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customProperty1.bin" ContentType="application/vnd.openxmlformats-officedocument.spreadsheetml.customProperty"/>
  <Override PartName="/xl/tables/table1.xml" ContentType="application/vnd.openxmlformats-officedocument.spreadsheetml.table+xml"/>
  <Override PartName="/xl/tables/table2.xml" ContentType="application/vnd.openxmlformats-officedocument.spreadsheetml.table+xml"/>
  <Override PartName="/xl/tables/table3.xml" ContentType="application/vnd.openxmlformats-officedocument.spreadsheetml.table+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5" Type="http://schemas.microsoft.com/office/2020/02/relationships/classificationlabels" Target="docMetadata/LabelInfo.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8"/>
  <workbookPr/>
  <mc:AlternateContent xmlns:mc="http://schemas.openxmlformats.org/markup-compatibility/2006">
    <mc:Choice Requires="x15">
      <x15ac:absPath xmlns:x15ac="http://schemas.microsoft.com/office/spreadsheetml/2010/11/ac" url="https://velux.sharepoint.com/sites/V-DKV/Shared Documents/General/Shared/Material Master Data/00 Artikelstammdaten/Artikeldaten 01.02.26/01.02.26 - Allgemein/"/>
    </mc:Choice>
  </mc:AlternateContent>
  <xr:revisionPtr revIDLastSave="182" documentId="13_ncr:1_{FCAEDAC6-EC05-4BA4-97EB-92DAC3DA800B}" xr6:coauthVersionLast="47" xr6:coauthVersionMax="47" xr10:uidLastSave="{54651218-0E17-457F-9B5F-2E193C03C32C}"/>
  <bookViews>
    <workbookView xWindow="-28920" yWindow="-120" windowWidth="29040" windowHeight="15720" tabRatio="763" xr2:uid="{F3F72E3B-E18A-4308-BA1B-60E5931462FF}"/>
  </bookViews>
  <sheets>
    <sheet name="Komplettsortiment V-D 01.02.26" sheetId="1" r:id="rId1"/>
    <sheet name="Neue Artikel V-D 01.02.26" sheetId="4" r:id="rId2"/>
    <sheet name="Gelöschte Artikel V-D 01.02.26" sheetId="7" r:id="rId3"/>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9AF833B3-5E9B-4CAB-8B5B-495FCB19F261}" keepAlive="1" name="Abfrage - MM_Transform_PreOutput_DataNorm" description="Verbindung mit der Abfrage 'MM_Transform_PreOutput_DataNorm' in der Arbeitsmappe." type="5" refreshedVersion="8" background="1" saveData="1">
    <dbPr connection="Provider=Microsoft.Mashup.OleDb.1;Data Source=$Workbook$;Location=MM_Transform_PreOutput_DataNorm;Extended Properties=&quot;&quot;" command="SELECT * FROM [MM_Transform_PreOutput_DataNorm]"/>
  </connection>
</connections>
</file>

<file path=xl/sharedStrings.xml><?xml version="1.0" encoding="utf-8"?>
<sst xmlns="http://schemas.openxmlformats.org/spreadsheetml/2006/main" count="640825" uniqueCount="108451">
  <si>
    <t>Neuheiten 1.2.2026</t>
  </si>
  <si>
    <t>Gültig ab</t>
  </si>
  <si>
    <t>Artikelnummer</t>
  </si>
  <si>
    <t>EAN - Europäische Artikelnummer</t>
  </si>
  <si>
    <t>Beschreibung 1 (40 Zeichen)</t>
  </si>
  <si>
    <t>Beschreibung 2 (40 Zeichen)</t>
  </si>
  <si>
    <t>Preis in Euro ab 01.02.2026</t>
  </si>
  <si>
    <t>Kataloglieferzeit</t>
  </si>
  <si>
    <t>Sortiment</t>
  </si>
  <si>
    <t>DATANORM-Warengruppe</t>
  </si>
  <si>
    <t>Warengruppenbezeichnung</t>
  </si>
  <si>
    <t>DATANORM-Rabattgruppe</t>
  </si>
  <si>
    <t>Rabattgruppenbezeichnung</t>
  </si>
  <si>
    <t>Baugruppe</t>
  </si>
  <si>
    <t>Preiskennzeichen</t>
  </si>
  <si>
    <t>Preiseinheit</t>
  </si>
  <si>
    <t>Mengeneinheit</t>
  </si>
  <si>
    <t>Zolltarifnummer</t>
  </si>
  <si>
    <t>Mengeneinheit der Zolltarifnummer</t>
  </si>
  <si>
    <t>Ursprungsland</t>
  </si>
  <si>
    <t>Bruttogewicht in kg</t>
  </si>
  <si>
    <t>Nettogewicht in kg</t>
  </si>
  <si>
    <t>Volumen in m3</t>
  </si>
  <si>
    <t>Länge in cm</t>
  </si>
  <si>
    <t>Breite in cm</t>
  </si>
  <si>
    <t>Höhe in cm</t>
  </si>
  <si>
    <t>Palettenrabattmenge</t>
  </si>
  <si>
    <t>Palettentyp</t>
  </si>
  <si>
    <t>Bonus Absatzdaten melderelevant</t>
  </si>
  <si>
    <t>Ausschreibungstext</t>
  </si>
  <si>
    <t>028321</t>
  </si>
  <si>
    <t>5702327359803</t>
  </si>
  <si>
    <t>VELUX Griff m.Sicherheitsverschl. 028321</t>
  </si>
  <si>
    <t>für GPL und GTL</t>
  </si>
  <si>
    <t>D</t>
  </si>
  <si>
    <t>580</t>
  </si>
  <si>
    <t>VELUX-Pflege,-Sicherheits-sonst. Zubehör</t>
  </si>
  <si>
    <t>19010102</t>
  </si>
  <si>
    <t>1</t>
  </si>
  <si>
    <t>0</t>
  </si>
  <si>
    <t>ST</t>
  </si>
  <si>
    <t>83024150</t>
  </si>
  <si>
    <t>DK</t>
  </si>
  <si>
    <t>PAL</t>
  </si>
  <si>
    <t>nein</t>
  </si>
  <si>
    <t>028323</t>
  </si>
  <si>
    <t>5702327359810</t>
  </si>
  <si>
    <t>VELUX Griff m.Sicherheitsverschl. 028323</t>
  </si>
  <si>
    <t>für GPU und GTU</t>
  </si>
  <si>
    <t>028325</t>
  </si>
  <si>
    <t>5702327536976</t>
  </si>
  <si>
    <t>VELUX Griff m.Sicherheitsverschl. 028325</t>
  </si>
  <si>
    <t>für GXU und GXL</t>
  </si>
  <si>
    <t>028403</t>
  </si>
  <si>
    <t>5702324731442</t>
  </si>
  <si>
    <t>VELUX Griff m.Sicherheitsverschl. 028403</t>
  </si>
  <si>
    <t>für VKU</t>
  </si>
  <si>
    <t>028407</t>
  </si>
  <si>
    <t>5702324731480</t>
  </si>
  <si>
    <t>VELUX Griff m.Sicherheitsverschl. 028407</t>
  </si>
  <si>
    <t>für GEL oben</t>
  </si>
  <si>
    <t>028411</t>
  </si>
  <si>
    <t>5702324731510</t>
  </si>
  <si>
    <t>VELUX Griff m.Sicherheitsverschl. 028411</t>
  </si>
  <si>
    <t>für VEA und VEB unten</t>
  </si>
  <si>
    <t>BBX 060060 0000</t>
  </si>
  <si>
    <t>5702327965288</t>
  </si>
  <si>
    <t>VELUX Dampfsperrschürze BBX 060060 0000</t>
  </si>
  <si>
    <t>für Flachdach-Fenster</t>
  </si>
  <si>
    <t>A</t>
  </si>
  <si>
    <t>250</t>
  </si>
  <si>
    <t>VELUX-Anschlusszubehör</t>
  </si>
  <si>
    <t>15020298</t>
  </si>
  <si>
    <t>39259010</t>
  </si>
  <si>
    <t>----------------------------------------
Dampfsperrschürze für den fachgerechten
Anschluss der VELUX Dachfenster
bzw. Flachdach-Fenster an die
Luftdichtheitsschicht des Daches.
Geeignet für beliebige
Dachkonstruktionen.
Verhindert Tauwasserschäden im Dämm-
bereich der Dachkonstruktion.
Einschließlich allem Montagezubehör
(Montageklemmen, Klebeband, Schrauben)
Material: Polyethylen
Materialstärke: 0,15mm
Sd Wert: 80m</t>
  </si>
  <si>
    <t>BBX 060090 0000</t>
  </si>
  <si>
    <t>5702327965295</t>
  </si>
  <si>
    <t>VELUX Dampfsperrschürze BBX 060090 0000</t>
  </si>
  <si>
    <t xml:space="preserve">für Flachdach-Fenster </t>
  </si>
  <si>
    <t>BBX 080080 0000</t>
  </si>
  <si>
    <t>5702327965301</t>
  </si>
  <si>
    <t>VELUX Dampfsperrschürze BBX 080080 0000</t>
  </si>
  <si>
    <t>BBX 090090 0000</t>
  </si>
  <si>
    <t>5702327965318</t>
  </si>
  <si>
    <t>VELUX Dampfsperrschürze BBX 090090 0000</t>
  </si>
  <si>
    <t>BBX 090120 0000</t>
  </si>
  <si>
    <t>5702327965325</t>
  </si>
  <si>
    <t>VELUX Dampfsperrschürze BBX 090120 0000</t>
  </si>
  <si>
    <t>BBX 100100 0000</t>
  </si>
  <si>
    <t>5702327965332</t>
  </si>
  <si>
    <t>VELUX Dampfsperrschürze BBX 100100 0000</t>
  </si>
  <si>
    <t>BBX 100150 0000</t>
  </si>
  <si>
    <t>5702327965349</t>
  </si>
  <si>
    <t>VELUX Dampfsperrschürze BBX 100150 0000</t>
  </si>
  <si>
    <t>BBX 120120 0000</t>
  </si>
  <si>
    <t>5702327965356</t>
  </si>
  <si>
    <t>VELUX Dampfsperrschürze BBX 120120 0000</t>
  </si>
  <si>
    <t>BBX 150080 0000</t>
  </si>
  <si>
    <t>5702329686952</t>
  </si>
  <si>
    <t>VELUX Dampfsperrschürze BBX 150080 0000</t>
  </si>
  <si>
    <t>BBX 150120 0000</t>
  </si>
  <si>
    <t>5702329686969</t>
  </si>
  <si>
    <t>VELUX Dampfsperrschürze BBX 150120 0000</t>
  </si>
  <si>
    <t>BBX 150150 0000</t>
  </si>
  <si>
    <t>5702327965363</t>
  </si>
  <si>
    <t>VELUX Dampfsperrschürze BBX 150150 0000</t>
  </si>
  <si>
    <t>BBX 200060 0000</t>
  </si>
  <si>
    <t>5702329686976</t>
  </si>
  <si>
    <t>VELUX Dampfsperrschürze BBX 200060 0000</t>
  </si>
  <si>
    <t>BBX 200100 0000</t>
  </si>
  <si>
    <t>5702329265676</t>
  </si>
  <si>
    <t>VELUX Dampfsperrschürze BBX 200100 0000</t>
  </si>
  <si>
    <t>BBX CK02 0000</t>
  </si>
  <si>
    <t>5702327385154</t>
  </si>
  <si>
    <t>VELUX Dampfsperrschürze BBX CK02 0000</t>
  </si>
  <si>
    <t>für Steildach-Fenster</t>
  </si>
  <si>
    <t>NEU</t>
  </si>
  <si>
    <t>BBX CK02 0021B</t>
  </si>
  <si>
    <t>5702329298476</t>
  </si>
  <si>
    <t>VELUX Dampfsperrschürze BBX CK02 0021B</t>
  </si>
  <si>
    <t>für DUO 1,8cm</t>
  </si>
  <si>
    <t>BBX CK02 0021E</t>
  </si>
  <si>
    <t>5702329298483</t>
  </si>
  <si>
    <t>VELUX Dampfsperrschürze BBX CK02 0021E</t>
  </si>
  <si>
    <t>für DUO</t>
  </si>
  <si>
    <t>CN</t>
  </si>
  <si>
    <t>----------------------------------------
Dampfsperrschürze für den fachgerechten
Anschluss der VELUX Dachfenster
bzw. Flachdach-Fenster an die
Luftdichtheitsschicht des Daches.
Geeignet für beliebige
Dachkonstruktionen.
Verhindert Tauwasserschäden im Dämm-
bereich der Dachkonstruktion.
Einschließlich allem Montagezubehör
(Montageklemmen, Klebeband, Schrauben)
Material: Polyethylen
Materialstärke: 0,15mm
Sd Wert: 80m
----------------------------------------
Geeignet für den Einbau
mit Lichtlösung DUO</t>
  </si>
  <si>
    <t>BBX CK02 1000</t>
  </si>
  <si>
    <t>5702321210902</t>
  </si>
  <si>
    <t>VELUX Dampfsperrschürze BBX CK02 1000</t>
  </si>
  <si>
    <t/>
  </si>
  <si>
    <t>----------------------------------------
Dampfsperrschürze für den fachgerechten
Anschluss der VELUX Dachfenster
bzw. Flachdach-Fenster an die
Luftdichtheitsschicht des Daches.
Geeignet für beliebige
Dachkonstruktionen.
Verhindert Tauwasserschäden im Dämm-
bereich der Dachkonstruktion.
Einschließlich allem Montagezubehör
(Montageklemmen, Klebeband, Schrauben)
Material: Polyethylen
Materialstärke: 0,15mm
Sd Wert: 80m
----------------------------------------
Inklusive Montageteile für die
Vorbereitung einer bauseitigen
Innenverkleidung
----------------------------------------</t>
  </si>
  <si>
    <t>BBX CK02 1021B</t>
  </si>
  <si>
    <t>5702321210919</t>
  </si>
  <si>
    <t>VELUX Dampfsperrschürze BBX CK02 1021B</t>
  </si>
  <si>
    <t>----------------------------------------
Dampfsperrschürze für den fachgerechten
Anschluss der VELUX Dachfenster
bzw. Flachdach-Fenster an die
Luftdichtheitsschicht des Daches.
Geeignet für beliebige
Dachkonstruktionen.
Verhindert Tauwasserschäden im Dämm-
bereich der Dachkonstruktion.
Einschließlich allem Montagezubehör
(Montageklemmen, Klebeband, Schrauben)
Material: Polyethylen
Materialstärke: 0,15mm
Sd Wert: 80m
----------------------------------------
Inklusive Montageteile für die
Vorbereitung einer bauseitigen
Innenverkleidung
----------------------------------------
Geeignet für den Einbau
mit Lichtlösung DUO (1,8cm)</t>
  </si>
  <si>
    <t>BBX CK02 1021E</t>
  </si>
  <si>
    <t>5702321210933</t>
  </si>
  <si>
    <t>VELUX Dampfsperrschürze BBX CK02 1021E</t>
  </si>
  <si>
    <t>----------------------------------------
Dampfsperrschürze für den fachgerechten
Anschluss der VELUX Dachfenster
bzw. Flachdach-Fenster an die
Luftdichtheitsschicht des Daches.
Geeignet für beliebige
Dachkonstruktionen.
Verhindert Tauwasserschäden im Dämm-
bereich der Dachkonstruktion.
Einschließlich allem Montagezubehör
(Montageklemmen, Klebeband, Schrauben)
Material: Polyethylen
Materialstärke: 0,15mm
Sd Wert: 80m
----------------------------------------
Inklusive Montageteile für die
Vorbereitung einer bauseitigen
Innenverkleidung
----------------------------------------
Geeignet für den Einbau
mit Lichtlösung DUO (10cm)</t>
  </si>
  <si>
    <t>BBX CK04 0000</t>
  </si>
  <si>
    <t>5702327385161</t>
  </si>
  <si>
    <t>VELUX Dampfsperrschürze BBX CK04 0000</t>
  </si>
  <si>
    <t>BBX CK04 0021B</t>
  </si>
  <si>
    <t>5702329298490</t>
  </si>
  <si>
    <t>VELUX Dampfsperrschürze BBX CK04 0021B</t>
  </si>
  <si>
    <t>BBX CK04 0021E</t>
  </si>
  <si>
    <t>5702329298506</t>
  </si>
  <si>
    <t>VELUX Dampfsperrschürze BBX CK04 0021E</t>
  </si>
  <si>
    <t>BBX CK04 1000</t>
  </si>
  <si>
    <t>5702321210940</t>
  </si>
  <si>
    <t>VELUX Dampfsperrschürze BBX CK04 1000</t>
  </si>
  <si>
    <t>BBX CK04 1021B</t>
  </si>
  <si>
    <t>5702321211329</t>
  </si>
  <si>
    <t>VELUX Dampfsperrschürze BBX CK04 1021B</t>
  </si>
  <si>
    <t>BBX CK04 1021E</t>
  </si>
  <si>
    <t>5702321211336</t>
  </si>
  <si>
    <t>VELUX Dampfsperrschürze BBX CK04 1021E</t>
  </si>
  <si>
    <t>BBX CK06 0000</t>
  </si>
  <si>
    <t>5702327385178</t>
  </si>
  <si>
    <t>VELUX Dampfsperrschürze BBX CK06 0000</t>
  </si>
  <si>
    <t>BBX CK06 0021B</t>
  </si>
  <si>
    <t>5702329298513</t>
  </si>
  <si>
    <t>VELUX Dampfsperrschürze BBX CK06 0021B</t>
  </si>
  <si>
    <t>BBX CK06 1000</t>
  </si>
  <si>
    <t>5702321211343</t>
  </si>
  <si>
    <t>VELUX Dampfsperrschürze BBX CK06 1000</t>
  </si>
  <si>
    <t>BBX CK06 1021B</t>
  </si>
  <si>
    <t>5702321211350</t>
  </si>
  <si>
    <t>VELUX Dampfsperrschürze BBX CK06 1021B</t>
  </si>
  <si>
    <t>BBX CK06 1021E</t>
  </si>
  <si>
    <t>5702321211367</t>
  </si>
  <si>
    <t>VELUX Dampfsperrschürze BBX CK06 1021E</t>
  </si>
  <si>
    <t>BBX FFKF06 0000</t>
  </si>
  <si>
    <t>5702329299435</t>
  </si>
  <si>
    <t>VELUX Dampfsperrschürze BBX FFKF06 0000</t>
  </si>
  <si>
    <t>BBX FFKF08 0000</t>
  </si>
  <si>
    <t>5702329299442</t>
  </si>
  <si>
    <t>VELUX Dampfsperrschürze BBX FFKF08 0000</t>
  </si>
  <si>
    <t>BBX FK04 0000</t>
  </si>
  <si>
    <t>5702327385185</t>
  </si>
  <si>
    <t>VELUX Dampfsperrschürze BBX FK04 0000</t>
  </si>
  <si>
    <t>BBX FK04 1000</t>
  </si>
  <si>
    <t>5702321211374</t>
  </si>
  <si>
    <t>VELUX Dampfsperrschürze BBX FK04 1000</t>
  </si>
  <si>
    <t>BBX FK04 1021B</t>
  </si>
  <si>
    <t>5702321211381</t>
  </si>
  <si>
    <t>VELUX Dampfsperrschürze BBX FK04 1021B</t>
  </si>
  <si>
    <t>BBX FK04 1021E</t>
  </si>
  <si>
    <t>5702321211398</t>
  </si>
  <si>
    <t>VELUX Dampfsperrschürze BBX FK04 1021E</t>
  </si>
  <si>
    <t>BBX FK06 0000</t>
  </si>
  <si>
    <t>5702327385192</t>
  </si>
  <si>
    <t>VELUX Dampfsperrschürze BBX FK06 0000</t>
  </si>
  <si>
    <t>BBX FK06 0021B</t>
  </si>
  <si>
    <t>5702329298551</t>
  </si>
  <si>
    <t>VELUX Dampfsperrschürze BBX FK06 0021B</t>
  </si>
  <si>
    <t>BBX FK06 0021E</t>
  </si>
  <si>
    <t>5702329298568</t>
  </si>
  <si>
    <t>VELUX Dampfsperrschürze BBX FK06 0021E</t>
  </si>
  <si>
    <t>BBX FK06 1000</t>
  </si>
  <si>
    <t>5702321211404</t>
  </si>
  <si>
    <t>VELUX Dampfsperrschürze BBX FK06 1000</t>
  </si>
  <si>
    <t>BBX FK06 1021B</t>
  </si>
  <si>
    <t>5702321211626</t>
  </si>
  <si>
    <t>VELUX Dampfsperrschürze BBX FK06 1021B</t>
  </si>
  <si>
    <t>BBX FK06 1021E</t>
  </si>
  <si>
    <t>5702321211633</t>
  </si>
  <si>
    <t>VELUX Dampfsperrschürze BBX FK06 1021E</t>
  </si>
  <si>
    <t>BBX FK08 0000</t>
  </si>
  <si>
    <t>5702327385208</t>
  </si>
  <si>
    <t>VELUX Dampfsperrschürze BBX FK08 0000</t>
  </si>
  <si>
    <t>BBX FK08 0021B</t>
  </si>
  <si>
    <t>5702329298575</t>
  </si>
  <si>
    <t>VELUX Dampfsperrschürze BBX FK08 0021B</t>
  </si>
  <si>
    <t>BBX FK08 0021E</t>
  </si>
  <si>
    <t>5702329298582</t>
  </si>
  <si>
    <t>VELUX Dampfsperrschürze BBX FK08 0021E</t>
  </si>
  <si>
    <t>BBX FK08 1000</t>
  </si>
  <si>
    <t>5702321211640</t>
  </si>
  <si>
    <t>VELUX Dampfsperrschürze BBX FK08 1000</t>
  </si>
  <si>
    <t>BBX FK08 1021B</t>
  </si>
  <si>
    <t>5702321211664</t>
  </si>
  <si>
    <t>VELUX Dampfsperrschürze BBX FK08 1021B</t>
  </si>
  <si>
    <t>BBX FK08 1021E</t>
  </si>
  <si>
    <t>5702321211671</t>
  </si>
  <si>
    <t>VELUX Dampfsperrschürze BBX FK08 1021E</t>
  </si>
  <si>
    <t>BBX MK04 0000</t>
  </si>
  <si>
    <t>5702327385215</t>
  </si>
  <si>
    <t>VELUX Dampfsperrschürze BBX MK04 0000</t>
  </si>
  <si>
    <t>BBX MK04 0021B</t>
  </si>
  <si>
    <t>5702329298599</t>
  </si>
  <si>
    <t>VELUX Dampfsperrschürze BBX MK04 0021B</t>
  </si>
  <si>
    <t>BBX MK04 0021E</t>
  </si>
  <si>
    <t>5702329298605</t>
  </si>
  <si>
    <t>VELUX Dampfsperrschürze BBX MK04 0021E</t>
  </si>
  <si>
    <t>BBX MK04 1000</t>
  </si>
  <si>
    <t>5702321211695</t>
  </si>
  <si>
    <t>VELUX Dampfsperrschürze BBX MK04 1000</t>
  </si>
  <si>
    <t>BBX MK04 1021B</t>
  </si>
  <si>
    <t>5702321211701</t>
  </si>
  <si>
    <t>VELUX Dampfsperrschürze BBX MK04 1021B</t>
  </si>
  <si>
    <t>BBX MK04 1021E</t>
  </si>
  <si>
    <t>5702321212302</t>
  </si>
  <si>
    <t>VELUX Dampfsperrschürze BBX MK04 1021E</t>
  </si>
  <si>
    <t>BBX MK06 0000</t>
  </si>
  <si>
    <t>5702327385222</t>
  </si>
  <si>
    <t>VELUX Dampfsperrschürze BBX MK06 0000</t>
  </si>
  <si>
    <t>BBX MK06 0021B</t>
  </si>
  <si>
    <t>5702329298612</t>
  </si>
  <si>
    <t>VELUX Dampfsperrschürze BBX MK06 0021B</t>
  </si>
  <si>
    <t>BBX MK06 0021E</t>
  </si>
  <si>
    <t>5702329298629</t>
  </si>
  <si>
    <t>VELUX Dampfsperrschürze BBX MK06 0021E</t>
  </si>
  <si>
    <t>BBX MK06 1000</t>
  </si>
  <si>
    <t>5702321212357</t>
  </si>
  <si>
    <t>VELUX Dampfsperrschürze BBX MK06 1000</t>
  </si>
  <si>
    <t>BBX MK06 1021B</t>
  </si>
  <si>
    <t>5702321213576</t>
  </si>
  <si>
    <t>VELUX Dampfsperrschürze BBX MK06 1021B</t>
  </si>
  <si>
    <t>BBX MK06 1021E</t>
  </si>
  <si>
    <t>5702321213583</t>
  </si>
  <si>
    <t>VELUX Dampfsperrschürze BBX MK06 1021E</t>
  </si>
  <si>
    <t>BBX MK08 0000</t>
  </si>
  <si>
    <t>5702327385239</t>
  </si>
  <si>
    <t>VELUX Dampfsperrschürze BBX MK08 0000</t>
  </si>
  <si>
    <t>BBX MK08 0021B</t>
  </si>
  <si>
    <t>5702329298636</t>
  </si>
  <si>
    <t>VELUX Dampfsperrschürze BBX MK08 0021B</t>
  </si>
  <si>
    <t>BBX MK08 0021E</t>
  </si>
  <si>
    <t>5702329298643</t>
  </si>
  <si>
    <t>VELUX Dampfsperrschürze BBX MK08 0021E</t>
  </si>
  <si>
    <t>BBX MK08 1000</t>
  </si>
  <si>
    <t>5702321213590</t>
  </si>
  <si>
    <t>VELUX Dampfsperrschürze BBX MK08 1000</t>
  </si>
  <si>
    <t>BBX MK08 1021B</t>
  </si>
  <si>
    <t>5702321213606</t>
  </si>
  <si>
    <t>VELUX Dampfsperrschürze BBX MK08 1021B</t>
  </si>
  <si>
    <t>BBX MK08 1021E</t>
  </si>
  <si>
    <t>5702321213620</t>
  </si>
  <si>
    <t>VELUX Dampfsperrschürze BBX MK08 1021E</t>
  </si>
  <si>
    <t>BBX MK10 0000</t>
  </si>
  <si>
    <t>5702327385246</t>
  </si>
  <si>
    <t>VELUX Dampfsperrschürze BBX MK10 0000</t>
  </si>
  <si>
    <t>BBX MK10 0021B</t>
  </si>
  <si>
    <t>5702329298650</t>
  </si>
  <si>
    <t>VELUX Dampfsperrschürze BBX MK10 0021B</t>
  </si>
  <si>
    <t>BBX MK10 0021E</t>
  </si>
  <si>
    <t>5702329298667</t>
  </si>
  <si>
    <t>VELUX Dampfsperrschürze BBX MK10 0021E</t>
  </si>
  <si>
    <t>BBX MK10 1000</t>
  </si>
  <si>
    <t>5702321213651</t>
  </si>
  <si>
    <t>VELUX Dampfsperrschürze BBX MK10 1000</t>
  </si>
  <si>
    <t>BBX MK10 1021B</t>
  </si>
  <si>
    <t>5702321213682</t>
  </si>
  <si>
    <t>VELUX Dampfsperrschürze BBX MK10 1021B</t>
  </si>
  <si>
    <t>BBX MK10 1021E</t>
  </si>
  <si>
    <t>5702321213712</t>
  </si>
  <si>
    <t>VELUX Dampfsperrschürze BBX MK10 1021E</t>
  </si>
  <si>
    <t>BBX MK12 0000</t>
  </si>
  <si>
    <t>5702327385253</t>
  </si>
  <si>
    <t>VELUX Dampfsperrschürze BBX MK12 0000</t>
  </si>
  <si>
    <t>BBX MK12 0021E</t>
  </si>
  <si>
    <t>5702329298681</t>
  </si>
  <si>
    <t>VELUX Dampfsperrschürze BBX MK12 0021E</t>
  </si>
  <si>
    <t>BBX MK12 1000</t>
  </si>
  <si>
    <t>5702321213743</t>
  </si>
  <si>
    <t>VELUX Dampfsperrschürze BBX MK12 1000</t>
  </si>
  <si>
    <t>BBX MK12 1021B</t>
  </si>
  <si>
    <t>5702321213774</t>
  </si>
  <si>
    <t>VELUX Dampfsperrschürze BBX MK12 1021B</t>
  </si>
  <si>
    <t>BBX MK12 1021E</t>
  </si>
  <si>
    <t>5702321213804</t>
  </si>
  <si>
    <t>VELUX Dampfsperrschürze BBX MK12 1021E</t>
  </si>
  <si>
    <t>BBX PK06 0000</t>
  </si>
  <si>
    <t>5702327385277</t>
  </si>
  <si>
    <t>VELUX Dampfsperrschürze BBX PK06 0000</t>
  </si>
  <si>
    <t>BBX PK06 0021B</t>
  </si>
  <si>
    <t>5702329298711</t>
  </si>
  <si>
    <t>VELUX Dampfsperrschürze BBX PK06 0021B</t>
  </si>
  <si>
    <t>BBX PK06 0021E</t>
  </si>
  <si>
    <t>5702329298728</t>
  </si>
  <si>
    <t>VELUX Dampfsperrschürze BBX PK06 0021E</t>
  </si>
  <si>
    <t>BBX PK06 1000</t>
  </si>
  <si>
    <t>5702321213873</t>
  </si>
  <si>
    <t>VELUX Dampfsperrschürze BBX PK06 1000</t>
  </si>
  <si>
    <t>BBX PK06 1021B</t>
  </si>
  <si>
    <t>5702321213880</t>
  </si>
  <si>
    <t>VELUX Dampfsperrschürze BBX PK06 1021B</t>
  </si>
  <si>
    <t>BBX PK06 1021E</t>
  </si>
  <si>
    <t>5702321213910</t>
  </si>
  <si>
    <t>VELUX Dampfsperrschürze BBX PK06 1021E</t>
  </si>
  <si>
    <t>BBX PK08 0000</t>
  </si>
  <si>
    <t>5702327385284</t>
  </si>
  <si>
    <t>VELUX Dampfsperrschürze BBX PK08 0000</t>
  </si>
  <si>
    <t>BBX PK08 0021B</t>
  </si>
  <si>
    <t>5702329298735</t>
  </si>
  <si>
    <t>VELUX Dampfsperrschürze BBX PK08 0021B</t>
  </si>
  <si>
    <t>BBX PK08 0021E</t>
  </si>
  <si>
    <t>5702329298742</t>
  </si>
  <si>
    <t>VELUX Dampfsperrschürze BBX PK08 0021E</t>
  </si>
  <si>
    <t>BBX PK08 1000</t>
  </si>
  <si>
    <t>5702321213941</t>
  </si>
  <si>
    <t>VELUX Dampfsperrschürze BBX PK08 1000</t>
  </si>
  <si>
    <t>BBX PK08 1021B</t>
  </si>
  <si>
    <t>5702321213965</t>
  </si>
  <si>
    <t>VELUX Dampfsperrschürze BBX PK08 1021B</t>
  </si>
  <si>
    <t>BBX PK08 1021E</t>
  </si>
  <si>
    <t>5702321213972</t>
  </si>
  <si>
    <t>VELUX Dampfsperrschürze BBX PK08 1021E</t>
  </si>
  <si>
    <t>BBX PK10 0000</t>
  </si>
  <si>
    <t>5702327385291</t>
  </si>
  <si>
    <t>VELUX Dampfsperrschürze BBX PK10 0000</t>
  </si>
  <si>
    <t>BBX PK10 0021B</t>
  </si>
  <si>
    <t>5702329298759</t>
  </si>
  <si>
    <t>VELUX Dampfsperrschürze BBX PK10 0021B</t>
  </si>
  <si>
    <t>BBX PK10 0021E</t>
  </si>
  <si>
    <t>5702329298766</t>
  </si>
  <si>
    <t>VELUX Dampfsperrschürze BBX PK10 0021E</t>
  </si>
  <si>
    <t>BBX PK10 1000</t>
  </si>
  <si>
    <t>5702321214085</t>
  </si>
  <si>
    <t>VELUX Dampfsperrschürze BBX PK10 1000</t>
  </si>
  <si>
    <t>BBX PK10 1021B</t>
  </si>
  <si>
    <t>5702321214696</t>
  </si>
  <si>
    <t>VELUX Dampfsperrschürze BBX PK10 1021B</t>
  </si>
  <si>
    <t>BBX PK10 1021E</t>
  </si>
  <si>
    <t>5702321214795</t>
  </si>
  <si>
    <t>VELUX Dampfsperrschürze BBX PK10 1021E</t>
  </si>
  <si>
    <t>BBX SK06 0000</t>
  </si>
  <si>
    <t>5702327385307</t>
  </si>
  <si>
    <t>VELUX Dampfsperrschürze BBX SK06 0000</t>
  </si>
  <si>
    <t>BBX SK06 0021B</t>
  </si>
  <si>
    <t>5702329298773</t>
  </si>
  <si>
    <t>VELUX Dampfsperrschürze BBX SK06 0021B</t>
  </si>
  <si>
    <t>BBX SK06 0021E</t>
  </si>
  <si>
    <t>5702329298780</t>
  </si>
  <si>
    <t>VELUX Dampfsperrschürze BBX SK06 0021E</t>
  </si>
  <si>
    <t>BBX SK06 1000</t>
  </si>
  <si>
    <t>5702321214825</t>
  </si>
  <si>
    <t>VELUX Dampfsperrschürze BBX SK06 1000</t>
  </si>
  <si>
    <t>BBX SK06 1021B</t>
  </si>
  <si>
    <t>5702321214962</t>
  </si>
  <si>
    <t>VELUX Dampfsperrschürze BBX SK06 1021B</t>
  </si>
  <si>
    <t>BBX SK06 1021E</t>
  </si>
  <si>
    <t>5702321214979</t>
  </si>
  <si>
    <t>VELUX Dampfsperrschürze BBX SK06 1021E</t>
  </si>
  <si>
    <t>BBX SK08 0000</t>
  </si>
  <si>
    <t>5702327385314</t>
  </si>
  <si>
    <t>VELUX Dampfsperrschürze BBX SK08 0000</t>
  </si>
  <si>
    <t>BBX SK08 0021B</t>
  </si>
  <si>
    <t>5702329298797</t>
  </si>
  <si>
    <t>VELUX Dampfsperrschürze BBX SK08 0021B</t>
  </si>
  <si>
    <t>BBX SK08 0021E</t>
  </si>
  <si>
    <t>5702329298803</t>
  </si>
  <si>
    <t>VELUX Dampfsperrschürze BBX SK08 0021E</t>
  </si>
  <si>
    <t>BBX SK08 1000</t>
  </si>
  <si>
    <t>5702321214993</t>
  </si>
  <si>
    <t>VELUX Dampfsperrschürze BBX SK08 1000</t>
  </si>
  <si>
    <t>BBX SK08 1021B</t>
  </si>
  <si>
    <t>5702321216362</t>
  </si>
  <si>
    <t>VELUX Dampfsperrschürze BBX SK08 1021B</t>
  </si>
  <si>
    <t>BBX SK08 1021E</t>
  </si>
  <si>
    <t>5702321216447</t>
  </si>
  <si>
    <t>VELUX Dampfsperrschürze BBX SK08 1021E</t>
  </si>
  <si>
    <t>BBX SK10 0000</t>
  </si>
  <si>
    <t>5702327385321</t>
  </si>
  <si>
    <t>VELUX Dampfsperrschürze BBX SK10 0000</t>
  </si>
  <si>
    <t>BBX SK10 0021B</t>
  </si>
  <si>
    <t>5702329298810</t>
  </si>
  <si>
    <t>VELUX Dampfsperrschürze BBX SK10 0021B</t>
  </si>
  <si>
    <t>BBX SK10 0021E</t>
  </si>
  <si>
    <t>5702329298827</t>
  </si>
  <si>
    <t>VELUX Dampfsperrschürze BBX SK10 0021E</t>
  </si>
  <si>
    <t>BBX SK10 1000</t>
  </si>
  <si>
    <t>5702321216478</t>
  </si>
  <si>
    <t>VELUX Dampfsperrschürze BBX SK10 1000</t>
  </si>
  <si>
    <t>BBX SK10 1021B</t>
  </si>
  <si>
    <t>5702321216584</t>
  </si>
  <si>
    <t>VELUX Dampfsperrschürze BBX SK10 1021B</t>
  </si>
  <si>
    <t>BBX SK10 1021E</t>
  </si>
  <si>
    <t>5702321216591</t>
  </si>
  <si>
    <t>VELUX Dampfsperrschürze BBX SK10 1021E</t>
  </si>
  <si>
    <t>BBX UK04 0000</t>
  </si>
  <si>
    <t>5702327385338</t>
  </si>
  <si>
    <t>VELUX Dampfsperrschürze BBX UK04 0000</t>
  </si>
  <si>
    <t>BBX UK04 1000</t>
  </si>
  <si>
    <t>5702321216911</t>
  </si>
  <si>
    <t>VELUX Dampfsperrschürze BBX UK04 1000</t>
  </si>
  <si>
    <t>BBX UK04 1021B</t>
  </si>
  <si>
    <t>5702321216928</t>
  </si>
  <si>
    <t>VELUX Dampfsperrschürze BBX UK04 1021B</t>
  </si>
  <si>
    <t>BBX UK04 1021E</t>
  </si>
  <si>
    <t>5702321216935</t>
  </si>
  <si>
    <t>VELUX Dampfsperrschürze BBX UK04 1021E</t>
  </si>
  <si>
    <t>BBX UK08 0000</t>
  </si>
  <si>
    <t>5702327385345</t>
  </si>
  <si>
    <t>VELUX Dampfsperrschürze BBX UK08 0000</t>
  </si>
  <si>
    <t>BBX UK08 0021B</t>
  </si>
  <si>
    <t>5702329298872</t>
  </si>
  <si>
    <t>VELUX Dampfsperrschürze BBX UK08 0021B</t>
  </si>
  <si>
    <t>BBX UK08 0021E</t>
  </si>
  <si>
    <t>5702329298889</t>
  </si>
  <si>
    <t>VELUX Dampfsperrschürze BBX UK08 0021E</t>
  </si>
  <si>
    <t>BBX UK08 1000</t>
  </si>
  <si>
    <t>5702321216942</t>
  </si>
  <si>
    <t>VELUX Dampfsperrschürze BBX UK08 1000</t>
  </si>
  <si>
    <t>BBX UK08 1021B</t>
  </si>
  <si>
    <t>5702321219936</t>
  </si>
  <si>
    <t>VELUX Dampfsperrschürze BBX UK08 1021B</t>
  </si>
  <si>
    <t>BBX UK08 1021E</t>
  </si>
  <si>
    <t>5702321219943</t>
  </si>
  <si>
    <t>VELUX Dampfsperrschürze BBX UK08 1021E</t>
  </si>
  <si>
    <t>BBX UK10 0000</t>
  </si>
  <si>
    <t>5702327385352</t>
  </si>
  <si>
    <t>VELUX Dampfsperrschürze BBX UK10 0000</t>
  </si>
  <si>
    <t>BBX UK10 1000</t>
  </si>
  <si>
    <t>5702321219950</t>
  </si>
  <si>
    <t>VELUX Dampfsperrschürze BBX UK10 1000</t>
  </si>
  <si>
    <t>BBX WK34 0000</t>
  </si>
  <si>
    <t>5702327385369</t>
  </si>
  <si>
    <t>VELUX Dampfsperrschürze BBX WK34 0000</t>
  </si>
  <si>
    <t>BBX WK34 1000</t>
  </si>
  <si>
    <t>5702321219967</t>
  </si>
  <si>
    <t>VELUX Verlängerungsstück BBX WK34 1000</t>
  </si>
  <si>
    <t>BDX CK02 2000</t>
  </si>
  <si>
    <t>5702326564208</t>
  </si>
  <si>
    <t>VELUX Dämm- u Anschl.Set BDX CK02 2000</t>
  </si>
  <si>
    <t>Inklusive BFX und Wasserableitrinne</t>
  </si>
  <si>
    <t>----------------------------------------
Dämm- und Anschluss-Set für den
fachgerechten Anschluss der VELUX
Dachfenster an die Dämmung des Daches
----------------------------------------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t>
  </si>
  <si>
    <t>BDX CK02 2000F</t>
  </si>
  <si>
    <t>5702327066985</t>
  </si>
  <si>
    <t>VELUX Dämm- u Anschl.Set BDX CK02 2000F</t>
  </si>
  <si>
    <t>inkl. BFX und Wasserableitrinne</t>
  </si>
  <si>
    <t>----------------------------------------
Dämm- und Anschluss-Set für den
fachgerechten Anschluss der VELUX
Dachfenster an die Dämmung des Daches
----------------------------------------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Geeignet für vertieften Einbau mit
Eindeckrahmen EDJ/EKJ und EDN/EKN.</t>
  </si>
  <si>
    <t>BDX CK04 2000</t>
  </si>
  <si>
    <t>5702326564215</t>
  </si>
  <si>
    <t>VELUX Dämm- u Anschl.Set BDX CK04 2000</t>
  </si>
  <si>
    <t>BDX CK04 2000F</t>
  </si>
  <si>
    <t>5702327067012</t>
  </si>
  <si>
    <t>VELUX Dämm- u Anschl.Set BDX CK04 2000F</t>
  </si>
  <si>
    <t>BDX CK06 2000</t>
  </si>
  <si>
    <t>5702326564222</t>
  </si>
  <si>
    <t>VELUX Dämm- u Anschl.Set BDX CK06 2000</t>
  </si>
  <si>
    <t>BDX CK06 2000F</t>
  </si>
  <si>
    <t>5702327067043</t>
  </si>
  <si>
    <t>VELUX Dämm- u Anschl.Set BDX CK06 2000F</t>
  </si>
  <si>
    <t>BDX FK04 2000</t>
  </si>
  <si>
    <t>5702326564239</t>
  </si>
  <si>
    <t>VELUX Dämm- u Anschl.Set BDX FK04 2000</t>
  </si>
  <si>
    <t>BDX FK04 2000F</t>
  </si>
  <si>
    <t>5702327067074</t>
  </si>
  <si>
    <t>VELUX Dämm- u Anschl.Set BDX FK04 2000F</t>
  </si>
  <si>
    <t>BDX FK06 2000</t>
  </si>
  <si>
    <t>5702326564246</t>
  </si>
  <si>
    <t>VELUX Dämm- u Anschl.Set BDX FK06 2000</t>
  </si>
  <si>
    <t>BDX FK06 2000F</t>
  </si>
  <si>
    <t>5702327067104</t>
  </si>
  <si>
    <t>VELUX Dämm- u Anschl.Set BDX FK06 2000F</t>
  </si>
  <si>
    <t>BDX FK08 2000</t>
  </si>
  <si>
    <t>5702326564253</t>
  </si>
  <si>
    <t>VELUX Dämm- u Anschl.Set BDX FK08 2000</t>
  </si>
  <si>
    <t>BDX FK08 2000F</t>
  </si>
  <si>
    <t>5702327067135</t>
  </si>
  <si>
    <t>VELUX Dämm- u Anschl.Set BDX FK08 2000F</t>
  </si>
  <si>
    <t>BDX MK04 2000</t>
  </si>
  <si>
    <t>5702326564260</t>
  </si>
  <si>
    <t>VELUX Dämm- u Anschl.Set BDX MK04 2000</t>
  </si>
  <si>
    <t>BDX MK04 2000F</t>
  </si>
  <si>
    <t>5702327067166</t>
  </si>
  <si>
    <t>VELUX Dämm- u Anschl.Set BDX MK04 2000F</t>
  </si>
  <si>
    <t>BDX MK06 2000</t>
  </si>
  <si>
    <t>5702326564277</t>
  </si>
  <si>
    <t>VELUX Dämm- u Anschl.Set BDX MK06 2000</t>
  </si>
  <si>
    <t>BDX MK06 2000F</t>
  </si>
  <si>
    <t>5702327067197</t>
  </si>
  <si>
    <t>VELUX Dämm- u Anschl.Set BDX MK06 2000F</t>
  </si>
  <si>
    <t>BDX MK08 2000</t>
  </si>
  <si>
    <t>5702326564291</t>
  </si>
  <si>
    <t>VELUX Dämm- u Anschl.Set BDX MK08 2000</t>
  </si>
  <si>
    <t>BDX MK08 2000F</t>
  </si>
  <si>
    <t>5702327067227</t>
  </si>
  <si>
    <t>VELUX Dämm- u Anschl.Set BDX MK08 2000F</t>
  </si>
  <si>
    <t>BDX MK10 2000</t>
  </si>
  <si>
    <t>5702326564314</t>
  </si>
  <si>
    <t>VELUX Dämm- u Anschl.Set BDX MK10 2000</t>
  </si>
  <si>
    <t>BDX MK10 2000F</t>
  </si>
  <si>
    <t>5702327067258</t>
  </si>
  <si>
    <t>VELUX Dämm- u Anschl.Set BDX MK10 2000F</t>
  </si>
  <si>
    <t>BDX MK12 2000</t>
  </si>
  <si>
    <t>5702326564338</t>
  </si>
  <si>
    <t>VELUX Dämm- u Anschl.Set BDX MK12 2000</t>
  </si>
  <si>
    <t>BDX MK12 2000F</t>
  </si>
  <si>
    <t>5702327067289</t>
  </si>
  <si>
    <t>VELUX Dämm- u Anschl.Set BDX MK12 2000F</t>
  </si>
  <si>
    <t>BDX PK06 2000</t>
  </si>
  <si>
    <t>5702326564369</t>
  </si>
  <si>
    <t>VELUX Dämm- u Anschl.Set BDX PK06 2000</t>
  </si>
  <si>
    <t>BDX PK06 2000F</t>
  </si>
  <si>
    <t>5702327067340</t>
  </si>
  <si>
    <t>VELUX Dämm- u Anschl.Set BDX PK06 2000F</t>
  </si>
  <si>
    <t>BDX PK08 2000</t>
  </si>
  <si>
    <t>5702326564376</t>
  </si>
  <si>
    <t>VELUX Dämm- u Anschl.Set BDX PK08 2000</t>
  </si>
  <si>
    <t>BDX PK08 2000F</t>
  </si>
  <si>
    <t>5702327067371</t>
  </si>
  <si>
    <t>VELUX Dämm- u Anschl.Set BDX PK08 2000F</t>
  </si>
  <si>
    <t>BDX PK10 2000</t>
  </si>
  <si>
    <t>5702326564383</t>
  </si>
  <si>
    <t>VELUX Dämm- u Anschl.Set BDX PK10 2000</t>
  </si>
  <si>
    <t>BDX PK10 2000F</t>
  </si>
  <si>
    <t>5702327067401</t>
  </si>
  <si>
    <t>VELUX Dämm- u Anschl.Set BDX PK10 2000F</t>
  </si>
  <si>
    <t>BDX SK06 2000</t>
  </si>
  <si>
    <t>5702326564390</t>
  </si>
  <si>
    <t>VELUX Dämm- u Anschl.Set BDX SK06 2000</t>
  </si>
  <si>
    <t>BDX SK06 2000F</t>
  </si>
  <si>
    <t>5702327067432</t>
  </si>
  <si>
    <t>VELUX Dämm- u Anschl.Set BDX SK06 2000F</t>
  </si>
  <si>
    <t>BDX SK08 2000</t>
  </si>
  <si>
    <t>5702326564413</t>
  </si>
  <si>
    <t>VELUX Dämm- u Anschl.Set BDX SK08 2000</t>
  </si>
  <si>
    <t>BDX SK08 2000F</t>
  </si>
  <si>
    <t>5702327067463</t>
  </si>
  <si>
    <t>VELUX Dämm- u Anschl.Set BDX SK08 2000F</t>
  </si>
  <si>
    <t>BDX SK10 2000</t>
  </si>
  <si>
    <t>5702326564437</t>
  </si>
  <si>
    <t>VELUX Dämm- u Anschl.Set BDX SK10 2000</t>
  </si>
  <si>
    <t>BDX SK10 2000F</t>
  </si>
  <si>
    <t>5702327067494</t>
  </si>
  <si>
    <t>VELUX Dämm- u Anschl.Set BDX SK10 2000F</t>
  </si>
  <si>
    <t>BDX UK04 2000</t>
  </si>
  <si>
    <t>5702326564451</t>
  </si>
  <si>
    <t>VELUX Dämm- u Anschl.Set BDX UK04 2000</t>
  </si>
  <si>
    <t>BDX UK04 2000F</t>
  </si>
  <si>
    <t>5702327067524</t>
  </si>
  <si>
    <t>VELUX Dämm- u Anschl.Set BDX UK04 2000F</t>
  </si>
  <si>
    <t>BDX UK08 2000</t>
  </si>
  <si>
    <t>5702326564475</t>
  </si>
  <si>
    <t>VELUX Dämm- u Anschl.Set BDX UK08 2000</t>
  </si>
  <si>
    <t>BDX UK08 2000F</t>
  </si>
  <si>
    <t>5702327067555</t>
  </si>
  <si>
    <t>VELUX Dämm- u Anschl.Set BDX UK08 2000F</t>
  </si>
  <si>
    <t>BDX UK10 2000</t>
  </si>
  <si>
    <t>5702326564482</t>
  </si>
  <si>
    <t>VELUX Dämm- u Anschl.Set BDX UK10 2000</t>
  </si>
  <si>
    <t>BDX UK10 2000F</t>
  </si>
  <si>
    <t>5702327067586</t>
  </si>
  <si>
    <t>VELUX Dämm- u Anschl.Set BDX UK10 2000F</t>
  </si>
  <si>
    <t>BDX WK34 2000</t>
  </si>
  <si>
    <t>5702326564499</t>
  </si>
  <si>
    <t>VELUX Verlängerung für BDX BDX WK34 2000</t>
  </si>
  <si>
    <t>Inklusive BFX</t>
  </si>
  <si>
    <t>BDX WK34 2000F</t>
  </si>
  <si>
    <t>5702327067616</t>
  </si>
  <si>
    <t>VELUX Dämm- u Anschl.Set BDX WK34 2000F</t>
  </si>
  <si>
    <t>BFX CK02 1000</t>
  </si>
  <si>
    <t>5702327385420</t>
  </si>
  <si>
    <t>VELUX Anschlussschürze BFX CK02 1000</t>
  </si>
  <si>
    <t>Inklusive Wasserableitrinne</t>
  </si>
  <si>
    <t>----------------------------------------
Für einen regensicheren Anschluss an 
unterschiedliche Ausführungen eines
Unterdaches. 
Material: Polypropylen
Materialstärke: 0,5 mm
Sd-Wert = 0,03 m</t>
  </si>
  <si>
    <t>BFX CK04 1000</t>
  </si>
  <si>
    <t>5702327385468</t>
  </si>
  <si>
    <t>VELUX Anschlussschürze BFX CK04 1000</t>
  </si>
  <si>
    <t>BFX CK06 1000</t>
  </si>
  <si>
    <t>5702327385505</t>
  </si>
  <si>
    <t>VELUX Anschlussschürze BFX CK06 1000</t>
  </si>
  <si>
    <t>BFX FK04 1000</t>
  </si>
  <si>
    <t>5702327385543</t>
  </si>
  <si>
    <t>VELUX Anschlussschürze BFX FK04 1000</t>
  </si>
  <si>
    <t>BFX FK06 1000</t>
  </si>
  <si>
    <t>5702327385581</t>
  </si>
  <si>
    <t>VELUX Anschlussschürze BFX FK06 1000</t>
  </si>
  <si>
    <t>BFX FK08 1000</t>
  </si>
  <si>
    <t>5702327385628</t>
  </si>
  <si>
    <t>VELUX Anschlussschürze BFX FK08 1000</t>
  </si>
  <si>
    <t>BFX MK04 1000</t>
  </si>
  <si>
    <t>5702327385666</t>
  </si>
  <si>
    <t>VELUX Anschlussschürze BFX MK04 1000</t>
  </si>
  <si>
    <t>BFX MK06 1000</t>
  </si>
  <si>
    <t>5702327385703</t>
  </si>
  <si>
    <t>VELUX Anschlussschürze BFX MK06 1000</t>
  </si>
  <si>
    <t>BFX MK08 1000</t>
  </si>
  <si>
    <t>5702327385741</t>
  </si>
  <si>
    <t>VELUX Anschlussschürze BFX MK08 1000</t>
  </si>
  <si>
    <t>BFX MK10 1000</t>
  </si>
  <si>
    <t>5702327385789</t>
  </si>
  <si>
    <t>VELUX Anschlussschürze BFX MK10 1000</t>
  </si>
  <si>
    <t>BFX MK12 1000</t>
  </si>
  <si>
    <t>5702327385826</t>
  </si>
  <si>
    <t>VELUX Anschlussschürze BFX MK12 1000</t>
  </si>
  <si>
    <t>BFX PK06 1000</t>
  </si>
  <si>
    <t>5702327385901</t>
  </si>
  <si>
    <t>VELUX Anschlussschürze BFX PK06 1000</t>
  </si>
  <si>
    <t>BFX PK08 1000</t>
  </si>
  <si>
    <t>5702327385949</t>
  </si>
  <si>
    <t>VELUX Anschlussschürze BFX PK08 1000</t>
  </si>
  <si>
    <t>BFX PK10 1000</t>
  </si>
  <si>
    <t>5702327385987</t>
  </si>
  <si>
    <t>VELUX Anschlussschürze BFX PK10 1000</t>
  </si>
  <si>
    <t>BFX SK06 1000</t>
  </si>
  <si>
    <t>5702327386069</t>
  </si>
  <si>
    <t>VELUX Anschlussschürze BFX SK06 1000</t>
  </si>
  <si>
    <t>BFX SK08 1000</t>
  </si>
  <si>
    <t>5702327386106</t>
  </si>
  <si>
    <t>VELUX Anschlussschürze BFX SK08 1000</t>
  </si>
  <si>
    <t>BFX SK10 1000</t>
  </si>
  <si>
    <t>5702327386144</t>
  </si>
  <si>
    <t>VELUX Anschlussschürze BFX SK10 1000</t>
  </si>
  <si>
    <t>BFX UK04 1000</t>
  </si>
  <si>
    <t>5702327386182</t>
  </si>
  <si>
    <t>VELUX Anschlussschürze BFX UK04 1000</t>
  </si>
  <si>
    <t>BFX UK08 1000</t>
  </si>
  <si>
    <t>5702327386229</t>
  </si>
  <si>
    <t>VELUX Anschlussschürze BFX UK08 1000</t>
  </si>
  <si>
    <t>BFX UK10 1000</t>
  </si>
  <si>
    <t>5702327386267</t>
  </si>
  <si>
    <t>VELUX Anschlussschürze BFX UK10 1000</t>
  </si>
  <si>
    <t>BFX WK34 0000</t>
  </si>
  <si>
    <t>5702327386304</t>
  </si>
  <si>
    <t>VELUX Verlängerung für BFX BFX WK34 0000</t>
  </si>
  <si>
    <t>f. Unterspann- o. -deckbahn m Rinne</t>
  </si>
  <si>
    <t>BGX CK02 0000</t>
  </si>
  <si>
    <t>5702328258945</t>
  </si>
  <si>
    <t>VELUX Dämm- u. Montager. BGX CK02 0000</t>
  </si>
  <si>
    <t>für harte Unterdächer</t>
  </si>
  <si>
    <t>----------------------------------------
Dämm- und Montagerahmen für die
wärmebrückenfreie,
regensichere und winddichte Verbindung
zwischen Fenster und hartem Unterdach.
Geeignet für alle Arten von harten
Unterdächern
(z.B. Aufsparrendämmung, Holzweich-    
faserplatten, Schalung, etc.)
Lieferbar für Dachaufbau 40mm/30mm
(Konterlattung/Dachlattung)
Ausschließlich einsetzbar in Verbindung
mit dem Dämm- und Anschluss-Set BDX.
Material: Polyurethan Hartschaum</t>
  </si>
  <si>
    <t>BGX CK04 0000</t>
  </si>
  <si>
    <t>5702328258952</t>
  </si>
  <si>
    <t>VELUX Dämm- u. Montager. BGX CK04 0000</t>
  </si>
  <si>
    <t>BGX CK06 0000</t>
  </si>
  <si>
    <t>5702328258969</t>
  </si>
  <si>
    <t>VELUX Dämm- u. Montager. BGX CK06 0000</t>
  </si>
  <si>
    <t>BGX FK04 0000</t>
  </si>
  <si>
    <t>5702328258976</t>
  </si>
  <si>
    <t>VELUX Dämm- u. Montager. BGX FK04 0000</t>
  </si>
  <si>
    <t>BGX FK06 0000</t>
  </si>
  <si>
    <t>5702328258983</t>
  </si>
  <si>
    <t>VELUX Dämm- u. Montager. BGX FK06 0000</t>
  </si>
  <si>
    <t>BGX FK08 0000</t>
  </si>
  <si>
    <t>5702328258990</t>
  </si>
  <si>
    <t>VELUX Dämm- u. Montager. BGX FK08 0000</t>
  </si>
  <si>
    <t>BGX MK04 0000</t>
  </si>
  <si>
    <t>5702328259003</t>
  </si>
  <si>
    <t>VELUX Dämm- u. Montager. BGX MK04 0000</t>
  </si>
  <si>
    <t>BGX MK06 0000</t>
  </si>
  <si>
    <t>5702328259010</t>
  </si>
  <si>
    <t>VELUX Dämm- u. Montager. BGX MK06 0000</t>
  </si>
  <si>
    <t>BGX MK08 0000</t>
  </si>
  <si>
    <t>5702328259027</t>
  </si>
  <si>
    <t>VELUX Dämm- u. Montager. BGX MK08 0000</t>
  </si>
  <si>
    <t>BGX MK10 0000</t>
  </si>
  <si>
    <t>5702328259034</t>
  </si>
  <si>
    <t>VELUX Dämm- u. Montager. BGX MK10 0000</t>
  </si>
  <si>
    <t>BGX PK06 0000</t>
  </si>
  <si>
    <t>5702328259041</t>
  </si>
  <si>
    <t>VELUX Dämm- u. Montager. BGX PK06 0000</t>
  </si>
  <si>
    <t>BGX PK08 0000</t>
  </si>
  <si>
    <t>5702328259058</t>
  </si>
  <si>
    <t>VELUX Dämm- u. Montager. BGX PK08 0000</t>
  </si>
  <si>
    <t>BGX PK10 0000</t>
  </si>
  <si>
    <t>5702328259065</t>
  </si>
  <si>
    <t>VELUX Dämm- u. Montager. BGX PK10 0000</t>
  </si>
  <si>
    <t>BGX SK06 0000</t>
  </si>
  <si>
    <t>5702328259072</t>
  </si>
  <si>
    <t>VELUX Dämm- u. Montager. BGX SK06 0000</t>
  </si>
  <si>
    <t>BGX SK08 0000</t>
  </si>
  <si>
    <t>5702328259089</t>
  </si>
  <si>
    <t>VELUX Dämm- u. Montager. BGX SK08 0000</t>
  </si>
  <si>
    <t>BGX SK10 0000</t>
  </si>
  <si>
    <t>5702328259096</t>
  </si>
  <si>
    <t>VELUX Dämm- u. Montager. BGX SK10 0000</t>
  </si>
  <si>
    <t>BGX UK04 0000</t>
  </si>
  <si>
    <t>5702328259102</t>
  </si>
  <si>
    <t>VELUX Dämm- u. Montager. BGX UK04 0000</t>
  </si>
  <si>
    <t>BGX UK08 0000</t>
  </si>
  <si>
    <t>5702328259119</t>
  </si>
  <si>
    <t>VELUX Dämm- u. Montager. BGX UK08 0000</t>
  </si>
  <si>
    <t>BGX UK10 0000</t>
  </si>
  <si>
    <t>5702328259126</t>
  </si>
  <si>
    <t>VELUX Dämm- u. Montager. BGX UK10 0000</t>
  </si>
  <si>
    <t>BGX WK19 0000</t>
  </si>
  <si>
    <t>5702328714113</t>
  </si>
  <si>
    <t>VELUX Dämm- u. Montager. BGX WK19 0000</t>
  </si>
  <si>
    <t>PU, für harte Unterdächer</t>
  </si>
  <si>
    <t>BGX WK34 0000</t>
  </si>
  <si>
    <t>5702328714120</t>
  </si>
  <si>
    <t>VELUX Dämm- u. Montager. BGX WK34 0000</t>
  </si>
  <si>
    <t>CFJ 060060 0010</t>
  </si>
  <si>
    <t>5702329250597</t>
  </si>
  <si>
    <t>VELUX Aufsetzkranz CFJ 060060 0010</t>
  </si>
  <si>
    <t>15cm, feststehend, PVC</t>
  </si>
  <si>
    <t>110</t>
  </si>
  <si>
    <t>VELUX-Flachdach-Fenster</t>
  </si>
  <si>
    <t>15020201</t>
  </si>
  <si>
    <t>39252000</t>
  </si>
  <si>
    <t>ja</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60 cm x 60 cm</t>
  </si>
  <si>
    <t>CFJ 060060 1010</t>
  </si>
  <si>
    <t>5702329250603</t>
  </si>
  <si>
    <t>VELUX Aufsetzkranz CFJ 060060 1010</t>
  </si>
  <si>
    <t>30cm, feststehend, PVC</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60 cm x 60 cm</t>
  </si>
  <si>
    <t>CFJ 060060 2020</t>
  </si>
  <si>
    <t>5702329349345</t>
  </si>
  <si>
    <t>VELUX Aufsetzkranz CFJ 060060 2020</t>
  </si>
  <si>
    <t>50cm, feststehend, GFK</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60 cm x 60 cm</t>
  </si>
  <si>
    <t>CFJ 080080 0010</t>
  </si>
  <si>
    <t>5702329250610</t>
  </si>
  <si>
    <t>VELUX Aufsetzkranz CFJ 08008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80 cm x 80 cm</t>
  </si>
  <si>
    <t>CFJ 080080 1010</t>
  </si>
  <si>
    <t>5702329250627</t>
  </si>
  <si>
    <t>VELUX Aufsetzkranz CFJ 08008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80 cm x 80 cm</t>
  </si>
  <si>
    <t>CFJ 080080 2020</t>
  </si>
  <si>
    <t>5702329349352</t>
  </si>
  <si>
    <t>VELUX Aufsetzkranz CFJ 08008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80 cm x 80 cm</t>
  </si>
  <si>
    <t>CFJ 090060 0010</t>
  </si>
  <si>
    <t>5702329250634</t>
  </si>
  <si>
    <t>VELUX Aufsetzkranz CFJ 09006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90 cm x 60 cm</t>
  </si>
  <si>
    <t>CFJ 090060 1010</t>
  </si>
  <si>
    <t>5702329250641</t>
  </si>
  <si>
    <t>VELUX Aufsetzkranz CFJ 09006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90 cm x 60 cm</t>
  </si>
  <si>
    <t>CFJ 090060 2020</t>
  </si>
  <si>
    <t>5702329349369</t>
  </si>
  <si>
    <t>VELUX Aufsetzkranz CFJ 09006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90 cm x 60 cm</t>
  </si>
  <si>
    <t>CFJ 090090 0010</t>
  </si>
  <si>
    <t>5702329250658</t>
  </si>
  <si>
    <t>VELUX Aufsetzkranz CFJ 09009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90 cm x 90 cm</t>
  </si>
  <si>
    <t>CFJ 090090 1010</t>
  </si>
  <si>
    <t>5702329250665</t>
  </si>
  <si>
    <t>VELUX Aufsetzkranz CFJ 09009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90 cm x 90 cm</t>
  </si>
  <si>
    <t>CFJ 090090 2020</t>
  </si>
  <si>
    <t>5702329349376</t>
  </si>
  <si>
    <t>VELUX Aufsetzkranz CFJ 09009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90 cm x 90 cm</t>
  </si>
  <si>
    <t>CFJ 100100 0010</t>
  </si>
  <si>
    <t>5702329250672</t>
  </si>
  <si>
    <t>VELUX Aufsetzkranz CFJ 10010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00 cm x 100 cm</t>
  </si>
  <si>
    <t>CFJ 100100 1010</t>
  </si>
  <si>
    <t>5702329250689</t>
  </si>
  <si>
    <t>VELUX Aufsetzkranz CFJ 10010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00 cm x 100 cm</t>
  </si>
  <si>
    <t>CFJ 100100 2020</t>
  </si>
  <si>
    <t>5702329349383</t>
  </si>
  <si>
    <t>VELUX Aufsetzkranz CFJ 10010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100 cm x 100 cm</t>
  </si>
  <si>
    <t>CFJ 120090 0010</t>
  </si>
  <si>
    <t>5702329250696</t>
  </si>
  <si>
    <t>VELUX Aufsetzkranz CFJ 12009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20 cm x 90 cm</t>
  </si>
  <si>
    <t>CFJ 120090 1010</t>
  </si>
  <si>
    <t>5702329250702</t>
  </si>
  <si>
    <t>VELUX Aufsetzkranz CFJ 12009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20 cm x 90 cm</t>
  </si>
  <si>
    <t>CFJ 120090 2020</t>
  </si>
  <si>
    <t>5702329349390</t>
  </si>
  <si>
    <t>VELUX Aufsetzkranz CFJ 12009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120 cm x 90 cm</t>
  </si>
  <si>
    <t>CFJ 120120 0010</t>
  </si>
  <si>
    <t>5702329250719</t>
  </si>
  <si>
    <t>VELUX Aufsetzkranz CFJ 12012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20 cm x 120 cm</t>
  </si>
  <si>
    <t>CFJ 120120 1010</t>
  </si>
  <si>
    <t>5702329250726</t>
  </si>
  <si>
    <t>VELUX Aufsetzkranz CFJ 12012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20 cm x 120 cm</t>
  </si>
  <si>
    <t>CFJ 120120 2020</t>
  </si>
  <si>
    <t>5702329349406</t>
  </si>
  <si>
    <t>VELUX Aufsetzkranz CFJ 12012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120 cm x 120 cm</t>
  </si>
  <si>
    <t>CFJ 150100 0010</t>
  </si>
  <si>
    <t>5702329250733</t>
  </si>
  <si>
    <t>VELUX Aufsetzkranz CFJ 15010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50 cm x 100 cm</t>
  </si>
  <si>
    <t>CFJ 150100 1010</t>
  </si>
  <si>
    <t>5702329250740</t>
  </si>
  <si>
    <t>VELUX Aufsetzkranz CFJ 15010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150 cm x 100 cm</t>
  </si>
  <si>
    <t>CFJ 150100 2020</t>
  </si>
  <si>
    <t>5702329349413</t>
  </si>
  <si>
    <t>VELUX Aufsetzkranz CFJ 15010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
Für Dachausschnitt 
(B X H ) 150 cm x 100 cm</t>
  </si>
  <si>
    <t>CFJ 150150 0010</t>
  </si>
  <si>
    <t>5702329250757</t>
  </si>
  <si>
    <t>VELUX Aufsetzkranz CFJ 15015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t>
  </si>
  <si>
    <t>CFJ 150150 1010</t>
  </si>
  <si>
    <t>5702329250764</t>
  </si>
  <si>
    <t>VELUX Aufsetzkranz CFJ 150150 1010</t>
  </si>
  <si>
    <t>----------------------------------------
Lichtkuppel Basiselement
mit 30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t>
  </si>
  <si>
    <t>CFJ 150150 2020</t>
  </si>
  <si>
    <t>5702329349420</t>
  </si>
  <si>
    <t>VELUX Aufsetzkranz CFJ 150150 2020</t>
  </si>
  <si>
    <t>----------------------------------------
Lichtkuppel Basiselement
mit 50 cm GFK Aufsetzkranz.
Feststehende Ausführung.
Oberelement 2-schalig:
Wärmedurchgangskoeffizient U=1,8*
Schalldämmung Rw=20 dB
Hitzeschutz g=0,75
Oberelement 3-schalig:
Wärmedurchgangskoeffizient U=1,5*
Schalldämmung Rw=22 dB
Hitzeschutz g=0,69
*nach DIN EN 1873 einschl. Aufsetzkranz
bezogen auf Abwicklungsfläche A=4,0m²</t>
  </si>
  <si>
    <t>CFJ 200100 0010</t>
  </si>
  <si>
    <t>5702329291613</t>
  </si>
  <si>
    <t>VELUX Aufsetzkranz CFJ 200100 0010</t>
  </si>
  <si>
    <t>----------------------------------------
Lichtkuppel Basiselement
mit 15 cm PVC Aufsetzkranz.
Feststehende Ausführung.
Oberelement 2-schalig:
Wärmedurchgangskoeffizient U=2,2*
Schalldämmung Rw=20 dB
Hitzeschutz g=0,75
Oberelement 3-schalig:
Wärmedurchgangskoeffizient U=1,7*
Schalldämmung Rw=22 dB
Hitzeschutz g=0,69
*nach DIN EN 1873 einschl. Aufsetzkranz
bezogen auf Abwicklungsfläche A=2,6m²
Für Dachausschnitt 
(B X H ) 200 cm x 100 cm</t>
  </si>
  <si>
    <t>CFP 060060 0073QV</t>
  </si>
  <si>
    <t>5702328240599</t>
  </si>
  <si>
    <t>VELUX Aufsetzkranz CFP 060060 0073QV</t>
  </si>
  <si>
    <t>Kunststoff Isolierglas 60x6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60 cm x 60 cm</t>
  </si>
  <si>
    <t>CFP 060090 0073QV</t>
  </si>
  <si>
    <t>5702328240605</t>
  </si>
  <si>
    <t>VELUX Aufsetzkranz CFP 060090 0073QV</t>
  </si>
  <si>
    <t>Kunststoff Isolierglas 60x9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60 cm x 90 cm</t>
  </si>
  <si>
    <t>CFP 080080 0073QV</t>
  </si>
  <si>
    <t>5702328240612</t>
  </si>
  <si>
    <t>VELUX Aufsetzkranz CFP 080080 0073QV</t>
  </si>
  <si>
    <t>Kunststoff Isolierglas 80x8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80 cm x 80 cm</t>
  </si>
  <si>
    <t>CFP 090090 0073QV</t>
  </si>
  <si>
    <t>5702328240629</t>
  </si>
  <si>
    <t>VELUX Aufsetzkranz CFP 090090 0073QV</t>
  </si>
  <si>
    <t>Kunststoff Isolierglas 90x9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90 cm x 90 cm</t>
  </si>
  <si>
    <t>CFP 090120 0073QV</t>
  </si>
  <si>
    <t>5702328240636</t>
  </si>
  <si>
    <t>VELUX Aufsetzkranz CFP 090120 0073QV</t>
  </si>
  <si>
    <t>Kunststoff Isolierglas 90x12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90 cm x 120 cm</t>
  </si>
  <si>
    <t>CFP 100100 0073QV</t>
  </si>
  <si>
    <t>5702328240643</t>
  </si>
  <si>
    <t>VELUX Aufsetzkranz CFP 100100 0073QV</t>
  </si>
  <si>
    <t>Kunststoff Isolierglas 100x10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100 cm x 100 cm</t>
  </si>
  <si>
    <t>CFP 100150 0073QV</t>
  </si>
  <si>
    <t>5702328240650</t>
  </si>
  <si>
    <t>VELUX Aufsetzkranz CFP 100150 0073QV</t>
  </si>
  <si>
    <t>Kunststoff Isolierglas 100x150</t>
  </si>
  <si>
    <t>SK</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100 cm x 150 cm</t>
  </si>
  <si>
    <t>CFP 120120 0073QV</t>
  </si>
  <si>
    <t>5702328240667</t>
  </si>
  <si>
    <t>VELUX Aufsetzkranz CFP 120120 0073QV</t>
  </si>
  <si>
    <t>Kunststoff Isolierglas 120x12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120 cm x 120 cm</t>
  </si>
  <si>
    <t>CFP 150150 0063QV</t>
  </si>
  <si>
    <t>5702328240674</t>
  </si>
  <si>
    <t>VELUX Aufsetzkranz CFP 150150 0063QV</t>
  </si>
  <si>
    <t>Kunststoff Isolierglas 150x150</t>
  </si>
  <si>
    <t>----------------------------------------
Flachdach-Fenster Basiselement
bestehend aus
15 cm Kunststoff-Aufsetzkranz inkl.
Polystyroldämmung, mit waagerechter
Isolierglasscheibe mit 2x3 mm VSG innen
für zusätzliche Sicherheit.
Festverglaste Ausführung.
Wärmedurchgangswert der gesamten Kon-
struktion mit Kuppel Abdeckung klar und 
undurchsichtig (ISD 0000, ISD 0100):
U = 0,80 W/(m²K) nach DIN EN 1873
einschl. Aufsetzkranz bezogen auf 
Abwicklungsfläche 3,4m²
Durchsturzsicher gemäß DIN 18008-6.
RC2 nach DIN EN 1627.
Nut zur Aufnahme der Dampfsperrschürze
BBX und der Innenverkleidung.
Für Dachausschnitt 
(B X H ) 150 cm x 150 cm</t>
  </si>
  <si>
    <t>CFU 060060 0020Q</t>
  </si>
  <si>
    <t>5702329187114</t>
  </si>
  <si>
    <t>VELUX Flachdach-Fenster CFU 060060 0020Q</t>
  </si>
  <si>
    <t>fest Kunstst. 2fach-Vergl. 60x60</t>
  </si>
  <si>
    <t>4418195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61 cm x 61 cm</t>
  </si>
  <si>
    <t>CFU 060060 0025Q</t>
  </si>
  <si>
    <t>5702329187121</t>
  </si>
  <si>
    <t>VELUX Flachdach-Fenster CFU 060060 0025Q</t>
  </si>
  <si>
    <t>fest Kunstst. 3fach-Vergl. 60x6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61 cm x 61 cm</t>
  </si>
  <si>
    <t>CFU 080080 0020Q</t>
  </si>
  <si>
    <t>5702329187138</t>
  </si>
  <si>
    <t>VELUX Flachdach-Fenster CFU 080080 0020Q</t>
  </si>
  <si>
    <t>fest Kunstst. 2fach-Vergl. 80x8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81 cm x 81 cm</t>
  </si>
  <si>
    <t>CFU 080080 0025Q</t>
  </si>
  <si>
    <t>5702329187145</t>
  </si>
  <si>
    <t>VELUX Flachdach-Fenster CFU 080080 0025Q</t>
  </si>
  <si>
    <t>fest Kunstst. 3fach-Vergl. 80x8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81 cm x 81 cm</t>
  </si>
  <si>
    <t>CFU 090060 0020Q</t>
  </si>
  <si>
    <t>5702329187152</t>
  </si>
  <si>
    <t>VELUX Flachdach-Fenster CFU 090060 0020Q</t>
  </si>
  <si>
    <t>fest Kunstst. 2fach-Vergl. 90x6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91 cm x 61 cm</t>
  </si>
  <si>
    <t>CFU 090060 0025Q</t>
  </si>
  <si>
    <t>5702329187169</t>
  </si>
  <si>
    <t>VELUX Flachdach-Fenster CFU 090060 0025Q</t>
  </si>
  <si>
    <t>fest Kunstst. 3fach-Vergl. 90x6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91 cm x 61 cm</t>
  </si>
  <si>
    <t>CFU 090090 0020Q</t>
  </si>
  <si>
    <t>5702329187176</t>
  </si>
  <si>
    <t>VELUX Flachdach-Fenster CFU 090090 0020Q</t>
  </si>
  <si>
    <t>fest Kunstst. 2fach-Vergl. 90x9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91 cm x 91 cm</t>
  </si>
  <si>
    <t>CFU 090090 0025Q</t>
  </si>
  <si>
    <t>5702329187183</t>
  </si>
  <si>
    <t>VELUX Flachdach-Fenster CFU 090090 0025Q</t>
  </si>
  <si>
    <t>fest Kunstst. 3fach-Vergl. 90x9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91 cm x 91 cm</t>
  </si>
  <si>
    <t>CFU 100100 0020Q</t>
  </si>
  <si>
    <t>5702329187190</t>
  </si>
  <si>
    <t>VELUX Flachdach-Fenster CFU 100100 0020Q</t>
  </si>
  <si>
    <t>fest Kunstst. 2fach-Vergl. 100x10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01 cm x 101 cm</t>
  </si>
  <si>
    <t>CFU 100100 0025Q</t>
  </si>
  <si>
    <t>5702329187206</t>
  </si>
  <si>
    <t>VELUX Flachdach-Fenster CFU 100100 0025Q</t>
  </si>
  <si>
    <t>fest Kunstst. 3fach-Vergl. 100x10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01 cm x 101 cm</t>
  </si>
  <si>
    <t>CFU 120090 0020Q</t>
  </si>
  <si>
    <t>5702329187213</t>
  </si>
  <si>
    <t>VELUX Flachdach-Fenster CFU 120090 0020Q</t>
  </si>
  <si>
    <t>fest Kunstst. 2fach-Vergl. 120x9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21 cm x 91 cm</t>
  </si>
  <si>
    <t>CFU 120090 0025Q</t>
  </si>
  <si>
    <t>5702329187220</t>
  </si>
  <si>
    <t>VELUX Flachdach-Fenster CFU 120090 0025Q</t>
  </si>
  <si>
    <t>fest Kunstst. 3fach-Vergl. 120x9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21 cm x 91 cm</t>
  </si>
  <si>
    <t>CFU 120120 0020Q</t>
  </si>
  <si>
    <t>5702329187237</t>
  </si>
  <si>
    <t>VELUX Flachdach-Fenster CFU 120120 0020Q</t>
  </si>
  <si>
    <t>fest Kunstst. 2fach-Vergl. 120x12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21 cm x 121 cm</t>
  </si>
  <si>
    <t>CFU 120120 0025Q</t>
  </si>
  <si>
    <t>5702329187244</t>
  </si>
  <si>
    <t>VELUX Flachdach-Fenster CFU 120120 0025Q</t>
  </si>
  <si>
    <t>fest Kunstst. 3fach-Vergl. 120x12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21 cm x 121 cm</t>
  </si>
  <si>
    <t>CFU 150080 0020Q</t>
  </si>
  <si>
    <t>5702329685627</t>
  </si>
  <si>
    <t>VELUX Flachdach-Fenster CFU 150080 0020Q</t>
  </si>
  <si>
    <t>fest Kunstst. 2fach-Vergl. 150x8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51 cm x 81 cm</t>
  </si>
  <si>
    <t>CFU 150080 0025Q</t>
  </si>
  <si>
    <t>5702329685634</t>
  </si>
  <si>
    <t>VELUX Flachdach-Fenster CFU 150080 0025Q</t>
  </si>
  <si>
    <t>fest Kunstst. 3fach-Vergl. 150x8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51 cm x 81 cm</t>
  </si>
  <si>
    <t>CFU 150100 0020Q</t>
  </si>
  <si>
    <t>5702329265294</t>
  </si>
  <si>
    <t>VELUX Flachdach-Fenster CFU 150100 0020Q</t>
  </si>
  <si>
    <t>fest Kunstst. 2fach-Vergl. 150x10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51 cm x 101 cm</t>
  </si>
  <si>
    <t>CFU 150100 0025Q</t>
  </si>
  <si>
    <t>5702329265300</t>
  </si>
  <si>
    <t>VELUX Flachdach-Fenster CFU 150100 0025Q</t>
  </si>
  <si>
    <t>fest Kunstst. 3fach-Vergl. 150x10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51 cm x 101 cm</t>
  </si>
  <si>
    <t>CFU 150120 0020Q</t>
  </si>
  <si>
    <t>5702329685641</t>
  </si>
  <si>
    <t>VELUX Flachdach-Fenster CFU 150120 0020Q</t>
  </si>
  <si>
    <t>fest Kunstst. 2fach-Vergl. 150x12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51 cm x 121 cm</t>
  </si>
  <si>
    <t>CFU 150120 0025Q</t>
  </si>
  <si>
    <t>5702329685658</t>
  </si>
  <si>
    <t>VELUX Flachdach-Fenster CFU 150120 0025Q</t>
  </si>
  <si>
    <t>fest Kunstst. 3fach-Vergl. 150x12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51 cm x 121 cm</t>
  </si>
  <si>
    <t>CFU 150150 0020Q</t>
  </si>
  <si>
    <t>5702329265317</t>
  </si>
  <si>
    <t>VELUX Flachdach-Fenster CFU 150150 0020Q</t>
  </si>
  <si>
    <t>fest Kunstst. 2fach-Vergl. 150x15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151 cm x 151 cm</t>
  </si>
  <si>
    <t>CFU 150150 0025Q</t>
  </si>
  <si>
    <t>5702329265324</t>
  </si>
  <si>
    <t>VELUX Flachdach-Fenster CFU 150150 0025Q</t>
  </si>
  <si>
    <t>fest Kunstst. 3fach-Vergl. 150x15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151 cm x 151 cm</t>
  </si>
  <si>
    <t>CFU 200060 0020Q</t>
  </si>
  <si>
    <t>5702329685665</t>
  </si>
  <si>
    <t>VELUX Flachdach-Fenster CFU 200060 0020Q</t>
  </si>
  <si>
    <t>fest Kunstst. 2fach-Vergl. 200x6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201 cm x 61 cm</t>
  </si>
  <si>
    <t>CFU 200060 0025Q</t>
  </si>
  <si>
    <t>5702329685672</t>
  </si>
  <si>
    <t>VELUX Flachdach-Fenster CFU 200060 0025Q</t>
  </si>
  <si>
    <t>fest Kunstst. 3fach-Vergl. 200x6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201 cm x 61 cm</t>
  </si>
  <si>
    <t>CFU 200100 0020Q</t>
  </si>
  <si>
    <t>5702329265331</t>
  </si>
  <si>
    <t>VELUX Flachdach-Fenster CFU 200100 0020Q</t>
  </si>
  <si>
    <t>fest Kunstst. 2fach-Vergl. 200x100</t>
  </si>
  <si>
    <t>----------------------------------------
Flachdach-Fenster Basiselement
2-fach festverglast. Bestehend aus
15 cm Aufsetzkranz aus Kunststoff 
(Polyurethan) mit Holzkern
sowie Isolierverglasung und VSG innen.
Wärmedurchgangswert abhängig vom 
gewünschten Oberelement:
Abdeckung KONVEX-GLAS (ISU 1093):
CFU 2-fach Verglasung Urc = 0,65*
einschl. Aufsetzkranz bezogen auf 
Abwicklungsfläche 4,4m²
Schalldämmung Rw = 39dB (Klasse 3)
Hitzeschutz: g = 0,52
Abdeckung FLACH-GLAS  (ISU 2093):
CF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Für Dachausschnitt 
(B X H ) 201 cm x 101 cm</t>
  </si>
  <si>
    <t>CFU 200100 0025Q</t>
  </si>
  <si>
    <t>5702329265348</t>
  </si>
  <si>
    <t>VELUX Flachdach-Fenster CFU 200100 0025Q</t>
  </si>
  <si>
    <t>fest Kunstst. 3fach-Vergl. 200x100</t>
  </si>
  <si>
    <t>----------------------------------------
Flachdach-Fenster Basiselement
3-fach festverglast. Bestehend aus
15 cm Aufsetzkranz aus Kunststoff 
(Polyurethan) mit Holzkern
sowie Isolierverglasung und VSG innen.
Wärmedurchgangswert abhängig vom 
gewünschten Oberelement:
Abdeckung KONVEX-GLAS (ISU 1093):
CFU 3-fach Verglasung Urc = 0,55*
einschl. Aufsetzkranz bezogen auf 
Abwicklungsfläche  4,4m²
Schalldämmung Rw = 42dB (Klasse 4)
Hitzeschutz: g = 0,49
Abdeckung FLACH-GLAS  (ISU 2093):
CF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Für Dachausschnitt 
(B X H ) 201 cm x 101 cm</t>
  </si>
  <si>
    <t>CSJ 120120 1210</t>
  </si>
  <si>
    <t>5702329254335</t>
  </si>
  <si>
    <t>VELUX Rauchabl. Basis CSJ 120120 1210</t>
  </si>
  <si>
    <t>30cm, PVC, 24V</t>
  </si>
  <si>
    <t>----------------------------------------
Lichtkuppel Rauchableitung 
Basiselement mit 30 cm PVC 
Aufsetzkranz (24V) für geometrische 
Rauchableitung in Treppenhäusern 
nach Landesbauordnung
Geometrische Öffnungsfläche Av
für Größe 120x120 = 1,00 m²
Mit Elektrospindelmotor (24 V, 
500mm Hub)
Öffnungswinkel ca. 30°
Oberelement 2-schalig:
Wärmedurchgangskoeffizient U=2,0*
Schalldämmung Rw=20 dB
Hitzeschutz g=0,75
Oberelement 3-schalig:
Wärmedurchgangskoeffizient U=1,6*
Schalldämmung Rw=22 dB
Hitzeschutz g=0,69
*nach DIN EN 1873 einschl. Aufsetzkranz
bezogen auf Abwicklungsfläche A=3,1m²
Steuerzentrale KFC 100J und
Hauptbedienstelle KFK 100-104 
müssen separat bestellt werden.
Für Dachausschnitt 
(B X H ) 120 cm x 120 cm</t>
  </si>
  <si>
    <t>CSJ 120120 1211</t>
  </si>
  <si>
    <t>5702329254342</t>
  </si>
  <si>
    <t>VELUX Rauchabl.&amp;Ausstieg CSJ 120120 1211</t>
  </si>
  <si>
    <t>RWA + Ausstieg PVC 30cm</t>
  </si>
  <si>
    <t>----------------------------------------
Kombi-Lichtkuppel Rauchableitung 
und Ausstieg
Basiselement mit 30 cm PVC 
Aufsetzkranz für geometrische 
Rauchableitung in Treppenhäusern 
nach Landesbauordnung.
Geometrische Öffnungsfläche Av
für Größe 120x120 = 1,00 m²
für Größe 150x100 = 1,04 m² 
Mit Elektro-Spindelmotor (24 V).
Öffnungswinkel ca. 85°
Oberelement 2-schalig:
Wärmedurchgangskoeffizient U=2,0*
Schalldämmung Rw=20 dB
Hitzeschutz g=0,75
Oberelement 3-schalig:
Wärmedurchgangskoeffizient U=1,6*
Schalldämmung Rw=22 dB
Hitzeschutz g=0,69
*nach DIN EN 1873 einschl. Aufsetzkranz
bezogen auf Abwicklungsfläche A=3,1m²
Steuerzentrale KFC 100J und
Hauptbedienstelle KFK 100-104 
müssen separat bestellt werden.
Für Dachausschnitt 
(B X H ) 120 cm x 120 cm</t>
  </si>
  <si>
    <t>CSJ 150100 1211</t>
  </si>
  <si>
    <t>5702329304528</t>
  </si>
  <si>
    <t>VELUX Rauchabl.&amp;Ausstieg CSJ 150100 1211</t>
  </si>
  <si>
    <t>----------------------------------------
Kombi-Lichtkuppel Rauchableitung 
und Ausstieg
Basiselement mit 30 cm PVC 
Aufsetzkranz für geometrische 
Rauchableitung in Treppenhäusern 
nach Landesbauordnung.
Geometrische Öffnungsfläche Av
für Größe 120x120 = 1,00 m²
für Größe 150x100 = 1,04 m² 
Mit Elektro-Spindelmotor (24 V).
Öffnungswinkel ca. 85°
Oberelement 2-schalig:
Wärmedurchgangskoeffizient U=2,0*
Schalldämmung Rw=20 dB
Hitzeschutz g=0,75
Oberelement 3-schalig:
Wärmedurchgangskoeffizient U=1,6*
Schalldämmung Rw=22 dB
Hitzeschutz g=0,69
*nach DIN EN 1873 einschl. Aufsetzkranz
bezogen auf Abwicklungsfläche A=3,1m²
Steuerzentrale KFC 100J und
Hauptbedienstelle KFK 100-104 
müssen separat bestellt werden.
Für Dachausschnitt 
(B X H ) 150 cm x 100 cm</t>
  </si>
  <si>
    <t>CSP 100100 1073Q</t>
  </si>
  <si>
    <t>5702326269189</t>
  </si>
  <si>
    <t>VELUX RWA Flachd.-Fe. CSP 100100 1073Q</t>
  </si>
  <si>
    <t>Elektrisch zu öffnende Ausf.100x100</t>
  </si>
  <si>
    <t>----------------------------------------
Flachdach-Fenster Basiselement Rauch-
und Wärmeabzugsfenster Flachdach
bestehend aus 31 cm Kunststoff-Aufsetz-
kranz inkl. Polystyroldämmung, mit 
waagerechter Isolierglasscheibe mit
2x3 mm VSG innen für 
zusätzliche Sicherheit.
Nut zur Aufnahme der Innenverkleidung.
Mit CE-Zeichen entsprechend DIN EN 
12101-2. Mit vorinstallierten, im ge-
schlossenen Zustand nicht sichtbaren 
RWA-Motoren. 
Zum Betrieb ist eine RWA-Steuerung 
KFX 210-214 od. KFC 210-220 
erforderlich. 
Geometrische Öffnungsfläche:
- Größe 100100: Ag = 0,88 m²
- Größe 120120: Ag = 1,30 m²
aerodynamische wirksame Öffnungsfläche:
- Größe 100100: Aw= 0,42 m²
- Größe 120120: Aw = 0,58m²
Klassifizierung nach DIN EN 12101-2,
Funktionssicherheit: Re 1000 + 10000
Schneelast : SL 1000
Niedrige Umgebungstemperatur: T-15
Windlast: WL 3000
Wärmebeständigkeit: B 300
Kettenmotoren 24 Volt, insgesamt 10
Ampere.
Wärmedurchgangswert der gesamten Kon-
struktion: 
U = 0,99 W/(m²K) nach DIN EN 1873,
bezogen auf die Abwicklungsfläche 3,4m².
Schalldämmwert Rw = 33db /SSK 2
Durchsturzsicher gemäß DIN 18008-6.
RC2 nach DIN EN 1627.
Nut zur Aufnahme der Dampfsperrschürze
BBX und der Innenverkleidung.
Für Dachausschnitt  
(B X H ) 100 cm x 100 cm</t>
  </si>
  <si>
    <t>CSP 120120 1073Q</t>
  </si>
  <si>
    <t>5702326269196</t>
  </si>
  <si>
    <t>VELUX RWA Flachd.-Fe. CSP 120120 1073Q</t>
  </si>
  <si>
    <t>Elektrisch zu öffnende Ausf.120x120</t>
  </si>
  <si>
    <t>----------------------------------------
Flachdach-Fenster Basiselement Rauch-
und Wärmeabzugsfenster Flachdach
bestehend aus 31 cm Kunststoff-Aufsetz-
kranz inkl. Polystyroldämmung, mit 
waagerechter Isolierglasscheibe mit
2x3 mm VSG innen für 
zusätzliche Sicherheit.
Nut zur Aufnahme der Innenverkleidung.
Mit CE-Zeichen entsprechend DIN EN 
12101-2. Mit vorinstallierten, im ge-
schlossenen Zustand nicht sichtbaren 
RWA-Motoren. 
Zum Betrieb ist eine RWA-Steuerung 
KFX 210-214 od. KFC 210-220 
erforderlich. 
Geometrische Öffnungsfläche:
- Größe 100100: Ag = 0,88 m²
- Größe 120120: Ag = 1,30 m²
aerodynamische wirksame Öffnungsfläche:
- Größe 100100: Aw= 0,42 m²
- Größe 120120: Aw = 0,58m²
Klassifizierung nach DIN EN 12101-2,
Funktionssicherheit: Re 1000 + 10000
Schneelast: SL 500
Niedrige Umgebungstemperatur: T-15
Windlast: WL 3000
Wärmebeständigkeit: B 300
Kettenmotoren 24 Volt,  insgesamt 10
Ampere.
Wärmedurchgangswert der gesamten Kon-
struktion: 
U = 0,99 W/(m²K) nach DIN EN 1873,
bezogen auf die Abwicklungsfläche 3,4m²
Schalldämmwert Rw = 33db /SSK 2
Durchsturzsicher gemäß DIN 18008-6.
RC2 nach DIN EN 1627.
Nut zur Aufnahme der Dampfsperrschürze
BBX und der Innenverkleidung.
Für Dachausschnitt 
(B X H ) 120 cm x 120 cm</t>
  </si>
  <si>
    <t>CVJ 060060 0210</t>
  </si>
  <si>
    <t>5702329250801</t>
  </si>
  <si>
    <t>VELUX Aufsetzkranz CVJ 060060 0210</t>
  </si>
  <si>
    <t>15cm, lüftbar, 230V, PVC</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60 cm x 60 cm</t>
  </si>
  <si>
    <t>CVJ 060060 1210</t>
  </si>
  <si>
    <t>5702329250818</t>
  </si>
  <si>
    <t>VELUX Aufsetzkranz CVJ 060060 1210</t>
  </si>
  <si>
    <t>30cm, lüftbar, 230V, PVC</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60 cm x 60 cm</t>
  </si>
  <si>
    <t>CVJ 060060 2220</t>
  </si>
  <si>
    <t>5702329349437</t>
  </si>
  <si>
    <t>VELUX Aufsetzkranz CVJ 060060 2220</t>
  </si>
  <si>
    <t>50cm, lüftbar, 230V, GFK</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60 cm x 60 cm</t>
  </si>
  <si>
    <t>CVJ 080080 0210</t>
  </si>
  <si>
    <t>5702329250825</t>
  </si>
  <si>
    <t>VELUX Aufsetzkranz CVJ 08008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80 cm x 80 cm</t>
  </si>
  <si>
    <t>CVJ 080080 1210</t>
  </si>
  <si>
    <t>5702329250832</t>
  </si>
  <si>
    <t>VELUX Aufsetzkranz CVJ 08008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80 cm x 80 cm</t>
  </si>
  <si>
    <t>CVJ 080080 2220</t>
  </si>
  <si>
    <t>5702329349444</t>
  </si>
  <si>
    <t>VELUX Aufsetzkranz CVJ 08008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80 cm x 80 cm</t>
  </si>
  <si>
    <t>CVJ 090060 0210</t>
  </si>
  <si>
    <t>5702329250849</t>
  </si>
  <si>
    <t>VELUX Aufsetzkranz CVJ 09006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90 cm x 60 cm</t>
  </si>
  <si>
    <t>CVJ 090060 1210</t>
  </si>
  <si>
    <t>5702329250856</t>
  </si>
  <si>
    <t>VELUX Aufsetzkranz CVJ 09006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90 cm x 60 cm</t>
  </si>
  <si>
    <t>CVJ 090060 2220</t>
  </si>
  <si>
    <t>5702329349451</t>
  </si>
  <si>
    <t>VELUX Aufsetzkranz CVJ 09006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90 cm x 60 cm</t>
  </si>
  <si>
    <t>CVJ 090090 0210</t>
  </si>
  <si>
    <t>5702329250863</t>
  </si>
  <si>
    <t>VELUX Aufsetzkranz CVJ 09009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90 cm x 90 cm</t>
  </si>
  <si>
    <t>CVJ 090090 1210</t>
  </si>
  <si>
    <t>5702329250870</t>
  </si>
  <si>
    <t>VELUX Aufsetzkranz CVJ 09009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90 cm x 90 cm</t>
  </si>
  <si>
    <t>CVJ 090090 2220</t>
  </si>
  <si>
    <t>5702329349468</t>
  </si>
  <si>
    <t>VELUX Aufsetzkranz CVJ 09009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90 cm x 90 cm</t>
  </si>
  <si>
    <t>CVJ 100100 0210</t>
  </si>
  <si>
    <t>5702329250887</t>
  </si>
  <si>
    <t>VELUX Aufsetzkranz CVJ 10010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00 cm x 100 cm</t>
  </si>
  <si>
    <t>CVJ 100100 1210</t>
  </si>
  <si>
    <t>5702329250894</t>
  </si>
  <si>
    <t>VELUX Aufsetzkranz CVJ 10010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00 cm x 100 cm</t>
  </si>
  <si>
    <t>CVJ 100100 2220</t>
  </si>
  <si>
    <t>5702329349475</t>
  </si>
  <si>
    <t>VELUX Aufsetzkranz CVJ 10010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100 cm x 100 cm</t>
  </si>
  <si>
    <t>CVJ 120090 0210</t>
  </si>
  <si>
    <t>5702329250900</t>
  </si>
  <si>
    <t>VELUX Aufsetzkranz CVJ 12009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20 cm x 90 cm</t>
  </si>
  <si>
    <t>CVJ 120090 1210</t>
  </si>
  <si>
    <t>5702329250917</t>
  </si>
  <si>
    <t>VELUX Aufsetzkranz CVJ 12009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20 cm x 90 cm</t>
  </si>
  <si>
    <t>CVJ 120090 2220</t>
  </si>
  <si>
    <t>5702329349482</t>
  </si>
  <si>
    <t>VELUX Aufsetzkranz CVJ 12009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120 cm x 90 cm</t>
  </si>
  <si>
    <t>CVJ 120120 0210</t>
  </si>
  <si>
    <t>5702329250924</t>
  </si>
  <si>
    <t>VELUX Aufsetzkranz CVJ 12012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20 cm x 120 cm</t>
  </si>
  <si>
    <t>CVJ 120120 1210</t>
  </si>
  <si>
    <t>5702329250931</t>
  </si>
  <si>
    <t>VELUX Aufsetzkranz CVJ 12012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20 cm x 120 cm</t>
  </si>
  <si>
    <t>CVJ 120120 2220</t>
  </si>
  <si>
    <t>5702329349499</t>
  </si>
  <si>
    <t>VELUX Aufsetzkranz CVJ 12012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120 cm x 120 cm</t>
  </si>
  <si>
    <t>CVJ 150100 0210</t>
  </si>
  <si>
    <t>5702329250948</t>
  </si>
  <si>
    <t>VELUX Aufsetzkranz CVJ 15010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50 cm x 100 cm</t>
  </si>
  <si>
    <t>CVJ 150100 1210</t>
  </si>
  <si>
    <t>5702329250955</t>
  </si>
  <si>
    <t>VELUX Aufsetzkranz CVJ 15010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150 cm x 100 cm</t>
  </si>
  <si>
    <t>CVJ 150100 2220</t>
  </si>
  <si>
    <t>5702329349505</t>
  </si>
  <si>
    <t>VELUX Aufsetzkranz CVJ 15010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
Für Dachausschnitt 
(B X H ) 150 cm x 100 cm</t>
  </si>
  <si>
    <t>CVJ 150150 0210</t>
  </si>
  <si>
    <t>5702329250962</t>
  </si>
  <si>
    <t>VELUX Aufsetzkranz CVJ 15015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t>
  </si>
  <si>
    <t>CVJ 150150 1210</t>
  </si>
  <si>
    <t>5702329250979</t>
  </si>
  <si>
    <t>VELUX Aufsetzkranz CVJ 150150 1210</t>
  </si>
  <si>
    <t>----------------------------------------
Lichtkuppel Basiselement
mit 30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t>
  </si>
  <si>
    <t>CVJ 150150 2220</t>
  </si>
  <si>
    <t>5702329349512</t>
  </si>
  <si>
    <t>VELUX Aufsetzkranz CVJ 150150 2220</t>
  </si>
  <si>
    <t>----------------------------------------
Lichtkuppel Basiselement
mit 50 cm GFK Aufsetzkranz.
Elektrische Ausführung (230 V) mit
Spindelmotor (300mm Hubhöhe)
Oberelement 2-schalig:
Wärmedurchgangskoeffizient U=1,7*
Schalldämmung Rw=20 dB
Hitzeschutz g=0,75
Oberelement 3-schalig:
Wärmedurchgangskoeffizient U=1,4*
Schalldämmung Rw=22 dB
Hitzeschutz g=0,69
*nach DIN EN 1873 einschl. Aufsetzkranz
bezogen auf Abwicklungsfläche A=4,0m²
Bei rechteckigen Größen befindet sich 
der Antrieb auf der langen Seite.</t>
  </si>
  <si>
    <t>CVJ 200100 0210</t>
  </si>
  <si>
    <t>5702329291644</t>
  </si>
  <si>
    <t>VELUX Aufsetzkranz CVJ 200100 0210</t>
  </si>
  <si>
    <t>----------------------------------------
Lichtkuppel Basiselement
mit 15 cm PVC Aufsetzkranz.
Elektrische Ausführung (230 V) mit
Spindelmotor (300mm Hubhöhe)
Oberelement 2-schalig:
Wärmedurchgangskoeffizient U=2,0*
Schalldämmung Rw=20 dB
Hitzeschutz g=0,75
Oberelement 3-schalig:
Wärmedurchgangskoeffizient U=1,6*
Schalldämmung Rw=22 dB
Hitzeschutz g=0,69
*nach DIN EN 1873 einschl. Aufsetzkranz
bezogen auf Abwicklungsfläche A=3,1m²
Bei rechteckigen Größen befindet sich 
der Antrieb auf der langen Seite.
Für Dachausschnitt 
(B X H ) 200 cm x 100 cm</t>
  </si>
  <si>
    <t>CVP 060060 0673QV</t>
  </si>
  <si>
    <t>5702328240780</t>
  </si>
  <si>
    <t>VELUX FlachdachFenster CVP 060060 0673QV</t>
  </si>
  <si>
    <t>elek. Kunststoff Isolierglas 60x6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60 cm x 60 cm</t>
  </si>
  <si>
    <t>CVP 060090 0673QV</t>
  </si>
  <si>
    <t>5702328240797</t>
  </si>
  <si>
    <t>VELUX FlachdachFenster CVP 060090 0673QV</t>
  </si>
  <si>
    <t>elek. Kunststoff Isolierglas 60x9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60 cm x 90 cm</t>
  </si>
  <si>
    <t>CVP 080080 0673QV</t>
  </si>
  <si>
    <t>5702328240803</t>
  </si>
  <si>
    <t>VELUX FlachdachFenster CVP 080080 0673QV</t>
  </si>
  <si>
    <t>elek. Kunststoff Isolierglas 80x8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80 cm x 80 cm</t>
  </si>
  <si>
    <t>CVP 090090 0673QV</t>
  </si>
  <si>
    <t>5702328240810</t>
  </si>
  <si>
    <t>VELUX FlachdachFenster CVP 090090 0673QV</t>
  </si>
  <si>
    <t>elek. Kunststoff Isolierglas 90x9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90 cm x 90 cm</t>
  </si>
  <si>
    <t>CVP 090120 0673QV</t>
  </si>
  <si>
    <t>5702328240827</t>
  </si>
  <si>
    <t>VELUX FlachdachFenster CVP 090120 0673QV</t>
  </si>
  <si>
    <t>elek. Kunststoff Isolierglas 90x12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90 cm x 120 cm</t>
  </si>
  <si>
    <t>CVP 100100 0673QV</t>
  </si>
  <si>
    <t>5702328240834</t>
  </si>
  <si>
    <t>VELUX FlachdachFenster CVP 100100 0673QV</t>
  </si>
  <si>
    <t>elek. Kunststoff Isolierglas 100x10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100 cm x 100 cm</t>
  </si>
  <si>
    <t>CVP 100150 0673QV</t>
  </si>
  <si>
    <t>5702328240841</t>
  </si>
  <si>
    <t>VELUX FlachdachFenster CVP 100150 0673QV</t>
  </si>
  <si>
    <t>elek. Kunststoff Isolierglas 100x15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100 cm x 150 cm</t>
  </si>
  <si>
    <t>CVP 120120 0673QV</t>
  </si>
  <si>
    <t>5702328240858</t>
  </si>
  <si>
    <t>VELUX FlachdachFenster CVP 120120 0673QV</t>
  </si>
  <si>
    <t>elek.Basisel.+ safety kit 100x12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 
sichtiger Kuppel (ISD 0000, ISD 0100): 
U = 0,80 W/(m²K) nach DIN EN 1873
bezogen auf die Abwicklungsfläche 3,4m²
Schalldämmwerte Rw = 36db/SSK 2
Durchsturzsicher gemäß DIN 18008-6.
RC2 nach DIN EN 1627.
Nut zur Aufnahme der Dampfsperrschürze
BBX und der Innenverkleidung.
Bei rechteckigen Größen befindet sich
der Antrieb auf der kurzen Seite.
Für Dachausschnitt 
(B X H ) 120 cm x 120 cm</t>
  </si>
  <si>
    <t>CVP 150150 0663QV</t>
  </si>
  <si>
    <t>5702328240865</t>
  </si>
  <si>
    <t>VELUX FlachdachFenster CVP 150150 0663QV</t>
  </si>
  <si>
    <t>elek.Basisel.+ safety kit 150x150</t>
  </si>
  <si>
    <t>----------------------------------------
Flachdach-Fenster Basiselement
bestehend aus 15 cm Kunststoff-
Aufsetzkranz inkl. Polystyroldämmung, 
mit waagerechter Isolierglasscheibe 
und 2x3 mm VSG innen für zusätzliche 
Sicherheit.
Zu öffnende Ausführung mit Elektrobe-
dienung über den Funk-Wandschalter
(io-homecontrol-kompatibel) inkl.
Regensensor.
Wärmedurchgangswert der gesamten Kon-
struktion mit klarer oder undurch- 
sichtiger Kuppel (ISD 0000, ISD 0100): 
U = 0,87 W/(m²K) nach DIN EN 1873
bezogen auf die Abwicklungsfläche 3,4m²
Schalldämmwert Rw = 36db /SSK 2
Durchsturzsicher gemäß DIN 18008-6.
Einbruchschutz RC2 nach DIN EN 1627.
Nut zur Aufnahme der Dampfsperrschürze
BBX und der Innenverkleidung.
Bei rechteckigen Größen befindet sich
der Antrieb auf der kurzen Seite.
Für Dachausschnitt 
(B X H ) 150 cm x 150 cm</t>
  </si>
  <si>
    <t>CVU 060060 0220Q</t>
  </si>
  <si>
    <t>5702329187268</t>
  </si>
  <si>
    <t>VELUX Flachdach-Fenster CVU 060060 0220Q</t>
  </si>
  <si>
    <t>Elektro, Kunstst. 2fach-Vergl. 60x6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61 cm x 61 cm</t>
  </si>
  <si>
    <t>CVU 060060 0225Q</t>
  </si>
  <si>
    <t>5702329187282</t>
  </si>
  <si>
    <t>VELUX Flachdach-Fenster CVU 060060 0225Q</t>
  </si>
  <si>
    <t>Elektro, Kunstst. 3fach-Vergl. 60x6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61 cm x 61 cm</t>
  </si>
  <si>
    <t>CVU 060060 0320Q</t>
  </si>
  <si>
    <t>5702329265355</t>
  </si>
  <si>
    <t>VELUX Flachdach-Fenster CVU 060060 0320Q</t>
  </si>
  <si>
    <t>Solar, Kunstst. 2fach-Vergl. 60x6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61 cm x 61 cm</t>
  </si>
  <si>
    <t>CVU 060060 0325Q</t>
  </si>
  <si>
    <t>5702329265362</t>
  </si>
  <si>
    <t>VELUX Flachdach-Fenster CVU 060060 0325Q</t>
  </si>
  <si>
    <t>Solar, Kunstst. 3fach-Vergl. 60x6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61 cm x 61 cm</t>
  </si>
  <si>
    <t>CVU 080080 0220Q</t>
  </si>
  <si>
    <t>5702329187305</t>
  </si>
  <si>
    <t>VELUX Flachdach-Fenster CVU 080080 0220Q</t>
  </si>
  <si>
    <t>Elektro, Kunstst. 2fach-Vergl. 80x8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81 cm x 81 cm</t>
  </si>
  <si>
    <t>CVU 080080 0225Q</t>
  </si>
  <si>
    <t>5702329187329</t>
  </si>
  <si>
    <t>VELUX Flachdach-Fenster CVU 080080 0225Q</t>
  </si>
  <si>
    <t>Elektro, Kunstst. 3fach-Vergl. 80x8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81 cm x 81 cm</t>
  </si>
  <si>
    <t>CVU 080080 0320Q</t>
  </si>
  <si>
    <t>5702329265379</t>
  </si>
  <si>
    <t>VELUX Flachdach-Fenster CVU 080080 0320Q</t>
  </si>
  <si>
    <t>Solar, Kunstst. 2fach-Vergl. 80x8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81 cm x 81 cm</t>
  </si>
  <si>
    <t>CVU 080080 0325Q</t>
  </si>
  <si>
    <t>5702329265386</t>
  </si>
  <si>
    <t>VELUX Flachdach-Fenster CVU 080080 0325Q</t>
  </si>
  <si>
    <t>Solar, Kunstst. 3fach-Vergl. 80x8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81 cm x 81 cm</t>
  </si>
  <si>
    <t>CVU 090060 0220Q</t>
  </si>
  <si>
    <t>5702329187343</t>
  </si>
  <si>
    <t>VELUX Flachdach-Fenster CVU 090060 0220Q</t>
  </si>
  <si>
    <t>Elektro, Kunstst. 2fach-Vergl. 90x6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91 cm x 61 cm</t>
  </si>
  <si>
    <t>CVU 090060 0225Q</t>
  </si>
  <si>
    <t>5702329187367</t>
  </si>
  <si>
    <t>VELUX Flachdach-Fenster CVU 090060 0225Q</t>
  </si>
  <si>
    <t>Elektro, Kunstst. 3fach-Vergl. 90x6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91 cm x 61 cm</t>
  </si>
  <si>
    <t>CVU 090060 0320Q</t>
  </si>
  <si>
    <t>5702329265393</t>
  </si>
  <si>
    <t>VELUX Flachdach-Fenster CVU 090060 0320Q</t>
  </si>
  <si>
    <t>Solar, Kunstst. 2fach-Vergl. 90x6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91 cm x 61 cm</t>
  </si>
  <si>
    <t>CVU 090060 0325Q</t>
  </si>
  <si>
    <t>5702329265409</t>
  </si>
  <si>
    <t>VELUX Flachdach-Fenster CVU 090060 0325Q</t>
  </si>
  <si>
    <t>Solar, Kunstst. 3fach-Vergl. 90x6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91 cm x 61 cm</t>
  </si>
  <si>
    <t>CVU 090090 0220Q</t>
  </si>
  <si>
    <t>5702329187381</t>
  </si>
  <si>
    <t>VELUX Flachdach-Fenster CVU 090090 0220Q</t>
  </si>
  <si>
    <t>Elektro, Kunstst. 2fach-Vergl. 90x9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91 cm x 91 cm</t>
  </si>
  <si>
    <t>CVU 090090 0225Q</t>
  </si>
  <si>
    <t>5702329187404</t>
  </si>
  <si>
    <t>VELUX Flachdach-Fenster CVU 090090 0225Q</t>
  </si>
  <si>
    <t>Elektro, Kunstst. 3fach-Vergl. 90x9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91 cm x 91 cm</t>
  </si>
  <si>
    <t>CVU 090090 0320Q</t>
  </si>
  <si>
    <t>5702329265416</t>
  </si>
  <si>
    <t>VELUX Flachdach-Fenster CVU 090090 0320Q</t>
  </si>
  <si>
    <t>Solar, Kunstst. 2fach-Vergl. 90x9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91 cm x 91 cm</t>
  </si>
  <si>
    <t>CVU 090090 0325Q</t>
  </si>
  <si>
    <t>5702329265423</t>
  </si>
  <si>
    <t>VELUX Flachdach-Fenster CVU 090090 0325Q</t>
  </si>
  <si>
    <t>Solar, Kunstst. 3fach-Vergl. 90x9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91 cm x 91 cm</t>
  </si>
  <si>
    <t>CVU 100100 0220Q</t>
  </si>
  <si>
    <t>5702329187428</t>
  </si>
  <si>
    <t>VELUX Flachdach-Fenster CVU 100100 0220Q</t>
  </si>
  <si>
    <t>Elektro, Kunstst. 2fach-Vergl. 100x10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01 cm x 101 cm</t>
  </si>
  <si>
    <t>CVU 100100 0225Q</t>
  </si>
  <si>
    <t>5702329187442</t>
  </si>
  <si>
    <t>VELUX Flachdach-Fenster CVU 100100 0225Q</t>
  </si>
  <si>
    <t>Elektro, Kunstst. 3fach-Vergl. 100x10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01 cm x 101 cm</t>
  </si>
  <si>
    <t>CVU 100100 0320Q</t>
  </si>
  <si>
    <t>5702329265430</t>
  </si>
  <si>
    <t>VELUX Flachdach-Fenster CVU 100100 0320Q</t>
  </si>
  <si>
    <t>Solar, Kunstst. 2fach-Vergl. 100x10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01 cm x 101 cm</t>
  </si>
  <si>
    <t>CVU 100100 0325Q</t>
  </si>
  <si>
    <t>5702329265447</t>
  </si>
  <si>
    <t>VELUX Flachdach-Fenster CVU 100100 0325Q</t>
  </si>
  <si>
    <t>Solar, Kunstst. 3fach-Vergl. 100x10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01 cm x 101 cm</t>
  </si>
  <si>
    <t>CVU 120090 0220Q</t>
  </si>
  <si>
    <t>5702329187466</t>
  </si>
  <si>
    <t>VELUX Flachdach-Fenster CVU 120090 0220Q</t>
  </si>
  <si>
    <t>Elektro, Kunstst. 2fach-Vergl. 120x9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21 cm x 91 cm</t>
  </si>
  <si>
    <t>CVU 120090 0225Q</t>
  </si>
  <si>
    <t>5702329187480</t>
  </si>
  <si>
    <t>VELUX Flachdach-Fenster CVU 120090 0225Q</t>
  </si>
  <si>
    <t>Elektro, Kunstst. 3fach-Vergl. 120x9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21 cm x 91 cm</t>
  </si>
  <si>
    <t>CVU 120090 0320Q</t>
  </si>
  <si>
    <t>5702329265454</t>
  </si>
  <si>
    <t>VELUX Flachdach-Fenster CVU 120090 0320Q</t>
  </si>
  <si>
    <t>Solar, Kunstst. 2fach-Vergl. 120x9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21 cm x 91 cm</t>
  </si>
  <si>
    <t>CVU 120090 0325Q</t>
  </si>
  <si>
    <t>5702329265461</t>
  </si>
  <si>
    <t>VELUX Flachdach-Fenster CVU 120090 0325Q</t>
  </si>
  <si>
    <t>Solar, Kunstst. 3fach-Vergl. 120x9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21 cm x 91 cm</t>
  </si>
  <si>
    <t>CVU 120120 0220Q</t>
  </si>
  <si>
    <t>5702329187503</t>
  </si>
  <si>
    <t>VELUX Flachdach-Fenster CVU 120120 0220Q</t>
  </si>
  <si>
    <t>Elektro, Kunstst. 2fach-Vergl. 120x12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21 cm x 121 cm</t>
  </si>
  <si>
    <t>CVU 120120 0225Q</t>
  </si>
  <si>
    <t>5702329187527</t>
  </si>
  <si>
    <t>VELUX Flachdach-Fenster CVU 120120 0225Q</t>
  </si>
  <si>
    <t>Elektro, Kunstst. 3fach-Vergl. 120x12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21 cm x 121 cm</t>
  </si>
  <si>
    <t>CVU 120120 0320Q</t>
  </si>
  <si>
    <t>5702329265478</t>
  </si>
  <si>
    <t>VELUX Flachdach-Fenster CVU 120120 0320Q</t>
  </si>
  <si>
    <t>Solar, Kunstst. 2fach-Vergl. 120x12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21 cm x 121 cm</t>
  </si>
  <si>
    <t>CVU 120120 0325Q</t>
  </si>
  <si>
    <t>5702329265485</t>
  </si>
  <si>
    <t>VELUX Flachdach-Fenster CVU 120120 0325Q</t>
  </si>
  <si>
    <t>Solar, Kunstst. 3fach-Vergl. 120x12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21 cm x 121 cm</t>
  </si>
  <si>
    <t>CVU 150080 0220Q</t>
  </si>
  <si>
    <t>5702329685696</t>
  </si>
  <si>
    <t>VELUX Flachdach-Fenster CVU 150080 0220Q</t>
  </si>
  <si>
    <t>Elektro, Kunstst. 2fach-Vergl. 150x8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81 cm</t>
  </si>
  <si>
    <t>CVU 150080 0225Q</t>
  </si>
  <si>
    <t>5702329685719</t>
  </si>
  <si>
    <t>VELUX Flachdach-Fenster CVU 150080 0225Q</t>
  </si>
  <si>
    <t>Elektro, Kunstst. 3fach-Vergl. 150x8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81 cm</t>
  </si>
  <si>
    <t>CVU 150080 0320Q</t>
  </si>
  <si>
    <t>5702329685726</t>
  </si>
  <si>
    <t>VELUX Flachdach-Fenster CVU 150080 0320Q</t>
  </si>
  <si>
    <t>Solar, Kunstst. 2fach-Vergl. 150x8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81 cm</t>
  </si>
  <si>
    <t>CVU 150080 0325Q</t>
  </si>
  <si>
    <t>5702329685733</t>
  </si>
  <si>
    <t>VELUX Flachdach-Fenster CVU 150080 0325Q</t>
  </si>
  <si>
    <t>Solar, Kunstst. 3fach-Vergl. 150x8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81 cm</t>
  </si>
  <si>
    <t>CVU 150100 0220Q</t>
  </si>
  <si>
    <t>5702329265508</t>
  </si>
  <si>
    <t>VELUX Flachdach-Fenster CVU 150100 0220Q</t>
  </si>
  <si>
    <t>Elektro, Kunstst. 2fach-Vergl. 150x10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01 cm</t>
  </si>
  <si>
    <t>CVU 150100 0225Q</t>
  </si>
  <si>
    <t>5702329265522</t>
  </si>
  <si>
    <t>VELUX Flachdach-Fenster CVU 150100 0225Q</t>
  </si>
  <si>
    <t>Elektro, Kunstst. 3fach-Vergl. 150x10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01 cm</t>
  </si>
  <si>
    <t>CVU 150100 0320Q</t>
  </si>
  <si>
    <t>5702329265539</t>
  </si>
  <si>
    <t>VELUX Flachdach-Fenster CVU 150100 0320Q</t>
  </si>
  <si>
    <t>Solar, Kunstst. 2fach-Vergl. 150x10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01 cm</t>
  </si>
  <si>
    <t>CVU 150100 0325Q</t>
  </si>
  <si>
    <t>5702329265546</t>
  </si>
  <si>
    <t>VELUX Flachdach-Fenster CVU 150100 0325Q</t>
  </si>
  <si>
    <t>Solar, Kunstst. 3fach-Vergl. 150x10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01 cm</t>
  </si>
  <si>
    <t>CVU 150120 0220Q</t>
  </si>
  <si>
    <t>5702329685757</t>
  </si>
  <si>
    <t>VELUX Flachdach-Fenster CVU 150120 0220Q</t>
  </si>
  <si>
    <t>Elektro, Kunstst. 2fach-Vergl. 150x12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21 cm</t>
  </si>
  <si>
    <t>CVU 150120 0225Q</t>
  </si>
  <si>
    <t>5702329685771</t>
  </si>
  <si>
    <t>VELUX Flachdach-Fenster CVU 150120 0225Q</t>
  </si>
  <si>
    <t>Elektro, Kunstst. 3fach-Vergl. 150x12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21 cm</t>
  </si>
  <si>
    <t>CVU 150120 0320Q</t>
  </si>
  <si>
    <t>5702329685788</t>
  </si>
  <si>
    <t>VELUX Flachdach-Fenster CVU 150120 0320Q</t>
  </si>
  <si>
    <t>Solar, Kunstst. 2fach-Vergl. 150x12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21 cm</t>
  </si>
  <si>
    <t>CVU 150120 0325Q</t>
  </si>
  <si>
    <t>5702329685795</t>
  </si>
  <si>
    <t>VELUX Flachdach-Fenster CVU 150120 0325Q</t>
  </si>
  <si>
    <t>Solar, Kunstst. 3fach-Vergl. 150x12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21 cm</t>
  </si>
  <si>
    <t>CVU 150150 0220Q</t>
  </si>
  <si>
    <t>5702329265560</t>
  </si>
  <si>
    <t>VELUX Flachdach-Fenster CVU 150150 0220Q</t>
  </si>
  <si>
    <t>Elektro, Kunstst. 2fach-Vergl. 150x15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51 cm</t>
  </si>
  <si>
    <t>CVU 150150 0225Q</t>
  </si>
  <si>
    <t>5702329265584</t>
  </si>
  <si>
    <t>VELUX Flachdach-Fenster CVU 150150 0225Q</t>
  </si>
  <si>
    <t>Elektro, Kunstst. 3fach-Vergl. 150x15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51 cm</t>
  </si>
  <si>
    <t>CVU 150150 0320Q</t>
  </si>
  <si>
    <t>5702329265591</t>
  </si>
  <si>
    <t>VELUX Flachdach-Fenster CVU 150150 0320Q</t>
  </si>
  <si>
    <t>Solar, Kunstst. 2fach-Vergl. 150x15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151 cm x 151 cm</t>
  </si>
  <si>
    <t>CVU 150150 0325Q</t>
  </si>
  <si>
    <t>5702329265607</t>
  </si>
  <si>
    <t>VELUX Flachdach-Fenster CVU 150150 0325Q</t>
  </si>
  <si>
    <t>Solar, Kunstst. 3fach-Vergl. 150x15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151 cm x 151 cm</t>
  </si>
  <si>
    <t>CVU 200060 0220Q</t>
  </si>
  <si>
    <t>5702329685818</t>
  </si>
  <si>
    <t>VELUX Flachdach-Fenster CVU 200060 0220Q</t>
  </si>
  <si>
    <t>Elektro, Kunstst. 2fach-Vergl. 200x6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201 cm x 61 cm</t>
  </si>
  <si>
    <t>CVU 200060 0225Q</t>
  </si>
  <si>
    <t>5702329685832</t>
  </si>
  <si>
    <t>VELUX Flachdach-Fenster CVU 200060 0225Q</t>
  </si>
  <si>
    <t>Elektro, Kunstst. 3fach-Vergl. 200x6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201 cm x 61 cm</t>
  </si>
  <si>
    <t>CVU 200060 0320Q</t>
  </si>
  <si>
    <t>5702329685849</t>
  </si>
  <si>
    <t>VELUX Flachdach-Fenster CVU 200060 0320Q</t>
  </si>
  <si>
    <t>Solar, Kunstst. 2fach-Vergl. 200x6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201 cm x 61 cm</t>
  </si>
  <si>
    <t>CVU 200060 0325Q</t>
  </si>
  <si>
    <t>5702329685856</t>
  </si>
  <si>
    <t>VELUX Flachdach-Fenster CVU 200060 0325Q</t>
  </si>
  <si>
    <t>Solar, Kunstst. 3fach-Vergl. 200x6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201 cm x 61 cm</t>
  </si>
  <si>
    <t>CVU 200100 0220Q</t>
  </si>
  <si>
    <t>5702329265621</t>
  </si>
  <si>
    <t>VELUX Flachdach-Fenster CVU 200100 0220Q</t>
  </si>
  <si>
    <t>Elektro, Kunstst. 2fach-Vergl. 200x100</t>
  </si>
  <si>
    <t>----------------------------------------
Flachdach-Fenster Basiselement
2-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201 cm x 101 cm</t>
  </si>
  <si>
    <t>CVU 200100 0225Q</t>
  </si>
  <si>
    <t>5702329265645</t>
  </si>
  <si>
    <t>VELUX Flachdach-Fenster CVU 200100 0225Q</t>
  </si>
  <si>
    <t>Elektro, Kunstst. 3fach-Vergl. 200x100</t>
  </si>
  <si>
    <t>----------------------------------------
Flachdach-Fenster Basiselement
3-fach-verglast, elektrische Version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201 cm x 101 cm</t>
  </si>
  <si>
    <t>CVU 200100 0320Q</t>
  </si>
  <si>
    <t>5702329265652</t>
  </si>
  <si>
    <t>VELUX Flachdach-Fenster CVU 200100 0320Q</t>
  </si>
  <si>
    <t>Solar, Kunstst. 2fach-Vergl. 200x100</t>
  </si>
  <si>
    <t>----------------------------------------
Flachdach-Fenster Basiselement
2-fach-verglast, Solar-Antrieb
inkl. VELUX Funk-
Wandschalter und Regensensor 
(io-homecontrol).
15 cm Aufsetzkranz aus Kunststoff 
(Polyurethan) mit Holzkern
sowie Isolierverglasung und VSG innen.
Wärmedurchgangskoeffizient abhängig 
vom gewünschten Oberelement:
KONVEX-GLAS (ISU 1093):
CVU 2-fach Verglasung Urc = 0,65*
einschl. Aufsetzkranz bezogen auf 
Abwicklungsfläche 4,4m²
Schalldämmung Rw = 39dB (Klasse 3)
Hitzeschutz: g = 0,52
Abdeckung FLACH-GLAS  (ISU 2093):
CVU 2-fach Verglasung Urc = 0,75* 
einschl. Aufsetzkranz bezogen auf 
Abwicklungsfläche 4,1m²
Schalldämmung Rw = 39dB (Klasse 3)
Hitzeschutz: g = 0,52
*Urc,ref 300 W/(m²K) nach DIN EN 1873
Durchsturzsicher gemäß DIN 18008-6.
RC2 nach DIN EN 1627.
Nut zur Aufnahme der Dampfsperrschürze
BBX und der Innenverkleidung.
Bei rechteckigen Größen befindet sich 
der Antrieb auf der langen Seite.
Für Dachausschnitt 
(B X H ) 201 cm x 101 cm</t>
  </si>
  <si>
    <t>CVU 200100 0325Q</t>
  </si>
  <si>
    <t>5702329265669</t>
  </si>
  <si>
    <t>VELUX Flachdach-Fenster CVU 200100 0325Q</t>
  </si>
  <si>
    <t>Solar, Kunstst. 3fach-Vergl. 200x100</t>
  </si>
  <si>
    <t>----------------------------------------
Flachdach-Fenster Basiselement
3-fach-verglast, Solar-Antrieb
inkl. VELUX Funk-
Wandschalter und Regensensor 
(io-homecontrol).
15 cm Aufsetzkranz aus Kunststoff 
(Polyurethan) mit Holzkern
sowie Isolierverglasung und VSG innen.
Wärmedurchgangskoeffizient abhängig 
vom gewünschten Oberelement:
KONVEX-GLAS (ISU 1093):
CVU 3-fach Verglasung Urc = 0,55*
einschl. Aufsetzkranz bezogen auf 
Abwicklungsfläche 4,4m²
Schalldämmung Rw = 42dB (Klasse 4)
Hitzeschutz: g = 0,49
Abdeckung FLACH-GLAS  (ISU 2093):
CVU 3-fach Verglasung Urc = 0,60* 
einschl. Aufsetzkranz bezogen auf 
Abwicklungsfläche 4,1m²
Schalldämmung Rw = 41dB (Klasse 4)
Hitzeschutz: g = 0,49
*Urc,ref 300 W/(m²K) nach DIN EN 1873
Durchsturzsicher gemäß DIN 18008-6.
RC2 nach DIN EN 1627.
Nut zur Aufnahme der Dampfsperrschürze
BBX und der Innenverkleidung.
Bei rechteckigen Größen befindet sich 
der Antrieb auf der langen Seite.
Für Dachausschnitt 
(B X H ) 201 cm x 101 cm</t>
  </si>
  <si>
    <t>CXP 090120 0473Q</t>
  </si>
  <si>
    <t>5702326907159</t>
  </si>
  <si>
    <t>VELUX Aufsetzkranz CXP 090120 0473Q</t>
  </si>
  <si>
    <t>Kunststoff VSG-Verglasung 90x120</t>
  </si>
  <si>
    <t>----------------------------------------
Flachdach-Fenster Basiselement
bestehend aus
15 cm Kunststoff-Aufsetzkranz inkl.
Polystyroldämmung, mit waagerechter
Isolierglasscheibe mit 2x3 mm VSG innen
für zusätzliche Sicherheit.
Nut zur Aufnahme der Innenverkleidung.
Manuell zu öffnende Ausführung 
als Ausstiegsfenster mit Unterstützung
durch Gasdruckfeder, Öffnungswinkel 60°.
Wärmedurchgangswert der gesamten Kon-
struktion: 
U = 0,86 W/(m²K) nach DIN EN 1873
bezogen auf die Abwicklungsfläche 3,4m².
Schalldämmwert Rw = 36db /SSK 2
Durchsturzsicher gemäß DIN 18008-6.
Nut zur Aufnahme der Dampfsperrschürze
BBX und der Innenverkleidung.
Für Dachausschnitt 
(B X H ) 90 cm x 120 cm</t>
  </si>
  <si>
    <t>CXP 100100 0473Q</t>
  </si>
  <si>
    <t>5702326907173</t>
  </si>
  <si>
    <t>VELUX Aufsetzkranz CXP 100100 0473Q</t>
  </si>
  <si>
    <t>Kunststoff VSG-Verglasung 100x100</t>
  </si>
  <si>
    <t>----------------------------------------
Flachdach-Fenster Basiselement
bestehend aus
15 cm Kunststoff-Aufsetzkranz inkl.
Polystyroldämmung, mit waagerechter
Isolierglasscheibe mit 2x3 mm VSG innen
für zusätzliche Sicherheit.
Nut zur Aufnahme der Innenverkleidung.
Manuell zu öffnende Ausführung 
als Ausstiegsfenster mit Unterstützung
durch Gasdruckfeder, Öffnungswinkel 60°.
Wärmedurchgangswert der gesamten Kon-
struktion: 
U = 0,86 W/(m²K) nach DIN EN 1873
bezogen auf die Abwicklungsfläche 3,4m².
Schalldämmwert Rw = 36db /SSK 2
Durchsturzsicher gemäß DIN 18008-6.
Nut zur Aufnahme der Dampfsperrschürze
BBX und der Innenverkleidung.
Für Dachausschnitt  
(B X H ) 100 cm x 100 cm</t>
  </si>
  <si>
    <t>CXP 120120 0473Q</t>
  </si>
  <si>
    <t>5702326907180</t>
  </si>
  <si>
    <t>VELUX Aufsetzkranz CXP 120120 0473Q</t>
  </si>
  <si>
    <t>Kunststoff VSG-Verglasung 120x120</t>
  </si>
  <si>
    <t>----------------------------------------
Flachdach-Fenster Basiselement
bestehend aus
15 cm Kunststoff-Aufsetzkranz inkl.
Polystyroldämmung, mit waagerechter
Isolierglasscheibe mit 2x3 mm VSG innen
für zusätzliche Sicherheit.
Nut zur Aufnahme der Innenverkleidung.
Manuell zu öffnende Ausführung 
als Ausstiegsfenster mit Unterstützung
durch Gasdruckfeder, Öffnungswinkel 60°.
Wärmedurchgangswert der gesamten Kon-
struktion: 
U = 0,86 W/(m²K) nach DIN EN 1873
bezogen auf die Abwicklungsfläche 3,4m².
Schalldämmwert Rw = 36db /SSK 2
Durchsturzsicher gemäß DIN 18008-6.
Nut zur Aufnahme der Dampfsperrschürze
BBX und der Innenverkleidung.
Für Dachausschnitt 
(B X H ) 120 cm x 120 cm</t>
  </si>
  <si>
    <t>CXU 100100 0220K01</t>
  </si>
  <si>
    <t>5702320699197</t>
  </si>
  <si>
    <t>VELUX Flachdachf. CXU 100100 0220K01</t>
  </si>
  <si>
    <t>elek.Basisele. 100x100 2-fach-Verglasung</t>
  </si>
  <si>
    <t>--------</t>
  </si>
  <si>
    <t>----------------------------------------
CXU Flachdach-Fenster für Ausstieg
und Rauchableitung in Treppenhäusern 
nach Landesbauordnung
Basiselement 2-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2-fach Verglasung Urc = 0,65*
einschl. Aufsetzkranz bezogen auf 
Abwicklungsfläche 4,4m²
Schalldämmung Rw = 39dB (Klasse 3)
Hitzeschutz: g = 0,52
Abdeckung FLACH-GLAS  (ISU 2093):
CXU 2-fach Verglasung Urc = 0,75* 
einschl. Aufsetzkranz bezogen auf 
Abwicklungsfläche 4,1m²
Schalldämmung Rw = 39dB (Klasse 3)
Hitzeschutz: g = 0,52
*Urc,ref 300 W/(m²K) nach DIN EN 1873
Durchsturzsicher gemäß DIN 18008-6.
RC1 nach DIN EN 1627.
Nut zur Aufnahme der Dampfsperrschürze
BBX und der Innenverkleidung.
Für Dachausschnitt  
(B X H ) 101 cm x 101 cm
geometrische Öffnungsfläche 
Ageo [m2] 0.88</t>
  </si>
  <si>
    <t>CXU 100100 0225K01</t>
  </si>
  <si>
    <t>5702320699241</t>
  </si>
  <si>
    <t>VELUX Flachdachf. CXU 100100 0225K01</t>
  </si>
  <si>
    <t>elek.Basisele. 100x100 3-fach-Verglasung</t>
  </si>
  <si>
    <t>----------------------------------------
CXU Flachdach-Fenster für Ausstieg
und Rauchableitung in Treppenhäusern 
nach Landesbauordnung 
Basiselement 3-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3-fach Verglasung Urc = 0,55*
einschl. Aufsetzkranz bezogen auf 
Abwicklungsfläche 4,4m²
Schalldämmung Rw = 42dB (Klasse 4)
Hitzeschutz: g = 0,49
Abdeckung FLACH-GLAS  (ISU 2093):
CXU 3-fach Verglasung Urc = 0,60* 
einschl. Aufsetzkranz bezogen auf 
Abwicklungsfläche 4,1m²
Schalldämmung Rw = 41dB (Klasse 4)
Hitzeschutz: g = 0,49
*Urc,ref 300 W/(m²K) nach DIN EN 1873
Durchsturzsicher gemäß DIN 18008-6.
RC1 nach DIN EN 1627.
Nut zur Aufnahme der Dampfsperrschürze
BBX und der Innenverkleidung.
Für Dachausschnitt  
(B X H ) 101 cm x 101 cm
geometrische Öffnungsfläche 
Ageo [m2] 0.88</t>
  </si>
  <si>
    <t>CXU 120120 0220K01</t>
  </si>
  <si>
    <t>5702320699296</t>
  </si>
  <si>
    <t>VELUX Flachdachf. CXU 120120 0220K01</t>
  </si>
  <si>
    <t>elek.Basisele. 120x120 2-fach-Verglasung</t>
  </si>
  <si>
    <t>Für Dachausschnitt 
(B X H ) 121 cm x 121 cm
geometrische Öffnungsfläche
Ageo [m2] 1.30
----------------------------------------
CXU Flachdach-Fenster für Ausstieg
und Rauchableitung in Treppenhäusern 
nach Landesbauordnung
Basiselement 2-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2-fach Verglasung Urc = 0,65*
einschl. Aufsetzkranz bezogen auf 
Abwicklungsfläche 4,4m²
Schalldämmung Rw = 39dB (Klasse 3)
Hitzeschutz: g = 0,52
Abdeckung FLACH-GLAS  (ISU 2093):
CXU 2-fach Verglasung Urc = 0,75* 
einschl. Aufsetzkranz bezogen auf 
Abwicklungsfläche 4,1m²
Schalldämmung Rw = 39dB (Klasse 3)
Hitzeschutz: g = 0,52
*Urc,ref 300 W/(m²K) nach DIN EN 1873
Durchsturzsicher gemäß DIN 18008-6.
RC1 nach DIN EN 1627.
Nut zur Aufnahme der Dampfsperrschürze
BBX und der Innenverkleidung.</t>
  </si>
  <si>
    <t>CXU 120120 0225K01</t>
  </si>
  <si>
    <t>5702320699340</t>
  </si>
  <si>
    <t>VELUX Flachdachf. CXU 120120 0225K01</t>
  </si>
  <si>
    <t>elek.Basisele. 120x120 3-fach-Verglasung</t>
  </si>
  <si>
    <t>Für Dachausschnitt 
(B X H ) 121 cm x 121 cm
geometrische Öffnungsfläche
Ageo [m2] 1.30
----------------------------------------
CXU Flachdach-Fenster für Ausstieg
und Rauchableitung in Treppenhäusern 
nach Landesbauordnung 
Basiselement 3-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3-fach Verglasung Urc = 0,55*
einschl. Aufsetzkranz bezogen auf 
Abwicklungsfläche 4,4m²
Schalldämmung Rw = 42dB (Klasse 4)
Hitzeschutz: g = 0,49
Abdeckung FLACH-GLAS  (ISU 2093):
CXU 3-fach Verglasung Urc = 0,60* 
einschl. Aufsetzkranz bezogen auf 
Abwicklungsfläche 4,1m²
Schalldämmung Rw = 41dB (Klasse 4)
Hitzeschutz: g = 0,49
*Urc,ref 300 W/(m²K) nach DIN EN 1873
Durchsturzsicher gemäß DIN 18008-6.
RC1 nach DIN EN 1627.
Nut zur Aufnahme der Dampfsperrschürze
BBX und der Innenverkleidung.</t>
  </si>
  <si>
    <t>CXU 150100 0220K01</t>
  </si>
  <si>
    <t>5702320699395</t>
  </si>
  <si>
    <t>VELUX Flachdachf. CXU 150100 0220K01</t>
  </si>
  <si>
    <t>elek.Basisele. 150x100 2-fach-Verglasung</t>
  </si>
  <si>
    <t>Für Dachausschnitt 
(B X H ) 151 cm x 101 cm
geometrische Öffnungsfläche
Ageo  [m2] 1.35
----------------------------------------
CXU Flachdach-Fenster für Ausstieg
und Rauchableitung in Treppenhäusern 
nach Landesbauordnung
Basiselement 2-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2-fach Verglasung Urc = 0,65*
einschl. Aufsetzkranz bezogen auf 
Abwicklungsfläche 4,4m²
Schalldämmung Rw = 39dB (Klasse 3)
Hitzeschutz: g = 0,52
Abdeckung FLACH-GLAS  (ISU 2093):
CXU 2-fach Verglasung Urc = 0,75* 
einschl. Aufsetzkranz bezogen auf 
Abwicklungsfläche 4,1m²
Schalldämmung Rw = 39dB (Klasse 3)
Hitzeschutz: g = 0,52
*Urc,ref 300 W/(m²K) nach DIN EN 1873
Durchsturzsicher gemäß DIN 18008-6.
RC1 nach DIN EN 1627.
Nut zur Aufnahme der Dampfsperrschürze
BBX und der Innenverkleidung.</t>
  </si>
  <si>
    <t>CXU 150100 0225K01</t>
  </si>
  <si>
    <t>5702320699449</t>
  </si>
  <si>
    <t>VELUX Flachdachf. CXU 150100 0225K01</t>
  </si>
  <si>
    <t>elek.Basisele. 150x100 3-fach-Verglasung</t>
  </si>
  <si>
    <t>Für Dachausschnitt 
(B X H ) 151 cm x 101 cm
geometrische Öffnungsfläche
Ageo  [m2] 1.35
----------------------------------------
CXU Flachdach-Fenster für Ausstieg
und Rauchableitung in Treppenhäusern 
nach Landesbauordnung 
Basiselement 3-fach-verglast, 
elektrische Version mit nicht sichtbaren
Motor inkl. VELUX Regensensor und 
Schlüsselkontrollset zur 
Gewährleistung des Einklemmschutzes
und der Durchsturzsicherheit.
Öffnungswinkel für Ausstieg 60°.
15 cm Aufsetzkranz aus Kunststoff 
(Polyurethan) mit Holzkern
sowie Isolierverglasung und VSG innen.
Wärmedurchgangskoeffizient abhängig 
vom gewünschten Oberelement:
KONVEX-GLAS (ISU 1093):
CXU 3-fach Verglasung Urc = 0,55*
einschl. Aufsetzkranz bezogen auf 
Abwicklungsfläche 4,4m²
Schalldämmung Rw = 42dB (Klasse 4)
Hitzeschutz: g = 0,49
Abdeckung FLACH-GLAS  (ISU 2093):
CXU 3-fach Verglasung Urc = 0,60* 
einschl. Aufsetzkranz bezogen auf 
Abwicklungsfläche 4,1m²
Schalldämmung Rw = 41dB (Klasse 4)
Hitzeschutz: g = 0,49
*Urc,ref 300 W/(m²K) nach DIN EN 1873
Durchsturzsicher gemäß DIN 18008-6.
RC1 nach DIN EN 1627.
Nut zur Aufnahme der Dampfsperrschürze
BBX und der Innenverkleidung.</t>
  </si>
  <si>
    <t>DBL C02 4204</t>
  </si>
  <si>
    <t>5702328726765</t>
  </si>
  <si>
    <t>VELUX Verd.-Rollo Classic DBL C02 4204</t>
  </si>
  <si>
    <t>Uni Grau Standard</t>
  </si>
  <si>
    <t>B</t>
  </si>
  <si>
    <t>430</t>
  </si>
  <si>
    <t>VELUX-Verdunkelungs-Rollos</t>
  </si>
  <si>
    <t>50030401</t>
  </si>
  <si>
    <t>63039290</t>
  </si>
  <si>
    <t>M2</t>
  </si>
  <si>
    <t>DBL C02 4230</t>
  </si>
  <si>
    <t>5702328726772</t>
  </si>
  <si>
    <t>VELUX Verd.-Rollo Classic DBL C02 4230</t>
  </si>
  <si>
    <t>Uni Beige Standard</t>
  </si>
  <si>
    <t>DBL C02 4249</t>
  </si>
  <si>
    <t>5702328726789</t>
  </si>
  <si>
    <t>VELUX Verd.-Rollo Classic DBL C02 4249</t>
  </si>
  <si>
    <t>Uni Schwarz Standard</t>
  </si>
  <si>
    <t>DBL C02 4288</t>
  </si>
  <si>
    <t>5702328726796</t>
  </si>
  <si>
    <t>VELUX Verd.-Rollo Classic DBL C02 4288</t>
  </si>
  <si>
    <t>Uni Weiß Standard</t>
  </si>
  <si>
    <t>DBL C04 4204</t>
  </si>
  <si>
    <t>5702328726802</t>
  </si>
  <si>
    <t>VELUX Verd.-Rollo Classic DBL C04 4204</t>
  </si>
  <si>
    <t>DBL C04 4230</t>
  </si>
  <si>
    <t>5702328726819</t>
  </si>
  <si>
    <t>VELUX Verd.-Rollo Classic DBL C04 4230</t>
  </si>
  <si>
    <t>DBL C04 4249</t>
  </si>
  <si>
    <t>5702328726826</t>
  </si>
  <si>
    <t>VELUX Verd.-Rollo Classic DBL C04 4249</t>
  </si>
  <si>
    <t>DBL C04 4288</t>
  </si>
  <si>
    <t>5702328726833</t>
  </si>
  <si>
    <t>VELUX Verd.-Rollo Classic DBL C04 4288</t>
  </si>
  <si>
    <t>DBL F04 4204</t>
  </si>
  <si>
    <t>5702328726840</t>
  </si>
  <si>
    <t>VELUX Verd.-Rollo Classic DBL F04 4204</t>
  </si>
  <si>
    <t>DBL F04 4230</t>
  </si>
  <si>
    <t>5702328726857</t>
  </si>
  <si>
    <t>VELUX Verd.-Rollo Classic DBL F04 4230</t>
  </si>
  <si>
    <t>DBL F04 4249</t>
  </si>
  <si>
    <t>5702328726864</t>
  </si>
  <si>
    <t>VELUX Verd.-Rollo Classic DBL F04 4249</t>
  </si>
  <si>
    <t>DBL F04 4288</t>
  </si>
  <si>
    <t>5702328726871</t>
  </si>
  <si>
    <t>VELUX Verd.-Rollo Classic DBL F04 4288</t>
  </si>
  <si>
    <t>DBL F06 4204</t>
  </si>
  <si>
    <t>5702328726888</t>
  </si>
  <si>
    <t>VELUX Verd.-Rollo Classic DBL F06 4204</t>
  </si>
  <si>
    <t>DBL F06 4230</t>
  </si>
  <si>
    <t>5702328726895</t>
  </si>
  <si>
    <t>VELUX Verd.-Rollo Classic DBL F06 4230</t>
  </si>
  <si>
    <t>DBL F06 4249</t>
  </si>
  <si>
    <t>5702328726901</t>
  </si>
  <si>
    <t>VELUX Verd.-Rollo Classic DBL F06 4249</t>
  </si>
  <si>
    <t>DBL F06 4288</t>
  </si>
  <si>
    <t>5702328726918</t>
  </si>
  <si>
    <t>VELUX Verd.-Rollo Classic DBL F06 4288</t>
  </si>
  <si>
    <t>DBL M04 4204</t>
  </si>
  <si>
    <t>5702328726925</t>
  </si>
  <si>
    <t>VELUX Verd.-Rollo Classic DBL M04 4204</t>
  </si>
  <si>
    <t>DBL M04 4230</t>
  </si>
  <si>
    <t>5702328726932</t>
  </si>
  <si>
    <t>VELUX Verd.-Rollo Classic DBL M04 4230</t>
  </si>
  <si>
    <t>DBL M04 4249</t>
  </si>
  <si>
    <t>5702328726949</t>
  </si>
  <si>
    <t>VELUX Verd.-Rollo Classic DBL M04 4249</t>
  </si>
  <si>
    <t>DBL M04 4288</t>
  </si>
  <si>
    <t>5702328726956</t>
  </si>
  <si>
    <t>VELUX Verd.-Rollo Classic DBL M04 4288</t>
  </si>
  <si>
    <t>DBL M06 4204</t>
  </si>
  <si>
    <t>5702328726963</t>
  </si>
  <si>
    <t>VELUX Verd.-Rollo Classic DBL M06 4204</t>
  </si>
  <si>
    <t>DBL M06 4230</t>
  </si>
  <si>
    <t>5702328726970</t>
  </si>
  <si>
    <t>VELUX Verd.-Rollo Classic DBL M06 4230</t>
  </si>
  <si>
    <t>DBL M06 4249</t>
  </si>
  <si>
    <t>5702328726987</t>
  </si>
  <si>
    <t>VELUX Verd.-Rollo Classic DBL M06 4249</t>
  </si>
  <si>
    <t>DBL M06 4288</t>
  </si>
  <si>
    <t>5702328726994</t>
  </si>
  <si>
    <t>VELUX Verd.-Rollo Classic DBL M06 4288</t>
  </si>
  <si>
    <t>DBL M08 4204</t>
  </si>
  <si>
    <t>5702328727007</t>
  </si>
  <si>
    <t>VELUX Verd.-Rollo Classic DBL M08 4204</t>
  </si>
  <si>
    <t>DBL M08 4230</t>
  </si>
  <si>
    <t>5702328727014</t>
  </si>
  <si>
    <t>VELUX Verd.-Rollo Classic DBL M08 4230</t>
  </si>
  <si>
    <t>DBL M08 4249</t>
  </si>
  <si>
    <t>5702328727021</t>
  </si>
  <si>
    <t>VELUX Verd.-Rollo Classic DBL M08 4249</t>
  </si>
  <si>
    <t>DBL M08 4288</t>
  </si>
  <si>
    <t>5702328727038</t>
  </si>
  <si>
    <t>VELUX Verd.-Rollo Classic DBL M08 4288</t>
  </si>
  <si>
    <t>DBL M10 4204</t>
  </si>
  <si>
    <t>5702328727045</t>
  </si>
  <si>
    <t>VELUX Verd.-Rollo Classic DBL M10 4204</t>
  </si>
  <si>
    <t>DBL M10 4230</t>
  </si>
  <si>
    <t>5702328727052</t>
  </si>
  <si>
    <t>VELUX Verd.-Rollo Classic DBL M10 4230</t>
  </si>
  <si>
    <t>DBL M10 4249</t>
  </si>
  <si>
    <t>5702328727069</t>
  </si>
  <si>
    <t>VELUX Verd.-Rollo Classic DBL M10 4249</t>
  </si>
  <si>
    <t>DBL M10 4288</t>
  </si>
  <si>
    <t>5702328727076</t>
  </si>
  <si>
    <t>VELUX Verd.-Rollo Classic DBL M10 4288</t>
  </si>
  <si>
    <t>DBL P06 4204</t>
  </si>
  <si>
    <t>5702328727083</t>
  </si>
  <si>
    <t>VELUX Verd.-Rollo Classic DBL P06 4204</t>
  </si>
  <si>
    <t>DBL P06 4230</t>
  </si>
  <si>
    <t>5702328727090</t>
  </si>
  <si>
    <t>VELUX Verd.-Rollo Classic DBL P06 4230</t>
  </si>
  <si>
    <t>DBL P06 4249</t>
  </si>
  <si>
    <t>5702328727106</t>
  </si>
  <si>
    <t>VELUX Verd.-Rollo Classic DBL P06 4249</t>
  </si>
  <si>
    <t>DBL P06 4288</t>
  </si>
  <si>
    <t>5702328727113</t>
  </si>
  <si>
    <t>VELUX Verd.-Rollo Classic DBL P06 4288</t>
  </si>
  <si>
    <t>DBL P08 4204</t>
  </si>
  <si>
    <t>5702328727120</t>
  </si>
  <si>
    <t>VELUX Verd.-Rollo Classic DBL P08 4204</t>
  </si>
  <si>
    <t>DBL P08 4230</t>
  </si>
  <si>
    <t>5702328727137</t>
  </si>
  <si>
    <t>VELUX Verd.-Rollo Classic DBL P08 4230</t>
  </si>
  <si>
    <t>DBL P08 4249</t>
  </si>
  <si>
    <t>5702328727144</t>
  </si>
  <si>
    <t>VELUX Verd.-Rollo Classic DBL P08 4249</t>
  </si>
  <si>
    <t>DBL P08 4288</t>
  </si>
  <si>
    <t>5702328727151</t>
  </si>
  <si>
    <t>VELUX Verd.-Rollo Classic DBL P08 4288</t>
  </si>
  <si>
    <t>DBL S06 4204</t>
  </si>
  <si>
    <t>5702328727168</t>
  </si>
  <si>
    <t>VELUX Verd.-Rollo Classic DBL S06 4204</t>
  </si>
  <si>
    <t>DBL S06 4230</t>
  </si>
  <si>
    <t>5702328727175</t>
  </si>
  <si>
    <t>VELUX Verd.-Rollo Classic DBL S06 4230</t>
  </si>
  <si>
    <t>DBL S06 4249</t>
  </si>
  <si>
    <t>5702328727182</t>
  </si>
  <si>
    <t>VELUX Verd.-Rollo Classic DBL S06 4249</t>
  </si>
  <si>
    <t>DBL S06 4288</t>
  </si>
  <si>
    <t>5702328727199</t>
  </si>
  <si>
    <t>VELUX Verd.-Rollo Classic DBL S06 4288</t>
  </si>
  <si>
    <t>DBL S08 4204</t>
  </si>
  <si>
    <t>5702328727205</t>
  </si>
  <si>
    <t>VELUX Verd.-Rollo Classic DBL S08 4204</t>
  </si>
  <si>
    <t>DBL S08 4230</t>
  </si>
  <si>
    <t>5702328727212</t>
  </si>
  <si>
    <t>VELUX Verd.-Rollo Classic DBL S08 4230</t>
  </si>
  <si>
    <t>DBL S08 4249</t>
  </si>
  <si>
    <t>5702328727229</t>
  </si>
  <si>
    <t>VELUX Verd.-Rollo Classic DBL S08 4249</t>
  </si>
  <si>
    <t>DBL S08 4288</t>
  </si>
  <si>
    <t>5702328727236</t>
  </si>
  <si>
    <t>VELUX Verd.-Rollo Classic DBL S08 4288</t>
  </si>
  <si>
    <t>DBL U04 4204</t>
  </si>
  <si>
    <t>5702328727243</t>
  </si>
  <si>
    <t>VELUX Verd.-Rollo Classic DBL U04 4204</t>
  </si>
  <si>
    <t>DBL U04 4230</t>
  </si>
  <si>
    <t>5702328727250</t>
  </si>
  <si>
    <t>VELUX Verd.-Rollo Classic DBL U04 4230</t>
  </si>
  <si>
    <t>DBL U04 4249</t>
  </si>
  <si>
    <t>5702328727267</t>
  </si>
  <si>
    <t>VELUX Verd.-Rollo Classic DBL U04 4249</t>
  </si>
  <si>
    <t>DBL U04 4288</t>
  </si>
  <si>
    <t>5702328727274</t>
  </si>
  <si>
    <t>VELUX Verd.-Rollo Classic DBL U04 4288</t>
  </si>
  <si>
    <t>DBL U08 4204</t>
  </si>
  <si>
    <t>5702328727281</t>
  </si>
  <si>
    <t>VELUX Verd.-Rollo Classic DBL U08 4204</t>
  </si>
  <si>
    <t>DBL U08 4230</t>
  </si>
  <si>
    <t>5702328727298</t>
  </si>
  <si>
    <t>VELUX Verd.-Rollo Classic DBL U08 4230</t>
  </si>
  <si>
    <t>DBL U08 4249</t>
  </si>
  <si>
    <t>5702328727304</t>
  </si>
  <si>
    <t>VELUX Verd.-Rollo Classic DBL U08 4249</t>
  </si>
  <si>
    <t>DBL U08 4288</t>
  </si>
  <si>
    <t>5702328727311</t>
  </si>
  <si>
    <t>VELUX Verd.-Rollo Classic DBL U08 4288</t>
  </si>
  <si>
    <t>DFD C02 0705S</t>
  </si>
  <si>
    <t>5702327920010</t>
  </si>
  <si>
    <t>VELUX Verd.-Rollo Plus DFD C02 0705S</t>
  </si>
  <si>
    <t>Grau/Weiß, alu Schiene, Standard</t>
  </si>
  <si>
    <t>DFD C02 0705SWL</t>
  </si>
  <si>
    <t>5702329008808</t>
  </si>
  <si>
    <t>VELUX Verd.-Rollo Plus DFD C02 0705SWL</t>
  </si>
  <si>
    <t>Grau/Weiß, weiß Standard</t>
  </si>
  <si>
    <t>DFD C02 1025S</t>
  </si>
  <si>
    <t>5702327920027</t>
  </si>
  <si>
    <t>VELUX Verd.-Rollo Plus DFD C02 1025S</t>
  </si>
  <si>
    <t>Weiß/Weiß, alu Schiene, Standard</t>
  </si>
  <si>
    <t>DFD C02 1025SWL</t>
  </si>
  <si>
    <t>5702329008815</t>
  </si>
  <si>
    <t>VELUX Verd.-Rollo Plus DFD C02 1025SWL</t>
  </si>
  <si>
    <t>Weiß/Weiß, weiß Standard</t>
  </si>
  <si>
    <t>DFD C02 1085S</t>
  </si>
  <si>
    <t>5702327920034</t>
  </si>
  <si>
    <t>VELUX Verd.-Rollo Plus DFD C02 1085S</t>
  </si>
  <si>
    <t>Hellbeige/Weiß, alu Schiene, Standard</t>
  </si>
  <si>
    <t>DFD C02 1085SWL</t>
  </si>
  <si>
    <t>5702329008822</t>
  </si>
  <si>
    <t>VELUX Verd.-Rollo Plus DFD C02 1085SWL</t>
  </si>
  <si>
    <t>Hellbeige/Weiß, weiße Schiene, Standard</t>
  </si>
  <si>
    <t>DFD C02 1100S</t>
  </si>
  <si>
    <t>5702327920041</t>
  </si>
  <si>
    <t>VELUX Verd.-Rollo Plus DFD C02 1100S</t>
  </si>
  <si>
    <t>Dunkelblau/Weiß, alu Schiene, Standard</t>
  </si>
  <si>
    <t>DFD C02 1100SWL</t>
  </si>
  <si>
    <t>5702329008839</t>
  </si>
  <si>
    <t>VELUX Verd.-Rollo Plus DFD C02 1100SWL</t>
  </si>
  <si>
    <t>Dunkelblau/Weiß, weiß Standard</t>
  </si>
  <si>
    <t>DFD C02 3009S</t>
  </si>
  <si>
    <t>5702327920072</t>
  </si>
  <si>
    <t>VELUX Verd.-Rollo Plus DFD C02 3009S</t>
  </si>
  <si>
    <t>Schwarz/Weiß, alu Schiene, Premium</t>
  </si>
  <si>
    <t>DFD C02 3009SWL</t>
  </si>
  <si>
    <t>5702329008846</t>
  </si>
  <si>
    <t>VELUX Verd.-Rollo Plus DFD C02 3009SWL</t>
  </si>
  <si>
    <t>Schwarz/Weiß, weiß Premium</t>
  </si>
  <si>
    <t>DFD C02 4556S</t>
  </si>
  <si>
    <t>5702327920096</t>
  </si>
  <si>
    <t>VELUX Verd.-Rollo Plus DFD C02 4556S</t>
  </si>
  <si>
    <t>Sandbeige/Weiß, alu Schiene, Premium</t>
  </si>
  <si>
    <t>DFD C02 4556SWL</t>
  </si>
  <si>
    <t>5702329008853</t>
  </si>
  <si>
    <t>VELUX Verd.-Rollo Plus DFD C02 4556SWL</t>
  </si>
  <si>
    <t>Sandbeige/Weiß, weiß Premium</t>
  </si>
  <si>
    <t>DFD C02 4559S</t>
  </si>
  <si>
    <t>5702327920119</t>
  </si>
  <si>
    <t>VELUX Verd.-Rollo Plus DFD C02 4559S</t>
  </si>
  <si>
    <t>Rehbraun/Weiß, alu Schiene, Premium</t>
  </si>
  <si>
    <t>DFD C02 4559SWL</t>
  </si>
  <si>
    <t>5702329008860</t>
  </si>
  <si>
    <t>VELUX Verd.-Rollo Plus DFD C02 4559SWL</t>
  </si>
  <si>
    <t>Rehbraun/Weiß, weiß Premium</t>
  </si>
  <si>
    <t>DFD C02 4564S</t>
  </si>
  <si>
    <t>5702327920164</t>
  </si>
  <si>
    <t>VELUX Verd.-Rollo Plus DFD C02 4564S</t>
  </si>
  <si>
    <t>Orange/Weiß, alu Schiene, Premium</t>
  </si>
  <si>
    <t>DFD C02 4564SWL</t>
  </si>
  <si>
    <t>5702329008877</t>
  </si>
  <si>
    <t>VELUX Verd.-Rollo Plus DFD C02 4564SWL</t>
  </si>
  <si>
    <t>Orange/Weiß, weiß Premium</t>
  </si>
  <si>
    <t>DFD C02 4574S</t>
  </si>
  <si>
    <t>5702329004510</t>
  </si>
  <si>
    <t>VELUX Verd.-Rollo Plus DFD C02 4574S</t>
  </si>
  <si>
    <t>Nougat/Weiß, alu Premium</t>
  </si>
  <si>
    <t>DFD C02 4574SWL</t>
  </si>
  <si>
    <t>5702329008884</t>
  </si>
  <si>
    <t>VELUX Verd.-Rollo Plus DFD C02 4574SWL</t>
  </si>
  <si>
    <t>Nougat/Weiß, weiß Premium</t>
  </si>
  <si>
    <t>DFD C02 4575S</t>
  </si>
  <si>
    <t>5702329004527</t>
  </si>
  <si>
    <t>VELUX Verd.-Rollo Plus DFD C02 4575S</t>
  </si>
  <si>
    <t>Olivebeige gep./Weiß, alu Premium</t>
  </si>
  <si>
    <t>DFD C02 4575SWL</t>
  </si>
  <si>
    <t>5702329008891</t>
  </si>
  <si>
    <t>VELUX Verd.-Rollo Plus DFD C02 4575SWL</t>
  </si>
  <si>
    <t>Olivebeige gep./Weiß, weiß Premium</t>
  </si>
  <si>
    <t>DFD C02 4576S</t>
  </si>
  <si>
    <t>5702329004534</t>
  </si>
  <si>
    <t>VELUX Verd.-Rollo Plus DFD C02 4576S</t>
  </si>
  <si>
    <t>Himmelblau/Weiß, alu Premium</t>
  </si>
  <si>
    <t>DFD C02 4576SWL</t>
  </si>
  <si>
    <t>5702329008907</t>
  </si>
  <si>
    <t>VELUX Verd.-Rollo Plus DFD C02 4576SWL</t>
  </si>
  <si>
    <t>Himmelblau/Weiß, weiß Premium</t>
  </si>
  <si>
    <t>DFD C02 4577S</t>
  </si>
  <si>
    <t>5702329004541</t>
  </si>
  <si>
    <t>VELUX Verd.-Rollo Plus DFD C02 4577S</t>
  </si>
  <si>
    <t>Taupe/Weiß, alu Premium</t>
  </si>
  <si>
    <t>DFD C02 4577SWL</t>
  </si>
  <si>
    <t>5702329008914</t>
  </si>
  <si>
    <t>VELUX Verd.-Rollo Plus DFD C02 4577SWL</t>
  </si>
  <si>
    <t>Taupe/Weiß, weiß Premium</t>
  </si>
  <si>
    <t>DFD C02 4578S</t>
  </si>
  <si>
    <t>5702329004558</t>
  </si>
  <si>
    <t>VELUX Verd.-Rollo Plus DFD C02 4578S</t>
  </si>
  <si>
    <t>Rosenholz/Weiß, alu Premium</t>
  </si>
  <si>
    <t>DFD C02 4578SWL</t>
  </si>
  <si>
    <t>5702329008921</t>
  </si>
  <si>
    <t>VELUX Verd.-Rollo Plus DFD C02 4578SWL</t>
  </si>
  <si>
    <t>Rosenholz/Weiß, weiß Premium</t>
  </si>
  <si>
    <t>DFD C02 4579S</t>
  </si>
  <si>
    <t>5702329004565</t>
  </si>
  <si>
    <t>VELUX Verd.-Rollo Plus DFD C02 4579S</t>
  </si>
  <si>
    <t>Sandbeige gep./Weiß, alu Premium</t>
  </si>
  <si>
    <t>DFD C02 4579SWL</t>
  </si>
  <si>
    <t>5702329008938</t>
  </si>
  <si>
    <t>VELUX Verd.-Rollo Plus DFD C02 4579SWL</t>
  </si>
  <si>
    <t>Sandbeige gep./Weiß, weiß Premium</t>
  </si>
  <si>
    <t>DFD C02 4580S</t>
  </si>
  <si>
    <t>5702329004572</t>
  </si>
  <si>
    <t>VELUX Verd.-Rollo Plus DFD C02 4580S</t>
  </si>
  <si>
    <t>Helltaupe/Weiß, alu Premium</t>
  </si>
  <si>
    <t>DFD C02 4580SWL</t>
  </si>
  <si>
    <t>5702329008945</t>
  </si>
  <si>
    <t>VELUX Verd.-Rollo Plus DFD C02 4580SWL</t>
  </si>
  <si>
    <t>Helltaupe/Weiß, weiß Premium</t>
  </si>
  <si>
    <t>DFD C02 4581S</t>
  </si>
  <si>
    <t>5702329004589</t>
  </si>
  <si>
    <t>VELUX Verd.-Rollo Plus DFD C02 4581S</t>
  </si>
  <si>
    <t>Blaugrau/Weiß, alu Premium</t>
  </si>
  <si>
    <t>DFD C02 4581SWL</t>
  </si>
  <si>
    <t>5702329008952</t>
  </si>
  <si>
    <t>VELUX Verd.-Rollo Plus DFD C02 4581SWL</t>
  </si>
  <si>
    <t>Blaugrau/Weiß, weiß Premium</t>
  </si>
  <si>
    <t>DFD C02 4653S</t>
  </si>
  <si>
    <t>5702329275613</t>
  </si>
  <si>
    <t>VELUX Verd.-Rollo Plus DFD C02 4653S</t>
  </si>
  <si>
    <t>Kids Universum, alu Schiene</t>
  </si>
  <si>
    <t>DFD C02 4653SWL</t>
  </si>
  <si>
    <t>5702329275620</t>
  </si>
  <si>
    <t>VELUX Verd.-Rollo Plus DFD C02 4653SWL</t>
  </si>
  <si>
    <t>Kids Universum, weiße Schiene</t>
  </si>
  <si>
    <t>DFD C02 4660S</t>
  </si>
  <si>
    <t>5702329275699</t>
  </si>
  <si>
    <t>VELUX Verd.-Rollo Plus DFD C02 4660S</t>
  </si>
  <si>
    <t>Kids Blauer Himmel, alu Schiene</t>
  </si>
  <si>
    <t>DFD C02 4660SWL</t>
  </si>
  <si>
    <t>5702329275705</t>
  </si>
  <si>
    <t>VELUX Verd.-Rollo Plus DFD C02 4660SWL</t>
  </si>
  <si>
    <t>Kids Blauer Himmel, weiße Schiene</t>
  </si>
  <si>
    <t>DFD C02 4661S</t>
  </si>
  <si>
    <t>5702329275712</t>
  </si>
  <si>
    <t>VELUX Verd.-Rollo Plus DFD C02 4661S</t>
  </si>
  <si>
    <t>Kids Grüne Sterne, alu Schiene</t>
  </si>
  <si>
    <t>DFD C02 4665S</t>
  </si>
  <si>
    <t>5702329275736</t>
  </si>
  <si>
    <t>VELUX Verd.-Rollo Plus DFD C02 4665S</t>
  </si>
  <si>
    <t>Kids Mobile, alu Schiene</t>
  </si>
  <si>
    <t>DFD C02 4665SWL</t>
  </si>
  <si>
    <t>5702329275743</t>
  </si>
  <si>
    <t>VELUX Verd.-Rollo Plus DFD C02 4665SWL</t>
  </si>
  <si>
    <t>Kids Mobile, weiße Schiene</t>
  </si>
  <si>
    <t>DFD C02 4666S</t>
  </si>
  <si>
    <t>5702329275750</t>
  </si>
  <si>
    <t>VELUX Verd.-Rollo Plus DFD C02 4666S</t>
  </si>
  <si>
    <t>Kids Heißluftballon, alu Schiene</t>
  </si>
  <si>
    <t>DFD C02 4667S</t>
  </si>
  <si>
    <t>5702329275774</t>
  </si>
  <si>
    <t>VELUX Verd.-Rollo Plus DFD C02 4667S</t>
  </si>
  <si>
    <t>Kids Drachen, alu Schiene</t>
  </si>
  <si>
    <t>DFD C02 4667SWL</t>
  </si>
  <si>
    <t>5702329275781</t>
  </si>
  <si>
    <t>VELUX Verd.-Rollo Plus DFD C02 4667SWL</t>
  </si>
  <si>
    <t>Kids Drachen, weiße Schiene</t>
  </si>
  <si>
    <t>DFD C02 CBYS</t>
  </si>
  <si>
    <t>5702329270045</t>
  </si>
  <si>
    <t>VELUX Verd.-Rollo Plus DFD C02 CBYS</t>
  </si>
  <si>
    <t>Colour by you!alu Schiene, Premium</t>
  </si>
  <si>
    <t>DFD C02 CBYSWL</t>
  </si>
  <si>
    <t>5702329270052</t>
  </si>
  <si>
    <t>VELUX Verd.-Rollo Plus DFD C02 CBYSWL</t>
  </si>
  <si>
    <t>Colour by you!weiße Schiene, Premium</t>
  </si>
  <si>
    <t>DFD C04 0705S</t>
  </si>
  <si>
    <t>5702327920256</t>
  </si>
  <si>
    <t>VELUX Verd.-Rollo Plus DFD C04 0705S</t>
  </si>
  <si>
    <t>DFD C04 0705SWL</t>
  </si>
  <si>
    <t>5702329008969</t>
  </si>
  <si>
    <t>VELUX Verd.-Rollo Plus DFD C04 0705SWL</t>
  </si>
  <si>
    <t>DFD C04 1025S</t>
  </si>
  <si>
    <t>5702327920263</t>
  </si>
  <si>
    <t>VELUX Verd.-Rollo Plus DFD C04 1025S</t>
  </si>
  <si>
    <t>DFD C04 1025SWL</t>
  </si>
  <si>
    <t>5702329008976</t>
  </si>
  <si>
    <t>VELUX Verd.-Rollo Plus DFD C04 1025SWL</t>
  </si>
  <si>
    <t>DFD C04 1085S</t>
  </si>
  <si>
    <t>5702327920270</t>
  </si>
  <si>
    <t>VELUX Verd.-Rollo Plus DFD C04 1085S</t>
  </si>
  <si>
    <t>DFD C04 1085SWL</t>
  </si>
  <si>
    <t>5702329008983</t>
  </si>
  <si>
    <t>VELUX Verd.-Rollo Plus DFD C04 1085SWL</t>
  </si>
  <si>
    <t>DFD C04 1100S</t>
  </si>
  <si>
    <t>5702327920287</t>
  </si>
  <si>
    <t>VELUX Verd.-Rollo Plus DFD C04 1100S</t>
  </si>
  <si>
    <t>DFD C04 1100SWL</t>
  </si>
  <si>
    <t>5702329008990</t>
  </si>
  <si>
    <t>VELUX Verd.-Rollo Plus DFD C04 1100SWL</t>
  </si>
  <si>
    <t>DFD C04 3009S</t>
  </si>
  <si>
    <t>5702327920317</t>
  </si>
  <si>
    <t>VELUX Verd.-Rollo Plus DFD C04 3009S</t>
  </si>
  <si>
    <t>DFD C04 3009SWL</t>
  </si>
  <si>
    <t>5702329009003</t>
  </si>
  <si>
    <t>VELUX Verd.-Rollo Plus DFD C04 3009SWL</t>
  </si>
  <si>
    <t>DFD C04 4556S</t>
  </si>
  <si>
    <t>5702327920331</t>
  </si>
  <si>
    <t>VELUX Verd.-Rollo Plus DFD C04 4556S</t>
  </si>
  <si>
    <t>DFD C04 4556SWL</t>
  </si>
  <si>
    <t>5702329009010</t>
  </si>
  <si>
    <t>VELUX Verd.-Rollo Plus DFD C04 4556SWL</t>
  </si>
  <si>
    <t>DFD C04 4559S</t>
  </si>
  <si>
    <t>5702327920355</t>
  </si>
  <si>
    <t>VELUX Verd.-Rollo Plus DFD C04 4559S</t>
  </si>
  <si>
    <t>DFD C04 4559SWL</t>
  </si>
  <si>
    <t>5702329009027</t>
  </si>
  <si>
    <t>VELUX Verd.-Rollo Plus DFD C04 4559SWL</t>
  </si>
  <si>
    <t>DFD C04 4564S</t>
  </si>
  <si>
    <t>5702327920409</t>
  </si>
  <si>
    <t>VELUX Verd.-Rollo Plus DFD C04 4564S</t>
  </si>
  <si>
    <t>DFD C04 4564SWL</t>
  </si>
  <si>
    <t>5702329009034</t>
  </si>
  <si>
    <t>VELUX Verd.-Rollo Plus DFD C04 4564SWL</t>
  </si>
  <si>
    <t>DFD C04 4574S</t>
  </si>
  <si>
    <t>5702329004596</t>
  </si>
  <si>
    <t>VELUX Verd.-Rollo Plus DFD C04 4574S</t>
  </si>
  <si>
    <t>DFD C04 4574SWL</t>
  </si>
  <si>
    <t>5702329009041</t>
  </si>
  <si>
    <t>VELUX Verd.-Rollo Plus DFD C04 4574SWL</t>
  </si>
  <si>
    <t>DFD C04 4575S</t>
  </si>
  <si>
    <t>5702329004602</t>
  </si>
  <si>
    <t>VELUX Verd.-Rollo Plus DFD C04 4575S</t>
  </si>
  <si>
    <t>DFD C04 4575SWL</t>
  </si>
  <si>
    <t>5702329009058</t>
  </si>
  <si>
    <t>VELUX Verd.-Rollo Plus DFD C04 4575SWL</t>
  </si>
  <si>
    <t>DFD C04 4576S</t>
  </si>
  <si>
    <t>5702329004619</t>
  </si>
  <si>
    <t>VELUX Verd.-Rollo Plus DFD C04 4576S</t>
  </si>
  <si>
    <t>DFD C04 4576SWL</t>
  </si>
  <si>
    <t>5702329009065</t>
  </si>
  <si>
    <t>VELUX Verd.-Rollo Plus DFD C04 4576SWL</t>
  </si>
  <si>
    <t>DFD C04 4577S</t>
  </si>
  <si>
    <t>5702329004626</t>
  </si>
  <si>
    <t>VELUX Verd.-Rollo Plus DFD C04 4577S</t>
  </si>
  <si>
    <t>DFD C04 4577SWL</t>
  </si>
  <si>
    <t>5702329009072</t>
  </si>
  <si>
    <t>VELUX Verd.-Rollo Plus DFD C04 4577SWL</t>
  </si>
  <si>
    <t>DFD C04 4578S</t>
  </si>
  <si>
    <t>5702329004633</t>
  </si>
  <si>
    <t>VELUX Verd.-Rollo Plus DFD C04 4578S</t>
  </si>
  <si>
    <t>DFD C04 4578SWL</t>
  </si>
  <si>
    <t>5702329009089</t>
  </si>
  <si>
    <t>VELUX Verd.-Rollo Plus DFD C04 4578SWL</t>
  </si>
  <si>
    <t>DFD C04 4579S</t>
  </si>
  <si>
    <t>5702329004640</t>
  </si>
  <si>
    <t>VELUX Verd.-Rollo Plus DFD C04 4579S</t>
  </si>
  <si>
    <t>DFD C04 4579SWL</t>
  </si>
  <si>
    <t>5702329009096</t>
  </si>
  <si>
    <t>VELUX Verd.-Rollo Plus DFD C04 4579SWL</t>
  </si>
  <si>
    <t>DFD C04 4580S</t>
  </si>
  <si>
    <t>5702329004657</t>
  </si>
  <si>
    <t>VELUX Verd.-Rollo Plus DFD C04 4580S</t>
  </si>
  <si>
    <t>DFD C04 4580SWL</t>
  </si>
  <si>
    <t>5702329009102</t>
  </si>
  <si>
    <t>VELUX Verd.-Rollo Plus DFD C04 4580SWL</t>
  </si>
  <si>
    <t>DFD C04 4581S</t>
  </si>
  <si>
    <t>5702329004664</t>
  </si>
  <si>
    <t>VELUX Verd.-Rollo Plus DFD C04 4581S</t>
  </si>
  <si>
    <t>DFD C04 4581SWL</t>
  </si>
  <si>
    <t>5702329009119</t>
  </si>
  <si>
    <t>VELUX Verd.-Rollo Plus DFD C04 4581SWL</t>
  </si>
  <si>
    <t>DFD C04 4653S</t>
  </si>
  <si>
    <t>5702329275798</t>
  </si>
  <si>
    <t>VELUX Verd.-Rollo Plus DFD C04 4653S</t>
  </si>
  <si>
    <t>DFD C04 4653SWL</t>
  </si>
  <si>
    <t>5702329275804</t>
  </si>
  <si>
    <t>VELUX Verd.-Rollo Plus DFD C04 4653SWL</t>
  </si>
  <si>
    <t>DFD C04 4654S</t>
  </si>
  <si>
    <t>5702329275811</t>
  </si>
  <si>
    <t>VELUX Verd.-Rollo Plus DFD C04 4654S</t>
  </si>
  <si>
    <t>Kids Rennautos, alu Schiene</t>
  </si>
  <si>
    <t>DFD C04 4660S</t>
  </si>
  <si>
    <t>5702329275873</t>
  </si>
  <si>
    <t>VELUX Verd.-Rollo Plus DFD C04 4660S</t>
  </si>
  <si>
    <t>DFD C04 4660SWL</t>
  </si>
  <si>
    <t>5702329275880</t>
  </si>
  <si>
    <t>VELUX Verd.-Rollo Plus DFD C04 4660SWL</t>
  </si>
  <si>
    <t>DFD C04 4661S</t>
  </si>
  <si>
    <t>5702329275897</t>
  </si>
  <si>
    <t>VELUX Verd.-Rollo Plus DFD C04 4661S</t>
  </si>
  <si>
    <t>DFD C04 4661SWL</t>
  </si>
  <si>
    <t>5702329275903</t>
  </si>
  <si>
    <t>VELUX Verd.-Rollo Plus DFD C04 4661SWL</t>
  </si>
  <si>
    <t>Kids Grüne Sterne, weiße Schiene</t>
  </si>
  <si>
    <t>DFD C04 4665S</t>
  </si>
  <si>
    <t>5702329275910</t>
  </si>
  <si>
    <t>VELUX Verd.-Rollo Plus DFD C04 4665S</t>
  </si>
  <si>
    <t>DFD C04 4665SWL</t>
  </si>
  <si>
    <t>5702329275927</t>
  </si>
  <si>
    <t>VELUX Verd.-Rollo Plus DFD C04 4665SWL</t>
  </si>
  <si>
    <t>DFD C04 4666S</t>
  </si>
  <si>
    <t>5702329275934</t>
  </si>
  <si>
    <t>VELUX Verd.-Rollo Plus DFD C04 4666S</t>
  </si>
  <si>
    <t>DFD C04 4666SWL</t>
  </si>
  <si>
    <t>5702329275941</t>
  </si>
  <si>
    <t>VELUX Verd.-Rollo Plus DFD C04 4666SWL</t>
  </si>
  <si>
    <t>Kids Heißluftballon, weiße Schiene</t>
  </si>
  <si>
    <t>DFD C04 4667S</t>
  </si>
  <si>
    <t>5702329275958</t>
  </si>
  <si>
    <t>VELUX Verd.-Rollo Plus DFD C04 4667S</t>
  </si>
  <si>
    <t>DFD C04 4667SWL</t>
  </si>
  <si>
    <t>5702329275965</t>
  </si>
  <si>
    <t>VELUX Verd.-Rollo Plus DFD C04 4667SWL</t>
  </si>
  <si>
    <t>DFD C04 CBYS</t>
  </si>
  <si>
    <t>5702329270069</t>
  </si>
  <si>
    <t>VELUX Verd.-Rollo Plus DFD C04 CBYS</t>
  </si>
  <si>
    <t>DFD C04 CBYSWL</t>
  </si>
  <si>
    <t>5702329270076</t>
  </si>
  <si>
    <t>VELUX Verd.-Rollo Plus DFD C04 CBYSWL</t>
  </si>
  <si>
    <t>DFD C06 0705S</t>
  </si>
  <si>
    <t>5702327920492</t>
  </si>
  <si>
    <t>VELUX Verd.-Rollo Plus DFD C06 0705S</t>
  </si>
  <si>
    <t>DFD C06 0705SWL</t>
  </si>
  <si>
    <t>5702329009126</t>
  </si>
  <si>
    <t>VELUX Verd.-Rollo Plus DFD C06 0705SWL</t>
  </si>
  <si>
    <t>DFD C06 1025S</t>
  </si>
  <si>
    <t>5702327920508</t>
  </si>
  <si>
    <t>VELUX Verd.-Rollo Plus DFD C06 1025S</t>
  </si>
  <si>
    <t>DFD C06 1025SWL</t>
  </si>
  <si>
    <t>5702329009133</t>
  </si>
  <si>
    <t>VELUX Verd.-Rollo Plus DFD C06 1025SWL</t>
  </si>
  <si>
    <t>DFD C06 1085S</t>
  </si>
  <si>
    <t>5702327920515</t>
  </si>
  <si>
    <t>VELUX Verd.-Rollo Plus DFD C06 1085S</t>
  </si>
  <si>
    <t>DFD C06 1085SWL</t>
  </si>
  <si>
    <t>5702329009140</t>
  </si>
  <si>
    <t>VELUX Verd.-Rollo Plus DFD C06 1085SWL</t>
  </si>
  <si>
    <t>DFD C06 1100S</t>
  </si>
  <si>
    <t>5702327920522</t>
  </si>
  <si>
    <t>VELUX Verd.-Rollo Plus DFD C06 1100S</t>
  </si>
  <si>
    <t>DFD C06 1100SWL</t>
  </si>
  <si>
    <t>5702329009157</t>
  </si>
  <si>
    <t>VELUX Verd.-Rollo Plus DFD C06 1100SWL</t>
  </si>
  <si>
    <t>DFD C06 3009S</t>
  </si>
  <si>
    <t>5702327920553</t>
  </si>
  <si>
    <t>VELUX Verd.-Rollo Plus DFD C06 3009S</t>
  </si>
  <si>
    <t>DFD C06 3009SWL</t>
  </si>
  <si>
    <t>5702329009164</t>
  </si>
  <si>
    <t>VELUX Verd.-Rollo Plus DFD C06 3009SWL</t>
  </si>
  <si>
    <t>DFD C06 4556S</t>
  </si>
  <si>
    <t>5702327920577</t>
  </si>
  <si>
    <t>VELUX Verd.-Rollo Plus DFD C06 4556S</t>
  </si>
  <si>
    <t>DFD C06 4556SWL</t>
  </si>
  <si>
    <t>5702329009171</t>
  </si>
  <si>
    <t>VELUX Verd.-Rollo Plus DFD C06 4556SWL</t>
  </si>
  <si>
    <t>DFD C06 4559SWL</t>
  </si>
  <si>
    <t>5702329009188</t>
  </si>
  <si>
    <t>VELUX Verd.-Rollo Plus DFD C06 4559SWL</t>
  </si>
  <si>
    <t>DFD C06 4564S</t>
  </si>
  <si>
    <t>5702327920645</t>
  </si>
  <si>
    <t>VELUX Verd.-Rollo Plus DFD C06 4564S</t>
  </si>
  <si>
    <t>DFD C06 4564SWL</t>
  </si>
  <si>
    <t>5702329009195</t>
  </si>
  <si>
    <t>VELUX Verd.-Rollo Plus DFD C06 4564SWL</t>
  </si>
  <si>
    <t>DFD C06 4574S</t>
  </si>
  <si>
    <t>5702329004671</t>
  </si>
  <si>
    <t>VELUX Verd.-Rollo Plus DFD C06 4574S</t>
  </si>
  <si>
    <t>DFD C06 4574SWL</t>
  </si>
  <si>
    <t>5702329009201</t>
  </si>
  <si>
    <t>VELUX Verd.-Rollo Plus DFD C06 4574SWL</t>
  </si>
  <si>
    <t>DFD C06 4575SWL</t>
  </si>
  <si>
    <t>5702329009218</t>
  </si>
  <si>
    <t>VELUX Verd.-Rollo Plus DFD C06 4575SWL</t>
  </si>
  <si>
    <t>DFD C06 4576SWL</t>
  </si>
  <si>
    <t>5702329009225</t>
  </si>
  <si>
    <t>VELUX Verd.-Rollo Plus DFD C06 4576SWL</t>
  </si>
  <si>
    <t>DFD C06 4577S</t>
  </si>
  <si>
    <t>5702329004701</t>
  </si>
  <si>
    <t>VELUX Verd.-Rollo Plus DFD C06 4577S</t>
  </si>
  <si>
    <t>DFD C06 4579SWL</t>
  </si>
  <si>
    <t>5702329009256</t>
  </si>
  <si>
    <t>VELUX Verd.-Rollo Plus DFD C06 4579SWL</t>
  </si>
  <si>
    <t>DFD C06 4580S</t>
  </si>
  <si>
    <t>5702329004732</t>
  </si>
  <si>
    <t>VELUX Verd.-Rollo Plus DFD C06 4580S</t>
  </si>
  <si>
    <t>DFD C06 4580SWL</t>
  </si>
  <si>
    <t>5702329009263</t>
  </si>
  <si>
    <t>VELUX Verd.-Rollo Plus DFD C06 4580SWL</t>
  </si>
  <si>
    <t>DFD C06 4581S</t>
  </si>
  <si>
    <t>5702329004749</t>
  </si>
  <si>
    <t>VELUX Verd.-Rollo Plus DFD C06 4581S</t>
  </si>
  <si>
    <t>DFD C06 4581SWL</t>
  </si>
  <si>
    <t>5702329009270</t>
  </si>
  <si>
    <t>VELUX Verd.-Rollo Plus DFD C06 4581SWL</t>
  </si>
  <si>
    <t>DFD C06 4665SWL</t>
  </si>
  <si>
    <t>5702329276108</t>
  </si>
  <si>
    <t>VELUX Verd.-Rollo Plus DFD C06 4665SWL</t>
  </si>
  <si>
    <t>DFD C06 CBYS</t>
  </si>
  <si>
    <t>5702329270083</t>
  </si>
  <si>
    <t>VELUX Verd.-Rollo Plus DFD C06 CBYS</t>
  </si>
  <si>
    <t>DFD C06 CBYSWL</t>
  </si>
  <si>
    <t>5702329270090</t>
  </si>
  <si>
    <t>VELUX Verd.-Rollo Plus DFD C06 CBYSWL</t>
  </si>
  <si>
    <t>DFD CK02 0705S</t>
  </si>
  <si>
    <t>5702327920973</t>
  </si>
  <si>
    <t>VELUX Verd.-Rollo Plus DFD CK02 0705S</t>
  </si>
  <si>
    <t>DFD CK02 0705SWL</t>
  </si>
  <si>
    <t>5702329009447</t>
  </si>
  <si>
    <t>VELUX Verd.-Rollo Plus DFD CK02 0705SWL</t>
  </si>
  <si>
    <t>DFD CK02 1025S</t>
  </si>
  <si>
    <t>5702327920980</t>
  </si>
  <si>
    <t>VELUX Verd.-Rollo Plus DFD CK02 1025S</t>
  </si>
  <si>
    <t>DFD CK02 1025SWL</t>
  </si>
  <si>
    <t>5702329009454</t>
  </si>
  <si>
    <t>VELUX Verd.-Rollo Plus DFD CK02 1025SWL</t>
  </si>
  <si>
    <t>DFD CK02 1085S</t>
  </si>
  <si>
    <t>5702327920997</t>
  </si>
  <si>
    <t>VELUX Verd.-Rollo Plus DFD CK02 1085S</t>
  </si>
  <si>
    <t>DFD CK02 1085SWL</t>
  </si>
  <si>
    <t>5702329009461</t>
  </si>
  <si>
    <t>VELUX Verd.-Rollo Plus DFD CK02 1085SWL</t>
  </si>
  <si>
    <t>DFD CK02 1100S</t>
  </si>
  <si>
    <t>5702327921000</t>
  </si>
  <si>
    <t>VELUX Verd.-Rollo Plus DFD CK02 1100S</t>
  </si>
  <si>
    <t>DFD CK02 1100SWL</t>
  </si>
  <si>
    <t>5702329009478</t>
  </si>
  <si>
    <t>VELUX Verd.-Rollo Plus DFD CK02 1100SWL</t>
  </si>
  <si>
    <t>DFD CK02 3009S</t>
  </si>
  <si>
    <t>5702327921031</t>
  </si>
  <si>
    <t>VELUX Verd.-Rollo Plus DFD CK02 3009S</t>
  </si>
  <si>
    <t>DFD CK02 3009SWL</t>
  </si>
  <si>
    <t>5702329009485</t>
  </si>
  <si>
    <t>VELUX Verd.-Rollo Plus DFD CK02 3009SWL</t>
  </si>
  <si>
    <t>DFD CK02 4556S</t>
  </si>
  <si>
    <t>5702327921055</t>
  </si>
  <si>
    <t>VELUX Verd.-Rollo Plus DFD CK02 4556S</t>
  </si>
  <si>
    <t>DFD CK02 4556SWL</t>
  </si>
  <si>
    <t>5702329009492</t>
  </si>
  <si>
    <t>VELUX Verd.-Rollo Plus DFD CK02 4556SWL</t>
  </si>
  <si>
    <t>DFD CK02 4559S</t>
  </si>
  <si>
    <t>5702327921079</t>
  </si>
  <si>
    <t>VELUX Verd.-Rollo Plus DFD CK02 4559S</t>
  </si>
  <si>
    <t>DFD CK02 4559SWL</t>
  </si>
  <si>
    <t>5702329009508</t>
  </si>
  <si>
    <t>VELUX Verd.-Rollo Plus DFD CK02 4559SWL</t>
  </si>
  <si>
    <t>DFD CK02 4564S</t>
  </si>
  <si>
    <t>5702327921123</t>
  </si>
  <si>
    <t>VELUX Verd.-Rollo Plus DFD CK02 4564S</t>
  </si>
  <si>
    <t>DFD CK02 4564SWL</t>
  </si>
  <si>
    <t>5702329009515</t>
  </si>
  <si>
    <t>VELUX Verd.-Rollo Plus DFD CK02 4564SWL</t>
  </si>
  <si>
    <t>DFD CK02 4574S</t>
  </si>
  <si>
    <t>5702329004831</t>
  </si>
  <si>
    <t>VELUX Verd.-Rollo Plus DFD CK02 4574S</t>
  </si>
  <si>
    <t>DFD CK02 4574SWL</t>
  </si>
  <si>
    <t>5702329009522</t>
  </si>
  <si>
    <t>VELUX Verd.-Rollo Plus DFD CK02 4574SWL</t>
  </si>
  <si>
    <t>DFD CK02 4575S</t>
  </si>
  <si>
    <t>5702329004848</t>
  </si>
  <si>
    <t>VELUX Verd.-Rollo Plus DFD CK02 4575S</t>
  </si>
  <si>
    <t>DFD CK02 4575SWL</t>
  </si>
  <si>
    <t>5702329009539</t>
  </si>
  <si>
    <t>VELUX Verd.-Rollo Plus DFD CK02 4575SWL</t>
  </si>
  <si>
    <t>DFD CK02 4576S</t>
  </si>
  <si>
    <t>5702329004855</t>
  </si>
  <si>
    <t>VELUX Verd.-Rollo Plus DFD CK02 4576S</t>
  </si>
  <si>
    <t>DFD CK02 4576SWL</t>
  </si>
  <si>
    <t>5702329009546</t>
  </si>
  <si>
    <t>VELUX Verd.-Rollo Plus DFD CK02 4576SWL</t>
  </si>
  <si>
    <t>DFD CK02 4577S</t>
  </si>
  <si>
    <t>5702329004862</t>
  </si>
  <si>
    <t>VELUX Verd.-Rollo Plus DFD CK02 4577S</t>
  </si>
  <si>
    <t>DFD CK02 4577SWL</t>
  </si>
  <si>
    <t>5702329009553</t>
  </si>
  <si>
    <t>VELUX Verd.-Rollo Plus DFD CK02 4577SWL</t>
  </si>
  <si>
    <t>DFD CK02 4578S</t>
  </si>
  <si>
    <t>5702329004879</t>
  </si>
  <si>
    <t>VELUX Verd.-Rollo Plus DFD CK02 4578S</t>
  </si>
  <si>
    <t>DFD CK02 4578SWL</t>
  </si>
  <si>
    <t>5702329009560</t>
  </si>
  <si>
    <t>VELUX Verd.-Rollo Plus DFD CK02 4578SWL</t>
  </si>
  <si>
    <t>DFD CK02 4579S</t>
  </si>
  <si>
    <t>5702329004886</t>
  </si>
  <si>
    <t>VELUX Verd.-Rollo Plus DFD CK02 4579S</t>
  </si>
  <si>
    <t>DFD CK02 4579SWL</t>
  </si>
  <si>
    <t>5702329009577</t>
  </si>
  <si>
    <t>VELUX Verd.-Rollo Plus DFD CK02 4579SWL</t>
  </si>
  <si>
    <t>DFD CK02 4580S</t>
  </si>
  <si>
    <t>5702329004893</t>
  </si>
  <si>
    <t>VELUX Verd.-Rollo Plus DFD CK02 4580S</t>
  </si>
  <si>
    <t>DFD CK02 4580SWL</t>
  </si>
  <si>
    <t>5702329009584</t>
  </si>
  <si>
    <t>VELUX Verd.-Rollo Plus DFD CK02 4580SWL</t>
  </si>
  <si>
    <t>DFD CK02 4581S</t>
  </si>
  <si>
    <t>5702329004909</t>
  </si>
  <si>
    <t>VELUX Verd.-Rollo Plus DFD CK02 4581S</t>
  </si>
  <si>
    <t>DFD CK02 4581SWL</t>
  </si>
  <si>
    <t>5702329009591</t>
  </si>
  <si>
    <t>VELUX Verd.-Rollo Plus DFD CK02 4581SWL</t>
  </si>
  <si>
    <t>DFD CK02 4653S</t>
  </si>
  <si>
    <t>5702329276337</t>
  </si>
  <si>
    <t>VELUX Verd.-Rollo Plus DFD CK02 4653S</t>
  </si>
  <si>
    <t>DFD CK02 4653SWL</t>
  </si>
  <si>
    <t>5702329276344</t>
  </si>
  <si>
    <t>VELUX Verd.-Rollo Plus DFD CK02 4653SWL</t>
  </si>
  <si>
    <t>DFD CK02 4654S</t>
  </si>
  <si>
    <t>5702329276351</t>
  </si>
  <si>
    <t>VELUX Verd.-Rollo Plus DFD CK02 4654S</t>
  </si>
  <si>
    <t>DFD CK02 4655S</t>
  </si>
  <si>
    <t>5702329276375</t>
  </si>
  <si>
    <t>VELUX Verd.-Rollo Plus DFD CK02 4655S</t>
  </si>
  <si>
    <t>Kids Straßen, alu Schiene</t>
  </si>
  <si>
    <t>DFD CK02 4659S</t>
  </si>
  <si>
    <t>5702329276399</t>
  </si>
  <si>
    <t>VELUX Verd.-Rollo Plus DFD CK02 4659S</t>
  </si>
  <si>
    <t>Kids Rosa Sterne, alu Schiene</t>
  </si>
  <si>
    <t>DFD CK02 4659SWL</t>
  </si>
  <si>
    <t>5702329276405</t>
  </si>
  <si>
    <t>VELUX Verd.-Rollo Plus DFD CK02 4659SWL</t>
  </si>
  <si>
    <t>Kids Rosa Sterne, weiße Schiene</t>
  </si>
  <si>
    <t>DFD CK02 4660S</t>
  </si>
  <si>
    <t>5702329276412</t>
  </si>
  <si>
    <t>VELUX Verd.-Rollo Plus DFD CK02 4660S</t>
  </si>
  <si>
    <t>DFD CK02 4660SWL</t>
  </si>
  <si>
    <t>5702329276429</t>
  </si>
  <si>
    <t>VELUX Verd.-Rollo Plus DFD CK02 4660SWL</t>
  </si>
  <si>
    <t>DFD CK02 4665SWL</t>
  </si>
  <si>
    <t>5702329276467</t>
  </si>
  <si>
    <t>VELUX Verd.-Rollo Plus DFD CK02 4665SWL</t>
  </si>
  <si>
    <t>DFD CK02 4666S</t>
  </si>
  <si>
    <t>5702329276474</t>
  </si>
  <si>
    <t>VELUX Verd.-Rollo Plus DFD CK02 4666S</t>
  </si>
  <si>
    <t>DFD CK02 4666SWL</t>
  </si>
  <si>
    <t>5702329276481</t>
  </si>
  <si>
    <t>VELUX Verd.-Rollo Plus DFD CK02 4666SWL</t>
  </si>
  <si>
    <t>DFD CK02 4667S</t>
  </si>
  <si>
    <t>5702329276498</t>
  </si>
  <si>
    <t>VELUX Verd.-Rollo Plus DFD CK02 4667S</t>
  </si>
  <si>
    <t>DFD CK02 4667SWL</t>
  </si>
  <si>
    <t>5702329276504</t>
  </si>
  <si>
    <t>VELUX Verd.-Rollo Plus DFD CK02 4667SWL</t>
  </si>
  <si>
    <t>DFD CK02 CBYS</t>
  </si>
  <si>
    <t>5702329270120</t>
  </si>
  <si>
    <t>VELUX Verd.-Rollo Plus DFD CK02 CBYS</t>
  </si>
  <si>
    <t>DFD CK02 CBYSWL</t>
  </si>
  <si>
    <t>5702329270137</t>
  </si>
  <si>
    <t>VELUX Verd.-Rollo Plus DFD CK02 CBYSWL</t>
  </si>
  <si>
    <t>DFD CK04 0705S</t>
  </si>
  <si>
    <t>5702327921215</t>
  </si>
  <si>
    <t>VELUX Verd.-Rollo Plus DFD CK04 0705S</t>
  </si>
  <si>
    <t>DFD CK04 0705SWL</t>
  </si>
  <si>
    <t>5702329009607</t>
  </si>
  <si>
    <t>VELUX Verd.-Rollo Plus DFD CK04 0705SWL</t>
  </si>
  <si>
    <t>DFD CK04 1025S</t>
  </si>
  <si>
    <t>5702327921222</t>
  </si>
  <si>
    <t>VELUX Verd.-Rollo Plus DFD CK04 1025S</t>
  </si>
  <si>
    <t>DFD CK04 1025SWL</t>
  </si>
  <si>
    <t>5702329009614</t>
  </si>
  <si>
    <t>VELUX Verd.-Rollo Plus DFD CK04 1025SWL</t>
  </si>
  <si>
    <t>DFD CK04 1085S</t>
  </si>
  <si>
    <t>5702327921239</t>
  </si>
  <si>
    <t>VELUX Verd.-Rollo Plus DFD CK04 1085S</t>
  </si>
  <si>
    <t>DFD CK04 1085SWL</t>
  </si>
  <si>
    <t>5702329009621</t>
  </si>
  <si>
    <t>VELUX Verd.-Rollo Plus DFD CK04 1085SWL</t>
  </si>
  <si>
    <t>DFD CK04 1100S</t>
  </si>
  <si>
    <t>5702327921246</t>
  </si>
  <si>
    <t>VELUX Verd.-Rollo Plus DFD CK04 1100S</t>
  </si>
  <si>
    <t>DFD CK04 1100SWL</t>
  </si>
  <si>
    <t>5702329009638</t>
  </si>
  <si>
    <t>VELUX Verd.-Rollo Plus DFD CK04 1100SWL</t>
  </si>
  <si>
    <t>DFD CK04 3009S</t>
  </si>
  <si>
    <t>5702327921277</t>
  </si>
  <si>
    <t>VELUX Verd.-Rollo Plus DFD CK04 3009S</t>
  </si>
  <si>
    <t>DFD CK04 3009SWL</t>
  </si>
  <si>
    <t>5702329009645</t>
  </si>
  <si>
    <t>VELUX Verd.-Rollo Plus DFD CK04 3009SWL</t>
  </si>
  <si>
    <t>DFD CK04 4556S</t>
  </si>
  <si>
    <t>5702327921291</t>
  </si>
  <si>
    <t>VELUX Verd.-Rollo Plus DFD CK04 4556S</t>
  </si>
  <si>
    <t>DFD CK04 4556SWL</t>
  </si>
  <si>
    <t>5702329009652</t>
  </si>
  <si>
    <t>VELUX Verd.-Rollo Plus DFD CK04 4556SWL</t>
  </si>
  <si>
    <t>DFD CK04 4559S</t>
  </si>
  <si>
    <t>5702327921314</t>
  </si>
  <si>
    <t>VELUX Verd.-Rollo Plus DFD CK04 4559S</t>
  </si>
  <si>
    <t>DFD CK04 4559SWL</t>
  </si>
  <si>
    <t>5702329009669</t>
  </si>
  <si>
    <t>VELUX Verd.-Rollo Plus DFD CK04 4559SWL</t>
  </si>
  <si>
    <t>DFD CK04 4564S</t>
  </si>
  <si>
    <t>5702327921369</t>
  </si>
  <si>
    <t>VELUX Verd.-Rollo Plus DFD CK04 4564S</t>
  </si>
  <si>
    <t>DFD CK04 4564SWL</t>
  </si>
  <si>
    <t>5702329009676</t>
  </si>
  <si>
    <t>VELUX Verd.-Rollo Plus DFD CK04 4564SWL</t>
  </si>
  <si>
    <t>DFD CK04 4574S</t>
  </si>
  <si>
    <t>5702329004916</t>
  </si>
  <si>
    <t>VELUX Verd.-Rollo Plus DFD CK04 4574S</t>
  </si>
  <si>
    <t>DFD CK04 4574SWL</t>
  </si>
  <si>
    <t>5702329009683</t>
  </si>
  <si>
    <t>VELUX Verd.-Rollo Plus DFD CK04 4574SWL</t>
  </si>
  <si>
    <t>DFD CK04 4575S</t>
  </si>
  <si>
    <t>5702329004923</t>
  </si>
  <si>
    <t>VELUX Verd.-Rollo Plus DFD CK04 4575S</t>
  </si>
  <si>
    <t>DFD CK04 4575SWL</t>
  </si>
  <si>
    <t>5702329009690</t>
  </si>
  <si>
    <t>VELUX Verd.-Rollo Plus DFD CK04 4575SWL</t>
  </si>
  <si>
    <t>DFD CK04 4576S</t>
  </si>
  <si>
    <t>5702329004930</t>
  </si>
  <si>
    <t>VELUX Verd.-Rollo Plus DFD CK04 4576S</t>
  </si>
  <si>
    <t>DFD CK04 4576SWL</t>
  </si>
  <si>
    <t>5702329009706</t>
  </si>
  <si>
    <t>VELUX Verd.-Rollo Plus DFD CK04 4576SWL</t>
  </si>
  <si>
    <t>DFD CK04 4577S</t>
  </si>
  <si>
    <t>5702329004947</t>
  </si>
  <si>
    <t>VELUX Verd.-Rollo Plus DFD CK04 4577S</t>
  </si>
  <si>
    <t>DFD CK04 4577SWL</t>
  </si>
  <si>
    <t>5702329009713</t>
  </si>
  <si>
    <t>VELUX Verd.-Rollo Plus DFD CK04 4577SWL</t>
  </si>
  <si>
    <t>DFD CK04 4578S</t>
  </si>
  <si>
    <t>5702329004954</t>
  </si>
  <si>
    <t>VELUX Verd.-Rollo Plus DFD CK04 4578S</t>
  </si>
  <si>
    <t>DFD CK04 4578SWL</t>
  </si>
  <si>
    <t>5702329009720</t>
  </si>
  <si>
    <t>VELUX Verd.-Rollo Plus DFD CK04 4578SWL</t>
  </si>
  <si>
    <t>DFD CK04 4579S</t>
  </si>
  <si>
    <t>5702329004961</t>
  </si>
  <si>
    <t>VELUX Verd.-Rollo Plus DFD CK04 4579S</t>
  </si>
  <si>
    <t>DFD CK04 4579SWL</t>
  </si>
  <si>
    <t>5702329009737</t>
  </si>
  <si>
    <t>VELUX Verd.-Rollo Plus DFD CK04 4579SWL</t>
  </si>
  <si>
    <t>DFD CK04 4580S</t>
  </si>
  <si>
    <t>5702329004978</t>
  </si>
  <si>
    <t>VELUX Verd.-Rollo Plus DFD CK04 4580S</t>
  </si>
  <si>
    <t>DFD CK04 4580SWL</t>
  </si>
  <si>
    <t>5702329009744</t>
  </si>
  <si>
    <t>VELUX Verd.-Rollo Plus DFD CK04 4580SWL</t>
  </si>
  <si>
    <t>DFD CK04 4581S</t>
  </si>
  <si>
    <t>5702329004985</t>
  </si>
  <si>
    <t>VELUX Verd.-Rollo Plus DFD CK04 4581S</t>
  </si>
  <si>
    <t>DFD CK04 4581SWL</t>
  </si>
  <si>
    <t>5702329009751</t>
  </si>
  <si>
    <t>VELUX Verd.-Rollo Plus DFD CK04 4581SWL</t>
  </si>
  <si>
    <t>DFD CK04 4653S</t>
  </si>
  <si>
    <t>5702329276511</t>
  </si>
  <si>
    <t>VELUX Verd.-Rollo Plus DFD CK04 4653S</t>
  </si>
  <si>
    <t>DFD CK04 4653SWL</t>
  </si>
  <si>
    <t>5702329276528</t>
  </si>
  <si>
    <t>VELUX Verd.-Rollo Plus DFD CK04 4653SWL</t>
  </si>
  <si>
    <t>DFD CK04 4654S</t>
  </si>
  <si>
    <t>5702329276535</t>
  </si>
  <si>
    <t>VELUX Verd.-Rollo Plus DFD CK04 4654S</t>
  </si>
  <si>
    <t>DFD CK04 4654SWL</t>
  </si>
  <si>
    <t>5702329276542</t>
  </si>
  <si>
    <t>VELUX Verd.-Rollo Plus DFD CK04 4654SWL</t>
  </si>
  <si>
    <t>Kids Rennautos, weiße Schiene</t>
  </si>
  <si>
    <t>DFD CK04 4659S</t>
  </si>
  <si>
    <t>5702329276573</t>
  </si>
  <si>
    <t>VELUX Verd.-Rollo Plus DFD CK04 4659S</t>
  </si>
  <si>
    <t>DFD CK04 4659SWL</t>
  </si>
  <si>
    <t>5702329276580</t>
  </si>
  <si>
    <t>VELUX Verd.-Rollo Plus DFD CK04 4659SWL</t>
  </si>
  <si>
    <t>DFD CK04 4660S</t>
  </si>
  <si>
    <t>5702329276597</t>
  </si>
  <si>
    <t>VELUX Verd.-Rollo Plus DFD CK04 4660S</t>
  </si>
  <si>
    <t>DFD CK04 4660SWL</t>
  </si>
  <si>
    <t>5702329276603</t>
  </si>
  <si>
    <t>VELUX Verd.-Rollo Plus DFD CK04 4660SWL</t>
  </si>
  <si>
    <t>DFD CK04 4661SWL</t>
  </si>
  <si>
    <t>5702329276627</t>
  </si>
  <si>
    <t>VELUX Verd.-Rollo Plus DFD CK04 4661SWL</t>
  </si>
  <si>
    <t>DFD CK04 4665S</t>
  </si>
  <si>
    <t>5702329276634</t>
  </si>
  <si>
    <t>VELUX Verd.-Rollo Plus DFD CK04 4665S</t>
  </si>
  <si>
    <t>DFD CK04 4665SWL</t>
  </si>
  <si>
    <t>5702329276641</t>
  </si>
  <si>
    <t>VELUX Verd.-Rollo Plus DFD CK04 4665SWL</t>
  </si>
  <si>
    <t>DFD CK04 4666S</t>
  </si>
  <si>
    <t>5702329276658</t>
  </si>
  <si>
    <t>VELUX Verd.-Rollo Plus DFD CK04 4666S</t>
  </si>
  <si>
    <t>DFD CK04 4666SWL</t>
  </si>
  <si>
    <t>5702329276665</t>
  </si>
  <si>
    <t>VELUX Verd.-Rollo Plus DFD CK04 4666SWL</t>
  </si>
  <si>
    <t>DFD CK04 4667S</t>
  </si>
  <si>
    <t>5702329276672</t>
  </si>
  <si>
    <t>VELUX Verd.-Rollo Plus DFD CK04 4667S</t>
  </si>
  <si>
    <t>DFD CK04 4667SWL</t>
  </si>
  <si>
    <t>5702329276689</t>
  </si>
  <si>
    <t>VELUX Verd.-Rollo Plus DFD CK04 4667SWL</t>
  </si>
  <si>
    <t>DFD CK04 CBYS</t>
  </si>
  <si>
    <t>5702329270144</t>
  </si>
  <si>
    <t>VELUX Verd.-Rollo Plus DFD CK04 CBYS</t>
  </si>
  <si>
    <t>DFD CK04 CBYSWL</t>
  </si>
  <si>
    <t>5702329270151</t>
  </si>
  <si>
    <t>VELUX Verd.-Rollo Plus DFD CK04 CBYSWL</t>
  </si>
  <si>
    <t>DFD CK06 0705S</t>
  </si>
  <si>
    <t>5702327921451</t>
  </si>
  <si>
    <t>VELUX Verd.-Rollo Plus DFD CK06 0705S</t>
  </si>
  <si>
    <t>DFD CK06 0705SWL</t>
  </si>
  <si>
    <t>5702329009768</t>
  </si>
  <si>
    <t>VELUX Verd.-Rollo Plus DFD CK06 0705SWL</t>
  </si>
  <si>
    <t>DFD CK06 1025S</t>
  </si>
  <si>
    <t>5702327921468</t>
  </si>
  <si>
    <t>VELUX Verd.-Rollo Plus DFD CK06 1025S</t>
  </si>
  <si>
    <t>DFD CK06 1025SWL</t>
  </si>
  <si>
    <t>5702329009775</t>
  </si>
  <si>
    <t>VELUX Verd.-Rollo Plus DFD CK06 1025SWL</t>
  </si>
  <si>
    <t>DFD CK06 1085S</t>
  </si>
  <si>
    <t>5702327921475</t>
  </si>
  <si>
    <t>VELUX Verd.-Rollo Plus DFD CK06 1085S</t>
  </si>
  <si>
    <t>DFD CK06 1085SWL</t>
  </si>
  <si>
    <t>5702329009782</t>
  </si>
  <si>
    <t>VELUX Verd.-Rollo Plus DFD CK06 1085SWL</t>
  </si>
  <si>
    <t>DFD CK06 1100S</t>
  </si>
  <si>
    <t>5702327921482</t>
  </si>
  <si>
    <t>VELUX Verd.-Rollo Plus DFD CK06 1100S</t>
  </si>
  <si>
    <t>DFD CK06 1100SWL</t>
  </si>
  <si>
    <t>5702329009799</t>
  </si>
  <si>
    <t>VELUX Verd.-Rollo Plus DFD CK06 1100SWL</t>
  </si>
  <si>
    <t>DFD CK06 3009S</t>
  </si>
  <si>
    <t>5702327921512</t>
  </si>
  <si>
    <t>VELUX Verd.-Rollo Plus DFD CK06 3009S</t>
  </si>
  <si>
    <t>DFD CK06 3009SWL</t>
  </si>
  <si>
    <t>5702329009805</t>
  </si>
  <si>
    <t>VELUX Verd.-Rollo Plus DFD CK06 3009SWL</t>
  </si>
  <si>
    <t>DFD CK06 4556S</t>
  </si>
  <si>
    <t>5702327921536</t>
  </si>
  <si>
    <t>VELUX Verd.-Rollo Plus DFD CK06 4556S</t>
  </si>
  <si>
    <t>DFD CK06 4556SWL</t>
  </si>
  <si>
    <t>5702329009812</t>
  </si>
  <si>
    <t>VELUX Verd.-Rollo Plus DFD CK06 4556SWL</t>
  </si>
  <si>
    <t>DFD CK06 4559S</t>
  </si>
  <si>
    <t>5702327921550</t>
  </si>
  <si>
    <t>VELUX Verd.-Rollo Plus DFD CK06 4559S</t>
  </si>
  <si>
    <t>DFD CK06 4559SWL</t>
  </si>
  <si>
    <t>5702329009829</t>
  </si>
  <si>
    <t>VELUX Verd.-Rollo Plus DFD CK06 4559SWL</t>
  </si>
  <si>
    <t>DFD CK06 4564S</t>
  </si>
  <si>
    <t>5702327921604</t>
  </si>
  <si>
    <t>VELUX Verd.-Rollo Plus DFD CK06 4564S</t>
  </si>
  <si>
    <t>DFD CK06 4564SWL</t>
  </si>
  <si>
    <t>5702329009836</t>
  </si>
  <si>
    <t>VELUX Verd.-Rollo Plus DFD CK06 4564SWL</t>
  </si>
  <si>
    <t>DFD CK06 4574S</t>
  </si>
  <si>
    <t>5702329004992</t>
  </si>
  <si>
    <t>VELUX Verd.-Rollo Plus DFD CK06 4574S</t>
  </si>
  <si>
    <t>DFD CK06 4574SWL</t>
  </si>
  <si>
    <t>5702329009843</t>
  </si>
  <si>
    <t>VELUX Verd.-Rollo Plus DFD CK06 4574SWL</t>
  </si>
  <si>
    <t>DFD CK06 4575S</t>
  </si>
  <si>
    <t>5702329005005</t>
  </si>
  <si>
    <t>VELUX Verd.-Rollo Plus DFD CK06 4575S</t>
  </si>
  <si>
    <t>DFD CK06 4575SWL</t>
  </si>
  <si>
    <t>5702329009850</t>
  </si>
  <si>
    <t>VELUX Verd.-Rollo Plus DFD CK06 4575SWL</t>
  </si>
  <si>
    <t>DFD CK06 4576S</t>
  </si>
  <si>
    <t>5702329005012</t>
  </si>
  <si>
    <t>VELUX Verd.-Rollo Plus DFD CK06 4576S</t>
  </si>
  <si>
    <t>DFD CK06 4576SWL</t>
  </si>
  <si>
    <t>5702329009867</t>
  </si>
  <si>
    <t>VELUX Verd.-Rollo Plus DFD CK06 4576SWL</t>
  </si>
  <si>
    <t>DFD CK06 4577S</t>
  </si>
  <si>
    <t>5702329005029</t>
  </si>
  <si>
    <t>VELUX Verd.-Rollo Plus DFD CK06 4577S</t>
  </si>
  <si>
    <t>DFD CK06 4577SWL</t>
  </si>
  <si>
    <t>5702329009874</t>
  </si>
  <si>
    <t>VELUX Verd.-Rollo Plus DFD CK06 4577SWL</t>
  </si>
  <si>
    <t>DFD CK06 4578S</t>
  </si>
  <si>
    <t>5702329005036</t>
  </si>
  <si>
    <t>VELUX Verd.-Rollo Plus DFD CK06 4578S</t>
  </si>
  <si>
    <t>DFD CK06 4578SWL</t>
  </si>
  <si>
    <t>5702329009881</t>
  </si>
  <si>
    <t>VELUX Verd.-Rollo Plus DFD CK06 4578SWL</t>
  </si>
  <si>
    <t>DFD CK06 4579S</t>
  </si>
  <si>
    <t>5702329005043</t>
  </si>
  <si>
    <t>VELUX Verd.-Rollo Plus DFD CK06 4579S</t>
  </si>
  <si>
    <t>DFD CK06 4579SWL</t>
  </si>
  <si>
    <t>5702329009898</t>
  </si>
  <si>
    <t>VELUX Verd.-Rollo Plus DFD CK06 4579SWL</t>
  </si>
  <si>
    <t>DFD CK06 4580S</t>
  </si>
  <si>
    <t>5702329005050</t>
  </si>
  <si>
    <t>VELUX Verd.-Rollo Plus DFD CK06 4580S</t>
  </si>
  <si>
    <t>DFD CK06 4580SWL</t>
  </si>
  <si>
    <t>5702329009904</t>
  </si>
  <si>
    <t>VELUX Verd.-Rollo Plus DFD CK06 4580SWL</t>
  </si>
  <si>
    <t>DFD CK06 4581S</t>
  </si>
  <si>
    <t>5702329005067</t>
  </si>
  <si>
    <t>VELUX Verd.-Rollo Plus DFD CK06 4581S</t>
  </si>
  <si>
    <t>DFD CK06 4581SWL</t>
  </si>
  <si>
    <t>5702329009911</t>
  </si>
  <si>
    <t>VELUX Verd.-Rollo Plus DFD CK06 4581SWL</t>
  </si>
  <si>
    <t>DFD CK06 4653S</t>
  </si>
  <si>
    <t>5702329276696</t>
  </si>
  <si>
    <t>VELUX Verd.-Rollo Plus DFD CK06 4653S</t>
  </si>
  <si>
    <t>DFD CK06 4653SWL</t>
  </si>
  <si>
    <t>5702329276702</t>
  </si>
  <si>
    <t>VELUX Verd.-Rollo Plus DFD CK06 4653SWL</t>
  </si>
  <si>
    <t>DFD CK06 4659S</t>
  </si>
  <si>
    <t>5702329276757</t>
  </si>
  <si>
    <t>VELUX Verd.-Rollo Plus DFD CK06 4659S</t>
  </si>
  <si>
    <t>DFD CK06 4660S</t>
  </si>
  <si>
    <t>5702329276771</t>
  </si>
  <si>
    <t>VELUX Verd.-Rollo Plus DFD CK06 4660S</t>
  </si>
  <si>
    <t>DFD CK06 4660SWL</t>
  </si>
  <si>
    <t>5702329276788</t>
  </si>
  <si>
    <t>VELUX Verd.-Rollo Plus DFD CK06 4660SWL</t>
  </si>
  <si>
    <t>DFD CK06 4665SWL</t>
  </si>
  <si>
    <t>5702329276825</t>
  </si>
  <si>
    <t>VELUX Verd.-Rollo Plus DFD CK06 4665SWL</t>
  </si>
  <si>
    <t>DFD CK06 4666SWL</t>
  </si>
  <si>
    <t>5702329276849</t>
  </si>
  <si>
    <t>VELUX Verd.-Rollo Plus DFD CK06 4666SWL</t>
  </si>
  <si>
    <t>DFD CK06 4667SWL</t>
  </si>
  <si>
    <t>5702329276863</t>
  </si>
  <si>
    <t>VELUX Verd.-Rollo Plus DFD CK06 4667SWL</t>
  </si>
  <si>
    <t>DFD CK06 CBYS</t>
  </si>
  <si>
    <t>5702329270168</t>
  </si>
  <si>
    <t>VELUX Verd.-Rollo Plus DFD CK06 CBYS</t>
  </si>
  <si>
    <t>DFD CK06 CBYSWL</t>
  </si>
  <si>
    <t>5702329270175</t>
  </si>
  <si>
    <t>VELUX Verd.-Rollo Plus DFD CK06 CBYSWL</t>
  </si>
  <si>
    <t>DFD F04 0705S</t>
  </si>
  <si>
    <t>5702327921697</t>
  </si>
  <si>
    <t>VELUX Verd.-Rollo Plus DFD F04 0705S</t>
  </si>
  <si>
    <t>DFD F04 0705SWL</t>
  </si>
  <si>
    <t>5702329009928</t>
  </si>
  <si>
    <t>VELUX Verd.-Rollo Plus DFD F04 0705SWL</t>
  </si>
  <si>
    <t>DFD F04 1025S</t>
  </si>
  <si>
    <t>5702327921703</t>
  </si>
  <si>
    <t>VELUX Verd.-Rollo Plus DFD F04 1025S</t>
  </si>
  <si>
    <t>DFD F04 1025SWL</t>
  </si>
  <si>
    <t>5702329009935</t>
  </si>
  <si>
    <t>VELUX Verd.-Rollo Plus DFD F04 1025SWL</t>
  </si>
  <si>
    <t>DFD F04 1085S</t>
  </si>
  <si>
    <t>5702327921710</t>
  </si>
  <si>
    <t>VELUX Verd.-Rollo Plus DFD F04 1085S</t>
  </si>
  <si>
    <t>DFD F04 1085SWL</t>
  </si>
  <si>
    <t>5702329009942</t>
  </si>
  <si>
    <t>VELUX Verd.-Rollo Plus DFD F04 1085SWL</t>
  </si>
  <si>
    <t>DFD F04 1100S</t>
  </si>
  <si>
    <t>5702327921727</t>
  </si>
  <si>
    <t>VELUX Verd.-Rollo Plus DFD F04 1100S</t>
  </si>
  <si>
    <t>DFD F04 1100SWL</t>
  </si>
  <si>
    <t>5702329009959</t>
  </si>
  <si>
    <t>VELUX Verd.-Rollo Plus DFD F04 1100SWL</t>
  </si>
  <si>
    <t>DFD F04 3009S</t>
  </si>
  <si>
    <t>5702327921758</t>
  </si>
  <si>
    <t>VELUX Verd.-Rollo Plus DFD F04 3009S</t>
  </si>
  <si>
    <t>DFD F04 3009SWL</t>
  </si>
  <si>
    <t>5702329009966</t>
  </si>
  <si>
    <t>VELUX Verd.-Rollo Plus DFD F04 3009SWL</t>
  </si>
  <si>
    <t>DFD F04 4556S</t>
  </si>
  <si>
    <t>5702327921772</t>
  </si>
  <si>
    <t>VELUX Verd.-Rollo Plus DFD F04 4556S</t>
  </si>
  <si>
    <t>DFD F04 4556SWL</t>
  </si>
  <si>
    <t>5702329009973</t>
  </si>
  <si>
    <t>VELUX Verd.-Rollo Plus DFD F04 4556SWL</t>
  </si>
  <si>
    <t>DFD F04 4559S</t>
  </si>
  <si>
    <t>5702327921796</t>
  </si>
  <si>
    <t>VELUX Verd.-Rollo Plus DFD F04 4559S</t>
  </si>
  <si>
    <t>DFD F04 4559SWL</t>
  </si>
  <si>
    <t>5702329009980</t>
  </si>
  <si>
    <t>VELUX Verd.-Rollo Plus DFD F04 4559SWL</t>
  </si>
  <si>
    <t>DFD F04 4564S</t>
  </si>
  <si>
    <t>5702327921840</t>
  </si>
  <si>
    <t>VELUX Verd.-Rollo Plus DFD F04 4564S</t>
  </si>
  <si>
    <t>DFD F04 4564SWL</t>
  </si>
  <si>
    <t>5702329009997</t>
  </si>
  <si>
    <t>VELUX Verd.-Rollo Plus DFD F04 4564SWL</t>
  </si>
  <si>
    <t>DFD F04 4574SWL</t>
  </si>
  <si>
    <t>5702329010009</t>
  </si>
  <si>
    <t>VELUX Verd.-Rollo Plus DFD F04 4574SWL</t>
  </si>
  <si>
    <t>DFD F04 4575SWL</t>
  </si>
  <si>
    <t>5702329010016</t>
  </si>
  <si>
    <t>VELUX Verd.-Rollo Plus DFD F04 4575SWL</t>
  </si>
  <si>
    <t>DFD F04 4576S</t>
  </si>
  <si>
    <t>5702329005098</t>
  </si>
  <si>
    <t>VELUX Verd.-Rollo Plus DFD F04 4576S</t>
  </si>
  <si>
    <t>DFD F04 4577S</t>
  </si>
  <si>
    <t>5702329005104</t>
  </si>
  <si>
    <t>VELUX Verd.-Rollo Plus DFD F04 4577S</t>
  </si>
  <si>
    <t>DFD F04 4579S</t>
  </si>
  <si>
    <t>5702329005128</t>
  </si>
  <si>
    <t>VELUX Verd.-Rollo Plus DFD F04 4579S</t>
  </si>
  <si>
    <t>DFD F04 4580S</t>
  </si>
  <si>
    <t>5702329005135</t>
  </si>
  <si>
    <t>VELUX Verd.-Rollo Plus DFD F04 4580S</t>
  </si>
  <si>
    <t>DFD F04 4580SWL</t>
  </si>
  <si>
    <t>5702329010061</t>
  </si>
  <si>
    <t>VELUX Verd.-Rollo Plus DFD F04 4580SWL</t>
  </si>
  <si>
    <t>DFD F04 4581S</t>
  </si>
  <si>
    <t>5702329005142</t>
  </si>
  <si>
    <t>VELUX Verd.-Rollo Plus DFD F04 4581S</t>
  </si>
  <si>
    <t>DFD F04 4581SWL</t>
  </si>
  <si>
    <t>5702329010078</t>
  </si>
  <si>
    <t>VELUX Verd.-Rollo Plus DFD F04 4581SWL</t>
  </si>
  <si>
    <t>DFD F04 4653S</t>
  </si>
  <si>
    <t>5702329276870</t>
  </si>
  <si>
    <t>VELUX Verd.-Rollo Plus DFD F04 4653S</t>
  </si>
  <si>
    <t>DFD F04 4653SWL</t>
  </si>
  <si>
    <t>5702329276887</t>
  </si>
  <si>
    <t>VELUX Verd.-Rollo Plus DFD F04 4653SWL</t>
  </si>
  <si>
    <t>DFD F04 4660S</t>
  </si>
  <si>
    <t>5702329276955</t>
  </si>
  <si>
    <t>VELUX Verd.-Rollo Plus DFD F04 4660S</t>
  </si>
  <si>
    <t>DFD F04 4665SWL</t>
  </si>
  <si>
    <t>5702329277006</t>
  </si>
  <si>
    <t>VELUX Verd.-Rollo Plus DFD F04 4665SWL</t>
  </si>
  <si>
    <t>DFD F04 4666S</t>
  </si>
  <si>
    <t>5702329277013</t>
  </si>
  <si>
    <t>VELUX Verd.-Rollo Plus DFD F04 4666S</t>
  </si>
  <si>
    <t>DFD F04 4667S</t>
  </si>
  <si>
    <t>5702329277037</t>
  </si>
  <si>
    <t>VELUX Verd.-Rollo Plus DFD F04 4667S</t>
  </si>
  <si>
    <t>DFD F04 CBYS</t>
  </si>
  <si>
    <t>5702329270182</t>
  </si>
  <si>
    <t>VELUX Verd.-Rollo Plus DFD F04 CBYS</t>
  </si>
  <si>
    <t>DFD F04 CBYSWL</t>
  </si>
  <si>
    <t>5702329270199</t>
  </si>
  <si>
    <t>VELUX Verd.-Rollo Plus DFD F04 CBYSWL</t>
  </si>
  <si>
    <t>DFD F06 0705S</t>
  </si>
  <si>
    <t>5702327921932</t>
  </si>
  <si>
    <t>VELUX Verd.-Rollo Plus DFD F06 0705S</t>
  </si>
  <si>
    <t>DFD F06 0705SWL</t>
  </si>
  <si>
    <t>5702329010085</t>
  </si>
  <si>
    <t>VELUX Verd.-Rollo Plus DFD F06 0705SWL</t>
  </si>
  <si>
    <t>DFD F06 1025S</t>
  </si>
  <si>
    <t>5702327921949</t>
  </si>
  <si>
    <t>VELUX Verd.-Rollo Plus DFD F06 1025S</t>
  </si>
  <si>
    <t>DFD F06 1025SWL</t>
  </si>
  <si>
    <t>5702329010092</t>
  </si>
  <si>
    <t>VELUX Verd.-Rollo Plus DFD F06 1025SWL</t>
  </si>
  <si>
    <t>DFD F06 1085S</t>
  </si>
  <si>
    <t>5702327921956</t>
  </si>
  <si>
    <t>VELUX Verd.-Rollo Plus DFD F06 1085S</t>
  </si>
  <si>
    <t>DFD F06 1085SWL</t>
  </si>
  <si>
    <t>5702329010108</t>
  </si>
  <si>
    <t>VELUX Verd.-Rollo Plus DFD F06 1085SWL</t>
  </si>
  <si>
    <t>DFD F06 1100S</t>
  </si>
  <si>
    <t>5702327921963</t>
  </si>
  <si>
    <t>VELUX Verd.-Rollo Plus DFD F06 1100S</t>
  </si>
  <si>
    <t>DFD F06 1100SWL</t>
  </si>
  <si>
    <t>5702329010115</t>
  </si>
  <si>
    <t>VELUX Verd.-Rollo Plus DFD F06 1100SWL</t>
  </si>
  <si>
    <t>DFD F06 3009S</t>
  </si>
  <si>
    <t>5702327921994</t>
  </si>
  <si>
    <t>VELUX Verd.-Rollo Plus DFD F06 3009S</t>
  </si>
  <si>
    <t>DFD F06 3009SWL</t>
  </si>
  <si>
    <t>5702329010122</t>
  </si>
  <si>
    <t>VELUX Verd.-Rollo Plus DFD F06 3009SWL</t>
  </si>
  <si>
    <t>DFD F06 4556S</t>
  </si>
  <si>
    <t>5702327922014</t>
  </si>
  <si>
    <t>VELUX Verd.-Rollo Plus DFD F06 4556S</t>
  </si>
  <si>
    <t>DFD F06 4556SWL</t>
  </si>
  <si>
    <t>5702329010139</t>
  </si>
  <si>
    <t>VELUX Verd.-Rollo Plus DFD F06 4556SWL</t>
  </si>
  <si>
    <t>DFD F06 4559S</t>
  </si>
  <si>
    <t>5702327922038</t>
  </si>
  <si>
    <t>VELUX Verd.-Rollo Plus DFD F06 4559S</t>
  </si>
  <si>
    <t>DFD F06 4559SWL</t>
  </si>
  <si>
    <t>5702329010146</t>
  </si>
  <si>
    <t>VELUX Verd.-Rollo Plus DFD F06 4559SWL</t>
  </si>
  <si>
    <t>DFD F06 4564S</t>
  </si>
  <si>
    <t>5702327922083</t>
  </si>
  <si>
    <t>VELUX Verd.-Rollo Plus DFD F06 4564S</t>
  </si>
  <si>
    <t>DFD F06 4564SWL</t>
  </si>
  <si>
    <t>5702329010153</t>
  </si>
  <si>
    <t>VELUX Verd.-Rollo Plus DFD F06 4564SWL</t>
  </si>
  <si>
    <t>DFD F06 4574S</t>
  </si>
  <si>
    <t>5702329005159</t>
  </si>
  <si>
    <t>VELUX Verd.-Rollo Plus DFD F06 4574S</t>
  </si>
  <si>
    <t>DFD F06 4574SWL</t>
  </si>
  <si>
    <t>5702329010160</t>
  </si>
  <si>
    <t>VELUX Verd.-Rollo Plus DFD F06 4574SWL</t>
  </si>
  <si>
    <t>DFD F06 4575S</t>
  </si>
  <si>
    <t>5702329005166</t>
  </si>
  <si>
    <t>VELUX Verd.-Rollo Plus DFD F06 4575S</t>
  </si>
  <si>
    <t>DFD F06 4575SWL</t>
  </si>
  <si>
    <t>5702329010177</t>
  </si>
  <si>
    <t>VELUX Verd.-Rollo Plus DFD F06 4575SWL</t>
  </si>
  <si>
    <t>DFD F06 4576S</t>
  </si>
  <si>
    <t>5702329005173</t>
  </si>
  <si>
    <t>VELUX Verd.-Rollo Plus DFD F06 4576S</t>
  </si>
  <si>
    <t>DFD F06 4576SWL</t>
  </si>
  <si>
    <t>5702329010184</t>
  </si>
  <si>
    <t>VELUX Verd.-Rollo Plus DFD F06 4576SWL</t>
  </si>
  <si>
    <t>DFD F06 4577S</t>
  </si>
  <si>
    <t>5702329005180</t>
  </si>
  <si>
    <t>VELUX Verd.-Rollo Plus DFD F06 4577S</t>
  </si>
  <si>
    <t>DFD F06 4577SWL</t>
  </si>
  <si>
    <t>5702329010191</t>
  </si>
  <si>
    <t>VELUX Verd.-Rollo Plus DFD F06 4577SWL</t>
  </si>
  <si>
    <t>DFD F06 4578S</t>
  </si>
  <si>
    <t>5702329005197</t>
  </si>
  <si>
    <t>VELUX Verd.-Rollo Plus DFD F06 4578S</t>
  </si>
  <si>
    <t>DFD F06 4578SWL</t>
  </si>
  <si>
    <t>5702329010207</t>
  </si>
  <si>
    <t>VELUX Verd.-Rollo Plus DFD F06 4578SWL</t>
  </si>
  <si>
    <t>DFD F06 4579S</t>
  </si>
  <si>
    <t>5702329005203</t>
  </si>
  <si>
    <t>VELUX Verd.-Rollo Plus DFD F06 4579S</t>
  </si>
  <si>
    <t>DFD F06 4579SWL</t>
  </si>
  <si>
    <t>5702329010214</t>
  </si>
  <si>
    <t>VELUX Verd.-Rollo Plus DFD F06 4579SWL</t>
  </si>
  <si>
    <t>DFD F06 4580S</t>
  </si>
  <si>
    <t>5702329005210</t>
  </si>
  <si>
    <t>VELUX Verd.-Rollo Plus DFD F06 4580S</t>
  </si>
  <si>
    <t>DFD F06 4580SWL</t>
  </si>
  <si>
    <t>5702329010221</t>
  </si>
  <si>
    <t>VELUX Verd.-Rollo Plus DFD F06 4580SWL</t>
  </si>
  <si>
    <t>DFD F06 4581S</t>
  </si>
  <si>
    <t>5702329005227</t>
  </si>
  <si>
    <t>VELUX Verd.-Rollo Plus DFD F06 4581S</t>
  </si>
  <si>
    <t>DFD F06 4581SWL</t>
  </si>
  <si>
    <t>5702329010238</t>
  </si>
  <si>
    <t>VELUX Verd.-Rollo Plus DFD F06 4581SWL</t>
  </si>
  <si>
    <t>DFD F06 4653S</t>
  </si>
  <si>
    <t>5702329277051</t>
  </si>
  <si>
    <t>VELUX Verd.-Rollo Plus DFD F06 4653S</t>
  </si>
  <si>
    <t>DFD F06 4653SWL</t>
  </si>
  <si>
    <t>5702329277068</t>
  </si>
  <si>
    <t>VELUX Verd.-Rollo Plus DFD F06 4653SWL</t>
  </si>
  <si>
    <t>DFD F06 4654S</t>
  </si>
  <si>
    <t>5702329277075</t>
  </si>
  <si>
    <t>VELUX Verd.-Rollo Plus DFD F06 4654S</t>
  </si>
  <si>
    <t>DFD F06 4655S</t>
  </si>
  <si>
    <t>5702329277099</t>
  </si>
  <si>
    <t>VELUX Verd.-Rollo Plus DFD F06 4655S</t>
  </si>
  <si>
    <t>DFD F06 4655SWL</t>
  </si>
  <si>
    <t>5702329277105</t>
  </si>
  <si>
    <t>VELUX Verd.-Rollo Plus DFD F06 4655SWL</t>
  </si>
  <si>
    <t>Kids Straßen, weiße Schiene</t>
  </si>
  <si>
    <t>DFD F06 4659S</t>
  </si>
  <si>
    <t>5702329277112</t>
  </si>
  <si>
    <t>VELUX Verd.-Rollo Plus DFD F06 4659S</t>
  </si>
  <si>
    <t>DFD F06 4659SWL</t>
  </si>
  <si>
    <t>5702329277129</t>
  </si>
  <si>
    <t>VELUX Verd.-Rollo Plus DFD F06 4659SWL</t>
  </si>
  <si>
    <t>DFD F06 4660S</t>
  </si>
  <si>
    <t>5702329277136</t>
  </si>
  <si>
    <t>VELUX Verd.-Rollo Plus DFD F06 4660S</t>
  </si>
  <si>
    <t>DFD F06 4660SWL</t>
  </si>
  <si>
    <t>5702329277143</t>
  </si>
  <si>
    <t>VELUX Verd.-Rollo Plus DFD F06 4660SWL</t>
  </si>
  <si>
    <t>DFD F06 4665S</t>
  </si>
  <si>
    <t>5702329277174</t>
  </si>
  <si>
    <t>VELUX Verd.-Rollo Plus DFD F06 4665S</t>
  </si>
  <si>
    <t>DFD F06 4665SWL</t>
  </si>
  <si>
    <t>5702329277181</t>
  </si>
  <si>
    <t>VELUX Verd.-Rollo Plus DFD F06 4665SWL</t>
  </si>
  <si>
    <t>DFD F06 4666S</t>
  </si>
  <si>
    <t>5702329277198</t>
  </si>
  <si>
    <t>VELUX Verd.-Rollo Plus DFD F06 4666S</t>
  </si>
  <si>
    <t>DFD F06 4666SWL</t>
  </si>
  <si>
    <t>5702329277204</t>
  </si>
  <si>
    <t>VELUX Verd.-Rollo Plus DFD F06 4666SWL</t>
  </si>
  <si>
    <t>DFD F06 4667S</t>
  </si>
  <si>
    <t>5702329277211</t>
  </si>
  <si>
    <t>VELUX Verd.-Rollo Plus DFD F06 4667S</t>
  </si>
  <si>
    <t>DFD F06 4667SWL</t>
  </si>
  <si>
    <t>5702329277228</t>
  </si>
  <si>
    <t>VELUX Verd.-Rollo Plus DFD F06 4667SWL</t>
  </si>
  <si>
    <t>DFD F06 CBYS</t>
  </si>
  <si>
    <t>5702329270205</t>
  </si>
  <si>
    <t>VELUX Verd.-Rollo Plus DFD F06 CBYS</t>
  </si>
  <si>
    <t>DFD F06 CBYSWL</t>
  </si>
  <si>
    <t>5702329270212</t>
  </si>
  <si>
    <t>VELUX Verd.-Rollo Plus DFD F06 CBYSWL</t>
  </si>
  <si>
    <t>DFD F08 0705S</t>
  </si>
  <si>
    <t>5702327922175</t>
  </si>
  <si>
    <t>VELUX Verd.-Rollo Plus DFD F08 0705S</t>
  </si>
  <si>
    <t>DFD F08 0705SWL</t>
  </si>
  <si>
    <t>5702329010245</t>
  </si>
  <si>
    <t>VELUX Verd.-Rollo Plus DFD F08 0705SWL</t>
  </si>
  <si>
    <t>DFD F08 1025S</t>
  </si>
  <si>
    <t>5702327922182</t>
  </si>
  <si>
    <t>VELUX Verd.-Rollo Plus DFD F08 1025S</t>
  </si>
  <si>
    <t>DFD F08 1025SWL</t>
  </si>
  <si>
    <t>5702329010252</t>
  </si>
  <si>
    <t>VELUX Verd.-Rollo Plus DFD F08 1025SWL</t>
  </si>
  <si>
    <t>DFD F08 1085S</t>
  </si>
  <si>
    <t>5702327922199</t>
  </si>
  <si>
    <t>VELUX Verd.-Rollo Plus DFD F08 1085S</t>
  </si>
  <si>
    <t>DFD F08 1085SWL</t>
  </si>
  <si>
    <t>5702329010269</t>
  </si>
  <si>
    <t>VELUX Verd.-Rollo Plus DFD F08 1085SWL</t>
  </si>
  <si>
    <t>DFD F08 1100S</t>
  </si>
  <si>
    <t>5702327922205</t>
  </si>
  <si>
    <t>VELUX Verd.-Rollo Plus DFD F08 1100S</t>
  </si>
  <si>
    <t>DFD F08 1100SWL</t>
  </si>
  <si>
    <t>5702329010276</t>
  </si>
  <si>
    <t>VELUX Verd.-Rollo Plus DFD F08 1100SWL</t>
  </si>
  <si>
    <t>DFD F08 3009S</t>
  </si>
  <si>
    <t>5702327922236</t>
  </si>
  <si>
    <t>VELUX Verd.-Rollo Plus DFD F08 3009S</t>
  </si>
  <si>
    <t>DFD F08 3009SWL</t>
  </si>
  <si>
    <t>5702329010283</t>
  </si>
  <si>
    <t>VELUX Verd.-Rollo Plus DFD F08 3009SWL</t>
  </si>
  <si>
    <t>DFD F08 4556S</t>
  </si>
  <si>
    <t>5702327922250</t>
  </si>
  <si>
    <t>VELUX Verd.-Rollo Plus DFD F08 4556S</t>
  </si>
  <si>
    <t>DFD F08 4556SWL</t>
  </si>
  <si>
    <t>5702329010290</t>
  </si>
  <si>
    <t>VELUX Verd.-Rollo Plus DFD F08 4556SWL</t>
  </si>
  <si>
    <t>DFD F08 4559S</t>
  </si>
  <si>
    <t>5702327922274</t>
  </si>
  <si>
    <t>VELUX Verd.-Rollo Plus DFD F08 4559S</t>
  </si>
  <si>
    <t>DFD F08 4559SWL</t>
  </si>
  <si>
    <t>5702329010306</t>
  </si>
  <si>
    <t>VELUX Verd.-Rollo Plus DFD F08 4559SWL</t>
  </si>
  <si>
    <t>DFD F08 4564SWL</t>
  </si>
  <si>
    <t>5702329010313</t>
  </si>
  <si>
    <t>VELUX Verd.-Rollo Plus DFD F08 4564SWL</t>
  </si>
  <si>
    <t>DFD F08 4574S</t>
  </si>
  <si>
    <t>5702329005234</t>
  </si>
  <si>
    <t>VELUX Verd.-Rollo Plus DFD F08 4574S</t>
  </si>
  <si>
    <t>DFD F08 4574SWL</t>
  </si>
  <si>
    <t>5702329010320</t>
  </si>
  <si>
    <t>VELUX Verd.-Rollo Plus DFD F08 4574SWL</t>
  </si>
  <si>
    <t>DFD F08 4577S</t>
  </si>
  <si>
    <t>5702329005265</t>
  </si>
  <si>
    <t>VELUX Verd.-Rollo Plus DFD F08 4577S</t>
  </si>
  <si>
    <t>DFD F08 4577SWL</t>
  </si>
  <si>
    <t>5702329010351</t>
  </si>
  <si>
    <t>VELUX Verd.-Rollo Plus DFD F08 4577SWL</t>
  </si>
  <si>
    <t>DFD F08 4579SWL</t>
  </si>
  <si>
    <t>5702329010375</t>
  </si>
  <si>
    <t>VELUX Verd.-Rollo Plus DFD F08 4579SWL</t>
  </si>
  <si>
    <t>DFD F08 4580S</t>
  </si>
  <si>
    <t>5702329005296</t>
  </si>
  <si>
    <t>VELUX Verd.-Rollo Plus DFD F08 4580S</t>
  </si>
  <si>
    <t>DFD F08 4580SWL</t>
  </si>
  <si>
    <t>5702329010382</t>
  </si>
  <si>
    <t>VELUX Verd.-Rollo Plus DFD F08 4580SWL</t>
  </si>
  <si>
    <t>DFD F08 4581S</t>
  </si>
  <si>
    <t>5702329005302</t>
  </si>
  <si>
    <t>VELUX Verd.-Rollo Plus DFD F08 4581S</t>
  </si>
  <si>
    <t>DFD F08 4581SWL</t>
  </si>
  <si>
    <t>5702329010399</t>
  </si>
  <si>
    <t>VELUX Verd.-Rollo Plus DFD F08 4581SWL</t>
  </si>
  <si>
    <t>DFD F08 4653S</t>
  </si>
  <si>
    <t>5702329277235</t>
  </si>
  <si>
    <t>VELUX Verd.-Rollo Plus DFD F08 4653S</t>
  </si>
  <si>
    <t>DFD F08 4653SWL</t>
  </si>
  <si>
    <t>5702329277242</t>
  </si>
  <si>
    <t>VELUX Verd.-Rollo Plus DFD F08 4653SWL</t>
  </si>
  <si>
    <t>DFD F08 4654SWL</t>
  </si>
  <si>
    <t>5702329277266</t>
  </si>
  <si>
    <t>VELUX Verd.-Rollo Plus DFD F08 4654SWL</t>
  </si>
  <si>
    <t>DFD F08 4666S</t>
  </si>
  <si>
    <t>5702329277372</t>
  </si>
  <si>
    <t>VELUX Verd.-Rollo Plus DFD F08 4666S</t>
  </si>
  <si>
    <t>DFD F08 CBYS</t>
  </si>
  <si>
    <t>5702329270229</t>
  </si>
  <si>
    <t>VELUX Verd.-Rollo Plus DFD F08 CBYS</t>
  </si>
  <si>
    <t>DFD F08 CBYSWL</t>
  </si>
  <si>
    <t>5702329270236</t>
  </si>
  <si>
    <t>VELUX Verd.-Rollo Plus DFD F08 CBYSWL</t>
  </si>
  <si>
    <t>DFD FK04 0705S</t>
  </si>
  <si>
    <t>5702327922410</t>
  </si>
  <si>
    <t>VELUX Verd.-Rollo Plus DFD FK04 0705S</t>
  </si>
  <si>
    <t>DFD FK04 0705SWL</t>
  </si>
  <si>
    <t>5702329010405</t>
  </si>
  <si>
    <t>VELUX Verd.-Rollo Plus DFD FK04 0705SWL</t>
  </si>
  <si>
    <t>DFD FK04 1025S</t>
  </si>
  <si>
    <t>5702327922427</t>
  </si>
  <si>
    <t>VELUX Verd.-Rollo Plus DFD FK04 1025S</t>
  </si>
  <si>
    <t>DFD FK04 1025SWL</t>
  </si>
  <si>
    <t>5702329010412</t>
  </si>
  <si>
    <t>VELUX Verd.-Rollo Plus DFD FK04 1025SWL</t>
  </si>
  <si>
    <t>DFD FK04 1085S</t>
  </si>
  <si>
    <t>5702327922434</t>
  </si>
  <si>
    <t>VELUX Verd.-Rollo Plus DFD FK04 1085S</t>
  </si>
  <si>
    <t>DFD FK04 1085SWL</t>
  </si>
  <si>
    <t>5702329010429</t>
  </si>
  <si>
    <t>VELUX Verd.-Rollo Plus DFD FK04 1085SWL</t>
  </si>
  <si>
    <t>DFD FK04 1100S</t>
  </si>
  <si>
    <t>5702327922441</t>
  </si>
  <si>
    <t>VELUX Verd.-Rollo Plus DFD FK04 1100S</t>
  </si>
  <si>
    <t>DFD FK04 1100SWL</t>
  </si>
  <si>
    <t>5702329010436</t>
  </si>
  <si>
    <t>VELUX Verd.-Rollo Plus DFD FK04 1100SWL</t>
  </si>
  <si>
    <t>DFD FK04 3009S</t>
  </si>
  <si>
    <t>5702327922472</t>
  </si>
  <si>
    <t>VELUX Verd.-Rollo Plus DFD FK04 3009S</t>
  </si>
  <si>
    <t>DFD FK04 3009SWL</t>
  </si>
  <si>
    <t>5702329010443</t>
  </si>
  <si>
    <t>VELUX Verd.-Rollo Plus DFD FK04 3009SWL</t>
  </si>
  <si>
    <t>DFD FK04 4556S</t>
  </si>
  <si>
    <t>5702327922496</t>
  </si>
  <si>
    <t>VELUX Verd.-Rollo Plus DFD FK04 4556S</t>
  </si>
  <si>
    <t>DFD FK04 4556SWL</t>
  </si>
  <si>
    <t>5702329010450</t>
  </si>
  <si>
    <t>VELUX Verd.-Rollo Plus DFD FK04 4556SWL</t>
  </si>
  <si>
    <t>DFD FK04 4559S</t>
  </si>
  <si>
    <t>5702327922519</t>
  </si>
  <si>
    <t>VELUX Verd.-Rollo Plus DFD FK04 4559S</t>
  </si>
  <si>
    <t>DFD FK04 4559SWL</t>
  </si>
  <si>
    <t>5702329010467</t>
  </si>
  <si>
    <t>VELUX Verd.-Rollo Plus DFD FK04 4559SWL</t>
  </si>
  <si>
    <t>DFD FK04 4564S</t>
  </si>
  <si>
    <t>5702327922564</t>
  </si>
  <si>
    <t>VELUX Verd.-Rollo Plus DFD FK04 4564S</t>
  </si>
  <si>
    <t>DFD FK04 4564SWL</t>
  </si>
  <si>
    <t>5702329010474</t>
  </si>
  <si>
    <t>VELUX Verd.-Rollo Plus DFD FK04 4564SWL</t>
  </si>
  <si>
    <t>DFD FK04 4574S</t>
  </si>
  <si>
    <t>5702329005319</t>
  </si>
  <si>
    <t>VELUX Verd.-Rollo Plus DFD FK04 4574S</t>
  </si>
  <si>
    <t>DFD FK04 4574SWL</t>
  </si>
  <si>
    <t>5702329010481</t>
  </si>
  <si>
    <t>VELUX Verd.-Rollo Plus DFD FK04 4574SWL</t>
  </si>
  <si>
    <t>DFD FK04 4575S</t>
  </si>
  <si>
    <t>5702329005326</t>
  </si>
  <si>
    <t>VELUX Verd.-Rollo Plus DFD FK04 4575S</t>
  </si>
  <si>
    <t>DFD FK04 4575SWL</t>
  </si>
  <si>
    <t>5702329010498</t>
  </si>
  <si>
    <t>VELUX Verd.-Rollo Plus DFD FK04 4575SWL</t>
  </si>
  <si>
    <t>DFD FK04 4576S</t>
  </si>
  <si>
    <t>5702329005333</t>
  </si>
  <si>
    <t>VELUX Verd.-Rollo Plus DFD FK04 4576S</t>
  </si>
  <si>
    <t>DFD FK04 4576SWL</t>
  </si>
  <si>
    <t>5702329010504</t>
  </si>
  <si>
    <t>VELUX Verd.-Rollo Plus DFD FK04 4576SWL</t>
  </si>
  <si>
    <t>DFD FK04 4577S</t>
  </si>
  <si>
    <t>5702329005340</t>
  </si>
  <si>
    <t>VELUX Verd.-Rollo Plus DFD FK04 4577S</t>
  </si>
  <si>
    <t>DFD FK04 4577SWL</t>
  </si>
  <si>
    <t>5702329010511</t>
  </si>
  <si>
    <t>VELUX Verd.-Rollo Plus DFD FK04 4577SWL</t>
  </si>
  <si>
    <t>DFD FK04 4578S</t>
  </si>
  <si>
    <t>5702329005357</t>
  </si>
  <si>
    <t>VELUX Verd.-Rollo Plus DFD FK04 4578S</t>
  </si>
  <si>
    <t>DFD FK04 4578SWL</t>
  </si>
  <si>
    <t>5702329010528</t>
  </si>
  <si>
    <t>VELUX Verd.-Rollo Plus DFD FK04 4578SWL</t>
  </si>
  <si>
    <t>DFD FK04 4579S</t>
  </si>
  <si>
    <t>5702329005364</t>
  </si>
  <si>
    <t>VELUX Verd.-Rollo Plus DFD FK04 4579S</t>
  </si>
  <si>
    <t>DFD FK04 4579SWL</t>
  </si>
  <si>
    <t>5702329010535</t>
  </si>
  <si>
    <t>VELUX Verd.-Rollo Plus DFD FK04 4579SWL</t>
  </si>
  <si>
    <t>DFD FK04 4580S</t>
  </si>
  <si>
    <t>5702329005371</t>
  </si>
  <si>
    <t>VELUX Verd.-Rollo Plus DFD FK04 4580S</t>
  </si>
  <si>
    <t>DFD FK04 4580SWL</t>
  </si>
  <si>
    <t>5702329010542</t>
  </si>
  <si>
    <t>VELUX Verd.-Rollo Plus DFD FK04 4580SWL</t>
  </si>
  <si>
    <t>DFD FK04 4581S</t>
  </si>
  <si>
    <t>5702329005388</t>
  </si>
  <si>
    <t>VELUX Verd.-Rollo Plus DFD FK04 4581S</t>
  </si>
  <si>
    <t>DFD FK04 4581SWL</t>
  </si>
  <si>
    <t>5702329010559</t>
  </si>
  <si>
    <t>VELUX Verd.-Rollo Plus DFD FK04 4581SWL</t>
  </si>
  <si>
    <t>DFD FK04 4653S</t>
  </si>
  <si>
    <t>5702329277419</t>
  </si>
  <si>
    <t>VELUX Verd.-Rollo Plus DFD FK04 4653S</t>
  </si>
  <si>
    <t>DFD FK04 4653SWL</t>
  </si>
  <si>
    <t>5702329277426</t>
  </si>
  <si>
    <t>VELUX Verd.-Rollo Plus DFD FK04 4653SWL</t>
  </si>
  <si>
    <t>DFD FK04 4655SWL</t>
  </si>
  <si>
    <t>5702329277464</t>
  </si>
  <si>
    <t>VELUX Verd.-Rollo Plus DFD FK04 4655SWL</t>
  </si>
  <si>
    <t>DFD FK04 4659S</t>
  </si>
  <si>
    <t>5702329277471</t>
  </si>
  <si>
    <t>VELUX Verd.-Rollo Plus DFD FK04 4659S</t>
  </si>
  <si>
    <t>DFD FK04 4659SWL</t>
  </si>
  <si>
    <t>5702329277488</t>
  </si>
  <si>
    <t>VELUX Verd.-Rollo Plus DFD FK04 4659SWL</t>
  </si>
  <si>
    <t>DFD FK04 4660S</t>
  </si>
  <si>
    <t>5702329277495</t>
  </si>
  <si>
    <t>VELUX Verd.-Rollo Plus DFD FK04 4660S</t>
  </si>
  <si>
    <t>DFD FK04 4660SWL</t>
  </si>
  <si>
    <t>5702329277501</t>
  </si>
  <si>
    <t>VELUX Verd.-Rollo Plus DFD FK04 4660SWL</t>
  </si>
  <si>
    <t>DFD FK04 4665S</t>
  </si>
  <si>
    <t>5702329277532</t>
  </si>
  <si>
    <t>VELUX Verd.-Rollo Plus DFD FK04 4665S</t>
  </si>
  <si>
    <t>DFD FK04 4665SWL</t>
  </si>
  <si>
    <t>5702329277549</t>
  </si>
  <si>
    <t>VELUX Verd.-Rollo Plus DFD FK04 4665SWL</t>
  </si>
  <si>
    <t>DFD FK04 4666SWL</t>
  </si>
  <si>
    <t>5702329277563</t>
  </si>
  <si>
    <t>VELUX Verd.-Rollo Plus DFD FK04 4666SWL</t>
  </si>
  <si>
    <t>DFD FK04 4667SWL</t>
  </si>
  <si>
    <t>5702329277587</t>
  </si>
  <si>
    <t>VELUX Verd.-Rollo Plus DFD FK04 4667SWL</t>
  </si>
  <si>
    <t>DFD FK04 CBYS</t>
  </si>
  <si>
    <t>5702329270243</t>
  </si>
  <si>
    <t>VELUX Verd.-Rollo Plus DFD FK04 CBYS</t>
  </si>
  <si>
    <t>DFD FK04 CBYSWL</t>
  </si>
  <si>
    <t>5702329270250</t>
  </si>
  <si>
    <t>VELUX Verd.-Rollo Plus DFD FK04 CBYSWL</t>
  </si>
  <si>
    <t>DFD FK06 0705S</t>
  </si>
  <si>
    <t>5702327922656</t>
  </si>
  <si>
    <t>VELUX Verd.-Rollo Plus DFD FK06 0705S</t>
  </si>
  <si>
    <t>DFD FK06 0705SWL</t>
  </si>
  <si>
    <t>5702329010566</t>
  </si>
  <si>
    <t>VELUX Verd.-Rollo Plus DFD FK06 0705SWL</t>
  </si>
  <si>
    <t>DFD FK06 1025S</t>
  </si>
  <si>
    <t>5702327922663</t>
  </si>
  <si>
    <t>VELUX Verd.-Rollo Plus DFD FK06 1025S</t>
  </si>
  <si>
    <t>DFD FK06 1025SWL</t>
  </si>
  <si>
    <t>5702329010573</t>
  </si>
  <si>
    <t>VELUX Verd.-Rollo Plus DFD FK06 1025SWL</t>
  </si>
  <si>
    <t>DFD FK06 1085S</t>
  </si>
  <si>
    <t>5702327922670</t>
  </si>
  <si>
    <t>VELUX Verd.-Rollo Plus DFD FK06 1085S</t>
  </si>
  <si>
    <t>DFD FK06 1085SWL</t>
  </si>
  <si>
    <t>5702329010580</t>
  </si>
  <si>
    <t>VELUX Verd.-Rollo Plus DFD FK06 1085SWL</t>
  </si>
  <si>
    <t>DFD FK06 1100S</t>
  </si>
  <si>
    <t>5702327922687</t>
  </si>
  <si>
    <t>VELUX Verd.-Rollo Plus DFD FK06 1100S</t>
  </si>
  <si>
    <t>DFD FK06 1100SWL</t>
  </si>
  <si>
    <t>5702329010597</t>
  </si>
  <si>
    <t>VELUX Verd.-Rollo Plus DFD FK06 1100SWL</t>
  </si>
  <si>
    <t>DFD FK06 3009S</t>
  </si>
  <si>
    <t>5702327922717</t>
  </si>
  <si>
    <t>VELUX Verd.-Rollo Plus DFD FK06 3009S</t>
  </si>
  <si>
    <t>DFD FK06 3009SWL</t>
  </si>
  <si>
    <t>5702329010603</t>
  </si>
  <si>
    <t>VELUX Verd.-Rollo Plus DFD FK06 3009SWL</t>
  </si>
  <si>
    <t>DFD FK06 4556S</t>
  </si>
  <si>
    <t>5702327922731</t>
  </si>
  <si>
    <t>VELUX Verd.-Rollo Plus DFD FK06 4556S</t>
  </si>
  <si>
    <t>DFD FK06 4556SWL</t>
  </si>
  <si>
    <t>5702329010610</t>
  </si>
  <si>
    <t>VELUX Verd.-Rollo Plus DFD FK06 4556SWL</t>
  </si>
  <si>
    <t>DFD FK06 4559S</t>
  </si>
  <si>
    <t>5702327922755</t>
  </si>
  <si>
    <t>VELUX Verd.-Rollo Plus DFD FK06 4559S</t>
  </si>
  <si>
    <t>DFD FK06 4559SWL</t>
  </si>
  <si>
    <t>5702329010627</t>
  </si>
  <si>
    <t>VELUX Verd.-Rollo Plus DFD FK06 4559SWL</t>
  </si>
  <si>
    <t>DFD FK06 4564S</t>
  </si>
  <si>
    <t>5702327922809</t>
  </si>
  <si>
    <t>VELUX Verd.-Rollo Plus DFD FK06 4564S</t>
  </si>
  <si>
    <t>DFD FK06 4564SWL</t>
  </si>
  <si>
    <t>5702329010634</t>
  </si>
  <si>
    <t>VELUX Verd.-Rollo Plus DFD FK06 4564SWL</t>
  </si>
  <si>
    <t>DFD FK06 4574S</t>
  </si>
  <si>
    <t>5702329005395</t>
  </si>
  <si>
    <t>VELUX Verd.-Rollo Plus DFD FK06 4574S</t>
  </si>
  <si>
    <t>DFD FK06 4574SWL</t>
  </si>
  <si>
    <t>5702329010641</t>
  </si>
  <si>
    <t>VELUX Verd.-Rollo Plus DFD FK06 4574SWL</t>
  </si>
  <si>
    <t>DFD FK06 4575S</t>
  </si>
  <si>
    <t>5702329005401</t>
  </si>
  <si>
    <t>VELUX Verd.-Rollo Plus DFD FK06 4575S</t>
  </si>
  <si>
    <t>DFD FK06 4575SWL</t>
  </si>
  <si>
    <t>5702329010658</t>
  </si>
  <si>
    <t>VELUX Verd.-Rollo Plus DFD FK06 4575SWL</t>
  </si>
  <si>
    <t>DFD FK06 4576S</t>
  </si>
  <si>
    <t>5702329005418</t>
  </si>
  <si>
    <t>VELUX Verd.-Rollo Plus DFD FK06 4576S</t>
  </si>
  <si>
    <t>DFD FK06 4576SWL</t>
  </si>
  <si>
    <t>5702329010665</t>
  </si>
  <si>
    <t>VELUX Verd.-Rollo Plus DFD FK06 4576SWL</t>
  </si>
  <si>
    <t>DFD FK06 4577S</t>
  </si>
  <si>
    <t>5702329005425</t>
  </si>
  <si>
    <t>VELUX Verd.-Rollo Plus DFD FK06 4577S</t>
  </si>
  <si>
    <t>DFD FK06 4577SWL</t>
  </si>
  <si>
    <t>5702329010672</t>
  </si>
  <si>
    <t>VELUX Verd.-Rollo Plus DFD FK06 4577SWL</t>
  </si>
  <si>
    <t>DFD FK06 4578S</t>
  </si>
  <si>
    <t>5702329005432</t>
  </si>
  <si>
    <t>VELUX Verd.-Rollo Plus DFD FK06 4578S</t>
  </si>
  <si>
    <t>DFD FK06 4578SWL</t>
  </si>
  <si>
    <t>5702329010689</t>
  </si>
  <si>
    <t>VELUX Verd.-Rollo Plus DFD FK06 4578SWL</t>
  </si>
  <si>
    <t>DFD FK06 4579S</t>
  </si>
  <si>
    <t>5702329005449</t>
  </si>
  <si>
    <t>VELUX Verd.-Rollo Plus DFD FK06 4579S</t>
  </si>
  <si>
    <t>DFD FK06 4579SWL</t>
  </si>
  <si>
    <t>5702329010696</t>
  </si>
  <si>
    <t>VELUX Verd.-Rollo Plus DFD FK06 4579SWL</t>
  </si>
  <si>
    <t>DFD FK06 4580S</t>
  </si>
  <si>
    <t>5702329005456</t>
  </si>
  <si>
    <t>VELUX Verd.-Rollo Plus DFD FK06 4580S</t>
  </si>
  <si>
    <t>DFD FK06 4580SWL</t>
  </si>
  <si>
    <t>5702329010702</t>
  </si>
  <si>
    <t>VELUX Verd.-Rollo Plus DFD FK06 4580SWL</t>
  </si>
  <si>
    <t>DFD FK06 4581S</t>
  </si>
  <si>
    <t>5702329005463</t>
  </si>
  <si>
    <t>VELUX Verd.-Rollo Plus DFD FK06 4581S</t>
  </si>
  <si>
    <t>DFD FK06 4581SWL</t>
  </si>
  <si>
    <t>5702329010719</t>
  </si>
  <si>
    <t>VELUX Verd.-Rollo Plus DFD FK06 4581SWL</t>
  </si>
  <si>
    <t>DFD FK06 4653S</t>
  </si>
  <si>
    <t>5702329277594</t>
  </si>
  <si>
    <t>VELUX Verd.-Rollo Plus DFD FK06 4653S</t>
  </si>
  <si>
    <t>DFD FK06 4653SWL</t>
  </si>
  <si>
    <t>5702329277600</t>
  </si>
  <si>
    <t>VELUX Verd.-Rollo Plus DFD FK06 4653SWL</t>
  </si>
  <si>
    <t>DFD FK06 4654S</t>
  </si>
  <si>
    <t>5702329277617</t>
  </si>
  <si>
    <t>VELUX Verd.-Rollo Plus DFD FK06 4654S</t>
  </si>
  <si>
    <t>DFD FK06 4654SWL</t>
  </si>
  <si>
    <t>5702329277624</t>
  </si>
  <si>
    <t>VELUX Verd.-Rollo Plus DFD FK06 4654SWL</t>
  </si>
  <si>
    <t>DFD FK06 4659S</t>
  </si>
  <si>
    <t>5702329277655</t>
  </si>
  <si>
    <t>VELUX Verd.-Rollo Plus DFD FK06 4659S</t>
  </si>
  <si>
    <t>DFD FK06 4659SWL</t>
  </si>
  <si>
    <t>5702329277662</t>
  </si>
  <si>
    <t>VELUX Verd.-Rollo Plus DFD FK06 4659SWL</t>
  </si>
  <si>
    <t>DFD FK06 4660S</t>
  </si>
  <si>
    <t>5702329277679</t>
  </si>
  <si>
    <t>VELUX Verd.-Rollo Plus DFD FK06 4660S</t>
  </si>
  <si>
    <t>DFD FK06 4660SWL</t>
  </si>
  <si>
    <t>5702329277686</t>
  </si>
  <si>
    <t>VELUX Verd.-Rollo Plus DFD FK06 4660SWL</t>
  </si>
  <si>
    <t>DFD FK06 4661SWL</t>
  </si>
  <si>
    <t>5702329277709</t>
  </si>
  <si>
    <t>VELUX Verd.-Rollo Plus DFD FK06 4661SWL</t>
  </si>
  <si>
    <t>DFD FK06 4665S</t>
  </si>
  <si>
    <t>5702329277716</t>
  </si>
  <si>
    <t>VELUX Verd.-Rollo Plus DFD FK06 4665S</t>
  </si>
  <si>
    <t>DFD FK06 4665SWL</t>
  </si>
  <si>
    <t>5702329277723</t>
  </si>
  <si>
    <t>VELUX Verd.-Rollo Plus DFD FK06 4665SWL</t>
  </si>
  <si>
    <t>DFD FK06 4666S</t>
  </si>
  <si>
    <t>5702329277730</t>
  </si>
  <si>
    <t>VELUX Verd.-Rollo Plus DFD FK06 4666S</t>
  </si>
  <si>
    <t>DFD FK06 4666SWL</t>
  </si>
  <si>
    <t>5702329277747</t>
  </si>
  <si>
    <t>VELUX Verd.-Rollo Plus DFD FK06 4666SWL</t>
  </si>
  <si>
    <t>DFD FK06 4667S</t>
  </si>
  <si>
    <t>5702329277754</t>
  </si>
  <si>
    <t>VELUX Verd.-Rollo Plus DFD FK06 4667S</t>
  </si>
  <si>
    <t>DFD FK06 4667SWL</t>
  </si>
  <si>
    <t>5702329277761</t>
  </si>
  <si>
    <t>VELUX Verd.-Rollo Plus DFD FK06 4667SWL</t>
  </si>
  <si>
    <t>DFD FK06 CBYS</t>
  </si>
  <si>
    <t>5702329270267</t>
  </si>
  <si>
    <t>VELUX Verd.-Rollo Plus DFD FK06 CBYS</t>
  </si>
  <si>
    <t>DFD FK06 CBYSWL</t>
  </si>
  <si>
    <t>5702329270274</t>
  </si>
  <si>
    <t>VELUX Verd.-Rollo Plus DFD FK06 CBYSWL</t>
  </si>
  <si>
    <t>DFD FK08 0705S</t>
  </si>
  <si>
    <t>5702327922892</t>
  </si>
  <si>
    <t>VELUX Verd.-Rollo Plus DFD FK08 0705S</t>
  </si>
  <si>
    <t>DFD FK08 0705SWL</t>
  </si>
  <si>
    <t>5702329010726</t>
  </si>
  <si>
    <t>VELUX Verd.-Rollo Plus DFD FK08 0705SWL</t>
  </si>
  <si>
    <t>DFD FK08 1025S</t>
  </si>
  <si>
    <t>5702327922908</t>
  </si>
  <si>
    <t>VELUX Verd.-Rollo Plus DFD FK08 1025S</t>
  </si>
  <si>
    <t>DFD FK08 1025SWL</t>
  </si>
  <si>
    <t>5702329010733</t>
  </si>
  <si>
    <t>VELUX Verd.-Rollo Plus DFD FK08 1025SWL</t>
  </si>
  <si>
    <t>DFD FK08 1085S</t>
  </si>
  <si>
    <t>5702327922915</t>
  </si>
  <si>
    <t>VELUX Verd.-Rollo Plus DFD FK08 1085S</t>
  </si>
  <si>
    <t>DFD FK08 1085SWL</t>
  </si>
  <si>
    <t>5702329010740</t>
  </si>
  <si>
    <t>VELUX Verd.-Rollo Plus DFD FK08 1085SWL</t>
  </si>
  <si>
    <t>DFD FK08 1100S</t>
  </si>
  <si>
    <t>5702327922922</t>
  </si>
  <si>
    <t>VELUX Verd.-Rollo Plus DFD FK08 1100S</t>
  </si>
  <si>
    <t>DFD FK08 1100SWL</t>
  </si>
  <si>
    <t>5702329010757</t>
  </si>
  <si>
    <t>VELUX Verd.-Rollo Plus DFD FK08 1100SWL</t>
  </si>
  <si>
    <t>DFD FK08 3009S</t>
  </si>
  <si>
    <t>5702327922953</t>
  </si>
  <si>
    <t>VELUX Verd.-Rollo Plus DFD FK08 3009S</t>
  </si>
  <si>
    <t>DFD FK08 3009SWL</t>
  </si>
  <si>
    <t>5702329010764</t>
  </si>
  <si>
    <t>VELUX Verd.-Rollo Plus DFD FK08 3009SWL</t>
  </si>
  <si>
    <t>DFD FK08 4556S</t>
  </si>
  <si>
    <t>5702327922977</t>
  </si>
  <si>
    <t>VELUX Verd.-Rollo Plus DFD FK08 4556S</t>
  </si>
  <si>
    <t>DFD FK08 4556SWL</t>
  </si>
  <si>
    <t>5702329010771</t>
  </si>
  <si>
    <t>VELUX Verd.-Rollo Plus DFD FK08 4556SWL</t>
  </si>
  <si>
    <t>DFD FK08 4559S</t>
  </si>
  <si>
    <t>5702327922991</t>
  </si>
  <si>
    <t>VELUX Verd.-Rollo Plus DFD FK08 4559S</t>
  </si>
  <si>
    <t>DFD FK08 4559SWL</t>
  </si>
  <si>
    <t>5702329010788</t>
  </si>
  <si>
    <t>VELUX Verd.-Rollo Plus DFD FK08 4559SWL</t>
  </si>
  <si>
    <t>DFD FK08 4564S</t>
  </si>
  <si>
    <t>5702327923042</t>
  </si>
  <si>
    <t>VELUX Verd.-Rollo Plus DFD FK08 4564S</t>
  </si>
  <si>
    <t>DFD FK08 4564SWL</t>
  </si>
  <si>
    <t>5702329010795</t>
  </si>
  <si>
    <t>VELUX Verd.-Rollo Plus DFD FK08 4564SWL</t>
  </si>
  <si>
    <t>DFD FK08 4574S</t>
  </si>
  <si>
    <t>5702329005470</t>
  </si>
  <si>
    <t>VELUX Verd.-Rollo Plus DFD FK08 4574S</t>
  </si>
  <si>
    <t>DFD FK08 4574SWL</t>
  </si>
  <si>
    <t>5702329010801</t>
  </si>
  <si>
    <t>VELUX Verd.-Rollo Plus DFD FK08 4574SWL</t>
  </si>
  <si>
    <t>DFD FK08 4575S</t>
  </si>
  <si>
    <t>5702329005487</t>
  </si>
  <si>
    <t>VELUX Verd.-Rollo Plus DFD FK08 4575S</t>
  </si>
  <si>
    <t>DFD FK08 4575SWL</t>
  </si>
  <si>
    <t>5702329010818</t>
  </si>
  <si>
    <t>VELUX Verd.-Rollo Plus DFD FK08 4575SWL</t>
  </si>
  <si>
    <t>DFD FK08 4576S</t>
  </si>
  <si>
    <t>5702329005494</t>
  </si>
  <si>
    <t>VELUX Verd.-Rollo Plus DFD FK08 4576S</t>
  </si>
  <si>
    <t>DFD FK08 4576SWL</t>
  </si>
  <si>
    <t>5702329010825</t>
  </si>
  <si>
    <t>VELUX Verd.-Rollo Plus DFD FK08 4576SWL</t>
  </si>
  <si>
    <t>DFD FK08 4577S</t>
  </si>
  <si>
    <t>5702329005500</t>
  </si>
  <si>
    <t>VELUX Verd.-Rollo Plus DFD FK08 4577S</t>
  </si>
  <si>
    <t>DFD FK08 4577SWL</t>
  </si>
  <si>
    <t>5702329010832</t>
  </si>
  <si>
    <t>VELUX Verd.-Rollo Plus DFD FK08 4577SWL</t>
  </si>
  <si>
    <t>DFD FK08 4578S</t>
  </si>
  <si>
    <t>5702329005517</t>
  </si>
  <si>
    <t>VELUX Verd.-Rollo Plus DFD FK08 4578S</t>
  </si>
  <si>
    <t>DFD FK08 4578SWL</t>
  </si>
  <si>
    <t>5702329010849</t>
  </si>
  <si>
    <t>VELUX Verd.-Rollo Plus DFD FK08 4578SWL</t>
  </si>
  <si>
    <t>DFD FK08 4579S</t>
  </si>
  <si>
    <t>5702329005524</t>
  </si>
  <si>
    <t>VELUX Verd.-Rollo Plus DFD FK08 4579S</t>
  </si>
  <si>
    <t>DFD FK08 4579SWL</t>
  </si>
  <si>
    <t>5702329010856</t>
  </si>
  <si>
    <t>VELUX Verd.-Rollo Plus DFD FK08 4579SWL</t>
  </si>
  <si>
    <t>DFD FK08 4580S</t>
  </si>
  <si>
    <t>5702329005531</t>
  </si>
  <si>
    <t>VELUX Verd.-Rollo Plus DFD FK08 4580S</t>
  </si>
  <si>
    <t>DFD FK08 4580SWL</t>
  </si>
  <si>
    <t>5702329010863</t>
  </si>
  <si>
    <t>VELUX Verd.-Rollo Plus DFD FK08 4580SWL</t>
  </si>
  <si>
    <t>DFD FK08 4581S</t>
  </si>
  <si>
    <t>5702329005548</t>
  </si>
  <si>
    <t>VELUX Verd.-Rollo Plus DFD FK08 4581S</t>
  </si>
  <si>
    <t>DFD FK08 4581SWL</t>
  </si>
  <si>
    <t>5702329010870</t>
  </si>
  <si>
    <t>VELUX Verd.-Rollo Plus DFD FK08 4581SWL</t>
  </si>
  <si>
    <t>DFD FK08 4653S</t>
  </si>
  <si>
    <t>5702329277778</t>
  </si>
  <si>
    <t>VELUX Verd.-Rollo Plus DFD FK08 4653S</t>
  </si>
  <si>
    <t>DFD FK08 4653SWL</t>
  </si>
  <si>
    <t>5702329277785</t>
  </si>
  <si>
    <t>VELUX Verd.-Rollo Plus DFD FK08 4653SWL</t>
  </si>
  <si>
    <t>DFD FK08 4654S</t>
  </si>
  <si>
    <t>5702329277792</t>
  </si>
  <si>
    <t>VELUX Verd.-Rollo Plus DFD FK08 4654S</t>
  </si>
  <si>
    <t>DFD FK08 4655SWL</t>
  </si>
  <si>
    <t>5702329277822</t>
  </si>
  <si>
    <t>VELUX Verd.-Rollo Plus DFD FK08 4655SWL</t>
  </si>
  <si>
    <t>DFD FK08 4659S</t>
  </si>
  <si>
    <t>5702329277839</t>
  </si>
  <si>
    <t>VELUX Verd.-Rollo Plus DFD FK08 4659S</t>
  </si>
  <si>
    <t>DFD FK08 4659SWL</t>
  </si>
  <si>
    <t>5702329277846</t>
  </si>
  <si>
    <t>VELUX Verd.-Rollo Plus DFD FK08 4659SWL</t>
  </si>
  <si>
    <t>DFD FK08 4660S</t>
  </si>
  <si>
    <t>5702329277853</t>
  </si>
  <si>
    <t>VELUX Verd.-Rollo Plus DFD FK08 4660S</t>
  </si>
  <si>
    <t>DFD FK08 4660SWL</t>
  </si>
  <si>
    <t>5702329277860</t>
  </si>
  <si>
    <t>VELUX Verd.-Rollo Plus DFD FK08 4660SWL</t>
  </si>
  <si>
    <t>DFD FK08 4661S</t>
  </si>
  <si>
    <t>5702329277877</t>
  </si>
  <si>
    <t>VELUX Verd.-Rollo Plus DFD FK08 4661S</t>
  </si>
  <si>
    <t>DFD FK08 4661SWL</t>
  </si>
  <si>
    <t>5702329277884</t>
  </si>
  <si>
    <t>VELUX Verd.-Rollo Plus DFD FK08 4661SWL</t>
  </si>
  <si>
    <t>DFD FK08 4665SWL</t>
  </si>
  <si>
    <t>5702329277907</t>
  </si>
  <si>
    <t>VELUX Verd.-Rollo Plus DFD FK08 4665SWL</t>
  </si>
  <si>
    <t>DFD FK08 4666S</t>
  </si>
  <si>
    <t>5702329277914</t>
  </si>
  <si>
    <t>VELUX Verd.-Rollo Plus DFD FK08 4666S</t>
  </si>
  <si>
    <t>DFD FK08 4666SWL</t>
  </si>
  <si>
    <t>5702329277921</t>
  </si>
  <si>
    <t>VELUX Verd.-Rollo Plus DFD FK08 4666SWL</t>
  </si>
  <si>
    <t>DFD FK08 4667S</t>
  </si>
  <si>
    <t>5702329277938</t>
  </si>
  <si>
    <t>VELUX Verd.-Rollo Plus DFD FK08 4667S</t>
  </si>
  <si>
    <t>DFD FK08 4667SWL</t>
  </si>
  <si>
    <t>5702329277945</t>
  </si>
  <si>
    <t>VELUX Verd.-Rollo Plus DFD FK08 4667SWL</t>
  </si>
  <si>
    <t>DFD FK08 CBYS</t>
  </si>
  <si>
    <t>5702329270281</t>
  </si>
  <si>
    <t>VELUX Verd.-Rollo Plus DFD FK08 CBYS</t>
  </si>
  <si>
    <t>DFD FK08 CBYSWL</t>
  </si>
  <si>
    <t>5702329270298</t>
  </si>
  <si>
    <t>VELUX Verd.-Rollo Plus DFD FK08 CBYSWL</t>
  </si>
  <si>
    <t>DFD M04 0705S</t>
  </si>
  <si>
    <t>5702327923134</t>
  </si>
  <si>
    <t>VELUX Verd.-Rollo Plus DFD M04 0705S</t>
  </si>
  <si>
    <t>DFD M04 0705SWL</t>
  </si>
  <si>
    <t>5702329010887</t>
  </si>
  <si>
    <t>VELUX Verd.-Rollo Plus DFD M04 0705SWL</t>
  </si>
  <si>
    <t>DFD M04 1025S</t>
  </si>
  <si>
    <t>5702327923141</t>
  </si>
  <si>
    <t>VELUX Verd.-Rollo Plus DFD M04 1025S</t>
  </si>
  <si>
    <t>DFD M04 1025SWL</t>
  </si>
  <si>
    <t>5702329010894</t>
  </si>
  <si>
    <t>VELUX Verd.-Rollo Plus DFD M04 1025SWL</t>
  </si>
  <si>
    <t>DFD M04 1085S</t>
  </si>
  <si>
    <t>5702327923158</t>
  </si>
  <si>
    <t>VELUX Verd.-Rollo Plus DFD M04 1085S</t>
  </si>
  <si>
    <t>DFD M04 1085SWL</t>
  </si>
  <si>
    <t>5702329010900</t>
  </si>
  <si>
    <t>VELUX Verd.-Rollo Plus DFD M04 1085SWL</t>
  </si>
  <si>
    <t>DFD M04 1100S</t>
  </si>
  <si>
    <t>5702327923165</t>
  </si>
  <si>
    <t>VELUX Verd.-Rollo Plus DFD M04 1100S</t>
  </si>
  <si>
    <t>DFD M04 1100SWL</t>
  </si>
  <si>
    <t>5702329010917</t>
  </si>
  <si>
    <t>VELUX Verd.-Rollo Plus DFD M04 1100SWL</t>
  </si>
  <si>
    <t>DFD M04 3009S</t>
  </si>
  <si>
    <t>5702327923196</t>
  </si>
  <si>
    <t>VELUX Verd.-Rollo Plus DFD M04 3009S</t>
  </si>
  <si>
    <t>DFD M04 3009SWL</t>
  </si>
  <si>
    <t>5702329010924</t>
  </si>
  <si>
    <t>VELUX Verd.-Rollo Plus DFD M04 3009SWL</t>
  </si>
  <si>
    <t>DFD M04 4556S</t>
  </si>
  <si>
    <t>5702327923219</t>
  </si>
  <si>
    <t>VELUX Verd.-Rollo Plus DFD M04 4556S</t>
  </si>
  <si>
    <t>DFD M04 4556SWL</t>
  </si>
  <si>
    <t>5702329010931</t>
  </si>
  <si>
    <t>VELUX Verd.-Rollo Plus DFD M04 4556SWL</t>
  </si>
  <si>
    <t>DFD M04 4559S</t>
  </si>
  <si>
    <t>5702327923233</t>
  </si>
  <si>
    <t>VELUX Verd.-Rollo Plus DFD M04 4559S</t>
  </si>
  <si>
    <t>DFD M04 4559SWL</t>
  </si>
  <si>
    <t>5702329010948</t>
  </si>
  <si>
    <t>VELUX Verd.-Rollo Plus DFD M04 4559SWL</t>
  </si>
  <si>
    <t>DFD M04 4564S</t>
  </si>
  <si>
    <t>5702327923288</t>
  </si>
  <si>
    <t>VELUX Verd.-Rollo Plus DFD M04 4564S</t>
  </si>
  <si>
    <t>DFD M04 4564SWL</t>
  </si>
  <si>
    <t>5702329010955</t>
  </si>
  <si>
    <t>VELUX Verd.-Rollo Plus DFD M04 4564SWL</t>
  </si>
  <si>
    <t>DFD M04 4574S</t>
  </si>
  <si>
    <t>5702329005555</t>
  </si>
  <si>
    <t>VELUX Verd.-Rollo Plus DFD M04 4574S</t>
  </si>
  <si>
    <t>DFD M04 4574SWL</t>
  </si>
  <si>
    <t>5702329010962</t>
  </si>
  <si>
    <t>VELUX Verd.-Rollo Plus DFD M04 4574SWL</t>
  </si>
  <si>
    <t>DFD M04 4575S</t>
  </si>
  <si>
    <t>5702329005562</t>
  </si>
  <si>
    <t>VELUX Verd.-Rollo Plus DFD M04 4575S</t>
  </si>
  <si>
    <t>DFD M04 4575SWL</t>
  </si>
  <si>
    <t>5702329010979</t>
  </si>
  <si>
    <t>VELUX Verd.-Rollo Plus DFD M04 4575SWL</t>
  </si>
  <si>
    <t>DFD M04 4576S</t>
  </si>
  <si>
    <t>5702329005579</t>
  </si>
  <si>
    <t>VELUX Verd.-Rollo Plus DFD M04 4576S</t>
  </si>
  <si>
    <t>DFD M04 4576SWL</t>
  </si>
  <si>
    <t>5702329010986</t>
  </si>
  <si>
    <t>VELUX Verd.-Rollo Plus DFD M04 4576SWL</t>
  </si>
  <si>
    <t>DFD M04 4577S</t>
  </si>
  <si>
    <t>5702329005586</t>
  </si>
  <si>
    <t>VELUX Verd.-Rollo Plus DFD M04 4577S</t>
  </si>
  <si>
    <t>DFD M04 4577SWL</t>
  </si>
  <si>
    <t>5702329010993</t>
  </si>
  <si>
    <t>VELUX Verd.-Rollo Plus DFD M04 4577SWL</t>
  </si>
  <si>
    <t>DFD M04 4578S</t>
  </si>
  <si>
    <t>5702329005593</t>
  </si>
  <si>
    <t>VELUX Verd.-Rollo Plus DFD M04 4578S</t>
  </si>
  <si>
    <t>DFD M04 4578SWL</t>
  </si>
  <si>
    <t>5702329011006</t>
  </si>
  <si>
    <t>VELUX Verd.-Rollo Plus DFD M04 4578SWL</t>
  </si>
  <si>
    <t>DFD M04 4579S</t>
  </si>
  <si>
    <t>5702329005609</t>
  </si>
  <si>
    <t>VELUX Verd.-Rollo Plus DFD M04 4579S</t>
  </si>
  <si>
    <t>DFD M04 4579SWL</t>
  </si>
  <si>
    <t>5702329011013</t>
  </si>
  <si>
    <t>VELUX Verd.-Rollo Plus DFD M04 4579SWL</t>
  </si>
  <si>
    <t>DFD M04 4580S</t>
  </si>
  <si>
    <t>5702329005616</t>
  </si>
  <si>
    <t>VELUX Verd.-Rollo Plus DFD M04 4580S</t>
  </si>
  <si>
    <t>DFD M04 4580SWL</t>
  </si>
  <si>
    <t>5702329011020</t>
  </si>
  <si>
    <t>VELUX Verd.-Rollo Plus DFD M04 4580SWL</t>
  </si>
  <si>
    <t>DFD M04 4581S</t>
  </si>
  <si>
    <t>5702329005623</t>
  </si>
  <si>
    <t>VELUX Verd.-Rollo Plus DFD M04 4581S</t>
  </si>
  <si>
    <t>DFD M04 4581SWL</t>
  </si>
  <si>
    <t>5702329011037</t>
  </si>
  <si>
    <t>VELUX Verd.-Rollo Plus DFD M04 4581SWL</t>
  </si>
  <si>
    <t>DFD M04 4653S</t>
  </si>
  <si>
    <t>5702329277952</t>
  </si>
  <si>
    <t>VELUX Verd.-Rollo Plus DFD M04 4653S</t>
  </si>
  <si>
    <t>DFD M04 4653SWL</t>
  </si>
  <si>
    <t>5702329277969</t>
  </si>
  <si>
    <t>VELUX Verd.-Rollo Plus DFD M04 4653SWL</t>
  </si>
  <si>
    <t>DFD M04 4654S</t>
  </si>
  <si>
    <t>5702329277976</t>
  </si>
  <si>
    <t>VELUX Verd.-Rollo Plus DFD M04 4654S</t>
  </si>
  <si>
    <t>DFD M04 4655S</t>
  </si>
  <si>
    <t>5702329277990</t>
  </si>
  <si>
    <t>VELUX Verd.-Rollo Plus DFD M04 4655S</t>
  </si>
  <si>
    <t>DFD M04 4659S</t>
  </si>
  <si>
    <t>5702329278010</t>
  </si>
  <si>
    <t>VELUX Verd.-Rollo Plus DFD M04 4659S</t>
  </si>
  <si>
    <t>DFD M04 4659SWL</t>
  </si>
  <si>
    <t>5702329278027</t>
  </si>
  <si>
    <t>VELUX Verd.-Rollo Plus DFD M04 4659SWL</t>
  </si>
  <si>
    <t>DFD M04 4660S</t>
  </si>
  <si>
    <t>5702329278034</t>
  </si>
  <si>
    <t>VELUX Verd.-Rollo Plus DFD M04 4660S</t>
  </si>
  <si>
    <t>DFD M04 4660SWL</t>
  </si>
  <si>
    <t>5702329278041</t>
  </si>
  <si>
    <t>VELUX Verd.-Rollo Plus DFD M04 4660SWL</t>
  </si>
  <si>
    <t>DFD M04 4661S</t>
  </si>
  <si>
    <t>5702329278058</t>
  </si>
  <si>
    <t>VELUX Verd.-Rollo Plus DFD M04 4661S</t>
  </si>
  <si>
    <t>DFD M04 4661SWL</t>
  </si>
  <si>
    <t>5702329278065</t>
  </si>
  <si>
    <t>VELUX Verd.-Rollo Plus DFD M04 4661SWL</t>
  </si>
  <si>
    <t>DFD M04 4665S</t>
  </si>
  <si>
    <t>5702329278072</t>
  </si>
  <si>
    <t>VELUX Verd.-Rollo Plus DFD M04 4665S</t>
  </si>
  <si>
    <t>DFD M04 4665SWL</t>
  </si>
  <si>
    <t>5702329278089</t>
  </si>
  <si>
    <t>VELUX Verd.-Rollo Plus DFD M04 4665SWL</t>
  </si>
  <si>
    <t>DFD M04 4666S</t>
  </si>
  <si>
    <t>5702329278096</t>
  </si>
  <si>
    <t>VELUX Verd.-Rollo Plus DFD M04 4666S</t>
  </si>
  <si>
    <t>DFD M04 4666SWL</t>
  </si>
  <si>
    <t>5702329278102</t>
  </si>
  <si>
    <t>VELUX Verd.-Rollo Plus DFD M04 4666SWL</t>
  </si>
  <si>
    <t>DFD M04 4667S</t>
  </si>
  <si>
    <t>5702329278119</t>
  </si>
  <si>
    <t>VELUX Verd.-Rollo Plus DFD M04 4667S</t>
  </si>
  <si>
    <t>DFD M04 4667SWL</t>
  </si>
  <si>
    <t>5702329278126</t>
  </si>
  <si>
    <t>VELUX Verd.-Rollo Plus DFD M04 4667SWL</t>
  </si>
  <si>
    <t>DFD M04 CBYS</t>
  </si>
  <si>
    <t>5702329270304</t>
  </si>
  <si>
    <t>VELUX Verd.-Rollo Plus DFD M04 CBYS</t>
  </si>
  <si>
    <t>DFD M04 CBYSWL</t>
  </si>
  <si>
    <t>5702329270311</t>
  </si>
  <si>
    <t>VELUX Verd.-Rollo Plus DFD M04 CBYSWL</t>
  </si>
  <si>
    <t>DFD M06 0705S</t>
  </si>
  <si>
    <t>5702327923370</t>
  </si>
  <si>
    <t>VELUX Verd.-Rollo Plus DFD M06 0705S</t>
  </si>
  <si>
    <t>DFD M06 0705SWL</t>
  </si>
  <si>
    <t>5702329011044</t>
  </si>
  <si>
    <t>VELUX Verd.-Rollo Plus DFD M06 0705SWL</t>
  </si>
  <si>
    <t>DFD M06 1025S</t>
  </si>
  <si>
    <t>5702327923387</t>
  </si>
  <si>
    <t>VELUX Verd.-Rollo Plus DFD M06 1025S</t>
  </si>
  <si>
    <t>DFD M06 1025SWL</t>
  </si>
  <si>
    <t>5702329011051</t>
  </si>
  <si>
    <t>VELUX Verd.-Rollo Plus DFD M06 1025SWL</t>
  </si>
  <si>
    <t>DFD M06 1085S</t>
  </si>
  <si>
    <t>5702327923394</t>
  </si>
  <si>
    <t>VELUX Verd.-Rollo Plus DFD M06 1085S</t>
  </si>
  <si>
    <t>DFD M06 1085SWL</t>
  </si>
  <si>
    <t>5702329011068</t>
  </si>
  <si>
    <t>VELUX Verd.-Rollo Plus DFD M06 1085SWL</t>
  </si>
  <si>
    <t>DFD M06 1100SWL</t>
  </si>
  <si>
    <t>5702329011082</t>
  </si>
  <si>
    <t>VELUX Verd.-Rollo Plus DFD M06 1100SWL</t>
  </si>
  <si>
    <t>DFD M06 3009S</t>
  </si>
  <si>
    <t>5702327923431</t>
  </si>
  <si>
    <t>VELUX Verd.-Rollo Plus DFD M06 3009S</t>
  </si>
  <si>
    <t>DFD M06 3009SWL</t>
  </si>
  <si>
    <t>5702329011099</t>
  </si>
  <si>
    <t>VELUX Verd.-Rollo Plus DFD M06 3009SWL</t>
  </si>
  <si>
    <t>DFD M06 4556S</t>
  </si>
  <si>
    <t>5702327923455</t>
  </si>
  <si>
    <t>VELUX Verd.-Rollo Plus DFD M06 4556S</t>
  </si>
  <si>
    <t>DFD M06 4556SWL</t>
  </si>
  <si>
    <t>5702329011105</t>
  </si>
  <si>
    <t>VELUX Verd.-Rollo Plus DFD M06 4556SWL</t>
  </si>
  <si>
    <t>DFD M06 4559S</t>
  </si>
  <si>
    <t>5702327923479</t>
  </si>
  <si>
    <t>VELUX Verd.-Rollo Plus DFD M06 4559S</t>
  </si>
  <si>
    <t>DFD M06 4559SWL</t>
  </si>
  <si>
    <t>5702329011112</t>
  </si>
  <si>
    <t>VELUX Verd.-Rollo Plus DFD M06 4559SWL</t>
  </si>
  <si>
    <t>DFD M06 4564S</t>
  </si>
  <si>
    <t>5702327923523</t>
  </si>
  <si>
    <t>VELUX Verd.-Rollo Plus DFD M06 4564S</t>
  </si>
  <si>
    <t>DFD M06 4564SWL</t>
  </si>
  <si>
    <t>5702329011129</t>
  </si>
  <si>
    <t>VELUX Verd.-Rollo Plus DFD M06 4564SWL</t>
  </si>
  <si>
    <t>DFD M06 4574S</t>
  </si>
  <si>
    <t>5702329005630</t>
  </si>
  <si>
    <t>VELUX Verd.-Rollo Plus DFD M06 4574S</t>
  </si>
  <si>
    <t>DFD M06 4574SWL</t>
  </si>
  <si>
    <t>5702329011136</t>
  </si>
  <si>
    <t>VELUX Verd.-Rollo Plus DFD M06 4574SWL</t>
  </si>
  <si>
    <t>DFD M06 4575S</t>
  </si>
  <si>
    <t>5702329005647</t>
  </si>
  <si>
    <t>VELUX Verd.-Rollo Plus DFD M06 4575S</t>
  </si>
  <si>
    <t>DFD M06 4575SWL</t>
  </si>
  <si>
    <t>5702329011143</t>
  </si>
  <si>
    <t>VELUX Verd.-Rollo Plus DFD M06 4575SWL</t>
  </si>
  <si>
    <t>DFD M06 4576S</t>
  </si>
  <si>
    <t>5702329005654</t>
  </si>
  <si>
    <t>VELUX Verd.-Rollo Plus DFD M06 4576S</t>
  </si>
  <si>
    <t>DFD M06 4576SWL</t>
  </si>
  <si>
    <t>5702329011150</t>
  </si>
  <si>
    <t>VELUX Verd.-Rollo Plus DFD M06 4576SWL</t>
  </si>
  <si>
    <t>DFD M06 4577S</t>
  </si>
  <si>
    <t>5702329005661</t>
  </si>
  <si>
    <t>VELUX Verd.-Rollo Plus DFD M06 4577S</t>
  </si>
  <si>
    <t>DFD M06 4577SWL</t>
  </si>
  <si>
    <t>5702329011167</t>
  </si>
  <si>
    <t>VELUX Verd.-Rollo Plus DFD M06 4577SWL</t>
  </si>
  <si>
    <t>DFD M06 4578S</t>
  </si>
  <si>
    <t>5702329005678</t>
  </si>
  <si>
    <t>VELUX Verd.-Rollo Plus DFD M06 4578S</t>
  </si>
  <si>
    <t>DFD M06 4578SWL</t>
  </si>
  <si>
    <t>5702329011174</t>
  </si>
  <si>
    <t>VELUX Verd.-Rollo Plus DFD M06 4578SWL</t>
  </si>
  <si>
    <t>DFD M06 4579S</t>
  </si>
  <si>
    <t>5702329005685</t>
  </si>
  <si>
    <t>VELUX Verd.-Rollo Plus DFD M06 4579S</t>
  </si>
  <si>
    <t>DFD M06 4579SWL</t>
  </si>
  <si>
    <t>5702329011181</t>
  </si>
  <si>
    <t>VELUX Verd.-Rollo Plus DFD M06 4579SWL</t>
  </si>
  <si>
    <t>DFD M06 4580S</t>
  </si>
  <si>
    <t>5702329005692</t>
  </si>
  <si>
    <t>VELUX Verd.-Rollo Plus DFD M06 4580S</t>
  </si>
  <si>
    <t>DFD M06 4580SWL</t>
  </si>
  <si>
    <t>5702329011198</t>
  </si>
  <si>
    <t>VELUX Verd.-Rollo Plus DFD M06 4580SWL</t>
  </si>
  <si>
    <t>DFD M06 4581S</t>
  </si>
  <si>
    <t>5702329005708</t>
  </si>
  <si>
    <t>VELUX Verd.-Rollo Plus DFD M06 4581S</t>
  </si>
  <si>
    <t>DFD M06 4581SWL</t>
  </si>
  <si>
    <t>5702329011204</t>
  </si>
  <si>
    <t>VELUX Verd.-Rollo Plus DFD M06 4581SWL</t>
  </si>
  <si>
    <t>DFD M06 4653S</t>
  </si>
  <si>
    <t>5702329278133</t>
  </si>
  <si>
    <t>VELUX Verd.-Rollo Plus DFD M06 4653S</t>
  </si>
  <si>
    <t>DFD M06 4653SWL</t>
  </si>
  <si>
    <t>5702329278140</t>
  </si>
  <si>
    <t>VELUX Verd.-Rollo Plus DFD M06 4653SWL</t>
  </si>
  <si>
    <t>DFD M06 4654S</t>
  </si>
  <si>
    <t>5702329278157</t>
  </si>
  <si>
    <t>VELUX Verd.-Rollo Plus DFD M06 4654S</t>
  </si>
  <si>
    <t>DFD M06 4654SWL</t>
  </si>
  <si>
    <t>5702329278164</t>
  </si>
  <si>
    <t>VELUX Verd.-Rollo Plus DFD M06 4654SWL</t>
  </si>
  <si>
    <t>DFD M06 4655S</t>
  </si>
  <si>
    <t>5702329278171</t>
  </si>
  <si>
    <t>VELUX Verd.-Rollo Plus DFD M06 4655S</t>
  </si>
  <si>
    <t>DFD M06 4659S</t>
  </si>
  <si>
    <t>5702329278195</t>
  </si>
  <si>
    <t>VELUX Verd.-Rollo Plus DFD M06 4659S</t>
  </si>
  <si>
    <t>DFD M06 4659SWL</t>
  </si>
  <si>
    <t>5702329278201</t>
  </si>
  <si>
    <t>VELUX Verd.-Rollo Plus DFD M06 4659SWL</t>
  </si>
  <si>
    <t>DFD M06 4660S</t>
  </si>
  <si>
    <t>5702329278218</t>
  </si>
  <si>
    <t>VELUX Verd.-Rollo Plus DFD M06 4660S</t>
  </si>
  <si>
    <t>DFD M06 4660SWL</t>
  </si>
  <si>
    <t>5702329278225</t>
  </si>
  <si>
    <t>VELUX Verd.-Rollo Plus DFD M06 4660SWL</t>
  </si>
  <si>
    <t>DFD M06 4661S</t>
  </si>
  <si>
    <t>5702329278232</t>
  </si>
  <si>
    <t>VELUX Verd.-Rollo Plus DFD M06 4661S</t>
  </si>
  <si>
    <t>DFD M06 4661SWL</t>
  </si>
  <si>
    <t>5702329278249</t>
  </si>
  <si>
    <t>VELUX Verd.-Rollo Plus DFD M06 4661SWL</t>
  </si>
  <si>
    <t>DFD M06 4665S</t>
  </si>
  <si>
    <t>5702329278256</t>
  </si>
  <si>
    <t>VELUX Verd.-Rollo Plus DFD M06 4665S</t>
  </si>
  <si>
    <t>DFD M06 4665SWL</t>
  </si>
  <si>
    <t>5702329278263</t>
  </si>
  <si>
    <t>VELUX Verd.-Rollo Plus DFD M06 4665SWL</t>
  </si>
  <si>
    <t>DFD M06 4666S</t>
  </si>
  <si>
    <t>5702329278270</t>
  </si>
  <si>
    <t>VELUX Verd.-Rollo Plus DFD M06 4666S</t>
  </si>
  <si>
    <t>DFD M06 4666SWL</t>
  </si>
  <si>
    <t>5702329278287</t>
  </si>
  <si>
    <t>VELUX Verd.-Rollo Plus DFD M06 4666SWL</t>
  </si>
  <si>
    <t>DFD M06 4667S</t>
  </si>
  <si>
    <t>5702329278294</t>
  </si>
  <si>
    <t>VELUX Verd.-Rollo Plus DFD M06 4667S</t>
  </si>
  <si>
    <t>DFD M06 4667SWL</t>
  </si>
  <si>
    <t>5702329278300</t>
  </si>
  <si>
    <t>VELUX Verd.-Rollo Plus DFD M06 4667SWL</t>
  </si>
  <si>
    <t>DFD M06 CBYS</t>
  </si>
  <si>
    <t>5702329270328</t>
  </si>
  <si>
    <t>VELUX Verd.-Rollo Plus DFD M06 CBYS</t>
  </si>
  <si>
    <t>DFD M06 CBYSWL</t>
  </si>
  <si>
    <t>5702329270335</t>
  </si>
  <si>
    <t>VELUX Verd.-Rollo Plus DFD M06 CBYSWL</t>
  </si>
  <si>
    <t>DFD M08 0705S</t>
  </si>
  <si>
    <t>5702327923615</t>
  </si>
  <si>
    <t>VELUX Verd.-Rollo Plus DFD M08 0705S</t>
  </si>
  <si>
    <t>DFD M08 0705SWL</t>
  </si>
  <si>
    <t>5702329011211</t>
  </si>
  <si>
    <t>VELUX Verd.-Rollo Plus DFD M08 0705SWL</t>
  </si>
  <si>
    <t>DFD M08 1025S</t>
  </si>
  <si>
    <t>5702327923622</t>
  </si>
  <si>
    <t>VELUX Verd.-Rollo Plus DFD M08 1025S</t>
  </si>
  <si>
    <t>DFD M08 1025SWL</t>
  </si>
  <si>
    <t>5702329011228</t>
  </si>
  <si>
    <t>VELUX Verd.-Rollo Plus DFD M08 1025SWL</t>
  </si>
  <si>
    <t>DFD M08 1085S</t>
  </si>
  <si>
    <t>5702327923639</t>
  </si>
  <si>
    <t>VELUX Verd.-Rollo Plus DFD M08 1085S</t>
  </si>
  <si>
    <t>DFD M08 1085SWL</t>
  </si>
  <si>
    <t>5702329011235</t>
  </si>
  <si>
    <t>VELUX Verd.-Rollo Plus DFD M08 1085SWL</t>
  </si>
  <si>
    <t>DFD M08 1100S</t>
  </si>
  <si>
    <t>5702327923646</t>
  </si>
  <si>
    <t>VELUX Verd.-Rollo Plus DFD M08 1100S</t>
  </si>
  <si>
    <t>DFD M08 1100SWL</t>
  </si>
  <si>
    <t>5702329011259</t>
  </si>
  <si>
    <t>VELUX Verd.-Rollo Plus DFD M08 1100SWL</t>
  </si>
  <si>
    <t>DFD M08 3009S</t>
  </si>
  <si>
    <t>5702327923677</t>
  </si>
  <si>
    <t>VELUX Verd.-Rollo Plus DFD M08 3009S</t>
  </si>
  <si>
    <t>DFD M08 3009SWL</t>
  </si>
  <si>
    <t>5702329011266</t>
  </si>
  <si>
    <t>VELUX Verd.-Rollo Plus DFD M08 3009SWL</t>
  </si>
  <si>
    <t>DFD M08 4556S</t>
  </si>
  <si>
    <t>5702327923691</t>
  </si>
  <si>
    <t>VELUX Verd.-Rollo Plus DFD M08 4556S</t>
  </si>
  <si>
    <t>DFD M08 4556SWL</t>
  </si>
  <si>
    <t>5702329011273</t>
  </si>
  <si>
    <t>VELUX Verd.-Rollo Plus DFD M08 4556SWL</t>
  </si>
  <si>
    <t>DFD M08 4559S</t>
  </si>
  <si>
    <t>5702327923714</t>
  </si>
  <si>
    <t>VELUX Verd.-Rollo Plus DFD M08 4559S</t>
  </si>
  <si>
    <t>DFD M08 4559SWL</t>
  </si>
  <si>
    <t>5702329011280</t>
  </si>
  <si>
    <t>VELUX Verd.-Rollo Plus DFD M08 4559SWL</t>
  </si>
  <si>
    <t>DFD M08 4564S</t>
  </si>
  <si>
    <t>5702327923769</t>
  </si>
  <si>
    <t>VELUX Verd.-Rollo Plus DFD M08 4564S</t>
  </si>
  <si>
    <t>DFD M08 4564SWL</t>
  </si>
  <si>
    <t>5702329011297</t>
  </si>
  <si>
    <t>VELUX Verd.-Rollo Plus DFD M08 4564SWL</t>
  </si>
  <si>
    <t>DFD M08 4574S</t>
  </si>
  <si>
    <t>5702329005715</t>
  </si>
  <si>
    <t>VELUX Verd.-Rollo Plus DFD M08 4574S</t>
  </si>
  <si>
    <t>DFD M08 4574SWL</t>
  </si>
  <si>
    <t>5702329011303</t>
  </si>
  <si>
    <t>VELUX Verd.-Rollo Plus DFD M08 4574SWL</t>
  </si>
  <si>
    <t>DFD M08 4575S</t>
  </si>
  <si>
    <t>5702329005722</t>
  </si>
  <si>
    <t>VELUX Verd.-Rollo Plus DFD M08 4575S</t>
  </si>
  <si>
    <t>DFD M08 4575SWL</t>
  </si>
  <si>
    <t>5702329011310</t>
  </si>
  <si>
    <t>VELUX Verd.-Rollo Plus DFD M08 4575SWL</t>
  </si>
  <si>
    <t>DFD M08 4576S</t>
  </si>
  <si>
    <t>5702329005739</t>
  </si>
  <si>
    <t>VELUX Verd.-Rollo Plus DFD M08 4576S</t>
  </si>
  <si>
    <t>DFD M08 4576SWL</t>
  </si>
  <si>
    <t>5702329011327</t>
  </si>
  <si>
    <t>VELUX Verd.-Rollo Plus DFD M08 4576SWL</t>
  </si>
  <si>
    <t>DFD M08 4577S</t>
  </si>
  <si>
    <t>5702329005746</t>
  </si>
  <si>
    <t>VELUX Verd.-Rollo Plus DFD M08 4577S</t>
  </si>
  <si>
    <t>DFD M08 4577SWL</t>
  </si>
  <si>
    <t>5702329011334</t>
  </si>
  <si>
    <t>VELUX Verd.-Rollo Plus DFD M08 4577SWL</t>
  </si>
  <si>
    <t>DFD M08 4578S</t>
  </si>
  <si>
    <t>5702329005753</t>
  </si>
  <si>
    <t>VELUX Verd.-Rollo Plus DFD M08 4578S</t>
  </si>
  <si>
    <t>DFD M08 4578SWL</t>
  </si>
  <si>
    <t>5702329011341</t>
  </si>
  <si>
    <t>VELUX Verd.-Rollo Plus DFD M08 4578SWL</t>
  </si>
  <si>
    <t>DFD M08 4579S</t>
  </si>
  <si>
    <t>5702329005760</t>
  </si>
  <si>
    <t>VELUX Verd.-Rollo Plus DFD M08 4579S</t>
  </si>
  <si>
    <t>DFD M08 4579SWL</t>
  </si>
  <si>
    <t>5702329011358</t>
  </si>
  <si>
    <t>VELUX Verd.-Rollo Plus DFD M08 4579SWL</t>
  </si>
  <si>
    <t>DFD M08 4580S</t>
  </si>
  <si>
    <t>5702329005777</t>
  </si>
  <si>
    <t>VELUX Verd.-Rollo Plus DFD M08 4580S</t>
  </si>
  <si>
    <t>DFD M08 4580SWL</t>
  </si>
  <si>
    <t>5702329011365</t>
  </si>
  <si>
    <t>VELUX Verd.-Rollo Plus DFD M08 4580SWL</t>
  </si>
  <si>
    <t>DFD M08 4581S</t>
  </si>
  <si>
    <t>5702329005784</t>
  </si>
  <si>
    <t>VELUX Verd.-Rollo Plus DFD M08 4581S</t>
  </si>
  <si>
    <t>DFD M08 4581SWL</t>
  </si>
  <si>
    <t>5702329011372</t>
  </si>
  <si>
    <t>VELUX Verd.-Rollo Plus DFD M08 4581SWL</t>
  </si>
  <si>
    <t>DFD M08 4653S</t>
  </si>
  <si>
    <t>5702329278317</t>
  </si>
  <si>
    <t>VELUX Verd.-Rollo Plus DFD M08 4653S</t>
  </si>
  <si>
    <t>DFD M08 4653SWL</t>
  </si>
  <si>
    <t>5702329278324</t>
  </si>
  <si>
    <t>VELUX Verd.-Rollo Plus DFD M08 4653SWL</t>
  </si>
  <si>
    <t>DFD M08 4654S</t>
  </si>
  <si>
    <t>5702329278331</t>
  </si>
  <si>
    <t>VELUX Verd.-Rollo Plus DFD M08 4654S</t>
  </si>
  <si>
    <t>DFD M08 4654SWL</t>
  </si>
  <si>
    <t>5702329278348</t>
  </si>
  <si>
    <t>VELUX Verd.-Rollo Plus DFD M08 4654SWL</t>
  </si>
  <si>
    <t>DFD M08 4655S</t>
  </si>
  <si>
    <t>5702329278355</t>
  </si>
  <si>
    <t>VELUX Verd.-Rollo Plus DFD M08 4655S</t>
  </si>
  <si>
    <t>DFD M08 4655SWL</t>
  </si>
  <si>
    <t>5702329278362</t>
  </si>
  <si>
    <t>VELUX Verd.-Rollo Plus DFD M08 4655SWL</t>
  </si>
  <si>
    <t>DFD M08 4659S</t>
  </si>
  <si>
    <t>5702329278379</t>
  </si>
  <si>
    <t>VELUX Verd.-Rollo Plus DFD M08 4659S</t>
  </si>
  <si>
    <t>DFD M08 4659SWL</t>
  </si>
  <si>
    <t>5702329278386</t>
  </si>
  <si>
    <t>VELUX Verd.-Rollo Plus DFD M08 4659SWL</t>
  </si>
  <si>
    <t>DFD M08 4660S</t>
  </si>
  <si>
    <t>5702329278393</t>
  </si>
  <si>
    <t>VELUX Verd.-Rollo Plus DFD M08 4660S</t>
  </si>
  <si>
    <t>DFD M08 4660SWL</t>
  </si>
  <si>
    <t>5702329278409</t>
  </si>
  <si>
    <t>VELUX Verd.-Rollo Plus DFD M08 4660SWL</t>
  </si>
  <si>
    <t>DFD M08 4661S</t>
  </si>
  <si>
    <t>5702329278416</t>
  </si>
  <si>
    <t>VELUX Verd.-Rollo Plus DFD M08 4661S</t>
  </si>
  <si>
    <t>DFD M08 4661SWL</t>
  </si>
  <si>
    <t>5702329278423</t>
  </si>
  <si>
    <t>VELUX Verd.-Rollo Plus DFD M08 4661SWL</t>
  </si>
  <si>
    <t>DFD M08 4665S</t>
  </si>
  <si>
    <t>5702329278430</t>
  </si>
  <si>
    <t>VELUX Verd.-Rollo Plus DFD M08 4665S</t>
  </si>
  <si>
    <t>DFD M08 4665SWL</t>
  </si>
  <si>
    <t>5702329278447</t>
  </si>
  <si>
    <t>VELUX Verd.-Rollo Plus DFD M08 4665SWL</t>
  </si>
  <si>
    <t>DFD M08 4666S</t>
  </si>
  <si>
    <t>5702329278454</t>
  </si>
  <si>
    <t>VELUX Verd.-Rollo Plus DFD M08 4666S</t>
  </si>
  <si>
    <t>DFD M08 4666SWL</t>
  </si>
  <si>
    <t>5702329278461</t>
  </si>
  <si>
    <t>VELUX Verd.-Rollo Plus DFD M08 4666SWL</t>
  </si>
  <si>
    <t>DFD M08 4667S</t>
  </si>
  <si>
    <t>5702329278478</t>
  </si>
  <si>
    <t>VELUX Verd.-Rollo Plus DFD M08 4667S</t>
  </si>
  <si>
    <t>DFD M08 4667SWL</t>
  </si>
  <si>
    <t>5702329278485</t>
  </si>
  <si>
    <t>VELUX Verd.-Rollo Plus DFD M08 4667SWL</t>
  </si>
  <si>
    <t>DFD M08 CBYS</t>
  </si>
  <si>
    <t>5702329270342</t>
  </si>
  <si>
    <t>VELUX Verd.-Rollo Plus DFD M08 CBYS</t>
  </si>
  <si>
    <t>DFD M08 CBYSWL</t>
  </si>
  <si>
    <t>5702329270359</t>
  </si>
  <si>
    <t>VELUX Verd.-Rollo Plus DFD M08 CBYSWL</t>
  </si>
  <si>
    <t>DFD M10 0705S</t>
  </si>
  <si>
    <t>5702327923851</t>
  </si>
  <si>
    <t>VELUX Verd.-Rollo Plus DFD M10 0705S</t>
  </si>
  <si>
    <t>DFD M10 0705SWL</t>
  </si>
  <si>
    <t>5702329011389</t>
  </si>
  <si>
    <t>VELUX Verd.-Rollo Plus DFD M10 0705SWL</t>
  </si>
  <si>
    <t>DFD M10 1025S</t>
  </si>
  <si>
    <t>5702327923868</t>
  </si>
  <si>
    <t>VELUX Verd.-Rollo Plus DFD M10 1025S</t>
  </si>
  <si>
    <t>DFD M10 1025SWL</t>
  </si>
  <si>
    <t>5702329011396</t>
  </si>
  <si>
    <t>VELUX Verd.-Rollo Plus DFD M10 1025SWL</t>
  </si>
  <si>
    <t>DFD M10 1085S</t>
  </si>
  <si>
    <t>5702327923875</t>
  </si>
  <si>
    <t>VELUX Verd.-Rollo Plus DFD M10 1085S</t>
  </si>
  <si>
    <t>DFD M10 1085SWL</t>
  </si>
  <si>
    <t>5702329011402</t>
  </si>
  <si>
    <t>VELUX Verd.-Rollo Plus DFD M10 1085SWL</t>
  </si>
  <si>
    <t>DFD M10 1100S</t>
  </si>
  <si>
    <t>5702327923882</t>
  </si>
  <si>
    <t>VELUX Verd.-Rollo Plus DFD M10 1100S</t>
  </si>
  <si>
    <t>DFD M10 1100SWL</t>
  </si>
  <si>
    <t>5702329011419</t>
  </si>
  <si>
    <t>VELUX Verd.-Rollo Plus DFD M10 1100SWL</t>
  </si>
  <si>
    <t>DFD M10 3009S</t>
  </si>
  <si>
    <t>5702327923912</t>
  </si>
  <si>
    <t>VELUX Verd.-Rollo Plus DFD M10 3009S</t>
  </si>
  <si>
    <t>DFD M10 3009SWL</t>
  </si>
  <si>
    <t>5702329011426</t>
  </si>
  <si>
    <t>VELUX Verd.-Rollo Plus DFD M10 3009SWL</t>
  </si>
  <si>
    <t>DFD M10 4556S</t>
  </si>
  <si>
    <t>5702327923936</t>
  </si>
  <si>
    <t>VELUX Verd.-Rollo Plus DFD M10 4556S</t>
  </si>
  <si>
    <t>DFD M10 4556SWL</t>
  </si>
  <si>
    <t>5702329011433</t>
  </si>
  <si>
    <t>VELUX Verd.-Rollo Plus DFD M10 4556SWL</t>
  </si>
  <si>
    <t>DFD M10 4559S</t>
  </si>
  <si>
    <t>5702327923950</t>
  </si>
  <si>
    <t>VELUX Verd.-Rollo Plus DFD M10 4559S</t>
  </si>
  <si>
    <t>DFD M10 4559SWL</t>
  </si>
  <si>
    <t>5702329011440</t>
  </si>
  <si>
    <t>VELUX Verd.-Rollo Plus DFD M10 4559SWL</t>
  </si>
  <si>
    <t>DFD M10 4564S</t>
  </si>
  <si>
    <t>5702327924001</t>
  </si>
  <si>
    <t>VELUX Verd.-Rollo Plus DFD M10 4564S</t>
  </si>
  <si>
    <t>DFD M10 4564SWL</t>
  </si>
  <si>
    <t>5702329011457</t>
  </si>
  <si>
    <t>VELUX Verd.-Rollo Plus DFD M10 4564SWL</t>
  </si>
  <si>
    <t>DFD M10 4574S</t>
  </si>
  <si>
    <t>5702329005791</t>
  </si>
  <si>
    <t>VELUX Verd.-Rollo Plus DFD M10 4574S</t>
  </si>
  <si>
    <t>DFD M10 4574SWL</t>
  </si>
  <si>
    <t>5702329011464</t>
  </si>
  <si>
    <t>VELUX Verd.-Rollo Plus DFD M10 4574SWL</t>
  </si>
  <si>
    <t>DFD M10 4575S</t>
  </si>
  <si>
    <t>5702329005807</t>
  </si>
  <si>
    <t>VELUX Verd.-Rollo Plus DFD M10 4575S</t>
  </si>
  <si>
    <t>DFD M10 4576S</t>
  </si>
  <si>
    <t>5702329005814</t>
  </si>
  <si>
    <t>VELUX Verd.-Rollo Plus DFD M10 4576S</t>
  </si>
  <si>
    <t>DFD M10 4576SWL</t>
  </si>
  <si>
    <t>5702329011488</t>
  </si>
  <si>
    <t>VELUX Verd.-Rollo Plus DFD M10 4576SWL</t>
  </si>
  <si>
    <t>DFD M10 4577S</t>
  </si>
  <si>
    <t>5702329005821</t>
  </si>
  <si>
    <t>VELUX Verd.-Rollo Plus DFD M10 4577S</t>
  </si>
  <si>
    <t>DFD M10 4577SWL</t>
  </si>
  <si>
    <t>5702329011495</t>
  </si>
  <si>
    <t>VELUX Verd.-Rollo Plus DFD M10 4577SWL</t>
  </si>
  <si>
    <t>DFD M10 4578S</t>
  </si>
  <si>
    <t>5702329005838</t>
  </si>
  <si>
    <t>VELUX Verd.-Rollo Plus DFD M10 4578S</t>
  </si>
  <si>
    <t>DFD M10 4578SWL</t>
  </si>
  <si>
    <t>5702329011501</t>
  </si>
  <si>
    <t>VELUX Verd.-Rollo Plus DFD M10 4578SWL</t>
  </si>
  <si>
    <t>DFD M10 4579S</t>
  </si>
  <si>
    <t>5702329005845</t>
  </si>
  <si>
    <t>VELUX Verd.-Rollo Plus DFD M10 4579S</t>
  </si>
  <si>
    <t>DFD M10 4579SWL</t>
  </si>
  <si>
    <t>5702329011518</t>
  </si>
  <si>
    <t>VELUX Verd.-Rollo Plus DFD M10 4579SWL</t>
  </si>
  <si>
    <t>DFD M10 4580S</t>
  </si>
  <si>
    <t>5702329005852</t>
  </si>
  <si>
    <t>VELUX Verd.-Rollo Plus DFD M10 4580S</t>
  </si>
  <si>
    <t>DFD M10 4580SWL</t>
  </si>
  <si>
    <t>5702329011525</t>
  </si>
  <si>
    <t>VELUX Verd.-Rollo Plus DFD M10 4580SWL</t>
  </si>
  <si>
    <t>DFD M10 4581S</t>
  </si>
  <si>
    <t>5702329005869</t>
  </si>
  <si>
    <t>VELUX Verd.-Rollo Plus DFD M10 4581S</t>
  </si>
  <si>
    <t>DFD M10 4581SWL</t>
  </si>
  <si>
    <t>5702329011532</t>
  </si>
  <si>
    <t>VELUX Verd.-Rollo Plus DFD M10 4581SWL</t>
  </si>
  <si>
    <t>DFD M10 4653S</t>
  </si>
  <si>
    <t>5702329278492</t>
  </si>
  <si>
    <t>VELUX Verd.-Rollo Plus DFD M10 4653S</t>
  </si>
  <si>
    <t>DFD M10 4653SWL</t>
  </si>
  <si>
    <t>5702329278508</t>
  </si>
  <si>
    <t>VELUX Verd.-Rollo Plus DFD M10 4653SWL</t>
  </si>
  <si>
    <t>DFD M10 4654S</t>
  </si>
  <si>
    <t>5702329278515</t>
  </si>
  <si>
    <t>VELUX Verd.-Rollo Plus DFD M10 4654S</t>
  </si>
  <si>
    <t>DFD M10 4659S</t>
  </si>
  <si>
    <t>5702329278553</t>
  </si>
  <si>
    <t>VELUX Verd.-Rollo Plus DFD M10 4659S</t>
  </si>
  <si>
    <t>DFD M10 4659SWL</t>
  </si>
  <si>
    <t>5702329278560</t>
  </si>
  <si>
    <t>VELUX Verd.-Rollo Plus DFD M10 4659SWL</t>
  </si>
  <si>
    <t>DFD M10 4660S</t>
  </si>
  <si>
    <t>5702329278577</t>
  </si>
  <si>
    <t>VELUX Verd.-Rollo Plus DFD M10 4660S</t>
  </si>
  <si>
    <t>DFD M10 4665S</t>
  </si>
  <si>
    <t>5702329278614</t>
  </si>
  <si>
    <t>VELUX Verd.-Rollo Plus DFD M10 4665S</t>
  </si>
  <si>
    <t>DFD M10 4666S</t>
  </si>
  <si>
    <t>5702329278638</t>
  </si>
  <si>
    <t>VELUX Verd.-Rollo Plus DFD M10 4666S</t>
  </si>
  <si>
    <t>DFD M10 4667S</t>
  </si>
  <si>
    <t>5702329278652</t>
  </si>
  <si>
    <t>VELUX Verd.-Rollo Plus DFD M10 4667S</t>
  </si>
  <si>
    <t>DFD M10 CBYS</t>
  </si>
  <si>
    <t>5702329270366</t>
  </si>
  <si>
    <t>VELUX Verd.-Rollo Plus DFD M10 CBYS</t>
  </si>
  <si>
    <t>DFD M10 CBYSWL</t>
  </si>
  <si>
    <t>5702329270373</t>
  </si>
  <si>
    <t>VELUX Verd.-Rollo Plus DFD M10 CBYSWL</t>
  </si>
  <si>
    <t>DFD MK04 0705S</t>
  </si>
  <si>
    <t>5702327924094</t>
  </si>
  <si>
    <t>VELUX Verd.-Rollo Plus DFD MK04 0705S</t>
  </si>
  <si>
    <t>DFD MK04 0705SWL</t>
  </si>
  <si>
    <t>5702329011549</t>
  </si>
  <si>
    <t>VELUX Verd.-Rollo Plus DFD MK04 0705SWL</t>
  </si>
  <si>
    <t>DFD MK04 1025S</t>
  </si>
  <si>
    <t>5702327924100</t>
  </si>
  <si>
    <t>VELUX Verd.-Rollo Plus DFD MK04 1025S</t>
  </si>
  <si>
    <t>DFD MK04 1025SWL</t>
  </si>
  <si>
    <t>5702329011556</t>
  </si>
  <si>
    <t>VELUX Verd.-Rollo Plus DFD MK04 1025SWL</t>
  </si>
  <si>
    <t>DFD MK04 1085S</t>
  </si>
  <si>
    <t>5702327924117</t>
  </si>
  <si>
    <t>VELUX Verd.-Rollo Plus DFD MK04 1085S</t>
  </si>
  <si>
    <t>DFD MK04 1085SWL</t>
  </si>
  <si>
    <t>5702329011563</t>
  </si>
  <si>
    <t>VELUX Verd.-Rollo Plus DFD MK04 1085SWL</t>
  </si>
  <si>
    <t>DFD MK04 1100S</t>
  </si>
  <si>
    <t>5702327924124</t>
  </si>
  <si>
    <t>VELUX Verd.-Rollo Plus DFD MK04 1100S</t>
  </si>
  <si>
    <t>DFD MK04 1100SWL</t>
  </si>
  <si>
    <t>5702329011570</t>
  </si>
  <si>
    <t>VELUX Verd.-Rollo Plus DFD MK04 1100SWL</t>
  </si>
  <si>
    <t>DFD MK04 3009S</t>
  </si>
  <si>
    <t>5702327924155</t>
  </si>
  <si>
    <t>VELUX Verd.-Rollo Plus DFD MK04 3009S</t>
  </si>
  <si>
    <t>DFD MK04 3009SWL</t>
  </si>
  <si>
    <t>5702329011587</t>
  </si>
  <si>
    <t>VELUX Verd.-Rollo Plus DFD MK04 3009SWL</t>
  </si>
  <si>
    <t>DFD MK04 4556S</t>
  </si>
  <si>
    <t>5702327924179</t>
  </si>
  <si>
    <t>VELUX Verd.-Rollo Plus DFD MK04 4556S</t>
  </si>
  <si>
    <t>DFD MK04 4556SWL</t>
  </si>
  <si>
    <t>5702329011594</t>
  </si>
  <si>
    <t>VELUX Verd.-Rollo Plus DFD MK04 4556SWL</t>
  </si>
  <si>
    <t>DFD MK04 4559S</t>
  </si>
  <si>
    <t>5702327924193</t>
  </si>
  <si>
    <t>VELUX Verd.-Rollo Plus DFD MK04 4559S</t>
  </si>
  <si>
    <t>DFD MK04 4559SWL</t>
  </si>
  <si>
    <t>5702329011600</t>
  </si>
  <si>
    <t>VELUX Verd.-Rollo Plus DFD MK04 4559SWL</t>
  </si>
  <si>
    <t>DFD MK04 4564S</t>
  </si>
  <si>
    <t>5702327924247</t>
  </si>
  <si>
    <t>VELUX Verd.-Rollo Plus DFD MK04 4564S</t>
  </si>
  <si>
    <t>DFD MK04 4564SWL</t>
  </si>
  <si>
    <t>5702329011617</t>
  </si>
  <si>
    <t>VELUX Verd.-Rollo Plus DFD MK04 4564SWL</t>
  </si>
  <si>
    <t>DFD MK04 4574S</t>
  </si>
  <si>
    <t>5702329005876</t>
  </si>
  <si>
    <t>VELUX Verd.-Rollo Plus DFD MK04 4574S</t>
  </si>
  <si>
    <t>DFD MK04 4574SWL</t>
  </si>
  <si>
    <t>5702329011624</t>
  </si>
  <si>
    <t>VELUX Verd.-Rollo Plus DFD MK04 4574SWL</t>
  </si>
  <si>
    <t>DFD MK04 4575S</t>
  </si>
  <si>
    <t>5702329005883</t>
  </si>
  <si>
    <t>VELUX Verd.-Rollo Plus DFD MK04 4575S</t>
  </si>
  <si>
    <t>DFD MK04 4575SWL</t>
  </si>
  <si>
    <t>5702329011631</t>
  </si>
  <si>
    <t>VELUX Verd.-Rollo Plus DFD MK04 4575SWL</t>
  </si>
  <si>
    <t>DFD MK04 4576S</t>
  </si>
  <si>
    <t>5702329005890</t>
  </si>
  <si>
    <t>VELUX Verd.-Rollo Plus DFD MK04 4576S</t>
  </si>
  <si>
    <t>DFD MK04 4576SWL</t>
  </si>
  <si>
    <t>5702329011648</t>
  </si>
  <si>
    <t>VELUX Verd.-Rollo Plus DFD MK04 4576SWL</t>
  </si>
  <si>
    <t>DFD MK04 4577S</t>
  </si>
  <si>
    <t>5702329005906</t>
  </si>
  <si>
    <t>VELUX Verd.-Rollo Plus DFD MK04 4577S</t>
  </si>
  <si>
    <t>DFD MK04 4577SWL</t>
  </si>
  <si>
    <t>5702329011655</t>
  </si>
  <si>
    <t>VELUX Verd.-Rollo Plus DFD MK04 4577SWL</t>
  </si>
  <si>
    <t>DFD MK04 4578S</t>
  </si>
  <si>
    <t>5702329005913</t>
  </si>
  <si>
    <t>VELUX Verd.-Rollo Plus DFD MK04 4578S</t>
  </si>
  <si>
    <t>DFD MK04 4578SWL</t>
  </si>
  <si>
    <t>5702329011662</t>
  </si>
  <si>
    <t>VELUX Verd.-Rollo Plus DFD MK04 4578SWL</t>
  </si>
  <si>
    <t>DFD MK04 4579S</t>
  </si>
  <si>
    <t>5702329005920</t>
  </si>
  <si>
    <t>VELUX Verd.-Rollo Plus DFD MK04 4579S</t>
  </si>
  <si>
    <t>DFD MK04 4579SWL</t>
  </si>
  <si>
    <t>5702329011679</t>
  </si>
  <si>
    <t>VELUX Verd.-Rollo Plus DFD MK04 4579SWL</t>
  </si>
  <si>
    <t>DFD MK04 4580S</t>
  </si>
  <si>
    <t>5702329005937</t>
  </si>
  <si>
    <t>VELUX Verd.-Rollo Plus DFD MK04 4580S</t>
  </si>
  <si>
    <t>DFD MK04 4580SWL</t>
  </si>
  <si>
    <t>5702329011686</t>
  </si>
  <si>
    <t>VELUX Verd.-Rollo Plus DFD MK04 4580SWL</t>
  </si>
  <si>
    <t>DFD MK04 4581S</t>
  </si>
  <si>
    <t>5702329005944</t>
  </si>
  <si>
    <t>VELUX Verd.-Rollo Plus DFD MK04 4581S</t>
  </si>
  <si>
    <t>DFD MK04 4581SWL</t>
  </si>
  <si>
    <t>5702329011693</t>
  </si>
  <si>
    <t>VELUX Verd.-Rollo Plus DFD MK04 4581SWL</t>
  </si>
  <si>
    <t>DFD MK04 4653S</t>
  </si>
  <si>
    <t>5702329278676</t>
  </si>
  <si>
    <t>VELUX Verd.-Rollo Plus DFD MK04 4653S</t>
  </si>
  <si>
    <t>DFD MK04 4653SWL</t>
  </si>
  <si>
    <t>5702329278683</t>
  </si>
  <si>
    <t>VELUX Verd.-Rollo Plus DFD MK04 4653SWL</t>
  </si>
  <si>
    <t>DFD MK04 4654S</t>
  </si>
  <si>
    <t>5702329278690</t>
  </si>
  <si>
    <t>VELUX Verd.-Rollo Plus DFD MK04 4654S</t>
  </si>
  <si>
    <t>DFD MK04 4654SWL</t>
  </si>
  <si>
    <t>5702329278706</t>
  </si>
  <si>
    <t>VELUX Verd.-Rollo Plus DFD MK04 4654SWL</t>
  </si>
  <si>
    <t>DFD MK04 4655S</t>
  </si>
  <si>
    <t>5702329278713</t>
  </si>
  <si>
    <t>VELUX Verd.-Rollo Plus DFD MK04 4655S</t>
  </si>
  <si>
    <t>DFD MK04 4659S</t>
  </si>
  <si>
    <t>5702329278737</t>
  </si>
  <si>
    <t>VELUX Verd.-Rollo Plus DFD MK04 4659S</t>
  </si>
  <si>
    <t>DFD MK04 4659SWL</t>
  </si>
  <si>
    <t>5702329278744</t>
  </si>
  <si>
    <t>VELUX Verd.-Rollo Plus DFD MK04 4659SWL</t>
  </si>
  <si>
    <t>DFD MK04 4660S</t>
  </si>
  <si>
    <t>5702329278751</t>
  </si>
  <si>
    <t>VELUX Verd.-Rollo Plus DFD MK04 4660S</t>
  </si>
  <si>
    <t>DFD MK04 4660SWL</t>
  </si>
  <si>
    <t>5702329278768</t>
  </si>
  <si>
    <t>VELUX Verd.-Rollo Plus DFD MK04 4660SWL</t>
  </si>
  <si>
    <t>DFD MK04 4661S</t>
  </si>
  <si>
    <t>5702329278775</t>
  </si>
  <si>
    <t>VELUX Verd.-Rollo Plus DFD MK04 4661S</t>
  </si>
  <si>
    <t>DFD MK04 4661SWL</t>
  </si>
  <si>
    <t>5702329278782</t>
  </si>
  <si>
    <t>VELUX Verd.-Rollo Plus DFD MK04 4661SWL</t>
  </si>
  <si>
    <t>DFD MK04 4665S</t>
  </si>
  <si>
    <t>5702329278799</t>
  </si>
  <si>
    <t>VELUX Verd.-Rollo Plus DFD MK04 4665S</t>
  </si>
  <si>
    <t>DFD MK04 4665SWL</t>
  </si>
  <si>
    <t>5702329278805</t>
  </si>
  <si>
    <t>VELUX Verd.-Rollo Plus DFD MK04 4665SWL</t>
  </si>
  <si>
    <t>DFD MK04 4666S</t>
  </si>
  <si>
    <t>5702329278812</t>
  </si>
  <si>
    <t>VELUX Verd.-Rollo Plus DFD MK04 4666S</t>
  </si>
  <si>
    <t>DFD MK04 4666SWL</t>
  </si>
  <si>
    <t>5702329278829</t>
  </si>
  <si>
    <t>VELUX Verd.-Rollo Plus DFD MK04 4666SWL</t>
  </si>
  <si>
    <t>DFD MK04 4667S</t>
  </si>
  <si>
    <t>5702329278836</t>
  </si>
  <si>
    <t>VELUX Verd.-Rollo Plus DFD MK04 4667S</t>
  </si>
  <si>
    <t>DFD MK04 4667SWL</t>
  </si>
  <si>
    <t>5702329278843</t>
  </si>
  <si>
    <t>VELUX Verd.-Rollo Plus DFD MK04 4667SWL</t>
  </si>
  <si>
    <t>DFD MK04 CBYS</t>
  </si>
  <si>
    <t>5702329270380</t>
  </si>
  <si>
    <t>VELUX Verd.-Rollo Plus DFD MK04 CBYS</t>
  </si>
  <si>
    <t>DFD MK04 CBYSWL</t>
  </si>
  <si>
    <t>5702329270397</t>
  </si>
  <si>
    <t>VELUX Verd.-Rollo Plus DFD MK04 CBYSWL</t>
  </si>
  <si>
    <t>DFD MK06 0705S</t>
  </si>
  <si>
    <t>5702327924339</t>
  </si>
  <si>
    <t>VELUX Verd.-Rollo Plus DFD MK06 0705S</t>
  </si>
  <si>
    <t>DFD MK06 0705SWL</t>
  </si>
  <si>
    <t>5702329011709</t>
  </si>
  <si>
    <t>VELUX Verd.-Rollo Plus DFD MK06 0705SWL</t>
  </si>
  <si>
    <t>DFD MK06 1025S</t>
  </si>
  <si>
    <t>5702327924346</t>
  </si>
  <si>
    <t>VELUX Verd.-Rollo Plus DFD MK06 1025S</t>
  </si>
  <si>
    <t>DFD MK06 1025SWL</t>
  </si>
  <si>
    <t>5702329011716</t>
  </si>
  <si>
    <t>VELUX Verd.-Rollo Plus DFD MK06 1025SWL</t>
  </si>
  <si>
    <t>DFD MK06 1085S</t>
  </si>
  <si>
    <t>5702327924353</t>
  </si>
  <si>
    <t>VELUX Verd.-Rollo Plus DFD MK06 1085S</t>
  </si>
  <si>
    <t>DFD MK06 1085SWL</t>
  </si>
  <si>
    <t>5702329011723</t>
  </si>
  <si>
    <t>VELUX Verd.-Rollo Plus DFD MK06 1085SWL</t>
  </si>
  <si>
    <t>DFD MK06 1100S</t>
  </si>
  <si>
    <t>5702327924360</t>
  </si>
  <si>
    <t>VELUX Verd.-Rollo Plus DFD MK06 1100S</t>
  </si>
  <si>
    <t>DFD MK06 1100SWL</t>
  </si>
  <si>
    <t>5702329011747</t>
  </si>
  <si>
    <t>VELUX Verd.-Rollo Plus DFD MK06 1100SWL</t>
  </si>
  <si>
    <t>DFD MK06 3009S</t>
  </si>
  <si>
    <t>5702327924391</t>
  </si>
  <si>
    <t>VELUX Verd.-Rollo Plus DFD MK06 3009S</t>
  </si>
  <si>
    <t>DFD MK06 3009SWL</t>
  </si>
  <si>
    <t>5702329011754</t>
  </si>
  <si>
    <t>VELUX Verd.-Rollo Plus DFD MK06 3009SWL</t>
  </si>
  <si>
    <t>DFD MK06 4556S</t>
  </si>
  <si>
    <t>5702327924414</t>
  </si>
  <si>
    <t>VELUX Verd.-Rollo Plus DFD MK06 4556S</t>
  </si>
  <si>
    <t>DFD MK06 4556SWL</t>
  </si>
  <si>
    <t>5702329011761</t>
  </si>
  <si>
    <t>VELUX Verd.-Rollo Plus DFD MK06 4556SWL</t>
  </si>
  <si>
    <t>DFD MK06 4559S</t>
  </si>
  <si>
    <t>5702327924438</t>
  </si>
  <si>
    <t>VELUX Verd.-Rollo Plus DFD MK06 4559S</t>
  </si>
  <si>
    <t>DFD MK06 4559SWL</t>
  </si>
  <si>
    <t>5702329011778</t>
  </si>
  <si>
    <t>VELUX Verd.-Rollo Plus DFD MK06 4559SWL</t>
  </si>
  <si>
    <t>DFD MK06 4564S</t>
  </si>
  <si>
    <t>5702327924483</t>
  </si>
  <si>
    <t>VELUX Verd.-Rollo Plus DFD MK06 4564S</t>
  </si>
  <si>
    <t>DFD MK06 4564SWL</t>
  </si>
  <si>
    <t>5702329011785</t>
  </si>
  <si>
    <t>VELUX Verd.-Rollo Plus DFD MK06 4564SWL</t>
  </si>
  <si>
    <t>DFD MK06 4574S</t>
  </si>
  <si>
    <t>5702329005951</t>
  </si>
  <si>
    <t>VELUX Verd.-Rollo Plus DFD MK06 4574S</t>
  </si>
  <si>
    <t>DFD MK06 4574SWL</t>
  </si>
  <si>
    <t>5702329011792</t>
  </si>
  <si>
    <t>VELUX Verd.-Rollo Plus DFD MK06 4574SWL</t>
  </si>
  <si>
    <t>DFD MK06 4575S</t>
  </si>
  <si>
    <t>5702329005968</t>
  </si>
  <si>
    <t>VELUX Verd.-Rollo Plus DFD MK06 4575S</t>
  </si>
  <si>
    <t>DFD MK06 4575SWL</t>
  </si>
  <si>
    <t>5702329011808</t>
  </si>
  <si>
    <t>VELUX Verd.-Rollo Plus DFD MK06 4575SWL</t>
  </si>
  <si>
    <t>DFD MK06 4576S</t>
  </si>
  <si>
    <t>5702329005975</t>
  </si>
  <si>
    <t>VELUX Verd.-Rollo Plus DFD MK06 4576S</t>
  </si>
  <si>
    <t>DFD MK06 4576SWL</t>
  </si>
  <si>
    <t>5702329011815</t>
  </si>
  <si>
    <t>VELUX Verd.-Rollo Plus DFD MK06 4576SWL</t>
  </si>
  <si>
    <t>DFD MK06 4577S</t>
  </si>
  <si>
    <t>5702329005982</t>
  </si>
  <si>
    <t>VELUX Verd.-Rollo Plus DFD MK06 4577S</t>
  </si>
  <si>
    <t>DFD MK06 4577SWL</t>
  </si>
  <si>
    <t>5702329011822</t>
  </si>
  <si>
    <t>VELUX Verd.-Rollo Plus DFD MK06 4577SWL</t>
  </si>
  <si>
    <t>DFD MK06 4578S</t>
  </si>
  <si>
    <t>5702329005999</t>
  </si>
  <si>
    <t>VELUX Verd.-Rollo Plus DFD MK06 4578S</t>
  </si>
  <si>
    <t>DFD MK06 4578SWL</t>
  </si>
  <si>
    <t>5702329011839</t>
  </si>
  <si>
    <t>VELUX Verd.-Rollo Plus DFD MK06 4578SWL</t>
  </si>
  <si>
    <t>DFD MK06 4579S</t>
  </si>
  <si>
    <t>5702329006002</t>
  </si>
  <si>
    <t>VELUX Verd.-Rollo Plus DFD MK06 4579S</t>
  </si>
  <si>
    <t>DFD MK06 4579SWL</t>
  </si>
  <si>
    <t>5702329011846</t>
  </si>
  <si>
    <t>VELUX Verd.-Rollo Plus DFD MK06 4579SWL</t>
  </si>
  <si>
    <t>DFD MK06 4580S</t>
  </si>
  <si>
    <t>5702329006019</t>
  </si>
  <si>
    <t>VELUX Verd.-Rollo Plus DFD MK06 4580S</t>
  </si>
  <si>
    <t>DFD MK06 4580SWL</t>
  </si>
  <si>
    <t>5702329011853</t>
  </si>
  <si>
    <t>VELUX Verd.-Rollo Plus DFD MK06 4580SWL</t>
  </si>
  <si>
    <t>DFD MK06 4581S</t>
  </si>
  <si>
    <t>5702329006026</t>
  </si>
  <si>
    <t>VELUX Verd.-Rollo Plus DFD MK06 4581S</t>
  </si>
  <si>
    <t>DFD MK06 4581SWL</t>
  </si>
  <si>
    <t>5702329011860</t>
  </si>
  <si>
    <t>VELUX Verd.-Rollo Plus DFD MK06 4581SWL</t>
  </si>
  <si>
    <t>DFD MK06 4653S</t>
  </si>
  <si>
    <t>5702329278850</t>
  </si>
  <si>
    <t>VELUX Verd.-Rollo Plus DFD MK06 4653S</t>
  </si>
  <si>
    <t>DFD MK06 4653SWL</t>
  </si>
  <si>
    <t>5702329278867</t>
  </si>
  <si>
    <t>VELUX Verd.-Rollo Plus DFD MK06 4653SWL</t>
  </si>
  <si>
    <t>DFD MK06 4654SWL</t>
  </si>
  <si>
    <t>5702329278881</t>
  </si>
  <si>
    <t>VELUX Verd.-Rollo Plus DFD MK06 4654SWL</t>
  </si>
  <si>
    <t>DFD MK06 4655S</t>
  </si>
  <si>
    <t>5702329278898</t>
  </si>
  <si>
    <t>VELUX Verd.-Rollo Plus DFD MK06 4655S</t>
  </si>
  <si>
    <t>DFD MK06 4655SWL</t>
  </si>
  <si>
    <t>5702329278904</t>
  </si>
  <si>
    <t>VELUX Verd.-Rollo Plus DFD MK06 4655SWL</t>
  </si>
  <si>
    <t>DFD MK06 4659S</t>
  </si>
  <si>
    <t>5702329278911</t>
  </si>
  <si>
    <t>VELUX Verd.-Rollo Plus DFD MK06 4659S</t>
  </si>
  <si>
    <t>DFD MK06 4659SWL</t>
  </si>
  <si>
    <t>5702329278928</t>
  </si>
  <si>
    <t>VELUX Verd.-Rollo Plus DFD MK06 4659SWL</t>
  </si>
  <si>
    <t>DFD MK06 4660S</t>
  </si>
  <si>
    <t>5702329278935</t>
  </si>
  <si>
    <t>VELUX Verd.-Rollo Plus DFD MK06 4660S</t>
  </si>
  <si>
    <t>DFD MK06 4660SWL</t>
  </si>
  <si>
    <t>5702329278942</t>
  </si>
  <si>
    <t>VELUX Verd.-Rollo Plus DFD MK06 4660SWL</t>
  </si>
  <si>
    <t>DFD MK06 4661S</t>
  </si>
  <si>
    <t>5702329278959</t>
  </si>
  <si>
    <t>VELUX Verd.-Rollo Plus DFD MK06 4661S</t>
  </si>
  <si>
    <t>DFD MK06 4661SWL</t>
  </si>
  <si>
    <t>5702329278966</t>
  </si>
  <si>
    <t>VELUX Verd.-Rollo Plus DFD MK06 4661SWL</t>
  </si>
  <si>
    <t>DFD MK06 4665S</t>
  </si>
  <si>
    <t>5702329278973</t>
  </si>
  <si>
    <t>VELUX Verd.-Rollo Plus DFD MK06 4665S</t>
  </si>
  <si>
    <t>DFD MK06 4665SWL</t>
  </si>
  <si>
    <t>5702329278980</t>
  </si>
  <si>
    <t>VELUX Verd.-Rollo Plus DFD MK06 4665SWL</t>
  </si>
  <si>
    <t>DFD MK06 4666S</t>
  </si>
  <si>
    <t>5702329278997</t>
  </si>
  <si>
    <t>VELUX Verd.-Rollo Plus DFD MK06 4666S</t>
  </si>
  <si>
    <t>DFD MK06 4666SWL</t>
  </si>
  <si>
    <t>5702329279000</t>
  </si>
  <si>
    <t>VELUX Verd.-Rollo Plus DFD MK06 4666SWL</t>
  </si>
  <si>
    <t>DFD MK06 4667S</t>
  </si>
  <si>
    <t>5702329279017</t>
  </si>
  <si>
    <t>VELUX Verd.-Rollo Plus DFD MK06 4667S</t>
  </si>
  <si>
    <t>DFD MK06 4667SWL</t>
  </si>
  <si>
    <t>5702329279024</t>
  </si>
  <si>
    <t>VELUX Verd.-Rollo Plus DFD MK06 4667SWL</t>
  </si>
  <si>
    <t>DFD MK06 CBYS</t>
  </si>
  <si>
    <t>5702329270403</t>
  </si>
  <si>
    <t>VELUX Verd.-Rollo Plus DFD MK06 CBYS</t>
  </si>
  <si>
    <t>DFD MK06 CBYSWL</t>
  </si>
  <si>
    <t>5702329270410</t>
  </si>
  <si>
    <t>VELUX Verd.-Rollo Plus DFD MK06 CBYSWL</t>
  </si>
  <si>
    <t>DFD MK08 0705S</t>
  </si>
  <si>
    <t>5702327924575</t>
  </si>
  <si>
    <t>VELUX Verd.-Rollo Plus DFD MK08 0705S</t>
  </si>
  <si>
    <t>DFD MK08 0705SWL</t>
  </si>
  <si>
    <t>5702329011877</t>
  </si>
  <si>
    <t>VELUX Verd.-Rollo Plus DFD MK08 0705SWL</t>
  </si>
  <si>
    <t>DFD MK08 1025S</t>
  </si>
  <si>
    <t>5702327924582</t>
  </si>
  <si>
    <t>VELUX Verd.-Rollo Plus DFD MK08 1025S</t>
  </si>
  <si>
    <t>DFD MK08 1025SWL</t>
  </si>
  <si>
    <t>5702329011884</t>
  </si>
  <si>
    <t>VELUX Verd.-Rollo Plus DFD MK08 1025SWL</t>
  </si>
  <si>
    <t>DFD MK08 1085S</t>
  </si>
  <si>
    <t>5702327924599</t>
  </si>
  <si>
    <t>VELUX Verd.-Rollo Plus DFD MK08 1085S</t>
  </si>
  <si>
    <t>DFD MK08 1085SWL</t>
  </si>
  <si>
    <t>5702329011891</t>
  </si>
  <si>
    <t>VELUX Verd.-Rollo Plus DFD MK08 1085SWL</t>
  </si>
  <si>
    <t>DFD MK08 1100S</t>
  </si>
  <si>
    <t>5702327924605</t>
  </si>
  <si>
    <t>VELUX Verd.-Rollo Plus DFD MK08 1100S</t>
  </si>
  <si>
    <t>DFD MK08 1100SWL</t>
  </si>
  <si>
    <t>5702329011914</t>
  </si>
  <si>
    <t>VELUX Verd.-Rollo Plus DFD MK08 1100SWL</t>
  </si>
  <si>
    <t>DFD MK08 3009S</t>
  </si>
  <si>
    <t>5702327924636</t>
  </si>
  <si>
    <t>VELUX Verd.-Rollo Plus DFD MK08 3009S</t>
  </si>
  <si>
    <t>DFD MK08 3009SWL</t>
  </si>
  <si>
    <t>5702329011921</t>
  </si>
  <si>
    <t>VELUX Verd.-Rollo Plus DFD MK08 3009SWL</t>
  </si>
  <si>
    <t>DFD MK08 4556S</t>
  </si>
  <si>
    <t>5702327924650</t>
  </si>
  <si>
    <t>VELUX Verd.-Rollo Plus DFD MK08 4556S</t>
  </si>
  <si>
    <t>DFD MK08 4556SWL</t>
  </si>
  <si>
    <t>5702329011938</t>
  </si>
  <si>
    <t>VELUX Verd.-Rollo Plus DFD MK08 4556SWL</t>
  </si>
  <si>
    <t>DFD MK08 4559S</t>
  </si>
  <si>
    <t>5702327924674</t>
  </si>
  <si>
    <t>VELUX Verd.-Rollo Plus DFD MK08 4559S</t>
  </si>
  <si>
    <t>DFD MK08 4559SWL</t>
  </si>
  <si>
    <t>5702329011945</t>
  </si>
  <si>
    <t>VELUX Verd.-Rollo Plus DFD MK08 4559SWL</t>
  </si>
  <si>
    <t>DFD MK08 4564S</t>
  </si>
  <si>
    <t>5702327924728</t>
  </si>
  <si>
    <t>VELUX Verd.-Rollo Plus DFD MK08 4564S</t>
  </si>
  <si>
    <t>DFD MK08 4564SWL</t>
  </si>
  <si>
    <t>5702329011952</t>
  </si>
  <si>
    <t>VELUX Verd.-Rollo Plus DFD MK08 4564SWL</t>
  </si>
  <si>
    <t>DFD MK08 4574S</t>
  </si>
  <si>
    <t>5702329006033</t>
  </si>
  <si>
    <t>VELUX Verd.-Rollo Plus DFD MK08 4574S</t>
  </si>
  <si>
    <t>DFD MK08 4574SWL</t>
  </si>
  <si>
    <t>5702329011969</t>
  </si>
  <si>
    <t>VELUX Verd.-Rollo Plus DFD MK08 4574SWL</t>
  </si>
  <si>
    <t>DFD MK08 4575S</t>
  </si>
  <si>
    <t>5702329006040</t>
  </si>
  <si>
    <t>VELUX Verd.-Rollo Plus DFD MK08 4575S</t>
  </si>
  <si>
    <t>DFD MK08 4575SWL</t>
  </si>
  <si>
    <t>5702329011976</t>
  </si>
  <si>
    <t>VELUX Verd.-Rollo Plus DFD MK08 4575SWL</t>
  </si>
  <si>
    <t>DFD MK08 4576S</t>
  </si>
  <si>
    <t>5702329006057</t>
  </si>
  <si>
    <t>VELUX Verd.-Rollo Plus DFD MK08 4576S</t>
  </si>
  <si>
    <t>DFD MK08 4576SWL</t>
  </si>
  <si>
    <t>5702329011983</t>
  </si>
  <si>
    <t>VELUX Verd.-Rollo Plus DFD MK08 4576SWL</t>
  </si>
  <si>
    <t>DFD MK08 4577S</t>
  </si>
  <si>
    <t>5702329006064</t>
  </si>
  <si>
    <t>VELUX Verd.-Rollo Plus DFD MK08 4577S</t>
  </si>
  <si>
    <t>DFD MK08 4577SWL</t>
  </si>
  <si>
    <t>5702329011990</t>
  </si>
  <si>
    <t>VELUX Verd.-Rollo Plus DFD MK08 4577SWL</t>
  </si>
  <si>
    <t>DFD MK08 4578S</t>
  </si>
  <si>
    <t>5702329006071</t>
  </si>
  <si>
    <t>VELUX Verd.-Rollo Plus DFD MK08 4578S</t>
  </si>
  <si>
    <t>DFD MK08 4578SWL</t>
  </si>
  <si>
    <t>5702329012003</t>
  </si>
  <si>
    <t>VELUX Verd.-Rollo Plus DFD MK08 4578SWL</t>
  </si>
  <si>
    <t>DFD MK08 4579S</t>
  </si>
  <si>
    <t>5702329006088</t>
  </si>
  <si>
    <t>VELUX Verd.-Rollo Plus DFD MK08 4579S</t>
  </si>
  <si>
    <t>DFD MK08 4579SWL</t>
  </si>
  <si>
    <t>5702329012010</t>
  </si>
  <si>
    <t>VELUX Verd.-Rollo Plus DFD MK08 4579SWL</t>
  </si>
  <si>
    <t>DFD MK08 4580S</t>
  </si>
  <si>
    <t>5702329006095</t>
  </si>
  <si>
    <t>VELUX Verd.-Rollo Plus DFD MK08 4580S</t>
  </si>
  <si>
    <t>DFD MK08 4580SWL</t>
  </si>
  <si>
    <t>5702329012027</t>
  </si>
  <si>
    <t>VELUX Verd.-Rollo Plus DFD MK08 4580SWL</t>
  </si>
  <si>
    <t>DFD MK08 4581S</t>
  </si>
  <si>
    <t>5702329006101</t>
  </si>
  <si>
    <t>VELUX Verd.-Rollo Plus DFD MK08 4581S</t>
  </si>
  <si>
    <t>DFD MK08 4581SWL</t>
  </si>
  <si>
    <t>5702329012034</t>
  </si>
  <si>
    <t>VELUX Verd.-Rollo Plus DFD MK08 4581SWL</t>
  </si>
  <si>
    <t>DFD MK08 4653S</t>
  </si>
  <si>
    <t>5702329279031</t>
  </si>
  <si>
    <t>VELUX Verd.-Rollo Plus DFD MK08 4653S</t>
  </si>
  <si>
    <t>DFD MK08 4653SWL</t>
  </si>
  <si>
    <t>5702329279048</t>
  </si>
  <si>
    <t>VELUX Verd.-Rollo Plus DFD MK08 4653SWL</t>
  </si>
  <si>
    <t>DFD MK08 4654S</t>
  </si>
  <si>
    <t>5702329279055</t>
  </si>
  <si>
    <t>VELUX Verd.-Rollo Plus DFD MK08 4654S</t>
  </si>
  <si>
    <t>DFD MK08 4654SWL</t>
  </si>
  <si>
    <t>5702329279062</t>
  </si>
  <si>
    <t>VELUX Verd.-Rollo Plus DFD MK08 4654SWL</t>
  </si>
  <si>
    <t>DFD MK08 4655S</t>
  </si>
  <si>
    <t>5702329279079</t>
  </si>
  <si>
    <t>VELUX Verd.-Rollo Plus DFD MK08 4655S</t>
  </si>
  <si>
    <t>DFD MK08 4659S</t>
  </si>
  <si>
    <t>5702329279093</t>
  </si>
  <si>
    <t>VELUX Verd.-Rollo Plus DFD MK08 4659S</t>
  </si>
  <si>
    <t>DFD MK08 4659SWL</t>
  </si>
  <si>
    <t>5702329279109</t>
  </si>
  <si>
    <t>VELUX Verd.-Rollo Plus DFD MK08 4659SWL</t>
  </si>
  <si>
    <t>DFD MK08 4660S</t>
  </si>
  <si>
    <t>5702329279116</t>
  </si>
  <si>
    <t>VELUX Verd.-Rollo Plus DFD MK08 4660S</t>
  </si>
  <si>
    <t>DFD MK08 4660SWL</t>
  </si>
  <si>
    <t>5702329279123</t>
  </si>
  <si>
    <t>VELUX Verd.-Rollo Plus DFD MK08 4660SWL</t>
  </si>
  <si>
    <t>DFD MK08 4661S</t>
  </si>
  <si>
    <t>5702329279130</t>
  </si>
  <si>
    <t>VELUX Verd.-Rollo Plus DFD MK08 4661S</t>
  </si>
  <si>
    <t>DFD MK08 4661SWL</t>
  </si>
  <si>
    <t>5702329279147</t>
  </si>
  <si>
    <t>VELUX Verd.-Rollo Plus DFD MK08 4661SWL</t>
  </si>
  <si>
    <t>DFD MK08 4665S</t>
  </si>
  <si>
    <t>5702329279154</t>
  </si>
  <si>
    <t>VELUX Verd.-Rollo Plus DFD MK08 4665S</t>
  </si>
  <si>
    <t>DFD MK08 4665SWL</t>
  </si>
  <si>
    <t>5702329279161</t>
  </si>
  <si>
    <t>VELUX Verd.-Rollo Plus DFD MK08 4665SWL</t>
  </si>
  <si>
    <t>DFD MK08 4666S</t>
  </si>
  <si>
    <t>5702329279178</t>
  </si>
  <si>
    <t>VELUX Verd.-Rollo Plus DFD MK08 4666S</t>
  </si>
  <si>
    <t>DFD MK08 4666SWL</t>
  </si>
  <si>
    <t>5702329279185</t>
  </si>
  <si>
    <t>VELUX Verd.-Rollo Plus DFD MK08 4666SWL</t>
  </si>
  <si>
    <t>DFD MK08 4667S</t>
  </si>
  <si>
    <t>5702329279192</t>
  </si>
  <si>
    <t>VELUX Verd.-Rollo Plus DFD MK08 4667S</t>
  </si>
  <si>
    <t>DFD MK08 4667SWL</t>
  </si>
  <si>
    <t>5702329279208</t>
  </si>
  <si>
    <t>VELUX Verd.-Rollo Plus DFD MK08 4667SWL</t>
  </si>
  <si>
    <t>DFD MK08 CBYS</t>
  </si>
  <si>
    <t>5702329270427</t>
  </si>
  <si>
    <t>VELUX Verd.-Rollo Plus DFD MK08 CBYS</t>
  </si>
  <si>
    <t>DFD MK08 CBYSWL</t>
  </si>
  <si>
    <t>5702329270434</t>
  </si>
  <si>
    <t>VELUX Verd.-Rollo Plus DFD MK08 CBYSWL</t>
  </si>
  <si>
    <t>DFD MK10 0705S</t>
  </si>
  <si>
    <t>5702327924810</t>
  </si>
  <si>
    <t>VELUX Verd.-Rollo Plus DFD MK10 0705S</t>
  </si>
  <si>
    <t>DFD MK10 0705SWL</t>
  </si>
  <si>
    <t>5702329012041</t>
  </si>
  <si>
    <t>VELUX Verd.-Rollo Plus DFD MK10 0705SWL</t>
  </si>
  <si>
    <t>DFD MK10 1025S</t>
  </si>
  <si>
    <t>5702327924827</t>
  </si>
  <si>
    <t>VELUX Verd.-Rollo Plus DFD MK10 1025S</t>
  </si>
  <si>
    <t>DFD MK10 1025SWL</t>
  </si>
  <si>
    <t>5702329012058</t>
  </si>
  <si>
    <t>VELUX Verd.-Rollo Plus DFD MK10 1025SWL</t>
  </si>
  <si>
    <t>DFD MK10 1085S</t>
  </si>
  <si>
    <t>5702327924834</t>
  </si>
  <si>
    <t>VELUX Verd.-Rollo Plus DFD MK10 1085S</t>
  </si>
  <si>
    <t>DFD MK10 1085SWL</t>
  </si>
  <si>
    <t>5702329012065</t>
  </si>
  <si>
    <t>VELUX Verd.-Rollo Plus DFD MK10 1085SWL</t>
  </si>
  <si>
    <t>DFD MK10 1100S</t>
  </si>
  <si>
    <t>5702327924841</t>
  </si>
  <si>
    <t>VELUX Verd.-Rollo Plus DFD MK10 1100S</t>
  </si>
  <si>
    <t>DFD MK10 1100SWL</t>
  </si>
  <si>
    <t>5702329012072</t>
  </si>
  <si>
    <t>VELUX Verd.-Rollo Plus DFD MK10 1100SWL</t>
  </si>
  <si>
    <t>DFD MK10 3009S</t>
  </si>
  <si>
    <t>5702327924872</t>
  </si>
  <si>
    <t>VELUX Verd.-Rollo Plus DFD MK10 3009S</t>
  </si>
  <si>
    <t>DFD MK10 3009SWL</t>
  </si>
  <si>
    <t>5702329012089</t>
  </si>
  <si>
    <t>VELUX Verd.-Rollo Plus DFD MK10 3009SWL</t>
  </si>
  <si>
    <t>DFD MK10 4556S</t>
  </si>
  <si>
    <t>5702327924896</t>
  </si>
  <si>
    <t>VELUX Verd.-Rollo Plus DFD MK10 4556S</t>
  </si>
  <si>
    <t>DFD MK10 4556SWL</t>
  </si>
  <si>
    <t>5702329012096</t>
  </si>
  <si>
    <t>VELUX Verd.-Rollo Plus DFD MK10 4556SWL</t>
  </si>
  <si>
    <t>DFD MK10 4559S</t>
  </si>
  <si>
    <t>5702327924919</t>
  </si>
  <si>
    <t>VELUX Verd.-Rollo Plus DFD MK10 4559S</t>
  </si>
  <si>
    <t>DFD MK10 4559SWL</t>
  </si>
  <si>
    <t>5702329012102</t>
  </si>
  <si>
    <t>VELUX Verd.-Rollo Plus DFD MK10 4559SWL</t>
  </si>
  <si>
    <t>DFD MK10 4564S</t>
  </si>
  <si>
    <t>5702327924964</t>
  </si>
  <si>
    <t>VELUX Verd.-Rollo Plus DFD MK10 4564S</t>
  </si>
  <si>
    <t>DFD MK10 4564SWL</t>
  </si>
  <si>
    <t>5702329012119</t>
  </si>
  <si>
    <t>VELUX Verd.-Rollo Plus DFD MK10 4564SWL</t>
  </si>
  <si>
    <t>DFD MK10 4574S</t>
  </si>
  <si>
    <t>5702329006118</t>
  </si>
  <si>
    <t>VELUX Verd.-Rollo Plus DFD MK10 4574S</t>
  </si>
  <si>
    <t>DFD MK10 4574SWL</t>
  </si>
  <si>
    <t>5702329012126</t>
  </si>
  <si>
    <t>VELUX Verd.-Rollo Plus DFD MK10 4574SWL</t>
  </si>
  <si>
    <t>DFD MK10 4575S</t>
  </si>
  <si>
    <t>5702329006125</t>
  </si>
  <si>
    <t>VELUX Verd.-Rollo Plus DFD MK10 4575S</t>
  </si>
  <si>
    <t>DFD MK10 4575SWL</t>
  </si>
  <si>
    <t>5702329012133</t>
  </si>
  <si>
    <t>VELUX Verd.-Rollo Plus DFD MK10 4575SWL</t>
  </si>
  <si>
    <t>DFD MK10 4576S</t>
  </si>
  <si>
    <t>5702329006132</t>
  </si>
  <si>
    <t>VELUX Verd.-Rollo Plus DFD MK10 4576S</t>
  </si>
  <si>
    <t>DFD MK10 4576SWL</t>
  </si>
  <si>
    <t>5702329012140</t>
  </si>
  <si>
    <t>VELUX Verd.-Rollo Plus DFD MK10 4576SWL</t>
  </si>
  <si>
    <t>DFD MK10 4577S</t>
  </si>
  <si>
    <t>5702329006149</t>
  </si>
  <si>
    <t>VELUX Verd.-Rollo Plus DFD MK10 4577S</t>
  </si>
  <si>
    <t>DFD MK10 4577SWL</t>
  </si>
  <si>
    <t>5702329012157</t>
  </si>
  <si>
    <t>VELUX Verd.-Rollo Plus DFD MK10 4577SWL</t>
  </si>
  <si>
    <t>DFD MK10 4578S</t>
  </si>
  <si>
    <t>5702329006156</t>
  </si>
  <si>
    <t>VELUX Verd.-Rollo Plus DFD MK10 4578S</t>
  </si>
  <si>
    <t>DFD MK10 4578SWL</t>
  </si>
  <si>
    <t>5702329012164</t>
  </si>
  <si>
    <t>VELUX Verd.-Rollo Plus DFD MK10 4578SWL</t>
  </si>
  <si>
    <t>DFD MK10 4579S</t>
  </si>
  <si>
    <t>5702329006163</t>
  </si>
  <si>
    <t>VELUX Verd.-Rollo Plus DFD MK10 4579S</t>
  </si>
  <si>
    <t>DFD MK10 4579SWL</t>
  </si>
  <si>
    <t>5702329012171</t>
  </si>
  <si>
    <t>VELUX Verd.-Rollo Plus DFD MK10 4579SWL</t>
  </si>
  <si>
    <t>DFD MK10 4580S</t>
  </si>
  <si>
    <t>5702329006170</t>
  </si>
  <si>
    <t>VELUX Verd.-Rollo Plus DFD MK10 4580S</t>
  </si>
  <si>
    <t>DFD MK10 4580SWL</t>
  </si>
  <si>
    <t>5702329012188</t>
  </si>
  <si>
    <t>VELUX Verd.-Rollo Plus DFD MK10 4580SWL</t>
  </si>
  <si>
    <t>DFD MK10 4581S</t>
  </si>
  <si>
    <t>5702329006187</t>
  </si>
  <si>
    <t>VELUX Verd.-Rollo Plus DFD MK10 4581S</t>
  </si>
  <si>
    <t>DFD MK10 4581SWL</t>
  </si>
  <si>
    <t>5702329012195</t>
  </si>
  <si>
    <t>VELUX Verd.-Rollo Plus DFD MK10 4581SWL</t>
  </si>
  <si>
    <t>DFD MK10 4653S</t>
  </si>
  <si>
    <t>5702329279215</t>
  </si>
  <si>
    <t>VELUX Verd.-Rollo Plus DFD MK10 4653S</t>
  </si>
  <si>
    <t>DFD MK10 4653SWL</t>
  </si>
  <si>
    <t>5702329279222</t>
  </si>
  <si>
    <t>VELUX Verd.-Rollo Plus DFD MK10 4653SWL</t>
  </si>
  <si>
    <t>DFD MK10 4659SWL</t>
  </si>
  <si>
    <t>5702329279284</t>
  </si>
  <si>
    <t>VELUX Verd.-Rollo Plus DFD MK10 4659SWL</t>
  </si>
  <si>
    <t>DFD MK10 4660S</t>
  </si>
  <si>
    <t>5702329279291</t>
  </si>
  <si>
    <t>VELUX Verd.-Rollo Plus DFD MK10 4660S</t>
  </si>
  <si>
    <t>DFD MK10 4660SWL</t>
  </si>
  <si>
    <t>5702329279307</t>
  </si>
  <si>
    <t>VELUX Verd.-Rollo Plus DFD MK10 4660SWL</t>
  </si>
  <si>
    <t>DFD MK10 4661S</t>
  </si>
  <si>
    <t>5702329279314</t>
  </si>
  <si>
    <t>VELUX Verd.-Rollo Plus DFD MK10 4661S</t>
  </si>
  <si>
    <t>DFD MK10 4661SWL</t>
  </si>
  <si>
    <t>5702329279321</t>
  </si>
  <si>
    <t>VELUX Verd.-Rollo Plus DFD MK10 4661SWL</t>
  </si>
  <si>
    <t>DFD MK10 4665S</t>
  </si>
  <si>
    <t>5702329279338</t>
  </si>
  <si>
    <t>VELUX Verd.-Rollo Plus DFD MK10 4665S</t>
  </si>
  <si>
    <t>DFD MK10 4665SWL</t>
  </si>
  <si>
    <t>5702329279345</t>
  </si>
  <si>
    <t>VELUX Verd.-Rollo Plus DFD MK10 4665SWL</t>
  </si>
  <si>
    <t>DFD MK10 4666SWL</t>
  </si>
  <si>
    <t>5702329279369</t>
  </si>
  <si>
    <t>VELUX Verd.-Rollo Plus DFD MK10 4666SWL</t>
  </si>
  <si>
    <t>DFD MK10 4667S</t>
  </si>
  <si>
    <t>5702329279376</t>
  </si>
  <si>
    <t>VELUX Verd.-Rollo Plus DFD MK10 4667S</t>
  </si>
  <si>
    <t>DFD MK10 4667SWL</t>
  </si>
  <si>
    <t>5702329279383</t>
  </si>
  <si>
    <t>VELUX Verd.-Rollo Plus DFD MK10 4667SWL</t>
  </si>
  <si>
    <t>DFD MK10 CBYS</t>
  </si>
  <si>
    <t>5702329270441</t>
  </si>
  <si>
    <t>VELUX Verd.-Rollo Plus DFD MK10 CBYS</t>
  </si>
  <si>
    <t>DFD MK10 CBYSWL</t>
  </si>
  <si>
    <t>5702329270458</t>
  </si>
  <si>
    <t>VELUX Verd.-Rollo Plus DFD MK10 CBYSWL</t>
  </si>
  <si>
    <t>DFD P04 0705S</t>
  </si>
  <si>
    <t>5702327925299</t>
  </si>
  <si>
    <t>VELUX Verd.-Rollo Plus DFD P04 0705S</t>
  </si>
  <si>
    <t>DFD P04 0705SWL</t>
  </si>
  <si>
    <t>5702329012201</t>
  </si>
  <si>
    <t>VELUX Verd.-Rollo Plus DFD P04 0705SWL</t>
  </si>
  <si>
    <t>DFD P04 1025S</t>
  </si>
  <si>
    <t>5702327925305</t>
  </si>
  <si>
    <t>VELUX Verd.-Rollo Plus DFD P04 1025S</t>
  </si>
  <si>
    <t>DFD P04 1025SWL</t>
  </si>
  <si>
    <t>5702329012218</t>
  </si>
  <si>
    <t>VELUX Verd.-Rollo Plus DFD P04 1025SWL</t>
  </si>
  <si>
    <t>DFD P04 1085S</t>
  </si>
  <si>
    <t>5702327925312</t>
  </si>
  <si>
    <t>VELUX Verd.-Rollo Plus DFD P04 1085S</t>
  </si>
  <si>
    <t>DFD P04 1085SWL</t>
  </si>
  <si>
    <t>5702329012225</t>
  </si>
  <si>
    <t>VELUX Verd.-Rollo Plus DFD P04 1085SWL</t>
  </si>
  <si>
    <t>DFD P04 1100S</t>
  </si>
  <si>
    <t>5702327925329</t>
  </si>
  <si>
    <t>VELUX Verd.-Rollo Plus DFD P04 1100S</t>
  </si>
  <si>
    <t>DFD P04 1100SWL</t>
  </si>
  <si>
    <t>5702329012232</t>
  </si>
  <si>
    <t>VELUX Verd.-Rollo Plus DFD P04 1100SWL</t>
  </si>
  <si>
    <t>DFD P04 3009S</t>
  </si>
  <si>
    <t>5702327925350</t>
  </si>
  <si>
    <t>VELUX Verd.-Rollo Plus DFD P04 3009S</t>
  </si>
  <si>
    <t>DFD P04 3009SWL</t>
  </si>
  <si>
    <t>5702329012249</t>
  </si>
  <si>
    <t>VELUX Verd.-Rollo Plus DFD P04 3009SWL</t>
  </si>
  <si>
    <t>DFD P04 4556S</t>
  </si>
  <si>
    <t>5702327925374</t>
  </si>
  <si>
    <t>VELUX Verd.-Rollo Plus DFD P04 4556S</t>
  </si>
  <si>
    <t>DFD P04 4556SWL</t>
  </si>
  <si>
    <t>5702329012256</t>
  </si>
  <si>
    <t>VELUX Verd.-Rollo Plus DFD P04 4556SWL</t>
  </si>
  <si>
    <t>DFD P04 4559S</t>
  </si>
  <si>
    <t>5702327925398</t>
  </si>
  <si>
    <t>VELUX Verd.-Rollo Plus DFD P04 4559S</t>
  </si>
  <si>
    <t>DFD P04 4559SWL</t>
  </si>
  <si>
    <t>5702329012263</t>
  </si>
  <si>
    <t>VELUX Verd.-Rollo Plus DFD P04 4559SWL</t>
  </si>
  <si>
    <t>DFD P04 4564S</t>
  </si>
  <si>
    <t>5702327925442</t>
  </si>
  <si>
    <t>VELUX Verd.-Rollo Plus DFD P04 4564S</t>
  </si>
  <si>
    <t>DFD P04 4564SWL</t>
  </si>
  <si>
    <t>5702329012270</t>
  </si>
  <si>
    <t>VELUX Verd.-Rollo Plus DFD P04 4564SWL</t>
  </si>
  <si>
    <t>DFD P04 4574S</t>
  </si>
  <si>
    <t>5702329006279</t>
  </si>
  <si>
    <t>VELUX Verd.-Rollo Plus DFD P04 4574S</t>
  </si>
  <si>
    <t>DFD P04 4574SWL</t>
  </si>
  <si>
    <t>5702329012287</t>
  </si>
  <si>
    <t>VELUX Verd.-Rollo Plus DFD P04 4574SWL</t>
  </si>
  <si>
    <t>DFD P04 4575S</t>
  </si>
  <si>
    <t>5702329006286</t>
  </si>
  <si>
    <t>VELUX Verd.-Rollo Plus DFD P04 4575S</t>
  </si>
  <si>
    <t>DFD P04 4575SWL</t>
  </si>
  <si>
    <t>5702329012294</t>
  </si>
  <si>
    <t>VELUX Verd.-Rollo Plus DFD P04 4575SWL</t>
  </si>
  <si>
    <t>DFD P04 4576S</t>
  </si>
  <si>
    <t>5702329006293</t>
  </si>
  <si>
    <t>VELUX Verd.-Rollo Plus DFD P04 4576S</t>
  </si>
  <si>
    <t>DFD P04 4576SWL</t>
  </si>
  <si>
    <t>5702329012300</t>
  </si>
  <si>
    <t>VELUX Verd.-Rollo Plus DFD P04 4576SWL</t>
  </si>
  <si>
    <t>DFD P04 4577S</t>
  </si>
  <si>
    <t>5702329006309</t>
  </si>
  <si>
    <t>VELUX Verd.-Rollo Plus DFD P04 4577S</t>
  </si>
  <si>
    <t>DFD P04 4577SWL</t>
  </si>
  <si>
    <t>5702329012317</t>
  </si>
  <si>
    <t>VELUX Verd.-Rollo Plus DFD P04 4577SWL</t>
  </si>
  <si>
    <t>DFD P04 4578S</t>
  </si>
  <si>
    <t>5702329006316</t>
  </si>
  <si>
    <t>VELUX Verd.-Rollo Plus DFD P04 4578S</t>
  </si>
  <si>
    <t>DFD P04 4578SWL</t>
  </si>
  <si>
    <t>5702329012324</t>
  </si>
  <si>
    <t>VELUX Verd.-Rollo Plus DFD P04 4578SWL</t>
  </si>
  <si>
    <t>DFD P04 4579S</t>
  </si>
  <si>
    <t>5702329006323</t>
  </si>
  <si>
    <t>VELUX Verd.-Rollo Plus DFD P04 4579S</t>
  </si>
  <si>
    <t>DFD P04 4579SWL</t>
  </si>
  <si>
    <t>5702329012331</t>
  </si>
  <si>
    <t>VELUX Verd.-Rollo Plus DFD P04 4579SWL</t>
  </si>
  <si>
    <t>DFD P04 4580S</t>
  </si>
  <si>
    <t>5702329006330</t>
  </si>
  <si>
    <t>VELUX Verd.-Rollo Plus DFD P04 4580S</t>
  </si>
  <si>
    <t>DFD P04 4580SWL</t>
  </si>
  <si>
    <t>5702329012348</t>
  </si>
  <si>
    <t>VELUX Verd.-Rollo Plus DFD P04 4580SWL</t>
  </si>
  <si>
    <t>DFD P04 4581S</t>
  </si>
  <si>
    <t>5702329006347</t>
  </si>
  <si>
    <t>VELUX Verd.-Rollo Plus DFD P04 4581S</t>
  </si>
  <si>
    <t>DFD P04 4581SWL</t>
  </si>
  <si>
    <t>5702329012355</t>
  </si>
  <si>
    <t>VELUX Verd.-Rollo Plus DFD P04 4581SWL</t>
  </si>
  <si>
    <t>DFD P04 4653S</t>
  </si>
  <si>
    <t>5702329279550</t>
  </si>
  <si>
    <t>VELUX Verd.-Rollo Plus DFD P04 4653S</t>
  </si>
  <si>
    <t>DFD P04 4653SWL</t>
  </si>
  <si>
    <t>5702329279567</t>
  </si>
  <si>
    <t>VELUX Verd.-Rollo Plus DFD P04 4653SWL</t>
  </si>
  <si>
    <t>DFD P04 4654S</t>
  </si>
  <si>
    <t>5702329279574</t>
  </si>
  <si>
    <t>VELUX Verd.-Rollo Plus DFD P04 4654S</t>
  </si>
  <si>
    <t>DFD P04 4659S</t>
  </si>
  <si>
    <t>5702329279611</t>
  </si>
  <si>
    <t>VELUX Verd.-Rollo Plus DFD P04 4659S</t>
  </si>
  <si>
    <t>DFD P04 4659SWL</t>
  </si>
  <si>
    <t>5702329279628</t>
  </si>
  <si>
    <t>VELUX Verd.-Rollo Plus DFD P04 4659SWL</t>
  </si>
  <si>
    <t>DFD P04 4660SWL</t>
  </si>
  <si>
    <t>5702329279642</t>
  </si>
  <si>
    <t>VELUX Verd.-Rollo Plus DFD P04 4660SWL</t>
  </si>
  <si>
    <t>DFD P04 4661S</t>
  </si>
  <si>
    <t>5702329279659</t>
  </si>
  <si>
    <t>VELUX Verd.-Rollo Plus DFD P04 4661S</t>
  </si>
  <si>
    <t>DFD P04 4661SWL</t>
  </si>
  <si>
    <t>5702329279666</t>
  </si>
  <si>
    <t>VELUX Verd.-Rollo Plus DFD P04 4661SWL</t>
  </si>
  <si>
    <t>DFD P04 4665SWL</t>
  </si>
  <si>
    <t>5702329279680</t>
  </si>
  <si>
    <t>VELUX Verd.-Rollo Plus DFD P04 4665SWL</t>
  </si>
  <si>
    <t>DFD P04 4666S</t>
  </si>
  <si>
    <t>5702329279697</t>
  </si>
  <si>
    <t>VELUX Verd.-Rollo Plus DFD P04 4666S</t>
  </si>
  <si>
    <t>DFD P04 4667SWL</t>
  </si>
  <si>
    <t>5702329279727</t>
  </si>
  <si>
    <t>VELUX Verd.-Rollo Plus DFD P04 4667SWL</t>
  </si>
  <si>
    <t>DFD P04 CBYS</t>
  </si>
  <si>
    <t>5702329270465</t>
  </si>
  <si>
    <t>VELUX Verd.-Rollo Plus DFD P04 CBYS</t>
  </si>
  <si>
    <t>DFD P04 CBYSWL</t>
  </si>
  <si>
    <t>5702329270472</t>
  </si>
  <si>
    <t>VELUX Verd.-Rollo Plus DFD P04 CBYSWL</t>
  </si>
  <si>
    <t>DFD P06 0705S</t>
  </si>
  <si>
    <t>5702327925534</t>
  </si>
  <si>
    <t>VELUX Verd.-Rollo Plus DFD P06 0705S</t>
  </si>
  <si>
    <t>DFD P06 0705SWL</t>
  </si>
  <si>
    <t>5702329012362</t>
  </si>
  <si>
    <t>VELUX Verd.-Rollo Plus DFD P06 0705SWL</t>
  </si>
  <si>
    <t>DFD P06 1025S</t>
  </si>
  <si>
    <t>5702327925541</t>
  </si>
  <si>
    <t>VELUX Verd.-Rollo Plus DFD P06 1025S</t>
  </si>
  <si>
    <t>DFD P06 1025SWL</t>
  </si>
  <si>
    <t>5702329012379</t>
  </si>
  <si>
    <t>VELUX Verd.-Rollo Plus DFD P06 1025SWL</t>
  </si>
  <si>
    <t>DFD P06 1085S</t>
  </si>
  <si>
    <t>5702327925558</t>
  </si>
  <si>
    <t>VELUX Verd.-Rollo Plus DFD P06 1085S</t>
  </si>
  <si>
    <t>DFD P06 1085SWL</t>
  </si>
  <si>
    <t>5702329012386</t>
  </si>
  <si>
    <t>VELUX Verd.-Rollo Plus DFD P06 1085SWL</t>
  </si>
  <si>
    <t>DFD P06 1100S</t>
  </si>
  <si>
    <t>5702327925565</t>
  </si>
  <si>
    <t>VELUX Verd.-Rollo Plus DFD P06 1100S</t>
  </si>
  <si>
    <t>DFD P06 1100SWL</t>
  </si>
  <si>
    <t>5702329012393</t>
  </si>
  <si>
    <t>VELUX Verd.-Rollo Plus DFD P06 1100SWL</t>
  </si>
  <si>
    <t>DFD P06 3009S</t>
  </si>
  <si>
    <t>5702327925596</t>
  </si>
  <si>
    <t>VELUX Verd.-Rollo Plus DFD P06 3009S</t>
  </si>
  <si>
    <t>DFD P06 3009SWL</t>
  </si>
  <si>
    <t>5702329012409</t>
  </si>
  <si>
    <t>VELUX Verd.-Rollo Plus DFD P06 3009SWL</t>
  </si>
  <si>
    <t>DFD P06 4556S</t>
  </si>
  <si>
    <t>5702327925619</t>
  </si>
  <si>
    <t>VELUX Verd.-Rollo Plus DFD P06 4556S</t>
  </si>
  <si>
    <t>DFD P06 4556SWL</t>
  </si>
  <si>
    <t>5702329012416</t>
  </si>
  <si>
    <t>VELUX Verd.-Rollo Plus DFD P06 4556SWL</t>
  </si>
  <si>
    <t>DFD P06 4559S</t>
  </si>
  <si>
    <t>5702327925633</t>
  </si>
  <si>
    <t>VELUX Verd.-Rollo Plus DFD P06 4559S</t>
  </si>
  <si>
    <t>DFD P06 4559SWL</t>
  </si>
  <si>
    <t>5702329012423</t>
  </si>
  <si>
    <t>VELUX Verd.-Rollo Plus DFD P06 4559SWL</t>
  </si>
  <si>
    <t>DFD P06 4564S</t>
  </si>
  <si>
    <t>5702327925688</t>
  </si>
  <si>
    <t>VELUX Verd.-Rollo Plus DFD P06 4564S</t>
  </si>
  <si>
    <t>DFD P06 4564SWL</t>
  </si>
  <si>
    <t>5702329012430</t>
  </si>
  <si>
    <t>VELUX Verd.-Rollo Plus DFD P06 4564SWL</t>
  </si>
  <si>
    <t>DFD P06 4574S</t>
  </si>
  <si>
    <t>5702329006354</t>
  </si>
  <si>
    <t>VELUX Verd.-Rollo Plus DFD P06 4574S</t>
  </si>
  <si>
    <t>DFD P06 4574SWL</t>
  </si>
  <si>
    <t>5702329012447</t>
  </si>
  <si>
    <t>VELUX Verd.-Rollo Plus DFD P06 4574SWL</t>
  </si>
  <si>
    <t>DFD P06 4575S</t>
  </si>
  <si>
    <t>5702329006361</t>
  </si>
  <si>
    <t>VELUX Verd.-Rollo Plus DFD P06 4575S</t>
  </si>
  <si>
    <t>DFD P06 4575SWL</t>
  </si>
  <si>
    <t>5702329012454</t>
  </si>
  <si>
    <t>VELUX Verd.-Rollo Plus DFD P06 4575SWL</t>
  </si>
  <si>
    <t>DFD P06 4576S</t>
  </si>
  <si>
    <t>5702329006378</t>
  </si>
  <si>
    <t>VELUX Verd.-Rollo Plus DFD P06 4576S</t>
  </si>
  <si>
    <t>DFD P06 4576SWL</t>
  </si>
  <si>
    <t>5702329012461</t>
  </si>
  <si>
    <t>VELUX Verd.-Rollo Plus DFD P06 4576SWL</t>
  </si>
  <si>
    <t>DFD P06 4577S</t>
  </si>
  <si>
    <t>5702329006385</t>
  </si>
  <si>
    <t>VELUX Verd.-Rollo Plus DFD P06 4577S</t>
  </si>
  <si>
    <t>DFD P06 4577SWL</t>
  </si>
  <si>
    <t>5702329012478</t>
  </si>
  <si>
    <t>VELUX Verd.-Rollo Plus DFD P06 4577SWL</t>
  </si>
  <si>
    <t>DFD P06 4578S</t>
  </si>
  <si>
    <t>5702329006392</t>
  </si>
  <si>
    <t>VELUX Verd.-Rollo Plus DFD P06 4578S</t>
  </si>
  <si>
    <t>DFD P06 4578SWL</t>
  </si>
  <si>
    <t>5702329012485</t>
  </si>
  <si>
    <t>VELUX Verd.-Rollo Plus DFD P06 4578SWL</t>
  </si>
  <si>
    <t>DFD P06 4579S</t>
  </si>
  <si>
    <t>5702329006408</t>
  </si>
  <si>
    <t>VELUX Verd.-Rollo Plus DFD P06 4579S</t>
  </si>
  <si>
    <t>DFD P06 4579SWL</t>
  </si>
  <si>
    <t>5702329012492</t>
  </si>
  <si>
    <t>VELUX Verd.-Rollo Plus DFD P06 4579SWL</t>
  </si>
  <si>
    <t>DFD P06 4580S</t>
  </si>
  <si>
    <t>5702329006415</t>
  </si>
  <si>
    <t>VELUX Verd.-Rollo Plus DFD P06 4580S</t>
  </si>
  <si>
    <t>DFD P06 4580SWL</t>
  </si>
  <si>
    <t>5702329012508</t>
  </si>
  <si>
    <t>VELUX Verd.-Rollo Plus DFD P06 4580SWL</t>
  </si>
  <si>
    <t>DFD P06 4581S</t>
  </si>
  <si>
    <t>5702329006422</t>
  </si>
  <si>
    <t>VELUX Verd.-Rollo Plus DFD P06 4581S</t>
  </si>
  <si>
    <t>DFD P06 4581SWL</t>
  </si>
  <si>
    <t>5702329012515</t>
  </si>
  <si>
    <t>VELUX Verd.-Rollo Plus DFD P06 4581SWL</t>
  </si>
  <si>
    <t>DFD P06 4653S</t>
  </si>
  <si>
    <t>5702329279734</t>
  </si>
  <si>
    <t>VELUX Verd.-Rollo Plus DFD P06 4653S</t>
  </si>
  <si>
    <t>DFD P06 4653SWL</t>
  </si>
  <si>
    <t>5702329279741</t>
  </si>
  <si>
    <t>VELUX Verd.-Rollo Plus DFD P06 4653SWL</t>
  </si>
  <si>
    <t>DFD P06 4654S</t>
  </si>
  <si>
    <t>5702329279758</t>
  </si>
  <si>
    <t>VELUX Verd.-Rollo Plus DFD P06 4654S</t>
  </si>
  <si>
    <t>DFD P06 4654SWL</t>
  </si>
  <si>
    <t>5702329279765</t>
  </si>
  <si>
    <t>VELUX Verd.-Rollo Plus DFD P06 4654SWL</t>
  </si>
  <si>
    <t>DFD P06 4659SWL</t>
  </si>
  <si>
    <t>5702329279802</t>
  </si>
  <si>
    <t>VELUX Verd.-Rollo Plus DFD P06 4659SWL</t>
  </si>
  <si>
    <t>DFD P06 4660S</t>
  </si>
  <si>
    <t>5702329279819</t>
  </si>
  <si>
    <t>VELUX Verd.-Rollo Plus DFD P06 4660S</t>
  </si>
  <si>
    <t>DFD P06 4660SWL</t>
  </si>
  <si>
    <t>5702329279826</t>
  </si>
  <si>
    <t>VELUX Verd.-Rollo Plus DFD P06 4660SWL</t>
  </si>
  <si>
    <t>DFD P06 4661SWL</t>
  </si>
  <si>
    <t>5702329279840</t>
  </si>
  <si>
    <t>VELUX Verd.-Rollo Plus DFD P06 4661SWL</t>
  </si>
  <si>
    <t>DFD P06 4665S</t>
  </si>
  <si>
    <t>5702329279857</t>
  </si>
  <si>
    <t>VELUX Verd.-Rollo Plus DFD P06 4665S</t>
  </si>
  <si>
    <t>DFD P06 4665SWL</t>
  </si>
  <si>
    <t>5702329279864</t>
  </si>
  <si>
    <t>VELUX Verd.-Rollo Plus DFD P06 4665SWL</t>
  </si>
  <si>
    <t>DFD P06 4666S</t>
  </si>
  <si>
    <t>5702329279871</t>
  </si>
  <si>
    <t>VELUX Verd.-Rollo Plus DFD P06 4666S</t>
  </si>
  <si>
    <t>DFD P06 4666SWL</t>
  </si>
  <si>
    <t>5702329279888</t>
  </si>
  <si>
    <t>VELUX Verd.-Rollo Plus DFD P06 4666SWL</t>
  </si>
  <si>
    <t>DFD P06 4667S</t>
  </si>
  <si>
    <t>5702329279895</t>
  </si>
  <si>
    <t>VELUX Verd.-Rollo Plus DFD P06 4667S</t>
  </si>
  <si>
    <t>DFD P06 4667SWL</t>
  </si>
  <si>
    <t>5702329279901</t>
  </si>
  <si>
    <t>VELUX Verd.-Rollo Plus DFD P06 4667SWL</t>
  </si>
  <si>
    <t>DFD P06 CBYS</t>
  </si>
  <si>
    <t>5702329270489</t>
  </si>
  <si>
    <t>VELUX Verd.-Rollo Plus DFD P06 CBYS</t>
  </si>
  <si>
    <t>DFD P06 CBYSWL</t>
  </si>
  <si>
    <t>5702329270496</t>
  </si>
  <si>
    <t>VELUX Verd.-Rollo Plus DFD P06 CBYSWL</t>
  </si>
  <si>
    <t>DFD P08 0705S</t>
  </si>
  <si>
    <t>5702327925770</t>
  </si>
  <si>
    <t>VELUX Verd.-Rollo Plus DFD P08 0705S</t>
  </si>
  <si>
    <t>DFD P08 0705SWL</t>
  </si>
  <si>
    <t>5702329012522</t>
  </si>
  <si>
    <t>VELUX Verd.-Rollo Plus DFD P08 0705SWL</t>
  </si>
  <si>
    <t>DFD P08 1025S</t>
  </si>
  <si>
    <t>5702327925787</t>
  </si>
  <si>
    <t>VELUX Verd.-Rollo Plus DFD P08 1025S</t>
  </si>
  <si>
    <t>DFD P08 1025SWL</t>
  </si>
  <si>
    <t>5702329012539</t>
  </si>
  <si>
    <t>VELUX Verd.-Rollo Plus DFD P08 1025SWL</t>
  </si>
  <si>
    <t>DFD P08 1085S</t>
  </si>
  <si>
    <t>5702327925794</t>
  </si>
  <si>
    <t>VELUX Verd.-Rollo Plus DFD P08 1085S</t>
  </si>
  <si>
    <t>DFD P08 1085SWL</t>
  </si>
  <si>
    <t>5702329012546</t>
  </si>
  <si>
    <t>VELUX Verd.-Rollo Plus DFD P08 1085SWL</t>
  </si>
  <si>
    <t>DFD P08 1100S</t>
  </si>
  <si>
    <t>5702327925800</t>
  </si>
  <si>
    <t>VELUX Verd.-Rollo Plus DFD P08 1100S</t>
  </si>
  <si>
    <t>DFD P08 1100SWL</t>
  </si>
  <si>
    <t>5702329012553</t>
  </si>
  <si>
    <t>VELUX Verd.-Rollo Plus DFD P08 1100SWL</t>
  </si>
  <si>
    <t>DFD P08 3009S</t>
  </si>
  <si>
    <t>5702327925831</t>
  </si>
  <si>
    <t>VELUX Verd.-Rollo Plus DFD P08 3009S</t>
  </si>
  <si>
    <t>DFD P08 3009SWL</t>
  </si>
  <si>
    <t>5702329012560</t>
  </si>
  <si>
    <t>VELUX Verd.-Rollo Plus DFD P08 3009SWL</t>
  </si>
  <si>
    <t>DFD P08 4556S</t>
  </si>
  <si>
    <t>5702327925855</t>
  </si>
  <si>
    <t>VELUX Verd.-Rollo Plus DFD P08 4556S</t>
  </si>
  <si>
    <t>DFD P08 4556SWL</t>
  </si>
  <si>
    <t>5702329012577</t>
  </si>
  <si>
    <t>VELUX Verd.-Rollo Plus DFD P08 4556SWL</t>
  </si>
  <si>
    <t>DFD P08 4559S</t>
  </si>
  <si>
    <t>5702327925879</t>
  </si>
  <si>
    <t>VELUX Verd.-Rollo Plus DFD P08 4559S</t>
  </si>
  <si>
    <t>DFD P08 4559SWL</t>
  </si>
  <si>
    <t>5702329012584</t>
  </si>
  <si>
    <t>VELUX Verd.-Rollo Plus DFD P08 4559SWL</t>
  </si>
  <si>
    <t>DFD P08 4564S</t>
  </si>
  <si>
    <t>5702327925923</t>
  </si>
  <si>
    <t>VELUX Verd.-Rollo Plus DFD P08 4564S</t>
  </si>
  <si>
    <t>DFD P08 4564SWL</t>
  </si>
  <si>
    <t>5702329012591</t>
  </si>
  <si>
    <t>VELUX Verd.-Rollo Plus DFD P08 4564SWL</t>
  </si>
  <si>
    <t>DFD P08 4574S</t>
  </si>
  <si>
    <t>5702329006439</t>
  </si>
  <si>
    <t>VELUX Verd.-Rollo Plus DFD P08 4574S</t>
  </si>
  <si>
    <t>DFD P08 4574SWL</t>
  </si>
  <si>
    <t>5702329012607</t>
  </si>
  <si>
    <t>VELUX Verd.-Rollo Plus DFD P08 4574SWL</t>
  </si>
  <si>
    <t>DFD P08 4575S</t>
  </si>
  <si>
    <t>5702329006446</t>
  </si>
  <si>
    <t>VELUX Verd.-Rollo Plus DFD P08 4575S</t>
  </si>
  <si>
    <t>DFD P08 4575SWL</t>
  </si>
  <si>
    <t>5702329012614</t>
  </si>
  <si>
    <t>VELUX Verd.-Rollo Plus DFD P08 4575SWL</t>
  </si>
  <si>
    <t>DFD P08 4576S</t>
  </si>
  <si>
    <t>5702329006453</t>
  </si>
  <si>
    <t>VELUX Verd.-Rollo Plus DFD P08 4576S</t>
  </si>
  <si>
    <t>DFD P08 4576SWL</t>
  </si>
  <si>
    <t>5702329012621</t>
  </si>
  <si>
    <t>VELUX Verd.-Rollo Plus DFD P08 4576SWL</t>
  </si>
  <si>
    <t>DFD P08 4577S</t>
  </si>
  <si>
    <t>5702329006460</t>
  </si>
  <si>
    <t>VELUX Verd.-Rollo Plus DFD P08 4577S</t>
  </si>
  <si>
    <t>DFD P08 4577SWL</t>
  </si>
  <si>
    <t>5702329012638</t>
  </si>
  <si>
    <t>VELUX Verd.-Rollo Plus DFD P08 4577SWL</t>
  </si>
  <si>
    <t>DFD P08 4578S</t>
  </si>
  <si>
    <t>5702329006477</t>
  </si>
  <si>
    <t>VELUX Verd.-Rollo Plus DFD P08 4578S</t>
  </si>
  <si>
    <t>DFD P08 4578SWL</t>
  </si>
  <si>
    <t>5702329012645</t>
  </si>
  <si>
    <t>VELUX Verd.-Rollo Plus DFD P08 4578SWL</t>
  </si>
  <si>
    <t>DFD P08 4579S</t>
  </si>
  <si>
    <t>5702329006484</t>
  </si>
  <si>
    <t>VELUX Verd.-Rollo Plus DFD P08 4579S</t>
  </si>
  <si>
    <t>DFD P08 4579SWL</t>
  </si>
  <si>
    <t>5702329012652</t>
  </si>
  <si>
    <t>VELUX Verd.-Rollo Plus DFD P08 4579SWL</t>
  </si>
  <si>
    <t>DFD P08 4580S</t>
  </si>
  <si>
    <t>5702329006491</t>
  </si>
  <si>
    <t>VELUX Verd.-Rollo Plus DFD P08 4580S</t>
  </si>
  <si>
    <t>DFD P08 4580SWL</t>
  </si>
  <si>
    <t>5702329012669</t>
  </si>
  <si>
    <t>VELUX Verd.-Rollo Plus DFD P08 4580SWL</t>
  </si>
  <si>
    <t>DFD P08 4581S</t>
  </si>
  <si>
    <t>5702329006507</t>
  </si>
  <si>
    <t>VELUX Verd.-Rollo Plus DFD P08 4581S</t>
  </si>
  <si>
    <t>DFD P08 4581SWL</t>
  </si>
  <si>
    <t>5702329012676</t>
  </si>
  <si>
    <t>VELUX Verd.-Rollo Plus DFD P08 4581SWL</t>
  </si>
  <si>
    <t>DFD P08 4653S</t>
  </si>
  <si>
    <t>5702329279918</t>
  </si>
  <si>
    <t>VELUX Verd.-Rollo Plus DFD P08 4653S</t>
  </si>
  <si>
    <t>DFD P08 4653SWL</t>
  </si>
  <si>
    <t>5702329279925</t>
  </si>
  <si>
    <t>VELUX Verd.-Rollo Plus DFD P08 4653SWL</t>
  </si>
  <si>
    <t>DFD P08 4654S</t>
  </si>
  <si>
    <t>5702329279932</t>
  </si>
  <si>
    <t>VELUX Verd.-Rollo Plus DFD P08 4654S</t>
  </si>
  <si>
    <t>DFD P08 4659SWL</t>
  </si>
  <si>
    <t>5702329279987</t>
  </si>
  <si>
    <t>VELUX Verd.-Rollo Plus DFD P08 4659SWL</t>
  </si>
  <si>
    <t>DFD P08 4660S</t>
  </si>
  <si>
    <t>5702329279994</t>
  </si>
  <si>
    <t>VELUX Verd.-Rollo Plus DFD P08 4660S</t>
  </si>
  <si>
    <t>DFD P08 4660SWL</t>
  </si>
  <si>
    <t>5702329280006</t>
  </si>
  <si>
    <t>VELUX Verd.-Rollo Plus DFD P08 4660SWL</t>
  </si>
  <si>
    <t>DFD P08 4661S</t>
  </si>
  <si>
    <t>5702329280013</t>
  </si>
  <si>
    <t>VELUX Verd.-Rollo Plus DFD P08 4661S</t>
  </si>
  <si>
    <t>DFD P08 4661SWL</t>
  </si>
  <si>
    <t>5702329280020</t>
  </si>
  <si>
    <t>VELUX Verd.-Rollo Plus DFD P08 4661SWL</t>
  </si>
  <si>
    <t>DFD P08 4665S</t>
  </si>
  <si>
    <t>5702329280037</t>
  </si>
  <si>
    <t>VELUX Verd.-Rollo Plus DFD P08 4665S</t>
  </si>
  <si>
    <t>DFD P08 4666S</t>
  </si>
  <si>
    <t>5702329280051</t>
  </si>
  <si>
    <t>VELUX Verd.-Rollo Plus DFD P08 4666S</t>
  </si>
  <si>
    <t>DFD P08 4666SWL</t>
  </si>
  <si>
    <t>5702329280068</t>
  </si>
  <si>
    <t>VELUX Verd.-Rollo Plus DFD P08 4666SWL</t>
  </si>
  <si>
    <t>DFD P08 CBYS</t>
  </si>
  <si>
    <t>5702329270502</t>
  </si>
  <si>
    <t>VELUX Verd.-Rollo Plus DFD P08 CBYS</t>
  </si>
  <si>
    <t>DFD P08 CBYSWL</t>
  </si>
  <si>
    <t>5702329270519</t>
  </si>
  <si>
    <t>VELUX Verd.-Rollo Plus DFD P08 CBYSWL</t>
  </si>
  <si>
    <t>DFD P10 0705S</t>
  </si>
  <si>
    <t>5702327926012</t>
  </si>
  <si>
    <t>VELUX Verd.-Rollo Plus DFD P10 0705S</t>
  </si>
  <si>
    <t>DFD P10 0705SWL</t>
  </si>
  <si>
    <t>5702329012683</t>
  </si>
  <si>
    <t>VELUX Verd.-Rollo Plus DFD P10 0705SWL</t>
  </si>
  <si>
    <t>DFD P10 1025S</t>
  </si>
  <si>
    <t>5702327926029</t>
  </si>
  <si>
    <t>VELUX Verd.-Rollo Plus DFD P10 1025S</t>
  </si>
  <si>
    <t>DFD P10 1025SWL</t>
  </si>
  <si>
    <t>5702329012690</t>
  </si>
  <si>
    <t>VELUX Verd.-Rollo Plus DFD P10 1025SWL</t>
  </si>
  <si>
    <t>DFD P10 1085S</t>
  </si>
  <si>
    <t>5702327926036</t>
  </si>
  <si>
    <t>VELUX Verd.-Rollo Plus DFD P10 1085S</t>
  </si>
  <si>
    <t>DFD P10 1085SWL</t>
  </si>
  <si>
    <t>5702329012706</t>
  </si>
  <si>
    <t>VELUX Verd.-Rollo Plus DFD P10 1085SWL</t>
  </si>
  <si>
    <t>DFD P10 1100S</t>
  </si>
  <si>
    <t>5702327926043</t>
  </si>
  <si>
    <t>VELUX Verd.-Rollo Plus DFD P10 1100S</t>
  </si>
  <si>
    <t>DFD P10 1100SWL</t>
  </si>
  <si>
    <t>5702329012713</t>
  </si>
  <si>
    <t>VELUX Verd.-Rollo Plus DFD P10 1100SWL</t>
  </si>
  <si>
    <t>DFD P10 3009S</t>
  </si>
  <si>
    <t>5702327926074</t>
  </si>
  <si>
    <t>VELUX Verd.-Rollo Plus DFD P10 3009S</t>
  </si>
  <si>
    <t>DFD P10 3009SWL</t>
  </si>
  <si>
    <t>5702329012720</t>
  </si>
  <si>
    <t>VELUX Verd.-Rollo Plus DFD P10 3009SWL</t>
  </si>
  <si>
    <t>DFD P10 4556S</t>
  </si>
  <si>
    <t>5702327926098</t>
  </si>
  <si>
    <t>VELUX Verd.-Rollo Plus DFD P10 4556S</t>
  </si>
  <si>
    <t>DFD P10 4556SWL</t>
  </si>
  <si>
    <t>5702329012737</t>
  </si>
  <si>
    <t>VELUX Verd.-Rollo Plus DFD P10 4556SWL</t>
  </si>
  <si>
    <t>DFD P10 4559S</t>
  </si>
  <si>
    <t>5702327926111</t>
  </si>
  <si>
    <t>VELUX Verd.-Rollo Plus DFD P10 4559S</t>
  </si>
  <si>
    <t>DFD P10 4559SWL</t>
  </si>
  <si>
    <t>5702329012744</t>
  </si>
  <si>
    <t>VELUX Verd.-Rollo Plus DFD P10 4559SWL</t>
  </si>
  <si>
    <t>DFD P10 4564S</t>
  </si>
  <si>
    <t>5702327926166</t>
  </si>
  <si>
    <t>VELUX Verd.-Rollo Plus DFD P10 4564S</t>
  </si>
  <si>
    <t>DFD P10 4564SWL</t>
  </si>
  <si>
    <t>5702329012751</t>
  </si>
  <si>
    <t>VELUX Verd.-Rollo Plus DFD P10 4564SWL</t>
  </si>
  <si>
    <t>DFD P10 4574S</t>
  </si>
  <si>
    <t>5702329006514</t>
  </si>
  <si>
    <t>VELUX Verd.-Rollo Plus DFD P10 4574S</t>
  </si>
  <si>
    <t>DFD P10 4574SWL</t>
  </si>
  <si>
    <t>5702329012768</t>
  </si>
  <si>
    <t>VELUX Verd.-Rollo Plus DFD P10 4574SWL</t>
  </si>
  <si>
    <t>DFD P10 4575S</t>
  </si>
  <si>
    <t>5702329006521</t>
  </si>
  <si>
    <t>VELUX Verd.-Rollo Plus DFD P10 4575S</t>
  </si>
  <si>
    <t>DFD P10 4575SWL</t>
  </si>
  <si>
    <t>5702329012775</t>
  </si>
  <si>
    <t>VELUX Verd.-Rollo Plus DFD P10 4575SWL</t>
  </si>
  <si>
    <t>DFD P10 4576S</t>
  </si>
  <si>
    <t>5702329006538</t>
  </si>
  <si>
    <t>VELUX Verd.-Rollo Plus DFD P10 4576S</t>
  </si>
  <si>
    <t>DFD P10 4576SWL</t>
  </si>
  <si>
    <t>5702329012782</t>
  </si>
  <si>
    <t>VELUX Verd.-Rollo Plus DFD P10 4576SWL</t>
  </si>
  <si>
    <t>DFD P10 4577S</t>
  </si>
  <si>
    <t>5702329006545</t>
  </si>
  <si>
    <t>VELUX Verd.-Rollo Plus DFD P10 4577S</t>
  </si>
  <si>
    <t>DFD P10 4577SWL</t>
  </si>
  <si>
    <t>5702329012799</t>
  </si>
  <si>
    <t>VELUX Verd.-Rollo Plus DFD P10 4577SWL</t>
  </si>
  <si>
    <t>DFD P10 4578S</t>
  </si>
  <si>
    <t>5702329006552</t>
  </si>
  <si>
    <t>VELUX Verd.-Rollo Plus DFD P10 4578S</t>
  </si>
  <si>
    <t>DFD P10 4578SWL</t>
  </si>
  <si>
    <t>5702329012805</t>
  </si>
  <si>
    <t>VELUX Verd.-Rollo Plus DFD P10 4578SWL</t>
  </si>
  <si>
    <t>DFD P10 4579S</t>
  </si>
  <si>
    <t>5702329006569</t>
  </si>
  <si>
    <t>VELUX Verd.-Rollo Plus DFD P10 4579S</t>
  </si>
  <si>
    <t>DFD P10 4579SWL</t>
  </si>
  <si>
    <t>5702329012812</t>
  </si>
  <si>
    <t>VELUX Verd.-Rollo Plus DFD P10 4579SWL</t>
  </si>
  <si>
    <t>DFD P10 4580S</t>
  </si>
  <si>
    <t>5702329006576</t>
  </si>
  <si>
    <t>VELUX Verd.-Rollo Plus DFD P10 4580S</t>
  </si>
  <si>
    <t>DFD P10 4580SWL</t>
  </si>
  <si>
    <t>5702329012829</t>
  </si>
  <si>
    <t>VELUX Verd.-Rollo Plus DFD P10 4580SWL</t>
  </si>
  <si>
    <t>DFD P10 4581S</t>
  </si>
  <si>
    <t>5702329006583</t>
  </si>
  <si>
    <t>VELUX Verd.-Rollo Plus DFD P10 4581S</t>
  </si>
  <si>
    <t>DFD P10 4581SWL</t>
  </si>
  <si>
    <t>5702329012836</t>
  </si>
  <si>
    <t>VELUX Verd.-Rollo Plus DFD P10 4581SWL</t>
  </si>
  <si>
    <t>DFD P10 4653S</t>
  </si>
  <si>
    <t>5702329280099</t>
  </si>
  <si>
    <t>VELUX Verd.-Rollo Plus DFD P10 4653S</t>
  </si>
  <si>
    <t>DFD P10 4653SWL</t>
  </si>
  <si>
    <t>5702329280105</t>
  </si>
  <si>
    <t>VELUX Verd.-Rollo Plus DFD P10 4653SWL</t>
  </si>
  <si>
    <t>DFD P10 4654SWL</t>
  </si>
  <si>
    <t>5702329280129</t>
  </si>
  <si>
    <t>VELUX Verd.-Rollo Plus DFD P10 4654SWL</t>
  </si>
  <si>
    <t>DFD P10 4655S</t>
  </si>
  <si>
    <t>5702329280136</t>
  </si>
  <si>
    <t>VELUX Verd.-Rollo Plus DFD P10 4655S</t>
  </si>
  <si>
    <t>DFD P10 4659S</t>
  </si>
  <si>
    <t>5702329280150</t>
  </si>
  <si>
    <t>VELUX Verd.-Rollo Plus DFD P10 4659S</t>
  </si>
  <si>
    <t>DFD P10 4659SWL</t>
  </si>
  <si>
    <t>5702329280167</t>
  </si>
  <si>
    <t>VELUX Verd.-Rollo Plus DFD P10 4659SWL</t>
  </si>
  <si>
    <t>DFD P10 4660S</t>
  </si>
  <si>
    <t>5702329280174</t>
  </si>
  <si>
    <t>VELUX Verd.-Rollo Plus DFD P10 4660S</t>
  </si>
  <si>
    <t>DFD P10 4661S</t>
  </si>
  <si>
    <t>5702329280198</t>
  </si>
  <si>
    <t>VELUX Verd.-Rollo Plus DFD P10 4661S</t>
  </si>
  <si>
    <t>DFD P10 4665S</t>
  </si>
  <si>
    <t>5702329280211</t>
  </si>
  <si>
    <t>VELUX Verd.-Rollo Plus DFD P10 4665S</t>
  </si>
  <si>
    <t>DFD P10 4665SWL</t>
  </si>
  <si>
    <t>5702329280228</t>
  </si>
  <si>
    <t>VELUX Verd.-Rollo Plus DFD P10 4665SWL</t>
  </si>
  <si>
    <t>DFD P10 4666S</t>
  </si>
  <si>
    <t>5702329280235</t>
  </si>
  <si>
    <t>VELUX Verd.-Rollo Plus DFD P10 4666S</t>
  </si>
  <si>
    <t>DFD P10 4666SWL</t>
  </si>
  <si>
    <t>5702329280242</t>
  </si>
  <si>
    <t>VELUX Verd.-Rollo Plus DFD P10 4666SWL</t>
  </si>
  <si>
    <t>DFD P10 4667S</t>
  </si>
  <si>
    <t>5702329280259</t>
  </si>
  <si>
    <t>VELUX Verd.-Rollo Plus DFD P10 4667S</t>
  </si>
  <si>
    <t>DFD P10 4667SWL</t>
  </si>
  <si>
    <t>5702329280266</t>
  </si>
  <si>
    <t>VELUX Verd.-Rollo Plus DFD P10 4667SWL</t>
  </si>
  <si>
    <t>DFD P10 CBYS</t>
  </si>
  <si>
    <t>5702329270526</t>
  </si>
  <si>
    <t>VELUX Verd.-Rollo Plus DFD P10 CBYS</t>
  </si>
  <si>
    <t>DFD P10 CBYSWL</t>
  </si>
  <si>
    <t>5702329270533</t>
  </si>
  <si>
    <t>VELUX Verd.-Rollo Plus DFD P10 CBYSWL</t>
  </si>
  <si>
    <t>DFD PK06 0705S</t>
  </si>
  <si>
    <t>5702327926739</t>
  </si>
  <si>
    <t>VELUX Verd.-Rollo Plus DFD PK06 0705S</t>
  </si>
  <si>
    <t>DFD PK06 0705SWL</t>
  </si>
  <si>
    <t>5702329013161</t>
  </si>
  <si>
    <t>VELUX Verd.-Rollo Plus DFD PK06 0705SWL</t>
  </si>
  <si>
    <t>DFD PK06 1025S</t>
  </si>
  <si>
    <t>5702327926746</t>
  </si>
  <si>
    <t>VELUX Verd.-Rollo Plus DFD PK06 1025S</t>
  </si>
  <si>
    <t>DFD PK06 1025SWL</t>
  </si>
  <si>
    <t>5702329013178</t>
  </si>
  <si>
    <t>VELUX Verd.-Rollo Plus DFD PK06 1025SWL</t>
  </si>
  <si>
    <t>DFD PK06 1085S</t>
  </si>
  <si>
    <t>5702327926753</t>
  </si>
  <si>
    <t>VELUX Verd.-Rollo Plus DFD PK06 1085S</t>
  </si>
  <si>
    <t>DFD PK06 1085SWL</t>
  </si>
  <si>
    <t>5702329013185</t>
  </si>
  <si>
    <t>VELUX Verd.-Rollo Plus DFD PK06 1085SWL</t>
  </si>
  <si>
    <t>DFD PK06 1100S</t>
  </si>
  <si>
    <t>5702327926760</t>
  </si>
  <si>
    <t>VELUX Verd.-Rollo Plus DFD PK06 1100S</t>
  </si>
  <si>
    <t>DFD PK06 1100SWL</t>
  </si>
  <si>
    <t>5702329013192</t>
  </si>
  <si>
    <t>VELUX Verd.-Rollo Plus DFD PK06 1100SWL</t>
  </si>
  <si>
    <t>DFD PK06 3009S</t>
  </si>
  <si>
    <t>5702327926791</t>
  </si>
  <si>
    <t>VELUX Verd.-Rollo Plus DFD PK06 3009S</t>
  </si>
  <si>
    <t>DFD PK06 3009SWL</t>
  </si>
  <si>
    <t>5702329013208</t>
  </si>
  <si>
    <t>VELUX Verd.-Rollo Plus DFD PK06 3009SWL</t>
  </si>
  <si>
    <t>DFD PK06 4556S</t>
  </si>
  <si>
    <t>5702327926814</t>
  </si>
  <si>
    <t>VELUX Verd.-Rollo Plus DFD PK06 4556S</t>
  </si>
  <si>
    <t>DFD PK06 4556SWL</t>
  </si>
  <si>
    <t>5702329013215</t>
  </si>
  <si>
    <t>VELUX Verd.-Rollo Plus DFD PK06 4556SWL</t>
  </si>
  <si>
    <t>DFD PK06 4559S</t>
  </si>
  <si>
    <t>5702327926838</t>
  </si>
  <si>
    <t>VELUX Verd.-Rollo Plus DFD PK06 4559S</t>
  </si>
  <si>
    <t>DFD PK06 4559SWL</t>
  </si>
  <si>
    <t>5702329013222</t>
  </si>
  <si>
    <t>VELUX Verd.-Rollo Plus DFD PK06 4559SWL</t>
  </si>
  <si>
    <t>DFD PK06 4564S</t>
  </si>
  <si>
    <t>5702327926883</t>
  </si>
  <si>
    <t>VELUX Verd.-Rollo Plus DFD PK06 4564S</t>
  </si>
  <si>
    <t>DFD PK06 4564SWL</t>
  </si>
  <si>
    <t>5702329013239</t>
  </si>
  <si>
    <t>VELUX Verd.-Rollo Plus DFD PK06 4564SWL</t>
  </si>
  <si>
    <t>DFD PK06 4574S</t>
  </si>
  <si>
    <t>5702329006750</t>
  </si>
  <si>
    <t>VELUX Verd.-Rollo Plus DFD PK06 4574S</t>
  </si>
  <si>
    <t>DFD PK06 4574SWL</t>
  </si>
  <si>
    <t>5702329013246</t>
  </si>
  <si>
    <t>VELUX Verd.-Rollo Plus DFD PK06 4574SWL</t>
  </si>
  <si>
    <t>DFD PK06 4575S</t>
  </si>
  <si>
    <t>5702329006767</t>
  </si>
  <si>
    <t>VELUX Verd.-Rollo Plus DFD PK06 4575S</t>
  </si>
  <si>
    <t>DFD PK06 4575SWL</t>
  </si>
  <si>
    <t>5702329013253</t>
  </si>
  <si>
    <t>VELUX Verd.-Rollo Plus DFD PK06 4575SWL</t>
  </si>
  <si>
    <t>DFD PK06 4576S</t>
  </si>
  <si>
    <t>5702329006774</t>
  </si>
  <si>
    <t>VELUX Verd.-Rollo Plus DFD PK06 4576S</t>
  </si>
  <si>
    <t>DFD PK06 4576SWL</t>
  </si>
  <si>
    <t>5702329013260</t>
  </si>
  <si>
    <t>VELUX Verd.-Rollo Plus DFD PK06 4576SWL</t>
  </si>
  <si>
    <t>DFD PK06 4577S</t>
  </si>
  <si>
    <t>5702329006781</t>
  </si>
  <si>
    <t>VELUX Verd.-Rollo Plus DFD PK06 4577S</t>
  </si>
  <si>
    <t>DFD PK06 4577SWL</t>
  </si>
  <si>
    <t>5702329013277</t>
  </si>
  <si>
    <t>VELUX Verd.-Rollo Plus DFD PK06 4577SWL</t>
  </si>
  <si>
    <t>DFD PK06 4578S</t>
  </si>
  <si>
    <t>5702329006798</t>
  </si>
  <si>
    <t>VELUX Verd.-Rollo Plus DFD PK06 4578S</t>
  </si>
  <si>
    <t>DFD PK06 4578SWL</t>
  </si>
  <si>
    <t>5702329013284</t>
  </si>
  <si>
    <t>VELUX Verd.-Rollo Plus DFD PK06 4578SWL</t>
  </si>
  <si>
    <t>DFD PK06 4579S</t>
  </si>
  <si>
    <t>5702329006804</t>
  </si>
  <si>
    <t>VELUX Verd.-Rollo Plus DFD PK06 4579S</t>
  </si>
  <si>
    <t>DFD PK06 4579SWL</t>
  </si>
  <si>
    <t>5702329013291</t>
  </si>
  <si>
    <t>VELUX Verd.-Rollo Plus DFD PK06 4579SWL</t>
  </si>
  <si>
    <t>DFD PK06 4580S</t>
  </si>
  <si>
    <t>5702329006811</t>
  </si>
  <si>
    <t>VELUX Verd.-Rollo Plus DFD PK06 4580S</t>
  </si>
  <si>
    <t>DFD PK06 4580SWL</t>
  </si>
  <si>
    <t>5702329013307</t>
  </si>
  <si>
    <t>VELUX Verd.-Rollo Plus DFD PK06 4580SWL</t>
  </si>
  <si>
    <t>DFD PK06 4581S</t>
  </si>
  <si>
    <t>5702329006828</t>
  </si>
  <si>
    <t>VELUX Verd.-Rollo Plus DFD PK06 4581S</t>
  </si>
  <si>
    <t>DFD PK06 4581SWL</t>
  </si>
  <si>
    <t>5702329013314</t>
  </si>
  <si>
    <t>VELUX Verd.-Rollo Plus DFD PK06 4581SWL</t>
  </si>
  <si>
    <t>DFD PK06 4653S</t>
  </si>
  <si>
    <t>5702329280631</t>
  </si>
  <si>
    <t>VELUX Verd.-Rollo Plus DFD PK06 4653S</t>
  </si>
  <si>
    <t>DFD PK06 4653SWL</t>
  </si>
  <si>
    <t>5702329280648</t>
  </si>
  <si>
    <t>VELUX Verd.-Rollo Plus DFD PK06 4653SWL</t>
  </si>
  <si>
    <t>DFD PK06 4654SWL</t>
  </si>
  <si>
    <t>5702329280662</t>
  </si>
  <si>
    <t>VELUX Verd.-Rollo Plus DFD PK06 4654SWL</t>
  </si>
  <si>
    <t>DFD PK06 4655S</t>
  </si>
  <si>
    <t>5702329280679</t>
  </si>
  <si>
    <t>VELUX Verd.-Rollo Plus DFD PK06 4655S</t>
  </si>
  <si>
    <t>DFD PK06 4659S</t>
  </si>
  <si>
    <t>5702329280693</t>
  </si>
  <si>
    <t>VELUX Verd.-Rollo Plus DFD PK06 4659S</t>
  </si>
  <si>
    <t>DFD PK06 4659SWL</t>
  </si>
  <si>
    <t>5702329280709</t>
  </si>
  <si>
    <t>VELUX Verd.-Rollo Plus DFD PK06 4659SWL</t>
  </si>
  <si>
    <t>DFD PK06 4660S</t>
  </si>
  <si>
    <t>5702329280716</t>
  </si>
  <si>
    <t>VELUX Verd.-Rollo Plus DFD PK06 4660S</t>
  </si>
  <si>
    <t>DFD PK06 4660SWL</t>
  </si>
  <si>
    <t>5702329280723</t>
  </si>
  <si>
    <t>VELUX Verd.-Rollo Plus DFD PK06 4660SWL</t>
  </si>
  <si>
    <t>DFD PK06 4661S</t>
  </si>
  <si>
    <t>5702329280730</t>
  </si>
  <si>
    <t>VELUX Verd.-Rollo Plus DFD PK06 4661S</t>
  </si>
  <si>
    <t>DFD PK06 4661SWL</t>
  </si>
  <si>
    <t>5702329280747</t>
  </si>
  <si>
    <t>VELUX Verd.-Rollo Plus DFD PK06 4661SWL</t>
  </si>
  <si>
    <t>DFD PK06 4665S</t>
  </si>
  <si>
    <t>5702329280754</t>
  </si>
  <si>
    <t>VELUX Verd.-Rollo Plus DFD PK06 4665S</t>
  </si>
  <si>
    <t>DFD PK06 4665SWL</t>
  </si>
  <si>
    <t>5702329280761</t>
  </si>
  <si>
    <t>VELUX Verd.-Rollo Plus DFD PK06 4665SWL</t>
  </si>
  <si>
    <t>DFD PK06 4666S</t>
  </si>
  <si>
    <t>5702329280778</t>
  </si>
  <si>
    <t>VELUX Verd.-Rollo Plus DFD PK06 4666S</t>
  </si>
  <si>
    <t>DFD PK06 4666SWL</t>
  </si>
  <si>
    <t>5702329280785</t>
  </si>
  <si>
    <t>VELUX Verd.-Rollo Plus DFD PK06 4666SWL</t>
  </si>
  <si>
    <t>DFD PK06 4667SWL</t>
  </si>
  <si>
    <t>5702329280808</t>
  </si>
  <si>
    <t>VELUX Verd.-Rollo Plus DFD PK06 4667SWL</t>
  </si>
  <si>
    <t>DFD PK06 CBYS</t>
  </si>
  <si>
    <t>5702329270588</t>
  </si>
  <si>
    <t>VELUX Verd.-Rollo Plus DFD PK06 CBYS</t>
  </si>
  <si>
    <t>DFD PK06 CBYSWL</t>
  </si>
  <si>
    <t>5702329270595</t>
  </si>
  <si>
    <t>VELUX Verd.-Rollo Plus DFD PK06 CBYSWL</t>
  </si>
  <si>
    <t>DFD PK08 0705S</t>
  </si>
  <si>
    <t>5702327926975</t>
  </si>
  <si>
    <t>VELUX Verd.-Rollo Plus DFD PK08 0705S</t>
  </si>
  <si>
    <t>DFD PK08 0705SWL</t>
  </si>
  <si>
    <t>5702329013321</t>
  </si>
  <si>
    <t>VELUX Verd.-Rollo Plus DFD PK08 0705SWL</t>
  </si>
  <si>
    <t>DFD PK08 1025S</t>
  </si>
  <si>
    <t>5702327926982</t>
  </si>
  <si>
    <t>VELUX Verd.-Rollo Plus DFD PK08 1025S</t>
  </si>
  <si>
    <t>DFD PK08 1025SWL</t>
  </si>
  <si>
    <t>5702329013338</t>
  </si>
  <si>
    <t>VELUX Verd.-Rollo Plus DFD PK08 1025SWL</t>
  </si>
  <si>
    <t>DFD PK08 1085S</t>
  </si>
  <si>
    <t>5702327926999</t>
  </si>
  <si>
    <t>VELUX Verd.-Rollo Plus DFD PK08 1085S</t>
  </si>
  <si>
    <t>DFD PK08 1085SWL</t>
  </si>
  <si>
    <t>5702329013345</t>
  </si>
  <si>
    <t>VELUX Verd.-Rollo Plus DFD PK08 1085SWL</t>
  </si>
  <si>
    <t>DFD PK08 1100S</t>
  </si>
  <si>
    <t>5702327927002</t>
  </si>
  <si>
    <t>VELUX Verd.-Rollo Plus DFD PK08 1100S</t>
  </si>
  <si>
    <t>DFD PK08 1100SWL</t>
  </si>
  <si>
    <t>5702329013352</t>
  </si>
  <si>
    <t>VELUX Verd.-Rollo Plus DFD PK08 1100SWL</t>
  </si>
  <si>
    <t>DFD PK08 3009S</t>
  </si>
  <si>
    <t>5702327927033</t>
  </si>
  <si>
    <t>VELUX Verd.-Rollo Plus DFD PK08 3009S</t>
  </si>
  <si>
    <t>DFD PK08 3009SWL</t>
  </si>
  <si>
    <t>5702329013369</t>
  </si>
  <si>
    <t>VELUX Verd.-Rollo Plus DFD PK08 3009SWL</t>
  </si>
  <si>
    <t>DFD PK08 4556S</t>
  </si>
  <si>
    <t>5702327927057</t>
  </si>
  <si>
    <t>VELUX Verd.-Rollo Plus DFD PK08 4556S</t>
  </si>
  <si>
    <t>DFD PK08 4556SWL</t>
  </si>
  <si>
    <t>5702329013376</t>
  </si>
  <si>
    <t>VELUX Verd.-Rollo Plus DFD PK08 4556SWL</t>
  </si>
  <si>
    <t>DFD PK08 4559S</t>
  </si>
  <si>
    <t>5702327927071</t>
  </si>
  <si>
    <t>VELUX Verd.-Rollo Plus DFD PK08 4559S</t>
  </si>
  <si>
    <t>DFD PK08 4559SWL</t>
  </si>
  <si>
    <t>5702329013383</t>
  </si>
  <si>
    <t>VELUX Verd.-Rollo Plus DFD PK08 4559SWL</t>
  </si>
  <si>
    <t>DFD PK08 4564S</t>
  </si>
  <si>
    <t>5702327927125</t>
  </si>
  <si>
    <t>VELUX Verd.-Rollo Plus DFD PK08 4564S</t>
  </si>
  <si>
    <t>DFD PK08 4564SWL</t>
  </si>
  <si>
    <t>5702329013390</t>
  </si>
  <si>
    <t>VELUX Verd.-Rollo Plus DFD PK08 4564SWL</t>
  </si>
  <si>
    <t>DFD PK08 4574S</t>
  </si>
  <si>
    <t>5702329006835</t>
  </si>
  <si>
    <t>VELUX Verd.-Rollo Plus DFD PK08 4574S</t>
  </si>
  <si>
    <t>DFD PK08 4574SWL</t>
  </si>
  <si>
    <t>5702329013406</t>
  </si>
  <si>
    <t>VELUX Verd.-Rollo Plus DFD PK08 4574SWL</t>
  </si>
  <si>
    <t>DFD PK08 4575S</t>
  </si>
  <si>
    <t>5702329006842</t>
  </si>
  <si>
    <t>VELUX Verd.-Rollo Plus DFD PK08 4575S</t>
  </si>
  <si>
    <t>DFD PK08 4575SWL</t>
  </si>
  <si>
    <t>5702329013413</t>
  </si>
  <si>
    <t>VELUX Verd.-Rollo Plus DFD PK08 4575SWL</t>
  </si>
  <si>
    <t>DFD PK08 4576S</t>
  </si>
  <si>
    <t>5702329006859</t>
  </si>
  <si>
    <t>VELUX Verd.-Rollo Plus DFD PK08 4576S</t>
  </si>
  <si>
    <t>DFD PK08 4576SWL</t>
  </si>
  <si>
    <t>5702329013420</t>
  </si>
  <si>
    <t>VELUX Verd.-Rollo Plus DFD PK08 4576SWL</t>
  </si>
  <si>
    <t>DFD PK08 4577S</t>
  </si>
  <si>
    <t>5702329006866</t>
  </si>
  <si>
    <t>VELUX Verd.-Rollo Plus DFD PK08 4577S</t>
  </si>
  <si>
    <t>DFD PK08 4577SWL</t>
  </si>
  <si>
    <t>5702329013437</t>
  </si>
  <si>
    <t>VELUX Verd.-Rollo Plus DFD PK08 4577SWL</t>
  </si>
  <si>
    <t>DFD PK08 4578S</t>
  </si>
  <si>
    <t>5702329006873</t>
  </si>
  <si>
    <t>VELUX Verd.-Rollo Plus DFD PK08 4578S</t>
  </si>
  <si>
    <t>DFD PK08 4578SWL</t>
  </si>
  <si>
    <t>5702329013444</t>
  </si>
  <si>
    <t>VELUX Verd.-Rollo Plus DFD PK08 4578SWL</t>
  </si>
  <si>
    <t>DFD PK08 4579S</t>
  </si>
  <si>
    <t>5702329006880</t>
  </si>
  <si>
    <t>VELUX Verd.-Rollo Plus DFD PK08 4579S</t>
  </si>
  <si>
    <t>DFD PK08 4579SWL</t>
  </si>
  <si>
    <t>5702329013451</t>
  </si>
  <si>
    <t>VELUX Verd.-Rollo Plus DFD PK08 4579SWL</t>
  </si>
  <si>
    <t>DFD PK08 4580S</t>
  </si>
  <si>
    <t>5702329006897</t>
  </si>
  <si>
    <t>VELUX Verd.-Rollo Plus DFD PK08 4580S</t>
  </si>
  <si>
    <t>DFD PK08 4580SWL</t>
  </si>
  <si>
    <t>5702329013468</t>
  </si>
  <si>
    <t>VELUX Verd.-Rollo Plus DFD PK08 4580SWL</t>
  </si>
  <si>
    <t>DFD PK08 4581S</t>
  </si>
  <si>
    <t>5702329006903</t>
  </si>
  <si>
    <t>VELUX Verd.-Rollo Plus DFD PK08 4581S</t>
  </si>
  <si>
    <t>DFD PK08 4581SWL</t>
  </si>
  <si>
    <t>5702329013475</t>
  </si>
  <si>
    <t>VELUX Verd.-Rollo Plus DFD PK08 4581SWL</t>
  </si>
  <si>
    <t>DFD PK08 4653S</t>
  </si>
  <si>
    <t>5702329280815</t>
  </si>
  <si>
    <t>VELUX Verd.-Rollo Plus DFD PK08 4653S</t>
  </si>
  <si>
    <t>DFD PK08 4653SWL</t>
  </si>
  <si>
    <t>5702329280822</t>
  </si>
  <si>
    <t>VELUX Verd.-Rollo Plus DFD PK08 4653SWL</t>
  </si>
  <si>
    <t>DFD PK08 4654S</t>
  </si>
  <si>
    <t>5702329280839</t>
  </si>
  <si>
    <t>VELUX Verd.-Rollo Plus DFD PK08 4654S</t>
  </si>
  <si>
    <t>DFD PK08 4654SWL</t>
  </si>
  <si>
    <t>5702329280846</t>
  </si>
  <si>
    <t>VELUX Verd.-Rollo Plus DFD PK08 4654SWL</t>
  </si>
  <si>
    <t>DFD PK08 4655S</t>
  </si>
  <si>
    <t>5702329280853</t>
  </si>
  <si>
    <t>VELUX Verd.-Rollo Plus DFD PK08 4655S</t>
  </si>
  <si>
    <t>DFD PK08 4655SWL</t>
  </si>
  <si>
    <t>5702329280860</t>
  </si>
  <si>
    <t>VELUX Verd.-Rollo Plus DFD PK08 4655SWL</t>
  </si>
  <si>
    <t>DFD PK08 4659S</t>
  </si>
  <si>
    <t>5702329280877</t>
  </si>
  <si>
    <t>VELUX Verd.-Rollo Plus DFD PK08 4659S</t>
  </si>
  <si>
    <t>DFD PK08 4659SWL</t>
  </si>
  <si>
    <t>5702329280884</t>
  </si>
  <si>
    <t>VELUX Verd.-Rollo Plus DFD PK08 4659SWL</t>
  </si>
  <si>
    <t>DFD PK08 4660S</t>
  </si>
  <si>
    <t>5702329280891</t>
  </si>
  <si>
    <t>VELUX Verd.-Rollo Plus DFD PK08 4660S</t>
  </si>
  <si>
    <t>DFD PK08 4660SWL</t>
  </si>
  <si>
    <t>5702329280907</t>
  </si>
  <si>
    <t>VELUX Verd.-Rollo Plus DFD PK08 4660SWL</t>
  </si>
  <si>
    <t>DFD PK08 4661S</t>
  </si>
  <si>
    <t>5702329280914</t>
  </si>
  <si>
    <t>VELUX Verd.-Rollo Plus DFD PK08 4661S</t>
  </si>
  <si>
    <t>DFD PK08 4661SWL</t>
  </si>
  <si>
    <t>5702329280921</t>
  </si>
  <si>
    <t>VELUX Verd.-Rollo Plus DFD PK08 4661SWL</t>
  </si>
  <si>
    <t>DFD PK08 4665S</t>
  </si>
  <si>
    <t>5702329280938</t>
  </si>
  <si>
    <t>VELUX Verd.-Rollo Plus DFD PK08 4665S</t>
  </si>
  <si>
    <t>DFD PK08 4665SWL</t>
  </si>
  <si>
    <t>5702329280945</t>
  </si>
  <si>
    <t>VELUX Verd.-Rollo Plus DFD PK08 4665SWL</t>
  </si>
  <si>
    <t>DFD PK08 4666S</t>
  </si>
  <si>
    <t>5702329280952</t>
  </si>
  <si>
    <t>VELUX Verd.-Rollo Plus DFD PK08 4666S</t>
  </si>
  <si>
    <t>DFD PK08 4666SWL</t>
  </si>
  <si>
    <t>5702329280969</t>
  </si>
  <si>
    <t>VELUX Verd.-Rollo Plus DFD PK08 4666SWL</t>
  </si>
  <si>
    <t>DFD PK08 4667S</t>
  </si>
  <si>
    <t>5702329280976</t>
  </si>
  <si>
    <t>VELUX Verd.-Rollo Plus DFD PK08 4667S</t>
  </si>
  <si>
    <t>DFD PK08 4667SWL</t>
  </si>
  <si>
    <t>5702329280983</t>
  </si>
  <si>
    <t>VELUX Verd.-Rollo Plus DFD PK08 4667SWL</t>
  </si>
  <si>
    <t>DFD PK08 CBYS</t>
  </si>
  <si>
    <t>5702329270601</t>
  </si>
  <si>
    <t>VELUX Verd.-Rollo Plus DFD PK08 CBYS</t>
  </si>
  <si>
    <t>DFD PK08 CBYSWL</t>
  </si>
  <si>
    <t>5702329270618</t>
  </si>
  <si>
    <t>VELUX Verd.-Rollo Plus DFD PK08 CBYSWL</t>
  </si>
  <si>
    <t>DFD PK10 0705S</t>
  </si>
  <si>
    <t>5702327927217</t>
  </si>
  <si>
    <t>VELUX Verd.-Rollo Plus DFD PK10 0705S</t>
  </si>
  <si>
    <t>DFD PK10 0705SWL</t>
  </si>
  <si>
    <t>5702329013482</t>
  </si>
  <si>
    <t>VELUX Verd.-Rollo Plus DFD PK10 0705SWL</t>
  </si>
  <si>
    <t>DFD PK10 1025S</t>
  </si>
  <si>
    <t>5702327927224</t>
  </si>
  <si>
    <t>VELUX Verd.-Rollo Plus DFD PK10 1025S</t>
  </si>
  <si>
    <t>DFD PK10 1025SWL</t>
  </si>
  <si>
    <t>5702329013499</t>
  </si>
  <si>
    <t>VELUX Verd.-Rollo Plus DFD PK10 1025SWL</t>
  </si>
  <si>
    <t>DFD PK10 1085S</t>
  </si>
  <si>
    <t>5702327927231</t>
  </si>
  <si>
    <t>VELUX Verd.-Rollo Plus DFD PK10 1085S</t>
  </si>
  <si>
    <t>DFD PK10 1085SWL</t>
  </si>
  <si>
    <t>5702329013505</t>
  </si>
  <si>
    <t>VELUX Verd.-Rollo Plus DFD PK10 1085SWL</t>
  </si>
  <si>
    <t>DFD PK10 1100S</t>
  </si>
  <si>
    <t>5702327927248</t>
  </si>
  <si>
    <t>VELUX Verd.-Rollo Plus DFD PK10 1100S</t>
  </si>
  <si>
    <t>DFD PK10 1100SWL</t>
  </si>
  <si>
    <t>5702329013512</t>
  </si>
  <si>
    <t>VELUX Verd.-Rollo Plus DFD PK10 1100SWL</t>
  </si>
  <si>
    <t>DFD PK10 3009S</t>
  </si>
  <si>
    <t>5702327927279</t>
  </si>
  <si>
    <t>VELUX Verd.-Rollo Plus DFD PK10 3009S</t>
  </si>
  <si>
    <t>DFD PK10 3009SWL</t>
  </si>
  <si>
    <t>5702329013529</t>
  </si>
  <si>
    <t>VELUX Verd.-Rollo Plus DFD PK10 3009SWL</t>
  </si>
  <si>
    <t>DFD PK10 4556S</t>
  </si>
  <si>
    <t>5702327927293</t>
  </si>
  <si>
    <t>VELUX Verd.-Rollo Plus DFD PK10 4556S</t>
  </si>
  <si>
    <t>DFD PK10 4556SWL</t>
  </si>
  <si>
    <t>5702329013536</t>
  </si>
  <si>
    <t>VELUX Verd.-Rollo Plus DFD PK10 4556SWL</t>
  </si>
  <si>
    <t>DFD PK10 4559S</t>
  </si>
  <si>
    <t>5702327927316</t>
  </si>
  <si>
    <t>VELUX Verd.-Rollo Plus DFD PK10 4559S</t>
  </si>
  <si>
    <t>DFD PK10 4559SWL</t>
  </si>
  <si>
    <t>5702329013543</t>
  </si>
  <si>
    <t>VELUX Verd.-Rollo Plus DFD PK10 4559SWL</t>
  </si>
  <si>
    <t>DFD PK10 4564S</t>
  </si>
  <si>
    <t>5702327927361</t>
  </si>
  <si>
    <t>VELUX Verd.-Rollo Plus DFD PK10 4564S</t>
  </si>
  <si>
    <t>DFD PK10 4564SWL</t>
  </si>
  <si>
    <t>5702329013550</t>
  </si>
  <si>
    <t>VELUX Verd.-Rollo Plus DFD PK10 4564SWL</t>
  </si>
  <si>
    <t>DFD PK10 4574S</t>
  </si>
  <si>
    <t>5702329006910</t>
  </si>
  <si>
    <t>VELUX Verd.-Rollo Plus DFD PK10 4574S</t>
  </si>
  <si>
    <t>DFD PK10 4574SWL</t>
  </si>
  <si>
    <t>5702329013567</t>
  </si>
  <si>
    <t>VELUX Verd.-Rollo Plus DFD PK10 4574SWL</t>
  </si>
  <si>
    <t>DFD PK10 4575S</t>
  </si>
  <si>
    <t>5702329006927</t>
  </si>
  <si>
    <t>VELUX Verd.-Rollo Plus DFD PK10 4575S</t>
  </si>
  <si>
    <t>DFD PK10 4575SWL</t>
  </si>
  <si>
    <t>5702329013574</t>
  </si>
  <si>
    <t>VELUX Verd.-Rollo Plus DFD PK10 4575SWL</t>
  </si>
  <si>
    <t>DFD PK10 4576S</t>
  </si>
  <si>
    <t>5702329006934</t>
  </si>
  <si>
    <t>VELUX Verd.-Rollo Plus DFD PK10 4576S</t>
  </si>
  <si>
    <t>DFD PK10 4576SWL</t>
  </si>
  <si>
    <t>5702329013581</t>
  </si>
  <si>
    <t>VELUX Verd.-Rollo Plus DFD PK10 4576SWL</t>
  </si>
  <si>
    <t>DFD PK10 4577S</t>
  </si>
  <si>
    <t>5702329006941</t>
  </si>
  <si>
    <t>VELUX Verd.-Rollo Plus DFD PK10 4577S</t>
  </si>
  <si>
    <t>DFD PK10 4577SWL</t>
  </si>
  <si>
    <t>5702329013598</t>
  </si>
  <si>
    <t>VELUX Verd.-Rollo Plus DFD PK10 4577SWL</t>
  </si>
  <si>
    <t>DFD PK10 4578S</t>
  </si>
  <si>
    <t>5702329006958</t>
  </si>
  <si>
    <t>VELUX Verd.-Rollo Plus DFD PK10 4578S</t>
  </si>
  <si>
    <t>DFD PK10 4578SWL</t>
  </si>
  <si>
    <t>5702329013604</t>
  </si>
  <si>
    <t>VELUX Verd.-Rollo Plus DFD PK10 4578SWL</t>
  </si>
  <si>
    <t>DFD PK10 4579S</t>
  </si>
  <si>
    <t>5702329006965</t>
  </si>
  <si>
    <t>VELUX Verd.-Rollo Plus DFD PK10 4579S</t>
  </si>
  <si>
    <t>DFD PK10 4579SWL</t>
  </si>
  <si>
    <t>5702329013611</t>
  </si>
  <si>
    <t>VELUX Verd.-Rollo Plus DFD PK10 4579SWL</t>
  </si>
  <si>
    <t>DFD PK10 4580S</t>
  </si>
  <si>
    <t>5702329006972</t>
  </si>
  <si>
    <t>VELUX Verd.-Rollo Plus DFD PK10 4580S</t>
  </si>
  <si>
    <t>DFD PK10 4580SWL</t>
  </si>
  <si>
    <t>5702329013628</t>
  </si>
  <si>
    <t>VELUX Verd.-Rollo Plus DFD PK10 4580SWL</t>
  </si>
  <si>
    <t>DFD PK10 4581S</t>
  </si>
  <si>
    <t>5702329006989</t>
  </si>
  <si>
    <t>VELUX Verd.-Rollo Plus DFD PK10 4581S</t>
  </si>
  <si>
    <t>DFD PK10 4581SWL</t>
  </si>
  <si>
    <t>5702329013635</t>
  </si>
  <si>
    <t>VELUX Verd.-Rollo Plus DFD PK10 4581SWL</t>
  </si>
  <si>
    <t>DFD PK10 4653S</t>
  </si>
  <si>
    <t>5702329280990</t>
  </si>
  <si>
    <t>VELUX Verd.-Rollo Plus DFD PK10 4653S</t>
  </si>
  <si>
    <t>DFD PK10 4653SWL</t>
  </si>
  <si>
    <t>5702329281003</t>
  </si>
  <si>
    <t>VELUX Verd.-Rollo Plus DFD PK10 4653SWL</t>
  </si>
  <si>
    <t>DFD PK10 4654S</t>
  </si>
  <si>
    <t>5702329281010</t>
  </si>
  <si>
    <t>VELUX Verd.-Rollo Plus DFD PK10 4654S</t>
  </si>
  <si>
    <t>DFD PK10 4654SWL</t>
  </si>
  <si>
    <t>5702329281027</t>
  </si>
  <si>
    <t>VELUX Verd.-Rollo Plus DFD PK10 4654SWL</t>
  </si>
  <si>
    <t>DFD PK10 4659S</t>
  </si>
  <si>
    <t>5702329281058</t>
  </si>
  <si>
    <t>VELUX Verd.-Rollo Plus DFD PK10 4659S</t>
  </si>
  <si>
    <t>DFD PK10 4659SWL</t>
  </si>
  <si>
    <t>5702329281065</t>
  </si>
  <si>
    <t>VELUX Verd.-Rollo Plus DFD PK10 4659SWL</t>
  </si>
  <si>
    <t>DFD PK10 4660S</t>
  </si>
  <si>
    <t>5702329281072</t>
  </si>
  <si>
    <t>VELUX Verd.-Rollo Plus DFD PK10 4660S</t>
  </si>
  <si>
    <t>DFD PK10 4660SWL</t>
  </si>
  <si>
    <t>5702329281089</t>
  </si>
  <si>
    <t>VELUX Verd.-Rollo Plus DFD PK10 4660SWL</t>
  </si>
  <si>
    <t>DFD PK10 4661SWL</t>
  </si>
  <si>
    <t>5702329281102</t>
  </si>
  <si>
    <t>VELUX Verd.-Rollo Plus DFD PK10 4661SWL</t>
  </si>
  <si>
    <t>DFD PK10 4665S</t>
  </si>
  <si>
    <t>5702329281119</t>
  </si>
  <si>
    <t>VELUX Verd.-Rollo Plus DFD PK10 4665S</t>
  </si>
  <si>
    <t>DFD PK10 4665SWL</t>
  </si>
  <si>
    <t>5702329281126</t>
  </si>
  <si>
    <t>VELUX Verd.-Rollo Plus DFD PK10 4665SWL</t>
  </si>
  <si>
    <t>DFD PK10 4666S</t>
  </si>
  <si>
    <t>5702329281133</t>
  </si>
  <si>
    <t>VELUX Verd.-Rollo Plus DFD PK10 4666S</t>
  </si>
  <si>
    <t>DFD PK10 4667S</t>
  </si>
  <si>
    <t>5702329281157</t>
  </si>
  <si>
    <t>VELUX Verd.-Rollo Plus DFD PK10 4667S</t>
  </si>
  <si>
    <t>DFD PK10 4667SWL</t>
  </si>
  <si>
    <t>5702329281164</t>
  </si>
  <si>
    <t>VELUX Verd.-Rollo Plus DFD PK10 4667SWL</t>
  </si>
  <si>
    <t>DFD PK10 CBYS</t>
  </si>
  <si>
    <t>5702329270625</t>
  </si>
  <si>
    <t>VELUX Verd.-Rollo Plus DFD PK10 CBYS</t>
  </si>
  <si>
    <t>DFD PK10 CBYSWL</t>
  </si>
  <si>
    <t>5702329270632</t>
  </si>
  <si>
    <t>VELUX Verd.-Rollo Plus DFD PK10 CBYSWL</t>
  </si>
  <si>
    <t>DFD S04 0705S</t>
  </si>
  <si>
    <t>5702327927934</t>
  </si>
  <si>
    <t>VELUX Verd.-Rollo Plus DFD S04 0705S</t>
  </si>
  <si>
    <t>DFD S04 0705SWL</t>
  </si>
  <si>
    <t>5702329013963</t>
  </si>
  <si>
    <t>VELUX Verd.-Rollo Plus DFD S04 0705SWL</t>
  </si>
  <si>
    <t>DFD S04 1025S</t>
  </si>
  <si>
    <t>5702327927941</t>
  </si>
  <si>
    <t>VELUX Verd.-Rollo Plus DFD S04 1025S</t>
  </si>
  <si>
    <t>DFD S04 1025SWL</t>
  </si>
  <si>
    <t>5702329013970</t>
  </si>
  <si>
    <t>VELUX Verd.-Rollo Plus DFD S04 1025SWL</t>
  </si>
  <si>
    <t>DFD S04 1085S</t>
  </si>
  <si>
    <t>5702327927958</t>
  </si>
  <si>
    <t>VELUX Verd.-Rollo Plus DFD S04 1085S</t>
  </si>
  <si>
    <t>DFD S04 1085SWL</t>
  </si>
  <si>
    <t>5702329013987</t>
  </si>
  <si>
    <t>VELUX Verd.-Rollo Plus DFD S04 1085SWL</t>
  </si>
  <si>
    <t>DFD S04 1100S</t>
  </si>
  <si>
    <t>5702327927965</t>
  </si>
  <si>
    <t>VELUX Verd.-Rollo Plus DFD S04 1100S</t>
  </si>
  <si>
    <t>DFD S04 1100SWL</t>
  </si>
  <si>
    <t>5702329013994</t>
  </si>
  <si>
    <t>VELUX Verd.-Rollo Plus DFD S04 1100SWL</t>
  </si>
  <si>
    <t>DFD S04 3009S</t>
  </si>
  <si>
    <t>5702327927996</t>
  </si>
  <si>
    <t>VELUX Verd.-Rollo Plus DFD S04 3009S</t>
  </si>
  <si>
    <t>DFD S04 3009SWL</t>
  </si>
  <si>
    <t>5702329014007</t>
  </si>
  <si>
    <t>VELUX Verd.-Rollo Plus DFD S04 3009SWL</t>
  </si>
  <si>
    <t>DFD S04 4556S</t>
  </si>
  <si>
    <t>5702327928016</t>
  </si>
  <si>
    <t>VELUX Verd.-Rollo Plus DFD S04 4556S</t>
  </si>
  <si>
    <t>DFD S04 4556SWL</t>
  </si>
  <si>
    <t>5702329014014</t>
  </si>
  <si>
    <t>VELUX Verd.-Rollo Plus DFD S04 4556SWL</t>
  </si>
  <si>
    <t>DFD S04 4559S</t>
  </si>
  <si>
    <t>5702327928030</t>
  </si>
  <si>
    <t>VELUX Verd.-Rollo Plus DFD S04 4559S</t>
  </si>
  <si>
    <t>DFD S04 4559SWL</t>
  </si>
  <si>
    <t>5702329014021</t>
  </si>
  <si>
    <t>VELUX Verd.-Rollo Plus DFD S04 4559SWL</t>
  </si>
  <si>
    <t>DFD S04 4564S</t>
  </si>
  <si>
    <t>5702327928085</t>
  </si>
  <si>
    <t>VELUX Verd.-Rollo Plus DFD S04 4564S</t>
  </si>
  <si>
    <t>DFD S04 4564SWL</t>
  </si>
  <si>
    <t>5702329014038</t>
  </si>
  <si>
    <t>VELUX Verd.-Rollo Plus DFD S04 4564SWL</t>
  </si>
  <si>
    <t>DFD S04 4574S</t>
  </si>
  <si>
    <t>5702329007153</t>
  </si>
  <si>
    <t>VELUX Verd.-Rollo Plus DFD S04 4574S</t>
  </si>
  <si>
    <t>DFD S04 4574SWL</t>
  </si>
  <si>
    <t>5702329014045</t>
  </si>
  <si>
    <t>VELUX Verd.-Rollo Plus DFD S04 4574SWL</t>
  </si>
  <si>
    <t>DFD S04 4575S</t>
  </si>
  <si>
    <t>5702329007160</t>
  </si>
  <si>
    <t>VELUX Verd.-Rollo Plus DFD S04 4575S</t>
  </si>
  <si>
    <t>DFD S04 4575SWL</t>
  </si>
  <si>
    <t>5702329014052</t>
  </si>
  <si>
    <t>VELUX Verd.-Rollo Plus DFD S04 4575SWL</t>
  </si>
  <si>
    <t>DFD S04 4576S</t>
  </si>
  <si>
    <t>5702329007177</t>
  </si>
  <si>
    <t>VELUX Verd.-Rollo Plus DFD S04 4576S</t>
  </si>
  <si>
    <t>DFD S04 4576SWL</t>
  </si>
  <si>
    <t>5702329014069</t>
  </si>
  <si>
    <t>VELUX Verd.-Rollo Plus DFD S04 4576SWL</t>
  </si>
  <si>
    <t>DFD S04 4577S</t>
  </si>
  <si>
    <t>5702329007184</t>
  </si>
  <si>
    <t>VELUX Verd.-Rollo Plus DFD S04 4577S</t>
  </si>
  <si>
    <t>DFD S04 4577SWL</t>
  </si>
  <si>
    <t>5702329014076</t>
  </si>
  <si>
    <t>VELUX Verd.-Rollo Plus DFD S04 4577SWL</t>
  </si>
  <si>
    <t>DFD S04 4578SWL</t>
  </si>
  <si>
    <t>5702329014083</t>
  </si>
  <si>
    <t>VELUX Verd.-Rollo Plus DFD S04 4578SWL</t>
  </si>
  <si>
    <t>DFD S04 4579S</t>
  </si>
  <si>
    <t>5702329007207</t>
  </si>
  <si>
    <t>VELUX Verd.-Rollo Plus DFD S04 4579S</t>
  </si>
  <si>
    <t>DFD S04 4579SWL</t>
  </si>
  <si>
    <t>5702329014090</t>
  </si>
  <si>
    <t>VELUX Verd.-Rollo Plus DFD S04 4579SWL</t>
  </si>
  <si>
    <t>DFD S04 4580S</t>
  </si>
  <si>
    <t>5702329007214</t>
  </si>
  <si>
    <t>VELUX Verd.-Rollo Plus DFD S04 4580S</t>
  </si>
  <si>
    <t>DFD S04 4580SWL</t>
  </si>
  <si>
    <t>5702329014106</t>
  </si>
  <si>
    <t>VELUX Verd.-Rollo Plus DFD S04 4580SWL</t>
  </si>
  <si>
    <t>DFD S04 4581S</t>
  </si>
  <si>
    <t>5702329007221</t>
  </si>
  <si>
    <t>VELUX Verd.-Rollo Plus DFD S04 4581S</t>
  </si>
  <si>
    <t>DFD S04 4581SWL</t>
  </si>
  <si>
    <t>5702329014113</t>
  </si>
  <si>
    <t>VELUX Verd.-Rollo Plus DFD S04 4581SWL</t>
  </si>
  <si>
    <t>DFD S04 4653S</t>
  </si>
  <si>
    <t>5702329281539</t>
  </si>
  <si>
    <t>VELUX Verd.-Rollo Plus DFD S04 4653S</t>
  </si>
  <si>
    <t>DFD S04 4653SWL</t>
  </si>
  <si>
    <t>5702329281546</t>
  </si>
  <si>
    <t>VELUX Verd.-Rollo Plus DFD S04 4653SWL</t>
  </si>
  <si>
    <t>DFD S04 4654S</t>
  </si>
  <si>
    <t>5702329281553</t>
  </si>
  <si>
    <t>VELUX Verd.-Rollo Plus DFD S04 4654S</t>
  </si>
  <si>
    <t>DFD S04 4659S</t>
  </si>
  <si>
    <t>5702329281591</t>
  </si>
  <si>
    <t>VELUX Verd.-Rollo Plus DFD S04 4659S</t>
  </si>
  <si>
    <t>DFD S04 4659SWL</t>
  </si>
  <si>
    <t>5702329281607</t>
  </si>
  <si>
    <t>VELUX Verd.-Rollo Plus DFD S04 4659SWL</t>
  </si>
  <si>
    <t>DFD S04 4660S</t>
  </si>
  <si>
    <t>5702329281614</t>
  </si>
  <si>
    <t>VELUX Verd.-Rollo Plus DFD S04 4660S</t>
  </si>
  <si>
    <t>DFD S04 4661S</t>
  </si>
  <si>
    <t>5702329281638</t>
  </si>
  <si>
    <t>VELUX Verd.-Rollo Plus DFD S04 4661S</t>
  </si>
  <si>
    <t>DFD S04 4661SWL</t>
  </si>
  <si>
    <t>5702329281645</t>
  </si>
  <si>
    <t>VELUX Verd.-Rollo Plus DFD S04 4661SWL</t>
  </si>
  <si>
    <t>DFD S04 4665S</t>
  </si>
  <si>
    <t>5702329281652</t>
  </si>
  <si>
    <t>VELUX Verd.-Rollo Plus DFD S04 4665S</t>
  </si>
  <si>
    <t>DFD S04 4666S</t>
  </si>
  <si>
    <t>5702329281676</t>
  </si>
  <si>
    <t>VELUX Verd.-Rollo Plus DFD S04 4666S</t>
  </si>
  <si>
    <t>DFD S04 4666SWL</t>
  </si>
  <si>
    <t>5702329281683</t>
  </si>
  <si>
    <t>VELUX Verd.-Rollo Plus DFD S04 4666SWL</t>
  </si>
  <si>
    <t>DFD S04 4667S</t>
  </si>
  <si>
    <t>5702329281690</t>
  </si>
  <si>
    <t>VELUX Verd.-Rollo Plus DFD S04 4667S</t>
  </si>
  <si>
    <t>DFD S04 CBYS</t>
  </si>
  <si>
    <t>5702329270687</t>
  </si>
  <si>
    <t>VELUX Verd.-Rollo Plus DFD S04 CBYS</t>
  </si>
  <si>
    <t>DFD S04 CBYSWL</t>
  </si>
  <si>
    <t>5702329270694</t>
  </si>
  <si>
    <t>VELUX Verd.-Rollo Plus DFD S04 CBYSWL</t>
  </si>
  <si>
    <t>DFD S06 0705S</t>
  </si>
  <si>
    <t>5702327928177</t>
  </si>
  <si>
    <t>VELUX Verd.-Rollo Plus DFD S06 0705S</t>
  </si>
  <si>
    <t>DFD S06 0705SWL</t>
  </si>
  <si>
    <t>5702329014120</t>
  </si>
  <si>
    <t>VELUX Verd.-Rollo Plus DFD S06 0705SWL</t>
  </si>
  <si>
    <t>DFD S06 1025S</t>
  </si>
  <si>
    <t>5702327928184</t>
  </si>
  <si>
    <t>VELUX Verd.-Rollo Plus DFD S06 1025S</t>
  </si>
  <si>
    <t>DFD S06 1025SWL</t>
  </si>
  <si>
    <t>5702329014137</t>
  </si>
  <si>
    <t>VELUX Verd.-Rollo Plus DFD S06 1025SWL</t>
  </si>
  <si>
    <t>DFD S06 1085S</t>
  </si>
  <si>
    <t>5702327928191</t>
  </si>
  <si>
    <t>VELUX Verd.-Rollo Plus DFD S06 1085S</t>
  </si>
  <si>
    <t>DFD S06 1085SWL</t>
  </si>
  <si>
    <t>5702329014144</t>
  </si>
  <si>
    <t>VELUX Verd.-Rollo Plus DFD S06 1085SWL</t>
  </si>
  <si>
    <t>DFD S06 1100S</t>
  </si>
  <si>
    <t>5702327928207</t>
  </si>
  <si>
    <t>VELUX Verd.-Rollo Plus DFD S06 1100S</t>
  </si>
  <si>
    <t>DFD S06 1100SWL</t>
  </si>
  <si>
    <t>5702329014168</t>
  </si>
  <si>
    <t>VELUX Verd.-Rollo Plus DFD S06 1100SWL</t>
  </si>
  <si>
    <t>DFD S06 3009S</t>
  </si>
  <si>
    <t>5702327928238</t>
  </si>
  <si>
    <t>VELUX Verd.-Rollo Plus DFD S06 3009S</t>
  </si>
  <si>
    <t>DFD S06 3009SWL</t>
  </si>
  <si>
    <t>5702329014175</t>
  </si>
  <si>
    <t>VELUX Verd.-Rollo Plus DFD S06 3009SWL</t>
  </si>
  <si>
    <t>DFD S06 4556S</t>
  </si>
  <si>
    <t>5702327928252</t>
  </si>
  <si>
    <t>VELUX Verd.-Rollo Plus DFD S06 4556S</t>
  </si>
  <si>
    <t>DFD S06 4556SWL</t>
  </si>
  <si>
    <t>5702329014182</t>
  </si>
  <si>
    <t>VELUX Verd.-Rollo Plus DFD S06 4556SWL</t>
  </si>
  <si>
    <t>DFD S06 4559S</t>
  </si>
  <si>
    <t>5702327928276</t>
  </si>
  <si>
    <t>VELUX Verd.-Rollo Plus DFD S06 4559S</t>
  </si>
  <si>
    <t>DFD S06 4559SWL</t>
  </si>
  <si>
    <t>5702329014199</t>
  </si>
  <si>
    <t>VELUX Verd.-Rollo Plus DFD S06 4559SWL</t>
  </si>
  <si>
    <t>DFD S06 4564S</t>
  </si>
  <si>
    <t>5702327928320</t>
  </si>
  <si>
    <t>VELUX Verd.-Rollo Plus DFD S06 4564S</t>
  </si>
  <si>
    <t>DFD S06 4564SWL</t>
  </si>
  <si>
    <t>5702329014205</t>
  </si>
  <si>
    <t>VELUX Verd.-Rollo Plus DFD S06 4564SWL</t>
  </si>
  <si>
    <t>DFD S06 4574S</t>
  </si>
  <si>
    <t>5702329007238</t>
  </si>
  <si>
    <t>VELUX Verd.-Rollo Plus DFD S06 4574S</t>
  </si>
  <si>
    <t>DFD S06 4574SWL</t>
  </si>
  <si>
    <t>5702329014212</t>
  </si>
  <si>
    <t>VELUX Verd.-Rollo Plus DFD S06 4574SWL</t>
  </si>
  <si>
    <t>DFD S06 4575S</t>
  </si>
  <si>
    <t>5702329007245</t>
  </si>
  <si>
    <t>VELUX Verd.-Rollo Plus DFD S06 4575S</t>
  </si>
  <si>
    <t>DFD S06 4575SWL</t>
  </si>
  <si>
    <t>5702329014229</t>
  </si>
  <si>
    <t>VELUX Verd.-Rollo Plus DFD S06 4575SWL</t>
  </si>
  <si>
    <t>DFD S06 4576S</t>
  </si>
  <si>
    <t>5702329007252</t>
  </si>
  <si>
    <t>VELUX Verd.-Rollo Plus DFD S06 4576S</t>
  </si>
  <si>
    <t>DFD S06 4576SWL</t>
  </si>
  <si>
    <t>5702329014236</t>
  </si>
  <si>
    <t>VELUX Verd.-Rollo Plus DFD S06 4576SWL</t>
  </si>
  <si>
    <t>DFD S06 4577S</t>
  </si>
  <si>
    <t>5702329007269</t>
  </si>
  <si>
    <t>VELUX Verd.-Rollo Plus DFD S06 4577S</t>
  </si>
  <si>
    <t>DFD S06 4577SWL</t>
  </si>
  <si>
    <t>5702329014243</t>
  </si>
  <si>
    <t>VELUX Verd.-Rollo Plus DFD S06 4577SWL</t>
  </si>
  <si>
    <t>DFD S06 4578S</t>
  </si>
  <si>
    <t>5702329007276</t>
  </si>
  <si>
    <t>VELUX Verd.-Rollo Plus DFD S06 4578S</t>
  </si>
  <si>
    <t>DFD S06 4578SWL</t>
  </si>
  <si>
    <t>5702329014250</t>
  </si>
  <si>
    <t>VELUX Verd.-Rollo Plus DFD S06 4578SWL</t>
  </si>
  <si>
    <t>DFD S06 4579S</t>
  </si>
  <si>
    <t>5702329007283</t>
  </si>
  <si>
    <t>VELUX Verd.-Rollo Plus DFD S06 4579S</t>
  </si>
  <si>
    <t>DFD S06 4579SWL</t>
  </si>
  <si>
    <t>5702329014267</t>
  </si>
  <si>
    <t>VELUX Verd.-Rollo Plus DFD S06 4579SWL</t>
  </si>
  <si>
    <t>DFD S06 4580S</t>
  </si>
  <si>
    <t>5702329007290</t>
  </si>
  <si>
    <t>VELUX Verd.-Rollo Plus DFD S06 4580S</t>
  </si>
  <si>
    <t>DFD S06 4580SWL</t>
  </si>
  <si>
    <t>5702329014274</t>
  </si>
  <si>
    <t>VELUX Verd.-Rollo Plus DFD S06 4580SWL</t>
  </si>
  <si>
    <t>DFD S06 4581S</t>
  </si>
  <si>
    <t>5702329007306</t>
  </si>
  <si>
    <t>VELUX Verd.-Rollo Plus DFD S06 4581S</t>
  </si>
  <si>
    <t>DFD S06 4581SWL</t>
  </si>
  <si>
    <t>5702329014281</t>
  </si>
  <si>
    <t>VELUX Verd.-Rollo Plus DFD S06 4581SWL</t>
  </si>
  <si>
    <t>DFD S06 4653S</t>
  </si>
  <si>
    <t>5702329281713</t>
  </si>
  <si>
    <t>VELUX Verd.-Rollo Plus DFD S06 4653S</t>
  </si>
  <si>
    <t>DFD S06 4653SWL</t>
  </si>
  <si>
    <t>5702329281720</t>
  </si>
  <si>
    <t>VELUX Verd.-Rollo Plus DFD S06 4653SWL</t>
  </si>
  <si>
    <t>DFD S06 4654S</t>
  </si>
  <si>
    <t>5702329281737</t>
  </si>
  <si>
    <t>VELUX Verd.-Rollo Plus DFD S06 4654S</t>
  </si>
  <si>
    <t>DFD S06 4654SWL</t>
  </si>
  <si>
    <t>5702329281744</t>
  </si>
  <si>
    <t>VELUX Verd.-Rollo Plus DFD S06 4654SWL</t>
  </si>
  <si>
    <t>DFD S06 4655S</t>
  </si>
  <si>
    <t>5702329281751</t>
  </si>
  <si>
    <t>VELUX Verd.-Rollo Plus DFD S06 4655S</t>
  </si>
  <si>
    <t>DFD S06 4655SWL</t>
  </si>
  <si>
    <t>5702329281768</t>
  </si>
  <si>
    <t>VELUX Verd.-Rollo Plus DFD S06 4655SWL</t>
  </si>
  <si>
    <t>DFD S06 4659S</t>
  </si>
  <si>
    <t>5702329281775</t>
  </si>
  <si>
    <t>VELUX Verd.-Rollo Plus DFD S06 4659S</t>
  </si>
  <si>
    <t>DFD S06 4659SWL</t>
  </si>
  <si>
    <t>5702329281782</t>
  </si>
  <si>
    <t>VELUX Verd.-Rollo Plus DFD S06 4659SWL</t>
  </si>
  <si>
    <t>DFD S06 4660S</t>
  </si>
  <si>
    <t>5702329281799</t>
  </si>
  <si>
    <t>VELUX Verd.-Rollo Plus DFD S06 4660S</t>
  </si>
  <si>
    <t>DFD S06 4660SWL</t>
  </si>
  <si>
    <t>5702329281805</t>
  </si>
  <si>
    <t>VELUX Verd.-Rollo Plus DFD S06 4660SWL</t>
  </si>
  <si>
    <t>DFD S06 4661S</t>
  </si>
  <si>
    <t>5702329281812</t>
  </si>
  <si>
    <t>VELUX Verd.-Rollo Plus DFD S06 4661S</t>
  </si>
  <si>
    <t>DFD S06 4661SWL</t>
  </si>
  <si>
    <t>5702329281829</t>
  </si>
  <si>
    <t>VELUX Verd.-Rollo Plus DFD S06 4661SWL</t>
  </si>
  <si>
    <t>DFD S06 4665S</t>
  </si>
  <si>
    <t>5702329281836</t>
  </si>
  <si>
    <t>VELUX Verd.-Rollo Plus DFD S06 4665S</t>
  </si>
  <si>
    <t>DFD S06 4665SWL</t>
  </si>
  <si>
    <t>5702329281843</t>
  </si>
  <si>
    <t>VELUX Verd.-Rollo Plus DFD S06 4665SWL</t>
  </si>
  <si>
    <t>DFD S06 4666S</t>
  </si>
  <si>
    <t>5702329281850</t>
  </si>
  <si>
    <t>VELUX Verd.-Rollo Plus DFD S06 4666S</t>
  </si>
  <si>
    <t>DFD S06 4666SWL</t>
  </si>
  <si>
    <t>5702329281867</t>
  </si>
  <si>
    <t>VELUX Verd.-Rollo Plus DFD S06 4666SWL</t>
  </si>
  <si>
    <t>DFD S06 4667S</t>
  </si>
  <si>
    <t>5702329281874</t>
  </si>
  <si>
    <t>VELUX Verd.-Rollo Plus DFD S06 4667S</t>
  </si>
  <si>
    <t>DFD S06 4667SWL</t>
  </si>
  <si>
    <t>5702329281881</t>
  </si>
  <si>
    <t>VELUX Verd.-Rollo Plus DFD S06 4667SWL</t>
  </si>
  <si>
    <t>DFD S06 CBYS</t>
  </si>
  <si>
    <t>5702329270700</t>
  </si>
  <si>
    <t>VELUX Verd.-Rollo Plus DFD S06 CBYS</t>
  </si>
  <si>
    <t>DFD S06 CBYSWL</t>
  </si>
  <si>
    <t>5702329270717</t>
  </si>
  <si>
    <t>VELUX Verd.-Rollo Plus DFD S06 CBYSWL</t>
  </si>
  <si>
    <t>DFD S08 0705S</t>
  </si>
  <si>
    <t>5702327928412</t>
  </si>
  <si>
    <t>VELUX Verd.-Rollo Plus DFD S08 0705S</t>
  </si>
  <si>
    <t>DFD S08 0705SWL</t>
  </si>
  <si>
    <t>5702329014298</t>
  </si>
  <si>
    <t>VELUX Verd.-Rollo Plus DFD S08 0705SWL</t>
  </si>
  <si>
    <t>DFD S08 1025S</t>
  </si>
  <si>
    <t>5702327928429</t>
  </si>
  <si>
    <t>VELUX Verd.-Rollo Plus DFD S08 1025S</t>
  </si>
  <si>
    <t>DFD S08 1025SWL</t>
  </si>
  <si>
    <t>5702329014304</t>
  </si>
  <si>
    <t>VELUX Verd.-Rollo Plus DFD S08 1025SWL</t>
  </si>
  <si>
    <t>DFD S08 1085S</t>
  </si>
  <si>
    <t>5702327928436</t>
  </si>
  <si>
    <t>VELUX Verd.-Rollo Plus DFD S08 1085S</t>
  </si>
  <si>
    <t>DFD S08 1085SWL</t>
  </si>
  <si>
    <t>5702329014311</t>
  </si>
  <si>
    <t>VELUX Verd.-Rollo Plus DFD S08 1085SWL</t>
  </si>
  <si>
    <t>DFD S08 1100S</t>
  </si>
  <si>
    <t>5702327928443</t>
  </si>
  <si>
    <t>VELUX Verd.-Rollo Plus DFD S08 1100S</t>
  </si>
  <si>
    <t>DFD S08 1100SWL</t>
  </si>
  <si>
    <t>5702329014335</t>
  </si>
  <si>
    <t>VELUX Verd.-Rollo Plus DFD S08 1100SWL</t>
  </si>
  <si>
    <t>DFD S08 3009S</t>
  </si>
  <si>
    <t>5702327928474</t>
  </si>
  <si>
    <t>VELUX Verd.-Rollo Plus DFD S08 3009S</t>
  </si>
  <si>
    <t>DFD S08 3009SWL</t>
  </si>
  <si>
    <t>5702329014342</t>
  </si>
  <si>
    <t>VELUX Verd.-Rollo Plus DFD S08 3009SWL</t>
  </si>
  <si>
    <t>DFD S08 4556S</t>
  </si>
  <si>
    <t>5702327928498</t>
  </si>
  <si>
    <t>VELUX Verd.-Rollo Plus DFD S08 4556S</t>
  </si>
  <si>
    <t>DFD S08 4556SWL</t>
  </si>
  <si>
    <t>5702329014359</t>
  </si>
  <si>
    <t>VELUX Verd.-Rollo Plus DFD S08 4556SWL</t>
  </si>
  <si>
    <t>DFD S08 4559S</t>
  </si>
  <si>
    <t>5702327928511</t>
  </si>
  <si>
    <t>VELUX Verd.-Rollo Plus DFD S08 4559S</t>
  </si>
  <si>
    <t>DFD S08 4559SWL</t>
  </si>
  <si>
    <t>5702329014366</t>
  </si>
  <si>
    <t>VELUX Verd.-Rollo Plus DFD S08 4559SWL</t>
  </si>
  <si>
    <t>DFD S08 4564S</t>
  </si>
  <si>
    <t>5702327928566</t>
  </si>
  <si>
    <t>VELUX Verd.-Rollo Plus DFD S08 4564S</t>
  </si>
  <si>
    <t>DFD S08 4564SWL</t>
  </si>
  <si>
    <t>5702329014373</t>
  </si>
  <si>
    <t>VELUX Verd.-Rollo Plus DFD S08 4564SWL</t>
  </si>
  <si>
    <t>DFD S08 4574S</t>
  </si>
  <si>
    <t>5702329007313</t>
  </si>
  <si>
    <t>VELUX Verd.-Rollo Plus DFD S08 4574S</t>
  </si>
  <si>
    <t>DFD S08 4574SWL</t>
  </si>
  <si>
    <t>5702329014380</t>
  </si>
  <si>
    <t>VELUX Verd.-Rollo Plus DFD S08 4574SWL</t>
  </si>
  <si>
    <t>DFD S08 4575S</t>
  </si>
  <si>
    <t>5702329007320</t>
  </si>
  <si>
    <t>VELUX Verd.-Rollo Plus DFD S08 4575S</t>
  </si>
  <si>
    <t>DFD S08 4575SWL</t>
  </si>
  <si>
    <t>5702329014397</t>
  </si>
  <si>
    <t>VELUX Verd.-Rollo Plus DFD S08 4575SWL</t>
  </si>
  <si>
    <t>DFD S08 4576S</t>
  </si>
  <si>
    <t>5702329007337</t>
  </si>
  <si>
    <t>VELUX Verd.-Rollo Plus DFD S08 4576S</t>
  </si>
  <si>
    <t>DFD S08 4576SWL</t>
  </si>
  <si>
    <t>5702329014403</t>
  </si>
  <si>
    <t>VELUX Verd.-Rollo Plus DFD S08 4576SWL</t>
  </si>
  <si>
    <t>DFD S08 4577S</t>
  </si>
  <si>
    <t>5702329007344</t>
  </si>
  <si>
    <t>VELUX Verd.-Rollo Plus DFD S08 4577S</t>
  </si>
  <si>
    <t>DFD S08 4577SWL</t>
  </si>
  <si>
    <t>5702329014410</t>
  </si>
  <si>
    <t>VELUX Verd.-Rollo Plus DFD S08 4577SWL</t>
  </si>
  <si>
    <t>DFD S08 4578S</t>
  </si>
  <si>
    <t>5702329007351</t>
  </si>
  <si>
    <t>VELUX Verd.-Rollo Plus DFD S08 4578S</t>
  </si>
  <si>
    <t>DFD S08 4578SWL</t>
  </si>
  <si>
    <t>5702329014427</t>
  </si>
  <si>
    <t>VELUX Verd.-Rollo Plus DFD S08 4578SWL</t>
  </si>
  <si>
    <t>DFD S08 4579S</t>
  </si>
  <si>
    <t>5702329007368</t>
  </si>
  <si>
    <t>VELUX Verd.-Rollo Plus DFD S08 4579S</t>
  </si>
  <si>
    <t>DFD S08 4579SWL</t>
  </si>
  <si>
    <t>5702329014434</t>
  </si>
  <si>
    <t>VELUX Verd.-Rollo Plus DFD S08 4579SWL</t>
  </si>
  <si>
    <t>DFD S08 4580S</t>
  </si>
  <si>
    <t>5702329007375</t>
  </si>
  <si>
    <t>VELUX Verd.-Rollo Plus DFD S08 4580S</t>
  </si>
  <si>
    <t>DFD S08 4580SWL</t>
  </si>
  <si>
    <t>5702329014441</t>
  </si>
  <si>
    <t>VELUX Verd.-Rollo Plus DFD S08 4580SWL</t>
  </si>
  <si>
    <t>DFD S08 4581S</t>
  </si>
  <si>
    <t>5702329007382</t>
  </si>
  <si>
    <t>VELUX Verd.-Rollo Plus DFD S08 4581S</t>
  </si>
  <si>
    <t>DFD S08 4581SWL</t>
  </si>
  <si>
    <t>5702329014458</t>
  </si>
  <si>
    <t>VELUX Verd.-Rollo Plus DFD S08 4581SWL</t>
  </si>
  <si>
    <t>DFD S08 4653S</t>
  </si>
  <si>
    <t>5702329281898</t>
  </si>
  <si>
    <t>VELUX Verd.-Rollo Plus DFD S08 4653S</t>
  </si>
  <si>
    <t>DFD S08 4653SWL</t>
  </si>
  <si>
    <t>5702329281904</t>
  </si>
  <si>
    <t>VELUX Verd.-Rollo Plus DFD S08 4653SWL</t>
  </si>
  <si>
    <t>DFD S08 4654S</t>
  </si>
  <si>
    <t>5702329281911</t>
  </si>
  <si>
    <t>VELUX Verd.-Rollo Plus DFD S08 4654S</t>
  </si>
  <si>
    <t>DFD S08 4654SWL</t>
  </si>
  <si>
    <t>5702329281928</t>
  </si>
  <si>
    <t>VELUX Verd.-Rollo Plus DFD S08 4654SWL</t>
  </si>
  <si>
    <t>DFD S08 4659S</t>
  </si>
  <si>
    <t>5702329281959</t>
  </si>
  <si>
    <t>VELUX Verd.-Rollo Plus DFD S08 4659S</t>
  </si>
  <si>
    <t>DFD S08 4659SWL</t>
  </si>
  <si>
    <t>5702329281966</t>
  </si>
  <si>
    <t>VELUX Verd.-Rollo Plus DFD S08 4659SWL</t>
  </si>
  <si>
    <t>DFD S08 4660S</t>
  </si>
  <si>
    <t>5702329281973</t>
  </si>
  <si>
    <t>VELUX Verd.-Rollo Plus DFD S08 4660S</t>
  </si>
  <si>
    <t>DFD S08 4660SWL</t>
  </si>
  <si>
    <t>5702329281980</t>
  </si>
  <si>
    <t>VELUX Verd.-Rollo Plus DFD S08 4660SWL</t>
  </si>
  <si>
    <t>DFD S08 4661S</t>
  </si>
  <si>
    <t>5702329281997</t>
  </si>
  <si>
    <t>VELUX Verd.-Rollo Plus DFD S08 4661S</t>
  </si>
  <si>
    <t>DFD S08 4661SWL</t>
  </si>
  <si>
    <t>5702329282000</t>
  </si>
  <si>
    <t>VELUX Verd.-Rollo Plus DFD S08 4661SWL</t>
  </si>
  <si>
    <t>DFD S08 4665S</t>
  </si>
  <si>
    <t>5702329282017</t>
  </si>
  <si>
    <t>VELUX Verd.-Rollo Plus DFD S08 4665S</t>
  </si>
  <si>
    <t>DFD S08 4665SWL</t>
  </si>
  <si>
    <t>5702329282024</t>
  </si>
  <si>
    <t>VELUX Verd.-Rollo Plus DFD S08 4665SWL</t>
  </si>
  <si>
    <t>DFD S08 4666S</t>
  </si>
  <si>
    <t>5702329282031</t>
  </si>
  <si>
    <t>VELUX Verd.-Rollo Plus DFD S08 4666S</t>
  </si>
  <si>
    <t>DFD S08 4666SWL</t>
  </si>
  <si>
    <t>5702329282048</t>
  </si>
  <si>
    <t>VELUX Verd.-Rollo Plus DFD S08 4666SWL</t>
  </si>
  <si>
    <t>DFD S08 4667S</t>
  </si>
  <si>
    <t>5702329282055</t>
  </si>
  <si>
    <t>VELUX Verd.-Rollo Plus DFD S08 4667S</t>
  </si>
  <si>
    <t>DFD S08 4667SWL</t>
  </si>
  <si>
    <t>5702329282062</t>
  </si>
  <si>
    <t>VELUX Verd.-Rollo Plus DFD S08 4667SWL</t>
  </si>
  <si>
    <t>DFD S08 CBYS</t>
  </si>
  <si>
    <t>5702329270724</t>
  </si>
  <si>
    <t>VELUX Verd.-Rollo Plus DFD S08 CBYS</t>
  </si>
  <si>
    <t>DFD S08 CBYSWL</t>
  </si>
  <si>
    <t>5702329270731</t>
  </si>
  <si>
    <t>VELUX Verd.-Rollo Plus DFD S08 CBYSWL</t>
  </si>
  <si>
    <t>DFD S10 0705S</t>
  </si>
  <si>
    <t>5702327928658</t>
  </si>
  <si>
    <t>VELUX Verd.-Rollo Plus DFD S10 0705S</t>
  </si>
  <si>
    <t>DFD S10 0705SWL</t>
  </si>
  <si>
    <t>5702329014465</t>
  </si>
  <si>
    <t>VELUX Verd.-Rollo Plus DFD S10 0705SWL</t>
  </si>
  <si>
    <t>DFD S10 1025S</t>
  </si>
  <si>
    <t>5702327928665</t>
  </si>
  <si>
    <t>VELUX Verd.-Rollo Plus DFD S10 1025S</t>
  </si>
  <si>
    <t>DFD S10 1025SWL</t>
  </si>
  <si>
    <t>5702329014472</t>
  </si>
  <si>
    <t>VELUX Verd.-Rollo Plus DFD S10 1025SWL</t>
  </si>
  <si>
    <t>DFD S10 1085S</t>
  </si>
  <si>
    <t>5702327928672</t>
  </si>
  <si>
    <t>VELUX Verd.-Rollo Plus DFD S10 1085S</t>
  </si>
  <si>
    <t>DFD S10 1085SWL</t>
  </si>
  <si>
    <t>5702329014489</t>
  </si>
  <si>
    <t>VELUX Verd.-Rollo Plus DFD S10 1085SWL</t>
  </si>
  <si>
    <t>DFD S10 1100S</t>
  </si>
  <si>
    <t>5702327928689</t>
  </si>
  <si>
    <t>VELUX Verd.-Rollo Plus DFD S10 1100S</t>
  </si>
  <si>
    <t>DFD S10 1100SWL</t>
  </si>
  <si>
    <t>5702329014496</t>
  </si>
  <si>
    <t>VELUX Verd.-Rollo Plus DFD S10 1100SWL</t>
  </si>
  <si>
    <t>DFD S10 3009S</t>
  </si>
  <si>
    <t>5702327928719</t>
  </si>
  <si>
    <t>VELUX Verd.-Rollo Plus DFD S10 3009S</t>
  </si>
  <si>
    <t>DFD S10 3009SWL</t>
  </si>
  <si>
    <t>5702329014502</t>
  </si>
  <si>
    <t>VELUX Verd.-Rollo Plus DFD S10 3009SWL</t>
  </si>
  <si>
    <t>DFD S10 4556S</t>
  </si>
  <si>
    <t>5702327928733</t>
  </si>
  <si>
    <t>VELUX Verd.-Rollo Plus DFD S10 4556S</t>
  </si>
  <si>
    <t>DFD S10 4556SWL</t>
  </si>
  <si>
    <t>5702329014519</t>
  </si>
  <si>
    <t>VELUX Verd.-Rollo Plus DFD S10 4556SWL</t>
  </si>
  <si>
    <t>DFD S10 4559S</t>
  </si>
  <si>
    <t>5702327928757</t>
  </si>
  <si>
    <t>VELUX Verd.-Rollo Plus DFD S10 4559S</t>
  </si>
  <si>
    <t>DFD S10 4559SWL</t>
  </si>
  <si>
    <t>5702329014526</t>
  </si>
  <si>
    <t>VELUX Verd.-Rollo Plus DFD S10 4559SWL</t>
  </si>
  <si>
    <t>DFD S10 4564S</t>
  </si>
  <si>
    <t>5702327928801</t>
  </si>
  <si>
    <t>VELUX Verd.-Rollo Plus DFD S10 4564S</t>
  </si>
  <si>
    <t>DFD S10 4574S</t>
  </si>
  <si>
    <t>5702329007399</t>
  </si>
  <si>
    <t>VELUX Verd.-Rollo Plus DFD S10 4574S</t>
  </si>
  <si>
    <t>DFD S10 4574SWL</t>
  </si>
  <si>
    <t>5702329014540</t>
  </si>
  <si>
    <t>VELUX Verd.-Rollo Plus DFD S10 4574SWL</t>
  </si>
  <si>
    <t>DFD S10 4575S</t>
  </si>
  <si>
    <t>5702329007405</t>
  </si>
  <si>
    <t>VELUX Verd.-Rollo Plus DFD S10 4575S</t>
  </si>
  <si>
    <t>DFD S10 4576S</t>
  </si>
  <si>
    <t>5702329007412</t>
  </si>
  <si>
    <t>VELUX Verd.-Rollo Plus DFD S10 4576S</t>
  </si>
  <si>
    <t>DFD S10 4576SWL</t>
  </si>
  <si>
    <t>5702329014564</t>
  </si>
  <si>
    <t>VELUX Verd.-Rollo Plus DFD S10 4576SWL</t>
  </si>
  <si>
    <t>DFD S10 4577S</t>
  </si>
  <si>
    <t>5702329007429</t>
  </si>
  <si>
    <t>VELUX Verd.-Rollo Plus DFD S10 4577S</t>
  </si>
  <si>
    <t>DFD S10 4578S</t>
  </si>
  <si>
    <t>5702329007436</t>
  </si>
  <si>
    <t>VELUX Verd.-Rollo Plus DFD S10 4578S</t>
  </si>
  <si>
    <t>DFD S10 4578SWL</t>
  </si>
  <si>
    <t>5702329014588</t>
  </si>
  <si>
    <t>VELUX Verd.-Rollo Plus DFD S10 4578SWL</t>
  </si>
  <si>
    <t>DFD S10 4579S</t>
  </si>
  <si>
    <t>5702329007443</t>
  </si>
  <si>
    <t>VELUX Verd.-Rollo Plus DFD S10 4579S</t>
  </si>
  <si>
    <t>DFD S10 4579SWL</t>
  </si>
  <si>
    <t>5702329014595</t>
  </si>
  <si>
    <t>VELUX Verd.-Rollo Plus DFD S10 4579SWL</t>
  </si>
  <si>
    <t>DFD S10 4580S</t>
  </si>
  <si>
    <t>5702329007450</t>
  </si>
  <si>
    <t>VELUX Verd.-Rollo Plus DFD S10 4580S</t>
  </si>
  <si>
    <t>DFD S10 4580SWL</t>
  </si>
  <si>
    <t>5702329014601</t>
  </si>
  <si>
    <t>VELUX Verd.-Rollo Plus DFD S10 4580SWL</t>
  </si>
  <si>
    <t>DFD S10 4581S</t>
  </si>
  <si>
    <t>5702329007467</t>
  </si>
  <si>
    <t>VELUX Verd.-Rollo Plus DFD S10 4581S</t>
  </si>
  <si>
    <t>DFD S10 4581SWL</t>
  </si>
  <si>
    <t>5702329014618</t>
  </si>
  <si>
    <t>VELUX Verd.-Rollo Plus DFD S10 4581SWL</t>
  </si>
  <si>
    <t>DFD S10 4653S</t>
  </si>
  <si>
    <t>5702329282079</t>
  </si>
  <si>
    <t>VELUX Verd.-Rollo Plus DFD S10 4653S</t>
  </si>
  <si>
    <t>DFD S10 4653SWL</t>
  </si>
  <si>
    <t>5702329282086</t>
  </si>
  <si>
    <t>VELUX Verd.-Rollo Plus DFD S10 4653SWL</t>
  </si>
  <si>
    <t>DFD S10 4659S</t>
  </si>
  <si>
    <t>5702329282130</t>
  </si>
  <si>
    <t>VELUX Verd.-Rollo Plus DFD S10 4659S</t>
  </si>
  <si>
    <t>DFD S10 4665S</t>
  </si>
  <si>
    <t>5702329282192</t>
  </si>
  <si>
    <t>VELUX Verd.-Rollo Plus DFD S10 4665S</t>
  </si>
  <si>
    <t>DFD S10 CBYS</t>
  </si>
  <si>
    <t>5702329270748</t>
  </si>
  <si>
    <t>VELUX Verd.-Rollo Plus DFD S10 CBYS</t>
  </si>
  <si>
    <t>DFD S10 CBYSWL</t>
  </si>
  <si>
    <t>5702329270755</t>
  </si>
  <si>
    <t>VELUX Verd.-Rollo Plus DFD S10 CBYSWL</t>
  </si>
  <si>
    <t>DFD SK06 0705S</t>
  </si>
  <si>
    <t>5702327929136</t>
  </si>
  <si>
    <t>VELUX Verd.-Rollo Plus DFD SK06 0705S</t>
  </si>
  <si>
    <t>DFD SK06 0705SWL</t>
  </si>
  <si>
    <t>5702329014786</t>
  </si>
  <si>
    <t>VELUX Verd.-Rollo Plus DFD SK06 0705SWL</t>
  </si>
  <si>
    <t>DFD SK06 1025S</t>
  </si>
  <si>
    <t>5702327929143</t>
  </si>
  <si>
    <t>VELUX Verd.-Rollo Plus DFD SK06 1025S</t>
  </si>
  <si>
    <t>DFD SK06 1025SWL</t>
  </si>
  <si>
    <t>5702329014793</t>
  </si>
  <si>
    <t>VELUX Verd.-Rollo Plus DFD SK06 1025SWL</t>
  </si>
  <si>
    <t>DFD SK06 1085S</t>
  </si>
  <si>
    <t>5702327929150</t>
  </si>
  <si>
    <t>VELUX Verd.-Rollo Plus DFD SK06 1085S</t>
  </si>
  <si>
    <t>DFD SK06 1085SWL</t>
  </si>
  <si>
    <t>5702329014809</t>
  </si>
  <si>
    <t>VELUX Verd.-Rollo Plus DFD SK06 1085SWL</t>
  </si>
  <si>
    <t>DFD SK06 1100S</t>
  </si>
  <si>
    <t>5702327929167</t>
  </si>
  <si>
    <t>VELUX Verd.-Rollo Plus DFD SK06 1100S</t>
  </si>
  <si>
    <t>DFD SK06 1100SWL</t>
  </si>
  <si>
    <t>5702329014823</t>
  </si>
  <si>
    <t>VELUX Verd.-Rollo Plus DFD SK06 1100SWL</t>
  </si>
  <si>
    <t>DFD SK06 3009S</t>
  </si>
  <si>
    <t>5702327929198</t>
  </si>
  <si>
    <t>VELUX Verd.-Rollo Plus DFD SK06 3009S</t>
  </si>
  <si>
    <t>DFD SK06 3009SWL</t>
  </si>
  <si>
    <t>5702329014830</t>
  </si>
  <si>
    <t>VELUX Verd.-Rollo Plus DFD SK06 3009SWL</t>
  </si>
  <si>
    <t>DFD SK06 4556S</t>
  </si>
  <si>
    <t>5702327929211</t>
  </si>
  <si>
    <t>VELUX Verd.-Rollo Plus DFD SK06 4556S</t>
  </si>
  <si>
    <t>DFD SK06 4556SWL</t>
  </si>
  <si>
    <t>5702329014847</t>
  </si>
  <si>
    <t>VELUX Verd.-Rollo Plus DFD SK06 4556SWL</t>
  </si>
  <si>
    <t>DFD SK06 4559S</t>
  </si>
  <si>
    <t>5702327929235</t>
  </si>
  <si>
    <t>VELUX Verd.-Rollo Plus DFD SK06 4559S</t>
  </si>
  <si>
    <t>DFD SK06 4559SWL</t>
  </si>
  <si>
    <t>5702329014854</t>
  </si>
  <si>
    <t>VELUX Verd.-Rollo Plus DFD SK06 4559SWL</t>
  </si>
  <si>
    <t>DFD SK06 4564S</t>
  </si>
  <si>
    <t>5702327929280</t>
  </si>
  <si>
    <t>VELUX Verd.-Rollo Plus DFD SK06 4564S</t>
  </si>
  <si>
    <t>DFD SK06 4564SWL</t>
  </si>
  <si>
    <t>5702329014861</t>
  </si>
  <si>
    <t>VELUX Verd.-Rollo Plus DFD SK06 4564SWL</t>
  </si>
  <si>
    <t>DFD SK06 4574S</t>
  </si>
  <si>
    <t>5702329007559</t>
  </si>
  <si>
    <t>VELUX Verd.-Rollo Plus DFD SK06 4574S</t>
  </si>
  <si>
    <t>DFD SK06 4574SWL</t>
  </si>
  <si>
    <t>5702329014878</t>
  </si>
  <si>
    <t>VELUX Verd.-Rollo Plus DFD SK06 4574SWL</t>
  </si>
  <si>
    <t>DFD SK06 4575S</t>
  </si>
  <si>
    <t>5702329007566</t>
  </si>
  <si>
    <t>VELUX Verd.-Rollo Plus DFD SK06 4575S</t>
  </si>
  <si>
    <t>DFD SK06 4575SWL</t>
  </si>
  <si>
    <t>5702329014885</t>
  </si>
  <si>
    <t>VELUX Verd.-Rollo Plus DFD SK06 4575SWL</t>
  </si>
  <si>
    <t>DFD SK06 4576S</t>
  </si>
  <si>
    <t>5702329007573</t>
  </si>
  <si>
    <t>VELUX Verd.-Rollo Plus DFD SK06 4576S</t>
  </si>
  <si>
    <t>DFD SK06 4576SWL</t>
  </si>
  <si>
    <t>5702329014892</t>
  </si>
  <si>
    <t>VELUX Verd.-Rollo Plus DFD SK06 4576SWL</t>
  </si>
  <si>
    <t>DFD SK06 4577S</t>
  </si>
  <si>
    <t>5702329007580</t>
  </si>
  <si>
    <t>VELUX Verd.-Rollo Plus DFD SK06 4577S</t>
  </si>
  <si>
    <t>DFD SK06 4577SWL</t>
  </si>
  <si>
    <t>5702329014908</t>
  </si>
  <si>
    <t>VELUX Verd.-Rollo Plus DFD SK06 4577SWL</t>
  </si>
  <si>
    <t>DFD SK06 4578S</t>
  </si>
  <si>
    <t>5702329007597</t>
  </si>
  <si>
    <t>VELUX Verd.-Rollo Plus DFD SK06 4578S</t>
  </si>
  <si>
    <t>DFD SK06 4578SWL</t>
  </si>
  <si>
    <t>5702329014915</t>
  </si>
  <si>
    <t>VELUX Verd.-Rollo Plus DFD SK06 4578SWL</t>
  </si>
  <si>
    <t>DFD SK06 4579S</t>
  </si>
  <si>
    <t>5702329007603</t>
  </si>
  <si>
    <t>VELUX Verd.-Rollo Plus DFD SK06 4579S</t>
  </si>
  <si>
    <t>DFD SK06 4579SWL</t>
  </si>
  <si>
    <t>5702329014922</t>
  </si>
  <si>
    <t>VELUX Verd.-Rollo Plus DFD SK06 4579SWL</t>
  </si>
  <si>
    <t>DFD SK06 4580S</t>
  </si>
  <si>
    <t>5702329007610</t>
  </si>
  <si>
    <t>VELUX Verd.-Rollo Plus DFD SK06 4580S</t>
  </si>
  <si>
    <t>DFD SK06 4580SWL</t>
  </si>
  <si>
    <t>5702329014939</t>
  </si>
  <si>
    <t>VELUX Verd.-Rollo Plus DFD SK06 4580SWL</t>
  </si>
  <si>
    <t>DFD SK06 4581S</t>
  </si>
  <si>
    <t>5702329007627</t>
  </si>
  <si>
    <t>VELUX Verd.-Rollo Plus DFD SK06 4581S</t>
  </si>
  <si>
    <t>DFD SK06 4581SWL</t>
  </si>
  <si>
    <t>5702329014946</t>
  </si>
  <si>
    <t>VELUX Verd.-Rollo Plus DFD SK06 4581SWL</t>
  </si>
  <si>
    <t>DFD SK06 4653S</t>
  </si>
  <si>
    <t>5702329282437</t>
  </si>
  <si>
    <t>VELUX Verd.-Rollo Plus DFD SK06 4653S</t>
  </si>
  <si>
    <t>DFD SK06 4653SWL</t>
  </si>
  <si>
    <t>5702329282444</t>
  </si>
  <si>
    <t>VELUX Verd.-Rollo Plus DFD SK06 4653SWL</t>
  </si>
  <si>
    <t>DFD SK06 4654S</t>
  </si>
  <si>
    <t>5702329282451</t>
  </si>
  <si>
    <t>VELUX Verd.-Rollo Plus DFD SK06 4654S</t>
  </si>
  <si>
    <t>DFD SK06 4654SWL</t>
  </si>
  <si>
    <t>5702329282468</t>
  </si>
  <si>
    <t>VELUX Verd.-Rollo Plus DFD SK06 4654SWL</t>
  </si>
  <si>
    <t>DFD SK06 4659S</t>
  </si>
  <si>
    <t>5702329282499</t>
  </si>
  <si>
    <t>VELUX Verd.-Rollo Plus DFD SK06 4659S</t>
  </si>
  <si>
    <t>DFD SK06 4659SWL</t>
  </si>
  <si>
    <t>5702329282505</t>
  </si>
  <si>
    <t>VELUX Verd.-Rollo Plus DFD SK06 4659SWL</t>
  </si>
  <si>
    <t>DFD SK06 4660S</t>
  </si>
  <si>
    <t>5702329282512</t>
  </si>
  <si>
    <t>VELUX Verd.-Rollo Plus DFD SK06 4660S</t>
  </si>
  <si>
    <t>DFD SK06 4660SWL</t>
  </si>
  <si>
    <t>5702329282529</t>
  </si>
  <si>
    <t>VELUX Verd.-Rollo Plus DFD SK06 4660SWL</t>
  </si>
  <si>
    <t>DFD SK06 4661S</t>
  </si>
  <si>
    <t>5702329282536</t>
  </si>
  <si>
    <t>VELUX Verd.-Rollo Plus DFD SK06 4661S</t>
  </si>
  <si>
    <t>DFD SK06 4661SWL</t>
  </si>
  <si>
    <t>5702329282543</t>
  </si>
  <si>
    <t>VELUX Verd.-Rollo Plus DFD SK06 4661SWL</t>
  </si>
  <si>
    <t>DFD SK06 4665S</t>
  </si>
  <si>
    <t>5702329282550</t>
  </si>
  <si>
    <t>VELUX Verd.-Rollo Plus DFD SK06 4665S</t>
  </si>
  <si>
    <t>DFD SK06 4665SWL</t>
  </si>
  <si>
    <t>5702329282567</t>
  </si>
  <si>
    <t>VELUX Verd.-Rollo Plus DFD SK06 4665SWL</t>
  </si>
  <si>
    <t>DFD SK06 4666S</t>
  </si>
  <si>
    <t>5702329282574</t>
  </si>
  <si>
    <t>VELUX Verd.-Rollo Plus DFD SK06 4666S</t>
  </si>
  <si>
    <t>DFD SK06 4666SWL</t>
  </si>
  <si>
    <t>5702329282581</t>
  </si>
  <si>
    <t>VELUX Verd.-Rollo Plus DFD SK06 4666SWL</t>
  </si>
  <si>
    <t>DFD SK06 4667S</t>
  </si>
  <si>
    <t>5702329282598</t>
  </si>
  <si>
    <t>VELUX Verd.-Rollo Plus DFD SK06 4667S</t>
  </si>
  <si>
    <t>DFD SK06 4667SWL</t>
  </si>
  <si>
    <t>5702329282604</t>
  </si>
  <si>
    <t>VELUX Verd.-Rollo Plus DFD SK06 4667SWL</t>
  </si>
  <si>
    <t>DFD SK06 CBYS</t>
  </si>
  <si>
    <t>5702329270786</t>
  </si>
  <si>
    <t>VELUX Verd.-Rollo Plus DFD SK06 CBYS</t>
  </si>
  <si>
    <t>DFD SK06 CBYSWL</t>
  </si>
  <si>
    <t>5702329270793</t>
  </si>
  <si>
    <t>VELUX Verd.-Rollo Plus DFD SK06 CBYSWL</t>
  </si>
  <si>
    <t>DFD SK08 0705S</t>
  </si>
  <si>
    <t>5702327929372</t>
  </si>
  <si>
    <t>VELUX Verd.-Rollo Plus DFD SK08 0705S</t>
  </si>
  <si>
    <t>DFD SK08 0705SWL</t>
  </si>
  <si>
    <t>5702329014953</t>
  </si>
  <si>
    <t>VELUX Verd.-Rollo Plus DFD SK08 0705SWL</t>
  </si>
  <si>
    <t>DFD SK08 1025S</t>
  </si>
  <si>
    <t>5702327929389</t>
  </si>
  <si>
    <t>VELUX Verd.-Rollo Plus DFD SK08 1025S</t>
  </si>
  <si>
    <t>DFD SK08 1025SWL</t>
  </si>
  <si>
    <t>5702329014960</t>
  </si>
  <si>
    <t>VELUX Verd.-Rollo Plus DFD SK08 1025SWL</t>
  </si>
  <si>
    <t>DFD SK08 1085S</t>
  </si>
  <si>
    <t>5702327929396</t>
  </si>
  <si>
    <t>VELUX Verd.-Rollo Plus DFD SK08 1085S</t>
  </si>
  <si>
    <t>DFD SK08 1085SWL</t>
  </si>
  <si>
    <t>5702329014977</t>
  </si>
  <si>
    <t>VELUX Verd.-Rollo Plus DFD SK08 1085SWL</t>
  </si>
  <si>
    <t>DFD SK08 1100S</t>
  </si>
  <si>
    <t>5702327929402</t>
  </si>
  <si>
    <t>VELUX Verd.-Rollo Plus DFD SK08 1100S</t>
  </si>
  <si>
    <t>DFD SK08 1100SWL</t>
  </si>
  <si>
    <t>5702329014991</t>
  </si>
  <si>
    <t>VELUX Verd.-Rollo Plus DFD SK08 1100SWL</t>
  </si>
  <si>
    <t>DFD SK08 3009S</t>
  </si>
  <si>
    <t>5702327929433</t>
  </si>
  <si>
    <t>VELUX Verd.-Rollo Plus DFD SK08 3009S</t>
  </si>
  <si>
    <t>DFD SK08 3009SWL</t>
  </si>
  <si>
    <t>5702329015004</t>
  </si>
  <si>
    <t>VELUX Verd.-Rollo Plus DFD SK08 3009SWL</t>
  </si>
  <si>
    <t>DFD SK08 4556S</t>
  </si>
  <si>
    <t>5702327929457</t>
  </si>
  <si>
    <t>VELUX Verd.-Rollo Plus DFD SK08 4556S</t>
  </si>
  <si>
    <t>DFD SK08 4556SWL</t>
  </si>
  <si>
    <t>5702329015011</t>
  </si>
  <si>
    <t>VELUX Verd.-Rollo Plus DFD SK08 4556SWL</t>
  </si>
  <si>
    <t>DFD SK08 4559S</t>
  </si>
  <si>
    <t>5702327929471</t>
  </si>
  <si>
    <t>VELUX Verd.-Rollo Plus DFD SK08 4559S</t>
  </si>
  <si>
    <t>DFD SK08 4559SWL</t>
  </si>
  <si>
    <t>5702329015028</t>
  </si>
  <si>
    <t>VELUX Verd.-Rollo Plus DFD SK08 4559SWL</t>
  </si>
  <si>
    <t>DFD SK08 4564S</t>
  </si>
  <si>
    <t>5702327929525</t>
  </si>
  <si>
    <t>VELUX Verd.-Rollo Plus DFD SK08 4564S</t>
  </si>
  <si>
    <t>DFD SK08 4564SWL</t>
  </si>
  <si>
    <t>5702329015035</t>
  </si>
  <si>
    <t>VELUX Verd.-Rollo Plus DFD SK08 4564SWL</t>
  </si>
  <si>
    <t>DFD SK08 4574S</t>
  </si>
  <si>
    <t>5702329007634</t>
  </si>
  <si>
    <t>VELUX Verd.-Rollo Plus DFD SK08 4574S</t>
  </si>
  <si>
    <t>DFD SK08 4574SWL</t>
  </si>
  <si>
    <t>5702329015042</t>
  </si>
  <si>
    <t>VELUX Verd.-Rollo Plus DFD SK08 4574SWL</t>
  </si>
  <si>
    <t>DFD SK08 4575S</t>
  </si>
  <si>
    <t>5702329007641</t>
  </si>
  <si>
    <t>VELUX Verd.-Rollo Plus DFD SK08 4575S</t>
  </si>
  <si>
    <t>DFD SK08 4575SWL</t>
  </si>
  <si>
    <t>5702329015059</t>
  </si>
  <si>
    <t>VELUX Verd.-Rollo Plus DFD SK08 4575SWL</t>
  </si>
  <si>
    <t>DFD SK08 4576S</t>
  </si>
  <si>
    <t>5702329007658</t>
  </si>
  <si>
    <t>VELUX Verd.-Rollo Plus DFD SK08 4576S</t>
  </si>
  <si>
    <t>DFD SK08 4576SWL</t>
  </si>
  <si>
    <t>5702329015066</t>
  </si>
  <si>
    <t>VELUX Verd.-Rollo Plus DFD SK08 4576SWL</t>
  </si>
  <si>
    <t>DFD SK08 4577S</t>
  </si>
  <si>
    <t>5702329007665</t>
  </si>
  <si>
    <t>VELUX Verd.-Rollo Plus DFD SK08 4577S</t>
  </si>
  <si>
    <t>DFD SK08 4577SWL</t>
  </si>
  <si>
    <t>5702329015073</t>
  </si>
  <si>
    <t>VELUX Verd.-Rollo Plus DFD SK08 4577SWL</t>
  </si>
  <si>
    <t>DFD SK08 4578S</t>
  </si>
  <si>
    <t>5702329007672</t>
  </si>
  <si>
    <t>VELUX Verd.-Rollo Plus DFD SK08 4578S</t>
  </si>
  <si>
    <t>DFD SK08 4578SWL</t>
  </si>
  <si>
    <t>5702329015080</t>
  </si>
  <si>
    <t>VELUX Verd.-Rollo Plus DFD SK08 4578SWL</t>
  </si>
  <si>
    <t>DFD SK08 4579S</t>
  </si>
  <si>
    <t>5702329007689</t>
  </si>
  <si>
    <t>VELUX Verd.-Rollo Plus DFD SK08 4579S</t>
  </si>
  <si>
    <t>DFD SK08 4579SWL</t>
  </si>
  <si>
    <t>5702329015097</t>
  </si>
  <si>
    <t>VELUX Verd.-Rollo Plus DFD SK08 4579SWL</t>
  </si>
  <si>
    <t>DFD SK08 4580S</t>
  </si>
  <si>
    <t>5702329007696</t>
  </si>
  <si>
    <t>VELUX Verd.-Rollo Plus DFD SK08 4580S</t>
  </si>
  <si>
    <t>DFD SK08 4580SWL</t>
  </si>
  <si>
    <t>5702329015103</t>
  </si>
  <si>
    <t>VELUX Verd.-Rollo Plus DFD SK08 4580SWL</t>
  </si>
  <si>
    <t>DFD SK08 4581S</t>
  </si>
  <si>
    <t>5702329007702</t>
  </si>
  <si>
    <t>VELUX Verd.-Rollo Plus DFD SK08 4581S</t>
  </si>
  <si>
    <t>DFD SK08 4581SWL</t>
  </si>
  <si>
    <t>5702329015110</t>
  </si>
  <si>
    <t>VELUX Verd.-Rollo Plus DFD SK08 4581SWL</t>
  </si>
  <si>
    <t>DFD SK08 4653S</t>
  </si>
  <si>
    <t>5702329282611</t>
  </si>
  <si>
    <t>VELUX Verd.-Rollo Plus DFD SK08 4653S</t>
  </si>
  <si>
    <t>DFD SK08 4653SWL</t>
  </si>
  <si>
    <t>5702329282628</t>
  </si>
  <si>
    <t>VELUX Verd.-Rollo Plus DFD SK08 4653SWL</t>
  </si>
  <si>
    <t>DFD SK08 4654S</t>
  </si>
  <si>
    <t>5702329282635</t>
  </si>
  <si>
    <t>VELUX Verd.-Rollo Plus DFD SK08 4654S</t>
  </si>
  <si>
    <t>DFD SK08 4654SWL</t>
  </si>
  <si>
    <t>5702329282642</t>
  </si>
  <si>
    <t>VELUX Verd.-Rollo Plus DFD SK08 4654SWL</t>
  </si>
  <si>
    <t>DFD SK08 4655S</t>
  </si>
  <si>
    <t>5702329282659</t>
  </si>
  <si>
    <t>VELUX Verd.-Rollo Plus DFD SK08 4655S</t>
  </si>
  <si>
    <t>DFD SK08 4655SWL</t>
  </si>
  <si>
    <t>5702329282666</t>
  </si>
  <si>
    <t>VELUX Verd.-Rollo Plus DFD SK08 4655SWL</t>
  </si>
  <si>
    <t>DFD SK08 4659S</t>
  </si>
  <si>
    <t>5702329282673</t>
  </si>
  <si>
    <t>VELUX Verd.-Rollo Plus DFD SK08 4659S</t>
  </si>
  <si>
    <t>DFD SK08 4659SWL</t>
  </si>
  <si>
    <t>5702329282680</t>
  </si>
  <si>
    <t>VELUX Verd.-Rollo Plus DFD SK08 4659SWL</t>
  </si>
  <si>
    <t>DFD SK08 4660S</t>
  </si>
  <si>
    <t>5702329282697</t>
  </si>
  <si>
    <t>VELUX Verd.-Rollo Plus DFD SK08 4660S</t>
  </si>
  <si>
    <t>DFD SK08 4660SWL</t>
  </si>
  <si>
    <t>5702329282703</t>
  </si>
  <si>
    <t>VELUX Verd.-Rollo Plus DFD SK08 4660SWL</t>
  </si>
  <si>
    <t>DFD SK08 4661S</t>
  </si>
  <si>
    <t>5702329282710</t>
  </si>
  <si>
    <t>VELUX Verd.-Rollo Plus DFD SK08 4661S</t>
  </si>
  <si>
    <t>DFD SK08 4661SWL</t>
  </si>
  <si>
    <t>5702329282727</t>
  </si>
  <si>
    <t>VELUX Verd.-Rollo Plus DFD SK08 4661SWL</t>
  </si>
  <si>
    <t>DFD SK08 4665S</t>
  </si>
  <si>
    <t>5702329282734</t>
  </si>
  <si>
    <t>VELUX Verd.-Rollo Plus DFD SK08 4665S</t>
  </si>
  <si>
    <t>DFD SK08 4665SWL</t>
  </si>
  <si>
    <t>5702329282741</t>
  </si>
  <si>
    <t>VELUX Verd.-Rollo Plus DFD SK08 4665SWL</t>
  </si>
  <si>
    <t>DFD SK08 4666S</t>
  </si>
  <si>
    <t>5702329282758</t>
  </si>
  <si>
    <t>VELUX Verd.-Rollo Plus DFD SK08 4666S</t>
  </si>
  <si>
    <t>DFD SK08 4666SWL</t>
  </si>
  <si>
    <t>5702329282765</t>
  </si>
  <si>
    <t>VELUX Verd.-Rollo Plus DFD SK08 4666SWL</t>
  </si>
  <si>
    <t>DFD SK08 4667SWL</t>
  </si>
  <si>
    <t>5702329282789</t>
  </si>
  <si>
    <t>VELUX Verd.-Rollo Plus DFD SK08 4667SWL</t>
  </si>
  <si>
    <t>DFD SK08 CBYS</t>
  </si>
  <si>
    <t>5702329270809</t>
  </si>
  <si>
    <t>VELUX Verd.-Rollo Plus DFD SK08 CBYS</t>
  </si>
  <si>
    <t>DFD SK08 CBYSWL</t>
  </si>
  <si>
    <t>5702329270816</t>
  </si>
  <si>
    <t>VELUX Verd.-Rollo Plus DFD SK08 CBYSWL</t>
  </si>
  <si>
    <t>DFD SK10 0705S</t>
  </si>
  <si>
    <t>5702327929617</t>
  </si>
  <si>
    <t>VELUX Verd.-Rollo Plus DFD SK10 0705S</t>
  </si>
  <si>
    <t>DFD SK10 0705SWL</t>
  </si>
  <si>
    <t>5702329015127</t>
  </si>
  <si>
    <t>VELUX Verd.-Rollo Plus DFD SK10 0705SWL</t>
  </si>
  <si>
    <t>DFD SK10 1025S</t>
  </si>
  <si>
    <t>5702327929624</t>
  </si>
  <si>
    <t>VELUX Verd.-Rollo Plus DFD SK10 1025S</t>
  </si>
  <si>
    <t>DFD SK10 1025SWL</t>
  </si>
  <si>
    <t>5702329015134</t>
  </si>
  <si>
    <t>VELUX Verd.-Rollo Plus DFD SK10 1025SWL</t>
  </si>
  <si>
    <t>DFD SK10 1085S</t>
  </si>
  <si>
    <t>5702327929631</t>
  </si>
  <si>
    <t>VELUX Verd.-Rollo Plus DFD SK10 1085S</t>
  </si>
  <si>
    <t>DFD SK10 1085SWL</t>
  </si>
  <si>
    <t>5702329015141</t>
  </si>
  <si>
    <t>VELUX Verd.-Rollo Plus DFD SK10 1085SWL</t>
  </si>
  <si>
    <t>DFD SK10 1100S</t>
  </si>
  <si>
    <t>5702327929648</t>
  </si>
  <si>
    <t>VELUX Verd.-Rollo Plus DFD SK10 1100S</t>
  </si>
  <si>
    <t>DFD SK10 1100SWL</t>
  </si>
  <si>
    <t>5702329015158</t>
  </si>
  <si>
    <t>VELUX Verd.-Rollo Plus DFD SK10 1100SWL</t>
  </si>
  <si>
    <t>DFD SK10 3009S</t>
  </si>
  <si>
    <t>5702327929679</t>
  </si>
  <si>
    <t>VELUX Verd.-Rollo Plus DFD SK10 3009S</t>
  </si>
  <si>
    <t>DFD SK10 3009SWL</t>
  </si>
  <si>
    <t>5702329015165</t>
  </si>
  <si>
    <t>VELUX Verd.-Rollo Plus DFD SK10 3009SWL</t>
  </si>
  <si>
    <t>DFD SK10 4556S</t>
  </si>
  <si>
    <t>5702327929693</t>
  </si>
  <si>
    <t>VELUX Verd.-Rollo Plus DFD SK10 4556S</t>
  </si>
  <si>
    <t>DFD SK10 4556SWL</t>
  </si>
  <si>
    <t>5702329015172</t>
  </si>
  <si>
    <t>VELUX Verd.-Rollo Plus DFD SK10 4556SWL</t>
  </si>
  <si>
    <t>DFD SK10 4559S</t>
  </si>
  <si>
    <t>5702327929716</t>
  </si>
  <si>
    <t>VELUX Verd.-Rollo Plus DFD SK10 4559S</t>
  </si>
  <si>
    <t>DFD SK10 4559SWL</t>
  </si>
  <si>
    <t>5702329015189</t>
  </si>
  <si>
    <t>VELUX Verd.-Rollo Plus DFD SK10 4559SWL</t>
  </si>
  <si>
    <t>DFD SK10 4564S</t>
  </si>
  <si>
    <t>5702327929761</t>
  </si>
  <si>
    <t>VELUX Verd.-Rollo Plus DFD SK10 4564S</t>
  </si>
  <si>
    <t>DFD SK10 4564SWL</t>
  </si>
  <si>
    <t>5702329015196</t>
  </si>
  <si>
    <t>VELUX Verd.-Rollo Plus DFD SK10 4564SWL</t>
  </si>
  <si>
    <t>DFD SK10 4574S</t>
  </si>
  <si>
    <t>5702329007719</t>
  </si>
  <si>
    <t>VELUX Verd.-Rollo Plus DFD SK10 4574S</t>
  </si>
  <si>
    <t>DFD SK10 4574SWL</t>
  </si>
  <si>
    <t>5702329015202</t>
  </si>
  <si>
    <t>VELUX Verd.-Rollo Plus DFD SK10 4574SWL</t>
  </si>
  <si>
    <t>DFD SK10 4575S</t>
  </si>
  <si>
    <t>5702329007726</t>
  </si>
  <si>
    <t>VELUX Verd.-Rollo Plus DFD SK10 4575S</t>
  </si>
  <si>
    <t>DFD SK10 4575SWL</t>
  </si>
  <si>
    <t>5702329015219</t>
  </si>
  <si>
    <t>VELUX Verd.-Rollo Plus DFD SK10 4575SWL</t>
  </si>
  <si>
    <t>DFD SK10 4576S</t>
  </si>
  <si>
    <t>5702329007733</t>
  </si>
  <si>
    <t>VELUX Verd.-Rollo Plus DFD SK10 4576S</t>
  </si>
  <si>
    <t>DFD SK10 4576SWL</t>
  </si>
  <si>
    <t>5702329015226</t>
  </si>
  <si>
    <t>VELUX Verd.-Rollo Plus DFD SK10 4576SWL</t>
  </si>
  <si>
    <t>DFD SK10 4577S</t>
  </si>
  <si>
    <t>5702329007740</t>
  </si>
  <si>
    <t>VELUX Verd.-Rollo Plus DFD SK10 4577S</t>
  </si>
  <si>
    <t>DFD SK10 4577SWL</t>
  </si>
  <si>
    <t>5702329015233</t>
  </si>
  <si>
    <t>VELUX Verd.-Rollo Plus DFD SK10 4577SWL</t>
  </si>
  <si>
    <t>DFD SK10 4578S</t>
  </si>
  <si>
    <t>5702329007757</t>
  </si>
  <si>
    <t>VELUX Verd.-Rollo Plus DFD SK10 4578S</t>
  </si>
  <si>
    <t>DFD SK10 4578SWL</t>
  </si>
  <si>
    <t>5702329015240</t>
  </si>
  <si>
    <t>VELUX Verd.-Rollo Plus DFD SK10 4578SWL</t>
  </si>
  <si>
    <t>DFD SK10 4579S</t>
  </si>
  <si>
    <t>5702329007764</t>
  </si>
  <si>
    <t>VELUX Verd.-Rollo Plus DFD SK10 4579S</t>
  </si>
  <si>
    <t>DFD SK10 4579SWL</t>
  </si>
  <si>
    <t>5702329015257</t>
  </si>
  <si>
    <t>VELUX Verd.-Rollo Plus DFD SK10 4579SWL</t>
  </si>
  <si>
    <t>DFD SK10 4580S</t>
  </si>
  <si>
    <t>5702329007771</t>
  </si>
  <si>
    <t>VELUX Verd.-Rollo Plus DFD SK10 4580S</t>
  </si>
  <si>
    <t>DFD SK10 4580SWL</t>
  </si>
  <si>
    <t>5702329015264</t>
  </si>
  <si>
    <t>VELUX Verd.-Rollo Plus DFD SK10 4580SWL</t>
  </si>
  <si>
    <t>DFD SK10 4581S</t>
  </si>
  <si>
    <t>5702329007788</t>
  </si>
  <si>
    <t>VELUX Verd.-Rollo Plus DFD SK10 4581S</t>
  </si>
  <si>
    <t>DFD SK10 4581SWL</t>
  </si>
  <si>
    <t>5702329015271</t>
  </si>
  <si>
    <t>VELUX Verd.-Rollo Plus DFD SK10 4581SWL</t>
  </si>
  <si>
    <t>DFD SK10 4653S</t>
  </si>
  <si>
    <t>5702329282796</t>
  </si>
  <si>
    <t>VELUX Verd.-Rollo Plus DFD SK10 4653S</t>
  </si>
  <si>
    <t>DFD SK10 4653SWL</t>
  </si>
  <si>
    <t>5702329282802</t>
  </si>
  <si>
    <t>VELUX Verd.-Rollo Plus DFD SK10 4653SWL</t>
  </si>
  <si>
    <t>DFD SK10 4654SWL</t>
  </si>
  <si>
    <t>5702329282826</t>
  </si>
  <si>
    <t>VELUX Verd.-Rollo Plus DFD SK10 4654SWL</t>
  </si>
  <si>
    <t>DFD SK10 4659SWL</t>
  </si>
  <si>
    <t>5702329282864</t>
  </si>
  <si>
    <t>VELUX Verd.-Rollo Plus DFD SK10 4659SWL</t>
  </si>
  <si>
    <t>DFD SK10 4660S</t>
  </si>
  <si>
    <t>5702329282871</t>
  </si>
  <si>
    <t>VELUX Verd.-Rollo Plus DFD SK10 4660S</t>
  </si>
  <si>
    <t>DFD SK10 4660SWL</t>
  </si>
  <si>
    <t>5702329282888</t>
  </si>
  <si>
    <t>VELUX Verd.-Rollo Plus DFD SK10 4660SWL</t>
  </si>
  <si>
    <t>DFD SK10 4661SWL</t>
  </si>
  <si>
    <t>5702329282901</t>
  </si>
  <si>
    <t>VELUX Verd.-Rollo Plus DFD SK10 4661SWL</t>
  </si>
  <si>
    <t>DFD SK10 4665S</t>
  </si>
  <si>
    <t>5702329282918</t>
  </si>
  <si>
    <t>VELUX Verd.-Rollo Plus DFD SK10 4665S</t>
  </si>
  <si>
    <t>DFD SK10 4665SWL</t>
  </si>
  <si>
    <t>5702329282925</t>
  </si>
  <si>
    <t>VELUX Verd.-Rollo Plus DFD SK10 4665SWL</t>
  </si>
  <si>
    <t>DFD SK10 4666S</t>
  </si>
  <si>
    <t>5702329282932</t>
  </si>
  <si>
    <t>VELUX Verd.-Rollo Plus DFD SK10 4666S</t>
  </si>
  <si>
    <t>DFD SK10 4666SWL</t>
  </si>
  <si>
    <t>5702329282949</t>
  </si>
  <si>
    <t>VELUX Verd.-Rollo Plus DFD SK10 4666SWL</t>
  </si>
  <si>
    <t>DFD SK10 4667S</t>
  </si>
  <si>
    <t>5702329282956</t>
  </si>
  <si>
    <t>VELUX Verd.-Rollo Plus DFD SK10 4667S</t>
  </si>
  <si>
    <t>DFD SK10 CBYS</t>
  </si>
  <si>
    <t>5702329270823</t>
  </si>
  <si>
    <t>VELUX Verd.-Rollo Plus DFD SK10 CBYS</t>
  </si>
  <si>
    <t>DFD SK10 CBYSWL</t>
  </si>
  <si>
    <t>5702329270830</t>
  </si>
  <si>
    <t>VELUX Verd.-Rollo Plus DFD SK10 CBYSWL</t>
  </si>
  <si>
    <t>DFD U04 0705S</t>
  </si>
  <si>
    <t>5702327929853</t>
  </si>
  <si>
    <t>VELUX Verd.-Rollo Plus DFD U04 0705S</t>
  </si>
  <si>
    <t>DFD U04 0705SWL</t>
  </si>
  <si>
    <t>5702329015288</t>
  </si>
  <si>
    <t>VELUX Verd.-Rollo Plus DFD U04 0705SWL</t>
  </si>
  <si>
    <t>DFD U04 1025S</t>
  </si>
  <si>
    <t>5702327929860</t>
  </si>
  <si>
    <t>VELUX Verd.-Rollo Plus DFD U04 1025S</t>
  </si>
  <si>
    <t>DFD U04 1025SWL</t>
  </si>
  <si>
    <t>5702329015295</t>
  </si>
  <si>
    <t>VELUX Verd.-Rollo Plus DFD U04 1025SWL</t>
  </si>
  <si>
    <t>DFD U04 1085S</t>
  </si>
  <si>
    <t>5702327929877</t>
  </si>
  <si>
    <t>VELUX Verd.-Rollo Plus DFD U04 1085S</t>
  </si>
  <si>
    <t>DFD U04 1085SWL</t>
  </si>
  <si>
    <t>5702329015301</t>
  </si>
  <si>
    <t>VELUX Verd.-Rollo Plus DFD U04 1085SWL</t>
  </si>
  <si>
    <t>DFD U04 1100S</t>
  </si>
  <si>
    <t>5702327929884</t>
  </si>
  <si>
    <t>VELUX Verd.-Rollo Plus DFD U04 1100S</t>
  </si>
  <si>
    <t>DFD U04 1100SWL</t>
  </si>
  <si>
    <t>5702329015318</t>
  </si>
  <si>
    <t>VELUX Verd.-Rollo Plus DFD U04 1100SWL</t>
  </si>
  <si>
    <t>DFD U04 3009S</t>
  </si>
  <si>
    <t>5702327929914</t>
  </si>
  <si>
    <t>VELUX Verd.-Rollo Plus DFD U04 3009S</t>
  </si>
  <si>
    <t>DFD U04 3009SWL</t>
  </si>
  <si>
    <t>5702329015325</t>
  </si>
  <si>
    <t>VELUX Verd.-Rollo Plus DFD U04 3009SWL</t>
  </si>
  <si>
    <t>DFD U04 4556S</t>
  </si>
  <si>
    <t>5702327929938</t>
  </si>
  <si>
    <t>VELUX Verd.-Rollo Plus DFD U04 4556S</t>
  </si>
  <si>
    <t>DFD U04 4556SWL</t>
  </si>
  <si>
    <t>5702329015332</t>
  </si>
  <si>
    <t>VELUX Verd.-Rollo Plus DFD U04 4556SWL</t>
  </si>
  <si>
    <t>DFD U04 4559S</t>
  </si>
  <si>
    <t>5702327929952</t>
  </si>
  <si>
    <t>VELUX Verd.-Rollo Plus DFD U04 4559S</t>
  </si>
  <si>
    <t>DFD U04 4559SWL</t>
  </si>
  <si>
    <t>5702329015349</t>
  </si>
  <si>
    <t>VELUX Verd.-Rollo Plus DFD U04 4559SWL</t>
  </si>
  <si>
    <t>DFD U04 4564S</t>
  </si>
  <si>
    <t>5702327930002</t>
  </si>
  <si>
    <t>VELUX Verd.-Rollo Plus DFD U04 4564S</t>
  </si>
  <si>
    <t>DFD U04 4564SWL</t>
  </si>
  <si>
    <t>5702329015356</t>
  </si>
  <si>
    <t>VELUX Verd.-Rollo Plus DFD U04 4564SWL</t>
  </si>
  <si>
    <t>DFD U04 4574S</t>
  </si>
  <si>
    <t>5702329007795</t>
  </si>
  <si>
    <t>VELUX Verd.-Rollo Plus DFD U04 4574S</t>
  </si>
  <si>
    <t>DFD U04 4574SWL</t>
  </si>
  <si>
    <t>5702329015363</t>
  </si>
  <si>
    <t>VELUX Verd.-Rollo Plus DFD U04 4574SWL</t>
  </si>
  <si>
    <t>DFD U04 4575S</t>
  </si>
  <si>
    <t>5702329007801</t>
  </si>
  <si>
    <t>VELUX Verd.-Rollo Plus DFD U04 4575S</t>
  </si>
  <si>
    <t>DFD U04 4575SWL</t>
  </si>
  <si>
    <t>5702329015370</t>
  </si>
  <si>
    <t>VELUX Verd.-Rollo Plus DFD U04 4575SWL</t>
  </si>
  <si>
    <t>DFD U04 4576S</t>
  </si>
  <si>
    <t>5702329007818</t>
  </si>
  <si>
    <t>VELUX Verd.-Rollo Plus DFD U04 4576S</t>
  </si>
  <si>
    <t>DFD U04 4576SWL</t>
  </si>
  <si>
    <t>5702329015387</t>
  </si>
  <si>
    <t>VELUX Verd.-Rollo Plus DFD U04 4576SWL</t>
  </si>
  <si>
    <t>DFD U04 4577S</t>
  </si>
  <si>
    <t>5702329007825</t>
  </si>
  <si>
    <t>VELUX Verd.-Rollo Plus DFD U04 4577S</t>
  </si>
  <si>
    <t>DFD U04 4577SWL</t>
  </si>
  <si>
    <t>5702329015394</t>
  </si>
  <si>
    <t>VELUX Verd.-Rollo Plus DFD U04 4577SWL</t>
  </si>
  <si>
    <t>DFD U04 4578S</t>
  </si>
  <si>
    <t>5702329007832</t>
  </si>
  <si>
    <t>VELUX Verd.-Rollo Plus DFD U04 4578S</t>
  </si>
  <si>
    <t>DFD U04 4578SWL</t>
  </si>
  <si>
    <t>5702329015400</t>
  </si>
  <si>
    <t>VELUX Verd.-Rollo Plus DFD U04 4578SWL</t>
  </si>
  <si>
    <t>DFD U04 4579S</t>
  </si>
  <si>
    <t>5702329007849</t>
  </si>
  <si>
    <t>VELUX Verd.-Rollo Plus DFD U04 4579S</t>
  </si>
  <si>
    <t>DFD U04 4579SWL</t>
  </si>
  <si>
    <t>5702329015417</t>
  </si>
  <si>
    <t>VELUX Verd.-Rollo Plus DFD U04 4579SWL</t>
  </si>
  <si>
    <t>DFD U04 4580S</t>
  </si>
  <si>
    <t>5702329007856</t>
  </si>
  <si>
    <t>VELUX Verd.-Rollo Plus DFD U04 4580S</t>
  </si>
  <si>
    <t>DFD U04 4580SWL</t>
  </si>
  <si>
    <t>5702329015424</t>
  </si>
  <si>
    <t>VELUX Verd.-Rollo Plus DFD U04 4580SWL</t>
  </si>
  <si>
    <t>DFD U04 4581S</t>
  </si>
  <si>
    <t>5702329007863</t>
  </si>
  <si>
    <t>VELUX Verd.-Rollo Plus DFD U04 4581S</t>
  </si>
  <si>
    <t>DFD U04 4581SWL</t>
  </si>
  <si>
    <t>5702329015431</t>
  </si>
  <si>
    <t>VELUX Verd.-Rollo Plus DFD U04 4581SWL</t>
  </si>
  <si>
    <t>DFD U04 4653S</t>
  </si>
  <si>
    <t>5702329282970</t>
  </si>
  <si>
    <t>VELUX Verd.-Rollo Plus DFD U04 4653S</t>
  </si>
  <si>
    <t>DFD U04 4653SWL</t>
  </si>
  <si>
    <t>5702329282987</t>
  </si>
  <si>
    <t>VELUX Verd.-Rollo Plus DFD U04 4653SWL</t>
  </si>
  <si>
    <t>DFD U04 4655S</t>
  </si>
  <si>
    <t>5702329283014</t>
  </si>
  <si>
    <t>VELUX Verd.-Rollo Plus DFD U04 4655S</t>
  </si>
  <si>
    <t>DFD U04 4659S</t>
  </si>
  <si>
    <t>5702329283038</t>
  </si>
  <si>
    <t>VELUX Verd.-Rollo Plus DFD U04 4659S</t>
  </si>
  <si>
    <t>DFD U04 4659SWL</t>
  </si>
  <si>
    <t>5702329283045</t>
  </si>
  <si>
    <t>VELUX Verd.-Rollo Plus DFD U04 4659SWL</t>
  </si>
  <si>
    <t>DFD U04 4660S</t>
  </si>
  <si>
    <t>5702329283052</t>
  </si>
  <si>
    <t>VELUX Verd.-Rollo Plus DFD U04 4660S</t>
  </si>
  <si>
    <t>DFD U04 4660SWL</t>
  </si>
  <si>
    <t>5702329283069</t>
  </si>
  <si>
    <t>VELUX Verd.-Rollo Plus DFD U04 4660SWL</t>
  </si>
  <si>
    <t>DFD U04 4665S</t>
  </si>
  <si>
    <t>5702329283090</t>
  </si>
  <si>
    <t>VELUX Verd.-Rollo Plus DFD U04 4665S</t>
  </si>
  <si>
    <t>DFD U04 4665SWL</t>
  </si>
  <si>
    <t>5702329283106</t>
  </si>
  <si>
    <t>VELUX Verd.-Rollo Plus DFD U04 4665SWL</t>
  </si>
  <si>
    <t>DFD U04 4666S</t>
  </si>
  <si>
    <t>5702329283113</t>
  </si>
  <si>
    <t>VELUX Verd.-Rollo Plus DFD U04 4666S</t>
  </si>
  <si>
    <t>DFD U04 4666SWL</t>
  </si>
  <si>
    <t>5702329283120</t>
  </si>
  <si>
    <t>VELUX Verd.-Rollo Plus DFD U04 4666SWL</t>
  </si>
  <si>
    <t>DFD U04 4667S</t>
  </si>
  <si>
    <t>5702329283137</t>
  </si>
  <si>
    <t>VELUX Verd.-Rollo Plus DFD U04 4667S</t>
  </si>
  <si>
    <t>DFD U04 4667SWL</t>
  </si>
  <si>
    <t>5702329283144</t>
  </si>
  <si>
    <t>VELUX Verd.-Rollo Plus DFD U04 4667SWL</t>
  </si>
  <si>
    <t>DFD U04 CBYS</t>
  </si>
  <si>
    <t>5702329270847</t>
  </si>
  <si>
    <t>VELUX Verd.-Rollo Plus DFD U04 CBYS</t>
  </si>
  <si>
    <t>DFD U04 CBYSWL</t>
  </si>
  <si>
    <t>5702329270854</t>
  </si>
  <si>
    <t>VELUX Verd.-Rollo Plus DFD U04 CBYSWL</t>
  </si>
  <si>
    <t>DFD U08 0705S</t>
  </si>
  <si>
    <t>5702327930095</t>
  </si>
  <si>
    <t>VELUX Verd.-Rollo Plus DFD U08 0705S</t>
  </si>
  <si>
    <t>DFD U08 0705SWL</t>
  </si>
  <si>
    <t>5702329015448</t>
  </si>
  <si>
    <t>VELUX Verd.-Rollo Plus DFD U08 0705SWL</t>
  </si>
  <si>
    <t>DFD U08 1025S</t>
  </si>
  <si>
    <t>5702327930101</t>
  </si>
  <si>
    <t>VELUX Verd.-Rollo Plus DFD U08 1025S</t>
  </si>
  <si>
    <t>DFD U08 1025SWL</t>
  </si>
  <si>
    <t>5702329015455</t>
  </si>
  <si>
    <t>VELUX Verd.-Rollo Plus DFD U08 1025SWL</t>
  </si>
  <si>
    <t>DFD U08 1085S</t>
  </si>
  <si>
    <t>5702327930118</t>
  </si>
  <si>
    <t>VELUX Verd.-Rollo Plus DFD U08 1085S</t>
  </si>
  <si>
    <t>DFD U08 1085SWL</t>
  </si>
  <si>
    <t>5702329015462</t>
  </si>
  <si>
    <t>VELUX Verd.-Rollo Plus DFD U08 1085SWL</t>
  </si>
  <si>
    <t>DFD U08 1100S</t>
  </si>
  <si>
    <t>5702327930125</t>
  </si>
  <si>
    <t>VELUX Verd.-Rollo Plus DFD U08 1100S</t>
  </si>
  <si>
    <t>DFD U08 1100SWL</t>
  </si>
  <si>
    <t>5702329015479</t>
  </si>
  <si>
    <t>VELUX Verd.-Rollo Plus DFD U08 1100SWL</t>
  </si>
  <si>
    <t>DFD U08 3009S</t>
  </si>
  <si>
    <t>5702327930156</t>
  </si>
  <si>
    <t>VELUX Verd.-Rollo Plus DFD U08 3009S</t>
  </si>
  <si>
    <t>DFD U08 3009SWL</t>
  </si>
  <si>
    <t>5702329015486</t>
  </si>
  <si>
    <t>VELUX Verd.-Rollo Plus DFD U08 3009SWL</t>
  </si>
  <si>
    <t>DFD U08 4556S</t>
  </si>
  <si>
    <t>5702327930170</t>
  </si>
  <si>
    <t>VELUX Verd.-Rollo Plus DFD U08 4556S</t>
  </si>
  <si>
    <t>DFD U08 4556SWL</t>
  </si>
  <si>
    <t>5702329015493</t>
  </si>
  <si>
    <t>VELUX Verd.-Rollo Plus DFD U08 4556SWL</t>
  </si>
  <si>
    <t>DFD U08 4559S</t>
  </si>
  <si>
    <t>5702327930194</t>
  </si>
  <si>
    <t>VELUX Verd.-Rollo Plus DFD U08 4559S</t>
  </si>
  <si>
    <t>DFD U08 4559SWL</t>
  </si>
  <si>
    <t>5702329015509</t>
  </si>
  <si>
    <t>VELUX Verd.-Rollo Plus DFD U08 4559SWL</t>
  </si>
  <si>
    <t>DFD U08 4564S</t>
  </si>
  <si>
    <t>5702327930248</t>
  </si>
  <si>
    <t>VELUX Verd.-Rollo Plus DFD U08 4564S</t>
  </si>
  <si>
    <t>DFD U08 4564SWL</t>
  </si>
  <si>
    <t>5702329015516</t>
  </si>
  <si>
    <t>VELUX Verd.-Rollo Plus DFD U08 4564SWL</t>
  </si>
  <si>
    <t>DFD U08 4574S</t>
  </si>
  <si>
    <t>5702329007870</t>
  </si>
  <si>
    <t>VELUX Verd.-Rollo Plus DFD U08 4574S</t>
  </si>
  <si>
    <t>DFD U08 4574SWL</t>
  </si>
  <si>
    <t>5702329015523</t>
  </si>
  <si>
    <t>VELUX Verd.-Rollo Plus DFD U08 4574SWL</t>
  </si>
  <si>
    <t>DFD U08 4575S</t>
  </si>
  <si>
    <t>5702329007887</t>
  </si>
  <si>
    <t>VELUX Verd.-Rollo Plus DFD U08 4575S</t>
  </si>
  <si>
    <t>DFD U08 4575SWL</t>
  </si>
  <si>
    <t>5702329015530</t>
  </si>
  <si>
    <t>VELUX Verd.-Rollo Plus DFD U08 4575SWL</t>
  </si>
  <si>
    <t>DFD U08 4576S</t>
  </si>
  <si>
    <t>5702329007894</t>
  </si>
  <si>
    <t>VELUX Verd.-Rollo Plus DFD U08 4576S</t>
  </si>
  <si>
    <t>DFD U08 4576SWL</t>
  </si>
  <si>
    <t>5702329015547</t>
  </si>
  <si>
    <t>VELUX Verd.-Rollo Plus DFD U08 4576SWL</t>
  </si>
  <si>
    <t>DFD U08 4577S</t>
  </si>
  <si>
    <t>5702329007900</t>
  </si>
  <si>
    <t>VELUX Verd.-Rollo Plus DFD U08 4577S</t>
  </si>
  <si>
    <t>DFD U08 4577SWL</t>
  </si>
  <si>
    <t>5702329015554</t>
  </si>
  <si>
    <t>VELUX Verd.-Rollo Plus DFD U08 4577SWL</t>
  </si>
  <si>
    <t>DFD U08 4578S</t>
  </si>
  <si>
    <t>5702329007917</t>
  </si>
  <si>
    <t>VELUX Verd.-Rollo Plus DFD U08 4578S</t>
  </si>
  <si>
    <t>DFD U08 4578SWL</t>
  </si>
  <si>
    <t>5702329015561</t>
  </si>
  <si>
    <t>VELUX Verd.-Rollo Plus DFD U08 4578SWL</t>
  </si>
  <si>
    <t>DFD U08 4579S</t>
  </si>
  <si>
    <t>5702329007924</t>
  </si>
  <si>
    <t>VELUX Verd.-Rollo Plus DFD U08 4579S</t>
  </si>
  <si>
    <t>DFD U08 4579SWL</t>
  </si>
  <si>
    <t>5702329015578</t>
  </si>
  <si>
    <t>VELUX Verd.-Rollo Plus DFD U08 4579SWL</t>
  </si>
  <si>
    <t>DFD U08 4580S</t>
  </si>
  <si>
    <t>5702329007931</t>
  </si>
  <si>
    <t>VELUX Verd.-Rollo Plus DFD U08 4580S</t>
  </si>
  <si>
    <t>DFD U08 4580SWL</t>
  </si>
  <si>
    <t>5702329015585</t>
  </si>
  <si>
    <t>VELUX Verd.-Rollo Plus DFD U08 4580SWL</t>
  </si>
  <si>
    <t>DFD U08 4581S</t>
  </si>
  <si>
    <t>5702329007948</t>
  </si>
  <si>
    <t>VELUX Verd.-Rollo Plus DFD U08 4581S</t>
  </si>
  <si>
    <t>DFD U08 4581SWL</t>
  </si>
  <si>
    <t>5702329015592</t>
  </si>
  <si>
    <t>VELUX Verd.-Rollo Plus DFD U08 4581SWL</t>
  </si>
  <si>
    <t>DFD U08 4653S</t>
  </si>
  <si>
    <t>5702329283151</t>
  </si>
  <si>
    <t>VELUX Verd.-Rollo Plus DFD U08 4653S</t>
  </si>
  <si>
    <t>DFD U08 4653SWL</t>
  </si>
  <si>
    <t>5702329283168</t>
  </si>
  <si>
    <t>VELUX Verd.-Rollo Plus DFD U08 4653SWL</t>
  </si>
  <si>
    <t>DFD U08 4654SWL</t>
  </si>
  <si>
    <t>5702329283182</t>
  </si>
  <si>
    <t>VELUX Verd.-Rollo Plus DFD U08 4654SWL</t>
  </si>
  <si>
    <t>DFD U08 4655S</t>
  </si>
  <si>
    <t>5702329283199</t>
  </si>
  <si>
    <t>VELUX Verd.-Rollo Plus DFD U08 4655S</t>
  </si>
  <si>
    <t>DFD U08 4659S</t>
  </si>
  <si>
    <t>5702329283212</t>
  </si>
  <si>
    <t>VELUX Verd.-Rollo Plus DFD U08 4659S</t>
  </si>
  <si>
    <t>DFD U08 4659SWL</t>
  </si>
  <si>
    <t>5702329283229</t>
  </si>
  <si>
    <t>VELUX Verd.-Rollo Plus DFD U08 4659SWL</t>
  </si>
  <si>
    <t>DFD U08 4660S</t>
  </si>
  <si>
    <t>5702329283236</t>
  </si>
  <si>
    <t>VELUX Verd.-Rollo Plus DFD U08 4660S</t>
  </si>
  <si>
    <t>DFD U08 4660SWL</t>
  </si>
  <si>
    <t>5702329283243</t>
  </si>
  <si>
    <t>VELUX Verd.-Rollo Plus DFD U08 4660SWL</t>
  </si>
  <si>
    <t>DFD U08 4665S</t>
  </si>
  <si>
    <t>5702329283274</t>
  </si>
  <si>
    <t>VELUX Verd.-Rollo Plus DFD U08 4665S</t>
  </si>
  <si>
    <t>DFD U08 4665SWL</t>
  </si>
  <si>
    <t>5702329283281</t>
  </si>
  <si>
    <t>VELUX Verd.-Rollo Plus DFD U08 4665SWL</t>
  </si>
  <si>
    <t>DFD U08 4666S</t>
  </si>
  <si>
    <t>5702329283298</t>
  </si>
  <si>
    <t>VELUX Verd.-Rollo Plus DFD U08 4666S</t>
  </si>
  <si>
    <t>DFD U08 4666SWL</t>
  </si>
  <si>
    <t>5702329283304</t>
  </si>
  <si>
    <t>VELUX Verd.-Rollo Plus DFD U08 4666SWL</t>
  </si>
  <si>
    <t>DFD U08 4667S</t>
  </si>
  <si>
    <t>5702329283311</t>
  </si>
  <si>
    <t>VELUX Verd.-Rollo Plus DFD U08 4667S</t>
  </si>
  <si>
    <t>DFD U08 4667SWL</t>
  </si>
  <si>
    <t>5702329283328</t>
  </si>
  <si>
    <t>VELUX Verd.-Rollo Plus DFD U08 4667SWL</t>
  </si>
  <si>
    <t>DFD U08 CBYS</t>
  </si>
  <si>
    <t>5702329270861</t>
  </si>
  <si>
    <t>VELUX Verd.-Rollo Plus DFD U08 CBYS</t>
  </si>
  <si>
    <t>DFD U08 CBYSWL</t>
  </si>
  <si>
    <t>5702329270878</t>
  </si>
  <si>
    <t>VELUX Verd.-Rollo Plus DFD U08 CBYSWL</t>
  </si>
  <si>
    <t>DFD U10 0705S</t>
  </si>
  <si>
    <t>5702327930330</t>
  </si>
  <si>
    <t>VELUX Verd.-Rollo Plus DFD U10 0705S</t>
  </si>
  <si>
    <t>DFD U10 0705SWL</t>
  </si>
  <si>
    <t>5702329015608</t>
  </si>
  <si>
    <t>VELUX Verd.-Rollo Plus DFD U10 0705SWL</t>
  </si>
  <si>
    <t>DFD U10 1025S</t>
  </si>
  <si>
    <t>5702327930347</t>
  </si>
  <si>
    <t>VELUX Verd.-Rollo Plus DFD U10 1025S</t>
  </si>
  <si>
    <t>DFD U10 1025SWL</t>
  </si>
  <si>
    <t>5702329015615</t>
  </si>
  <si>
    <t>VELUX Verd.-Rollo Plus DFD U10 1025SWL</t>
  </si>
  <si>
    <t>DFD U10 1085S</t>
  </si>
  <si>
    <t>5702327930354</t>
  </si>
  <si>
    <t>VELUX Verd.-Rollo Plus DFD U10 1085S</t>
  </si>
  <si>
    <t>DFD U10 1085SWL</t>
  </si>
  <si>
    <t>5702329015622</t>
  </si>
  <si>
    <t>VELUX Verd.-Rollo Plus DFD U10 1085SWL</t>
  </si>
  <si>
    <t>DFD U10 1100S</t>
  </si>
  <si>
    <t>5702327930361</t>
  </si>
  <si>
    <t>VELUX Verd.-Rollo Plus DFD U10 1100S</t>
  </si>
  <si>
    <t>DFD U10 1100SWL</t>
  </si>
  <si>
    <t>5702329015639</t>
  </si>
  <si>
    <t>VELUX Verd.-Rollo Plus DFD U10 1100SWL</t>
  </si>
  <si>
    <t>DFD U10 3009S</t>
  </si>
  <si>
    <t>5702327930392</t>
  </si>
  <si>
    <t>VELUX Verd.-Rollo Plus DFD U10 3009S</t>
  </si>
  <si>
    <t>DFD U10 3009SWL</t>
  </si>
  <si>
    <t>5702329015646</t>
  </si>
  <si>
    <t>VELUX Verd.-Rollo Plus DFD U10 3009SWL</t>
  </si>
  <si>
    <t>DFD U10 4556S</t>
  </si>
  <si>
    <t>5702327930415</t>
  </si>
  <si>
    <t>VELUX Verd.-Rollo Plus DFD U10 4556S</t>
  </si>
  <si>
    <t>DFD U10 4559S</t>
  </si>
  <si>
    <t>5702327930439</t>
  </si>
  <si>
    <t>VELUX Verd.-Rollo Plus DFD U10 4559S</t>
  </si>
  <si>
    <t>DFD U10 4575S</t>
  </si>
  <si>
    <t>5702329007962</t>
  </si>
  <si>
    <t>VELUX Verd.-Rollo Plus DFD U10 4575S</t>
  </si>
  <si>
    <t>DFD U10 4576S</t>
  </si>
  <si>
    <t>5702329007979</t>
  </si>
  <si>
    <t>VELUX Verd.-Rollo Plus DFD U10 4576S</t>
  </si>
  <si>
    <t>DFD U10 4577S</t>
  </si>
  <si>
    <t>5702329007986</t>
  </si>
  <si>
    <t>VELUX Verd.-Rollo Plus DFD U10 4577S</t>
  </si>
  <si>
    <t>DFD U10 4579S</t>
  </si>
  <si>
    <t>5702329008006</t>
  </si>
  <si>
    <t>VELUX Verd.-Rollo Plus DFD U10 4579S</t>
  </si>
  <si>
    <t>DFD U10 4579SWL</t>
  </si>
  <si>
    <t>5702329015738</t>
  </si>
  <si>
    <t>VELUX Verd.-Rollo Plus DFD U10 4579SWL</t>
  </si>
  <si>
    <t>DFD U10 4580S</t>
  </si>
  <si>
    <t>5702329008013</t>
  </si>
  <si>
    <t>VELUX Verd.-Rollo Plus DFD U10 4580S</t>
  </si>
  <si>
    <t>DFD U10 4581S</t>
  </si>
  <si>
    <t>5702329008020</t>
  </si>
  <si>
    <t>VELUX Verd.-Rollo Plus DFD U10 4581S</t>
  </si>
  <si>
    <t>DFD U10 4653S</t>
  </si>
  <si>
    <t>5702329283335</t>
  </si>
  <si>
    <t>VELUX Verd.-Rollo Plus DFD U10 4653S</t>
  </si>
  <si>
    <t>DFD U10 4659S</t>
  </si>
  <si>
    <t>5702329283397</t>
  </si>
  <si>
    <t>VELUX Verd.-Rollo Plus DFD U10 4659S</t>
  </si>
  <si>
    <t>DFD U10 4660S</t>
  </si>
  <si>
    <t>5702329283410</t>
  </si>
  <si>
    <t>VELUX Verd.-Rollo Plus DFD U10 4660S</t>
  </si>
  <si>
    <t>DFD U10 CBYS</t>
  </si>
  <si>
    <t>5702329270885</t>
  </si>
  <si>
    <t>VELUX Verd.-Rollo Plus DFD U10 CBYS</t>
  </si>
  <si>
    <t>DFD U10 CBYSWL</t>
  </si>
  <si>
    <t>5702329270892</t>
  </si>
  <si>
    <t>VELUX Verd.-Rollo Plus DFD U10 CBYSWL</t>
  </si>
  <si>
    <t>DFD UK04 0705S</t>
  </si>
  <si>
    <t>5702327930576</t>
  </si>
  <si>
    <t>VELUX Verd.-Rollo Plus DFD UK04 0705S</t>
  </si>
  <si>
    <t>DFD UK04 0705SWL</t>
  </si>
  <si>
    <t>5702329015769</t>
  </si>
  <si>
    <t>VELUX Verd.-Rollo Plus DFD UK04 0705SWL</t>
  </si>
  <si>
    <t>DFD UK04 1025S</t>
  </si>
  <si>
    <t>5702327930583</t>
  </si>
  <si>
    <t>VELUX Verd.-Rollo Plus DFD UK04 1025S</t>
  </si>
  <si>
    <t>DFD UK04 1025SWL</t>
  </si>
  <si>
    <t>5702329015776</t>
  </si>
  <si>
    <t>VELUX Verd.-Rollo Plus DFD UK04 1025SWL</t>
  </si>
  <si>
    <t>DFD UK04 1085S</t>
  </si>
  <si>
    <t>5702327930590</t>
  </si>
  <si>
    <t>VELUX Verd.-Rollo Plus DFD UK04 1085S</t>
  </si>
  <si>
    <t>DFD UK04 1085SWL</t>
  </si>
  <si>
    <t>5702329015783</t>
  </si>
  <si>
    <t>VELUX Verd.-Rollo Plus DFD UK04 1085SWL</t>
  </si>
  <si>
    <t>DFD UK04 1100S</t>
  </si>
  <si>
    <t>5702327930606</t>
  </si>
  <si>
    <t>VELUX Verd.-Rollo Plus DFD UK04 1100S</t>
  </si>
  <si>
    <t>DFD UK04 1100SWL</t>
  </si>
  <si>
    <t>5702329015790</t>
  </si>
  <si>
    <t>VELUX Verd.-Rollo Plus DFD UK04 1100SWL</t>
  </si>
  <si>
    <t>DFD UK04 3009S</t>
  </si>
  <si>
    <t>5702327930637</t>
  </si>
  <si>
    <t>VELUX Verd.-Rollo Plus DFD UK04 3009S</t>
  </si>
  <si>
    <t>DFD UK04 3009SWL</t>
  </si>
  <si>
    <t>5702329015806</t>
  </si>
  <si>
    <t>VELUX Verd.-Rollo Plus DFD UK04 3009SWL</t>
  </si>
  <si>
    <t>DFD UK04 4556S</t>
  </si>
  <si>
    <t>5702327930651</t>
  </si>
  <si>
    <t>VELUX Verd.-Rollo Plus DFD UK04 4556S</t>
  </si>
  <si>
    <t>DFD UK04 4556SWL</t>
  </si>
  <si>
    <t>5702329015813</t>
  </si>
  <si>
    <t>VELUX Verd.-Rollo Plus DFD UK04 4556SWL</t>
  </si>
  <si>
    <t>DFD UK04 4559S</t>
  </si>
  <si>
    <t>5702327930675</t>
  </si>
  <si>
    <t>VELUX Verd.-Rollo Plus DFD UK04 4559S</t>
  </si>
  <si>
    <t>DFD UK04 4559SWL</t>
  </si>
  <si>
    <t>5702329015820</t>
  </si>
  <si>
    <t>VELUX Verd.-Rollo Plus DFD UK04 4559SWL</t>
  </si>
  <si>
    <t>DFD UK04 4564S</t>
  </si>
  <si>
    <t>5702327930729</t>
  </si>
  <si>
    <t>VELUX Verd.-Rollo Plus DFD UK04 4564S</t>
  </si>
  <si>
    <t>DFD UK04 4564SWL</t>
  </si>
  <si>
    <t>5702329015837</t>
  </si>
  <si>
    <t>VELUX Verd.-Rollo Plus DFD UK04 4564SWL</t>
  </si>
  <si>
    <t>DFD UK04 4574S</t>
  </si>
  <si>
    <t>5702329008037</t>
  </si>
  <si>
    <t>VELUX Verd.-Rollo Plus DFD UK04 4574S</t>
  </si>
  <si>
    <t>DFD UK04 4574SWL</t>
  </si>
  <si>
    <t>5702329015844</t>
  </si>
  <si>
    <t>VELUX Verd.-Rollo Plus DFD UK04 4574SWL</t>
  </si>
  <si>
    <t>DFD UK04 4575S</t>
  </si>
  <si>
    <t>5702329008044</t>
  </si>
  <si>
    <t>VELUX Verd.-Rollo Plus DFD UK04 4575S</t>
  </si>
  <si>
    <t>DFD UK04 4575SWL</t>
  </si>
  <si>
    <t>5702329015851</t>
  </si>
  <si>
    <t>VELUX Verd.-Rollo Plus DFD UK04 4575SWL</t>
  </si>
  <si>
    <t>DFD UK04 4576S</t>
  </si>
  <si>
    <t>5702329008051</t>
  </si>
  <si>
    <t>VELUX Verd.-Rollo Plus DFD UK04 4576S</t>
  </si>
  <si>
    <t>DFD UK04 4576SWL</t>
  </si>
  <si>
    <t>5702329015868</t>
  </si>
  <si>
    <t>VELUX Verd.-Rollo Plus DFD UK04 4576SWL</t>
  </si>
  <si>
    <t>DFD UK04 4577S</t>
  </si>
  <si>
    <t>5702329008068</t>
  </si>
  <si>
    <t>VELUX Verd.-Rollo Plus DFD UK04 4577S</t>
  </si>
  <si>
    <t>DFD UK04 4577SWL</t>
  </si>
  <si>
    <t>5702329015875</t>
  </si>
  <si>
    <t>VELUX Verd.-Rollo Plus DFD UK04 4577SWL</t>
  </si>
  <si>
    <t>DFD UK04 4578S</t>
  </si>
  <si>
    <t>5702329008075</t>
  </si>
  <si>
    <t>VELUX Verd.-Rollo Plus DFD UK04 4578S</t>
  </si>
  <si>
    <t>DFD UK04 4578SWL</t>
  </si>
  <si>
    <t>5702329015882</t>
  </si>
  <si>
    <t>VELUX Verd.-Rollo Plus DFD UK04 4578SWL</t>
  </si>
  <si>
    <t>DFD UK04 4579S</t>
  </si>
  <si>
    <t>5702329008082</t>
  </si>
  <si>
    <t>VELUX Verd.-Rollo Plus DFD UK04 4579S</t>
  </si>
  <si>
    <t>DFD UK04 4579SWL</t>
  </si>
  <si>
    <t>5702329015899</t>
  </si>
  <si>
    <t>VELUX Verd.-Rollo Plus DFD UK04 4579SWL</t>
  </si>
  <si>
    <t>DFD UK04 4580S</t>
  </si>
  <si>
    <t>5702329008099</t>
  </si>
  <si>
    <t>VELUX Verd.-Rollo Plus DFD UK04 4580S</t>
  </si>
  <si>
    <t>DFD UK04 4580SWL</t>
  </si>
  <si>
    <t>5702329015905</t>
  </si>
  <si>
    <t>VELUX Verd.-Rollo Plus DFD UK04 4580SWL</t>
  </si>
  <si>
    <t>DFD UK04 4581S</t>
  </si>
  <si>
    <t>5702329008105</t>
  </si>
  <si>
    <t>VELUX Verd.-Rollo Plus DFD UK04 4581S</t>
  </si>
  <si>
    <t>DFD UK04 4581SWL</t>
  </si>
  <si>
    <t>5702329015912</t>
  </si>
  <si>
    <t>VELUX Verd.-Rollo Plus DFD UK04 4581SWL</t>
  </si>
  <si>
    <t>DFD UK04 4653S</t>
  </si>
  <si>
    <t>5702329283519</t>
  </si>
  <si>
    <t>VELUX Verd.-Rollo Plus DFD UK04 4653S</t>
  </si>
  <si>
    <t>DFD UK04 4653SWL</t>
  </si>
  <si>
    <t>5702329283526</t>
  </si>
  <si>
    <t>VELUX Verd.-Rollo Plus DFD UK04 4653SWL</t>
  </si>
  <si>
    <t>DFD UK04 4659SWL</t>
  </si>
  <si>
    <t>5702329283588</t>
  </si>
  <si>
    <t>VELUX Verd.-Rollo Plus DFD UK04 4659SWL</t>
  </si>
  <si>
    <t>DFD UK04 4660S</t>
  </si>
  <si>
    <t>5702329283595</t>
  </si>
  <si>
    <t>VELUX Verd.-Rollo Plus DFD UK04 4660S</t>
  </si>
  <si>
    <t>DFD UK04 4660SWL</t>
  </si>
  <si>
    <t>5702329283601</t>
  </si>
  <si>
    <t>VELUX Verd.-Rollo Plus DFD UK04 4660SWL</t>
  </si>
  <si>
    <t>DFD UK04 4661S</t>
  </si>
  <si>
    <t>5702329283618</t>
  </si>
  <si>
    <t>VELUX Verd.-Rollo Plus DFD UK04 4661S</t>
  </si>
  <si>
    <t>DFD UK04 4661SWL</t>
  </si>
  <si>
    <t>5702329283625</t>
  </si>
  <si>
    <t>VELUX Verd.-Rollo Plus DFD UK04 4661SWL</t>
  </si>
  <si>
    <t>DFD UK04 4665S</t>
  </si>
  <si>
    <t>5702329283632</t>
  </si>
  <si>
    <t>VELUX Verd.-Rollo Plus DFD UK04 4665S</t>
  </si>
  <si>
    <t>DFD UK04 4665SWL</t>
  </si>
  <si>
    <t>5702329283649</t>
  </si>
  <si>
    <t>VELUX Verd.-Rollo Plus DFD UK04 4665SWL</t>
  </si>
  <si>
    <t>DFD UK04 4666S</t>
  </si>
  <si>
    <t>5702329283656</t>
  </si>
  <si>
    <t>VELUX Verd.-Rollo Plus DFD UK04 4666S</t>
  </si>
  <si>
    <t>DFD UK04 4666SWL</t>
  </si>
  <si>
    <t>5702329283663</t>
  </si>
  <si>
    <t>VELUX Verd.-Rollo Plus DFD UK04 4666SWL</t>
  </si>
  <si>
    <t>DFD UK04 4667SWL</t>
  </si>
  <si>
    <t>5702329283687</t>
  </si>
  <si>
    <t>VELUX Verd.-Rollo Plus DFD UK04 4667SWL</t>
  </si>
  <si>
    <t>DFD UK04 CBYS</t>
  </si>
  <si>
    <t>5702329270908</t>
  </si>
  <si>
    <t>VELUX Verd.-Rollo Plus DFD UK04 CBYS</t>
  </si>
  <si>
    <t>DFD UK04 CBYSWL</t>
  </si>
  <si>
    <t>5702329270915</t>
  </si>
  <si>
    <t>VELUX Verd.-Rollo Plus DFD UK04 CBYSWL</t>
  </si>
  <si>
    <t>DFD UK08 0705S</t>
  </si>
  <si>
    <t>5702327930811</t>
  </si>
  <si>
    <t>VELUX Verd.-Rollo Plus DFD UK08 0705S</t>
  </si>
  <si>
    <t>DFD UK08 0705SWL</t>
  </si>
  <si>
    <t>5702329015929</t>
  </si>
  <si>
    <t>VELUX Verd.-Rollo Plus DFD UK08 0705SWL</t>
  </si>
  <si>
    <t>DFD UK08 1025S</t>
  </si>
  <si>
    <t>5702327930828</t>
  </si>
  <si>
    <t>VELUX Verd.-Rollo Plus DFD UK08 1025S</t>
  </si>
  <si>
    <t>DFD UK08 1025SWL</t>
  </si>
  <si>
    <t>5702329015936</t>
  </si>
  <si>
    <t>VELUX Verd.-Rollo Plus DFD UK08 1025SWL</t>
  </si>
  <si>
    <t>DFD UK08 1085S</t>
  </si>
  <si>
    <t>5702327930835</t>
  </si>
  <si>
    <t>VELUX Verd.-Rollo Plus DFD UK08 1085S</t>
  </si>
  <si>
    <t>DFD UK08 1085SWL</t>
  </si>
  <si>
    <t>5702329015943</t>
  </si>
  <si>
    <t>VELUX Verd.-Rollo Plus DFD UK08 1085SWL</t>
  </si>
  <si>
    <t>DFD UK08 1100S</t>
  </si>
  <si>
    <t>5702327930842</t>
  </si>
  <si>
    <t>VELUX Verd.-Rollo Plus DFD UK08 1100S</t>
  </si>
  <si>
    <t>DFD UK08 1100SWL</t>
  </si>
  <si>
    <t>5702329015950</t>
  </si>
  <si>
    <t>VELUX Verd.-Rollo Plus DFD UK08 1100SWL</t>
  </si>
  <si>
    <t>DFD UK08 3009S</t>
  </si>
  <si>
    <t>5702327930873</t>
  </si>
  <si>
    <t>VELUX Verd.-Rollo Plus DFD UK08 3009S</t>
  </si>
  <si>
    <t>DFD UK08 3009SWL</t>
  </si>
  <si>
    <t>5702329015967</t>
  </si>
  <si>
    <t>VELUX Verd.-Rollo Plus DFD UK08 3009SWL</t>
  </si>
  <si>
    <t>DFD UK08 4556S</t>
  </si>
  <si>
    <t>5702327930897</t>
  </si>
  <si>
    <t>VELUX Verd.-Rollo Plus DFD UK08 4556S</t>
  </si>
  <si>
    <t>DFD UK08 4556SWL</t>
  </si>
  <si>
    <t>5702329015974</t>
  </si>
  <si>
    <t>VELUX Verd.-Rollo Plus DFD UK08 4556SWL</t>
  </si>
  <si>
    <t>DFD UK08 4559S</t>
  </si>
  <si>
    <t>5702327930910</t>
  </si>
  <si>
    <t>VELUX Verd.-Rollo Plus DFD UK08 4559S</t>
  </si>
  <si>
    <t>DFD UK08 4559SWL</t>
  </si>
  <si>
    <t>5702329015981</t>
  </si>
  <si>
    <t>VELUX Verd.-Rollo Plus DFD UK08 4559SWL</t>
  </si>
  <si>
    <t>DFD UK08 4564S</t>
  </si>
  <si>
    <t>5702327930965</t>
  </si>
  <si>
    <t>VELUX Verd.-Rollo Plus DFD UK08 4564S</t>
  </si>
  <si>
    <t>DFD UK08 4564SWL</t>
  </si>
  <si>
    <t>5702329015998</t>
  </si>
  <si>
    <t>VELUX Verd.-Rollo Plus DFD UK08 4564SWL</t>
  </si>
  <si>
    <t>DFD UK08 4574S</t>
  </si>
  <si>
    <t>5702329008112</t>
  </si>
  <si>
    <t>VELUX Verd.-Rollo Plus DFD UK08 4574S</t>
  </si>
  <si>
    <t>DFD UK08 4574SWL</t>
  </si>
  <si>
    <t>5702329016001</t>
  </si>
  <si>
    <t>VELUX Verd.-Rollo Plus DFD UK08 4574SWL</t>
  </si>
  <si>
    <t>DFD UK08 4575S</t>
  </si>
  <si>
    <t>5702329008129</t>
  </si>
  <si>
    <t>VELUX Verd.-Rollo Plus DFD UK08 4575S</t>
  </si>
  <si>
    <t>DFD UK08 4575SWL</t>
  </si>
  <si>
    <t>5702329016018</t>
  </si>
  <si>
    <t>VELUX Verd.-Rollo Plus DFD UK08 4575SWL</t>
  </si>
  <si>
    <t>DFD UK08 4576S</t>
  </si>
  <si>
    <t>5702329008136</t>
  </si>
  <si>
    <t>VELUX Verd.-Rollo Plus DFD UK08 4576S</t>
  </si>
  <si>
    <t>DFD UK08 4576SWL</t>
  </si>
  <si>
    <t>5702329016025</t>
  </si>
  <si>
    <t>VELUX Verd.-Rollo Plus DFD UK08 4576SWL</t>
  </si>
  <si>
    <t>DFD UK08 4577S</t>
  </si>
  <si>
    <t>5702329008143</t>
  </si>
  <si>
    <t>VELUX Verd.-Rollo Plus DFD UK08 4577S</t>
  </si>
  <si>
    <t>DFD UK08 4577SWL</t>
  </si>
  <si>
    <t>5702329016032</t>
  </si>
  <si>
    <t>VELUX Verd.-Rollo Plus DFD UK08 4577SWL</t>
  </si>
  <si>
    <t>DFD UK08 4578S</t>
  </si>
  <si>
    <t>5702329008150</t>
  </si>
  <si>
    <t>VELUX Verd.-Rollo Plus DFD UK08 4578S</t>
  </si>
  <si>
    <t>DFD UK08 4578SWL</t>
  </si>
  <si>
    <t>5702329016049</t>
  </si>
  <si>
    <t>VELUX Verd.-Rollo Plus DFD UK08 4578SWL</t>
  </si>
  <si>
    <t>DFD UK08 4579S</t>
  </si>
  <si>
    <t>5702329008167</t>
  </si>
  <si>
    <t>VELUX Verd.-Rollo Plus DFD UK08 4579S</t>
  </si>
  <si>
    <t>DFD UK08 4579SWL</t>
  </si>
  <si>
    <t>5702329016056</t>
  </si>
  <si>
    <t>VELUX Verd.-Rollo Plus DFD UK08 4579SWL</t>
  </si>
  <si>
    <t>DFD UK08 4580S</t>
  </si>
  <si>
    <t>5702329008174</t>
  </si>
  <si>
    <t>VELUX Verd.-Rollo Plus DFD UK08 4580S</t>
  </si>
  <si>
    <t>DFD UK08 4580SWL</t>
  </si>
  <si>
    <t>5702329016063</t>
  </si>
  <si>
    <t>VELUX Verd.-Rollo Plus DFD UK08 4580SWL</t>
  </si>
  <si>
    <t>DFD UK08 4581S</t>
  </si>
  <si>
    <t>5702329008181</t>
  </si>
  <si>
    <t>VELUX Verd.-Rollo Plus DFD UK08 4581S</t>
  </si>
  <si>
    <t>DFD UK08 4581SWL</t>
  </si>
  <si>
    <t>5702329016070</t>
  </si>
  <si>
    <t>VELUX Verd.-Rollo Plus DFD UK08 4581SWL</t>
  </si>
  <si>
    <t>DFD UK08 4653S</t>
  </si>
  <si>
    <t>5702329283694</t>
  </si>
  <si>
    <t>VELUX Verd.-Rollo Plus DFD UK08 4653S</t>
  </si>
  <si>
    <t>DFD UK08 4653SWL</t>
  </si>
  <si>
    <t>5702329283700</t>
  </si>
  <si>
    <t>VELUX Verd.-Rollo Plus DFD UK08 4653SWL</t>
  </si>
  <si>
    <t>DFD UK08 4654SWL</t>
  </si>
  <si>
    <t>5702329283724</t>
  </si>
  <si>
    <t>VELUX Verd.-Rollo Plus DFD UK08 4654SWL</t>
  </si>
  <si>
    <t>DFD UK08 4659S</t>
  </si>
  <si>
    <t>5702329283755</t>
  </si>
  <si>
    <t>VELUX Verd.-Rollo Plus DFD UK08 4659S</t>
  </si>
  <si>
    <t>DFD UK08 4659SWL</t>
  </si>
  <si>
    <t>5702329283762</t>
  </si>
  <si>
    <t>VELUX Verd.-Rollo Plus DFD UK08 4659SWL</t>
  </si>
  <si>
    <t>DFD UK08 4660S</t>
  </si>
  <si>
    <t>5702329283779</t>
  </si>
  <si>
    <t>VELUX Verd.-Rollo Plus DFD UK08 4660S</t>
  </si>
  <si>
    <t>DFD UK08 4660SWL</t>
  </si>
  <si>
    <t>5702329283786</t>
  </si>
  <si>
    <t>VELUX Verd.-Rollo Plus DFD UK08 4660SWL</t>
  </si>
  <si>
    <t>DFD UK08 4661S</t>
  </si>
  <si>
    <t>5702329283793</t>
  </si>
  <si>
    <t>VELUX Verd.-Rollo Plus DFD UK08 4661S</t>
  </si>
  <si>
    <t>DFD UK08 4661SWL</t>
  </si>
  <si>
    <t>5702329283809</t>
  </si>
  <si>
    <t>VELUX Verd.-Rollo Plus DFD UK08 4661SWL</t>
  </si>
  <si>
    <t>DFD UK08 4665S</t>
  </si>
  <si>
    <t>5702329283816</t>
  </si>
  <si>
    <t>VELUX Verd.-Rollo Plus DFD UK08 4665S</t>
  </si>
  <si>
    <t>DFD UK08 4665SWL</t>
  </si>
  <si>
    <t>5702329283823</t>
  </si>
  <si>
    <t>VELUX Verd.-Rollo Plus DFD UK08 4665SWL</t>
  </si>
  <si>
    <t>DFD UK08 4666S</t>
  </si>
  <si>
    <t>5702329283830</t>
  </si>
  <si>
    <t>VELUX Verd.-Rollo Plus DFD UK08 4666S</t>
  </si>
  <si>
    <t>DFD UK08 4666SWL</t>
  </si>
  <si>
    <t>5702329283847</t>
  </si>
  <si>
    <t>VELUX Verd.-Rollo Plus DFD UK08 4666SWL</t>
  </si>
  <si>
    <t>DFD UK08 4667S</t>
  </si>
  <si>
    <t>5702329283854</t>
  </si>
  <si>
    <t>VELUX Verd.-Rollo Plus DFD UK08 4667S</t>
  </si>
  <si>
    <t>DFD UK08 4667SWL</t>
  </si>
  <si>
    <t>5702329283861</t>
  </si>
  <si>
    <t>VELUX Verd.-Rollo Plus DFD UK08 4667SWL</t>
  </si>
  <si>
    <t>DFD UK08 CBYS</t>
  </si>
  <si>
    <t>5702329270922</t>
  </si>
  <si>
    <t>VELUX Verd.-Rollo Plus DFD UK08 CBYS</t>
  </si>
  <si>
    <t>DFD UK08 CBYSWL</t>
  </si>
  <si>
    <t>5702329270939</t>
  </si>
  <si>
    <t>VELUX Verd.-Rollo Plus DFD UK08 CBYSWL</t>
  </si>
  <si>
    <t>DFD UK10 0705S</t>
  </si>
  <si>
    <t>5702327931054</t>
  </si>
  <si>
    <t>VELUX Verd.-Rollo Plus DFD UK10 0705S</t>
  </si>
  <si>
    <t>DFD UK10 0705SWL</t>
  </si>
  <si>
    <t>5702329016087</t>
  </si>
  <si>
    <t>VELUX Verd.-Rollo Plus DFD UK10 0705SWL</t>
  </si>
  <si>
    <t>DFD UK10 1025S</t>
  </si>
  <si>
    <t>5702327931061</t>
  </si>
  <si>
    <t>VELUX Verd.-Rollo Plus DFD UK10 1025S</t>
  </si>
  <si>
    <t>DFD UK10 1025SWL</t>
  </si>
  <si>
    <t>5702329016094</t>
  </si>
  <si>
    <t>VELUX Verd.-Rollo Plus DFD UK10 1025SWL</t>
  </si>
  <si>
    <t>DFD UK10 1085S</t>
  </si>
  <si>
    <t>5702327931078</t>
  </si>
  <si>
    <t>VELUX Verd.-Rollo Plus DFD UK10 1085S</t>
  </si>
  <si>
    <t>DFD UK10 1085SWL</t>
  </si>
  <si>
    <t>5702329016100</t>
  </si>
  <si>
    <t>VELUX Verd.-Rollo Plus DFD UK10 1085SWL</t>
  </si>
  <si>
    <t>DFD UK10 1100S</t>
  </si>
  <si>
    <t>5702327931085</t>
  </si>
  <si>
    <t>VELUX Verd.-Rollo Plus DFD UK10 1100S</t>
  </si>
  <si>
    <t>DFD UK10 1100SWL</t>
  </si>
  <si>
    <t>5702329016117</t>
  </si>
  <si>
    <t>VELUX Verd.-Rollo Plus DFD UK10 1100SWL</t>
  </si>
  <si>
    <t>DFD UK10 3009S</t>
  </si>
  <si>
    <t>5702327931115</t>
  </si>
  <si>
    <t>VELUX Verd.-Rollo Plus DFD UK10 3009S</t>
  </si>
  <si>
    <t>DFD UK10 3009SWL</t>
  </si>
  <si>
    <t>5702329016124</t>
  </si>
  <si>
    <t>VELUX Verd.-Rollo Plus DFD UK10 3009SWL</t>
  </si>
  <si>
    <t>DFD UK10 4556S</t>
  </si>
  <si>
    <t>5702327931139</t>
  </si>
  <si>
    <t>VELUX Verd.-Rollo Plus DFD UK10 4556S</t>
  </si>
  <si>
    <t>DFD UK10 4556SWL</t>
  </si>
  <si>
    <t>5702329016131</t>
  </si>
  <si>
    <t>VELUX Verd.-Rollo Plus DFD UK10 4556SWL</t>
  </si>
  <si>
    <t>DFD UK10 4559S</t>
  </si>
  <si>
    <t>5702327931153</t>
  </si>
  <si>
    <t>VELUX Verd.-Rollo Plus DFD UK10 4559S</t>
  </si>
  <si>
    <t>DFD UK10 4564S</t>
  </si>
  <si>
    <t>5702327931207</t>
  </si>
  <si>
    <t>VELUX Verd.-Rollo Plus DFD UK10 4564S</t>
  </si>
  <si>
    <t>DFD UK10 4574SWL</t>
  </si>
  <si>
    <t>5702329016162</t>
  </si>
  <si>
    <t>VELUX Verd.-Rollo Plus DFD UK10 4574SWL</t>
  </si>
  <si>
    <t>DFD UK10 4575SWL</t>
  </si>
  <si>
    <t>5702329016179</t>
  </si>
  <si>
    <t>VELUX Verd.-Rollo Plus DFD UK10 4575SWL</t>
  </si>
  <si>
    <t>DFD UK10 4576S</t>
  </si>
  <si>
    <t>5702329008211</t>
  </si>
  <si>
    <t>VELUX Verd.-Rollo Plus DFD UK10 4576S</t>
  </si>
  <si>
    <t>DFD UK10 4576SWL</t>
  </si>
  <si>
    <t>5702329016186</t>
  </si>
  <si>
    <t>VELUX Verd.-Rollo Plus DFD UK10 4576SWL</t>
  </si>
  <si>
    <t>DFD UK10 4577SWL</t>
  </si>
  <si>
    <t>5702329016193</t>
  </si>
  <si>
    <t>VELUX Verd.-Rollo Plus DFD UK10 4577SWL</t>
  </si>
  <si>
    <t>DFD UK10 4578S</t>
  </si>
  <si>
    <t>5702329008235</t>
  </si>
  <si>
    <t>VELUX Verd.-Rollo Plus DFD UK10 4578S</t>
  </si>
  <si>
    <t>DFD UK10 4578SWL</t>
  </si>
  <si>
    <t>5702329016209</t>
  </si>
  <si>
    <t>VELUX Verd.-Rollo Plus DFD UK10 4578SWL</t>
  </si>
  <si>
    <t>DFD UK10 4579S</t>
  </si>
  <si>
    <t>5702329008242</t>
  </si>
  <si>
    <t>VELUX Verd.-Rollo Plus DFD UK10 4579S</t>
  </si>
  <si>
    <t>DFD UK10 4580S</t>
  </si>
  <si>
    <t>5702329008259</t>
  </si>
  <si>
    <t>VELUX Verd.-Rollo Plus DFD UK10 4580S</t>
  </si>
  <si>
    <t>DFD UK10 4580SWL</t>
  </si>
  <si>
    <t>5702329016223</t>
  </si>
  <si>
    <t>VELUX Verd.-Rollo Plus DFD UK10 4580SWL</t>
  </si>
  <si>
    <t>DFD UK10 4581S</t>
  </si>
  <si>
    <t>5702329008266</t>
  </si>
  <si>
    <t>VELUX Verd.-Rollo Plus DFD UK10 4581S</t>
  </si>
  <si>
    <t>DFD UK10 4581SWL</t>
  </si>
  <si>
    <t>5702329016230</t>
  </si>
  <si>
    <t>VELUX Verd.-Rollo Plus DFD UK10 4581SWL</t>
  </si>
  <si>
    <t>DFD UK10 4653S</t>
  </si>
  <si>
    <t>5702329283878</t>
  </si>
  <si>
    <t>VELUX Verd.-Rollo Plus DFD UK10 4653S</t>
  </si>
  <si>
    <t>DFD UK10 4653SWL</t>
  </si>
  <si>
    <t>5702329283885</t>
  </si>
  <si>
    <t>VELUX Verd.-Rollo Plus DFD UK10 4653SWL</t>
  </si>
  <si>
    <t>DFD UK10 4659S</t>
  </si>
  <si>
    <t>5702329283939</t>
  </si>
  <si>
    <t>VELUX Verd.-Rollo Plus DFD UK10 4659S</t>
  </si>
  <si>
    <t>DFD UK10 4659SWL</t>
  </si>
  <si>
    <t>5702329283946</t>
  </si>
  <si>
    <t>VELUX Verd.-Rollo Plus DFD UK10 4659SWL</t>
  </si>
  <si>
    <t>DFD UK10 4660SWL</t>
  </si>
  <si>
    <t>5702329283960</t>
  </si>
  <si>
    <t>VELUX Verd.-Rollo Plus DFD UK10 4660SWL</t>
  </si>
  <si>
    <t>DFD UK10 4665SWL</t>
  </si>
  <si>
    <t>5702329284004</t>
  </si>
  <si>
    <t>VELUX Verd.-Rollo Plus DFD UK10 4665SWL</t>
  </si>
  <si>
    <t>DFD UK10 4666SWL</t>
  </si>
  <si>
    <t>5702329284028</t>
  </si>
  <si>
    <t>VELUX Verd.-Rollo Plus DFD UK10 4666SWL</t>
  </si>
  <si>
    <t>DFD UK10 4667SWL</t>
  </si>
  <si>
    <t>5702329284042</t>
  </si>
  <si>
    <t>VELUX Verd.-Rollo Plus DFD UK10 4667SWL</t>
  </si>
  <si>
    <t>DFD UK10 CBYS</t>
  </si>
  <si>
    <t>5702329270946</t>
  </si>
  <si>
    <t>VELUX Verd.-Rollo Plus DFD UK10 CBYS</t>
  </si>
  <si>
    <t>DFD UK10 CBYSWL</t>
  </si>
  <si>
    <t>5702329270953</t>
  </si>
  <si>
    <t>VELUX Verd.-Rollo Plus DFD UK10 CBYSWL</t>
  </si>
  <si>
    <t>DG 021 1025S</t>
  </si>
  <si>
    <t>5702325650568</t>
  </si>
  <si>
    <t>VELUX Verd.-Rollo man. DG 021 1025S</t>
  </si>
  <si>
    <t>Weiß, alu Schiene, Standard</t>
  </si>
  <si>
    <t>DG 021 1085S</t>
  </si>
  <si>
    <t>5702325650575</t>
  </si>
  <si>
    <t>VELUX Verd.-Rollo man. DG 021 1085S</t>
  </si>
  <si>
    <t>Hellbeige, alu Schiene, Standard</t>
  </si>
  <si>
    <t>DG 021 1100S</t>
  </si>
  <si>
    <t>5702325650582</t>
  </si>
  <si>
    <t>VELUX Verd.-Rollo man. DG 021 1100S</t>
  </si>
  <si>
    <t>Dunkelblau, alu Schiene, Standard</t>
  </si>
  <si>
    <t>DG 023 1025S</t>
  </si>
  <si>
    <t>5702325650964</t>
  </si>
  <si>
    <t>VELUX Verd.-Rollo man. DG 023 1025S</t>
  </si>
  <si>
    <t>DG 023 1085S</t>
  </si>
  <si>
    <t>5702325650971</t>
  </si>
  <si>
    <t>VELUX Verd.-Rollo man. DG 023 1085S</t>
  </si>
  <si>
    <t>DG 023 1100S</t>
  </si>
  <si>
    <t>5702325650988</t>
  </si>
  <si>
    <t>VELUX Verd.-Rollo man. DG 023 1100S</t>
  </si>
  <si>
    <t>DG 033 1025S</t>
  </si>
  <si>
    <t>5702325651367</t>
  </si>
  <si>
    <t>VELUX Verd.-Rollo man. DG 033 1025S</t>
  </si>
  <si>
    <t>DG 033 1085S</t>
  </si>
  <si>
    <t>5702325651374</t>
  </si>
  <si>
    <t>VELUX Verd.-Rollo man. DG 033 1085S</t>
  </si>
  <si>
    <t>DG 033 1100S</t>
  </si>
  <si>
    <t>5702325651381</t>
  </si>
  <si>
    <t>VELUX Verd.-Rollo man. DG 033 1100S</t>
  </si>
  <si>
    <t>DG 035 1025S</t>
  </si>
  <si>
    <t>5702325651763</t>
  </si>
  <si>
    <t>VELUX Verd.-Rollo man. DG 035 1025S</t>
  </si>
  <si>
    <t>DG 035 1085S</t>
  </si>
  <si>
    <t>5702325651770</t>
  </si>
  <si>
    <t>VELUX Verd.-Rollo man. DG 035 1085S</t>
  </si>
  <si>
    <t>DG 035 1100S</t>
  </si>
  <si>
    <t>5702325651787</t>
  </si>
  <si>
    <t>VELUX Verd.-Rollo man. DG 035 1100S</t>
  </si>
  <si>
    <t>DG 043 1025S</t>
  </si>
  <si>
    <t>5702325652166</t>
  </si>
  <si>
    <t>VELUX Verd.-Rollo man. DG 043 1025S</t>
  </si>
  <si>
    <t>DG 043 1085S</t>
  </si>
  <si>
    <t>5702325652173</t>
  </si>
  <si>
    <t>VELUX Verd.-Rollo man. DG 043 1085S</t>
  </si>
  <si>
    <t>DG 043 1100S</t>
  </si>
  <si>
    <t>5702325652180</t>
  </si>
  <si>
    <t>VELUX Verd.-Rollo man. DG 043 1100S</t>
  </si>
  <si>
    <t>DG 045 1025S</t>
  </si>
  <si>
    <t>5702325652562</t>
  </si>
  <si>
    <t>VELUX Verd.-Rollo man. DG 045 1025S</t>
  </si>
  <si>
    <t>DG 045 1085S</t>
  </si>
  <si>
    <t>5702325652579</t>
  </si>
  <si>
    <t>VELUX Verd.-Rollo man. DG 045 1085S</t>
  </si>
  <si>
    <t>DG 045 1100S</t>
  </si>
  <si>
    <t>5702325652586</t>
  </si>
  <si>
    <t>VELUX Verd.-Rollo man. DG 045 1100S</t>
  </si>
  <si>
    <t>DG 047 1025S</t>
  </si>
  <si>
    <t>5702325652968</t>
  </si>
  <si>
    <t>VELUX Verd.-Rollo man. DG 047 1025S</t>
  </si>
  <si>
    <t>DG 047 1085S</t>
  </si>
  <si>
    <t>5702325652975</t>
  </si>
  <si>
    <t>VELUX Verd.-Rollo man. DG 047 1085S</t>
  </si>
  <si>
    <t>DG 047 1100S</t>
  </si>
  <si>
    <t>5702325652982</t>
  </si>
  <si>
    <t>VELUX Verd.-Rollo man. DG 047 1100S</t>
  </si>
  <si>
    <t>DG 065 1025S</t>
  </si>
  <si>
    <t>5702325653361</t>
  </si>
  <si>
    <t>VELUX Verd.-Rollo man. DG 065 1025S</t>
  </si>
  <si>
    <t>DG 065 1085S</t>
  </si>
  <si>
    <t>5702325653378</t>
  </si>
  <si>
    <t>VELUX Verd.-Rollo man. DG 065 1085S</t>
  </si>
  <si>
    <t>DG 065 1100S</t>
  </si>
  <si>
    <t>5702325653385</t>
  </si>
  <si>
    <t>VELUX Verd.-Rollo man. DG 065 1100S</t>
  </si>
  <si>
    <t>DG 067 1025S</t>
  </si>
  <si>
    <t>5702325653767</t>
  </si>
  <si>
    <t>VELUX Verd.-Rollo man. DG 067 1025S</t>
  </si>
  <si>
    <t>DG 067 1085S</t>
  </si>
  <si>
    <t>5702325653774</t>
  </si>
  <si>
    <t>VELUX Verd.-Rollo man. DG 067 1085S</t>
  </si>
  <si>
    <t>DG 067 1100S</t>
  </si>
  <si>
    <t>5702325653781</t>
  </si>
  <si>
    <t>VELUX Verd.-Rollo man. DG 067 1100S</t>
  </si>
  <si>
    <t>DG 085 1025S</t>
  </si>
  <si>
    <t>5702325654160</t>
  </si>
  <si>
    <t>VELUX Verd.-Rollo man. DG 085 1025S</t>
  </si>
  <si>
    <t>DG 085 1085S</t>
  </si>
  <si>
    <t>5702325654177</t>
  </si>
  <si>
    <t>VELUX Verd.-Rollo man. DG 085 1085S</t>
  </si>
  <si>
    <t>DG 085 1100S</t>
  </si>
  <si>
    <t>5702325654184</t>
  </si>
  <si>
    <t>VELUX Verd.-Rollo man. DG 085 1100S</t>
  </si>
  <si>
    <t>DG 087 1025S</t>
  </si>
  <si>
    <t>5702325654566</t>
  </si>
  <si>
    <t>VELUX Verd.-Rollo man. DG 087 1025S</t>
  </si>
  <si>
    <t>DG 087 1085S</t>
  </si>
  <si>
    <t>5702325654573</t>
  </si>
  <si>
    <t>VELUX Verd.-Rollo man. DG 087 1085S</t>
  </si>
  <si>
    <t>DG 087 1100S</t>
  </si>
  <si>
    <t>5702325654580</t>
  </si>
  <si>
    <t>VELUX Verd.-Rollo man. DG 087 1100S</t>
  </si>
  <si>
    <t>DG 089 1025S</t>
  </si>
  <si>
    <t>5702325654962</t>
  </si>
  <si>
    <t>VELUX Verd.-Rollo man. DG 089 1025S</t>
  </si>
  <si>
    <t>DG 089 1085S</t>
  </si>
  <si>
    <t>5702325654979</t>
  </si>
  <si>
    <t>VELUX Verd.-Rollo man. DG 089 1085S</t>
  </si>
  <si>
    <t>DG 089 1100S</t>
  </si>
  <si>
    <t>5702325654986</t>
  </si>
  <si>
    <t>VELUX Verd.-Rollo man. DG 089 1100S</t>
  </si>
  <si>
    <t>DG 107 1025S</t>
  </si>
  <si>
    <t>5702325655365</t>
  </si>
  <si>
    <t>VELUX Verd.-Rollo man. DG 107 1025S</t>
  </si>
  <si>
    <t>DG 107 1085S</t>
  </si>
  <si>
    <t>5702325655372</t>
  </si>
  <si>
    <t>VELUX Verd.-Rollo man. DG 107 1085S</t>
  </si>
  <si>
    <t>DG 107 1100S</t>
  </si>
  <si>
    <t>5702325655389</t>
  </si>
  <si>
    <t>VELUX Verd.-Rollo man. DG 107 1100S</t>
  </si>
  <si>
    <t>DG 109 1025S</t>
  </si>
  <si>
    <t>5702325655761</t>
  </si>
  <si>
    <t>VELUX Verd.-Rollo man. DG 109 1025S</t>
  </si>
  <si>
    <t>DG 109 1085S</t>
  </si>
  <si>
    <t>5702325655778</t>
  </si>
  <si>
    <t>VELUX Verd.-Rollo man. DG 109 1085S</t>
  </si>
  <si>
    <t>DG 109 1100S</t>
  </si>
  <si>
    <t>5702325655785</t>
  </si>
  <si>
    <t>VELUX Verd.-Rollo man. DG 109 1100S</t>
  </si>
  <si>
    <t>DJ 035 1025S</t>
  </si>
  <si>
    <t>5702325657369</t>
  </si>
  <si>
    <t>VELUX Verd.-Rollo man. DJ 035 1025S</t>
  </si>
  <si>
    <t>DJ 035 1085S</t>
  </si>
  <si>
    <t>5702325657376</t>
  </si>
  <si>
    <t>VELUX Verd.-Rollo man. DJ 035 1085S</t>
  </si>
  <si>
    <t>DJ 035 1100S</t>
  </si>
  <si>
    <t>5702325657383</t>
  </si>
  <si>
    <t>VELUX Verd.-Rollo man. DJ 035 1100S</t>
  </si>
  <si>
    <t>DJ 045 1025S</t>
  </si>
  <si>
    <t>5702325658168</t>
  </si>
  <si>
    <t>VELUX Verd.-Rollo man. DJ 045 1025S</t>
  </si>
  <si>
    <t>DJ 045 1085S</t>
  </si>
  <si>
    <t>5702325658175</t>
  </si>
  <si>
    <t>VELUX Verd.-Rollo man. DJ 045 1085S</t>
  </si>
  <si>
    <t>DJ 045 1100S</t>
  </si>
  <si>
    <t>5702325658182</t>
  </si>
  <si>
    <t>VELUX Verd.-Rollo man. DJ 045 1100S</t>
  </si>
  <si>
    <t>DJ 065 1025S</t>
  </si>
  <si>
    <t>5702325658960</t>
  </si>
  <si>
    <t>VELUX Verd.-Rollo man. DJ 065 1025S</t>
  </si>
  <si>
    <t>DJ 065 1085S</t>
  </si>
  <si>
    <t>5702325658977</t>
  </si>
  <si>
    <t>VELUX Verd.-Rollo man. DJ 065 1085S</t>
  </si>
  <si>
    <t>DJ 065 1100S</t>
  </si>
  <si>
    <t>5702325658984</t>
  </si>
  <si>
    <t>VELUX Verd.-Rollo man. DJ 065 1100S</t>
  </si>
  <si>
    <t>DJ 067 1025S</t>
  </si>
  <si>
    <t>5702325659363</t>
  </si>
  <si>
    <t>VELUX Verd.-Rollo man. DJ 067 1025S</t>
  </si>
  <si>
    <t>DJ 067 1085S</t>
  </si>
  <si>
    <t>5702325659370</t>
  </si>
  <si>
    <t>VELUX Verd.-Rollo man. DJ 067 1085S</t>
  </si>
  <si>
    <t>DJ 067 1100S</t>
  </si>
  <si>
    <t>5702325659387</t>
  </si>
  <si>
    <t>VELUX Verd.-Rollo man. DJ 067 1100S</t>
  </si>
  <si>
    <t>DJ 085 1025S</t>
  </si>
  <si>
    <t>5702325659769</t>
  </si>
  <si>
    <t>VELUX Verd.-Rollo man. DJ 085 1025S</t>
  </si>
  <si>
    <t>DJ 085 1085S</t>
  </si>
  <si>
    <t>5702325659776</t>
  </si>
  <si>
    <t>VELUX Verd.-Rollo man. DJ 085 1085S</t>
  </si>
  <si>
    <t>DJ 085 1100S</t>
  </si>
  <si>
    <t>5702325659783</t>
  </si>
  <si>
    <t>VELUX Verd.-Rollo man. DJ 085 1100S</t>
  </si>
  <si>
    <t>DJ 087 1025S</t>
  </si>
  <si>
    <t>5702325660161</t>
  </si>
  <si>
    <t>VELUX Verd.-Rollo man. DJ 087 1025S</t>
  </si>
  <si>
    <t>DJ 087 1085S</t>
  </si>
  <si>
    <t>5702325660178</t>
  </si>
  <si>
    <t>VELUX Verd.-Rollo man. DJ 087 1085S</t>
  </si>
  <si>
    <t>DJ 087 1100S</t>
  </si>
  <si>
    <t>5702325660185</t>
  </si>
  <si>
    <t>VELUX Verd.-Rollo man. DJ 087 1100S</t>
  </si>
  <si>
    <t>DJ 107 1025S</t>
  </si>
  <si>
    <t>5702325660567</t>
  </si>
  <si>
    <t>VELUX Verd.-Rollo man. DJ 107 1025S</t>
  </si>
  <si>
    <t>DJ 107 1085S</t>
  </si>
  <si>
    <t>5702325660574</t>
  </si>
  <si>
    <t>VELUX Verd.-Rollo man. DJ 107 1085S</t>
  </si>
  <si>
    <t>DJ 107 1100S</t>
  </si>
  <si>
    <t>5702325660581</t>
  </si>
  <si>
    <t>VELUX Verd.-Rollo man. DJ 107 1100S</t>
  </si>
  <si>
    <t>DKL 0811 0705S</t>
  </si>
  <si>
    <t>5702329416108</t>
  </si>
  <si>
    <t>VELUX Verd.-Rollo man. DKL 0811 0705S</t>
  </si>
  <si>
    <t>Grau, alu Schiene, Standard</t>
  </si>
  <si>
    <t>DKL 0811 1025S</t>
  </si>
  <si>
    <t>5702329416115</t>
  </si>
  <si>
    <t>VELUX Verd.-Rollo man. DKL 0811 1025S</t>
  </si>
  <si>
    <t>DKL 0811 1085S</t>
  </si>
  <si>
    <t>5702329416122</t>
  </si>
  <si>
    <t>VELUX Verd.-Rollo man. DKL 0811 1085S</t>
  </si>
  <si>
    <t>DKL 0811 3009S</t>
  </si>
  <si>
    <t>5702329416146</t>
  </si>
  <si>
    <t>VELUX Verd.-Rollo man. DKL 0811 3009S</t>
  </si>
  <si>
    <t>Schwarz, alu Schiene, Premium</t>
  </si>
  <si>
    <t>DKL 0811 4579S</t>
  </si>
  <si>
    <t>5702329416238</t>
  </si>
  <si>
    <t>VELUX Verd.-Rollo man. DKL 0811 4579S</t>
  </si>
  <si>
    <t>Sandbeige gep., alu Schiene, Premium</t>
  </si>
  <si>
    <t>DKL 1011 0705S</t>
  </si>
  <si>
    <t>5702329416276</t>
  </si>
  <si>
    <t>VELUX Verd.-Rollo man. DKL 1011 0705S</t>
  </si>
  <si>
    <t>DKL 1011 1025S</t>
  </si>
  <si>
    <t>5702329416283</t>
  </si>
  <si>
    <t>VELUX Verd.-Rollo man. DKL 1011 1025S</t>
  </si>
  <si>
    <t>DKL 1011 1085S</t>
  </si>
  <si>
    <t>5702329416290</t>
  </si>
  <si>
    <t>VELUX Verd.-Rollo man. DKL 1011 1085S</t>
  </si>
  <si>
    <t>DKL 1011 1100S</t>
  </si>
  <si>
    <t>5702329416306</t>
  </si>
  <si>
    <t>VELUX Verd.-Rollo man. DKL 1011 1100S</t>
  </si>
  <si>
    <t>DKL 1011 3009S</t>
  </si>
  <si>
    <t>5702329416313</t>
  </si>
  <si>
    <t>VELUX Verd.-Rollo man. DKL 1011 3009S</t>
  </si>
  <si>
    <t>DKL 1011 4575S</t>
  </si>
  <si>
    <t>5702329416368</t>
  </si>
  <si>
    <t>VELUX Verd.-Rollo man. DKL 1011 4575S</t>
  </si>
  <si>
    <t>Olivebeige gep., alu Schiene, Premium</t>
  </si>
  <si>
    <t>DKL 1011 4580S</t>
  </si>
  <si>
    <t>5702329416412</t>
  </si>
  <si>
    <t>VELUX Verd.-Rollo man. DKL 1011 4580S</t>
  </si>
  <si>
    <t>Helltaupe, alu Schiene, Premium</t>
  </si>
  <si>
    <t>DKL 1014 0705S</t>
  </si>
  <si>
    <t>5702329416443</t>
  </si>
  <si>
    <t>VELUX Verd.-Rollo man. DKL 1014 0705S</t>
  </si>
  <si>
    <t>DKL 1014 1025S</t>
  </si>
  <si>
    <t>5702329416450</t>
  </si>
  <si>
    <t>VELUX Verd.-Rollo man. DKL 1014 1025S</t>
  </si>
  <si>
    <t>DKL 1014 1085S</t>
  </si>
  <si>
    <t>5702329416467</t>
  </si>
  <si>
    <t>VELUX Verd.-Rollo man. DKL 1014 1085S</t>
  </si>
  <si>
    <t>DKL 1014 1100S</t>
  </si>
  <si>
    <t>5702329416474</t>
  </si>
  <si>
    <t>VELUX Verd.-Rollo man. DKL 1014 1100S</t>
  </si>
  <si>
    <t>DKL 1014 4576S</t>
  </si>
  <si>
    <t>5702329416542</t>
  </si>
  <si>
    <t>VELUX Verd.-Rollo man. DKL 1014 4576S</t>
  </si>
  <si>
    <t>Himmelblau, alu Schiene, Premium</t>
  </si>
  <si>
    <t>DKL 1014 4580S</t>
  </si>
  <si>
    <t>5702329416580</t>
  </si>
  <si>
    <t>VELUX Verd.-Rollo man. DKL 1014 4580S</t>
  </si>
  <si>
    <t>DKL 102 0705S</t>
  </si>
  <si>
    <t>5702325098988</t>
  </si>
  <si>
    <t>VELUX Verd.-Rollo man. DKL 102 0705S</t>
  </si>
  <si>
    <t>DKL 102 1025S</t>
  </si>
  <si>
    <t>5702325099008</t>
  </si>
  <si>
    <t>VELUX Verd.-Rollo man. DKL 102 1025S</t>
  </si>
  <si>
    <t>DKL 102 1085S</t>
  </si>
  <si>
    <t>5702325099015</t>
  </si>
  <si>
    <t>VELUX Verd.-Rollo man. DKL 102 1085S</t>
  </si>
  <si>
    <t>DKL 102 1100S</t>
  </si>
  <si>
    <t>5702325099022</t>
  </si>
  <si>
    <t>VELUX Verd.-Rollo man. DKL 102 1100S</t>
  </si>
  <si>
    <t>DKL 104 0705S</t>
  </si>
  <si>
    <t>5702325099442</t>
  </si>
  <si>
    <t>VELUX Verd.-Rollo man. DKL 104 0705S</t>
  </si>
  <si>
    <t>DKL 104 1025S</t>
  </si>
  <si>
    <t>5702325099466</t>
  </si>
  <si>
    <t>VELUX Verd.-Rollo man. DKL 104 1025S</t>
  </si>
  <si>
    <t>DKL 104 1085S</t>
  </si>
  <si>
    <t>5702325099473</t>
  </si>
  <si>
    <t>VELUX Verd.-Rollo man. DKL 104 1085S</t>
  </si>
  <si>
    <t>DKL 104 1100S</t>
  </si>
  <si>
    <t>5702325099480</t>
  </si>
  <si>
    <t>VELUX Verd.-Rollo man. DKL 104 1100S</t>
  </si>
  <si>
    <t>DKL 204 0705S</t>
  </si>
  <si>
    <t>5702325099909</t>
  </si>
  <si>
    <t>VELUX Verd.-Rollo man. DKL 204 0705S</t>
  </si>
  <si>
    <t>DKL 204 1025S</t>
  </si>
  <si>
    <t>5702325099923</t>
  </si>
  <si>
    <t>VELUX Verd.-Rollo man. DKL 204 1025S</t>
  </si>
  <si>
    <t>DKL 204 1085S</t>
  </si>
  <si>
    <t>5702325099930</t>
  </si>
  <si>
    <t>VELUX Verd.-Rollo man. DKL 204 1085S</t>
  </si>
  <si>
    <t>DKL 204 1100S</t>
  </si>
  <si>
    <t>5702325099947</t>
  </si>
  <si>
    <t>VELUX Verd.-Rollo man. DKL 204 1100S</t>
  </si>
  <si>
    <t>DKL 206 0705S</t>
  </si>
  <si>
    <t>5702325100360</t>
  </si>
  <si>
    <t>VELUX Verd.-Rollo man. DKL 206 0705S</t>
  </si>
  <si>
    <t>DKL 206 1025S</t>
  </si>
  <si>
    <t>5702325100384</t>
  </si>
  <si>
    <t>VELUX Verd.-Rollo man. DKL 206 1025S</t>
  </si>
  <si>
    <t>DKL 206 1085S</t>
  </si>
  <si>
    <t>5702325100391</t>
  </si>
  <si>
    <t>VELUX Verd.-Rollo man. DKL 206 1085S</t>
  </si>
  <si>
    <t>DKL 206 1100S</t>
  </si>
  <si>
    <t>5702325100407</t>
  </si>
  <si>
    <t>VELUX Verd.-Rollo man. DKL 206 1100S</t>
  </si>
  <si>
    <t>DKL C02 0705S</t>
  </si>
  <si>
    <t>5702325085643</t>
  </si>
  <si>
    <t>VELUX Verd.-Rollo man. DKL C02 0705S</t>
  </si>
  <si>
    <t>DKL C02 0705SWL</t>
  </si>
  <si>
    <t>5702325625801</t>
  </si>
  <si>
    <t>VELUX Verd.-Rollo man. DKL C02 0705SWL</t>
  </si>
  <si>
    <t>Grau, weiße Schiene, Standard</t>
  </si>
  <si>
    <t>DKL C02 1025S</t>
  </si>
  <si>
    <t>5702325085667</t>
  </si>
  <si>
    <t>VELUX Verd.-Rollo man. DKL C02 1025S</t>
  </si>
  <si>
    <t>DKL C02 1025SWL</t>
  </si>
  <si>
    <t>5702325625825</t>
  </si>
  <si>
    <t>VELUX Verd.-Rollo man. DKL C02 1025SWL</t>
  </si>
  <si>
    <t>Weiß, weiße Schiene, Standard</t>
  </si>
  <si>
    <t>DKL C02 1085S</t>
  </si>
  <si>
    <t>5702325085674</t>
  </si>
  <si>
    <t>VELUX Verd.-Rollo man. DKL C02 1085S</t>
  </si>
  <si>
    <t>DKL C02 1085SWL</t>
  </si>
  <si>
    <t>5702325625832</t>
  </si>
  <si>
    <t>VELUX Verd.-Rollo man. DKL C02 1085SWL</t>
  </si>
  <si>
    <t>Hellbeige, weiße Schiene, Standard</t>
  </si>
  <si>
    <t>DKL C02 1100S</t>
  </si>
  <si>
    <t>5702325085681</t>
  </si>
  <si>
    <t>VELUX Verd.-Rollo man. DKL C02 1100S</t>
  </si>
  <si>
    <t>DKL C02 1100SWL</t>
  </si>
  <si>
    <t>5702325625849</t>
  </si>
  <si>
    <t>VELUX Verd.-Rollo man. DKL C02 1100SWL</t>
  </si>
  <si>
    <t>Dunkelblau, weiße Schiene, Standard</t>
  </si>
  <si>
    <t>DKL C02 3009S</t>
  </si>
  <si>
    <t>5702325137533</t>
  </si>
  <si>
    <t>VELUX Verd.-Rollo man. DKL C02 3009S</t>
  </si>
  <si>
    <t>DKL C02 3009SWL</t>
  </si>
  <si>
    <t>5702325626013</t>
  </si>
  <si>
    <t>VELUX Verd.-Rollo man. DKL C02 3009SWL</t>
  </si>
  <si>
    <t>Schwarz, weiße Schiene, Premium</t>
  </si>
  <si>
    <t>DKL C02 4556S</t>
  </si>
  <si>
    <t>5702327415158</t>
  </si>
  <si>
    <t>VELUX Verd.-Rollo man. DKL C02 4556S</t>
  </si>
  <si>
    <t>Sandbeige, alu Schiene, Premium</t>
  </si>
  <si>
    <t>DKL C02 4556SWL</t>
  </si>
  <si>
    <t>5702328806726</t>
  </si>
  <si>
    <t>VELUX Verd.-Rollo man. DKL C02 4556SWL</t>
  </si>
  <si>
    <t>Sandbeige, weiße Schiene, Premium</t>
  </si>
  <si>
    <t>DKL C02 4559S</t>
  </si>
  <si>
    <t>5702327415189</t>
  </si>
  <si>
    <t>VELUX Verd.-Rollo man. DKL C02 4559S</t>
  </si>
  <si>
    <t>Rehbraun, alu Schiene, Premium</t>
  </si>
  <si>
    <t>DKL C02 4559SWL</t>
  </si>
  <si>
    <t>5702328806740</t>
  </si>
  <si>
    <t>VELUX Verd.-Rollo man. DKL C02 4559SWL</t>
  </si>
  <si>
    <t>Rehbraun, weiße Schiene, Premium</t>
  </si>
  <si>
    <t>DKL C02 4564S</t>
  </si>
  <si>
    <t>5702327415233</t>
  </si>
  <si>
    <t>VELUX Verd.-Rollo man. DKL C02 4564S</t>
  </si>
  <si>
    <t>Orange, alu Schiene, Premium</t>
  </si>
  <si>
    <t>DKL C02 4564SWL</t>
  </si>
  <si>
    <t>5702328806795</t>
  </si>
  <si>
    <t>VELUX Verd.-Rollo man. DKL C02 4564SWL</t>
  </si>
  <si>
    <t>Orange, weiße Schiene, Premium</t>
  </si>
  <si>
    <t>DKL C02 4574S</t>
  </si>
  <si>
    <t>5702328965843</t>
  </si>
  <si>
    <t>VELUX Verd.-Rollo man. DKL C02 4574S</t>
  </si>
  <si>
    <t>Nougat, alu Schiene, Premium</t>
  </si>
  <si>
    <t>DKL C02 4574SWL</t>
  </si>
  <si>
    <t>5702328973244</t>
  </si>
  <si>
    <t>VELUX Verd.-Rollo man. DKL C02 4574SWL</t>
  </si>
  <si>
    <t>Nougat, weiße Schiene, Premium</t>
  </si>
  <si>
    <t>DKL C02 4575S</t>
  </si>
  <si>
    <t>5702328965850</t>
  </si>
  <si>
    <t>VELUX Verd.-Rollo man. DKL C02 4575S</t>
  </si>
  <si>
    <t>DKL C02 4575SWL</t>
  </si>
  <si>
    <t>5702328973251</t>
  </si>
  <si>
    <t>VELUX Verd.-Rollo man. DKL C02 4575SWL</t>
  </si>
  <si>
    <t>Olivebeige gep., weiße Schiene, Premium</t>
  </si>
  <si>
    <t>DKL C02 4576S</t>
  </si>
  <si>
    <t>5702328965867</t>
  </si>
  <si>
    <t>VELUX Verd.-Rollo man. DKL C02 4576S</t>
  </si>
  <si>
    <t>DKL C02 4576SWL</t>
  </si>
  <si>
    <t>5702328973268</t>
  </si>
  <si>
    <t>VELUX Verd.-Rollo man. DKL C02 4576SWL</t>
  </si>
  <si>
    <t>Himmelblau, weiße Schiene, Premium</t>
  </si>
  <si>
    <t>DKL C02 4577S</t>
  </si>
  <si>
    <t>5702328965874</t>
  </si>
  <si>
    <t>VELUX Verd.-Rollo man. DKL C02 4577S</t>
  </si>
  <si>
    <t>Taupe, alu Schiene, Premium</t>
  </si>
  <si>
    <t>DKL C02 4577SWL</t>
  </si>
  <si>
    <t>5702328973275</t>
  </si>
  <si>
    <t>VELUX Verd.-Rollo man. DKL C02 4577SWL</t>
  </si>
  <si>
    <t>Taupe, weiße Schiene, Premium</t>
  </si>
  <si>
    <t>DKL C02 4578S</t>
  </si>
  <si>
    <t>5702328965881</t>
  </si>
  <si>
    <t>VELUX Verd.-Rollo man. DKL C02 4578S</t>
  </si>
  <si>
    <t>Rosenholz, alu Schiene, Premium</t>
  </si>
  <si>
    <t>DKL C02 4578SWL</t>
  </si>
  <si>
    <t>5702328973282</t>
  </si>
  <si>
    <t>VELUX Verd.-Rollo man. DKL C02 4578SWL</t>
  </si>
  <si>
    <t>Rosenholz, weiße Schiene, Premium</t>
  </si>
  <si>
    <t>DKL C02 4579S</t>
  </si>
  <si>
    <t>5702328965898</t>
  </si>
  <si>
    <t>VELUX Verd.-Rollo man. DKL C02 4579S</t>
  </si>
  <si>
    <t>DKL C02 4579SWL</t>
  </si>
  <si>
    <t>5702328973299</t>
  </si>
  <si>
    <t>VELUX Verd.-Rollo man. DKL C02 4579SWL</t>
  </si>
  <si>
    <t>Sandbeige gep., weiße Schiene, Premium</t>
  </si>
  <si>
    <t>DKL C02 4580S</t>
  </si>
  <si>
    <t>5702328965904</t>
  </si>
  <si>
    <t>VELUX Verd.-Rollo man. DKL C02 4580S</t>
  </si>
  <si>
    <t>DKL C02 4580SWL</t>
  </si>
  <si>
    <t>5702328973305</t>
  </si>
  <si>
    <t>VELUX Verd.-Rollo man. DKL C02 4580SWL</t>
  </si>
  <si>
    <t>Helltaupe, weiße Schiene, Premium</t>
  </si>
  <si>
    <t>DKL C02 4581S</t>
  </si>
  <si>
    <t>5702328965911</t>
  </si>
  <si>
    <t>VELUX Verd.-Rollo man. DKL C02 4581S</t>
  </si>
  <si>
    <t>Blaugrau, alu Schiene, Premium</t>
  </si>
  <si>
    <t>DKL C02 4581SWL</t>
  </si>
  <si>
    <t>5702328973312</t>
  </si>
  <si>
    <t>VELUX Verd.-Rollo man. DKL C02 4581SWL</t>
  </si>
  <si>
    <t>Blaugrau, weiße Schiene, Premium</t>
  </si>
  <si>
    <t>DKL C02 4653S</t>
  </si>
  <si>
    <t>5702328521650</t>
  </si>
  <si>
    <t>VELUX Verd.-Rollo man. DKL C02 4653S</t>
  </si>
  <si>
    <t>DKL C02 4653SWL</t>
  </si>
  <si>
    <t>5702328806917</t>
  </si>
  <si>
    <t>VELUX Verd.-Rollo man. DKL C02 4653SWL</t>
  </si>
  <si>
    <t>DKL C02 4654S</t>
  </si>
  <si>
    <t>5702328521667</t>
  </si>
  <si>
    <t>VELUX Verd.-Rollo man. DKL C02 4654S</t>
  </si>
  <si>
    <t>DKL C02 4654SWL</t>
  </si>
  <si>
    <t>5702328806924</t>
  </si>
  <si>
    <t>VELUX Verd.-Rollo man. DKL C02 4654SWL</t>
  </si>
  <si>
    <t>DKL C02 4655S</t>
  </si>
  <si>
    <t>5702328521674</t>
  </si>
  <si>
    <t>VELUX Verd.-Rollo man. DKL C02 4655S</t>
  </si>
  <si>
    <t>DKL C02 4659S</t>
  </si>
  <si>
    <t>5702328521711</t>
  </si>
  <si>
    <t>VELUX Verd.-Rollo man. DKL C02 4659S</t>
  </si>
  <si>
    <t>DKL C02 4659SWL</t>
  </si>
  <si>
    <t>5702328806979</t>
  </si>
  <si>
    <t>VELUX Verd.-Rollo man. DKL C02 4659SWL</t>
  </si>
  <si>
    <t>DKL C02 4660S</t>
  </si>
  <si>
    <t>5702328521728</t>
  </si>
  <si>
    <t>VELUX Verd.-Rollo man. DKL C02 4660S</t>
  </si>
  <si>
    <t>DKL C02 4660SWL</t>
  </si>
  <si>
    <t>5702328806986</t>
  </si>
  <si>
    <t>VELUX Verd.-Rollo man. DKL C02 4660SWL</t>
  </si>
  <si>
    <t>DKL C02 4661S</t>
  </si>
  <si>
    <t>5702328521735</t>
  </si>
  <si>
    <t>VELUX Verd.-Rollo man. DKL C02 4661S</t>
  </si>
  <si>
    <t>DKL C02 4661SWL</t>
  </si>
  <si>
    <t>5702328806993</t>
  </si>
  <si>
    <t>VELUX Verd.-Rollo man. DKL C02 4661SWL</t>
  </si>
  <si>
    <t>DKL C02 4665S</t>
  </si>
  <si>
    <t>5702328521773</t>
  </si>
  <si>
    <t>VELUX Verd.-Rollo man. DKL C02 4665S</t>
  </si>
  <si>
    <t>DKL C02 4665SWL</t>
  </si>
  <si>
    <t>5702328807037</t>
  </si>
  <si>
    <t>VELUX Verd.-Rollo man. DKL C02 4665SWL</t>
  </si>
  <si>
    <t>DKL C02 4666S</t>
  </si>
  <si>
    <t>5702328521780</t>
  </si>
  <si>
    <t>VELUX Verd.-Rollo man. DKL C02 4666S</t>
  </si>
  <si>
    <t>DKL C02 4666SWL</t>
  </si>
  <si>
    <t>5702328807044</t>
  </si>
  <si>
    <t>VELUX Verd.-Rollo man. DKL C02 4666SWL</t>
  </si>
  <si>
    <t>DKL C02 4667S</t>
  </si>
  <si>
    <t>5702328521797</t>
  </si>
  <si>
    <t>VELUX Verd.-Rollo man. DKL C02 4667S</t>
  </si>
  <si>
    <t>DKL C02 4667SWL</t>
  </si>
  <si>
    <t>5702328807051</t>
  </si>
  <si>
    <t>VELUX Verd.-Rollo man. DKL C02 4667SWL</t>
  </si>
  <si>
    <t>DKL C02 CBYS</t>
  </si>
  <si>
    <t>5702328765597</t>
  </si>
  <si>
    <t>VELUX Verd.-Rollo man. DKL C02 CBYS</t>
  </si>
  <si>
    <t>DKL C02 CBYSWL</t>
  </si>
  <si>
    <t>5702328860926</t>
  </si>
  <si>
    <t>VELUX Verd.-Rollo man. DKL C02 CBYSWL</t>
  </si>
  <si>
    <t>DKL C04 0705S</t>
  </si>
  <si>
    <t>5702325086107</t>
  </si>
  <si>
    <t>VELUX Verd.-Rollo man. DKL C04 0705S</t>
  </si>
  <si>
    <t>DKL C04 0705SWL</t>
  </si>
  <si>
    <t>5702325626211</t>
  </si>
  <si>
    <t>VELUX Verd.-Rollo man. DKL C04 0705SWL</t>
  </si>
  <si>
    <t>DKL C04 1025S</t>
  </si>
  <si>
    <t>5702325086121</t>
  </si>
  <si>
    <t>VELUX Verd.-Rollo man. DKL C04 1025S</t>
  </si>
  <si>
    <t>DKL C04 1025SWL</t>
  </si>
  <si>
    <t>5702325626235</t>
  </si>
  <si>
    <t>VELUX Verd.-Rollo man. DKL C04 1025SWL</t>
  </si>
  <si>
    <t>DKL C04 1085S</t>
  </si>
  <si>
    <t>5702325086138</t>
  </si>
  <si>
    <t>VELUX Verd.-Rollo man. DKL C04 1085S</t>
  </si>
  <si>
    <t>DKL C04 1085SWL</t>
  </si>
  <si>
    <t>5702325626242</t>
  </si>
  <si>
    <t>VELUX Verd.-Rollo man. DKL C04 1085SWL</t>
  </si>
  <si>
    <t>DKL C04 1100S</t>
  </si>
  <si>
    <t>5702325086145</t>
  </si>
  <si>
    <t>VELUX Verd.-Rollo man. DKL C04 1100S</t>
  </si>
  <si>
    <t>DKL C04 1100SWL</t>
  </si>
  <si>
    <t>5702325626259</t>
  </si>
  <si>
    <t>VELUX Verd.-Rollo man. DKL C04 1100SWL</t>
  </si>
  <si>
    <t>DKL C04 3009S</t>
  </si>
  <si>
    <t>5702325137755</t>
  </si>
  <si>
    <t>VELUX Verd.-Rollo man. DKL C04 3009S</t>
  </si>
  <si>
    <t>DKL C04 3009SWL</t>
  </si>
  <si>
    <t>5702325626426</t>
  </si>
  <si>
    <t>VELUX Verd.-Rollo man. DKL C04 3009SWL</t>
  </si>
  <si>
    <t>DKL C04 4556S</t>
  </si>
  <si>
    <t>5702327415349</t>
  </si>
  <si>
    <t>VELUX Verd.-Rollo man. DKL C04 4556S</t>
  </si>
  <si>
    <t>DKL C04 4556SWL</t>
  </si>
  <si>
    <t>5702328807075</t>
  </si>
  <si>
    <t>VELUX Verd.-Rollo man. DKL C04 4556SWL</t>
  </si>
  <si>
    <t>DKL C04 4559S</t>
  </si>
  <si>
    <t>5702327415370</t>
  </si>
  <si>
    <t>VELUX Verd.-Rollo man. DKL C04 4559S</t>
  </si>
  <si>
    <t>DKL C04 4559SWL</t>
  </si>
  <si>
    <t>5702328807099</t>
  </si>
  <si>
    <t>VELUX Verd.-Rollo man. DKL C04 4559SWL</t>
  </si>
  <si>
    <t>DKL C04 4564S</t>
  </si>
  <si>
    <t>5702327415424</t>
  </si>
  <si>
    <t>VELUX Verd.-Rollo man. DKL C04 4564S</t>
  </si>
  <si>
    <t>DKL C04 4564SWL</t>
  </si>
  <si>
    <t>5702328807143</t>
  </si>
  <si>
    <t>VELUX Verd.-Rollo man. DKL C04 4564SWL</t>
  </si>
  <si>
    <t>DKL C04 4574S</t>
  </si>
  <si>
    <t>5702328965928</t>
  </si>
  <si>
    <t>VELUX Verd.-Rollo man. DKL C04 4574S</t>
  </si>
  <si>
    <t>DKL C04 4574SWL</t>
  </si>
  <si>
    <t>5702328973329</t>
  </si>
  <si>
    <t>VELUX Verd.-Rollo man. DKL C04 4574SWL</t>
  </si>
  <si>
    <t>DKL C04 4575S</t>
  </si>
  <si>
    <t>5702328965935</t>
  </si>
  <si>
    <t>VELUX Verd.-Rollo man. DKL C04 4575S</t>
  </si>
  <si>
    <t>DKL C04 4575SWL</t>
  </si>
  <si>
    <t>5702328973336</t>
  </si>
  <si>
    <t>VELUX Verd.-Rollo man. DKL C04 4575SWL</t>
  </si>
  <si>
    <t>DKL C04 4576S</t>
  </si>
  <si>
    <t>5702328965942</t>
  </si>
  <si>
    <t>VELUX Verd.-Rollo man. DKL C04 4576S</t>
  </si>
  <si>
    <t>DKL C04 4576SWL</t>
  </si>
  <si>
    <t>5702328973343</t>
  </si>
  <si>
    <t>VELUX Verd.-Rollo man. DKL C04 4576SWL</t>
  </si>
  <si>
    <t>DKL C04 4577S</t>
  </si>
  <si>
    <t>5702328965959</t>
  </si>
  <si>
    <t>VELUX Verd.-Rollo man. DKL C04 4577S</t>
  </si>
  <si>
    <t>DKL C04 4577SWL</t>
  </si>
  <si>
    <t>5702328973350</t>
  </si>
  <si>
    <t>VELUX Verd.-Rollo man. DKL C04 4577SWL</t>
  </si>
  <si>
    <t>DKL C04 4578S</t>
  </si>
  <si>
    <t>5702328965966</t>
  </si>
  <si>
    <t>VELUX Verd.-Rollo man. DKL C04 4578S</t>
  </si>
  <si>
    <t>DKL C04 4578SWL</t>
  </si>
  <si>
    <t>5702328973367</t>
  </si>
  <si>
    <t>VELUX Verd.-Rollo man. DKL C04 4578SWL</t>
  </si>
  <si>
    <t>DKL C04 4579S</t>
  </si>
  <si>
    <t>5702328965973</t>
  </si>
  <si>
    <t>VELUX Verd.-Rollo man. DKL C04 4579S</t>
  </si>
  <si>
    <t>DKL C04 4579SWL</t>
  </si>
  <si>
    <t>5702328973374</t>
  </si>
  <si>
    <t>VELUX Verd.-Rollo man. DKL C04 4579SWL</t>
  </si>
  <si>
    <t>DKL C04 4580S</t>
  </si>
  <si>
    <t>5702328965980</t>
  </si>
  <si>
    <t>VELUX Verd.-Rollo man. DKL C04 4580S</t>
  </si>
  <si>
    <t>DKL C04 4580SWL</t>
  </si>
  <si>
    <t>5702328973381</t>
  </si>
  <si>
    <t>VELUX Verd.-Rollo man. DKL C04 4580SWL</t>
  </si>
  <si>
    <t>DKL C04 4581S</t>
  </si>
  <si>
    <t>5702328965997</t>
  </si>
  <si>
    <t>VELUX Verd.-Rollo man. DKL C04 4581S</t>
  </si>
  <si>
    <t>DKL C04 4581SWL</t>
  </si>
  <si>
    <t>5702328973398</t>
  </si>
  <si>
    <t>VELUX Verd.-Rollo man. DKL C04 4581SWL</t>
  </si>
  <si>
    <t>DKL C04 4653S</t>
  </si>
  <si>
    <t>5702328521834</t>
  </si>
  <si>
    <t>VELUX Verd.-Rollo man. DKL C04 4653S</t>
  </si>
  <si>
    <t>DKL C04 4653SWL</t>
  </si>
  <si>
    <t>5702328807266</t>
  </si>
  <si>
    <t>VELUX Verd.-Rollo man. DKL C04 4653SWL</t>
  </si>
  <si>
    <t>DKL C04 4654S</t>
  </si>
  <si>
    <t>5702328521841</t>
  </si>
  <si>
    <t>VELUX Verd.-Rollo man. DKL C04 4654S</t>
  </si>
  <si>
    <t>DKL C04 4654SWL</t>
  </si>
  <si>
    <t>5702328807273</t>
  </si>
  <si>
    <t>VELUX Verd.-Rollo man. DKL C04 4654SWL</t>
  </si>
  <si>
    <t>DKL C04 4655SWL</t>
  </si>
  <si>
    <t>5702328807280</t>
  </si>
  <si>
    <t>VELUX Verd.-Rollo man. DKL C04 4655SWL</t>
  </si>
  <si>
    <t>DKL C04 4659S</t>
  </si>
  <si>
    <t>5702328521896</t>
  </si>
  <si>
    <t>VELUX Verd.-Rollo man. DKL C04 4659S</t>
  </si>
  <si>
    <t>DKL C04 4659SWL</t>
  </si>
  <si>
    <t>5702328807327</t>
  </si>
  <si>
    <t>VELUX Verd.-Rollo man. DKL C04 4659SWL</t>
  </si>
  <si>
    <t>DKL C04 4660S</t>
  </si>
  <si>
    <t>5702328521902</t>
  </si>
  <si>
    <t>VELUX Verd.-Rollo man. DKL C04 4660S</t>
  </si>
  <si>
    <t>DKL C04 4660SWL</t>
  </si>
  <si>
    <t>5702328807334</t>
  </si>
  <si>
    <t>VELUX Verd.-Rollo man. DKL C04 4660SWL</t>
  </si>
  <si>
    <t>DKL C04 4661S</t>
  </si>
  <si>
    <t>5702328521919</t>
  </si>
  <si>
    <t>VELUX Verd.-Rollo man. DKL C04 4661S</t>
  </si>
  <si>
    <t>DKL C04 4661SWL</t>
  </si>
  <si>
    <t>5702328807341</t>
  </si>
  <si>
    <t>VELUX Verd.-Rollo man. DKL C04 4661SWL</t>
  </si>
  <si>
    <t>DKL C04 4665S</t>
  </si>
  <si>
    <t>5702328521957</t>
  </si>
  <si>
    <t>VELUX Verd.-Rollo man. DKL C04 4665S</t>
  </si>
  <si>
    <t>DKL C04 4665SWL</t>
  </si>
  <si>
    <t>5702328807389</t>
  </si>
  <si>
    <t>VELUX Verd.-Rollo man. DKL C04 4665SWL</t>
  </si>
  <si>
    <t>DKL C04 4666S</t>
  </si>
  <si>
    <t>5702328521964</t>
  </si>
  <si>
    <t>VELUX Verd.-Rollo man. DKL C04 4666S</t>
  </si>
  <si>
    <t>DKL C04 4666SWL</t>
  </si>
  <si>
    <t>5702328807396</t>
  </si>
  <si>
    <t>VELUX Verd.-Rollo man. DKL C04 4666SWL</t>
  </si>
  <si>
    <t>DKL C04 4667S</t>
  </si>
  <si>
    <t>5702328521971</t>
  </si>
  <si>
    <t>VELUX Verd.-Rollo man. DKL C04 4667S</t>
  </si>
  <si>
    <t>DKL C04 4667SWL</t>
  </si>
  <si>
    <t>5702328807402</t>
  </si>
  <si>
    <t>VELUX Verd.-Rollo man. DKL C04 4667SWL</t>
  </si>
  <si>
    <t>DKL C04 CBYS</t>
  </si>
  <si>
    <t>5702328765603</t>
  </si>
  <si>
    <t>VELUX Verd.-Rollo man. DKL C04 CBYS</t>
  </si>
  <si>
    <t>DKL C04 CBYSWL</t>
  </si>
  <si>
    <t>5702328860933</t>
  </si>
  <si>
    <t>VELUX Verd.-Rollo man. DKL C04 CBYSWL</t>
  </si>
  <si>
    <t>DKL C06 0705S</t>
  </si>
  <si>
    <t>5702325086565</t>
  </si>
  <si>
    <t>VELUX Verd.-Rollo man. DKL C06 0705S</t>
  </si>
  <si>
    <t>DKL C06 0705SWL</t>
  </si>
  <si>
    <t>5702325626624</t>
  </si>
  <si>
    <t>VELUX Verd.-Rollo man. DKL C06 0705SWL</t>
  </si>
  <si>
    <t>DKL C06 1025S</t>
  </si>
  <si>
    <t>5702325086589</t>
  </si>
  <si>
    <t>VELUX Verd.-Rollo man. DKL C06 1025S</t>
  </si>
  <si>
    <t>DKL C06 1025SWL</t>
  </si>
  <si>
    <t>5702325626648</t>
  </si>
  <si>
    <t>VELUX Verd.-Rollo man. DKL C06 1025SWL</t>
  </si>
  <si>
    <t>DKL C06 1085S</t>
  </si>
  <si>
    <t>5702325086596</t>
  </si>
  <si>
    <t>VELUX Verd.-Rollo man. DKL C06 1085S</t>
  </si>
  <si>
    <t>DKL C06 1085SWL</t>
  </si>
  <si>
    <t>5702325626655</t>
  </si>
  <si>
    <t>VELUX Verd.-Rollo man. DKL C06 1085SWL</t>
  </si>
  <si>
    <t>DKL C06 1100S</t>
  </si>
  <si>
    <t>5702325086602</t>
  </si>
  <si>
    <t>VELUX Verd.-Rollo man. DKL C06 1100S</t>
  </si>
  <si>
    <t>DKL C06 1100SWL</t>
  </si>
  <si>
    <t>5702325626662</t>
  </si>
  <si>
    <t>VELUX Verd.-Rollo man. DKL C06 1100SWL</t>
  </si>
  <si>
    <t>DKL C06 3009S</t>
  </si>
  <si>
    <t>5702325137977</t>
  </si>
  <si>
    <t>VELUX Verd.-Rollo man. DKL C06 3009S</t>
  </si>
  <si>
    <t>DKL C06 3009SWL</t>
  </si>
  <si>
    <t>5702325626839</t>
  </si>
  <si>
    <t>VELUX Verd.-Rollo man. DKL C06 3009SWL</t>
  </si>
  <si>
    <t>DKL C06 4556S</t>
  </si>
  <si>
    <t>5702327415530</t>
  </si>
  <si>
    <t>VELUX Verd.-Rollo man. DKL C06 4556S</t>
  </si>
  <si>
    <t>DKL C06 4556SWL</t>
  </si>
  <si>
    <t>5702328807426</t>
  </si>
  <si>
    <t>VELUX Verd.-Rollo man. DKL C06 4556SWL</t>
  </si>
  <si>
    <t>DKL C06 4559S</t>
  </si>
  <si>
    <t>5702327415561</t>
  </si>
  <si>
    <t>VELUX Verd.-Rollo man. DKL C06 4559S</t>
  </si>
  <si>
    <t>DKL C06 4559SWL</t>
  </si>
  <si>
    <t>5702328807440</t>
  </si>
  <si>
    <t>VELUX Verd.-Rollo man. DKL C06 4559SWL</t>
  </si>
  <si>
    <t>DKL C06 4564S</t>
  </si>
  <si>
    <t>5702327415615</t>
  </si>
  <si>
    <t>VELUX Verd.-Rollo man. DKL C06 4564S</t>
  </si>
  <si>
    <t>DKL C06 4564SWL</t>
  </si>
  <si>
    <t>5702328807495</t>
  </si>
  <si>
    <t>VELUX Verd.-Rollo man. DKL C06 4564SWL</t>
  </si>
  <si>
    <t>DKL C06 4574S</t>
  </si>
  <si>
    <t>5702328966000</t>
  </si>
  <si>
    <t>VELUX Verd.-Rollo man. DKL C06 4574S</t>
  </si>
  <si>
    <t>DKL C06 4574SWL</t>
  </si>
  <si>
    <t>5702328973404</t>
  </si>
  <si>
    <t>VELUX Verd.-Rollo man. DKL C06 4574SWL</t>
  </si>
  <si>
    <t>DKL C06 4575S</t>
  </si>
  <si>
    <t>5702328966017</t>
  </si>
  <si>
    <t>VELUX Verd.-Rollo man. DKL C06 4575S</t>
  </si>
  <si>
    <t>DKL C06 4575SWL</t>
  </si>
  <si>
    <t>5702328973411</t>
  </si>
  <si>
    <t>VELUX Verd.-Rollo man. DKL C06 4575SWL</t>
  </si>
  <si>
    <t>DKL C06 4576S</t>
  </si>
  <si>
    <t>5702328966024</t>
  </si>
  <si>
    <t>VELUX Verd.-Rollo man. DKL C06 4576S</t>
  </si>
  <si>
    <t>DKL C06 4576SWL</t>
  </si>
  <si>
    <t>5702328973428</t>
  </si>
  <si>
    <t>VELUX Verd.-Rollo man. DKL C06 4576SWL</t>
  </si>
  <si>
    <t>DKL C06 4577S</t>
  </si>
  <si>
    <t>5702328966031</t>
  </si>
  <si>
    <t>VELUX Verd.-Rollo man. DKL C06 4577S</t>
  </si>
  <si>
    <t>DKL C06 4577SWL</t>
  </si>
  <si>
    <t>5702328973435</t>
  </si>
  <si>
    <t>VELUX Verd.-Rollo man. DKL C06 4577SWL</t>
  </si>
  <si>
    <t>DKL C06 4578S</t>
  </si>
  <si>
    <t>5702328966048</t>
  </si>
  <si>
    <t>VELUX Verd.-Rollo man. DKL C06 4578S</t>
  </si>
  <si>
    <t>DKL C06 4579S</t>
  </si>
  <si>
    <t>5702328966055</t>
  </si>
  <si>
    <t>VELUX Verd.-Rollo man. DKL C06 4579S</t>
  </si>
  <si>
    <t>DKL C06 4579SWL</t>
  </si>
  <si>
    <t>5702328973459</t>
  </si>
  <si>
    <t>VELUX Verd.-Rollo man. DKL C06 4579SWL</t>
  </si>
  <si>
    <t>DKL C06 4580S</t>
  </si>
  <si>
    <t>5702328966062</t>
  </si>
  <si>
    <t>VELUX Verd.-Rollo man. DKL C06 4580S</t>
  </si>
  <si>
    <t>DKL C06 4580SWL</t>
  </si>
  <si>
    <t>5702328973466</t>
  </si>
  <si>
    <t>VELUX Verd.-Rollo man. DKL C06 4580SWL</t>
  </si>
  <si>
    <t>DKL C06 4581S</t>
  </si>
  <si>
    <t>5702328966079</t>
  </si>
  <si>
    <t>VELUX Verd.-Rollo man. DKL C06 4581S</t>
  </si>
  <si>
    <t>DKL C06 4581SWL</t>
  </si>
  <si>
    <t>5702328973473</t>
  </si>
  <si>
    <t>VELUX Verd.-Rollo man. DKL C06 4581SWL</t>
  </si>
  <si>
    <t>DKL C06 4653S</t>
  </si>
  <si>
    <t>5702328522015</t>
  </si>
  <si>
    <t>VELUX Verd.-Rollo man. DKL C06 4653S</t>
  </si>
  <si>
    <t>DKL C06 4653SWL</t>
  </si>
  <si>
    <t>5702328807617</t>
  </si>
  <si>
    <t>VELUX Verd.-Rollo man. DKL C06 4653SWL</t>
  </si>
  <si>
    <t>DKL C06 4659S</t>
  </si>
  <si>
    <t>5702328522077</t>
  </si>
  <si>
    <t>VELUX Verd.-Rollo man. DKL C06 4659S</t>
  </si>
  <si>
    <t>DKL C06 4659SWL</t>
  </si>
  <si>
    <t>5702328807679</t>
  </si>
  <si>
    <t>VELUX Verd.-Rollo man. DKL C06 4659SWL</t>
  </si>
  <si>
    <t>DKL C06 4660S</t>
  </si>
  <si>
    <t>5702328522152</t>
  </si>
  <si>
    <t>VELUX Verd.-Rollo man. DKL C06 4660S</t>
  </si>
  <si>
    <t>DKL C06 4660SWL</t>
  </si>
  <si>
    <t>5702328807686</t>
  </si>
  <si>
    <t>VELUX Verd.-Rollo man. DKL C06 4660SWL</t>
  </si>
  <si>
    <t>DKL C06 4665S</t>
  </si>
  <si>
    <t>5702328522367</t>
  </si>
  <si>
    <t>VELUX Verd.-Rollo man. DKL C06 4665S</t>
  </si>
  <si>
    <t>DKL C06 4665SWL</t>
  </si>
  <si>
    <t>5702328807730</t>
  </si>
  <si>
    <t>VELUX Verd.-Rollo man. DKL C06 4665SWL</t>
  </si>
  <si>
    <t>DKL C06 4666S</t>
  </si>
  <si>
    <t>5702328522640</t>
  </si>
  <si>
    <t>VELUX Verd.-Rollo man. DKL C06 4666S</t>
  </si>
  <si>
    <t>DKL C06 4666SWL</t>
  </si>
  <si>
    <t>5702328807747</t>
  </si>
  <si>
    <t>VELUX Verd.-Rollo man. DKL C06 4666SWL</t>
  </si>
  <si>
    <t>DKL C06 CBYS</t>
  </si>
  <si>
    <t>5702328765610</t>
  </si>
  <si>
    <t>VELUX Verd.-Rollo man. DKL C06 CBYS</t>
  </si>
  <si>
    <t>DKL C06 CBYSWL</t>
  </si>
  <si>
    <t>5702328860940</t>
  </si>
  <si>
    <t>VELUX Verd.-Rollo man. DKL C06 CBYSWL</t>
  </si>
  <si>
    <t>DKL CK02 0705S</t>
  </si>
  <si>
    <t>5702326742866</t>
  </si>
  <si>
    <t>VELUX Verd.-Rollo man. DKL CK02 0705S</t>
  </si>
  <si>
    <t>DKL CK02 0705SWL</t>
  </si>
  <si>
    <t>5702326742873</t>
  </si>
  <si>
    <t>VELUX Verd.-Rollo man. DKL CK02 0705SWL</t>
  </si>
  <si>
    <t>DKL CK02 1025S</t>
  </si>
  <si>
    <t>5702327912503</t>
  </si>
  <si>
    <t>VELUX Verd.-Rollo man. DKL CK02 1025S</t>
  </si>
  <si>
    <t>DKL CK02 1025SWL</t>
  </si>
  <si>
    <t>5702326742927</t>
  </si>
  <si>
    <t>VELUX Verd.-Rollo man. DKL CK02 1025SWL</t>
  </si>
  <si>
    <t>DKL CK02 1085S</t>
  </si>
  <si>
    <t>5702327912510</t>
  </si>
  <si>
    <t>VELUX Verd.-Rollo man. DKL CK02 1085S</t>
  </si>
  <si>
    <t>DKL CK02 1085SWL</t>
  </si>
  <si>
    <t>5702326742965</t>
  </si>
  <si>
    <t>VELUX Verd.-Rollo man. DKL CK02 1085SWL</t>
  </si>
  <si>
    <t>DKL CK02 1100S</t>
  </si>
  <si>
    <t>5702327912527</t>
  </si>
  <si>
    <t>VELUX Verd.-Rollo man. DKL CK02 1100S</t>
  </si>
  <si>
    <t>DKL CK02 1100SWL</t>
  </si>
  <si>
    <t>5702326743009</t>
  </si>
  <si>
    <t>VELUX Verd.-Rollo man. DKL CK02 1100SWL</t>
  </si>
  <si>
    <t>DKL CK02 3009S</t>
  </si>
  <si>
    <t>5702326743375</t>
  </si>
  <si>
    <t>VELUX Verd.-Rollo man. DKL CK02 3009S</t>
  </si>
  <si>
    <t>DKL CK02 3009SWL</t>
  </si>
  <si>
    <t>5702326743382</t>
  </si>
  <si>
    <t>VELUX Verd.-Rollo man. DKL CK02 3009SWL</t>
  </si>
  <si>
    <t>DKL CK02 4556S</t>
  </si>
  <si>
    <t>5702327415912</t>
  </si>
  <si>
    <t>VELUX Verd.-Rollo man. DKL CK02 4556S</t>
  </si>
  <si>
    <t>DKL CK02 4556SWL</t>
  </si>
  <si>
    <t>5702328808126</t>
  </si>
  <si>
    <t>VELUX Verd.-Rollo man. DKL CK02 4556SWL</t>
  </si>
  <si>
    <t>DKL CK02 4559S</t>
  </si>
  <si>
    <t>5702327415943</t>
  </si>
  <si>
    <t>VELUX Verd.-Rollo man. DKL CK02 4559S</t>
  </si>
  <si>
    <t>DKL CK02 4559SWL</t>
  </si>
  <si>
    <t>5702328808140</t>
  </si>
  <si>
    <t>VELUX Verd.-Rollo man. DKL CK02 4559SWL</t>
  </si>
  <si>
    <t>DKL CK02 4564S</t>
  </si>
  <si>
    <t>5702327415998</t>
  </si>
  <si>
    <t>VELUX Verd.-Rollo man. DKL CK02 4564S</t>
  </si>
  <si>
    <t>DKL CK02 4564SWL</t>
  </si>
  <si>
    <t>5702328808195</t>
  </si>
  <si>
    <t>VELUX Verd.-Rollo man. DKL CK02 4564SWL</t>
  </si>
  <si>
    <t>DKL CK02 4574S</t>
  </si>
  <si>
    <t>5702328966161</t>
  </si>
  <si>
    <t>VELUX Verd.-Rollo man. DKL CK02 4574S</t>
  </si>
  <si>
    <t>DKL CK02 4574SWL</t>
  </si>
  <si>
    <t>5702328973565</t>
  </si>
  <si>
    <t>VELUX Verd.-Rollo man. DKL CK02 4574SWL</t>
  </si>
  <si>
    <t>DKL CK02 4575S</t>
  </si>
  <si>
    <t>5702328966178</t>
  </si>
  <si>
    <t>VELUX Verd.-Rollo man. DKL CK02 4575S</t>
  </si>
  <si>
    <t>DKL CK02 4575SWL</t>
  </si>
  <si>
    <t>5702328973572</t>
  </si>
  <si>
    <t>VELUX Verd.-Rollo man. DKL CK02 4575SWL</t>
  </si>
  <si>
    <t>DKL CK02 4576S</t>
  </si>
  <si>
    <t>5702328966185</t>
  </si>
  <si>
    <t>VELUX Verd.-Rollo man. DKL CK02 4576S</t>
  </si>
  <si>
    <t>DKL CK02 4576SWL</t>
  </si>
  <si>
    <t>5702328973589</t>
  </si>
  <si>
    <t>VELUX Verd.-Rollo man. DKL CK02 4576SWL</t>
  </si>
  <si>
    <t>DKL CK02 4577S</t>
  </si>
  <si>
    <t>5702328966192</t>
  </si>
  <si>
    <t>VELUX Verd.-Rollo man. DKL CK02 4577S</t>
  </si>
  <si>
    <t>DKL CK02 4577SWL</t>
  </si>
  <si>
    <t>5702328973596</t>
  </si>
  <si>
    <t>VELUX Verd.-Rollo man. DKL CK02 4577SWL</t>
  </si>
  <si>
    <t>DKL CK02 4578S</t>
  </si>
  <si>
    <t>5702328966208</t>
  </si>
  <si>
    <t>VELUX Verd.-Rollo man. DKL CK02 4578S</t>
  </si>
  <si>
    <t>DKL CK02 4578SWL</t>
  </si>
  <si>
    <t>5702328973602</t>
  </si>
  <si>
    <t>VELUX Verd.-Rollo man. DKL CK02 4578SWL</t>
  </si>
  <si>
    <t>DKL CK02 4579S</t>
  </si>
  <si>
    <t>5702328966215</t>
  </si>
  <si>
    <t>VELUX Verd.-Rollo man. DKL CK02 4579S</t>
  </si>
  <si>
    <t>DKL CK02 4579SWL</t>
  </si>
  <si>
    <t>5702328973619</t>
  </si>
  <si>
    <t>VELUX Verd.-Rollo man. DKL CK02 4579SWL</t>
  </si>
  <si>
    <t>DKL CK02 4580S</t>
  </si>
  <si>
    <t>5702328966222</t>
  </si>
  <si>
    <t>VELUX Verd.-Rollo man. DKL CK02 4580S</t>
  </si>
  <si>
    <t>DKL CK02 4580SWL</t>
  </si>
  <si>
    <t>5702328973626</t>
  </si>
  <si>
    <t>VELUX Verd.-Rollo man. DKL CK02 4580SWL</t>
  </si>
  <si>
    <t>DKL CK02 4581S</t>
  </si>
  <si>
    <t>5702328966239</t>
  </si>
  <si>
    <t>VELUX Verd.-Rollo man. DKL CK02 4581S</t>
  </si>
  <si>
    <t>DKL CK02 4581SWL</t>
  </si>
  <si>
    <t>5702328973633</t>
  </si>
  <si>
    <t>VELUX Verd.-Rollo man. DKL CK02 4581SWL</t>
  </si>
  <si>
    <t>DKL CK02 4653S</t>
  </si>
  <si>
    <t>5702328523661</t>
  </si>
  <si>
    <t>VELUX Verd.-Rollo man. DKL CK02 4653S</t>
  </si>
  <si>
    <t>DKL CK02 4653SWL</t>
  </si>
  <si>
    <t>5702328808317</t>
  </si>
  <si>
    <t>VELUX Verd.-Rollo man. DKL CK02 4653SWL</t>
  </si>
  <si>
    <t>DKL CK02 4654S</t>
  </si>
  <si>
    <t>5702328523678</t>
  </si>
  <si>
    <t>VELUX Verd.-Rollo man. DKL CK02 4654S</t>
  </si>
  <si>
    <t>DKL CK02 4654SWL</t>
  </si>
  <si>
    <t>5702328808324</t>
  </si>
  <si>
    <t>VELUX Verd.-Rollo man. DKL CK02 4654SWL</t>
  </si>
  <si>
    <t>DKL CK02 4655S</t>
  </si>
  <si>
    <t>5702328523685</t>
  </si>
  <si>
    <t>VELUX Verd.-Rollo man. DKL CK02 4655S</t>
  </si>
  <si>
    <t>DKL CK02 4659S</t>
  </si>
  <si>
    <t>5702328523722</t>
  </si>
  <si>
    <t>VELUX Verd.-Rollo man. DKL CK02 4659S</t>
  </si>
  <si>
    <t>DKL CK02 4659SWL</t>
  </si>
  <si>
    <t>5702328808379</t>
  </si>
  <si>
    <t>VELUX Verd.-Rollo man. DKL CK02 4659SWL</t>
  </si>
  <si>
    <t>DKL CK02 4660S</t>
  </si>
  <si>
    <t>5702328523739</t>
  </si>
  <si>
    <t>VELUX Verd.-Rollo man. DKL CK02 4660S</t>
  </si>
  <si>
    <t>DKL CK02 4660SWL</t>
  </si>
  <si>
    <t>5702328808386</t>
  </si>
  <si>
    <t>VELUX Verd.-Rollo man. DKL CK02 4660SWL</t>
  </si>
  <si>
    <t>DKL CK02 4661S</t>
  </si>
  <si>
    <t>5702328523746</t>
  </si>
  <si>
    <t>VELUX Verd.-Rollo man. DKL CK02 4661S</t>
  </si>
  <si>
    <t>DKL CK02 4661SWL</t>
  </si>
  <si>
    <t>5702328808393</t>
  </si>
  <si>
    <t>VELUX Verd.-Rollo man. DKL CK02 4661SWL</t>
  </si>
  <si>
    <t>DKL CK02 4665S</t>
  </si>
  <si>
    <t>5702328523784</t>
  </si>
  <si>
    <t>VELUX Verd.-Rollo man. DKL CK02 4665S</t>
  </si>
  <si>
    <t>DKL CK02 4665SWL</t>
  </si>
  <si>
    <t>5702328808430</t>
  </si>
  <si>
    <t>VELUX Verd.-Rollo man. DKL CK02 4665SWL</t>
  </si>
  <si>
    <t>DKL CK02 4666S</t>
  </si>
  <si>
    <t>5702328523791</t>
  </si>
  <si>
    <t>VELUX Verd.-Rollo man. DKL CK02 4666S</t>
  </si>
  <si>
    <t>DKL CK02 4666SWL</t>
  </si>
  <si>
    <t>5702328808447</t>
  </si>
  <si>
    <t>VELUX Verd.-Rollo man. DKL CK02 4666SWL</t>
  </si>
  <si>
    <t>DKL CK02 4667S</t>
  </si>
  <si>
    <t>5702328523807</t>
  </si>
  <si>
    <t>VELUX Verd.-Rollo man. DKL CK02 4667S</t>
  </si>
  <si>
    <t>DKL CK02 4667SWL</t>
  </si>
  <si>
    <t>5702328808454</t>
  </si>
  <si>
    <t>VELUX Verd.-Rollo man. DKL CK02 4667SWL</t>
  </si>
  <si>
    <t>DKL CK02 CBYS</t>
  </si>
  <si>
    <t>5702328765634</t>
  </si>
  <si>
    <t>VELUX Verd.-Rollo man. DKL CK02 CBYS</t>
  </si>
  <si>
    <t>DKL CK02 CBYSWL</t>
  </si>
  <si>
    <t>5702328860964</t>
  </si>
  <si>
    <t>VELUX Verd.-Rollo man. DKL CK02 CBYSWL</t>
  </si>
  <si>
    <t>DKL CK04 0705S</t>
  </si>
  <si>
    <t>5702326743795</t>
  </si>
  <si>
    <t>VELUX Verd.-Rollo man. DKL CK04 0705S</t>
  </si>
  <si>
    <t>DKL CK04 0705SWL</t>
  </si>
  <si>
    <t>5702326743801</t>
  </si>
  <si>
    <t>VELUX Verd.-Rollo man. DKL CK04 0705SWL</t>
  </si>
  <si>
    <t>DKL CK04 1025S</t>
  </si>
  <si>
    <t>5702327912534</t>
  </si>
  <si>
    <t>VELUX Verd.-Rollo man. DKL CK04 1025S</t>
  </si>
  <si>
    <t>DKL CK04 1025SWL</t>
  </si>
  <si>
    <t>5702326743856</t>
  </si>
  <si>
    <t>VELUX Verd.-Rollo man. DKL CK04 1025SWL</t>
  </si>
  <si>
    <t>DKL CK04 1085S</t>
  </si>
  <si>
    <t>5702326743870</t>
  </si>
  <si>
    <t>VELUX Verd.-Rollo man. DKL CK04 1085S</t>
  </si>
  <si>
    <t>DKL CK04 1085SWL</t>
  </si>
  <si>
    <t>5702326743900</t>
  </si>
  <si>
    <t>VELUX Verd.-Rollo man. DKL CK04 1085SWL</t>
  </si>
  <si>
    <t>DKL CK04 1100S</t>
  </si>
  <si>
    <t>5702327912558</t>
  </si>
  <si>
    <t>VELUX Verd.-Rollo man. DKL CK04 1100S</t>
  </si>
  <si>
    <t>DKL CK04 1100SWL</t>
  </si>
  <si>
    <t>5702326743955</t>
  </si>
  <si>
    <t>VELUX Verd.-Rollo man. DKL CK04 1100SWL</t>
  </si>
  <si>
    <t>DKL CK04 3009S</t>
  </si>
  <si>
    <t>5702326744310</t>
  </si>
  <si>
    <t>VELUX Verd.-Rollo man. DKL CK04 3009S</t>
  </si>
  <si>
    <t>DKL CK04 3009SWL</t>
  </si>
  <si>
    <t>5702326744334</t>
  </si>
  <si>
    <t>VELUX Verd.-Rollo man. DKL CK04 3009SWL</t>
  </si>
  <si>
    <t>DKL CK04 4556S</t>
  </si>
  <si>
    <t>5702327416100</t>
  </si>
  <si>
    <t>VELUX Verd.-Rollo man. DKL CK04 4556S</t>
  </si>
  <si>
    <t>DKL CK04 4556SWL</t>
  </si>
  <si>
    <t>5702328808478</t>
  </si>
  <si>
    <t>VELUX Verd.-Rollo man. DKL CK04 4556SWL</t>
  </si>
  <si>
    <t>DKL CK04 4559S</t>
  </si>
  <si>
    <t>5702327416131</t>
  </si>
  <si>
    <t>VELUX Verd.-Rollo man. DKL CK04 4559S</t>
  </si>
  <si>
    <t>DKL CK04 4559SWL</t>
  </si>
  <si>
    <t>5702328808492</t>
  </si>
  <si>
    <t>VELUX Verd.-Rollo man. DKL CK04 4559SWL</t>
  </si>
  <si>
    <t>DKL CK04 4564S</t>
  </si>
  <si>
    <t>5702327416186</t>
  </si>
  <si>
    <t>VELUX Verd.-Rollo man. DKL CK04 4564S</t>
  </si>
  <si>
    <t>DKL CK04 4564SWL</t>
  </si>
  <si>
    <t>5702328808546</t>
  </si>
  <si>
    <t>VELUX Verd.-Rollo man. DKL CK04 4564SWL</t>
  </si>
  <si>
    <t>DKL CK04 4574S</t>
  </si>
  <si>
    <t>5702328966246</t>
  </si>
  <si>
    <t>VELUX Verd.-Rollo man. DKL CK04 4574S</t>
  </si>
  <si>
    <t>DKL CK04 4574SWL</t>
  </si>
  <si>
    <t>5702328973640</t>
  </si>
  <si>
    <t>VELUX Verd.-Rollo man. DKL CK04 4574SWL</t>
  </si>
  <si>
    <t>DKL CK04 4575S</t>
  </si>
  <si>
    <t>5702328966253</t>
  </si>
  <si>
    <t>VELUX Verd.-Rollo man. DKL CK04 4575S</t>
  </si>
  <si>
    <t>DKL CK04 4575SWL</t>
  </si>
  <si>
    <t>5702328973657</t>
  </si>
  <si>
    <t>VELUX Verd.-Rollo man. DKL CK04 4575SWL</t>
  </si>
  <si>
    <t>DKL CK04 4576S</t>
  </si>
  <si>
    <t>5702328966260</t>
  </si>
  <si>
    <t>VELUX Verd.-Rollo man. DKL CK04 4576S</t>
  </si>
  <si>
    <t>DKL CK04 4576SWL</t>
  </si>
  <si>
    <t>5702328973664</t>
  </si>
  <si>
    <t>VELUX Verd.-Rollo man. DKL CK04 4576SWL</t>
  </si>
  <si>
    <t>DKL CK04 4577S</t>
  </si>
  <si>
    <t>5702328966277</t>
  </si>
  <si>
    <t>VELUX Verd.-Rollo man. DKL CK04 4577S</t>
  </si>
  <si>
    <t>DKL CK04 4577SWL</t>
  </si>
  <si>
    <t>5702328973671</t>
  </si>
  <si>
    <t>VELUX Verd.-Rollo man. DKL CK04 4577SWL</t>
  </si>
  <si>
    <t>DKL CK04 4578S</t>
  </si>
  <si>
    <t>5702328966284</t>
  </si>
  <si>
    <t>VELUX Verd.-Rollo man. DKL CK04 4578S</t>
  </si>
  <si>
    <t>DKL CK04 4578SWL</t>
  </si>
  <si>
    <t>5702328973688</t>
  </si>
  <si>
    <t>VELUX Verd.-Rollo man. DKL CK04 4578SWL</t>
  </si>
  <si>
    <t>DKL CK04 4579S</t>
  </si>
  <si>
    <t>5702328966291</t>
  </si>
  <si>
    <t>VELUX Verd.-Rollo man. DKL CK04 4579S</t>
  </si>
  <si>
    <t>DKL CK04 4579SWL</t>
  </si>
  <si>
    <t>5702328973695</t>
  </si>
  <si>
    <t>VELUX Verd.-Rollo man. DKL CK04 4579SWL</t>
  </si>
  <si>
    <t>DKL CK04 4580S</t>
  </si>
  <si>
    <t>5702328966307</t>
  </si>
  <si>
    <t>VELUX Verd.-Rollo man. DKL CK04 4580S</t>
  </si>
  <si>
    <t>DKL CK04 4580SWL</t>
  </si>
  <si>
    <t>5702328973701</t>
  </si>
  <si>
    <t>VELUX Verd.-Rollo man. DKL CK04 4580SWL</t>
  </si>
  <si>
    <t>DKL CK04 4581S</t>
  </si>
  <si>
    <t>5702328966314</t>
  </si>
  <si>
    <t>VELUX Verd.-Rollo man. DKL CK04 4581S</t>
  </si>
  <si>
    <t>DKL CK04 4581SWL</t>
  </si>
  <si>
    <t>5702328973718</t>
  </si>
  <si>
    <t>VELUX Verd.-Rollo man. DKL CK04 4581SWL</t>
  </si>
  <si>
    <t>DKL CK04 4653S</t>
  </si>
  <si>
    <t>5702328523845</t>
  </si>
  <si>
    <t>VELUX Verd.-Rollo man. DKL CK04 4653S</t>
  </si>
  <si>
    <t>DKL CK04 4653SWL</t>
  </si>
  <si>
    <t>5702328808669</t>
  </si>
  <si>
    <t>VELUX Verd.-Rollo man. DKL CK04 4653SWL</t>
  </si>
  <si>
    <t>DKL CK04 4654S</t>
  </si>
  <si>
    <t>5702328523852</t>
  </si>
  <si>
    <t>VELUX Verd.-Rollo man. DKL CK04 4654S</t>
  </si>
  <si>
    <t>DKL CK04 4654SWL</t>
  </si>
  <si>
    <t>5702328808676</t>
  </si>
  <si>
    <t>VELUX Verd.-Rollo man. DKL CK04 4654SWL</t>
  </si>
  <si>
    <t>DKL CK04 4655S</t>
  </si>
  <si>
    <t>5702328523869</t>
  </si>
  <si>
    <t>VELUX Verd.-Rollo man. DKL CK04 4655S</t>
  </si>
  <si>
    <t>DKL CK04 4655SWL</t>
  </si>
  <si>
    <t>5702328808683</t>
  </si>
  <si>
    <t>VELUX Verd.-Rollo man. DKL CK04 4655SWL</t>
  </si>
  <si>
    <t>DKL CK04 4659S</t>
  </si>
  <si>
    <t>5702328523906</t>
  </si>
  <si>
    <t>VELUX Verd.-Rollo man. DKL CK04 4659S</t>
  </si>
  <si>
    <t>DKL CK04 4659SWL</t>
  </si>
  <si>
    <t>5702328808720</t>
  </si>
  <si>
    <t>VELUX Verd.-Rollo man. DKL CK04 4659SWL</t>
  </si>
  <si>
    <t>DKL CK04 4660S</t>
  </si>
  <si>
    <t>5702328523913</t>
  </si>
  <si>
    <t>VELUX Verd.-Rollo man. DKL CK04 4660S</t>
  </si>
  <si>
    <t>DKL CK04 4660SWL</t>
  </si>
  <si>
    <t>5702328808737</t>
  </si>
  <si>
    <t>VELUX Verd.-Rollo man. DKL CK04 4660SWL</t>
  </si>
  <si>
    <t>DKL CK04 4661S</t>
  </si>
  <si>
    <t>5702328523920</t>
  </si>
  <si>
    <t>VELUX Verd.-Rollo man. DKL CK04 4661S</t>
  </si>
  <si>
    <t>DKL CK04 4661SWL</t>
  </si>
  <si>
    <t>5702328808744</t>
  </si>
  <si>
    <t>VELUX Verd.-Rollo man. DKL CK04 4661SWL</t>
  </si>
  <si>
    <t>DKL CK04 4665S</t>
  </si>
  <si>
    <t>5702328523968</t>
  </si>
  <si>
    <t>VELUX Verd.-Rollo man. DKL CK04 4665S</t>
  </si>
  <si>
    <t>DKL CK04 4665SWL</t>
  </si>
  <si>
    <t>5702328808782</t>
  </si>
  <si>
    <t>VELUX Verd.-Rollo man. DKL CK04 4665SWL</t>
  </si>
  <si>
    <t>DKL CK04 4666S</t>
  </si>
  <si>
    <t>5702328523975</t>
  </si>
  <si>
    <t>VELUX Verd.-Rollo man. DKL CK04 4666S</t>
  </si>
  <si>
    <t>DKL CK04 4666SWL</t>
  </si>
  <si>
    <t>5702328808799</t>
  </si>
  <si>
    <t>VELUX Verd.-Rollo man. DKL CK04 4666SWL</t>
  </si>
  <si>
    <t>DKL CK04 4667S</t>
  </si>
  <si>
    <t>5702328523982</t>
  </si>
  <si>
    <t>VELUX Verd.-Rollo man. DKL CK04 4667S</t>
  </si>
  <si>
    <t>DKL CK04 4667SWL</t>
  </si>
  <si>
    <t>5702328808805</t>
  </si>
  <si>
    <t>VELUX Verd.-Rollo man. DKL CK04 4667SWL</t>
  </si>
  <si>
    <t>DKL CK04 CBYS</t>
  </si>
  <si>
    <t>5702328765641</t>
  </si>
  <si>
    <t>VELUX Verd.-Rollo man. DKL CK04 CBYS</t>
  </si>
  <si>
    <t>DKL CK04 CBYSWL</t>
  </si>
  <si>
    <t>5702328860971</t>
  </si>
  <si>
    <t>VELUX Verd.-Rollo man. DKL CK04 CBYSWL</t>
  </si>
  <si>
    <t>DKL CK06 0705S</t>
  </si>
  <si>
    <t>5702326744747</t>
  </si>
  <si>
    <t>VELUX Verd.-Rollo man. DKL CK06 0705S</t>
  </si>
  <si>
    <t>DKL CK06 0705SWL</t>
  </si>
  <si>
    <t>5702326744754</t>
  </si>
  <si>
    <t>VELUX Verd.-Rollo man. DKL CK06 0705SWL</t>
  </si>
  <si>
    <t>DKL CK06 1025S</t>
  </si>
  <si>
    <t>5702326744785</t>
  </si>
  <si>
    <t>VELUX Verd.-Rollo man. DKL CK06 1025S</t>
  </si>
  <si>
    <t>DKL CK06 1025SWL</t>
  </si>
  <si>
    <t>5702326744792</t>
  </si>
  <si>
    <t>VELUX Verd.-Rollo man. DKL CK06 1025SWL</t>
  </si>
  <si>
    <t>DKL CK06 1085S</t>
  </si>
  <si>
    <t>5702326744808</t>
  </si>
  <si>
    <t>VELUX Verd.-Rollo man. DKL CK06 1085S</t>
  </si>
  <si>
    <t>DKL CK06 1085SWL</t>
  </si>
  <si>
    <t>5702326744815</t>
  </si>
  <si>
    <t>VELUX Verd.-Rollo man. DKL CK06 1085SWL</t>
  </si>
  <si>
    <t>DKL CK06 1100S</t>
  </si>
  <si>
    <t>5702326744822</t>
  </si>
  <si>
    <t>VELUX Verd.-Rollo man. DKL CK06 1100S</t>
  </si>
  <si>
    <t>DKL CK06 1100SWL</t>
  </si>
  <si>
    <t>5702326744839</t>
  </si>
  <si>
    <t>VELUX Verd.-Rollo man. DKL CK06 1100SWL</t>
  </si>
  <si>
    <t>DKL CK06 3009S</t>
  </si>
  <si>
    <t>5702326745171</t>
  </si>
  <si>
    <t>VELUX Verd.-Rollo man. DKL CK06 3009S</t>
  </si>
  <si>
    <t>DKL CK06 3009SWL</t>
  </si>
  <si>
    <t>5702326745188</t>
  </si>
  <si>
    <t>VELUX Verd.-Rollo man. DKL CK06 3009SWL</t>
  </si>
  <si>
    <t>DKL CK06 4556S</t>
  </si>
  <si>
    <t>5702327416292</t>
  </si>
  <si>
    <t>VELUX Verd.-Rollo man. DKL CK06 4556S</t>
  </si>
  <si>
    <t>DKL CK06 4556SWL</t>
  </si>
  <si>
    <t>5702328808829</t>
  </si>
  <si>
    <t>VELUX Verd.-Rollo man. DKL CK06 4556SWL</t>
  </si>
  <si>
    <t>DKL CK06 4559S</t>
  </si>
  <si>
    <t>5702327416322</t>
  </si>
  <si>
    <t>VELUX Verd.-Rollo man. DKL CK06 4559S</t>
  </si>
  <si>
    <t>DKL CK06 4559SWL</t>
  </si>
  <si>
    <t>5702328808843</t>
  </si>
  <si>
    <t>VELUX Verd.-Rollo man. DKL CK06 4559SWL</t>
  </si>
  <si>
    <t>DKL CK06 4564S</t>
  </si>
  <si>
    <t>5702327416377</t>
  </si>
  <si>
    <t>VELUX Verd.-Rollo man. DKL CK06 4564S</t>
  </si>
  <si>
    <t>DKL CK06 4564SWL</t>
  </si>
  <si>
    <t>5702328808898</t>
  </si>
  <si>
    <t>VELUX Verd.-Rollo man. DKL CK06 4564SWL</t>
  </si>
  <si>
    <t>DKL CK06 4574S</t>
  </si>
  <si>
    <t>5702328966321</t>
  </si>
  <si>
    <t>VELUX Verd.-Rollo man. DKL CK06 4574S</t>
  </si>
  <si>
    <t>DKL CK06 4574SWL</t>
  </si>
  <si>
    <t>5702328973725</t>
  </si>
  <si>
    <t>VELUX Verd.-Rollo man. DKL CK06 4574SWL</t>
  </si>
  <si>
    <t>DKL CK06 4575S</t>
  </si>
  <si>
    <t>5702328966338</t>
  </si>
  <si>
    <t>VELUX Verd.-Rollo man. DKL CK06 4575S</t>
  </si>
  <si>
    <t>DKL CK06 4575SWL</t>
  </si>
  <si>
    <t>5702328973732</t>
  </si>
  <si>
    <t>VELUX Verd.-Rollo man. DKL CK06 4575SWL</t>
  </si>
  <si>
    <t>DKL CK06 4576S</t>
  </si>
  <si>
    <t>5702328966345</t>
  </si>
  <si>
    <t>VELUX Verd.-Rollo man. DKL CK06 4576S</t>
  </si>
  <si>
    <t>DKL CK06 4576SWL</t>
  </si>
  <si>
    <t>5702328973749</t>
  </si>
  <si>
    <t>VELUX Verd.-Rollo man. DKL CK06 4576SWL</t>
  </si>
  <si>
    <t>DKL CK06 4577S</t>
  </si>
  <si>
    <t>5702328966352</t>
  </si>
  <si>
    <t>VELUX Verd.-Rollo man. DKL CK06 4577S</t>
  </si>
  <si>
    <t>DKL CK06 4577SWL</t>
  </si>
  <si>
    <t>5702328973756</t>
  </si>
  <si>
    <t>VELUX Verd.-Rollo man. DKL CK06 4577SWL</t>
  </si>
  <si>
    <t>DKL CK06 4578S</t>
  </si>
  <si>
    <t>5702328966369</t>
  </si>
  <si>
    <t>VELUX Verd.-Rollo man. DKL CK06 4578S</t>
  </si>
  <si>
    <t>DKL CK06 4578SWL</t>
  </si>
  <si>
    <t>5702328973763</t>
  </si>
  <si>
    <t>VELUX Verd.-Rollo man. DKL CK06 4578SWL</t>
  </si>
  <si>
    <t>DKL CK06 4579S</t>
  </si>
  <si>
    <t>5702328966376</t>
  </si>
  <si>
    <t>VELUX Verd.-Rollo man. DKL CK06 4579S</t>
  </si>
  <si>
    <t>DKL CK06 4579SWL</t>
  </si>
  <si>
    <t>5702328973770</t>
  </si>
  <si>
    <t>VELUX Verd.-Rollo man. DKL CK06 4579SWL</t>
  </si>
  <si>
    <t>DKL CK06 4580S</t>
  </si>
  <si>
    <t>5702328966383</t>
  </si>
  <si>
    <t>VELUX Verd.-Rollo man. DKL CK06 4580S</t>
  </si>
  <si>
    <t>DKL CK06 4580SWL</t>
  </si>
  <si>
    <t>5702328973787</t>
  </si>
  <si>
    <t>VELUX Verd.-Rollo man. DKL CK06 4580SWL</t>
  </si>
  <si>
    <t>DKL CK06 4581S</t>
  </si>
  <si>
    <t>5702328966390</t>
  </si>
  <si>
    <t>VELUX Verd.-Rollo man. DKL CK06 4581S</t>
  </si>
  <si>
    <t>DKL CK06 4581SWL</t>
  </si>
  <si>
    <t>5702328973794</t>
  </si>
  <si>
    <t>VELUX Verd.-Rollo man. DKL CK06 4581SWL</t>
  </si>
  <si>
    <t>DKL CK06 4653S</t>
  </si>
  <si>
    <t>5702328524026</t>
  </si>
  <si>
    <t>VELUX Verd.-Rollo man. DKL CK06 4653S</t>
  </si>
  <si>
    <t>DKL CK06 4653SWL</t>
  </si>
  <si>
    <t>5702328809017</t>
  </si>
  <si>
    <t>VELUX Verd.-Rollo man. DKL CK06 4653SWL</t>
  </si>
  <si>
    <t>DKL CK06 4654S</t>
  </si>
  <si>
    <t>5702328524040</t>
  </si>
  <si>
    <t>VELUX Verd.-Rollo man. DKL CK06 4654S</t>
  </si>
  <si>
    <t>DKL CK06 4654SWL</t>
  </si>
  <si>
    <t>5702328809024</t>
  </si>
  <si>
    <t>VELUX Verd.-Rollo man. DKL CK06 4654SWL</t>
  </si>
  <si>
    <t>DKL CK06 4655S</t>
  </si>
  <si>
    <t>5702328524057</t>
  </si>
  <si>
    <t>VELUX Verd.-Rollo man. DKL CK06 4655S</t>
  </si>
  <si>
    <t>DKL CK06 4655SWL</t>
  </si>
  <si>
    <t>5702328809031</t>
  </si>
  <si>
    <t>VELUX Verd.-Rollo man. DKL CK06 4655SWL</t>
  </si>
  <si>
    <t>DKL CK06 4659S</t>
  </si>
  <si>
    <t>5702328524095</t>
  </si>
  <si>
    <t>VELUX Verd.-Rollo man. DKL CK06 4659S</t>
  </si>
  <si>
    <t>DKL CK06 4659SWL</t>
  </si>
  <si>
    <t>5702328809079</t>
  </si>
  <si>
    <t>VELUX Verd.-Rollo man. DKL CK06 4659SWL</t>
  </si>
  <si>
    <t>DKL CK06 4660S</t>
  </si>
  <si>
    <t>5702328524101</t>
  </si>
  <si>
    <t>VELUX Verd.-Rollo man. DKL CK06 4660S</t>
  </si>
  <si>
    <t>DKL CK06 4660SWL</t>
  </si>
  <si>
    <t>5702328809086</t>
  </si>
  <si>
    <t>VELUX Verd.-Rollo man. DKL CK06 4660SWL</t>
  </si>
  <si>
    <t>DKL CK06 4661SWL</t>
  </si>
  <si>
    <t>5702328809093</t>
  </si>
  <si>
    <t>VELUX Verd.-Rollo man. DKL CK06 4661SWL</t>
  </si>
  <si>
    <t>DKL CK06 4665S</t>
  </si>
  <si>
    <t>5702328524262</t>
  </si>
  <si>
    <t>VELUX Verd.-Rollo man. DKL CK06 4665S</t>
  </si>
  <si>
    <t>DKL CK06 4665SWL</t>
  </si>
  <si>
    <t>5702328809130</t>
  </si>
  <si>
    <t>VELUX Verd.-Rollo man. DKL CK06 4665SWL</t>
  </si>
  <si>
    <t>DKL CK06 4666S</t>
  </si>
  <si>
    <t>5702328524293</t>
  </si>
  <si>
    <t>VELUX Verd.-Rollo man. DKL CK06 4666S</t>
  </si>
  <si>
    <t>DKL CK06 4666SWL</t>
  </si>
  <si>
    <t>5702328809147</t>
  </si>
  <si>
    <t>VELUX Verd.-Rollo man. DKL CK06 4666SWL</t>
  </si>
  <si>
    <t>DKL CK06 4667S</t>
  </si>
  <si>
    <t>5702328524330</t>
  </si>
  <si>
    <t>VELUX Verd.-Rollo man. DKL CK06 4667S</t>
  </si>
  <si>
    <t>DKL CK06 4667SWL</t>
  </si>
  <si>
    <t>5702328809154</t>
  </si>
  <si>
    <t>VELUX Verd.-Rollo man. DKL CK06 4667SWL</t>
  </si>
  <si>
    <t>DKL CK06 CBYS</t>
  </si>
  <si>
    <t>5702328765658</t>
  </si>
  <si>
    <t>VELUX Verd.-Rollo man. DKL CK06 CBYS</t>
  </si>
  <si>
    <t>DKL CK06 CBYSWL</t>
  </si>
  <si>
    <t>5702328860988</t>
  </si>
  <si>
    <t>VELUX Verd.-Rollo man. DKL CK06 CBYSWL</t>
  </si>
  <si>
    <t>DKL F04 0705S</t>
  </si>
  <si>
    <t>5702325087029</t>
  </si>
  <si>
    <t>VELUX Verd.-Rollo man. DKL F04 0705S</t>
  </si>
  <si>
    <t>DKL F04 0705SWL</t>
  </si>
  <si>
    <t>5702325627034</t>
  </si>
  <si>
    <t>VELUX Verd.-Rollo man. DKL F04 0705SWL</t>
  </si>
  <si>
    <t>DKL F04 1025S</t>
  </si>
  <si>
    <t>5702325087043</t>
  </si>
  <si>
    <t>VELUX Verd.-Rollo man. DKL F04 1025S</t>
  </si>
  <si>
    <t>DKL F04 1025SWL</t>
  </si>
  <si>
    <t>5702325627058</t>
  </si>
  <si>
    <t>VELUX Verd.-Rollo man. DKL F04 1025SWL</t>
  </si>
  <si>
    <t>DKL F04 1085S</t>
  </si>
  <si>
    <t>5702325087050</t>
  </si>
  <si>
    <t>VELUX Verd.-Rollo man. DKL F04 1085S</t>
  </si>
  <si>
    <t>DKL F04 1085SWL</t>
  </si>
  <si>
    <t>5702325627065</t>
  </si>
  <si>
    <t>VELUX Verd.-Rollo man. DKL F04 1085SWL</t>
  </si>
  <si>
    <t>DKL F04 1100S</t>
  </si>
  <si>
    <t>5702325087067</t>
  </si>
  <si>
    <t>VELUX Verd.-Rollo man. DKL F04 1100S</t>
  </si>
  <si>
    <t>DKL F04 1100SWL</t>
  </si>
  <si>
    <t>5702325627072</t>
  </si>
  <si>
    <t>VELUX Verd.-Rollo man. DKL F04 1100SWL</t>
  </si>
  <si>
    <t>DKL F04 3009S</t>
  </si>
  <si>
    <t>5702325138196</t>
  </si>
  <si>
    <t>VELUX Verd.-Rollo man. DKL F04 3009S</t>
  </si>
  <si>
    <t>DKL F04 3009SWL</t>
  </si>
  <si>
    <t>5702325627249</t>
  </si>
  <si>
    <t>VELUX Verd.-Rollo man. DKL F04 3009SWL</t>
  </si>
  <si>
    <t>DKL F04 4556S</t>
  </si>
  <si>
    <t>5702327416483</t>
  </si>
  <si>
    <t>VELUX Verd.-Rollo man. DKL F04 4556S</t>
  </si>
  <si>
    <t>DKL F04 4556SWL</t>
  </si>
  <si>
    <t>5702328809178</t>
  </si>
  <si>
    <t>VELUX Verd.-Rollo man. DKL F04 4556SWL</t>
  </si>
  <si>
    <t>DKL F04 4559S</t>
  </si>
  <si>
    <t>5702327416513</t>
  </si>
  <si>
    <t>VELUX Verd.-Rollo man. DKL F04 4559S</t>
  </si>
  <si>
    <t>DKL F04 4559SWL</t>
  </si>
  <si>
    <t>5702328809192</t>
  </si>
  <si>
    <t>VELUX Verd.-Rollo man. DKL F04 4559SWL</t>
  </si>
  <si>
    <t>DKL F04 4564S</t>
  </si>
  <si>
    <t>5702327416568</t>
  </si>
  <si>
    <t>VELUX Verd.-Rollo man. DKL F04 4564S</t>
  </si>
  <si>
    <t>DKL F04 4564SWL</t>
  </si>
  <si>
    <t>5702328809246</t>
  </si>
  <si>
    <t>VELUX Verd.-Rollo man. DKL F04 4564SWL</t>
  </si>
  <si>
    <t>DKL F04 4574S</t>
  </si>
  <si>
    <t>5702328966406</t>
  </si>
  <si>
    <t>VELUX Verd.-Rollo man. DKL F04 4574S</t>
  </si>
  <si>
    <t>DKL F04 4574SWL</t>
  </si>
  <si>
    <t>5702328973800</t>
  </si>
  <si>
    <t>VELUX Verd.-Rollo man. DKL F04 4574SWL</t>
  </si>
  <si>
    <t>DKL F04 4575S</t>
  </si>
  <si>
    <t>5702328966413</t>
  </si>
  <si>
    <t>VELUX Verd.-Rollo man. DKL F04 4575S</t>
  </si>
  <si>
    <t>DKL F04 4575SWL</t>
  </si>
  <si>
    <t>5702328973817</t>
  </si>
  <si>
    <t>VELUX Verd.-Rollo man. DKL F04 4575SWL</t>
  </si>
  <si>
    <t>DKL F04 4576S</t>
  </si>
  <si>
    <t>5702328966420</t>
  </si>
  <si>
    <t>VELUX Verd.-Rollo man. DKL F04 4576S</t>
  </si>
  <si>
    <t>DKL F04 4576SWL</t>
  </si>
  <si>
    <t>5702328973824</t>
  </si>
  <si>
    <t>VELUX Verd.-Rollo man. DKL F04 4576SWL</t>
  </si>
  <si>
    <t>DKL F04 4577S</t>
  </si>
  <si>
    <t>5702328966437</t>
  </si>
  <si>
    <t>VELUX Verd.-Rollo man. DKL F04 4577S</t>
  </si>
  <si>
    <t>DKL F04 4577SWL</t>
  </si>
  <si>
    <t>5702328973831</t>
  </si>
  <si>
    <t>VELUX Verd.-Rollo man. DKL F04 4577SWL</t>
  </si>
  <si>
    <t>DKL F04 4578S</t>
  </si>
  <si>
    <t>5702328966444</t>
  </si>
  <si>
    <t>VELUX Verd.-Rollo man. DKL F04 4578S</t>
  </si>
  <si>
    <t>DKL F04 4578SWL</t>
  </si>
  <si>
    <t>5702328973848</t>
  </si>
  <si>
    <t>VELUX Verd.-Rollo man. DKL F04 4578SWL</t>
  </si>
  <si>
    <t>DKL F04 4579S</t>
  </si>
  <si>
    <t>5702328966451</t>
  </si>
  <si>
    <t>VELUX Verd.-Rollo man. DKL F04 4579S</t>
  </si>
  <si>
    <t>DKL F04 4579SWL</t>
  </si>
  <si>
    <t>5702328973855</t>
  </si>
  <si>
    <t>VELUX Verd.-Rollo man. DKL F04 4579SWL</t>
  </si>
  <si>
    <t>DKL F04 4580S</t>
  </si>
  <si>
    <t>5702328966468</t>
  </si>
  <si>
    <t>VELUX Verd.-Rollo man. DKL F04 4580S</t>
  </si>
  <si>
    <t>DKL F04 4580SWL</t>
  </si>
  <si>
    <t>5702328973862</t>
  </si>
  <si>
    <t>VELUX Verd.-Rollo man. DKL F04 4580SWL</t>
  </si>
  <si>
    <t>DKL F04 4581S</t>
  </si>
  <si>
    <t>5702328966475</t>
  </si>
  <si>
    <t>VELUX Verd.-Rollo man. DKL F04 4581S</t>
  </si>
  <si>
    <t>DKL F04 4581SWL</t>
  </si>
  <si>
    <t>5702328973879</t>
  </si>
  <si>
    <t>VELUX Verd.-Rollo man. DKL F04 4581SWL</t>
  </si>
  <si>
    <t>DKL F04 4653S</t>
  </si>
  <si>
    <t>5702328524392</t>
  </si>
  <si>
    <t>VELUX Verd.-Rollo man. DKL F04 4653S</t>
  </si>
  <si>
    <t>DKL F04 4653SWL</t>
  </si>
  <si>
    <t>5702328809369</t>
  </si>
  <si>
    <t>VELUX Verd.-Rollo man. DKL F04 4653SWL</t>
  </si>
  <si>
    <t>DKL F04 4659S</t>
  </si>
  <si>
    <t>5702328524521</t>
  </si>
  <si>
    <t>VELUX Verd.-Rollo man. DKL F04 4659S</t>
  </si>
  <si>
    <t>DKL F04 4659SWL</t>
  </si>
  <si>
    <t>5702328809420</t>
  </si>
  <si>
    <t>VELUX Verd.-Rollo man. DKL F04 4659SWL</t>
  </si>
  <si>
    <t>DKL F04 4660S</t>
  </si>
  <si>
    <t>5702328524538</t>
  </si>
  <si>
    <t>VELUX Verd.-Rollo man. DKL F04 4660S</t>
  </si>
  <si>
    <t>DKL F04 4660SWL</t>
  </si>
  <si>
    <t>5702328809437</t>
  </si>
  <si>
    <t>VELUX Verd.-Rollo man. DKL F04 4660SWL</t>
  </si>
  <si>
    <t>DKL F04 4661S</t>
  </si>
  <si>
    <t>5702328524545</t>
  </si>
  <si>
    <t>VELUX Verd.-Rollo man. DKL F04 4661S</t>
  </si>
  <si>
    <t>DKL F04 4665S</t>
  </si>
  <si>
    <t>5702328524637</t>
  </si>
  <si>
    <t>VELUX Verd.-Rollo man. DKL F04 4665S</t>
  </si>
  <si>
    <t>DKL F04 4665SWL</t>
  </si>
  <si>
    <t>5702328809482</t>
  </si>
  <si>
    <t>VELUX Verd.-Rollo man. DKL F04 4665SWL</t>
  </si>
  <si>
    <t>DKL F04 4666S</t>
  </si>
  <si>
    <t>5702328524675</t>
  </si>
  <si>
    <t>VELUX Verd.-Rollo man. DKL F04 4666S</t>
  </si>
  <si>
    <t>DKL F04 4666SWL</t>
  </si>
  <si>
    <t>5702328809499</t>
  </si>
  <si>
    <t>VELUX Verd.-Rollo man. DKL F04 4666SWL</t>
  </si>
  <si>
    <t>DKL F04 4667S</t>
  </si>
  <si>
    <t>5702328524682</t>
  </si>
  <si>
    <t>VELUX Verd.-Rollo man. DKL F04 4667S</t>
  </si>
  <si>
    <t>DKL F04 4667SWL</t>
  </si>
  <si>
    <t>5702328809505</t>
  </si>
  <si>
    <t>VELUX Verd.-Rollo man. DKL F04 4667SWL</t>
  </si>
  <si>
    <t>DKL F04 CBYS</t>
  </si>
  <si>
    <t>5702328765665</t>
  </si>
  <si>
    <t>VELUX Verd.-Rollo man. DKL F04 CBYS</t>
  </si>
  <si>
    <t>DKL F04 CBYSWL</t>
  </si>
  <si>
    <t>5702328860995</t>
  </si>
  <si>
    <t>VELUX Verd.-Rollo man. DKL F04 CBYSWL</t>
  </si>
  <si>
    <t>DKL F06 0705S</t>
  </si>
  <si>
    <t>5702325087487</t>
  </si>
  <si>
    <t>VELUX Verd.-Rollo man. DKL F06 0705S</t>
  </si>
  <si>
    <t>DKL F06 0705SWL</t>
  </si>
  <si>
    <t>5702325627447</t>
  </si>
  <si>
    <t>VELUX Verd.-Rollo man. DKL F06 0705SWL</t>
  </si>
  <si>
    <t>DKL F06 1025S</t>
  </si>
  <si>
    <t>5702325087500</t>
  </si>
  <si>
    <t>VELUX Verd.-Rollo man. DKL F06 1025S</t>
  </si>
  <si>
    <t>DKL F06 1025SWL</t>
  </si>
  <si>
    <t>5702325627461</t>
  </si>
  <si>
    <t>VELUX Verd.-Rollo man. DKL F06 1025SWL</t>
  </si>
  <si>
    <t>DKL F06 1085S</t>
  </si>
  <si>
    <t>5702325087517</t>
  </si>
  <si>
    <t>VELUX Verd.-Rollo man. DKL F06 1085S</t>
  </si>
  <si>
    <t>DKL F06 1085SWL</t>
  </si>
  <si>
    <t>5702325627478</t>
  </si>
  <si>
    <t>VELUX Verd.-Rollo man. DKL F06 1085SWL</t>
  </si>
  <si>
    <t>DKL F06 1100S</t>
  </si>
  <si>
    <t>5702325087524</t>
  </si>
  <si>
    <t>VELUX Verd.-Rollo man. DKL F06 1100S</t>
  </si>
  <si>
    <t>DKL F06 1100SWL</t>
  </si>
  <si>
    <t>5702325627485</t>
  </si>
  <si>
    <t>VELUX Verd.-Rollo man. DKL F06 1100SWL</t>
  </si>
  <si>
    <t>DKL F06 3009S</t>
  </si>
  <si>
    <t>5702325138417</t>
  </si>
  <si>
    <t>VELUX Verd.-Rollo man. DKL F06 3009S</t>
  </si>
  <si>
    <t>DKL F06 3009SWL</t>
  </si>
  <si>
    <t>5702325627652</t>
  </si>
  <si>
    <t>VELUX Verd.-Rollo man. DKL F06 3009SWL</t>
  </si>
  <si>
    <t>DKL F06 4556S</t>
  </si>
  <si>
    <t>5702327416674</t>
  </si>
  <si>
    <t>VELUX Verd.-Rollo man. DKL F06 4556S</t>
  </si>
  <si>
    <t>DKL F06 4556SWL</t>
  </si>
  <si>
    <t>5702328809529</t>
  </si>
  <si>
    <t>VELUX Verd.-Rollo man. DKL F06 4556SWL</t>
  </si>
  <si>
    <t>DKL F06 4559S</t>
  </si>
  <si>
    <t>5702327416704</t>
  </si>
  <si>
    <t>VELUX Verd.-Rollo man. DKL F06 4559S</t>
  </si>
  <si>
    <t>DKL F06 4559SWL</t>
  </si>
  <si>
    <t>5702328809543</t>
  </si>
  <si>
    <t>VELUX Verd.-Rollo man. DKL F06 4559SWL</t>
  </si>
  <si>
    <t>DKL F06 4564S</t>
  </si>
  <si>
    <t>5702327416759</t>
  </si>
  <si>
    <t>VELUX Verd.-Rollo man. DKL F06 4564S</t>
  </si>
  <si>
    <t>DKL F06 4564SWL</t>
  </si>
  <si>
    <t>5702328809598</t>
  </si>
  <si>
    <t>VELUX Verd.-Rollo man. DKL F06 4564SWL</t>
  </si>
  <si>
    <t>DKL F06 4574S</t>
  </si>
  <si>
    <t>5702328966482</t>
  </si>
  <si>
    <t>VELUX Verd.-Rollo man. DKL F06 4574S</t>
  </si>
  <si>
    <t>DKL F06 4574SWL</t>
  </si>
  <si>
    <t>5702328973886</t>
  </si>
  <si>
    <t>VELUX Verd.-Rollo man. DKL F06 4574SWL</t>
  </si>
  <si>
    <t>DKL F06 4575S</t>
  </si>
  <si>
    <t>5702328966499</t>
  </si>
  <si>
    <t>VELUX Verd.-Rollo man. DKL F06 4575S</t>
  </si>
  <si>
    <t>DKL F06 4575SWL</t>
  </si>
  <si>
    <t>5702328973893</t>
  </si>
  <si>
    <t>VELUX Verd.-Rollo man. DKL F06 4575SWL</t>
  </si>
  <si>
    <t>DKL F06 4576S</t>
  </si>
  <si>
    <t>5702328966505</t>
  </si>
  <si>
    <t>VELUX Verd.-Rollo man. DKL F06 4576S</t>
  </si>
  <si>
    <t>DKL F06 4576SWL</t>
  </si>
  <si>
    <t>5702328973909</t>
  </si>
  <si>
    <t>VELUX Verd.-Rollo man. DKL F06 4576SWL</t>
  </si>
  <si>
    <t>DKL F06 4577S</t>
  </si>
  <si>
    <t>5702328966512</t>
  </si>
  <si>
    <t>VELUX Verd.-Rollo man. DKL F06 4577S</t>
  </si>
  <si>
    <t>DKL F06 4577SWL</t>
  </si>
  <si>
    <t>5702328973916</t>
  </si>
  <si>
    <t>VELUX Verd.-Rollo man. DKL F06 4577SWL</t>
  </si>
  <si>
    <t>DKL F06 4578S</t>
  </si>
  <si>
    <t>5702328966529</t>
  </si>
  <si>
    <t>VELUX Verd.-Rollo man. DKL F06 4578S</t>
  </si>
  <si>
    <t>DKL F06 4578SWL</t>
  </si>
  <si>
    <t>5702328973923</t>
  </si>
  <si>
    <t>VELUX Verd.-Rollo man. DKL F06 4578SWL</t>
  </si>
  <si>
    <t>DKL F06 4579S</t>
  </si>
  <si>
    <t>5702328966536</t>
  </si>
  <si>
    <t>VELUX Verd.-Rollo man. DKL F06 4579S</t>
  </si>
  <si>
    <t>DKL F06 4579SWL</t>
  </si>
  <si>
    <t>5702328973930</t>
  </si>
  <si>
    <t>VELUX Verd.-Rollo man. DKL F06 4579SWL</t>
  </si>
  <si>
    <t>DKL F06 4580S</t>
  </si>
  <si>
    <t>5702328966543</t>
  </si>
  <si>
    <t>VELUX Verd.-Rollo man. DKL F06 4580S</t>
  </si>
  <si>
    <t>DKL F06 4580SWL</t>
  </si>
  <si>
    <t>5702328973947</t>
  </si>
  <si>
    <t>VELUX Verd.-Rollo man. DKL F06 4580SWL</t>
  </si>
  <si>
    <t>DKL F06 4581S</t>
  </si>
  <si>
    <t>5702328966550</t>
  </si>
  <si>
    <t>VELUX Verd.-Rollo man. DKL F06 4581S</t>
  </si>
  <si>
    <t>DKL F06 4581SWL</t>
  </si>
  <si>
    <t>5702328973954</t>
  </si>
  <si>
    <t>VELUX Verd.-Rollo man. DKL F06 4581SWL</t>
  </si>
  <si>
    <t>DKL F06 4653S</t>
  </si>
  <si>
    <t>5702328524767</t>
  </si>
  <si>
    <t>VELUX Verd.-Rollo man. DKL F06 4653S</t>
  </si>
  <si>
    <t>DKL F06 4653SWL</t>
  </si>
  <si>
    <t>5702328809710</t>
  </si>
  <si>
    <t>VELUX Verd.-Rollo man. DKL F06 4653SWL</t>
  </si>
  <si>
    <t>DKL F06 4654S</t>
  </si>
  <si>
    <t>5702328524774</t>
  </si>
  <si>
    <t>VELUX Verd.-Rollo man. DKL F06 4654S</t>
  </si>
  <si>
    <t>DKL F06 4654SWL</t>
  </si>
  <si>
    <t>5702328809727</t>
  </si>
  <si>
    <t>VELUX Verd.-Rollo man. DKL F06 4654SWL</t>
  </si>
  <si>
    <t>DKL F06 4655S</t>
  </si>
  <si>
    <t>5702328524866</t>
  </si>
  <si>
    <t>VELUX Verd.-Rollo man. DKL F06 4655S</t>
  </si>
  <si>
    <t>DKL F06 4655SWL</t>
  </si>
  <si>
    <t>5702328809734</t>
  </si>
  <si>
    <t>VELUX Verd.-Rollo man. DKL F06 4655SWL</t>
  </si>
  <si>
    <t>DKL F06 4659S</t>
  </si>
  <si>
    <t>5702328524903</t>
  </si>
  <si>
    <t>VELUX Verd.-Rollo man. DKL F06 4659S</t>
  </si>
  <si>
    <t>DKL F06 4659SWL</t>
  </si>
  <si>
    <t>5702328809772</t>
  </si>
  <si>
    <t>VELUX Verd.-Rollo man. DKL F06 4659SWL</t>
  </si>
  <si>
    <t>DKL F06 4660S</t>
  </si>
  <si>
    <t>5702328524934</t>
  </si>
  <si>
    <t>VELUX Verd.-Rollo man. DKL F06 4660S</t>
  </si>
  <si>
    <t>DKL F06 4660SWL</t>
  </si>
  <si>
    <t>5702328809789</t>
  </si>
  <si>
    <t>VELUX Verd.-Rollo man. DKL F06 4660SWL</t>
  </si>
  <si>
    <t>DKL F06 4661S</t>
  </si>
  <si>
    <t>5702328524972</t>
  </si>
  <si>
    <t>VELUX Verd.-Rollo man. DKL F06 4661S</t>
  </si>
  <si>
    <t>DKL F06 4661SWL</t>
  </si>
  <si>
    <t>5702328809796</t>
  </si>
  <si>
    <t>VELUX Verd.-Rollo man. DKL F06 4661SWL</t>
  </si>
  <si>
    <t>DKL F06 4665S</t>
  </si>
  <si>
    <t>5702328525054</t>
  </si>
  <si>
    <t>VELUX Verd.-Rollo man. DKL F06 4665S</t>
  </si>
  <si>
    <t>DKL F06 4665SWL</t>
  </si>
  <si>
    <t>5702328809833</t>
  </si>
  <si>
    <t>VELUX Verd.-Rollo man. DKL F06 4665SWL</t>
  </si>
  <si>
    <t>DKL F06 4666S</t>
  </si>
  <si>
    <t>5702328525061</t>
  </si>
  <si>
    <t>VELUX Verd.-Rollo man. DKL F06 4666S</t>
  </si>
  <si>
    <t>DKL F06 4666SWL</t>
  </si>
  <si>
    <t>5702328809840</t>
  </si>
  <si>
    <t>VELUX Verd.-Rollo man. DKL F06 4666SWL</t>
  </si>
  <si>
    <t>DKL F06 4667S</t>
  </si>
  <si>
    <t>5702328525078</t>
  </si>
  <si>
    <t>VELUX Verd.-Rollo man. DKL F06 4667S</t>
  </si>
  <si>
    <t>DKL F06 4667SWL</t>
  </si>
  <si>
    <t>5702328809857</t>
  </si>
  <si>
    <t>VELUX Verd.-Rollo man. DKL F06 4667SWL</t>
  </si>
  <si>
    <t>DKL F06 CBYS</t>
  </si>
  <si>
    <t>5702328765672</t>
  </si>
  <si>
    <t>VELUX Verd.-Rollo man. DKL F06 CBYS</t>
  </si>
  <si>
    <t>DKL F06 CBYSWL</t>
  </si>
  <si>
    <t>5702328861008</t>
  </si>
  <si>
    <t>VELUX Verd.-Rollo man. DKL F06 CBYSWL</t>
  </si>
  <si>
    <t>DKL F08 0705S</t>
  </si>
  <si>
    <t>5702325087944</t>
  </si>
  <si>
    <t>VELUX Verd.-Rollo man. DKL F08 0705S</t>
  </si>
  <si>
    <t>DKL F08 0705SWL</t>
  </si>
  <si>
    <t>5702325627850</t>
  </si>
  <si>
    <t>VELUX Verd.-Rollo man. DKL F08 0705SWL</t>
  </si>
  <si>
    <t>DKL F08 1025S</t>
  </si>
  <si>
    <t>5702325087968</t>
  </si>
  <si>
    <t>VELUX Verd.-Rollo man. DKL F08 1025S</t>
  </si>
  <si>
    <t>DKL F08 1025SWL</t>
  </si>
  <si>
    <t>5702325627874</t>
  </si>
  <si>
    <t>VELUX Verd.-Rollo man. DKL F08 1025SWL</t>
  </si>
  <si>
    <t>DKL F08 1085S</t>
  </si>
  <si>
    <t>5702325087975</t>
  </si>
  <si>
    <t>VELUX Verd.-Rollo man. DKL F08 1085S</t>
  </si>
  <si>
    <t>DKL F08 1085SWL</t>
  </si>
  <si>
    <t>5702325627881</t>
  </si>
  <si>
    <t>VELUX Verd.-Rollo man. DKL F08 1085SWL</t>
  </si>
  <si>
    <t>DKL F08 1100S</t>
  </si>
  <si>
    <t>5702325087982</t>
  </si>
  <si>
    <t>VELUX Verd.-Rollo man. DKL F08 1100S</t>
  </si>
  <si>
    <t>DKL F08 1100SWL</t>
  </si>
  <si>
    <t>5702325627898</t>
  </si>
  <si>
    <t>VELUX Verd.-Rollo man. DKL F08 1100SWL</t>
  </si>
  <si>
    <t>DKL F08 3009S</t>
  </si>
  <si>
    <t>5702325138639</t>
  </si>
  <si>
    <t>VELUX Verd.-Rollo man. DKL F08 3009S</t>
  </si>
  <si>
    <t>DKL F08 3009SWL</t>
  </si>
  <si>
    <t>5702325628062</t>
  </si>
  <si>
    <t>VELUX Verd.-Rollo man. DKL F08 3009SWL</t>
  </si>
  <si>
    <t>DKL F08 4556S</t>
  </si>
  <si>
    <t>5702327416865</t>
  </si>
  <si>
    <t>VELUX Verd.-Rollo man. DKL F08 4556S</t>
  </si>
  <si>
    <t>DKL F08 4556SWL</t>
  </si>
  <si>
    <t>5702328809871</t>
  </si>
  <si>
    <t>VELUX Verd.-Rollo man. DKL F08 4556SWL</t>
  </si>
  <si>
    <t>DKL F08 4559S</t>
  </si>
  <si>
    <t>5702327416896</t>
  </si>
  <si>
    <t>VELUX Verd.-Rollo man. DKL F08 4559S</t>
  </si>
  <si>
    <t>DKL F08 4559SWL</t>
  </si>
  <si>
    <t>5702328809895</t>
  </si>
  <si>
    <t>VELUX Verd.-Rollo man. DKL F08 4559SWL</t>
  </si>
  <si>
    <t>DKL F08 4564S</t>
  </si>
  <si>
    <t>5702327416940</t>
  </si>
  <si>
    <t>VELUX Verd.-Rollo man. DKL F08 4564S</t>
  </si>
  <si>
    <t>DKL F08 4564SWL</t>
  </si>
  <si>
    <t>5702328809949</t>
  </si>
  <si>
    <t>VELUX Verd.-Rollo man. DKL F08 4564SWL</t>
  </si>
  <si>
    <t>DKL F08 4574S</t>
  </si>
  <si>
    <t>5702328966567</t>
  </si>
  <si>
    <t>VELUX Verd.-Rollo man. DKL F08 4574S</t>
  </si>
  <si>
    <t>DKL F08 4574SWL</t>
  </si>
  <si>
    <t>5702328973961</t>
  </si>
  <si>
    <t>VELUX Verd.-Rollo man. DKL F08 4574SWL</t>
  </si>
  <si>
    <t>DKL F08 4575S</t>
  </si>
  <si>
    <t>5702328966574</t>
  </si>
  <si>
    <t>VELUX Verd.-Rollo man. DKL F08 4575S</t>
  </si>
  <si>
    <t>DKL F08 4575SWL</t>
  </si>
  <si>
    <t>5702328973978</t>
  </si>
  <si>
    <t>VELUX Verd.-Rollo man. DKL F08 4575SWL</t>
  </si>
  <si>
    <t>DKL F08 4576S</t>
  </si>
  <si>
    <t>5702328966581</t>
  </si>
  <si>
    <t>VELUX Verd.-Rollo man. DKL F08 4576S</t>
  </si>
  <si>
    <t>DKL F08 4576SWL</t>
  </si>
  <si>
    <t>5702328973985</t>
  </si>
  <si>
    <t>VELUX Verd.-Rollo man. DKL F08 4576SWL</t>
  </si>
  <si>
    <t>DKL F08 4577S</t>
  </si>
  <si>
    <t>5702328966598</t>
  </si>
  <si>
    <t>VELUX Verd.-Rollo man. DKL F08 4577S</t>
  </si>
  <si>
    <t>DKL F08 4577SWL</t>
  </si>
  <si>
    <t>5702328973992</t>
  </si>
  <si>
    <t>VELUX Verd.-Rollo man. DKL F08 4577SWL</t>
  </si>
  <si>
    <t>DKL F08 4578S</t>
  </si>
  <si>
    <t>5702328966604</t>
  </si>
  <si>
    <t>VELUX Verd.-Rollo man. DKL F08 4578S</t>
  </si>
  <si>
    <t>DKL F08 4578SWL</t>
  </si>
  <si>
    <t>5702328974005</t>
  </si>
  <si>
    <t>VELUX Verd.-Rollo man. DKL F08 4578SWL</t>
  </si>
  <si>
    <t>DKL F08 4579S</t>
  </si>
  <si>
    <t>5702328966611</t>
  </si>
  <si>
    <t>VELUX Verd.-Rollo man. DKL F08 4579S</t>
  </si>
  <si>
    <t>DKL F08 4579SWL</t>
  </si>
  <si>
    <t>5702328974012</t>
  </si>
  <si>
    <t>VELUX Verd.-Rollo man. DKL F08 4579SWL</t>
  </si>
  <si>
    <t>DKL F08 4580S</t>
  </si>
  <si>
    <t>5702328966628</t>
  </si>
  <si>
    <t>VELUX Verd.-Rollo man. DKL F08 4580S</t>
  </si>
  <si>
    <t>DKL F08 4580SWL</t>
  </si>
  <si>
    <t>5702328974029</t>
  </si>
  <si>
    <t>VELUX Verd.-Rollo man. DKL F08 4580SWL</t>
  </si>
  <si>
    <t>DKL F08 4581S</t>
  </si>
  <si>
    <t>5702328966635</t>
  </si>
  <si>
    <t>VELUX Verd.-Rollo man. DKL F08 4581S</t>
  </si>
  <si>
    <t>DKL F08 4581SWL</t>
  </si>
  <si>
    <t>5702328974036</t>
  </si>
  <si>
    <t>VELUX Verd.-Rollo man. DKL F08 4581SWL</t>
  </si>
  <si>
    <t>DKL F08 4653S</t>
  </si>
  <si>
    <t>5702328525191</t>
  </si>
  <si>
    <t>VELUX Verd.-Rollo man. DKL F08 4653S</t>
  </si>
  <si>
    <t>DKL F08 4653SWL</t>
  </si>
  <si>
    <t>5702328810068</t>
  </si>
  <si>
    <t>VELUX Verd.-Rollo man. DKL F08 4653SWL</t>
  </si>
  <si>
    <t>DKL F08 4654SWL</t>
  </si>
  <si>
    <t>5702328810075</t>
  </si>
  <si>
    <t>VELUX Verd.-Rollo man. DKL F08 4654SWL</t>
  </si>
  <si>
    <t>DKL F08 4659S</t>
  </si>
  <si>
    <t>5702328525436</t>
  </si>
  <si>
    <t>VELUX Verd.-Rollo man. DKL F08 4659S</t>
  </si>
  <si>
    <t>DKL F08 4659SWL</t>
  </si>
  <si>
    <t>5702328810129</t>
  </si>
  <si>
    <t>VELUX Verd.-Rollo man. DKL F08 4659SWL</t>
  </si>
  <si>
    <t>DKL F08 4660S</t>
  </si>
  <si>
    <t>5702328525467</t>
  </si>
  <si>
    <t>VELUX Verd.-Rollo man. DKL F08 4660S</t>
  </si>
  <si>
    <t>DKL F08 4660SWL</t>
  </si>
  <si>
    <t>5702328810136</t>
  </si>
  <si>
    <t>VELUX Verd.-Rollo man. DKL F08 4660SWL</t>
  </si>
  <si>
    <t>DKL F08 4661S</t>
  </si>
  <si>
    <t>5702328525474</t>
  </si>
  <si>
    <t>VELUX Verd.-Rollo man. DKL F08 4661S</t>
  </si>
  <si>
    <t>DKL F08 4661SWL</t>
  </si>
  <si>
    <t>5702328810143</t>
  </si>
  <si>
    <t>VELUX Verd.-Rollo man. DKL F08 4661SWL</t>
  </si>
  <si>
    <t>DKL F08 4665S</t>
  </si>
  <si>
    <t>5702328525511</t>
  </si>
  <si>
    <t>VELUX Verd.-Rollo man. DKL F08 4665S</t>
  </si>
  <si>
    <t>DKL F08 4665SWL</t>
  </si>
  <si>
    <t>5702328810181</t>
  </si>
  <si>
    <t>VELUX Verd.-Rollo man. DKL F08 4665SWL</t>
  </si>
  <si>
    <t>DKL F08 4666S</t>
  </si>
  <si>
    <t>5702328525542</t>
  </si>
  <si>
    <t>VELUX Verd.-Rollo man. DKL F08 4666S</t>
  </si>
  <si>
    <t>DKL F08 4666SWL</t>
  </si>
  <si>
    <t>5702328810198</t>
  </si>
  <si>
    <t>VELUX Verd.-Rollo man. DKL F08 4666SWL</t>
  </si>
  <si>
    <t>DKL F08 4667SWL</t>
  </si>
  <si>
    <t>5702328810204</t>
  </si>
  <si>
    <t>VELUX Verd.-Rollo man. DKL F08 4667SWL</t>
  </si>
  <si>
    <t>DKL F08 CBYS</t>
  </si>
  <si>
    <t>5702328765689</t>
  </si>
  <si>
    <t>VELUX Verd.-Rollo man. DKL F08 CBYS</t>
  </si>
  <si>
    <t>DKL F08 CBYSWL</t>
  </si>
  <si>
    <t>5702328861015</t>
  </si>
  <si>
    <t>VELUX Verd.-Rollo man. DKL F08 CBYSWL</t>
  </si>
  <si>
    <t>DKL FK04 0705S</t>
  </si>
  <si>
    <t>5702326745607</t>
  </si>
  <si>
    <t>VELUX Verd.-Rollo man. DKL FK04 0705S</t>
  </si>
  <si>
    <t>DKL FK04 0705SWL</t>
  </si>
  <si>
    <t>5702326745614</t>
  </si>
  <si>
    <t>VELUX Verd.-Rollo man. DKL FK04 0705SWL</t>
  </si>
  <si>
    <t>DKL FK04 1025S</t>
  </si>
  <si>
    <t>5702326745645</t>
  </si>
  <si>
    <t>VELUX Verd.-Rollo man. DKL FK04 1025S</t>
  </si>
  <si>
    <t>DKL FK04 1025SWL</t>
  </si>
  <si>
    <t>5702326745652</t>
  </si>
  <si>
    <t>VELUX Verd.-Rollo man. DKL FK04 1025SWL</t>
  </si>
  <si>
    <t>DKL FK04 1085S</t>
  </si>
  <si>
    <t>5702326745676</t>
  </si>
  <si>
    <t>VELUX Verd.-Rollo man. DKL FK04 1085S</t>
  </si>
  <si>
    <t>DKL FK04 1085SWL</t>
  </si>
  <si>
    <t>5702326745690</t>
  </si>
  <si>
    <t>VELUX Verd.-Rollo man. DKL FK04 1085SWL</t>
  </si>
  <si>
    <t>DKL FK04 1100S</t>
  </si>
  <si>
    <t>5702326745706</t>
  </si>
  <si>
    <t>VELUX Verd.-Rollo man. DKL FK04 1100S</t>
  </si>
  <si>
    <t>DKL FK04 1100SWL</t>
  </si>
  <si>
    <t>5702326745713</t>
  </si>
  <si>
    <t>VELUX Verd.-Rollo man. DKL FK04 1100SWL</t>
  </si>
  <si>
    <t>DKL FK04 3009S</t>
  </si>
  <si>
    <t>5702326746055</t>
  </si>
  <si>
    <t>VELUX Verd.-Rollo man. DKL FK04 3009S</t>
  </si>
  <si>
    <t>DKL FK04 3009SWL</t>
  </si>
  <si>
    <t>5702326746062</t>
  </si>
  <si>
    <t>VELUX Verd.-Rollo man. DKL FK04 3009SWL</t>
  </si>
  <si>
    <t>DKL FK04 4556S</t>
  </si>
  <si>
    <t>5702327417053</t>
  </si>
  <si>
    <t>VELUX Verd.-Rollo man. DKL FK04 4556S</t>
  </si>
  <si>
    <t>DKL FK04 4556SWL</t>
  </si>
  <si>
    <t>5702328810228</t>
  </si>
  <si>
    <t>VELUX Verd.-Rollo man. DKL FK04 4556SWL</t>
  </si>
  <si>
    <t>DKL FK04 4559S</t>
  </si>
  <si>
    <t>5702327417084</t>
  </si>
  <si>
    <t>VELUX Verd.-Rollo man. DKL FK04 4559S</t>
  </si>
  <si>
    <t>DKL FK04 4559SWL</t>
  </si>
  <si>
    <t>5702328810242</t>
  </si>
  <si>
    <t>VELUX Verd.-Rollo man. DKL FK04 4559SWL</t>
  </si>
  <si>
    <t>DKL FK04 4564S</t>
  </si>
  <si>
    <t>5702327417138</t>
  </si>
  <si>
    <t>VELUX Verd.-Rollo man. DKL FK04 4564S</t>
  </si>
  <si>
    <t>DKL FK04 4564SWL</t>
  </si>
  <si>
    <t>5702328810297</t>
  </si>
  <si>
    <t>VELUX Verd.-Rollo man. DKL FK04 4564SWL</t>
  </si>
  <si>
    <t>DKL FK04 4574S</t>
  </si>
  <si>
    <t>5702328966642</t>
  </si>
  <si>
    <t>VELUX Verd.-Rollo man. DKL FK04 4574S</t>
  </si>
  <si>
    <t>DKL FK04 4574SWL</t>
  </si>
  <si>
    <t>5702328974043</t>
  </si>
  <si>
    <t>VELUX Verd.-Rollo man. DKL FK04 4574SWL</t>
  </si>
  <si>
    <t>DKL FK04 4575S</t>
  </si>
  <si>
    <t>5702328966659</t>
  </si>
  <si>
    <t>VELUX Verd.-Rollo man. DKL FK04 4575S</t>
  </si>
  <si>
    <t>DKL FK04 4575SWL</t>
  </si>
  <si>
    <t>5702328974050</t>
  </si>
  <si>
    <t>VELUX Verd.-Rollo man. DKL FK04 4575SWL</t>
  </si>
  <si>
    <t>DKL FK04 4576S</t>
  </si>
  <si>
    <t>5702328966666</t>
  </si>
  <si>
    <t>VELUX Verd.-Rollo man. DKL FK04 4576S</t>
  </si>
  <si>
    <t>DKL FK04 4576SWL</t>
  </si>
  <si>
    <t>5702328974067</t>
  </si>
  <si>
    <t>VELUX Verd.-Rollo man. DKL FK04 4576SWL</t>
  </si>
  <si>
    <t>DKL FK04 4577S</t>
  </si>
  <si>
    <t>5702328966673</t>
  </si>
  <si>
    <t>VELUX Verd.-Rollo man. DKL FK04 4577S</t>
  </si>
  <si>
    <t>DKL FK04 4577SWL</t>
  </si>
  <si>
    <t>5702328974074</t>
  </si>
  <si>
    <t>VELUX Verd.-Rollo man. DKL FK04 4577SWL</t>
  </si>
  <si>
    <t>DKL FK04 4578S</t>
  </si>
  <si>
    <t>5702328966680</t>
  </si>
  <si>
    <t>VELUX Verd.-Rollo man. DKL FK04 4578S</t>
  </si>
  <si>
    <t>DKL FK04 4578SWL</t>
  </si>
  <si>
    <t>5702328974081</t>
  </si>
  <si>
    <t>VELUX Verd.-Rollo man. DKL FK04 4578SWL</t>
  </si>
  <si>
    <t>DKL FK04 4579S</t>
  </si>
  <si>
    <t>5702328966697</t>
  </si>
  <si>
    <t>VELUX Verd.-Rollo man. DKL FK04 4579S</t>
  </si>
  <si>
    <t>DKL FK04 4579SWL</t>
  </si>
  <si>
    <t>5702328974098</t>
  </si>
  <si>
    <t>VELUX Verd.-Rollo man. DKL FK04 4579SWL</t>
  </si>
  <si>
    <t>DKL FK04 4580S</t>
  </si>
  <si>
    <t>5702328966703</t>
  </si>
  <si>
    <t>VELUX Verd.-Rollo man. DKL FK04 4580S</t>
  </si>
  <si>
    <t>DKL FK04 4580SWL</t>
  </si>
  <si>
    <t>5702328974104</t>
  </si>
  <si>
    <t>VELUX Verd.-Rollo man. DKL FK04 4580SWL</t>
  </si>
  <si>
    <t>DKL FK04 4581S</t>
  </si>
  <si>
    <t>5702328966710</t>
  </si>
  <si>
    <t>VELUX Verd.-Rollo man. DKL FK04 4581S</t>
  </si>
  <si>
    <t>DKL FK04 4581SWL</t>
  </si>
  <si>
    <t>5702328974111</t>
  </si>
  <si>
    <t>VELUX Verd.-Rollo man. DKL FK04 4581SWL</t>
  </si>
  <si>
    <t>DKL FK04 4653S</t>
  </si>
  <si>
    <t>5702328525658</t>
  </si>
  <si>
    <t>VELUX Verd.-Rollo man. DKL FK04 4653S</t>
  </si>
  <si>
    <t>DKL FK04 4653SWL</t>
  </si>
  <si>
    <t>5702328810419</t>
  </si>
  <si>
    <t>VELUX Verd.-Rollo man. DKL FK04 4653SWL</t>
  </si>
  <si>
    <t>DKL FK04 4654S</t>
  </si>
  <si>
    <t>5702328525665</t>
  </si>
  <si>
    <t>VELUX Verd.-Rollo man. DKL FK04 4654S</t>
  </si>
  <si>
    <t>DKL FK04 4654SWL</t>
  </si>
  <si>
    <t>5702328810426</t>
  </si>
  <si>
    <t>VELUX Verd.-Rollo man. DKL FK04 4654SWL</t>
  </si>
  <si>
    <t>DKL FK04 4655SWL</t>
  </si>
  <si>
    <t>5702328810433</t>
  </si>
  <si>
    <t>VELUX Verd.-Rollo man. DKL FK04 4655SWL</t>
  </si>
  <si>
    <t>DKL FK04 4659S</t>
  </si>
  <si>
    <t>5702328525740</t>
  </si>
  <si>
    <t>VELUX Verd.-Rollo man. DKL FK04 4659S</t>
  </si>
  <si>
    <t>DKL FK04 4659SWL</t>
  </si>
  <si>
    <t>5702328810471</t>
  </si>
  <si>
    <t>VELUX Verd.-Rollo man. DKL FK04 4659SWL</t>
  </si>
  <si>
    <t>DKL FK04 4660S</t>
  </si>
  <si>
    <t>5702328525771</t>
  </si>
  <si>
    <t>VELUX Verd.-Rollo man. DKL FK04 4660S</t>
  </si>
  <si>
    <t>DKL FK04 4660SWL</t>
  </si>
  <si>
    <t>5702328810488</t>
  </si>
  <si>
    <t>VELUX Verd.-Rollo man. DKL FK04 4660SWL</t>
  </si>
  <si>
    <t>DKL FK04 4661SWL</t>
  </si>
  <si>
    <t>5702328810495</t>
  </si>
  <si>
    <t>VELUX Verd.-Rollo man. DKL FK04 4661SWL</t>
  </si>
  <si>
    <t>DKL FK04 4665S</t>
  </si>
  <si>
    <t>5702328525986</t>
  </si>
  <si>
    <t>VELUX Verd.-Rollo man. DKL FK04 4665S</t>
  </si>
  <si>
    <t>DKL FK04 4665SWL</t>
  </si>
  <si>
    <t>5702328810532</t>
  </si>
  <si>
    <t>VELUX Verd.-Rollo man. DKL FK04 4665SWL</t>
  </si>
  <si>
    <t>DKL FK04 4666S</t>
  </si>
  <si>
    <t>5702328526112</t>
  </si>
  <si>
    <t>VELUX Verd.-Rollo man. DKL FK04 4666S</t>
  </si>
  <si>
    <t>DKL FK04 4666SWL</t>
  </si>
  <si>
    <t>5702328810549</t>
  </si>
  <si>
    <t>VELUX Verd.-Rollo man. DKL FK04 4666SWL</t>
  </si>
  <si>
    <t>DKL FK04 4667S</t>
  </si>
  <si>
    <t>5702328526181</t>
  </si>
  <si>
    <t>VELUX Verd.-Rollo man. DKL FK04 4667S</t>
  </si>
  <si>
    <t>DKL FK04 4667SWL</t>
  </si>
  <si>
    <t>5702328810556</t>
  </si>
  <si>
    <t>VELUX Verd.-Rollo man. DKL FK04 4667SWL</t>
  </si>
  <si>
    <t>DKL FK04 CBYS</t>
  </si>
  <si>
    <t>5702328765696</t>
  </si>
  <si>
    <t>VELUX Verd.-Rollo man. DKL FK04 CBYS</t>
  </si>
  <si>
    <t>DKL FK04 CBYSWL</t>
  </si>
  <si>
    <t>5702328861022</t>
  </si>
  <si>
    <t>VELUX Verd.-Rollo man. DKL FK04 CBYSWL</t>
  </si>
  <si>
    <t>DKL FK06 0705S</t>
  </si>
  <si>
    <t>5702326746482</t>
  </si>
  <si>
    <t>VELUX Verd.-Rollo man. DKL FK06 0705S</t>
  </si>
  <si>
    <t>DKL FK06 0705SWL</t>
  </si>
  <si>
    <t>5702326746499</t>
  </si>
  <si>
    <t>VELUX Verd.-Rollo man. DKL FK06 0705SWL</t>
  </si>
  <si>
    <t>DKL FK06 1025S</t>
  </si>
  <si>
    <t>5702326746529</t>
  </si>
  <si>
    <t>VELUX Verd.-Rollo man. DKL FK06 1025S</t>
  </si>
  <si>
    <t>DKL FK06 1025SWL</t>
  </si>
  <si>
    <t>5702326746536</t>
  </si>
  <si>
    <t>VELUX Verd.-Rollo man. DKL FK06 1025SWL</t>
  </si>
  <si>
    <t>DKL FK06 1085S</t>
  </si>
  <si>
    <t>5702326746543</t>
  </si>
  <si>
    <t>VELUX Verd.-Rollo man. DKL FK06 1085S</t>
  </si>
  <si>
    <t>DKL FK06 1085SWL</t>
  </si>
  <si>
    <t>5702326746550</t>
  </si>
  <si>
    <t>VELUX Verd.-Rollo man. DKL FK06 1085SWL</t>
  </si>
  <si>
    <t>DKL FK06 1100S</t>
  </si>
  <si>
    <t>5702326746567</t>
  </si>
  <si>
    <t>VELUX Verd.-Rollo man. DKL FK06 1100S</t>
  </si>
  <si>
    <t>DKL FK06 1100SWL</t>
  </si>
  <si>
    <t>5702326746574</t>
  </si>
  <si>
    <t>VELUX Verd.-Rollo man. DKL FK06 1100SWL</t>
  </si>
  <si>
    <t>DKL FK06 3009S</t>
  </si>
  <si>
    <t>5702326746925</t>
  </si>
  <si>
    <t>VELUX Verd.-Rollo man. DKL FK06 3009S</t>
  </si>
  <si>
    <t>DKL FK06 3009SWL</t>
  </si>
  <si>
    <t>5702326746932</t>
  </si>
  <si>
    <t>VELUX Verd.-Rollo man. DKL FK06 3009SWL</t>
  </si>
  <si>
    <t>DKL FK06 4556S</t>
  </si>
  <si>
    <t>5702327417244</t>
  </si>
  <si>
    <t>VELUX Verd.-Rollo man. DKL FK06 4556S</t>
  </si>
  <si>
    <t>DKL FK06 4556SWL</t>
  </si>
  <si>
    <t>5702328810570</t>
  </si>
  <si>
    <t>VELUX Verd.-Rollo man. DKL FK06 4556SWL</t>
  </si>
  <si>
    <t>DKL FK06 4559S</t>
  </si>
  <si>
    <t>5702327417275</t>
  </si>
  <si>
    <t>VELUX Verd.-Rollo man. DKL FK06 4559S</t>
  </si>
  <si>
    <t>DKL FK06 4559SWL</t>
  </si>
  <si>
    <t>5702328810594</t>
  </si>
  <si>
    <t>VELUX Verd.-Rollo man. DKL FK06 4559SWL</t>
  </si>
  <si>
    <t>DKL FK06 4564S</t>
  </si>
  <si>
    <t>5702327417329</t>
  </si>
  <si>
    <t>VELUX Verd.-Rollo man. DKL FK06 4564S</t>
  </si>
  <si>
    <t>DKL FK06 4564SWL</t>
  </si>
  <si>
    <t>5702328810648</t>
  </si>
  <si>
    <t>VELUX Verd.-Rollo man. DKL FK06 4564SWL</t>
  </si>
  <si>
    <t>DKL FK06 4574S</t>
  </si>
  <si>
    <t>5702328966727</t>
  </si>
  <si>
    <t>VELUX Verd.-Rollo man. DKL FK06 4574S</t>
  </si>
  <si>
    <t>DKL FK06 4574SWL</t>
  </si>
  <si>
    <t>5702328974128</t>
  </si>
  <si>
    <t>VELUX Verd.-Rollo man. DKL FK06 4574SWL</t>
  </si>
  <si>
    <t>DKL FK06 4575S</t>
  </si>
  <si>
    <t>5702328966734</t>
  </si>
  <si>
    <t>VELUX Verd.-Rollo man. DKL FK06 4575S</t>
  </si>
  <si>
    <t>DKL FK06 4575SWL</t>
  </si>
  <si>
    <t>5702328974135</t>
  </si>
  <si>
    <t>VELUX Verd.-Rollo man. DKL FK06 4575SWL</t>
  </si>
  <si>
    <t>DKL FK06 4576S</t>
  </si>
  <si>
    <t>5702328966741</t>
  </si>
  <si>
    <t>VELUX Verd.-Rollo man. DKL FK06 4576S</t>
  </si>
  <si>
    <t>DKL FK06 4576SWL</t>
  </si>
  <si>
    <t>5702328974142</t>
  </si>
  <si>
    <t>VELUX Verd.-Rollo man. DKL FK06 4576SWL</t>
  </si>
  <si>
    <t>DKL FK06 4577S</t>
  </si>
  <si>
    <t>5702328966758</t>
  </si>
  <si>
    <t>VELUX Verd.-Rollo man. DKL FK06 4577S</t>
  </si>
  <si>
    <t>DKL FK06 4577SWL</t>
  </si>
  <si>
    <t>5702328974159</t>
  </si>
  <si>
    <t>VELUX Verd.-Rollo man. DKL FK06 4577SWL</t>
  </si>
  <si>
    <t>DKL FK06 4578S</t>
  </si>
  <si>
    <t>5702328966765</t>
  </si>
  <si>
    <t>VELUX Verd.-Rollo man. DKL FK06 4578S</t>
  </si>
  <si>
    <t>DKL FK06 4578SWL</t>
  </si>
  <si>
    <t>5702328974166</t>
  </si>
  <si>
    <t>VELUX Verd.-Rollo man. DKL FK06 4578SWL</t>
  </si>
  <si>
    <t>DKL FK06 4579S</t>
  </si>
  <si>
    <t>5702328966772</t>
  </si>
  <si>
    <t>VELUX Verd.-Rollo man. DKL FK06 4579S</t>
  </si>
  <si>
    <t>DKL FK06 4579SWL</t>
  </si>
  <si>
    <t>5702328974173</t>
  </si>
  <si>
    <t>VELUX Verd.-Rollo man. DKL FK06 4579SWL</t>
  </si>
  <si>
    <t>DKL FK06 4580S</t>
  </si>
  <si>
    <t>5702328966789</t>
  </si>
  <si>
    <t>VELUX Verd.-Rollo man. DKL FK06 4580S</t>
  </si>
  <si>
    <t>DKL FK06 4580SWL</t>
  </si>
  <si>
    <t>5702328974180</t>
  </si>
  <si>
    <t>VELUX Verd.-Rollo man. DKL FK06 4580SWL</t>
  </si>
  <si>
    <t>DKL FK06 4581S</t>
  </si>
  <si>
    <t>5702328966796</t>
  </si>
  <si>
    <t>VELUX Verd.-Rollo man. DKL FK06 4581S</t>
  </si>
  <si>
    <t>DKL FK06 4581SWL</t>
  </si>
  <si>
    <t>5702328974197</t>
  </si>
  <si>
    <t>VELUX Verd.-Rollo man. DKL FK06 4581SWL</t>
  </si>
  <si>
    <t>DKL FK06 4653S</t>
  </si>
  <si>
    <t>5702328526228</t>
  </si>
  <si>
    <t>VELUX Verd.-Rollo man. DKL FK06 4653S</t>
  </si>
  <si>
    <t>DKL FK06 4653SWL</t>
  </si>
  <si>
    <t>5702328810761</t>
  </si>
  <si>
    <t>VELUX Verd.-Rollo man. DKL FK06 4653SWL</t>
  </si>
  <si>
    <t>DKL FK06 4654S</t>
  </si>
  <si>
    <t>5702328526235</t>
  </si>
  <si>
    <t>VELUX Verd.-Rollo man. DKL FK06 4654S</t>
  </si>
  <si>
    <t>DKL FK06 4654SWL</t>
  </si>
  <si>
    <t>5702328810778</t>
  </si>
  <si>
    <t>VELUX Verd.-Rollo man. DKL FK06 4654SWL</t>
  </si>
  <si>
    <t>DKL FK06 4655S</t>
  </si>
  <si>
    <t>5702328526242</t>
  </si>
  <si>
    <t>VELUX Verd.-Rollo man. DKL FK06 4655S</t>
  </si>
  <si>
    <t>DKL FK06 4655SWL</t>
  </si>
  <si>
    <t>5702328810785</t>
  </si>
  <si>
    <t>VELUX Verd.-Rollo man. DKL FK06 4655SWL</t>
  </si>
  <si>
    <t>DKL FK06 4659S</t>
  </si>
  <si>
    <t>5702328526280</t>
  </si>
  <si>
    <t>VELUX Verd.-Rollo man. DKL FK06 4659S</t>
  </si>
  <si>
    <t>DKL FK06 4659SWL</t>
  </si>
  <si>
    <t>5702328810822</t>
  </si>
  <si>
    <t>VELUX Verd.-Rollo man. DKL FK06 4659SWL</t>
  </si>
  <si>
    <t>DKL FK06 4660S</t>
  </si>
  <si>
    <t>5702328526297</t>
  </si>
  <si>
    <t>VELUX Verd.-Rollo man. DKL FK06 4660S</t>
  </si>
  <si>
    <t>DKL FK06 4660SWL</t>
  </si>
  <si>
    <t>5702328810839</t>
  </si>
  <si>
    <t>VELUX Verd.-Rollo man. DKL FK06 4660SWL</t>
  </si>
  <si>
    <t>DKL FK06 4661S</t>
  </si>
  <si>
    <t>5702328526303</t>
  </si>
  <si>
    <t>VELUX Verd.-Rollo man. DKL FK06 4661S</t>
  </si>
  <si>
    <t>DKL FK06 4661SWL</t>
  </si>
  <si>
    <t>5702328810846</t>
  </si>
  <si>
    <t>VELUX Verd.-Rollo man. DKL FK06 4661SWL</t>
  </si>
  <si>
    <t>DKL FK06 4665S</t>
  </si>
  <si>
    <t>5702328526341</t>
  </si>
  <si>
    <t>VELUX Verd.-Rollo man. DKL FK06 4665S</t>
  </si>
  <si>
    <t>DKL FK06 4665SWL</t>
  </si>
  <si>
    <t>5702328810884</t>
  </si>
  <si>
    <t>VELUX Verd.-Rollo man. DKL FK06 4665SWL</t>
  </si>
  <si>
    <t>DKL FK06 4666S</t>
  </si>
  <si>
    <t>5702328526358</t>
  </si>
  <si>
    <t>VELUX Verd.-Rollo man. DKL FK06 4666S</t>
  </si>
  <si>
    <t>DKL FK06 4666SWL</t>
  </si>
  <si>
    <t>5702328810891</t>
  </si>
  <si>
    <t>VELUX Verd.-Rollo man. DKL FK06 4666SWL</t>
  </si>
  <si>
    <t>DKL FK06 4667S</t>
  </si>
  <si>
    <t>5702328526365</t>
  </si>
  <si>
    <t>VELUX Verd.-Rollo man. DKL FK06 4667S</t>
  </si>
  <si>
    <t>DKL FK06 4667SWL</t>
  </si>
  <si>
    <t>5702328810907</t>
  </si>
  <si>
    <t>VELUX Verd.-Rollo man. DKL FK06 4667SWL</t>
  </si>
  <si>
    <t>DKL FK06 CBYS</t>
  </si>
  <si>
    <t>5702328765702</t>
  </si>
  <si>
    <t>VELUX Verd.-Rollo man. DKL FK06 CBYS</t>
  </si>
  <si>
    <t>DKL FK06 CBYSWL</t>
  </si>
  <si>
    <t>5702328861039</t>
  </si>
  <si>
    <t>VELUX Verd.-Rollo man. DKL FK06 CBYSWL</t>
  </si>
  <si>
    <t>DKL FK08 0705S</t>
  </si>
  <si>
    <t>5702326747366</t>
  </si>
  <si>
    <t>VELUX Verd.-Rollo man. DKL FK08 0705S</t>
  </si>
  <si>
    <t>DKL FK08 0705SWL</t>
  </si>
  <si>
    <t>5702326747373</t>
  </si>
  <si>
    <t>VELUX Verd.-Rollo man. DKL FK08 0705SWL</t>
  </si>
  <si>
    <t>DKL FK08 1025S</t>
  </si>
  <si>
    <t>5702326747403</t>
  </si>
  <si>
    <t>VELUX Verd.-Rollo man. DKL FK08 1025S</t>
  </si>
  <si>
    <t>DKL FK08 1025SWL</t>
  </si>
  <si>
    <t>5702326747410</t>
  </si>
  <si>
    <t>VELUX Verd.-Rollo man. DKL FK08 1025SWL</t>
  </si>
  <si>
    <t>DKL FK08 1085S</t>
  </si>
  <si>
    <t>5702326747427</t>
  </si>
  <si>
    <t>VELUX Verd.-Rollo man. DKL FK08 1085S</t>
  </si>
  <si>
    <t>DKL FK08 1085SWL</t>
  </si>
  <si>
    <t>5702326747434</t>
  </si>
  <si>
    <t>VELUX Verd.-Rollo man. DKL FK08 1085SWL</t>
  </si>
  <si>
    <t>DKL FK08 1100S</t>
  </si>
  <si>
    <t>5702326747441</t>
  </si>
  <si>
    <t>VELUX Verd.-Rollo man. DKL FK08 1100S</t>
  </si>
  <si>
    <t>DKL FK08 1100SWL</t>
  </si>
  <si>
    <t>5702326747458</t>
  </si>
  <si>
    <t>VELUX Verd.-Rollo man. DKL FK08 1100SWL</t>
  </si>
  <si>
    <t>DKL FK08 3009S</t>
  </si>
  <si>
    <t>5702326747809</t>
  </si>
  <si>
    <t>VELUX Verd.-Rollo man. DKL FK08 3009S</t>
  </si>
  <si>
    <t>DKL FK08 3009SWL</t>
  </si>
  <si>
    <t>5702326747816</t>
  </si>
  <si>
    <t>VELUX Verd.-Rollo man. DKL FK08 3009SWL</t>
  </si>
  <si>
    <t>DKL FK08 4556S</t>
  </si>
  <si>
    <t>5702327417435</t>
  </si>
  <si>
    <t>VELUX Verd.-Rollo man. DKL FK08 4556S</t>
  </si>
  <si>
    <t>DKL FK08 4556SWL</t>
  </si>
  <si>
    <t>5702328810921</t>
  </si>
  <si>
    <t>VELUX Verd.-Rollo man. DKL FK08 4556SWL</t>
  </si>
  <si>
    <t>DKL FK08 4559S</t>
  </si>
  <si>
    <t>5702327417466</t>
  </si>
  <si>
    <t>VELUX Verd.-Rollo man. DKL FK08 4559S</t>
  </si>
  <si>
    <t>DKL FK08 4559SWL</t>
  </si>
  <si>
    <t>5702328810945</t>
  </si>
  <si>
    <t>VELUX Verd.-Rollo man. DKL FK08 4559SWL</t>
  </si>
  <si>
    <t>DKL FK08 4564S</t>
  </si>
  <si>
    <t>5702327417510</t>
  </si>
  <si>
    <t>VELUX Verd.-Rollo man. DKL FK08 4564S</t>
  </si>
  <si>
    <t>DKL FK08 4564SWL</t>
  </si>
  <si>
    <t>5702328810990</t>
  </si>
  <si>
    <t>VELUX Verd.-Rollo man. DKL FK08 4564SWL</t>
  </si>
  <si>
    <t>DKL FK08 4574S</t>
  </si>
  <si>
    <t>5702328966802</t>
  </si>
  <si>
    <t>VELUX Verd.-Rollo man. DKL FK08 4574S</t>
  </si>
  <si>
    <t>DKL FK08 4574SWL</t>
  </si>
  <si>
    <t>5702328974203</t>
  </si>
  <si>
    <t>VELUX Verd.-Rollo man. DKL FK08 4574SWL</t>
  </si>
  <si>
    <t>DKL FK08 4575S</t>
  </si>
  <si>
    <t>5702328966819</t>
  </si>
  <si>
    <t>VELUX Verd.-Rollo man. DKL FK08 4575S</t>
  </si>
  <si>
    <t>DKL FK08 4575SWL</t>
  </si>
  <si>
    <t>5702328974210</t>
  </si>
  <si>
    <t>VELUX Verd.-Rollo man. DKL FK08 4575SWL</t>
  </si>
  <si>
    <t>DKL FK08 4576S</t>
  </si>
  <si>
    <t>5702328966826</t>
  </si>
  <si>
    <t>VELUX Verd.-Rollo man. DKL FK08 4576S</t>
  </si>
  <si>
    <t>DKL FK08 4576SWL</t>
  </si>
  <si>
    <t>5702328974227</t>
  </si>
  <si>
    <t>VELUX Verd.-Rollo man. DKL FK08 4576SWL</t>
  </si>
  <si>
    <t>DKL FK08 4577S</t>
  </si>
  <si>
    <t>5702328966833</t>
  </si>
  <si>
    <t>VELUX Verd.-Rollo man. DKL FK08 4577S</t>
  </si>
  <si>
    <t>DKL FK08 4577SWL</t>
  </si>
  <si>
    <t>5702328974234</t>
  </si>
  <si>
    <t>VELUX Verd.-Rollo man. DKL FK08 4577SWL</t>
  </si>
  <si>
    <t>DKL FK08 4578S</t>
  </si>
  <si>
    <t>5702328966840</t>
  </si>
  <si>
    <t>VELUX Verd.-Rollo man. DKL FK08 4578S</t>
  </si>
  <si>
    <t>DKL FK08 4578SWL</t>
  </si>
  <si>
    <t>5702328974241</t>
  </si>
  <si>
    <t>VELUX Verd.-Rollo man. DKL FK08 4578SWL</t>
  </si>
  <si>
    <t>DKL FK08 4579S</t>
  </si>
  <si>
    <t>5702328966857</t>
  </si>
  <si>
    <t>VELUX Verd.-Rollo man. DKL FK08 4579S</t>
  </si>
  <si>
    <t>DKL FK08 4579SWL</t>
  </si>
  <si>
    <t>5702328974258</t>
  </si>
  <si>
    <t>VELUX Verd.-Rollo man. DKL FK08 4579SWL</t>
  </si>
  <si>
    <t>DKL FK08 4580S</t>
  </si>
  <si>
    <t>5702328966864</t>
  </si>
  <si>
    <t>VELUX Verd.-Rollo man. DKL FK08 4580S</t>
  </si>
  <si>
    <t>DKL FK08 4580SWL</t>
  </si>
  <si>
    <t>5702328974265</t>
  </si>
  <si>
    <t>VELUX Verd.-Rollo man. DKL FK08 4580SWL</t>
  </si>
  <si>
    <t>DKL FK08 4581S</t>
  </si>
  <si>
    <t>5702328966871</t>
  </si>
  <si>
    <t>VELUX Verd.-Rollo man. DKL FK08 4581S</t>
  </si>
  <si>
    <t>DKL FK08 4581SWL</t>
  </si>
  <si>
    <t>5702328974272</t>
  </si>
  <si>
    <t>VELUX Verd.-Rollo man. DKL FK08 4581SWL</t>
  </si>
  <si>
    <t>DKL FK08 4653S</t>
  </si>
  <si>
    <t>5702328526440</t>
  </si>
  <si>
    <t>VELUX Verd.-Rollo man. DKL FK08 4653S</t>
  </si>
  <si>
    <t>DKL FK08 4653SWL</t>
  </si>
  <si>
    <t>5702328811119</t>
  </si>
  <si>
    <t>VELUX Verd.-Rollo man. DKL FK08 4653SWL</t>
  </si>
  <si>
    <t>DKL FK08 4654S</t>
  </si>
  <si>
    <t>5702328526457</t>
  </si>
  <si>
    <t>VELUX Verd.-Rollo man. DKL FK08 4654S</t>
  </si>
  <si>
    <t>DKL FK08 4654SWL</t>
  </si>
  <si>
    <t>5702328811126</t>
  </si>
  <si>
    <t>VELUX Verd.-Rollo man. DKL FK08 4654SWL</t>
  </si>
  <si>
    <t>DKL FK08 4659S</t>
  </si>
  <si>
    <t>5702328526693</t>
  </si>
  <si>
    <t>VELUX Verd.-Rollo man. DKL FK08 4659S</t>
  </si>
  <si>
    <t>DKL FK08 4659SWL</t>
  </si>
  <si>
    <t>5702328811171</t>
  </si>
  <si>
    <t>VELUX Verd.-Rollo man. DKL FK08 4659SWL</t>
  </si>
  <si>
    <t>DKL FK08 4660S</t>
  </si>
  <si>
    <t>5702328526709</t>
  </si>
  <si>
    <t>VELUX Verd.-Rollo man. DKL FK08 4660S</t>
  </si>
  <si>
    <t>DKL FK08 4660SWL</t>
  </si>
  <si>
    <t>5702328811188</t>
  </si>
  <si>
    <t>VELUX Verd.-Rollo man. DKL FK08 4660SWL</t>
  </si>
  <si>
    <t>DKL FK08 4661S</t>
  </si>
  <si>
    <t>5702328526716</t>
  </si>
  <si>
    <t>VELUX Verd.-Rollo man. DKL FK08 4661S</t>
  </si>
  <si>
    <t>DKL FK08 4661SWL</t>
  </si>
  <si>
    <t>5702328811195</t>
  </si>
  <si>
    <t>VELUX Verd.-Rollo man. DKL FK08 4661SWL</t>
  </si>
  <si>
    <t>DKL FK08 4665S</t>
  </si>
  <si>
    <t>5702328526754</t>
  </si>
  <si>
    <t>VELUX Verd.-Rollo man. DKL FK08 4665S</t>
  </si>
  <si>
    <t>DKL FK08 4665SWL</t>
  </si>
  <si>
    <t>5702328811232</t>
  </si>
  <si>
    <t>VELUX Verd.-Rollo man. DKL FK08 4665SWL</t>
  </si>
  <si>
    <t>DKL FK08 4666S</t>
  </si>
  <si>
    <t>5702328526761</t>
  </si>
  <si>
    <t>VELUX Verd.-Rollo man. DKL FK08 4666S</t>
  </si>
  <si>
    <t>DKL FK08 4666SWL</t>
  </si>
  <si>
    <t>5702328811249</t>
  </si>
  <si>
    <t>VELUX Verd.-Rollo man. DKL FK08 4666SWL</t>
  </si>
  <si>
    <t>DKL FK08 4667S</t>
  </si>
  <si>
    <t>5702328526778</t>
  </si>
  <si>
    <t>VELUX Verd.-Rollo man. DKL FK08 4667S</t>
  </si>
  <si>
    <t>DKL FK08 4667SWL</t>
  </si>
  <si>
    <t>5702328811256</t>
  </si>
  <si>
    <t>VELUX Verd.-Rollo man. DKL FK08 4667SWL</t>
  </si>
  <si>
    <t>DKL FK08 CBYS</t>
  </si>
  <si>
    <t>5702328765719</t>
  </si>
  <si>
    <t>VELUX Verd.-Rollo man. DKL FK08 CBYS</t>
  </si>
  <si>
    <t>DKL FK08 CBYSWL</t>
  </si>
  <si>
    <t>5702328861046</t>
  </si>
  <si>
    <t>VELUX Verd.-Rollo man. DKL FK08 CBYSWL</t>
  </si>
  <si>
    <t>DKL M04 0705S</t>
  </si>
  <si>
    <t>5702325088408</t>
  </si>
  <si>
    <t>VELUX Verd.-Rollo man. DKL M04 0705S</t>
  </si>
  <si>
    <t>DKL M04 0705SWL</t>
  </si>
  <si>
    <t>5702328811263</t>
  </si>
  <si>
    <t>VELUX Verd.-Rollo man. DKL M04 0705SWL</t>
  </si>
  <si>
    <t>DKL M04 1025S</t>
  </si>
  <si>
    <t>5702325138776</t>
  </si>
  <si>
    <t>VELUX Verd.-Rollo man. DKL M04 1025S</t>
  </si>
  <si>
    <t>DKL M04 1025SWL</t>
  </si>
  <si>
    <t>5702328811270</t>
  </si>
  <si>
    <t>VELUX Verd.-Rollo man. DKL M04 1025SWL</t>
  </si>
  <si>
    <t>DKL M04 1085S</t>
  </si>
  <si>
    <t>5702325155292</t>
  </si>
  <si>
    <t>VELUX Verd.-Rollo man. DKL M04 1085S</t>
  </si>
  <si>
    <t>DKL M04 1085SWL</t>
  </si>
  <si>
    <t>5702328811287</t>
  </si>
  <si>
    <t>VELUX Verd.-Rollo man. DKL M04 1085SWL</t>
  </si>
  <si>
    <t>DKL M04 1100S</t>
  </si>
  <si>
    <t>5702325155308</t>
  </si>
  <si>
    <t>VELUX Verd.-Rollo man. DKL M04 1100S</t>
  </si>
  <si>
    <t>DKL M04 1100SWL</t>
  </si>
  <si>
    <t>5702328811294</t>
  </si>
  <si>
    <t>VELUX Verd.-Rollo man. DKL M04 1100SWL</t>
  </si>
  <si>
    <t>DKL M04 3009S</t>
  </si>
  <si>
    <t>5702325138868</t>
  </si>
  <si>
    <t>VELUX Verd.-Rollo man. DKL M04 3009S</t>
  </si>
  <si>
    <t>DKL M04 3009SWL</t>
  </si>
  <si>
    <t>5702325628499</t>
  </si>
  <si>
    <t>VELUX Verd.-Rollo man. DKL M04 3009SWL</t>
  </si>
  <si>
    <t>DKL M04 4556S</t>
  </si>
  <si>
    <t>5702327417626</t>
  </si>
  <si>
    <t>VELUX Verd.-Rollo man. DKL M04 4556S</t>
  </si>
  <si>
    <t>DKL M04 4556SWL</t>
  </si>
  <si>
    <t>5702328811317</t>
  </si>
  <si>
    <t>VELUX Verd.-Rollo man. DKL M04 4556SWL</t>
  </si>
  <si>
    <t>DKL M04 4559S</t>
  </si>
  <si>
    <t>5702327417657</t>
  </si>
  <si>
    <t>VELUX Verd.-Rollo man. DKL M04 4559S</t>
  </si>
  <si>
    <t>DKL M04 4559SWL</t>
  </si>
  <si>
    <t>5702328811331</t>
  </si>
  <si>
    <t>VELUX Verd.-Rollo man. DKL M04 4559SWL</t>
  </si>
  <si>
    <t>DKL M04 4564S</t>
  </si>
  <si>
    <t>5702327417701</t>
  </si>
  <si>
    <t>VELUX Verd.-Rollo man. DKL M04 4564S</t>
  </si>
  <si>
    <t>DKL M04 4564SWL</t>
  </si>
  <si>
    <t>5702328811386</t>
  </si>
  <si>
    <t>VELUX Verd.-Rollo man. DKL M04 4564SWL</t>
  </si>
  <si>
    <t>DKL M04 4574S</t>
  </si>
  <si>
    <t>5702328966888</t>
  </si>
  <si>
    <t>VELUX Verd.-Rollo man. DKL M04 4574S</t>
  </si>
  <si>
    <t>DKL M04 4574SWL</t>
  </si>
  <si>
    <t>5702328974289</t>
  </si>
  <si>
    <t>VELUX Verd.-Rollo man. DKL M04 4574SWL</t>
  </si>
  <si>
    <t>DKL M04 4575S</t>
  </si>
  <si>
    <t>5702328966895</t>
  </si>
  <si>
    <t>VELUX Verd.-Rollo man. DKL M04 4575S</t>
  </si>
  <si>
    <t>DKL M04 4575SWL</t>
  </si>
  <si>
    <t>5702328974296</t>
  </si>
  <si>
    <t>VELUX Verd.-Rollo man. DKL M04 4575SWL</t>
  </si>
  <si>
    <t>DKL M04 4576S</t>
  </si>
  <si>
    <t>5702328966901</t>
  </si>
  <si>
    <t>VELUX Verd.-Rollo man. DKL M04 4576S</t>
  </si>
  <si>
    <t>DKL M04 4576SWL</t>
  </si>
  <si>
    <t>5702328974302</t>
  </si>
  <si>
    <t>VELUX Verd.-Rollo man. DKL M04 4576SWL</t>
  </si>
  <si>
    <t>DKL M04 4577S</t>
  </si>
  <si>
    <t>5702328966918</t>
  </si>
  <si>
    <t>VELUX Verd.-Rollo man. DKL M04 4577S</t>
  </si>
  <si>
    <t>DKL M04 4577SWL</t>
  </si>
  <si>
    <t>5702328974319</t>
  </si>
  <si>
    <t>VELUX Verd.-Rollo man. DKL M04 4577SWL</t>
  </si>
  <si>
    <t>DKL M04 4578S</t>
  </si>
  <si>
    <t>5702328966925</t>
  </si>
  <si>
    <t>VELUX Verd.-Rollo man. DKL M04 4578S</t>
  </si>
  <si>
    <t>DKL M04 4578SWL</t>
  </si>
  <si>
    <t>5702328974326</t>
  </si>
  <si>
    <t>VELUX Verd.-Rollo man. DKL M04 4578SWL</t>
  </si>
  <si>
    <t>DKL M04 4579S</t>
  </si>
  <si>
    <t>5702328966932</t>
  </si>
  <si>
    <t>VELUX Verd.-Rollo man. DKL M04 4579S</t>
  </si>
  <si>
    <t>DKL M04 4579SWL</t>
  </si>
  <si>
    <t>5702328974333</t>
  </si>
  <si>
    <t>VELUX Verd.-Rollo man. DKL M04 4579SWL</t>
  </si>
  <si>
    <t>DKL M04 4580S</t>
  </si>
  <si>
    <t>5702328966949</t>
  </si>
  <si>
    <t>VELUX Verd.-Rollo man. DKL M04 4580S</t>
  </si>
  <si>
    <t>DKL M04 4580SWL</t>
  </si>
  <si>
    <t>5702328974340</t>
  </si>
  <si>
    <t>VELUX Verd.-Rollo man. DKL M04 4580SWL</t>
  </si>
  <si>
    <t>DKL M04 4581S</t>
  </si>
  <si>
    <t>5702328966956</t>
  </si>
  <si>
    <t>VELUX Verd.-Rollo man. DKL M04 4581S</t>
  </si>
  <si>
    <t>DKL M04 4581SWL</t>
  </si>
  <si>
    <t>5702328974357</t>
  </si>
  <si>
    <t>VELUX Verd.-Rollo man. DKL M04 4581SWL</t>
  </si>
  <si>
    <t>DKL M04 4653S</t>
  </si>
  <si>
    <t>5702328526815</t>
  </si>
  <si>
    <t>VELUX Verd.-Rollo man. DKL M04 4653S</t>
  </si>
  <si>
    <t>DKL M04 4653SWL</t>
  </si>
  <si>
    <t>5702328811508</t>
  </si>
  <si>
    <t>VELUX Verd.-Rollo man. DKL M04 4653SWL</t>
  </si>
  <si>
    <t>DKL M04 4654S</t>
  </si>
  <si>
    <t>5702328526822</t>
  </si>
  <si>
    <t>VELUX Verd.-Rollo man. DKL M04 4654S</t>
  </si>
  <si>
    <t>DKL M04 4654SWL</t>
  </si>
  <si>
    <t>5702328811515</t>
  </si>
  <si>
    <t>VELUX Verd.-Rollo man. DKL M04 4654SWL</t>
  </si>
  <si>
    <t>DKL M04 4655S</t>
  </si>
  <si>
    <t>5702328526839</t>
  </si>
  <si>
    <t>VELUX Verd.-Rollo man. DKL M04 4655S</t>
  </si>
  <si>
    <t>DKL M04 4655SWL</t>
  </si>
  <si>
    <t>5702328811522</t>
  </si>
  <si>
    <t>VELUX Verd.-Rollo man. DKL M04 4655SWL</t>
  </si>
  <si>
    <t>DKL M04 4659S</t>
  </si>
  <si>
    <t>5702328526877</t>
  </si>
  <si>
    <t>VELUX Verd.-Rollo man. DKL M04 4659S</t>
  </si>
  <si>
    <t>DKL M04 4659SWL</t>
  </si>
  <si>
    <t>5702328811560</t>
  </si>
  <si>
    <t>VELUX Verd.-Rollo man. DKL M04 4659SWL</t>
  </si>
  <si>
    <t>DKL M04 4660S</t>
  </si>
  <si>
    <t>5702328526884</t>
  </si>
  <si>
    <t>VELUX Verd.-Rollo man. DKL M04 4660S</t>
  </si>
  <si>
    <t>DKL M04 4660SWL</t>
  </si>
  <si>
    <t>5702328811577</t>
  </si>
  <si>
    <t>VELUX Verd.-Rollo man. DKL M04 4660SWL</t>
  </si>
  <si>
    <t>DKL M04 4661S</t>
  </si>
  <si>
    <t>5702328526891</t>
  </si>
  <si>
    <t>VELUX Verd.-Rollo man. DKL M04 4661S</t>
  </si>
  <si>
    <t>DKL M04 4661SWL</t>
  </si>
  <si>
    <t>5702328811584</t>
  </si>
  <si>
    <t>VELUX Verd.-Rollo man. DKL M04 4661SWL</t>
  </si>
  <si>
    <t>DKL M04 4665S</t>
  </si>
  <si>
    <t>5702328526938</t>
  </si>
  <si>
    <t>VELUX Verd.-Rollo man. DKL M04 4665S</t>
  </si>
  <si>
    <t>DKL M04 4665SWL</t>
  </si>
  <si>
    <t>5702328811621</t>
  </si>
  <si>
    <t>VELUX Verd.-Rollo man. DKL M04 4665SWL</t>
  </si>
  <si>
    <t>DKL M04 4666S</t>
  </si>
  <si>
    <t>5702328526945</t>
  </si>
  <si>
    <t>VELUX Verd.-Rollo man. DKL M04 4666S</t>
  </si>
  <si>
    <t>DKL M04 4666SWL</t>
  </si>
  <si>
    <t>5702328811638</t>
  </si>
  <si>
    <t>VELUX Verd.-Rollo man. DKL M04 4666SWL</t>
  </si>
  <si>
    <t>DKL M04 4667S</t>
  </si>
  <si>
    <t>5702328526952</t>
  </si>
  <si>
    <t>VELUX Verd.-Rollo man. DKL M04 4667S</t>
  </si>
  <si>
    <t>DKL M04 4667SWL</t>
  </si>
  <si>
    <t>5702328811645</t>
  </si>
  <si>
    <t>VELUX Verd.-Rollo man. DKL M04 4667SWL</t>
  </si>
  <si>
    <t>DKL M04 CBYS</t>
  </si>
  <si>
    <t>5702328765726</t>
  </si>
  <si>
    <t>VELUX Verd.-Rollo man. DKL M04 CBYS</t>
  </si>
  <si>
    <t>DKL M04 CBYSWL</t>
  </si>
  <si>
    <t>5702328861053</t>
  </si>
  <si>
    <t>VELUX Verd.-Rollo man. DKL M04 CBYSWL</t>
  </si>
  <si>
    <t>DKL M06 0705S</t>
  </si>
  <si>
    <t>5702325088866</t>
  </si>
  <si>
    <t>VELUX Verd.-Rollo man. DKL M06 0705S</t>
  </si>
  <si>
    <t>DKL M06 0705SWL</t>
  </si>
  <si>
    <t>5702328811652</t>
  </si>
  <si>
    <t>VELUX Verd.-Rollo man. DKL M06 0705SWL</t>
  </si>
  <si>
    <t>DKL M06 1025S</t>
  </si>
  <si>
    <t>5702325139001</t>
  </si>
  <si>
    <t>VELUX Verd.-Rollo man. DKL M06 1025S</t>
  </si>
  <si>
    <t>DKL M06 1025SWL</t>
  </si>
  <si>
    <t>5702328811669</t>
  </si>
  <si>
    <t>VELUX Verd.-Rollo man. DKL M06 1025SWL</t>
  </si>
  <si>
    <t>DKL M06 1085S</t>
  </si>
  <si>
    <t>5702325139018</t>
  </si>
  <si>
    <t>VELUX Verd.-Rollo man. DKL M06 1085S</t>
  </si>
  <si>
    <t>DKL M06 1085SWL</t>
  </si>
  <si>
    <t>5702328811676</t>
  </si>
  <si>
    <t>VELUX Verd.-Rollo man. DKL M06 1085SWL</t>
  </si>
  <si>
    <t>DKL M06 1100S</t>
  </si>
  <si>
    <t>5702325139025</t>
  </si>
  <si>
    <t>VELUX Verd.-Rollo man. DKL M06 1100S</t>
  </si>
  <si>
    <t>DKL M06 1100SWL</t>
  </si>
  <si>
    <t>5702328811683</t>
  </si>
  <si>
    <t>VELUX Verd.-Rollo man. DKL M06 1100SWL</t>
  </si>
  <si>
    <t>DKL M06 3009S</t>
  </si>
  <si>
    <t>5702325139117</t>
  </si>
  <si>
    <t>VELUX Verd.-Rollo man. DKL M06 3009S</t>
  </si>
  <si>
    <t>DKL M06 3009SWL</t>
  </si>
  <si>
    <t>5702325628901</t>
  </si>
  <si>
    <t>VELUX Verd.-Rollo man. DKL M06 3009SWL</t>
  </si>
  <si>
    <t>DKL M06 4556S</t>
  </si>
  <si>
    <t>5702327417817</t>
  </si>
  <si>
    <t>VELUX Verd.-Rollo man. DKL M06 4556S</t>
  </si>
  <si>
    <t>DKL M06 4556SWL</t>
  </si>
  <si>
    <t>5702328811706</t>
  </si>
  <si>
    <t>VELUX Verd.-Rollo man. DKL M06 4556SWL</t>
  </si>
  <si>
    <t>DKL M06 4559S</t>
  </si>
  <si>
    <t>5702327417848</t>
  </si>
  <si>
    <t>VELUX Verd.-Rollo man. DKL M06 4559S</t>
  </si>
  <si>
    <t>DKL M06 4559SWL</t>
  </si>
  <si>
    <t>5702328811720</t>
  </si>
  <si>
    <t>VELUX Verd.-Rollo man. DKL M06 4559SWL</t>
  </si>
  <si>
    <t>DKL M06 4564S</t>
  </si>
  <si>
    <t>5702327417893</t>
  </si>
  <si>
    <t>VELUX Verd.-Rollo man. DKL M06 4564S</t>
  </si>
  <si>
    <t>DKL M06 4564SWL</t>
  </si>
  <si>
    <t>5702328811775</t>
  </si>
  <si>
    <t>VELUX Verd.-Rollo man. DKL M06 4564SWL</t>
  </si>
  <si>
    <t>DKL M06 4574S</t>
  </si>
  <si>
    <t>5702328966963</t>
  </si>
  <si>
    <t>VELUX Verd.-Rollo man. DKL M06 4574S</t>
  </si>
  <si>
    <t>DKL M06 4574SWL</t>
  </si>
  <si>
    <t>5702328974364</t>
  </si>
  <si>
    <t>VELUX Verd.-Rollo man. DKL M06 4574SWL</t>
  </si>
  <si>
    <t>DKL M06 4575S</t>
  </si>
  <si>
    <t>5702328966970</t>
  </si>
  <si>
    <t>VELUX Verd.-Rollo man. DKL M06 4575S</t>
  </si>
  <si>
    <t>DKL M06 4575SWL</t>
  </si>
  <si>
    <t>5702328974371</t>
  </si>
  <si>
    <t>VELUX Verd.-Rollo man. DKL M06 4575SWL</t>
  </si>
  <si>
    <t>DKL M06 4576S</t>
  </si>
  <si>
    <t>5702328966987</t>
  </si>
  <si>
    <t>VELUX Verd.-Rollo man. DKL M06 4576S</t>
  </si>
  <si>
    <t>DKL M06 4576SWL</t>
  </si>
  <si>
    <t>5702328974388</t>
  </si>
  <si>
    <t>VELUX Verd.-Rollo man. DKL M06 4576SWL</t>
  </si>
  <si>
    <t>DKL M06 4577S</t>
  </si>
  <si>
    <t>5702328966994</t>
  </si>
  <si>
    <t>VELUX Verd.-Rollo man. DKL M06 4577S</t>
  </si>
  <si>
    <t>DKL M06 4577SWL</t>
  </si>
  <si>
    <t>5702328974395</t>
  </si>
  <si>
    <t>VELUX Verd.-Rollo man. DKL M06 4577SWL</t>
  </si>
  <si>
    <t>DKL M06 4578S</t>
  </si>
  <si>
    <t>5702328967007</t>
  </si>
  <si>
    <t>VELUX Verd.-Rollo man. DKL M06 4578S</t>
  </si>
  <si>
    <t>DKL M06 4578SWL</t>
  </si>
  <si>
    <t>5702328974401</t>
  </si>
  <si>
    <t>VELUX Verd.-Rollo man. DKL M06 4578SWL</t>
  </si>
  <si>
    <t>DKL M06 4579S</t>
  </si>
  <si>
    <t>5702328967014</t>
  </si>
  <si>
    <t>VELUX Verd.-Rollo man. DKL M06 4579S</t>
  </si>
  <si>
    <t>DKL M06 4579SWL</t>
  </si>
  <si>
    <t>5702328974418</t>
  </si>
  <si>
    <t>VELUX Verd.-Rollo man. DKL M06 4579SWL</t>
  </si>
  <si>
    <t>DKL M06 4580S</t>
  </si>
  <si>
    <t>5702328967021</t>
  </si>
  <si>
    <t>VELUX Verd.-Rollo man. DKL M06 4580S</t>
  </si>
  <si>
    <t>DKL M06 4580SWL</t>
  </si>
  <si>
    <t>5702328974425</t>
  </si>
  <si>
    <t>VELUX Verd.-Rollo man. DKL M06 4580SWL</t>
  </si>
  <si>
    <t>DKL M06 4581S</t>
  </si>
  <si>
    <t>5702328967038</t>
  </si>
  <si>
    <t>VELUX Verd.-Rollo man. DKL M06 4581S</t>
  </si>
  <si>
    <t>DKL M06 4581SWL</t>
  </si>
  <si>
    <t>5702328974432</t>
  </si>
  <si>
    <t>VELUX Verd.-Rollo man. DKL M06 4581SWL</t>
  </si>
  <si>
    <t>DKL M06 4653S</t>
  </si>
  <si>
    <t>5702328527010</t>
  </si>
  <si>
    <t>VELUX Verd.-Rollo man. DKL M06 4653S</t>
  </si>
  <si>
    <t>DKL M06 4653SWL</t>
  </si>
  <si>
    <t>5702328811898</t>
  </si>
  <si>
    <t>VELUX Verd.-Rollo man. DKL M06 4653SWL</t>
  </si>
  <si>
    <t>DKL M06 4654S</t>
  </si>
  <si>
    <t>5702328527041</t>
  </si>
  <si>
    <t>VELUX Verd.-Rollo man. DKL M06 4654S</t>
  </si>
  <si>
    <t>DKL M06 4654SWL</t>
  </si>
  <si>
    <t>5702328811904</t>
  </si>
  <si>
    <t>VELUX Verd.-Rollo man. DKL M06 4654SWL</t>
  </si>
  <si>
    <t>DKL M06 4655S</t>
  </si>
  <si>
    <t>5702328527058</t>
  </si>
  <si>
    <t>VELUX Verd.-Rollo man. DKL M06 4655S</t>
  </si>
  <si>
    <t>DKL M06 4655SWL</t>
  </si>
  <si>
    <t>5702328811911</t>
  </si>
  <si>
    <t>VELUX Verd.-Rollo man. DKL M06 4655SWL</t>
  </si>
  <si>
    <t>DKL M06 4659S</t>
  </si>
  <si>
    <t>5702328527096</t>
  </si>
  <si>
    <t>VELUX Verd.-Rollo man. DKL M06 4659S</t>
  </si>
  <si>
    <t>DKL M06 4659SWL</t>
  </si>
  <si>
    <t>5702328811959</t>
  </si>
  <si>
    <t>VELUX Verd.-Rollo man. DKL M06 4659SWL</t>
  </si>
  <si>
    <t>DKL M06 4660S</t>
  </si>
  <si>
    <t>5702328527102</t>
  </si>
  <si>
    <t>VELUX Verd.-Rollo man. DKL M06 4660S</t>
  </si>
  <si>
    <t>DKL M06 4660SWL</t>
  </si>
  <si>
    <t>5702328811966</t>
  </si>
  <si>
    <t>VELUX Verd.-Rollo man. DKL M06 4660SWL</t>
  </si>
  <si>
    <t>DKL M06 4661S</t>
  </si>
  <si>
    <t>5702328527119</t>
  </si>
  <si>
    <t>VELUX Verd.-Rollo man. DKL M06 4661S</t>
  </si>
  <si>
    <t>DKL M06 4661SWL</t>
  </si>
  <si>
    <t>5702328811973</t>
  </si>
  <si>
    <t>VELUX Verd.-Rollo man. DKL M06 4661SWL</t>
  </si>
  <si>
    <t>DKL M06 4665S</t>
  </si>
  <si>
    <t>5702328527232</t>
  </si>
  <si>
    <t>VELUX Verd.-Rollo man. DKL M06 4665S</t>
  </si>
  <si>
    <t>DKL M06 4665SWL</t>
  </si>
  <si>
    <t>5702328812017</t>
  </si>
  <si>
    <t>VELUX Verd.-Rollo man. DKL M06 4665SWL</t>
  </si>
  <si>
    <t>DKL M06 4666S</t>
  </si>
  <si>
    <t>5702328527263</t>
  </si>
  <si>
    <t>VELUX Verd.-Rollo man. DKL M06 4666S</t>
  </si>
  <si>
    <t>DKL M06 4666SWL</t>
  </si>
  <si>
    <t>5702328812024</t>
  </si>
  <si>
    <t>VELUX Verd.-Rollo man. DKL M06 4666SWL</t>
  </si>
  <si>
    <t>DKL M06 4667S</t>
  </si>
  <si>
    <t>5702328527270</t>
  </si>
  <si>
    <t>VELUX Verd.-Rollo man. DKL M06 4667S</t>
  </si>
  <si>
    <t>DKL M06 4667SWL</t>
  </si>
  <si>
    <t>5702328812031</t>
  </si>
  <si>
    <t>VELUX Verd.-Rollo man. DKL M06 4667SWL</t>
  </si>
  <si>
    <t>DKL M06 CBYS</t>
  </si>
  <si>
    <t>5702328765733</t>
  </si>
  <si>
    <t>VELUX Verd.-Rollo man. DKL M06 CBYS</t>
  </si>
  <si>
    <t>DKL M06 CBYSWL</t>
  </si>
  <si>
    <t>5702328861060</t>
  </si>
  <si>
    <t>VELUX Verd.-Rollo man. DKL M06 CBYSWL</t>
  </si>
  <si>
    <t>DKL M08 0705S</t>
  </si>
  <si>
    <t>5702325089320</t>
  </si>
  <si>
    <t>VELUX Verd.-Rollo man. DKL M08 0705S</t>
  </si>
  <si>
    <t>DKL M08 0705SWL</t>
  </si>
  <si>
    <t>5702328812048</t>
  </si>
  <si>
    <t>VELUX Verd.-Rollo man. DKL M08 0705SWL</t>
  </si>
  <si>
    <t>DKL M08 1025S</t>
  </si>
  <si>
    <t>5702325139254</t>
  </si>
  <si>
    <t>VELUX Verd.-Rollo man. DKL M08 1025S</t>
  </si>
  <si>
    <t>DKL M08 1025SWL</t>
  </si>
  <si>
    <t>5702328812055</t>
  </si>
  <si>
    <t>VELUX Verd.-Rollo man. DKL M08 1025SWL</t>
  </si>
  <si>
    <t>DKL M08 1085S</t>
  </si>
  <si>
    <t>5702325139261</t>
  </si>
  <si>
    <t>VELUX Verd.-Rollo man. DKL M08 1085S</t>
  </si>
  <si>
    <t>DKL M08 1085SWL</t>
  </si>
  <si>
    <t>5702328812062</t>
  </si>
  <si>
    <t>VELUX Verd.-Rollo man. DKL M08 1085SWL</t>
  </si>
  <si>
    <t>DKL M08 1100S</t>
  </si>
  <si>
    <t>5702325139278</t>
  </si>
  <si>
    <t>VELUX Verd.-Rollo man. DKL M08 1100S</t>
  </si>
  <si>
    <t>DKL M08 1100SWL</t>
  </si>
  <si>
    <t>5702328812079</t>
  </si>
  <si>
    <t>VELUX Verd.-Rollo man. DKL M08 1100SWL</t>
  </si>
  <si>
    <t>DKL M08 3009S</t>
  </si>
  <si>
    <t>5702325139360</t>
  </si>
  <si>
    <t>VELUX Verd.-Rollo man. DKL M08 3009S</t>
  </si>
  <si>
    <t>DKL M08 3009SWL</t>
  </si>
  <si>
    <t>5702325629311</t>
  </si>
  <si>
    <t>VELUX Verd.-Rollo man. DKL M08 3009SWL</t>
  </si>
  <si>
    <t>DKL M08 4556S</t>
  </si>
  <si>
    <t>5702327418005</t>
  </si>
  <si>
    <t>VELUX Verd.-Rollo man. DKL M08 4556S</t>
  </si>
  <si>
    <t>DKL M08 4556SWL</t>
  </si>
  <si>
    <t>5702328812093</t>
  </si>
  <si>
    <t>VELUX Verd.-Rollo man. DKL M08 4556SWL</t>
  </si>
  <si>
    <t>DKL M08 4559S</t>
  </si>
  <si>
    <t>5702327418036</t>
  </si>
  <si>
    <t>VELUX Verd.-Rollo man. DKL M08 4559S</t>
  </si>
  <si>
    <t>DKL M08 4559SWL</t>
  </si>
  <si>
    <t>5702328812116</t>
  </si>
  <si>
    <t>VELUX Verd.-Rollo man. DKL M08 4559SWL</t>
  </si>
  <si>
    <t>DKL M08 4564S</t>
  </si>
  <si>
    <t>5702327418081</t>
  </si>
  <si>
    <t>VELUX Verd.-Rollo man. DKL M08 4564S</t>
  </si>
  <si>
    <t>DKL M08 4564SWL</t>
  </si>
  <si>
    <t>5702328812161</t>
  </si>
  <si>
    <t>VELUX Verd.-Rollo man. DKL M08 4564SWL</t>
  </si>
  <si>
    <t>DKL M08 4574S</t>
  </si>
  <si>
    <t>5702328967045</t>
  </si>
  <si>
    <t>VELUX Verd.-Rollo man. DKL M08 4574S</t>
  </si>
  <si>
    <t>DKL M08 4574SWL</t>
  </si>
  <si>
    <t>5702328974449</t>
  </si>
  <si>
    <t>VELUX Verd.-Rollo man. DKL M08 4574SWL</t>
  </si>
  <si>
    <t>DKL M08 4575S</t>
  </si>
  <si>
    <t>5702328967052</t>
  </si>
  <si>
    <t>VELUX Verd.-Rollo man. DKL M08 4575S</t>
  </si>
  <si>
    <t>DKL M08 4575SWL</t>
  </si>
  <si>
    <t>5702328974456</t>
  </si>
  <si>
    <t>VELUX Verd.-Rollo man. DKL M08 4575SWL</t>
  </si>
  <si>
    <t>DKL M08 4576S</t>
  </si>
  <si>
    <t>5702328967069</t>
  </si>
  <si>
    <t>VELUX Verd.-Rollo man. DKL M08 4576S</t>
  </si>
  <si>
    <t>DKL M08 4576SWL</t>
  </si>
  <si>
    <t>5702328974463</t>
  </si>
  <si>
    <t>VELUX Verd.-Rollo man. DKL M08 4576SWL</t>
  </si>
  <si>
    <t>DKL M08 4577S</t>
  </si>
  <si>
    <t>5702328967076</t>
  </si>
  <si>
    <t>VELUX Verd.-Rollo man. DKL M08 4577S</t>
  </si>
  <si>
    <t>DKL M08 4577SWL</t>
  </si>
  <si>
    <t>5702328974470</t>
  </si>
  <si>
    <t>VELUX Verd.-Rollo man. DKL M08 4577SWL</t>
  </si>
  <si>
    <t>DKL M08 4578S</t>
  </si>
  <si>
    <t>5702328967083</t>
  </si>
  <si>
    <t>VELUX Verd.-Rollo man. DKL M08 4578S</t>
  </si>
  <si>
    <t>DKL M08 4578SWL</t>
  </si>
  <si>
    <t>5702328974487</t>
  </si>
  <si>
    <t>VELUX Verd.-Rollo man. DKL M08 4578SWL</t>
  </si>
  <si>
    <t>DKL M08 4579S</t>
  </si>
  <si>
    <t>5702328967090</t>
  </si>
  <si>
    <t>VELUX Verd.-Rollo man. DKL M08 4579S</t>
  </si>
  <si>
    <t>DKL M08 4579SWL</t>
  </si>
  <si>
    <t>5702328974494</t>
  </si>
  <si>
    <t>VELUX Verd.-Rollo man. DKL M08 4579SWL</t>
  </si>
  <si>
    <t>DKL M08 4580S</t>
  </si>
  <si>
    <t>5702328967106</t>
  </si>
  <si>
    <t>VELUX Verd.-Rollo man. DKL M08 4580S</t>
  </si>
  <si>
    <t>DKL M08 4580SWL</t>
  </si>
  <si>
    <t>5702328974500</t>
  </si>
  <si>
    <t>VELUX Verd.-Rollo man. DKL M08 4580SWL</t>
  </si>
  <si>
    <t>DKL M08 4581S</t>
  </si>
  <si>
    <t>5702328967113</t>
  </si>
  <si>
    <t>VELUX Verd.-Rollo man. DKL M08 4581S</t>
  </si>
  <si>
    <t>DKL M08 4581SWL</t>
  </si>
  <si>
    <t>5702328974517</t>
  </si>
  <si>
    <t>VELUX Verd.-Rollo man. DKL M08 4581SWL</t>
  </si>
  <si>
    <t>DKL M08 4653S</t>
  </si>
  <si>
    <t>5702328527393</t>
  </si>
  <si>
    <t>VELUX Verd.-Rollo man. DKL M08 4653S</t>
  </si>
  <si>
    <t>DKL M08 4653SWL</t>
  </si>
  <si>
    <t>5702328812284</t>
  </si>
  <si>
    <t>VELUX Verd.-Rollo man. DKL M08 4653SWL</t>
  </si>
  <si>
    <t>DKL M08 4654S</t>
  </si>
  <si>
    <t>5702328527454</t>
  </si>
  <si>
    <t>VELUX Verd.-Rollo man. DKL M08 4654S</t>
  </si>
  <si>
    <t>DKL M08 4654SWL</t>
  </si>
  <si>
    <t>5702328812291</t>
  </si>
  <si>
    <t>VELUX Verd.-Rollo man. DKL M08 4654SWL</t>
  </si>
  <si>
    <t>DKL M08 4655S</t>
  </si>
  <si>
    <t>5702328527461</t>
  </si>
  <si>
    <t>VELUX Verd.-Rollo man. DKL M08 4655S</t>
  </si>
  <si>
    <t>DKL M08 4655SWL</t>
  </si>
  <si>
    <t>5702328812307</t>
  </si>
  <si>
    <t>VELUX Verd.-Rollo man. DKL M08 4655SWL</t>
  </si>
  <si>
    <t>DKL M08 4659S</t>
  </si>
  <si>
    <t>5702328527591</t>
  </si>
  <si>
    <t>VELUX Verd.-Rollo man. DKL M08 4659S</t>
  </si>
  <si>
    <t>DKL M08 4659SWL</t>
  </si>
  <si>
    <t>5702328812345</t>
  </si>
  <si>
    <t>VELUX Verd.-Rollo man. DKL M08 4659SWL</t>
  </si>
  <si>
    <t>DKL M08 4660S</t>
  </si>
  <si>
    <t>5702328527607</t>
  </si>
  <si>
    <t>VELUX Verd.-Rollo man. DKL M08 4660S</t>
  </si>
  <si>
    <t>DKL M08 4660SWL</t>
  </si>
  <si>
    <t>5702328812352</t>
  </si>
  <si>
    <t>VELUX Verd.-Rollo man. DKL M08 4660SWL</t>
  </si>
  <si>
    <t>DKL M08 4661S</t>
  </si>
  <si>
    <t>5702328527614</t>
  </si>
  <si>
    <t>VELUX Verd.-Rollo man. DKL M08 4661S</t>
  </si>
  <si>
    <t>DKL M08 4661SWL</t>
  </si>
  <si>
    <t>5702328812369</t>
  </si>
  <si>
    <t>VELUX Verd.-Rollo man. DKL M08 4661SWL</t>
  </si>
  <si>
    <t>DKL M08 4665S</t>
  </si>
  <si>
    <t>5702328527669</t>
  </si>
  <si>
    <t>VELUX Verd.-Rollo man. DKL M08 4665S</t>
  </si>
  <si>
    <t>DKL M08 4665SWL</t>
  </si>
  <si>
    <t>5702328812406</t>
  </si>
  <si>
    <t>VELUX Verd.-Rollo man. DKL M08 4665SWL</t>
  </si>
  <si>
    <t>DKL M08 4666S</t>
  </si>
  <si>
    <t>5702328527676</t>
  </si>
  <si>
    <t>VELUX Verd.-Rollo man. DKL M08 4666S</t>
  </si>
  <si>
    <t>DKL M08 4666SWL</t>
  </si>
  <si>
    <t>5702328812413</t>
  </si>
  <si>
    <t>VELUX Verd.-Rollo man. DKL M08 4666SWL</t>
  </si>
  <si>
    <t>DKL M08 4667S</t>
  </si>
  <si>
    <t>5702328527683</t>
  </si>
  <si>
    <t>VELUX Verd.-Rollo man. DKL M08 4667S</t>
  </si>
  <si>
    <t>DKL M08 4667SWL</t>
  </si>
  <si>
    <t>5702328812420</t>
  </si>
  <si>
    <t>VELUX Verd.-Rollo man. DKL M08 4667SWL</t>
  </si>
  <si>
    <t>DKL M08 CBYS</t>
  </si>
  <si>
    <t>5702328765740</t>
  </si>
  <si>
    <t>VELUX Verd.-Rollo man. DKL M08 CBYS</t>
  </si>
  <si>
    <t>DKL M08 CBYSWL</t>
  </si>
  <si>
    <t>5702328861077</t>
  </si>
  <si>
    <t>VELUX Verd.-Rollo man. DKL M08 CBYSWL</t>
  </si>
  <si>
    <t>DKL M10 0705S</t>
  </si>
  <si>
    <t>5702325089788</t>
  </si>
  <si>
    <t>VELUX Verd.-Rollo man. DKL M10 0705S</t>
  </si>
  <si>
    <t>DKL M10 0705SWL</t>
  </si>
  <si>
    <t>5702325629519</t>
  </si>
  <si>
    <t>VELUX Verd.-Rollo man. DKL M10 0705SWL</t>
  </si>
  <si>
    <t>DKL M10 1025S</t>
  </si>
  <si>
    <t>5702325089801</t>
  </si>
  <si>
    <t>VELUX Verd.-Rollo man. DKL M10 1025S</t>
  </si>
  <si>
    <t>DKL M10 1025SWL</t>
  </si>
  <si>
    <t>5702325629533</t>
  </si>
  <si>
    <t>VELUX Verd.-Rollo man. DKL M10 1025SWL</t>
  </si>
  <si>
    <t>DKL M10 1085S</t>
  </si>
  <si>
    <t>5702325089818</t>
  </si>
  <si>
    <t>VELUX Verd.-Rollo man. DKL M10 1085S</t>
  </si>
  <si>
    <t>DKL M10 1085SWL</t>
  </si>
  <si>
    <t>5702325629540</t>
  </si>
  <si>
    <t>VELUX Verd.-Rollo man. DKL M10 1085SWL</t>
  </si>
  <si>
    <t>DKL M10 1100S</t>
  </si>
  <si>
    <t>5702325089825</t>
  </si>
  <si>
    <t>VELUX Verd.-Rollo man. DKL M10 1100S</t>
  </si>
  <si>
    <t>DKL M10 1100SWL</t>
  </si>
  <si>
    <t>5702325629557</t>
  </si>
  <si>
    <t>VELUX Verd.-Rollo man. DKL M10 1100SWL</t>
  </si>
  <si>
    <t>DKL M10 3009S</t>
  </si>
  <si>
    <t>5702325139582</t>
  </si>
  <si>
    <t>VELUX Verd.-Rollo man. DKL M10 3009S</t>
  </si>
  <si>
    <t>DKL M10 3009SWL</t>
  </si>
  <si>
    <t>5702325629724</t>
  </si>
  <si>
    <t>VELUX Verd.-Rollo man. DKL M10 3009SWL</t>
  </si>
  <si>
    <t>DKL M10 4556S</t>
  </si>
  <si>
    <t>5702327418197</t>
  </si>
  <si>
    <t>VELUX Verd.-Rollo man. DKL M10 4556S</t>
  </si>
  <si>
    <t>DKL M10 4556SWL</t>
  </si>
  <si>
    <t>5702328812444</t>
  </si>
  <si>
    <t>VELUX Verd.-Rollo man. DKL M10 4556SWL</t>
  </si>
  <si>
    <t>DKL M10 4559S</t>
  </si>
  <si>
    <t>5702327418227</t>
  </si>
  <si>
    <t>VELUX Verd.-Rollo man. DKL M10 4559S</t>
  </si>
  <si>
    <t>DKL M10 4559SWL</t>
  </si>
  <si>
    <t>5702328812468</t>
  </si>
  <si>
    <t>VELUX Verd.-Rollo man. DKL M10 4559SWL</t>
  </si>
  <si>
    <t>DKL M10 4564S</t>
  </si>
  <si>
    <t>5702327418272</t>
  </si>
  <si>
    <t>VELUX Verd.-Rollo man. DKL M10 4564S</t>
  </si>
  <si>
    <t>DKL M10 4564SWL</t>
  </si>
  <si>
    <t>5702328812512</t>
  </si>
  <si>
    <t>VELUX Verd.-Rollo man. DKL M10 4564SWL</t>
  </si>
  <si>
    <t>DKL M10 4574S</t>
  </si>
  <si>
    <t>5702328967120</t>
  </si>
  <si>
    <t>VELUX Verd.-Rollo man. DKL M10 4574S</t>
  </si>
  <si>
    <t>DKL M10 4574SWL</t>
  </si>
  <si>
    <t>5702328974524</t>
  </si>
  <si>
    <t>VELUX Verd.-Rollo man. DKL M10 4574SWL</t>
  </si>
  <si>
    <t>DKL M10 4575S</t>
  </si>
  <si>
    <t>5702328967137</t>
  </si>
  <si>
    <t>VELUX Verd.-Rollo man. DKL M10 4575S</t>
  </si>
  <si>
    <t>DKL M10 4575SWL</t>
  </si>
  <si>
    <t>5702328974531</t>
  </si>
  <si>
    <t>VELUX Verd.-Rollo man. DKL M10 4575SWL</t>
  </si>
  <si>
    <t>DKL M10 4576S</t>
  </si>
  <si>
    <t>5702328967144</t>
  </si>
  <si>
    <t>VELUX Verd.-Rollo man. DKL M10 4576S</t>
  </si>
  <si>
    <t>DKL M10 4576SWL</t>
  </si>
  <si>
    <t>5702328974548</t>
  </si>
  <si>
    <t>VELUX Verd.-Rollo man. DKL M10 4576SWL</t>
  </si>
  <si>
    <t>DKL M10 4577S</t>
  </si>
  <si>
    <t>5702328967151</t>
  </si>
  <si>
    <t>VELUX Verd.-Rollo man. DKL M10 4577S</t>
  </si>
  <si>
    <t>DKL M10 4577SWL</t>
  </si>
  <si>
    <t>5702328974555</t>
  </si>
  <si>
    <t>VELUX Verd.-Rollo man. DKL M10 4577SWL</t>
  </si>
  <si>
    <t>DKL M10 4578S</t>
  </si>
  <si>
    <t>5702328967168</t>
  </si>
  <si>
    <t>VELUX Verd.-Rollo man. DKL M10 4578S</t>
  </si>
  <si>
    <t>DKL M10 4578SWL</t>
  </si>
  <si>
    <t>5702328974562</t>
  </si>
  <si>
    <t>VELUX Verd.-Rollo man. DKL M10 4578SWL</t>
  </si>
  <si>
    <t>DKL M10 4579S</t>
  </si>
  <si>
    <t>5702328967175</t>
  </si>
  <si>
    <t>VELUX Verd.-Rollo man. DKL M10 4579S</t>
  </si>
  <si>
    <t>DKL M10 4579SWL</t>
  </si>
  <si>
    <t>5702328974579</t>
  </si>
  <si>
    <t>VELUX Verd.-Rollo man. DKL M10 4579SWL</t>
  </si>
  <si>
    <t>DKL M10 4580S</t>
  </si>
  <si>
    <t>5702328967182</t>
  </si>
  <si>
    <t>VELUX Verd.-Rollo man. DKL M10 4580S</t>
  </si>
  <si>
    <t>DKL M10 4580SWL</t>
  </si>
  <si>
    <t>5702328974586</t>
  </si>
  <si>
    <t>VELUX Verd.-Rollo man. DKL M10 4580SWL</t>
  </si>
  <si>
    <t>DKL M10 4581S</t>
  </si>
  <si>
    <t>5702328967199</t>
  </si>
  <si>
    <t>VELUX Verd.-Rollo man. DKL M10 4581S</t>
  </si>
  <si>
    <t>DKL M10 4581SWL</t>
  </si>
  <si>
    <t>5702328974593</t>
  </si>
  <si>
    <t>VELUX Verd.-Rollo man. DKL M10 4581SWL</t>
  </si>
  <si>
    <t>DKL M10 4653S</t>
  </si>
  <si>
    <t>5702328527812</t>
  </si>
  <si>
    <t>VELUX Verd.-Rollo man. DKL M10 4653S</t>
  </si>
  <si>
    <t>DKL M10 4653SWL</t>
  </si>
  <si>
    <t>5702328812635</t>
  </si>
  <si>
    <t>VELUX Verd.-Rollo man. DKL M10 4653SWL</t>
  </si>
  <si>
    <t>DKL M10 4654S</t>
  </si>
  <si>
    <t>5702328527829</t>
  </si>
  <si>
    <t>VELUX Verd.-Rollo man. DKL M10 4654S</t>
  </si>
  <si>
    <t>DKL M10 4655S</t>
  </si>
  <si>
    <t>5702328527966</t>
  </si>
  <si>
    <t>VELUX Verd.-Rollo man. DKL M10 4655S</t>
  </si>
  <si>
    <t>DKL M10 4655SWL</t>
  </si>
  <si>
    <t>5702328812659</t>
  </si>
  <si>
    <t>VELUX Verd.-Rollo man. DKL M10 4655SWL</t>
  </si>
  <si>
    <t>DKL M10 4659S</t>
  </si>
  <si>
    <t>5702328528024</t>
  </si>
  <si>
    <t>VELUX Verd.-Rollo man. DKL M10 4659S</t>
  </si>
  <si>
    <t>DKL M10 4659SWL</t>
  </si>
  <si>
    <t>5702328812697</t>
  </si>
  <si>
    <t>VELUX Verd.-Rollo man. DKL M10 4659SWL</t>
  </si>
  <si>
    <t>DKL M10 4660S</t>
  </si>
  <si>
    <t>5702328528079</t>
  </si>
  <si>
    <t>VELUX Verd.-Rollo man. DKL M10 4660S</t>
  </si>
  <si>
    <t>DKL M10 4660SWL</t>
  </si>
  <si>
    <t>5702328812703</t>
  </si>
  <si>
    <t>VELUX Verd.-Rollo man. DKL M10 4660SWL</t>
  </si>
  <si>
    <t>DKL M10 4661S</t>
  </si>
  <si>
    <t>5702328528086</t>
  </si>
  <si>
    <t>VELUX Verd.-Rollo man. DKL M10 4661S</t>
  </si>
  <si>
    <t>DKL M10 4665S</t>
  </si>
  <si>
    <t>5702328528123</t>
  </si>
  <si>
    <t>VELUX Verd.-Rollo man. DKL M10 4665S</t>
  </si>
  <si>
    <t>DKL M10 4665SWL</t>
  </si>
  <si>
    <t>5702328812758</t>
  </si>
  <si>
    <t>VELUX Verd.-Rollo man. DKL M10 4665SWL</t>
  </si>
  <si>
    <t>DKL M10 4666S</t>
  </si>
  <si>
    <t>5702328528147</t>
  </si>
  <si>
    <t>VELUX Verd.-Rollo man. DKL M10 4666S</t>
  </si>
  <si>
    <t>DKL M10 4666SWL</t>
  </si>
  <si>
    <t>5702328812765</t>
  </si>
  <si>
    <t>VELUX Verd.-Rollo man. DKL M10 4666SWL</t>
  </si>
  <si>
    <t>DKL M10 4667SWL</t>
  </si>
  <si>
    <t>5702328812772</t>
  </si>
  <si>
    <t>VELUX Verd.-Rollo man. DKL M10 4667SWL</t>
  </si>
  <si>
    <t>DKL M10 CBYS</t>
  </si>
  <si>
    <t>5702328765757</t>
  </si>
  <si>
    <t>VELUX Verd.-Rollo man. DKL M10 CBYS</t>
  </si>
  <si>
    <t>DKL M10 CBYSWL</t>
  </si>
  <si>
    <t>5702328861084</t>
  </si>
  <si>
    <t>VELUX Verd.-Rollo man. DKL M10 CBYSWL</t>
  </si>
  <si>
    <t>DKL M12 4574S</t>
  </si>
  <si>
    <t>5702328967205</t>
  </si>
  <si>
    <t>VELUX Verd.-Rollo man. DKL M12 4574S</t>
  </si>
  <si>
    <t>DKL M12 4574SWL</t>
  </si>
  <si>
    <t>5702328974609</t>
  </si>
  <si>
    <t>VELUX Verd.-Rollo man. DKL M12 4574SWL</t>
  </si>
  <si>
    <t>DKL M12 4575S</t>
  </si>
  <si>
    <t>5702328967212</t>
  </si>
  <si>
    <t>VELUX Verd.-Rollo man. DKL M12 4575S</t>
  </si>
  <si>
    <t>DKL M12 4575SWL</t>
  </si>
  <si>
    <t>5702328974616</t>
  </si>
  <si>
    <t>VELUX Verd.-Rollo man. DKL M12 4575SWL</t>
  </si>
  <si>
    <t>DKL M12 4576S</t>
  </si>
  <si>
    <t>5702328967229</t>
  </si>
  <si>
    <t>VELUX Verd.-Rollo man. DKL M12 4576S</t>
  </si>
  <si>
    <t>DKL M12 4576SWL</t>
  </si>
  <si>
    <t>5702328974623</t>
  </si>
  <si>
    <t>VELUX Verd.-Rollo man. DKL M12 4576SWL</t>
  </si>
  <si>
    <t>DKL M12 4577S</t>
  </si>
  <si>
    <t>5702328967236</t>
  </si>
  <si>
    <t>VELUX Verd.-Rollo man. DKL M12 4577S</t>
  </si>
  <si>
    <t>DKL M12 4577SWL</t>
  </si>
  <si>
    <t>5702328974630</t>
  </si>
  <si>
    <t>VELUX Verd.-Rollo man. DKL M12 4577SWL</t>
  </si>
  <si>
    <t>DKL M12 4578S</t>
  </si>
  <si>
    <t>5702328967243</t>
  </si>
  <si>
    <t>VELUX Verd.-Rollo man. DKL M12 4578S</t>
  </si>
  <si>
    <t>DKL M12 4579S</t>
  </si>
  <si>
    <t>5702328967250</t>
  </si>
  <si>
    <t>VELUX Verd.-Rollo man. DKL M12 4579S</t>
  </si>
  <si>
    <t>DKL M12 4579SWL</t>
  </si>
  <si>
    <t>5702328974654</t>
  </si>
  <si>
    <t>VELUX Verd.-Rollo man. DKL M12 4579SWL</t>
  </si>
  <si>
    <t>DKL M12 4580S</t>
  </si>
  <si>
    <t>5702328967267</t>
  </si>
  <si>
    <t>VELUX Verd.-Rollo man. DKL M12 4580S</t>
  </si>
  <si>
    <t>DKL M12 4580SWL</t>
  </si>
  <si>
    <t>5702328974661</t>
  </si>
  <si>
    <t>VELUX Verd.-Rollo man. DKL M12 4580SWL</t>
  </si>
  <si>
    <t>DKL M12 4581S</t>
  </si>
  <si>
    <t>5702328967274</t>
  </si>
  <si>
    <t>VELUX Verd.-Rollo man. DKL M12 4581S</t>
  </si>
  <si>
    <t>DKL M12 4581SWL</t>
  </si>
  <si>
    <t>5702328974678</t>
  </si>
  <si>
    <t>VELUX Verd.-Rollo man. DKL M12 4581SWL</t>
  </si>
  <si>
    <t>DKL M31 0705S</t>
  </si>
  <si>
    <t>5702325090708</t>
  </si>
  <si>
    <t>VELUX Verd.-Rollo man. DKL M31 0705S</t>
  </si>
  <si>
    <t>DKL M31 0705SWL</t>
  </si>
  <si>
    <t>5702325630744</t>
  </si>
  <si>
    <t>VELUX Verd.-Rollo man. DKL M31 0705SWL</t>
  </si>
  <si>
    <t>DKL M31 1025S</t>
  </si>
  <si>
    <t>5702325090722</t>
  </si>
  <si>
    <t>VELUX Verd.-Rollo man. DKL M31 1025S</t>
  </si>
  <si>
    <t>DKL M31 1025SWL</t>
  </si>
  <si>
    <t>5702325630768</t>
  </si>
  <si>
    <t>VELUX Verd.-Rollo man. DKL M31 1025SWL</t>
  </si>
  <si>
    <t>DKL M31 1085S</t>
  </si>
  <si>
    <t>5702325090739</t>
  </si>
  <si>
    <t>VELUX Verd.-Rollo man. DKL M31 1085S</t>
  </si>
  <si>
    <t>DKL M31 1085SWL</t>
  </si>
  <si>
    <t>5702325630775</t>
  </si>
  <si>
    <t>VELUX Verd.-Rollo man. DKL M31 1085SWL</t>
  </si>
  <si>
    <t>DKL M31 1100S</t>
  </si>
  <si>
    <t>5702325090746</t>
  </si>
  <si>
    <t>VELUX Verd.-Rollo man. DKL M31 1100S</t>
  </si>
  <si>
    <t>DKL M31 1100SWL</t>
  </si>
  <si>
    <t>5702325630782</t>
  </si>
  <si>
    <t>VELUX Verd.-Rollo man. DKL M31 1100SWL</t>
  </si>
  <si>
    <t>DKL M31 3009S</t>
  </si>
  <si>
    <t>5702325140434</t>
  </si>
  <si>
    <t>VELUX Verd.-Rollo man. DKL M31 3009S</t>
  </si>
  <si>
    <t>DKL M31 3009SWL</t>
  </si>
  <si>
    <t>5702325630959</t>
  </si>
  <si>
    <t>VELUX Verd.-Rollo man. DKL M31 3009SWL</t>
  </si>
  <si>
    <t>DKL M31 4556S</t>
  </si>
  <si>
    <t>5702327418760</t>
  </si>
  <si>
    <t>VELUX Verd.-Rollo man. DKL M31 4556S</t>
  </si>
  <si>
    <t>DKL M31 4556SWL</t>
  </si>
  <si>
    <t>5702329230179</t>
  </si>
  <si>
    <t>VELUX Verd.-Rollo man. DKL M31 4556SWL</t>
  </si>
  <si>
    <t>DKL M31 4559S</t>
  </si>
  <si>
    <t>5702327418791</t>
  </si>
  <si>
    <t>VELUX Verd.-Rollo man. DKL M31 4559S</t>
  </si>
  <si>
    <t>DKL M31 4559SWL</t>
  </si>
  <si>
    <t>5702329230193</t>
  </si>
  <si>
    <t>VELUX Verd.-Rollo man. DKL M31 4559SWL</t>
  </si>
  <si>
    <t>DKL M31 4564S</t>
  </si>
  <si>
    <t>5702327418845</t>
  </si>
  <si>
    <t>VELUX Verd.-Rollo man. DKL M31 4564S</t>
  </si>
  <si>
    <t>DKL M31 4564SWL</t>
  </si>
  <si>
    <t>5702329230247</t>
  </si>
  <si>
    <t>VELUX Verd.-Rollo man. DKL M31 4564SWL</t>
  </si>
  <si>
    <t>DKL M31 4574S</t>
  </si>
  <si>
    <t>5702328967366</t>
  </si>
  <si>
    <t>VELUX Verd.-Rollo man. DKL M31 4574S</t>
  </si>
  <si>
    <t>DKL M31 4574SWL</t>
  </si>
  <si>
    <t>5702329228374</t>
  </si>
  <si>
    <t>VELUX Verd.-Rollo man. DKL M31 4574SWL</t>
  </si>
  <si>
    <t>DKL M31 4575S</t>
  </si>
  <si>
    <t>5702328967373</t>
  </si>
  <si>
    <t>VELUX Verd.-Rollo man. DKL M31 4575S</t>
  </si>
  <si>
    <t>DKL M31 4575SWL</t>
  </si>
  <si>
    <t>5702329228381</t>
  </si>
  <si>
    <t>VELUX Verd.-Rollo man. DKL M31 4575SWL</t>
  </si>
  <si>
    <t>DKL M31 4576S</t>
  </si>
  <si>
    <t>5702328967380</t>
  </si>
  <si>
    <t>VELUX Verd.-Rollo man. DKL M31 4576S</t>
  </si>
  <si>
    <t>DKL M31 4576SWL</t>
  </si>
  <si>
    <t>5702329228398</t>
  </si>
  <si>
    <t>VELUX Verd.-Rollo man. DKL M31 4576SWL</t>
  </si>
  <si>
    <t>DKL M31 4577S</t>
  </si>
  <si>
    <t>5702328967397</t>
  </si>
  <si>
    <t>VELUX Verd.-Rollo man. DKL M31 4577S</t>
  </si>
  <si>
    <t>DKL M31 4577SWL</t>
  </si>
  <si>
    <t>5702329228404</t>
  </si>
  <si>
    <t>VELUX Verd.-Rollo man. DKL M31 4577SWL</t>
  </si>
  <si>
    <t>DKL M31 4578S</t>
  </si>
  <si>
    <t>5702328967403</t>
  </si>
  <si>
    <t>VELUX Verd.-Rollo man. DKL M31 4578S</t>
  </si>
  <si>
    <t>DKL M31 4578SWL</t>
  </si>
  <si>
    <t>5702329228411</t>
  </si>
  <si>
    <t>VELUX Verd.-Rollo man. DKL M31 4578SWL</t>
  </si>
  <si>
    <t>DKL M31 4579S</t>
  </si>
  <si>
    <t>5702328967410</t>
  </si>
  <si>
    <t>VELUX Verd.-Rollo man. DKL M31 4579S</t>
  </si>
  <si>
    <t>DKL M31 4579SWL</t>
  </si>
  <si>
    <t>5702329228428</t>
  </si>
  <si>
    <t>VELUX Verd.-Rollo man. DKL M31 4579SWL</t>
  </si>
  <si>
    <t>DKL M31 4580S</t>
  </si>
  <si>
    <t>5702328967427</t>
  </si>
  <si>
    <t>VELUX Verd.-Rollo man. DKL M31 4580S</t>
  </si>
  <si>
    <t>DKL M31 4580SWL</t>
  </si>
  <si>
    <t>5702329228435</t>
  </si>
  <si>
    <t>VELUX Verd.-Rollo man. DKL M31 4580SWL</t>
  </si>
  <si>
    <t>DKL M31 4581S</t>
  </si>
  <si>
    <t>5702328967434</t>
  </si>
  <si>
    <t>VELUX Verd.-Rollo man. DKL M31 4581S</t>
  </si>
  <si>
    <t>DKL M31 4581SWL</t>
  </si>
  <si>
    <t>5702329228442</t>
  </si>
  <si>
    <t>VELUX Verd.-Rollo man. DKL M31 4581SWL</t>
  </si>
  <si>
    <t>DKL M31 4653S</t>
  </si>
  <si>
    <t>5702329274166</t>
  </si>
  <si>
    <t>VELUX Verd.-Rollo man. DKL M31 4653S</t>
  </si>
  <si>
    <t>DKL M31 4653SWL</t>
  </si>
  <si>
    <t>5702329274173</t>
  </si>
  <si>
    <t>VELUX Verd.-Rollo man. DKL M31 4653SWL</t>
  </si>
  <si>
    <t>DKL M31 4659S</t>
  </si>
  <si>
    <t>5702329274227</t>
  </si>
  <si>
    <t>VELUX Verd.-Rollo man. DKL M31 4659S</t>
  </si>
  <si>
    <t>DKL M31 4660S</t>
  </si>
  <si>
    <t>5702329274241</t>
  </si>
  <si>
    <t>VELUX Verd.-Rollo man. DKL M31 4660S</t>
  </si>
  <si>
    <t>DKL M31 4665SWL</t>
  </si>
  <si>
    <t>5702329274296</t>
  </si>
  <si>
    <t>VELUX Verd.-Rollo man. DKL M31 4665SWL</t>
  </si>
  <si>
    <t>DKL M31 4666S</t>
  </si>
  <si>
    <t>5702329274302</t>
  </si>
  <si>
    <t>VELUX Verd.-Rollo man. DKL M31 4666S</t>
  </si>
  <si>
    <t>DKL M31 4666SWL</t>
  </si>
  <si>
    <t>5702329274319</t>
  </si>
  <si>
    <t>VELUX Verd.-Rollo man. DKL M31 4666SWL</t>
  </si>
  <si>
    <t>DKL M31 CBYS</t>
  </si>
  <si>
    <t>5702329190268</t>
  </si>
  <si>
    <t>VELUX Verd.-Rollo manuell DKL M31 CBYS</t>
  </si>
  <si>
    <t>Colour by you!</t>
  </si>
  <si>
    <t>DKL M31 CBYSWL</t>
  </si>
  <si>
    <t>5702329190275</t>
  </si>
  <si>
    <t>VELUX Verd.-Rollo man. DKL M31 CBYSWL</t>
  </si>
  <si>
    <t>DKL MK04 0705S</t>
  </si>
  <si>
    <t>5702326748219</t>
  </si>
  <si>
    <t>VELUX Verd.-Rollo man. DKL MK04 0705S</t>
  </si>
  <si>
    <t>DKL MK04 0705SWL</t>
  </si>
  <si>
    <t>5702328813304</t>
  </si>
  <si>
    <t>VELUX Verd.-Rollo man. DKL MK04 0705SWL</t>
  </si>
  <si>
    <t>DKL MK04 1025S</t>
  </si>
  <si>
    <t>5702326647970</t>
  </si>
  <si>
    <t>VELUX Verd.-Rollo man. DKL MK04 1025S</t>
  </si>
  <si>
    <t>DKL MK04 1025SWL</t>
  </si>
  <si>
    <t>5702328813311</t>
  </si>
  <si>
    <t>VELUX Verd.-Rollo man. DKL MK04 1025SWL</t>
  </si>
  <si>
    <t>DKL MK04 1085S</t>
  </si>
  <si>
    <t>5702326748356</t>
  </si>
  <si>
    <t>VELUX Verd.-Rollo man. DKL MK04 1085S</t>
  </si>
  <si>
    <t>DKL MK04 1085SWL</t>
  </si>
  <si>
    <t>5702328813328</t>
  </si>
  <si>
    <t>VELUX Verd.-Rollo man. DKL MK04 1085SWL</t>
  </si>
  <si>
    <t>DKL MK04 1100S</t>
  </si>
  <si>
    <t>5702326748424</t>
  </si>
  <si>
    <t>VELUX Verd.-Rollo man. DKL MK04 1100S</t>
  </si>
  <si>
    <t>DKL MK04 1100SWL</t>
  </si>
  <si>
    <t>5702328813335</t>
  </si>
  <si>
    <t>VELUX Verd.-Rollo man. DKL MK04 1100SWL</t>
  </si>
  <si>
    <t>DKL MK04 3009S</t>
  </si>
  <si>
    <t>5702326748790</t>
  </si>
  <si>
    <t>VELUX Verd.-Rollo man. DKL MK04 3009S</t>
  </si>
  <si>
    <t>DKL MK04 3009SWL</t>
  </si>
  <si>
    <t>5702326748806</t>
  </si>
  <si>
    <t>VELUX Verd.-Rollo man. DKL MK04 3009SWL</t>
  </si>
  <si>
    <t>DKL MK04 4556S</t>
  </si>
  <si>
    <t>5702327419149</t>
  </si>
  <si>
    <t>VELUX Verd.-Rollo man. DKL MK04 4556S</t>
  </si>
  <si>
    <t>DKL MK04 4556SWL</t>
  </si>
  <si>
    <t>5702328813359</t>
  </si>
  <si>
    <t>VELUX Verd.-Rollo man. DKL MK04 4556SWL</t>
  </si>
  <si>
    <t>DKL MK04 4559S</t>
  </si>
  <si>
    <t>5702327419170</t>
  </si>
  <si>
    <t>VELUX Verd.-Rollo man. DKL MK04 4559S</t>
  </si>
  <si>
    <t>DKL MK04 4559SWL</t>
  </si>
  <si>
    <t>5702328813373</t>
  </si>
  <si>
    <t>VELUX Verd.-Rollo man. DKL MK04 4559SWL</t>
  </si>
  <si>
    <t>DKL MK04 4564S</t>
  </si>
  <si>
    <t>5702327419224</t>
  </si>
  <si>
    <t>VELUX Verd.-Rollo man. DKL MK04 4564S</t>
  </si>
  <si>
    <t>DKL MK04 4564SWL</t>
  </si>
  <si>
    <t>5702328813427</t>
  </si>
  <si>
    <t>VELUX Verd.-Rollo man. DKL MK04 4564SWL</t>
  </si>
  <si>
    <t>DKL MK04 4574S</t>
  </si>
  <si>
    <t>5702328967526</t>
  </si>
  <si>
    <t>VELUX Verd.-Rollo man. DKL MK04 4574S</t>
  </si>
  <si>
    <t>DKL MK04 4574SWL</t>
  </si>
  <si>
    <t>5702328974760</t>
  </si>
  <si>
    <t>VELUX Verd.-Rollo man. DKL MK04 4574SWL</t>
  </si>
  <si>
    <t>DKL MK04 4575S</t>
  </si>
  <si>
    <t>5702328967533</t>
  </si>
  <si>
    <t>VELUX Verd.-Rollo man. DKL MK04 4575S</t>
  </si>
  <si>
    <t>DKL MK04 4575SWL</t>
  </si>
  <si>
    <t>5702328974777</t>
  </si>
  <si>
    <t>VELUX Verd.-Rollo man. DKL MK04 4575SWL</t>
  </si>
  <si>
    <t>DKL MK04 4576S</t>
  </si>
  <si>
    <t>5702328967540</t>
  </si>
  <si>
    <t>VELUX Verd.-Rollo man. DKL MK04 4576S</t>
  </si>
  <si>
    <t>DKL MK04 4576SWL</t>
  </si>
  <si>
    <t>5702328974784</t>
  </si>
  <si>
    <t>VELUX Verd.-Rollo man. DKL MK04 4576SWL</t>
  </si>
  <si>
    <t>DKL MK04 4577S</t>
  </si>
  <si>
    <t>5702328967557</t>
  </si>
  <si>
    <t>VELUX Verd.-Rollo man. DKL MK04 4577S</t>
  </si>
  <si>
    <t>DKL MK04 4577SWL</t>
  </si>
  <si>
    <t>5702328974791</t>
  </si>
  <si>
    <t>VELUX Verd.-Rollo man. DKL MK04 4577SWL</t>
  </si>
  <si>
    <t>DKL MK04 4578S</t>
  </si>
  <si>
    <t>5702328967564</t>
  </si>
  <si>
    <t>VELUX Verd.-Rollo man. DKL MK04 4578S</t>
  </si>
  <si>
    <t>DKL MK04 4578SWL</t>
  </si>
  <si>
    <t>5702328974807</t>
  </si>
  <si>
    <t>VELUX Verd.-Rollo man. DKL MK04 4578SWL</t>
  </si>
  <si>
    <t>DKL MK04 4579S</t>
  </si>
  <si>
    <t>5702328967571</t>
  </si>
  <si>
    <t>VELUX Verd.-Rollo man. DKL MK04 4579S</t>
  </si>
  <si>
    <t>DKL MK04 4579SWL</t>
  </si>
  <si>
    <t>5702328974814</t>
  </si>
  <si>
    <t>VELUX Verd.-Rollo man. DKL MK04 4579SWL</t>
  </si>
  <si>
    <t>DKL MK04 4580S</t>
  </si>
  <si>
    <t>5702328967588</t>
  </si>
  <si>
    <t>VELUX Verd.-Rollo man. DKL MK04 4580S</t>
  </si>
  <si>
    <t>DKL MK04 4580SWL</t>
  </si>
  <si>
    <t>5702328974821</t>
  </si>
  <si>
    <t>VELUX Verd.-Rollo man. DKL MK04 4580SWL</t>
  </si>
  <si>
    <t>DKL MK04 4581S</t>
  </si>
  <si>
    <t>5702328967595</t>
  </si>
  <si>
    <t>VELUX Verd.-Rollo man. DKL MK04 4581S</t>
  </si>
  <si>
    <t>DKL MK04 4581SWL</t>
  </si>
  <si>
    <t>5702328974838</t>
  </si>
  <si>
    <t>VELUX Verd.-Rollo man. DKL MK04 4581SWL</t>
  </si>
  <si>
    <t>DKL MK04 4653S</t>
  </si>
  <si>
    <t>5702328558380</t>
  </si>
  <si>
    <t>VELUX Verd.-Rollo man. DKL MK04 4653S</t>
  </si>
  <si>
    <t>DKL MK04 4653SWL</t>
  </si>
  <si>
    <t>5702328813540</t>
  </si>
  <si>
    <t>VELUX Verd.-Rollo man. DKL MK04 4653SWL</t>
  </si>
  <si>
    <t>DKL MK04 4654S</t>
  </si>
  <si>
    <t>5702328558397</t>
  </si>
  <si>
    <t>VELUX Verd.-Rollo man. DKL MK04 4654S</t>
  </si>
  <si>
    <t>DKL MK04 4654SWL</t>
  </si>
  <si>
    <t>5702328813557</t>
  </si>
  <si>
    <t>VELUX Verd.-Rollo man. DKL MK04 4654SWL</t>
  </si>
  <si>
    <t>DKL MK04 4655S</t>
  </si>
  <si>
    <t>5702328558434</t>
  </si>
  <si>
    <t>VELUX Verd.-Rollo man. DKL MK04 4655S</t>
  </si>
  <si>
    <t>DKL MK04 4655SWL</t>
  </si>
  <si>
    <t>5702328813564</t>
  </si>
  <si>
    <t>VELUX Verd.-Rollo man. DKL MK04 4655SWL</t>
  </si>
  <si>
    <t>DKL MK04 4659S</t>
  </si>
  <si>
    <t>5702328558571</t>
  </si>
  <si>
    <t>VELUX Verd.-Rollo man. DKL MK04 4659S</t>
  </si>
  <si>
    <t>DKL MK04 4659SWL</t>
  </si>
  <si>
    <t>5702328813601</t>
  </si>
  <si>
    <t>VELUX Verd.-Rollo man. DKL MK04 4659SWL</t>
  </si>
  <si>
    <t>DKL MK04 4660S</t>
  </si>
  <si>
    <t>5702328558618</t>
  </si>
  <si>
    <t>VELUX Verd.-Rollo man. DKL MK04 4660S</t>
  </si>
  <si>
    <t>DKL MK04 4660SWL</t>
  </si>
  <si>
    <t>5702328813618</t>
  </si>
  <si>
    <t>VELUX Verd.-Rollo man. DKL MK04 4660SWL</t>
  </si>
  <si>
    <t>DKL MK04 4661S</t>
  </si>
  <si>
    <t>5702328558632</t>
  </si>
  <si>
    <t>VELUX Verd.-Rollo man. DKL MK04 4661S</t>
  </si>
  <si>
    <t>DKL MK04 4661SWL</t>
  </si>
  <si>
    <t>5702328813625</t>
  </si>
  <si>
    <t>VELUX Verd.-Rollo man. DKL MK04 4661SWL</t>
  </si>
  <si>
    <t>DKL MK04 4665S</t>
  </si>
  <si>
    <t>5702328558717</t>
  </si>
  <si>
    <t>VELUX Verd.-Rollo man. DKL MK04 4665S</t>
  </si>
  <si>
    <t>DKL MK04 4665SWL</t>
  </si>
  <si>
    <t>5702328813663</t>
  </si>
  <si>
    <t>VELUX Verd.-Rollo man. DKL MK04 4665SWL</t>
  </si>
  <si>
    <t>DKL MK04 4666S</t>
  </si>
  <si>
    <t>5702328558731</t>
  </si>
  <si>
    <t>VELUX Verd.-Rollo man. DKL MK04 4666S</t>
  </si>
  <si>
    <t>DKL MK04 4666SWL</t>
  </si>
  <si>
    <t>5702328813670</t>
  </si>
  <si>
    <t>VELUX Verd.-Rollo man. DKL MK04 4666SWL</t>
  </si>
  <si>
    <t>DKL MK04 4667S</t>
  </si>
  <si>
    <t>5702328558762</t>
  </si>
  <si>
    <t>VELUX Verd.-Rollo man. DKL MK04 4667S</t>
  </si>
  <si>
    <t>DKL MK04 4667SWL</t>
  </si>
  <si>
    <t>5702328813687</t>
  </si>
  <si>
    <t>VELUX Verd.-Rollo man. DKL MK04 4667SWL</t>
  </si>
  <si>
    <t>DKL MK04 CBYS</t>
  </si>
  <si>
    <t>5702328765771</t>
  </si>
  <si>
    <t>VELUX Verd.-Rollo man. DKL MK04 CBYS</t>
  </si>
  <si>
    <t>DKL MK04 CBYSWL</t>
  </si>
  <si>
    <t>5702328861114</t>
  </si>
  <si>
    <t>VELUX Verd.-Rollo man. DKL MK04 CBYSWL</t>
  </si>
  <si>
    <t>DKL MK06 0705S</t>
  </si>
  <si>
    <t>5702326749209</t>
  </si>
  <si>
    <t>VELUX Verd.-Rollo man. DKL MK06 0705S</t>
  </si>
  <si>
    <t>DKL MK06 0705SWL</t>
  </si>
  <si>
    <t>5702328813694</t>
  </si>
  <si>
    <t>VELUX Verd.-Rollo man. DKL MK06 0705SWL</t>
  </si>
  <si>
    <t>DKL MK06 1025S</t>
  </si>
  <si>
    <t>5702326749261</t>
  </si>
  <si>
    <t>VELUX Verd.-Rollo man. DKL MK06 1025S</t>
  </si>
  <si>
    <t>DKL MK06 1025SWL</t>
  </si>
  <si>
    <t>5702328813700</t>
  </si>
  <si>
    <t>VELUX Verd.-Rollo man. DKL MK06 1025SWL</t>
  </si>
  <si>
    <t>DKL MK06 1085S</t>
  </si>
  <si>
    <t>5702326749353</t>
  </si>
  <si>
    <t>VELUX Verd.-Rollo man. DKL MK06 1085S</t>
  </si>
  <si>
    <t>DKL MK06 1085SWL</t>
  </si>
  <si>
    <t>5702328813717</t>
  </si>
  <si>
    <t>VELUX Verd.-Rollo man. DKL MK06 1085SWL</t>
  </si>
  <si>
    <t>DKL MK06 1100S</t>
  </si>
  <si>
    <t>5702326749421</t>
  </si>
  <si>
    <t>VELUX Verd.-Rollo man. DKL MK06 1100S</t>
  </si>
  <si>
    <t>DKL MK06 1100SWL</t>
  </si>
  <si>
    <t>5702328813724</t>
  </si>
  <si>
    <t>VELUX Verd.-Rollo man. DKL MK06 1100SWL</t>
  </si>
  <si>
    <t>DKL MK06 3009S</t>
  </si>
  <si>
    <t>5702326749797</t>
  </si>
  <si>
    <t>VELUX Verd.-Rollo man. DKL MK06 3009S</t>
  </si>
  <si>
    <t>DKL MK06 3009SWL</t>
  </si>
  <si>
    <t>5702326749803</t>
  </si>
  <si>
    <t>VELUX Verd.-Rollo man. DKL MK06 3009SWL</t>
  </si>
  <si>
    <t>DKL MK06 4556S</t>
  </si>
  <si>
    <t>5702327419330</t>
  </si>
  <si>
    <t>VELUX Verd.-Rollo man. DKL MK06 4556S</t>
  </si>
  <si>
    <t>DKL MK06 4556SWL</t>
  </si>
  <si>
    <t>5702328813748</t>
  </si>
  <si>
    <t>VELUX Verd.-Rollo man. DKL MK06 4556SWL</t>
  </si>
  <si>
    <t>DKL MK06 4559S</t>
  </si>
  <si>
    <t>5702327419361</t>
  </si>
  <si>
    <t>VELUX Verd.-Rollo man. DKL MK06 4559S</t>
  </si>
  <si>
    <t>DKL MK06 4559SWL</t>
  </si>
  <si>
    <t>5702328813762</t>
  </si>
  <si>
    <t>VELUX Verd.-Rollo man. DKL MK06 4559SWL</t>
  </si>
  <si>
    <t>DKL MK06 4564S</t>
  </si>
  <si>
    <t>5702327419415</t>
  </si>
  <si>
    <t>VELUX Verd.-Rollo man. DKL MK06 4564S</t>
  </si>
  <si>
    <t>DKL MK06 4564SWL</t>
  </si>
  <si>
    <t>5702328813816</t>
  </si>
  <si>
    <t>VELUX Verd.-Rollo man. DKL MK06 4564SWL</t>
  </si>
  <si>
    <t>DKL MK06 4574S</t>
  </si>
  <si>
    <t>5702328967601</t>
  </si>
  <si>
    <t>VELUX Verd.-Rollo man. DKL MK06 4574S</t>
  </si>
  <si>
    <t>DKL MK06 4574SWL</t>
  </si>
  <si>
    <t>5702328974845</t>
  </si>
  <si>
    <t>VELUX Verd.-Rollo man. DKL MK06 4574SWL</t>
  </si>
  <si>
    <t>DKL MK06 4575S</t>
  </si>
  <si>
    <t>5702328967618</t>
  </si>
  <si>
    <t>VELUX Verd.-Rollo man. DKL MK06 4575S</t>
  </si>
  <si>
    <t>DKL MK06 4575SWL</t>
  </si>
  <si>
    <t>5702328974852</t>
  </si>
  <si>
    <t>VELUX Verd.-Rollo man. DKL MK06 4575SWL</t>
  </si>
  <si>
    <t>DKL MK06 4576S</t>
  </si>
  <si>
    <t>5702328967625</t>
  </si>
  <si>
    <t>VELUX Verd.-Rollo man. DKL MK06 4576S</t>
  </si>
  <si>
    <t>DKL MK06 4576SWL</t>
  </si>
  <si>
    <t>5702328974869</t>
  </si>
  <si>
    <t>VELUX Verd.-Rollo man. DKL MK06 4576SWL</t>
  </si>
  <si>
    <t>DKL MK06 4577S</t>
  </si>
  <si>
    <t>5702328967632</t>
  </si>
  <si>
    <t>VELUX Verd.-Rollo man. DKL MK06 4577S</t>
  </si>
  <si>
    <t>DKL MK06 4577SWL</t>
  </si>
  <si>
    <t>5702328974876</t>
  </si>
  <si>
    <t>VELUX Verd.-Rollo man. DKL MK06 4577SWL</t>
  </si>
  <si>
    <t>DKL MK06 4578S</t>
  </si>
  <si>
    <t>5702328967649</t>
  </si>
  <si>
    <t>VELUX Verd.-Rollo man. DKL MK06 4578S</t>
  </si>
  <si>
    <t>DKL MK06 4578SWL</t>
  </si>
  <si>
    <t>5702328974883</t>
  </si>
  <si>
    <t>VELUX Verd.-Rollo man. DKL MK06 4578SWL</t>
  </si>
  <si>
    <t>DKL MK06 4579S</t>
  </si>
  <si>
    <t>5702328967656</t>
  </si>
  <si>
    <t>VELUX Verd.-Rollo man. DKL MK06 4579S</t>
  </si>
  <si>
    <t>DKL MK06 4579SWL</t>
  </si>
  <si>
    <t>5702328974890</t>
  </si>
  <si>
    <t>VELUX Verd.-Rollo man. DKL MK06 4579SWL</t>
  </si>
  <si>
    <t>DKL MK06 4580S</t>
  </si>
  <si>
    <t>5702328967663</t>
  </si>
  <si>
    <t>VELUX Verd.-Rollo man. DKL MK06 4580S</t>
  </si>
  <si>
    <t>DKL MK06 4580SWL</t>
  </si>
  <si>
    <t>5702328974906</t>
  </si>
  <si>
    <t>VELUX Verd.-Rollo man. DKL MK06 4580SWL</t>
  </si>
  <si>
    <t>DKL MK06 4581S</t>
  </si>
  <si>
    <t>5702328967670</t>
  </si>
  <si>
    <t>VELUX Verd.-Rollo man. DKL MK06 4581S</t>
  </si>
  <si>
    <t>DKL MK06 4581SWL</t>
  </si>
  <si>
    <t>5702328974913</t>
  </si>
  <si>
    <t>VELUX Verd.-Rollo man. DKL MK06 4581SWL</t>
  </si>
  <si>
    <t>DKL MK06 4653S</t>
  </si>
  <si>
    <t>5702328528741</t>
  </si>
  <si>
    <t>VELUX Verd.-Rollo man. DKL MK06 4653S</t>
  </si>
  <si>
    <t>DKL MK06 4653SWL</t>
  </si>
  <si>
    <t>5702328813939</t>
  </si>
  <si>
    <t>VELUX Verd.-Rollo man. DKL MK06 4653SWL</t>
  </si>
  <si>
    <t>DKL MK06 4654S</t>
  </si>
  <si>
    <t>5702328528758</t>
  </si>
  <si>
    <t>VELUX Verd.-Rollo man. DKL MK06 4654S</t>
  </si>
  <si>
    <t>DKL MK06 4654SWL</t>
  </si>
  <si>
    <t>5702328813946</t>
  </si>
  <si>
    <t>VELUX Verd.-Rollo man. DKL MK06 4654SWL</t>
  </si>
  <si>
    <t>DKL MK06 4655S</t>
  </si>
  <si>
    <t>5702328528765</t>
  </si>
  <si>
    <t>VELUX Verd.-Rollo man. DKL MK06 4655S</t>
  </si>
  <si>
    <t>DKL MK06 4655SWL</t>
  </si>
  <si>
    <t>5702328813953</t>
  </si>
  <si>
    <t>VELUX Verd.-Rollo man. DKL MK06 4655SWL</t>
  </si>
  <si>
    <t>DKL MK06 4659S</t>
  </si>
  <si>
    <t>5702328528802</t>
  </si>
  <si>
    <t>VELUX Verd.-Rollo man. DKL MK06 4659S</t>
  </si>
  <si>
    <t>DKL MK06 4659SWL</t>
  </si>
  <si>
    <t>5702328813991</t>
  </si>
  <si>
    <t>VELUX Verd.-Rollo man. DKL MK06 4659SWL</t>
  </si>
  <si>
    <t>DKL MK06 4660S</t>
  </si>
  <si>
    <t>5702328528895</t>
  </si>
  <si>
    <t>VELUX Verd.-Rollo man. DKL MK06 4660S</t>
  </si>
  <si>
    <t>DKL MK06 4660SWL</t>
  </si>
  <si>
    <t>5702328814004</t>
  </si>
  <si>
    <t>VELUX Verd.-Rollo man. DKL MK06 4660SWL</t>
  </si>
  <si>
    <t>DKL MK06 4661S</t>
  </si>
  <si>
    <t>5702328528901</t>
  </si>
  <si>
    <t>VELUX Verd.-Rollo man. DKL MK06 4661S</t>
  </si>
  <si>
    <t>DKL MK06 4661SWL</t>
  </si>
  <si>
    <t>5702328814011</t>
  </si>
  <si>
    <t>VELUX Verd.-Rollo man. DKL MK06 4661SWL</t>
  </si>
  <si>
    <t>DKL MK06 4665S</t>
  </si>
  <si>
    <t>5702328528970</t>
  </si>
  <si>
    <t>VELUX Verd.-Rollo man. DKL MK06 4665S</t>
  </si>
  <si>
    <t>DKL MK06 4665SWL</t>
  </si>
  <si>
    <t>5702328814059</t>
  </si>
  <si>
    <t>VELUX Verd.-Rollo man. DKL MK06 4665SWL</t>
  </si>
  <si>
    <t>DKL MK06 4666S</t>
  </si>
  <si>
    <t>5702328528994</t>
  </si>
  <si>
    <t>VELUX Verd.-Rollo man. DKL MK06 4666S</t>
  </si>
  <si>
    <t>DKL MK06 4666SWL</t>
  </si>
  <si>
    <t>5702328814066</t>
  </si>
  <si>
    <t>VELUX Verd.-Rollo man. DKL MK06 4666SWL</t>
  </si>
  <si>
    <t>DKL MK06 4667S</t>
  </si>
  <si>
    <t>5702328529007</t>
  </si>
  <si>
    <t>VELUX Verd.-Rollo man. DKL MK06 4667S</t>
  </si>
  <si>
    <t>DKL MK06 4667SWL</t>
  </si>
  <si>
    <t>5702328814073</t>
  </si>
  <si>
    <t>VELUX Verd.-Rollo man. DKL MK06 4667SWL</t>
  </si>
  <si>
    <t>DKL MK06 CBYS</t>
  </si>
  <si>
    <t>5702328765788</t>
  </si>
  <si>
    <t>VELUX Verd.-Rollo man. DKL MK06 CBYS</t>
  </si>
  <si>
    <t>DKL MK06 CBYSWL</t>
  </si>
  <si>
    <t>5702328861121</t>
  </si>
  <si>
    <t>VELUX Verd.-Rollo man. DKL MK06 CBYSWL</t>
  </si>
  <si>
    <t>DKL MK08 0705S</t>
  </si>
  <si>
    <t>5702326750205</t>
  </si>
  <si>
    <t>VELUX Verd.-Rollo man. DKL MK08 0705S</t>
  </si>
  <si>
    <t>DKL MK08 0705SWL</t>
  </si>
  <si>
    <t>5702328814080</t>
  </si>
  <si>
    <t>VELUX Verd.-Rollo man. DKL MK08 0705SWL</t>
  </si>
  <si>
    <t>DKL MK08 1025S</t>
  </si>
  <si>
    <t>5702326750267</t>
  </si>
  <si>
    <t>VELUX Verd.-Rollo man. DKL MK08 1025S</t>
  </si>
  <si>
    <t>DKL MK08 1025SWL</t>
  </si>
  <si>
    <t>5702328814097</t>
  </si>
  <si>
    <t>VELUX Verd.-Rollo man. DKL MK08 1025SWL</t>
  </si>
  <si>
    <t>DKL MK08 1085S</t>
  </si>
  <si>
    <t>5702326750359</t>
  </si>
  <si>
    <t>VELUX Verd.-Rollo man. DKL MK08 1085S</t>
  </si>
  <si>
    <t>DKL MK08 1085SWL</t>
  </si>
  <si>
    <t>5702328814103</t>
  </si>
  <si>
    <t>VELUX Verd.-Rollo man. DKL MK08 1085SWL</t>
  </si>
  <si>
    <t>DKL MK08 1100S</t>
  </si>
  <si>
    <t>5702326750427</t>
  </si>
  <si>
    <t>VELUX Verd.-Rollo man. DKL MK08 1100S</t>
  </si>
  <si>
    <t>DKL MK08 1100SWL</t>
  </si>
  <si>
    <t>5702328814110</t>
  </si>
  <si>
    <t>VELUX Verd.-Rollo man. DKL MK08 1100SWL</t>
  </si>
  <si>
    <t>DKL MK08 3009S</t>
  </si>
  <si>
    <t>5702326750793</t>
  </si>
  <si>
    <t>VELUX Verd.-Rollo man. DKL MK08 3009S</t>
  </si>
  <si>
    <t>DKL MK08 3009SWL</t>
  </si>
  <si>
    <t>5702326750809</t>
  </si>
  <si>
    <t>VELUX Verd.-Rollo man. DKL MK08 3009SWL</t>
  </si>
  <si>
    <t>DKL MK08 4556S</t>
  </si>
  <si>
    <t>5702327419521</t>
  </si>
  <si>
    <t>VELUX Verd.-Rollo man. DKL MK08 4556S</t>
  </si>
  <si>
    <t>DKL MK08 4556SWL</t>
  </si>
  <si>
    <t>5702328814134</t>
  </si>
  <si>
    <t>VELUX Verd.-Rollo man. DKL MK08 4556SWL</t>
  </si>
  <si>
    <t>DKL MK08 4559S</t>
  </si>
  <si>
    <t>5702327419552</t>
  </si>
  <si>
    <t>VELUX Verd.-Rollo man. DKL MK08 4559S</t>
  </si>
  <si>
    <t>DKL MK08 4559SWL</t>
  </si>
  <si>
    <t>5702328814158</t>
  </si>
  <si>
    <t>VELUX Verd.-Rollo man. DKL MK08 4559SWL</t>
  </si>
  <si>
    <t>DKL MK08 4564S</t>
  </si>
  <si>
    <t>5702327419606</t>
  </si>
  <si>
    <t>VELUX Verd.-Rollo man. DKL MK08 4564S</t>
  </si>
  <si>
    <t>DKL MK08 4564SWL</t>
  </si>
  <si>
    <t>5702328814202</t>
  </si>
  <si>
    <t>VELUX Verd.-Rollo man. DKL MK08 4564SWL</t>
  </si>
  <si>
    <t>DKL MK08 4574S</t>
  </si>
  <si>
    <t>5702328967687</t>
  </si>
  <si>
    <t>VELUX Verd.-Rollo man. DKL MK08 4574S</t>
  </si>
  <si>
    <t>DKL MK08 4574SWL</t>
  </si>
  <si>
    <t>5702328974920</t>
  </si>
  <si>
    <t>VELUX Verd.-Rollo man. DKL MK08 4574SWL</t>
  </si>
  <si>
    <t>DKL MK08 4575S</t>
  </si>
  <si>
    <t>5702328967694</t>
  </si>
  <si>
    <t>VELUX Verd.-Rollo man. DKL MK08 4575S</t>
  </si>
  <si>
    <t>DKL MK08 4575SWL</t>
  </si>
  <si>
    <t>5702328974937</t>
  </si>
  <si>
    <t>VELUX Verd.-Rollo man. DKL MK08 4575SWL</t>
  </si>
  <si>
    <t>DKL MK08 4576S</t>
  </si>
  <si>
    <t>5702328967700</t>
  </si>
  <si>
    <t>VELUX Verd.-Rollo man. DKL MK08 4576S</t>
  </si>
  <si>
    <t>DKL MK08 4576SWL</t>
  </si>
  <si>
    <t>5702328974944</t>
  </si>
  <si>
    <t>VELUX Verd.-Rollo man. DKL MK08 4576SWL</t>
  </si>
  <si>
    <t>DKL MK08 4577S</t>
  </si>
  <si>
    <t>5702328967717</t>
  </si>
  <si>
    <t>VELUX Verd.-Rollo man. DKL MK08 4577S</t>
  </si>
  <si>
    <t>DKL MK08 4577SWL</t>
  </si>
  <si>
    <t>5702328974951</t>
  </si>
  <si>
    <t>VELUX Verd.-Rollo man. DKL MK08 4577SWL</t>
  </si>
  <si>
    <t>DKL MK08 4578S</t>
  </si>
  <si>
    <t>5702328967724</t>
  </si>
  <si>
    <t>VELUX Verd.-Rollo man. DKL MK08 4578S</t>
  </si>
  <si>
    <t>DKL MK08 4578SWL</t>
  </si>
  <si>
    <t>5702328974968</t>
  </si>
  <si>
    <t>VELUX Verd.-Rollo man. DKL MK08 4578SWL</t>
  </si>
  <si>
    <t>DKL MK08 4579S</t>
  </si>
  <si>
    <t>5702328967731</t>
  </si>
  <si>
    <t>VELUX Verd.-Rollo man. DKL MK08 4579S</t>
  </si>
  <si>
    <t>DKL MK08 4579SWL</t>
  </si>
  <si>
    <t>5702328974975</t>
  </si>
  <si>
    <t>VELUX Verd.-Rollo man. DKL MK08 4579SWL</t>
  </si>
  <si>
    <t>DKL MK08 4580S</t>
  </si>
  <si>
    <t>5702328967748</t>
  </si>
  <si>
    <t>VELUX Verd.-Rollo man. DKL MK08 4580S</t>
  </si>
  <si>
    <t>DKL MK08 4580SWL</t>
  </si>
  <si>
    <t>5702328974982</t>
  </si>
  <si>
    <t>VELUX Verd.-Rollo man. DKL MK08 4580SWL</t>
  </si>
  <si>
    <t>DKL MK08 4581S</t>
  </si>
  <si>
    <t>5702328967755</t>
  </si>
  <si>
    <t>VELUX Verd.-Rollo man. DKL MK08 4581S</t>
  </si>
  <si>
    <t>DKL MK08 4581SWL</t>
  </si>
  <si>
    <t>5702328974999</t>
  </si>
  <si>
    <t>VELUX Verd.-Rollo man. DKL MK08 4581SWL</t>
  </si>
  <si>
    <t>DKL MK08 4653S</t>
  </si>
  <si>
    <t>5702328529045</t>
  </si>
  <si>
    <t>VELUX Verd.-Rollo man. DKL MK08 4653S</t>
  </si>
  <si>
    <t>DKL MK08 4653SWL</t>
  </si>
  <si>
    <t>5702328814325</t>
  </si>
  <si>
    <t>VELUX Verd.-Rollo man. DKL MK08 4653SWL</t>
  </si>
  <si>
    <t>DKL MK08 4654S</t>
  </si>
  <si>
    <t>5702328529052</t>
  </si>
  <si>
    <t>VELUX Verd.-Rollo man. DKL MK08 4654S</t>
  </si>
  <si>
    <t>DKL MK08 4654SWL</t>
  </si>
  <si>
    <t>5702328814332</t>
  </si>
  <si>
    <t>VELUX Verd.-Rollo man. DKL MK08 4654SWL</t>
  </si>
  <si>
    <t>DKL MK08 4655S</t>
  </si>
  <si>
    <t>5702328529069</t>
  </si>
  <si>
    <t>VELUX Verd.-Rollo man. DKL MK08 4655S</t>
  </si>
  <si>
    <t>DKL MK08 4655SWL</t>
  </si>
  <si>
    <t>5702328814349</t>
  </si>
  <si>
    <t>VELUX Verd.-Rollo man. DKL MK08 4655SWL</t>
  </si>
  <si>
    <t>DKL MK08 4659S</t>
  </si>
  <si>
    <t>5702328529106</t>
  </si>
  <si>
    <t>VELUX Verd.-Rollo man. DKL MK08 4659S</t>
  </si>
  <si>
    <t>DKL MK08 4659SWL</t>
  </si>
  <si>
    <t>5702328814387</t>
  </si>
  <si>
    <t>VELUX Verd.-Rollo man. DKL MK08 4659SWL</t>
  </si>
  <si>
    <t>DKL MK08 4660S</t>
  </si>
  <si>
    <t>5702328529113</t>
  </si>
  <si>
    <t>VELUX Verd.-Rollo man. DKL MK08 4660S</t>
  </si>
  <si>
    <t>DKL MK08 4660SWL</t>
  </si>
  <si>
    <t>5702328814394</t>
  </si>
  <si>
    <t>VELUX Verd.-Rollo man. DKL MK08 4660SWL</t>
  </si>
  <si>
    <t>DKL MK08 4661S</t>
  </si>
  <si>
    <t>5702328529120</t>
  </si>
  <si>
    <t>VELUX Verd.-Rollo man. DKL MK08 4661S</t>
  </si>
  <si>
    <t>DKL MK08 4661SWL</t>
  </si>
  <si>
    <t>5702328814400</t>
  </si>
  <si>
    <t>VELUX Verd.-Rollo man. DKL MK08 4661SWL</t>
  </si>
  <si>
    <t>DKL MK08 4665S</t>
  </si>
  <si>
    <t>5702328529168</t>
  </si>
  <si>
    <t>VELUX Verd.-Rollo man. DKL MK08 4665S</t>
  </si>
  <si>
    <t>DKL MK08 4665SWL</t>
  </si>
  <si>
    <t>5702328814448</t>
  </si>
  <si>
    <t>VELUX Verd.-Rollo man. DKL MK08 4665SWL</t>
  </si>
  <si>
    <t>DKL MK08 4666S</t>
  </si>
  <si>
    <t>5702328529175</t>
  </si>
  <si>
    <t>VELUX Verd.-Rollo man. DKL MK08 4666S</t>
  </si>
  <si>
    <t>DKL MK08 4666SWL</t>
  </si>
  <si>
    <t>5702328814455</t>
  </si>
  <si>
    <t>VELUX Verd.-Rollo man. DKL MK08 4666SWL</t>
  </si>
  <si>
    <t>DKL MK08 4667S</t>
  </si>
  <si>
    <t>5702328529182</t>
  </si>
  <si>
    <t>VELUX Verd.-Rollo man. DKL MK08 4667S</t>
  </si>
  <si>
    <t>DKL MK08 4667SWL</t>
  </si>
  <si>
    <t>5702328814462</t>
  </si>
  <si>
    <t>VELUX Verd.-Rollo man. DKL MK08 4667SWL</t>
  </si>
  <si>
    <t>DKL MK08 CBYS</t>
  </si>
  <si>
    <t>5702328765795</t>
  </si>
  <si>
    <t>VELUX Verd.-Rollo man. DKL MK08 CBYS</t>
  </si>
  <si>
    <t>DKL MK08 CBYSWL</t>
  </si>
  <si>
    <t>5702328861138</t>
  </si>
  <si>
    <t>VELUX Verd.-Rollo man. DKL MK08 CBYSWL</t>
  </si>
  <si>
    <t>DKL MK10 0705S</t>
  </si>
  <si>
    <t>5702326751202</t>
  </si>
  <si>
    <t>VELUX Verd.-Rollo man. DKL MK10 0705S</t>
  </si>
  <si>
    <t>DKL MK10 0705SWL</t>
  </si>
  <si>
    <t>5702326751219</t>
  </si>
  <si>
    <t>VELUX Verd.-Rollo man. DKL MK10 0705SWL</t>
  </si>
  <si>
    <t>DKL MK10 1025S</t>
  </si>
  <si>
    <t>5702326751240</t>
  </si>
  <si>
    <t>VELUX Verd.-Rollo man. DKL MK10 1025S</t>
  </si>
  <si>
    <t>DKL MK10 1025SWL</t>
  </si>
  <si>
    <t>5702326751257</t>
  </si>
  <si>
    <t>VELUX Verd.-Rollo man. DKL MK10 1025SWL</t>
  </si>
  <si>
    <t>DKL MK10 1085S</t>
  </si>
  <si>
    <t>5702326751264</t>
  </si>
  <si>
    <t>VELUX Verd.-Rollo man. DKL MK10 1085S</t>
  </si>
  <si>
    <t>DKL MK10 1085SWL</t>
  </si>
  <si>
    <t>5702326751271</t>
  </si>
  <si>
    <t>VELUX Verd.-Rollo man. DKL MK10 1085SWL</t>
  </si>
  <si>
    <t>DKL MK10 1100S</t>
  </si>
  <si>
    <t>5702326751295</t>
  </si>
  <si>
    <t>VELUX Verd.-Rollo man. DKL MK10 1100S</t>
  </si>
  <si>
    <t>DKL MK10 1100SWL</t>
  </si>
  <si>
    <t>5702326751318</t>
  </si>
  <si>
    <t>VELUX Verd.-Rollo man. DKL MK10 1100SWL</t>
  </si>
  <si>
    <t>DKL MK10 3009S</t>
  </si>
  <si>
    <t>5702326751653</t>
  </si>
  <si>
    <t>VELUX Verd.-Rollo man. DKL MK10 3009S</t>
  </si>
  <si>
    <t>DKL MK10 3009SWL</t>
  </si>
  <si>
    <t>5702326751677</t>
  </si>
  <si>
    <t>VELUX Verd.-Rollo man. DKL MK10 3009SWL</t>
  </si>
  <si>
    <t>DKL MK10 4556S</t>
  </si>
  <si>
    <t>5702327419712</t>
  </si>
  <si>
    <t>VELUX Verd.-Rollo man. DKL MK10 4556S</t>
  </si>
  <si>
    <t>DKL MK10 4556SWL</t>
  </si>
  <si>
    <t>5702328814486</t>
  </si>
  <si>
    <t>VELUX Verd.-Rollo man. DKL MK10 4556SWL</t>
  </si>
  <si>
    <t>DKL MK10 4559S</t>
  </si>
  <si>
    <t>5702327419743</t>
  </si>
  <si>
    <t>VELUX Verd.-Rollo man. DKL MK10 4559S</t>
  </si>
  <si>
    <t>DKL MK10 4559SWL</t>
  </si>
  <si>
    <t>5702328814509</t>
  </si>
  <si>
    <t>VELUX Verd.-Rollo man. DKL MK10 4559SWL</t>
  </si>
  <si>
    <t>DKL MK10 4564S</t>
  </si>
  <si>
    <t>5702327419798</t>
  </si>
  <si>
    <t>VELUX Verd.-Rollo man. DKL MK10 4564S</t>
  </si>
  <si>
    <t>DKL MK10 4564SWL</t>
  </si>
  <si>
    <t>5702328814554</t>
  </si>
  <si>
    <t>VELUX Verd.-Rollo man. DKL MK10 4564SWL</t>
  </si>
  <si>
    <t>DKL MK10 4574S</t>
  </si>
  <si>
    <t>5702328967762</t>
  </si>
  <si>
    <t>VELUX Verd.-Rollo man. DKL MK10 4574S</t>
  </si>
  <si>
    <t>DKL MK10 4574SWL</t>
  </si>
  <si>
    <t>5702328975002</t>
  </si>
  <si>
    <t>VELUX Verd.-Rollo man. DKL MK10 4574SWL</t>
  </si>
  <si>
    <t>DKL MK10 4575S</t>
  </si>
  <si>
    <t>5702328967779</t>
  </si>
  <si>
    <t>VELUX Verd.-Rollo man. DKL MK10 4575S</t>
  </si>
  <si>
    <t>DKL MK10 4575SWL</t>
  </si>
  <si>
    <t>5702328975019</t>
  </si>
  <si>
    <t>VELUX Verd.-Rollo man. DKL MK10 4575SWL</t>
  </si>
  <si>
    <t>DKL MK10 4576S</t>
  </si>
  <si>
    <t>5702328967786</t>
  </si>
  <si>
    <t>VELUX Verd.-Rollo man. DKL MK10 4576S</t>
  </si>
  <si>
    <t>DKL MK10 4576SWL</t>
  </si>
  <si>
    <t>5702328975026</t>
  </si>
  <si>
    <t>VELUX Verd.-Rollo man. DKL MK10 4576SWL</t>
  </si>
  <si>
    <t>DKL MK10 4577S</t>
  </si>
  <si>
    <t>5702328967793</t>
  </si>
  <si>
    <t>VELUX Verd.-Rollo man. DKL MK10 4577S</t>
  </si>
  <si>
    <t>DKL MK10 4577SWL</t>
  </si>
  <si>
    <t>5702328975033</t>
  </si>
  <si>
    <t>VELUX Verd.-Rollo man. DKL MK10 4577SWL</t>
  </si>
  <si>
    <t>DKL MK10 4578S</t>
  </si>
  <si>
    <t>5702328967809</t>
  </si>
  <si>
    <t>VELUX Verd.-Rollo man. DKL MK10 4578S</t>
  </si>
  <si>
    <t>DKL MK10 4578SWL</t>
  </si>
  <si>
    <t>5702328975040</t>
  </si>
  <si>
    <t>VELUX Verd.-Rollo man. DKL MK10 4578SWL</t>
  </si>
  <si>
    <t>DKL MK10 4579S</t>
  </si>
  <si>
    <t>5702328967816</t>
  </si>
  <si>
    <t>VELUX Verd.-Rollo man. DKL MK10 4579S</t>
  </si>
  <si>
    <t>DKL MK10 4579SWL</t>
  </si>
  <si>
    <t>5702328975057</t>
  </si>
  <si>
    <t>VELUX Verd.-Rollo man. DKL MK10 4579SWL</t>
  </si>
  <si>
    <t>DKL MK10 4580S</t>
  </si>
  <si>
    <t>5702328967823</t>
  </si>
  <si>
    <t>VELUX Verd.-Rollo man. DKL MK10 4580S</t>
  </si>
  <si>
    <t>DKL MK10 4580SWL</t>
  </si>
  <si>
    <t>5702328975064</t>
  </si>
  <si>
    <t>VELUX Verd.-Rollo man. DKL MK10 4580SWL</t>
  </si>
  <si>
    <t>DKL MK10 4581S</t>
  </si>
  <si>
    <t>5702328967830</t>
  </si>
  <si>
    <t>VELUX Verd.-Rollo man. DKL MK10 4581S</t>
  </si>
  <si>
    <t>DKL MK10 4581SWL</t>
  </si>
  <si>
    <t>5702328975071</t>
  </si>
  <si>
    <t>VELUX Verd.-Rollo man. DKL MK10 4581SWL</t>
  </si>
  <si>
    <t>DKL MK10 4653S</t>
  </si>
  <si>
    <t>5702328529229</t>
  </si>
  <si>
    <t>VELUX Verd.-Rollo man. DKL MK10 4653S</t>
  </si>
  <si>
    <t>DKL MK10 4653SWL</t>
  </si>
  <si>
    <t>5702328814677</t>
  </si>
  <si>
    <t>VELUX Verd.-Rollo man. DKL MK10 4653SWL</t>
  </si>
  <si>
    <t>DKL MK10 4654S</t>
  </si>
  <si>
    <t>5702328529236</t>
  </si>
  <si>
    <t>VELUX Verd.-Rollo man. DKL MK10 4654S</t>
  </si>
  <si>
    <t>DKL MK10 4654SWL</t>
  </si>
  <si>
    <t>5702328814684</t>
  </si>
  <si>
    <t>VELUX Verd.-Rollo man. DKL MK10 4654SWL</t>
  </si>
  <si>
    <t>DKL MK10 4655S</t>
  </si>
  <si>
    <t>5702328529243</t>
  </si>
  <si>
    <t>VELUX Verd.-Rollo man. DKL MK10 4655S</t>
  </si>
  <si>
    <t>DKL MK10 4655SWL</t>
  </si>
  <si>
    <t>5702328814691</t>
  </si>
  <si>
    <t>VELUX Verd.-Rollo man. DKL MK10 4655SWL</t>
  </si>
  <si>
    <t>DKL MK10 4659S</t>
  </si>
  <si>
    <t>5702328529281</t>
  </si>
  <si>
    <t>VELUX Verd.-Rollo man. DKL MK10 4659S</t>
  </si>
  <si>
    <t>DKL MK10 4659SWL</t>
  </si>
  <si>
    <t>5702328814738</t>
  </si>
  <si>
    <t>VELUX Verd.-Rollo man. DKL MK10 4659SWL</t>
  </si>
  <si>
    <t>DKL MK10 4660S</t>
  </si>
  <si>
    <t>5702328529298</t>
  </si>
  <si>
    <t>VELUX Verd.-Rollo man. DKL MK10 4660S</t>
  </si>
  <si>
    <t>DKL MK10 4660SWL</t>
  </si>
  <si>
    <t>5702328814745</t>
  </si>
  <si>
    <t>VELUX Verd.-Rollo man. DKL MK10 4660SWL</t>
  </si>
  <si>
    <t>DKL MK10 4661S</t>
  </si>
  <si>
    <t>5702328529304</t>
  </si>
  <si>
    <t>VELUX Verd.-Rollo man. DKL MK10 4661S</t>
  </si>
  <si>
    <t>DKL MK10 4661SWL</t>
  </si>
  <si>
    <t>5702328814752</t>
  </si>
  <si>
    <t>VELUX Verd.-Rollo man. DKL MK10 4661SWL</t>
  </si>
  <si>
    <t>DKL MK10 4665S</t>
  </si>
  <si>
    <t>5702328529342</t>
  </si>
  <si>
    <t>VELUX Verd.-Rollo man. DKL MK10 4665S</t>
  </si>
  <si>
    <t>DKL MK10 4665SWL</t>
  </si>
  <si>
    <t>5702328814790</t>
  </si>
  <si>
    <t>VELUX Verd.-Rollo man. DKL MK10 4665SWL</t>
  </si>
  <si>
    <t>DKL MK10 4666S</t>
  </si>
  <si>
    <t>5702328529359</t>
  </si>
  <si>
    <t>VELUX Verd.-Rollo man. DKL MK10 4666S</t>
  </si>
  <si>
    <t>DKL MK10 4666SWL</t>
  </si>
  <si>
    <t>5702328814806</t>
  </si>
  <si>
    <t>VELUX Verd.-Rollo man. DKL MK10 4666SWL</t>
  </si>
  <si>
    <t>DKL MK10 4667S</t>
  </si>
  <si>
    <t>5702328529366</t>
  </si>
  <si>
    <t>VELUX Verd.-Rollo man. DKL MK10 4667S</t>
  </si>
  <si>
    <t>DKL MK10 4667SWL</t>
  </si>
  <si>
    <t>5702328814813</t>
  </si>
  <si>
    <t>VELUX Verd.-Rollo man. DKL MK10 4667SWL</t>
  </si>
  <si>
    <t>DKL MK10 CBYS</t>
  </si>
  <si>
    <t>5702328765801</t>
  </si>
  <si>
    <t>VELUX Verd.-Rollo man. DKL MK10 CBYS</t>
  </si>
  <si>
    <t>DKL MK10 CBYSWL</t>
  </si>
  <si>
    <t>5702328861145</t>
  </si>
  <si>
    <t>VELUX Verd.-Rollo man. DKL MK10 CBYSWL</t>
  </si>
  <si>
    <t>DKL MK12 0705S</t>
  </si>
  <si>
    <t>5702326752063</t>
  </si>
  <si>
    <t>VELUX Verd.-Rollo man. DKL MK12 0705S</t>
  </si>
  <si>
    <t>DKL MK12 0705SWL</t>
  </si>
  <si>
    <t>5702326752070</t>
  </si>
  <si>
    <t>VELUX Verd.-Rollo man. DKL MK12 0705SWL</t>
  </si>
  <si>
    <t>DKL MK12 1025S</t>
  </si>
  <si>
    <t>5702326752100</t>
  </si>
  <si>
    <t>VELUX Verd.-Rollo man. DKL MK12 1025S</t>
  </si>
  <si>
    <t>DKL MK12 1025SWL</t>
  </si>
  <si>
    <t>5702326752117</t>
  </si>
  <si>
    <t>VELUX Verd.-Rollo man. DKL MK12 1025SWL</t>
  </si>
  <si>
    <t>DKL MK12 1085S</t>
  </si>
  <si>
    <t>5702326752124</t>
  </si>
  <si>
    <t>VELUX Verd.-Rollo man. DKL MK12 1085S</t>
  </si>
  <si>
    <t>DKL MK12 1085SWL</t>
  </si>
  <si>
    <t>5702326752131</t>
  </si>
  <si>
    <t>VELUX Verd.-Rollo man. DKL MK12 1085SWL</t>
  </si>
  <si>
    <t>DKL MK12 1100S</t>
  </si>
  <si>
    <t>5702326752148</t>
  </si>
  <si>
    <t>VELUX Verd.-Rollo man. DKL MK12 1100S</t>
  </si>
  <si>
    <t>DKL MK12 1100SWL</t>
  </si>
  <si>
    <t>5702326752155</t>
  </si>
  <si>
    <t>VELUX Verd.-Rollo man. DKL MK12 1100SWL</t>
  </si>
  <si>
    <t>DKL MK12 3009S</t>
  </si>
  <si>
    <t>5702326752513</t>
  </si>
  <si>
    <t>VELUX Verd.-Rollo man. DKL MK12 3009S</t>
  </si>
  <si>
    <t>DKL MK12 3009SWL</t>
  </si>
  <si>
    <t>5702326752520</t>
  </si>
  <si>
    <t>VELUX Verd.-Rollo man. DKL MK12 3009SWL</t>
  </si>
  <si>
    <t>DKL MK12 4556S</t>
  </si>
  <si>
    <t>5702327419903</t>
  </si>
  <si>
    <t>VELUX Verd.-Rollo man. DKL MK12 4556S</t>
  </si>
  <si>
    <t>DKL MK12 4556SWL</t>
  </si>
  <si>
    <t>5702328814837</t>
  </si>
  <si>
    <t>VELUX Verd.-Rollo man. DKL MK12 4556SWL</t>
  </si>
  <si>
    <t>DKL MK12 4559SWL</t>
  </si>
  <si>
    <t>5702328814851</t>
  </si>
  <si>
    <t>VELUX Verd.-Rollo man. DKL MK12 4559SWL</t>
  </si>
  <si>
    <t>DKL MK12 4564S</t>
  </si>
  <si>
    <t>5702327419989</t>
  </si>
  <si>
    <t>VELUX Verd.-Rollo man. DKL MK12 4564S</t>
  </si>
  <si>
    <t>DKL MK12 4564SWL</t>
  </si>
  <si>
    <t>5702328814905</t>
  </si>
  <si>
    <t>VELUX Verd.-Rollo man. DKL MK12 4564SWL</t>
  </si>
  <si>
    <t>DKL MK12 4574S</t>
  </si>
  <si>
    <t>5702328967847</t>
  </si>
  <si>
    <t>VELUX Verd.-Rollo man. DKL MK12 4574S</t>
  </si>
  <si>
    <t>DKL MK12 4574SWL</t>
  </si>
  <si>
    <t>5702328975088</t>
  </si>
  <si>
    <t>VELUX Verd.-Rollo man. DKL MK12 4574SWL</t>
  </si>
  <si>
    <t>DKL MK12 4575SWL</t>
  </si>
  <si>
    <t>5702328975095</t>
  </si>
  <si>
    <t>VELUX Verd.-Rollo man. DKL MK12 4575SWL</t>
  </si>
  <si>
    <t>DKL MK12 4576S</t>
  </si>
  <si>
    <t>5702328967861</t>
  </si>
  <si>
    <t>VELUX Verd.-Rollo man. DKL MK12 4576S</t>
  </si>
  <si>
    <t>DKL MK12 4576SWL</t>
  </si>
  <si>
    <t>5702328975101</t>
  </si>
  <si>
    <t>VELUX Verd.-Rollo man. DKL MK12 4576SWL</t>
  </si>
  <si>
    <t>DKL MK12 4577S</t>
  </si>
  <si>
    <t>5702328967878</t>
  </si>
  <si>
    <t>VELUX Verd.-Rollo man. DKL MK12 4577S</t>
  </si>
  <si>
    <t>DKL MK12 4577SWL</t>
  </si>
  <si>
    <t>5702328975118</t>
  </si>
  <si>
    <t>VELUX Verd.-Rollo man. DKL MK12 4577SWL</t>
  </si>
  <si>
    <t>DKL MK12 4578S</t>
  </si>
  <si>
    <t>5702328967885</t>
  </si>
  <si>
    <t>VELUX Verd.-Rollo man. DKL MK12 4578S</t>
  </si>
  <si>
    <t>DKL MK12 4578SWL</t>
  </si>
  <si>
    <t>5702328975125</t>
  </si>
  <si>
    <t>VELUX Verd.-Rollo man. DKL MK12 4578SWL</t>
  </si>
  <si>
    <t>DKL MK12 4579S</t>
  </si>
  <si>
    <t>5702328967892</t>
  </si>
  <si>
    <t>VELUX Verd.-Rollo man. DKL MK12 4579S</t>
  </si>
  <si>
    <t>DKL MK12 4579SWL</t>
  </si>
  <si>
    <t>5702328975132</t>
  </si>
  <si>
    <t>VELUX Verd.-Rollo man. DKL MK12 4579SWL</t>
  </si>
  <si>
    <t>DKL MK12 4580S</t>
  </si>
  <si>
    <t>5702328967908</t>
  </si>
  <si>
    <t>VELUX Verd.-Rollo man. DKL MK12 4580S</t>
  </si>
  <si>
    <t>DKL MK12 4580SWL</t>
  </si>
  <si>
    <t>5702328975149</t>
  </si>
  <si>
    <t>VELUX Verd.-Rollo man. DKL MK12 4580SWL</t>
  </si>
  <si>
    <t>DKL MK12 4581S</t>
  </si>
  <si>
    <t>5702328967915</t>
  </si>
  <si>
    <t>VELUX Verd.-Rollo man. DKL MK12 4581S</t>
  </si>
  <si>
    <t>DKL MK12 4581SWL</t>
  </si>
  <si>
    <t>5702328975156</t>
  </si>
  <si>
    <t>VELUX Verd.-Rollo man. DKL MK12 4581SWL</t>
  </si>
  <si>
    <t>DKL MK12 4653S</t>
  </si>
  <si>
    <t>5702328529403</t>
  </si>
  <si>
    <t>VELUX Verd.-Rollo man. DKL MK12 4653S</t>
  </si>
  <si>
    <t>DKL MK12 4653SWL</t>
  </si>
  <si>
    <t>5702328815025</t>
  </si>
  <si>
    <t>VELUX Verd.-Rollo man. DKL MK12 4653SWL</t>
  </si>
  <si>
    <t>DKL MK12 4654SWL</t>
  </si>
  <si>
    <t>5702328815032</t>
  </si>
  <si>
    <t>VELUX Verd.-Rollo man. DKL MK12 4654SWL</t>
  </si>
  <si>
    <t>DKL MK12 4655SWL</t>
  </si>
  <si>
    <t>5702328815049</t>
  </si>
  <si>
    <t>VELUX Verd.-Rollo man. DKL MK12 4655SWL</t>
  </si>
  <si>
    <t>DKL MK12 4659SWL</t>
  </si>
  <si>
    <t>5702328815087</t>
  </si>
  <si>
    <t>VELUX Verd.-Rollo man. DKL MK12 4659SWL</t>
  </si>
  <si>
    <t>DKL MK12 4660SWL</t>
  </si>
  <si>
    <t>5702328815094</t>
  </si>
  <si>
    <t>VELUX Verd.-Rollo man. DKL MK12 4660SWL</t>
  </si>
  <si>
    <t>DKL MK12 4661SWL</t>
  </si>
  <si>
    <t>5702328815100</t>
  </si>
  <si>
    <t>VELUX Verd.-Rollo man. DKL MK12 4661SWL</t>
  </si>
  <si>
    <t>DKL MK12 4666SWL</t>
  </si>
  <si>
    <t>5702328815155</t>
  </si>
  <si>
    <t>VELUX Verd.-Rollo man. DKL MK12 4666SWL</t>
  </si>
  <si>
    <t>DKL MK12 4667SWL</t>
  </si>
  <si>
    <t>5702328815162</t>
  </si>
  <si>
    <t>VELUX Verd.-Rollo man. DKL MK12 4667SWL</t>
  </si>
  <si>
    <t>DKL MK12 CBYS</t>
  </si>
  <si>
    <t>5702328765818</t>
  </si>
  <si>
    <t>VELUX Verd.-Rollo man. DKL MK12 CBYS</t>
  </si>
  <si>
    <t>DKL MK12 CBYSWL</t>
  </si>
  <si>
    <t>5702328861152</t>
  </si>
  <si>
    <t>VELUX Verd.-Rollo man. DKL MK12 CBYSWL</t>
  </si>
  <si>
    <t>DKL P04 0705S</t>
  </si>
  <si>
    <t>5702325091163</t>
  </si>
  <si>
    <t>VELUX Verd.-Rollo man. DKL P04 0705S</t>
  </si>
  <si>
    <t>DKL P04 0705SWL</t>
  </si>
  <si>
    <t>5702325631970</t>
  </si>
  <si>
    <t>VELUX Verd.-Rollo man. DKL P04 0705SWL</t>
  </si>
  <si>
    <t>DKL P04 1025S</t>
  </si>
  <si>
    <t>5702325091187</t>
  </si>
  <si>
    <t>VELUX Verd.-Rollo man. DKL P04 1025S</t>
  </si>
  <si>
    <t>DKL P04 1025SWL</t>
  </si>
  <si>
    <t>5702325631994</t>
  </si>
  <si>
    <t>VELUX Verd.-Rollo man. DKL P04 1025SWL</t>
  </si>
  <si>
    <t>DKL P04 1085S</t>
  </si>
  <si>
    <t>5702325091194</t>
  </si>
  <si>
    <t>VELUX Verd.-Rollo man. DKL P04 1085S</t>
  </si>
  <si>
    <t>DKL P04 1085SWL</t>
  </si>
  <si>
    <t>5702325632007</t>
  </si>
  <si>
    <t>VELUX Verd.-Rollo man. DKL P04 1085SWL</t>
  </si>
  <si>
    <t>DKL P04 1100S</t>
  </si>
  <si>
    <t>5702325091200</t>
  </si>
  <si>
    <t>VELUX Verd.-Rollo man. DKL P04 1100S</t>
  </si>
  <si>
    <t>DKL P04 1100SWL</t>
  </si>
  <si>
    <t>5702325632014</t>
  </si>
  <si>
    <t>VELUX Verd.-Rollo man. DKL P04 1100SWL</t>
  </si>
  <si>
    <t>DKL P04 3009S</t>
  </si>
  <si>
    <t>5702325141479</t>
  </si>
  <si>
    <t>VELUX Verd.-Rollo man. DKL P04 3009S</t>
  </si>
  <si>
    <t>DKL P04 3009SWL</t>
  </si>
  <si>
    <t>5702325632182</t>
  </si>
  <si>
    <t>VELUX Verd.-Rollo man. DKL P04 3009SWL</t>
  </si>
  <si>
    <t>DKL P04 4556S</t>
  </si>
  <si>
    <t>5702327420473</t>
  </si>
  <si>
    <t>VELUX Verd.-Rollo man. DKL P04 4556S</t>
  </si>
  <si>
    <t>DKL P04 4556SWL</t>
  </si>
  <si>
    <t>5702328815605</t>
  </si>
  <si>
    <t>VELUX Verd.-Rollo man. DKL P04 4556SWL</t>
  </si>
  <si>
    <t>DKL P04 4559S</t>
  </si>
  <si>
    <t>5702327420503</t>
  </si>
  <si>
    <t>VELUX Verd.-Rollo man. DKL P04 4559S</t>
  </si>
  <si>
    <t>DKL P04 4559SWL</t>
  </si>
  <si>
    <t>5702328815629</t>
  </si>
  <si>
    <t>VELUX Verd.-Rollo man. DKL P04 4559SWL</t>
  </si>
  <si>
    <t>DKL P04 4564S</t>
  </si>
  <si>
    <t>5702327420558</t>
  </si>
  <si>
    <t>VELUX Verd.-Rollo man. DKL P04 4564S</t>
  </si>
  <si>
    <t>DKL P04 4564SWL</t>
  </si>
  <si>
    <t>5702328815674</t>
  </si>
  <si>
    <t>VELUX Verd.-Rollo man. DKL P04 4564SWL</t>
  </si>
  <si>
    <t>DKL P04 4574S</t>
  </si>
  <si>
    <t>5702328968080</t>
  </si>
  <si>
    <t>VELUX Verd.-Rollo man. DKL P04 4574S</t>
  </si>
  <si>
    <t>DKL P04 4574SWL</t>
  </si>
  <si>
    <t>5702328975248</t>
  </si>
  <si>
    <t>VELUX Verd.-Rollo man. DKL P04 4574SWL</t>
  </si>
  <si>
    <t>DKL P04 4575S</t>
  </si>
  <si>
    <t>5702328968097</t>
  </si>
  <si>
    <t>VELUX Verd.-Rollo man. DKL P04 4575S</t>
  </si>
  <si>
    <t>DKL P04 4575SWL</t>
  </si>
  <si>
    <t>5702328975255</t>
  </si>
  <si>
    <t>VELUX Verd.-Rollo man. DKL P04 4575SWL</t>
  </si>
  <si>
    <t>DKL P04 4576S</t>
  </si>
  <si>
    <t>5702328968103</t>
  </si>
  <si>
    <t>VELUX Verd.-Rollo man. DKL P04 4576S</t>
  </si>
  <si>
    <t>DKL P04 4576SWL</t>
  </si>
  <si>
    <t>5702328975262</t>
  </si>
  <si>
    <t>VELUX Verd.-Rollo man. DKL P04 4576SWL</t>
  </si>
  <si>
    <t>DKL P04 4577S</t>
  </si>
  <si>
    <t>5702328968110</t>
  </si>
  <si>
    <t>VELUX Verd.-Rollo man. DKL P04 4577S</t>
  </si>
  <si>
    <t>DKL P04 4577SWL</t>
  </si>
  <si>
    <t>5702328975279</t>
  </si>
  <si>
    <t>VELUX Verd.-Rollo man. DKL P04 4577SWL</t>
  </si>
  <si>
    <t>DKL P04 4578S</t>
  </si>
  <si>
    <t>5702328968127</t>
  </si>
  <si>
    <t>VELUX Verd.-Rollo man. DKL P04 4578S</t>
  </si>
  <si>
    <t>DKL P04 4578SWL</t>
  </si>
  <si>
    <t>5702328975286</t>
  </si>
  <si>
    <t>VELUX Verd.-Rollo man. DKL P04 4578SWL</t>
  </si>
  <si>
    <t>DKL P04 4579S</t>
  </si>
  <si>
    <t>5702328968134</t>
  </si>
  <si>
    <t>VELUX Verd.-Rollo man. DKL P04 4579S</t>
  </si>
  <si>
    <t>DKL P04 4579SWL</t>
  </si>
  <si>
    <t>5702328975293</t>
  </si>
  <si>
    <t>VELUX Verd.-Rollo man. DKL P04 4579SWL</t>
  </si>
  <si>
    <t>DKL P04 4580S</t>
  </si>
  <si>
    <t>5702328968141</t>
  </si>
  <si>
    <t>VELUX Verd.-Rollo man. DKL P04 4580S</t>
  </si>
  <si>
    <t>DKL P04 4580SWL</t>
  </si>
  <si>
    <t>5702328975309</t>
  </si>
  <si>
    <t>VELUX Verd.-Rollo man. DKL P04 4580SWL</t>
  </si>
  <si>
    <t>DKL P04 4581S</t>
  </si>
  <si>
    <t>5702328968158</t>
  </si>
  <si>
    <t>VELUX Verd.-Rollo man. DKL P04 4581S</t>
  </si>
  <si>
    <t>DKL P04 4581SWL</t>
  </si>
  <si>
    <t>5702328975316</t>
  </si>
  <si>
    <t>VELUX Verd.-Rollo man. DKL P04 4581SWL</t>
  </si>
  <si>
    <t>DKL P04 4653S</t>
  </si>
  <si>
    <t>5702328529762</t>
  </si>
  <si>
    <t>VELUX Verd.-Rollo man. DKL P04 4653S</t>
  </si>
  <si>
    <t>DKL P04 4653SWL</t>
  </si>
  <si>
    <t>5702328815797</t>
  </si>
  <si>
    <t>VELUX Verd.-Rollo man. DKL P04 4653SWL</t>
  </si>
  <si>
    <t>DKL P04 4654S</t>
  </si>
  <si>
    <t>5702328529779</t>
  </si>
  <si>
    <t>VELUX Verd.-Rollo man. DKL P04 4654S</t>
  </si>
  <si>
    <t>DKL P04 4654SWL</t>
  </si>
  <si>
    <t>5702328815803</t>
  </si>
  <si>
    <t>VELUX Verd.-Rollo man. DKL P04 4654SWL</t>
  </si>
  <si>
    <t>DKL P04 4659S</t>
  </si>
  <si>
    <t>5702328529823</t>
  </si>
  <si>
    <t>VELUX Verd.-Rollo man. DKL P04 4659S</t>
  </si>
  <si>
    <t>DKL P04 4659SWL</t>
  </si>
  <si>
    <t>5702328815858</t>
  </si>
  <si>
    <t>VELUX Verd.-Rollo man. DKL P04 4659SWL</t>
  </si>
  <si>
    <t>DKL P04 4660S</t>
  </si>
  <si>
    <t>5702328529830</t>
  </si>
  <si>
    <t>VELUX Verd.-Rollo man. DKL P04 4660S</t>
  </si>
  <si>
    <t>DKL P04 4660SWL</t>
  </si>
  <si>
    <t>5702328815865</t>
  </si>
  <si>
    <t>VELUX Verd.-Rollo man. DKL P04 4660SWL</t>
  </si>
  <si>
    <t>DKL P04 4661SWL</t>
  </si>
  <si>
    <t>5702328815872</t>
  </si>
  <si>
    <t>VELUX Verd.-Rollo man. DKL P04 4661SWL</t>
  </si>
  <si>
    <t>DKL P04 4665S</t>
  </si>
  <si>
    <t>5702328529885</t>
  </si>
  <si>
    <t>VELUX Verd.-Rollo man. DKL P04 4665S</t>
  </si>
  <si>
    <t>DKL P04 4665SWL</t>
  </si>
  <si>
    <t>5702328815919</t>
  </si>
  <si>
    <t>VELUX Verd.-Rollo man. DKL P04 4665SWL</t>
  </si>
  <si>
    <t>DKL P04 4666S</t>
  </si>
  <si>
    <t>5702328529908</t>
  </si>
  <si>
    <t>VELUX Verd.-Rollo man. DKL P04 4666S</t>
  </si>
  <si>
    <t>DKL P04 4666SWL</t>
  </si>
  <si>
    <t>5702328815926</t>
  </si>
  <si>
    <t>VELUX Verd.-Rollo man. DKL P04 4666SWL</t>
  </si>
  <si>
    <t>DKL P04 4667S</t>
  </si>
  <si>
    <t>5702328529915</t>
  </si>
  <si>
    <t>VELUX Verd.-Rollo man. DKL P04 4667S</t>
  </si>
  <si>
    <t>DKL P04 CBYS</t>
  </si>
  <si>
    <t>5702328765832</t>
  </si>
  <si>
    <t>VELUX Verd.-Rollo man. DKL P04 CBYS</t>
  </si>
  <si>
    <t>DKL P04 CBYSWL</t>
  </si>
  <si>
    <t>5702328861176</t>
  </si>
  <si>
    <t>VELUX Verd.-Rollo man. DKL P04 CBYSWL</t>
  </si>
  <si>
    <t>DKL P06 0705S</t>
  </si>
  <si>
    <t>5702325091620</t>
  </si>
  <si>
    <t>VELUX Verd.-Rollo man. DKL P06 0705S</t>
  </si>
  <si>
    <t>DKL P06 0705SWL</t>
  </si>
  <si>
    <t>5702325632380</t>
  </si>
  <si>
    <t>VELUX Verd.-Rollo man. DKL P06 0705SWL</t>
  </si>
  <si>
    <t>DKL P06 1025S</t>
  </si>
  <si>
    <t>5702325091644</t>
  </si>
  <si>
    <t>VELUX Verd.-Rollo man. DKL P06 1025S</t>
  </si>
  <si>
    <t>DKL P06 1025SWL</t>
  </si>
  <si>
    <t>5702325632403</t>
  </si>
  <si>
    <t>VELUX Verd.-Rollo man. DKL P06 1025SWL</t>
  </si>
  <si>
    <t>DKL P06 1085S</t>
  </si>
  <si>
    <t>5702325091651</t>
  </si>
  <si>
    <t>VELUX Verd.-Rollo man. DKL P06 1085S</t>
  </si>
  <si>
    <t>DKL P06 1085SWL</t>
  </si>
  <si>
    <t>5702325632410</t>
  </si>
  <si>
    <t>VELUX Verd.-Rollo man. DKL P06 1085SWL</t>
  </si>
  <si>
    <t>DKL P06 1100S</t>
  </si>
  <si>
    <t>5702325091668</t>
  </si>
  <si>
    <t>VELUX Verd.-Rollo man. DKL P06 1100S</t>
  </si>
  <si>
    <t>DKL P06 1100SWL</t>
  </si>
  <si>
    <t>5702325632427</t>
  </si>
  <si>
    <t>VELUX Verd.-Rollo man. DKL P06 1100SWL</t>
  </si>
  <si>
    <t>DKL P06 3009S</t>
  </si>
  <si>
    <t>5702325141691</t>
  </si>
  <si>
    <t>VELUX Verd.-Rollo man. DKL P06 3009S</t>
  </si>
  <si>
    <t>DKL P06 3009SWL</t>
  </si>
  <si>
    <t>5702325632595</t>
  </si>
  <si>
    <t>VELUX Verd.-Rollo man. DKL P06 3009SWL</t>
  </si>
  <si>
    <t>DKL P06 4556S</t>
  </si>
  <si>
    <t>5702327420664</t>
  </si>
  <si>
    <t>VELUX Verd.-Rollo man. DKL P06 4556S</t>
  </si>
  <si>
    <t>DKL P06 4556SWL</t>
  </si>
  <si>
    <t>5702328815957</t>
  </si>
  <si>
    <t>VELUX Verd.-Rollo man. DKL P06 4556SWL</t>
  </si>
  <si>
    <t>DKL P06 4559S</t>
  </si>
  <si>
    <t>5702327420695</t>
  </si>
  <si>
    <t>VELUX Verd.-Rollo man. DKL P06 4559S</t>
  </si>
  <si>
    <t>DKL P06 4559SWL</t>
  </si>
  <si>
    <t>5702328815971</t>
  </si>
  <si>
    <t>VELUX Verd.-Rollo man. DKL P06 4559SWL</t>
  </si>
  <si>
    <t>DKL P06 4564S</t>
  </si>
  <si>
    <t>5702327420749</t>
  </si>
  <si>
    <t>VELUX Verd.-Rollo man. DKL P06 4564S</t>
  </si>
  <si>
    <t>DKL P06 4564SWL</t>
  </si>
  <si>
    <t>5702328816022</t>
  </si>
  <si>
    <t>VELUX Verd.-Rollo man. DKL P06 4564SWL</t>
  </si>
  <si>
    <t>DKL P06 4574S</t>
  </si>
  <si>
    <t>5702328968165</t>
  </si>
  <si>
    <t>VELUX Verd.-Rollo man. DKL P06 4574S</t>
  </si>
  <si>
    <t>DKL P06 4574SWL</t>
  </si>
  <si>
    <t>5702328975323</t>
  </si>
  <si>
    <t>VELUX Verd.-Rollo man. DKL P06 4574SWL</t>
  </si>
  <si>
    <t>DKL P06 4575S</t>
  </si>
  <si>
    <t>5702328968172</t>
  </si>
  <si>
    <t>VELUX Verd.-Rollo man. DKL P06 4575S</t>
  </si>
  <si>
    <t>DKL P06 4575SWL</t>
  </si>
  <si>
    <t>5702328975330</t>
  </si>
  <si>
    <t>VELUX Verd.-Rollo man. DKL P06 4575SWL</t>
  </si>
  <si>
    <t>DKL P06 4576S</t>
  </si>
  <si>
    <t>5702328968189</t>
  </si>
  <si>
    <t>VELUX Verd.-Rollo man. DKL P06 4576S</t>
  </si>
  <si>
    <t>DKL P06 4576SWL</t>
  </si>
  <si>
    <t>5702328975347</t>
  </si>
  <si>
    <t>VELUX Verd.-Rollo man. DKL P06 4576SWL</t>
  </si>
  <si>
    <t>DKL P06 4577S</t>
  </si>
  <si>
    <t>5702328968196</t>
  </si>
  <si>
    <t>VELUX Verd.-Rollo man. DKL P06 4577S</t>
  </si>
  <si>
    <t>DKL P06 4577SWL</t>
  </si>
  <si>
    <t>5702328975354</t>
  </si>
  <si>
    <t>VELUX Verd.-Rollo man. DKL P06 4577SWL</t>
  </si>
  <si>
    <t>DKL P06 4578S</t>
  </si>
  <si>
    <t>5702328968202</t>
  </si>
  <si>
    <t>VELUX Verd.-Rollo man. DKL P06 4578S</t>
  </si>
  <si>
    <t>DKL P06 4578SWL</t>
  </si>
  <si>
    <t>5702328975361</t>
  </si>
  <si>
    <t>VELUX Verd.-Rollo man. DKL P06 4578SWL</t>
  </si>
  <si>
    <t>DKL P06 4579S</t>
  </si>
  <si>
    <t>5702328968219</t>
  </si>
  <si>
    <t>VELUX Verd.-Rollo man. DKL P06 4579S</t>
  </si>
  <si>
    <t>DKL P06 4579SWL</t>
  </si>
  <si>
    <t>5702328975378</t>
  </si>
  <si>
    <t>VELUX Verd.-Rollo man. DKL P06 4579SWL</t>
  </si>
  <si>
    <t>DKL P06 4580S</t>
  </si>
  <si>
    <t>5702328968226</t>
  </si>
  <si>
    <t>VELUX Verd.-Rollo man. DKL P06 4580S</t>
  </si>
  <si>
    <t>DKL P06 4580SWL</t>
  </si>
  <si>
    <t>5702328975385</t>
  </si>
  <si>
    <t>VELUX Verd.-Rollo man. DKL P06 4580SWL</t>
  </si>
  <si>
    <t>DKL P06 4581S</t>
  </si>
  <si>
    <t>5702328968233</t>
  </si>
  <si>
    <t>VELUX Verd.-Rollo man. DKL P06 4581S</t>
  </si>
  <si>
    <t>DKL P06 4581SWL</t>
  </si>
  <si>
    <t>5702328975392</t>
  </si>
  <si>
    <t>VELUX Verd.-Rollo man. DKL P06 4581SWL</t>
  </si>
  <si>
    <t>DKL P06 4653S</t>
  </si>
  <si>
    <t>5702328529953</t>
  </si>
  <si>
    <t>VELUX Verd.-Rollo man. DKL P06 4653S</t>
  </si>
  <si>
    <t>DKL P06 4653SWL</t>
  </si>
  <si>
    <t>5702328816145</t>
  </si>
  <si>
    <t>VELUX Verd.-Rollo man. DKL P06 4653SWL</t>
  </si>
  <si>
    <t>DKL P06 4654S</t>
  </si>
  <si>
    <t>5702328529960</t>
  </si>
  <si>
    <t>VELUX Verd.-Rollo man. DKL P06 4654S</t>
  </si>
  <si>
    <t>DKL P06 4654SWL</t>
  </si>
  <si>
    <t>5702328816152</t>
  </si>
  <si>
    <t>VELUX Verd.-Rollo man. DKL P06 4654SWL</t>
  </si>
  <si>
    <t>DKL P06 4655S</t>
  </si>
  <si>
    <t>5702328529977</t>
  </si>
  <si>
    <t>VELUX Verd.-Rollo man. DKL P06 4655S</t>
  </si>
  <si>
    <t>DKL P06 4659S</t>
  </si>
  <si>
    <t>5702328530126</t>
  </si>
  <si>
    <t>VELUX Verd.-Rollo man. DKL P06 4659S</t>
  </si>
  <si>
    <t>DKL P06 4659SWL</t>
  </si>
  <si>
    <t>5702328816206</t>
  </si>
  <si>
    <t>VELUX Verd.-Rollo man. DKL P06 4659SWL</t>
  </si>
  <si>
    <t>DKL P06 4660S</t>
  </si>
  <si>
    <t>5702328530157</t>
  </si>
  <si>
    <t>VELUX Verd.-Rollo man. DKL P06 4660S</t>
  </si>
  <si>
    <t>DKL P06 4660SWL</t>
  </si>
  <si>
    <t>5702328816213</t>
  </si>
  <si>
    <t>VELUX Verd.-Rollo man. DKL P06 4660SWL</t>
  </si>
  <si>
    <t>DKL P06 4661SWL</t>
  </si>
  <si>
    <t>5702328816220</t>
  </si>
  <si>
    <t>VELUX Verd.-Rollo man. DKL P06 4661SWL</t>
  </si>
  <si>
    <t>DKL P06 4665S</t>
  </si>
  <si>
    <t>5702328530256</t>
  </si>
  <si>
    <t>VELUX Verd.-Rollo man. DKL P06 4665S</t>
  </si>
  <si>
    <t>DKL P06 4665SWL</t>
  </si>
  <si>
    <t>5702328816268</t>
  </si>
  <si>
    <t>VELUX Verd.-Rollo man. DKL P06 4665SWL</t>
  </si>
  <si>
    <t>DKL P06 4666S</t>
  </si>
  <si>
    <t>5702328530263</t>
  </si>
  <si>
    <t>VELUX Verd.-Rollo man. DKL P06 4666S</t>
  </si>
  <si>
    <t>DKL P06 4666SWL</t>
  </si>
  <si>
    <t>5702328816275</t>
  </si>
  <si>
    <t>VELUX Verd.-Rollo man. DKL P06 4666SWL</t>
  </si>
  <si>
    <t>DKL P06 4667S</t>
  </si>
  <si>
    <t>5702328530270</t>
  </si>
  <si>
    <t>VELUX Verd.-Rollo man. DKL P06 4667S</t>
  </si>
  <si>
    <t>DKL P06 4667SWL</t>
  </si>
  <si>
    <t>5702328816282</t>
  </si>
  <si>
    <t>VELUX Verd.-Rollo man. DKL P06 4667SWL</t>
  </si>
  <si>
    <t>DKL P06 CBYS</t>
  </si>
  <si>
    <t>5702328765849</t>
  </si>
  <si>
    <t>VELUX Verd.-Rollo man. DKL P06 CBYS</t>
  </si>
  <si>
    <t>DKL P06 CBYSWL</t>
  </si>
  <si>
    <t>5702328861183</t>
  </si>
  <si>
    <t>VELUX Verd.-Rollo man. DKL P06 CBYSWL</t>
  </si>
  <si>
    <t>DKL P08 0705S</t>
  </si>
  <si>
    <t>5702325092085</t>
  </si>
  <si>
    <t>VELUX Verd.-Rollo man. DKL P08 0705S</t>
  </si>
  <si>
    <t>DKL P08 0705SWL</t>
  </si>
  <si>
    <t>5702325632793</t>
  </si>
  <si>
    <t>VELUX Verd.-Rollo man. DKL P08 0705SWL</t>
  </si>
  <si>
    <t>DKL P08 1025S</t>
  </si>
  <si>
    <t>5702325092108</t>
  </si>
  <si>
    <t>VELUX Verd.-Rollo man. DKL P08 1025S</t>
  </si>
  <si>
    <t>DKL P08 1025SWL</t>
  </si>
  <si>
    <t>5702325632816</t>
  </si>
  <si>
    <t>VELUX Verd.-Rollo man. DKL P08 1025SWL</t>
  </si>
  <si>
    <t>DKL P08 1085S</t>
  </si>
  <si>
    <t>5702325092115</t>
  </si>
  <si>
    <t>VELUX Verd.-Rollo man. DKL P08 1085S</t>
  </si>
  <si>
    <t>DKL P08 1085SWL</t>
  </si>
  <si>
    <t>5702325632823</t>
  </si>
  <si>
    <t>VELUX Verd.-Rollo man. DKL P08 1085SWL</t>
  </si>
  <si>
    <t>DKL P08 1100S</t>
  </si>
  <si>
    <t>5702325092122</t>
  </si>
  <si>
    <t>VELUX Verd.-Rollo man. DKL P08 1100S</t>
  </si>
  <si>
    <t>DKL P08 1100SWL</t>
  </si>
  <si>
    <t>5702325632830</t>
  </si>
  <si>
    <t>VELUX Verd.-Rollo man. DKL P08 1100SWL</t>
  </si>
  <si>
    <t>DKL P08 3009S</t>
  </si>
  <si>
    <t>5702325141912</t>
  </si>
  <si>
    <t>VELUX Verd.-Rollo man. DKL P08 3009S</t>
  </si>
  <si>
    <t>DKL P08 3009SWL</t>
  </si>
  <si>
    <t>5702325633004</t>
  </si>
  <si>
    <t>VELUX Verd.-Rollo man. DKL P08 3009SWL</t>
  </si>
  <si>
    <t>DKL P08 4556S</t>
  </si>
  <si>
    <t>5702327420855</t>
  </si>
  <si>
    <t>VELUX Verd.-Rollo man. DKL P08 4556S</t>
  </si>
  <si>
    <t>DKL P08 4556SWL</t>
  </si>
  <si>
    <t>5702328816305</t>
  </si>
  <si>
    <t>VELUX Verd.-Rollo man. DKL P08 4556SWL</t>
  </si>
  <si>
    <t>DKL P08 4559S</t>
  </si>
  <si>
    <t>5702327420886</t>
  </si>
  <si>
    <t>VELUX Verd.-Rollo man. DKL P08 4559S</t>
  </si>
  <si>
    <t>DKL P08 4559SWL</t>
  </si>
  <si>
    <t>5702328816329</t>
  </si>
  <si>
    <t>VELUX Verd.-Rollo man. DKL P08 4559SWL</t>
  </si>
  <si>
    <t>DKL P08 4564S</t>
  </si>
  <si>
    <t>5702327420930</t>
  </si>
  <si>
    <t>VELUX Verd.-Rollo man. DKL P08 4564S</t>
  </si>
  <si>
    <t>DKL P08 4564SWL</t>
  </si>
  <si>
    <t>5702328816374</t>
  </si>
  <si>
    <t>VELUX Verd.-Rollo man. DKL P08 4564SWL</t>
  </si>
  <si>
    <t>DKL P08 4574S</t>
  </si>
  <si>
    <t>5702328968240</t>
  </si>
  <si>
    <t>VELUX Verd.-Rollo man. DKL P08 4574S</t>
  </si>
  <si>
    <t>DKL P08 4574SWL</t>
  </si>
  <si>
    <t>5702328975408</t>
  </si>
  <si>
    <t>VELUX Verd.-Rollo man. DKL P08 4574SWL</t>
  </si>
  <si>
    <t>DKL P08 4575S</t>
  </si>
  <si>
    <t>5702328968257</t>
  </si>
  <si>
    <t>VELUX Verd.-Rollo man. DKL P08 4575S</t>
  </si>
  <si>
    <t>DKL P08 4575SWL</t>
  </si>
  <si>
    <t>5702328975415</t>
  </si>
  <si>
    <t>VELUX Verd.-Rollo man. DKL P08 4575SWL</t>
  </si>
  <si>
    <t>DKL P08 4576S</t>
  </si>
  <si>
    <t>5702328968264</t>
  </si>
  <si>
    <t>VELUX Verd.-Rollo man. DKL P08 4576S</t>
  </si>
  <si>
    <t>DKL P08 4576SWL</t>
  </si>
  <si>
    <t>5702328975422</t>
  </si>
  <si>
    <t>VELUX Verd.-Rollo man. DKL P08 4576SWL</t>
  </si>
  <si>
    <t>DKL P08 4577S</t>
  </si>
  <si>
    <t>5702328968271</t>
  </si>
  <si>
    <t>VELUX Verd.-Rollo man. DKL P08 4577S</t>
  </si>
  <si>
    <t>DKL P08 4577SWL</t>
  </si>
  <si>
    <t>5702328975439</t>
  </si>
  <si>
    <t>VELUX Verd.-Rollo man. DKL P08 4577SWL</t>
  </si>
  <si>
    <t>DKL P08 4578S</t>
  </si>
  <si>
    <t>5702328968288</t>
  </si>
  <si>
    <t>VELUX Verd.-Rollo man. DKL P08 4578S</t>
  </si>
  <si>
    <t>DKL P08 4578SWL</t>
  </si>
  <si>
    <t>5702328975446</t>
  </si>
  <si>
    <t>VELUX Verd.-Rollo man. DKL P08 4578SWL</t>
  </si>
  <si>
    <t>DKL P08 4579S</t>
  </si>
  <si>
    <t>5702328968295</t>
  </si>
  <si>
    <t>VELUX Verd.-Rollo man. DKL P08 4579S</t>
  </si>
  <si>
    <t>DKL P08 4579SWL</t>
  </si>
  <si>
    <t>5702328975453</t>
  </si>
  <si>
    <t>VELUX Verd.-Rollo man. DKL P08 4579SWL</t>
  </si>
  <si>
    <t>DKL P08 4580S</t>
  </si>
  <si>
    <t>5702328968301</t>
  </si>
  <si>
    <t>VELUX Verd.-Rollo man. DKL P08 4580S</t>
  </si>
  <si>
    <t>DKL P08 4580SWL</t>
  </si>
  <si>
    <t>5702328975460</t>
  </si>
  <si>
    <t>VELUX Verd.-Rollo man. DKL P08 4580SWL</t>
  </si>
  <si>
    <t>DKL P08 4581S</t>
  </si>
  <si>
    <t>5702328968318</t>
  </si>
  <si>
    <t>VELUX Verd.-Rollo man. DKL P08 4581S</t>
  </si>
  <si>
    <t>DKL P08 4581SWL</t>
  </si>
  <si>
    <t>5702328975477</t>
  </si>
  <si>
    <t>VELUX Verd.-Rollo man. DKL P08 4581SWL</t>
  </si>
  <si>
    <t>DKL P08 4653S</t>
  </si>
  <si>
    <t>5702328530317</t>
  </si>
  <si>
    <t>VELUX Verd.-Rollo man. DKL P08 4653S</t>
  </si>
  <si>
    <t>DKL P08 4653SWL</t>
  </si>
  <si>
    <t>5702328816497</t>
  </si>
  <si>
    <t>VELUX Verd.-Rollo man. DKL P08 4653SWL</t>
  </si>
  <si>
    <t>DKL P08 4654S</t>
  </si>
  <si>
    <t>5702328530324</t>
  </si>
  <si>
    <t>VELUX Verd.-Rollo man. DKL P08 4654S</t>
  </si>
  <si>
    <t>DKL P08 4655SWL</t>
  </si>
  <si>
    <t>5702328816510</t>
  </si>
  <si>
    <t>VELUX Verd.-Rollo man. DKL P08 4655SWL</t>
  </si>
  <si>
    <t>DKL P08 4659S</t>
  </si>
  <si>
    <t>5702328530379</t>
  </si>
  <si>
    <t>VELUX Verd.-Rollo man. DKL P08 4659S</t>
  </si>
  <si>
    <t>DKL P08 4659SWL</t>
  </si>
  <si>
    <t>5702328816558</t>
  </si>
  <si>
    <t>VELUX Verd.-Rollo man. DKL P08 4659SWL</t>
  </si>
  <si>
    <t>DKL P08 4660S</t>
  </si>
  <si>
    <t>5702328530386</t>
  </si>
  <si>
    <t>VELUX Verd.-Rollo man. DKL P08 4660S</t>
  </si>
  <si>
    <t>DKL P08 4660SWL</t>
  </si>
  <si>
    <t>5702328816565</t>
  </si>
  <si>
    <t>VELUX Verd.-Rollo man. DKL P08 4660SWL</t>
  </si>
  <si>
    <t>DKL P08 4661S</t>
  </si>
  <si>
    <t>5702328530393</t>
  </si>
  <si>
    <t>VELUX Verd.-Rollo man. DKL P08 4661S</t>
  </si>
  <si>
    <t>DKL P08 4661SWL</t>
  </si>
  <si>
    <t>5702328816572</t>
  </si>
  <si>
    <t>VELUX Verd.-Rollo man. DKL P08 4661SWL</t>
  </si>
  <si>
    <t>DKL P08 4665S</t>
  </si>
  <si>
    <t>5702328530430</t>
  </si>
  <si>
    <t>VELUX Verd.-Rollo man. DKL P08 4665S</t>
  </si>
  <si>
    <t>DKL P08 4665SWL</t>
  </si>
  <si>
    <t>5702328816619</t>
  </si>
  <si>
    <t>VELUX Verd.-Rollo man. DKL P08 4665SWL</t>
  </si>
  <si>
    <t>DKL P08 4666S</t>
  </si>
  <si>
    <t>5702328530447</t>
  </si>
  <si>
    <t>VELUX Verd.-Rollo man. DKL P08 4666S</t>
  </si>
  <si>
    <t>DKL P08 4666SWL</t>
  </si>
  <si>
    <t>5702328816626</t>
  </si>
  <si>
    <t>VELUX Verd.-Rollo man. DKL P08 4666SWL</t>
  </si>
  <si>
    <t>DKL P08 4667S</t>
  </si>
  <si>
    <t>5702328530454</t>
  </si>
  <si>
    <t>VELUX Verd.-Rollo man. DKL P08 4667S</t>
  </si>
  <si>
    <t>DKL P08 4667SWL</t>
  </si>
  <si>
    <t>5702328816633</t>
  </si>
  <si>
    <t>VELUX Verd.-Rollo man. DKL P08 4667SWL</t>
  </si>
  <si>
    <t>DKL P08 CBYS</t>
  </si>
  <si>
    <t>5702328765856</t>
  </si>
  <si>
    <t>VELUX Verd.-Rollo man. DKL P08 CBYS</t>
  </si>
  <si>
    <t>DKL P08 CBYSWL</t>
  </si>
  <si>
    <t>5702328861190</t>
  </si>
  <si>
    <t>VELUX Verd.-Rollo man. DKL P08 CBYSWL</t>
  </si>
  <si>
    <t>DKL P10 0705S</t>
  </si>
  <si>
    <t>5702325092542</t>
  </si>
  <si>
    <t>VELUX Verd.-Rollo man. DKL P10 0705S</t>
  </si>
  <si>
    <t>DKL P10 0705SWL</t>
  </si>
  <si>
    <t>5702325633202</t>
  </si>
  <si>
    <t>VELUX Verd.-Rollo man. DKL P10 0705SWL</t>
  </si>
  <si>
    <t>DKL P10 1025S</t>
  </si>
  <si>
    <t>5702325092566</t>
  </si>
  <si>
    <t>VELUX Verd.-Rollo man. DKL P10 1025S</t>
  </si>
  <si>
    <t>DKL P10 1025SWL</t>
  </si>
  <si>
    <t>5702325633226</t>
  </si>
  <si>
    <t>VELUX Verd.-Rollo man. DKL P10 1025SWL</t>
  </si>
  <si>
    <t>DKL P10 1085S</t>
  </si>
  <si>
    <t>5702325092573</t>
  </si>
  <si>
    <t>VELUX Verd.-Rollo man. DKL P10 1085S</t>
  </si>
  <si>
    <t>DKL P10 1085SWL</t>
  </si>
  <si>
    <t>5702325633233</t>
  </si>
  <si>
    <t>VELUX Verd.-Rollo man. DKL P10 1085SWL</t>
  </si>
  <si>
    <t>DKL P10 1100S</t>
  </si>
  <si>
    <t>5702325092580</t>
  </si>
  <si>
    <t>VELUX Verd.-Rollo man. DKL P10 1100S</t>
  </si>
  <si>
    <t>DKL P10 1100SWL</t>
  </si>
  <si>
    <t>5702325633240</t>
  </si>
  <si>
    <t>VELUX Verd.-Rollo man. DKL P10 1100SWL</t>
  </si>
  <si>
    <t>DKL P10 3009S</t>
  </si>
  <si>
    <t>5702325142131</t>
  </si>
  <si>
    <t>VELUX Verd.-Rollo man. DKL P10 3009S</t>
  </si>
  <si>
    <t>DKL P10 3009SWL</t>
  </si>
  <si>
    <t>5702325633417</t>
  </si>
  <si>
    <t>VELUX Verd.-Rollo man. DKL P10 3009SWL</t>
  </si>
  <si>
    <t>DKL P10 4556S</t>
  </si>
  <si>
    <t>5702327421043</t>
  </si>
  <si>
    <t>VELUX Verd.-Rollo man. DKL P10 4556S</t>
  </si>
  <si>
    <t>DKL P10 4556SWL</t>
  </si>
  <si>
    <t>5702328816657</t>
  </si>
  <si>
    <t>VELUX Verd.-Rollo man. DKL P10 4556SWL</t>
  </si>
  <si>
    <t>DKL P10 4559S</t>
  </si>
  <si>
    <t>5702327421074</t>
  </si>
  <si>
    <t>VELUX Verd.-Rollo man. DKL P10 4559S</t>
  </si>
  <si>
    <t>DKL P10 4559SWL</t>
  </si>
  <si>
    <t>5702328816671</t>
  </si>
  <si>
    <t>VELUX Verd.-Rollo man. DKL P10 4559SWL</t>
  </si>
  <si>
    <t>DKL P10 4564S</t>
  </si>
  <si>
    <t>5702327421128</t>
  </si>
  <si>
    <t>VELUX Verd.-Rollo man. DKL P10 4564S</t>
  </si>
  <si>
    <t>DKL P10 4564SWL</t>
  </si>
  <si>
    <t>5702328816725</t>
  </si>
  <si>
    <t>VELUX Verd.-Rollo man. DKL P10 4564SWL</t>
  </si>
  <si>
    <t>DKL P10 4574S</t>
  </si>
  <si>
    <t>5702328968325</t>
  </si>
  <si>
    <t>VELUX Verd.-Rollo man. DKL P10 4574S</t>
  </si>
  <si>
    <t>DKL P10 4574SWL</t>
  </si>
  <si>
    <t>5702328975484</t>
  </si>
  <si>
    <t>VELUX Verd.-Rollo man. DKL P10 4574SWL</t>
  </si>
  <si>
    <t>DKL P10 4575S</t>
  </si>
  <si>
    <t>5702328968332</t>
  </si>
  <si>
    <t>VELUX Verd.-Rollo man. DKL P10 4575S</t>
  </si>
  <si>
    <t>DKL P10 4575SWL</t>
  </si>
  <si>
    <t>5702328975491</t>
  </si>
  <si>
    <t>VELUX Verd.-Rollo man. DKL P10 4575SWL</t>
  </si>
  <si>
    <t>DKL P10 4576S</t>
  </si>
  <si>
    <t>5702328968349</t>
  </si>
  <si>
    <t>VELUX Verd.-Rollo man. DKL P10 4576S</t>
  </si>
  <si>
    <t>DKL P10 4576SWL</t>
  </si>
  <si>
    <t>5702328975507</t>
  </si>
  <si>
    <t>VELUX Verd.-Rollo man. DKL P10 4576SWL</t>
  </si>
  <si>
    <t>DKL P10 4577S</t>
  </si>
  <si>
    <t>5702328968356</t>
  </si>
  <si>
    <t>VELUX Verd.-Rollo man. DKL P10 4577S</t>
  </si>
  <si>
    <t>DKL P10 4577SWL</t>
  </si>
  <si>
    <t>5702328975514</t>
  </si>
  <si>
    <t>VELUX Verd.-Rollo man. DKL P10 4577SWL</t>
  </si>
  <si>
    <t>DKL P10 4578S</t>
  </si>
  <si>
    <t>5702328968363</t>
  </si>
  <si>
    <t>VELUX Verd.-Rollo man. DKL P10 4578S</t>
  </si>
  <si>
    <t>DKL P10 4578SWL</t>
  </si>
  <si>
    <t>5702328975521</t>
  </si>
  <si>
    <t>VELUX Verd.-Rollo man. DKL P10 4578SWL</t>
  </si>
  <si>
    <t>DKL P10 4579S</t>
  </si>
  <si>
    <t>5702328968370</t>
  </si>
  <si>
    <t>VELUX Verd.-Rollo man. DKL P10 4579S</t>
  </si>
  <si>
    <t>DKL P10 4579SWL</t>
  </si>
  <si>
    <t>5702328975538</t>
  </si>
  <si>
    <t>VELUX Verd.-Rollo man. DKL P10 4579SWL</t>
  </si>
  <si>
    <t>DKL P10 4580S</t>
  </si>
  <si>
    <t>5702328968387</t>
  </si>
  <si>
    <t>VELUX Verd.-Rollo man. DKL P10 4580S</t>
  </si>
  <si>
    <t>DKL P10 4580SWL</t>
  </si>
  <si>
    <t>5702328975545</t>
  </si>
  <si>
    <t>VELUX Verd.-Rollo man. DKL P10 4580SWL</t>
  </si>
  <si>
    <t>DKL P10 4581S</t>
  </si>
  <si>
    <t>5702328968394</t>
  </si>
  <si>
    <t>VELUX Verd.-Rollo man. DKL P10 4581S</t>
  </si>
  <si>
    <t>DKL P10 4581SWL</t>
  </si>
  <si>
    <t>5702328975552</t>
  </si>
  <si>
    <t>VELUX Verd.-Rollo man. DKL P10 4581SWL</t>
  </si>
  <si>
    <t>DKL P10 4653S</t>
  </si>
  <si>
    <t>5702328530652</t>
  </si>
  <si>
    <t>VELUX Verd.-Rollo man. DKL P10 4653S</t>
  </si>
  <si>
    <t>DKL P10 4653SWL</t>
  </si>
  <si>
    <t>5702328816848</t>
  </si>
  <si>
    <t>VELUX Verd.-Rollo man. DKL P10 4653SWL</t>
  </si>
  <si>
    <t>DKL P10 4654S</t>
  </si>
  <si>
    <t>5702328530829</t>
  </si>
  <si>
    <t>VELUX Verd.-Rollo man. DKL P10 4654S</t>
  </si>
  <si>
    <t>DKL P10 4654SWL</t>
  </si>
  <si>
    <t>5702328816855</t>
  </si>
  <si>
    <t>VELUX Verd.-Rollo man. DKL P10 4654SWL</t>
  </si>
  <si>
    <t>DKL P10 4655S</t>
  </si>
  <si>
    <t>5702328530850</t>
  </si>
  <si>
    <t>VELUX Verd.-Rollo man. DKL P10 4655S</t>
  </si>
  <si>
    <t>DKL P10 4659S</t>
  </si>
  <si>
    <t>5702328531055</t>
  </si>
  <si>
    <t>VELUX Verd.-Rollo man. DKL P10 4659S</t>
  </si>
  <si>
    <t>DKL P10 4659SWL</t>
  </si>
  <si>
    <t>5702328816909</t>
  </si>
  <si>
    <t>VELUX Verd.-Rollo man. DKL P10 4659SWL</t>
  </si>
  <si>
    <t>DKL P10 4660S</t>
  </si>
  <si>
    <t>5702328531079</t>
  </si>
  <si>
    <t>VELUX Verd.-Rollo man. DKL P10 4660S</t>
  </si>
  <si>
    <t>DKL P10 4660SWL</t>
  </si>
  <si>
    <t>5702328816916</t>
  </si>
  <si>
    <t>VELUX Verd.-Rollo man. DKL P10 4660SWL</t>
  </si>
  <si>
    <t>DKL P10 4661S</t>
  </si>
  <si>
    <t>5702328531086</t>
  </si>
  <si>
    <t>VELUX Verd.-Rollo man. DKL P10 4661S</t>
  </si>
  <si>
    <t>DKL P10 4661SWL</t>
  </si>
  <si>
    <t>5702328816923</t>
  </si>
  <si>
    <t>VELUX Verd.-Rollo man. DKL P10 4661SWL</t>
  </si>
  <si>
    <t>DKL P10 4665S</t>
  </si>
  <si>
    <t>5702328531192</t>
  </si>
  <si>
    <t>VELUX Verd.-Rollo man. DKL P10 4665S</t>
  </si>
  <si>
    <t>DKL P10 4665SWL</t>
  </si>
  <si>
    <t>5702328816961</t>
  </si>
  <si>
    <t>VELUX Verd.-Rollo man. DKL P10 4665SWL</t>
  </si>
  <si>
    <t>DKL P10 4666S</t>
  </si>
  <si>
    <t>5702328531208</t>
  </si>
  <si>
    <t>VELUX Verd.-Rollo man. DKL P10 4666S</t>
  </si>
  <si>
    <t>DKL P10 4666SWL</t>
  </si>
  <si>
    <t>5702328816978</t>
  </si>
  <si>
    <t>VELUX Verd.-Rollo man. DKL P10 4666SWL</t>
  </si>
  <si>
    <t>DKL P10 4667S</t>
  </si>
  <si>
    <t>5702328531215</t>
  </si>
  <si>
    <t>VELUX Verd.-Rollo man. DKL P10 4667S</t>
  </si>
  <si>
    <t>DKL P10 4667SWL</t>
  </si>
  <si>
    <t>5702328816985</t>
  </si>
  <si>
    <t>VELUX Verd.-Rollo man. DKL P10 4667SWL</t>
  </si>
  <si>
    <t>DKL P10 CBYS</t>
  </si>
  <si>
    <t>5702328765863</t>
  </si>
  <si>
    <t>VELUX Verd.-Rollo man. DKL P10 CBYS</t>
  </si>
  <si>
    <t>DKL P10 CBYSWL</t>
  </si>
  <si>
    <t>5702328861206</t>
  </si>
  <si>
    <t>VELUX Verd.-Rollo man. DKL P10 CBYSWL</t>
  </si>
  <si>
    <t>DKL P31 0705S</t>
  </si>
  <si>
    <t>5702325093464</t>
  </si>
  <si>
    <t>VELUX Verd.-Rollo man. DKL P31 0705S</t>
  </si>
  <si>
    <t>DKL P31 0705SWL</t>
  </si>
  <si>
    <t>5702325634438</t>
  </si>
  <si>
    <t>VELUX Verd.-Rollo man. DKL P31 0705SWL</t>
  </si>
  <si>
    <t>DKL P31 1025S</t>
  </si>
  <si>
    <t>5702325093488</t>
  </si>
  <si>
    <t>VELUX Verd.-Rollo man. DKL P31 1025S</t>
  </si>
  <si>
    <t>DKL P31 1025SWL</t>
  </si>
  <si>
    <t>5702325634452</t>
  </si>
  <si>
    <t>VELUX Verd.-Rollo man. DKL P31 1025SWL</t>
  </si>
  <si>
    <t>DKL P31 1085S</t>
  </si>
  <si>
    <t>5702325093495</t>
  </si>
  <si>
    <t>VELUX Verd.-Rollo man. DKL P31 1085S</t>
  </si>
  <si>
    <t>DKL P31 1085SWL</t>
  </si>
  <si>
    <t>5702325634469</t>
  </si>
  <si>
    <t>VELUX Verd.-Rollo man. DKL P31 1085SWL</t>
  </si>
  <si>
    <t>DKL P31 1100S</t>
  </si>
  <si>
    <t>5702325093501</t>
  </si>
  <si>
    <t>VELUX Verd.-Rollo man. DKL P31 1100S</t>
  </si>
  <si>
    <t>DKL P31 1100SWL</t>
  </si>
  <si>
    <t>5702325634476</t>
  </si>
  <si>
    <t>VELUX Verd.-Rollo man. DKL P31 1100SWL</t>
  </si>
  <si>
    <t>DKL P31 3009S</t>
  </si>
  <si>
    <t>5702325142988</t>
  </si>
  <si>
    <t>VELUX Verd.-Rollo man. DKL P31 3009S</t>
  </si>
  <si>
    <t>DKL P31 3009SWL</t>
  </si>
  <si>
    <t>5702325634643</t>
  </si>
  <si>
    <t>VELUX Verd.-Rollo man. DKL P31 3009SWL</t>
  </si>
  <si>
    <t>DKL P31 4556S</t>
  </si>
  <si>
    <t>5702327421425</t>
  </si>
  <si>
    <t>VELUX Verd.-Rollo man. DKL P31 4556S</t>
  </si>
  <si>
    <t>DKL P31 4556SWL</t>
  </si>
  <si>
    <t>5702329230339</t>
  </si>
  <si>
    <t>VELUX Verd.-Rollo man. DKL P31 4556SWL</t>
  </si>
  <si>
    <t>DKL P31 4559S</t>
  </si>
  <si>
    <t>5702327421456</t>
  </si>
  <si>
    <t>VELUX Verd.-Rollo man. DKL P31 4559S</t>
  </si>
  <si>
    <t>DKL P31 4559SWL</t>
  </si>
  <si>
    <t>5702329230353</t>
  </si>
  <si>
    <t>VELUX Verd.-Rollo man. DKL P31 4559SWL</t>
  </si>
  <si>
    <t>DKL P31 4564S</t>
  </si>
  <si>
    <t>5702327421500</t>
  </si>
  <si>
    <t>VELUX Verd.-Rollo man. DKL P31 4564S</t>
  </si>
  <si>
    <t>DKL P31 4574S</t>
  </si>
  <si>
    <t>5702328968486</t>
  </si>
  <si>
    <t>VELUX Verd.-Rollo man. DKL P31 4574S</t>
  </si>
  <si>
    <t>DKL P31 4574SWL</t>
  </si>
  <si>
    <t>5702329228459</t>
  </si>
  <si>
    <t>VELUX Verd.-Rollo man. DKL P31 4574SWL</t>
  </si>
  <si>
    <t>DKL P31 4576S</t>
  </si>
  <si>
    <t>5702328968509</t>
  </si>
  <si>
    <t>VELUX Verd.-Rollo man. DKL P31 4576S</t>
  </si>
  <si>
    <t>DKL P31 4576SWL</t>
  </si>
  <si>
    <t>5702329228473</t>
  </si>
  <si>
    <t>VELUX Verd.-Rollo man. DKL P31 4576SWL</t>
  </si>
  <si>
    <t>DKL P31 4577SWL</t>
  </si>
  <si>
    <t>5702329228480</t>
  </si>
  <si>
    <t>VELUX Verd.-Rollo man. DKL P31 4577SWL</t>
  </si>
  <si>
    <t>DKL P31 4580S</t>
  </si>
  <si>
    <t>5702328968547</t>
  </si>
  <si>
    <t>VELUX Verd.-Rollo man. DKL P31 4580S</t>
  </si>
  <si>
    <t>DKL P31 4580SWL</t>
  </si>
  <si>
    <t>5702329228510</t>
  </si>
  <si>
    <t>VELUX Verd.-Rollo man. DKL P31 4580SWL</t>
  </si>
  <si>
    <t>DKL P31 4581S</t>
  </si>
  <si>
    <t>5702328968554</t>
  </si>
  <si>
    <t>VELUX Verd.-Rollo man. DKL P31 4581S</t>
  </si>
  <si>
    <t>DKL P31 4581SWL</t>
  </si>
  <si>
    <t>5702329228527</t>
  </si>
  <si>
    <t>VELUX Verd.-Rollo man. DKL P31 4581SWL</t>
  </si>
  <si>
    <t>DKL P31 4653SWL</t>
  </si>
  <si>
    <t>5702329274357</t>
  </si>
  <si>
    <t>VELUX Verd.-Rollo man. DKL P31 4653SWL</t>
  </si>
  <si>
    <t>DKL P31 4667S</t>
  </si>
  <si>
    <t>5702329274500</t>
  </si>
  <si>
    <t>VELUX Verd.-Rollo man. DKL P31 4667S</t>
  </si>
  <si>
    <t>DKL P31 CBYS</t>
  </si>
  <si>
    <t>5702329190282</t>
  </si>
  <si>
    <t>VELUX Verd.-Rollo manuell DKL P31 CBYS</t>
  </si>
  <si>
    <t>DKL P31 CBYSWL</t>
  </si>
  <si>
    <t>5702329190299</t>
  </si>
  <si>
    <t>VELUX Verd.-Rollo man. DKL P31 CBYSWL</t>
  </si>
  <si>
    <t>DKL PK06 0705S</t>
  </si>
  <si>
    <t>5702326754654</t>
  </si>
  <si>
    <t>VELUX Verd.-Rollo man. DKL PK06 0705S</t>
  </si>
  <si>
    <t>DKL PK06 0705SWL</t>
  </si>
  <si>
    <t>5702326754678</t>
  </si>
  <si>
    <t>VELUX Verd.-Rollo man. DKL PK06 0705SWL</t>
  </si>
  <si>
    <t>DKL PK06 1025S</t>
  </si>
  <si>
    <t>5702326754715</t>
  </si>
  <si>
    <t>VELUX Verd.-Rollo man. DKL PK06 1025S</t>
  </si>
  <si>
    <t>DKL PK06 1025SWL</t>
  </si>
  <si>
    <t>5702326754722</t>
  </si>
  <si>
    <t>VELUX Verd.-Rollo man. DKL PK06 1025SWL</t>
  </si>
  <si>
    <t>DKL PK06 1085S</t>
  </si>
  <si>
    <t>5702326754739</t>
  </si>
  <si>
    <t>VELUX Verd.-Rollo man. DKL PK06 1085S</t>
  </si>
  <si>
    <t>DKL PK06 1085SWL</t>
  </si>
  <si>
    <t>5702326754746</t>
  </si>
  <si>
    <t>VELUX Verd.-Rollo man. DKL PK06 1085SWL</t>
  </si>
  <si>
    <t>DKL PK06 1100S</t>
  </si>
  <si>
    <t>5702326754753</t>
  </si>
  <si>
    <t>VELUX Verd.-Rollo man. DKL PK06 1100S</t>
  </si>
  <si>
    <t>DKL PK06 1100SWL</t>
  </si>
  <si>
    <t>5702326754760</t>
  </si>
  <si>
    <t>VELUX Verd.-Rollo man. DKL PK06 1100SWL</t>
  </si>
  <si>
    <t>DKL PK06 3009S</t>
  </si>
  <si>
    <t>5702326755101</t>
  </si>
  <si>
    <t>VELUX Verd.-Rollo man. DKL PK06 3009S</t>
  </si>
  <si>
    <t>DKL PK06 3009SWL</t>
  </si>
  <si>
    <t>5702326755118</t>
  </si>
  <si>
    <t>VELUX Verd.-Rollo man. DKL PK06 3009SWL</t>
  </si>
  <si>
    <t>DKL PK06 4556S</t>
  </si>
  <si>
    <t>5702327421999</t>
  </si>
  <si>
    <t>VELUX Verd.-Rollo man. DKL PK06 4556S</t>
  </si>
  <si>
    <t>DKL PK06 4556SWL</t>
  </si>
  <si>
    <t>5702328817708</t>
  </si>
  <si>
    <t>VELUX Verd.-Rollo man. DKL PK06 4556SWL</t>
  </si>
  <si>
    <t>DKL PK06 4559S</t>
  </si>
  <si>
    <t>5702327422026</t>
  </si>
  <si>
    <t>VELUX Verd.-Rollo man. DKL PK06 4559S</t>
  </si>
  <si>
    <t>DKL PK06 4559SWL</t>
  </si>
  <si>
    <t>5702328817722</t>
  </si>
  <si>
    <t>VELUX Verd.-Rollo man. DKL PK06 4559SWL</t>
  </si>
  <si>
    <t>DKL PK06 4564S</t>
  </si>
  <si>
    <t>5702327422071</t>
  </si>
  <si>
    <t>VELUX Verd.-Rollo man. DKL PK06 4564S</t>
  </si>
  <si>
    <t>DKL PK06 4564SWL</t>
  </si>
  <si>
    <t>5702328817777</t>
  </si>
  <si>
    <t>VELUX Verd.-Rollo man. DKL PK06 4564SWL</t>
  </si>
  <si>
    <t>DKL PK06 4574S</t>
  </si>
  <si>
    <t>5702328968721</t>
  </si>
  <si>
    <t>VELUX Verd.-Rollo man. DKL PK06 4574S</t>
  </si>
  <si>
    <t>DKL PK06 4574SWL</t>
  </si>
  <si>
    <t>5702328975729</t>
  </si>
  <si>
    <t>VELUX Verd.-Rollo man. DKL PK06 4574SWL</t>
  </si>
  <si>
    <t>DKL PK06 4575S</t>
  </si>
  <si>
    <t>5702328968738</t>
  </si>
  <si>
    <t>VELUX Verd.-Rollo man. DKL PK06 4575S</t>
  </si>
  <si>
    <t>DKL PK06 4575SWL</t>
  </si>
  <si>
    <t>5702328975736</t>
  </si>
  <si>
    <t>VELUX Verd.-Rollo man. DKL PK06 4575SWL</t>
  </si>
  <si>
    <t>DKL PK06 4576S</t>
  </si>
  <si>
    <t>5702328968745</t>
  </si>
  <si>
    <t>VELUX Verd.-Rollo man. DKL PK06 4576S</t>
  </si>
  <si>
    <t>DKL PK06 4576SWL</t>
  </si>
  <si>
    <t>5702328975743</t>
  </si>
  <si>
    <t>VELUX Verd.-Rollo man. DKL PK06 4576SWL</t>
  </si>
  <si>
    <t>DKL PK06 4577S</t>
  </si>
  <si>
    <t>5702328968752</t>
  </si>
  <si>
    <t>VELUX Verd.-Rollo man. DKL PK06 4577S</t>
  </si>
  <si>
    <t>DKL PK06 4577SWL</t>
  </si>
  <si>
    <t>5702328975750</t>
  </si>
  <si>
    <t>VELUX Verd.-Rollo man. DKL PK06 4577SWL</t>
  </si>
  <si>
    <t>DKL PK06 4578S</t>
  </si>
  <si>
    <t>5702328968769</t>
  </si>
  <si>
    <t>VELUX Verd.-Rollo man. DKL PK06 4578S</t>
  </si>
  <si>
    <t>DKL PK06 4578SWL</t>
  </si>
  <si>
    <t>5702328975767</t>
  </si>
  <si>
    <t>VELUX Verd.-Rollo man. DKL PK06 4578SWL</t>
  </si>
  <si>
    <t>DKL PK06 4579S</t>
  </si>
  <si>
    <t>5702328968776</t>
  </si>
  <si>
    <t>VELUX Verd.-Rollo man. DKL PK06 4579S</t>
  </si>
  <si>
    <t>DKL PK06 4579SWL</t>
  </si>
  <si>
    <t>5702328975774</t>
  </si>
  <si>
    <t>VELUX Verd.-Rollo man. DKL PK06 4579SWL</t>
  </si>
  <si>
    <t>DKL PK06 4580S</t>
  </si>
  <si>
    <t>5702328968783</t>
  </si>
  <si>
    <t>VELUX Verd.-Rollo man. DKL PK06 4580S</t>
  </si>
  <si>
    <t>DKL PK06 4580SWL</t>
  </si>
  <si>
    <t>5702328975781</t>
  </si>
  <si>
    <t>VELUX Verd.-Rollo man. DKL PK06 4580SWL</t>
  </si>
  <si>
    <t>DKL PK06 4581S</t>
  </si>
  <si>
    <t>5702328968790</t>
  </si>
  <si>
    <t>VELUX Verd.-Rollo man. DKL PK06 4581S</t>
  </si>
  <si>
    <t>DKL PK06 4581SWL</t>
  </si>
  <si>
    <t>5702328975798</t>
  </si>
  <si>
    <t>VELUX Verd.-Rollo man. DKL PK06 4581SWL</t>
  </si>
  <si>
    <t>DKL PK06 4653S</t>
  </si>
  <si>
    <t>5702328532137</t>
  </si>
  <si>
    <t>VELUX Verd.-Rollo man. DKL PK06 4653S</t>
  </si>
  <si>
    <t>DKL PK06 4653SWL</t>
  </si>
  <si>
    <t>5702328817890</t>
  </si>
  <si>
    <t>VELUX Verd.-Rollo man. DKL PK06 4653SWL</t>
  </si>
  <si>
    <t>DKL PK06 4654S</t>
  </si>
  <si>
    <t>5702328532144</t>
  </si>
  <si>
    <t>VELUX Verd.-Rollo man. DKL PK06 4654S</t>
  </si>
  <si>
    <t>DKL PK06 4654SWL</t>
  </si>
  <si>
    <t>5702328817906</t>
  </si>
  <si>
    <t>VELUX Verd.-Rollo man. DKL PK06 4654SWL</t>
  </si>
  <si>
    <t>DKL PK06 4655S</t>
  </si>
  <si>
    <t>5702328532168</t>
  </si>
  <si>
    <t>VELUX Verd.-Rollo man. DKL PK06 4655S</t>
  </si>
  <si>
    <t>DKL PK06 4655SWL</t>
  </si>
  <si>
    <t>5702328817913</t>
  </si>
  <si>
    <t>VELUX Verd.-Rollo man. DKL PK06 4655SWL</t>
  </si>
  <si>
    <t>DKL PK06 4659S</t>
  </si>
  <si>
    <t>5702328532281</t>
  </si>
  <si>
    <t>VELUX Verd.-Rollo man. DKL PK06 4659S</t>
  </si>
  <si>
    <t>DKL PK06 4659SWL</t>
  </si>
  <si>
    <t>5702328817951</t>
  </si>
  <si>
    <t>VELUX Verd.-Rollo man. DKL PK06 4659SWL</t>
  </si>
  <si>
    <t>DKL PK06 4660S</t>
  </si>
  <si>
    <t>5702328532342</t>
  </si>
  <si>
    <t>VELUX Verd.-Rollo man. DKL PK06 4660S</t>
  </si>
  <si>
    <t>DKL PK06 4660SWL</t>
  </si>
  <si>
    <t>5702328817968</t>
  </si>
  <si>
    <t>VELUX Verd.-Rollo man. DKL PK06 4660SWL</t>
  </si>
  <si>
    <t>DKL PK06 4661S</t>
  </si>
  <si>
    <t>5702328532359</t>
  </si>
  <si>
    <t>VELUX Verd.-Rollo man. DKL PK06 4661S</t>
  </si>
  <si>
    <t>DKL PK06 4661SWL</t>
  </si>
  <si>
    <t>5702328817975</t>
  </si>
  <si>
    <t>VELUX Verd.-Rollo man. DKL PK06 4661SWL</t>
  </si>
  <si>
    <t>DKL PK06 4665S</t>
  </si>
  <si>
    <t>5702328532397</t>
  </si>
  <si>
    <t>VELUX Verd.-Rollo man. DKL PK06 4665S</t>
  </si>
  <si>
    <t>DKL PK06 4665SWL</t>
  </si>
  <si>
    <t>5702328818019</t>
  </si>
  <si>
    <t>VELUX Verd.-Rollo man. DKL PK06 4665SWL</t>
  </si>
  <si>
    <t>DKL PK06 4666S</t>
  </si>
  <si>
    <t>5702328532403</t>
  </si>
  <si>
    <t>VELUX Verd.-Rollo man. DKL PK06 4666S</t>
  </si>
  <si>
    <t>DKL PK06 4666SWL</t>
  </si>
  <si>
    <t>5702328818026</t>
  </si>
  <si>
    <t>VELUX Verd.-Rollo man. DKL PK06 4666SWL</t>
  </si>
  <si>
    <t>DKL PK06 4667S</t>
  </si>
  <si>
    <t>5702328532427</t>
  </si>
  <si>
    <t>VELUX Verd.-Rollo man. DKL PK06 4667S</t>
  </si>
  <si>
    <t>DKL PK06 4667SWL</t>
  </si>
  <si>
    <t>5702328818033</t>
  </si>
  <si>
    <t>VELUX Verd.-Rollo man. DKL PK06 4667SWL</t>
  </si>
  <si>
    <t>DKL PK06 CBYS</t>
  </si>
  <si>
    <t>5702328765894</t>
  </si>
  <si>
    <t>VELUX Verd.-Rollo man. DKL PK06 CBYS</t>
  </si>
  <si>
    <t>DKL PK06 CBYSWL</t>
  </si>
  <si>
    <t>5702328861237</t>
  </si>
  <si>
    <t>VELUX Verd.-Rollo man. DKL PK06 CBYSWL</t>
  </si>
  <si>
    <t>DKL PK08 0705S</t>
  </si>
  <si>
    <t>5702326755538</t>
  </si>
  <si>
    <t>VELUX Verd.-Rollo man. DKL PK08 0705S</t>
  </si>
  <si>
    <t>DKL PK08 0705SWL</t>
  </si>
  <si>
    <t>5702326755545</t>
  </si>
  <si>
    <t>VELUX Verd.-Rollo man. DKL PK08 0705SWL</t>
  </si>
  <si>
    <t>DKL PK08 1025S</t>
  </si>
  <si>
    <t>5702326755576</t>
  </si>
  <si>
    <t>VELUX Verd.-Rollo man. DKL PK08 1025S</t>
  </si>
  <si>
    <t>DKL PK08 1025SWL</t>
  </si>
  <si>
    <t>5702326755583</t>
  </si>
  <si>
    <t>VELUX Verd.-Rollo man. DKL PK08 1025SWL</t>
  </si>
  <si>
    <t>DKL PK08 1085S</t>
  </si>
  <si>
    <t>5702326755590</t>
  </si>
  <si>
    <t>VELUX Verd.-Rollo man. DKL PK08 1085S</t>
  </si>
  <si>
    <t>DKL PK08 1085SWL</t>
  </si>
  <si>
    <t>5702326755606</t>
  </si>
  <si>
    <t>VELUX Verd.-Rollo man. DKL PK08 1085SWL</t>
  </si>
  <si>
    <t>DKL PK08 1100S</t>
  </si>
  <si>
    <t>5702326755613</t>
  </si>
  <si>
    <t>VELUX Verd.-Rollo man. DKL PK08 1100S</t>
  </si>
  <si>
    <t>DKL PK08 1100SWL</t>
  </si>
  <si>
    <t>5702326755620</t>
  </si>
  <si>
    <t>VELUX Verd.-Rollo man. DKL PK08 1100SWL</t>
  </si>
  <si>
    <t>DKL PK08 3009S</t>
  </si>
  <si>
    <t>5702326755972</t>
  </si>
  <si>
    <t>VELUX Verd.-Rollo man. DKL PK08 3009S</t>
  </si>
  <si>
    <t>DKL PK08 3009SWL</t>
  </si>
  <si>
    <t>5702326755989</t>
  </si>
  <si>
    <t>VELUX Verd.-Rollo man. DKL PK08 3009SWL</t>
  </si>
  <si>
    <t>DKL PK08 4556S</t>
  </si>
  <si>
    <t>5702327422187</t>
  </si>
  <si>
    <t>VELUX Verd.-Rollo man. DKL PK08 4556S</t>
  </si>
  <si>
    <t>DKL PK08 4556SWL</t>
  </si>
  <si>
    <t>5702328818057</t>
  </si>
  <si>
    <t>VELUX Verd.-Rollo man. DKL PK08 4556SWL</t>
  </si>
  <si>
    <t>DKL PK08 4559S</t>
  </si>
  <si>
    <t>5702327422217</t>
  </si>
  <si>
    <t>VELUX Verd.-Rollo man. DKL PK08 4559S</t>
  </si>
  <si>
    <t>DKL PK08 4559SWL</t>
  </si>
  <si>
    <t>5702328818071</t>
  </si>
  <si>
    <t>VELUX Verd.-Rollo man. DKL PK08 4559SWL</t>
  </si>
  <si>
    <t>DKL PK08 4564S</t>
  </si>
  <si>
    <t>5702327422262</t>
  </si>
  <si>
    <t>VELUX Verd.-Rollo man. DKL PK08 4564S</t>
  </si>
  <si>
    <t>DKL PK08 4564SWL</t>
  </si>
  <si>
    <t>5702328818125</t>
  </si>
  <si>
    <t>VELUX Verd.-Rollo man. DKL PK08 4564SWL</t>
  </si>
  <si>
    <t>DKL PK08 4574S</t>
  </si>
  <si>
    <t>5702328968806</t>
  </si>
  <si>
    <t>VELUX Verd.-Rollo man. DKL PK08 4574S</t>
  </si>
  <si>
    <t>DKL PK08 4574SWL</t>
  </si>
  <si>
    <t>5702328975804</t>
  </si>
  <si>
    <t>VELUX Verd.-Rollo man. DKL PK08 4574SWL</t>
  </si>
  <si>
    <t>DKL PK08 4575S</t>
  </si>
  <si>
    <t>5702328968813</t>
  </si>
  <si>
    <t>VELUX Verd.-Rollo man. DKL PK08 4575S</t>
  </si>
  <si>
    <t>DKL PK08 4575SWL</t>
  </si>
  <si>
    <t>5702328975811</t>
  </si>
  <si>
    <t>VELUX Verd.-Rollo man. DKL PK08 4575SWL</t>
  </si>
  <si>
    <t>DKL PK08 4576S</t>
  </si>
  <si>
    <t>5702328968820</t>
  </si>
  <si>
    <t>VELUX Verd.-Rollo man. DKL PK08 4576S</t>
  </si>
  <si>
    <t>DKL PK08 4576SWL</t>
  </si>
  <si>
    <t>5702328975828</t>
  </si>
  <si>
    <t>VELUX Verd.-Rollo man. DKL PK08 4576SWL</t>
  </si>
  <si>
    <t>DKL PK08 4577S</t>
  </si>
  <si>
    <t>5702328968837</t>
  </si>
  <si>
    <t>VELUX Verd.-Rollo man. DKL PK08 4577S</t>
  </si>
  <si>
    <t>DKL PK08 4577SWL</t>
  </si>
  <si>
    <t>5702328975835</t>
  </si>
  <si>
    <t>VELUX Verd.-Rollo man. DKL PK08 4577SWL</t>
  </si>
  <si>
    <t>DKL PK08 4578S</t>
  </si>
  <si>
    <t>5702328968844</t>
  </si>
  <si>
    <t>VELUX Verd.-Rollo man. DKL PK08 4578S</t>
  </si>
  <si>
    <t>DKL PK08 4578SWL</t>
  </si>
  <si>
    <t>5702328975842</t>
  </si>
  <si>
    <t>VELUX Verd.-Rollo man. DKL PK08 4578SWL</t>
  </si>
  <si>
    <t>DKL PK08 4579S</t>
  </si>
  <si>
    <t>5702328968851</t>
  </si>
  <si>
    <t>VELUX Verd.-Rollo man. DKL PK08 4579S</t>
  </si>
  <si>
    <t>DKL PK08 4579SWL</t>
  </si>
  <si>
    <t>5702328975859</t>
  </si>
  <si>
    <t>VELUX Verd.-Rollo man. DKL PK08 4579SWL</t>
  </si>
  <si>
    <t>DKL PK08 4580S</t>
  </si>
  <si>
    <t>5702328968868</t>
  </si>
  <si>
    <t>VELUX Verd.-Rollo man. DKL PK08 4580S</t>
  </si>
  <si>
    <t>DKL PK08 4580SWL</t>
  </si>
  <si>
    <t>5702328975866</t>
  </si>
  <si>
    <t>VELUX Verd.-Rollo man. DKL PK08 4580SWL</t>
  </si>
  <si>
    <t>DKL PK08 4581S</t>
  </si>
  <si>
    <t>5702328968875</t>
  </si>
  <si>
    <t>VELUX Verd.-Rollo man. DKL PK08 4581S</t>
  </si>
  <si>
    <t>DKL PK08 4581SWL</t>
  </si>
  <si>
    <t>5702328975873</t>
  </si>
  <si>
    <t>VELUX Verd.-Rollo man. DKL PK08 4581SWL</t>
  </si>
  <si>
    <t>DKL PK08 4653S</t>
  </si>
  <si>
    <t>5702328532588</t>
  </si>
  <si>
    <t>VELUX Verd.-Rollo man. DKL PK08 4653S</t>
  </si>
  <si>
    <t>DKL PK08 4653SWL</t>
  </si>
  <si>
    <t>5702328818248</t>
  </si>
  <si>
    <t>VELUX Verd.-Rollo man. DKL PK08 4653SWL</t>
  </si>
  <si>
    <t>DKL PK08 4654S</t>
  </si>
  <si>
    <t>5702328532595</t>
  </si>
  <si>
    <t>VELUX Verd.-Rollo man. DKL PK08 4654S</t>
  </si>
  <si>
    <t>DKL PK08 4654SWL</t>
  </si>
  <si>
    <t>5702328818255</t>
  </si>
  <si>
    <t>VELUX Verd.-Rollo man. DKL PK08 4654SWL</t>
  </si>
  <si>
    <t>DKL PK08 4655S</t>
  </si>
  <si>
    <t>5702328532601</t>
  </si>
  <si>
    <t>VELUX Verd.-Rollo man. DKL PK08 4655S</t>
  </si>
  <si>
    <t>DKL PK08 4655SWL</t>
  </si>
  <si>
    <t>5702328818262</t>
  </si>
  <si>
    <t>VELUX Verd.-Rollo man. DKL PK08 4655SWL</t>
  </si>
  <si>
    <t>DKL PK08 4659S</t>
  </si>
  <si>
    <t>5702328532649</t>
  </si>
  <si>
    <t>VELUX Verd.-Rollo man. DKL PK08 4659S</t>
  </si>
  <si>
    <t>DKL PK08 4659SWL</t>
  </si>
  <si>
    <t>5702328818309</t>
  </si>
  <si>
    <t>VELUX Verd.-Rollo man. DKL PK08 4659SWL</t>
  </si>
  <si>
    <t>DKL PK08 4660S</t>
  </si>
  <si>
    <t>5702328532656</t>
  </si>
  <si>
    <t>VELUX Verd.-Rollo man. DKL PK08 4660S</t>
  </si>
  <si>
    <t>DKL PK08 4660SWL</t>
  </si>
  <si>
    <t>5702328818316</t>
  </si>
  <si>
    <t>VELUX Verd.-Rollo man. DKL PK08 4660SWL</t>
  </si>
  <si>
    <t>DKL PK08 4661S</t>
  </si>
  <si>
    <t>5702328532663</t>
  </si>
  <si>
    <t>VELUX Verd.-Rollo man. DKL PK08 4661S</t>
  </si>
  <si>
    <t>DKL PK08 4661SWL</t>
  </si>
  <si>
    <t>5702328818323</t>
  </si>
  <si>
    <t>VELUX Verd.-Rollo man. DKL PK08 4661SWL</t>
  </si>
  <si>
    <t>DKL PK08 4665S</t>
  </si>
  <si>
    <t>5702328532748</t>
  </si>
  <si>
    <t>VELUX Verd.-Rollo man. DKL PK08 4665S</t>
  </si>
  <si>
    <t>DKL PK08 4665SWL</t>
  </si>
  <si>
    <t>5702328818361</t>
  </si>
  <si>
    <t>VELUX Verd.-Rollo man. DKL PK08 4665SWL</t>
  </si>
  <si>
    <t>DKL PK08 4666S</t>
  </si>
  <si>
    <t>5702328532755</t>
  </si>
  <si>
    <t>VELUX Verd.-Rollo man. DKL PK08 4666S</t>
  </si>
  <si>
    <t>DKL PK08 4666SWL</t>
  </si>
  <si>
    <t>5702328818378</t>
  </si>
  <si>
    <t>VELUX Verd.-Rollo man. DKL PK08 4666SWL</t>
  </si>
  <si>
    <t>DKL PK08 4667S</t>
  </si>
  <si>
    <t>5702328532762</t>
  </si>
  <si>
    <t>VELUX Verd.-Rollo man. DKL PK08 4667S</t>
  </si>
  <si>
    <t>DKL PK08 4667SWL</t>
  </si>
  <si>
    <t>5702328818385</t>
  </si>
  <si>
    <t>VELUX Verd.-Rollo man. DKL PK08 4667SWL</t>
  </si>
  <si>
    <t>DKL PK08 CBYS</t>
  </si>
  <si>
    <t>5702328765900</t>
  </si>
  <si>
    <t>VELUX Verd.-Rollo man. DKL PK08 CBYS</t>
  </si>
  <si>
    <t>DKL PK08 CBYSWL</t>
  </si>
  <si>
    <t>5702328861244</t>
  </si>
  <si>
    <t>VELUX Verd.-Rollo man. DKL PK08 CBYSWL</t>
  </si>
  <si>
    <t>DKL PK10 0705S</t>
  </si>
  <si>
    <t>5702326756412</t>
  </si>
  <si>
    <t>VELUX Verd.-Rollo man. DKL PK10 0705S</t>
  </si>
  <si>
    <t>DKL PK10 0705SWL</t>
  </si>
  <si>
    <t>5702326756429</t>
  </si>
  <si>
    <t>VELUX Verd.-Rollo man. DKL PK10 0705SWL</t>
  </si>
  <si>
    <t>DKL PK10 1025S</t>
  </si>
  <si>
    <t>5702326756450</t>
  </si>
  <si>
    <t>VELUX Verd.-Rollo man. DKL PK10 1025S</t>
  </si>
  <si>
    <t>DKL PK10 1025SWL</t>
  </si>
  <si>
    <t>5702326756467</t>
  </si>
  <si>
    <t>VELUX Verd.-Rollo man. DKL PK10 1025SWL</t>
  </si>
  <si>
    <t>DKL PK10 1085S</t>
  </si>
  <si>
    <t>5702326756474</t>
  </si>
  <si>
    <t>VELUX Verd.-Rollo man. DKL PK10 1085S</t>
  </si>
  <si>
    <t>DKL PK10 1085SWL</t>
  </si>
  <si>
    <t>5702326756481</t>
  </si>
  <si>
    <t>VELUX Verd.-Rollo man. DKL PK10 1085SWL</t>
  </si>
  <si>
    <t>DKL PK10 1100S</t>
  </si>
  <si>
    <t>5702326756498</t>
  </si>
  <si>
    <t>VELUX Verd.-Rollo man. DKL PK10 1100S</t>
  </si>
  <si>
    <t>DKL PK10 1100SWL</t>
  </si>
  <si>
    <t>5702326756504</t>
  </si>
  <si>
    <t>VELUX Verd.-Rollo man. DKL PK10 1100SWL</t>
  </si>
  <si>
    <t>DKL PK10 3009S</t>
  </si>
  <si>
    <t>5702326756856</t>
  </si>
  <si>
    <t>VELUX Verd.-Rollo man. DKL PK10 3009S</t>
  </si>
  <si>
    <t>DKL PK10 3009SWL</t>
  </si>
  <si>
    <t>5702326756863</t>
  </si>
  <si>
    <t>VELUX Verd.-Rollo man. DKL PK10 3009SWL</t>
  </si>
  <si>
    <t>DKL PK10 4556S</t>
  </si>
  <si>
    <t>5702327422378</t>
  </si>
  <si>
    <t>VELUX Verd.-Rollo man. DKL PK10 4556S</t>
  </si>
  <si>
    <t>DKL PK10 4556SWL</t>
  </si>
  <si>
    <t>5702328818408</t>
  </si>
  <si>
    <t>VELUX Verd.-Rollo man. DKL PK10 4556SWL</t>
  </si>
  <si>
    <t>DKL PK10 4559S</t>
  </si>
  <si>
    <t>5702327422408</t>
  </si>
  <si>
    <t>VELUX Verd.-Rollo man. DKL PK10 4559S</t>
  </si>
  <si>
    <t>DKL PK10 4559SWL</t>
  </si>
  <si>
    <t>5702328818422</t>
  </si>
  <si>
    <t>VELUX Verd.-Rollo man. DKL PK10 4559SWL</t>
  </si>
  <si>
    <t>DKL PK10 4564S</t>
  </si>
  <si>
    <t>5702327422453</t>
  </si>
  <si>
    <t>VELUX Verd.-Rollo man. DKL PK10 4564S</t>
  </si>
  <si>
    <t>DKL PK10 4564SWL</t>
  </si>
  <si>
    <t>5702328818477</t>
  </si>
  <si>
    <t>VELUX Verd.-Rollo man. DKL PK10 4564SWL</t>
  </si>
  <si>
    <t>DKL PK10 4574S</t>
  </si>
  <si>
    <t>5702328968882</t>
  </si>
  <si>
    <t>VELUX Verd.-Rollo man. DKL PK10 4574S</t>
  </si>
  <si>
    <t>DKL PK10 4574SWL</t>
  </si>
  <si>
    <t>5702328975880</t>
  </si>
  <si>
    <t>VELUX Verd.-Rollo man. DKL PK10 4574SWL</t>
  </si>
  <si>
    <t>DKL PK10 4575S</t>
  </si>
  <si>
    <t>5702328968899</t>
  </si>
  <si>
    <t>VELUX Verd.-Rollo man. DKL PK10 4575S</t>
  </si>
  <si>
    <t>DKL PK10 4575SWL</t>
  </si>
  <si>
    <t>5702328975897</t>
  </si>
  <si>
    <t>VELUX Verd.-Rollo man. DKL PK10 4575SWL</t>
  </si>
  <si>
    <t>DKL PK10 4576S</t>
  </si>
  <si>
    <t>5702328968905</t>
  </si>
  <si>
    <t>VELUX Verd.-Rollo man. DKL PK10 4576S</t>
  </si>
  <si>
    <t>DKL PK10 4576SWL</t>
  </si>
  <si>
    <t>5702328975903</t>
  </si>
  <si>
    <t>VELUX Verd.-Rollo man. DKL PK10 4576SWL</t>
  </si>
  <si>
    <t>DKL PK10 4577S</t>
  </si>
  <si>
    <t>5702328968912</t>
  </si>
  <si>
    <t>VELUX Verd.-Rollo man. DKL PK10 4577S</t>
  </si>
  <si>
    <t>DKL PK10 4577SWL</t>
  </si>
  <si>
    <t>5702328975910</t>
  </si>
  <si>
    <t>VELUX Verd.-Rollo man. DKL PK10 4577SWL</t>
  </si>
  <si>
    <t>DKL PK10 4578S</t>
  </si>
  <si>
    <t>5702328968929</t>
  </si>
  <si>
    <t>VELUX Verd.-Rollo man. DKL PK10 4578S</t>
  </si>
  <si>
    <t>DKL PK10 4578SWL</t>
  </si>
  <si>
    <t>5702328975927</t>
  </si>
  <si>
    <t>VELUX Verd.-Rollo man. DKL PK10 4578SWL</t>
  </si>
  <si>
    <t>DKL PK10 4579S</t>
  </si>
  <si>
    <t>5702328968936</t>
  </si>
  <si>
    <t>VELUX Verd.-Rollo man. DKL PK10 4579S</t>
  </si>
  <si>
    <t>DKL PK10 4579SWL</t>
  </si>
  <si>
    <t>5702328975934</t>
  </si>
  <si>
    <t>VELUX Verd.-Rollo man. DKL PK10 4579SWL</t>
  </si>
  <si>
    <t>DKL PK10 4580S</t>
  </si>
  <si>
    <t>5702328968943</t>
  </si>
  <si>
    <t>VELUX Verd.-Rollo man. DKL PK10 4580S</t>
  </si>
  <si>
    <t>DKL PK10 4580SWL</t>
  </si>
  <si>
    <t>5702328975941</t>
  </si>
  <si>
    <t>VELUX Verd.-Rollo man. DKL PK10 4580SWL</t>
  </si>
  <si>
    <t>DKL PK10 4581S</t>
  </si>
  <si>
    <t>5702328968950</t>
  </si>
  <si>
    <t>VELUX Verd.-Rollo man. DKL PK10 4581S</t>
  </si>
  <si>
    <t>DKL PK10 4581SWL</t>
  </si>
  <si>
    <t>5702328975958</t>
  </si>
  <si>
    <t>VELUX Verd.-Rollo man. DKL PK10 4581SWL</t>
  </si>
  <si>
    <t>DKL PK10 4653S</t>
  </si>
  <si>
    <t>5702328532908</t>
  </si>
  <si>
    <t>VELUX Verd.-Rollo man. DKL PK10 4653S</t>
  </si>
  <si>
    <t>DKL PK10 4653SWL</t>
  </si>
  <si>
    <t>5702328818590</t>
  </si>
  <si>
    <t>VELUX Verd.-Rollo man. DKL PK10 4653SWL</t>
  </si>
  <si>
    <t>DKL PK10 4654S</t>
  </si>
  <si>
    <t>5702328532953</t>
  </si>
  <si>
    <t>VELUX Verd.-Rollo man. DKL PK10 4654S</t>
  </si>
  <si>
    <t>DKL PK10 4654SWL</t>
  </si>
  <si>
    <t>5702328818606</t>
  </si>
  <si>
    <t>VELUX Verd.-Rollo man. DKL PK10 4654SWL</t>
  </si>
  <si>
    <t>DKL PK10 4655S</t>
  </si>
  <si>
    <t>5702328532960</t>
  </si>
  <si>
    <t>VELUX Verd.-Rollo man. DKL PK10 4655S</t>
  </si>
  <si>
    <t>DKL PK10 4655SWL</t>
  </si>
  <si>
    <t>5702328818613</t>
  </si>
  <si>
    <t>VELUX Verd.-Rollo man. DKL PK10 4655SWL</t>
  </si>
  <si>
    <t>DKL PK10 4659S</t>
  </si>
  <si>
    <t>5702328533097</t>
  </si>
  <si>
    <t>VELUX Verd.-Rollo man. DKL PK10 4659S</t>
  </si>
  <si>
    <t>DKL PK10 4659SWL</t>
  </si>
  <si>
    <t>5702328818651</t>
  </si>
  <si>
    <t>VELUX Verd.-Rollo man. DKL PK10 4659SWL</t>
  </si>
  <si>
    <t>DKL PK10 4660S</t>
  </si>
  <si>
    <t>5702328533233</t>
  </si>
  <si>
    <t>VELUX Verd.-Rollo man. DKL PK10 4660S</t>
  </si>
  <si>
    <t>DKL PK10 4660SWL</t>
  </si>
  <si>
    <t>5702328818668</t>
  </si>
  <si>
    <t>VELUX Verd.-Rollo man. DKL PK10 4660SWL</t>
  </si>
  <si>
    <t>DKL PK10 4661S</t>
  </si>
  <si>
    <t>5702328533240</t>
  </si>
  <si>
    <t>VELUX Verd.-Rollo man. DKL PK10 4661S</t>
  </si>
  <si>
    <t>DKL PK10 4661SWL</t>
  </si>
  <si>
    <t>5702328818675</t>
  </si>
  <si>
    <t>VELUX Verd.-Rollo man. DKL PK10 4661SWL</t>
  </si>
  <si>
    <t>DKL PK10 4665S</t>
  </si>
  <si>
    <t>5702328533288</t>
  </si>
  <si>
    <t>VELUX Verd.-Rollo man. DKL PK10 4665S</t>
  </si>
  <si>
    <t>DKL PK10 4665SWL</t>
  </si>
  <si>
    <t>5702328818712</t>
  </si>
  <si>
    <t>VELUX Verd.-Rollo man. DKL PK10 4665SWL</t>
  </si>
  <si>
    <t>DKL PK10 4666S</t>
  </si>
  <si>
    <t>5702328533295</t>
  </si>
  <si>
    <t>VELUX Verd.-Rollo man. DKL PK10 4666S</t>
  </si>
  <si>
    <t>DKL PK10 4666SWL</t>
  </si>
  <si>
    <t>5702328818729</t>
  </si>
  <si>
    <t>VELUX Verd.-Rollo man. DKL PK10 4666SWL</t>
  </si>
  <si>
    <t>DKL PK10 4667S</t>
  </si>
  <si>
    <t>5702328533301</t>
  </si>
  <si>
    <t>VELUX Verd.-Rollo man. DKL PK10 4667S</t>
  </si>
  <si>
    <t>DKL PK10 4667SWL</t>
  </si>
  <si>
    <t>5702328818736</t>
  </si>
  <si>
    <t>VELUX Verd.-Rollo man. DKL PK10 4667SWL</t>
  </si>
  <si>
    <t>DKL PK10 CBYS</t>
  </si>
  <si>
    <t>5702328765917</t>
  </si>
  <si>
    <t>VELUX Verd.-Rollo man. DKL PK10 CBYS</t>
  </si>
  <si>
    <t>DKL PK10 CBYSWL</t>
  </si>
  <si>
    <t>5702328861251</t>
  </si>
  <si>
    <t>VELUX Verd.-Rollo man. DKL PK10 CBYSWL</t>
  </si>
  <si>
    <t>DKL S04 0705S</t>
  </si>
  <si>
    <t>5702325094386</t>
  </si>
  <si>
    <t>VELUX Verd.-Rollo man. DKL S04 0705S</t>
  </si>
  <si>
    <t>DKL S04 0705SWL</t>
  </si>
  <si>
    <t>5702325635664</t>
  </si>
  <si>
    <t>VELUX Verd.-Rollo man. DKL S04 0705SWL</t>
  </si>
  <si>
    <t>DKL S04 1025S</t>
  </si>
  <si>
    <t>5702325094409</t>
  </si>
  <si>
    <t>VELUX Verd.-Rollo man. DKL S04 1025S</t>
  </si>
  <si>
    <t>DKL S04 1025SWL</t>
  </si>
  <si>
    <t>5702325635688</t>
  </si>
  <si>
    <t>VELUX Verd.-Rollo man. DKL S04 1025SWL</t>
  </si>
  <si>
    <t>DKL S04 1085S</t>
  </si>
  <si>
    <t>5702325094416</t>
  </si>
  <si>
    <t>VELUX Verd.-Rollo man. DKL S04 1085S</t>
  </si>
  <si>
    <t>DKL S04 1085SWL</t>
  </si>
  <si>
    <t>5702325635695</t>
  </si>
  <si>
    <t>VELUX Verd.-Rollo man. DKL S04 1085SWL</t>
  </si>
  <si>
    <t>DKL S04 1100S</t>
  </si>
  <si>
    <t>5702325094423</t>
  </si>
  <si>
    <t>VELUX Verd.-Rollo man. DKL S04 1100S</t>
  </si>
  <si>
    <t>DKL S04 1100SWL</t>
  </si>
  <si>
    <t>5702325635701</t>
  </si>
  <si>
    <t>VELUX Verd.-Rollo man. DKL S04 1100SWL</t>
  </si>
  <si>
    <t>DKL S04 3009S</t>
  </si>
  <si>
    <t>5702325143831</t>
  </si>
  <si>
    <t>VELUX Verd.-Rollo man. DKL S04 3009S</t>
  </si>
  <si>
    <t>DKL S04 3009SWL</t>
  </si>
  <si>
    <t>5702325635879</t>
  </si>
  <si>
    <t>VELUX Verd.-Rollo man. DKL S04 3009SWL</t>
  </si>
  <si>
    <t>DKL S04 4556S</t>
  </si>
  <si>
    <t>5702327422941</t>
  </si>
  <si>
    <t>VELUX Verd.-Rollo man. DKL S04 4556S</t>
  </si>
  <si>
    <t>DKL S04 4556SWL</t>
  </si>
  <si>
    <t>5702328819450</t>
  </si>
  <si>
    <t>VELUX Verd.-Rollo man. DKL S04 4556SWL</t>
  </si>
  <si>
    <t>DKL S04 4559S</t>
  </si>
  <si>
    <t>5702327422972</t>
  </si>
  <si>
    <t>VELUX Verd.-Rollo man. DKL S04 4559S</t>
  </si>
  <si>
    <t>DKL S04 4559SWL</t>
  </si>
  <si>
    <t>5702328819474</t>
  </si>
  <si>
    <t>VELUX Verd.-Rollo man. DKL S04 4559SWL</t>
  </si>
  <si>
    <t>DKL S04 4564S</t>
  </si>
  <si>
    <t>5702327423023</t>
  </si>
  <si>
    <t>VELUX Verd.-Rollo man. DKL S04 4564S</t>
  </si>
  <si>
    <t>DKL S04 4564SWL</t>
  </si>
  <si>
    <t>5702328819528</t>
  </si>
  <si>
    <t>VELUX Verd.-Rollo man. DKL S04 4564SWL</t>
  </si>
  <si>
    <t>DKL S04 4574S</t>
  </si>
  <si>
    <t>5702328969124</t>
  </si>
  <si>
    <t>VELUX Verd.-Rollo man. DKL S04 4574S</t>
  </si>
  <si>
    <t>DKL S04 4574SWL</t>
  </si>
  <si>
    <t>5702328976122</t>
  </si>
  <si>
    <t>VELUX Verd.-Rollo man. DKL S04 4574SWL</t>
  </si>
  <si>
    <t>DKL S04 4575S</t>
  </si>
  <si>
    <t>5702328969131</t>
  </si>
  <si>
    <t>VELUX Verd.-Rollo man. DKL S04 4575S</t>
  </si>
  <si>
    <t>DKL S04 4575SWL</t>
  </si>
  <si>
    <t>5702328976139</t>
  </si>
  <si>
    <t>VELUX Verd.-Rollo man. DKL S04 4575SWL</t>
  </si>
  <si>
    <t>DKL S04 4576S</t>
  </si>
  <si>
    <t>5702328969148</t>
  </si>
  <si>
    <t>VELUX Verd.-Rollo man. DKL S04 4576S</t>
  </si>
  <si>
    <t>DKL S04 4576SWL</t>
  </si>
  <si>
    <t>5702328976146</t>
  </si>
  <si>
    <t>VELUX Verd.-Rollo man. DKL S04 4576SWL</t>
  </si>
  <si>
    <t>DKL S04 4577S</t>
  </si>
  <si>
    <t>5702328969155</t>
  </si>
  <si>
    <t>VELUX Verd.-Rollo man. DKL S04 4577S</t>
  </si>
  <si>
    <t>DKL S04 4577SWL</t>
  </si>
  <si>
    <t>5702328976153</t>
  </si>
  <si>
    <t>VELUX Verd.-Rollo man. DKL S04 4577SWL</t>
  </si>
  <si>
    <t>DKL S04 4578S</t>
  </si>
  <si>
    <t>5702328969162</t>
  </si>
  <si>
    <t>VELUX Verd.-Rollo man. DKL S04 4578S</t>
  </si>
  <si>
    <t>DKL S04 4578SWL</t>
  </si>
  <si>
    <t>5702328976160</t>
  </si>
  <si>
    <t>VELUX Verd.-Rollo man. DKL S04 4578SWL</t>
  </si>
  <si>
    <t>DKL S04 4579S</t>
  </si>
  <si>
    <t>5702328969179</t>
  </si>
  <si>
    <t>VELUX Verd.-Rollo man. DKL S04 4579S</t>
  </si>
  <si>
    <t>DKL S04 4579SWL</t>
  </si>
  <si>
    <t>5702328976177</t>
  </si>
  <si>
    <t>VELUX Verd.-Rollo man. DKL S04 4579SWL</t>
  </si>
  <si>
    <t>DKL S04 4580S</t>
  </si>
  <si>
    <t>5702328969186</t>
  </si>
  <si>
    <t>VELUX Verd.-Rollo man. DKL S04 4580S</t>
  </si>
  <si>
    <t>DKL S04 4580SWL</t>
  </si>
  <si>
    <t>5702328976184</t>
  </si>
  <si>
    <t>VELUX Verd.-Rollo man. DKL S04 4580SWL</t>
  </si>
  <si>
    <t>DKL S04 4581S</t>
  </si>
  <si>
    <t>5702328969193</t>
  </si>
  <si>
    <t>VELUX Verd.-Rollo man. DKL S04 4581S</t>
  </si>
  <si>
    <t>DKL S04 4581SWL</t>
  </si>
  <si>
    <t>5702328976191</t>
  </si>
  <si>
    <t>VELUX Verd.-Rollo man. DKL S04 4581SWL</t>
  </si>
  <si>
    <t>DKL S04 4653S</t>
  </si>
  <si>
    <t>5702329274524</t>
  </si>
  <si>
    <t>VELUX Verd.-Rollo man. DKL S04 4653S</t>
  </si>
  <si>
    <t>DKL S04 4653SWL</t>
  </si>
  <si>
    <t>5702329274531</t>
  </si>
  <si>
    <t>VELUX Verd.-Rollo man. DKL S04 4653SWL</t>
  </si>
  <si>
    <t>DKL S04 4655SWL</t>
  </si>
  <si>
    <t>5702329274579</t>
  </si>
  <si>
    <t>VELUX Verd.-Rollo man. DKL S04 4655SWL</t>
  </si>
  <si>
    <t>DKL S04 4659SWL</t>
  </si>
  <si>
    <t>5702329274593</t>
  </si>
  <si>
    <t>VELUX Verd.-Rollo man. DKL S04 4659SWL</t>
  </si>
  <si>
    <t>DKL S04 4660S</t>
  </si>
  <si>
    <t>5702329274609</t>
  </si>
  <si>
    <t>VELUX Verd.-Rollo man. DKL S04 4660S</t>
  </si>
  <si>
    <t>DKL S04 4660SWL</t>
  </si>
  <si>
    <t>5702329274616</t>
  </si>
  <si>
    <t>VELUX Verd.-Rollo man. DKL S04 4660SWL</t>
  </si>
  <si>
    <t>DKL S04 4661S</t>
  </si>
  <si>
    <t>5702329274623</t>
  </si>
  <si>
    <t>VELUX Verd.-Rollo man. DKL S04 4661S</t>
  </si>
  <si>
    <t>DKL S04 4661SWL</t>
  </si>
  <si>
    <t>5702329274630</t>
  </si>
  <si>
    <t>VELUX Verd.-Rollo man. DKL S04 4661SWL</t>
  </si>
  <si>
    <t>DKL S04 4665S</t>
  </si>
  <si>
    <t>5702329274647</t>
  </si>
  <si>
    <t>VELUX Verd.-Rollo man. DKL S04 4665S</t>
  </si>
  <si>
    <t>DKL S04 4665SWL</t>
  </si>
  <si>
    <t>5702329274654</t>
  </si>
  <si>
    <t>VELUX Verd.-Rollo man. DKL S04 4665SWL</t>
  </si>
  <si>
    <t>DKL S04 4666S</t>
  </si>
  <si>
    <t>5702329274661</t>
  </si>
  <si>
    <t>VELUX Verd.-Rollo man. DKL S04 4666S</t>
  </si>
  <si>
    <t>DKL S04 4666SWL</t>
  </si>
  <si>
    <t>5702329274678</t>
  </si>
  <si>
    <t>VELUX Verd.-Rollo man. DKL S04 4666SWL</t>
  </si>
  <si>
    <t>DKL S04 4667SWL</t>
  </si>
  <si>
    <t>5702329274692</t>
  </si>
  <si>
    <t>VELUX Verd.-Rollo man. DKL S04 4667SWL</t>
  </si>
  <si>
    <t>DKL S04 CBYSWL</t>
  </si>
  <si>
    <t>5702328861282</t>
  </si>
  <si>
    <t>VELUX Verd.-Rollo man. DKL S04 CBYSWL</t>
  </si>
  <si>
    <t>DKL S06 0705S</t>
  </si>
  <si>
    <t>5702325094843</t>
  </si>
  <si>
    <t>VELUX Verd.-Rollo man. DKL S06 0705S</t>
  </si>
  <si>
    <t>DKL S06 0705SWL</t>
  </si>
  <si>
    <t>5702328819610</t>
  </si>
  <si>
    <t>VELUX Verd.-Rollo man. DKL S06 0705SWL</t>
  </si>
  <si>
    <t>DKL S06 1025S</t>
  </si>
  <si>
    <t>5702325143978</t>
  </si>
  <si>
    <t>VELUX Verd.-Rollo man. DKL S06 1025S</t>
  </si>
  <si>
    <t>DKL S06 1025SWL</t>
  </si>
  <si>
    <t>5702328819627</t>
  </si>
  <si>
    <t>VELUX Verd.-Rollo man. DKL S06 1025SWL</t>
  </si>
  <si>
    <t>DKL S06 1085S</t>
  </si>
  <si>
    <t>5702325155315</t>
  </si>
  <si>
    <t>VELUX Verd.-Rollo man. DKL S06 1085S</t>
  </si>
  <si>
    <t>DKL S06 1085SWL</t>
  </si>
  <si>
    <t>5702328819634</t>
  </si>
  <si>
    <t>VELUX Verd.-Rollo man. DKL S06 1085SWL</t>
  </si>
  <si>
    <t>DKL S06 1100S</t>
  </si>
  <si>
    <t>5702325155322</t>
  </si>
  <si>
    <t>VELUX Verd.-Rollo man. DKL S06 1100S</t>
  </si>
  <si>
    <t>DKL S06 1100SWL</t>
  </si>
  <si>
    <t>5702328819641</t>
  </si>
  <si>
    <t>VELUX Verd.-Rollo man. DKL S06 1100SWL</t>
  </si>
  <si>
    <t>DKL S06 3009S</t>
  </si>
  <si>
    <t>5702325144067</t>
  </si>
  <si>
    <t>VELUX Verd.-Rollo man. DKL S06 3009S</t>
  </si>
  <si>
    <t>DKL S06 3009SWL</t>
  </si>
  <si>
    <t>5702325636302</t>
  </si>
  <si>
    <t>VELUX Verd.-Rollo man. DKL S06 3009SWL</t>
  </si>
  <si>
    <t>DKL S06 4556S</t>
  </si>
  <si>
    <t>5702327423139</t>
  </si>
  <si>
    <t>VELUX Verd.-Rollo man. DKL S06 4556S</t>
  </si>
  <si>
    <t>DKL S06 4556SWL</t>
  </si>
  <si>
    <t>5702328819665</t>
  </si>
  <si>
    <t>VELUX Verd.-Rollo man. DKL S06 4556SWL</t>
  </si>
  <si>
    <t>DKL S06 4559S</t>
  </si>
  <si>
    <t>5702327423160</t>
  </si>
  <si>
    <t>VELUX Verd.-Rollo man. DKL S06 4559S</t>
  </si>
  <si>
    <t>DKL S06 4559SWL</t>
  </si>
  <si>
    <t>5702328819689</t>
  </si>
  <si>
    <t>VELUX Verd.-Rollo man. DKL S06 4559SWL</t>
  </si>
  <si>
    <t>DKL S06 4564S</t>
  </si>
  <si>
    <t>5702327423214</t>
  </si>
  <si>
    <t>VELUX Verd.-Rollo man. DKL S06 4564S</t>
  </si>
  <si>
    <t>DKL S06 4564SWL</t>
  </si>
  <si>
    <t>5702328819733</t>
  </si>
  <si>
    <t>VELUX Verd.-Rollo man. DKL S06 4564SWL</t>
  </si>
  <si>
    <t>DKL S06 4574S</t>
  </si>
  <si>
    <t>5702328969209</t>
  </si>
  <si>
    <t>VELUX Verd.-Rollo man. DKL S06 4574S</t>
  </si>
  <si>
    <t>DKL S06 4574SWL</t>
  </si>
  <si>
    <t>5702328976207</t>
  </si>
  <si>
    <t>VELUX Verd.-Rollo man. DKL S06 4574SWL</t>
  </si>
  <si>
    <t>DKL S06 4575S</t>
  </si>
  <si>
    <t>5702328969216</t>
  </si>
  <si>
    <t>VELUX Verd.-Rollo man. DKL S06 4575S</t>
  </si>
  <si>
    <t>DKL S06 4575SWL</t>
  </si>
  <si>
    <t>5702328976214</t>
  </si>
  <si>
    <t>VELUX Verd.-Rollo man. DKL S06 4575SWL</t>
  </si>
  <si>
    <t>DKL S06 4576S</t>
  </si>
  <si>
    <t>5702328969223</t>
  </si>
  <si>
    <t>VELUX Verd.-Rollo man. DKL S06 4576S</t>
  </si>
  <si>
    <t>DKL S06 4576SWL</t>
  </si>
  <si>
    <t>5702328976221</t>
  </si>
  <si>
    <t>VELUX Verd.-Rollo man. DKL S06 4576SWL</t>
  </si>
  <si>
    <t>DKL S06 4577S</t>
  </si>
  <si>
    <t>5702328969230</t>
  </si>
  <si>
    <t>VELUX Verd.-Rollo man. DKL S06 4577S</t>
  </si>
  <si>
    <t>DKL S06 4577SWL</t>
  </si>
  <si>
    <t>5702328976238</t>
  </si>
  <si>
    <t>VELUX Verd.-Rollo man. DKL S06 4577SWL</t>
  </si>
  <si>
    <t>DKL S06 4578S</t>
  </si>
  <si>
    <t>5702328969247</t>
  </si>
  <si>
    <t>VELUX Verd.-Rollo man. DKL S06 4578S</t>
  </si>
  <si>
    <t>DKL S06 4578SWL</t>
  </si>
  <si>
    <t>5702328976245</t>
  </si>
  <si>
    <t>VELUX Verd.-Rollo man. DKL S06 4578SWL</t>
  </si>
  <si>
    <t>DKL S06 4579S</t>
  </si>
  <si>
    <t>5702328969254</t>
  </si>
  <si>
    <t>VELUX Verd.-Rollo man. DKL S06 4579S</t>
  </si>
  <si>
    <t>DKL S06 4579SWL</t>
  </si>
  <si>
    <t>5702328976252</t>
  </si>
  <si>
    <t>VELUX Verd.-Rollo man. DKL S06 4579SWL</t>
  </si>
  <si>
    <t>DKL S06 4580S</t>
  </si>
  <si>
    <t>5702328969261</t>
  </si>
  <si>
    <t>VELUX Verd.-Rollo man. DKL S06 4580S</t>
  </si>
  <si>
    <t>DKL S06 4580SWL</t>
  </si>
  <si>
    <t>5702328976269</t>
  </si>
  <si>
    <t>VELUX Verd.-Rollo man. DKL S06 4580SWL</t>
  </si>
  <si>
    <t>DKL S06 4581S</t>
  </si>
  <si>
    <t>5702328969278</t>
  </si>
  <si>
    <t>VELUX Verd.-Rollo man. DKL S06 4581S</t>
  </si>
  <si>
    <t>DKL S06 4581SWL</t>
  </si>
  <si>
    <t>5702328976276</t>
  </si>
  <si>
    <t>VELUX Verd.-Rollo man. DKL S06 4581SWL</t>
  </si>
  <si>
    <t>DKL S06 4653S</t>
  </si>
  <si>
    <t>5702328534537</t>
  </si>
  <si>
    <t>VELUX Verd.-Rollo man. DKL S06 4653S</t>
  </si>
  <si>
    <t>DKL S06 4653SWL</t>
  </si>
  <si>
    <t>5702328819856</t>
  </si>
  <si>
    <t>VELUX Verd.-Rollo man. DKL S06 4653SWL</t>
  </si>
  <si>
    <t>DKL S06 4654S</t>
  </si>
  <si>
    <t>5702328534544</t>
  </si>
  <si>
    <t>VELUX Verd.-Rollo man. DKL S06 4654S</t>
  </si>
  <si>
    <t>DKL S06 4654SWL</t>
  </si>
  <si>
    <t>5702328819863</t>
  </si>
  <si>
    <t>VELUX Verd.-Rollo man. DKL S06 4654SWL</t>
  </si>
  <si>
    <t>DKL S06 4655S</t>
  </si>
  <si>
    <t>5702328534551</t>
  </si>
  <si>
    <t>VELUX Verd.-Rollo man. DKL S06 4655S</t>
  </si>
  <si>
    <t>DKL S06 4655SWL</t>
  </si>
  <si>
    <t>5702328819870</t>
  </si>
  <si>
    <t>VELUX Verd.-Rollo man. DKL S06 4655SWL</t>
  </si>
  <si>
    <t>DKL S06 4659S</t>
  </si>
  <si>
    <t>5702328534599</t>
  </si>
  <si>
    <t>VELUX Verd.-Rollo man. DKL S06 4659S</t>
  </si>
  <si>
    <t>DKL S06 4659SWL</t>
  </si>
  <si>
    <t>5702328819917</t>
  </si>
  <si>
    <t>VELUX Verd.-Rollo man. DKL S06 4659SWL</t>
  </si>
  <si>
    <t>DKL S06 4660S</t>
  </si>
  <si>
    <t>5702328534605</t>
  </si>
  <si>
    <t>VELUX Verd.-Rollo man. DKL S06 4660S</t>
  </si>
  <si>
    <t>DKL S06 4660SWL</t>
  </si>
  <si>
    <t>5702328819924</t>
  </si>
  <si>
    <t>VELUX Verd.-Rollo man. DKL S06 4660SWL</t>
  </si>
  <si>
    <t>DKL S06 4661S</t>
  </si>
  <si>
    <t>5702328534612</t>
  </si>
  <si>
    <t>VELUX Verd.-Rollo man. DKL S06 4661S</t>
  </si>
  <si>
    <t>DKL S06 4661SWL</t>
  </si>
  <si>
    <t>5702328819931</t>
  </si>
  <si>
    <t>VELUX Verd.-Rollo man. DKL S06 4661SWL</t>
  </si>
  <si>
    <t>DKL S06 4665S</t>
  </si>
  <si>
    <t>5702328534650</t>
  </si>
  <si>
    <t>VELUX Verd.-Rollo man. DKL S06 4665S</t>
  </si>
  <si>
    <t>DKL S06 4665SWL</t>
  </si>
  <si>
    <t>5702328819979</t>
  </si>
  <si>
    <t>VELUX Verd.-Rollo man. DKL S06 4665SWL</t>
  </si>
  <si>
    <t>DKL S06 4666S</t>
  </si>
  <si>
    <t>5702328534667</t>
  </si>
  <si>
    <t>VELUX Verd.-Rollo man. DKL S06 4666S</t>
  </si>
  <si>
    <t>DKL S06 4666SWL</t>
  </si>
  <si>
    <t>5702328819986</t>
  </si>
  <si>
    <t>VELUX Verd.-Rollo man. DKL S06 4666SWL</t>
  </si>
  <si>
    <t>DKL S06 4667S</t>
  </si>
  <si>
    <t>5702328534674</t>
  </si>
  <si>
    <t>VELUX Verd.-Rollo man. DKL S06 4667S</t>
  </si>
  <si>
    <t>DKL S06 4667SWL</t>
  </si>
  <si>
    <t>5702328819993</t>
  </si>
  <si>
    <t>VELUX Verd.-Rollo man. DKL S06 4667SWL</t>
  </si>
  <si>
    <t>DKL S06 CBYS</t>
  </si>
  <si>
    <t>5702328765948</t>
  </si>
  <si>
    <t>VELUX Verd.-Rollo man. DKL S06 CBYS</t>
  </si>
  <si>
    <t>DKL S06 CBYSWL</t>
  </si>
  <si>
    <t>5702328861299</t>
  </si>
  <si>
    <t>VELUX Verd.-Rollo man. DKL S06 CBYSWL</t>
  </si>
  <si>
    <t>DKL S08 0705S</t>
  </si>
  <si>
    <t>5702325095307</t>
  </si>
  <si>
    <t>VELUX Verd.-Rollo man. DKL S08 0705S</t>
  </si>
  <si>
    <t>DKL S08 0705SWL</t>
  </si>
  <si>
    <t>5702325636500</t>
  </si>
  <si>
    <t>VELUX Verd.-Rollo man. DKL S08 0705SWL</t>
  </si>
  <si>
    <t>DKL S08 1025S</t>
  </si>
  <si>
    <t>5702325095321</t>
  </si>
  <si>
    <t>VELUX Verd.-Rollo man. DKL S08 1025S</t>
  </si>
  <si>
    <t>DKL S08 1025SWL</t>
  </si>
  <si>
    <t>5702325636524</t>
  </si>
  <si>
    <t>VELUX Verd.-Rollo man. DKL S08 1025SWL</t>
  </si>
  <si>
    <t>DKL S08 1085S</t>
  </si>
  <si>
    <t>5702325095338</t>
  </si>
  <si>
    <t>VELUX Verd.-Rollo man. DKL S08 1085S</t>
  </si>
  <si>
    <t>DKL S08 1085SWL</t>
  </si>
  <si>
    <t>5702325636531</t>
  </si>
  <si>
    <t>VELUX Verd.-Rollo man. DKL S08 1085SWL</t>
  </si>
  <si>
    <t>DKL S08 1100S</t>
  </si>
  <si>
    <t>5702325095345</t>
  </si>
  <si>
    <t>VELUX Verd.-Rollo man. DKL S08 1100S</t>
  </si>
  <si>
    <t>DKL S08 1100SWL</t>
  </si>
  <si>
    <t>5702325636548</t>
  </si>
  <si>
    <t>VELUX Verd.-Rollo man. DKL S08 1100SWL</t>
  </si>
  <si>
    <t>DKL S08 3009S</t>
  </si>
  <si>
    <t>5702325144289</t>
  </si>
  <si>
    <t>VELUX Verd.-Rollo man. DKL S08 3009S</t>
  </si>
  <si>
    <t>DKL S08 3009SWL</t>
  </si>
  <si>
    <t>5702325636715</t>
  </si>
  <si>
    <t>VELUX Verd.-Rollo man. DKL S08 3009SWL</t>
  </si>
  <si>
    <t>DKL S08 4556S</t>
  </si>
  <si>
    <t>5702327423320</t>
  </si>
  <si>
    <t>VELUX Verd.-Rollo man. DKL S08 4556S</t>
  </si>
  <si>
    <t>DKL S08 4556SWL</t>
  </si>
  <si>
    <t>5702328820012</t>
  </si>
  <si>
    <t>VELUX Verd.-Rollo man. DKL S08 4556SWL</t>
  </si>
  <si>
    <t>DKL S08 4559S</t>
  </si>
  <si>
    <t>5702327423351</t>
  </si>
  <si>
    <t>VELUX Verd.-Rollo man. DKL S08 4559S</t>
  </si>
  <si>
    <t>DKL S08 4559SWL</t>
  </si>
  <si>
    <t>5702328820036</t>
  </si>
  <si>
    <t>VELUX Verd.-Rollo man. DKL S08 4559SWL</t>
  </si>
  <si>
    <t>DKL S08 4564S</t>
  </si>
  <si>
    <t>5702327423405</t>
  </si>
  <si>
    <t>VELUX Verd.-Rollo man. DKL S08 4564S</t>
  </si>
  <si>
    <t>DKL S08 4564SWL</t>
  </si>
  <si>
    <t>5702328820081</t>
  </si>
  <si>
    <t>VELUX Verd.-Rollo man. DKL S08 4564SWL</t>
  </si>
  <si>
    <t>DKL S08 4574S</t>
  </si>
  <si>
    <t>5702328969285</t>
  </si>
  <si>
    <t>VELUX Verd.-Rollo man. DKL S08 4574S</t>
  </si>
  <si>
    <t>DKL S08 4574SWL</t>
  </si>
  <si>
    <t>5702328976283</t>
  </si>
  <si>
    <t>VELUX Verd.-Rollo man. DKL S08 4574SWL</t>
  </si>
  <si>
    <t>DKL S08 4575S</t>
  </si>
  <si>
    <t>5702328969292</t>
  </si>
  <si>
    <t>VELUX Verd.-Rollo man. DKL S08 4575S</t>
  </si>
  <si>
    <t>DKL S08 4575SWL</t>
  </si>
  <si>
    <t>5702328976290</t>
  </si>
  <si>
    <t>VELUX Verd.-Rollo man. DKL S08 4575SWL</t>
  </si>
  <si>
    <t>DKL S08 4576S</t>
  </si>
  <si>
    <t>5702328969308</t>
  </si>
  <si>
    <t>VELUX Verd.-Rollo man. DKL S08 4576S</t>
  </si>
  <si>
    <t>DKL S08 4576SWL</t>
  </si>
  <si>
    <t>5702328976306</t>
  </si>
  <si>
    <t>VELUX Verd.-Rollo man. DKL S08 4576SWL</t>
  </si>
  <si>
    <t>DKL S08 4577S</t>
  </si>
  <si>
    <t>5702328969315</t>
  </si>
  <si>
    <t>VELUX Verd.-Rollo man. DKL S08 4577S</t>
  </si>
  <si>
    <t>DKL S08 4577SWL</t>
  </si>
  <si>
    <t>5702328976313</t>
  </si>
  <si>
    <t>VELUX Verd.-Rollo man. DKL S08 4577SWL</t>
  </si>
  <si>
    <t>DKL S08 4578S</t>
  </si>
  <si>
    <t>5702328969322</t>
  </si>
  <si>
    <t>VELUX Verd.-Rollo man. DKL S08 4578S</t>
  </si>
  <si>
    <t>DKL S08 4578SWL</t>
  </si>
  <si>
    <t>5702328976320</t>
  </si>
  <si>
    <t>VELUX Verd.-Rollo man. DKL S08 4578SWL</t>
  </si>
  <si>
    <t>DKL S08 4579S</t>
  </si>
  <si>
    <t>5702328969339</t>
  </si>
  <si>
    <t>VELUX Verd.-Rollo man. DKL S08 4579S</t>
  </si>
  <si>
    <t>DKL S08 4579SWL</t>
  </si>
  <si>
    <t>5702328976337</t>
  </si>
  <si>
    <t>VELUX Verd.-Rollo man. DKL S08 4579SWL</t>
  </si>
  <si>
    <t>DKL S08 4580S</t>
  </si>
  <si>
    <t>5702328969346</t>
  </si>
  <si>
    <t>VELUX Verd.-Rollo man. DKL S08 4580S</t>
  </si>
  <si>
    <t>DKL S08 4580SWL</t>
  </si>
  <si>
    <t>5702328976344</t>
  </si>
  <si>
    <t>VELUX Verd.-Rollo man. DKL S08 4580SWL</t>
  </si>
  <si>
    <t>DKL S08 4581S</t>
  </si>
  <si>
    <t>5702328969353</t>
  </si>
  <si>
    <t>VELUX Verd.-Rollo man. DKL S08 4581S</t>
  </si>
  <si>
    <t>DKL S08 4581SWL</t>
  </si>
  <si>
    <t>5702328976351</t>
  </si>
  <si>
    <t>VELUX Verd.-Rollo man. DKL S08 4581SWL</t>
  </si>
  <si>
    <t>DKL S08 4653S</t>
  </si>
  <si>
    <t>5702328534711</t>
  </si>
  <si>
    <t>VELUX Verd.-Rollo man. DKL S08 4653S</t>
  </si>
  <si>
    <t>DKL S08 4653SWL</t>
  </si>
  <si>
    <t>5702328820203</t>
  </si>
  <si>
    <t>VELUX Verd.-Rollo man. DKL S08 4653SWL</t>
  </si>
  <si>
    <t>DKL S08 4654S</t>
  </si>
  <si>
    <t>5702328534773</t>
  </si>
  <si>
    <t>VELUX Verd.-Rollo man. DKL S08 4654S</t>
  </si>
  <si>
    <t>DKL S08 4654SWL</t>
  </si>
  <si>
    <t>5702328820210</t>
  </si>
  <si>
    <t>VELUX Verd.-Rollo man. DKL S08 4654SWL</t>
  </si>
  <si>
    <t>DKL S08 4655S</t>
  </si>
  <si>
    <t>5702328534797</t>
  </si>
  <si>
    <t>VELUX Verd.-Rollo man. DKL S08 4655S</t>
  </si>
  <si>
    <t>DKL S08 4655SWL</t>
  </si>
  <si>
    <t>5702328820227</t>
  </si>
  <si>
    <t>VELUX Verd.-Rollo man. DKL S08 4655SWL</t>
  </si>
  <si>
    <t>DKL S08 4659S</t>
  </si>
  <si>
    <t>5702328534957</t>
  </si>
  <si>
    <t>VELUX Verd.-Rollo man. DKL S08 4659S</t>
  </si>
  <si>
    <t>DKL S08 4659SWL</t>
  </si>
  <si>
    <t>5702328820265</t>
  </si>
  <si>
    <t>VELUX Verd.-Rollo man. DKL S08 4659SWL</t>
  </si>
  <si>
    <t>DKL S08 4660S</t>
  </si>
  <si>
    <t>5702328534964</t>
  </si>
  <si>
    <t>VELUX Verd.-Rollo man. DKL S08 4660S</t>
  </si>
  <si>
    <t>DKL S08 4660SWL</t>
  </si>
  <si>
    <t>5702328820272</t>
  </si>
  <si>
    <t>VELUX Verd.-Rollo man. DKL S08 4660SWL</t>
  </si>
  <si>
    <t>DKL S08 4661S</t>
  </si>
  <si>
    <t>5702328534971</t>
  </si>
  <si>
    <t>VELUX Verd.-Rollo man. DKL S08 4661S</t>
  </si>
  <si>
    <t>DKL S08 4661SWL</t>
  </si>
  <si>
    <t>5702328820289</t>
  </si>
  <si>
    <t>VELUX Verd.-Rollo man. DKL S08 4661SWL</t>
  </si>
  <si>
    <t>DKL S08 4665S</t>
  </si>
  <si>
    <t>5702328535268</t>
  </si>
  <si>
    <t>VELUX Verd.-Rollo man. DKL S08 4665S</t>
  </si>
  <si>
    <t>DKL S08 4665SWL</t>
  </si>
  <si>
    <t>5702328820326</t>
  </si>
  <si>
    <t>VELUX Verd.-Rollo man. DKL S08 4665SWL</t>
  </si>
  <si>
    <t>DKL S08 4666S</t>
  </si>
  <si>
    <t>5702328535329</t>
  </si>
  <si>
    <t>VELUX Verd.-Rollo man. DKL S08 4666S</t>
  </si>
  <si>
    <t>DKL S08 4666SWL</t>
  </si>
  <si>
    <t>5702328820333</t>
  </si>
  <si>
    <t>VELUX Verd.-Rollo man. DKL S08 4666SWL</t>
  </si>
  <si>
    <t>DKL S08 4667S</t>
  </si>
  <si>
    <t>5702328535336</t>
  </si>
  <si>
    <t>VELUX Verd.-Rollo man. DKL S08 4667S</t>
  </si>
  <si>
    <t>DKL S08 4667SWL</t>
  </si>
  <si>
    <t>5702328820340</t>
  </si>
  <si>
    <t>VELUX Verd.-Rollo man. DKL S08 4667SWL</t>
  </si>
  <si>
    <t>DKL S08 CBYS</t>
  </si>
  <si>
    <t>5702328765955</t>
  </si>
  <si>
    <t>VELUX Verd.-Rollo man. DKL S08 CBYS</t>
  </si>
  <si>
    <t>DKL S08 CBYSWL</t>
  </si>
  <si>
    <t>5702328861305</t>
  </si>
  <si>
    <t>VELUX Verd.-Rollo man. DKL S08 CBYSWL</t>
  </si>
  <si>
    <t>DKL S10 0705S</t>
  </si>
  <si>
    <t>5702325095765</t>
  </si>
  <si>
    <t>VELUX Verd.-Rollo man. DKL S10 0705S</t>
  </si>
  <si>
    <t>DKL S10 0705SWL</t>
  </si>
  <si>
    <t>5702325636913</t>
  </si>
  <si>
    <t>VELUX Verd.-Rollo man. DKL S10 0705SWL</t>
  </si>
  <si>
    <t>DKL S10 1025S</t>
  </si>
  <si>
    <t>5702325095789</t>
  </si>
  <si>
    <t>VELUX Verd.-Rollo man. DKL S10 1025S</t>
  </si>
  <si>
    <t>DKL S10 1025SWL</t>
  </si>
  <si>
    <t>5702325636937</t>
  </si>
  <si>
    <t>VELUX Verd.-Rollo man. DKL S10 1025SWL</t>
  </si>
  <si>
    <t>DKL S10 1085S</t>
  </si>
  <si>
    <t>5702325095796</t>
  </si>
  <si>
    <t>VELUX Verd.-Rollo man. DKL S10 1085S</t>
  </si>
  <si>
    <t>DKL S10 1085SWL</t>
  </si>
  <si>
    <t>5702325636944</t>
  </si>
  <si>
    <t>VELUX Verd.-Rollo man. DKL S10 1085SWL</t>
  </si>
  <si>
    <t>DKL S10 1100S</t>
  </si>
  <si>
    <t>5702325095802</t>
  </si>
  <si>
    <t>VELUX Verd.-Rollo man. DKL S10 1100S</t>
  </si>
  <si>
    <t>DKL S10 1100SWL</t>
  </si>
  <si>
    <t>5702325636951</t>
  </si>
  <si>
    <t>VELUX Verd.-Rollo man. DKL S10 1100SWL</t>
  </si>
  <si>
    <t>DKL S10 3009S</t>
  </si>
  <si>
    <t>5702325144500</t>
  </si>
  <si>
    <t>VELUX Verd.-Rollo man. DKL S10 3009S</t>
  </si>
  <si>
    <t>DKL S10 3009SWL</t>
  </si>
  <si>
    <t>5702325637125</t>
  </si>
  <si>
    <t>VELUX Verd.-Rollo man. DKL S10 3009SWL</t>
  </si>
  <si>
    <t>DKL S10 4556S</t>
  </si>
  <si>
    <t>5702327423511</t>
  </si>
  <si>
    <t>VELUX Verd.-Rollo man. DKL S10 4556S</t>
  </si>
  <si>
    <t>DKL S10 4556SWL</t>
  </si>
  <si>
    <t>5702328820364</t>
  </si>
  <si>
    <t>VELUX Verd.-Rollo man. DKL S10 4556SWL</t>
  </si>
  <si>
    <t>DKL S10 4559S</t>
  </si>
  <si>
    <t>5702327423542</t>
  </si>
  <si>
    <t>VELUX Verd.-Rollo man. DKL S10 4559S</t>
  </si>
  <si>
    <t>DKL S10 4559SWL</t>
  </si>
  <si>
    <t>5702328820388</t>
  </si>
  <si>
    <t>VELUX Verd.-Rollo man. DKL S10 4559SWL</t>
  </si>
  <si>
    <t>DKL S10 4564S</t>
  </si>
  <si>
    <t>5702327423597</t>
  </si>
  <si>
    <t>VELUX Verd.-Rollo man. DKL S10 4564S</t>
  </si>
  <si>
    <t>DKL S10 4564SWL</t>
  </si>
  <si>
    <t>5702328820432</t>
  </si>
  <si>
    <t>VELUX Verd.-Rollo man. DKL S10 4564SWL</t>
  </si>
  <si>
    <t>DKL S10 4574S</t>
  </si>
  <si>
    <t>5702328969360</t>
  </si>
  <si>
    <t>VELUX Verd.-Rollo man. DKL S10 4574S</t>
  </si>
  <si>
    <t>DKL S10 4574SWL</t>
  </si>
  <si>
    <t>5702328976368</t>
  </si>
  <si>
    <t>VELUX Verd.-Rollo man. DKL S10 4574SWL</t>
  </si>
  <si>
    <t>DKL S10 4575S</t>
  </si>
  <si>
    <t>5702328969377</t>
  </si>
  <si>
    <t>VELUX Verd.-Rollo man. DKL S10 4575S</t>
  </si>
  <si>
    <t>DKL S10 4575SWL</t>
  </si>
  <si>
    <t>5702328976375</t>
  </si>
  <si>
    <t>VELUX Verd.-Rollo man. DKL S10 4575SWL</t>
  </si>
  <si>
    <t>DKL S10 4576S</t>
  </si>
  <si>
    <t>5702328969384</t>
  </si>
  <si>
    <t>VELUX Verd.-Rollo man. DKL S10 4576S</t>
  </si>
  <si>
    <t>DKL S10 4576SWL</t>
  </si>
  <si>
    <t>5702328976382</t>
  </si>
  <si>
    <t>VELUX Verd.-Rollo man. DKL S10 4576SWL</t>
  </si>
  <si>
    <t>DKL S10 4577S</t>
  </si>
  <si>
    <t>5702328969391</t>
  </si>
  <si>
    <t>VELUX Verd.-Rollo man. DKL S10 4577S</t>
  </si>
  <si>
    <t>DKL S10 4577SWL</t>
  </si>
  <si>
    <t>5702328976399</t>
  </si>
  <si>
    <t>VELUX Verd.-Rollo man. DKL S10 4577SWL</t>
  </si>
  <si>
    <t>DKL S10 4578S</t>
  </si>
  <si>
    <t>5702328969407</t>
  </si>
  <si>
    <t>VELUX Verd.-Rollo man. DKL S10 4578S</t>
  </si>
  <si>
    <t>DKL S10 4578SWL</t>
  </si>
  <si>
    <t>5702328976405</t>
  </si>
  <si>
    <t>VELUX Verd.-Rollo man. DKL S10 4578SWL</t>
  </si>
  <si>
    <t>DKL S10 4579S</t>
  </si>
  <si>
    <t>5702328969414</t>
  </si>
  <si>
    <t>VELUX Verd.-Rollo man. DKL S10 4579S</t>
  </si>
  <si>
    <t>DKL S10 4579SWL</t>
  </si>
  <si>
    <t>5702328976412</t>
  </si>
  <si>
    <t>VELUX Verd.-Rollo man. DKL S10 4579SWL</t>
  </si>
  <si>
    <t>DKL S10 4580S</t>
  </si>
  <si>
    <t>5702328969421</t>
  </si>
  <si>
    <t>VELUX Verd.-Rollo man. DKL S10 4580S</t>
  </si>
  <si>
    <t>DKL S10 4580SWL</t>
  </si>
  <si>
    <t>5702328976429</t>
  </si>
  <si>
    <t>VELUX Verd.-Rollo man. DKL S10 4580SWL</t>
  </si>
  <si>
    <t>DKL S10 4581S</t>
  </si>
  <si>
    <t>5702328969438</t>
  </si>
  <si>
    <t>VELUX Verd.-Rollo man. DKL S10 4581S</t>
  </si>
  <si>
    <t>DKL S10 4581SWL</t>
  </si>
  <si>
    <t>5702328976436</t>
  </si>
  <si>
    <t>VELUX Verd.-Rollo man. DKL S10 4581SWL</t>
  </si>
  <si>
    <t>DKL S10 4653S</t>
  </si>
  <si>
    <t>5702328535381</t>
  </si>
  <si>
    <t>VELUX Verd.-Rollo man. DKL S10 4653S</t>
  </si>
  <si>
    <t>DKL S10 4653SWL</t>
  </si>
  <si>
    <t>5702328820555</t>
  </si>
  <si>
    <t>VELUX Verd.-Rollo man. DKL S10 4653SWL</t>
  </si>
  <si>
    <t>DKL S10 4655S</t>
  </si>
  <si>
    <t>5702328535602</t>
  </si>
  <si>
    <t>VELUX Verd.-Rollo man. DKL S10 4655S</t>
  </si>
  <si>
    <t>DKL S10 4659S</t>
  </si>
  <si>
    <t>5702328535756</t>
  </si>
  <si>
    <t>VELUX Verd.-Rollo man. DKL S10 4659S</t>
  </si>
  <si>
    <t>DKL S10 4660S</t>
  </si>
  <si>
    <t>5702328535794</t>
  </si>
  <si>
    <t>VELUX Verd.-Rollo man. DKL S10 4660S</t>
  </si>
  <si>
    <t>DKL S10 4661S</t>
  </si>
  <si>
    <t>5702328535862</t>
  </si>
  <si>
    <t>VELUX Verd.-Rollo man. DKL S10 4661S</t>
  </si>
  <si>
    <t>DKL S10 4665S</t>
  </si>
  <si>
    <t>5702328535909</t>
  </si>
  <si>
    <t>VELUX Verd.-Rollo man. DKL S10 4665S</t>
  </si>
  <si>
    <t>DKL S10 4665SWL</t>
  </si>
  <si>
    <t>5702328820678</t>
  </si>
  <si>
    <t>VELUX Verd.-Rollo man. DKL S10 4665SWL</t>
  </si>
  <si>
    <t>DKL S10 4666S</t>
  </si>
  <si>
    <t>5702328535916</t>
  </si>
  <si>
    <t>VELUX Verd.-Rollo man. DKL S10 4666S</t>
  </si>
  <si>
    <t>DKL S10 4667S</t>
  </si>
  <si>
    <t>5702328535923</t>
  </si>
  <si>
    <t>VELUX Verd.-Rollo man. DKL S10 4667S</t>
  </si>
  <si>
    <t>DKL S10 CBYS</t>
  </si>
  <si>
    <t>5702328765962</t>
  </si>
  <si>
    <t>VELUX Verd.-Rollo man. DKL S10 CBYS</t>
  </si>
  <si>
    <t>DKL S10 CBYSWL</t>
  </si>
  <si>
    <t>5702328861312</t>
  </si>
  <si>
    <t>VELUX Verd.-Rollo man. DKL S10 CBYSWL</t>
  </si>
  <si>
    <t>DKL S31 0705S</t>
  </si>
  <si>
    <t>5702325096229</t>
  </si>
  <si>
    <t>VELUX Verd.-Rollo man. DKL S31 0705S</t>
  </si>
  <si>
    <t>DKL S31 0705SWL</t>
  </si>
  <si>
    <t>5702325637323</t>
  </si>
  <si>
    <t>VELUX Verd.-Rollo man. DKL S31 0705SWL</t>
  </si>
  <si>
    <t>DKL S31 1025S</t>
  </si>
  <si>
    <t>5702325096243</t>
  </si>
  <si>
    <t>VELUX Verd.-Rollo man. DKL S31 1025S</t>
  </si>
  <si>
    <t>DKL S31 1025SWL</t>
  </si>
  <si>
    <t>5702325637347</t>
  </si>
  <si>
    <t>VELUX Verd.-Rollo man. DKL S31 1025SWL</t>
  </si>
  <si>
    <t>DKL S31 1085S</t>
  </si>
  <si>
    <t>5702325096250</t>
  </si>
  <si>
    <t>VELUX Verd.-Rollo man. DKL S31 1085S</t>
  </si>
  <si>
    <t>DKL S31 1085SWL</t>
  </si>
  <si>
    <t>5702325637354</t>
  </si>
  <si>
    <t>VELUX Verd.-Rollo man. DKL S31 1085SWL</t>
  </si>
  <si>
    <t>DKL S31 1100S</t>
  </si>
  <si>
    <t>5702325096267</t>
  </si>
  <si>
    <t>VELUX Verd.-Rollo man. DKL S31 1100S</t>
  </si>
  <si>
    <t>DKL S31 1100SWL</t>
  </si>
  <si>
    <t>5702325637361</t>
  </si>
  <si>
    <t>VELUX Verd.-Rollo man. DKL S31 1100SWL</t>
  </si>
  <si>
    <t>DKL S31 3009S</t>
  </si>
  <si>
    <t>5702325144722</t>
  </si>
  <si>
    <t>VELUX Verd.-Rollo man. DKL S31 3009S</t>
  </si>
  <si>
    <t>DKL S31 3009SWL</t>
  </si>
  <si>
    <t>5702325637538</t>
  </si>
  <si>
    <t>VELUX Verd.-Rollo man. DKL S31 3009SWL</t>
  </si>
  <si>
    <t>DKL S31 4556S</t>
  </si>
  <si>
    <t>5702327423702</t>
  </si>
  <si>
    <t>VELUX Verd.-Rollo man. DKL S31 4556S</t>
  </si>
  <si>
    <t>DKL S31 4556SWL</t>
  </si>
  <si>
    <t>5702329230490</t>
  </si>
  <si>
    <t>VELUX Verd.-Rollo man. DKL S31 4556SWL</t>
  </si>
  <si>
    <t>DKL S31 4559S</t>
  </si>
  <si>
    <t>5702327423733</t>
  </si>
  <si>
    <t>VELUX Verd.-Rollo man. DKL S31 4559S</t>
  </si>
  <si>
    <t>DKL S31 4559SWL</t>
  </si>
  <si>
    <t>5702329230513</t>
  </si>
  <si>
    <t>VELUX Verd.-Rollo man. DKL S31 4559SWL</t>
  </si>
  <si>
    <t>DKL S31 4564S</t>
  </si>
  <si>
    <t>5702327423788</t>
  </si>
  <si>
    <t>VELUX Verd.-Rollo man. DKL S31 4564S</t>
  </si>
  <si>
    <t>DKL S31 4564SWL</t>
  </si>
  <si>
    <t>5702329230568</t>
  </si>
  <si>
    <t>VELUX Verd.-Rollo man. DKL S31 4564SWL</t>
  </si>
  <si>
    <t>DKL S31 4574SWL</t>
  </si>
  <si>
    <t>5702329228534</t>
  </si>
  <si>
    <t>VELUX Verd.-Rollo man. DKL S31 4574SWL</t>
  </si>
  <si>
    <t>DKL S31 4575S</t>
  </si>
  <si>
    <t>5702328969452</t>
  </si>
  <si>
    <t>VELUX Verd.-Rollo man. DKL S31 4575S</t>
  </si>
  <si>
    <t>DKL S31 4575SWL</t>
  </si>
  <si>
    <t>5702329228541</t>
  </si>
  <si>
    <t>VELUX Verd.-Rollo man. DKL S31 4575SWL</t>
  </si>
  <si>
    <t>DKL S31 4576S</t>
  </si>
  <si>
    <t>5702328969469</t>
  </si>
  <si>
    <t>VELUX Verd.-Rollo man. DKL S31 4576S</t>
  </si>
  <si>
    <t>DKL S31 4576SWL</t>
  </si>
  <si>
    <t>5702329228558</t>
  </si>
  <si>
    <t>VELUX Verd.-Rollo man. DKL S31 4576SWL</t>
  </si>
  <si>
    <t>DKL S31 4577S</t>
  </si>
  <si>
    <t>5702328969476</t>
  </si>
  <si>
    <t>VELUX Verd.-Rollo man. DKL S31 4577S</t>
  </si>
  <si>
    <t>DKL S31 4577SWL</t>
  </si>
  <si>
    <t>5702329228565</t>
  </si>
  <si>
    <t>VELUX Verd.-Rollo man. DKL S31 4577SWL</t>
  </si>
  <si>
    <t>DKL S31 4578S</t>
  </si>
  <si>
    <t>5702328969483</t>
  </si>
  <si>
    <t>VELUX Verd.-Rollo man. DKL S31 4578S</t>
  </si>
  <si>
    <t>DKL S31 4578SWL</t>
  </si>
  <si>
    <t>5702329228572</t>
  </si>
  <si>
    <t>VELUX Verd.-Rollo man. DKL S31 4578SWL</t>
  </si>
  <si>
    <t>DKL S31 4579S</t>
  </si>
  <si>
    <t>5702328969490</t>
  </si>
  <si>
    <t>VELUX Verd.-Rollo man. DKL S31 4579S</t>
  </si>
  <si>
    <t>DKL S31 4579SWL</t>
  </si>
  <si>
    <t>5702329228589</t>
  </si>
  <si>
    <t>VELUX Verd.-Rollo man. DKL S31 4579SWL</t>
  </si>
  <si>
    <t>DKL S31 4580S</t>
  </si>
  <si>
    <t>5702328969506</t>
  </si>
  <si>
    <t>VELUX Verd.-Rollo man. DKL S31 4580S</t>
  </si>
  <si>
    <t>DKL S31 4580SWL</t>
  </si>
  <si>
    <t>5702329228596</t>
  </si>
  <si>
    <t>VELUX Verd.-Rollo man. DKL S31 4580SWL</t>
  </si>
  <si>
    <t>DKL S31 4581S</t>
  </si>
  <si>
    <t>5702328969513</t>
  </si>
  <si>
    <t>VELUX Verd.-Rollo man. DKL S31 4581S</t>
  </si>
  <si>
    <t>DKL S31 4581SWL</t>
  </si>
  <si>
    <t>5702329228602</t>
  </si>
  <si>
    <t>VELUX Verd.-Rollo man. DKL S31 4581SWL</t>
  </si>
  <si>
    <t>DKL S31 4653S</t>
  </si>
  <si>
    <t>5702329274708</t>
  </si>
  <si>
    <t>VELUX Verd.-Rollo man. DKL S31 4653S</t>
  </si>
  <si>
    <t>DKL S31 4654SWL</t>
  </si>
  <si>
    <t>5702329274739</t>
  </si>
  <si>
    <t>VELUX Verd.-Rollo man. DKL S31 4654SWL</t>
  </si>
  <si>
    <t>DKL S31 4660SWL</t>
  </si>
  <si>
    <t>5702329274791</t>
  </si>
  <si>
    <t>VELUX Verd.-Rollo man. DKL S31 4660SWL</t>
  </si>
  <si>
    <t>DKL S31 4665S</t>
  </si>
  <si>
    <t>5702329274821</t>
  </si>
  <si>
    <t>VELUX Verd.-Rollo man. DKL S31 4665S</t>
  </si>
  <si>
    <t>DKL S31 4666S</t>
  </si>
  <si>
    <t>5702329274845</t>
  </si>
  <si>
    <t>VELUX Verd.-Rollo man. DKL S31 4666S</t>
  </si>
  <si>
    <t>DKL S31 4667SWL</t>
  </si>
  <si>
    <t>5702329274876</t>
  </si>
  <si>
    <t>VELUX Verd.-Rollo man. DKL S31 4667SWL</t>
  </si>
  <si>
    <t>DKL S31 CBYS</t>
  </si>
  <si>
    <t>5702329190305</t>
  </si>
  <si>
    <t>VELUX Verd.-Rollo manuell DKL S31 CBYS</t>
  </si>
  <si>
    <t>DKL S31 CBYSWL</t>
  </si>
  <si>
    <t>5702329190312</t>
  </si>
  <si>
    <t>VELUX Verd.-Rollo man. DKL S31 CBYSWL</t>
  </si>
  <si>
    <t>DKL SK06 0705S</t>
  </si>
  <si>
    <t>5702326760754</t>
  </si>
  <si>
    <t>VELUX Verd.-Rollo man. DKL SK06 0705S</t>
  </si>
  <si>
    <t>DKL SK06 0705SWL</t>
  </si>
  <si>
    <t>5702328821057</t>
  </si>
  <si>
    <t>VELUX Verd.-Rollo man. DKL SK06 0705SWL</t>
  </si>
  <si>
    <t>DKL SK06 1025S</t>
  </si>
  <si>
    <t>5702326647987</t>
  </si>
  <si>
    <t>VELUX Verd.-Rollo man. DKL SK06 1025S</t>
  </si>
  <si>
    <t>DKL SK06 1025SWL</t>
  </si>
  <si>
    <t>5702328821064</t>
  </si>
  <si>
    <t>VELUX Verd.-Rollo man. DKL SK06 1025SWL</t>
  </si>
  <si>
    <t>DKL SK06 1085S</t>
  </si>
  <si>
    <t>5702326630446</t>
  </si>
  <si>
    <t>VELUX Verd.-Rollo man. DKL SK06 1085S</t>
  </si>
  <si>
    <t>DKL SK06 1085SWL</t>
  </si>
  <si>
    <t>5702328821071</t>
  </si>
  <si>
    <t>VELUX Verd.-Rollo man. DKL SK06 1085SWL</t>
  </si>
  <si>
    <t>DKL SK06 1100S</t>
  </si>
  <si>
    <t>5702326630453</t>
  </si>
  <si>
    <t>VELUX Verd.-Rollo man. DKL SK06 1100S</t>
  </si>
  <si>
    <t>DKL SK06 1100SWL</t>
  </si>
  <si>
    <t>5702328821088</t>
  </si>
  <si>
    <t>VELUX Verd.-Rollo man. DKL SK06 1100SWL</t>
  </si>
  <si>
    <t>DKL SK06 3009S</t>
  </si>
  <si>
    <t>5702326761195</t>
  </si>
  <si>
    <t>VELUX Verd.-Rollo man. DKL SK06 3009S</t>
  </si>
  <si>
    <t>DKL SK06 3009SWL</t>
  </si>
  <si>
    <t>5702326761201</t>
  </si>
  <si>
    <t>VELUX Verd.-Rollo man. DKL SK06 3009SWL</t>
  </si>
  <si>
    <t>DKL SK06 4556S</t>
  </si>
  <si>
    <t>5702327424273</t>
  </si>
  <si>
    <t>VELUX Verd.-Rollo man. DKL SK06 4556S</t>
  </si>
  <si>
    <t>DKL SK06 4556SWL</t>
  </si>
  <si>
    <t>5702328821101</t>
  </si>
  <si>
    <t>VELUX Verd.-Rollo man. DKL SK06 4556SWL</t>
  </si>
  <si>
    <t>DKL SK06 4559S</t>
  </si>
  <si>
    <t>5702327424303</t>
  </si>
  <si>
    <t>VELUX Verd.-Rollo man. DKL SK06 4559S</t>
  </si>
  <si>
    <t>DKL SK06 4559SWL</t>
  </si>
  <si>
    <t>5702328821125</t>
  </si>
  <si>
    <t>VELUX Verd.-Rollo man. DKL SK06 4559SWL</t>
  </si>
  <si>
    <t>DKL SK06 4564S</t>
  </si>
  <si>
    <t>5702327424358</t>
  </si>
  <si>
    <t>VELUX Verd.-Rollo man. DKL SK06 4564S</t>
  </si>
  <si>
    <t>DKL SK06 4564SWL</t>
  </si>
  <si>
    <t>5702328821170</t>
  </si>
  <si>
    <t>VELUX Verd.-Rollo man. DKL SK06 4564SWL</t>
  </si>
  <si>
    <t>DKL SK06 4574S</t>
  </si>
  <si>
    <t>5702328969681</t>
  </si>
  <si>
    <t>VELUX Verd.-Rollo man. DKL SK06 4574S</t>
  </si>
  <si>
    <t>DKL SK06 4574SWL</t>
  </si>
  <si>
    <t>5702328976528</t>
  </si>
  <si>
    <t>VELUX Verd.-Rollo man. DKL SK06 4574SWL</t>
  </si>
  <si>
    <t>DKL SK06 4575S</t>
  </si>
  <si>
    <t>5702328969698</t>
  </si>
  <si>
    <t>VELUX Verd.-Rollo man. DKL SK06 4575S</t>
  </si>
  <si>
    <t>DKL SK06 4575SWL</t>
  </si>
  <si>
    <t>5702328976535</t>
  </si>
  <si>
    <t>VELUX Verd.-Rollo man. DKL SK06 4575SWL</t>
  </si>
  <si>
    <t>DKL SK06 4576S</t>
  </si>
  <si>
    <t>5702328969704</t>
  </si>
  <si>
    <t>VELUX Verd.-Rollo man. DKL SK06 4576S</t>
  </si>
  <si>
    <t>DKL SK06 4576SWL</t>
  </si>
  <si>
    <t>5702328976542</t>
  </si>
  <si>
    <t>VELUX Verd.-Rollo man. DKL SK06 4576SWL</t>
  </si>
  <si>
    <t>DKL SK06 4577S</t>
  </si>
  <si>
    <t>5702328969711</t>
  </si>
  <si>
    <t>VELUX Verd.-Rollo man. DKL SK06 4577S</t>
  </si>
  <si>
    <t>DKL SK06 4577SWL</t>
  </si>
  <si>
    <t>5702328976559</t>
  </si>
  <si>
    <t>VELUX Verd.-Rollo man. DKL SK06 4577SWL</t>
  </si>
  <si>
    <t>DKL SK06 4578S</t>
  </si>
  <si>
    <t>5702328969728</t>
  </si>
  <si>
    <t>VELUX Verd.-Rollo man. DKL SK06 4578S</t>
  </si>
  <si>
    <t>DKL SK06 4578SWL</t>
  </si>
  <si>
    <t>5702328976566</t>
  </si>
  <si>
    <t>VELUX Verd.-Rollo man. DKL SK06 4578SWL</t>
  </si>
  <si>
    <t>DKL SK06 4579S</t>
  </si>
  <si>
    <t>5702328969735</t>
  </si>
  <si>
    <t>VELUX Verd.-Rollo man. DKL SK06 4579S</t>
  </si>
  <si>
    <t>DKL SK06 4579SWL</t>
  </si>
  <si>
    <t>5702328976573</t>
  </si>
  <si>
    <t>VELUX Verd.-Rollo man. DKL SK06 4579SWL</t>
  </si>
  <si>
    <t>DKL SK06 4580S</t>
  </si>
  <si>
    <t>5702328969742</t>
  </si>
  <si>
    <t>VELUX Verd.-Rollo man. DKL SK06 4580S</t>
  </si>
  <si>
    <t>DKL SK06 4580SWL</t>
  </si>
  <si>
    <t>5702328976580</t>
  </si>
  <si>
    <t>VELUX Verd.-Rollo man. DKL SK06 4580SWL</t>
  </si>
  <si>
    <t>DKL SK06 4581S</t>
  </si>
  <si>
    <t>5702328969759</t>
  </si>
  <si>
    <t>VELUX Verd.-Rollo man. DKL SK06 4581S</t>
  </si>
  <si>
    <t>DKL SK06 4581SWL</t>
  </si>
  <si>
    <t>5702328976597</t>
  </si>
  <si>
    <t>VELUX Verd.-Rollo man. DKL SK06 4581SWL</t>
  </si>
  <si>
    <t>DKL SK06 4653S</t>
  </si>
  <si>
    <t>5702328536142</t>
  </si>
  <si>
    <t>VELUX Verd.-Rollo man. DKL SK06 4653S</t>
  </si>
  <si>
    <t>DKL SK06 4653SWL</t>
  </si>
  <si>
    <t>5702328821293</t>
  </si>
  <si>
    <t>VELUX Verd.-Rollo man. DKL SK06 4653SWL</t>
  </si>
  <si>
    <t>DKL SK06 4654S</t>
  </si>
  <si>
    <t>5702328536159</t>
  </si>
  <si>
    <t>VELUX Verd.-Rollo man. DKL SK06 4654S</t>
  </si>
  <si>
    <t>DKL SK06 4654SWL</t>
  </si>
  <si>
    <t>5702328821309</t>
  </si>
  <si>
    <t>VELUX Verd.-Rollo man. DKL SK06 4654SWL</t>
  </si>
  <si>
    <t>DKL SK06 4655S</t>
  </si>
  <si>
    <t>5702328536166</t>
  </si>
  <si>
    <t>VELUX Verd.-Rollo man. DKL SK06 4655S</t>
  </si>
  <si>
    <t>DKL SK06 4655SWL</t>
  </si>
  <si>
    <t>5702328821316</t>
  </si>
  <si>
    <t>VELUX Verd.-Rollo man. DKL SK06 4655SWL</t>
  </si>
  <si>
    <t>DKL SK06 4659S</t>
  </si>
  <si>
    <t>5702328536203</t>
  </si>
  <si>
    <t>VELUX Verd.-Rollo man. DKL SK06 4659S</t>
  </si>
  <si>
    <t>DKL SK06 4659SWL</t>
  </si>
  <si>
    <t>5702328821354</t>
  </si>
  <si>
    <t>VELUX Verd.-Rollo man. DKL SK06 4659SWL</t>
  </si>
  <si>
    <t>DKL SK06 4660S</t>
  </si>
  <si>
    <t>5702328536210</t>
  </si>
  <si>
    <t>VELUX Verd.-Rollo man. DKL SK06 4660S</t>
  </si>
  <si>
    <t>DKL SK06 4660SWL</t>
  </si>
  <si>
    <t>5702328821361</t>
  </si>
  <si>
    <t>VELUX Verd.-Rollo man. DKL SK06 4660SWL</t>
  </si>
  <si>
    <t>DKL SK06 4661S</t>
  </si>
  <si>
    <t>5702328536227</t>
  </si>
  <si>
    <t>VELUX Verd.-Rollo man. DKL SK06 4661S</t>
  </si>
  <si>
    <t>DKL SK06 4661SWL</t>
  </si>
  <si>
    <t>5702328821378</t>
  </si>
  <si>
    <t>VELUX Verd.-Rollo man. DKL SK06 4661SWL</t>
  </si>
  <si>
    <t>DKL SK06 4665S</t>
  </si>
  <si>
    <t>5702328536265</t>
  </si>
  <si>
    <t>VELUX Verd.-Rollo man. DKL SK06 4665S</t>
  </si>
  <si>
    <t>DKL SK06 4665SWL</t>
  </si>
  <si>
    <t>5702328821415</t>
  </si>
  <si>
    <t>VELUX Verd.-Rollo man. DKL SK06 4665SWL</t>
  </si>
  <si>
    <t>DKL SK06 4666S</t>
  </si>
  <si>
    <t>5702328536272</t>
  </si>
  <si>
    <t>VELUX Verd.-Rollo man. DKL SK06 4666S</t>
  </si>
  <si>
    <t>DKL SK06 4666SWL</t>
  </si>
  <si>
    <t>5702328821422</t>
  </si>
  <si>
    <t>VELUX Verd.-Rollo man. DKL SK06 4666SWL</t>
  </si>
  <si>
    <t>DKL SK06 4667S</t>
  </si>
  <si>
    <t>5702328536289</t>
  </si>
  <si>
    <t>VELUX Verd.-Rollo man. DKL SK06 4667S</t>
  </si>
  <si>
    <t>DKL SK06 4667SWL</t>
  </si>
  <si>
    <t>5702328821439</t>
  </si>
  <si>
    <t>VELUX Verd.-Rollo man. DKL SK06 4667SWL</t>
  </si>
  <si>
    <t>DKL SK06 CBYS</t>
  </si>
  <si>
    <t>5702328765986</t>
  </si>
  <si>
    <t>VELUX Verd.-Rollo man. DKL SK06 CBYS</t>
  </si>
  <si>
    <t>DKL SK06 CBYSWL</t>
  </si>
  <si>
    <t>5702328861336</t>
  </si>
  <si>
    <t>VELUX Verd.-Rollo man. DKL SK06 CBYSWL</t>
  </si>
  <si>
    <t>DKL SK08 0705S</t>
  </si>
  <si>
    <t>5702326761621</t>
  </si>
  <si>
    <t>VELUX Verd.-Rollo man. DKL SK08 0705S</t>
  </si>
  <si>
    <t>DKL SK08 0705SWL</t>
  </si>
  <si>
    <t>5702326761638</t>
  </si>
  <si>
    <t>VELUX Verd.-Rollo man. DKL SK08 0705SWL</t>
  </si>
  <si>
    <t>DKL SK08 1025S</t>
  </si>
  <si>
    <t>5702326761676</t>
  </si>
  <si>
    <t>VELUX Verd.-Rollo man. DKL SK08 1025S</t>
  </si>
  <si>
    <t>DKL SK08 1025SWL</t>
  </si>
  <si>
    <t>5702326761706</t>
  </si>
  <si>
    <t>VELUX Verd.-Rollo man. DKL SK08 1025SWL</t>
  </si>
  <si>
    <t>DKL SK08 1085S</t>
  </si>
  <si>
    <t>5702326761713</t>
  </si>
  <si>
    <t>VELUX Verd.-Rollo man. DKL SK08 1085S</t>
  </si>
  <si>
    <t>DKL SK08 1085SWL</t>
  </si>
  <si>
    <t>5702326761744</t>
  </si>
  <si>
    <t>VELUX Verd.-Rollo man. DKL SK08 1085SWL</t>
  </si>
  <si>
    <t>DKL SK08 1100S</t>
  </si>
  <si>
    <t>5702326761751</t>
  </si>
  <si>
    <t>VELUX Verd.-Rollo man. DKL SK08 1100S</t>
  </si>
  <si>
    <t>DKL SK08 1100SWL</t>
  </si>
  <si>
    <t>5702326761782</t>
  </si>
  <si>
    <t>VELUX Verd.-Rollo man. DKL SK08 1100SWL</t>
  </si>
  <si>
    <t>DKL SK08 3009S</t>
  </si>
  <si>
    <t>5702326762123</t>
  </si>
  <si>
    <t>VELUX Verd.-Rollo man. DKL SK08 3009S</t>
  </si>
  <si>
    <t>DKL SK08 3009SWL</t>
  </si>
  <si>
    <t>5702326762130</t>
  </si>
  <si>
    <t>VELUX Verd.-Rollo man. DKL SK08 3009SWL</t>
  </si>
  <si>
    <t>DKL SK08 4556S</t>
  </si>
  <si>
    <t>5702327424464</t>
  </si>
  <si>
    <t>VELUX Verd.-Rollo man. DKL SK08 4556S</t>
  </si>
  <si>
    <t>DKL SK08 4556SWL</t>
  </si>
  <si>
    <t>5702328821453</t>
  </si>
  <si>
    <t>VELUX Verd.-Rollo man. DKL SK08 4556SWL</t>
  </si>
  <si>
    <t>DKL SK08 4559S</t>
  </si>
  <si>
    <t>5702327424495</t>
  </si>
  <si>
    <t>VELUX Verd.-Rollo man. DKL SK08 4559S</t>
  </si>
  <si>
    <t>DKL SK08 4559SWL</t>
  </si>
  <si>
    <t>5702328821477</t>
  </si>
  <si>
    <t>VELUX Verd.-Rollo man. DKL SK08 4559SWL</t>
  </si>
  <si>
    <t>DKL SK08 4564S</t>
  </si>
  <si>
    <t>5702327424549</t>
  </si>
  <si>
    <t>VELUX Verd.-Rollo man. DKL SK08 4564S</t>
  </si>
  <si>
    <t>DKL SK08 4564SWL</t>
  </si>
  <si>
    <t>5702328821521</t>
  </si>
  <si>
    <t>VELUX Verd.-Rollo man. DKL SK08 4564SWL</t>
  </si>
  <si>
    <t>DKL SK08 4574S</t>
  </si>
  <si>
    <t>5702328969766</t>
  </si>
  <si>
    <t>VELUX Verd.-Rollo man. DKL SK08 4574S</t>
  </si>
  <si>
    <t>DKL SK08 4574SWL</t>
  </si>
  <si>
    <t>5702328976603</t>
  </si>
  <si>
    <t>VELUX Verd.-Rollo man. DKL SK08 4574SWL</t>
  </si>
  <si>
    <t>DKL SK08 4575S</t>
  </si>
  <si>
    <t>5702328969773</t>
  </si>
  <si>
    <t>VELUX Verd.-Rollo man. DKL SK08 4575S</t>
  </si>
  <si>
    <t>DKL SK08 4575SWL</t>
  </si>
  <si>
    <t>5702328976610</t>
  </si>
  <si>
    <t>VELUX Verd.-Rollo man. DKL SK08 4575SWL</t>
  </si>
  <si>
    <t>DKL SK08 4576S</t>
  </si>
  <si>
    <t>5702328969780</t>
  </si>
  <si>
    <t>VELUX Verd.-Rollo man. DKL SK08 4576S</t>
  </si>
  <si>
    <t>DKL SK08 4576SWL</t>
  </si>
  <si>
    <t>5702328976627</t>
  </si>
  <si>
    <t>VELUX Verd.-Rollo man. DKL SK08 4576SWL</t>
  </si>
  <si>
    <t>DKL SK08 4577S</t>
  </si>
  <si>
    <t>5702328969797</t>
  </si>
  <si>
    <t>VELUX Verd.-Rollo man. DKL SK08 4577S</t>
  </si>
  <si>
    <t>DKL SK08 4577SWL</t>
  </si>
  <si>
    <t>5702328976634</t>
  </si>
  <si>
    <t>VELUX Verd.-Rollo man. DKL SK08 4577SWL</t>
  </si>
  <si>
    <t>DKL SK08 4578S</t>
  </si>
  <si>
    <t>5702328969803</t>
  </si>
  <si>
    <t>VELUX Verd.-Rollo man. DKL SK08 4578S</t>
  </si>
  <si>
    <t>DKL SK08 4578SWL</t>
  </si>
  <si>
    <t>5702328976641</t>
  </si>
  <si>
    <t>VELUX Verd.-Rollo man. DKL SK08 4578SWL</t>
  </si>
  <si>
    <t>DKL SK08 4579S</t>
  </si>
  <si>
    <t>5702328969810</t>
  </si>
  <si>
    <t>VELUX Verd.-Rollo man. DKL SK08 4579S</t>
  </si>
  <si>
    <t>DKL SK08 4579SWL</t>
  </si>
  <si>
    <t>5702328976658</t>
  </si>
  <si>
    <t>VELUX Verd.-Rollo man. DKL SK08 4579SWL</t>
  </si>
  <si>
    <t>DKL SK08 4580S</t>
  </si>
  <si>
    <t>5702328969827</t>
  </si>
  <si>
    <t>VELUX Verd.-Rollo man. DKL SK08 4580S</t>
  </si>
  <si>
    <t>DKL SK08 4580SWL</t>
  </si>
  <si>
    <t>5702328976665</t>
  </si>
  <si>
    <t>VELUX Verd.-Rollo man. DKL SK08 4580SWL</t>
  </si>
  <si>
    <t>DKL SK08 4581S</t>
  </si>
  <si>
    <t>5702328969834</t>
  </si>
  <si>
    <t>VELUX Verd.-Rollo man. DKL SK08 4581S</t>
  </si>
  <si>
    <t>DKL SK08 4581SWL</t>
  </si>
  <si>
    <t>5702328976672</t>
  </si>
  <si>
    <t>VELUX Verd.-Rollo man. DKL SK08 4581SWL</t>
  </si>
  <si>
    <t>DKL SK08 4653S</t>
  </si>
  <si>
    <t>5702328536326</t>
  </si>
  <si>
    <t>VELUX Verd.-Rollo man. DKL SK08 4653S</t>
  </si>
  <si>
    <t>DKL SK08 4653SWL</t>
  </si>
  <si>
    <t>5702328821644</t>
  </si>
  <si>
    <t>VELUX Verd.-Rollo man. DKL SK08 4653SWL</t>
  </si>
  <si>
    <t>DKL SK08 4654S</t>
  </si>
  <si>
    <t>5702328536333</t>
  </si>
  <si>
    <t>VELUX Verd.-Rollo man. DKL SK08 4654S</t>
  </si>
  <si>
    <t>DKL SK08 4654SWL</t>
  </si>
  <si>
    <t>5702328821651</t>
  </si>
  <si>
    <t>VELUX Verd.-Rollo man. DKL SK08 4654SWL</t>
  </si>
  <si>
    <t>DKL SK08 4655SWL</t>
  </si>
  <si>
    <t>5702328821668</t>
  </si>
  <si>
    <t>VELUX Verd.-Rollo man. DKL SK08 4655SWL</t>
  </si>
  <si>
    <t>DKL SK08 4659S</t>
  </si>
  <si>
    <t>5702328536388</t>
  </si>
  <si>
    <t>VELUX Verd.-Rollo man. DKL SK08 4659S</t>
  </si>
  <si>
    <t>DKL SK08 4659SWL</t>
  </si>
  <si>
    <t>5702328821705</t>
  </si>
  <si>
    <t>VELUX Verd.-Rollo man. DKL SK08 4659SWL</t>
  </si>
  <si>
    <t>DKL SK08 4660S</t>
  </si>
  <si>
    <t>5702328536418</t>
  </si>
  <si>
    <t>VELUX Verd.-Rollo man. DKL SK08 4660S</t>
  </si>
  <si>
    <t>DKL SK08 4660SWL</t>
  </si>
  <si>
    <t>5702328821712</t>
  </si>
  <si>
    <t>VELUX Verd.-Rollo man. DKL SK08 4660SWL</t>
  </si>
  <si>
    <t>DKL SK08 4661S</t>
  </si>
  <si>
    <t>5702328536456</t>
  </si>
  <si>
    <t>VELUX Verd.-Rollo man. DKL SK08 4661S</t>
  </si>
  <si>
    <t>DKL SK08 4661SWL</t>
  </si>
  <si>
    <t>5702328821729</t>
  </si>
  <si>
    <t>VELUX Verd.-Rollo man. DKL SK08 4661SWL</t>
  </si>
  <si>
    <t>DKL SK08 4665S</t>
  </si>
  <si>
    <t>5702328536494</t>
  </si>
  <si>
    <t>VELUX Verd.-Rollo man. DKL SK08 4665S</t>
  </si>
  <si>
    <t>DKL SK08 4665SWL</t>
  </si>
  <si>
    <t>5702328821767</t>
  </si>
  <si>
    <t>VELUX Verd.-Rollo man. DKL SK08 4665SWL</t>
  </si>
  <si>
    <t>DKL SK08 4666S</t>
  </si>
  <si>
    <t>5702328536500</t>
  </si>
  <si>
    <t>VELUX Verd.-Rollo man. DKL SK08 4666S</t>
  </si>
  <si>
    <t>DKL SK08 4666SWL</t>
  </si>
  <si>
    <t>5702328821774</t>
  </si>
  <si>
    <t>VELUX Verd.-Rollo man. DKL SK08 4666SWL</t>
  </si>
  <si>
    <t>DKL SK08 4667S</t>
  </si>
  <si>
    <t>5702328536517</t>
  </si>
  <si>
    <t>VELUX Verd.-Rollo man. DKL SK08 4667S</t>
  </si>
  <si>
    <t>DKL SK08 4667SWL</t>
  </si>
  <si>
    <t>5702328821781</t>
  </si>
  <si>
    <t>VELUX Verd.-Rollo man. DKL SK08 4667SWL</t>
  </si>
  <si>
    <t>DKL SK08 CBYS</t>
  </si>
  <si>
    <t>5702328765993</t>
  </si>
  <si>
    <t>VELUX Verd.-Rollo man. DKL SK08 CBYS</t>
  </si>
  <si>
    <t>DKL SK08 CBYSWL</t>
  </si>
  <si>
    <t>5702328861343</t>
  </si>
  <si>
    <t>VELUX Verd.-Rollo man. DKL SK08 CBYSWL</t>
  </si>
  <si>
    <t>DKL SK10 0705S</t>
  </si>
  <si>
    <t>5702326762550</t>
  </si>
  <si>
    <t>VELUX Verd.-Rollo man. DKL SK10 0705S</t>
  </si>
  <si>
    <t>DKL SK10 0705SWL</t>
  </si>
  <si>
    <t>5702326762567</t>
  </si>
  <si>
    <t>VELUX Verd.-Rollo man. DKL SK10 0705SWL</t>
  </si>
  <si>
    <t>DKL SK10 1025S</t>
  </si>
  <si>
    <t>5702326762598</t>
  </si>
  <si>
    <t>VELUX Verd.-Rollo man. DKL SK10 1025S</t>
  </si>
  <si>
    <t>DKL SK10 1025SWL</t>
  </si>
  <si>
    <t>5702326762604</t>
  </si>
  <si>
    <t>VELUX Verd.-Rollo man. DKL SK10 1025SWL</t>
  </si>
  <si>
    <t>DKL SK10 1085S</t>
  </si>
  <si>
    <t>5702326762611</t>
  </si>
  <si>
    <t>VELUX Verd.-Rollo man. DKL SK10 1085S</t>
  </si>
  <si>
    <t>DKL SK10 1085SWL</t>
  </si>
  <si>
    <t>5702326762628</t>
  </si>
  <si>
    <t>VELUX Verd.-Rollo man. DKL SK10 1085SWL</t>
  </si>
  <si>
    <t>DKL SK10 1100S</t>
  </si>
  <si>
    <t>5702326762635</t>
  </si>
  <si>
    <t>VELUX Verd.-Rollo man. DKL SK10 1100S</t>
  </si>
  <si>
    <t>DKL SK10 1100SWL</t>
  </si>
  <si>
    <t>5702326762642</t>
  </si>
  <si>
    <t>VELUX Verd.-Rollo man. DKL SK10 1100SWL</t>
  </si>
  <si>
    <t>DKL SK10 3009S</t>
  </si>
  <si>
    <t>5702326762994</t>
  </si>
  <si>
    <t>VELUX Verd.-Rollo man. DKL SK10 3009S</t>
  </si>
  <si>
    <t>DKL SK10 3009SWL</t>
  </si>
  <si>
    <t>5702326763007</t>
  </si>
  <si>
    <t>VELUX Verd.-Rollo man. DKL SK10 3009SWL</t>
  </si>
  <si>
    <t>DKL SK10 4556S</t>
  </si>
  <si>
    <t>5702327424655</t>
  </si>
  <si>
    <t>VELUX Verd.-Rollo man. DKL SK10 4556S</t>
  </si>
  <si>
    <t>DKL SK10 4556SWL</t>
  </si>
  <si>
    <t>5702328821804</t>
  </si>
  <si>
    <t>VELUX Verd.-Rollo man. DKL SK10 4556SWL</t>
  </si>
  <si>
    <t>DKL SK10 4559S</t>
  </si>
  <si>
    <t>5702327424686</t>
  </si>
  <si>
    <t>VELUX Verd.-Rollo man. DKL SK10 4559S</t>
  </si>
  <si>
    <t>DKL SK10 4559SWL</t>
  </si>
  <si>
    <t>5702328821828</t>
  </si>
  <si>
    <t>VELUX Verd.-Rollo man. DKL SK10 4559SWL</t>
  </si>
  <si>
    <t>DKL SK10 4564S</t>
  </si>
  <si>
    <t>5702327424730</t>
  </si>
  <si>
    <t>VELUX Verd.-Rollo man. DKL SK10 4564S</t>
  </si>
  <si>
    <t>DKL SK10 4564SWL</t>
  </si>
  <si>
    <t>5702328821873</t>
  </si>
  <si>
    <t>VELUX Verd.-Rollo man. DKL SK10 4564SWL</t>
  </si>
  <si>
    <t>DKL SK10 4574S</t>
  </si>
  <si>
    <t>5702328969841</t>
  </si>
  <si>
    <t>VELUX Verd.-Rollo man. DKL SK10 4574S</t>
  </si>
  <si>
    <t>DKL SK10 4574SWL</t>
  </si>
  <si>
    <t>5702328976689</t>
  </si>
  <si>
    <t>VELUX Verd.-Rollo man. DKL SK10 4574SWL</t>
  </si>
  <si>
    <t>DKL SK10 4575S</t>
  </si>
  <si>
    <t>5702328969858</t>
  </si>
  <si>
    <t>VELUX Verd.-Rollo man. DKL SK10 4575S</t>
  </si>
  <si>
    <t>DKL SK10 4575SWL</t>
  </si>
  <si>
    <t>5702328976696</t>
  </si>
  <si>
    <t>VELUX Verd.-Rollo man. DKL SK10 4575SWL</t>
  </si>
  <si>
    <t>DKL SK10 4576S</t>
  </si>
  <si>
    <t>5702328969865</t>
  </si>
  <si>
    <t>VELUX Verd.-Rollo man. DKL SK10 4576S</t>
  </si>
  <si>
    <t>DKL SK10 4576SWL</t>
  </si>
  <si>
    <t>5702328976702</t>
  </si>
  <si>
    <t>VELUX Verd.-Rollo man. DKL SK10 4576SWL</t>
  </si>
  <si>
    <t>DKL SK10 4577S</t>
  </si>
  <si>
    <t>5702328969872</t>
  </si>
  <si>
    <t>VELUX Verd.-Rollo man. DKL SK10 4577S</t>
  </si>
  <si>
    <t>DKL SK10 4577SWL</t>
  </si>
  <si>
    <t>5702328976719</t>
  </si>
  <si>
    <t>VELUX Verd.-Rollo man. DKL SK10 4577SWL</t>
  </si>
  <si>
    <t>DKL SK10 4578S</t>
  </si>
  <si>
    <t>5702328969889</t>
  </si>
  <si>
    <t>VELUX Verd.-Rollo man. DKL SK10 4578S</t>
  </si>
  <si>
    <t>DKL SK10 4578SWL</t>
  </si>
  <si>
    <t>5702328976726</t>
  </si>
  <si>
    <t>VELUX Verd.-Rollo man. DKL SK10 4578SWL</t>
  </si>
  <si>
    <t>DKL SK10 4579S</t>
  </si>
  <si>
    <t>5702328969896</t>
  </si>
  <si>
    <t>VELUX Verd.-Rollo man. DKL SK10 4579S</t>
  </si>
  <si>
    <t>DKL SK10 4579SWL</t>
  </si>
  <si>
    <t>5702328976733</t>
  </si>
  <si>
    <t>VELUX Verd.-Rollo man. DKL SK10 4579SWL</t>
  </si>
  <si>
    <t>DKL SK10 4580S</t>
  </si>
  <si>
    <t>5702328969902</t>
  </si>
  <si>
    <t>VELUX Verd.-Rollo man. DKL SK10 4580S</t>
  </si>
  <si>
    <t>DKL SK10 4580SWL</t>
  </si>
  <si>
    <t>5702328976740</t>
  </si>
  <si>
    <t>VELUX Verd.-Rollo man. DKL SK10 4580SWL</t>
  </si>
  <si>
    <t>DKL SK10 4581S</t>
  </si>
  <si>
    <t>5702328969919</t>
  </si>
  <si>
    <t>VELUX Verd.-Rollo man. DKL SK10 4581S</t>
  </si>
  <si>
    <t>DKL SK10 4581SWL</t>
  </si>
  <si>
    <t>5702328976757</t>
  </si>
  <si>
    <t>VELUX Verd.-Rollo man. DKL SK10 4581SWL</t>
  </si>
  <si>
    <t>DKL SK10 4653S</t>
  </si>
  <si>
    <t>5702328536555</t>
  </si>
  <si>
    <t>VELUX Verd.-Rollo man. DKL SK10 4653S</t>
  </si>
  <si>
    <t>DKL SK10 4653SWL</t>
  </si>
  <si>
    <t>5702328821996</t>
  </si>
  <si>
    <t>VELUX Verd.-Rollo man. DKL SK10 4653SWL</t>
  </si>
  <si>
    <t>DKL SK10 4654SWL</t>
  </si>
  <si>
    <t>5702328822009</t>
  </si>
  <si>
    <t>VELUX Verd.-Rollo man. DKL SK10 4654SWL</t>
  </si>
  <si>
    <t>DKL SK10 4655S</t>
  </si>
  <si>
    <t>5702328536579</t>
  </si>
  <si>
    <t>VELUX Verd.-Rollo man. DKL SK10 4655S</t>
  </si>
  <si>
    <t>DKL SK10 4655SWL</t>
  </si>
  <si>
    <t>5702328822016</t>
  </si>
  <si>
    <t>VELUX Verd.-Rollo man. DKL SK10 4655SWL</t>
  </si>
  <si>
    <t>DKL SK10 4659S</t>
  </si>
  <si>
    <t>5702328536715</t>
  </si>
  <si>
    <t>VELUX Verd.-Rollo man. DKL SK10 4659S</t>
  </si>
  <si>
    <t>DKL SK10 4659SWL</t>
  </si>
  <si>
    <t>5702328822054</t>
  </si>
  <si>
    <t>VELUX Verd.-Rollo man. DKL SK10 4659SWL</t>
  </si>
  <si>
    <t>DKL SK10 4660S</t>
  </si>
  <si>
    <t>5702328536821</t>
  </si>
  <si>
    <t>VELUX Verd.-Rollo man. DKL SK10 4660S</t>
  </si>
  <si>
    <t>DKL SK10 4660SWL</t>
  </si>
  <si>
    <t>5702328822061</t>
  </si>
  <si>
    <t>VELUX Verd.-Rollo man. DKL SK10 4660SWL</t>
  </si>
  <si>
    <t>DKL SK10 4661SWL</t>
  </si>
  <si>
    <t>5702328822078</t>
  </si>
  <si>
    <t>VELUX Verd.-Rollo man. DKL SK10 4661SWL</t>
  </si>
  <si>
    <t>DKL SK10 4665S</t>
  </si>
  <si>
    <t>5702328537101</t>
  </si>
  <si>
    <t>VELUX Verd.-Rollo man. DKL SK10 4665S</t>
  </si>
  <si>
    <t>DKL SK10 4665SWL</t>
  </si>
  <si>
    <t>5702328822115</t>
  </si>
  <si>
    <t>VELUX Verd.-Rollo man. DKL SK10 4665SWL</t>
  </si>
  <si>
    <t>DKL SK10 4666S</t>
  </si>
  <si>
    <t>5702328537118</t>
  </si>
  <si>
    <t>VELUX Verd.-Rollo man. DKL SK10 4666S</t>
  </si>
  <si>
    <t>DKL SK10 4666SWL</t>
  </si>
  <si>
    <t>5702328822122</t>
  </si>
  <si>
    <t>VELUX Verd.-Rollo man. DKL SK10 4666SWL</t>
  </si>
  <si>
    <t>DKL SK10 4667S</t>
  </si>
  <si>
    <t>5702328537125</t>
  </si>
  <si>
    <t>VELUX Verd.-Rollo man. DKL SK10 4667S</t>
  </si>
  <si>
    <t>DKL SK10 4667SWL</t>
  </si>
  <si>
    <t>5702328822139</t>
  </si>
  <si>
    <t>VELUX Verd.-Rollo man. DKL SK10 4667SWL</t>
  </si>
  <si>
    <t>DKL SK10 CBYS</t>
  </si>
  <si>
    <t>5702328766006</t>
  </si>
  <si>
    <t>VELUX Verd.-Rollo man. DKL SK10 CBYS</t>
  </si>
  <si>
    <t>DKL SK10 CBYSWL</t>
  </si>
  <si>
    <t>5702328861350</t>
  </si>
  <si>
    <t>VELUX Verd.-Rollo man. DKL SK10 CBYSWL</t>
  </si>
  <si>
    <t>DKL U04 0705S</t>
  </si>
  <si>
    <t>5702325096687</t>
  </si>
  <si>
    <t>VELUX Verd.-Rollo man. DKL U04 0705S</t>
  </si>
  <si>
    <t>DKL U04 0705SWL</t>
  </si>
  <si>
    <t>5702328822146</t>
  </si>
  <si>
    <t>VELUX Verd.-Rollo man. DKL U04 0705SWL</t>
  </si>
  <si>
    <t>DKL U04 1025S</t>
  </si>
  <si>
    <t>5702325145279</t>
  </si>
  <si>
    <t>VELUX Verd.-Rollo man. DKL U04 1025S</t>
  </si>
  <si>
    <t>DKL U04 1025SWL</t>
  </si>
  <si>
    <t>5702328822153</t>
  </si>
  <si>
    <t>VELUX Verd.-Rollo man. DKL U04 1025SWL</t>
  </si>
  <si>
    <t>DKL U04 1085S</t>
  </si>
  <si>
    <t>5702325145286</t>
  </si>
  <si>
    <t>VELUX Verd.-Rollo man. DKL U04 1085S</t>
  </si>
  <si>
    <t>DKL U04 1085SWL</t>
  </si>
  <si>
    <t>5702328822160</t>
  </si>
  <si>
    <t>VELUX Verd.-Rollo man. DKL U04 1085SWL</t>
  </si>
  <si>
    <t>DKL U04 1100S</t>
  </si>
  <si>
    <t>5702325145293</t>
  </si>
  <si>
    <t>VELUX Verd.-Rollo man. DKL U04 1100S</t>
  </si>
  <si>
    <t>DKL U04 1100SWL</t>
  </si>
  <si>
    <t>5702328822177</t>
  </si>
  <si>
    <t>VELUX Verd.-Rollo man. DKL U04 1100SWL</t>
  </si>
  <si>
    <t>DKL U04 3009S</t>
  </si>
  <si>
    <t>5702325145385</t>
  </si>
  <si>
    <t>VELUX Verd.-Rollo man. DKL U04 3009S</t>
  </si>
  <si>
    <t>DKL U04 3009SWL</t>
  </si>
  <si>
    <t>5702325638351</t>
  </si>
  <si>
    <t>VELUX Verd.-Rollo man. DKL U04 3009SWL</t>
  </si>
  <si>
    <t>DKL U04 4556S</t>
  </si>
  <si>
    <t>5702327424846</t>
  </si>
  <si>
    <t>VELUX Verd.-Rollo man. DKL U04 4556S</t>
  </si>
  <si>
    <t>DKL U04 4556SWL</t>
  </si>
  <si>
    <t>5702328822191</t>
  </si>
  <si>
    <t>VELUX Verd.-Rollo man. DKL U04 4556SWL</t>
  </si>
  <si>
    <t>DKL U04 4559S</t>
  </si>
  <si>
    <t>5702327424877</t>
  </si>
  <si>
    <t>VELUX Verd.-Rollo man. DKL U04 4559S</t>
  </si>
  <si>
    <t>DKL U04 4559SWL</t>
  </si>
  <si>
    <t>5702328822214</t>
  </si>
  <si>
    <t>VELUX Verd.-Rollo man. DKL U04 4559SWL</t>
  </si>
  <si>
    <t>DKL U04 4564S</t>
  </si>
  <si>
    <t>5702327424921</t>
  </si>
  <si>
    <t>VELUX Verd.-Rollo man. DKL U04 4564S</t>
  </si>
  <si>
    <t>DKL U04 4564SWL</t>
  </si>
  <si>
    <t>5702328822269</t>
  </si>
  <si>
    <t>VELUX Verd.-Rollo man. DKL U04 4564SWL</t>
  </si>
  <si>
    <t>DKL U04 4574S</t>
  </si>
  <si>
    <t>5702328969926</t>
  </si>
  <si>
    <t>VELUX Verd.-Rollo man. DKL U04 4574S</t>
  </si>
  <si>
    <t>DKL U04 4574SWL</t>
  </si>
  <si>
    <t>5702328976764</t>
  </si>
  <si>
    <t>VELUX Verd.-Rollo man. DKL U04 4574SWL</t>
  </si>
  <si>
    <t>DKL U04 4575S</t>
  </si>
  <si>
    <t>5702328969933</t>
  </si>
  <si>
    <t>VELUX Verd.-Rollo man. DKL U04 4575S</t>
  </si>
  <si>
    <t>DKL U04 4575SWL</t>
  </si>
  <si>
    <t>5702328976771</t>
  </si>
  <si>
    <t>VELUX Verd.-Rollo man. DKL U04 4575SWL</t>
  </si>
  <si>
    <t>DKL U04 4576S</t>
  </si>
  <si>
    <t>5702328969940</t>
  </si>
  <si>
    <t>VELUX Verd.-Rollo man. DKL U04 4576S</t>
  </si>
  <si>
    <t>DKL U04 4576SWL</t>
  </si>
  <si>
    <t>5702328976788</t>
  </si>
  <si>
    <t>VELUX Verd.-Rollo man. DKL U04 4576SWL</t>
  </si>
  <si>
    <t>DKL U04 4577S</t>
  </si>
  <si>
    <t>5702328969957</t>
  </si>
  <si>
    <t>VELUX Verd.-Rollo man. DKL U04 4577S</t>
  </si>
  <si>
    <t>DKL U04 4577SWL</t>
  </si>
  <si>
    <t>5702328976795</t>
  </si>
  <si>
    <t>VELUX Verd.-Rollo man. DKL U04 4577SWL</t>
  </si>
  <si>
    <t>DKL U04 4578S</t>
  </si>
  <si>
    <t>5702328969964</t>
  </si>
  <si>
    <t>VELUX Verd.-Rollo man. DKL U04 4578S</t>
  </si>
  <si>
    <t>DKL U04 4578SWL</t>
  </si>
  <si>
    <t>5702328976801</t>
  </si>
  <si>
    <t>VELUX Verd.-Rollo man. DKL U04 4578SWL</t>
  </si>
  <si>
    <t>DKL U04 4579S</t>
  </si>
  <si>
    <t>5702328969971</t>
  </si>
  <si>
    <t>VELUX Verd.-Rollo man. DKL U04 4579S</t>
  </si>
  <si>
    <t>DKL U04 4579SWL</t>
  </si>
  <si>
    <t>5702328976818</t>
  </si>
  <si>
    <t>VELUX Verd.-Rollo man. DKL U04 4579SWL</t>
  </si>
  <si>
    <t>DKL U04 4580S</t>
  </si>
  <si>
    <t>5702328969988</t>
  </si>
  <si>
    <t>VELUX Verd.-Rollo man. DKL U04 4580S</t>
  </si>
  <si>
    <t>DKL U04 4580SWL</t>
  </si>
  <si>
    <t>5702328976825</t>
  </si>
  <si>
    <t>VELUX Verd.-Rollo man. DKL U04 4580SWL</t>
  </si>
  <si>
    <t>DKL U04 4581S</t>
  </si>
  <si>
    <t>5702328969995</t>
  </si>
  <si>
    <t>VELUX Verd.-Rollo man. DKL U04 4581S</t>
  </si>
  <si>
    <t>DKL U04 4581SWL</t>
  </si>
  <si>
    <t>5702328976832</t>
  </si>
  <si>
    <t>VELUX Verd.-Rollo man. DKL U04 4581SWL</t>
  </si>
  <si>
    <t>DKL U04 4653S</t>
  </si>
  <si>
    <t>5702328537163</t>
  </si>
  <si>
    <t>VELUX Verd.-Rollo man. DKL U04 4653S</t>
  </si>
  <si>
    <t>DKL U04 4653SWL</t>
  </si>
  <si>
    <t>5702328822382</t>
  </si>
  <si>
    <t>VELUX Verd.-Rollo man. DKL U04 4653SWL</t>
  </si>
  <si>
    <t>DKL U04 4654S</t>
  </si>
  <si>
    <t>5702328537170</t>
  </si>
  <si>
    <t>VELUX Verd.-Rollo man. DKL U04 4654S</t>
  </si>
  <si>
    <t>DKL U04 4654SWL</t>
  </si>
  <si>
    <t>5702328822399</t>
  </si>
  <si>
    <t>VELUX Verd.-Rollo man. DKL U04 4654SWL</t>
  </si>
  <si>
    <t>DKL U04 4655S</t>
  </si>
  <si>
    <t>5702328537187</t>
  </si>
  <si>
    <t>VELUX Verd.-Rollo man. DKL U04 4655S</t>
  </si>
  <si>
    <t>DKL U04 4655SWL</t>
  </si>
  <si>
    <t>5702328822405</t>
  </si>
  <si>
    <t>VELUX Verd.-Rollo man. DKL U04 4655SWL</t>
  </si>
  <si>
    <t>DKL U04 4659S</t>
  </si>
  <si>
    <t>5702328537224</t>
  </si>
  <si>
    <t>VELUX Verd.-Rollo man. DKL U04 4659S</t>
  </si>
  <si>
    <t>DKL U04 4659SWL</t>
  </si>
  <si>
    <t>5702328822443</t>
  </si>
  <si>
    <t>VELUX Verd.-Rollo man. DKL U04 4659SWL</t>
  </si>
  <si>
    <t>DKL U04 4660S</t>
  </si>
  <si>
    <t>5702328537231</t>
  </si>
  <si>
    <t>VELUX Verd.-Rollo man. DKL U04 4660S</t>
  </si>
  <si>
    <t>DKL U04 4660SWL</t>
  </si>
  <si>
    <t>5702328822450</t>
  </si>
  <si>
    <t>VELUX Verd.-Rollo man. DKL U04 4660SWL</t>
  </si>
  <si>
    <t>DKL U04 4661S</t>
  </si>
  <si>
    <t>5702328537248</t>
  </si>
  <si>
    <t>VELUX Verd.-Rollo man. DKL U04 4661S</t>
  </si>
  <si>
    <t>DKL U04 4661SWL</t>
  </si>
  <si>
    <t>5702328822467</t>
  </si>
  <si>
    <t>VELUX Verd.-Rollo man. DKL U04 4661SWL</t>
  </si>
  <si>
    <t>DKL U04 4665S</t>
  </si>
  <si>
    <t>5702328537293</t>
  </si>
  <si>
    <t>VELUX Verd.-Rollo man. DKL U04 4665S</t>
  </si>
  <si>
    <t>DKL U04 4665SWL</t>
  </si>
  <si>
    <t>5702328822504</t>
  </si>
  <si>
    <t>VELUX Verd.-Rollo man. DKL U04 4665SWL</t>
  </si>
  <si>
    <t>DKL U04 4666S</t>
  </si>
  <si>
    <t>5702328537316</t>
  </si>
  <si>
    <t>VELUX Verd.-Rollo man. DKL U04 4666S</t>
  </si>
  <si>
    <t>DKL U04 4666SWL</t>
  </si>
  <si>
    <t>5702328822511</t>
  </si>
  <si>
    <t>VELUX Verd.-Rollo man. DKL U04 4666SWL</t>
  </si>
  <si>
    <t>DKL U04 4667S</t>
  </si>
  <si>
    <t>5702328537323</t>
  </si>
  <si>
    <t>VELUX Verd.-Rollo man. DKL U04 4667S</t>
  </si>
  <si>
    <t>DKL U04 4667SWL</t>
  </si>
  <si>
    <t>5702328822528</t>
  </si>
  <si>
    <t>VELUX Verd.-Rollo man. DKL U04 4667SWL</t>
  </si>
  <si>
    <t>DKL U04 CBYS</t>
  </si>
  <si>
    <t>5702328766013</t>
  </si>
  <si>
    <t>VELUX Verd.-Rollo man. DKL U04 CBYS</t>
  </si>
  <si>
    <t>DKL U04 CBYSWL</t>
  </si>
  <si>
    <t>5702328881365</t>
  </si>
  <si>
    <t>VELUX Verd.-Rollo man. DKL U04 CBYSWL</t>
  </si>
  <si>
    <t>DKL U08 0705S</t>
  </si>
  <si>
    <t>5702325097141</t>
  </si>
  <si>
    <t>VELUX Verd.-Rollo man. DKL U08 0705S</t>
  </si>
  <si>
    <t>DKL U08 0705SWL</t>
  </si>
  <si>
    <t>5702325638559</t>
  </si>
  <si>
    <t>VELUX Verd.-Rollo man. DKL U08 0705SWL</t>
  </si>
  <si>
    <t>DKL U08 1025S</t>
  </si>
  <si>
    <t>5702325097165</t>
  </si>
  <si>
    <t>VELUX Verd.-Rollo man. DKL U08 1025S</t>
  </si>
  <si>
    <t>DKL U08 1025SWL</t>
  </si>
  <si>
    <t>5702325638573</t>
  </si>
  <si>
    <t>VELUX Verd.-Rollo man. DKL U08 1025SWL</t>
  </si>
  <si>
    <t>DKL U08 1085S</t>
  </si>
  <si>
    <t>5702325097172</t>
  </si>
  <si>
    <t>VELUX Verd.-Rollo man. DKL U08 1085S</t>
  </si>
  <si>
    <t>DKL U08 1085SWL</t>
  </si>
  <si>
    <t>5702325638580</t>
  </si>
  <si>
    <t>VELUX Verd.-Rollo man. DKL U08 1085SWL</t>
  </si>
  <si>
    <t>DKL U08 1100S</t>
  </si>
  <si>
    <t>5702325097189</t>
  </si>
  <si>
    <t>VELUX Verd.-Rollo man. DKL U08 1100S</t>
  </si>
  <si>
    <t>DKL U08 1100SWL</t>
  </si>
  <si>
    <t>5702325638597</t>
  </si>
  <si>
    <t>VELUX Verd.-Rollo man. DKL U08 1100SWL</t>
  </si>
  <si>
    <t>DKL U08 3009S</t>
  </si>
  <si>
    <t>5702325145606</t>
  </si>
  <si>
    <t>VELUX Verd.-Rollo man. DKL U08 3009S</t>
  </si>
  <si>
    <t>DKL U08 3009SWL</t>
  </si>
  <si>
    <t>5702325638764</t>
  </si>
  <si>
    <t>VELUX Verd.-Rollo man. DKL U08 3009SWL</t>
  </si>
  <si>
    <t>DKL U08 4556S</t>
  </si>
  <si>
    <t>5702327425034</t>
  </si>
  <si>
    <t>VELUX Verd.-Rollo man. DKL U08 4556S</t>
  </si>
  <si>
    <t>DKL U08 4556SWL</t>
  </si>
  <si>
    <t>5702328822542</t>
  </si>
  <si>
    <t>VELUX Verd.-Rollo man. DKL U08 4556SWL</t>
  </si>
  <si>
    <t>DKL U08 4559S</t>
  </si>
  <si>
    <t>5702327425065</t>
  </si>
  <si>
    <t>VELUX Verd.-Rollo man. DKL U08 4559S</t>
  </si>
  <si>
    <t>DKL U08 4559SWL</t>
  </si>
  <si>
    <t>5702328822566</t>
  </si>
  <si>
    <t>VELUX Verd.-Rollo man. DKL U08 4559SWL</t>
  </si>
  <si>
    <t>DKL U08 4564S</t>
  </si>
  <si>
    <t>5702327425119</t>
  </si>
  <si>
    <t>VELUX Verd.-Rollo man. DKL U08 4564S</t>
  </si>
  <si>
    <t>DKL U08 4564SWL</t>
  </si>
  <si>
    <t>5702328822610</t>
  </si>
  <si>
    <t>VELUX Verd.-Rollo man. DKL U08 4564SWL</t>
  </si>
  <si>
    <t>DKL U08 4574S</t>
  </si>
  <si>
    <t>5702328970007</t>
  </si>
  <si>
    <t>VELUX Verd.-Rollo man. DKL U08 4574S</t>
  </si>
  <si>
    <t>DKL U08 4574SWL</t>
  </si>
  <si>
    <t>5702328976849</t>
  </si>
  <si>
    <t>VELUX Verd.-Rollo man. DKL U08 4574SWL</t>
  </si>
  <si>
    <t>DKL U08 4575S</t>
  </si>
  <si>
    <t>5702328970014</t>
  </si>
  <si>
    <t>VELUX Verd.-Rollo man. DKL U08 4575S</t>
  </si>
  <si>
    <t>DKL U08 4575SWL</t>
  </si>
  <si>
    <t>5702328976856</t>
  </si>
  <si>
    <t>VELUX Verd.-Rollo man. DKL U08 4575SWL</t>
  </si>
  <si>
    <t>DKL U08 4576S</t>
  </si>
  <si>
    <t>5702328970021</t>
  </si>
  <si>
    <t>VELUX Verd.-Rollo man. DKL U08 4576S</t>
  </si>
  <si>
    <t>DKL U08 4576SWL</t>
  </si>
  <si>
    <t>5702328976863</t>
  </si>
  <si>
    <t>VELUX Verd.-Rollo man. DKL U08 4576SWL</t>
  </si>
  <si>
    <t>DKL U08 4577S</t>
  </si>
  <si>
    <t>5702328970038</t>
  </si>
  <si>
    <t>VELUX Verd.-Rollo man. DKL U08 4577S</t>
  </si>
  <si>
    <t>DKL U08 4577SWL</t>
  </si>
  <si>
    <t>5702328976870</t>
  </si>
  <si>
    <t>VELUX Verd.-Rollo man. DKL U08 4577SWL</t>
  </si>
  <si>
    <t>DKL U08 4578S</t>
  </si>
  <si>
    <t>5702328970045</t>
  </si>
  <si>
    <t>VELUX Verd.-Rollo man. DKL U08 4578S</t>
  </si>
  <si>
    <t>DKL U08 4578SWL</t>
  </si>
  <si>
    <t>5702328976887</t>
  </si>
  <si>
    <t>VELUX Verd.-Rollo man. DKL U08 4578SWL</t>
  </si>
  <si>
    <t>DKL U08 4579S</t>
  </si>
  <si>
    <t>5702328970052</t>
  </si>
  <si>
    <t>VELUX Verd.-Rollo man. DKL U08 4579S</t>
  </si>
  <si>
    <t>DKL U08 4579SWL</t>
  </si>
  <si>
    <t>5702328976894</t>
  </si>
  <si>
    <t>VELUX Verd.-Rollo man. DKL U08 4579SWL</t>
  </si>
  <si>
    <t>DKL U08 4580S</t>
  </si>
  <si>
    <t>5702328970069</t>
  </si>
  <si>
    <t>VELUX Verd.-Rollo man. DKL U08 4580S</t>
  </si>
  <si>
    <t>DKL U08 4580SWL</t>
  </si>
  <si>
    <t>5702328976900</t>
  </si>
  <si>
    <t>VELUX Verd.-Rollo man. DKL U08 4580SWL</t>
  </si>
  <si>
    <t>DKL U08 4581S</t>
  </si>
  <si>
    <t>5702328970076</t>
  </si>
  <si>
    <t>VELUX Verd.-Rollo man. DKL U08 4581S</t>
  </si>
  <si>
    <t>DKL U08 4581SWL</t>
  </si>
  <si>
    <t>5702328976917</t>
  </si>
  <si>
    <t>VELUX Verd.-Rollo man. DKL U08 4581SWL</t>
  </si>
  <si>
    <t>DKL U08 4653S</t>
  </si>
  <si>
    <t>5702328537439</t>
  </si>
  <si>
    <t>VELUX Verd.-Rollo man. DKL U08 4653S</t>
  </si>
  <si>
    <t>DKL U08 4653SWL</t>
  </si>
  <si>
    <t>5702328822733</t>
  </si>
  <si>
    <t>VELUX Verd.-Rollo man. DKL U08 4653SWL</t>
  </si>
  <si>
    <t>DKL U08 4654S</t>
  </si>
  <si>
    <t>5702328537460</t>
  </si>
  <si>
    <t>VELUX Verd.-Rollo man. DKL U08 4654S</t>
  </si>
  <si>
    <t>DKL U08 4654SWL</t>
  </si>
  <si>
    <t>5702328822740</t>
  </si>
  <si>
    <t>VELUX Verd.-Rollo man. DKL U08 4654SWL</t>
  </si>
  <si>
    <t>DKL U08 4655S</t>
  </si>
  <si>
    <t>5702328537484</t>
  </si>
  <si>
    <t>VELUX Verd.-Rollo man. DKL U08 4655S</t>
  </si>
  <si>
    <t>DKL U08 4659S</t>
  </si>
  <si>
    <t>5702328537668</t>
  </si>
  <si>
    <t>VELUX Verd.-Rollo man. DKL U08 4659S</t>
  </si>
  <si>
    <t>DKL U08 4659SWL</t>
  </si>
  <si>
    <t>5702328822795</t>
  </si>
  <si>
    <t>VELUX Verd.-Rollo man. DKL U08 4659SWL</t>
  </si>
  <si>
    <t>DKL U08 4660S</t>
  </si>
  <si>
    <t>5702328537682</t>
  </si>
  <si>
    <t>VELUX Verd.-Rollo man. DKL U08 4660S</t>
  </si>
  <si>
    <t>DKL U08 4660SWL</t>
  </si>
  <si>
    <t>5702328822801</t>
  </si>
  <si>
    <t>VELUX Verd.-Rollo man. DKL U08 4660SWL</t>
  </si>
  <si>
    <t>DKL U08 4661S</t>
  </si>
  <si>
    <t>5702328537699</t>
  </si>
  <si>
    <t>VELUX Verd.-Rollo man. DKL U08 4661S</t>
  </si>
  <si>
    <t>DKL U08 4661SWL</t>
  </si>
  <si>
    <t>5702328822818</t>
  </si>
  <si>
    <t>VELUX Verd.-Rollo man. DKL U08 4661SWL</t>
  </si>
  <si>
    <t>DKL U08 4665S</t>
  </si>
  <si>
    <t>5702328537804</t>
  </si>
  <si>
    <t>VELUX Verd.-Rollo man. DKL U08 4665S</t>
  </si>
  <si>
    <t>DKL U08 4665SWL</t>
  </si>
  <si>
    <t>5702328822856</t>
  </si>
  <si>
    <t>VELUX Verd.-Rollo man. DKL U08 4665SWL</t>
  </si>
  <si>
    <t>DKL U08 4666S</t>
  </si>
  <si>
    <t>5702328537811</t>
  </si>
  <si>
    <t>VELUX Verd.-Rollo man. DKL U08 4666S</t>
  </si>
  <si>
    <t>DKL U08 4666SWL</t>
  </si>
  <si>
    <t>5702328822863</t>
  </si>
  <si>
    <t>VELUX Verd.-Rollo man. DKL U08 4666SWL</t>
  </si>
  <si>
    <t>DKL U08 4667S</t>
  </si>
  <si>
    <t>5702328537828</t>
  </si>
  <si>
    <t>VELUX Verd.-Rollo man. DKL U08 4667S</t>
  </si>
  <si>
    <t>DKL U08 4667SWL</t>
  </si>
  <si>
    <t>5702328822870</t>
  </si>
  <si>
    <t>VELUX Verd.-Rollo man. DKL U08 4667SWL</t>
  </si>
  <si>
    <t>DKL U08 CBYS</t>
  </si>
  <si>
    <t>5702328766020</t>
  </si>
  <si>
    <t>VELUX Verd.-Rollo man. DKL U08 CBYS</t>
  </si>
  <si>
    <t>DKL U08 CBYSWL</t>
  </si>
  <si>
    <t>5702328861367</t>
  </si>
  <si>
    <t>VELUX Verd.-Rollo man. DKL U08 CBYSWL</t>
  </si>
  <si>
    <t>DKL U10 0705S</t>
  </si>
  <si>
    <t>5702325097608</t>
  </si>
  <si>
    <t>VELUX Verd.-Rollo man. DKL U10 0705S</t>
  </si>
  <si>
    <t>DKL U10 0705SWL</t>
  </si>
  <si>
    <t>5702325638962</t>
  </si>
  <si>
    <t>VELUX Verd.-Rollo man. DKL U10 0705SWL</t>
  </si>
  <si>
    <t>DKL U10 1025S</t>
  </si>
  <si>
    <t>5702325097622</t>
  </si>
  <si>
    <t>VELUX Verd.-Rollo man. DKL U10 1025S</t>
  </si>
  <si>
    <t>DKL U10 1025SWL</t>
  </si>
  <si>
    <t>5702325638986</t>
  </si>
  <si>
    <t>VELUX Verd.-Rollo man. DKL U10 1025SWL</t>
  </si>
  <si>
    <t>DKL U10 1085S</t>
  </si>
  <si>
    <t>5702325097639</t>
  </si>
  <si>
    <t>VELUX Verd.-Rollo man. DKL U10 1085S</t>
  </si>
  <si>
    <t>DKL U10 1085SWL</t>
  </si>
  <si>
    <t>5702325638993</t>
  </si>
  <si>
    <t>VELUX Verd.-Rollo man. DKL U10 1085SWL</t>
  </si>
  <si>
    <t>DKL U10 1100S</t>
  </si>
  <si>
    <t>5702325097646</t>
  </si>
  <si>
    <t>VELUX Verd.-Rollo man. DKL U10 1100S</t>
  </si>
  <si>
    <t>DKL U10 1100SWL</t>
  </si>
  <si>
    <t>5702325639006</t>
  </si>
  <si>
    <t>VELUX Verd.-Rollo man. DKL U10 1100SWL</t>
  </si>
  <si>
    <t>DKL U10 3009S</t>
  </si>
  <si>
    <t>5702325145828</t>
  </si>
  <si>
    <t>VELUX Verd.-Rollo man. DKL U10 3009S</t>
  </si>
  <si>
    <t>DKL U10 3009SWL</t>
  </si>
  <si>
    <t>5702325639174</t>
  </si>
  <si>
    <t>VELUX Verd.-Rollo man. DKL U10 3009SWL</t>
  </si>
  <si>
    <t>DKL U10 4556S</t>
  </si>
  <si>
    <t>5702327425225</t>
  </si>
  <si>
    <t>VELUX Verd.-Rollo man. DKL U10 4556S</t>
  </si>
  <si>
    <t>DKL U10 4556SWL</t>
  </si>
  <si>
    <t>5702328822894</t>
  </si>
  <si>
    <t>VELUX Verd.-Rollo man. DKL U10 4556SWL</t>
  </si>
  <si>
    <t>DKL U10 4559S</t>
  </si>
  <si>
    <t>5702327425256</t>
  </si>
  <si>
    <t>VELUX Verd.-Rollo man. DKL U10 4559S</t>
  </si>
  <si>
    <t>DKL U10 4564S</t>
  </si>
  <si>
    <t>5702327425300</t>
  </si>
  <si>
    <t>VELUX Verd.-Rollo man. DKL U10 4564S</t>
  </si>
  <si>
    <t>DKL U10 4564SWL</t>
  </si>
  <si>
    <t>5702328822962</t>
  </si>
  <si>
    <t>VELUX Verd.-Rollo man. DKL U10 4564SWL</t>
  </si>
  <si>
    <t>DKL U10 4574S</t>
  </si>
  <si>
    <t>5702328970083</t>
  </si>
  <si>
    <t>VELUX Verd.-Rollo man. DKL U10 4574S</t>
  </si>
  <si>
    <t>DKL U10 4574SWL</t>
  </si>
  <si>
    <t>5702328976924</t>
  </si>
  <si>
    <t>VELUX Verd.-Rollo man. DKL U10 4574SWL</t>
  </si>
  <si>
    <t>DKL U10 4575S</t>
  </si>
  <si>
    <t>5702328970090</t>
  </si>
  <si>
    <t>VELUX Verd.-Rollo man. DKL U10 4575S</t>
  </si>
  <si>
    <t>DKL U10 4575SWL</t>
  </si>
  <si>
    <t>5702328976931</t>
  </si>
  <si>
    <t>VELUX Verd.-Rollo man. DKL U10 4575SWL</t>
  </si>
  <si>
    <t>DKL U10 4576S</t>
  </si>
  <si>
    <t>5702328970106</t>
  </si>
  <si>
    <t>VELUX Verd.-Rollo man. DKL U10 4576S</t>
  </si>
  <si>
    <t>DKL U10 4576SWL</t>
  </si>
  <si>
    <t>5702328976948</t>
  </si>
  <si>
    <t>VELUX Verd.-Rollo man. DKL U10 4576SWL</t>
  </si>
  <si>
    <t>DKL U10 4577S</t>
  </si>
  <si>
    <t>5702328970113</t>
  </si>
  <si>
    <t>VELUX Verd.-Rollo man. DKL U10 4577S</t>
  </si>
  <si>
    <t>DKL U10 4577SWL</t>
  </si>
  <si>
    <t>5702328976955</t>
  </si>
  <si>
    <t>VELUX Verd.-Rollo man. DKL U10 4577SWL</t>
  </si>
  <si>
    <t>DKL U10 4578S</t>
  </si>
  <si>
    <t>5702328970120</t>
  </si>
  <si>
    <t>VELUX Verd.-Rollo man. DKL U10 4578S</t>
  </si>
  <si>
    <t>DKL U10 4578SWL</t>
  </si>
  <si>
    <t>5702328976962</t>
  </si>
  <si>
    <t>VELUX Verd.-Rollo man. DKL U10 4578SWL</t>
  </si>
  <si>
    <t>DKL U10 4579S</t>
  </si>
  <si>
    <t>5702328970137</t>
  </si>
  <si>
    <t>VELUX Verd.-Rollo man. DKL U10 4579S</t>
  </si>
  <si>
    <t>DKL U10 4579SWL</t>
  </si>
  <si>
    <t>5702328976979</t>
  </si>
  <si>
    <t>VELUX Verd.-Rollo man. DKL U10 4579SWL</t>
  </si>
  <si>
    <t>DKL U10 4580S</t>
  </si>
  <si>
    <t>5702328970144</t>
  </si>
  <si>
    <t>VELUX Verd.-Rollo man. DKL U10 4580S</t>
  </si>
  <si>
    <t>DKL U10 4580SWL</t>
  </si>
  <si>
    <t>5702328976986</t>
  </si>
  <si>
    <t>VELUX Verd.-Rollo man. DKL U10 4580SWL</t>
  </si>
  <si>
    <t>DKL U10 4581S</t>
  </si>
  <si>
    <t>5702328970151</t>
  </si>
  <si>
    <t>VELUX Verd.-Rollo man. DKL U10 4581S</t>
  </si>
  <si>
    <t>DKL U10 4581SWL</t>
  </si>
  <si>
    <t>5702328976993</t>
  </si>
  <si>
    <t>VELUX Verd.-Rollo man. DKL U10 4581SWL</t>
  </si>
  <si>
    <t>DKL U10 4653S</t>
  </si>
  <si>
    <t>5702328537897</t>
  </si>
  <si>
    <t>VELUX Verd.-Rollo man. DKL U10 4653S</t>
  </si>
  <si>
    <t>DKL U10 4653SWL</t>
  </si>
  <si>
    <t>5702328823082</t>
  </si>
  <si>
    <t>VELUX Verd.-Rollo man. DKL U10 4653SWL</t>
  </si>
  <si>
    <t>DKL U10 4659S</t>
  </si>
  <si>
    <t>5702328538016</t>
  </si>
  <si>
    <t>VELUX Verd.-Rollo man. DKL U10 4659S</t>
  </si>
  <si>
    <t>DKL U10 4659SWL</t>
  </si>
  <si>
    <t>5702328823143</t>
  </si>
  <si>
    <t>VELUX Verd.-Rollo man. DKL U10 4659SWL</t>
  </si>
  <si>
    <t>DKL U10 4660S</t>
  </si>
  <si>
    <t>5702328538030</t>
  </si>
  <si>
    <t>VELUX Verd.-Rollo man. DKL U10 4660S</t>
  </si>
  <si>
    <t>DKL U10 CBYS</t>
  </si>
  <si>
    <t>5702328766037</t>
  </si>
  <si>
    <t>VELUX Verd.-Rollo man. DKL U10 CBYS</t>
  </si>
  <si>
    <t>DKL U10 CBYSWL</t>
  </si>
  <si>
    <t>5702328861374</t>
  </si>
  <si>
    <t>VELUX Verd.-Rollo man. DKL U10 CBYSWL</t>
  </si>
  <si>
    <t>DKL U31 0705S</t>
  </si>
  <si>
    <t>5702325098063</t>
  </si>
  <si>
    <t>VELUX Verd.-Rollo man. DKL U31 0705S</t>
  </si>
  <si>
    <t>DKL U31 0705SWL</t>
  </si>
  <si>
    <t>5702325639372</t>
  </si>
  <si>
    <t>VELUX Verd.-Rollo man. DKL U31 0705SWL</t>
  </si>
  <si>
    <t>DKL U31 1025S</t>
  </si>
  <si>
    <t>5702325098087</t>
  </si>
  <si>
    <t>VELUX Verd.-Rollo man. DKL U31 1025S</t>
  </si>
  <si>
    <t>DKL U31 1025SWL</t>
  </si>
  <si>
    <t>5702325639396</t>
  </si>
  <si>
    <t>VELUX Verd.-Rollo man. DKL U31 1025SWL</t>
  </si>
  <si>
    <t>DKL U31 1085S</t>
  </si>
  <si>
    <t>5702325098094</t>
  </si>
  <si>
    <t>VELUX Verd.-Rollo man. DKL U31 1085S</t>
  </si>
  <si>
    <t>DKL U31 1085SWL</t>
  </si>
  <si>
    <t>5702325639402</t>
  </si>
  <si>
    <t>VELUX Verd.-Rollo man. DKL U31 1085SWL</t>
  </si>
  <si>
    <t>DKL U31 1100S</t>
  </si>
  <si>
    <t>5702325098100</t>
  </si>
  <si>
    <t>VELUX Verd.-Rollo man. DKL U31 1100S</t>
  </si>
  <si>
    <t>DKL U31 1100SWL</t>
  </si>
  <si>
    <t>5702325639419</t>
  </si>
  <si>
    <t>VELUX Verd.-Rollo man. DKL U31 1100SWL</t>
  </si>
  <si>
    <t>DKL U31 3009S</t>
  </si>
  <si>
    <t>5702325146047</t>
  </si>
  <si>
    <t>VELUX Verd.-Rollo man. DKL U31 3009S</t>
  </si>
  <si>
    <t>DKL U31 3009SWL</t>
  </si>
  <si>
    <t>5702325639587</t>
  </si>
  <si>
    <t>VELUX Verd.-Rollo man. DKL U31 3009SWL</t>
  </si>
  <si>
    <t>DKL U31 4556S</t>
  </si>
  <si>
    <t>5702327425416</t>
  </si>
  <si>
    <t>VELUX Verd.-Rollo man. DKL U31 4556S</t>
  </si>
  <si>
    <t>DKL U31 4556SWL</t>
  </si>
  <si>
    <t>5702329230650</t>
  </si>
  <si>
    <t>VELUX Verd.-Rollo man. DKL U31 4556SWL</t>
  </si>
  <si>
    <t>DKL U31 4559S</t>
  </si>
  <si>
    <t>5702327425447</t>
  </si>
  <si>
    <t>VELUX Verd.-Rollo man. DKL U31 4559S</t>
  </si>
  <si>
    <t>DKL U31 4559SWL</t>
  </si>
  <si>
    <t>5702329230674</t>
  </si>
  <si>
    <t>VELUX Verd.-Rollo man. DKL U31 4559SWL</t>
  </si>
  <si>
    <t>DKL U31 4564S</t>
  </si>
  <si>
    <t>5702327425492</t>
  </si>
  <si>
    <t>VELUX Verd.-Rollo man. DKL U31 4564S</t>
  </si>
  <si>
    <t>DKL U31 4564SWL</t>
  </si>
  <si>
    <t>5702329230728</t>
  </si>
  <si>
    <t>VELUX Verd.-Rollo man. DKL U31 4564SWL</t>
  </si>
  <si>
    <t>DKL U31 4574SWL</t>
  </si>
  <si>
    <t>5702329228619</t>
  </si>
  <si>
    <t>VELUX Verd.-Rollo man. DKL U31 4574SWL</t>
  </si>
  <si>
    <t>DKL U31 4575S</t>
  </si>
  <si>
    <t>5702328970175</t>
  </si>
  <si>
    <t>VELUX Verd.-Rollo man. DKL U31 4575S</t>
  </si>
  <si>
    <t>DKL U31 4576S</t>
  </si>
  <si>
    <t>5702328970182</t>
  </si>
  <si>
    <t>VELUX Verd.-Rollo man. DKL U31 4576S</t>
  </si>
  <si>
    <t>DKL U31 4577S</t>
  </si>
  <si>
    <t>5702328970199</t>
  </si>
  <si>
    <t>VELUX Verd.-Rollo man. DKL U31 4577S</t>
  </si>
  <si>
    <t>DKL U31 4578S</t>
  </si>
  <si>
    <t>5702328970205</t>
  </si>
  <si>
    <t>VELUX Verd.-Rollo man. DKL U31 4578S</t>
  </si>
  <si>
    <t>DKL U31 4578SWL</t>
  </si>
  <si>
    <t>5702329228657</t>
  </si>
  <si>
    <t>VELUX Verd.-Rollo man. DKL U31 4578SWL</t>
  </si>
  <si>
    <t>DKL U31 4579SWL</t>
  </si>
  <si>
    <t>5702329228664</t>
  </si>
  <si>
    <t>VELUX Verd.-Rollo man. DKL U31 4579SWL</t>
  </si>
  <si>
    <t>DKL U31 4580S</t>
  </si>
  <si>
    <t>5702328970229</t>
  </si>
  <si>
    <t>VELUX Verd.-Rollo man. DKL U31 4580S</t>
  </si>
  <si>
    <t>DKL U31 4580SWL</t>
  </si>
  <si>
    <t>5702329228671</t>
  </si>
  <si>
    <t>VELUX Verd.-Rollo man. DKL U31 4580SWL</t>
  </si>
  <si>
    <t>DKL U31 4581S</t>
  </si>
  <si>
    <t>5702328970236</t>
  </si>
  <si>
    <t>VELUX Verd.-Rollo man. DKL U31 4581S</t>
  </si>
  <si>
    <t>DKL U31 CBYS</t>
  </si>
  <si>
    <t>5702329190329</t>
  </si>
  <si>
    <t>VELUX Verd.-Rollo manuell DKL U31 CBYS</t>
  </si>
  <si>
    <t>DKL U31 CBYSWL</t>
  </si>
  <si>
    <t>5702329190336</t>
  </si>
  <si>
    <t>VELUX Verd.-Rollo man. DKL U31 CBYSWL</t>
  </si>
  <si>
    <t>DKL UK04 0705S</t>
  </si>
  <si>
    <t>5702326763410</t>
  </si>
  <si>
    <t>VELUX Verd.-Rollo man. DKL UK04 0705S</t>
  </si>
  <si>
    <t>DKL UK04 0705SWL</t>
  </si>
  <si>
    <t>5702328823235</t>
  </si>
  <si>
    <t>VELUX Verd.-Rollo man. DKL UK04 0705SWL</t>
  </si>
  <si>
    <t>DKL UK04 1025S</t>
  </si>
  <si>
    <t>5702326647994</t>
  </si>
  <si>
    <t>VELUX Verd.-Rollo man. DKL UK04 1025S</t>
  </si>
  <si>
    <t>DKL UK04 1025SWL</t>
  </si>
  <si>
    <t>5702328823242</t>
  </si>
  <si>
    <t>VELUX Verd.-Rollo man. DKL UK04 1025SWL</t>
  </si>
  <si>
    <t>DKL UK04 1085S</t>
  </si>
  <si>
    <t>5702326630460</t>
  </si>
  <si>
    <t>VELUX Verd.-Rollo man. DKL UK04 1085S</t>
  </si>
  <si>
    <t>DKL UK04 1085SWL</t>
  </si>
  <si>
    <t>5702328823259</t>
  </si>
  <si>
    <t>VELUX Verd.-Rollo man. DKL UK04 1085SWL</t>
  </si>
  <si>
    <t>DKL UK04 1100S</t>
  </si>
  <si>
    <t>5702326630477</t>
  </si>
  <si>
    <t>VELUX Verd.-Rollo man. DKL UK04 1100S</t>
  </si>
  <si>
    <t>DKL UK04 1100SWL</t>
  </si>
  <si>
    <t>5702328823266</t>
  </si>
  <si>
    <t>VELUX Verd.-Rollo man. DKL UK04 1100SWL</t>
  </si>
  <si>
    <t>DKL UK04 3009S</t>
  </si>
  <si>
    <t>5702326763854</t>
  </si>
  <si>
    <t>VELUX Verd.-Rollo man. DKL UK04 3009S</t>
  </si>
  <si>
    <t>DKL UK04 3009SWL</t>
  </si>
  <si>
    <t>5702326763861</t>
  </si>
  <si>
    <t>VELUX Verd.-Rollo man. DKL UK04 3009SWL</t>
  </si>
  <si>
    <t>DKL UK04 4556S</t>
  </si>
  <si>
    <t>5702327425799</t>
  </si>
  <si>
    <t>VELUX Verd.-Rollo man. DKL UK04 4556S</t>
  </si>
  <si>
    <t>DKL UK04 4556SWL</t>
  </si>
  <si>
    <t>5702328823280</t>
  </si>
  <si>
    <t>VELUX Verd.-Rollo man. DKL UK04 4556SWL</t>
  </si>
  <si>
    <t>DKL UK04 4559S</t>
  </si>
  <si>
    <t>5702327425829</t>
  </si>
  <si>
    <t>VELUX Verd.-Rollo man. DKL UK04 4559S</t>
  </si>
  <si>
    <t>DKL UK04 4559SWL</t>
  </si>
  <si>
    <t>5702328823303</t>
  </si>
  <si>
    <t>VELUX Verd.-Rollo man. DKL UK04 4559SWL</t>
  </si>
  <si>
    <t>DKL UK04 4564S</t>
  </si>
  <si>
    <t>5702327425874</t>
  </si>
  <si>
    <t>VELUX Verd.-Rollo man. DKL UK04 4564S</t>
  </si>
  <si>
    <t>DKL UK04 4564SWL</t>
  </si>
  <si>
    <t>5702328823358</t>
  </si>
  <si>
    <t>VELUX Verd.-Rollo man. DKL UK04 4564SWL</t>
  </si>
  <si>
    <t>DKL UK04 4574S</t>
  </si>
  <si>
    <t>5702328970328</t>
  </si>
  <si>
    <t>VELUX Verd.-Rollo man. DKL UK04 4574S</t>
  </si>
  <si>
    <t>DKL UK04 4574SWL</t>
  </si>
  <si>
    <t>5702328977006</t>
  </si>
  <si>
    <t>VELUX Verd.-Rollo man. DKL UK04 4574SWL</t>
  </si>
  <si>
    <t>DKL UK04 4575S</t>
  </si>
  <si>
    <t>5702328970335</t>
  </si>
  <si>
    <t>VELUX Verd.-Rollo man. DKL UK04 4575S</t>
  </si>
  <si>
    <t>DKL UK04 4575SWL</t>
  </si>
  <si>
    <t>5702328977013</t>
  </si>
  <si>
    <t>VELUX Verd.-Rollo man. DKL UK04 4575SWL</t>
  </si>
  <si>
    <t>DKL UK04 4576S</t>
  </si>
  <si>
    <t>5702328970342</t>
  </si>
  <si>
    <t>VELUX Verd.-Rollo man. DKL UK04 4576S</t>
  </si>
  <si>
    <t>DKL UK04 4576SWL</t>
  </si>
  <si>
    <t>5702328977020</t>
  </si>
  <si>
    <t>VELUX Verd.-Rollo man. DKL UK04 4576SWL</t>
  </si>
  <si>
    <t>DKL UK04 4577S</t>
  </si>
  <si>
    <t>5702328970359</t>
  </si>
  <si>
    <t>VELUX Verd.-Rollo man. DKL UK04 4577S</t>
  </si>
  <si>
    <t>DKL UK04 4577SWL</t>
  </si>
  <si>
    <t>5702328977037</t>
  </si>
  <si>
    <t>VELUX Verd.-Rollo man. DKL UK04 4577SWL</t>
  </si>
  <si>
    <t>DKL UK04 4578S</t>
  </si>
  <si>
    <t>5702328970366</t>
  </si>
  <si>
    <t>VELUX Verd.-Rollo man. DKL UK04 4578S</t>
  </si>
  <si>
    <t>DKL UK04 4578SWL</t>
  </si>
  <si>
    <t>5702328977044</t>
  </si>
  <si>
    <t>VELUX Verd.-Rollo man. DKL UK04 4578SWL</t>
  </si>
  <si>
    <t>DKL UK04 4579S</t>
  </si>
  <si>
    <t>5702328970373</t>
  </si>
  <si>
    <t>VELUX Verd.-Rollo man. DKL UK04 4579S</t>
  </si>
  <si>
    <t>DKL UK04 4579SWL</t>
  </si>
  <si>
    <t>5702328977051</t>
  </si>
  <si>
    <t>VELUX Verd.-Rollo man. DKL UK04 4579SWL</t>
  </si>
  <si>
    <t>DKL UK04 4580S</t>
  </si>
  <si>
    <t>5702328970380</t>
  </si>
  <si>
    <t>VELUX Verd.-Rollo man. DKL UK04 4580S</t>
  </si>
  <si>
    <t>DKL UK04 4580SWL</t>
  </si>
  <si>
    <t>5702328977068</t>
  </si>
  <si>
    <t>VELUX Verd.-Rollo man. DKL UK04 4580SWL</t>
  </si>
  <si>
    <t>DKL UK04 4581S</t>
  </si>
  <si>
    <t>5702328970397</t>
  </si>
  <si>
    <t>VELUX Verd.-Rollo man. DKL UK04 4581S</t>
  </si>
  <si>
    <t>DKL UK04 4581SWL</t>
  </si>
  <si>
    <t>5702328977075</t>
  </si>
  <si>
    <t>VELUX Verd.-Rollo man. DKL UK04 4581SWL</t>
  </si>
  <si>
    <t>DKL UK04 4653S</t>
  </si>
  <si>
    <t>5702328538269</t>
  </si>
  <si>
    <t>VELUX Verd.-Rollo man. DKL UK04 4653S</t>
  </si>
  <si>
    <t>DKL UK04 4653SWL</t>
  </si>
  <si>
    <t>5702328823471</t>
  </si>
  <si>
    <t>VELUX Verd.-Rollo man. DKL UK04 4653SWL</t>
  </si>
  <si>
    <t>DKL UK04 4654S</t>
  </si>
  <si>
    <t>5702328538313</t>
  </si>
  <si>
    <t>VELUX Verd.-Rollo man. DKL UK04 4654S</t>
  </si>
  <si>
    <t>DKL UK04 4654SWL</t>
  </si>
  <si>
    <t>5702328823488</t>
  </si>
  <si>
    <t>VELUX Verd.-Rollo man. DKL UK04 4654SWL</t>
  </si>
  <si>
    <t>DKL UK04 4655S</t>
  </si>
  <si>
    <t>5702328538320</t>
  </si>
  <si>
    <t>VELUX Verd.-Rollo man. DKL UK04 4655S</t>
  </si>
  <si>
    <t>DKL UK04 4659S</t>
  </si>
  <si>
    <t>5702328538405</t>
  </si>
  <si>
    <t>VELUX Verd.-Rollo man. DKL UK04 4659S</t>
  </si>
  <si>
    <t>DKL UK04 4659SWL</t>
  </si>
  <si>
    <t>5702328823532</t>
  </si>
  <si>
    <t>VELUX Verd.-Rollo man. DKL UK04 4659SWL</t>
  </si>
  <si>
    <t>DKL UK04 4660S</t>
  </si>
  <si>
    <t>5702328538412</t>
  </si>
  <si>
    <t>VELUX Verd.-Rollo man. DKL UK04 4660S</t>
  </si>
  <si>
    <t>DKL UK04 4660SWL</t>
  </si>
  <si>
    <t>5702328823549</t>
  </si>
  <si>
    <t>VELUX Verd.-Rollo man. DKL UK04 4660SWL</t>
  </si>
  <si>
    <t>DKL UK04 4661S</t>
  </si>
  <si>
    <t>5702328538429</t>
  </si>
  <si>
    <t>VELUX Verd.-Rollo man. DKL UK04 4661S</t>
  </si>
  <si>
    <t>DKL UK04 4661SWL</t>
  </si>
  <si>
    <t>5702328823556</t>
  </si>
  <si>
    <t>VELUX Verd.-Rollo man. DKL UK04 4661SWL</t>
  </si>
  <si>
    <t>DKL UK04 4665S</t>
  </si>
  <si>
    <t>5702328538504</t>
  </si>
  <si>
    <t>VELUX Verd.-Rollo man. DKL UK04 4665S</t>
  </si>
  <si>
    <t>DKL UK04 4665SWL</t>
  </si>
  <si>
    <t>5702328823594</t>
  </si>
  <si>
    <t>VELUX Verd.-Rollo man. DKL UK04 4665SWL</t>
  </si>
  <si>
    <t>DKL UK04 4666S</t>
  </si>
  <si>
    <t>5702328538535</t>
  </si>
  <si>
    <t>VELUX Verd.-Rollo man. DKL UK04 4666S</t>
  </si>
  <si>
    <t>DKL UK04 4666SWL</t>
  </si>
  <si>
    <t>5702328823600</t>
  </si>
  <si>
    <t>VELUX Verd.-Rollo man. DKL UK04 4666SWL</t>
  </si>
  <si>
    <t>DKL UK04 4667S</t>
  </si>
  <si>
    <t>5702328538580</t>
  </si>
  <si>
    <t>VELUX Verd.-Rollo man. DKL UK04 4667S</t>
  </si>
  <si>
    <t>DKL UK04 4667SWL</t>
  </si>
  <si>
    <t>5702328823617</t>
  </si>
  <si>
    <t>VELUX Verd.-Rollo man. DKL UK04 4667SWL</t>
  </si>
  <si>
    <t>DKL UK04 CBYS</t>
  </si>
  <si>
    <t>5702328766044</t>
  </si>
  <si>
    <t>VELUX Verd.-Rollo man. DKL UK04 CBYS</t>
  </si>
  <si>
    <t>DKL UK04 CBYSWL</t>
  </si>
  <si>
    <t>5702328861381</t>
  </si>
  <si>
    <t>VELUX Verd.-Rollo man. DKL UK04 CBYSWL</t>
  </si>
  <si>
    <t>DKL UK08 0705S</t>
  </si>
  <si>
    <t>5702326764264</t>
  </si>
  <si>
    <t>VELUX Verd.-Rollo man. DKL UK08 0705S</t>
  </si>
  <si>
    <t>DKL UK08 0705SWL</t>
  </si>
  <si>
    <t>5702326764271</t>
  </si>
  <si>
    <t>VELUX Verd.-Rollo man. DKL UK08 0705SWL</t>
  </si>
  <si>
    <t>DKL UK08 1025S</t>
  </si>
  <si>
    <t>5702326648007</t>
  </si>
  <si>
    <t>VELUX Verd.-Rollo man. DKL UK08 1025S</t>
  </si>
  <si>
    <t>DKL UK08 1025SWL</t>
  </si>
  <si>
    <t>5702326764356</t>
  </si>
  <si>
    <t>VELUX Verd.-Rollo man. DKL UK08 1025SWL</t>
  </si>
  <si>
    <t>DKL UK08 1085S</t>
  </si>
  <si>
    <t>5702326630484</t>
  </si>
  <si>
    <t>VELUX Verd.-Rollo man. DKL UK08 1085S</t>
  </si>
  <si>
    <t>DKL UK08 1085SWL</t>
  </si>
  <si>
    <t>5702326764363</t>
  </si>
  <si>
    <t>VELUX Verd.-Rollo man. DKL UK08 1085SWL</t>
  </si>
  <si>
    <t>DKL UK08 1100S</t>
  </si>
  <si>
    <t>5702326630491</t>
  </si>
  <si>
    <t>VELUX Verd.-Rollo man. DKL UK08 1100S</t>
  </si>
  <si>
    <t>DKL UK08 1100SWL</t>
  </si>
  <si>
    <t>5702326764370</t>
  </si>
  <si>
    <t>VELUX Verd.-Rollo man. DKL UK08 1100SWL</t>
  </si>
  <si>
    <t>DKL UK08 3009S</t>
  </si>
  <si>
    <t>5702326764721</t>
  </si>
  <si>
    <t>VELUX Verd.-Rollo man. DKL UK08 3009S</t>
  </si>
  <si>
    <t>DKL UK08 3009SWL</t>
  </si>
  <si>
    <t>5702326764738</t>
  </si>
  <si>
    <t>VELUX Verd.-Rollo man. DKL UK08 3009SWL</t>
  </si>
  <si>
    <t>DKL UK08 4556S</t>
  </si>
  <si>
    <t>5702327425980</t>
  </si>
  <si>
    <t>VELUX Verd.-Rollo man. DKL UK08 4556S</t>
  </si>
  <si>
    <t>DKL UK08 4556SWL</t>
  </si>
  <si>
    <t>5702328823631</t>
  </si>
  <si>
    <t>VELUX Verd.-Rollo man. DKL UK08 4556SWL</t>
  </si>
  <si>
    <t>DKL UK08 4559S</t>
  </si>
  <si>
    <t>5702327426017</t>
  </si>
  <si>
    <t>VELUX Verd.-Rollo man. DKL UK08 4559S</t>
  </si>
  <si>
    <t>DKL UK08 4559SWL</t>
  </si>
  <si>
    <t>5702328823655</t>
  </si>
  <si>
    <t>VELUX Verd.-Rollo man. DKL UK08 4559SWL</t>
  </si>
  <si>
    <t>DKL UK08 4564S</t>
  </si>
  <si>
    <t>5702327426062</t>
  </si>
  <si>
    <t>VELUX Verd.-Rollo man. DKL UK08 4564S</t>
  </si>
  <si>
    <t>DKL UK08 4564SWL</t>
  </si>
  <si>
    <t>5702328823709</t>
  </si>
  <si>
    <t>VELUX Verd.-Rollo man. DKL UK08 4564SWL</t>
  </si>
  <si>
    <t>DKL UK08 4574S</t>
  </si>
  <si>
    <t>5702328970403</t>
  </si>
  <si>
    <t>VELUX Verd.-Rollo man. DKL UK08 4574S</t>
  </si>
  <si>
    <t>DKL UK08 4574SWL</t>
  </si>
  <si>
    <t>5702328977082</t>
  </si>
  <si>
    <t>VELUX Verd.-Rollo man. DKL UK08 4574SWL</t>
  </si>
  <si>
    <t>DKL UK08 4575S</t>
  </si>
  <si>
    <t>5702328970410</t>
  </si>
  <si>
    <t>VELUX Verd.-Rollo man. DKL UK08 4575S</t>
  </si>
  <si>
    <t>DKL UK08 4575SWL</t>
  </si>
  <si>
    <t>5702328977099</t>
  </si>
  <si>
    <t>VELUX Verd.-Rollo man. DKL UK08 4575SWL</t>
  </si>
  <si>
    <t>DKL UK08 4576S</t>
  </si>
  <si>
    <t>5702328970427</t>
  </si>
  <si>
    <t>VELUX Verd.-Rollo man. DKL UK08 4576S</t>
  </si>
  <si>
    <t>DKL UK08 4576SWL</t>
  </si>
  <si>
    <t>5702328977105</t>
  </si>
  <si>
    <t>VELUX Verd.-Rollo man. DKL UK08 4576SWL</t>
  </si>
  <si>
    <t>DKL UK08 4577S</t>
  </si>
  <si>
    <t>5702328970434</t>
  </si>
  <si>
    <t>VELUX Verd.-Rollo man. DKL UK08 4577S</t>
  </si>
  <si>
    <t>DKL UK08 4577SWL</t>
  </si>
  <si>
    <t>5702328977112</t>
  </si>
  <si>
    <t>VELUX Verd.-Rollo man. DKL UK08 4577SWL</t>
  </si>
  <si>
    <t>DKL UK08 4578S</t>
  </si>
  <si>
    <t>5702328970441</t>
  </si>
  <si>
    <t>VELUX Verd.-Rollo man. DKL UK08 4578S</t>
  </si>
  <si>
    <t>DKL UK08 4578SWL</t>
  </si>
  <si>
    <t>5702328977129</t>
  </si>
  <si>
    <t>VELUX Verd.-Rollo man. DKL UK08 4578SWL</t>
  </si>
  <si>
    <t>DKL UK08 4579S</t>
  </si>
  <si>
    <t>5702328970458</t>
  </si>
  <si>
    <t>VELUX Verd.-Rollo man. DKL UK08 4579S</t>
  </si>
  <si>
    <t>DKL UK08 4579SWL</t>
  </si>
  <si>
    <t>5702328977136</t>
  </si>
  <si>
    <t>VELUX Verd.-Rollo man. DKL UK08 4579SWL</t>
  </si>
  <si>
    <t>DKL UK08 4580S</t>
  </si>
  <si>
    <t>5702328970465</t>
  </si>
  <si>
    <t>VELUX Verd.-Rollo man. DKL UK08 4580S</t>
  </si>
  <si>
    <t>DKL UK08 4580SWL</t>
  </si>
  <si>
    <t>5702328977143</t>
  </si>
  <si>
    <t>VELUX Verd.-Rollo man. DKL UK08 4580SWL</t>
  </si>
  <si>
    <t>DKL UK08 4581S</t>
  </si>
  <si>
    <t>5702328970472</t>
  </si>
  <si>
    <t>VELUX Verd.-Rollo man. DKL UK08 4581S</t>
  </si>
  <si>
    <t>DKL UK08 4581SWL</t>
  </si>
  <si>
    <t>5702328977150</t>
  </si>
  <si>
    <t>VELUX Verd.-Rollo man. DKL UK08 4581SWL</t>
  </si>
  <si>
    <t>DKL UK08 4653S</t>
  </si>
  <si>
    <t>5702328538672</t>
  </si>
  <si>
    <t>VELUX Verd.-Rollo man. DKL UK08 4653S</t>
  </si>
  <si>
    <t>DKL UK08 4653SWL</t>
  </si>
  <si>
    <t>5702328823822</t>
  </si>
  <si>
    <t>VELUX Verd.-Rollo man. DKL UK08 4653SWL</t>
  </si>
  <si>
    <t>DKL UK08 4654S</t>
  </si>
  <si>
    <t>5702328538689</t>
  </si>
  <si>
    <t>VELUX Verd.-Rollo man. DKL UK08 4654S</t>
  </si>
  <si>
    <t>DKL UK08 4654SWL</t>
  </si>
  <si>
    <t>5702328823839</t>
  </si>
  <si>
    <t>VELUX Verd.-Rollo man. DKL UK08 4654SWL</t>
  </si>
  <si>
    <t>DKL UK08 4655SWL</t>
  </si>
  <si>
    <t>5702328823846</t>
  </si>
  <si>
    <t>VELUX Verd.-Rollo man. DKL UK08 4655SWL</t>
  </si>
  <si>
    <t>DKL UK08 4659S</t>
  </si>
  <si>
    <t>5702328538757</t>
  </si>
  <si>
    <t>VELUX Verd.-Rollo man. DKL UK08 4659S</t>
  </si>
  <si>
    <t>DKL UK08 4659SWL</t>
  </si>
  <si>
    <t>5702328823884</t>
  </si>
  <si>
    <t>VELUX Verd.-Rollo man. DKL UK08 4659SWL</t>
  </si>
  <si>
    <t>DKL UK08 4660S</t>
  </si>
  <si>
    <t>5702328538764</t>
  </si>
  <si>
    <t>VELUX Verd.-Rollo man. DKL UK08 4660S</t>
  </si>
  <si>
    <t>DKL UK08 4660SWL</t>
  </si>
  <si>
    <t>5702328823891</t>
  </si>
  <si>
    <t>VELUX Verd.-Rollo man. DKL UK08 4660SWL</t>
  </si>
  <si>
    <t>DKL UK08 4661S</t>
  </si>
  <si>
    <t>5702328538771</t>
  </si>
  <si>
    <t>VELUX Verd.-Rollo man. DKL UK08 4661S</t>
  </si>
  <si>
    <t>DKL UK08 4661SWL</t>
  </si>
  <si>
    <t>5702328823907</t>
  </si>
  <si>
    <t>VELUX Verd.-Rollo man. DKL UK08 4661SWL</t>
  </si>
  <si>
    <t>DKL UK08 4665S</t>
  </si>
  <si>
    <t>5702328538900</t>
  </si>
  <si>
    <t>VELUX Verd.-Rollo man. DKL UK08 4665S</t>
  </si>
  <si>
    <t>DKL UK08 4665SWL</t>
  </si>
  <si>
    <t>5702328823945</t>
  </si>
  <si>
    <t>VELUX Verd.-Rollo man. DKL UK08 4665SWL</t>
  </si>
  <si>
    <t>DKL UK08 4666S</t>
  </si>
  <si>
    <t>5702328538917</t>
  </si>
  <si>
    <t>VELUX Verd.-Rollo man. DKL UK08 4666S</t>
  </si>
  <si>
    <t>DKL UK08 4666SWL</t>
  </si>
  <si>
    <t>5702328823952</t>
  </si>
  <si>
    <t>VELUX Verd.-Rollo man. DKL UK08 4666SWL</t>
  </si>
  <si>
    <t>DKL UK08 4667S</t>
  </si>
  <si>
    <t>5702328538931</t>
  </si>
  <si>
    <t>VELUX Verd.-Rollo man. DKL UK08 4667S</t>
  </si>
  <si>
    <t>DKL UK08 4667SWL</t>
  </si>
  <si>
    <t>5702328823969</t>
  </si>
  <si>
    <t>VELUX Verd.-Rollo man. DKL UK08 4667SWL</t>
  </si>
  <si>
    <t>DKL UK08 CBYS</t>
  </si>
  <si>
    <t>5702328766051</t>
  </si>
  <si>
    <t>VELUX Verd.-Rollo man. DKL UK08 CBYS</t>
  </si>
  <si>
    <t>DKL UK08 CBYSWL</t>
  </si>
  <si>
    <t>5702328861398</t>
  </si>
  <si>
    <t>VELUX Verd.-Rollo man. DKL UK08 CBYSWL</t>
  </si>
  <si>
    <t>DKL UK10 0705S</t>
  </si>
  <si>
    <t>5702326765131</t>
  </si>
  <si>
    <t>VELUX Verd.-Rollo man. DKL UK10 0705S</t>
  </si>
  <si>
    <t>DKL UK10 0705SWL</t>
  </si>
  <si>
    <t>5702326765148</t>
  </si>
  <si>
    <t>VELUX Verd.-Rollo man. DKL UK10 0705SWL</t>
  </si>
  <si>
    <t>DKL UK10 1025S</t>
  </si>
  <si>
    <t>5702326765179</t>
  </si>
  <si>
    <t>VELUX Verd.-Rollo man. DKL UK10 1025S</t>
  </si>
  <si>
    <t>DKL UK10 1025SWL</t>
  </si>
  <si>
    <t>5702326765186</t>
  </si>
  <si>
    <t>VELUX Verd.-Rollo man. DKL UK10 1025SWL</t>
  </si>
  <si>
    <t>DKL UK10 1085S</t>
  </si>
  <si>
    <t>5702326765193</t>
  </si>
  <si>
    <t>VELUX Verd.-Rollo man. DKL UK10 1085S</t>
  </si>
  <si>
    <t>DKL UK10 1085SWL</t>
  </si>
  <si>
    <t>5702326765209</t>
  </si>
  <si>
    <t>VELUX Verd.-Rollo man. DKL UK10 1085SWL</t>
  </si>
  <si>
    <t>DKL UK10 1100S</t>
  </si>
  <si>
    <t>5702326765216</t>
  </si>
  <si>
    <t>VELUX Verd.-Rollo man. DKL UK10 1100S</t>
  </si>
  <si>
    <t>DKL UK10 1100SWL</t>
  </si>
  <si>
    <t>5702326765223</t>
  </si>
  <si>
    <t>VELUX Verd.-Rollo man. DKL UK10 1100SWL</t>
  </si>
  <si>
    <t>DKL UK10 3009S</t>
  </si>
  <si>
    <t>5702326765582</t>
  </si>
  <si>
    <t>VELUX Verd.-Rollo man. DKL UK10 3009S</t>
  </si>
  <si>
    <t>DKL UK10 3009SWL</t>
  </si>
  <si>
    <t>5702326765599</t>
  </si>
  <si>
    <t>VELUX Verd.-Rollo man. DKL UK10 3009SWL</t>
  </si>
  <si>
    <t>DKL UK10 4556S</t>
  </si>
  <si>
    <t>5702327426178</t>
  </si>
  <si>
    <t>VELUX Verd.-Rollo man. DKL UK10 4556S</t>
  </si>
  <si>
    <t>DKL UK10 4556SWL</t>
  </si>
  <si>
    <t>5702328823983</t>
  </si>
  <si>
    <t>VELUX Verd.-Rollo man. DKL UK10 4556SWL</t>
  </si>
  <si>
    <t>DKL UK10 4559S</t>
  </si>
  <si>
    <t>5702327426208</t>
  </si>
  <si>
    <t>VELUX Verd.-Rollo man. DKL UK10 4559S</t>
  </si>
  <si>
    <t>DKL UK10 4559SWL</t>
  </si>
  <si>
    <t>5702328824003</t>
  </si>
  <si>
    <t>VELUX Verd.-Rollo man. DKL UK10 4559SWL</t>
  </si>
  <si>
    <t>DKL UK10 4564S</t>
  </si>
  <si>
    <t>5702327426253</t>
  </si>
  <si>
    <t>VELUX Verd.-Rollo man. DKL UK10 4564S</t>
  </si>
  <si>
    <t>DKL UK10 4564SWL</t>
  </si>
  <si>
    <t>5702328824058</t>
  </si>
  <si>
    <t>VELUX Verd.-Rollo man. DKL UK10 4564SWL</t>
  </si>
  <si>
    <t>DKL UK10 4574S</t>
  </si>
  <si>
    <t>5702328970489</t>
  </si>
  <si>
    <t>VELUX Verd.-Rollo man. DKL UK10 4574S</t>
  </si>
  <si>
    <t>DKL UK10 4574SWL</t>
  </si>
  <si>
    <t>5702328977167</t>
  </si>
  <si>
    <t>VELUX Verd.-Rollo man. DKL UK10 4574SWL</t>
  </si>
  <si>
    <t>DKL UK10 4575S</t>
  </si>
  <si>
    <t>5702328970496</t>
  </si>
  <si>
    <t>VELUX Verd.-Rollo man. DKL UK10 4575S</t>
  </si>
  <si>
    <t>DKL UK10 4575SWL</t>
  </si>
  <si>
    <t>5702328977174</t>
  </si>
  <si>
    <t>VELUX Verd.-Rollo man. DKL UK10 4575SWL</t>
  </si>
  <si>
    <t>DKL UK10 4576S</t>
  </si>
  <si>
    <t>5702328970502</t>
  </si>
  <si>
    <t>VELUX Verd.-Rollo man. DKL UK10 4576S</t>
  </si>
  <si>
    <t>DKL UK10 4576SWL</t>
  </si>
  <si>
    <t>5702328977181</t>
  </si>
  <si>
    <t>VELUX Verd.-Rollo man. DKL UK10 4576SWL</t>
  </si>
  <si>
    <t>DKL UK10 4577S</t>
  </si>
  <si>
    <t>5702328970519</t>
  </si>
  <si>
    <t>VELUX Verd.-Rollo man. DKL UK10 4577S</t>
  </si>
  <si>
    <t>DKL UK10 4577SWL</t>
  </si>
  <si>
    <t>5702328977198</t>
  </si>
  <si>
    <t>VELUX Verd.-Rollo man. DKL UK10 4577SWL</t>
  </si>
  <si>
    <t>DKL UK10 4578S</t>
  </si>
  <si>
    <t>5702328970526</t>
  </si>
  <si>
    <t>VELUX Verd.-Rollo man. DKL UK10 4578S</t>
  </si>
  <si>
    <t>DKL UK10 4578SWL</t>
  </si>
  <si>
    <t>5702328977204</t>
  </si>
  <si>
    <t>VELUX Verd.-Rollo man. DKL UK10 4578SWL</t>
  </si>
  <si>
    <t>DKL UK10 4579S</t>
  </si>
  <si>
    <t>5702328970533</t>
  </si>
  <si>
    <t>VELUX Verd.-Rollo man. DKL UK10 4579S</t>
  </si>
  <si>
    <t>DKL UK10 4579SWL</t>
  </si>
  <si>
    <t>5702328977211</t>
  </si>
  <si>
    <t>VELUX Verd.-Rollo man. DKL UK10 4579SWL</t>
  </si>
  <si>
    <t>DKL UK10 4580S</t>
  </si>
  <si>
    <t>5702328970540</t>
  </si>
  <si>
    <t>VELUX Verd.-Rollo man. DKL UK10 4580S</t>
  </si>
  <si>
    <t>DKL UK10 4580SWL</t>
  </si>
  <si>
    <t>5702328977228</t>
  </si>
  <si>
    <t>VELUX Verd.-Rollo man. DKL UK10 4580SWL</t>
  </si>
  <si>
    <t>DKL UK10 4581S</t>
  </si>
  <si>
    <t>5702328970557</t>
  </si>
  <si>
    <t>VELUX Verd.-Rollo man. DKL UK10 4581S</t>
  </si>
  <si>
    <t>DKL UK10 4581SWL</t>
  </si>
  <si>
    <t>5702328977235</t>
  </si>
  <si>
    <t>VELUX Verd.-Rollo man. DKL UK10 4581SWL</t>
  </si>
  <si>
    <t>DKL UK10 4653S</t>
  </si>
  <si>
    <t>5702328539075</t>
  </si>
  <si>
    <t>VELUX Verd.-Rollo man. DKL UK10 4653S</t>
  </si>
  <si>
    <t>DKL UK10 4653SWL</t>
  </si>
  <si>
    <t>5702328824171</t>
  </si>
  <si>
    <t>VELUX Verd.-Rollo man. DKL UK10 4653SWL</t>
  </si>
  <si>
    <t>DKL UK10 4654S</t>
  </si>
  <si>
    <t>5702328539143</t>
  </si>
  <si>
    <t>VELUX Verd.-Rollo man. DKL UK10 4654S</t>
  </si>
  <si>
    <t>DKL UK10 4659S</t>
  </si>
  <si>
    <t>5702328539273</t>
  </si>
  <si>
    <t>VELUX Verd.-Rollo man. DKL UK10 4659S</t>
  </si>
  <si>
    <t>DKL UK10 4660S</t>
  </si>
  <si>
    <t>5702328539297</t>
  </si>
  <si>
    <t>VELUX Verd.-Rollo man. DKL UK10 4660S</t>
  </si>
  <si>
    <t>DKL UK10 4660SWL</t>
  </si>
  <si>
    <t>5702328824249</t>
  </si>
  <si>
    <t>VELUX Verd.-Rollo man. DKL UK10 4660SWL</t>
  </si>
  <si>
    <t>DKL UK10 4661SWL</t>
  </si>
  <si>
    <t>5702328824256</t>
  </si>
  <si>
    <t>VELUX Verd.-Rollo man. DKL UK10 4661SWL</t>
  </si>
  <si>
    <t>DKL UK10 4665S</t>
  </si>
  <si>
    <t>5702328539365</t>
  </si>
  <si>
    <t>VELUX Verd.-Rollo man. DKL UK10 4665S</t>
  </si>
  <si>
    <t>DKL UK10 4665SWL</t>
  </si>
  <si>
    <t>5702328824294</t>
  </si>
  <si>
    <t>VELUX Verd.-Rollo man. DKL UK10 4665SWL</t>
  </si>
  <si>
    <t>DKL UK10 CBYS</t>
  </si>
  <si>
    <t>5702328766068</t>
  </si>
  <si>
    <t>VELUX Verd.-Rollo man. DKL UK10 CBYS</t>
  </si>
  <si>
    <t>DKL UK10 CBYSWL</t>
  </si>
  <si>
    <t>5702328861404</t>
  </si>
  <si>
    <t>VELUX Verd.-Rollo man. DKL UK10 CBYSWL</t>
  </si>
  <si>
    <t>DKL Y21 0705S</t>
  </si>
  <si>
    <t>5702325146603</t>
  </si>
  <si>
    <t>VELUX Verd.-Rollo man. DKL Y21 0705S</t>
  </si>
  <si>
    <t>DKL Y21 1025S</t>
  </si>
  <si>
    <t>5702325146627</t>
  </si>
  <si>
    <t>VELUX Verd.-Rollo man. DKL Y21 1025S</t>
  </si>
  <si>
    <t>DKL Y21 1085S</t>
  </si>
  <si>
    <t>5702325146634</t>
  </si>
  <si>
    <t>VELUX Verd.-Rollo man. DKL Y21 1085S</t>
  </si>
  <si>
    <t>DKL Y21 1100S</t>
  </si>
  <si>
    <t>5702325146641</t>
  </si>
  <si>
    <t>VELUX Verd.-Rollo man. DKL Y21 1100S</t>
  </si>
  <si>
    <t>DKL Y21 3009S</t>
  </si>
  <si>
    <t>5702325146818</t>
  </si>
  <si>
    <t>VELUX Verd.-Rollo man. DKL Y21 3009S</t>
  </si>
  <si>
    <t>DKL Y21 4556S</t>
  </si>
  <si>
    <t>5702327426369</t>
  </si>
  <si>
    <t>VELUX Verd.-Rollo man. DKL Y21 4556S</t>
  </si>
  <si>
    <t>DKL Y21 4559S</t>
  </si>
  <si>
    <t>5702327426390</t>
  </si>
  <si>
    <t>VELUX Verd.-Rollo man. DKL Y21 4559S</t>
  </si>
  <si>
    <t>DKL Y21 4564S</t>
  </si>
  <si>
    <t>5702327426444</t>
  </si>
  <si>
    <t>VELUX Verd.-Rollo man. DKL Y21 4564S</t>
  </si>
  <si>
    <t>DKL Y21 4574S</t>
  </si>
  <si>
    <t>5702328970564</t>
  </si>
  <si>
    <t>VELUX Verd.-Rollo man. DKL Y21 4574S</t>
  </si>
  <si>
    <t>DKL Y21 4575S</t>
  </si>
  <si>
    <t>5702328970571</t>
  </si>
  <si>
    <t>VELUX Verd.-Rollo man. DKL Y21 4575S</t>
  </si>
  <si>
    <t>DKL Y21 4576S</t>
  </si>
  <si>
    <t>5702328970588</t>
  </si>
  <si>
    <t>VELUX Verd.-Rollo man. DKL Y21 4576S</t>
  </si>
  <si>
    <t>DKL Y21 4577S</t>
  </si>
  <si>
    <t>5702328970595</t>
  </si>
  <si>
    <t>VELUX Verd.-Rollo man. DKL Y21 4577S</t>
  </si>
  <si>
    <t>DKL Y21 4578S</t>
  </si>
  <si>
    <t>5702328970601</t>
  </si>
  <si>
    <t>VELUX Verd.-Rollo man. DKL Y21 4578S</t>
  </si>
  <si>
    <t>DKL Y21 4579S</t>
  </si>
  <si>
    <t>5702328970618</t>
  </si>
  <si>
    <t>VELUX Verd.-Rollo man. DKL Y21 4579S</t>
  </si>
  <si>
    <t>DKL Y21 4580S</t>
  </si>
  <si>
    <t>5702328970625</t>
  </si>
  <si>
    <t>VELUX Verd.-Rollo man. DKL Y21 4580S</t>
  </si>
  <si>
    <t>DKL Y21 4581S</t>
  </si>
  <si>
    <t>5702328970632</t>
  </si>
  <si>
    <t>VELUX Verd.-Rollo man. DKL Y21 4581S</t>
  </si>
  <si>
    <t>DKL Y23 0705S</t>
  </si>
  <si>
    <t>5702325147013</t>
  </si>
  <si>
    <t>VELUX Verd.-Rollo man. DKL Y23 0705S</t>
  </si>
  <si>
    <t>DKL Y23 1025S</t>
  </si>
  <si>
    <t>5702325147037</t>
  </si>
  <si>
    <t>VELUX Verd.-Rollo man. DKL Y23 1025S</t>
  </si>
  <si>
    <t>DKL Y23 1085S</t>
  </si>
  <si>
    <t>5702325147044</t>
  </si>
  <si>
    <t>VELUX Verd.-Rollo man. DKL Y23 1085S</t>
  </si>
  <si>
    <t>DKL Y23 1100S</t>
  </si>
  <si>
    <t>5702325147051</t>
  </si>
  <si>
    <t>VELUX Verd.-Rollo man. DKL Y23 1100S</t>
  </si>
  <si>
    <t>DKL Y23 3009S</t>
  </si>
  <si>
    <t>5702325147228</t>
  </si>
  <si>
    <t>VELUX Verd.-Rollo man. DKL Y23 3009S</t>
  </si>
  <si>
    <t>DKL Y23 4556S</t>
  </si>
  <si>
    <t>5702327426550</t>
  </si>
  <si>
    <t>VELUX Verd.-Rollo man. DKL Y23 4556S</t>
  </si>
  <si>
    <t>DKL Y23 4559S</t>
  </si>
  <si>
    <t>5702327426581</t>
  </si>
  <si>
    <t>VELUX Verd.-Rollo man. DKL Y23 4559S</t>
  </si>
  <si>
    <t>DKL Y23 4564S</t>
  </si>
  <si>
    <t>5702327426635</t>
  </si>
  <si>
    <t>VELUX Verd.-Rollo man. DKL Y23 4564S</t>
  </si>
  <si>
    <t>DKL Y23 4574S</t>
  </si>
  <si>
    <t>5702328970649</t>
  </si>
  <si>
    <t>VELUX Verd.-Rollo man. DKL Y23 4574S</t>
  </si>
  <si>
    <t>DKL Y23 4575S</t>
  </si>
  <si>
    <t>5702328970656</t>
  </si>
  <si>
    <t>VELUX Verd.-Rollo man. DKL Y23 4575S</t>
  </si>
  <si>
    <t>DKL Y23 4576S</t>
  </si>
  <si>
    <t>5702328970663</t>
  </si>
  <si>
    <t>VELUX Verd.-Rollo man. DKL Y23 4576S</t>
  </si>
  <si>
    <t>DKL Y23 4577S</t>
  </si>
  <si>
    <t>5702328970670</t>
  </si>
  <si>
    <t>VELUX Verd.-Rollo man. DKL Y23 4577S</t>
  </si>
  <si>
    <t>DKL Y23 4578S</t>
  </si>
  <si>
    <t>5702328970687</t>
  </si>
  <si>
    <t>VELUX Verd.-Rollo man. DKL Y23 4578S</t>
  </si>
  <si>
    <t>DKL Y23 4579S</t>
  </si>
  <si>
    <t>5702328970694</t>
  </si>
  <si>
    <t>VELUX Verd.-Rollo man. DKL Y23 4579S</t>
  </si>
  <si>
    <t>DKL Y23 4580S</t>
  </si>
  <si>
    <t>5702328970700</t>
  </si>
  <si>
    <t>VELUX Verd.-Rollo man. DKL Y23 4580S</t>
  </si>
  <si>
    <t>DKL Y23 4581S</t>
  </si>
  <si>
    <t>5702328970717</t>
  </si>
  <si>
    <t>VELUX Verd.-Rollo man. DKL Y23 4581S</t>
  </si>
  <si>
    <t>DKL Y33 0705S</t>
  </si>
  <si>
    <t>5702325147426</t>
  </si>
  <si>
    <t>VELUX Verd.-Rollo man. DKL Y33 0705S</t>
  </si>
  <si>
    <t>DKL Y33 1025S</t>
  </si>
  <si>
    <t>5702325147440</t>
  </si>
  <si>
    <t>VELUX Verd.-Rollo man. DKL Y33 1025S</t>
  </si>
  <si>
    <t>DKL Y33 1085S</t>
  </si>
  <si>
    <t>5702325147457</t>
  </si>
  <si>
    <t>VELUX Verd.-Rollo man. DKL Y33 1085S</t>
  </si>
  <si>
    <t>DKL Y33 1100S</t>
  </si>
  <si>
    <t>5702325147464</t>
  </si>
  <si>
    <t>VELUX Verd.-Rollo man. DKL Y33 1100S</t>
  </si>
  <si>
    <t>DKL Y33 3009S</t>
  </si>
  <si>
    <t>5702325147631</t>
  </si>
  <si>
    <t>VELUX Verd.-Rollo man. DKL Y33 3009S</t>
  </si>
  <si>
    <t>DKL Y33 4556S</t>
  </si>
  <si>
    <t>5702327426741</t>
  </si>
  <si>
    <t>VELUX Verd.-Rollo man. DKL Y33 4556S</t>
  </si>
  <si>
    <t>DKL Y33 4559S</t>
  </si>
  <si>
    <t>5702327426772</t>
  </si>
  <si>
    <t>VELUX Verd.-Rollo man. DKL Y33 4559S</t>
  </si>
  <si>
    <t>DKL Y33 4564S</t>
  </si>
  <si>
    <t>5702327426826</t>
  </si>
  <si>
    <t>VELUX Verd.-Rollo man. DKL Y33 4564S</t>
  </si>
  <si>
    <t>DKL Y33 4574S</t>
  </si>
  <si>
    <t>5702328970724</t>
  </si>
  <si>
    <t>VELUX Verd.-Rollo man. DKL Y33 4574S</t>
  </si>
  <si>
    <t>DKL Y33 4575S</t>
  </si>
  <si>
    <t>5702328970731</t>
  </si>
  <si>
    <t>VELUX Verd.-Rollo man. DKL Y33 4575S</t>
  </si>
  <si>
    <t>DKL Y33 4576S</t>
  </si>
  <si>
    <t>5702328970748</t>
  </si>
  <si>
    <t>VELUX Verd.-Rollo man. DKL Y33 4576S</t>
  </si>
  <si>
    <t>DKL Y33 4577S</t>
  </si>
  <si>
    <t>5702328970755</t>
  </si>
  <si>
    <t>VELUX Verd.-Rollo man. DKL Y33 4577S</t>
  </si>
  <si>
    <t>DKL Y33 4578S</t>
  </si>
  <si>
    <t>5702328970762</t>
  </si>
  <si>
    <t>VELUX Verd.-Rollo man. DKL Y33 4578S</t>
  </si>
  <si>
    <t>DKL Y33 4579S</t>
  </si>
  <si>
    <t>5702328970779</t>
  </si>
  <si>
    <t>VELUX Verd.-Rollo man. DKL Y33 4579S</t>
  </si>
  <si>
    <t>DKL Y33 4580S</t>
  </si>
  <si>
    <t>5702328970786</t>
  </si>
  <si>
    <t>VELUX Verd.-Rollo man. DKL Y33 4580S</t>
  </si>
  <si>
    <t>DKL Y33 4581S</t>
  </si>
  <si>
    <t>5702328970793</t>
  </si>
  <si>
    <t>VELUX Verd.-Rollo man. DKL Y33 4581S</t>
  </si>
  <si>
    <t>DKL Y35 0705S</t>
  </si>
  <si>
    <t>5702325147839</t>
  </si>
  <si>
    <t>VELUX Verd.-Rollo man. DKL Y35 0705S</t>
  </si>
  <si>
    <t>DKL Y35 1025S</t>
  </si>
  <si>
    <t>5702325147853</t>
  </si>
  <si>
    <t>VELUX Verd.-Rollo man. DKL Y35 1025S</t>
  </si>
  <si>
    <t>DKL Y35 1085S</t>
  </si>
  <si>
    <t>5702325147860</t>
  </si>
  <si>
    <t>VELUX Verd.-Rollo man. DKL Y35 1085S</t>
  </si>
  <si>
    <t>DKL Y35 1100S</t>
  </si>
  <si>
    <t>5702325147877</t>
  </si>
  <si>
    <t>VELUX Verd.-Rollo man. DKL Y35 1100S</t>
  </si>
  <si>
    <t>DKL Y35 3009S</t>
  </si>
  <si>
    <t>5702325148041</t>
  </si>
  <si>
    <t>VELUX Verd.-Rollo man. DKL Y35 3009S</t>
  </si>
  <si>
    <t>DKL Y35 4556S</t>
  </si>
  <si>
    <t>5702327426932</t>
  </si>
  <si>
    <t>VELUX Verd.-Rollo man. DKL Y35 4556S</t>
  </si>
  <si>
    <t>DKL Y35 4559S</t>
  </si>
  <si>
    <t>5702327426963</t>
  </si>
  <si>
    <t>VELUX Verd.-Rollo man. DKL Y35 4559S</t>
  </si>
  <si>
    <t>DKL Y35 4564S</t>
  </si>
  <si>
    <t>5702327427014</t>
  </si>
  <si>
    <t>VELUX Verd.-Rollo man. DKL Y35 4564S</t>
  </si>
  <si>
    <t>DKL Y35 4574S</t>
  </si>
  <si>
    <t>5702328970809</t>
  </si>
  <si>
    <t>VELUX Verd.-Rollo man. DKL Y35 4574S</t>
  </si>
  <si>
    <t>DKL Y35 4575S</t>
  </si>
  <si>
    <t>5702328970816</t>
  </si>
  <si>
    <t>VELUX Verd.-Rollo man. DKL Y35 4575S</t>
  </si>
  <si>
    <t>DKL Y35 4576S</t>
  </si>
  <si>
    <t>5702328970823</t>
  </si>
  <si>
    <t>VELUX Verd.-Rollo man. DKL Y35 4576S</t>
  </si>
  <si>
    <t>DKL Y35 4577S</t>
  </si>
  <si>
    <t>5702328970830</t>
  </si>
  <si>
    <t>VELUX Verd.-Rollo man. DKL Y35 4577S</t>
  </si>
  <si>
    <t>DKL Y35 4578S</t>
  </si>
  <si>
    <t>5702328970847</t>
  </si>
  <si>
    <t>VELUX Verd.-Rollo man. DKL Y35 4578S</t>
  </si>
  <si>
    <t>DKL Y35 4579S</t>
  </si>
  <si>
    <t>5702328970854</t>
  </si>
  <si>
    <t>VELUX Verd.-Rollo man. DKL Y35 4579S</t>
  </si>
  <si>
    <t>DKL Y35 4580S</t>
  </si>
  <si>
    <t>5702328970861</t>
  </si>
  <si>
    <t>VELUX Verd.-Rollo man. DKL Y35 4580S</t>
  </si>
  <si>
    <t>DKL Y35 4581S</t>
  </si>
  <si>
    <t>5702328970878</t>
  </si>
  <si>
    <t>VELUX Verd.-Rollo man. DKL Y35 4581S</t>
  </si>
  <si>
    <t>DKL Y43 0705S</t>
  </si>
  <si>
    <t>5702325148249</t>
  </si>
  <si>
    <t>VELUX Verd.-Rollo man. DKL Y43 0705S</t>
  </si>
  <si>
    <t>DKL Y43 1025S</t>
  </si>
  <si>
    <t>5702325148263</t>
  </si>
  <si>
    <t>VELUX Verd.-Rollo man. DKL Y43 1025S</t>
  </si>
  <si>
    <t>DKL Y43 1085S</t>
  </si>
  <si>
    <t>5702325148270</t>
  </si>
  <si>
    <t>VELUX Verd.-Rollo man. DKL Y43 1085S</t>
  </si>
  <si>
    <t>DKL Y43 1100S</t>
  </si>
  <si>
    <t>5702325148287</t>
  </si>
  <si>
    <t>VELUX Verd.-Rollo man. DKL Y43 1100S</t>
  </si>
  <si>
    <t>DKL Y43 3009S</t>
  </si>
  <si>
    <t>5702325148454</t>
  </si>
  <si>
    <t>VELUX Verd.-Rollo man. DKL Y43 3009S</t>
  </si>
  <si>
    <t>DKL Y43 4556S</t>
  </si>
  <si>
    <t>5702327427120</t>
  </si>
  <si>
    <t>VELUX Verd.-Rollo man. DKL Y43 4556S</t>
  </si>
  <si>
    <t>DKL Y43 4559S</t>
  </si>
  <si>
    <t>5702327427151</t>
  </si>
  <si>
    <t>VELUX Verd.-Rollo man. DKL Y43 4559S</t>
  </si>
  <si>
    <t>DKL Y43 4564S</t>
  </si>
  <si>
    <t>5702327427205</t>
  </si>
  <si>
    <t>VELUX Verd.-Rollo man. DKL Y43 4564S</t>
  </si>
  <si>
    <t>DKL Y43 4574S</t>
  </si>
  <si>
    <t>5702328970885</t>
  </si>
  <si>
    <t>VELUX Verd.-Rollo man. DKL Y43 4574S</t>
  </si>
  <si>
    <t>DKL Y43 4575S</t>
  </si>
  <si>
    <t>5702328970892</t>
  </si>
  <si>
    <t>VELUX Verd.-Rollo man. DKL Y43 4575S</t>
  </si>
  <si>
    <t>DKL Y43 4576S</t>
  </si>
  <si>
    <t>5702328970908</t>
  </si>
  <si>
    <t>VELUX Verd.-Rollo man. DKL Y43 4576S</t>
  </si>
  <si>
    <t>DKL Y43 4577S</t>
  </si>
  <si>
    <t>5702328970915</t>
  </si>
  <si>
    <t>VELUX Verd.-Rollo man. DKL Y43 4577S</t>
  </si>
  <si>
    <t>DKL Y43 4578S</t>
  </si>
  <si>
    <t>5702328970922</t>
  </si>
  <si>
    <t>VELUX Verd.-Rollo man. DKL Y43 4578S</t>
  </si>
  <si>
    <t>DKL Y43 4579S</t>
  </si>
  <si>
    <t>5702328970939</t>
  </si>
  <si>
    <t>VELUX Verd.-Rollo man. DKL Y43 4579S</t>
  </si>
  <si>
    <t>DKL Y43 4580S</t>
  </si>
  <si>
    <t>5702328970946</t>
  </si>
  <si>
    <t>VELUX Verd.-Rollo man. DKL Y43 4580S</t>
  </si>
  <si>
    <t>DKL Y43 4581S</t>
  </si>
  <si>
    <t>5702328970953</t>
  </si>
  <si>
    <t>VELUX Verd.-Rollo man. DKL Y43 4581S</t>
  </si>
  <si>
    <t>DKL Y45 0705S</t>
  </si>
  <si>
    <t>5702325148652</t>
  </si>
  <si>
    <t>VELUX Verd.-Rollo man. DKL Y45 0705S</t>
  </si>
  <si>
    <t>DKL Y45 1025S</t>
  </si>
  <si>
    <t>5702325148676</t>
  </si>
  <si>
    <t>VELUX Verd.-Rollo man. DKL Y45 1025S</t>
  </si>
  <si>
    <t>DKL Y45 1085S</t>
  </si>
  <si>
    <t>5702325148683</t>
  </si>
  <si>
    <t>VELUX Verd.-Rollo man. DKL Y45 1085S</t>
  </si>
  <si>
    <t>DKL Y45 1100S</t>
  </si>
  <si>
    <t>5702325148690</t>
  </si>
  <si>
    <t>VELUX Verd.-Rollo man. DKL Y45 1100S</t>
  </si>
  <si>
    <t>DKL Y45 3009S</t>
  </si>
  <si>
    <t>5702325148867</t>
  </si>
  <si>
    <t>VELUX Verd.-Rollo man. DKL Y45 3009S</t>
  </si>
  <si>
    <t>DKL Y45 4556S</t>
  </si>
  <si>
    <t>5702327427311</t>
  </si>
  <si>
    <t>VELUX Verd.-Rollo man. DKL Y45 4556S</t>
  </si>
  <si>
    <t>DKL Y45 4559S</t>
  </si>
  <si>
    <t>5702327427342</t>
  </si>
  <si>
    <t>VELUX Verd.-Rollo man. DKL Y45 4559S</t>
  </si>
  <si>
    <t>DKL Y45 4564S</t>
  </si>
  <si>
    <t>5702327427397</t>
  </si>
  <si>
    <t>VELUX Verd.-Rollo man. DKL Y45 4564S</t>
  </si>
  <si>
    <t>DKL Y45 4574S</t>
  </si>
  <si>
    <t>5702328970960</t>
  </si>
  <si>
    <t>VELUX Verd.-Rollo man. DKL Y45 4574S</t>
  </si>
  <si>
    <t>DKL Y45 4575S</t>
  </si>
  <si>
    <t>5702328970977</t>
  </si>
  <si>
    <t>VELUX Verd.-Rollo man. DKL Y45 4575S</t>
  </si>
  <si>
    <t>DKL Y45 4576S</t>
  </si>
  <si>
    <t>5702328970984</t>
  </si>
  <si>
    <t>VELUX Verd.-Rollo man. DKL Y45 4576S</t>
  </si>
  <si>
    <t>DKL Y45 4577S</t>
  </si>
  <si>
    <t>5702328970991</t>
  </si>
  <si>
    <t>VELUX Verd.-Rollo man. DKL Y45 4577S</t>
  </si>
  <si>
    <t>DKL Y45 4578S</t>
  </si>
  <si>
    <t>5702328971004</t>
  </si>
  <si>
    <t>VELUX Verd.-Rollo man. DKL Y45 4578S</t>
  </si>
  <si>
    <t>DKL Y45 4579S</t>
  </si>
  <si>
    <t>5702328971011</t>
  </si>
  <si>
    <t>VELUX Verd.-Rollo man. DKL Y45 4579S</t>
  </si>
  <si>
    <t>DKL Y45 4580S</t>
  </si>
  <si>
    <t>5702328971028</t>
  </si>
  <si>
    <t>VELUX Verd.-Rollo man. DKL Y45 4580S</t>
  </si>
  <si>
    <t>DKL Y45 4581S</t>
  </si>
  <si>
    <t>5702328971035</t>
  </si>
  <si>
    <t>VELUX Verd.-Rollo man. DKL Y45 4581S</t>
  </si>
  <si>
    <t>DKL Y47 0705S</t>
  </si>
  <si>
    <t>5702325149062</t>
  </si>
  <si>
    <t>VELUX Verd.-Rollo man. DKL Y47 0705S</t>
  </si>
  <si>
    <t>DKL Y47 1025S</t>
  </si>
  <si>
    <t>5702325149086</t>
  </si>
  <si>
    <t>VELUX Verd.-Rollo man. DKL Y47 1025S</t>
  </si>
  <si>
    <t>DKL Y47 1085S</t>
  </si>
  <si>
    <t>5702325149093</t>
  </si>
  <si>
    <t>VELUX Verd.-Rollo man. DKL Y47 1085S</t>
  </si>
  <si>
    <t>DKL Y47 1100S</t>
  </si>
  <si>
    <t>5702325149109</t>
  </si>
  <si>
    <t>VELUX Verd.-Rollo man. DKL Y47 1100S</t>
  </si>
  <si>
    <t>DKL Y47 3009S</t>
  </si>
  <si>
    <t>5702325149277</t>
  </si>
  <si>
    <t>VELUX Verd.-Rollo man. DKL Y47 3009S</t>
  </si>
  <si>
    <t>DKL Y47 4556S</t>
  </si>
  <si>
    <t>5702327427502</t>
  </si>
  <si>
    <t>VELUX Verd.-Rollo man. DKL Y47 4556S</t>
  </si>
  <si>
    <t>DKL Y47 4559S</t>
  </si>
  <si>
    <t>5702327427533</t>
  </si>
  <si>
    <t>VELUX Verd.-Rollo man. DKL Y47 4559S</t>
  </si>
  <si>
    <t>DKL Y47 4564S</t>
  </si>
  <si>
    <t>5702327427588</t>
  </si>
  <si>
    <t>VELUX Verd.-Rollo man. DKL Y47 4564S</t>
  </si>
  <si>
    <t>DKL Y47 4574S</t>
  </si>
  <si>
    <t>5702328971042</t>
  </si>
  <si>
    <t>VELUX Verd.-Rollo man. DKL Y47 4574S</t>
  </si>
  <si>
    <t>DKL Y47 4575S</t>
  </si>
  <si>
    <t>5702328971059</t>
  </si>
  <si>
    <t>VELUX Verd.-Rollo man. DKL Y47 4575S</t>
  </si>
  <si>
    <t>DKL Y47 4576S</t>
  </si>
  <si>
    <t>5702328971066</t>
  </si>
  <si>
    <t>VELUX Verd.-Rollo man. DKL Y47 4576S</t>
  </si>
  <si>
    <t>DKL Y47 4577S</t>
  </si>
  <si>
    <t>5702328971073</t>
  </si>
  <si>
    <t>VELUX Verd.-Rollo man. DKL Y47 4577S</t>
  </si>
  <si>
    <t>DKL Y47 4578S</t>
  </si>
  <si>
    <t>5702328971080</t>
  </si>
  <si>
    <t>VELUX Verd.-Rollo man. DKL Y47 4578S</t>
  </si>
  <si>
    <t>DKL Y47 4579S</t>
  </si>
  <si>
    <t>5702328971097</t>
  </si>
  <si>
    <t>VELUX Verd.-Rollo man. DKL Y47 4579S</t>
  </si>
  <si>
    <t>DKL Y47 4580S</t>
  </si>
  <si>
    <t>5702328971103</t>
  </si>
  <si>
    <t>VELUX Verd.-Rollo man. DKL Y47 4580S</t>
  </si>
  <si>
    <t>DKL Y47 4581S</t>
  </si>
  <si>
    <t>5702328971110</t>
  </si>
  <si>
    <t>VELUX Verd.-Rollo man. DKL Y47 4581S</t>
  </si>
  <si>
    <t>DKL Y65 0705S</t>
  </si>
  <si>
    <t>5702325149475</t>
  </si>
  <si>
    <t>VELUX Verd.-Rollo man. DKL Y65 0705S</t>
  </si>
  <si>
    <t>DKL Y65 1025S</t>
  </si>
  <si>
    <t>5702325149499</t>
  </si>
  <si>
    <t>VELUX Verd.-Rollo man. DKL Y65 1025S</t>
  </si>
  <si>
    <t>DKL Y65 1085S</t>
  </si>
  <si>
    <t>5702325149505</t>
  </si>
  <si>
    <t>VELUX Verd.-Rollo man. DKL Y65 1085S</t>
  </si>
  <si>
    <t>DKL Y65 1100S</t>
  </si>
  <si>
    <t>5702325149512</t>
  </si>
  <si>
    <t>VELUX Verd.-Rollo man. DKL Y65 1100S</t>
  </si>
  <si>
    <t>DKL Y65 3009S</t>
  </si>
  <si>
    <t>5702325149680</t>
  </si>
  <si>
    <t>VELUX Verd.-Rollo man. DKL Y65 3009S</t>
  </si>
  <si>
    <t>DKL Y65 4556S</t>
  </si>
  <si>
    <t>5702327427694</t>
  </si>
  <si>
    <t>VELUX Verd.-Rollo man. DKL Y65 4556S</t>
  </si>
  <si>
    <t>DKL Y65 4559S</t>
  </si>
  <si>
    <t>5702327427724</t>
  </si>
  <si>
    <t>VELUX Verd.-Rollo man. DKL Y65 4559S</t>
  </si>
  <si>
    <t>DKL Y65 4564S</t>
  </si>
  <si>
    <t>5702327427779</t>
  </si>
  <si>
    <t>VELUX Verd.-Rollo man. DKL Y65 4564S</t>
  </si>
  <si>
    <t>DKL Y65 4574S</t>
  </si>
  <si>
    <t>5702328971127</t>
  </si>
  <si>
    <t>VELUX Verd.-Rollo man. DKL Y65 4574S</t>
  </si>
  <si>
    <t>DKL Y65 4575S</t>
  </si>
  <si>
    <t>5702328971134</t>
  </si>
  <si>
    <t>VELUX Verd.-Rollo man. DKL Y65 4575S</t>
  </si>
  <si>
    <t>DKL Y65 4576S</t>
  </si>
  <si>
    <t>5702328971141</t>
  </si>
  <si>
    <t>VELUX Verd.-Rollo man. DKL Y65 4576S</t>
  </si>
  <si>
    <t>DKL Y65 4577S</t>
  </si>
  <si>
    <t>5702328971158</t>
  </si>
  <si>
    <t>VELUX Verd.-Rollo man. DKL Y65 4577S</t>
  </si>
  <si>
    <t>DKL Y65 4578S</t>
  </si>
  <si>
    <t>5702328971165</t>
  </si>
  <si>
    <t>VELUX Verd.-Rollo man. DKL Y65 4578S</t>
  </si>
  <si>
    <t>DKL Y65 4579S</t>
  </si>
  <si>
    <t>5702328971172</t>
  </si>
  <si>
    <t>VELUX Verd.-Rollo man. DKL Y65 4579S</t>
  </si>
  <si>
    <t>DKL Y65 4580S</t>
  </si>
  <si>
    <t>5702328971189</t>
  </si>
  <si>
    <t>VELUX Verd.-Rollo man. DKL Y65 4580S</t>
  </si>
  <si>
    <t>DKL Y65 4581S</t>
  </si>
  <si>
    <t>5702328971196</t>
  </si>
  <si>
    <t>VELUX Verd.-Rollo man. DKL Y65 4581S</t>
  </si>
  <si>
    <t>DKL Y67 0705S</t>
  </si>
  <si>
    <t>5702325149888</t>
  </si>
  <si>
    <t>VELUX Verd.-Rollo man. DKL Y67 0705S</t>
  </si>
  <si>
    <t>DKL Y67 1025S</t>
  </si>
  <si>
    <t>5702325149901</t>
  </si>
  <si>
    <t>VELUX Verd.-Rollo man. DKL Y67 1025S</t>
  </si>
  <si>
    <t>DKL Y67 1085S</t>
  </si>
  <si>
    <t>5702325149918</t>
  </si>
  <si>
    <t>VELUX Verd.-Rollo man. DKL Y67 1085S</t>
  </si>
  <si>
    <t>DKL Y67 1100S</t>
  </si>
  <si>
    <t>5702325149925</t>
  </si>
  <si>
    <t>VELUX Verd.-Rollo man. DKL Y67 1100S</t>
  </si>
  <si>
    <t>DKL Y67 3009S</t>
  </si>
  <si>
    <t>5702325150099</t>
  </si>
  <si>
    <t>VELUX Verd.-Rollo man. DKL Y67 3009S</t>
  </si>
  <si>
    <t>DKL Y67 4556S</t>
  </si>
  <si>
    <t>5702327427885</t>
  </si>
  <si>
    <t>VELUX Verd.-Rollo man. DKL Y67 4556S</t>
  </si>
  <si>
    <t>DKL Y67 4559S</t>
  </si>
  <si>
    <t>5702327427915</t>
  </si>
  <si>
    <t>VELUX Verd.-Rollo man. DKL Y67 4559S</t>
  </si>
  <si>
    <t>DKL Y67 4564S</t>
  </si>
  <si>
    <t>5702327427960</t>
  </si>
  <si>
    <t>VELUX Verd.-Rollo man. DKL Y67 4564S</t>
  </si>
  <si>
    <t>DKL Y67 4574S</t>
  </si>
  <si>
    <t>5702328971202</t>
  </si>
  <si>
    <t>VELUX Verd.-Rollo man. DKL Y67 4574S</t>
  </si>
  <si>
    <t>DKL Y67 4575S</t>
  </si>
  <si>
    <t>5702328971219</t>
  </si>
  <si>
    <t>VELUX Verd.-Rollo man. DKL Y67 4575S</t>
  </si>
  <si>
    <t>DKL Y67 4576S</t>
  </si>
  <si>
    <t>5702328971226</t>
  </si>
  <si>
    <t>VELUX Verd.-Rollo man. DKL Y67 4576S</t>
  </si>
  <si>
    <t>DKL Y67 4577S</t>
  </si>
  <si>
    <t>5702328971233</t>
  </si>
  <si>
    <t>VELUX Verd.-Rollo man. DKL Y67 4577S</t>
  </si>
  <si>
    <t>DKL Y67 4578S</t>
  </si>
  <si>
    <t>5702328971240</t>
  </si>
  <si>
    <t>VELUX Verd.-Rollo man. DKL Y67 4578S</t>
  </si>
  <si>
    <t>DKL Y67 4579S</t>
  </si>
  <si>
    <t>5702328971257</t>
  </si>
  <si>
    <t>VELUX Verd.-Rollo man. DKL Y67 4579S</t>
  </si>
  <si>
    <t>DKL Y67 4580S</t>
  </si>
  <si>
    <t>5702328971264</t>
  </si>
  <si>
    <t>VELUX Verd.-Rollo man. DKL Y67 4580S</t>
  </si>
  <si>
    <t>DKL Y67 4581S</t>
  </si>
  <si>
    <t>5702328971271</t>
  </si>
  <si>
    <t>VELUX Verd.-Rollo man. DKL Y67 4581S</t>
  </si>
  <si>
    <t>DKL Y85 0705S</t>
  </si>
  <si>
    <t>5702325150297</t>
  </si>
  <si>
    <t>VELUX Verd.-Rollo man. DKL Y85 0705S</t>
  </si>
  <si>
    <t>DKL Y85 1025S</t>
  </si>
  <si>
    <t>5702325150310</t>
  </si>
  <si>
    <t>VELUX Verd.-Rollo man. DKL Y85 1025S</t>
  </si>
  <si>
    <t>DKL Y85 1085S</t>
  </si>
  <si>
    <t>5702325150327</t>
  </si>
  <si>
    <t>VELUX Verd.-Rollo man. DKL Y85 1085S</t>
  </si>
  <si>
    <t>DKL Y85 1100S</t>
  </si>
  <si>
    <t>5702325150334</t>
  </si>
  <si>
    <t>VELUX Verd.-Rollo man. DKL Y85 1100S</t>
  </si>
  <si>
    <t>DKL Y85 3009S</t>
  </si>
  <si>
    <t>5702325150501</t>
  </si>
  <si>
    <t>VELUX Verd.-Rollo man. DKL Y85 3009S</t>
  </si>
  <si>
    <t>DKL Y85 4556S</t>
  </si>
  <si>
    <t>5702327428073</t>
  </si>
  <si>
    <t>VELUX Verd.-Rollo man. DKL Y85 4556S</t>
  </si>
  <si>
    <t>DKL Y85 4559S</t>
  </si>
  <si>
    <t>5702327428103</t>
  </si>
  <si>
    <t>VELUX Verd.-Rollo man. DKL Y85 4559S</t>
  </si>
  <si>
    <t>DKL Y85 4564S</t>
  </si>
  <si>
    <t>5702327428158</t>
  </si>
  <si>
    <t>VELUX Verd.-Rollo man. DKL Y85 4564S</t>
  </si>
  <si>
    <t>DKL Y85 4574S</t>
  </si>
  <si>
    <t>5702328971288</t>
  </si>
  <si>
    <t>VELUX Verd.-Rollo man. DKL Y85 4574S</t>
  </si>
  <si>
    <t>DKL Y85 4575S</t>
  </si>
  <si>
    <t>5702328971295</t>
  </si>
  <si>
    <t>VELUX Verd.-Rollo man. DKL Y85 4575S</t>
  </si>
  <si>
    <t>DKL Y85 4576S</t>
  </si>
  <si>
    <t>5702328971301</t>
  </si>
  <si>
    <t>VELUX Verd.-Rollo man. DKL Y85 4576S</t>
  </si>
  <si>
    <t>DKL Y85 4577S</t>
  </si>
  <si>
    <t>5702328971318</t>
  </si>
  <si>
    <t>VELUX Verd.-Rollo man. DKL Y85 4577S</t>
  </si>
  <si>
    <t>DKL Y85 4578S</t>
  </si>
  <si>
    <t>5702328971325</t>
  </si>
  <si>
    <t>VELUX Verd.-Rollo man. DKL Y85 4578S</t>
  </si>
  <si>
    <t>DKL Y85 4579S</t>
  </si>
  <si>
    <t>5702328971332</t>
  </si>
  <si>
    <t>VELUX Verd.-Rollo man. DKL Y85 4579S</t>
  </si>
  <si>
    <t>DKL Y85 4580S</t>
  </si>
  <si>
    <t>5702328971349</t>
  </si>
  <si>
    <t>VELUX Verd.-Rollo man. DKL Y85 4580S</t>
  </si>
  <si>
    <t>DKL Y85 4581S</t>
  </si>
  <si>
    <t>5702328971356</t>
  </si>
  <si>
    <t>VELUX Verd.-Rollo man. DKL Y85 4581S</t>
  </si>
  <si>
    <t>DKL Y87 0705S</t>
  </si>
  <si>
    <t>5702325150709</t>
  </si>
  <si>
    <t>VELUX Verd.-Rollo man. DKL Y87 0705S</t>
  </si>
  <si>
    <t>DKL Y87 1025S</t>
  </si>
  <si>
    <t>5702325150723</t>
  </si>
  <si>
    <t>VELUX Verd.-Rollo man. DKL Y87 1025S</t>
  </si>
  <si>
    <t>DKL Y87 1085S</t>
  </si>
  <si>
    <t>5702325150730</t>
  </si>
  <si>
    <t>VELUX Verd.-Rollo man. DKL Y87 1085S</t>
  </si>
  <si>
    <t>DKL Y87 1100S</t>
  </si>
  <si>
    <t>5702325150747</t>
  </si>
  <si>
    <t>VELUX Verd.-Rollo man. DKL Y87 1100S</t>
  </si>
  <si>
    <t>DKL Y87 3009S</t>
  </si>
  <si>
    <t>5702325150914</t>
  </si>
  <si>
    <t>VELUX Verd.-Rollo man. DKL Y87 3009S</t>
  </si>
  <si>
    <t>DKL Y87 4556S</t>
  </si>
  <si>
    <t>5702327428264</t>
  </si>
  <si>
    <t>VELUX Verd.-Rollo man. DKL Y87 4556S</t>
  </si>
  <si>
    <t>DKL Y87 4559S</t>
  </si>
  <si>
    <t>5702327428295</t>
  </si>
  <si>
    <t>VELUX Verd.-Rollo man. DKL Y87 4559S</t>
  </si>
  <si>
    <t>DKL Y87 4564S</t>
  </si>
  <si>
    <t>5702327428349</t>
  </si>
  <si>
    <t>VELUX Verd.-Rollo man. DKL Y87 4564S</t>
  </si>
  <si>
    <t>DKL Y87 4574S</t>
  </si>
  <si>
    <t>5702328971363</t>
  </si>
  <si>
    <t>VELUX Verd.-Rollo man. DKL Y87 4574S</t>
  </si>
  <si>
    <t>DKL Y87 4575S</t>
  </si>
  <si>
    <t>5702328971370</t>
  </si>
  <si>
    <t>VELUX Verd.-Rollo man. DKL Y87 4575S</t>
  </si>
  <si>
    <t>DKL Y87 4576S</t>
  </si>
  <si>
    <t>5702328971387</t>
  </si>
  <si>
    <t>VELUX Verd.-Rollo man. DKL Y87 4576S</t>
  </si>
  <si>
    <t>DKL Y87 4577S</t>
  </si>
  <si>
    <t>5702328971394</t>
  </si>
  <si>
    <t>VELUX Verd.-Rollo man. DKL Y87 4577S</t>
  </si>
  <si>
    <t>DKL Y87 4578S</t>
  </si>
  <si>
    <t>5702328971400</t>
  </si>
  <si>
    <t>VELUX Verd.-Rollo man. DKL Y87 4578S</t>
  </si>
  <si>
    <t>DKL Y87 4579S</t>
  </si>
  <si>
    <t>5702328971417</t>
  </si>
  <si>
    <t>VELUX Verd.-Rollo man. DKL Y87 4579S</t>
  </si>
  <si>
    <t>DKL Y87 4580S</t>
  </si>
  <si>
    <t>5702328971424</t>
  </si>
  <si>
    <t>VELUX Verd.-Rollo man. DKL Y87 4580S</t>
  </si>
  <si>
    <t>DKL Y87 4581S</t>
  </si>
  <si>
    <t>5702328971431</t>
  </si>
  <si>
    <t>VELUX Verd.-Rollo man. DKL Y87 4581S</t>
  </si>
  <si>
    <t>DKL Y89 0705S</t>
  </si>
  <si>
    <t>5702325151119</t>
  </si>
  <si>
    <t>VELUX Verd.-Rollo man. DKL Y89 0705S</t>
  </si>
  <si>
    <t>DKL Y89 1025S</t>
  </si>
  <si>
    <t>5702325151133</t>
  </si>
  <si>
    <t>VELUX Verd.-Rollo man. DKL Y89 1025S</t>
  </si>
  <si>
    <t>DKL Y89 1085S</t>
  </si>
  <si>
    <t>5702325151140</t>
  </si>
  <si>
    <t>VELUX Verd.-Rollo man. DKL Y89 1085S</t>
  </si>
  <si>
    <t>DKL Y89 1100S</t>
  </si>
  <si>
    <t>5702325151157</t>
  </si>
  <si>
    <t>VELUX Verd.-Rollo man. DKL Y89 1100S</t>
  </si>
  <si>
    <t>DKL Y89 3009S</t>
  </si>
  <si>
    <t>5702325151324</t>
  </si>
  <si>
    <t>VELUX Verd.-Rollo man. DKL Y89 3009S</t>
  </si>
  <si>
    <t>DKL Y89 4556S</t>
  </si>
  <si>
    <t>5702327428455</t>
  </si>
  <si>
    <t>VELUX Verd.-Rollo man. DKL Y89 4556S</t>
  </si>
  <si>
    <t>DKL Y89 4559S</t>
  </si>
  <si>
    <t>5702327428486</t>
  </si>
  <si>
    <t>VELUX Verd.-Rollo man. DKL Y89 4559S</t>
  </si>
  <si>
    <t>DKL Y89 4564S</t>
  </si>
  <si>
    <t>5702327428530</t>
  </si>
  <si>
    <t>VELUX Verd.-Rollo man. DKL Y89 4564S</t>
  </si>
  <si>
    <t>DKL Y89 4574S</t>
  </si>
  <si>
    <t>5702328971448</t>
  </si>
  <si>
    <t>VELUX Verd.-Rollo man. DKL Y89 4574S</t>
  </si>
  <si>
    <t>DKL Y89 4576S</t>
  </si>
  <si>
    <t>5702328971462</t>
  </si>
  <si>
    <t>VELUX Verd.-Rollo man. DKL Y89 4576S</t>
  </si>
  <si>
    <t>DKL Y89 4577S</t>
  </si>
  <si>
    <t>5702328971479</t>
  </si>
  <si>
    <t>VELUX Verd.-Rollo man. DKL Y89 4577S</t>
  </si>
  <si>
    <t>DKL Y89 4578S</t>
  </si>
  <si>
    <t>5702328971486</t>
  </si>
  <si>
    <t>VELUX Verd.-Rollo man. DKL Y89 4578S</t>
  </si>
  <si>
    <t>DKL Y89 4579S</t>
  </si>
  <si>
    <t>5702328971493</t>
  </si>
  <si>
    <t>VELUX Verd.-Rollo man. DKL Y89 4579S</t>
  </si>
  <si>
    <t>DKL Y89 4580S</t>
  </si>
  <si>
    <t>5702328971509</t>
  </si>
  <si>
    <t>VELUX Verd.-Rollo man. DKL Y89 4580S</t>
  </si>
  <si>
    <t>DKL Y89 4581S</t>
  </si>
  <si>
    <t>5702328971516</t>
  </si>
  <si>
    <t>VELUX Verd.-Rollo man. DKL Y89 4581S</t>
  </si>
  <si>
    <t>DKL Y97 0705S</t>
  </si>
  <si>
    <t>5702325151522</t>
  </si>
  <si>
    <t>VELUX Verd.-Rollo man. DKL Y97 0705S</t>
  </si>
  <si>
    <t>DKL Y97 1025S</t>
  </si>
  <si>
    <t>5702325151546</t>
  </si>
  <si>
    <t>VELUX Verd.-Rollo man. DKL Y97 1025S</t>
  </si>
  <si>
    <t>DKL Y97 1085S</t>
  </si>
  <si>
    <t>5702325151553</t>
  </si>
  <si>
    <t>VELUX Verd.-Rollo man. DKL Y97 1085S</t>
  </si>
  <si>
    <t>DKL Y97 1100S</t>
  </si>
  <si>
    <t>5702325151560</t>
  </si>
  <si>
    <t>VELUX Verd.-Rollo man. DKL Y97 1100S</t>
  </si>
  <si>
    <t>DKL Y97 3009S</t>
  </si>
  <si>
    <t>5702325151737</t>
  </si>
  <si>
    <t>VELUX Verd.-Rollo man. DKL Y97 3009S</t>
  </si>
  <si>
    <t>DKL Y97 4556S</t>
  </si>
  <si>
    <t>5702327428646</t>
  </si>
  <si>
    <t>VELUX Verd.-Rollo man. DKL Y97 4556S</t>
  </si>
  <si>
    <t>DKL Y97 4559S</t>
  </si>
  <si>
    <t>5702327428677</t>
  </si>
  <si>
    <t>VELUX Verd.-Rollo man. DKL Y97 4559S</t>
  </si>
  <si>
    <t>DKL Y97 4564S</t>
  </si>
  <si>
    <t>5702327428721</t>
  </si>
  <si>
    <t>VELUX Verd.-Rollo man. DKL Y97 4564S</t>
  </si>
  <si>
    <t>DKL Y97 4574S</t>
  </si>
  <si>
    <t>5702328971523</t>
  </si>
  <si>
    <t>VELUX Verd.-Rollo man. DKL Y97 4574S</t>
  </si>
  <si>
    <t>DKL Y97 4575S</t>
  </si>
  <si>
    <t>5702328971530</t>
  </si>
  <si>
    <t>VELUX Verd.-Rollo man. DKL Y97 4575S</t>
  </si>
  <si>
    <t>DKL Y97 4576S</t>
  </si>
  <si>
    <t>5702328971547</t>
  </si>
  <si>
    <t>VELUX Verd.-Rollo man. DKL Y97 4576S</t>
  </si>
  <si>
    <t>DKL Y97 4577S</t>
  </si>
  <si>
    <t>5702328971554</t>
  </si>
  <si>
    <t>VELUX Verd.-Rollo man. DKL Y97 4577S</t>
  </si>
  <si>
    <t>DKL Y97 4578S</t>
  </si>
  <si>
    <t>5702328971561</t>
  </si>
  <si>
    <t>VELUX Verd.-Rollo man. DKL Y97 4578S</t>
  </si>
  <si>
    <t>DKL Y97 4579S</t>
  </si>
  <si>
    <t>5702328971578</t>
  </si>
  <si>
    <t>VELUX Verd.-Rollo man. DKL Y97 4579S</t>
  </si>
  <si>
    <t>DKL Y97 4580S</t>
  </si>
  <si>
    <t>5702328971585</t>
  </si>
  <si>
    <t>VELUX Verd.-Rollo man. DKL Y97 4580S</t>
  </si>
  <si>
    <t>DKL Y97 4581S</t>
  </si>
  <si>
    <t>5702328971592</t>
  </si>
  <si>
    <t>VELUX Verd.-Rollo man. DKL Y97 4581S</t>
  </si>
  <si>
    <t>DKL Y99 0705S</t>
  </si>
  <si>
    <t>5702325151935</t>
  </si>
  <si>
    <t>VELUX Verd.-Rollo man. DKL Y99 0705S</t>
  </si>
  <si>
    <t>DKL Y99 1025S</t>
  </si>
  <si>
    <t>5702325151959</t>
  </si>
  <si>
    <t>VELUX Verd.-Rollo man. DKL Y99 1025S</t>
  </si>
  <si>
    <t>DKL Y99 1085S</t>
  </si>
  <si>
    <t>5702325151966</t>
  </si>
  <si>
    <t>VELUX Verd.-Rollo man. DKL Y99 1085S</t>
  </si>
  <si>
    <t>DKL Y99 1100S</t>
  </si>
  <si>
    <t>5702325151973</t>
  </si>
  <si>
    <t>VELUX Verd.-Rollo man. DKL Y99 1100S</t>
  </si>
  <si>
    <t>DKL Y99 3009S</t>
  </si>
  <si>
    <t>5702325152147</t>
  </si>
  <si>
    <t>VELUX Verd.-Rollo man. DKL Y99 3009S</t>
  </si>
  <si>
    <t>DKL Y99 4556S</t>
  </si>
  <si>
    <t>5702327428837</t>
  </si>
  <si>
    <t>VELUX Verd.-Rollo man. DKL Y99 4556S</t>
  </si>
  <si>
    <t>DKL Y99 4559S</t>
  </si>
  <si>
    <t>5702327428868</t>
  </si>
  <si>
    <t>VELUX Verd.-Rollo man. DKL Y99 4559S</t>
  </si>
  <si>
    <t>DKL Y99 4564S</t>
  </si>
  <si>
    <t>5702327428912</t>
  </si>
  <si>
    <t>VELUX Verd.-Rollo man. DKL Y99 4564S</t>
  </si>
  <si>
    <t>DKL Y99 4574S</t>
  </si>
  <si>
    <t>5702328971608</t>
  </si>
  <si>
    <t>VELUX Verd.-Rollo man. DKL Y99 4574S</t>
  </si>
  <si>
    <t>DKL Y99 4575S</t>
  </si>
  <si>
    <t>5702328971615</t>
  </si>
  <si>
    <t>VELUX Verd.-Rollo man. DKL Y99 4575S</t>
  </si>
  <si>
    <t>DKL Y99 4576S</t>
  </si>
  <si>
    <t>5702328971622</t>
  </si>
  <si>
    <t>VELUX Verd.-Rollo man. DKL Y99 4576S</t>
  </si>
  <si>
    <t>DKL Y99 4577S</t>
  </si>
  <si>
    <t>5702328971639</t>
  </si>
  <si>
    <t>VELUX Verd.-Rollo man. DKL Y99 4577S</t>
  </si>
  <si>
    <t>DKL Y99 4578S</t>
  </si>
  <si>
    <t>5702328971646</t>
  </si>
  <si>
    <t>VELUX Verd.-Rollo man. DKL Y99 4578S</t>
  </si>
  <si>
    <t>DKL Y99 4579S</t>
  </si>
  <si>
    <t>5702328971653</t>
  </si>
  <si>
    <t>VELUX Verd.-Rollo man. DKL Y99 4579S</t>
  </si>
  <si>
    <t>DKL Y99 4580S</t>
  </si>
  <si>
    <t>5702328971660</t>
  </si>
  <si>
    <t>VELUX Verd.-Rollo man. DKL Y99 4580S</t>
  </si>
  <si>
    <t>DKL Y99 4581S</t>
  </si>
  <si>
    <t>5702328971677</t>
  </si>
  <si>
    <t>VELUX Verd.-Rollo man. DKL Y99 4581S</t>
  </si>
  <si>
    <t>DKU 102 1025</t>
  </si>
  <si>
    <t>5702322577387</t>
  </si>
  <si>
    <t>VELUX Verd.-Rollo man. DKU 102 1025</t>
  </si>
  <si>
    <t>DKU 102 1100</t>
  </si>
  <si>
    <t>5702322577417</t>
  </si>
  <si>
    <t>VELUX Verd.-Rollo man. DKU 102 1100</t>
  </si>
  <si>
    <t>DKU 104 1025</t>
  </si>
  <si>
    <t>5702320133790</t>
  </si>
  <si>
    <t>VELUX Verd.-Rollo man. DKU 104 1025</t>
  </si>
  <si>
    <t>DKU 104 1085</t>
  </si>
  <si>
    <t>5702320133806</t>
  </si>
  <si>
    <t>VELUX Verd.-Rollo man. DKU 104 1085</t>
  </si>
  <si>
    <t>DKU 104 1100</t>
  </si>
  <si>
    <t>5702320133813</t>
  </si>
  <si>
    <t>VELUX Verd.-Rollo man. DKU 104 1100</t>
  </si>
  <si>
    <t>DKU 206 1025</t>
  </si>
  <si>
    <t>5702320133875</t>
  </si>
  <si>
    <t>VELUX Verd.-Rollo man. DKU 206 1025</t>
  </si>
  <si>
    <t>DKU 206 1085</t>
  </si>
  <si>
    <t>5702320133882</t>
  </si>
  <si>
    <t>VELUX Verd.-Rollo man. DKU 206 1085</t>
  </si>
  <si>
    <t>DKU 206 1100</t>
  </si>
  <si>
    <t>5702320133899</t>
  </si>
  <si>
    <t>VELUX Verd.-Rollo man. DKU 206 1100</t>
  </si>
  <si>
    <t>DKU 304 1025</t>
  </si>
  <si>
    <t>5702320133950</t>
  </si>
  <si>
    <t>VELUX Verd.-Rollo man. DKU 304 1025</t>
  </si>
  <si>
    <t>DKU 304 1085</t>
  </si>
  <si>
    <t>5702320133967</t>
  </si>
  <si>
    <t>VELUX Verd.-Rollo man. DKU 304 1085</t>
  </si>
  <si>
    <t>DKU 304 1100</t>
  </si>
  <si>
    <t>5702320133974</t>
  </si>
  <si>
    <t>VELUX Verd.-Rollo man. DKU 304 1100</t>
  </si>
  <si>
    <t>DKU 306 1025</t>
  </si>
  <si>
    <t>5702320134032</t>
  </si>
  <si>
    <t>VELUX Verd.-Rollo man. DKU 306 1025</t>
  </si>
  <si>
    <t>DKU 306 1085</t>
  </si>
  <si>
    <t>5702320134049</t>
  </si>
  <si>
    <t>VELUX Verd.-Rollo man. DKU 306 1085</t>
  </si>
  <si>
    <t>DKU 306 1100</t>
  </si>
  <si>
    <t>5702320134056</t>
  </si>
  <si>
    <t>VELUX Verd.-Rollo man. DKU 306 1100</t>
  </si>
  <si>
    <t>DKU 308 1025</t>
  </si>
  <si>
    <t>5702320134117</t>
  </si>
  <si>
    <t>VELUX Verd.-Rollo man. DKU 308 1025</t>
  </si>
  <si>
    <t>DKU 308 1085</t>
  </si>
  <si>
    <t>5702320134124</t>
  </si>
  <si>
    <t>VELUX Verd.-Rollo man. DKU 308 1085</t>
  </si>
  <si>
    <t>DKU 308 1100</t>
  </si>
  <si>
    <t>5702320134131</t>
  </si>
  <si>
    <t>VELUX Verd.-Rollo man. DKU 308 1100</t>
  </si>
  <si>
    <t>DKU 404 1025</t>
  </si>
  <si>
    <t>5702320849134</t>
  </si>
  <si>
    <t>VELUX Verd.-Rollo man. DKU 404 1025</t>
  </si>
  <si>
    <t>DKU 404 1100</t>
  </si>
  <si>
    <t>5702320849172</t>
  </si>
  <si>
    <t>VELUX Verd.-Rollo man. DKU 404 1100</t>
  </si>
  <si>
    <t>DKU 406 1025</t>
  </si>
  <si>
    <t>5702320728545</t>
  </si>
  <si>
    <t>VELUX Verd.-Rollo man. DKU 406 1025</t>
  </si>
  <si>
    <t>DKU 406 1085</t>
  </si>
  <si>
    <t>5702320728552</t>
  </si>
  <si>
    <t>VELUX Verd.-Rollo man. DKU 406 1085</t>
  </si>
  <si>
    <t>DKU 406 1100</t>
  </si>
  <si>
    <t>5702320728569</t>
  </si>
  <si>
    <t>VELUX Verd.-Rollo man. DKU 406 1100</t>
  </si>
  <si>
    <t>DKU 408 1025</t>
  </si>
  <si>
    <t>5702320728620</t>
  </si>
  <si>
    <t>VELUX Verd.-Rollo man. DKU 408 1025</t>
  </si>
  <si>
    <t>DKU 408 1085</t>
  </si>
  <si>
    <t>5702320728637</t>
  </si>
  <si>
    <t>VELUX Verd.-Rollo man. DKU 408 1085</t>
  </si>
  <si>
    <t>DKU 408 1100</t>
  </si>
  <si>
    <t>5702320728644</t>
  </si>
  <si>
    <t>VELUX Verd.-Rollo man. DKU 408 1100</t>
  </si>
  <si>
    <t>DKU 604 1025</t>
  </si>
  <si>
    <t>5702320849141</t>
  </si>
  <si>
    <t>VELUX Verd.-Rollo man. DKU 604 1025</t>
  </si>
  <si>
    <t>DKU 604 1100</t>
  </si>
  <si>
    <t>5702320849189</t>
  </si>
  <si>
    <t>VELUX Verd.-Rollo man. DKU 604 1100</t>
  </si>
  <si>
    <t>DKU 606 1025</t>
  </si>
  <si>
    <t>5702320134278</t>
  </si>
  <si>
    <t>VELUX Verd.-Rollo man. DKU 606 1025</t>
  </si>
  <si>
    <t>DKU 606 1085</t>
  </si>
  <si>
    <t>5702320134285</t>
  </si>
  <si>
    <t>VELUX Verd.-Rollo man. DKU 606 1085</t>
  </si>
  <si>
    <t>DKU 606 1100</t>
  </si>
  <si>
    <t>5702320134292</t>
  </si>
  <si>
    <t>VELUX Verd.-Rollo man. DKU 606 1100</t>
  </si>
  <si>
    <t>DKU 608 1025</t>
  </si>
  <si>
    <t>5702320134353</t>
  </si>
  <si>
    <t>VELUX Verd.-Rollo man. DKU 608 1025</t>
  </si>
  <si>
    <t>DKU 608 1085</t>
  </si>
  <si>
    <t>5702320134360</t>
  </si>
  <si>
    <t>VELUX Verd.-Rollo man. DKU 608 1085</t>
  </si>
  <si>
    <t>DKU 608 1100</t>
  </si>
  <si>
    <t>5702320134377</t>
  </si>
  <si>
    <t>VELUX Verd.-Rollo man. DKU 608 1100</t>
  </si>
  <si>
    <t>DKY C02 4901S</t>
  </si>
  <si>
    <t>5702329676526</t>
  </si>
  <si>
    <t>VELUX Verd.-Rollo man. DKY C02 4901S</t>
  </si>
  <si>
    <t>Nature, Forest</t>
  </si>
  <si>
    <t>DKY C02 4901SWL</t>
  </si>
  <si>
    <t>5702329676533</t>
  </si>
  <si>
    <t>VELUX Verd.-Rollo man. DKY C02 4901SWL</t>
  </si>
  <si>
    <t>Nature, Forest, WL</t>
  </si>
  <si>
    <t>DKY C02 4902S</t>
  </si>
  <si>
    <t>5702329676540</t>
  </si>
  <si>
    <t>VELUX Verd.-Rollo man. DKY C02 4902S</t>
  </si>
  <si>
    <t>Nature, Marsh</t>
  </si>
  <si>
    <t>DKY C02 4902SWL</t>
  </si>
  <si>
    <t>5702329676557</t>
  </si>
  <si>
    <t>VELUX Verd.-Rollo man. DKY C02 4902SWL</t>
  </si>
  <si>
    <t>Nature, Marsh, WL</t>
  </si>
  <si>
    <t>DKY C02 4903S</t>
  </si>
  <si>
    <t>5702329676564</t>
  </si>
  <si>
    <t>VELUX Verd.-Rollo man. DKY C02 4903S</t>
  </si>
  <si>
    <t>Nature, Lake</t>
  </si>
  <si>
    <t>DKY C02 4903SWL</t>
  </si>
  <si>
    <t>5702329676571</t>
  </si>
  <si>
    <t>VELUX Verd.-Rollo man. DKY C02 4903SWL</t>
  </si>
  <si>
    <t>Nature, Lake, WL</t>
  </si>
  <si>
    <t>DKY C02 4904S</t>
  </si>
  <si>
    <t>5702329676588</t>
  </si>
  <si>
    <t>VELUX Verd.-Rollo man. DKY C02 4904S</t>
  </si>
  <si>
    <t>Nature, Cave</t>
  </si>
  <si>
    <t>DKY C02 4904SWL</t>
  </si>
  <si>
    <t>5702329676595</t>
  </si>
  <si>
    <t>VELUX Verd.-Rollo man. DKY C02 4904SWL</t>
  </si>
  <si>
    <t>Nature, Cave, WL</t>
  </si>
  <si>
    <t>DKY C04 4901S</t>
  </si>
  <si>
    <t>5702329676601</t>
  </si>
  <si>
    <t>VELUX Verd.-Rollo man. DKY C04 4901S</t>
  </si>
  <si>
    <t>DKY C04 4901SWL</t>
  </si>
  <si>
    <t>5702329676618</t>
  </si>
  <si>
    <t>VELUX Verd.-Rollo man. DKY C04 4901SWL</t>
  </si>
  <si>
    <t>DKY C04 4902S</t>
  </si>
  <si>
    <t>5702329676625</t>
  </si>
  <si>
    <t>VELUX Verd.-Rollo man. DKY C04 4902S</t>
  </si>
  <si>
    <t>DKY C04 4902SWL</t>
  </si>
  <si>
    <t>5702329676632</t>
  </si>
  <si>
    <t>VELUX Verd.-Rollo man. DKY C04 4902SWL</t>
  </si>
  <si>
    <t>DKY C04 4903S</t>
  </si>
  <si>
    <t>5702329676649</t>
  </si>
  <si>
    <t>VELUX Verd.-Rollo man. DKY C04 4903S</t>
  </si>
  <si>
    <t>DKY C04 4903SWL</t>
  </si>
  <si>
    <t>5702329676656</t>
  </si>
  <si>
    <t>VELUX Verd.-Rollo man. DKY C04 4903SWL</t>
  </si>
  <si>
    <t>DKY C04 4904S</t>
  </si>
  <si>
    <t>5702329676663</t>
  </si>
  <si>
    <t>VELUX Verd.-Rollo man. DKY C04 4904S</t>
  </si>
  <si>
    <t>DKY C04 4904SWL</t>
  </si>
  <si>
    <t>5702329676670</t>
  </si>
  <si>
    <t>VELUX Verd.-Rollo man. DKY C04 4904SWL</t>
  </si>
  <si>
    <t>DKY C06 4901S</t>
  </si>
  <si>
    <t>5702329676687</t>
  </si>
  <si>
    <t>VELUX Verd.-Rollo man. DKY C06 4901S</t>
  </si>
  <si>
    <t>DKY C06 4901SWL</t>
  </si>
  <si>
    <t>5702329676694</t>
  </si>
  <si>
    <t>VELUX Verd.-Rollo man. DKY C06 4901SWL</t>
  </si>
  <si>
    <t>DKY C06 4902S</t>
  </si>
  <si>
    <t>5702329676700</t>
  </si>
  <si>
    <t>VELUX Verd.-Rollo man. DKY C06 4902S</t>
  </si>
  <si>
    <t>DKY C06 4902SWL</t>
  </si>
  <si>
    <t>5702329676717</t>
  </si>
  <si>
    <t>VELUX Verd.-Rollo man. DKY C06 4902SWL</t>
  </si>
  <si>
    <t>DKY C06 4903S</t>
  </si>
  <si>
    <t>5702329676724</t>
  </si>
  <si>
    <t>VELUX Verd.-Rollo man. DKY C06 4903S</t>
  </si>
  <si>
    <t>DKY C06 4903SWL</t>
  </si>
  <si>
    <t>5702329676731</t>
  </si>
  <si>
    <t>VELUX Verd.-Rollo man. DKY C06 4903SWL</t>
  </si>
  <si>
    <t>DKY C06 4904S</t>
  </si>
  <si>
    <t>5702329676748</t>
  </si>
  <si>
    <t>VELUX Verd.-Rollo man. DKY C06 4904S</t>
  </si>
  <si>
    <t>DKY C06 4904SWL</t>
  </si>
  <si>
    <t>5702329676755</t>
  </si>
  <si>
    <t>VELUX Verd.-Rollo man. DKY C06 4904SWL</t>
  </si>
  <si>
    <t>DKY CK02 4901S</t>
  </si>
  <si>
    <t>5702329676847</t>
  </si>
  <si>
    <t>VELUX Verd.-Rollo man. DKY CK02 4901S</t>
  </si>
  <si>
    <t>DKY CK02 4901SWL</t>
  </si>
  <si>
    <t>5702329676854</t>
  </si>
  <si>
    <t>VELUX Verd.-Rollo man. DKY CK02 4901SWL</t>
  </si>
  <si>
    <t>DKY CK02 4902S</t>
  </si>
  <si>
    <t>5702329676861</t>
  </si>
  <si>
    <t>VELUX Verd.-Rollo man. DKY CK02 4902S</t>
  </si>
  <si>
    <t>DKY CK02 4902SWL</t>
  </si>
  <si>
    <t>5702329676878</t>
  </si>
  <si>
    <t>VELUX Verd.-Rollo man. DKY CK02 4902SWL</t>
  </si>
  <si>
    <t>DKY CK02 4903S</t>
  </si>
  <si>
    <t>5702329676885</t>
  </si>
  <si>
    <t>VELUX Verd.-Rollo man. DKY CK02 4903S</t>
  </si>
  <si>
    <t>DKY CK02 4903SWL</t>
  </si>
  <si>
    <t>5702329676892</t>
  </si>
  <si>
    <t>VELUX Verd.-Rollo man. DKY CK02 4903SWL</t>
  </si>
  <si>
    <t>DKY CK02 4904S</t>
  </si>
  <si>
    <t>5702329676908</t>
  </si>
  <si>
    <t>VELUX Verd.-Rollo man. DKY CK02 4904S</t>
  </si>
  <si>
    <t>DKY CK02 4904SWL</t>
  </si>
  <si>
    <t>5702329676915</t>
  </si>
  <si>
    <t>VELUX Verd.-Rollo man. DKY CK02 4904SWL</t>
  </si>
  <si>
    <t>DKY CK04 4901S</t>
  </si>
  <si>
    <t>5702329676922</t>
  </si>
  <si>
    <t>VELUX Verd.-Rollo man. DKY CK04 4901S</t>
  </si>
  <si>
    <t>DKY CK04 4901SWL</t>
  </si>
  <si>
    <t>5702329676939</t>
  </si>
  <si>
    <t>VELUX Verd.-Rollo man. DKY CK04 4901SWL</t>
  </si>
  <si>
    <t>DKY CK04 4902S</t>
  </si>
  <si>
    <t>5702329676946</t>
  </si>
  <si>
    <t>VELUX Verd.-Rollo man. DKY CK04 4902S</t>
  </si>
  <si>
    <t>DKY CK04 4902SWL</t>
  </si>
  <si>
    <t>5702329676953</t>
  </si>
  <si>
    <t>VELUX Verd.-Rollo man. DKY CK04 4902SWL</t>
  </si>
  <si>
    <t>DKY CK04 4903S</t>
  </si>
  <si>
    <t>5702329676960</t>
  </si>
  <si>
    <t>VELUX Verd.-Rollo man. DKY CK04 4903S</t>
  </si>
  <si>
    <t>DKY CK04 4903SWL</t>
  </si>
  <si>
    <t>5702329676977</t>
  </si>
  <si>
    <t>VELUX Verd.-Rollo man. DKY CK04 4903SWL</t>
  </si>
  <si>
    <t>DKY CK04 4904S</t>
  </si>
  <si>
    <t>5702329676984</t>
  </si>
  <si>
    <t>VELUX Verd.-Rollo man. DKY CK04 4904S</t>
  </si>
  <si>
    <t>DKY CK04 4904SWL</t>
  </si>
  <si>
    <t>5702329676991</t>
  </si>
  <si>
    <t>VELUX Verd.-Rollo man. DKY CK04 4904SWL</t>
  </si>
  <si>
    <t>DKY CK06 4901S</t>
  </si>
  <si>
    <t>5702329677004</t>
  </si>
  <si>
    <t>VELUX Verd.-Rollo man. DKY CK06 4901S</t>
  </si>
  <si>
    <t>DKY CK06 4901SWL</t>
  </si>
  <si>
    <t>5702329677011</t>
  </si>
  <si>
    <t>VELUX Verd.-Rollo man. DKY CK06 4901SWL</t>
  </si>
  <si>
    <t>DKY CK06 4902S</t>
  </si>
  <si>
    <t>5702329677028</t>
  </si>
  <si>
    <t>VELUX Verd.-Rollo man. DKY CK06 4902S</t>
  </si>
  <si>
    <t>DKY CK06 4902SWL</t>
  </si>
  <si>
    <t>5702329677035</t>
  </si>
  <si>
    <t>VELUX Verd.-Rollo man. DKY CK06 4902SWL</t>
  </si>
  <si>
    <t>DKY CK06 4903S</t>
  </si>
  <si>
    <t>5702329677042</t>
  </si>
  <si>
    <t>VELUX Verd.-Rollo man. DKY CK06 4903S</t>
  </si>
  <si>
    <t>DKY CK06 4903SWL</t>
  </si>
  <si>
    <t>5702329677059</t>
  </si>
  <si>
    <t>VELUX Verd.-Rollo man. DKY CK06 4903SWL</t>
  </si>
  <si>
    <t>DKY CK06 4904S</t>
  </si>
  <si>
    <t>5702329677066</t>
  </si>
  <si>
    <t>VELUX Verd.-Rollo man. DKY CK06 4904S</t>
  </si>
  <si>
    <t>DKY CK06 4904SWL</t>
  </si>
  <si>
    <t>5702329677073</t>
  </si>
  <si>
    <t>VELUX Verd.-Rollo man. DKY CK06 4904SWL</t>
  </si>
  <si>
    <t>DKY F04 4901S</t>
  </si>
  <si>
    <t>5702329677080</t>
  </si>
  <si>
    <t>VELUX Verd.-Rollo man. DKY F04 4901S</t>
  </si>
  <si>
    <t>DKY F04 4901SWL</t>
  </si>
  <si>
    <t>5702329677097</t>
  </si>
  <si>
    <t>VELUX Verd.-Rollo man. DKY F04 4901SWL</t>
  </si>
  <si>
    <t>DKY F04 4902S</t>
  </si>
  <si>
    <t>5702329677103</t>
  </si>
  <si>
    <t>VELUX Verd.-Rollo man. DKY F04 4902S</t>
  </si>
  <si>
    <t>DKY F04 4902SWL</t>
  </si>
  <si>
    <t>5702329677110</t>
  </si>
  <si>
    <t>VELUX Verd.-Rollo man. DKY F04 4902SWL</t>
  </si>
  <si>
    <t>DKY F04 4903S</t>
  </si>
  <si>
    <t>5702329677127</t>
  </si>
  <si>
    <t>VELUX Verd.-Rollo man. DKY F04 4903S</t>
  </si>
  <si>
    <t>DKY F04 4903SWL</t>
  </si>
  <si>
    <t>5702329677134</t>
  </si>
  <si>
    <t>VELUX Verd.-Rollo man. DKY F04 4903SWL</t>
  </si>
  <si>
    <t>DKY F04 4904S</t>
  </si>
  <si>
    <t>5702329677141</t>
  </si>
  <si>
    <t>VELUX Verd.-Rollo man. DKY F04 4904S</t>
  </si>
  <si>
    <t>DKY F04 4904SWL</t>
  </si>
  <si>
    <t>5702329677158</t>
  </si>
  <si>
    <t>VELUX Verd.-Rollo man. DKY F04 4904SWL</t>
  </si>
  <si>
    <t>DKY F06 4901S</t>
  </si>
  <si>
    <t>5702329677165</t>
  </si>
  <si>
    <t>VELUX Verd.-Rollo man. DKY F06 4901S</t>
  </si>
  <si>
    <t>DKY F06 4901SWL</t>
  </si>
  <si>
    <t>5702329677172</t>
  </si>
  <si>
    <t>VELUX Verd.-Rollo man. DKY F06 4901SWL</t>
  </si>
  <si>
    <t>DKY F06 4902S</t>
  </si>
  <si>
    <t>5702329677189</t>
  </si>
  <si>
    <t>VELUX Verd.-Rollo man. DKY F06 4902S</t>
  </si>
  <si>
    <t>DKY F06 4902SWL</t>
  </si>
  <si>
    <t>5702329677196</t>
  </si>
  <si>
    <t>VELUX Verd.-Rollo man. DKY F06 4902SWL</t>
  </si>
  <si>
    <t>DKY F06 4903S</t>
  </si>
  <si>
    <t>5702329677202</t>
  </si>
  <si>
    <t>VELUX Verd.-Rollo man. DKY F06 4903S</t>
  </si>
  <si>
    <t>DKY F06 4903SWL</t>
  </si>
  <si>
    <t>5702329677219</t>
  </si>
  <si>
    <t>VELUX Verd.-Rollo man. DKY F06 4903SWL</t>
  </si>
  <si>
    <t>DKY F06 4904S</t>
  </si>
  <si>
    <t>5702329677226</t>
  </si>
  <si>
    <t>VELUX Verd.-Rollo man. DKY F06 4904S</t>
  </si>
  <si>
    <t>DKY F06 4904SWL</t>
  </si>
  <si>
    <t>5702329677233</t>
  </si>
  <si>
    <t>VELUX Verd.-Rollo man. DKY F06 4904SWL</t>
  </si>
  <si>
    <t>DKY F08 4901S</t>
  </si>
  <si>
    <t>5702329677240</t>
  </si>
  <si>
    <t>VELUX Verd.-Rollo man. DKY F08 4901S</t>
  </si>
  <si>
    <t>DKY F08 4901SWL</t>
  </si>
  <si>
    <t>5702329677257</t>
  </si>
  <si>
    <t>VELUX Verd.-Rollo man. DKY F08 4901SWL</t>
  </si>
  <si>
    <t>DKY F08 4902S</t>
  </si>
  <si>
    <t>5702329677264</t>
  </si>
  <si>
    <t>VELUX Verd.-Rollo man. DKY F08 4902S</t>
  </si>
  <si>
    <t>DKY F08 4902SWL</t>
  </si>
  <si>
    <t>5702329677271</t>
  </si>
  <si>
    <t>VELUX Verd.-Rollo man. DKY F08 4902SWL</t>
  </si>
  <si>
    <t>DKY F08 4903S</t>
  </si>
  <si>
    <t>5702329677288</t>
  </si>
  <si>
    <t>VELUX Verd.-Rollo man. DKY F08 4903S</t>
  </si>
  <si>
    <t>DKY F08 4903SWL</t>
  </si>
  <si>
    <t>5702329677295</t>
  </si>
  <si>
    <t>VELUX Verd.-Rollo man. DKY F08 4903SWL</t>
  </si>
  <si>
    <t>DKY F08 4904S</t>
  </si>
  <si>
    <t>5702329677301</t>
  </si>
  <si>
    <t>VELUX Verd.-Rollo man. DKY F08 4904S</t>
  </si>
  <si>
    <t>DKY F08 4904SWL</t>
  </si>
  <si>
    <t>5702329677318</t>
  </si>
  <si>
    <t>VELUX Verd.-Rollo man. DKY F08 4904SWL</t>
  </si>
  <si>
    <t>DKY FK04 4901S</t>
  </si>
  <si>
    <t>5702329677325</t>
  </si>
  <si>
    <t>VELUX Verd.-Rollo man. DKY FK04 4901S</t>
  </si>
  <si>
    <t>DKY FK04 4901SWL</t>
  </si>
  <si>
    <t>5702329677332</t>
  </si>
  <si>
    <t>VELUX Verd.-Rollo man. DKY FK04 4901SWL</t>
  </si>
  <si>
    <t>DKY FK04 4902S</t>
  </si>
  <si>
    <t>5702329677349</t>
  </si>
  <si>
    <t>VELUX Verd.-Rollo man. DKY FK04 4902S</t>
  </si>
  <si>
    <t>DKY FK04 4902SWL</t>
  </si>
  <si>
    <t>5702329677356</t>
  </si>
  <si>
    <t>VELUX Verd.-Rollo man. DKY FK04 4902SWL</t>
  </si>
  <si>
    <t>DKY FK04 4903S</t>
  </si>
  <si>
    <t>5702329677363</t>
  </si>
  <si>
    <t>VELUX Verd.-Rollo man. DKY FK04 4903S</t>
  </si>
  <si>
    <t>DKY FK04 4903SWL</t>
  </si>
  <si>
    <t>5702329677370</t>
  </si>
  <si>
    <t>VELUX Verd.-Rollo man. DKY FK04 4903SWL</t>
  </si>
  <si>
    <t>DKY FK04 4904S</t>
  </si>
  <si>
    <t>5702329677387</t>
  </si>
  <si>
    <t>VELUX Verd.-Rollo man. DKY FK04 4904S</t>
  </si>
  <si>
    <t>DKY FK04 4904SWL</t>
  </si>
  <si>
    <t>5702329677394</t>
  </si>
  <si>
    <t>VELUX Verd.-Rollo man. DKY FK04 4904SWL</t>
  </si>
  <si>
    <t>DKY FK06 4901S</t>
  </si>
  <si>
    <t>5702329677400</t>
  </si>
  <si>
    <t>VELUX Verd.-Rollo man. DKY FK06 4901S</t>
  </si>
  <si>
    <t>DKY FK06 4901SWL</t>
  </si>
  <si>
    <t>5702329677417</t>
  </si>
  <si>
    <t>VELUX Verd.-Rollo man. DKY FK06 4901SWL</t>
  </si>
  <si>
    <t>DKY FK06 4902S</t>
  </si>
  <si>
    <t>5702329677424</t>
  </si>
  <si>
    <t>VELUX Verd.-Rollo man. DKY FK06 4902S</t>
  </si>
  <si>
    <t>DKY FK06 4902SWL</t>
  </si>
  <si>
    <t>5702329677431</t>
  </si>
  <si>
    <t>VELUX Verd.-Rollo man. DKY FK06 4902SWL</t>
  </si>
  <si>
    <t>DKY FK06 4903S</t>
  </si>
  <si>
    <t>5702329677448</t>
  </si>
  <si>
    <t>VELUX Verd.-Rollo man. DKY FK06 4903S</t>
  </si>
  <si>
    <t>DKY FK06 4903SWL</t>
  </si>
  <si>
    <t>5702329677455</t>
  </si>
  <si>
    <t>VELUX Verd.-Rollo man. DKY FK06 4903SWL</t>
  </si>
  <si>
    <t>DKY FK06 4904S</t>
  </si>
  <si>
    <t>5702329677462</t>
  </si>
  <si>
    <t>VELUX Verd.-Rollo man. DKY FK06 4904S</t>
  </si>
  <si>
    <t>DKY FK06 4904SWL</t>
  </si>
  <si>
    <t>5702329677479</t>
  </si>
  <si>
    <t>VELUX Verd.-Rollo man. DKY FK06 4904SWL</t>
  </si>
  <si>
    <t>DKY FK08 4901S</t>
  </si>
  <si>
    <t>5702329677486</t>
  </si>
  <si>
    <t>VELUX Verd.-Rollo man. DKY FK08 4901S</t>
  </si>
  <si>
    <t>DKY FK08 4901SWL</t>
  </si>
  <si>
    <t>5702329677493</t>
  </si>
  <si>
    <t>VELUX Verd.-Rollo man. DKY FK08 4901SWL</t>
  </si>
  <si>
    <t>DKY FK08 4902S</t>
  </si>
  <si>
    <t>5702329677509</t>
  </si>
  <si>
    <t>VELUX Verd.-Rollo man. DKY FK08 4902S</t>
  </si>
  <si>
    <t>DKY FK08 4902SWL</t>
  </si>
  <si>
    <t>5702329677516</t>
  </si>
  <si>
    <t>VELUX Verd.-Rollo man. DKY FK08 4902SWL</t>
  </si>
  <si>
    <t>DKY FK08 4903S</t>
  </si>
  <si>
    <t>5702329677523</t>
  </si>
  <si>
    <t>VELUX Verd.-Rollo man. DKY FK08 4903S</t>
  </si>
  <si>
    <t>DKY FK08 4903SWL</t>
  </si>
  <si>
    <t>5702329677530</t>
  </si>
  <si>
    <t>VELUX Verd.-Rollo man. DKY FK08 4903SWL</t>
  </si>
  <si>
    <t>DKY FK08 4904S</t>
  </si>
  <si>
    <t>5702329677547</t>
  </si>
  <si>
    <t>VELUX Verd.-Rollo man. DKY FK08 4904S</t>
  </si>
  <si>
    <t>DKY FK08 4904SWL</t>
  </si>
  <si>
    <t>5702329677554</t>
  </si>
  <si>
    <t>VELUX Verd.-Rollo man. DKY FK08 4904SWL</t>
  </si>
  <si>
    <t>DKY M04 4901S</t>
  </si>
  <si>
    <t>5702329677561</t>
  </si>
  <si>
    <t>VELUX Verd.-Rollo man. DKY M04 4901S</t>
  </si>
  <si>
    <t>DKY M04 4901SWL</t>
  </si>
  <si>
    <t>5702329677578</t>
  </si>
  <si>
    <t>VELUX Verd.-Rollo man. DKY M04 4901SWL</t>
  </si>
  <si>
    <t>DKY M04 4902S</t>
  </si>
  <si>
    <t>5702329677585</t>
  </si>
  <si>
    <t>VELUX Verd.-Rollo man. DKY M04 4902S</t>
  </si>
  <si>
    <t>DKY M04 4902SWL</t>
  </si>
  <si>
    <t>5702329677592</t>
  </si>
  <si>
    <t>VELUX Verd.-Rollo man. DKY M04 4902SWL</t>
  </si>
  <si>
    <t>DKY M04 4903S</t>
  </si>
  <si>
    <t>5702329677608</t>
  </si>
  <si>
    <t>VELUX Verd.-Rollo man. DKY M04 4903S</t>
  </si>
  <si>
    <t>DKY M04 4903SWL</t>
  </si>
  <si>
    <t>5702329677615</t>
  </si>
  <si>
    <t>VELUX Verd.-Rollo man. DKY M04 4903SWL</t>
  </si>
  <si>
    <t>DKY M04 4904S</t>
  </si>
  <si>
    <t>5702329677622</t>
  </si>
  <si>
    <t>VELUX Verd.-Rollo man. DKY M04 4904S</t>
  </si>
  <si>
    <t>DKY M04 4904SWL</t>
  </si>
  <si>
    <t>5702329677639</t>
  </si>
  <si>
    <t>VELUX Verd.-Rollo man. DKY M04 4904SWL</t>
  </si>
  <si>
    <t>DKY M06 4901S</t>
  </si>
  <si>
    <t>5702329677646</t>
  </si>
  <si>
    <t>VELUX Verd.-Rollo man. DKY M06 4901S</t>
  </si>
  <si>
    <t>DKY M06 4901SWL</t>
  </si>
  <si>
    <t>5702329677653</t>
  </si>
  <si>
    <t>VELUX Verd.-Rollo man. DKY M06 4901SWL</t>
  </si>
  <si>
    <t>DKY M06 4902S</t>
  </si>
  <si>
    <t>5702329677660</t>
  </si>
  <si>
    <t>VELUX Verd.-Rollo man. DKY M06 4902S</t>
  </si>
  <si>
    <t>DKY M06 4902SWL</t>
  </si>
  <si>
    <t>5702329677677</t>
  </si>
  <si>
    <t>VELUX Verd.-Rollo man. DKY M06 4902SWL</t>
  </si>
  <si>
    <t>DKY M06 4903S</t>
  </si>
  <si>
    <t>5702329677684</t>
  </si>
  <si>
    <t>VELUX Verd.-Rollo man. DKY M06 4903S</t>
  </si>
  <si>
    <t>DKY M06 4903SWL</t>
  </si>
  <si>
    <t>5702329677691</t>
  </si>
  <si>
    <t>VELUX Verd.-Rollo man. DKY M06 4903SWL</t>
  </si>
  <si>
    <t>DKY M06 4904S</t>
  </si>
  <si>
    <t>5702329677707</t>
  </si>
  <si>
    <t>VELUX Verd.-Rollo man. DKY M06 4904S</t>
  </si>
  <si>
    <t>DKY M06 4904SWL</t>
  </si>
  <si>
    <t>5702329677714</t>
  </si>
  <si>
    <t>VELUX Verd.-Rollo man. DKY M06 4904SWL</t>
  </si>
  <si>
    <t>DKY M08 4901S</t>
  </si>
  <si>
    <t>5702329677721</t>
  </si>
  <si>
    <t>VELUX Verd.-Rollo man. DKY M08 4901S</t>
  </si>
  <si>
    <t>DKY M08 4901SWL</t>
  </si>
  <si>
    <t>5702329677738</t>
  </si>
  <si>
    <t>VELUX Verd.-Rollo man. DKY M08 4901SWL</t>
  </si>
  <si>
    <t>DKY M08 4902S</t>
  </si>
  <si>
    <t>5702329677745</t>
  </si>
  <si>
    <t>VELUX Verd.-Rollo man. DKY M08 4902S</t>
  </si>
  <si>
    <t>DKY M08 4902SWL</t>
  </si>
  <si>
    <t>5702329677752</t>
  </si>
  <si>
    <t>VELUX Verd.-Rollo man. DKY M08 4902SWL</t>
  </si>
  <si>
    <t>DKY M08 4903S</t>
  </si>
  <si>
    <t>5702329677769</t>
  </si>
  <si>
    <t>VELUX Verd.-Rollo man. DKY M08 4903S</t>
  </si>
  <si>
    <t>DKY M08 4903SWL</t>
  </si>
  <si>
    <t>5702329677776</t>
  </si>
  <si>
    <t>VELUX Verd.-Rollo man. DKY M08 4903SWL</t>
  </si>
  <si>
    <t>DKY M08 4904S</t>
  </si>
  <si>
    <t>5702329677783</t>
  </si>
  <si>
    <t>VELUX Verd.-Rollo man. DKY M08 4904S</t>
  </si>
  <si>
    <t>DKY M08 4904SWL</t>
  </si>
  <si>
    <t>5702329677790</t>
  </si>
  <si>
    <t>VELUX Verd.-Rollo man. DKY M08 4904SWL</t>
  </si>
  <si>
    <t>DKY M10 4901S</t>
  </si>
  <si>
    <t>5702329677806</t>
  </si>
  <si>
    <t>VELUX Verd.-Rollo man. DKY M10 4901S</t>
  </si>
  <si>
    <t>DKY M10 4901SWL</t>
  </si>
  <si>
    <t>5702329677813</t>
  </si>
  <si>
    <t>VELUX Verd.-Rollo man. DKY M10 4901SWL</t>
  </si>
  <si>
    <t>DKY M10 4902S</t>
  </si>
  <si>
    <t>5702329677820</t>
  </si>
  <si>
    <t>VELUX Verd.-Rollo man. DKY M10 4902S</t>
  </si>
  <si>
    <t>DKY M10 4902SWL</t>
  </si>
  <si>
    <t>5702329677837</t>
  </si>
  <si>
    <t>VELUX Verd.-Rollo man. DKY M10 4902SWL</t>
  </si>
  <si>
    <t>DKY M10 4903S</t>
  </si>
  <si>
    <t>5702329677844</t>
  </si>
  <si>
    <t>VELUX Verd.-Rollo man. DKY M10 4903S</t>
  </si>
  <si>
    <t>DKY M10 4903SWL</t>
  </si>
  <si>
    <t>5702329677851</t>
  </si>
  <si>
    <t>VELUX Verd.-Rollo man. DKY M10 4903SWL</t>
  </si>
  <si>
    <t>DKY M10 4904S</t>
  </si>
  <si>
    <t>5702329677868</t>
  </si>
  <si>
    <t>VELUX Verd.-Rollo man. DKY M10 4904S</t>
  </si>
  <si>
    <t>DKY M10 4904SWL</t>
  </si>
  <si>
    <t>5702329677875</t>
  </si>
  <si>
    <t>VELUX Verd.-Rollo man. DKY M10 4904SWL</t>
  </si>
  <si>
    <t>DKY M31 4901S</t>
  </si>
  <si>
    <t>5702329677967</t>
  </si>
  <si>
    <t>VELUX Verd.-Rollo man. DKY M31 4901S</t>
  </si>
  <si>
    <t>DKY M31 4901SWL</t>
  </si>
  <si>
    <t>5702329677974</t>
  </si>
  <si>
    <t>VELUX Verd.-Rollo man. DKY M31 4901SWL</t>
  </si>
  <si>
    <t>DKY M31 4902S</t>
  </si>
  <si>
    <t>5702329677981</t>
  </si>
  <si>
    <t>VELUX Verd.-Rollo man. DKY M31 4902S</t>
  </si>
  <si>
    <t>DKY M31 4902SWL</t>
  </si>
  <si>
    <t>5702329677998</t>
  </si>
  <si>
    <t>VELUX Verd.-Rollo man. DKY M31 4902SWL</t>
  </si>
  <si>
    <t>DKY M31 4903S</t>
  </si>
  <si>
    <t>5702329678001</t>
  </si>
  <si>
    <t>VELUX Verd.-Rollo man. DKY M31 4903S</t>
  </si>
  <si>
    <t>DKY M31 4903SWL</t>
  </si>
  <si>
    <t>5702329678018</t>
  </si>
  <si>
    <t>VELUX Verd.-Rollo man. DKY M31 4903SWL</t>
  </si>
  <si>
    <t>DKY M31 4904S</t>
  </si>
  <si>
    <t>5702329678025</t>
  </si>
  <si>
    <t>VELUX Verd.-Rollo man. DKY M31 4904S</t>
  </si>
  <si>
    <t>DKY M31 4904SWL</t>
  </si>
  <si>
    <t>5702329678032</t>
  </si>
  <si>
    <t>VELUX Verd.-Rollo man. DKY M31 4904SWL</t>
  </si>
  <si>
    <t>DKY MK04 4901S</t>
  </si>
  <si>
    <t>5702329678049</t>
  </si>
  <si>
    <t>VELUX Verd.-Rollo man. DKY MK04 4901S</t>
  </si>
  <si>
    <t>DKY MK04 4901SWL</t>
  </si>
  <si>
    <t>5702329678056</t>
  </si>
  <si>
    <t>VELUX Verd.-Rollo man. DKY MK04 4901SWL</t>
  </si>
  <si>
    <t>DKY MK04 4902S</t>
  </si>
  <si>
    <t>5702329678063</t>
  </si>
  <si>
    <t>VELUX Verd.-Rollo man. DKY MK04 4902S</t>
  </si>
  <si>
    <t>DKY MK04 4902SWL</t>
  </si>
  <si>
    <t>5702329678070</t>
  </si>
  <si>
    <t>VELUX Verd.-Rollo man. DKY MK04 4902SWL</t>
  </si>
  <si>
    <t>DKY MK04 4903S</t>
  </si>
  <si>
    <t>5702329678087</t>
  </si>
  <si>
    <t>VELUX Verd.-Rollo man. DKY MK04 4903S</t>
  </si>
  <si>
    <t>DKY MK04 4903SWL</t>
  </si>
  <si>
    <t>5702329678094</t>
  </si>
  <si>
    <t>VELUX Verd.-Rollo man. DKY MK04 4903SWL</t>
  </si>
  <si>
    <t>DKY MK04 4904S</t>
  </si>
  <si>
    <t>5702329678100</t>
  </si>
  <si>
    <t>VELUX Verd.-Rollo man. DKY MK04 4904S</t>
  </si>
  <si>
    <t>DKY MK04 4904SWL</t>
  </si>
  <si>
    <t>5702329678117</t>
  </si>
  <si>
    <t>VELUX Verd.-Rollo man. DKY MK04 4904SWL</t>
  </si>
  <si>
    <t>DKY MK06 4901S</t>
  </si>
  <si>
    <t>5702329678124</t>
  </si>
  <si>
    <t>VELUX Verd.-Rollo man. DKY MK06 4901S</t>
  </si>
  <si>
    <t>DKY MK06 4901SWL</t>
  </si>
  <si>
    <t>5702329678131</t>
  </si>
  <si>
    <t>VELUX Verd.-Rollo man. DKY MK06 4901SWL</t>
  </si>
  <si>
    <t>DKY MK06 4902S</t>
  </si>
  <si>
    <t>5702329678148</t>
  </si>
  <si>
    <t>VELUX Verd.-Rollo man. DKY MK06 4902S</t>
  </si>
  <si>
    <t>DKY MK06 4902SWL</t>
  </si>
  <si>
    <t>5702329678155</t>
  </si>
  <si>
    <t>VELUX Verd.-Rollo man. DKY MK06 4902SWL</t>
  </si>
  <si>
    <t>DKY MK06 4903S</t>
  </si>
  <si>
    <t>5702329678162</t>
  </si>
  <si>
    <t>VELUX Verd.-Rollo man. DKY MK06 4903S</t>
  </si>
  <si>
    <t>DKY MK06 4903SWL</t>
  </si>
  <si>
    <t>5702329678179</t>
  </si>
  <si>
    <t>VELUX Verd.-Rollo man. DKY MK06 4903SWL</t>
  </si>
  <si>
    <t>DKY MK06 4904S</t>
  </si>
  <si>
    <t>5702329678186</t>
  </si>
  <si>
    <t>VELUX Verd.-Rollo man. DKY MK06 4904S</t>
  </si>
  <si>
    <t>DKY MK06 4904SWL</t>
  </si>
  <si>
    <t>5702329678193</t>
  </si>
  <si>
    <t>VELUX Verd.-Rollo man. DKY MK06 4904SWL</t>
  </si>
  <si>
    <t>DKY MK08 4901S</t>
  </si>
  <si>
    <t>5702329678209</t>
  </si>
  <si>
    <t>VELUX Verd.-Rollo man. DKY MK08 4901S</t>
  </si>
  <si>
    <t>DKY MK08 4901SWL</t>
  </si>
  <si>
    <t>5702329678216</t>
  </si>
  <si>
    <t>VELUX Verd.-Rollo man. DKY MK08 4901SWL</t>
  </si>
  <si>
    <t>DKY MK08 4902S</t>
  </si>
  <si>
    <t>5702329678223</t>
  </si>
  <si>
    <t>VELUX Verd.-Rollo man. DKY MK08 4902S</t>
  </si>
  <si>
    <t>DKY MK08 4902SWL</t>
  </si>
  <si>
    <t>5702329678230</t>
  </si>
  <si>
    <t>VELUX Verd.-Rollo man. DKY MK08 4902SWL</t>
  </si>
  <si>
    <t>DKY MK08 4903S</t>
  </si>
  <si>
    <t>5702329678247</t>
  </si>
  <si>
    <t>VELUX Verd.-Rollo man. DKY MK08 4903S</t>
  </si>
  <si>
    <t>DKY MK08 4903SWL</t>
  </si>
  <si>
    <t>5702329678254</t>
  </si>
  <si>
    <t>VELUX Verd.-Rollo man. DKY MK08 4903SWL</t>
  </si>
  <si>
    <t>DKY MK08 4904S</t>
  </si>
  <si>
    <t>5702329678261</t>
  </si>
  <si>
    <t>VELUX Verd.-Rollo man. DKY MK08 4904S</t>
  </si>
  <si>
    <t>DKY MK08 4904SWL</t>
  </si>
  <si>
    <t>5702329678278</t>
  </si>
  <si>
    <t>VELUX Verd.-Rollo man. DKY MK08 4904SWL</t>
  </si>
  <si>
    <t>DKY MK10 4901S</t>
  </si>
  <si>
    <t>5702329678285</t>
  </si>
  <si>
    <t>VELUX Verd.-Rollo man. DKY MK10 4901S</t>
  </si>
  <si>
    <t>DKY MK10 4901SWL</t>
  </si>
  <si>
    <t>5702329678292</t>
  </si>
  <si>
    <t>VELUX Verd.-Rollo man. DKY MK10 4901SWL</t>
  </si>
  <si>
    <t>DKY MK10 4902S</t>
  </si>
  <si>
    <t>5702329678308</t>
  </si>
  <si>
    <t>VELUX Verd.-Rollo man. DKY MK10 4902S</t>
  </si>
  <si>
    <t>DKY MK10 4902SWL</t>
  </si>
  <si>
    <t>5702329678315</t>
  </si>
  <si>
    <t>VELUX Verd.-Rollo man. DKY MK10 4902SWL</t>
  </si>
  <si>
    <t>DKY MK10 4903S</t>
  </si>
  <si>
    <t>5702329678322</t>
  </si>
  <si>
    <t>VELUX Verd.-Rollo man. DKY MK10 4903S</t>
  </si>
  <si>
    <t>DKY MK10 4903SWL</t>
  </si>
  <si>
    <t>5702329678339</t>
  </si>
  <si>
    <t>VELUX Verd.-Rollo man. DKY MK10 4903SWL</t>
  </si>
  <si>
    <t>DKY MK10 4904S</t>
  </si>
  <si>
    <t>5702329678346</t>
  </si>
  <si>
    <t>VELUX Verd.-Rollo man. DKY MK10 4904S</t>
  </si>
  <si>
    <t>DKY MK10 4904SWL</t>
  </si>
  <si>
    <t>5702329678353</t>
  </si>
  <si>
    <t>VELUX Verd.-Rollo man. DKY MK10 4904SWL</t>
  </si>
  <si>
    <t>DKY MK12 4901S</t>
  </si>
  <si>
    <t>5702329678360</t>
  </si>
  <si>
    <t>VELUX Verd.-Rollo man. DKY MK12 4901S</t>
  </si>
  <si>
    <t>DKY MK12 4901SWL</t>
  </si>
  <si>
    <t>5702329678377</t>
  </si>
  <si>
    <t>VELUX Verd.-Rollo man. DKY MK12 4901SWL</t>
  </si>
  <si>
    <t>DKY MK12 4902S</t>
  </si>
  <si>
    <t>5702329678384</t>
  </si>
  <si>
    <t>VELUX Verd.-Rollo man. DKY MK12 4902S</t>
  </si>
  <si>
    <t>DKY MK12 4902SWL</t>
  </si>
  <si>
    <t>5702329678391</t>
  </si>
  <si>
    <t>VELUX Verd.-Rollo man. DKY MK12 4902SWL</t>
  </si>
  <si>
    <t>DKY MK12 4903S</t>
  </si>
  <si>
    <t>5702329678407</t>
  </si>
  <si>
    <t>VELUX Verd.-Rollo man. DKY MK12 4903S</t>
  </si>
  <si>
    <t>DKY MK12 4903SWL</t>
  </si>
  <si>
    <t>5702329678414</t>
  </si>
  <si>
    <t>VELUX Verd.-Rollo man. DKY MK12 4903SWL</t>
  </si>
  <si>
    <t>DKY MK12 4904S</t>
  </si>
  <si>
    <t>5702329678421</t>
  </si>
  <si>
    <t>VELUX Verd.-Rollo man. DKY MK12 4904S</t>
  </si>
  <si>
    <t>DKY MK12 4904SWL</t>
  </si>
  <si>
    <t>5702329678438</t>
  </si>
  <si>
    <t>VELUX Verd.-Rollo man. DKY MK12 4904SWL</t>
  </si>
  <si>
    <t>DKY P04 4901S</t>
  </si>
  <si>
    <t>5702329678520</t>
  </si>
  <si>
    <t>VELUX Verd.-Rollo man. DKY P04 4901S</t>
  </si>
  <si>
    <t>DKY P04 4901SWL</t>
  </si>
  <si>
    <t>5702329678537</t>
  </si>
  <si>
    <t>VELUX Verd.-Rollo man. DKY P04 4901SWL</t>
  </si>
  <si>
    <t>DKY P04 4902S</t>
  </si>
  <si>
    <t>5702329678544</t>
  </si>
  <si>
    <t>VELUX Verd.-Rollo man. DKY P04 4902S</t>
  </si>
  <si>
    <t>DKY P04 4902SWL</t>
  </si>
  <si>
    <t>5702329678551</t>
  </si>
  <si>
    <t>VELUX Verd.-Rollo man. DKY P04 4902SWL</t>
  </si>
  <si>
    <t>DKY P04 4903S</t>
  </si>
  <si>
    <t>5702329678568</t>
  </si>
  <si>
    <t>VELUX Verd.-Rollo man. DKY P04 4903S</t>
  </si>
  <si>
    <t>DKY P04 4903SWL</t>
  </si>
  <si>
    <t>5702329678575</t>
  </si>
  <si>
    <t>VELUX Verd.-Rollo man. DKY P04 4903SWL</t>
  </si>
  <si>
    <t>DKY P04 4904S</t>
  </si>
  <si>
    <t>5702329678582</t>
  </si>
  <si>
    <t>VELUX Verd.-Rollo man. DKY P04 4904S</t>
  </si>
  <si>
    <t>DKY P04 4904SWL</t>
  </si>
  <si>
    <t>5702329678599</t>
  </si>
  <si>
    <t>VELUX Verd.-Rollo man. DKY P04 4904SWL</t>
  </si>
  <si>
    <t>DKY P06 4901S</t>
  </si>
  <si>
    <t>5702329678605</t>
  </si>
  <si>
    <t>VELUX Verd.-Rollo man. DKY P06 4901S</t>
  </si>
  <si>
    <t>DKY P06 4901SWL</t>
  </si>
  <si>
    <t>5702329678612</t>
  </si>
  <si>
    <t>VELUX Verd.-Rollo man. DKY P06 4901SWL</t>
  </si>
  <si>
    <t>DKY P06 4902S</t>
  </si>
  <si>
    <t>5702329678629</t>
  </si>
  <si>
    <t>VELUX Verd.-Rollo man. DKY P06 4902S</t>
  </si>
  <si>
    <t>DKY P06 4902SWL</t>
  </si>
  <si>
    <t>5702329678636</t>
  </si>
  <si>
    <t>VELUX Verd.-Rollo man. DKY P06 4902SWL</t>
  </si>
  <si>
    <t>DKY P06 4903S</t>
  </si>
  <si>
    <t>5702329678643</t>
  </si>
  <si>
    <t>VELUX Verd.-Rollo man. DKY P06 4903S</t>
  </si>
  <si>
    <t>DKY P06 4903SWL</t>
  </si>
  <si>
    <t>5702329678650</t>
  </si>
  <si>
    <t>VELUX Verd.-Rollo man. DKY P06 4903SWL</t>
  </si>
  <si>
    <t>DKY P06 4904S</t>
  </si>
  <si>
    <t>5702329678667</t>
  </si>
  <si>
    <t>VELUX Verd.-Rollo man. DKY P06 4904S</t>
  </si>
  <si>
    <t>DKY P06 4904SWL</t>
  </si>
  <si>
    <t>5702329678674</t>
  </si>
  <si>
    <t>VELUX Verd.-Rollo man. DKY P06 4904SWL</t>
  </si>
  <si>
    <t>DKY P08 4901S</t>
  </si>
  <si>
    <t>5702329678681</t>
  </si>
  <si>
    <t>VELUX Verd.-Rollo man. DKY P08 4901S</t>
  </si>
  <si>
    <t>DKY P08 4901SWL</t>
  </si>
  <si>
    <t>5702329678698</t>
  </si>
  <si>
    <t>VELUX Verd.-Rollo man. DKY P08 4901SWL</t>
  </si>
  <si>
    <t>DKY P08 4902S</t>
  </si>
  <si>
    <t>5702329678704</t>
  </si>
  <si>
    <t>VELUX Verd.-Rollo man. DKY P08 4902S</t>
  </si>
  <si>
    <t>DKY P08 4902SWL</t>
  </si>
  <si>
    <t>5702329678711</t>
  </si>
  <si>
    <t>VELUX Verd.-Rollo man. DKY P08 4902SWL</t>
  </si>
  <si>
    <t>DKY P08 4903S</t>
  </si>
  <si>
    <t>5702329678728</t>
  </si>
  <si>
    <t>VELUX Verd.-Rollo man. DKY P08 4903S</t>
  </si>
  <si>
    <t>DKY P08 4903SWL</t>
  </si>
  <si>
    <t>5702329678735</t>
  </si>
  <si>
    <t>VELUX Verd.-Rollo man. DKY P08 4903SWL</t>
  </si>
  <si>
    <t>DKY P08 4904S</t>
  </si>
  <si>
    <t>5702329678742</t>
  </si>
  <si>
    <t>VELUX Verd.-Rollo man. DKY P08 4904S</t>
  </si>
  <si>
    <t>DKY P08 4904SWL</t>
  </si>
  <si>
    <t>5702329678759</t>
  </si>
  <si>
    <t>VELUX Verd.-Rollo man. DKY P08 4904SWL</t>
  </si>
  <si>
    <t>DKY P10 4901S</t>
  </si>
  <si>
    <t>5702329678766</t>
  </si>
  <si>
    <t>VELUX Verd.-Rollo man. DKY P10 4901S</t>
  </si>
  <si>
    <t>DKY P10 4901SWL</t>
  </si>
  <si>
    <t>5702329678773</t>
  </si>
  <si>
    <t>VELUX Verd.-Rollo man. DKY P10 4901SWL</t>
  </si>
  <si>
    <t>DKY P10 4902S</t>
  </si>
  <si>
    <t>5702329678780</t>
  </si>
  <si>
    <t>VELUX Verd.-Rollo man. DKY P10 4902S</t>
  </si>
  <si>
    <t>DKY P10 4902SWL</t>
  </si>
  <si>
    <t>5702329678797</t>
  </si>
  <si>
    <t>VELUX Verd.-Rollo man. DKY P10 4902SWL</t>
  </si>
  <si>
    <t>DKY P10 4903S</t>
  </si>
  <si>
    <t>5702329678803</t>
  </si>
  <si>
    <t>VELUX Verd.-Rollo man. DKY P10 4903S</t>
  </si>
  <si>
    <t>DKY P10 4903SWL</t>
  </si>
  <si>
    <t>5702329678810</t>
  </si>
  <si>
    <t>VELUX Verd.-Rollo man. DKY P10 4903SWL</t>
  </si>
  <si>
    <t>DKY P10 4904S</t>
  </si>
  <si>
    <t>5702329678827</t>
  </si>
  <si>
    <t>VELUX Verd.-Rollo man. DKY P10 4904S</t>
  </si>
  <si>
    <t>DKY P10 4904SWL</t>
  </si>
  <si>
    <t>5702329678834</t>
  </si>
  <si>
    <t>VELUX Verd.-Rollo man. DKY P10 4904SWL</t>
  </si>
  <si>
    <t>DKY P31 4901S</t>
  </si>
  <si>
    <t>5702329678926</t>
  </si>
  <si>
    <t>VELUX Verd.-Rollo man. DKY P31 4901S</t>
  </si>
  <si>
    <t>DKY P31 4901SWL</t>
  </si>
  <si>
    <t>5702329678933</t>
  </si>
  <si>
    <t>VELUX Verd.-Rollo man. DKY P31 4901SWL</t>
  </si>
  <si>
    <t>DKY P31 4902S</t>
  </si>
  <si>
    <t>5702329678940</t>
  </si>
  <si>
    <t>VELUX Verd.-Rollo man. DKY P31 4902S</t>
  </si>
  <si>
    <t>DKY P31 4902SWL</t>
  </si>
  <si>
    <t>5702329678957</t>
  </si>
  <si>
    <t>VELUX Verd.-Rollo man. DKY P31 4902SWL</t>
  </si>
  <si>
    <t>DKY P31 4903S</t>
  </si>
  <si>
    <t>5702329678964</t>
  </si>
  <si>
    <t>VELUX Verd.-Rollo man. DKY P31 4903S</t>
  </si>
  <si>
    <t>DKY P31 4903SWL</t>
  </si>
  <si>
    <t>5702329678971</t>
  </si>
  <si>
    <t>VELUX Verd.-Rollo man. DKY P31 4903SWL</t>
  </si>
  <si>
    <t>DKY P31 4904S</t>
  </si>
  <si>
    <t>5702329678988</t>
  </si>
  <si>
    <t>VELUX Verd.-Rollo man. DKY P31 4904S</t>
  </si>
  <si>
    <t>DKY P31 4904SWL</t>
  </si>
  <si>
    <t>5702329678995</t>
  </si>
  <si>
    <t>VELUX Verd.-Rollo man. DKY P31 4904SWL</t>
  </si>
  <si>
    <t>DKY PK06 4901S</t>
  </si>
  <si>
    <t>5702329679084</t>
  </si>
  <si>
    <t>VELUX Verd.-Rollo man. DKY PK06 4901S</t>
  </si>
  <si>
    <t>DKY PK06 4901SWL</t>
  </si>
  <si>
    <t>5702329679091</t>
  </si>
  <si>
    <t>VELUX Verd.-Rollo man. DKY PK06 4901SWL</t>
  </si>
  <si>
    <t>DKY PK06 4902S</t>
  </si>
  <si>
    <t>5702329679107</t>
  </si>
  <si>
    <t>VELUX Verd.-Rollo man. DKY PK06 4902S</t>
  </si>
  <si>
    <t>DKY PK06 4902SWL</t>
  </si>
  <si>
    <t>5702329679114</t>
  </si>
  <si>
    <t>VELUX Verd.-Rollo man. DKY PK06 4902SWL</t>
  </si>
  <si>
    <t>DKY PK06 4903S</t>
  </si>
  <si>
    <t>5702329679121</t>
  </si>
  <si>
    <t>VELUX Verd.-Rollo man. DKY PK06 4903S</t>
  </si>
  <si>
    <t>DKY PK06 4903SWL</t>
  </si>
  <si>
    <t>5702329679138</t>
  </si>
  <si>
    <t>VELUX Verd.-Rollo man. DKY PK06 4903SWL</t>
  </si>
  <si>
    <t>DKY PK06 4904S</t>
  </si>
  <si>
    <t>5702329679145</t>
  </si>
  <si>
    <t>VELUX Verd.-Rollo man. DKY PK06 4904S</t>
  </si>
  <si>
    <t>DKY PK06 4904SWL</t>
  </si>
  <si>
    <t>5702329679152</t>
  </si>
  <si>
    <t>VELUX Verd.-Rollo man. DKY PK06 4904SWL</t>
  </si>
  <si>
    <t>DKY PK08 4901S</t>
  </si>
  <si>
    <t>5702329679169</t>
  </si>
  <si>
    <t>VELUX Verd.-Rollo man. DKY PK08 4901S</t>
  </si>
  <si>
    <t>DKY PK08 4901SWL</t>
  </si>
  <si>
    <t>5702329679176</t>
  </si>
  <si>
    <t>VELUX Verd.-Rollo man. DKY PK08 4901SWL</t>
  </si>
  <si>
    <t>DKY PK08 4902S</t>
  </si>
  <si>
    <t>5702329679183</t>
  </si>
  <si>
    <t>VELUX Verd.-Rollo man. DKY PK08 4902S</t>
  </si>
  <si>
    <t>DKY PK08 4902SWL</t>
  </si>
  <si>
    <t>5702329679190</t>
  </si>
  <si>
    <t>VELUX Verd.-Rollo man. DKY PK08 4902SWL</t>
  </si>
  <si>
    <t>DKY PK08 4903S</t>
  </si>
  <si>
    <t>5702329679206</t>
  </si>
  <si>
    <t>VELUX Verd.-Rollo man. DKY PK08 4903S</t>
  </si>
  <si>
    <t>DKY PK08 4903SWL</t>
  </si>
  <si>
    <t>5702329679213</t>
  </si>
  <si>
    <t>VELUX Verd.-Rollo man. DKY PK08 4903SWL</t>
  </si>
  <si>
    <t>DKY PK08 4904S</t>
  </si>
  <si>
    <t>5702329679220</t>
  </si>
  <si>
    <t>VELUX Verd.-Rollo man. DKY PK08 4904S</t>
  </si>
  <si>
    <t>DKY PK08 4904SWL</t>
  </si>
  <si>
    <t>5702329679237</t>
  </si>
  <si>
    <t>VELUX Verd.-Rollo man. DKY PK08 4904SWL</t>
  </si>
  <si>
    <t>DKY PK10 4901S</t>
  </si>
  <si>
    <t>5702329679244</t>
  </si>
  <si>
    <t>VELUX Verd.-Rollo man. DKY PK10 4901S</t>
  </si>
  <si>
    <t>DKY PK10 4901SWL</t>
  </si>
  <si>
    <t>5702329679251</t>
  </si>
  <si>
    <t>VELUX Verd.-Rollo man. DKY PK10 4901SWL</t>
  </si>
  <si>
    <t>DKY PK10 4902S</t>
  </si>
  <si>
    <t>5702329679268</t>
  </si>
  <si>
    <t>VELUX Verd.-Rollo man. DKY PK10 4902S</t>
  </si>
  <si>
    <t>DKY PK10 4902SWL</t>
  </si>
  <si>
    <t>5702329679275</t>
  </si>
  <si>
    <t>VELUX Verd.-Rollo man. DKY PK10 4902SWL</t>
  </si>
  <si>
    <t>DKY PK10 4903S</t>
  </si>
  <si>
    <t>5702329679282</t>
  </si>
  <si>
    <t>VELUX Verd.-Rollo man. DKY PK10 4903S</t>
  </si>
  <si>
    <t>DKY PK10 4903SWL</t>
  </si>
  <si>
    <t>5702329679299</t>
  </si>
  <si>
    <t>VELUX Verd.-Rollo man. DKY PK10 4903SWL</t>
  </si>
  <si>
    <t>DKY PK10 4904S</t>
  </si>
  <si>
    <t>5702329679305</t>
  </si>
  <si>
    <t>VELUX Verd.-Rollo man. DKY PK10 4904S</t>
  </si>
  <si>
    <t>DKY PK10 4904SWL</t>
  </si>
  <si>
    <t>5702329679312</t>
  </si>
  <si>
    <t>VELUX Verd.-Rollo man. DKY PK10 4904SWL</t>
  </si>
  <si>
    <t>DKY S04 4901S</t>
  </si>
  <si>
    <t>5702329679480</t>
  </si>
  <si>
    <t>VELUX Verd.-Rollo man. DKY S04 4901S</t>
  </si>
  <si>
    <t>DKY S04 4901SWL</t>
  </si>
  <si>
    <t>5702329679497</t>
  </si>
  <si>
    <t>VELUX Verd.-Rollo man. DKY S04 4901SWL</t>
  </si>
  <si>
    <t>DKY S04 4902S</t>
  </si>
  <si>
    <t>5702329679503</t>
  </si>
  <si>
    <t>VELUX Verd.-Rollo man. DKY S04 4902S</t>
  </si>
  <si>
    <t>DKY S04 4902SWL</t>
  </si>
  <si>
    <t>5702329679510</t>
  </si>
  <si>
    <t>VELUX Verd.-Rollo man. DKY S04 4902SWL</t>
  </si>
  <si>
    <t>DKY S04 4903S</t>
  </si>
  <si>
    <t>5702329679527</t>
  </si>
  <si>
    <t>VELUX Verd.-Rollo man. DKY S04 4903S</t>
  </si>
  <si>
    <t>DKY S04 4903SWL</t>
  </si>
  <si>
    <t>5702329679534</t>
  </si>
  <si>
    <t>VELUX Verd.-Rollo man. DKY S04 4903SWL</t>
  </si>
  <si>
    <t>DKY S04 4904S</t>
  </si>
  <si>
    <t>5702329679541</t>
  </si>
  <si>
    <t>VELUX Verd.-Rollo man. DKY S04 4904S</t>
  </si>
  <si>
    <t>DKY S04 4904SWL</t>
  </si>
  <si>
    <t>5702329679558</t>
  </si>
  <si>
    <t>VELUX Verd.-Rollo man. DKY S04 4904SWL</t>
  </si>
  <si>
    <t>DKY S06 4901S</t>
  </si>
  <si>
    <t>5702329679565</t>
  </si>
  <si>
    <t>VELUX Verd.-Rollo man. DKY S06 4901S</t>
  </si>
  <si>
    <t>DKY S06 4901SWL</t>
  </si>
  <si>
    <t>5702329679572</t>
  </si>
  <si>
    <t>VELUX Verd.-Rollo man. DKY S06 4901SWL</t>
  </si>
  <si>
    <t>DKY S06 4902S</t>
  </si>
  <si>
    <t>5702329679589</t>
  </si>
  <si>
    <t>VELUX Verd.-Rollo man. DKY S06 4902S</t>
  </si>
  <si>
    <t>DKY S06 4902SWL</t>
  </si>
  <si>
    <t>5702329679596</t>
  </si>
  <si>
    <t>VELUX Verd.-Rollo man. DKY S06 4902SWL</t>
  </si>
  <si>
    <t>DKY S06 4903S</t>
  </si>
  <si>
    <t>5702329679602</t>
  </si>
  <si>
    <t>VELUX Verd.-Rollo man. DKY S06 4903S</t>
  </si>
  <si>
    <t>DKY S06 4903SWL</t>
  </si>
  <si>
    <t>5702329679619</t>
  </si>
  <si>
    <t>VELUX Verd.-Rollo man. DKY S06 4903SWL</t>
  </si>
  <si>
    <t>DKY S06 4904S</t>
  </si>
  <si>
    <t>5702329679626</t>
  </si>
  <si>
    <t>VELUX Verd.-Rollo man. DKY S06 4904S</t>
  </si>
  <si>
    <t>DKY S06 4904SWL</t>
  </si>
  <si>
    <t>5702329679633</t>
  </si>
  <si>
    <t>VELUX Verd.-Rollo man. DKY S06 4904SWL</t>
  </si>
  <si>
    <t>DKY S08 4901S</t>
  </si>
  <si>
    <t>5702329679640</t>
  </si>
  <si>
    <t>VELUX Verd.-Rollo man. DKY S08 4901S</t>
  </si>
  <si>
    <t>DKY S08 4901SWL</t>
  </si>
  <si>
    <t>5702329679657</t>
  </si>
  <si>
    <t>VELUX Verd.-Rollo man. DKY S08 4901SWL</t>
  </si>
  <si>
    <t>DKY S08 4902S</t>
  </si>
  <si>
    <t>5702329679664</t>
  </si>
  <si>
    <t>VELUX Verd.-Rollo man. DKY S08 4902S</t>
  </si>
  <si>
    <t>DKY S08 4902SWL</t>
  </si>
  <si>
    <t>5702329679671</t>
  </si>
  <si>
    <t>VELUX Verd.-Rollo man. DKY S08 4902SWL</t>
  </si>
  <si>
    <t>DKY S08 4903S</t>
  </si>
  <si>
    <t>5702329679688</t>
  </si>
  <si>
    <t>VELUX Verd.-Rollo man. DKY S08 4903S</t>
  </si>
  <si>
    <t>DKY S08 4903SWL</t>
  </si>
  <si>
    <t>5702329679695</t>
  </si>
  <si>
    <t>VELUX Verd.-Rollo man. DKY S08 4903SWL</t>
  </si>
  <si>
    <t>DKY S08 4904S</t>
  </si>
  <si>
    <t>5702329679701</t>
  </si>
  <si>
    <t>VELUX Verd.-Rollo man. DKY S08 4904S</t>
  </si>
  <si>
    <t>DKY S08 4904SWL</t>
  </si>
  <si>
    <t>5702329679718</t>
  </si>
  <si>
    <t>VELUX Verd.-Rollo man. DKY S08 4904SWL</t>
  </si>
  <si>
    <t>DKY S10 4901S</t>
  </si>
  <si>
    <t>5702329679725</t>
  </si>
  <si>
    <t>VELUX Verd.-Rollo man. DKY S10 4901S</t>
  </si>
  <si>
    <t>DKY S10 4901SWL</t>
  </si>
  <si>
    <t>5702329679732</t>
  </si>
  <si>
    <t>VELUX Verd.-Rollo man. DKY S10 4901SWL</t>
  </si>
  <si>
    <t>DKY S10 4902S</t>
  </si>
  <si>
    <t>5702329679749</t>
  </si>
  <si>
    <t>VELUX Verd.-Rollo man. DKY S10 4902S</t>
  </si>
  <si>
    <t>DKY S10 4902SWL</t>
  </si>
  <si>
    <t>5702329679756</t>
  </si>
  <si>
    <t>VELUX Verd.-Rollo man. DKY S10 4902SWL</t>
  </si>
  <si>
    <t>DKY S10 4903S</t>
  </si>
  <si>
    <t>5702329679763</t>
  </si>
  <si>
    <t>VELUX Verd.-Rollo man. DKY S10 4903S</t>
  </si>
  <si>
    <t>DKY S10 4903SWL</t>
  </si>
  <si>
    <t>5702329679770</t>
  </si>
  <si>
    <t>VELUX Verd.-Rollo man. DKY S10 4903SWL</t>
  </si>
  <si>
    <t>DKY S10 4904S</t>
  </si>
  <si>
    <t>5702329679787</t>
  </si>
  <si>
    <t>VELUX Verd.-Rollo man. DKY S10 4904S</t>
  </si>
  <si>
    <t>DKY S10 4904SWL</t>
  </si>
  <si>
    <t>5702329679794</t>
  </si>
  <si>
    <t>VELUX Verd.-Rollo man. DKY S10 4904SWL</t>
  </si>
  <si>
    <t>DKY S31 4901S</t>
  </si>
  <si>
    <t>5702329679800</t>
  </si>
  <si>
    <t>VELUX Verd.-Rollo man. DKY S31 4901S</t>
  </si>
  <si>
    <t>DKY S31 4901SWL</t>
  </si>
  <si>
    <t>5702329679817</t>
  </si>
  <si>
    <t>VELUX Verd.-Rollo man. DKY S31 4901SWL</t>
  </si>
  <si>
    <t>DKY S31 4902S</t>
  </si>
  <si>
    <t>5702329679824</t>
  </si>
  <si>
    <t>VELUX Verd.-Rollo man. DKY S31 4902S</t>
  </si>
  <si>
    <t>DKY S31 4902SWL</t>
  </si>
  <si>
    <t>5702329679831</t>
  </si>
  <si>
    <t>VELUX Verd.-Rollo man. DKY S31 4902SWL</t>
  </si>
  <si>
    <t>DKY S31 4903S</t>
  </si>
  <si>
    <t>5702329679848</t>
  </si>
  <si>
    <t>VELUX Verd.-Rollo man. DKY S31 4903S</t>
  </si>
  <si>
    <t>DKY S31 4903SWL</t>
  </si>
  <si>
    <t>5702329679855</t>
  </si>
  <si>
    <t>VELUX Verd.-Rollo man. DKY S31 4903SWL</t>
  </si>
  <si>
    <t>DKY S31 4904S</t>
  </si>
  <si>
    <t>5702329679862</t>
  </si>
  <si>
    <t>VELUX Verd.-Rollo man. DKY S31 4904S</t>
  </si>
  <si>
    <t>DKY S31 4904SWL</t>
  </si>
  <si>
    <t>5702329679879</t>
  </si>
  <si>
    <t>VELUX Verd.-Rollo man. DKY S31 4904SWL</t>
  </si>
  <si>
    <t>DKY SK06 4901S</t>
  </si>
  <si>
    <t>5702329679961</t>
  </si>
  <si>
    <t>VELUX Verd.-Rollo man. DKY SK06 4901S</t>
  </si>
  <si>
    <t>DKY SK06 4901SWL</t>
  </si>
  <si>
    <t>5702329679978</t>
  </si>
  <si>
    <t>VELUX Verd.-Rollo man. DKY SK06 4901SWL</t>
  </si>
  <si>
    <t>DKY SK06 4902S</t>
  </si>
  <si>
    <t>5702329679985</t>
  </si>
  <si>
    <t>VELUX Verd.-Rollo man. DKY SK06 4902S</t>
  </si>
  <si>
    <t>DKY SK06 4902SWL</t>
  </si>
  <si>
    <t>5702329679992</t>
  </si>
  <si>
    <t>VELUX Verd.-Rollo man. DKY SK06 4902SWL</t>
  </si>
  <si>
    <t>DKY SK06 4903S</t>
  </si>
  <si>
    <t>5702329680004</t>
  </si>
  <si>
    <t>VELUX Verd.-Rollo man. DKY SK06 4903S</t>
  </si>
  <si>
    <t>DKY SK06 4903SWL</t>
  </si>
  <si>
    <t>5702329680011</t>
  </si>
  <si>
    <t>VELUX Verd.-Rollo man. DKY SK06 4903SWL</t>
  </si>
  <si>
    <t>DKY SK06 4904S</t>
  </si>
  <si>
    <t>5702329680028</t>
  </si>
  <si>
    <t>VELUX Verd.-Rollo man. DKY SK06 4904S</t>
  </si>
  <si>
    <t>DKY SK06 4904SWL</t>
  </si>
  <si>
    <t>5702329680035</t>
  </si>
  <si>
    <t>VELUX Verd.-Rollo man. DKY SK06 4904SWL</t>
  </si>
  <si>
    <t>DKY SK08 4901S</t>
  </si>
  <si>
    <t>5702329680042</t>
  </si>
  <si>
    <t>VELUX Verd.-Rollo man. DKY SK08 4901S</t>
  </si>
  <si>
    <t>DKY SK08 4901SWL</t>
  </si>
  <si>
    <t>5702329680059</t>
  </si>
  <si>
    <t>VELUX Verd.-Rollo man. DKY SK08 4901SWL</t>
  </si>
  <si>
    <t>DKY SK08 4902S</t>
  </si>
  <si>
    <t>5702329680066</t>
  </si>
  <si>
    <t>VELUX Verd.-Rollo man. DKY SK08 4902S</t>
  </si>
  <si>
    <t>DKY SK08 4902SWL</t>
  </si>
  <si>
    <t>5702329680073</t>
  </si>
  <si>
    <t>VELUX Verd.-Rollo man. DKY SK08 4902SWL</t>
  </si>
  <si>
    <t>DKY SK08 4903S</t>
  </si>
  <si>
    <t>5702329680080</t>
  </si>
  <si>
    <t>VELUX Verd.-Rollo man. DKY SK08 4903S</t>
  </si>
  <si>
    <t>DKY SK08 4903SWL</t>
  </si>
  <si>
    <t>5702329680097</t>
  </si>
  <si>
    <t>VELUX Verd.-Rollo man. DKY SK08 4903SWL</t>
  </si>
  <si>
    <t>DKY SK08 4904S</t>
  </si>
  <si>
    <t>5702329680103</t>
  </si>
  <si>
    <t>VELUX Verd.-Rollo man. DKY SK08 4904S</t>
  </si>
  <si>
    <t>DKY SK08 4904SWL</t>
  </si>
  <si>
    <t>5702329680110</t>
  </si>
  <si>
    <t>VELUX Verd.-Rollo man. DKY SK08 4904SWL</t>
  </si>
  <si>
    <t>DKY SK10 4901S</t>
  </si>
  <si>
    <t>5702329680127</t>
  </si>
  <si>
    <t>VELUX Verd.-Rollo man. DKY SK10 4901S</t>
  </si>
  <si>
    <t>DKY SK10 4901SWL</t>
  </si>
  <si>
    <t>5702329680134</t>
  </si>
  <si>
    <t>VELUX Verd.-Rollo man. DKY SK10 4901SWL</t>
  </si>
  <si>
    <t>DKY SK10 4902S</t>
  </si>
  <si>
    <t>5702329680141</t>
  </si>
  <si>
    <t>VELUX Verd.-Rollo man. DKY SK10 4902S</t>
  </si>
  <si>
    <t>DKY SK10 4902SWL</t>
  </si>
  <si>
    <t>5702329680158</t>
  </si>
  <si>
    <t>VELUX Verd.-Rollo man. DKY SK10 4902SWL</t>
  </si>
  <si>
    <t>DKY SK10 4903S</t>
  </si>
  <si>
    <t>5702329680165</t>
  </si>
  <si>
    <t>VELUX Verd.-Rollo man. DKY SK10 4903S</t>
  </si>
  <si>
    <t>DKY SK10 4903SWL</t>
  </si>
  <si>
    <t>5702329680172</t>
  </si>
  <si>
    <t>VELUX Verd.-Rollo man. DKY SK10 4903SWL</t>
  </si>
  <si>
    <t>DKY SK10 4904S</t>
  </si>
  <si>
    <t>5702329680189</t>
  </si>
  <si>
    <t>VELUX Verd.-Rollo man. DKY SK10 4904S</t>
  </si>
  <si>
    <t>DKY SK10 4904SWL</t>
  </si>
  <si>
    <t>5702329680196</t>
  </si>
  <si>
    <t>VELUX Verd.-Rollo man. DKY SK10 4904SWL</t>
  </si>
  <si>
    <t>DKY U04 4901S</t>
  </si>
  <si>
    <t>5702329680202</t>
  </si>
  <si>
    <t>VELUX Verd.-Rollo man. DKY U04 4901S</t>
  </si>
  <si>
    <t>DKY U04 4901SWL</t>
  </si>
  <si>
    <t>5702329680219</t>
  </si>
  <si>
    <t>VELUX Verd.-Rollo man. DKY U04 4901SWL</t>
  </si>
  <si>
    <t>DKY U04 4902S</t>
  </si>
  <si>
    <t>5702329680226</t>
  </si>
  <si>
    <t>VELUX Verd.-Rollo man. DKY U04 4902S</t>
  </si>
  <si>
    <t>DKY U04 4902SWL</t>
  </si>
  <si>
    <t>5702329680233</t>
  </si>
  <si>
    <t>VELUX Verd.-Rollo man. DKY U04 4902SWL</t>
  </si>
  <si>
    <t>DKY U04 4903S</t>
  </si>
  <si>
    <t>5702329680240</t>
  </si>
  <si>
    <t>VELUX Verd.-Rollo man. DKY U04 4903S</t>
  </si>
  <si>
    <t>DKY U04 4903SWL</t>
  </si>
  <si>
    <t>5702329680257</t>
  </si>
  <si>
    <t>VELUX Verd.-Rollo man. DKY U04 4903SWL</t>
  </si>
  <si>
    <t>DKY U04 4904S</t>
  </si>
  <si>
    <t>5702329680264</t>
  </si>
  <si>
    <t>VELUX Verd.-Rollo man. DKY U04 4904S</t>
  </si>
  <si>
    <t>DKY U04 4904SWL</t>
  </si>
  <si>
    <t>5702329680271</t>
  </si>
  <si>
    <t>VELUX Verd.-Rollo man. DKY U04 4904SWL</t>
  </si>
  <si>
    <t>DKY U08 4901S</t>
  </si>
  <si>
    <t>5702329680288</t>
  </si>
  <si>
    <t>VELUX Verd.-Rollo man. DKY U08 4901S</t>
  </si>
  <si>
    <t>DKY U08 4901SWL</t>
  </si>
  <si>
    <t>5702329680295</t>
  </si>
  <si>
    <t>VELUX Verd.-Rollo man. DKY U08 4901SWL</t>
  </si>
  <si>
    <t>DKY U08 4902S</t>
  </si>
  <si>
    <t>5702329680301</t>
  </si>
  <si>
    <t>VELUX Verd.-Rollo man. DKY U08 4902S</t>
  </si>
  <si>
    <t>DKY U08 4902SWL</t>
  </si>
  <si>
    <t>5702329680318</t>
  </si>
  <si>
    <t>VELUX Verd.-Rollo man. DKY U08 4902SWL</t>
  </si>
  <si>
    <t>DKY U08 4903S</t>
  </si>
  <si>
    <t>5702329680325</t>
  </si>
  <si>
    <t>VELUX Verd.-Rollo man. DKY U08 4903S</t>
  </si>
  <si>
    <t>DKY U08 4903SWL</t>
  </si>
  <si>
    <t>5702329680332</t>
  </si>
  <si>
    <t>VELUX Verd.-Rollo man. DKY U08 4903SWL</t>
  </si>
  <si>
    <t>DKY U08 4904S</t>
  </si>
  <si>
    <t>5702329680349</t>
  </si>
  <si>
    <t>VELUX Verd.-Rollo man. DKY U08 4904S</t>
  </si>
  <si>
    <t>DKY U08 4904SWL</t>
  </si>
  <si>
    <t>5702329680356</t>
  </si>
  <si>
    <t>VELUX Verd.-Rollo man. DKY U08 4904SWL</t>
  </si>
  <si>
    <t>DKY U10 4901S</t>
  </si>
  <si>
    <t>5702329680363</t>
  </si>
  <si>
    <t>VELUX Verd.-Rollo man. DKY U10 4901S</t>
  </si>
  <si>
    <t>DKY U10 4901SWL</t>
  </si>
  <si>
    <t>5702329680370</t>
  </si>
  <si>
    <t>VELUX Verd.-Rollo man. DKY U10 4901SWL</t>
  </si>
  <si>
    <t>DKY U10 4902S</t>
  </si>
  <si>
    <t>5702329680387</t>
  </si>
  <si>
    <t>VELUX Verd.-Rollo man. DKY U10 4902S</t>
  </si>
  <si>
    <t>DKY U10 4902SWL</t>
  </si>
  <si>
    <t>5702329680394</t>
  </si>
  <si>
    <t>VELUX Verd.-Rollo man. DKY U10 4902SWL</t>
  </si>
  <si>
    <t>DKY U10 4903S</t>
  </si>
  <si>
    <t>5702329680400</t>
  </si>
  <si>
    <t>VELUX Verd.-Rollo man. DKY U10 4903S</t>
  </si>
  <si>
    <t>DKY U10 4903SWL</t>
  </si>
  <si>
    <t>5702329680417</t>
  </si>
  <si>
    <t>VELUX Verd.-Rollo man. DKY U10 4903SWL</t>
  </si>
  <si>
    <t>DKY U10 4904S</t>
  </si>
  <si>
    <t>5702329680424</t>
  </si>
  <si>
    <t>VELUX Verd.-Rollo man. DKY U10 4904S</t>
  </si>
  <si>
    <t>DKY U10 4904SWL</t>
  </si>
  <si>
    <t>5702329680431</t>
  </si>
  <si>
    <t>VELUX Verd.-Rollo man. DKY U10 4904SWL</t>
  </si>
  <si>
    <t>DKY U31 4901S</t>
  </si>
  <si>
    <t>5702329680448</t>
  </si>
  <si>
    <t>VELUX Verd.-Rollo man. DKY U31 4901S</t>
  </si>
  <si>
    <t>DKY U31 4901SWL</t>
  </si>
  <si>
    <t>5702329680455</t>
  </si>
  <si>
    <t>VELUX Verd.-Rollo man. DKY U31 4901SWL</t>
  </si>
  <si>
    <t>DKY U31 4902S</t>
  </si>
  <si>
    <t>5702329680462</t>
  </si>
  <si>
    <t>VELUX Verd.-Rollo man. DKY U31 4902S</t>
  </si>
  <si>
    <t>DKY U31 4902SWL</t>
  </si>
  <si>
    <t>5702329680479</t>
  </si>
  <si>
    <t>VELUX Verd.-Rollo man. DKY U31 4902SWL</t>
  </si>
  <si>
    <t>DKY U31 4903S</t>
  </si>
  <si>
    <t>5702329680486</t>
  </si>
  <si>
    <t>VELUX Verd.-Rollo man. DKY U31 4903S</t>
  </si>
  <si>
    <t>DKY U31 4903SWL</t>
  </si>
  <si>
    <t>5702329680493</t>
  </si>
  <si>
    <t>VELUX Verd.-Rollo man. DKY U31 4903SWL</t>
  </si>
  <si>
    <t>DKY U31 4904S</t>
  </si>
  <si>
    <t>5702329680509</t>
  </si>
  <si>
    <t>VELUX Verd.-Rollo man. DKY U31 4904S</t>
  </si>
  <si>
    <t>DKY U31 4904SWL</t>
  </si>
  <si>
    <t>5702329680516</t>
  </si>
  <si>
    <t>VELUX Verd.-Rollo man. DKY U31 4904SWL</t>
  </si>
  <si>
    <t>DKY UK04 4901S</t>
  </si>
  <si>
    <t>5702329680523</t>
  </si>
  <si>
    <t>VELUX Verd.-Rollo man. DKY UK04 4901S</t>
  </si>
  <si>
    <t>DKY UK04 4901SWL</t>
  </si>
  <si>
    <t>5702329680530</t>
  </si>
  <si>
    <t>VELUX Verd.-Rollo man. DKY UK04 4901SWL</t>
  </si>
  <si>
    <t>DKY UK04 4902S</t>
  </si>
  <si>
    <t>5702329680547</t>
  </si>
  <si>
    <t>VELUX Verd.-Rollo man. DKY UK04 4902S</t>
  </si>
  <si>
    <t>DKY UK04 4902SWL</t>
  </si>
  <si>
    <t>5702329680554</t>
  </si>
  <si>
    <t>VELUX Verd.-Rollo man. DKY UK04 4902SWL</t>
  </si>
  <si>
    <t>DKY UK04 4903S</t>
  </si>
  <si>
    <t>5702329680561</t>
  </si>
  <si>
    <t>VELUX Verd.-Rollo man. DKY UK04 4903S</t>
  </si>
  <si>
    <t>DKY UK04 4903SWL</t>
  </si>
  <si>
    <t>5702329680578</t>
  </si>
  <si>
    <t>VELUX Verd.-Rollo man. DKY UK04 4903SWL</t>
  </si>
  <si>
    <t>DKY UK04 4904S</t>
  </si>
  <si>
    <t>5702329680585</t>
  </si>
  <si>
    <t>VELUX Verd.-Rollo man. DKY UK04 4904S</t>
  </si>
  <si>
    <t>DKY UK04 4904SWL</t>
  </si>
  <si>
    <t>5702329680592</t>
  </si>
  <si>
    <t>VELUX Verd.-Rollo man. DKY UK04 4904SWL</t>
  </si>
  <si>
    <t>DKY UK08 4901S</t>
  </si>
  <si>
    <t>5702329680608</t>
  </si>
  <si>
    <t>VELUX Verd.-Rollo man. DKY UK08 4901S</t>
  </si>
  <si>
    <t>DKY UK08 4901SWL</t>
  </si>
  <si>
    <t>5702329680615</t>
  </si>
  <si>
    <t>VELUX Verd.-Rollo man. DKY UK08 4901SWL</t>
  </si>
  <si>
    <t>DKY UK08 4902S</t>
  </si>
  <si>
    <t>5702329680622</t>
  </si>
  <si>
    <t>VELUX Verd.-Rollo man. DKY UK08 4902S</t>
  </si>
  <si>
    <t>DKY UK08 4902SWL</t>
  </si>
  <si>
    <t>5702329680639</t>
  </si>
  <si>
    <t>VELUX Verd.-Rollo man. DKY UK08 4902SWL</t>
  </si>
  <si>
    <t>DKY UK08 4903S</t>
  </si>
  <si>
    <t>5702329680646</t>
  </si>
  <si>
    <t>VELUX Verd.-Rollo man. DKY UK08 4903S</t>
  </si>
  <si>
    <t>DKY UK08 4903SWL</t>
  </si>
  <si>
    <t>5702329680653</t>
  </si>
  <si>
    <t>VELUX Verd.-Rollo man. DKY UK08 4903SWL</t>
  </si>
  <si>
    <t>DKY UK08 4904S</t>
  </si>
  <si>
    <t>5702329680660</t>
  </si>
  <si>
    <t>VELUX Verd.-Rollo man. DKY UK08 4904S</t>
  </si>
  <si>
    <t>DKY UK08 4904SWL</t>
  </si>
  <si>
    <t>5702329680677</t>
  </si>
  <si>
    <t>VELUX Verd.-Rollo man. DKY UK08 4904SWL</t>
  </si>
  <si>
    <t>DKY UK10 4901S</t>
  </si>
  <si>
    <t>5702329680684</t>
  </si>
  <si>
    <t>VELUX Verd.-Rollo man. DKY UK10 4901S</t>
  </si>
  <si>
    <t>DKY UK10 4901SWL</t>
  </si>
  <si>
    <t>5702329680691</t>
  </si>
  <si>
    <t>VELUX Verd.-Rollo man. DKY UK10 4901SWL</t>
  </si>
  <si>
    <t>DKY UK10 4902S</t>
  </si>
  <si>
    <t>5702329680707</t>
  </si>
  <si>
    <t>VELUX Verd.-Rollo man. DKY UK10 4902S</t>
  </si>
  <si>
    <t>DKY UK10 4902SWL</t>
  </si>
  <si>
    <t>5702329680714</t>
  </si>
  <si>
    <t>VELUX Verd.-Rollo man. DKY UK10 4902SWL</t>
  </si>
  <si>
    <t>DKY UK10 4903S</t>
  </si>
  <si>
    <t>5702329680721</t>
  </si>
  <si>
    <t>VELUX Verd.-Rollo man. DKY UK10 4903S</t>
  </si>
  <si>
    <t>DKY UK10 4903SWL</t>
  </si>
  <si>
    <t>5702329680738</t>
  </si>
  <si>
    <t>VELUX Verd.-Rollo man. DKY UK10 4903SWL</t>
  </si>
  <si>
    <t>DKY UK10 4904S</t>
  </si>
  <si>
    <t>5702329680745</t>
  </si>
  <si>
    <t>VELUX Verd.-Rollo man. DKY UK10 4904S</t>
  </si>
  <si>
    <t>DKY UK10 4904SWL</t>
  </si>
  <si>
    <t>5702329680752</t>
  </si>
  <si>
    <t>VELUX Verd.-Rollo man. DKY UK10 4904SWL</t>
  </si>
  <si>
    <t>DML C02 0705K</t>
  </si>
  <si>
    <t>5702329461542</t>
  </si>
  <si>
    <t>VELUX Verd.-Rollo el. DML C02 0705K</t>
  </si>
  <si>
    <t>DML C02 0705KWL</t>
  </si>
  <si>
    <t>5702329470070</t>
  </si>
  <si>
    <t>VELUX Verd.-Rollo el. DML C02 0705KWL</t>
  </si>
  <si>
    <t>DML C02 1025K</t>
  </si>
  <si>
    <t>5702329461559</t>
  </si>
  <si>
    <t>VELUX Verd.-Rollo el. DML C02 1025K</t>
  </si>
  <si>
    <t>DML C02 1025KWL</t>
  </si>
  <si>
    <t>5702329470087</t>
  </si>
  <si>
    <t>VELUX Verd.-Rollo el. DML C02 1025KWL</t>
  </si>
  <si>
    <t>DML C02 1085K</t>
  </si>
  <si>
    <t>5702329461566</t>
  </si>
  <si>
    <t>VELUX Verd.-Rollo el. DML C02 1085K</t>
  </si>
  <si>
    <t>DML C02 1085KWL</t>
  </si>
  <si>
    <t>5702329470094</t>
  </si>
  <si>
    <t>VELUX Verd.-Rollo el. DML C02 1085KWL</t>
  </si>
  <si>
    <t>DML C02 1100K</t>
  </si>
  <si>
    <t>5702329461573</t>
  </si>
  <si>
    <t>VELUX Verd.-Rollo el. DML C02 1100K</t>
  </si>
  <si>
    <t>DML C02 1100KWL</t>
  </si>
  <si>
    <t>5702329470100</t>
  </si>
  <si>
    <t>VELUX Verd.-Rollo el. DML C02 1100KWL</t>
  </si>
  <si>
    <t>DML C02 3009K</t>
  </si>
  <si>
    <t>5702329461580</t>
  </si>
  <si>
    <t>VELUX Verd.-Rollo el. DML C02 3009K</t>
  </si>
  <si>
    <t>DML C02 3009KWL</t>
  </si>
  <si>
    <t>5702329470117</t>
  </si>
  <si>
    <t>VELUX Verd.-Rollo el. DML C02 3009KWL</t>
  </si>
  <si>
    <t>DML C02 4556K</t>
  </si>
  <si>
    <t>5702329461597</t>
  </si>
  <si>
    <t>VELUX Verd.-Rollo el. DML C02 4556K</t>
  </si>
  <si>
    <t>DML C02 4556KWL</t>
  </si>
  <si>
    <t>5702329470124</t>
  </si>
  <si>
    <t>VELUX Verd.-Rollo el. DML C02 4556KWL</t>
  </si>
  <si>
    <t>DML C02 4559K</t>
  </si>
  <si>
    <t>5702329461603</t>
  </si>
  <si>
    <t>VELUX Verd.-Rollo el. DML C02 4559K</t>
  </si>
  <si>
    <t>DML C02 4559KWL</t>
  </si>
  <si>
    <t>5702329470131</t>
  </si>
  <si>
    <t>VELUX Verd.-Rollo el. DML C02 4559KWL</t>
  </si>
  <si>
    <t>DML C02 4574K</t>
  </si>
  <si>
    <t>5702329461627</t>
  </si>
  <si>
    <t>VELUX Verd.-Rollo el. DML C02 4574K</t>
  </si>
  <si>
    <t>DML C02 4576K</t>
  </si>
  <si>
    <t>5702329461641</t>
  </si>
  <si>
    <t>VELUX Verd.-Rollo el. DML C02 4576K</t>
  </si>
  <si>
    <t>DML C02 4577K</t>
  </si>
  <si>
    <t>5702329461658</t>
  </si>
  <si>
    <t>VELUX Verd.-Rollo el. DML C02 4577K</t>
  </si>
  <si>
    <t>DML C02 4577KWL</t>
  </si>
  <si>
    <t>5702329470186</t>
  </si>
  <si>
    <t>VELUX Verd.-Rollo el. DML C02 4577KWL</t>
  </si>
  <si>
    <t>DML C02 4578K</t>
  </si>
  <si>
    <t>5702329461665</t>
  </si>
  <si>
    <t>VELUX Verd.-Rollo el. DML C02 4578K</t>
  </si>
  <si>
    <t>DML C02 4579K</t>
  </si>
  <si>
    <t>5702329461672</t>
  </si>
  <si>
    <t>VELUX Verd.-Rollo el. DML C02 4579K</t>
  </si>
  <si>
    <t>Sandbeige gepunktet, alu Sch., Premium</t>
  </si>
  <si>
    <t>DML C02 4580K</t>
  </si>
  <si>
    <t>5702329461689</t>
  </si>
  <si>
    <t>VELUX Verd.-Rollo el. DML C02 4580K</t>
  </si>
  <si>
    <t>Hell-taupe, alu Schiene, Premium</t>
  </si>
  <si>
    <t>DML C02 4580KWL</t>
  </si>
  <si>
    <t>5702329470216</t>
  </si>
  <si>
    <t>VELUX Verd.-Rollo el. DML C02 4580KWL</t>
  </si>
  <si>
    <t>Hell-taupe, weiße Schiene, Premium</t>
  </si>
  <si>
    <t>DML C02 4581KWL</t>
  </si>
  <si>
    <t>5702329470223</t>
  </si>
  <si>
    <t>VELUX Verd.-Rollo el. DML C02 4581KWL</t>
  </si>
  <si>
    <t>DML C02 CBYK</t>
  </si>
  <si>
    <t>5702329461719</t>
  </si>
  <si>
    <t>VELUX Verd.-Rollo el. DML C02 CBYK</t>
  </si>
  <si>
    <t>Colour by you!, alu Schiene, Premium</t>
  </si>
  <si>
    <t>DML C02 CBYKWL</t>
  </si>
  <si>
    <t>5702329470230</t>
  </si>
  <si>
    <t>VELUX Verd.-Rollo el. DML C02 CBYKWL</t>
  </si>
  <si>
    <t>Colour by you!, weiße Schiene, Premium</t>
  </si>
  <si>
    <t>DML C04 0705K</t>
  </si>
  <si>
    <t>5702329461726</t>
  </si>
  <si>
    <t>VELUX Verd.-Rollo el. DML C04 0705K</t>
  </si>
  <si>
    <t>DML C04 0705KWL</t>
  </si>
  <si>
    <t>5702329470247</t>
  </si>
  <si>
    <t>VELUX Verd.-Rollo el. DML C04 0705KWL</t>
  </si>
  <si>
    <t>DML C04 1025K</t>
  </si>
  <si>
    <t>5702329461733</t>
  </si>
  <si>
    <t>VELUX Verd.-Rollo el. DML C04 1025K</t>
  </si>
  <si>
    <t>DML C04 1025KWL</t>
  </si>
  <si>
    <t>5702329470254</t>
  </si>
  <si>
    <t>VELUX Verd.-Rollo el. DML C04 1025KWL</t>
  </si>
  <si>
    <t>DML C04 1085K</t>
  </si>
  <si>
    <t>5702329461740</t>
  </si>
  <si>
    <t>VELUX Verd.-Rollo el. DML C04 1085K</t>
  </si>
  <si>
    <t>DML C04 1085KWL</t>
  </si>
  <si>
    <t>5702329470261</t>
  </si>
  <si>
    <t>VELUX Verd.-Rollo el. DML C04 1085KWL</t>
  </si>
  <si>
    <t>DML C04 1100K</t>
  </si>
  <si>
    <t>5702329461757</t>
  </si>
  <si>
    <t>VELUX Verd.-Rollo el. DML C04 1100K</t>
  </si>
  <si>
    <t>DML C04 1100KWL</t>
  </si>
  <si>
    <t>5702329470278</t>
  </si>
  <si>
    <t>VELUX Verd.-Rollo el. DML C04 1100KWL</t>
  </si>
  <si>
    <t>DML C04 3009K</t>
  </si>
  <si>
    <t>5702329461764</t>
  </si>
  <si>
    <t>VELUX Verd.-Rollo el. DML C04 3009K</t>
  </si>
  <si>
    <t>DML C04 3009KWL</t>
  </si>
  <si>
    <t>5702329470285</t>
  </si>
  <si>
    <t>VELUX Verd.-Rollo el. DML C04 3009KWL</t>
  </si>
  <si>
    <t>DML C04 4556K</t>
  </si>
  <si>
    <t>5702329461771</t>
  </si>
  <si>
    <t>VELUX Verd.-Rollo el. DML C04 4556K</t>
  </si>
  <si>
    <t>DML C04 4556KWL</t>
  </si>
  <si>
    <t>5702329470292</t>
  </si>
  <si>
    <t>VELUX Verd.-Rollo el. DML C04 4556KWL</t>
  </si>
  <si>
    <t>DML C04 4559K</t>
  </si>
  <si>
    <t>5702329461788</t>
  </si>
  <si>
    <t>VELUX Verd.-Rollo el. DML C04 4559K</t>
  </si>
  <si>
    <t>DML C04 4574K</t>
  </si>
  <si>
    <t>5702329461801</t>
  </si>
  <si>
    <t>VELUX Verd.-Rollo el. DML C04 4574K</t>
  </si>
  <si>
    <t>DML C04 4575K</t>
  </si>
  <si>
    <t>5702329461818</t>
  </si>
  <si>
    <t>VELUX Verd.-Rollo el. DML C04 4575K</t>
  </si>
  <si>
    <t>Olivebeige gepunktet, alu Sch., Premium</t>
  </si>
  <si>
    <t>DML C04 4576K</t>
  </si>
  <si>
    <t>5702329461825</t>
  </si>
  <si>
    <t>VELUX Verd.-Rollo el. DML C04 4576K</t>
  </si>
  <si>
    <t>DML C04 4576KWL</t>
  </si>
  <si>
    <t>5702329470346</t>
  </si>
  <si>
    <t>VELUX Verd.-Rollo el. DML C04 4576KWL</t>
  </si>
  <si>
    <t>DML C04 4577K</t>
  </si>
  <si>
    <t>5702329461832</t>
  </si>
  <si>
    <t>VELUX Verd.-Rollo el. DML C04 4577K</t>
  </si>
  <si>
    <t>DML C04 4577KWL</t>
  </si>
  <si>
    <t>5702329470353</t>
  </si>
  <si>
    <t>VELUX Verd.-Rollo el. DML C04 4577KWL</t>
  </si>
  <si>
    <t>DML C04 4578K</t>
  </si>
  <si>
    <t>5702329461849</t>
  </si>
  <si>
    <t>VELUX Verd.-Rollo el. DML C04 4578K</t>
  </si>
  <si>
    <t>DML C04 4580K</t>
  </si>
  <si>
    <t>5702329461863</t>
  </si>
  <si>
    <t>VELUX Verd.-Rollo el. DML C04 4580K</t>
  </si>
  <si>
    <t>DML C04 4581K</t>
  </si>
  <si>
    <t>5702329461870</t>
  </si>
  <si>
    <t>VELUX Verd.-Rollo el. DML C04 4581K</t>
  </si>
  <si>
    <t>DML C04 4581KWL</t>
  </si>
  <si>
    <t>5702329470391</t>
  </si>
  <si>
    <t>VELUX Verd.-Rollo el. DML C04 4581KWL</t>
  </si>
  <si>
    <t>DML C04 CBYK</t>
  </si>
  <si>
    <t>5702329461894</t>
  </si>
  <si>
    <t>VELUX Verd.-Rollo el. DML C04 CBYK</t>
  </si>
  <si>
    <t>DML C04 CBYKWL</t>
  </si>
  <si>
    <t>5702329470407</t>
  </si>
  <si>
    <t>VELUX Verd.-Rollo el. DML C04 CBYKWL</t>
  </si>
  <si>
    <t>DML C06 1025K</t>
  </si>
  <si>
    <t>5702329461917</t>
  </si>
  <si>
    <t>VELUX Verd.-Rollo el. DML C06 1025K</t>
  </si>
  <si>
    <t>DML C06 1085K</t>
  </si>
  <si>
    <t>5702329461924</t>
  </si>
  <si>
    <t>VELUX Verd.-Rollo el. DML C06 1085K</t>
  </si>
  <si>
    <t>DML C06 1100KWL</t>
  </si>
  <si>
    <t>5702329470445</t>
  </si>
  <si>
    <t>VELUX Verd.-Rollo el. DML C06 1100KWL</t>
  </si>
  <si>
    <t>DML C06 4564KWL</t>
  </si>
  <si>
    <t>5702329470483</t>
  </si>
  <si>
    <t>VELUX Verd.-Rollo el. DML C06 4564KWL</t>
  </si>
  <si>
    <t>DML C06 4574KWL</t>
  </si>
  <si>
    <t>5702329470490</t>
  </si>
  <si>
    <t>VELUX Verd.-Rollo el. DML C06 4574KWL</t>
  </si>
  <si>
    <t>DML C06 4576KWL</t>
  </si>
  <si>
    <t>5702329470513</t>
  </si>
  <si>
    <t>VELUX Verd.-Rollo el. DML C06 4576KWL</t>
  </si>
  <si>
    <t>DML C06 4581KWL</t>
  </si>
  <si>
    <t>5702329470568</t>
  </si>
  <si>
    <t>VELUX Verd.-Rollo el. DML C06 4581KWL</t>
  </si>
  <si>
    <t>DML C06 CBYK</t>
  </si>
  <si>
    <t>5702329462075</t>
  </si>
  <si>
    <t>VELUX Verd.-Rollo el. DML C06 CBYK</t>
  </si>
  <si>
    <t>DML C06 CBYKWL</t>
  </si>
  <si>
    <t>5702329470575</t>
  </si>
  <si>
    <t>VELUX Verd.-Rollo el. DML C06 CBYKWL</t>
  </si>
  <si>
    <t>DML CK02 0705K</t>
  </si>
  <si>
    <t>5702329462266</t>
  </si>
  <si>
    <t>VELUX Verd.-Rollo el. DML CK02 0705K</t>
  </si>
  <si>
    <t>DML CK02 0705KWL</t>
  </si>
  <si>
    <t>5702329470759</t>
  </si>
  <si>
    <t>VELUX Verd.-Rollo el. DML CK02 0705KWL</t>
  </si>
  <si>
    <t>DML CK02 1025K</t>
  </si>
  <si>
    <t>5702329462273</t>
  </si>
  <si>
    <t>VELUX Verd.-Rollo el. DML CK02 1025K</t>
  </si>
  <si>
    <t>DML CK02 1025KWL</t>
  </si>
  <si>
    <t>5702329470766</t>
  </si>
  <si>
    <t>VELUX Verd.-Rollo el. DML CK02 1025KWL</t>
  </si>
  <si>
    <t>DML CK02 1085K</t>
  </si>
  <si>
    <t>5702329462280</t>
  </si>
  <si>
    <t>VELUX Verd.-Rollo el. DML CK02 1085K</t>
  </si>
  <si>
    <t>DML CK02 1085KWL</t>
  </si>
  <si>
    <t>5702329470773</t>
  </si>
  <si>
    <t>VELUX Verd.-Rollo el. DML CK02 1085KWL</t>
  </si>
  <si>
    <t>DML CK02 1100K</t>
  </si>
  <si>
    <t>5702329462297</t>
  </si>
  <si>
    <t>VELUX Verd.-Rollo el. DML CK02 1100K</t>
  </si>
  <si>
    <t>DML CK02 1100KWL</t>
  </si>
  <si>
    <t>5702329470780</t>
  </si>
  <si>
    <t>VELUX Verd.-Rollo el. DML CK02 1100KWL</t>
  </si>
  <si>
    <t>DML CK02 3009K</t>
  </si>
  <si>
    <t>5702329462303</t>
  </si>
  <si>
    <t>VELUX Verd.-Rollo el. DML CK02 3009K</t>
  </si>
  <si>
    <t>DML CK02 3009KWL</t>
  </si>
  <si>
    <t>5702329470797</t>
  </si>
  <si>
    <t>VELUX Verd.-Rollo el. DML CK02 3009KWL</t>
  </si>
  <si>
    <t>DML CK02 4556K</t>
  </si>
  <si>
    <t>5702329462310</t>
  </si>
  <si>
    <t>VELUX Verd.-Rollo el. DML CK02 4556K</t>
  </si>
  <si>
    <t>DML CK02 4556KWL</t>
  </si>
  <si>
    <t>5702329470803</t>
  </si>
  <si>
    <t>VELUX Verd.-Rollo el. DML CK02 4556KWL</t>
  </si>
  <si>
    <t>DML CK02 4559K</t>
  </si>
  <si>
    <t>5702329462327</t>
  </si>
  <si>
    <t>VELUX Verd.-Rollo el. DML CK02 4559K</t>
  </si>
  <si>
    <t>DML CK02 4564K</t>
  </si>
  <si>
    <t>5702329462334</t>
  </si>
  <si>
    <t>VELUX Verd.-Rollo el. DML CK02 4564K</t>
  </si>
  <si>
    <t>DML CK02 4564KWL</t>
  </si>
  <si>
    <t>5702329470827</t>
  </si>
  <si>
    <t>VELUX Verd.-Rollo el. DML CK02 4564KWL</t>
  </si>
  <si>
    <t>DML CK02 4574K</t>
  </si>
  <si>
    <t>5702329462341</t>
  </si>
  <si>
    <t>VELUX Verd.-Rollo el. DML CK02 4574K</t>
  </si>
  <si>
    <t>DML CK02 4574KWL</t>
  </si>
  <si>
    <t>5702329470834</t>
  </si>
  <si>
    <t>VELUX Verd.-Rollo el. DML CK02 4574KWL</t>
  </si>
  <si>
    <t>DML CK02 4575K</t>
  </si>
  <si>
    <t>5702329462358</t>
  </si>
  <si>
    <t>VELUX Verd.-Rollo el. DML CK02 4575K</t>
  </si>
  <si>
    <t>DML CK02 4575KWL</t>
  </si>
  <si>
    <t>5702329470841</t>
  </si>
  <si>
    <t>VELUX Verd.-Rollo el. DML CK02 4575KWL</t>
  </si>
  <si>
    <t>Olivebeige gepunktet, weiße Sch.Premium</t>
  </si>
  <si>
    <t>DML CK02 4576K</t>
  </si>
  <si>
    <t>5702329462365</t>
  </si>
  <si>
    <t>VELUX Verd.-Rollo el. DML CK02 4576K</t>
  </si>
  <si>
    <t>DML CK02 4576KWL</t>
  </si>
  <si>
    <t>5702329470858</t>
  </si>
  <si>
    <t>VELUX Verd.-Rollo el. DML CK02 4576KWL</t>
  </si>
  <si>
    <t>DML CK02 4577K</t>
  </si>
  <si>
    <t>5702329462372</t>
  </si>
  <si>
    <t>VELUX Verd.-Rollo el. DML CK02 4577K</t>
  </si>
  <si>
    <t>DML CK02 4577KWL</t>
  </si>
  <si>
    <t>5702329470865</t>
  </si>
  <si>
    <t>VELUX Verd.-Rollo el. DML CK02 4577KWL</t>
  </si>
  <si>
    <t>DML CK02 4578K</t>
  </si>
  <si>
    <t>5702329462389</t>
  </si>
  <si>
    <t>VELUX Verd.-Rollo el. DML CK02 4578K</t>
  </si>
  <si>
    <t>DML CK02 4578KWL</t>
  </si>
  <si>
    <t>5702329470872</t>
  </si>
  <si>
    <t>VELUX Verd.-Rollo el. DML CK02 4578KWL</t>
  </si>
  <si>
    <t>DML CK02 4579K</t>
  </si>
  <si>
    <t>5702329462396</t>
  </si>
  <si>
    <t>VELUX Verd.-Rollo el. DML CK02 4579K</t>
  </si>
  <si>
    <t>DML CK02 4579KWL</t>
  </si>
  <si>
    <t>5702329470889</t>
  </si>
  <si>
    <t>VELUX Verd.-Rollo el. DML CK02 4579KWL</t>
  </si>
  <si>
    <t>Sandbeige gepunktet, weiße Sch.Premium</t>
  </si>
  <si>
    <t>DML CK02 4580K</t>
  </si>
  <si>
    <t>5702329462402</t>
  </si>
  <si>
    <t>VELUX Verd.-Rollo el. DML CK02 4580K</t>
  </si>
  <si>
    <t>DML CK02 4580KWL</t>
  </si>
  <si>
    <t>5702329470896</t>
  </si>
  <si>
    <t>VELUX Verd.-Rollo el. DML CK02 4580KWL</t>
  </si>
  <si>
    <t>DML CK02 4581K</t>
  </si>
  <si>
    <t>5702329462419</t>
  </si>
  <si>
    <t>VELUX Verd.-Rollo el. DML CK02 4581K</t>
  </si>
  <si>
    <t>DML CK02 4581KWL</t>
  </si>
  <si>
    <t>5702329470902</t>
  </si>
  <si>
    <t>VELUX Verd.-Rollo el. DML CK02 4581KWL</t>
  </si>
  <si>
    <t>DML CK02 8801K</t>
  </si>
  <si>
    <t>5702329462426</t>
  </si>
  <si>
    <t>VELUX Verd.-Rollo el. DML CK02 8801K</t>
  </si>
  <si>
    <t>blau, alu Schiene, Standardpecial</t>
  </si>
  <si>
    <t>DML CK02 CBYK</t>
  </si>
  <si>
    <t>5702329462433</t>
  </si>
  <si>
    <t>VELUX Verd.-Rollo el. DML CK02 CBYK</t>
  </si>
  <si>
    <t>DML CK02 CBYKWL</t>
  </si>
  <si>
    <t>5702329470919</t>
  </si>
  <si>
    <t>VELUX Verd.-Rollo el. DML CK02 CBYKWL</t>
  </si>
  <si>
    <t>DML CK04 0705K</t>
  </si>
  <si>
    <t>5702329462440</t>
  </si>
  <si>
    <t>VELUX Verd.-Rollo el. DML CK04 0705K</t>
  </si>
  <si>
    <t>DML CK04 0705KWL</t>
  </si>
  <si>
    <t>5702329470926</t>
  </si>
  <si>
    <t>VELUX Verd.-Rollo el. DML CK04 0705KWL</t>
  </si>
  <si>
    <t>DML CK04 1025K</t>
  </si>
  <si>
    <t>5702329462457</t>
  </si>
  <si>
    <t>VELUX Verd.-Rollo el. DML CK04 1025K</t>
  </si>
  <si>
    <t>DML CK04 1025KWL</t>
  </si>
  <si>
    <t>5702329470933</t>
  </si>
  <si>
    <t>VELUX Verd.-Rollo el. DML CK04 1025KWL</t>
  </si>
  <si>
    <t>DML CK04 1085K</t>
  </si>
  <si>
    <t>5702329462464</t>
  </si>
  <si>
    <t>VELUX Verd.-Rollo el. DML CK04 1085K</t>
  </si>
  <si>
    <t>DML CK04 1085KWL</t>
  </si>
  <si>
    <t>5702329470940</t>
  </si>
  <si>
    <t>VELUX Verd.-Rollo el. DML CK04 1085KWL</t>
  </si>
  <si>
    <t>DML CK04 1100K</t>
  </si>
  <si>
    <t>5702329462471</t>
  </si>
  <si>
    <t>VELUX Verd.-Rollo el. DML CK04 1100K</t>
  </si>
  <si>
    <t>DML CK04 1100KWL</t>
  </si>
  <si>
    <t>5702329470957</t>
  </si>
  <si>
    <t>VELUX Verd.-Rollo el. DML CK04 1100KWL</t>
  </si>
  <si>
    <t>DML CK04 3009K</t>
  </si>
  <si>
    <t>5702329462488</t>
  </si>
  <si>
    <t>VELUX Verd.-Rollo el. DML CK04 3009K</t>
  </si>
  <si>
    <t>DML CK04 3009KWL</t>
  </si>
  <si>
    <t>5702329470964</t>
  </si>
  <si>
    <t>VELUX Verd.-Rollo el. DML CK04 3009KWL</t>
  </si>
  <si>
    <t>DML CK04 4556K</t>
  </si>
  <si>
    <t>5702329462495</t>
  </si>
  <si>
    <t>VELUX Verd.-Rollo el. DML CK04 4556K</t>
  </si>
  <si>
    <t>DML CK04 4556KWL</t>
  </si>
  <si>
    <t>5702329470971</t>
  </si>
  <si>
    <t>VELUX Verd.-Rollo el. DML CK04 4556KWL</t>
  </si>
  <si>
    <t>DML CK04 4559K</t>
  </si>
  <si>
    <t>5702329462501</t>
  </si>
  <si>
    <t>VELUX Verd.-Rollo el. DML CK04 4559K</t>
  </si>
  <si>
    <t>DML CK04 4559KWL</t>
  </si>
  <si>
    <t>5702329470988</t>
  </si>
  <si>
    <t>VELUX Verd.-Rollo el. DML CK04 4559KWL</t>
  </si>
  <si>
    <t>DML CK04 4564K</t>
  </si>
  <si>
    <t>5702329462518</t>
  </si>
  <si>
    <t>VELUX Verd.-Rollo el. DML CK04 4564K</t>
  </si>
  <si>
    <t>DML CK04 4564KWL</t>
  </si>
  <si>
    <t>5702329470995</t>
  </si>
  <si>
    <t>VELUX Verd.-Rollo el. DML CK04 4564KWL</t>
  </si>
  <si>
    <t>DML CK04 4574K</t>
  </si>
  <si>
    <t>5702329462525</t>
  </si>
  <si>
    <t>VELUX Verd.-Rollo el. DML CK04 4574K</t>
  </si>
  <si>
    <t>DML CK04 4574KWL</t>
  </si>
  <si>
    <t>5702329471008</t>
  </si>
  <si>
    <t>VELUX Verd.-Rollo el. DML CK04 4574KWL</t>
  </si>
  <si>
    <t>DML CK04 4575K</t>
  </si>
  <si>
    <t>5702329462532</t>
  </si>
  <si>
    <t>VELUX Verd.-Rollo el. DML CK04 4575K</t>
  </si>
  <si>
    <t>DML CK04 4575KWL</t>
  </si>
  <si>
    <t>5702329471015</t>
  </si>
  <si>
    <t>VELUX Verd.-Rollo el. DML CK04 4575KWL</t>
  </si>
  <si>
    <t>DML CK04 4576K</t>
  </si>
  <si>
    <t>5702329462549</t>
  </si>
  <si>
    <t>VELUX Verd.-Rollo el. DML CK04 4576K</t>
  </si>
  <si>
    <t>DML CK04 4576KWL</t>
  </si>
  <si>
    <t>5702329471022</t>
  </si>
  <si>
    <t>VELUX Verd.-Rollo el. DML CK04 4576KWL</t>
  </si>
  <si>
    <t>DML CK04 4577K</t>
  </si>
  <si>
    <t>5702329462556</t>
  </si>
  <si>
    <t>VELUX Verd.-Rollo el. DML CK04 4577K</t>
  </si>
  <si>
    <t>DML CK04 4577KWL</t>
  </si>
  <si>
    <t>5702329471039</t>
  </si>
  <si>
    <t>VELUX Verd.-Rollo el. DML CK04 4577KWL</t>
  </si>
  <si>
    <t>DML CK04 4578K</t>
  </si>
  <si>
    <t>5702329462563</t>
  </si>
  <si>
    <t>VELUX Verd.-Rollo el. DML CK04 4578K</t>
  </si>
  <si>
    <t>DML CK04 4578KWL</t>
  </si>
  <si>
    <t>5702329471046</t>
  </si>
  <si>
    <t>VELUX Verd.-Rollo el. DML CK04 4578KWL</t>
  </si>
  <si>
    <t>DML CK04 4579K</t>
  </si>
  <si>
    <t>5702329462570</t>
  </si>
  <si>
    <t>VELUX Verd.-Rollo el. DML CK04 4579K</t>
  </si>
  <si>
    <t>DML CK04 4579KWL</t>
  </si>
  <si>
    <t>5702329471053</t>
  </si>
  <si>
    <t>VELUX Verd.-Rollo el. DML CK04 4579KWL</t>
  </si>
  <si>
    <t>DML CK04 4580K</t>
  </si>
  <si>
    <t>5702329462587</t>
  </si>
  <si>
    <t>VELUX Verd.-Rollo el. DML CK04 4580K</t>
  </si>
  <si>
    <t>DML CK04 4580KWL</t>
  </si>
  <si>
    <t>5702329471060</t>
  </si>
  <si>
    <t>VELUX Verd.-Rollo el. DML CK04 4580KWL</t>
  </si>
  <si>
    <t>DML CK04 4581K</t>
  </si>
  <si>
    <t>5702329462594</t>
  </si>
  <si>
    <t>VELUX Verd.-Rollo el. DML CK04 4581K</t>
  </si>
  <si>
    <t>DML CK04 4581KWL</t>
  </si>
  <si>
    <t>5702329471077</t>
  </si>
  <si>
    <t>VELUX Verd.-Rollo el. DML CK04 4581KWL</t>
  </si>
  <si>
    <t>DML CK04 8801K</t>
  </si>
  <si>
    <t>5702329462600</t>
  </si>
  <si>
    <t>VELUX Verd.-Rollo el. DML CK04 8801K</t>
  </si>
  <si>
    <t>DML CK04 CBYK</t>
  </si>
  <si>
    <t>5702329462617</t>
  </si>
  <si>
    <t>VELUX Verd.-Rollo el. DML CK04 CBYK</t>
  </si>
  <si>
    <t>DML CK04 CBYKWL</t>
  </si>
  <si>
    <t>5702329471084</t>
  </si>
  <si>
    <t>VELUX Verd.-Rollo el. DML CK04 CBYKWL</t>
  </si>
  <si>
    <t>DML CK06 0705K</t>
  </si>
  <si>
    <t>5702329462624</t>
  </si>
  <si>
    <t>VELUX Verd.-Rollo el. DML CK06 0705K</t>
  </si>
  <si>
    <t>DML CK06 0705KWL</t>
  </si>
  <si>
    <t>5702329471091</t>
  </si>
  <si>
    <t>VELUX Verd.-Rollo el. DML CK06 0705KWL</t>
  </si>
  <si>
    <t>DML CK06 1025K</t>
  </si>
  <si>
    <t>5702329462631</t>
  </si>
  <si>
    <t>VELUX Verd.-Rollo el. DML CK06 1025K</t>
  </si>
  <si>
    <t>DML CK06 1025KWL</t>
  </si>
  <si>
    <t>5702329471107</t>
  </si>
  <si>
    <t>VELUX Verd.-Rollo el. DML CK06 1025KWL</t>
  </si>
  <si>
    <t>DML CK06 1085K</t>
  </si>
  <si>
    <t>5702329462648</t>
  </si>
  <si>
    <t>VELUX Verd.-Rollo el. DML CK06 1085K</t>
  </si>
  <si>
    <t>DML CK06 1085KWL</t>
  </si>
  <si>
    <t>5702329471114</t>
  </si>
  <si>
    <t>VELUX Verd.-Rollo el. DML CK06 1085KWL</t>
  </si>
  <si>
    <t>DML CK06 1100K</t>
  </si>
  <si>
    <t>5702329462655</t>
  </si>
  <si>
    <t>VELUX Verd.-Rollo el. DML CK06 1100K</t>
  </si>
  <si>
    <t>DML CK06 1100KWL</t>
  </si>
  <si>
    <t>5702329471121</t>
  </si>
  <si>
    <t>VELUX Verd.-Rollo el. DML CK06 1100KWL</t>
  </si>
  <si>
    <t>DML CK06 3009K</t>
  </si>
  <si>
    <t>5702329462662</t>
  </si>
  <si>
    <t>VELUX Verd.-Rollo el. DML CK06 3009K</t>
  </si>
  <si>
    <t>DML CK06 3009KWL</t>
  </si>
  <si>
    <t>5702329471138</t>
  </si>
  <si>
    <t>VELUX Verd.-Rollo el. DML CK06 3009KWL</t>
  </si>
  <si>
    <t>DML CK06 4556K</t>
  </si>
  <si>
    <t>5702329462679</t>
  </si>
  <si>
    <t>VELUX Verd.-Rollo el. DML CK06 4556K</t>
  </si>
  <si>
    <t>DML CK06 4556KWL</t>
  </si>
  <si>
    <t>5702329471145</t>
  </si>
  <si>
    <t>VELUX Verd.-Rollo el. DML CK06 4556KWL</t>
  </si>
  <si>
    <t>DML CK06 4559K</t>
  </si>
  <si>
    <t>5702329462686</t>
  </si>
  <si>
    <t>VELUX Verd.-Rollo el. DML CK06 4559K</t>
  </si>
  <si>
    <t>DML CK06 4559KWL</t>
  </si>
  <si>
    <t>5702329471152</t>
  </si>
  <si>
    <t>VELUX Verd.-Rollo el. DML CK06 4559KWL</t>
  </si>
  <si>
    <t>DML CK06 4564K</t>
  </si>
  <si>
    <t>5702329462693</t>
  </si>
  <si>
    <t>VELUX Verd.-Rollo el. DML CK06 4564K</t>
  </si>
  <si>
    <t>DML CK06 4564KWL</t>
  </si>
  <si>
    <t>5702329471169</t>
  </si>
  <si>
    <t>VELUX Verd.-Rollo el. DML CK06 4564KWL</t>
  </si>
  <si>
    <t>DML CK06 4574K</t>
  </si>
  <si>
    <t>5702329462709</t>
  </si>
  <si>
    <t>VELUX Verd.-Rollo el. DML CK06 4574K</t>
  </si>
  <si>
    <t>DML CK06 4574KWL</t>
  </si>
  <si>
    <t>5702329471176</t>
  </si>
  <si>
    <t>VELUX Verd.-Rollo el. DML CK06 4574KWL</t>
  </si>
  <si>
    <t>DML CK06 4575K</t>
  </si>
  <si>
    <t>5702329462716</t>
  </si>
  <si>
    <t>VELUX Verd.-Rollo el. DML CK06 4575K</t>
  </si>
  <si>
    <t>DML CK06 4576K</t>
  </si>
  <si>
    <t>5702329462723</t>
  </si>
  <si>
    <t>VELUX Verd.-Rollo el. DML CK06 4576K</t>
  </si>
  <si>
    <t>DML CK06 4576KWL</t>
  </si>
  <si>
    <t>5702329471190</t>
  </si>
  <si>
    <t>VELUX Verd.-Rollo el. DML CK06 4576KWL</t>
  </si>
  <si>
    <t>DML CK06 4577K</t>
  </si>
  <si>
    <t>5702329462730</t>
  </si>
  <si>
    <t>VELUX Verd.-Rollo el. DML CK06 4577K</t>
  </si>
  <si>
    <t>DML CK06 4577KWL</t>
  </si>
  <si>
    <t>5702329471206</t>
  </si>
  <si>
    <t>VELUX Verd.-Rollo el. DML CK06 4577KWL</t>
  </si>
  <si>
    <t>DML CK06 4578KWL</t>
  </si>
  <si>
    <t>5702329471213</t>
  </si>
  <si>
    <t>VELUX Verd.-Rollo el. DML CK06 4578KWL</t>
  </si>
  <si>
    <t>DML CK06 4579K</t>
  </si>
  <si>
    <t>5702329462754</t>
  </si>
  <si>
    <t>VELUX Verd.-Rollo el. DML CK06 4579K</t>
  </si>
  <si>
    <t>DML CK06 4579KWL</t>
  </si>
  <si>
    <t>5702329471220</t>
  </si>
  <si>
    <t>VELUX Verd.-Rollo el. DML CK06 4579KWL</t>
  </si>
  <si>
    <t>DML CK06 4580K</t>
  </si>
  <si>
    <t>5702329462761</t>
  </si>
  <si>
    <t>VELUX Verd.-Rollo el. DML CK06 4580K</t>
  </si>
  <si>
    <t>DML CK06 4580KWL</t>
  </si>
  <si>
    <t>5702329471237</t>
  </si>
  <si>
    <t>VELUX Verd.-Rollo el. DML CK06 4580KWL</t>
  </si>
  <si>
    <t>DML CK06 4581K</t>
  </si>
  <si>
    <t>5702329462778</t>
  </si>
  <si>
    <t>VELUX Verd.-Rollo el. DML CK06 4581K</t>
  </si>
  <si>
    <t>DML CK06 4581KWL</t>
  </si>
  <si>
    <t>5702329471244</t>
  </si>
  <si>
    <t>VELUX Verd.-Rollo el. DML CK06 4581KWL</t>
  </si>
  <si>
    <t>DML CK06 8801K</t>
  </si>
  <si>
    <t>5702329462785</t>
  </si>
  <si>
    <t>VELUX Verd.-Rollo el. DML CK06 8801K</t>
  </si>
  <si>
    <t>DML CK06 CBYK</t>
  </si>
  <si>
    <t>5702329462792</t>
  </si>
  <si>
    <t>VELUX Verd.-Rollo el. DML CK06 CBYK</t>
  </si>
  <si>
    <t>DML CK06 CBYKWL</t>
  </si>
  <si>
    <t>5702329471251</t>
  </si>
  <si>
    <t>VELUX Verd.-Rollo el. DML CK06 CBYKWL</t>
  </si>
  <si>
    <t>DML F04 0705K</t>
  </si>
  <si>
    <t>5702329462808</t>
  </si>
  <si>
    <t>VELUX Verd.-Rollo el. DML F04 0705K</t>
  </si>
  <si>
    <t>DML F04 0705KWL</t>
  </si>
  <si>
    <t>5702329471268</t>
  </si>
  <si>
    <t>VELUX Verd.-Rollo el. DML F04 0705KWL</t>
  </si>
  <si>
    <t>DML F04 1025KWL</t>
  </si>
  <si>
    <t>5702329471275</t>
  </si>
  <si>
    <t>VELUX Verd.-Rollo el. DML F04 1025KWL</t>
  </si>
  <si>
    <t>DML F04 1085K</t>
  </si>
  <si>
    <t>5702329462822</t>
  </si>
  <si>
    <t>VELUX Verd.-Rollo el. DML F04 1085K</t>
  </si>
  <si>
    <t>DML F04 1085KWL</t>
  </si>
  <si>
    <t>5702329471282</t>
  </si>
  <si>
    <t>VELUX Verd.-Rollo el. DML F04 1085KWL</t>
  </si>
  <si>
    <t>DML F04 1100K</t>
  </si>
  <si>
    <t>5702329462839</t>
  </si>
  <si>
    <t>VELUX Verd.-Rollo el. DML F04 1100K</t>
  </si>
  <si>
    <t>DML F04 1100KWL</t>
  </si>
  <si>
    <t>5702329471299</t>
  </si>
  <si>
    <t>VELUX Verd.-Rollo el. DML F04 1100KWL</t>
  </si>
  <si>
    <t>DML F04 3009K</t>
  </si>
  <si>
    <t>5702329462846</t>
  </si>
  <si>
    <t>VELUX Verd.-Rollo el. DML F04 3009K</t>
  </si>
  <si>
    <t>DML F04 3009KWL</t>
  </si>
  <si>
    <t>5702329471305</t>
  </si>
  <si>
    <t>VELUX Verd.-Rollo el. DML F04 3009KWL</t>
  </si>
  <si>
    <t>DML F04 4556K</t>
  </si>
  <si>
    <t>5702329462853</t>
  </si>
  <si>
    <t>VELUX Verd.-Rollo el. DML F04 4556K</t>
  </si>
  <si>
    <t>DML F04 4580K</t>
  </si>
  <si>
    <t>5702329462945</t>
  </si>
  <si>
    <t>VELUX Verd.-Rollo el. DML F04 4580K</t>
  </si>
  <si>
    <t>DML F04 CBYK</t>
  </si>
  <si>
    <t>5702329462976</t>
  </si>
  <si>
    <t>VELUX Verd.-Rollo el. DML F04 CBYK</t>
  </si>
  <si>
    <t>DML F04 CBYKWL</t>
  </si>
  <si>
    <t>5702329471428</t>
  </si>
  <si>
    <t>VELUX Verd.-Rollo el. DML F04 CBYKWL</t>
  </si>
  <si>
    <t>DML F06 0705K</t>
  </si>
  <si>
    <t>5702329462983</t>
  </si>
  <si>
    <t>VELUX Verd.-Rollo el. DML F06 0705K</t>
  </si>
  <si>
    <t>DML F06 0705KWL</t>
  </si>
  <si>
    <t>5702329471435</t>
  </si>
  <si>
    <t>VELUX Verd.-Rollo el. DML F06 0705KWL</t>
  </si>
  <si>
    <t>DML F06 1025K</t>
  </si>
  <si>
    <t>5702329462990</t>
  </si>
  <si>
    <t>VELUX Verd.-Rollo el. DML F06 1025K</t>
  </si>
  <si>
    <t>DML F06 1025KWL</t>
  </si>
  <si>
    <t>5702329471442</t>
  </si>
  <si>
    <t>VELUX Verd.-Rollo el. DML F06 1025KWL</t>
  </si>
  <si>
    <t>DML F06 1085K</t>
  </si>
  <si>
    <t>5702329463003</t>
  </si>
  <si>
    <t>VELUX Verd.-Rollo el. DML F06 1085K</t>
  </si>
  <si>
    <t>DML F06 1085KWL</t>
  </si>
  <si>
    <t>5702329471459</t>
  </si>
  <si>
    <t>VELUX Verd.-Rollo el. DML F06 1085KWL</t>
  </si>
  <si>
    <t>DML F06 1100K</t>
  </si>
  <si>
    <t>5702329463010</t>
  </si>
  <si>
    <t>VELUX Verd.-Rollo el. DML F06 1100K</t>
  </si>
  <si>
    <t>DML F06 1100KWL</t>
  </si>
  <si>
    <t>5702329471466</t>
  </si>
  <si>
    <t>VELUX Verd.-Rollo el. DML F06 1100KWL</t>
  </si>
  <si>
    <t>DML F06 3009K</t>
  </si>
  <si>
    <t>5702329463027</t>
  </si>
  <si>
    <t>VELUX Verd.-Rollo el. DML F06 3009K</t>
  </si>
  <si>
    <t>DML F06 3009KWL</t>
  </si>
  <si>
    <t>5702329471473</t>
  </si>
  <si>
    <t>VELUX Verd.-Rollo el. DML F06 3009KWL</t>
  </si>
  <si>
    <t>DML F06 4556K</t>
  </si>
  <si>
    <t>5702329463034</t>
  </si>
  <si>
    <t>VELUX Verd.-Rollo el. DML F06 4556K</t>
  </si>
  <si>
    <t>DML F06 4556KWL</t>
  </si>
  <si>
    <t>5702329471480</t>
  </si>
  <si>
    <t>VELUX Verd.-Rollo el. DML F06 4556KWL</t>
  </si>
  <si>
    <t>DML F06 4559K</t>
  </si>
  <si>
    <t>5702329463041</t>
  </si>
  <si>
    <t>VELUX Verd.-Rollo el. DML F06 4559K</t>
  </si>
  <si>
    <t>DML F06 4564K</t>
  </si>
  <si>
    <t>5702329463058</t>
  </si>
  <si>
    <t>VELUX Verd.-Rollo el. DML F06 4564K</t>
  </si>
  <si>
    <t>DML F06 4574K</t>
  </si>
  <si>
    <t>5702329463065</t>
  </si>
  <si>
    <t>VELUX Verd.-Rollo el. DML F06 4574K</t>
  </si>
  <si>
    <t>DML F06 4574KWL</t>
  </si>
  <si>
    <t>5702329471510</t>
  </si>
  <si>
    <t>VELUX Verd.-Rollo el. DML F06 4574KWL</t>
  </si>
  <si>
    <t>DML F06 4575K</t>
  </si>
  <si>
    <t>5702329463072</t>
  </si>
  <si>
    <t>VELUX Verd.-Rollo el. DML F06 4575K</t>
  </si>
  <si>
    <t>DML F06 4575KWL</t>
  </si>
  <si>
    <t>5702329471527</t>
  </si>
  <si>
    <t>VELUX Verd.-Rollo el. DML F06 4575KWL</t>
  </si>
  <si>
    <t>DML F06 4576K</t>
  </si>
  <si>
    <t>5702329463089</t>
  </si>
  <si>
    <t>VELUX Verd.-Rollo el. DML F06 4576K</t>
  </si>
  <si>
    <t>DML F06 4576KWL</t>
  </si>
  <si>
    <t>5702329471534</t>
  </si>
  <si>
    <t>VELUX Verd.-Rollo el. DML F06 4576KWL</t>
  </si>
  <si>
    <t>DML F06 4577K</t>
  </si>
  <si>
    <t>5702329463096</t>
  </si>
  <si>
    <t>VELUX Verd.-Rollo el. DML F06 4577K</t>
  </si>
  <si>
    <t>DML F06 4577KWL</t>
  </si>
  <si>
    <t>5702329471541</t>
  </si>
  <si>
    <t>VELUX Verd.-Rollo el. DML F06 4577KWL</t>
  </si>
  <si>
    <t>DML F06 4578K</t>
  </si>
  <si>
    <t>5702329463102</t>
  </si>
  <si>
    <t>VELUX Verd.-Rollo el. DML F06 4578K</t>
  </si>
  <si>
    <t>DML F06 4579K</t>
  </si>
  <si>
    <t>5702329463119</t>
  </si>
  <si>
    <t>VELUX Verd.-Rollo el. DML F06 4579K</t>
  </si>
  <si>
    <t>DML F06 4580K</t>
  </si>
  <si>
    <t>5702329463126</t>
  </si>
  <si>
    <t>VELUX Verd.-Rollo el. DML F06 4580K</t>
  </si>
  <si>
    <t>DML F06 4580KWL</t>
  </si>
  <si>
    <t>5702329471572</t>
  </si>
  <si>
    <t>VELUX Verd.-Rollo el. DML F06 4580KWL</t>
  </si>
  <si>
    <t>DML F06 4581K</t>
  </si>
  <si>
    <t>5702329463133</t>
  </si>
  <si>
    <t>VELUX Verd.-Rollo el. DML F06 4581K</t>
  </si>
  <si>
    <t>DML F06 CBYK</t>
  </si>
  <si>
    <t>5702329463157</t>
  </si>
  <si>
    <t>VELUX Verd.-Rollo el. DML F06 CBYK</t>
  </si>
  <si>
    <t>DML F06 CBYKWL</t>
  </si>
  <si>
    <t>5702329471596</t>
  </si>
  <si>
    <t>VELUX Verd.-Rollo el. DML F06 CBYKWL</t>
  </si>
  <si>
    <t>DML F08 0705K</t>
  </si>
  <si>
    <t>5702329463164</t>
  </si>
  <si>
    <t>VELUX Verd.-Rollo el. DML F08 0705K</t>
  </si>
  <si>
    <t>DML F08 0705KWL</t>
  </si>
  <si>
    <t>5702329471602</t>
  </si>
  <si>
    <t>VELUX Verd.-Rollo el. DML F08 0705KWL</t>
  </si>
  <si>
    <t>DML F08 1025K</t>
  </si>
  <si>
    <t>5702329463171</t>
  </si>
  <si>
    <t>VELUX Verd.-Rollo el. DML F08 1025K</t>
  </si>
  <si>
    <t>DML F08 1025KWL</t>
  </si>
  <si>
    <t>5702329471619</t>
  </si>
  <si>
    <t>VELUX Verd.-Rollo el. DML F08 1025KWL</t>
  </si>
  <si>
    <t>DML F08 1085K</t>
  </si>
  <si>
    <t>5702329463188</t>
  </si>
  <si>
    <t>VELUX Verd.-Rollo el. DML F08 1085K</t>
  </si>
  <si>
    <t>DML F08 1085KWL</t>
  </si>
  <si>
    <t>5702329471626</t>
  </si>
  <si>
    <t>VELUX Verd.-Rollo el. DML F08 1085KWL</t>
  </si>
  <si>
    <t>DML F08 1100K</t>
  </si>
  <si>
    <t>5702329463195</t>
  </si>
  <si>
    <t>VELUX Verd.-Rollo el. DML F08 1100K</t>
  </si>
  <si>
    <t>DML F08 1100KWL</t>
  </si>
  <si>
    <t>5702329471633</t>
  </si>
  <si>
    <t>VELUX Verd.-Rollo el. DML F08 1100KWL</t>
  </si>
  <si>
    <t>DML F08 3009KWL</t>
  </si>
  <si>
    <t>5702329471640</t>
  </si>
  <si>
    <t>VELUX Verd.-Rollo el. DML F08 3009KWL</t>
  </si>
  <si>
    <t>DML F08 4574KWL</t>
  </si>
  <si>
    <t>5702329471688</t>
  </si>
  <si>
    <t>VELUX Verd.-Rollo el. DML F08 4574KWL</t>
  </si>
  <si>
    <t>DML F08 CBYK</t>
  </si>
  <si>
    <t>5702329463331</t>
  </si>
  <si>
    <t>VELUX Verd.-Rollo el. DML F08 CBYK</t>
  </si>
  <si>
    <t>DML F08 CBYKWL</t>
  </si>
  <si>
    <t>5702329471763</t>
  </si>
  <si>
    <t>VELUX Verd.-Rollo el. DML F08 CBYKWL</t>
  </si>
  <si>
    <t>DML FK04 0705K</t>
  </si>
  <si>
    <t>5702329463348</t>
  </si>
  <si>
    <t>VELUX Verd.-Rollo el. DML FK04 0705K</t>
  </si>
  <si>
    <t>DML FK04 0705KWL</t>
  </si>
  <si>
    <t>5702329471770</t>
  </si>
  <si>
    <t>VELUX Verd.-Rollo el. DML FK04 0705KWL</t>
  </si>
  <si>
    <t>DML FK04 1025K</t>
  </si>
  <si>
    <t>5702329463355</t>
  </si>
  <si>
    <t>VELUX Verd.-Rollo el. DML FK04 1025K</t>
  </si>
  <si>
    <t>DML FK04 1025KWL</t>
  </si>
  <si>
    <t>5702329471787</t>
  </si>
  <si>
    <t>VELUX Verd.-Rollo el. DML FK04 1025KWL</t>
  </si>
  <si>
    <t>DML FK04 1085K</t>
  </si>
  <si>
    <t>5702329463362</t>
  </si>
  <si>
    <t>VELUX Verd.-Rollo el. DML FK04 1085K</t>
  </si>
  <si>
    <t>DML FK04 1085KWL</t>
  </si>
  <si>
    <t>5702329471794</t>
  </si>
  <si>
    <t>VELUX Verd.-Rollo el. DML FK04 1085KWL</t>
  </si>
  <si>
    <t>DML FK04 1100K</t>
  </si>
  <si>
    <t>5702329463379</t>
  </si>
  <si>
    <t>VELUX Verd.-Rollo el. DML FK04 1100K</t>
  </si>
  <si>
    <t>DML FK04 1100KWL</t>
  </si>
  <si>
    <t>5702329471800</t>
  </si>
  <si>
    <t>VELUX Verd.-Rollo el. DML FK04 1100KWL</t>
  </si>
  <si>
    <t>DML FK04 3009K</t>
  </si>
  <si>
    <t>5702329463386</t>
  </si>
  <si>
    <t>VELUX Verd.-Rollo el. DML FK04 3009K</t>
  </si>
  <si>
    <t>DML FK04 3009KWL</t>
  </si>
  <si>
    <t>5702329471817</t>
  </si>
  <si>
    <t>VELUX Verd.-Rollo el. DML FK04 3009KWL</t>
  </si>
  <si>
    <t>DML FK04 4556K</t>
  </si>
  <si>
    <t>5702329463393</t>
  </si>
  <si>
    <t>VELUX Verd.-Rollo el. DML FK04 4556K</t>
  </si>
  <si>
    <t>DML FK04 4556KWL</t>
  </si>
  <si>
    <t>5702329471824</t>
  </si>
  <si>
    <t>VELUX Verd.-Rollo el. DML FK04 4556KWL</t>
  </si>
  <si>
    <t>DML FK04 4559K</t>
  </si>
  <si>
    <t>5702329463409</t>
  </si>
  <si>
    <t>VELUX Verd.-Rollo el. DML FK04 4559K</t>
  </si>
  <si>
    <t>DML FK04 4559KWL</t>
  </si>
  <si>
    <t>5702329471831</t>
  </si>
  <si>
    <t>VELUX Verd.-Rollo el. DML FK04 4559KWL</t>
  </si>
  <si>
    <t>DML FK04 4564KWL</t>
  </si>
  <si>
    <t>5702329471848</t>
  </si>
  <si>
    <t>VELUX Verd.-Rollo el. DML FK04 4564KWL</t>
  </si>
  <si>
    <t>DML FK04 4574K</t>
  </si>
  <si>
    <t>5702329463423</t>
  </si>
  <si>
    <t>VELUX Verd.-Rollo el. DML FK04 4574K</t>
  </si>
  <si>
    <t>DML FK04 4574KWL</t>
  </si>
  <si>
    <t>5702329471855</t>
  </si>
  <si>
    <t>VELUX Verd.-Rollo el. DML FK04 4574KWL</t>
  </si>
  <si>
    <t>DML FK04 4575K</t>
  </si>
  <si>
    <t>5702329463430</t>
  </si>
  <si>
    <t>VELUX Verd.-Rollo el. DML FK04 4575K</t>
  </si>
  <si>
    <t>DML FK04 4575KWL</t>
  </si>
  <si>
    <t>5702329471862</t>
  </si>
  <si>
    <t>VELUX Verd.-Rollo el. DML FK04 4575KWL</t>
  </si>
  <si>
    <t>DML FK04 4576K</t>
  </si>
  <si>
    <t>5702329463447</t>
  </si>
  <si>
    <t>VELUX Verd.-Rollo el. DML FK04 4576K</t>
  </si>
  <si>
    <t>DML FK04 4576KWL</t>
  </si>
  <si>
    <t>5702329471879</t>
  </si>
  <si>
    <t>VELUX Verd.-Rollo el. DML FK04 4576KWL</t>
  </si>
  <si>
    <t>DML FK04 4577K</t>
  </si>
  <si>
    <t>5702329463454</t>
  </si>
  <si>
    <t>VELUX Verd.-Rollo el. DML FK04 4577K</t>
  </si>
  <si>
    <t>DML FK04 4577KWL</t>
  </si>
  <si>
    <t>5702329471886</t>
  </si>
  <si>
    <t>VELUX Verd.-Rollo el. DML FK04 4577KWL</t>
  </si>
  <si>
    <t>DML FK04 4578KWL</t>
  </si>
  <si>
    <t>5702329471893</t>
  </si>
  <si>
    <t>VELUX Verd.-Rollo el. DML FK04 4578KWL</t>
  </si>
  <si>
    <t>DML FK04 4579K</t>
  </si>
  <si>
    <t>5702329463478</t>
  </si>
  <si>
    <t>VELUX Verd.-Rollo el. DML FK04 4579K</t>
  </si>
  <si>
    <t>DML FK04 4579KWL</t>
  </si>
  <si>
    <t>5702329471909</t>
  </si>
  <si>
    <t>VELUX Verd.-Rollo el. DML FK04 4579KWL</t>
  </si>
  <si>
    <t>DML FK04 4580K</t>
  </si>
  <si>
    <t>5702329463485</t>
  </si>
  <si>
    <t>VELUX Verd.-Rollo el. DML FK04 4580K</t>
  </si>
  <si>
    <t>DML FK04 4580KWL</t>
  </si>
  <si>
    <t>5702329471916</t>
  </si>
  <si>
    <t>VELUX Verd.-Rollo el. DML FK04 4580KWL</t>
  </si>
  <si>
    <t>DML FK04 4581K</t>
  </si>
  <si>
    <t>5702329463492</t>
  </si>
  <si>
    <t>VELUX Verd.-Rollo el. DML FK04 4581K</t>
  </si>
  <si>
    <t>DML FK04 4581KWL</t>
  </si>
  <si>
    <t>5702329471923</t>
  </si>
  <si>
    <t>VELUX Verd.-Rollo el. DML FK04 4581KWL</t>
  </si>
  <si>
    <t>DML FK04 CBYK</t>
  </si>
  <si>
    <t>5702329463515</t>
  </si>
  <si>
    <t>VELUX Verd.-Rollo el. DML FK04 CBYK</t>
  </si>
  <si>
    <t>DML FK04 CBYKWL</t>
  </si>
  <si>
    <t>5702329471930</t>
  </si>
  <si>
    <t>VELUX Verd.-Rollo el. DML FK04 CBYKWL</t>
  </si>
  <si>
    <t>DML FK06 0705K</t>
  </si>
  <si>
    <t>5702329463522</t>
  </si>
  <si>
    <t>VELUX Verd.-Rollo el. DML FK06 0705K</t>
  </si>
  <si>
    <t>DML FK06 0705KWL</t>
  </si>
  <si>
    <t>5702329471947</t>
  </si>
  <si>
    <t>VELUX Verd.-Rollo el. DML FK06 0705KWL</t>
  </si>
  <si>
    <t>DML FK06 1025K</t>
  </si>
  <si>
    <t>5702329463539</t>
  </si>
  <si>
    <t>VELUX Verd.-Rollo el. DML FK06 1025K</t>
  </si>
  <si>
    <t>DML FK06 1025KWL</t>
  </si>
  <si>
    <t>5702329471954</t>
  </si>
  <si>
    <t>VELUX Verd.-Rollo el. DML FK06 1025KWL</t>
  </si>
  <si>
    <t>DML FK06 1085K</t>
  </si>
  <si>
    <t>5702329463546</t>
  </si>
  <si>
    <t>VELUX Verd.-Rollo el. DML FK06 1085K</t>
  </si>
  <si>
    <t>DML FK06 1085KWL</t>
  </si>
  <si>
    <t>5702329471961</t>
  </si>
  <si>
    <t>VELUX Verd.-Rollo el. DML FK06 1085KWL</t>
  </si>
  <si>
    <t>DML FK06 1100K</t>
  </si>
  <si>
    <t>5702329463553</t>
  </si>
  <si>
    <t>VELUX Verd.-Rollo el. DML FK06 1100K</t>
  </si>
  <si>
    <t>DML FK06 1100KWL</t>
  </si>
  <si>
    <t>5702329471978</t>
  </si>
  <si>
    <t>VELUX Verd.-Rollo el. DML FK06 1100KWL</t>
  </si>
  <si>
    <t>DML FK06 3009K</t>
  </si>
  <si>
    <t>5702329463560</t>
  </si>
  <si>
    <t>VELUX Verd.-Rollo el. DML FK06 3009K</t>
  </si>
  <si>
    <t>DML FK06 3009KWL</t>
  </si>
  <si>
    <t>5702329471985</t>
  </si>
  <si>
    <t>VELUX Verd.-Rollo el. DML FK06 3009KWL</t>
  </si>
  <si>
    <t>DML FK06 4556K</t>
  </si>
  <si>
    <t>5702329463577</t>
  </si>
  <si>
    <t>VELUX Verd.-Rollo el. DML FK06 4556K</t>
  </si>
  <si>
    <t>DML FK06 4556KWL</t>
  </si>
  <si>
    <t>5702329471992</t>
  </si>
  <si>
    <t>VELUX Verd.-Rollo el. DML FK06 4556KWL</t>
  </si>
  <si>
    <t>DML FK06 4559K</t>
  </si>
  <si>
    <t>5702329463584</t>
  </si>
  <si>
    <t>VELUX Verd.-Rollo el. DML FK06 4559K</t>
  </si>
  <si>
    <t>DML FK06 4559KWL</t>
  </si>
  <si>
    <t>5702329472005</t>
  </si>
  <si>
    <t>VELUX Verd.-Rollo el. DML FK06 4559KWL</t>
  </si>
  <si>
    <t>DML FK06 4564K</t>
  </si>
  <si>
    <t>5702329463591</t>
  </si>
  <si>
    <t>VELUX Verd.-Rollo el. DML FK06 4564K</t>
  </si>
  <si>
    <t>DML FK06 4574K</t>
  </si>
  <si>
    <t>5702329463607</t>
  </si>
  <si>
    <t>VELUX Verd.-Rollo el. DML FK06 4574K</t>
  </si>
  <si>
    <t>DML FK06 4574KWL</t>
  </si>
  <si>
    <t>5702329472029</t>
  </si>
  <si>
    <t>VELUX Verd.-Rollo el. DML FK06 4574KWL</t>
  </si>
  <si>
    <t>DML FK06 4576K</t>
  </si>
  <si>
    <t>5702329463621</t>
  </si>
  <si>
    <t>VELUX Verd.-Rollo el. DML FK06 4576K</t>
  </si>
  <si>
    <t>DML FK06 4576KWL</t>
  </si>
  <si>
    <t>5702329472043</t>
  </si>
  <si>
    <t>VELUX Verd.-Rollo el. DML FK06 4576KWL</t>
  </si>
  <si>
    <t>DML FK06 4577K</t>
  </si>
  <si>
    <t>5702329463638</t>
  </si>
  <si>
    <t>VELUX Verd.-Rollo el. DML FK06 4577K</t>
  </si>
  <si>
    <t>DML FK06 4577KWL</t>
  </si>
  <si>
    <t>5702329472050</t>
  </si>
  <si>
    <t>VELUX Verd.-Rollo el. DML FK06 4577KWL</t>
  </si>
  <si>
    <t>DML FK06 4578K</t>
  </si>
  <si>
    <t>5702329463645</t>
  </si>
  <si>
    <t>VELUX Verd.-Rollo el. DML FK06 4578K</t>
  </si>
  <si>
    <t>DML FK06 4578KWL</t>
  </si>
  <si>
    <t>5702329472067</t>
  </si>
  <si>
    <t>VELUX Verd.-Rollo el. DML FK06 4578KWL</t>
  </si>
  <si>
    <t>DML FK06 4579K</t>
  </si>
  <si>
    <t>5702329463652</t>
  </si>
  <si>
    <t>VELUX Verd.-Rollo el. DML FK06 4579K</t>
  </si>
  <si>
    <t>DML FK06 4579KWL</t>
  </si>
  <si>
    <t>5702329472074</t>
  </si>
  <si>
    <t>VELUX Verd.-Rollo el. DML FK06 4579KWL</t>
  </si>
  <si>
    <t>DML FK06 4580K</t>
  </si>
  <si>
    <t>5702329463669</t>
  </si>
  <si>
    <t>VELUX Verd.-Rollo el. DML FK06 4580K</t>
  </si>
  <si>
    <t>DML FK06 4580KWL</t>
  </si>
  <si>
    <t>5702329472081</t>
  </si>
  <si>
    <t>VELUX Verd.-Rollo el. DML FK06 4580KWL</t>
  </si>
  <si>
    <t>DML FK06 4581K</t>
  </si>
  <si>
    <t>5702329463676</t>
  </si>
  <si>
    <t>VELUX Verd.-Rollo el. DML FK06 4581K</t>
  </si>
  <si>
    <t>DML FK06 4581KWL</t>
  </si>
  <si>
    <t>5702329472098</t>
  </si>
  <si>
    <t>VELUX Verd.-Rollo el. DML FK06 4581KWL</t>
  </si>
  <si>
    <t>DML FK06 8801K</t>
  </si>
  <si>
    <t>5702329463683</t>
  </si>
  <si>
    <t>VELUX Verd.-Rollo el. DML FK06 8801K</t>
  </si>
  <si>
    <t>DML FK06 CBYK</t>
  </si>
  <si>
    <t>5702329463690</t>
  </si>
  <si>
    <t>VELUX Verd.-Rollo el. DML FK06 CBYK</t>
  </si>
  <si>
    <t>DML FK06 CBYKWL</t>
  </si>
  <si>
    <t>5702329472104</t>
  </si>
  <si>
    <t>VELUX Verd.-Rollo el. DML FK06 CBYKWL</t>
  </si>
  <si>
    <t>DML FK08 0705K</t>
  </si>
  <si>
    <t>5702329463706</t>
  </si>
  <si>
    <t>VELUX Verd.-Rollo el. DML FK08 0705K</t>
  </si>
  <si>
    <t>DML FK08 0705KWL</t>
  </si>
  <si>
    <t>5702329472111</t>
  </si>
  <si>
    <t>VELUX Verd.-Rollo el. DML FK08 0705KWL</t>
  </si>
  <si>
    <t>DML FK08 1025K</t>
  </si>
  <si>
    <t>5702329463713</t>
  </si>
  <si>
    <t>VELUX Verd.-Rollo el. DML FK08 1025K</t>
  </si>
  <si>
    <t>DML FK08 1025KWL</t>
  </si>
  <si>
    <t>5702329472128</t>
  </si>
  <si>
    <t>VELUX Verd.-Rollo el. DML FK08 1025KWL</t>
  </si>
  <si>
    <t>DML FK08 1085K</t>
  </si>
  <si>
    <t>5702329463720</t>
  </si>
  <si>
    <t>VELUX Verd.-Rollo el. DML FK08 1085K</t>
  </si>
  <si>
    <t>DML FK08 1085KWL</t>
  </si>
  <si>
    <t>5702329472135</t>
  </si>
  <si>
    <t>VELUX Verd.-Rollo el. DML FK08 1085KWL</t>
  </si>
  <si>
    <t>DML FK08 1100K</t>
  </si>
  <si>
    <t>5702329463737</t>
  </si>
  <si>
    <t>VELUX Verd.-Rollo el. DML FK08 1100K</t>
  </si>
  <si>
    <t>DML FK08 1100KWL</t>
  </si>
  <si>
    <t>5702329472142</t>
  </si>
  <si>
    <t>VELUX Verd.-Rollo el. DML FK08 1100KWL</t>
  </si>
  <si>
    <t>DML FK08 3009K</t>
  </si>
  <si>
    <t>5702329463744</t>
  </si>
  <si>
    <t>VELUX Verd.-Rollo el. DML FK08 3009K</t>
  </si>
  <si>
    <t>DML FK08 3009KWL</t>
  </si>
  <si>
    <t>5702329472159</t>
  </si>
  <si>
    <t>VELUX Verd.-Rollo el. DML FK08 3009KWL</t>
  </si>
  <si>
    <t>DML FK08 4556K</t>
  </si>
  <si>
    <t>5702329463751</t>
  </si>
  <si>
    <t>VELUX Verd.-Rollo el. DML FK08 4556K</t>
  </si>
  <si>
    <t>DML FK08 4556KWL</t>
  </si>
  <si>
    <t>5702329472166</t>
  </si>
  <si>
    <t>VELUX Verd.-Rollo el. DML FK08 4556KWL</t>
  </si>
  <si>
    <t>DML FK08 4559K</t>
  </si>
  <si>
    <t>5702329463768</t>
  </si>
  <si>
    <t>VELUX Verd.-Rollo el. DML FK08 4559K</t>
  </si>
  <si>
    <t>DML FK08 4559KWL</t>
  </si>
  <si>
    <t>5702329472173</t>
  </si>
  <si>
    <t>VELUX Verd.-Rollo el. DML FK08 4559KWL</t>
  </si>
  <si>
    <t>DML FK08 4564K</t>
  </si>
  <si>
    <t>5702329463775</t>
  </si>
  <si>
    <t>VELUX Verd.-Rollo el. DML FK08 4564K</t>
  </si>
  <si>
    <t>DML FK08 4574K</t>
  </si>
  <si>
    <t>5702329463782</t>
  </si>
  <si>
    <t>VELUX Verd.-Rollo el. DML FK08 4574K</t>
  </si>
  <si>
    <t>DML FK08 4574KWL</t>
  </si>
  <si>
    <t>5702329472197</t>
  </si>
  <si>
    <t>VELUX Verd.-Rollo el. DML FK08 4574KWL</t>
  </si>
  <si>
    <t>DML FK08 4575K</t>
  </si>
  <si>
    <t>5702329463799</t>
  </si>
  <si>
    <t>VELUX Verd.-Rollo el. DML FK08 4575K</t>
  </si>
  <si>
    <t>DML FK08 4575KWL</t>
  </si>
  <si>
    <t>5702329472203</t>
  </si>
  <si>
    <t>VELUX Verd.-Rollo el. DML FK08 4575KWL</t>
  </si>
  <si>
    <t>DML FK08 4576K</t>
  </si>
  <si>
    <t>5702329463805</t>
  </si>
  <si>
    <t>VELUX Verd.-Rollo el. DML FK08 4576K</t>
  </si>
  <si>
    <t>DML FK08 4576KWL</t>
  </si>
  <si>
    <t>5702329472210</t>
  </si>
  <si>
    <t>VELUX Verd.-Rollo el. DML FK08 4576KWL</t>
  </si>
  <si>
    <t>DML FK08 4577K</t>
  </si>
  <si>
    <t>5702329463812</t>
  </si>
  <si>
    <t>VELUX Verd.-Rollo el. DML FK08 4577K</t>
  </si>
  <si>
    <t>DML FK08 4577KWL</t>
  </si>
  <si>
    <t>5702329472227</t>
  </si>
  <si>
    <t>VELUX Verd.-Rollo el. DML FK08 4577KWL</t>
  </si>
  <si>
    <t>DML FK08 4578K</t>
  </si>
  <si>
    <t>5702329463829</t>
  </si>
  <si>
    <t>VELUX Verd.-Rollo el. DML FK08 4578K</t>
  </si>
  <si>
    <t>DML FK08 4578KWL</t>
  </si>
  <si>
    <t>5702329472234</t>
  </si>
  <si>
    <t>VELUX Verd.-Rollo el. DML FK08 4578KWL</t>
  </si>
  <si>
    <t>DML FK08 4579K</t>
  </si>
  <si>
    <t>5702329463836</t>
  </si>
  <si>
    <t>VELUX Verd.-Rollo el. DML FK08 4579K</t>
  </si>
  <si>
    <t>DML FK08 4579KWL</t>
  </si>
  <si>
    <t>5702329472241</t>
  </si>
  <si>
    <t>VELUX Verd.-Rollo el. DML FK08 4579KWL</t>
  </si>
  <si>
    <t>DML FK08 4580K</t>
  </si>
  <si>
    <t>5702329463843</t>
  </si>
  <si>
    <t>VELUX Verd.-Rollo el. DML FK08 4580K</t>
  </si>
  <si>
    <t>DML FK08 4580KWL</t>
  </si>
  <si>
    <t>5702329472258</t>
  </si>
  <si>
    <t>VELUX Verd.-Rollo el. DML FK08 4580KWL</t>
  </si>
  <si>
    <t>DML FK08 4581K</t>
  </si>
  <si>
    <t>5702329463850</t>
  </si>
  <si>
    <t>VELUX Verd.-Rollo el. DML FK08 4581K</t>
  </si>
  <si>
    <t>DML FK08 4581KWL</t>
  </si>
  <si>
    <t>5702329472265</t>
  </si>
  <si>
    <t>VELUX Verd.-Rollo el. DML FK08 4581KWL</t>
  </si>
  <si>
    <t>DML FK08 CBYK</t>
  </si>
  <si>
    <t>5702329463874</t>
  </si>
  <si>
    <t>VELUX Verd.-Rollo el. DML FK08 CBYK</t>
  </si>
  <si>
    <t>DML FK08 CBYKWL</t>
  </si>
  <si>
    <t>5702329472272</t>
  </si>
  <si>
    <t>VELUX Verd.-Rollo el. DML FK08 CBYKWL</t>
  </si>
  <si>
    <t>DML M04 0705K</t>
  </si>
  <si>
    <t>5702329463881</t>
  </si>
  <si>
    <t>VELUX Verd.-Rollo el. DML M04 0705K</t>
  </si>
  <si>
    <t>DML M04 0705KWL</t>
  </si>
  <si>
    <t>5702329472289</t>
  </si>
  <si>
    <t>VELUX Verd.-Rollo el. DML M04 0705KWL</t>
  </si>
  <si>
    <t>DML M04 1025K</t>
  </si>
  <si>
    <t>5702329463898</t>
  </si>
  <si>
    <t>VELUX Verd.-Rollo el. DML M04 1025K</t>
  </si>
  <si>
    <t>DML M04 1025KWL</t>
  </si>
  <si>
    <t>5702329472296</t>
  </si>
  <si>
    <t>VELUX Verd.-Rollo el. DML M04 1025KWL</t>
  </si>
  <si>
    <t>DML M04 1085K</t>
  </si>
  <si>
    <t>5702329463904</t>
  </si>
  <si>
    <t>VELUX Verd.-Rollo el. DML M04 1085K</t>
  </si>
  <si>
    <t>DML M04 1085KWL</t>
  </si>
  <si>
    <t>5702329472302</t>
  </si>
  <si>
    <t>VELUX Verd.-Rollo el. DML M04 1085KWL</t>
  </si>
  <si>
    <t>DML M04 1100K</t>
  </si>
  <si>
    <t>5702329463911</t>
  </si>
  <si>
    <t>VELUX Verd.-Rollo el. DML M04 1100K</t>
  </si>
  <si>
    <t>DML M04 1100KWL</t>
  </si>
  <si>
    <t>5702329472319</t>
  </si>
  <si>
    <t>VELUX Verd.-Rollo el. DML M04 1100KWL</t>
  </si>
  <si>
    <t>DML M04 3009K</t>
  </si>
  <si>
    <t>5702329463928</t>
  </si>
  <si>
    <t>VELUX Verd.-Rollo el. DML M04 3009K</t>
  </si>
  <si>
    <t>DML M04 3009KWL</t>
  </si>
  <si>
    <t>5702329472326</t>
  </si>
  <si>
    <t>VELUX Verd.-Rollo el. DML M04 3009KWL</t>
  </si>
  <si>
    <t>DML M04 4556K</t>
  </si>
  <si>
    <t>5702329463935</t>
  </si>
  <si>
    <t>VELUX Verd.-Rollo el. DML M04 4556K</t>
  </si>
  <si>
    <t>DML M04 4556KWL</t>
  </si>
  <si>
    <t>5702329472333</t>
  </si>
  <si>
    <t>VELUX Verd.-Rollo el. DML M04 4556KWL</t>
  </si>
  <si>
    <t>DML M04 4559K</t>
  </si>
  <si>
    <t>5702329463942</t>
  </si>
  <si>
    <t>VELUX Verd.-Rollo el. DML M04 4559K</t>
  </si>
  <si>
    <t>DML M04 4564K</t>
  </si>
  <si>
    <t>5702329463959</t>
  </si>
  <si>
    <t>VELUX Verd.-Rollo el. DML M04 4564K</t>
  </si>
  <si>
    <t>DML M04 4564KWL</t>
  </si>
  <si>
    <t>5702329472357</t>
  </si>
  <si>
    <t>VELUX Verd.-Rollo el. DML M04 4564KWL</t>
  </si>
  <si>
    <t>DML M04 4574K</t>
  </si>
  <si>
    <t>5702329463966</t>
  </si>
  <si>
    <t>VELUX Verd.-Rollo el. DML M04 4574K</t>
  </si>
  <si>
    <t>DML M04 4574KWL</t>
  </si>
  <si>
    <t>5702329472364</t>
  </si>
  <si>
    <t>VELUX Verd.-Rollo el. DML M04 4574KWL</t>
  </si>
  <si>
    <t>DML M04 4575K</t>
  </si>
  <si>
    <t>5702329463973</t>
  </si>
  <si>
    <t>VELUX Verd.-Rollo el. DML M04 4575K</t>
  </si>
  <si>
    <t>DML M04 4576K</t>
  </si>
  <si>
    <t>5702329463980</t>
  </si>
  <si>
    <t>VELUX Verd.-Rollo el. DML M04 4576K</t>
  </si>
  <si>
    <t>DML M04 4576KWL</t>
  </si>
  <si>
    <t>5702329472388</t>
  </si>
  <si>
    <t>VELUX Verd.-Rollo el. DML M04 4576KWL</t>
  </si>
  <si>
    <t>DML M04 4577K</t>
  </si>
  <si>
    <t>5702329463997</t>
  </si>
  <si>
    <t>VELUX Verd.-Rollo el. DML M04 4577K</t>
  </si>
  <si>
    <t>DML M04 4577KWL</t>
  </si>
  <si>
    <t>5702329472395</t>
  </si>
  <si>
    <t>VELUX Verd.-Rollo el. DML M04 4577KWL</t>
  </si>
  <si>
    <t>DML M04 4579K</t>
  </si>
  <si>
    <t>5702329464017</t>
  </si>
  <si>
    <t>VELUX Verd.-Rollo el. DML M04 4579K</t>
  </si>
  <si>
    <t>DML M04 4579KWL</t>
  </si>
  <si>
    <t>5702329472418</t>
  </si>
  <si>
    <t>VELUX Verd.-Rollo el. DML M04 4579KWL</t>
  </si>
  <si>
    <t>DML M04 4580K</t>
  </si>
  <si>
    <t>5702329464024</t>
  </si>
  <si>
    <t>VELUX Verd.-Rollo el. DML M04 4580K</t>
  </si>
  <si>
    <t>DML M04 4580KWL</t>
  </si>
  <si>
    <t>5702329472425</t>
  </si>
  <si>
    <t>VELUX Verd.-Rollo el. DML M04 4580KWL</t>
  </si>
  <si>
    <t>DML M04 4581K</t>
  </si>
  <si>
    <t>5702329464031</t>
  </si>
  <si>
    <t>VELUX Verd.-Rollo el. DML M04 4581K</t>
  </si>
  <si>
    <t>DML M04 4581KWL</t>
  </si>
  <si>
    <t>5702329472432</t>
  </si>
  <si>
    <t>VELUX Verd.-Rollo el. DML M04 4581KWL</t>
  </si>
  <si>
    <t>DML M04 8801K</t>
  </si>
  <si>
    <t>5702329464048</t>
  </si>
  <si>
    <t>VELUX Verd.-Rollo el. DML M04 8801K</t>
  </si>
  <si>
    <t>DML M04 CBYK</t>
  </si>
  <si>
    <t>5702329464055</t>
  </si>
  <si>
    <t>VELUX Verd.-Rollo el. DML M04 CBYK</t>
  </si>
  <si>
    <t>DML M04 CBYKWL</t>
  </si>
  <si>
    <t>5702329472449</t>
  </si>
  <si>
    <t>VELUX Verd.-Rollo el. DML M04 CBYKWL</t>
  </si>
  <si>
    <t>DML M06 0705K</t>
  </si>
  <si>
    <t>5702329464062</t>
  </si>
  <si>
    <t>VELUX Verd.-Rollo el. DML M06 0705K</t>
  </si>
  <si>
    <t>DML M06 0705KWL</t>
  </si>
  <si>
    <t>5702329472456</t>
  </si>
  <si>
    <t>VELUX Verd.-Rollo el. DML M06 0705KWL</t>
  </si>
  <si>
    <t>DML M06 1025K</t>
  </si>
  <si>
    <t>5702329464079</t>
  </si>
  <si>
    <t>VELUX Verd.-Rollo el. DML M06 1025K</t>
  </si>
  <si>
    <t>DML M06 1025KWL</t>
  </si>
  <si>
    <t>5702329472463</t>
  </si>
  <si>
    <t>VELUX Verd.-Rollo el. DML M06 1025KWL</t>
  </si>
  <si>
    <t>DML M06 1085K</t>
  </si>
  <si>
    <t>5702329464086</t>
  </si>
  <si>
    <t>VELUX Verd.-Rollo el. DML M06 1085K</t>
  </si>
  <si>
    <t>DML M06 1085KWL</t>
  </si>
  <si>
    <t>5702329472470</t>
  </si>
  <si>
    <t>VELUX Verd.-Rollo el. DML M06 1085KWL</t>
  </si>
  <si>
    <t>DML M06 1100K</t>
  </si>
  <si>
    <t>5702329464093</t>
  </si>
  <si>
    <t>VELUX Verd.-Rollo el. DML M06 1100K</t>
  </si>
  <si>
    <t>DML M06 1100KWL</t>
  </si>
  <si>
    <t>5702329472487</t>
  </si>
  <si>
    <t>VELUX Verd.-Rollo el. DML M06 1100KWL</t>
  </si>
  <si>
    <t>DML M06 3009K</t>
  </si>
  <si>
    <t>5702329464109</t>
  </si>
  <si>
    <t>VELUX Verd.-Rollo el. DML M06 3009K</t>
  </si>
  <si>
    <t>DML M06 3009KWL</t>
  </si>
  <si>
    <t>5702329472494</t>
  </si>
  <si>
    <t>VELUX Verd.-Rollo el. DML M06 3009KWL</t>
  </si>
  <si>
    <t>DML M06 4556K</t>
  </si>
  <si>
    <t>5702329464116</t>
  </si>
  <si>
    <t>VELUX Verd.-Rollo el. DML M06 4556K</t>
  </si>
  <si>
    <t>DML M06 4556KWL</t>
  </si>
  <si>
    <t>5702329472500</t>
  </si>
  <si>
    <t>VELUX Verd.-Rollo el. DML M06 4556KWL</t>
  </si>
  <si>
    <t>DML M06 4559K</t>
  </si>
  <si>
    <t>5702329464123</t>
  </si>
  <si>
    <t>VELUX Verd.-Rollo el. DML M06 4559K</t>
  </si>
  <si>
    <t>DML M06 4564K</t>
  </si>
  <si>
    <t>5702329464130</t>
  </si>
  <si>
    <t>VELUX Verd.-Rollo el. DML M06 4564K</t>
  </si>
  <si>
    <t>DML M06 4564KWL</t>
  </si>
  <si>
    <t>5702329472524</t>
  </si>
  <si>
    <t>VELUX Verd.-Rollo el. DML M06 4564KWL</t>
  </si>
  <si>
    <t>DML M06 4574K</t>
  </si>
  <si>
    <t>5702329464147</t>
  </si>
  <si>
    <t>VELUX Verd.-Rollo el. DML M06 4574K</t>
  </si>
  <si>
    <t>DML M06 4575K</t>
  </si>
  <si>
    <t>5702329464154</t>
  </si>
  <si>
    <t>VELUX Verd.-Rollo el. DML M06 4575K</t>
  </si>
  <si>
    <t>DML M06 4576K</t>
  </si>
  <si>
    <t>5702329464161</t>
  </si>
  <si>
    <t>VELUX Verd.-Rollo el. DML M06 4576K</t>
  </si>
  <si>
    <t>DML M06 4576KWL</t>
  </si>
  <si>
    <t>5702329472555</t>
  </si>
  <si>
    <t>VELUX Verd.-Rollo el. DML M06 4576KWL</t>
  </si>
  <si>
    <t>DML M06 4577K</t>
  </si>
  <si>
    <t>5702329464178</t>
  </si>
  <si>
    <t>VELUX Verd.-Rollo el. DML M06 4577K</t>
  </si>
  <si>
    <t>DML M06 4578K</t>
  </si>
  <si>
    <t>5702329464185</t>
  </si>
  <si>
    <t>VELUX Verd.-Rollo el. DML M06 4578K</t>
  </si>
  <si>
    <t>DML M06 4578KWL</t>
  </si>
  <si>
    <t>5702329472579</t>
  </si>
  <si>
    <t>VELUX Verd.-Rollo el. DML M06 4578KWL</t>
  </si>
  <si>
    <t>DML M06 4579K</t>
  </si>
  <si>
    <t>5702329464192</t>
  </si>
  <si>
    <t>VELUX Verd.-Rollo el. DML M06 4579K</t>
  </si>
  <si>
    <t>DML M06 4579KWL</t>
  </si>
  <si>
    <t>5702329472586</t>
  </si>
  <si>
    <t>VELUX Verd.-Rollo el. DML M06 4579KWL</t>
  </si>
  <si>
    <t>DML M06 4580K</t>
  </si>
  <si>
    <t>5702329464208</t>
  </si>
  <si>
    <t>VELUX Verd.-Rollo el. DML M06 4580K</t>
  </si>
  <si>
    <t>DML M06 4580KWL</t>
  </si>
  <si>
    <t>5702329472593</t>
  </si>
  <si>
    <t>VELUX Verd.-Rollo el. DML M06 4580KWL</t>
  </si>
  <si>
    <t>DML M06 4581K</t>
  </si>
  <si>
    <t>5702329464215</t>
  </si>
  <si>
    <t>VELUX Verd.-Rollo el. DML M06 4581K</t>
  </si>
  <si>
    <t>DML M06 4581KWL</t>
  </si>
  <si>
    <t>5702329472609</t>
  </si>
  <si>
    <t>VELUX Verd.-Rollo el. DML M06 4581KWL</t>
  </si>
  <si>
    <t>DML M06 CBYK</t>
  </si>
  <si>
    <t>5702329464239</t>
  </si>
  <si>
    <t>VELUX Verd.-Rollo el. DML M06 CBYK</t>
  </si>
  <si>
    <t>DML M06 CBYKWL</t>
  </si>
  <si>
    <t>5702329472616</t>
  </si>
  <si>
    <t>VELUX Verd.-Rollo el. DML M06 CBYKWL</t>
  </si>
  <si>
    <t>DML M08 0705K</t>
  </si>
  <si>
    <t>5702329464246</t>
  </si>
  <si>
    <t>VELUX Verd.-Rollo el. DML M08 0705K</t>
  </si>
  <si>
    <t>DML M08 0705KWL</t>
  </si>
  <si>
    <t>5702329472623</t>
  </si>
  <si>
    <t>VELUX Verd.-Rollo el. DML M08 0705KWL</t>
  </si>
  <si>
    <t>DML M08 1025K</t>
  </si>
  <si>
    <t>5702329464253</t>
  </si>
  <si>
    <t>VELUX Verd.-Rollo el. DML M08 1025K</t>
  </si>
  <si>
    <t>DML M08 1025KWL</t>
  </si>
  <si>
    <t>5702329472630</t>
  </si>
  <si>
    <t>VELUX Verd.-Rollo el. DML M08 1025KWL</t>
  </si>
  <si>
    <t>DML M08 1085K</t>
  </si>
  <si>
    <t>5702329464260</t>
  </si>
  <si>
    <t>VELUX Verd.-Rollo el. DML M08 1085K</t>
  </si>
  <si>
    <t>DML M08 1085KWL</t>
  </si>
  <si>
    <t>5702329472647</t>
  </si>
  <si>
    <t>VELUX Verd.-Rollo el. DML M08 1085KWL</t>
  </si>
  <si>
    <t>DML M08 1100K</t>
  </si>
  <si>
    <t>5702329464277</t>
  </si>
  <si>
    <t>VELUX Verd.-Rollo el. DML M08 1100K</t>
  </si>
  <si>
    <t>DML M08 1100KWL</t>
  </si>
  <si>
    <t>5702329472654</t>
  </si>
  <si>
    <t>VELUX Verd.-Rollo el. DML M08 1100KWL</t>
  </si>
  <si>
    <t>DML M08 3009K</t>
  </si>
  <si>
    <t>5702329464284</t>
  </si>
  <si>
    <t>VELUX Verd.-Rollo el. DML M08 3009K</t>
  </si>
  <si>
    <t>DML M08 3009KWL</t>
  </si>
  <si>
    <t>5702329472661</t>
  </si>
  <si>
    <t>VELUX Verd.-Rollo el. DML M08 3009KWL</t>
  </si>
  <si>
    <t>DML M08 4556K</t>
  </si>
  <si>
    <t>5702329464291</t>
  </si>
  <si>
    <t>VELUX Verd.-Rollo el. DML M08 4556K</t>
  </si>
  <si>
    <t>DML M08 4556KWL</t>
  </si>
  <si>
    <t>5702329472678</t>
  </si>
  <si>
    <t>VELUX Verd.-Rollo el. DML M08 4556KWL</t>
  </si>
  <si>
    <t>DML M08 4559K</t>
  </si>
  <si>
    <t>5702329464307</t>
  </si>
  <si>
    <t>VELUX Verd.-Rollo el. DML M08 4559K</t>
  </si>
  <si>
    <t>DML M08 4559KWL</t>
  </si>
  <si>
    <t>5702329472685</t>
  </si>
  <si>
    <t>VELUX Verd.-Rollo el. DML M08 4559KWL</t>
  </si>
  <si>
    <t>DML M08 4564K</t>
  </si>
  <si>
    <t>5702329464314</t>
  </si>
  <si>
    <t>VELUX Verd.-Rollo el. DML M08 4564K</t>
  </si>
  <si>
    <t>DML M08 4574K</t>
  </si>
  <si>
    <t>5702329464321</t>
  </si>
  <si>
    <t>VELUX Verd.-Rollo el. DML M08 4574K</t>
  </si>
  <si>
    <t>DML M08 4574KWL</t>
  </si>
  <si>
    <t>5702329472708</t>
  </si>
  <si>
    <t>VELUX Verd.-Rollo el. DML M08 4574KWL</t>
  </si>
  <si>
    <t>DML M08 4575K</t>
  </si>
  <si>
    <t>5702329464338</t>
  </si>
  <si>
    <t>VELUX Verd.-Rollo el. DML M08 4575K</t>
  </si>
  <si>
    <t>DML M08 4575KWL</t>
  </si>
  <si>
    <t>5702329472715</t>
  </si>
  <si>
    <t>VELUX Verd.-Rollo el. DML M08 4575KWL</t>
  </si>
  <si>
    <t>DML M08 4576K</t>
  </si>
  <si>
    <t>5702329464345</t>
  </si>
  <si>
    <t>VELUX Verd.-Rollo el. DML M08 4576K</t>
  </si>
  <si>
    <t>DML M08 4576KWL</t>
  </si>
  <si>
    <t>5702329472722</t>
  </si>
  <si>
    <t>VELUX Verd.-Rollo el. DML M08 4576KWL</t>
  </si>
  <si>
    <t>DML M08 4577KWL</t>
  </si>
  <si>
    <t>5702329472739</t>
  </si>
  <si>
    <t>VELUX Verd.-Rollo el. DML M08 4577KWL</t>
  </si>
  <si>
    <t>DML M08 4578K</t>
  </si>
  <si>
    <t>5702329464369</t>
  </si>
  <si>
    <t>VELUX Verd.-Rollo el. DML M08 4578K</t>
  </si>
  <si>
    <t>DML M08 4578KWL</t>
  </si>
  <si>
    <t>5702329472746</t>
  </si>
  <si>
    <t>VELUX Verd.-Rollo el. DML M08 4578KWL</t>
  </si>
  <si>
    <t>DML M08 4579K</t>
  </si>
  <si>
    <t>5702329464376</t>
  </si>
  <si>
    <t>VELUX Verd.-Rollo el. DML M08 4579K</t>
  </si>
  <si>
    <t>DML M08 4579KWL</t>
  </si>
  <si>
    <t>5702329472753</t>
  </si>
  <si>
    <t>VELUX Verd.-Rollo el. DML M08 4579KWL</t>
  </si>
  <si>
    <t>DML M08 4580K</t>
  </si>
  <si>
    <t>5702329464383</t>
  </si>
  <si>
    <t>VELUX Verd.-Rollo el. DML M08 4580K</t>
  </si>
  <si>
    <t>DML M08 4580KWL</t>
  </si>
  <si>
    <t>5702329472760</t>
  </si>
  <si>
    <t>VELUX Verd.-Rollo el. DML M08 4580KWL</t>
  </si>
  <si>
    <t>DML M08 4581K</t>
  </si>
  <si>
    <t>5702329464390</t>
  </si>
  <si>
    <t>VELUX Verd.-Rollo el. DML M08 4581K</t>
  </si>
  <si>
    <t>DML M08 4581KWL</t>
  </si>
  <si>
    <t>5702329472777</t>
  </si>
  <si>
    <t>VELUX Verd.-Rollo el. DML M08 4581KWL</t>
  </si>
  <si>
    <t>DML M08 8801K</t>
  </si>
  <si>
    <t>5702329464406</t>
  </si>
  <si>
    <t>VELUX Verd.-Rollo el. DML M08 8801K</t>
  </si>
  <si>
    <t>DML M08 CBYK</t>
  </si>
  <si>
    <t>5702329464413</t>
  </si>
  <si>
    <t>VELUX Verd.-Rollo el. DML M08 CBYK</t>
  </si>
  <si>
    <t>DML M08 CBYKWL</t>
  </si>
  <si>
    <t>5702329472784</t>
  </si>
  <si>
    <t>VELUX Verd.-Rollo el. DML M08 CBYKWL</t>
  </si>
  <si>
    <t>DML M10 0705K</t>
  </si>
  <si>
    <t>5702329464420</t>
  </si>
  <si>
    <t>VELUX Verd.-Rollo el. DML M10 0705K</t>
  </si>
  <si>
    <t>DML M10 0705KWL</t>
  </si>
  <si>
    <t>5702329472791</t>
  </si>
  <si>
    <t>VELUX Verd.-Rollo el. DML M10 0705KWL</t>
  </si>
  <si>
    <t>DML M10 1025K</t>
  </si>
  <si>
    <t>5702329464437</t>
  </si>
  <si>
    <t>VELUX Verd.-Rollo el. DML M10 1025K</t>
  </si>
  <si>
    <t>DML M10 1025KWL</t>
  </si>
  <si>
    <t>5702329472807</t>
  </si>
  <si>
    <t>VELUX Verd.-Rollo el. DML M10 1025KWL</t>
  </si>
  <si>
    <t>DML M10 1085K</t>
  </si>
  <si>
    <t>5702329464444</t>
  </si>
  <si>
    <t>VELUX Verd.-Rollo el. DML M10 1085K</t>
  </si>
  <si>
    <t>DML M10 1085KWL</t>
  </si>
  <si>
    <t>5702329472814</t>
  </si>
  <si>
    <t>VELUX Verd.-Rollo el. DML M10 1085KWL</t>
  </si>
  <si>
    <t>DML M10 1100K</t>
  </si>
  <si>
    <t>5702329464451</t>
  </si>
  <si>
    <t>VELUX Verd.-Rollo el. DML M10 1100K</t>
  </si>
  <si>
    <t>DML M10 3009K</t>
  </si>
  <si>
    <t>5702329464468</t>
  </si>
  <si>
    <t>VELUX Verd.-Rollo el. DML M10 3009K</t>
  </si>
  <si>
    <t>DML M10 4564K</t>
  </si>
  <si>
    <t>5702329464499</t>
  </si>
  <si>
    <t>VELUX Verd.-Rollo el. DML M10 4564K</t>
  </si>
  <si>
    <t>DML M10 4577K</t>
  </si>
  <si>
    <t>5702329464536</t>
  </si>
  <si>
    <t>VELUX Verd.-Rollo el. DML M10 4577K</t>
  </si>
  <si>
    <t>DML M10 4581KWL</t>
  </si>
  <si>
    <t>5702329472944</t>
  </si>
  <si>
    <t>VELUX Verd.-Rollo el. DML M10 4581KWL</t>
  </si>
  <si>
    <t>DML M10 CBYK</t>
  </si>
  <si>
    <t>5702329464581</t>
  </si>
  <si>
    <t>VELUX Verd.-Rollo el. DML M10 CBYK</t>
  </si>
  <si>
    <t>DML M10 CBYKWL</t>
  </si>
  <si>
    <t>5702329472951</t>
  </si>
  <si>
    <t>VELUX Verd.-Rollo el. DML M10 CBYKWL</t>
  </si>
  <si>
    <t>DML MK04 0705K</t>
  </si>
  <si>
    <t>5702329464765</t>
  </si>
  <si>
    <t>VELUX Verd.-Rollo el. DML MK04 0705K</t>
  </si>
  <si>
    <t>DML MK04 0705KWL</t>
  </si>
  <si>
    <t>5702329473132</t>
  </si>
  <si>
    <t>VELUX Verd.-Rollo el. DML MK04 0705KWL</t>
  </si>
  <si>
    <t>DML MK04 1025K</t>
  </si>
  <si>
    <t>5702329464772</t>
  </si>
  <si>
    <t>VELUX Verd.-Rollo el. DML MK04 1025K</t>
  </si>
  <si>
    <t>DML MK04 1025KWL</t>
  </si>
  <si>
    <t>5702329473149</t>
  </si>
  <si>
    <t>VELUX Verd.-Rollo el. DML MK04 1025KWL</t>
  </si>
  <si>
    <t>DML MK04 1085K</t>
  </si>
  <si>
    <t>5702329464789</t>
  </si>
  <si>
    <t>VELUX Verd.-Rollo el. DML MK04 1085K</t>
  </si>
  <si>
    <t>DML MK04 1085KWL</t>
  </si>
  <si>
    <t>5702329473156</t>
  </si>
  <si>
    <t>VELUX Verd.-Rollo el. DML MK04 1085KWL</t>
  </si>
  <si>
    <t>DML MK04 1100K</t>
  </si>
  <si>
    <t>5702329464796</t>
  </si>
  <si>
    <t>VELUX Verd.-Rollo el. DML MK04 1100K</t>
  </si>
  <si>
    <t>DML MK04 1100KWL</t>
  </si>
  <si>
    <t>5702329473163</t>
  </si>
  <si>
    <t>VELUX Verd.-Rollo el. DML MK04 1100KWL</t>
  </si>
  <si>
    <t>DML MK04 3009K</t>
  </si>
  <si>
    <t>5702329464802</t>
  </si>
  <si>
    <t>VELUX Verd.-Rollo el. DML MK04 3009K</t>
  </si>
  <si>
    <t>DML MK04 3009KWL</t>
  </si>
  <si>
    <t>5702329473170</t>
  </si>
  <si>
    <t>VELUX Verd.-Rollo el. DML MK04 3009KWL</t>
  </si>
  <si>
    <t>DML MK04 4556K</t>
  </si>
  <si>
    <t>5702329464819</t>
  </si>
  <si>
    <t>VELUX Verd.-Rollo el. DML MK04 4556K</t>
  </si>
  <si>
    <t>DML MK04 4556KWL</t>
  </si>
  <si>
    <t>5702329473187</t>
  </si>
  <si>
    <t>VELUX Verd.-Rollo el. DML MK04 4556KWL</t>
  </si>
  <si>
    <t>DML MK04 4559K</t>
  </si>
  <si>
    <t>5702329464826</t>
  </si>
  <si>
    <t>VELUX Verd.-Rollo el. DML MK04 4559K</t>
  </si>
  <si>
    <t>DML MK04 4559KWL</t>
  </si>
  <si>
    <t>5702329473194</t>
  </si>
  <si>
    <t>VELUX Verd.-Rollo el. DML MK04 4559KWL</t>
  </si>
  <si>
    <t>DML MK04 4564K</t>
  </si>
  <si>
    <t>5702329464833</t>
  </si>
  <si>
    <t>VELUX Verd.-Rollo el. DML MK04 4564K</t>
  </si>
  <si>
    <t>DML MK04 4564KWL</t>
  </si>
  <si>
    <t>5702329473200</t>
  </si>
  <si>
    <t>VELUX Verd.-Rollo el. DML MK04 4564KWL</t>
  </si>
  <si>
    <t>DML MK04 4574K</t>
  </si>
  <si>
    <t>5702329464840</t>
  </si>
  <si>
    <t>VELUX Verd.-Rollo el. DML MK04 4574K</t>
  </si>
  <si>
    <t>DML MK04 4574KWL</t>
  </si>
  <si>
    <t>5702329473217</t>
  </si>
  <si>
    <t>VELUX Verd.-Rollo el. DML MK04 4574KWL</t>
  </si>
  <si>
    <t>DML MK04 4575K</t>
  </si>
  <si>
    <t>5702329464857</t>
  </si>
  <si>
    <t>VELUX Verd.-Rollo el. DML MK04 4575K</t>
  </si>
  <si>
    <t>DML MK04 4575KWL</t>
  </si>
  <si>
    <t>5702329473224</t>
  </si>
  <si>
    <t>VELUX Verd.-Rollo el. DML MK04 4575KWL</t>
  </si>
  <si>
    <t>DML MK04 4576K</t>
  </si>
  <si>
    <t>5702329464864</t>
  </si>
  <si>
    <t>VELUX Verd.-Rollo el. DML MK04 4576K</t>
  </si>
  <si>
    <t>DML MK04 4576KWL</t>
  </si>
  <si>
    <t>5702329473231</t>
  </si>
  <si>
    <t>VELUX Verd.-Rollo el. DML MK04 4576KWL</t>
  </si>
  <si>
    <t>DML MK04 4577K</t>
  </si>
  <si>
    <t>5702329464871</t>
  </si>
  <si>
    <t>VELUX Verd.-Rollo el. DML MK04 4577K</t>
  </si>
  <si>
    <t>DML MK04 4577KWL</t>
  </si>
  <si>
    <t>5702329473248</t>
  </si>
  <si>
    <t>VELUX Verd.-Rollo el. DML MK04 4577KWL</t>
  </si>
  <si>
    <t>DML MK04 4578K</t>
  </si>
  <si>
    <t>5702329464888</t>
  </si>
  <si>
    <t>VELUX Verd.-Rollo el. DML MK04 4578K</t>
  </si>
  <si>
    <t>DML MK04 4578KWL</t>
  </si>
  <si>
    <t>5702329473255</t>
  </si>
  <si>
    <t>VELUX Verd.-Rollo el. DML MK04 4578KWL</t>
  </si>
  <si>
    <t>DML MK04 4579K</t>
  </si>
  <si>
    <t>5702329464895</t>
  </si>
  <si>
    <t>VELUX Verd.-Rollo el. DML MK04 4579K</t>
  </si>
  <si>
    <t>DML MK04 4579KWL</t>
  </si>
  <si>
    <t>5702329473262</t>
  </si>
  <si>
    <t>VELUX Verd.-Rollo el. DML MK04 4579KWL</t>
  </si>
  <si>
    <t>DML MK04 4580K</t>
  </si>
  <si>
    <t>5702329464901</t>
  </si>
  <si>
    <t>VELUX Verd.-Rollo el. DML MK04 4580K</t>
  </si>
  <si>
    <t>DML MK04 4580KWL</t>
  </si>
  <si>
    <t>5702329473279</t>
  </si>
  <si>
    <t>VELUX Verd.-Rollo el. DML MK04 4580KWL</t>
  </si>
  <si>
    <t>DML MK04 4581K</t>
  </si>
  <si>
    <t>5702329464918</t>
  </si>
  <si>
    <t>VELUX Verd.-Rollo el. DML MK04 4581K</t>
  </si>
  <si>
    <t>DML MK04 4581KWL</t>
  </si>
  <si>
    <t>5702329473286</t>
  </si>
  <si>
    <t>VELUX Verd.-Rollo el. DML MK04 4581KWL</t>
  </si>
  <si>
    <t>DML MK04 8801K</t>
  </si>
  <si>
    <t>5702329464925</t>
  </si>
  <si>
    <t>VELUX Verd.-Rollo el. DML MK04 8801K</t>
  </si>
  <si>
    <t>DML MK04 CBYK</t>
  </si>
  <si>
    <t>5702329464932</t>
  </si>
  <si>
    <t>VELUX Verd.-Rollo el. DML MK04 CBYK</t>
  </si>
  <si>
    <t>DML MK04 CBYKWL</t>
  </si>
  <si>
    <t>5702329473293</t>
  </si>
  <si>
    <t>VELUX Verd.-Rollo el. DML MK04 CBYKWL</t>
  </si>
  <si>
    <t>DML MK06 0705K</t>
  </si>
  <si>
    <t>5702329464949</t>
  </si>
  <si>
    <t>VELUX Verd.-Rollo el. DML MK06 0705K</t>
  </si>
  <si>
    <t>DML MK06 0705KWL</t>
  </si>
  <si>
    <t>5702329473309</t>
  </si>
  <si>
    <t>VELUX Verd.-Rollo el. DML MK06 0705KWL</t>
  </si>
  <si>
    <t>DML MK06 1025K</t>
  </si>
  <si>
    <t>5702329464956</t>
  </si>
  <si>
    <t>VELUX Verd.-Rollo el. DML MK06 1025K</t>
  </si>
  <si>
    <t>DML MK06 1025KWL</t>
  </si>
  <si>
    <t>5702329473316</t>
  </si>
  <si>
    <t>VELUX Verd.-Rollo el. DML MK06 1025KWL</t>
  </si>
  <si>
    <t>DML MK06 1085K</t>
  </si>
  <si>
    <t>5702329464963</t>
  </si>
  <si>
    <t>VELUX Verd.-Rollo el. DML MK06 1085K</t>
  </si>
  <si>
    <t>DML MK06 1085KWL</t>
  </si>
  <si>
    <t>5702329473323</t>
  </si>
  <si>
    <t>VELUX Verd.-Rollo el. DML MK06 1085KWL</t>
  </si>
  <si>
    <t>DML MK06 1100K</t>
  </si>
  <si>
    <t>5702329464970</t>
  </si>
  <si>
    <t>VELUX Verd.-Rollo el. DML MK06 1100K</t>
  </si>
  <si>
    <t>DML MK06 1100KWL</t>
  </si>
  <si>
    <t>5702329473330</t>
  </si>
  <si>
    <t>VELUX Verd.-Rollo el. DML MK06 1100KWL</t>
  </si>
  <si>
    <t>DML MK06 3009K</t>
  </si>
  <si>
    <t>5702329464987</t>
  </si>
  <si>
    <t>VELUX Verd.-Rollo el. DML MK06 3009K</t>
  </si>
  <si>
    <t>DML MK06 3009KWL</t>
  </si>
  <si>
    <t>5702329473347</t>
  </si>
  <si>
    <t>VELUX Verd.-Rollo el. DML MK06 3009KWL</t>
  </si>
  <si>
    <t>DML MK06 4556K</t>
  </si>
  <si>
    <t>5702329464994</t>
  </si>
  <si>
    <t>VELUX Verd.-Rollo el. DML MK06 4556K</t>
  </si>
  <si>
    <t>DML MK06 4556KWL</t>
  </si>
  <si>
    <t>5702329473354</t>
  </si>
  <si>
    <t>VELUX Verd.-Rollo el. DML MK06 4556KWL</t>
  </si>
  <si>
    <t>DML MK06 4559K</t>
  </si>
  <si>
    <t>5702329465007</t>
  </si>
  <si>
    <t>VELUX Verd.-Rollo el. DML MK06 4559K</t>
  </si>
  <si>
    <t>DML MK06 4559KWL</t>
  </si>
  <si>
    <t>5702329473361</t>
  </si>
  <si>
    <t>VELUX Verd.-Rollo el. DML MK06 4559KWL</t>
  </si>
  <si>
    <t>DML MK06 4564K</t>
  </si>
  <si>
    <t>5702329465014</t>
  </si>
  <si>
    <t>VELUX Verd.-Rollo el. DML MK06 4564K</t>
  </si>
  <si>
    <t>DML MK06 4564KWL</t>
  </si>
  <si>
    <t>5702329473378</t>
  </si>
  <si>
    <t>VELUX Verd.-Rollo el. DML MK06 4564KWL</t>
  </si>
  <si>
    <t>DML MK06 4574K</t>
  </si>
  <si>
    <t>5702329465021</t>
  </si>
  <si>
    <t>VELUX Verd.-Rollo el. DML MK06 4574K</t>
  </si>
  <si>
    <t>DML MK06 4574KWL</t>
  </si>
  <si>
    <t>5702329473385</t>
  </si>
  <si>
    <t>VELUX Verd.-Rollo el. DML MK06 4574KWL</t>
  </si>
  <si>
    <t>DML MK06 4575K</t>
  </si>
  <si>
    <t>5702329465038</t>
  </si>
  <si>
    <t>VELUX Verd.-Rollo el. DML MK06 4575K</t>
  </si>
  <si>
    <t>DML MK06 4575KWL</t>
  </si>
  <si>
    <t>5702329473392</t>
  </si>
  <si>
    <t>VELUX Verd.-Rollo el. DML MK06 4575KWL</t>
  </si>
  <si>
    <t>DML MK06 4576K</t>
  </si>
  <si>
    <t>5702329465045</t>
  </si>
  <si>
    <t>VELUX Verd.-Rollo el. DML MK06 4576K</t>
  </si>
  <si>
    <t>DML MK06 4576KWL</t>
  </si>
  <si>
    <t>5702329473408</t>
  </si>
  <si>
    <t>VELUX Verd.-Rollo el. DML MK06 4576KWL</t>
  </si>
  <si>
    <t>DML MK06 4577K</t>
  </si>
  <si>
    <t>5702329465052</t>
  </si>
  <si>
    <t>VELUX Verd.-Rollo el. DML MK06 4577K</t>
  </si>
  <si>
    <t>DML MK06 4577KWL</t>
  </si>
  <si>
    <t>5702329473415</t>
  </si>
  <si>
    <t>VELUX Verd.-Rollo el. DML MK06 4577KWL</t>
  </si>
  <si>
    <t>DML MK06 4578K</t>
  </si>
  <si>
    <t>5702329465069</t>
  </si>
  <si>
    <t>VELUX Verd.-Rollo el. DML MK06 4578K</t>
  </si>
  <si>
    <t>DML MK06 4578KWL</t>
  </si>
  <si>
    <t>5702329473422</t>
  </si>
  <si>
    <t>VELUX Verd.-Rollo el. DML MK06 4578KWL</t>
  </si>
  <si>
    <t>DML MK06 4579K</t>
  </si>
  <si>
    <t>5702329465076</t>
  </si>
  <si>
    <t>VELUX Verd.-Rollo el. DML MK06 4579K</t>
  </si>
  <si>
    <t>DML MK06 4579KWL</t>
  </si>
  <si>
    <t>5702329473439</t>
  </si>
  <si>
    <t>VELUX Verd.-Rollo el. DML MK06 4579KWL</t>
  </si>
  <si>
    <t>DML MK06 4580K</t>
  </si>
  <si>
    <t>5702329465083</t>
  </si>
  <si>
    <t>VELUX Verd.-Rollo el. DML MK06 4580K</t>
  </si>
  <si>
    <t>DML MK06 4580KWL</t>
  </si>
  <si>
    <t>5702329473446</t>
  </si>
  <si>
    <t>VELUX Verd.-Rollo el. DML MK06 4580KWL</t>
  </si>
  <si>
    <t>DML MK06 4581K</t>
  </si>
  <si>
    <t>5702329465090</t>
  </si>
  <si>
    <t>VELUX Verd.-Rollo el. DML MK06 4581K</t>
  </si>
  <si>
    <t>DML MK06 4581KWL</t>
  </si>
  <si>
    <t>5702329473453</t>
  </si>
  <si>
    <t>VELUX Verd.-Rollo el. DML MK06 4581KWL</t>
  </si>
  <si>
    <t>DML MK06 8801K</t>
  </si>
  <si>
    <t>5702329465106</t>
  </si>
  <si>
    <t>VELUX Verd.-Rollo el. DML MK06 8801K</t>
  </si>
  <si>
    <t>DML MK06 CBYK</t>
  </si>
  <si>
    <t>5702329465113</t>
  </si>
  <si>
    <t>VELUX Verd.-Rollo el. DML MK06 CBYK</t>
  </si>
  <si>
    <t>DML MK06 CBYKWL</t>
  </si>
  <si>
    <t>5702329473460</t>
  </si>
  <si>
    <t>VELUX Verd.-Rollo el. DML MK06 CBYKWL</t>
  </si>
  <si>
    <t>DML MK08 0705K</t>
  </si>
  <si>
    <t>5702329465120</t>
  </si>
  <si>
    <t>VELUX Verd.-Rollo el. DML MK08 0705K</t>
  </si>
  <si>
    <t>DML MK08 0705KWL</t>
  </si>
  <si>
    <t>5702329473477</t>
  </si>
  <si>
    <t>VELUX Verd.-Rollo el. DML MK08 0705KWL</t>
  </si>
  <si>
    <t>DML MK08 1025K</t>
  </si>
  <si>
    <t>5702329465137</t>
  </si>
  <si>
    <t>VELUX Verd.-Rollo el. DML MK08 1025K</t>
  </si>
  <si>
    <t>DML MK08 1025KWL</t>
  </si>
  <si>
    <t>5702329473484</t>
  </si>
  <si>
    <t>VELUX Verd.-Rollo el. DML MK08 1025KWL</t>
  </si>
  <si>
    <t>DML MK08 1085K</t>
  </si>
  <si>
    <t>5702329465144</t>
  </si>
  <si>
    <t>VELUX Verd.-Rollo el. DML MK08 1085K</t>
  </si>
  <si>
    <t>DML MK08 1085KWL</t>
  </si>
  <si>
    <t>5702329473491</t>
  </si>
  <si>
    <t>VELUX Verd.-Rollo el. DML MK08 1085KWL</t>
  </si>
  <si>
    <t>DML MK08 1100K</t>
  </si>
  <si>
    <t>5702329465151</t>
  </si>
  <si>
    <t>VELUX Verd.-Rollo el. DML MK08 1100K</t>
  </si>
  <si>
    <t>DML MK08 1100KWL</t>
  </si>
  <si>
    <t>5702329473507</t>
  </si>
  <si>
    <t>VELUX Verd.-Rollo el. DML MK08 1100KWL</t>
  </si>
  <si>
    <t>DML MK08 3009K</t>
  </si>
  <si>
    <t>5702329465168</t>
  </si>
  <si>
    <t>VELUX Verd.-Rollo el. DML MK08 3009K</t>
  </si>
  <si>
    <t>DML MK08 3009KWL</t>
  </si>
  <si>
    <t>5702329473514</t>
  </si>
  <si>
    <t>VELUX Verd.-Rollo el. DML MK08 3009KWL</t>
  </si>
  <si>
    <t>DML MK08 4556K</t>
  </si>
  <si>
    <t>5702329465175</t>
  </si>
  <si>
    <t>VELUX Verd.-Rollo el. DML MK08 4556K</t>
  </si>
  <si>
    <t>DML MK08 4556KWL</t>
  </si>
  <si>
    <t>5702329473521</t>
  </si>
  <si>
    <t>VELUX Verd.-Rollo el. DML MK08 4556KWL</t>
  </si>
  <si>
    <t>DML MK08 4559K</t>
  </si>
  <si>
    <t>5702329465182</t>
  </si>
  <si>
    <t>VELUX Verd.-Rollo el. DML MK08 4559K</t>
  </si>
  <si>
    <t>DML MK08 4559KWL</t>
  </si>
  <si>
    <t>5702329473538</t>
  </si>
  <si>
    <t>VELUX Verd.-Rollo el. DML MK08 4559KWL</t>
  </si>
  <si>
    <t>DML MK08 4564K</t>
  </si>
  <si>
    <t>5702329465199</t>
  </si>
  <si>
    <t>VELUX Verd.-Rollo el. DML MK08 4564K</t>
  </si>
  <si>
    <t>DML MK08 4564KWL</t>
  </si>
  <si>
    <t>5702329473545</t>
  </si>
  <si>
    <t>VELUX Verd.-Rollo el. DML MK08 4564KWL</t>
  </si>
  <si>
    <t>DML MK08 4574K</t>
  </si>
  <si>
    <t>5702329465205</t>
  </si>
  <si>
    <t>VELUX Verd.-Rollo el. DML MK08 4574K</t>
  </si>
  <si>
    <t>DML MK08 4574KWL</t>
  </si>
  <si>
    <t>5702329473552</t>
  </si>
  <si>
    <t>VELUX Verd.-Rollo el. DML MK08 4574KWL</t>
  </si>
  <si>
    <t>DML MK08 4575K</t>
  </si>
  <si>
    <t>5702329465212</t>
  </si>
  <si>
    <t>VELUX Verd.-Rollo el. DML MK08 4575K</t>
  </si>
  <si>
    <t>DML MK08 4575KWL</t>
  </si>
  <si>
    <t>5702329473569</t>
  </si>
  <si>
    <t>VELUX Verd.-Rollo el. DML MK08 4575KWL</t>
  </si>
  <si>
    <t>DML MK08 4576K</t>
  </si>
  <si>
    <t>5702329465229</t>
  </si>
  <si>
    <t>VELUX Verd.-Rollo el. DML MK08 4576K</t>
  </si>
  <si>
    <t>DML MK08 4576KWL</t>
  </si>
  <si>
    <t>5702329473576</t>
  </si>
  <si>
    <t>VELUX Verd.-Rollo el. DML MK08 4576KWL</t>
  </si>
  <si>
    <t>DML MK08 4577K</t>
  </si>
  <si>
    <t>5702329465236</t>
  </si>
  <si>
    <t>VELUX Verd.-Rollo el. DML MK08 4577K</t>
  </si>
  <si>
    <t>DML MK08 4577KWL</t>
  </si>
  <si>
    <t>5702329473583</t>
  </si>
  <si>
    <t>VELUX Verd.-Rollo el. DML MK08 4577KWL</t>
  </si>
  <si>
    <t>DML MK08 4578K</t>
  </si>
  <si>
    <t>5702329465243</t>
  </si>
  <si>
    <t>VELUX Verd.-Rollo el. DML MK08 4578K</t>
  </si>
  <si>
    <t>DML MK08 4578KWL</t>
  </si>
  <si>
    <t>5702329473590</t>
  </si>
  <si>
    <t>VELUX Verd.-Rollo el. DML MK08 4578KWL</t>
  </si>
  <si>
    <t>DML MK08 4579K</t>
  </si>
  <si>
    <t>5702329465250</t>
  </si>
  <si>
    <t>VELUX Verd.-Rollo el. DML MK08 4579K</t>
  </si>
  <si>
    <t>DML MK08 4579KWL</t>
  </si>
  <si>
    <t>5702329473606</t>
  </si>
  <si>
    <t>VELUX Verd.-Rollo el. DML MK08 4579KWL</t>
  </si>
  <si>
    <t>DML MK08 4580K</t>
  </si>
  <si>
    <t>5702329465267</t>
  </si>
  <si>
    <t>VELUX Verd.-Rollo el. DML MK08 4580K</t>
  </si>
  <si>
    <t>DML MK08 4580KWL</t>
  </si>
  <si>
    <t>5702329473613</t>
  </si>
  <si>
    <t>VELUX Verd.-Rollo el. DML MK08 4580KWL</t>
  </si>
  <si>
    <t>DML MK08 4581K</t>
  </si>
  <si>
    <t>5702329465274</t>
  </si>
  <si>
    <t>VELUX Verd.-Rollo el. DML MK08 4581K</t>
  </si>
  <si>
    <t>DML MK08 4581KWL</t>
  </si>
  <si>
    <t>5702329473620</t>
  </si>
  <si>
    <t>VELUX Verd.-Rollo el. DML MK08 4581KWL</t>
  </si>
  <si>
    <t>DML MK08 8801K</t>
  </si>
  <si>
    <t>5702329465281</t>
  </si>
  <si>
    <t>VELUX Verd.-Rollo el. DML MK08 8801K</t>
  </si>
  <si>
    <t>DML MK08 CBYK</t>
  </si>
  <si>
    <t>5702329465298</t>
  </si>
  <si>
    <t>VELUX Verd.-Rollo el. DML MK08 CBYK</t>
  </si>
  <si>
    <t>DML MK08 CBYKWL</t>
  </si>
  <si>
    <t>5702329473637</t>
  </si>
  <si>
    <t>VELUX Verd.-Rollo el. DML MK08 CBYKWL</t>
  </si>
  <si>
    <t>DML MK10 0705K</t>
  </si>
  <si>
    <t>5702329465304</t>
  </si>
  <si>
    <t>VELUX Verd.-Rollo el. DML MK10 0705K</t>
  </si>
  <si>
    <t>DML MK10 0705KWL</t>
  </si>
  <si>
    <t>5702329473644</t>
  </si>
  <si>
    <t>VELUX Verd.-Rollo el. DML MK10 0705KWL</t>
  </si>
  <si>
    <t>DML MK10 1025K</t>
  </si>
  <si>
    <t>5702329465311</t>
  </si>
  <si>
    <t>VELUX Verd.-Rollo el. DML MK10 1025K</t>
  </si>
  <si>
    <t>DML MK10 1025KWL</t>
  </si>
  <si>
    <t>5702329473651</t>
  </si>
  <si>
    <t>VELUX Verd.-Rollo el. DML MK10 1025KWL</t>
  </si>
  <si>
    <t>DML MK10 1085K</t>
  </si>
  <si>
    <t>5702329465328</t>
  </si>
  <si>
    <t>VELUX Verd.-Rollo el. DML MK10 1085K</t>
  </si>
  <si>
    <t>DML MK10 1085KWL</t>
  </si>
  <si>
    <t>5702329473668</t>
  </si>
  <si>
    <t>VELUX Verd.-Rollo el. DML MK10 1085KWL</t>
  </si>
  <si>
    <t>DML MK10 1100K</t>
  </si>
  <si>
    <t>5702329465335</t>
  </si>
  <si>
    <t>VELUX Verd.-Rollo el. DML MK10 1100K</t>
  </si>
  <si>
    <t>DML MK10 1100KWL</t>
  </si>
  <si>
    <t>5702329473675</t>
  </si>
  <si>
    <t>VELUX Verd.-Rollo el. DML MK10 1100KWL</t>
  </si>
  <si>
    <t>DML MK10 3009K</t>
  </si>
  <si>
    <t>5702329465342</t>
  </si>
  <si>
    <t>VELUX Verd.-Rollo el. DML MK10 3009K</t>
  </si>
  <si>
    <t>DML MK10 3009KWL</t>
  </si>
  <si>
    <t>5702329473682</t>
  </si>
  <si>
    <t>VELUX Verd.-Rollo el. DML MK10 3009KWL</t>
  </si>
  <si>
    <t>DML MK10 4556K</t>
  </si>
  <si>
    <t>5702329465359</t>
  </si>
  <si>
    <t>VELUX Verd.-Rollo el. DML MK10 4556K</t>
  </si>
  <si>
    <t>DML MK10 4556KWL</t>
  </si>
  <si>
    <t>5702329473699</t>
  </si>
  <si>
    <t>VELUX Verd.-Rollo el. DML MK10 4556KWL</t>
  </si>
  <si>
    <t>DML MK10 4559KWL</t>
  </si>
  <si>
    <t>5702329473705</t>
  </si>
  <si>
    <t>VELUX Verd.-Rollo el. DML MK10 4559KWL</t>
  </si>
  <si>
    <t>DML MK10 4564KWL</t>
  </si>
  <si>
    <t>5702329473712</t>
  </si>
  <si>
    <t>VELUX Verd.-Rollo el. DML MK10 4564KWL</t>
  </si>
  <si>
    <t>DML MK10 4574K</t>
  </si>
  <si>
    <t>5702329465380</t>
  </si>
  <si>
    <t>VELUX Verd.-Rollo el. DML MK10 4574K</t>
  </si>
  <si>
    <t>DML MK10 4574KWL</t>
  </si>
  <si>
    <t>5702329473729</t>
  </si>
  <si>
    <t>VELUX Verd.-Rollo el. DML MK10 4574KWL</t>
  </si>
  <si>
    <t>DML MK10 4575K</t>
  </si>
  <si>
    <t>5702329465397</t>
  </si>
  <si>
    <t>VELUX Verd.-Rollo el. DML MK10 4575K</t>
  </si>
  <si>
    <t>DML MK10 4575KWL</t>
  </si>
  <si>
    <t>5702329473736</t>
  </si>
  <si>
    <t>VELUX Verd.-Rollo el. DML MK10 4575KWL</t>
  </si>
  <si>
    <t>DML MK10 4576KWL</t>
  </si>
  <si>
    <t>5702329473743</t>
  </si>
  <si>
    <t>VELUX Verd.-Rollo el. DML MK10 4576KWL</t>
  </si>
  <si>
    <t>DML MK10 4577K</t>
  </si>
  <si>
    <t>5702329465410</t>
  </si>
  <si>
    <t>VELUX Verd.-Rollo el. DML MK10 4577K</t>
  </si>
  <si>
    <t>DML MK10 4577KWL</t>
  </si>
  <si>
    <t>5702329473750</t>
  </si>
  <si>
    <t>VELUX Verd.-Rollo el. DML MK10 4577KWL</t>
  </si>
  <si>
    <t>DML MK10 4578KWL</t>
  </si>
  <si>
    <t>5702329473767</t>
  </si>
  <si>
    <t>VELUX Verd.-Rollo el. DML MK10 4578KWL</t>
  </si>
  <si>
    <t>DML MK10 4579K</t>
  </si>
  <si>
    <t>5702329465434</t>
  </si>
  <si>
    <t>VELUX Verd.-Rollo el. DML MK10 4579K</t>
  </si>
  <si>
    <t>DML MK10 4579KWL</t>
  </si>
  <si>
    <t>5702329473774</t>
  </si>
  <si>
    <t>VELUX Verd.-Rollo el. DML MK10 4579KWL</t>
  </si>
  <si>
    <t>DML MK10 4580K</t>
  </si>
  <si>
    <t>5702329465441</t>
  </si>
  <si>
    <t>VELUX Verd.-Rollo el. DML MK10 4580K</t>
  </si>
  <si>
    <t>DML MK10 4580KWL</t>
  </si>
  <si>
    <t>5702329473781</t>
  </si>
  <si>
    <t>VELUX Verd.-Rollo el. DML MK10 4580KWL</t>
  </si>
  <si>
    <t>DML MK10 4581K</t>
  </si>
  <si>
    <t>5702329465458</t>
  </si>
  <si>
    <t>VELUX Verd.-Rollo el. DML MK10 4581K</t>
  </si>
  <si>
    <t>DML MK10 4581KWL</t>
  </si>
  <si>
    <t>5702329473798</t>
  </si>
  <si>
    <t>VELUX Verd.-Rollo el. DML MK10 4581KWL</t>
  </si>
  <si>
    <t>DML MK10 CBYK</t>
  </si>
  <si>
    <t>5702329465465</t>
  </si>
  <si>
    <t>VELUX Verd.-Rollo el. DML MK10 CBYK</t>
  </si>
  <si>
    <t>DML MK10 CBYKWL</t>
  </si>
  <si>
    <t>5702329473804</t>
  </si>
  <si>
    <t>VELUX Verd.-Rollo el. DML MK10 CBYKWL</t>
  </si>
  <si>
    <t>DML MK12 0705K</t>
  </si>
  <si>
    <t>5702329465472</t>
  </si>
  <si>
    <t>VELUX Verd.-Rollo el. DML MK12 0705K</t>
  </si>
  <si>
    <t>DML MK12 0705KWL</t>
  </si>
  <si>
    <t>5702329473811</t>
  </si>
  <si>
    <t>VELUX Verd.-Rollo el. DML MK12 0705KWL</t>
  </si>
  <si>
    <t>DML MK12 1025K</t>
  </si>
  <si>
    <t>5702329465489</t>
  </si>
  <si>
    <t>VELUX Verd.-Rollo el. DML MK12 1025K</t>
  </si>
  <si>
    <t>DML MK12 1025KWL</t>
  </si>
  <si>
    <t>5702329473828</t>
  </si>
  <si>
    <t>VELUX Verd.-Rollo el. DML MK12 1025KWL</t>
  </si>
  <si>
    <t>DML MK12 1085K</t>
  </si>
  <si>
    <t>5702329465496</t>
  </si>
  <si>
    <t>VELUX Verd.-Rollo el. DML MK12 1085K</t>
  </si>
  <si>
    <t>DML MK12 1085KWL</t>
  </si>
  <si>
    <t>5702329473835</t>
  </si>
  <si>
    <t>VELUX Verd.-Rollo el. DML MK12 1085KWL</t>
  </si>
  <si>
    <t>DML MK12 1100K</t>
  </si>
  <si>
    <t>5702329465502</t>
  </si>
  <si>
    <t>VELUX Verd.-Rollo el. DML MK12 1100K</t>
  </si>
  <si>
    <t>DML MK12 1100KWL</t>
  </si>
  <si>
    <t>5702329473842</t>
  </si>
  <si>
    <t>VELUX Verd.-Rollo el. DML MK12 1100KWL</t>
  </si>
  <si>
    <t>DML MK12 3009K</t>
  </si>
  <si>
    <t>5702329465519</t>
  </si>
  <si>
    <t>VELUX Verd.-Rollo el. DML MK12 3009K</t>
  </si>
  <si>
    <t>DML MK12 3009KWL</t>
  </si>
  <si>
    <t>5702329473859</t>
  </si>
  <si>
    <t>VELUX Verd.-Rollo el. DML MK12 3009KWL</t>
  </si>
  <si>
    <t>DML MK12 4556K</t>
  </si>
  <si>
    <t>5702329465526</t>
  </si>
  <si>
    <t>VELUX Verd.-Rollo el. DML MK12 4556K</t>
  </si>
  <si>
    <t>DML MK12 4556KWL</t>
  </si>
  <si>
    <t>5702329473866</t>
  </si>
  <si>
    <t>VELUX Verd.-Rollo el. DML MK12 4556KWL</t>
  </si>
  <si>
    <t>DML MK12 4574K</t>
  </si>
  <si>
    <t>5702329465557</t>
  </si>
  <si>
    <t>VELUX Verd.-Rollo el. DML MK12 4574K</t>
  </si>
  <si>
    <t>DML MK12 4574KWL</t>
  </si>
  <si>
    <t>5702329473897</t>
  </si>
  <si>
    <t>VELUX Verd.-Rollo el. DML MK12 4574KWL</t>
  </si>
  <si>
    <t>DML MK12 4576K</t>
  </si>
  <si>
    <t>5702329465571</t>
  </si>
  <si>
    <t>VELUX Verd.-Rollo el. DML MK12 4576K</t>
  </si>
  <si>
    <t>DML MK12 4576KWL</t>
  </si>
  <si>
    <t>5702329473910</t>
  </si>
  <si>
    <t>VELUX Verd.-Rollo el. DML MK12 4576KWL</t>
  </si>
  <si>
    <t>DML MK12 4579KWL</t>
  </si>
  <si>
    <t>5702329473941</t>
  </si>
  <si>
    <t>VELUX Verd.-Rollo el. DML MK12 4579KWL</t>
  </si>
  <si>
    <t>DML MK12 4580KWL</t>
  </si>
  <si>
    <t>5702329473958</t>
  </si>
  <si>
    <t>VELUX Verd.-Rollo el. DML MK12 4580KWL</t>
  </si>
  <si>
    <t>DML MK12 4581K</t>
  </si>
  <si>
    <t>5702329465625</t>
  </si>
  <si>
    <t>VELUX Verd.-Rollo el. DML MK12 4581K</t>
  </si>
  <si>
    <t>DML MK12 4581KWL</t>
  </si>
  <si>
    <t>5702329473965</t>
  </si>
  <si>
    <t>VELUX Verd.-Rollo el. DML MK12 4581KWL</t>
  </si>
  <si>
    <t>DML MK12 CBYK</t>
  </si>
  <si>
    <t>5702329465632</t>
  </si>
  <si>
    <t>VELUX Verd.-Rollo el. DML MK12 CBYK</t>
  </si>
  <si>
    <t>DML MK12 CBYKWL</t>
  </si>
  <si>
    <t>5702329473972</t>
  </si>
  <si>
    <t>VELUX Verd.-Rollo el. DML MK12 CBYKWL</t>
  </si>
  <si>
    <t>DML P04 0705K</t>
  </si>
  <si>
    <t>5702329465649</t>
  </si>
  <si>
    <t>VELUX Verd.-Rollo el. DML P04 0705K</t>
  </si>
  <si>
    <t>DML P04 0705KWL</t>
  </si>
  <si>
    <t>5702329473989</t>
  </si>
  <si>
    <t>VELUX Verd.-Rollo el. DML P04 0705KWL</t>
  </si>
  <si>
    <t>DML P04 1025K</t>
  </si>
  <si>
    <t>5702329465656</t>
  </si>
  <si>
    <t>VELUX Verd.-Rollo el. DML P04 1025K</t>
  </si>
  <si>
    <t>DML P04 1025KWL</t>
  </si>
  <si>
    <t>5702329473996</t>
  </si>
  <si>
    <t>VELUX Verd.-Rollo el. DML P04 1025KWL</t>
  </si>
  <si>
    <t>DML P04 1085K</t>
  </si>
  <si>
    <t>5702329465663</t>
  </si>
  <si>
    <t>VELUX Verd.-Rollo el. DML P04 1085K</t>
  </si>
  <si>
    <t>DML P04 1085KWL</t>
  </si>
  <si>
    <t>5702329474009</t>
  </si>
  <si>
    <t>VELUX Verd.-Rollo el. DML P04 1085KWL</t>
  </si>
  <si>
    <t>DML P04 1100K</t>
  </si>
  <si>
    <t>5702329465670</t>
  </si>
  <si>
    <t>VELUX Verd.-Rollo el. DML P04 1100K</t>
  </si>
  <si>
    <t>DML P04 1100KWL</t>
  </si>
  <si>
    <t>5702329474016</t>
  </si>
  <si>
    <t>VELUX Verd.-Rollo el. DML P04 1100KWL</t>
  </si>
  <si>
    <t>DML P04 3009K</t>
  </si>
  <si>
    <t>5702329465687</t>
  </si>
  <si>
    <t>VELUX Verd.-Rollo el. DML P04 3009K</t>
  </si>
  <si>
    <t>DML P04 3009KWL</t>
  </si>
  <si>
    <t>5702329474023</t>
  </si>
  <si>
    <t>VELUX Verd.-Rollo el. DML P04 3009KWL</t>
  </si>
  <si>
    <t>DML P04 4556K</t>
  </si>
  <si>
    <t>5702329465694</t>
  </si>
  <si>
    <t>VELUX Verd.-Rollo el. DML P04 4556K</t>
  </si>
  <si>
    <t>DML P04 4556KWL</t>
  </si>
  <si>
    <t>5702329474030</t>
  </si>
  <si>
    <t>VELUX Verd.-Rollo el. DML P04 4556KWL</t>
  </si>
  <si>
    <t>DML P04 4559K</t>
  </si>
  <si>
    <t>5702329465700</t>
  </si>
  <si>
    <t>VELUX Verd.-Rollo el. DML P04 4559K</t>
  </si>
  <si>
    <t>DML P04 4564K</t>
  </si>
  <si>
    <t>5702329465717</t>
  </si>
  <si>
    <t>VELUX Verd.-Rollo el. DML P04 4564K</t>
  </si>
  <si>
    <t>DML P04 4564KWL</t>
  </si>
  <si>
    <t>5702329474054</t>
  </si>
  <si>
    <t>VELUX Verd.-Rollo el. DML P04 4564KWL</t>
  </si>
  <si>
    <t>DML P04 4574KWL</t>
  </si>
  <si>
    <t>5702329474061</t>
  </si>
  <si>
    <t>VELUX Verd.-Rollo el. DML P04 4574KWL</t>
  </si>
  <si>
    <t>DML P04 4576K</t>
  </si>
  <si>
    <t>5702329465748</t>
  </si>
  <si>
    <t>VELUX Verd.-Rollo el. DML P04 4576K</t>
  </si>
  <si>
    <t>DML P04 4576KWL</t>
  </si>
  <si>
    <t>5702329474085</t>
  </si>
  <si>
    <t>VELUX Verd.-Rollo el. DML P04 4576KWL</t>
  </si>
  <si>
    <t>DML P04 4579K</t>
  </si>
  <si>
    <t>5702329465779</t>
  </si>
  <si>
    <t>VELUX Verd.-Rollo el. DML P04 4579K</t>
  </si>
  <si>
    <t>DML P04 4580K</t>
  </si>
  <si>
    <t>5702329465786</t>
  </si>
  <si>
    <t>VELUX Verd.-Rollo el. DML P04 4580K</t>
  </si>
  <si>
    <t>DML P04 4581K</t>
  </si>
  <si>
    <t>5702329465793</t>
  </si>
  <si>
    <t>VELUX Verd.-Rollo el. DML P04 4581K</t>
  </si>
  <si>
    <t>DML P04 CBYK</t>
  </si>
  <si>
    <t>5702329465816</t>
  </si>
  <si>
    <t>VELUX Verd.-Rollo el. DML P04 CBYK</t>
  </si>
  <si>
    <t>DML P04 CBYKWL</t>
  </si>
  <si>
    <t>5702329474146</t>
  </si>
  <si>
    <t>VELUX Verd.-Rollo el. DML P04 CBYKWL</t>
  </si>
  <si>
    <t>DML P06 0705K</t>
  </si>
  <si>
    <t>5702329465823</t>
  </si>
  <si>
    <t>VELUX Verd.-Rollo el. DML P06 0705K</t>
  </si>
  <si>
    <t>DML P06 0705KWL</t>
  </si>
  <si>
    <t>5702329474153</t>
  </si>
  <si>
    <t>VELUX Verd.-Rollo el. DML P06 0705KWL</t>
  </si>
  <si>
    <t>DML P06 1025K</t>
  </si>
  <si>
    <t>5702329465830</t>
  </si>
  <si>
    <t>VELUX Verd.-Rollo el. DML P06 1025K</t>
  </si>
  <si>
    <t>DML P06 1025KWL</t>
  </si>
  <si>
    <t>5702329474160</t>
  </si>
  <si>
    <t>VELUX Verd.-Rollo el. DML P06 1025KWL</t>
  </si>
  <si>
    <t>DML P06 1085K</t>
  </si>
  <si>
    <t>5702329465847</t>
  </si>
  <si>
    <t>VELUX Verd.-Rollo el. DML P06 1085K</t>
  </si>
  <si>
    <t>DML P06 1085KWL</t>
  </si>
  <si>
    <t>5702329474177</t>
  </si>
  <si>
    <t>VELUX Verd.-Rollo el. DML P06 1085KWL</t>
  </si>
  <si>
    <t>DML P06 1100K</t>
  </si>
  <si>
    <t>5702329465854</t>
  </si>
  <si>
    <t>VELUX Verd.-Rollo el. DML P06 1100K</t>
  </si>
  <si>
    <t>DML P06 1100KWL</t>
  </si>
  <si>
    <t>5702329474184</t>
  </si>
  <si>
    <t>VELUX Verd.-Rollo el. DML P06 1100KWL</t>
  </si>
  <si>
    <t>DML P06 3009K</t>
  </si>
  <si>
    <t>5702329465861</t>
  </si>
  <si>
    <t>VELUX Verd.-Rollo el. DML P06 3009K</t>
  </si>
  <si>
    <t>DML P06 3009KWL</t>
  </si>
  <si>
    <t>5702329474191</t>
  </si>
  <si>
    <t>VELUX Verd.-Rollo el. DML P06 3009KWL</t>
  </si>
  <si>
    <t>DML P06 4556K</t>
  </si>
  <si>
    <t>5702329465878</t>
  </si>
  <si>
    <t>VELUX Verd.-Rollo el. DML P06 4556K</t>
  </si>
  <si>
    <t>DML P06 4556KWL</t>
  </si>
  <si>
    <t>5702329474207</t>
  </si>
  <si>
    <t>VELUX Verd.-Rollo el. DML P06 4556KWL</t>
  </si>
  <si>
    <t>DML P06 4574K</t>
  </si>
  <si>
    <t>5702329465908</t>
  </si>
  <si>
    <t>VELUX Verd.-Rollo el. DML P06 4574K</t>
  </si>
  <si>
    <t>DML P06 4576K</t>
  </si>
  <si>
    <t>5702329465922</t>
  </si>
  <si>
    <t>VELUX Verd.-Rollo el. DML P06 4576K</t>
  </si>
  <si>
    <t>DML P06 4577K</t>
  </si>
  <si>
    <t>5702329465939</t>
  </si>
  <si>
    <t>VELUX Verd.-Rollo el. DML P06 4577K</t>
  </si>
  <si>
    <t>DML P06 4578K</t>
  </si>
  <si>
    <t>5702329465946</t>
  </si>
  <si>
    <t>VELUX Verd.-Rollo el. DML P06 4578K</t>
  </si>
  <si>
    <t>DML P06 4581K</t>
  </si>
  <si>
    <t>5702329465977</t>
  </si>
  <si>
    <t>VELUX Verd.-Rollo el. DML P06 4581K</t>
  </si>
  <si>
    <t>DML P06 4581KWL</t>
  </si>
  <si>
    <t>5702329474306</t>
  </si>
  <si>
    <t>VELUX Verd.-Rollo el. DML P06 4581KWL</t>
  </si>
  <si>
    <t>DML P06 CBYK</t>
  </si>
  <si>
    <t>5702329465991</t>
  </si>
  <si>
    <t>VELUX Verd.-Rollo el. DML P06 CBYK</t>
  </si>
  <si>
    <t>DML P06 CBYKWL</t>
  </si>
  <si>
    <t>5702329474313</t>
  </si>
  <si>
    <t>VELUX Verd.-Rollo el. DML P06 CBYKWL</t>
  </si>
  <si>
    <t>DML P08 0705K</t>
  </si>
  <si>
    <t>5702329466004</t>
  </si>
  <si>
    <t>VELUX Verd.-Rollo el. DML P08 0705K</t>
  </si>
  <si>
    <t>DML P08 0705KWL</t>
  </si>
  <si>
    <t>5702329474320</t>
  </si>
  <si>
    <t>VELUX Verd.-Rollo el. DML P08 0705KWL</t>
  </si>
  <si>
    <t>DML P08 1025K</t>
  </si>
  <si>
    <t>5702329466011</t>
  </si>
  <si>
    <t>VELUX Verd.-Rollo el. DML P08 1025K</t>
  </si>
  <si>
    <t>DML P08 1025KWL</t>
  </si>
  <si>
    <t>5702329474337</t>
  </si>
  <si>
    <t>VELUX Verd.-Rollo el. DML P08 1025KWL</t>
  </si>
  <si>
    <t>DML P08 1085K</t>
  </si>
  <si>
    <t>5702329466028</t>
  </si>
  <si>
    <t>VELUX Verd.-Rollo el. DML P08 1085K</t>
  </si>
  <si>
    <t>DML P08 1085KWL</t>
  </si>
  <si>
    <t>5702329474344</t>
  </si>
  <si>
    <t>VELUX Verd.-Rollo el. DML P08 1085KWL</t>
  </si>
  <si>
    <t>DML P08 1100K</t>
  </si>
  <si>
    <t>5702329466035</t>
  </si>
  <si>
    <t>VELUX Verd.-Rollo el. DML P08 1100K</t>
  </si>
  <si>
    <t>DML P08 1100KWL</t>
  </si>
  <si>
    <t>5702329474351</t>
  </si>
  <si>
    <t>VELUX Verd.-Rollo el. DML P08 1100KWL</t>
  </si>
  <si>
    <t>DML P08 3009K</t>
  </si>
  <si>
    <t>5702329466042</t>
  </si>
  <si>
    <t>VELUX Verd.-Rollo el. DML P08 3009K</t>
  </si>
  <si>
    <t>DML P08 3009KWL</t>
  </si>
  <si>
    <t>5702329474368</t>
  </si>
  <si>
    <t>VELUX Verd.-Rollo el. DML P08 3009KWL</t>
  </si>
  <si>
    <t>DML P08 4556K</t>
  </si>
  <si>
    <t>5702329466059</t>
  </si>
  <si>
    <t>VELUX Verd.-Rollo el. DML P08 4556K</t>
  </si>
  <si>
    <t>DML P08 4564K</t>
  </si>
  <si>
    <t>5702329466073</t>
  </si>
  <si>
    <t>VELUX Verd.-Rollo el. DML P08 4564K</t>
  </si>
  <si>
    <t>DML P08 4576K</t>
  </si>
  <si>
    <t>5702329466103</t>
  </si>
  <si>
    <t>VELUX Verd.-Rollo el. DML P08 4576K</t>
  </si>
  <si>
    <t>DML P08 4579KWL</t>
  </si>
  <si>
    <t>5702329474450</t>
  </si>
  <si>
    <t>VELUX Verd.-Rollo el. DML P08 4579KWL</t>
  </si>
  <si>
    <t>DML P08 4581K</t>
  </si>
  <si>
    <t>5702329466158</t>
  </si>
  <si>
    <t>VELUX Verd.-Rollo el. DML P08 4581K</t>
  </si>
  <si>
    <t>DML P08 4581KWL</t>
  </si>
  <si>
    <t>5702329474474</t>
  </si>
  <si>
    <t>VELUX Verd.-Rollo el. DML P08 4581KWL</t>
  </si>
  <si>
    <t>DML P08 CBYK</t>
  </si>
  <si>
    <t>5702329466172</t>
  </si>
  <si>
    <t>VELUX Verd.-Rollo el. DML P08 CBYK</t>
  </si>
  <si>
    <t>DML P08 CBYKWL</t>
  </si>
  <si>
    <t>5702329474481</t>
  </si>
  <si>
    <t>VELUX Verd.-Rollo el. DML P08 CBYKWL</t>
  </si>
  <si>
    <t>DML P10 0705K</t>
  </si>
  <si>
    <t>5702329466189</t>
  </si>
  <si>
    <t>VELUX Verd.-Rollo el. DML P10 0705K</t>
  </si>
  <si>
    <t>DML P10 0705KWL</t>
  </si>
  <si>
    <t>5702329474498</t>
  </si>
  <si>
    <t>VELUX Verd.-Rollo el. DML P10 0705KWL</t>
  </si>
  <si>
    <t>DML P10 1025K</t>
  </si>
  <si>
    <t>5702329466196</t>
  </si>
  <si>
    <t>VELUX Verd.-Rollo el. DML P10 1025K</t>
  </si>
  <si>
    <t>DML P10 1025KWL</t>
  </si>
  <si>
    <t>5702329474504</t>
  </si>
  <si>
    <t>VELUX Verd.-Rollo el. DML P10 1025KWL</t>
  </si>
  <si>
    <t>DML P10 1085K</t>
  </si>
  <si>
    <t>5702329466202</t>
  </si>
  <si>
    <t>VELUX Verd.-Rollo el. DML P10 1085K</t>
  </si>
  <si>
    <t>DML P10 1085KWL</t>
  </si>
  <si>
    <t>5702329474511</t>
  </si>
  <si>
    <t>VELUX Verd.-Rollo el. DML P10 1085KWL</t>
  </si>
  <si>
    <t>DML P10 1100K</t>
  </si>
  <si>
    <t>5702329466219</t>
  </si>
  <si>
    <t>VELUX Verd.-Rollo el. DML P10 1100K</t>
  </si>
  <si>
    <t>DML P10 1100KWL</t>
  </si>
  <si>
    <t>5702329474528</t>
  </si>
  <si>
    <t>VELUX Verd.-Rollo el. DML P10 1100KWL</t>
  </si>
  <si>
    <t>DML P10 3009K</t>
  </si>
  <si>
    <t>5702329466226</t>
  </si>
  <si>
    <t>VELUX Verd.-Rollo el. DML P10 3009K</t>
  </si>
  <si>
    <t>DML P10 3009KWL</t>
  </si>
  <si>
    <t>5702329474535</t>
  </si>
  <si>
    <t>VELUX Verd.-Rollo el. DML P10 3009KWL</t>
  </si>
  <si>
    <t>DML P10 4556K</t>
  </si>
  <si>
    <t>5702329466233</t>
  </si>
  <si>
    <t>VELUX Verd.-Rollo el. DML P10 4556K</t>
  </si>
  <si>
    <t>DML P10 4556KWL</t>
  </si>
  <si>
    <t>5702329474542</t>
  </si>
  <si>
    <t>VELUX Verd.-Rollo el. DML P10 4556KWL</t>
  </si>
  <si>
    <t>DML P10 4559K</t>
  </si>
  <si>
    <t>5702329466240</t>
  </si>
  <si>
    <t>VELUX Verd.-Rollo el. DML P10 4559K</t>
  </si>
  <si>
    <t>DML P10 4574K</t>
  </si>
  <si>
    <t>5702329466264</t>
  </si>
  <si>
    <t>VELUX Verd.-Rollo el. DML P10 4574K</t>
  </si>
  <si>
    <t>DML P10 4574KWL</t>
  </si>
  <si>
    <t>5702329474573</t>
  </si>
  <si>
    <t>VELUX Verd.-Rollo el. DML P10 4574KWL</t>
  </si>
  <si>
    <t>DML P10 4575K</t>
  </si>
  <si>
    <t>5702329466271</t>
  </si>
  <si>
    <t>VELUX Verd.-Rollo el. DML P10 4575K</t>
  </si>
  <si>
    <t>DML P10 4575KWL</t>
  </si>
  <si>
    <t>5702329474580</t>
  </si>
  <si>
    <t>VELUX Verd.-Rollo el. DML P10 4575KWL</t>
  </si>
  <si>
    <t>DML P10 4576KWL</t>
  </si>
  <si>
    <t>5702329474597</t>
  </si>
  <si>
    <t>VELUX Verd.-Rollo el. DML P10 4576KWL</t>
  </si>
  <si>
    <t>DML P10 4577KWL</t>
  </si>
  <si>
    <t>5702329474603</t>
  </si>
  <si>
    <t>VELUX Verd.-Rollo el. DML P10 4577KWL</t>
  </si>
  <si>
    <t>DML P10 4579K</t>
  </si>
  <si>
    <t>5702329466318</t>
  </si>
  <si>
    <t>VELUX Verd.-Rollo el. DML P10 4579K</t>
  </si>
  <si>
    <t>DML P10 4580K</t>
  </si>
  <si>
    <t>5702329466325</t>
  </si>
  <si>
    <t>VELUX Verd.-Rollo el. DML P10 4580K</t>
  </si>
  <si>
    <t>DML P10 4580KWL</t>
  </si>
  <si>
    <t>5702329474634</t>
  </si>
  <si>
    <t>VELUX Verd.-Rollo el. DML P10 4580KWL</t>
  </si>
  <si>
    <t>DML P10 4581K</t>
  </si>
  <si>
    <t>5702329466332</t>
  </si>
  <si>
    <t>VELUX Verd.-Rollo el. DML P10 4581K</t>
  </si>
  <si>
    <t>DML P10 CBYK</t>
  </si>
  <si>
    <t>5702329466349</t>
  </si>
  <si>
    <t>VELUX Verd.-Rollo el. DML P10 CBYK</t>
  </si>
  <si>
    <t>DML P10 CBYKWL</t>
  </si>
  <si>
    <t>5702329474658</t>
  </si>
  <si>
    <t>VELUX Verd.-Rollo el. DML P10 CBYKWL</t>
  </si>
  <si>
    <t>DML PK06 0705K</t>
  </si>
  <si>
    <t>5702329466714</t>
  </si>
  <si>
    <t>VELUX Verd.-Rollo el. DML PK06 0705K</t>
  </si>
  <si>
    <t>DML PK06 0705KWL</t>
  </si>
  <si>
    <t>5702329475006</t>
  </si>
  <si>
    <t>VELUX Verd.-Rollo el. DML PK06 0705KWL</t>
  </si>
  <si>
    <t>DML PK06 1025K</t>
  </si>
  <si>
    <t>5702329466721</t>
  </si>
  <si>
    <t>VELUX Verd.-Rollo el. DML PK06 1025K</t>
  </si>
  <si>
    <t>DML PK06 1025KWL</t>
  </si>
  <si>
    <t>5702329475013</t>
  </si>
  <si>
    <t>VELUX Verd.-Rollo el. DML PK06 1025KWL</t>
  </si>
  <si>
    <t>DML PK06 1085K</t>
  </si>
  <si>
    <t>5702329466738</t>
  </si>
  <si>
    <t>VELUX Verd.-Rollo el. DML PK06 1085K</t>
  </si>
  <si>
    <t>DML PK06 1085KWL</t>
  </si>
  <si>
    <t>5702329475020</t>
  </si>
  <si>
    <t>VELUX Verd.-Rollo el. DML PK06 1085KWL</t>
  </si>
  <si>
    <t>DML PK06 1100K</t>
  </si>
  <si>
    <t>5702329466745</t>
  </si>
  <si>
    <t>VELUX Verd.-Rollo el. DML PK06 1100K</t>
  </si>
  <si>
    <t>DML PK06 1100KWL</t>
  </si>
  <si>
    <t>5702329475037</t>
  </si>
  <si>
    <t>VELUX Verd.-Rollo el. DML PK06 1100KWL</t>
  </si>
  <si>
    <t>DML PK06 3009K</t>
  </si>
  <si>
    <t>5702329466752</t>
  </si>
  <si>
    <t>VELUX Verd.-Rollo el. DML PK06 3009K</t>
  </si>
  <si>
    <t>DML PK06 3009KWL</t>
  </si>
  <si>
    <t>5702329475044</t>
  </si>
  <si>
    <t>VELUX Verd.-Rollo el. DML PK06 3009KWL</t>
  </si>
  <si>
    <t>DML PK06 4556K</t>
  </si>
  <si>
    <t>5702329466769</t>
  </si>
  <si>
    <t>VELUX Verd.-Rollo el. DML PK06 4556K</t>
  </si>
  <si>
    <t>DML PK06 4556KWL</t>
  </si>
  <si>
    <t>5702329475051</t>
  </si>
  <si>
    <t>VELUX Verd.-Rollo el. DML PK06 4556KWL</t>
  </si>
  <si>
    <t>DML PK06 4559K</t>
  </si>
  <si>
    <t>5702329466776</t>
  </si>
  <si>
    <t>VELUX Verd.-Rollo el. DML PK06 4559K</t>
  </si>
  <si>
    <t>DML PK06 4559KWL</t>
  </si>
  <si>
    <t>5702329475068</t>
  </si>
  <si>
    <t>VELUX Verd.-Rollo el. DML PK06 4559KWL</t>
  </si>
  <si>
    <t>DML PK06 4564K</t>
  </si>
  <si>
    <t>5702329466783</t>
  </si>
  <si>
    <t>VELUX Verd.-Rollo el. DML PK06 4564K</t>
  </si>
  <si>
    <t>DML PK06 4564KWL</t>
  </si>
  <si>
    <t>5702329475075</t>
  </si>
  <si>
    <t>VELUX Verd.-Rollo el. DML PK06 4564KWL</t>
  </si>
  <si>
    <t>DML PK06 4574K</t>
  </si>
  <si>
    <t>5702329466790</t>
  </si>
  <si>
    <t>VELUX Verd.-Rollo el. DML PK06 4574K</t>
  </si>
  <si>
    <t>DML PK06 4574KWL</t>
  </si>
  <si>
    <t>5702329475082</t>
  </si>
  <si>
    <t>VELUX Verd.-Rollo el. DML PK06 4574KWL</t>
  </si>
  <si>
    <t>DML PK06 4575K</t>
  </si>
  <si>
    <t>5702329466806</t>
  </si>
  <si>
    <t>VELUX Verd.-Rollo el. DML PK06 4575K</t>
  </si>
  <si>
    <t>DML PK06 4575KWL</t>
  </si>
  <si>
    <t>5702329475099</t>
  </si>
  <si>
    <t>VELUX Verd.-Rollo el. DML PK06 4575KWL</t>
  </si>
  <si>
    <t>DML PK06 4576K</t>
  </si>
  <si>
    <t>5702329466813</t>
  </si>
  <si>
    <t>VELUX Verd.-Rollo el. DML PK06 4576K</t>
  </si>
  <si>
    <t>DML PK06 4576KWL</t>
  </si>
  <si>
    <t>5702329475105</t>
  </si>
  <si>
    <t>VELUX Verd.-Rollo el. DML PK06 4576KWL</t>
  </si>
  <si>
    <t>DML PK06 4577K</t>
  </si>
  <si>
    <t>5702329466820</t>
  </si>
  <si>
    <t>VELUX Verd.-Rollo el. DML PK06 4577K</t>
  </si>
  <si>
    <t>DML PK06 4577KWL</t>
  </si>
  <si>
    <t>5702329475112</t>
  </si>
  <si>
    <t>VELUX Verd.-Rollo el. DML PK06 4577KWL</t>
  </si>
  <si>
    <t>DML PK06 4578K</t>
  </si>
  <si>
    <t>5702329466837</t>
  </si>
  <si>
    <t>VELUX Verd.-Rollo el. DML PK06 4578K</t>
  </si>
  <si>
    <t>DML PK06 4578KWL</t>
  </si>
  <si>
    <t>5702329475129</t>
  </si>
  <si>
    <t>VELUX Verd.-Rollo el. DML PK06 4578KWL</t>
  </si>
  <si>
    <t>DML PK06 4579K</t>
  </si>
  <si>
    <t>5702329466844</t>
  </si>
  <si>
    <t>VELUX Verd.-Rollo el. DML PK06 4579K</t>
  </si>
  <si>
    <t>DML PK06 4579KWL</t>
  </si>
  <si>
    <t>5702329475136</t>
  </si>
  <si>
    <t>VELUX Verd.-Rollo el. DML PK06 4579KWL</t>
  </si>
  <si>
    <t>DML PK06 4580K</t>
  </si>
  <si>
    <t>5702329466851</t>
  </si>
  <si>
    <t>VELUX Verd.-Rollo el. DML PK06 4580K</t>
  </si>
  <si>
    <t>DML PK06 4580KWL</t>
  </si>
  <si>
    <t>5702329475143</t>
  </si>
  <si>
    <t>VELUX Verd.-Rollo el. DML PK06 4580KWL</t>
  </si>
  <si>
    <t>DML PK06 4581K</t>
  </si>
  <si>
    <t>5702329466868</t>
  </si>
  <si>
    <t>VELUX Verd.-Rollo el. DML PK06 4581K</t>
  </si>
  <si>
    <t>DML PK06 4581KWL</t>
  </si>
  <si>
    <t>5702329475150</t>
  </si>
  <si>
    <t>VELUX Verd.-Rollo el. DML PK06 4581KWL</t>
  </si>
  <si>
    <t>DML PK06 8801K</t>
  </si>
  <si>
    <t>5702329466875</t>
  </si>
  <si>
    <t>VELUX Verd.-Rollo el. DML PK06 8801K</t>
  </si>
  <si>
    <t>DML PK06 CBYK</t>
  </si>
  <si>
    <t>5702329466882</t>
  </si>
  <si>
    <t>VELUX Verd.-Rollo el. DML PK06 CBYK</t>
  </si>
  <si>
    <t>DML PK06 CBYKWL</t>
  </si>
  <si>
    <t>5702329475167</t>
  </si>
  <si>
    <t>VELUX Verd.-Rollo el. DML PK06 CBYKWL</t>
  </si>
  <si>
    <t>DML PK08 0705K</t>
  </si>
  <si>
    <t>5702329466899</t>
  </si>
  <si>
    <t>VELUX Verd.-Rollo el. DML PK08 0705K</t>
  </si>
  <si>
    <t>DML PK08 0705KWL</t>
  </si>
  <si>
    <t>5702329475174</t>
  </si>
  <si>
    <t>VELUX Verd.-Rollo el. DML PK08 0705KWL</t>
  </si>
  <si>
    <t>DML PK08 1025K</t>
  </si>
  <si>
    <t>5702329466905</t>
  </si>
  <si>
    <t>VELUX Verd.-Rollo el. DML PK08 1025K</t>
  </si>
  <si>
    <t>DML PK08 1025KWL</t>
  </si>
  <si>
    <t>5702329475181</t>
  </si>
  <si>
    <t>VELUX Verd.-Rollo el. DML PK08 1025KWL</t>
  </si>
  <si>
    <t>DML PK08 1085K</t>
  </si>
  <si>
    <t>5702329466912</t>
  </si>
  <si>
    <t>VELUX Verd.-Rollo el. DML PK08 1085K</t>
  </si>
  <si>
    <t>DML PK08 1085KWL</t>
  </si>
  <si>
    <t>5702329475198</t>
  </si>
  <si>
    <t>VELUX Verd.-Rollo el. DML PK08 1085KWL</t>
  </si>
  <si>
    <t>DML PK08 1100K</t>
  </si>
  <si>
    <t>5702329466929</t>
  </si>
  <si>
    <t>VELUX Verd.-Rollo el. DML PK08 1100K</t>
  </si>
  <si>
    <t>DML PK08 1100KWL</t>
  </si>
  <si>
    <t>5702329475204</t>
  </si>
  <si>
    <t>VELUX Verd.-Rollo el. DML PK08 1100KWL</t>
  </si>
  <si>
    <t>DML PK08 3009K</t>
  </si>
  <si>
    <t>5702329466936</t>
  </si>
  <si>
    <t>VELUX Verd.-Rollo el. DML PK08 3009K</t>
  </si>
  <si>
    <t>DML PK08 3009KWL</t>
  </si>
  <si>
    <t>5702329475211</t>
  </si>
  <si>
    <t>VELUX Verd.-Rollo el. DML PK08 3009KWL</t>
  </si>
  <si>
    <t>DML PK08 4556K</t>
  </si>
  <si>
    <t>5702329466943</t>
  </si>
  <si>
    <t>VELUX Verd.-Rollo el. DML PK08 4556K</t>
  </si>
  <si>
    <t>DML PK08 4556KWL</t>
  </si>
  <si>
    <t>5702329475228</t>
  </si>
  <si>
    <t>VELUX Verd.-Rollo el. DML PK08 4556KWL</t>
  </si>
  <si>
    <t>DML PK08 4559K</t>
  </si>
  <si>
    <t>5702329466950</t>
  </si>
  <si>
    <t>VELUX Verd.-Rollo el. DML PK08 4559K</t>
  </si>
  <si>
    <t>DML PK08 4564K</t>
  </si>
  <si>
    <t>5702329466967</t>
  </si>
  <si>
    <t>VELUX Verd.-Rollo el. DML PK08 4564K</t>
  </si>
  <si>
    <t>DML PK08 4574K</t>
  </si>
  <si>
    <t>5702329466974</t>
  </si>
  <si>
    <t>VELUX Verd.-Rollo el. DML PK08 4574K</t>
  </si>
  <si>
    <t>DML PK08 4574KWL</t>
  </si>
  <si>
    <t>5702329475259</t>
  </si>
  <si>
    <t>VELUX Verd.-Rollo el. DML PK08 4574KWL</t>
  </si>
  <si>
    <t>DML PK08 4575KWL</t>
  </si>
  <si>
    <t>5702329475266</t>
  </si>
  <si>
    <t>VELUX Verd.-Rollo el. DML PK08 4575KWL</t>
  </si>
  <si>
    <t>DML PK08 4576K</t>
  </si>
  <si>
    <t>5702329466998</t>
  </si>
  <si>
    <t>VELUX Verd.-Rollo el. DML PK08 4576K</t>
  </si>
  <si>
    <t>DML PK08 4576KWL</t>
  </si>
  <si>
    <t>5702329475273</t>
  </si>
  <si>
    <t>VELUX Verd.-Rollo el. DML PK08 4576KWL</t>
  </si>
  <si>
    <t>DML PK08 4577K</t>
  </si>
  <si>
    <t>5702329467001</t>
  </si>
  <si>
    <t>VELUX Verd.-Rollo el. DML PK08 4577K</t>
  </si>
  <si>
    <t>DML PK08 4577KWL</t>
  </si>
  <si>
    <t>5702329475280</t>
  </si>
  <si>
    <t>VELUX Verd.-Rollo el. DML PK08 4577KWL</t>
  </si>
  <si>
    <t>DML PK08 4578K</t>
  </si>
  <si>
    <t>5702329467018</t>
  </si>
  <si>
    <t>VELUX Verd.-Rollo el. DML PK08 4578K</t>
  </si>
  <si>
    <t>DML PK08 4578KWL</t>
  </si>
  <si>
    <t>5702329475297</t>
  </si>
  <si>
    <t>VELUX Verd.-Rollo el. DML PK08 4578KWL</t>
  </si>
  <si>
    <t>DML PK08 4579K</t>
  </si>
  <si>
    <t>5702329467025</t>
  </si>
  <si>
    <t>VELUX Verd.-Rollo el. DML PK08 4579K</t>
  </si>
  <si>
    <t>DML PK08 4579KWL</t>
  </si>
  <si>
    <t>5702329475303</t>
  </si>
  <si>
    <t>VELUX Verd.-Rollo el. DML PK08 4579KWL</t>
  </si>
  <si>
    <t>DML PK08 4580K</t>
  </si>
  <si>
    <t>5702329467032</t>
  </si>
  <si>
    <t>VELUX Verd.-Rollo el. DML PK08 4580K</t>
  </si>
  <si>
    <t>DML PK08 4580KWL</t>
  </si>
  <si>
    <t>5702329475310</t>
  </si>
  <si>
    <t>VELUX Verd.-Rollo el. DML PK08 4580KWL</t>
  </si>
  <si>
    <t>DML PK08 4581K</t>
  </si>
  <si>
    <t>5702329467049</t>
  </si>
  <si>
    <t>VELUX Verd.-Rollo el. DML PK08 4581K</t>
  </si>
  <si>
    <t>DML PK08 4581KWL</t>
  </si>
  <si>
    <t>5702329475327</t>
  </si>
  <si>
    <t>VELUX Verd.-Rollo el. DML PK08 4581KWL</t>
  </si>
  <si>
    <t>DML PK08 8801K</t>
  </si>
  <si>
    <t>5702329467056</t>
  </si>
  <si>
    <t>VELUX Verd.-Rollo el. DML PK08 8801K</t>
  </si>
  <si>
    <t>DML PK08 CBYK</t>
  </si>
  <si>
    <t>5702329467063</t>
  </si>
  <si>
    <t>VELUX Verd.-Rollo el. DML PK08 CBYK</t>
  </si>
  <si>
    <t>DML PK08 CBYKWL</t>
  </si>
  <si>
    <t>5702329475334</t>
  </si>
  <si>
    <t>VELUX Verd.-Rollo el. DML PK08 CBYKWL</t>
  </si>
  <si>
    <t>DML PK10 0705K</t>
  </si>
  <si>
    <t>5702329467070</t>
  </si>
  <si>
    <t>VELUX Verd.-Rollo el. DML PK10 0705K</t>
  </si>
  <si>
    <t>DML PK10 0705KWL</t>
  </si>
  <si>
    <t>5702329475341</t>
  </si>
  <si>
    <t>VELUX Verd.-Rollo el. DML PK10 0705KWL</t>
  </si>
  <si>
    <t>DML PK10 1025K</t>
  </si>
  <si>
    <t>5702329467087</t>
  </si>
  <si>
    <t>VELUX Verd.-Rollo el. DML PK10 1025K</t>
  </si>
  <si>
    <t>DML PK10 1025KWL</t>
  </si>
  <si>
    <t>5702329475358</t>
  </si>
  <si>
    <t>VELUX Verd.-Rollo el. DML PK10 1025KWL</t>
  </si>
  <si>
    <t>DML PK10 1085K</t>
  </si>
  <si>
    <t>5702329467094</t>
  </si>
  <si>
    <t>VELUX Verd.-Rollo el. DML PK10 1085K</t>
  </si>
  <si>
    <t>DML PK10 1085KWL</t>
  </si>
  <si>
    <t>5702329475365</t>
  </si>
  <si>
    <t>VELUX Verd.-Rollo el. DML PK10 1085KWL</t>
  </si>
  <si>
    <t>DML PK10 1100K</t>
  </si>
  <si>
    <t>5702329467100</t>
  </si>
  <si>
    <t>VELUX Verd.-Rollo el. DML PK10 1100K</t>
  </si>
  <si>
    <t>DML PK10 1100KWL</t>
  </si>
  <si>
    <t>5702329475372</t>
  </si>
  <si>
    <t>VELUX Verd.-Rollo el. DML PK10 1100KWL</t>
  </si>
  <si>
    <t>DML PK10 3009K</t>
  </si>
  <si>
    <t>5702329467117</t>
  </si>
  <si>
    <t>VELUX Verd.-Rollo el. DML PK10 3009K</t>
  </si>
  <si>
    <t>DML PK10 3009KWL</t>
  </si>
  <si>
    <t>5702329475389</t>
  </si>
  <si>
    <t>VELUX Verd.-Rollo el. DML PK10 3009KWL</t>
  </si>
  <si>
    <t>DML PK10 4556K</t>
  </si>
  <si>
    <t>5702329467124</t>
  </si>
  <si>
    <t>VELUX Verd.-Rollo el. DML PK10 4556K</t>
  </si>
  <si>
    <t>DML PK10 4556KWL</t>
  </si>
  <si>
    <t>5702329475396</t>
  </si>
  <si>
    <t>VELUX Verd.-Rollo el. DML PK10 4556KWL</t>
  </si>
  <si>
    <t>DML PK10 4559K</t>
  </si>
  <si>
    <t>5702329467131</t>
  </si>
  <si>
    <t>VELUX Verd.-Rollo el. DML PK10 4559K</t>
  </si>
  <si>
    <t>DML PK10 4559KWL</t>
  </si>
  <si>
    <t>5702329475402</t>
  </si>
  <si>
    <t>VELUX Verd.-Rollo el. DML PK10 4559KWL</t>
  </si>
  <si>
    <t>DML PK10 4564KWL</t>
  </si>
  <si>
    <t>5702329475419</t>
  </si>
  <si>
    <t>VELUX Verd.-Rollo el. DML PK10 4564KWL</t>
  </si>
  <si>
    <t>DML PK10 4574K</t>
  </si>
  <si>
    <t>5702329467155</t>
  </si>
  <si>
    <t>VELUX Verd.-Rollo el. DML PK10 4574K</t>
  </si>
  <si>
    <t>DML PK10 4574KWL</t>
  </si>
  <si>
    <t>5702329475426</t>
  </si>
  <si>
    <t>VELUX Verd.-Rollo el. DML PK10 4574KWL</t>
  </si>
  <si>
    <t>DML PK10 4575K</t>
  </si>
  <si>
    <t>5702329467162</t>
  </si>
  <si>
    <t>VELUX Verd.-Rollo el. DML PK10 4575K</t>
  </si>
  <si>
    <t>DML PK10 4575KWL</t>
  </si>
  <si>
    <t>5702329475433</t>
  </si>
  <si>
    <t>VELUX Verd.-Rollo el. DML PK10 4575KWL</t>
  </si>
  <si>
    <t>DML PK10 4576K</t>
  </si>
  <si>
    <t>5702329467179</t>
  </si>
  <si>
    <t>VELUX Verd.-Rollo el. DML PK10 4576K</t>
  </si>
  <si>
    <t>DML PK10 4576KWL</t>
  </si>
  <si>
    <t>5702329475440</t>
  </si>
  <si>
    <t>VELUX Verd.-Rollo el. DML PK10 4576KWL</t>
  </si>
  <si>
    <t>DML PK10 4577K</t>
  </si>
  <si>
    <t>5702329467186</t>
  </si>
  <si>
    <t>VELUX Verd.-Rollo el. DML PK10 4577K</t>
  </si>
  <si>
    <t>DML PK10 4577KWL</t>
  </si>
  <si>
    <t>5702329475457</t>
  </si>
  <si>
    <t>VELUX Verd.-Rollo el. DML PK10 4577KWL</t>
  </si>
  <si>
    <t>DML PK10 4578KWL</t>
  </si>
  <si>
    <t>5702329475464</t>
  </si>
  <si>
    <t>VELUX Verd.-Rollo el. DML PK10 4578KWL</t>
  </si>
  <si>
    <t>DML PK10 4579K</t>
  </si>
  <si>
    <t>5702329467209</t>
  </si>
  <si>
    <t>VELUX Verd.-Rollo el. DML PK10 4579K</t>
  </si>
  <si>
    <t>DML PK10 4579KWL</t>
  </si>
  <si>
    <t>5702329475471</t>
  </si>
  <si>
    <t>VELUX Verd.-Rollo el. DML PK10 4579KWL</t>
  </si>
  <si>
    <t>DML PK10 4580K</t>
  </si>
  <si>
    <t>5702329467216</t>
  </si>
  <si>
    <t>VELUX Verd.-Rollo el. DML PK10 4580K</t>
  </si>
  <si>
    <t>DML PK10 4580KWL</t>
  </si>
  <si>
    <t>5702329475488</t>
  </si>
  <si>
    <t>VELUX Verd.-Rollo el. DML PK10 4580KWL</t>
  </si>
  <si>
    <t>DML PK10 4581K</t>
  </si>
  <si>
    <t>5702329467223</t>
  </si>
  <si>
    <t>VELUX Verd.-Rollo el. DML PK10 4581K</t>
  </si>
  <si>
    <t>DML PK10 4581KWL</t>
  </si>
  <si>
    <t>5702329475495</t>
  </si>
  <si>
    <t>VELUX Verd.-Rollo el. DML PK10 4581KWL</t>
  </si>
  <si>
    <t>DML PK10 CBYK</t>
  </si>
  <si>
    <t>5702329467230</t>
  </si>
  <si>
    <t>VELUX Verd.-Rollo el. DML PK10 CBYK</t>
  </si>
  <si>
    <t>DML PK10 CBYKWL</t>
  </si>
  <si>
    <t>5702329475501</t>
  </si>
  <si>
    <t>VELUX Verd.-Rollo el. DML PK10 CBYKWL</t>
  </si>
  <si>
    <t>DML S06 0705K</t>
  </si>
  <si>
    <t>5702329467605</t>
  </si>
  <si>
    <t>VELUX Verd.-Rollo el. DML S06 0705K</t>
  </si>
  <si>
    <t>DML S06 0705KWL</t>
  </si>
  <si>
    <t>5702329475853</t>
  </si>
  <si>
    <t>VELUX Verd.-Rollo el. DML S06 0705KWL</t>
  </si>
  <si>
    <t>DML S06 1025K</t>
  </si>
  <si>
    <t>5702329467612</t>
  </si>
  <si>
    <t>VELUX Verd.-Rollo el. DML S06 1025K</t>
  </si>
  <si>
    <t>DML S06 1025KWL</t>
  </si>
  <si>
    <t>5702329475860</t>
  </si>
  <si>
    <t>VELUX Verd.-Rollo el. DML S06 1025KWL</t>
  </si>
  <si>
    <t>DML S06 1085K</t>
  </si>
  <si>
    <t>5702329467629</t>
  </si>
  <si>
    <t>VELUX Verd.-Rollo el. DML S06 1085K</t>
  </si>
  <si>
    <t>DML S06 1085KWL</t>
  </si>
  <si>
    <t>5702329475877</t>
  </si>
  <si>
    <t>VELUX Verd.-Rollo el. DML S06 1085KWL</t>
  </si>
  <si>
    <t>DML S06 1100K</t>
  </si>
  <si>
    <t>5702329467636</t>
  </si>
  <si>
    <t>VELUX Verd.-Rollo el. DML S06 1100K</t>
  </si>
  <si>
    <t>DML S06 1100KWL</t>
  </si>
  <si>
    <t>5702329475884</t>
  </si>
  <si>
    <t>VELUX Verd.-Rollo el. DML S06 1100KWL</t>
  </si>
  <si>
    <t>DML S06 3009K</t>
  </si>
  <si>
    <t>5702329467643</t>
  </si>
  <si>
    <t>VELUX Verd.-Rollo el. DML S06 3009K</t>
  </si>
  <si>
    <t>DML S06 3009KWL</t>
  </si>
  <si>
    <t>5702329475891</t>
  </si>
  <si>
    <t>VELUX Verd.-Rollo el. DML S06 3009KWL</t>
  </si>
  <si>
    <t>DML S06 4556K</t>
  </si>
  <si>
    <t>5702329467650</t>
  </si>
  <si>
    <t>VELUX Verd.-Rollo el. DML S06 4556K</t>
  </si>
  <si>
    <t>DML S06 4556KWL</t>
  </si>
  <si>
    <t>5702329475907</t>
  </si>
  <si>
    <t>VELUX Verd.-Rollo el. DML S06 4556KWL</t>
  </si>
  <si>
    <t>DML S06 4559K</t>
  </si>
  <si>
    <t>5702329467667</t>
  </si>
  <si>
    <t>VELUX Verd.-Rollo el. DML S06 4559K</t>
  </si>
  <si>
    <t>DML S06 4559KWL</t>
  </si>
  <si>
    <t>5702329475914</t>
  </si>
  <si>
    <t>VELUX Verd.-Rollo el. DML S06 4559KWL</t>
  </si>
  <si>
    <t>DML S06 4564K</t>
  </si>
  <si>
    <t>5702329467674</t>
  </si>
  <si>
    <t>VELUX Verd.-Rollo el. DML S06 4564K</t>
  </si>
  <si>
    <t>DML S06 4574K</t>
  </si>
  <si>
    <t>5702329467681</t>
  </si>
  <si>
    <t>VELUX Verd.-Rollo el. DML S06 4574K</t>
  </si>
  <si>
    <t>DML S06 4574KWL</t>
  </si>
  <si>
    <t>5702329475938</t>
  </si>
  <si>
    <t>VELUX Verd.-Rollo el. DML S06 4574KWL</t>
  </si>
  <si>
    <t>DML S06 4575K</t>
  </si>
  <si>
    <t>5702329467698</t>
  </si>
  <si>
    <t>VELUX Verd.-Rollo el. DML S06 4575K</t>
  </si>
  <si>
    <t>DML S06 4575KWL</t>
  </si>
  <si>
    <t>5702329475945</t>
  </si>
  <si>
    <t>VELUX Verd.-Rollo el. DML S06 4575KWL</t>
  </si>
  <si>
    <t>DML S06 4576K</t>
  </si>
  <si>
    <t>5702329467704</t>
  </si>
  <si>
    <t>VELUX Verd.-Rollo el. DML S06 4576K</t>
  </si>
  <si>
    <t>DML S06 4576KWL</t>
  </si>
  <si>
    <t>5702329475952</t>
  </si>
  <si>
    <t>VELUX Verd.-Rollo el. DML S06 4576KWL</t>
  </si>
  <si>
    <t>DML S06 4577K</t>
  </si>
  <si>
    <t>5702329467711</t>
  </si>
  <si>
    <t>VELUX Verd.-Rollo el. DML S06 4577K</t>
  </si>
  <si>
    <t>DML S06 4578K</t>
  </si>
  <si>
    <t>5702329467728</t>
  </si>
  <si>
    <t>VELUX Verd.-Rollo el. DML S06 4578K</t>
  </si>
  <si>
    <t>DML S06 4578KWL</t>
  </si>
  <si>
    <t>5702329475976</t>
  </si>
  <si>
    <t>VELUX Verd.-Rollo el. DML S06 4578KWL</t>
  </si>
  <si>
    <t>DML S06 4579K</t>
  </si>
  <si>
    <t>5702329467735</t>
  </si>
  <si>
    <t>VELUX Verd.-Rollo el. DML S06 4579K</t>
  </si>
  <si>
    <t>DML S06 4579KWL</t>
  </si>
  <si>
    <t>5702329475983</t>
  </si>
  <si>
    <t>VELUX Verd.-Rollo el. DML S06 4579KWL</t>
  </si>
  <si>
    <t>DML S06 4580K</t>
  </si>
  <si>
    <t>5702329467742</t>
  </si>
  <si>
    <t>VELUX Verd.-Rollo el. DML S06 4580K</t>
  </si>
  <si>
    <t>DML S06 4580KWL</t>
  </si>
  <si>
    <t>5702329475990</t>
  </si>
  <si>
    <t>VELUX Verd.-Rollo el. DML S06 4580KWL</t>
  </si>
  <si>
    <t>DML S06 4581K</t>
  </si>
  <si>
    <t>5702329467759</t>
  </si>
  <si>
    <t>VELUX Verd.-Rollo el. DML S06 4581K</t>
  </si>
  <si>
    <t>DML S06 8801K</t>
  </si>
  <si>
    <t>5702329467766</t>
  </si>
  <si>
    <t>VELUX Verd.-Rollo el. DML S06 8801K</t>
  </si>
  <si>
    <t>DML S06 CBYK</t>
  </si>
  <si>
    <t>5702329467773</t>
  </si>
  <si>
    <t>VELUX Verd.-Rollo el. DML S06 CBYK</t>
  </si>
  <si>
    <t>DML S06 CBYKWL</t>
  </si>
  <si>
    <t>5702329476010</t>
  </si>
  <si>
    <t>VELUX Verd.-Rollo el. DML S06 CBYKWL</t>
  </si>
  <si>
    <t>DML S08 0705K</t>
  </si>
  <si>
    <t>5702329467780</t>
  </si>
  <si>
    <t>VELUX Verd.-Rollo el. DML S08 0705K</t>
  </si>
  <si>
    <t>DML S08 0705KWL</t>
  </si>
  <si>
    <t>5702329476027</t>
  </si>
  <si>
    <t>VELUX Verd.-Rollo el. DML S08 0705KWL</t>
  </si>
  <si>
    <t>DML S08 1025K</t>
  </si>
  <si>
    <t>5702329467797</t>
  </si>
  <si>
    <t>VELUX Verd.-Rollo el. DML S08 1025K</t>
  </si>
  <si>
    <t>DML S08 1025KWL</t>
  </si>
  <si>
    <t>5702329476034</t>
  </si>
  <si>
    <t>VELUX Verd.-Rollo el. DML S08 1025KWL</t>
  </si>
  <si>
    <t>DML S08 1085K</t>
  </si>
  <si>
    <t>5702329467803</t>
  </si>
  <si>
    <t>VELUX Verd.-Rollo el. DML S08 1085K</t>
  </si>
  <si>
    <t>DML S08 1085KWL</t>
  </si>
  <si>
    <t>5702329476041</t>
  </si>
  <si>
    <t>VELUX Verd.-Rollo el. DML S08 1085KWL</t>
  </si>
  <si>
    <t>DML S08 1100K</t>
  </si>
  <si>
    <t>5702329467810</t>
  </si>
  <si>
    <t>VELUX Verd.-Rollo el. DML S08 1100K</t>
  </si>
  <si>
    <t>DML S08 1100KWL</t>
  </si>
  <si>
    <t>5702329476058</t>
  </si>
  <si>
    <t>VELUX Verd.-Rollo el. DML S08 1100KWL</t>
  </si>
  <si>
    <t>DML S08 3009K</t>
  </si>
  <si>
    <t>5702329467827</t>
  </si>
  <si>
    <t>VELUX Verd.-Rollo el. DML S08 3009K</t>
  </si>
  <si>
    <t>DML S08 3009KWL</t>
  </si>
  <si>
    <t>5702329476065</t>
  </si>
  <si>
    <t>VELUX Verd.-Rollo el. DML S08 3009KWL</t>
  </si>
  <si>
    <t>DML S08 4556K</t>
  </si>
  <si>
    <t>5702329467834</t>
  </si>
  <si>
    <t>VELUX Verd.-Rollo el. DML S08 4556K</t>
  </si>
  <si>
    <t>DML S08 4556KWL</t>
  </si>
  <si>
    <t>5702329476072</t>
  </si>
  <si>
    <t>VELUX Verd.-Rollo el. DML S08 4556KWL</t>
  </si>
  <si>
    <t>DML S08 4574K</t>
  </si>
  <si>
    <t>5702329467865</t>
  </si>
  <si>
    <t>VELUX Verd.-Rollo el. DML S08 4574K</t>
  </si>
  <si>
    <t>DML S08 4574KWL</t>
  </si>
  <si>
    <t>5702329476102</t>
  </si>
  <si>
    <t>VELUX Verd.-Rollo el. DML S08 4574KWL</t>
  </si>
  <si>
    <t>DML S08 4575K</t>
  </si>
  <si>
    <t>5702329467872</t>
  </si>
  <si>
    <t>VELUX Verd.-Rollo el. DML S08 4575K</t>
  </si>
  <si>
    <t>DML S08 4576K</t>
  </si>
  <si>
    <t>5702329467889</t>
  </si>
  <si>
    <t>VELUX Verd.-Rollo el. DML S08 4576K</t>
  </si>
  <si>
    <t>DML S08 4576KWL</t>
  </si>
  <si>
    <t>5702329476126</t>
  </si>
  <si>
    <t>VELUX Verd.-Rollo el. DML S08 4576KWL</t>
  </si>
  <si>
    <t>DML S08 4577K</t>
  </si>
  <si>
    <t>5702329467896</t>
  </si>
  <si>
    <t>VELUX Verd.-Rollo el. DML S08 4577K</t>
  </si>
  <si>
    <t>DML S08 4577KWL</t>
  </si>
  <si>
    <t>5702329476133</t>
  </si>
  <si>
    <t>VELUX Verd.-Rollo el. DML S08 4577KWL</t>
  </si>
  <si>
    <t>DML S08 4578K</t>
  </si>
  <si>
    <t>5702329467902</t>
  </si>
  <si>
    <t>VELUX Verd.-Rollo el. DML S08 4578K</t>
  </si>
  <si>
    <t>DML S08 4579K</t>
  </si>
  <si>
    <t>5702329467919</t>
  </si>
  <si>
    <t>VELUX Verd.-Rollo el. DML S08 4579K</t>
  </si>
  <si>
    <t>DML S08 4580K</t>
  </si>
  <si>
    <t>5702329467926</t>
  </si>
  <si>
    <t>VELUX Verd.-Rollo el. DML S08 4580K</t>
  </si>
  <si>
    <t>DML S08 4580KWL</t>
  </si>
  <si>
    <t>5702329476164</t>
  </si>
  <si>
    <t>VELUX Verd.-Rollo el. DML S08 4580KWL</t>
  </si>
  <si>
    <t>DML S08 4581KWL</t>
  </si>
  <si>
    <t>5702329476171</t>
  </si>
  <si>
    <t>VELUX Verd.-Rollo el. DML S08 4581KWL</t>
  </si>
  <si>
    <t>DML S08 CBYK</t>
  </si>
  <si>
    <t>5702329467957</t>
  </si>
  <si>
    <t>VELUX Verd.-Rollo el. DML S08 CBYK</t>
  </si>
  <si>
    <t>DML S08 CBYKWL</t>
  </si>
  <si>
    <t>5702329476188</t>
  </si>
  <si>
    <t>VELUX Verd.-Rollo el. DML S08 CBYKWL</t>
  </si>
  <si>
    <t>DML S10 0705K</t>
  </si>
  <si>
    <t>5702329467964</t>
  </si>
  <si>
    <t>VELUX Verd.-Rollo el. DML S10 0705K</t>
  </si>
  <si>
    <t>DML S10 0705KWL</t>
  </si>
  <si>
    <t>5702329476195</t>
  </si>
  <si>
    <t>VELUX Verd.-Rollo el. DML S10 0705KWL</t>
  </si>
  <si>
    <t>DML S10 1025K</t>
  </si>
  <si>
    <t>5702329467971</t>
  </si>
  <si>
    <t>VELUX Verd.-Rollo el. DML S10 1025K</t>
  </si>
  <si>
    <t>DML S10 1025KWL</t>
  </si>
  <si>
    <t>5702329476201</t>
  </si>
  <si>
    <t>VELUX Verd.-Rollo el. DML S10 1025KWL</t>
  </si>
  <si>
    <t>DML S10 1085K</t>
  </si>
  <si>
    <t>5702329467988</t>
  </si>
  <si>
    <t>VELUX Verd.-Rollo el. DML S10 1085K</t>
  </si>
  <si>
    <t>DML S10 1100K</t>
  </si>
  <si>
    <t>5702329467995</t>
  </si>
  <si>
    <t>VELUX Verd.-Rollo el. DML S10 1100K</t>
  </si>
  <si>
    <t>DML S10 3009K</t>
  </si>
  <si>
    <t>5702329468008</t>
  </si>
  <si>
    <t>VELUX Verd.-Rollo el. DML S10 3009K</t>
  </si>
  <si>
    <t>DML S10 4581K</t>
  </si>
  <si>
    <t>5702329468114</t>
  </si>
  <si>
    <t>VELUX Verd.-Rollo el. DML S10 4581K</t>
  </si>
  <si>
    <t>DML S10 CBYK</t>
  </si>
  <si>
    <t>5702329468121</t>
  </si>
  <si>
    <t>VELUX Verd.-Rollo el. DML S10 CBYK</t>
  </si>
  <si>
    <t>DML S10 CBYKWL</t>
  </si>
  <si>
    <t>5702329476355</t>
  </si>
  <si>
    <t>VELUX Verd.-Rollo el. DML S10 CBYKWL</t>
  </si>
  <si>
    <t>DML SK06 0705K</t>
  </si>
  <si>
    <t>5702329468312</t>
  </si>
  <si>
    <t>VELUX Verd.-Rollo el. DML SK06 0705K</t>
  </si>
  <si>
    <t>DML SK06 0705KWL</t>
  </si>
  <si>
    <t>5702329476539</t>
  </si>
  <si>
    <t>VELUX Verd.-Rollo el. DML SK06 0705KWL</t>
  </si>
  <si>
    <t>DML SK06 1025K</t>
  </si>
  <si>
    <t>5702329468329</t>
  </si>
  <si>
    <t>VELUX Verd.-Rollo el. DML SK06 1025K</t>
  </si>
  <si>
    <t>DML SK06 1025KWL</t>
  </si>
  <si>
    <t>5702329476546</t>
  </si>
  <si>
    <t>VELUX Verd.-Rollo el. DML SK06 1025KWL</t>
  </si>
  <si>
    <t>DML SK06 1085K</t>
  </si>
  <si>
    <t>5702329468336</t>
  </si>
  <si>
    <t>VELUX Verd.-Rollo el. DML SK06 1085K</t>
  </si>
  <si>
    <t>DML SK06 1085KWL</t>
  </si>
  <si>
    <t>5702329476553</t>
  </si>
  <si>
    <t>VELUX Verd.-Rollo el. DML SK06 1085KWL</t>
  </si>
  <si>
    <t>DML SK06 1100K</t>
  </si>
  <si>
    <t>5702329468343</t>
  </si>
  <si>
    <t>VELUX Verd.-Rollo el. DML SK06 1100K</t>
  </si>
  <si>
    <t>DML SK06 1100KWL</t>
  </si>
  <si>
    <t>5702329476560</t>
  </si>
  <si>
    <t>VELUX Verd.-Rollo el. DML SK06 1100KWL</t>
  </si>
  <si>
    <t>DML SK06 3009K</t>
  </si>
  <si>
    <t>5702329468350</t>
  </si>
  <si>
    <t>VELUX Verd.-Rollo el. DML SK06 3009K</t>
  </si>
  <si>
    <t>DML SK06 3009KWL</t>
  </si>
  <si>
    <t>5702329476577</t>
  </si>
  <si>
    <t>VELUX Verd.-Rollo el. DML SK06 3009KWL</t>
  </si>
  <si>
    <t>DML SK06 4556K</t>
  </si>
  <si>
    <t>5702329468367</t>
  </si>
  <si>
    <t>VELUX Verd.-Rollo el. DML SK06 4556K</t>
  </si>
  <si>
    <t>DML SK06 4556KWL</t>
  </si>
  <si>
    <t>5702329476584</t>
  </si>
  <si>
    <t>VELUX Verd.-Rollo el. DML SK06 4556KWL</t>
  </si>
  <si>
    <t>DML SK06 4559K</t>
  </si>
  <si>
    <t>5702329468374</t>
  </si>
  <si>
    <t>VELUX Verd.-Rollo el. DML SK06 4559K</t>
  </si>
  <si>
    <t>DML SK06 4559KWL</t>
  </si>
  <si>
    <t>5702329476591</t>
  </si>
  <si>
    <t>VELUX Verd.-Rollo el. DML SK06 4559KWL</t>
  </si>
  <si>
    <t>DML SK06 4564K</t>
  </si>
  <si>
    <t>5702329468381</t>
  </si>
  <si>
    <t>VELUX Verd.-Rollo el. DML SK06 4564K</t>
  </si>
  <si>
    <t>DML SK06 4564KWL</t>
  </si>
  <si>
    <t>5702329476607</t>
  </si>
  <si>
    <t>VELUX Verd.-Rollo el. DML SK06 4564KWL</t>
  </si>
  <si>
    <t>DML SK06 4574K</t>
  </si>
  <si>
    <t>5702329468398</t>
  </si>
  <si>
    <t>VELUX Verd.-Rollo el. DML SK06 4574K</t>
  </si>
  <si>
    <t>DML SK06 4574KWL</t>
  </si>
  <si>
    <t>5702329476614</t>
  </si>
  <si>
    <t>VELUX Verd.-Rollo el. DML SK06 4574KWL</t>
  </si>
  <si>
    <t>DML SK06 4575K</t>
  </si>
  <si>
    <t>5702329468404</t>
  </si>
  <si>
    <t>VELUX Verd.-Rollo el. DML SK06 4575K</t>
  </si>
  <si>
    <t>DML SK06 4575KWL</t>
  </si>
  <si>
    <t>5702329476621</t>
  </si>
  <si>
    <t>VELUX Verd.-Rollo el. DML SK06 4575KWL</t>
  </si>
  <si>
    <t>DML SK06 4576K</t>
  </si>
  <si>
    <t>5702329468411</t>
  </si>
  <si>
    <t>VELUX Verd.-Rollo el. DML SK06 4576K</t>
  </si>
  <si>
    <t>DML SK06 4576KWL</t>
  </si>
  <si>
    <t>5702329476638</t>
  </si>
  <si>
    <t>VELUX Verd.-Rollo el. DML SK06 4576KWL</t>
  </si>
  <si>
    <t>DML SK06 4577K</t>
  </si>
  <si>
    <t>5702329468428</t>
  </si>
  <si>
    <t>VELUX Verd.-Rollo el. DML SK06 4577K</t>
  </si>
  <si>
    <t>DML SK06 4577KWL</t>
  </si>
  <si>
    <t>5702329476645</t>
  </si>
  <si>
    <t>VELUX Verd.-Rollo el. DML SK06 4577KWL</t>
  </si>
  <si>
    <t>DML SK06 4578K</t>
  </si>
  <si>
    <t>5702329468435</t>
  </si>
  <si>
    <t>VELUX Verd.-Rollo el. DML SK06 4578K</t>
  </si>
  <si>
    <t>DML SK06 4578KWL</t>
  </si>
  <si>
    <t>5702329476652</t>
  </si>
  <si>
    <t>VELUX Verd.-Rollo el. DML SK06 4578KWL</t>
  </si>
  <si>
    <t>DML SK06 4579K</t>
  </si>
  <si>
    <t>5702329468442</t>
  </si>
  <si>
    <t>VELUX Verd.-Rollo el. DML SK06 4579K</t>
  </si>
  <si>
    <t>DML SK06 4579KWL</t>
  </si>
  <si>
    <t>5702329476669</t>
  </si>
  <si>
    <t>VELUX Verd.-Rollo el. DML SK06 4579KWL</t>
  </si>
  <si>
    <t>DML SK06 4580K</t>
  </si>
  <si>
    <t>5702329468459</t>
  </si>
  <si>
    <t>VELUX Verd.-Rollo el. DML SK06 4580K</t>
  </si>
  <si>
    <t>DML SK06 4580KWL</t>
  </si>
  <si>
    <t>5702329476676</t>
  </si>
  <si>
    <t>VELUX Verd.-Rollo el. DML SK06 4580KWL</t>
  </si>
  <si>
    <t>DML SK06 4581K</t>
  </si>
  <si>
    <t>5702329468466</t>
  </si>
  <si>
    <t>VELUX Verd.-Rollo el. DML SK06 4581K</t>
  </si>
  <si>
    <t>DML SK06 4581KWL</t>
  </si>
  <si>
    <t>5702329476683</t>
  </si>
  <si>
    <t>VELUX Verd.-Rollo el. DML SK06 4581KWL</t>
  </si>
  <si>
    <t>DML SK06 8801K</t>
  </si>
  <si>
    <t>5702329468473</t>
  </si>
  <si>
    <t>VELUX Verd.-Rollo el. DML SK06 8801K</t>
  </si>
  <si>
    <t>DML SK06 CBYK</t>
  </si>
  <si>
    <t>5702329468480</t>
  </si>
  <si>
    <t>VELUX Verd.-Rollo el. DML SK06 CBYK</t>
  </si>
  <si>
    <t>DML SK06 CBYKWL</t>
  </si>
  <si>
    <t>5702329476690</t>
  </si>
  <si>
    <t>VELUX Verd.-Rollo el. DML SK06 CBYKWL</t>
  </si>
  <si>
    <t>DML SK08 0705K</t>
  </si>
  <si>
    <t>5702329468497</t>
  </si>
  <si>
    <t>VELUX Verd.-Rollo el. DML SK08 0705K</t>
  </si>
  <si>
    <t>DML SK08 0705KWL</t>
  </si>
  <si>
    <t>5702329476706</t>
  </si>
  <si>
    <t>VELUX Verd.-Rollo el. DML SK08 0705KWL</t>
  </si>
  <si>
    <t>DML SK08 1025K</t>
  </si>
  <si>
    <t>5702329468503</t>
  </si>
  <si>
    <t>VELUX Verd.-Rollo el. DML SK08 1025K</t>
  </si>
  <si>
    <t>DML SK08 1025KWL</t>
  </si>
  <si>
    <t>5702329476713</t>
  </si>
  <si>
    <t>VELUX Verd.-Rollo el. DML SK08 1025KWL</t>
  </si>
  <si>
    <t>DML SK08 1085K</t>
  </si>
  <si>
    <t>5702329468510</t>
  </si>
  <si>
    <t>VELUX Verd.-Rollo el. DML SK08 1085K</t>
  </si>
  <si>
    <t>DML SK08 1085KWL</t>
  </si>
  <si>
    <t>5702329476720</t>
  </si>
  <si>
    <t>VELUX Verd.-Rollo el. DML SK08 1085KWL</t>
  </si>
  <si>
    <t>DML SK08 1100K</t>
  </si>
  <si>
    <t>5702329468527</t>
  </si>
  <si>
    <t>VELUX Verd.-Rollo el. DML SK08 1100K</t>
  </si>
  <si>
    <t>DML SK08 1100KWL</t>
  </si>
  <si>
    <t>5702329476737</t>
  </si>
  <si>
    <t>VELUX Verd.-Rollo el. DML SK08 1100KWL</t>
  </si>
  <si>
    <t>DML SK08 3009K</t>
  </si>
  <si>
    <t>5702329468534</t>
  </si>
  <si>
    <t>VELUX Verd.-Rollo el. DML SK08 3009K</t>
  </si>
  <si>
    <t>DML SK08 3009KWL</t>
  </si>
  <si>
    <t>5702329476744</t>
  </si>
  <si>
    <t>VELUX Verd.-Rollo el. DML SK08 3009KWL</t>
  </si>
  <si>
    <t>DML SK08 4556K</t>
  </si>
  <si>
    <t>5702329468541</t>
  </si>
  <si>
    <t>VELUX Verd.-Rollo el. DML SK08 4556K</t>
  </si>
  <si>
    <t>DML SK08 4556KWL</t>
  </si>
  <si>
    <t>5702329476751</t>
  </si>
  <si>
    <t>VELUX Verd.-Rollo el. DML SK08 4556KWL</t>
  </si>
  <si>
    <t>DML SK08 4559K</t>
  </si>
  <si>
    <t>5702329468558</t>
  </si>
  <si>
    <t>VELUX Verd.-Rollo el. DML SK08 4559K</t>
  </si>
  <si>
    <t>DML SK08 4559KWL</t>
  </si>
  <si>
    <t>5702329476768</t>
  </si>
  <si>
    <t>VELUX Verd.-Rollo el. DML SK08 4559KWL</t>
  </si>
  <si>
    <t>DML SK08 4564K</t>
  </si>
  <si>
    <t>5702329468565</t>
  </si>
  <si>
    <t>VELUX Verd.-Rollo el. DML SK08 4564K</t>
  </si>
  <si>
    <t>DML SK08 4564KWL</t>
  </si>
  <si>
    <t>5702329476775</t>
  </si>
  <si>
    <t>VELUX Verd.-Rollo el. DML SK08 4564KWL</t>
  </si>
  <si>
    <t>DML SK08 4574K</t>
  </si>
  <si>
    <t>5702329468572</t>
  </si>
  <si>
    <t>VELUX Verd.-Rollo el. DML SK08 4574K</t>
  </si>
  <si>
    <t>DML SK08 4574KWL</t>
  </si>
  <si>
    <t>5702329476782</t>
  </si>
  <si>
    <t>VELUX Verd.-Rollo el. DML SK08 4574KWL</t>
  </si>
  <si>
    <t>DML SK08 4575KWL</t>
  </si>
  <si>
    <t>5702329476799</t>
  </si>
  <si>
    <t>VELUX Verd.-Rollo el. DML SK08 4575KWL</t>
  </si>
  <si>
    <t>DML SK08 4576K</t>
  </si>
  <si>
    <t>5702329468596</t>
  </si>
  <si>
    <t>VELUX Verd.-Rollo el. DML SK08 4576K</t>
  </si>
  <si>
    <t>DML SK08 4576KWL</t>
  </si>
  <si>
    <t>5702329476805</t>
  </si>
  <si>
    <t>VELUX Verd.-Rollo el. DML SK08 4576KWL</t>
  </si>
  <si>
    <t>DML SK08 4577K</t>
  </si>
  <si>
    <t>5702329468602</t>
  </si>
  <si>
    <t>VELUX Verd.-Rollo el. DML SK08 4577K</t>
  </si>
  <si>
    <t>DML SK08 4577KWL</t>
  </si>
  <si>
    <t>5702329476812</t>
  </si>
  <si>
    <t>VELUX Verd.-Rollo el. DML SK08 4577KWL</t>
  </si>
  <si>
    <t>DML SK08 4578K</t>
  </si>
  <si>
    <t>5702329468619</t>
  </si>
  <si>
    <t>VELUX Verd.-Rollo el. DML SK08 4578K</t>
  </si>
  <si>
    <t>DML SK08 4578KWL</t>
  </si>
  <si>
    <t>5702329476829</t>
  </si>
  <si>
    <t>VELUX Verd.-Rollo el. DML SK08 4578KWL</t>
  </si>
  <si>
    <t>DML SK08 4579K</t>
  </si>
  <si>
    <t>5702329468626</t>
  </si>
  <si>
    <t>VELUX Verd.-Rollo el. DML SK08 4579K</t>
  </si>
  <si>
    <t>DML SK08 4579KWL</t>
  </si>
  <si>
    <t>5702329476836</t>
  </si>
  <si>
    <t>VELUX Verd.-Rollo el. DML SK08 4579KWL</t>
  </si>
  <si>
    <t>DML SK08 4580K</t>
  </si>
  <si>
    <t>5702329468633</t>
  </si>
  <si>
    <t>VELUX Verd.-Rollo el. DML SK08 4580K</t>
  </si>
  <si>
    <t>DML SK08 4580KWL</t>
  </si>
  <si>
    <t>5702329476843</t>
  </si>
  <si>
    <t>VELUX Verd.-Rollo el. DML SK08 4580KWL</t>
  </si>
  <si>
    <t>DML SK08 4581K</t>
  </si>
  <si>
    <t>5702329468640</t>
  </si>
  <si>
    <t>VELUX Verd.-Rollo el. DML SK08 4581K</t>
  </si>
  <si>
    <t>DML SK08 4581KWL</t>
  </si>
  <si>
    <t>5702329476850</t>
  </si>
  <si>
    <t>VELUX Verd.-Rollo el. DML SK08 4581KWL</t>
  </si>
  <si>
    <t>DML SK08 8801K</t>
  </si>
  <si>
    <t>5702329468657</t>
  </si>
  <si>
    <t>VELUX Verd.-Rollo el. DML SK08 8801K</t>
  </si>
  <si>
    <t>DML SK08 CBYK</t>
  </si>
  <si>
    <t>5702329468664</t>
  </si>
  <si>
    <t>VELUX Verd.-Rollo el. DML SK08 CBYK</t>
  </si>
  <si>
    <t>DML SK08 CBYKWL</t>
  </si>
  <si>
    <t>5702329476867</t>
  </si>
  <si>
    <t>VELUX Verd.-Rollo el. DML SK08 CBYKWL</t>
  </si>
  <si>
    <t>DML SK10 0705K</t>
  </si>
  <si>
    <t>5702329468671</t>
  </si>
  <si>
    <t>VELUX Verd.-Rollo el. DML SK10 0705K</t>
  </si>
  <si>
    <t>DML SK10 0705KWL</t>
  </si>
  <si>
    <t>5702329476874</t>
  </si>
  <si>
    <t>VELUX Verd.-Rollo el. DML SK10 0705KWL</t>
  </si>
  <si>
    <t>DML SK10 1025K</t>
  </si>
  <si>
    <t>5702329468688</t>
  </si>
  <si>
    <t>VELUX Verd.-Rollo el. DML SK10 1025K</t>
  </si>
  <si>
    <t>DML SK10 1025KWL</t>
  </si>
  <si>
    <t>5702329476881</t>
  </si>
  <si>
    <t>VELUX Verd.-Rollo el. DML SK10 1025KWL</t>
  </si>
  <si>
    <t>DML SK10 1085K</t>
  </si>
  <si>
    <t>5702329468695</t>
  </si>
  <si>
    <t>VELUX Verd.-Rollo el. DML SK10 1085K</t>
  </si>
  <si>
    <t>DML SK10 1085KWL</t>
  </si>
  <si>
    <t>5702329476898</t>
  </si>
  <si>
    <t>VELUX Verd.-Rollo el. DML SK10 1085KWL</t>
  </si>
  <si>
    <t>DML SK10 1100K</t>
  </si>
  <si>
    <t>5702329468701</t>
  </si>
  <si>
    <t>VELUX Verd.-Rollo el. DML SK10 1100K</t>
  </si>
  <si>
    <t>DML SK10 1100KWL</t>
  </si>
  <si>
    <t>5702329476904</t>
  </si>
  <si>
    <t>VELUX Verd.-Rollo el. DML SK10 1100KWL</t>
  </si>
  <si>
    <t>DML SK10 3009K</t>
  </si>
  <si>
    <t>5702329468718</t>
  </si>
  <si>
    <t>VELUX Verd.-Rollo el. DML SK10 3009K</t>
  </si>
  <si>
    <t>DML SK10 3009KWL</t>
  </si>
  <si>
    <t>5702329476911</t>
  </si>
  <si>
    <t>VELUX Verd.-Rollo el. DML SK10 3009KWL</t>
  </si>
  <si>
    <t>DML SK10 4556K</t>
  </si>
  <si>
    <t>5702329468725</t>
  </si>
  <si>
    <t>VELUX Verd.-Rollo el. DML SK10 4556K</t>
  </si>
  <si>
    <t>DML SK10 4556KWL</t>
  </si>
  <si>
    <t>5702329476928</t>
  </si>
  <si>
    <t>VELUX Verd.-Rollo el. DML SK10 4556KWL</t>
  </si>
  <si>
    <t>DML SK10 4564K</t>
  </si>
  <si>
    <t>5702329468749</t>
  </si>
  <si>
    <t>VELUX Verd.-Rollo el. DML SK10 4564K</t>
  </si>
  <si>
    <t>DML SK10 4564KWL</t>
  </si>
  <si>
    <t>5702329476942</t>
  </si>
  <si>
    <t>VELUX Verd.-Rollo el. DML SK10 4564KWL</t>
  </si>
  <si>
    <t>DML SK10 4574KWL</t>
  </si>
  <si>
    <t>5702329476959</t>
  </si>
  <si>
    <t>VELUX Verd.-Rollo el. DML SK10 4574KWL</t>
  </si>
  <si>
    <t>DML SK10 4575KWL</t>
  </si>
  <si>
    <t>5702329476966</t>
  </si>
  <si>
    <t>VELUX Verd.-Rollo el. DML SK10 4575KWL</t>
  </si>
  <si>
    <t>DML SK10 4576K</t>
  </si>
  <si>
    <t>5702329468770</t>
  </si>
  <si>
    <t>VELUX Verd.-Rollo el. DML SK10 4576K</t>
  </si>
  <si>
    <t>DML SK10 4576KWL</t>
  </si>
  <si>
    <t>5702329476973</t>
  </si>
  <si>
    <t>VELUX Verd.-Rollo el. DML SK10 4576KWL</t>
  </si>
  <si>
    <t>DML SK10 4577KWL</t>
  </si>
  <si>
    <t>5702329476980</t>
  </si>
  <si>
    <t>VELUX Verd.-Rollo el. DML SK10 4577KWL</t>
  </si>
  <si>
    <t>DML SK10 4578K</t>
  </si>
  <si>
    <t>5702329468794</t>
  </si>
  <si>
    <t>VELUX Verd.-Rollo el. DML SK10 4578K</t>
  </si>
  <si>
    <t>DML SK10 4578KWL</t>
  </si>
  <si>
    <t>5702329476997</t>
  </si>
  <si>
    <t>VELUX Verd.-Rollo el. DML SK10 4578KWL</t>
  </si>
  <si>
    <t>DML SK10 4580K</t>
  </si>
  <si>
    <t>5702329468817</t>
  </si>
  <si>
    <t>VELUX Verd.-Rollo el. DML SK10 4580K</t>
  </si>
  <si>
    <t>DML SK10 4580KWL</t>
  </si>
  <si>
    <t>5702329477017</t>
  </si>
  <si>
    <t>VELUX Verd.-Rollo el. DML SK10 4580KWL</t>
  </si>
  <si>
    <t>DML SK10 4581K</t>
  </si>
  <si>
    <t>5702329468824</t>
  </si>
  <si>
    <t>VELUX Verd.-Rollo el. DML SK10 4581K</t>
  </si>
  <si>
    <t>DML SK10 4581KWL</t>
  </si>
  <si>
    <t>5702329477024</t>
  </si>
  <si>
    <t>VELUX Verd.-Rollo el. DML SK10 4581KWL</t>
  </si>
  <si>
    <t>DML SK10 CBYK</t>
  </si>
  <si>
    <t>5702329468831</t>
  </si>
  <si>
    <t>VELUX Verd.-Rollo el. DML SK10 CBYK</t>
  </si>
  <si>
    <t>DML SK10 CBYKWL</t>
  </si>
  <si>
    <t>5702329477031</t>
  </si>
  <si>
    <t>VELUX Verd.-Rollo el. DML SK10 CBYKWL</t>
  </si>
  <si>
    <t>DML U04 0705K</t>
  </si>
  <si>
    <t>5702329468848</t>
  </si>
  <si>
    <t>VELUX Verd.-Rollo el. DML U04 0705K</t>
  </si>
  <si>
    <t>DML U04 0705KWL</t>
  </si>
  <si>
    <t>5702329477048</t>
  </si>
  <si>
    <t>VELUX Verd.-Rollo el. DML U04 0705KWL</t>
  </si>
  <si>
    <t>DML U04 1025K</t>
  </si>
  <si>
    <t>5702329468855</t>
  </si>
  <si>
    <t>VELUX Verd.-Rollo el. DML U04 1025K</t>
  </si>
  <si>
    <t>DML U04 1025KWL</t>
  </si>
  <si>
    <t>5702329477055</t>
  </si>
  <si>
    <t>VELUX Verd.-Rollo el. DML U04 1025KWL</t>
  </si>
  <si>
    <t>DML U04 1085K</t>
  </si>
  <si>
    <t>5702329468862</t>
  </si>
  <si>
    <t>VELUX Verd.-Rollo el. DML U04 1085K</t>
  </si>
  <si>
    <t>DML U04 1085KWL</t>
  </si>
  <si>
    <t>5702329477062</t>
  </si>
  <si>
    <t>VELUX Verd.-Rollo el. DML U04 1085KWL</t>
  </si>
  <si>
    <t>DML U04 1100K</t>
  </si>
  <si>
    <t>5702329468879</t>
  </si>
  <si>
    <t>VELUX Verd.-Rollo el. DML U04 1100K</t>
  </si>
  <si>
    <t>DML U04 1100KWL</t>
  </si>
  <si>
    <t>5702329477079</t>
  </si>
  <si>
    <t>VELUX Verd.-Rollo el. DML U04 1100KWL</t>
  </si>
  <si>
    <t>DML U04 3009K</t>
  </si>
  <si>
    <t>5702329468886</t>
  </si>
  <si>
    <t>VELUX Verd.-Rollo el. DML U04 3009K</t>
  </si>
  <si>
    <t>DML U04 3009KWL</t>
  </si>
  <si>
    <t>5702329477086</t>
  </si>
  <si>
    <t>VELUX Verd.-Rollo el. DML U04 3009KWL</t>
  </si>
  <si>
    <t>DML U04 4556K</t>
  </si>
  <si>
    <t>5702329468893</t>
  </si>
  <si>
    <t>VELUX Verd.-Rollo el. DML U04 4556K</t>
  </si>
  <si>
    <t>DML U04 4556KWL</t>
  </si>
  <si>
    <t>5702329477093</t>
  </si>
  <si>
    <t>VELUX Verd.-Rollo el. DML U04 4556KWL</t>
  </si>
  <si>
    <t>DML U04 4559K</t>
  </si>
  <si>
    <t>5702329468909</t>
  </si>
  <si>
    <t>VELUX Verd.-Rollo el. DML U04 4559K</t>
  </si>
  <si>
    <t>DML U04 4559KWL</t>
  </si>
  <si>
    <t>5702329477109</t>
  </si>
  <si>
    <t>VELUX Verd.-Rollo el. DML U04 4559KWL</t>
  </si>
  <si>
    <t>DML U04 4564K</t>
  </si>
  <si>
    <t>5702329468916</t>
  </si>
  <si>
    <t>VELUX Verd.-Rollo el. DML U04 4564K</t>
  </si>
  <si>
    <t>DML U04 4574K</t>
  </si>
  <si>
    <t>5702329468923</t>
  </si>
  <si>
    <t>VELUX Verd.-Rollo el. DML U04 4574K</t>
  </si>
  <si>
    <t>DML U04 4574KWL</t>
  </si>
  <si>
    <t>5702329477123</t>
  </si>
  <si>
    <t>VELUX Verd.-Rollo el. DML U04 4574KWL</t>
  </si>
  <si>
    <t>DML U04 4575K</t>
  </si>
  <si>
    <t>5702329468930</t>
  </si>
  <si>
    <t>VELUX Verd.-Rollo el. DML U04 4575K</t>
  </si>
  <si>
    <t>DML U04 4575KWL</t>
  </si>
  <si>
    <t>5702329477130</t>
  </si>
  <si>
    <t>VELUX Verd.-Rollo el. DML U04 4575KWL</t>
  </si>
  <si>
    <t>DML U04 4576K</t>
  </si>
  <si>
    <t>5702329468947</t>
  </si>
  <si>
    <t>VELUX Verd.-Rollo el. DML U04 4576K</t>
  </si>
  <si>
    <t>DML U04 4576KWL</t>
  </si>
  <si>
    <t>5702329477147</t>
  </si>
  <si>
    <t>VELUX Verd.-Rollo el. DML U04 4576KWL</t>
  </si>
  <si>
    <t>DML U04 4577K</t>
  </si>
  <si>
    <t>5702329468954</t>
  </si>
  <si>
    <t>VELUX Verd.-Rollo el. DML U04 4577K</t>
  </si>
  <si>
    <t>DML U04 4577KWL</t>
  </si>
  <si>
    <t>5702329477154</t>
  </si>
  <si>
    <t>VELUX Verd.-Rollo el. DML U04 4577KWL</t>
  </si>
  <si>
    <t>DML U04 4578K</t>
  </si>
  <si>
    <t>5702329468961</t>
  </si>
  <si>
    <t>VELUX Verd.-Rollo el. DML U04 4578K</t>
  </si>
  <si>
    <t>DML U04 4580K</t>
  </si>
  <si>
    <t>5702329468985</t>
  </si>
  <si>
    <t>VELUX Verd.-Rollo el. DML U04 4580K</t>
  </si>
  <si>
    <t>DML U04 4580KWL</t>
  </si>
  <si>
    <t>5702329477185</t>
  </si>
  <si>
    <t>VELUX Verd.-Rollo el. DML U04 4580KWL</t>
  </si>
  <si>
    <t>DML U04 4581K</t>
  </si>
  <si>
    <t>5702329468992</t>
  </si>
  <si>
    <t>VELUX Verd.-Rollo el. DML U04 4581K</t>
  </si>
  <si>
    <t>DML U04 4581KWL</t>
  </si>
  <si>
    <t>5702329477192</t>
  </si>
  <si>
    <t>VELUX Verd.-Rollo el. DML U04 4581KWL</t>
  </si>
  <si>
    <t>DML U04 8801K</t>
  </si>
  <si>
    <t>5702329469005</t>
  </si>
  <si>
    <t>VELUX Verd.-Rollo el. DML U04 8801K</t>
  </si>
  <si>
    <t>DML U04 CBYK</t>
  </si>
  <si>
    <t>5702329469012</t>
  </si>
  <si>
    <t>VELUX Verd.-Rollo el. DML U04 CBYK</t>
  </si>
  <si>
    <t>DML U04 CBYKWL</t>
  </si>
  <si>
    <t>5702329477208</t>
  </si>
  <si>
    <t>VELUX Verd.-Rollo el. DML U04 CBYKWL</t>
  </si>
  <si>
    <t>DML U08 0705K</t>
  </si>
  <si>
    <t>5702329469029</t>
  </si>
  <si>
    <t>VELUX Verd.-Rollo el. DML U08 0705K</t>
  </si>
  <si>
    <t>DML U08 0705KWL</t>
  </si>
  <si>
    <t>5702329477215</t>
  </si>
  <si>
    <t>VELUX Verd.-Rollo el. DML U08 0705KWL</t>
  </si>
  <si>
    <t>DML U08 1025K</t>
  </si>
  <si>
    <t>5702329469036</t>
  </si>
  <si>
    <t>VELUX Verd.-Rollo el. DML U08 1025K</t>
  </si>
  <si>
    <t>DML U08 1025KWL</t>
  </si>
  <si>
    <t>5702329477222</t>
  </si>
  <si>
    <t>VELUX Verd.-Rollo el. DML U08 1025KWL</t>
  </si>
  <si>
    <t>DML U08 1085K</t>
  </si>
  <si>
    <t>5702329469043</t>
  </si>
  <si>
    <t>VELUX Verd.-Rollo el. DML U08 1085K</t>
  </si>
  <si>
    <t>DML U08 1085KWL</t>
  </si>
  <si>
    <t>5702329477239</t>
  </si>
  <si>
    <t>VELUX Verd.-Rollo el. DML U08 1085KWL</t>
  </si>
  <si>
    <t>DML U08 1100K</t>
  </si>
  <si>
    <t>5702329469050</t>
  </si>
  <si>
    <t>VELUX Verd.-Rollo el. DML U08 1100K</t>
  </si>
  <si>
    <t>DML U08 1100KWL</t>
  </si>
  <si>
    <t>5702329477246</t>
  </si>
  <si>
    <t>VELUX Verd.-Rollo el. DML U08 1100KWL</t>
  </si>
  <si>
    <t>DML U08 3009K</t>
  </si>
  <si>
    <t>5702329469067</t>
  </si>
  <si>
    <t>VELUX Verd.-Rollo el. DML U08 3009K</t>
  </si>
  <si>
    <t>DML U08 3009KWL</t>
  </si>
  <si>
    <t>5702329477253</t>
  </si>
  <si>
    <t>VELUX Verd.-Rollo el. DML U08 3009KWL</t>
  </si>
  <si>
    <t>DML U08 4556K</t>
  </si>
  <si>
    <t>5702329469074</t>
  </si>
  <si>
    <t>VELUX Verd.-Rollo el. DML U08 4556K</t>
  </si>
  <si>
    <t>DML U08 4559KWL</t>
  </si>
  <si>
    <t>5702329477277</t>
  </si>
  <si>
    <t>VELUX Verd.-Rollo el. DML U08 4559KWL</t>
  </si>
  <si>
    <t>DML U08 4564K</t>
  </si>
  <si>
    <t>5702329469098</t>
  </si>
  <si>
    <t>VELUX Verd.-Rollo el. DML U08 4564K</t>
  </si>
  <si>
    <t>DML U08 4574K</t>
  </si>
  <si>
    <t>5702329469104</t>
  </si>
  <si>
    <t>VELUX Verd.-Rollo el. DML U08 4574K</t>
  </si>
  <si>
    <t>DML U08 4575KWL</t>
  </si>
  <si>
    <t>5702329477307</t>
  </si>
  <si>
    <t>VELUX Verd.-Rollo el. DML U08 4575KWL</t>
  </si>
  <si>
    <t>DML U08 4576K</t>
  </si>
  <si>
    <t>5702329469128</t>
  </si>
  <si>
    <t>VELUX Verd.-Rollo el. DML U08 4576K</t>
  </si>
  <si>
    <t>DML U08 4576KWL</t>
  </si>
  <si>
    <t>5702329477314</t>
  </si>
  <si>
    <t>VELUX Verd.-Rollo el. DML U08 4576KWL</t>
  </si>
  <si>
    <t>DML U08 4577K</t>
  </si>
  <si>
    <t>5702329469135</t>
  </si>
  <si>
    <t>VELUX Verd.-Rollo el. DML U08 4577K</t>
  </si>
  <si>
    <t>DML U08 4578K</t>
  </si>
  <si>
    <t>5702329469142</t>
  </si>
  <si>
    <t>VELUX Verd.-Rollo el. DML U08 4578K</t>
  </si>
  <si>
    <t>DML U08 4579K</t>
  </si>
  <si>
    <t>5702329469159</t>
  </si>
  <si>
    <t>VELUX Verd.-Rollo el. DML U08 4579K</t>
  </si>
  <si>
    <t>DML U08 4579KWL</t>
  </si>
  <si>
    <t>5702329477345</t>
  </si>
  <si>
    <t>VELUX Verd.-Rollo el. DML U08 4579KWL</t>
  </si>
  <si>
    <t>DML U08 4580KWL</t>
  </si>
  <si>
    <t>5702329477352</t>
  </si>
  <si>
    <t>VELUX Verd.-Rollo el. DML U08 4580KWL</t>
  </si>
  <si>
    <t>DML U08 4581K</t>
  </si>
  <si>
    <t>5702329469173</t>
  </si>
  <si>
    <t>VELUX Verd.-Rollo el. DML U08 4581K</t>
  </si>
  <si>
    <t>DML U08 4581KWL</t>
  </si>
  <si>
    <t>5702329477369</t>
  </si>
  <si>
    <t>VELUX Verd.-Rollo el. DML U08 4581KWL</t>
  </si>
  <si>
    <t>DML U08 CBYK</t>
  </si>
  <si>
    <t>5702329469197</t>
  </si>
  <si>
    <t>VELUX Verd.-Rollo el. DML U08 CBYK</t>
  </si>
  <si>
    <t>DML U08 CBYKWL</t>
  </si>
  <si>
    <t>5702329477376</t>
  </si>
  <si>
    <t>VELUX Verd.-Rollo el. DML U08 CBYKWL</t>
  </si>
  <si>
    <t>DML U10 0705K</t>
  </si>
  <si>
    <t>5702329469203</t>
  </si>
  <si>
    <t>VELUX Verd.-Rollo el. DML U10 0705K</t>
  </si>
  <si>
    <t>DML U10 0705KWL</t>
  </si>
  <si>
    <t>5702329477383</t>
  </si>
  <si>
    <t>VELUX Verd.-Rollo el. DML U10 0705KWL</t>
  </si>
  <si>
    <t>DML U10 1025K</t>
  </si>
  <si>
    <t>5702329469210</t>
  </si>
  <si>
    <t>VELUX Verd.-Rollo el. DML U10 1025K</t>
  </si>
  <si>
    <t>DML U10 1025KWL</t>
  </si>
  <si>
    <t>5702329477390</t>
  </si>
  <si>
    <t>VELUX Verd.-Rollo el. DML U10 1025KWL</t>
  </si>
  <si>
    <t>DML U10 1085K</t>
  </si>
  <si>
    <t>5702329469227</t>
  </si>
  <si>
    <t>VELUX Verd.-Rollo el. DML U10 1085K</t>
  </si>
  <si>
    <t>DML U10 1100K</t>
  </si>
  <si>
    <t>5702329469234</t>
  </si>
  <si>
    <t>VELUX Verd.-Rollo el. DML U10 1100K</t>
  </si>
  <si>
    <t>DML U10 3009K</t>
  </si>
  <si>
    <t>5702329469241</t>
  </si>
  <si>
    <t>VELUX Verd.-Rollo el. DML U10 3009K</t>
  </si>
  <si>
    <t>DML U10 3009KWL</t>
  </si>
  <si>
    <t>5702329477420</t>
  </si>
  <si>
    <t>VELUX Verd.-Rollo el. DML U10 3009KWL</t>
  </si>
  <si>
    <t>DML U10 4574K</t>
  </si>
  <si>
    <t>5702329469289</t>
  </si>
  <si>
    <t>VELUX Verd.-Rollo el. DML U10 4574K</t>
  </si>
  <si>
    <t>DML U10 4576K</t>
  </si>
  <si>
    <t>5702329469302</t>
  </si>
  <si>
    <t>VELUX Verd.-Rollo el. DML U10 4576K</t>
  </si>
  <si>
    <t>DML U10 4579K</t>
  </si>
  <si>
    <t>5702329469333</t>
  </si>
  <si>
    <t>VELUX Verd.-Rollo el. DML U10 4579K</t>
  </si>
  <si>
    <t>DML U10 CBYK</t>
  </si>
  <si>
    <t>5702329469364</t>
  </si>
  <si>
    <t>VELUX Verd.-Rollo el. DML U10 CBYK</t>
  </si>
  <si>
    <t>DML U10 CBYKWL</t>
  </si>
  <si>
    <t>5702329477543</t>
  </si>
  <si>
    <t>VELUX Verd.-Rollo el. DML U10 CBYKWL</t>
  </si>
  <si>
    <t>DML UK04 0705K</t>
  </si>
  <si>
    <t>5702329469371</t>
  </si>
  <si>
    <t>VELUX Verd.-Rollo el. DML UK04 0705K</t>
  </si>
  <si>
    <t>DML UK04 0705KWL</t>
  </si>
  <si>
    <t>5702329477550</t>
  </si>
  <si>
    <t>VELUX Verd.-Rollo el. DML UK04 0705KWL</t>
  </si>
  <si>
    <t>DML UK04 1025K</t>
  </si>
  <si>
    <t>5702329469388</t>
  </si>
  <si>
    <t>VELUX Verd.-Rollo el. DML UK04 1025K</t>
  </si>
  <si>
    <t>DML UK04 1025KWL</t>
  </si>
  <si>
    <t>5702329477567</t>
  </si>
  <si>
    <t>VELUX Verd.-Rollo el. DML UK04 1025KWL</t>
  </si>
  <si>
    <t>DML UK04 1085K</t>
  </si>
  <si>
    <t>5702329469395</t>
  </si>
  <si>
    <t>VELUX Verd.-Rollo el. DML UK04 1085K</t>
  </si>
  <si>
    <t>DML UK04 1085KWL</t>
  </si>
  <si>
    <t>5702329477574</t>
  </si>
  <si>
    <t>VELUX Verd.-Rollo el. DML UK04 1085KWL</t>
  </si>
  <si>
    <t>DML UK04 1100K</t>
  </si>
  <si>
    <t>5702329469401</t>
  </si>
  <si>
    <t>VELUX Verd.-Rollo el. DML UK04 1100K</t>
  </si>
  <si>
    <t>DML UK04 1100KWL</t>
  </si>
  <si>
    <t>5702329477581</t>
  </si>
  <si>
    <t>VELUX Verd.-Rollo el. DML UK04 1100KWL</t>
  </si>
  <si>
    <t>DML UK04 3009K</t>
  </si>
  <si>
    <t>5702329469418</t>
  </si>
  <si>
    <t>VELUX Verd.-Rollo el. DML UK04 3009K</t>
  </si>
  <si>
    <t>DML UK04 3009KWL</t>
  </si>
  <si>
    <t>5702329477598</t>
  </si>
  <si>
    <t>VELUX Verd.-Rollo el. DML UK04 3009KWL</t>
  </si>
  <si>
    <t>DML UK04 4556K</t>
  </si>
  <si>
    <t>5702329469425</t>
  </si>
  <si>
    <t>VELUX Verd.-Rollo el. DML UK04 4556K</t>
  </si>
  <si>
    <t>DML UK04 4556KWL</t>
  </si>
  <si>
    <t>5702329477604</t>
  </si>
  <si>
    <t>VELUX Verd.-Rollo el. DML UK04 4556KWL</t>
  </si>
  <si>
    <t>DML UK04 4559K</t>
  </si>
  <si>
    <t>5702329469432</t>
  </si>
  <si>
    <t>VELUX Verd.-Rollo el. DML UK04 4559K</t>
  </si>
  <si>
    <t>DML UK04 4559KWL</t>
  </si>
  <si>
    <t>5702329477611</t>
  </si>
  <si>
    <t>VELUX Verd.-Rollo el. DML UK04 4559KWL</t>
  </si>
  <si>
    <t>DML UK04 4564KWL</t>
  </si>
  <si>
    <t>5702329477628</t>
  </si>
  <si>
    <t>VELUX Verd.-Rollo el. DML UK04 4564KWL</t>
  </si>
  <si>
    <t>DML UK04 4574K</t>
  </si>
  <si>
    <t>5702329469456</t>
  </si>
  <si>
    <t>VELUX Verd.-Rollo el. DML UK04 4574K</t>
  </si>
  <si>
    <t>DML UK04 4574KWL</t>
  </si>
  <si>
    <t>5702329477635</t>
  </si>
  <si>
    <t>VELUX Verd.-Rollo el. DML UK04 4574KWL</t>
  </si>
  <si>
    <t>DML UK04 4575K</t>
  </si>
  <si>
    <t>5702329469463</t>
  </si>
  <si>
    <t>VELUX Verd.-Rollo el. DML UK04 4575K</t>
  </si>
  <si>
    <t>DML UK04 4575KWL</t>
  </si>
  <si>
    <t>5702329477642</t>
  </si>
  <si>
    <t>VELUX Verd.-Rollo el. DML UK04 4575KWL</t>
  </si>
  <si>
    <t>DML UK04 4576K</t>
  </si>
  <si>
    <t>5702329469470</t>
  </si>
  <si>
    <t>VELUX Verd.-Rollo el. DML UK04 4576K</t>
  </si>
  <si>
    <t>DML UK04 4576KWL</t>
  </si>
  <si>
    <t>5702329477659</t>
  </si>
  <si>
    <t>VELUX Verd.-Rollo el. DML UK04 4576KWL</t>
  </si>
  <si>
    <t>DML UK04 4577K</t>
  </si>
  <si>
    <t>5702329469487</t>
  </si>
  <si>
    <t>VELUX Verd.-Rollo el. DML UK04 4577K</t>
  </si>
  <si>
    <t>DML UK04 4577KWL</t>
  </si>
  <si>
    <t>5702329477666</t>
  </si>
  <si>
    <t>VELUX Verd.-Rollo el. DML UK04 4577KWL</t>
  </si>
  <si>
    <t>DML UK04 4578KWL</t>
  </si>
  <si>
    <t>5702329477673</t>
  </si>
  <si>
    <t>VELUX Verd.-Rollo el. DML UK04 4578KWL</t>
  </si>
  <si>
    <t>DML UK04 4579K</t>
  </si>
  <si>
    <t>5702329469500</t>
  </si>
  <si>
    <t>VELUX Verd.-Rollo el. DML UK04 4579K</t>
  </si>
  <si>
    <t>DML UK04 4579KWL</t>
  </si>
  <si>
    <t>5702329477680</t>
  </si>
  <si>
    <t>VELUX Verd.-Rollo el. DML UK04 4579KWL</t>
  </si>
  <si>
    <t>DML UK04 4580K</t>
  </si>
  <si>
    <t>5702329469517</t>
  </si>
  <si>
    <t>VELUX Verd.-Rollo el. DML UK04 4580K</t>
  </si>
  <si>
    <t>DML UK04 4580KWL</t>
  </si>
  <si>
    <t>5702329477697</t>
  </si>
  <si>
    <t>VELUX Verd.-Rollo el. DML UK04 4580KWL</t>
  </si>
  <si>
    <t>DML UK04 4581K</t>
  </si>
  <si>
    <t>5702329469524</t>
  </si>
  <si>
    <t>VELUX Verd.-Rollo el. DML UK04 4581K</t>
  </si>
  <si>
    <t>DML UK04 4581KWL</t>
  </si>
  <si>
    <t>5702329477703</t>
  </si>
  <si>
    <t>VELUX Verd.-Rollo el. DML UK04 4581KWL</t>
  </si>
  <si>
    <t>DML UK04 8801K</t>
  </si>
  <si>
    <t>5702329469531</t>
  </si>
  <si>
    <t>VELUX Verd.-Rollo el. DML UK04 8801K</t>
  </si>
  <si>
    <t>DML UK04 CBYK</t>
  </si>
  <si>
    <t>5702329469548</t>
  </si>
  <si>
    <t>VELUX Verd.-Rollo el. DML UK04 CBYK</t>
  </si>
  <si>
    <t>DML UK04 CBYKWL</t>
  </si>
  <si>
    <t>5702329477710</t>
  </si>
  <si>
    <t>VELUX Verd.-Rollo el. DML UK04 CBYKWL</t>
  </si>
  <si>
    <t>DML UK08 0705K</t>
  </si>
  <si>
    <t>5702329469555</t>
  </si>
  <si>
    <t>VELUX Verd.-Rollo el. DML UK08 0705K</t>
  </si>
  <si>
    <t>DML UK08 0705KWL</t>
  </si>
  <si>
    <t>5702329477727</t>
  </si>
  <si>
    <t>VELUX Verd.-Rollo el. DML UK08 0705KWL</t>
  </si>
  <si>
    <t>DML UK08 1025K</t>
  </si>
  <si>
    <t>5702329469562</t>
  </si>
  <si>
    <t>VELUX Verd.-Rollo el. DML UK08 1025K</t>
  </si>
  <si>
    <t>DML UK08 1025KWL</t>
  </si>
  <si>
    <t>5702329477734</t>
  </si>
  <si>
    <t>VELUX Verd.-Rollo el. DML UK08 1025KWL</t>
  </si>
  <si>
    <t>DML UK08 1085K</t>
  </si>
  <si>
    <t>5702329469579</t>
  </si>
  <si>
    <t>VELUX Verd.-Rollo el. DML UK08 1085K</t>
  </si>
  <si>
    <t>DML UK08 1085KWL</t>
  </si>
  <si>
    <t>5702329477741</t>
  </si>
  <si>
    <t>VELUX Verd.-Rollo el. DML UK08 1085KWL</t>
  </si>
  <si>
    <t>DML UK08 1100K</t>
  </si>
  <si>
    <t>5702329469586</t>
  </si>
  <si>
    <t>VELUX Verd.-Rollo el. DML UK08 1100K</t>
  </si>
  <si>
    <t>DML UK08 1100KWL</t>
  </si>
  <si>
    <t>5702329477758</t>
  </si>
  <si>
    <t>VELUX Verd.-Rollo el. DML UK08 1100KWL</t>
  </si>
  <si>
    <t>DML UK08 3009K</t>
  </si>
  <si>
    <t>5702329469593</t>
  </si>
  <si>
    <t>VELUX Verd.-Rollo el. DML UK08 3009K</t>
  </si>
  <si>
    <t>DML UK08 3009KWL</t>
  </si>
  <si>
    <t>5702329477765</t>
  </si>
  <si>
    <t>VELUX Verd.-Rollo el. DML UK08 3009KWL</t>
  </si>
  <si>
    <t>DML UK08 4556K</t>
  </si>
  <si>
    <t>5702329469609</t>
  </si>
  <si>
    <t>VELUX Verd.-Rollo el. DML UK08 4556K</t>
  </si>
  <si>
    <t>DML UK08 4556KWL</t>
  </si>
  <si>
    <t>5702329477772</t>
  </si>
  <si>
    <t>VELUX Verd.-Rollo el. DML UK08 4556KWL</t>
  </si>
  <si>
    <t>DML UK08 4559K</t>
  </si>
  <si>
    <t>5702329469616</t>
  </si>
  <si>
    <t>VELUX Verd.-Rollo el. DML UK08 4559K</t>
  </si>
  <si>
    <t>DML UK08 4564K</t>
  </si>
  <si>
    <t>5702329469623</t>
  </si>
  <si>
    <t>VELUX Verd.-Rollo el. DML UK08 4564K</t>
  </si>
  <si>
    <t>DML UK08 4564KWL</t>
  </si>
  <si>
    <t>5702329477796</t>
  </si>
  <si>
    <t>VELUX Verd.-Rollo el. DML UK08 4564KWL</t>
  </si>
  <si>
    <t>DML UK08 4574K</t>
  </si>
  <si>
    <t>5702329469630</t>
  </si>
  <si>
    <t>VELUX Verd.-Rollo el. DML UK08 4574K</t>
  </si>
  <si>
    <t>DML UK08 4574KWL</t>
  </si>
  <si>
    <t>5702329477802</t>
  </si>
  <si>
    <t>VELUX Verd.-Rollo el. DML UK08 4574KWL</t>
  </si>
  <si>
    <t>DML UK08 4575K</t>
  </si>
  <si>
    <t>5702329469647</t>
  </si>
  <si>
    <t>VELUX Verd.-Rollo el. DML UK08 4575K</t>
  </si>
  <si>
    <t>DML UK08 4575KWL</t>
  </si>
  <si>
    <t>5702329477819</t>
  </si>
  <si>
    <t>VELUX Verd.-Rollo el. DML UK08 4575KWL</t>
  </si>
  <si>
    <t>DML UK08 4576K</t>
  </si>
  <si>
    <t>5702329469654</t>
  </si>
  <si>
    <t>VELUX Verd.-Rollo el. DML UK08 4576K</t>
  </si>
  <si>
    <t>DML UK08 4576KWL</t>
  </si>
  <si>
    <t>5702329477826</t>
  </si>
  <si>
    <t>VELUX Verd.-Rollo el. DML UK08 4576KWL</t>
  </si>
  <si>
    <t>DML UK08 4577K</t>
  </si>
  <si>
    <t>5702329469661</t>
  </si>
  <si>
    <t>VELUX Verd.-Rollo el. DML UK08 4577K</t>
  </si>
  <si>
    <t>DML UK08 4577KWL</t>
  </si>
  <si>
    <t>5702329477833</t>
  </si>
  <si>
    <t>VELUX Verd.-Rollo el. DML UK08 4577KWL</t>
  </si>
  <si>
    <t>DML UK08 4578KWL</t>
  </si>
  <si>
    <t>5702329477840</t>
  </si>
  <si>
    <t>VELUX Verd.-Rollo el. DML UK08 4578KWL</t>
  </si>
  <si>
    <t>DML UK08 4579K</t>
  </si>
  <si>
    <t>5702329469685</t>
  </si>
  <si>
    <t>VELUX Verd.-Rollo el. DML UK08 4579K</t>
  </si>
  <si>
    <t>DML UK08 4579KWL</t>
  </si>
  <si>
    <t>5702329477857</t>
  </si>
  <si>
    <t>VELUX Verd.-Rollo el. DML UK08 4579KWL</t>
  </si>
  <si>
    <t>DML UK08 4580K</t>
  </si>
  <si>
    <t>5702329469692</t>
  </si>
  <si>
    <t>VELUX Verd.-Rollo el. DML UK08 4580K</t>
  </si>
  <si>
    <t>DML UK08 4580KWL</t>
  </si>
  <si>
    <t>5702329477864</t>
  </si>
  <si>
    <t>VELUX Verd.-Rollo el. DML UK08 4580KWL</t>
  </si>
  <si>
    <t>DML UK08 4581K</t>
  </si>
  <si>
    <t>5702329469708</t>
  </si>
  <si>
    <t>VELUX Verd.-Rollo el. DML UK08 4581K</t>
  </si>
  <si>
    <t>DML UK08 4581KWL</t>
  </si>
  <si>
    <t>5702329477871</t>
  </si>
  <si>
    <t>VELUX Verd.-Rollo el. DML UK08 4581KWL</t>
  </si>
  <si>
    <t>DML UK08 8801K</t>
  </si>
  <si>
    <t>5702329469715</t>
  </si>
  <si>
    <t>VELUX Verd.-Rollo el. DML UK08 8801K</t>
  </si>
  <si>
    <t>DML UK08 CBYK</t>
  </si>
  <si>
    <t>5702329469722</t>
  </si>
  <si>
    <t>VELUX Verd.-Rollo el. DML UK08 CBYK</t>
  </si>
  <si>
    <t>DML UK08 CBYKWL</t>
  </si>
  <si>
    <t>5702329477888</t>
  </si>
  <si>
    <t>VELUX Verd.-Rollo el. DML UK08 CBYKWL</t>
  </si>
  <si>
    <t>DML UK10 0705K</t>
  </si>
  <si>
    <t>5702329469739</t>
  </si>
  <si>
    <t>VELUX Verd.-Rollo el. DML UK10 0705K</t>
  </si>
  <si>
    <t>DML UK10 0705KWL</t>
  </si>
  <si>
    <t>5702329477895</t>
  </si>
  <si>
    <t>VELUX Verd.-Rollo el. DML UK10 0705KWL</t>
  </si>
  <si>
    <t>DML UK10 1025K</t>
  </si>
  <si>
    <t>5702329469746</t>
  </si>
  <si>
    <t>VELUX Verd.-Rollo el. DML UK10 1025K</t>
  </si>
  <si>
    <t>DML UK10 1025KWL</t>
  </si>
  <si>
    <t>5702329477901</t>
  </si>
  <si>
    <t>VELUX Verd.-Rollo el. DML UK10 1025KWL</t>
  </si>
  <si>
    <t>DML UK10 1085K</t>
  </si>
  <si>
    <t>5702329469753</t>
  </si>
  <si>
    <t>VELUX Verd.-Rollo el. DML UK10 1085K</t>
  </si>
  <si>
    <t>DML UK10 1085KWL</t>
  </si>
  <si>
    <t>5702329477918</t>
  </si>
  <si>
    <t>VELUX Verd.-Rollo el. DML UK10 1085KWL</t>
  </si>
  <si>
    <t>DML UK10 1100K</t>
  </si>
  <si>
    <t>5702329469760</t>
  </si>
  <si>
    <t>VELUX Verd.-Rollo el. DML UK10 1100K</t>
  </si>
  <si>
    <t>DML UK10 1100KWL</t>
  </si>
  <si>
    <t>5702329477925</t>
  </si>
  <si>
    <t>VELUX Verd.-Rollo el. DML UK10 1100KWL</t>
  </si>
  <si>
    <t>DML UK10 3009K</t>
  </si>
  <si>
    <t>5702329469777</t>
  </si>
  <si>
    <t>VELUX Verd.-Rollo el. DML UK10 3009K</t>
  </si>
  <si>
    <t>DML UK10 3009KWL</t>
  </si>
  <si>
    <t>5702329477932</t>
  </si>
  <si>
    <t>VELUX Verd.-Rollo el. DML UK10 3009KWL</t>
  </si>
  <si>
    <t>DML UK10 4556K</t>
  </si>
  <si>
    <t>5702329469784</t>
  </si>
  <si>
    <t>VELUX Verd.-Rollo el. DML UK10 4556K</t>
  </si>
  <si>
    <t>DML UK10 4556KWL</t>
  </si>
  <si>
    <t>5702329477949</t>
  </si>
  <si>
    <t>VELUX Verd.-Rollo el. DML UK10 4556KWL</t>
  </si>
  <si>
    <t>DML UK10 4559K</t>
  </si>
  <si>
    <t>5702329469791</t>
  </si>
  <si>
    <t>VELUX Verd.-Rollo el. DML UK10 4559K</t>
  </si>
  <si>
    <t>DML UK10 4564K</t>
  </si>
  <si>
    <t>5702329469807</t>
  </si>
  <si>
    <t>VELUX Verd.-Rollo el. DML UK10 4564K</t>
  </si>
  <si>
    <t>DML UK10 4574K</t>
  </si>
  <si>
    <t>5702329469814</t>
  </si>
  <si>
    <t>VELUX Verd.-Rollo el. DML UK10 4574K</t>
  </si>
  <si>
    <t>DML UK10 4574KWL</t>
  </si>
  <si>
    <t>5702329477970</t>
  </si>
  <si>
    <t>VELUX Verd.-Rollo el. DML UK10 4574KWL</t>
  </si>
  <si>
    <t>DML UK10 4575K</t>
  </si>
  <si>
    <t>5702329469821</t>
  </si>
  <si>
    <t>VELUX Verd.-Rollo el. DML UK10 4575K</t>
  </si>
  <si>
    <t>DML UK10 4576K</t>
  </si>
  <si>
    <t>5702329469838</t>
  </si>
  <si>
    <t>VELUX Verd.-Rollo el. DML UK10 4576K</t>
  </si>
  <si>
    <t>DML UK10 4576KWL</t>
  </si>
  <si>
    <t>5702329477994</t>
  </si>
  <si>
    <t>VELUX Verd.-Rollo el. DML UK10 4576KWL</t>
  </si>
  <si>
    <t>DML UK10 4577KWL</t>
  </si>
  <si>
    <t>5702329478007</t>
  </si>
  <si>
    <t>VELUX Verd.-Rollo el. DML UK10 4577KWL</t>
  </si>
  <si>
    <t>DML UK10 4580K</t>
  </si>
  <si>
    <t>5702329469876</t>
  </si>
  <si>
    <t>VELUX Verd.-Rollo el. DML UK10 4580K</t>
  </si>
  <si>
    <t>DML UK10 4580KWL</t>
  </si>
  <si>
    <t>5702329478038</t>
  </si>
  <si>
    <t>VELUX Verd.-Rollo el. DML UK10 4580KWL</t>
  </si>
  <si>
    <t>DML UK10 4581K</t>
  </si>
  <si>
    <t>5702329469883</t>
  </si>
  <si>
    <t>VELUX Verd.-Rollo el. DML UK10 4581K</t>
  </si>
  <si>
    <t>DML UK10 4581KWL</t>
  </si>
  <si>
    <t>5702329478045</t>
  </si>
  <si>
    <t>VELUX Verd.-Rollo el. DML UK10 4581KWL</t>
  </si>
  <si>
    <t>DML UK10 CBYK</t>
  </si>
  <si>
    <t>5702329469890</t>
  </si>
  <si>
    <t>VELUX Verd.-Rollo el. DML UK10 CBYK</t>
  </si>
  <si>
    <t>DML UK10 CBYKWL</t>
  </si>
  <si>
    <t>5702329478052</t>
  </si>
  <si>
    <t>VELUX Verd.-Rollo el. DML UK10 CBYKWL</t>
  </si>
  <si>
    <t>DOP C02 0705S</t>
  </si>
  <si>
    <t>5702329990455</t>
  </si>
  <si>
    <t>VELUX Vort.-Set M+VR DOP C02 0705S</t>
  </si>
  <si>
    <t>17070199</t>
  </si>
  <si>
    <t>DOP C02 0705SWL</t>
  </si>
  <si>
    <t>5702329990448</t>
  </si>
  <si>
    <t>VELUX Vort.-Set M+VR DOP C02 0705SWL</t>
  </si>
  <si>
    <t>DOP C02 1025S</t>
  </si>
  <si>
    <t>5702329990479</t>
  </si>
  <si>
    <t>VELUX Vort.-Set M+VR DOP C02 1025S</t>
  </si>
  <si>
    <t>DOP C02 1025SWL</t>
  </si>
  <si>
    <t>5702329990462</t>
  </si>
  <si>
    <t>VELUX Vort.-Set M+VR DOP C02 1025SWL</t>
  </si>
  <si>
    <t>DOP C02 1085S</t>
  </si>
  <si>
    <t>5702329990493</t>
  </si>
  <si>
    <t>VELUX Vort.-Set M+VR DOP C02 1085S</t>
  </si>
  <si>
    <t>DOP C02 1085SWL</t>
  </si>
  <si>
    <t>5702329990486</t>
  </si>
  <si>
    <t>VELUX Vort.-Set M+VR DOP C02 1085SWL</t>
  </si>
  <si>
    <t>DOP C02 1100S</t>
  </si>
  <si>
    <t>5702329990516</t>
  </si>
  <si>
    <t>VELUX Vort.-Set M+VR DOP C02 1100S</t>
  </si>
  <si>
    <t>DOP C02 1100SWL</t>
  </si>
  <si>
    <t>5702329990509</t>
  </si>
  <si>
    <t>VELUX Vort.-Set M+VR DOP C02 1100SWL</t>
  </si>
  <si>
    <t>DOP C04 0705S</t>
  </si>
  <si>
    <t>5702329990530</t>
  </si>
  <si>
    <t>VELUX Vort.-Set M+VR DOP C04 0705S</t>
  </si>
  <si>
    <t>DOP C04 0705SWL</t>
  </si>
  <si>
    <t>5702329990523</t>
  </si>
  <si>
    <t>VELUX Vort.-Set M+VR DOP C04 0705SWL</t>
  </si>
  <si>
    <t>DOP C04 1025S</t>
  </si>
  <si>
    <t>5702329990554</t>
  </si>
  <si>
    <t>VELUX Vort.-Set M+VR DOP C04 1025S</t>
  </si>
  <si>
    <t>DOP C04 1025SWL</t>
  </si>
  <si>
    <t>5702329990547</t>
  </si>
  <si>
    <t>VELUX Vort.-Set M+VR DOP C04 1025SWL</t>
  </si>
  <si>
    <t>DOP C04 1085S</t>
  </si>
  <si>
    <t>5702329990578</t>
  </si>
  <si>
    <t>VELUX Vort.-Set M+VR DOP C04 1085S</t>
  </si>
  <si>
    <t>DOP C04 1085SWL</t>
  </si>
  <si>
    <t>5702329990561</t>
  </si>
  <si>
    <t>VELUX Vort.-Set M+VR DOP C04 1085SWL</t>
  </si>
  <si>
    <t>DOP C04 1100S</t>
  </si>
  <si>
    <t>5702329990592</t>
  </si>
  <si>
    <t>VELUX Vort.-Set M+VR DOP C04 1100S</t>
  </si>
  <si>
    <t>DOP C04 1100SWL</t>
  </si>
  <si>
    <t>5702329990585</t>
  </si>
  <si>
    <t>VELUX Vort.-Set M+VR DOP C04 1100SWL</t>
  </si>
  <si>
    <t>DOP C06 0705S</t>
  </si>
  <si>
    <t>5702329990615</t>
  </si>
  <si>
    <t>VELUX Vort.-Set M+VR DOP C06 0705S</t>
  </si>
  <si>
    <t>DOP C06 0705SWL</t>
  </si>
  <si>
    <t>5702329990608</t>
  </si>
  <si>
    <t>VELUX Vort.-Set M+VR DOP C06 0705SWL</t>
  </si>
  <si>
    <t>DOP C06 1025S</t>
  </si>
  <si>
    <t>5702329990639</t>
  </si>
  <si>
    <t>VELUX Vort.-Set M+VR DOP C06 1025S</t>
  </si>
  <si>
    <t>DOP C06 1025SWL</t>
  </si>
  <si>
    <t>5702329990622</t>
  </si>
  <si>
    <t>VELUX Vort.-Set M+VR DOP C06 1025SWL</t>
  </si>
  <si>
    <t>DOP C06 1085S</t>
  </si>
  <si>
    <t>5702329990653</t>
  </si>
  <si>
    <t>VELUX Vort.-Set M+VR DOP C06 1085S</t>
  </si>
  <si>
    <t>DOP C06 1085SWL</t>
  </si>
  <si>
    <t>5702329990646</t>
  </si>
  <si>
    <t>VELUX Vort.-Set M+VR DOP C06 1085SWL</t>
  </si>
  <si>
    <t>DOP C06 1100S</t>
  </si>
  <si>
    <t>5702329990677</t>
  </si>
  <si>
    <t>VELUX Vort.-Set M+VR DOP C06 1100S</t>
  </si>
  <si>
    <t>DOP C06 1100SWL</t>
  </si>
  <si>
    <t>5702329990660</t>
  </si>
  <si>
    <t>VELUX Vort.-Set M+VR DOP C06 1100SWL</t>
  </si>
  <si>
    <t>DOP CK02 0705S</t>
  </si>
  <si>
    <t>5702329990776</t>
  </si>
  <si>
    <t>VELUX Vort.-Set M+VR DOP CK02 0705S</t>
  </si>
  <si>
    <t>DOP CK02 0705SWL</t>
  </si>
  <si>
    <t>5702329990769</t>
  </si>
  <si>
    <t>VELUX Vort.-Set M+VR DOP CK02 0705SWL</t>
  </si>
  <si>
    <t>DOP CK02 1025S</t>
  </si>
  <si>
    <t>5702329990790</t>
  </si>
  <si>
    <t>VELUX Vort.-Set M+VR DOP CK02 1025S</t>
  </si>
  <si>
    <t>DOP CK02 1025SWL</t>
  </si>
  <si>
    <t>5702329990783</t>
  </si>
  <si>
    <t>VELUX Vort.-Set M+VR DOP CK02 1025SWL</t>
  </si>
  <si>
    <t>DOP CK02 1085S</t>
  </si>
  <si>
    <t>5702329990813</t>
  </si>
  <si>
    <t>VELUX Vort.-Set M+VR DOP CK02 1085S</t>
  </si>
  <si>
    <t>DOP CK02 1085SWL</t>
  </si>
  <si>
    <t>5702329990806</t>
  </si>
  <si>
    <t>VELUX Vort.-Set M+VR DOP CK02 1085SWL</t>
  </si>
  <si>
    <t>DOP CK02 1100S</t>
  </si>
  <si>
    <t>5702329990837</t>
  </si>
  <si>
    <t>VELUX Vort.-Set M+VR DOP CK02 1100S</t>
  </si>
  <si>
    <t>DOP CK02 1100SWL</t>
  </si>
  <si>
    <t>5702329990820</t>
  </si>
  <si>
    <t>VELUX Vort.-Set M+VR DOP CK02 1100SWL</t>
  </si>
  <si>
    <t>DOP CK04 0705S</t>
  </si>
  <si>
    <t>5702329990851</t>
  </si>
  <si>
    <t>VELUX Vort.-Set M+VR DOP CK04 0705S</t>
  </si>
  <si>
    <t>DOP CK04 0705SWL</t>
  </si>
  <si>
    <t>5702329990844</t>
  </si>
  <si>
    <t>VELUX Vort.-Set M+VR DOP CK04 0705SWL</t>
  </si>
  <si>
    <t>DOP CK04 1025S</t>
  </si>
  <si>
    <t>5702329990875</t>
  </si>
  <si>
    <t>VELUX Vort.-Set M+VR DOP CK04 1025S</t>
  </si>
  <si>
    <t>DOP CK04 1025SWL</t>
  </si>
  <si>
    <t>5702329990868</t>
  </si>
  <si>
    <t>VELUX Vort.-Set M+VR DOP CK04 1025SWL</t>
  </si>
  <si>
    <t>DOP CK04 1085S</t>
  </si>
  <si>
    <t>5702329990899</t>
  </si>
  <si>
    <t>VELUX Vort.-Set M+VR DOP CK04 1085S</t>
  </si>
  <si>
    <t>DOP CK04 1085SWL</t>
  </si>
  <si>
    <t>5702329990882</t>
  </si>
  <si>
    <t>VELUX Vort.-Set M+VR DOP CK04 1085SWL</t>
  </si>
  <si>
    <t>DOP CK04 1100S</t>
  </si>
  <si>
    <t>5702329990912</t>
  </si>
  <si>
    <t>VELUX Vort.-Set M+VR DOP CK04 1100S</t>
  </si>
  <si>
    <t>DOP CK04 1100SWL</t>
  </si>
  <si>
    <t>5702329990905</t>
  </si>
  <si>
    <t>VELUX Vort.-Set M+VR DOP CK04 1100SWL</t>
  </si>
  <si>
    <t>DOP CK06 0705S</t>
  </si>
  <si>
    <t>5702329990936</t>
  </si>
  <si>
    <t>VELUX Vort.-Set M+VR DOP CK06 0705S</t>
  </si>
  <si>
    <t>DOP CK06 0705SWL</t>
  </si>
  <si>
    <t>5702329990929</t>
  </si>
  <si>
    <t>VELUX Vort.-Set M+VR DOP CK06 0705SWL</t>
  </si>
  <si>
    <t>DOP CK06 1025S</t>
  </si>
  <si>
    <t>5702329990950</t>
  </si>
  <si>
    <t>VELUX Vort.-Set M+VR DOP CK06 1025S</t>
  </si>
  <si>
    <t>DOP CK06 1025SWL</t>
  </si>
  <si>
    <t>5702329990943</t>
  </si>
  <si>
    <t>VELUX Vort.-Set M+VR DOP CK06 1025SWL</t>
  </si>
  <si>
    <t>DOP CK06 1085S</t>
  </si>
  <si>
    <t>5702329990974</t>
  </si>
  <si>
    <t>VELUX Vort.-Set M+VR DOP CK06 1085S</t>
  </si>
  <si>
    <t>DOP CK06 1085SWL</t>
  </si>
  <si>
    <t>5702329990967</t>
  </si>
  <si>
    <t>VELUX Vort.-Set M+VR DOP CK06 1085SWL</t>
  </si>
  <si>
    <t>DOP CK06 1100S</t>
  </si>
  <si>
    <t>5702329990998</t>
  </si>
  <si>
    <t>VELUX Vort.-Set M+VR DOP CK06 1100S</t>
  </si>
  <si>
    <t>DOP CK06 1100SWL</t>
  </si>
  <si>
    <t>5702329990981</t>
  </si>
  <si>
    <t>VELUX Vort.-Set M+VR DOP CK06 1100SWL</t>
  </si>
  <si>
    <t>DOP F04 0705S</t>
  </si>
  <si>
    <t>5702329991018</t>
  </si>
  <si>
    <t>VELUX Vort.-Set M+VR DOP F04 0705S</t>
  </si>
  <si>
    <t>DOP F04 0705SWL</t>
  </si>
  <si>
    <t>5702329991001</t>
  </si>
  <si>
    <t>VELUX Vort.-Set M+VR DOP F04 0705SWL</t>
  </si>
  <si>
    <t>DOP F04 1025S</t>
  </si>
  <si>
    <t>5702329991032</t>
  </si>
  <si>
    <t>VELUX Vort.-Set M+VR DOP F04 1025S</t>
  </si>
  <si>
    <t>DOP F04 1025SWL</t>
  </si>
  <si>
    <t>5702329991025</t>
  </si>
  <si>
    <t>VELUX Vort.-Set M+VR DOP F04 1025SWL</t>
  </si>
  <si>
    <t>DOP F04 1085S</t>
  </si>
  <si>
    <t>5702329991056</t>
  </si>
  <si>
    <t>VELUX Vort.-Set M+VR DOP F04 1085S</t>
  </si>
  <si>
    <t>DOP F04 1085SWL</t>
  </si>
  <si>
    <t>5702329991049</t>
  </si>
  <si>
    <t>VELUX Vort.-Set M+VR DOP F04 1085SWL</t>
  </si>
  <si>
    <t>DOP F04 1100S</t>
  </si>
  <si>
    <t>5702329991070</t>
  </si>
  <si>
    <t>VELUX Vort.-Set M+VR DOP F04 1100S</t>
  </si>
  <si>
    <t>DOP F04 1100SWL</t>
  </si>
  <si>
    <t>5702329991063</t>
  </si>
  <si>
    <t>VELUX Vort.-Set M+VR DOP F04 1100SWL</t>
  </si>
  <si>
    <t>DOP F06 0705S</t>
  </si>
  <si>
    <t>5702329991094</t>
  </si>
  <si>
    <t>VELUX Vort.-Set M+VR DOP F06 0705S</t>
  </si>
  <si>
    <t>DOP F06 0705SWL</t>
  </si>
  <si>
    <t>5702329991087</t>
  </si>
  <si>
    <t>VELUX Vort.-Set M+VR DOP F06 0705SWL</t>
  </si>
  <si>
    <t>DOP F06 1025S</t>
  </si>
  <si>
    <t>5702329991117</t>
  </si>
  <si>
    <t>VELUX Vort.-Set M+VR DOP F06 1025S</t>
  </si>
  <si>
    <t>DOP F06 1025SWL</t>
  </si>
  <si>
    <t>5702329991100</t>
  </si>
  <si>
    <t>VELUX Vort.-Set M+VR DOP F06 1025SWL</t>
  </si>
  <si>
    <t>DOP F06 1085S</t>
  </si>
  <si>
    <t>5702329991131</t>
  </si>
  <si>
    <t>VELUX Vort.-Set M+VR DOP F06 1085S</t>
  </si>
  <si>
    <t>DOP F06 1085SWL</t>
  </si>
  <si>
    <t>5702329991124</t>
  </si>
  <si>
    <t>VELUX Vort.-Set M+VR DOP F06 1085SWL</t>
  </si>
  <si>
    <t>DOP F06 1100S</t>
  </si>
  <si>
    <t>5702329991155</t>
  </si>
  <si>
    <t>VELUX Vort.-Set M+VR DOP F06 1100S</t>
  </si>
  <si>
    <t>DOP F06 1100SWL</t>
  </si>
  <si>
    <t>5702329991148</t>
  </si>
  <si>
    <t>VELUX Vort.-Set M+VR DOP F06 1100SWL</t>
  </si>
  <si>
    <t>DOP F08 0705S</t>
  </si>
  <si>
    <t>5702329991179</t>
  </si>
  <si>
    <t>VELUX Vort.-Set M+VR DOP F08 0705S</t>
  </si>
  <si>
    <t>DOP F08 0705SWL</t>
  </si>
  <si>
    <t>5702329991162</t>
  </si>
  <si>
    <t>VELUX Vort.-Set M+VR DOP F08 0705SWL</t>
  </si>
  <si>
    <t>DOP F08 1025S</t>
  </si>
  <si>
    <t>5702329991193</t>
  </si>
  <si>
    <t>VELUX Vort.-Set M+VR DOP F08 1025S</t>
  </si>
  <si>
    <t>DOP F08 1025SWL</t>
  </si>
  <si>
    <t>5702329991186</t>
  </si>
  <si>
    <t>VELUX Vort.-Set M+VR DOP F08 1025SWL</t>
  </si>
  <si>
    <t>DOP F08 1085S</t>
  </si>
  <si>
    <t>5702329991216</t>
  </si>
  <si>
    <t>VELUX Vort.-Set M+VR DOP F08 1085S</t>
  </si>
  <si>
    <t>DOP F08 1085SWL</t>
  </si>
  <si>
    <t>5702329991209</t>
  </si>
  <si>
    <t>VELUX Vort.-Set M+VR DOP F08 1085SWL</t>
  </si>
  <si>
    <t>DOP F08 1100S</t>
  </si>
  <si>
    <t>5702329991230</t>
  </si>
  <si>
    <t>VELUX Vort.-Set M+VR DOP F08 1100S</t>
  </si>
  <si>
    <t>DOP F08 1100SWL</t>
  </si>
  <si>
    <t>5702329991223</t>
  </si>
  <si>
    <t>VELUX Vort.-Set M+VR DOP F08 1100SWL</t>
  </si>
  <si>
    <t>DOP FK04 0705S</t>
  </si>
  <si>
    <t>5702329991254</t>
  </si>
  <si>
    <t>VELUX Vort.-Set M+VR DOP FK04 0705S</t>
  </si>
  <si>
    <t>DOP FK04 0705SWL</t>
  </si>
  <si>
    <t>5702329991247</t>
  </si>
  <si>
    <t>VELUX Vort.-Set M+VR DOP FK04 0705SWL</t>
  </si>
  <si>
    <t>DOP FK04 1025S</t>
  </si>
  <si>
    <t>5702329991278</t>
  </si>
  <si>
    <t>VELUX Vort.-Set M+VR DOP FK04 1025S</t>
  </si>
  <si>
    <t>DOP FK04 1025SWL</t>
  </si>
  <si>
    <t>5702329991261</t>
  </si>
  <si>
    <t>VELUX Vort.-Set M+VR DOP FK04 1025SWL</t>
  </si>
  <si>
    <t>DOP FK04 1085S</t>
  </si>
  <si>
    <t>5702329991292</t>
  </si>
  <si>
    <t>VELUX Vort.-Set M+VR DOP FK04 1085S</t>
  </si>
  <si>
    <t>DOP FK04 1085SWL</t>
  </si>
  <si>
    <t>5702329991285</t>
  </si>
  <si>
    <t>VELUX Vort.-Set M+VR DOP FK04 1085SWL</t>
  </si>
  <si>
    <t>DOP FK04 1100S</t>
  </si>
  <si>
    <t>5702329991315</t>
  </si>
  <si>
    <t>VELUX Vort.-Set M+VR DOP FK04 1100S</t>
  </si>
  <si>
    <t>DOP FK04 1100SWL</t>
  </si>
  <si>
    <t>5702329991308</t>
  </si>
  <si>
    <t>VELUX Vort.-Set M+VR DOP FK04 1100SWL</t>
  </si>
  <si>
    <t>DOP FK06 0705S</t>
  </si>
  <si>
    <t>5702329991339</t>
  </si>
  <si>
    <t>VELUX Vort.-Set M+VR DOP FK06 0705S</t>
  </si>
  <si>
    <t>DOP FK06 0705SWL</t>
  </si>
  <si>
    <t>5702329991322</t>
  </si>
  <si>
    <t>VELUX Vort.-Set M+VR DOP FK06 0705SWL</t>
  </si>
  <si>
    <t>DOP FK06 1025S</t>
  </si>
  <si>
    <t>5702329991353</t>
  </si>
  <si>
    <t>VELUX Vort.-Set M+VR DOP FK06 1025S</t>
  </si>
  <si>
    <t>DOP FK06 1025SWL</t>
  </si>
  <si>
    <t>5702329991346</t>
  </si>
  <si>
    <t>VELUX Vort.-Set M+VR DOP FK06 1025SWL</t>
  </si>
  <si>
    <t>DOP FK06 1085S</t>
  </si>
  <si>
    <t>5702329991377</t>
  </si>
  <si>
    <t>VELUX Vort.-Set M+VR DOP FK06 1085S</t>
  </si>
  <si>
    <t>DOP FK06 1085SWL</t>
  </si>
  <si>
    <t>5702329991360</t>
  </si>
  <si>
    <t>VELUX Vort.-Set M+VR DOP FK06 1085SWL</t>
  </si>
  <si>
    <t>DOP FK06 1100S</t>
  </si>
  <si>
    <t>5702329991391</t>
  </si>
  <si>
    <t>VELUX Vort.-Set M+VR DOP FK06 1100S</t>
  </si>
  <si>
    <t>DOP FK06 1100SWL</t>
  </si>
  <si>
    <t>5702329991384</t>
  </si>
  <si>
    <t>VELUX Vort.-Set M+VR DOP FK06 1100SWL</t>
  </si>
  <si>
    <t>DOP FK08 0705S</t>
  </si>
  <si>
    <t>5702329991414</t>
  </si>
  <si>
    <t>VELUX Vort.-Set M+VR DOP FK08 0705S</t>
  </si>
  <si>
    <t>DOP FK08 0705SWL</t>
  </si>
  <si>
    <t>5702329991407</t>
  </si>
  <si>
    <t>VELUX Vort.-Set M+VR DOP FK08 0705SWL</t>
  </si>
  <si>
    <t>DOP FK08 1025S</t>
  </si>
  <si>
    <t>5702329991438</t>
  </si>
  <si>
    <t>VELUX Vort.-Set M+VR DOP FK08 1025S</t>
  </si>
  <si>
    <t>DOP FK08 1025SWL</t>
  </si>
  <si>
    <t>5702329991421</t>
  </si>
  <si>
    <t>VELUX Vort.-Set M+VR DOP FK08 1025SWL</t>
  </si>
  <si>
    <t>DOP FK08 1085S</t>
  </si>
  <si>
    <t>5702329991452</t>
  </si>
  <si>
    <t>VELUX Vort.-Set M+VR DOP FK08 1085S</t>
  </si>
  <si>
    <t>DOP FK08 1085SWL</t>
  </si>
  <si>
    <t>5702329991445</t>
  </si>
  <si>
    <t>VELUX Vort.-Set M+VR DOP FK08 1085SWL</t>
  </si>
  <si>
    <t>DOP FK08 1100S</t>
  </si>
  <si>
    <t>5702329991476</t>
  </si>
  <si>
    <t>VELUX Vort.-Set M+VR DOP FK08 1100S</t>
  </si>
  <si>
    <t>DOP FK08 1100SWL</t>
  </si>
  <si>
    <t>5702329991469</t>
  </si>
  <si>
    <t>VELUX Vort.-Set M+VR DOP FK08 1100SWL</t>
  </si>
  <si>
    <t>DOP M04 0705S</t>
  </si>
  <si>
    <t>5702329991490</t>
  </si>
  <si>
    <t>VELUX Vort.-Set M+VR DOP M04 0705S</t>
  </si>
  <si>
    <t>DOP M04 0705SWL</t>
  </si>
  <si>
    <t>5702329991483</t>
  </si>
  <si>
    <t>VELUX Vort.-Set M+VR DOP M04 0705SWL</t>
  </si>
  <si>
    <t>DOP M04 1025S</t>
  </si>
  <si>
    <t>5702329991513</t>
  </si>
  <si>
    <t>VELUX Vort.-Set M+VR DOP M04 1025S</t>
  </si>
  <si>
    <t>DOP M04 1025SWL</t>
  </si>
  <si>
    <t>5702329991506</t>
  </si>
  <si>
    <t>VELUX Vort.-Set M+VR DOP M04 1025SWL</t>
  </si>
  <si>
    <t>DOP M04 1085S</t>
  </si>
  <si>
    <t>5702329991537</t>
  </si>
  <si>
    <t>VELUX Vort.-Set M+VR DOP M04 1085S</t>
  </si>
  <si>
    <t>DOP M04 1085SWL</t>
  </si>
  <si>
    <t>5702329991520</t>
  </si>
  <si>
    <t>VELUX Vort.-Set M+VR DOP M04 1085SWL</t>
  </si>
  <si>
    <t>DOP M04 1100S</t>
  </si>
  <si>
    <t>5702329991551</t>
  </si>
  <si>
    <t>VELUX Vort.-Set M+VR DOP M04 1100S</t>
  </si>
  <si>
    <t>DOP M04 1100SWL</t>
  </si>
  <si>
    <t>5702329991544</t>
  </si>
  <si>
    <t>VELUX Vort.-Set M+VR DOP M04 1100SWL</t>
  </si>
  <si>
    <t>DOP M06 0705S</t>
  </si>
  <si>
    <t>5702329991575</t>
  </si>
  <si>
    <t>VELUX Vort.-Set M+VR DOP M06 0705S</t>
  </si>
  <si>
    <t>DOP M06 0705SWL</t>
  </si>
  <si>
    <t>5702329991568</t>
  </si>
  <si>
    <t>VELUX Vort.-Set M+VR DOP M06 0705SWL</t>
  </si>
  <si>
    <t>DOP M06 1025S</t>
  </si>
  <si>
    <t>5702329991599</t>
  </si>
  <si>
    <t>VELUX Vort.-Set M+VR DOP M06 1025S</t>
  </si>
  <si>
    <t>DOP M06 1025SWL</t>
  </si>
  <si>
    <t>5702329991582</t>
  </si>
  <si>
    <t>VELUX Vort.-Set M+VR DOP M06 1025SWL</t>
  </si>
  <si>
    <t>DOP M06 1085S</t>
  </si>
  <si>
    <t>5702329991612</t>
  </si>
  <si>
    <t>VELUX Vort.-Set M+VR DOP M06 1085S</t>
  </si>
  <si>
    <t>DOP M06 1085SWL</t>
  </si>
  <si>
    <t>5702329991605</t>
  </si>
  <si>
    <t>VELUX Vort.-Set M+VR DOP M06 1085SWL</t>
  </si>
  <si>
    <t>DOP M06 1100S</t>
  </si>
  <si>
    <t>5702329991636</t>
  </si>
  <si>
    <t>VELUX Vort.-Set M+VR DOP M06 1100S</t>
  </si>
  <si>
    <t>DOP M06 1100SWL</t>
  </si>
  <si>
    <t>5702329991629</t>
  </si>
  <si>
    <t>VELUX Vort.-Set M+VR DOP M06 1100SWL</t>
  </si>
  <si>
    <t>DOP M08 0705S</t>
  </si>
  <si>
    <t>5702329991650</t>
  </si>
  <si>
    <t>VELUX Vort.-Set M+VR DOP M08 0705S</t>
  </si>
  <si>
    <t>DOP M08 0705SWL</t>
  </si>
  <si>
    <t>5702329991643</t>
  </si>
  <si>
    <t>VELUX Vort.-Set M+VR DOP M08 0705SWL</t>
  </si>
  <si>
    <t>DOP M08 1025S</t>
  </si>
  <si>
    <t>5702329991674</t>
  </si>
  <si>
    <t>VELUX Vort.-Set M+VR DOP M08 1025S</t>
  </si>
  <si>
    <t>DOP M08 1025SWL</t>
  </si>
  <si>
    <t>5702329991667</t>
  </si>
  <si>
    <t>VELUX Vort.-Set M+VR DOP M08 1025SWL</t>
  </si>
  <si>
    <t>DOP M08 1085S</t>
  </si>
  <si>
    <t>5702329991698</t>
  </si>
  <si>
    <t>VELUX Vort.-Set M+VR DOP M08 1085S</t>
  </si>
  <si>
    <t>DOP M08 1085SWL</t>
  </si>
  <si>
    <t>5702329991681</t>
  </si>
  <si>
    <t>VELUX Vort.-Set M+VR DOP M08 1085SWL</t>
  </si>
  <si>
    <t>DOP M08 1100S</t>
  </si>
  <si>
    <t>5702329991711</t>
  </si>
  <si>
    <t>VELUX Vort.-Set M+VR DOP M08 1100S</t>
  </si>
  <si>
    <t>DOP M08 1100SWL</t>
  </si>
  <si>
    <t>5702329991704</t>
  </si>
  <si>
    <t>VELUX Vort.-Set M+VR DOP M08 1100SWL</t>
  </si>
  <si>
    <t>DOP M10 0705S</t>
  </si>
  <si>
    <t>5702329991735</t>
  </si>
  <si>
    <t>VELUX Vort.-Set M+VR DOP M10 0705S</t>
  </si>
  <si>
    <t>DOP M10 0705SWL</t>
  </si>
  <si>
    <t>5702329991728</t>
  </si>
  <si>
    <t>VELUX Vort.-Set M+VR DOP M10 0705SWL</t>
  </si>
  <si>
    <t>DOP M10 1025S</t>
  </si>
  <si>
    <t>5702329991759</t>
  </si>
  <si>
    <t>VELUX Vort.-Set M+VR DOP M10 1025S</t>
  </si>
  <si>
    <t>DOP M10 1025SWL</t>
  </si>
  <si>
    <t>5702329991742</t>
  </si>
  <si>
    <t>VELUX Vort.-Set M+VR DOP M10 1025SWL</t>
  </si>
  <si>
    <t>DOP M10 1085S</t>
  </si>
  <si>
    <t>5702329991773</t>
  </si>
  <si>
    <t>VELUX Vort.-Set M+VR DOP M10 1085S</t>
  </si>
  <si>
    <t>DOP M10 1085SWL</t>
  </si>
  <si>
    <t>5702329991766</t>
  </si>
  <si>
    <t>VELUX Vort.-Set M+VR DOP M10 1085SWL</t>
  </si>
  <si>
    <t>DOP M10 1100S</t>
  </si>
  <si>
    <t>5702329991797</t>
  </si>
  <si>
    <t>VELUX Vort.-Set M+VR DOP M10 1100S</t>
  </si>
  <si>
    <t>DOP M10 1100SWL</t>
  </si>
  <si>
    <t>5702329991780</t>
  </si>
  <si>
    <t>VELUX Vort.-Set M+VR DOP M10 1100SWL</t>
  </si>
  <si>
    <t>DOP MK04 0705S</t>
  </si>
  <si>
    <t>5702329991896</t>
  </si>
  <si>
    <t>VELUX Vort.-Set M+VR DOP MK04 0705S</t>
  </si>
  <si>
    <t>DOP MK04 0705SWL</t>
  </si>
  <si>
    <t>5702329991889</t>
  </si>
  <si>
    <t>VELUX Vort.-Set M+VR DOP MK04 0705SWL</t>
  </si>
  <si>
    <t>DOP MK04 1025S</t>
  </si>
  <si>
    <t>5702329991919</t>
  </si>
  <si>
    <t>VELUX Vort.-Set M+VR DOP MK04 1025S</t>
  </si>
  <si>
    <t>DOP MK04 1025SWL</t>
  </si>
  <si>
    <t>5702329991902</t>
  </si>
  <si>
    <t>VELUX Vort.-Set M+VR DOP MK04 1025SWL</t>
  </si>
  <si>
    <t>DOP MK04 1085S</t>
  </si>
  <si>
    <t>5702329991933</t>
  </si>
  <si>
    <t>VELUX Vort.-Set M+VR DOP MK04 1085S</t>
  </si>
  <si>
    <t>DOP MK04 1085SWL</t>
  </si>
  <si>
    <t>5702329991926</t>
  </si>
  <si>
    <t>VELUX Vort.-Set M+VR DOP MK04 1085SWL</t>
  </si>
  <si>
    <t>DOP MK04 1100S</t>
  </si>
  <si>
    <t>5702329991957</t>
  </si>
  <si>
    <t>VELUX Vort.-Set M+VR DOP MK04 1100S</t>
  </si>
  <si>
    <t>DOP MK04 1100SWL</t>
  </si>
  <si>
    <t>5702329991940</t>
  </si>
  <si>
    <t>VELUX Vort.-Set M+VR DOP MK04 1100SWL</t>
  </si>
  <si>
    <t>DOP MK06 0705S</t>
  </si>
  <si>
    <t>5702329991971</t>
  </si>
  <si>
    <t>VELUX Vort.-Set M+VR DOP MK06 0705S</t>
  </si>
  <si>
    <t>DOP MK06 0705SWL</t>
  </si>
  <si>
    <t>5702329991964</t>
  </si>
  <si>
    <t>VELUX Vort.-Set M+VR DOP MK06 0705SWL</t>
  </si>
  <si>
    <t>DOP MK06 1025S</t>
  </si>
  <si>
    <t>5702329991995</t>
  </si>
  <si>
    <t>VELUX Vort.-Set M+VR DOP MK06 1025S</t>
  </si>
  <si>
    <t>DOP MK06 1025SWL</t>
  </si>
  <si>
    <t>5702329991988</t>
  </si>
  <si>
    <t>VELUX Vort.-Set M+VR DOP MK06 1025SWL</t>
  </si>
  <si>
    <t>DOP MK06 1085S</t>
  </si>
  <si>
    <t>5702329992015</t>
  </si>
  <si>
    <t>VELUX Vort.-Set M+VR DOP MK06 1085S</t>
  </si>
  <si>
    <t>DOP MK06 1085SWL</t>
  </si>
  <si>
    <t>5702329992008</t>
  </si>
  <si>
    <t>VELUX Vort.-Set M+VR DOP MK06 1085SWL</t>
  </si>
  <si>
    <t>DOP MK06 1100S</t>
  </si>
  <si>
    <t>5702329992039</t>
  </si>
  <si>
    <t>VELUX Vort.-Set M+VR DOP MK06 1100S</t>
  </si>
  <si>
    <t>DOP MK06 1100SWL</t>
  </si>
  <si>
    <t>5702329992022</t>
  </si>
  <si>
    <t>VELUX Vort.-Set M+VR DOP MK06 1100SWL</t>
  </si>
  <si>
    <t>DOP MK08 0705S</t>
  </si>
  <si>
    <t>5702329992053</t>
  </si>
  <si>
    <t>VELUX Vort.-Set M+VR DOP MK08 0705S</t>
  </si>
  <si>
    <t>DOP MK08 0705SWL</t>
  </si>
  <si>
    <t>5702329992046</t>
  </si>
  <si>
    <t>VELUX Vort.-Set M+VR DOP MK08 0705SWL</t>
  </si>
  <si>
    <t>DOP MK08 1025S</t>
  </si>
  <si>
    <t>5702329992077</t>
  </si>
  <si>
    <t>VELUX Vort.-Set M+VR DOP MK08 1025S</t>
  </si>
  <si>
    <t>DOP MK08 1025SWL</t>
  </si>
  <si>
    <t>5702329992060</t>
  </si>
  <si>
    <t>VELUX Vort.-Set M+VR DOP MK08 1025SWL</t>
  </si>
  <si>
    <t>DOP MK08 1085S</t>
  </si>
  <si>
    <t>5702329992091</t>
  </si>
  <si>
    <t>VELUX Vort.-Set M+VR DOP MK08 1085S</t>
  </si>
  <si>
    <t>DOP MK08 1085SWL</t>
  </si>
  <si>
    <t>5702329992084</t>
  </si>
  <si>
    <t>VELUX Vort.-Set M+VR DOP MK08 1085SWL</t>
  </si>
  <si>
    <t>DOP MK08 1100S</t>
  </si>
  <si>
    <t>5702329992114</t>
  </si>
  <si>
    <t>VELUX Vort.-Set M+VR DOP MK08 1100S</t>
  </si>
  <si>
    <t>DOP MK08 1100SWL</t>
  </si>
  <si>
    <t>5702329992107</t>
  </si>
  <si>
    <t>VELUX Vort.-Set M+VR DOP MK08 1100SWL</t>
  </si>
  <si>
    <t>DOP MK10 0705S</t>
  </si>
  <si>
    <t>5702329992138</t>
  </si>
  <si>
    <t>VELUX Vort.-Set M+VR DOP MK10 0705S</t>
  </si>
  <si>
    <t>DOP MK10 0705SWL</t>
  </si>
  <si>
    <t>5702329992121</t>
  </si>
  <si>
    <t>VELUX Vort.-Set M+VR DOP MK10 0705SWL</t>
  </si>
  <si>
    <t>DOP MK10 1025S</t>
  </si>
  <si>
    <t>5702329992152</t>
  </si>
  <si>
    <t>VELUX Vort.-Set M+VR DOP MK10 1025S</t>
  </si>
  <si>
    <t>DOP MK10 1025SWL</t>
  </si>
  <si>
    <t>5702329992145</t>
  </si>
  <si>
    <t>VELUX Vort.-Set M+VR DOP MK10 1025SWL</t>
  </si>
  <si>
    <t>DOP MK10 1085S</t>
  </si>
  <si>
    <t>5702329992176</t>
  </si>
  <si>
    <t>VELUX Vort.-Set M+VR DOP MK10 1085S</t>
  </si>
  <si>
    <t>DOP MK10 1085SWL</t>
  </si>
  <si>
    <t>5702329992169</t>
  </si>
  <si>
    <t>VELUX Vort.-Set M+VR DOP MK10 1085SWL</t>
  </si>
  <si>
    <t>DOP MK10 1100S</t>
  </si>
  <si>
    <t>5702329992190</t>
  </si>
  <si>
    <t>VELUX Vort.-Set M+VR DOP MK10 1100S</t>
  </si>
  <si>
    <t>DOP MK10 1100SWL</t>
  </si>
  <si>
    <t>5702329992183</t>
  </si>
  <si>
    <t>VELUX Vort.-Set M+VR DOP MK10 1100SWL</t>
  </si>
  <si>
    <t>DOP MK12 0705S</t>
  </si>
  <si>
    <t>5702329992213</t>
  </si>
  <si>
    <t>VELUX Vort.-Set M+VR DOP MK12 0705S</t>
  </si>
  <si>
    <t>DOP MK12 0705SWL</t>
  </si>
  <si>
    <t>5702329992206</t>
  </si>
  <si>
    <t>VELUX Vort.-Set M+VR DOP MK12 0705SWL</t>
  </si>
  <si>
    <t>DOP MK12 1025S</t>
  </si>
  <si>
    <t>5702329992237</t>
  </si>
  <si>
    <t>VELUX Vort.-Set M+VR DOP MK12 1025S</t>
  </si>
  <si>
    <t>DOP MK12 1025SWL</t>
  </si>
  <si>
    <t>5702329992220</t>
  </si>
  <si>
    <t>VELUX Vort.-Set M+VR DOP MK12 1025SWL</t>
  </si>
  <si>
    <t>DOP MK12 1085S</t>
  </si>
  <si>
    <t>5702329992251</t>
  </si>
  <si>
    <t>VELUX Vort.-Set M+VR DOP MK12 1085S</t>
  </si>
  <si>
    <t>DOP MK12 1085SWL</t>
  </si>
  <si>
    <t>5702329992244</t>
  </si>
  <si>
    <t>VELUX Vort.-Set M+VR DOP MK12 1085SWL</t>
  </si>
  <si>
    <t>DOP MK12 1100S</t>
  </si>
  <si>
    <t>5702329992275</t>
  </si>
  <si>
    <t>VELUX Vort.-Set M+VR DOP MK12 1100S</t>
  </si>
  <si>
    <t>DOP MK12 1100SWL</t>
  </si>
  <si>
    <t>5702329992268</t>
  </si>
  <si>
    <t>VELUX Vort.-Set M+VR DOP MK12 1100SWL</t>
  </si>
  <si>
    <t>DOP P06 0705S</t>
  </si>
  <si>
    <t>5702329992374</t>
  </si>
  <si>
    <t>VELUX Vort.-Set M+VR DOP P06 0705S</t>
  </si>
  <si>
    <t>DOP P06 0705SWL</t>
  </si>
  <si>
    <t>5702329992367</t>
  </si>
  <si>
    <t>VELUX Vort.-Set M+VR DOP P06 0705SWL</t>
  </si>
  <si>
    <t>DOP P06 1025S</t>
  </si>
  <si>
    <t>5702329992398</t>
  </si>
  <si>
    <t>VELUX Vort.-Set M+VR DOP P06 1025S</t>
  </si>
  <si>
    <t>DOP P06 1025SWL</t>
  </si>
  <si>
    <t>5702329992381</t>
  </si>
  <si>
    <t>VELUX Vort.-Set M+VR DOP P06 1025SWL</t>
  </si>
  <si>
    <t>DOP P06 1085S</t>
  </si>
  <si>
    <t>5702329992411</t>
  </si>
  <si>
    <t>VELUX Vort.-Set M+VR DOP P06 1085S</t>
  </si>
  <si>
    <t>DOP P06 1085SWL</t>
  </si>
  <si>
    <t>5702329992404</t>
  </si>
  <si>
    <t>VELUX Vort.-Set M+VR DOP P06 1085SWL</t>
  </si>
  <si>
    <t>DOP P06 1100S</t>
  </si>
  <si>
    <t>5702329992435</t>
  </si>
  <si>
    <t>VELUX Vort.-Set M+VR DOP P06 1100S</t>
  </si>
  <si>
    <t>DOP P06 1100SWL</t>
  </si>
  <si>
    <t>5702329992428</t>
  </si>
  <si>
    <t>VELUX Vort.-Set M+VR DOP P06 1100SWL</t>
  </si>
  <si>
    <t>DOP P08 0705S</t>
  </si>
  <si>
    <t>5702329992459</t>
  </si>
  <si>
    <t>VELUX Vort.-Set M+VR DOP P08 0705S</t>
  </si>
  <si>
    <t>DOP P08 0705SWL</t>
  </si>
  <si>
    <t>5702329992442</t>
  </si>
  <si>
    <t>VELUX Vort.-Set M+VR DOP P08 0705SWL</t>
  </si>
  <si>
    <t>DOP P08 1025S</t>
  </si>
  <si>
    <t>5702329992473</t>
  </si>
  <si>
    <t>VELUX Vort.-Set M+VR DOP P08 1025S</t>
  </si>
  <si>
    <t>DOP P08 1025SWL</t>
  </si>
  <si>
    <t>5702329992466</t>
  </si>
  <si>
    <t>VELUX Vort.-Set M+VR DOP P08 1025SWL</t>
  </si>
  <si>
    <t>DOP P08 1085S</t>
  </si>
  <si>
    <t>5702329992497</t>
  </si>
  <si>
    <t>VELUX Vort.-Set M+VR DOP P08 1085S</t>
  </si>
  <si>
    <t>DOP P08 1085SWL</t>
  </si>
  <si>
    <t>5702329992480</t>
  </si>
  <si>
    <t>VELUX Vort.-Set M+VR DOP P08 1085SWL</t>
  </si>
  <si>
    <t>DOP P08 1100S</t>
  </si>
  <si>
    <t>5702329992510</t>
  </si>
  <si>
    <t>VELUX Vort.-Set M+VR DOP P08 1100S</t>
  </si>
  <si>
    <t>DOP P08 1100SWL</t>
  </si>
  <si>
    <t>5702329992503</t>
  </si>
  <si>
    <t>VELUX Vort.-Set M+VR DOP P08 1100SWL</t>
  </si>
  <si>
    <t>DOP P10 0705S</t>
  </si>
  <si>
    <t>5702329992534</t>
  </si>
  <si>
    <t>VELUX Vort.-Set M+VR DOP P10 0705S</t>
  </si>
  <si>
    <t>DOP P10 0705SWL</t>
  </si>
  <si>
    <t>5702329992527</t>
  </si>
  <si>
    <t>VELUX Vort.-Set M+VR DOP P10 0705SWL</t>
  </si>
  <si>
    <t>DOP P10 1025S</t>
  </si>
  <si>
    <t>5702329992558</t>
  </si>
  <si>
    <t>VELUX Vort.-Set M+VR DOP P10 1025S</t>
  </si>
  <si>
    <t>DOP P10 1025SWL</t>
  </si>
  <si>
    <t>5702329992541</t>
  </si>
  <si>
    <t>VELUX Vort.-Set M+VR DOP P10 1025SWL</t>
  </si>
  <si>
    <t>DOP P10 1085S</t>
  </si>
  <si>
    <t>5702329992572</t>
  </si>
  <si>
    <t>VELUX Vort.-Set M+VR DOP P10 1085S</t>
  </si>
  <si>
    <t>DOP P10 1085SWL</t>
  </si>
  <si>
    <t>5702329992565</t>
  </si>
  <si>
    <t>VELUX Vort.-Set M+VR DOP P10 1085SWL</t>
  </si>
  <si>
    <t>DOP P10 1100S</t>
  </si>
  <si>
    <t>5702329992596</t>
  </si>
  <si>
    <t>VELUX Vort.-Set M+VR DOP P10 1100S</t>
  </si>
  <si>
    <t>DOP P10 1100SWL</t>
  </si>
  <si>
    <t>5702329992589</t>
  </si>
  <si>
    <t>VELUX Vort.-Set M+VR DOP P10 1100SWL</t>
  </si>
  <si>
    <t>DOP PK06 0705S</t>
  </si>
  <si>
    <t>5702329992770</t>
  </si>
  <si>
    <t>VELUX Vort.-Set M+VR DOP PK06 0705S</t>
  </si>
  <si>
    <t>DOP PK06 0705SWL</t>
  </si>
  <si>
    <t>5702329992763</t>
  </si>
  <si>
    <t>VELUX Vort.-Set M+VR DOP PK06 0705SWL</t>
  </si>
  <si>
    <t>DOP PK06 1025S</t>
  </si>
  <si>
    <t>5702329992794</t>
  </si>
  <si>
    <t>VELUX Vort.-Set M+VR DOP PK06 1025S</t>
  </si>
  <si>
    <t>DOP PK06 1025SWL</t>
  </si>
  <si>
    <t>5702329992787</t>
  </si>
  <si>
    <t>VELUX Vort.-Set M+VR DOP PK06 1025SWL</t>
  </si>
  <si>
    <t>DOP PK06 1085S</t>
  </si>
  <si>
    <t>5702329992817</t>
  </si>
  <si>
    <t>VELUX Vort.-Set M+VR DOP PK06 1085S</t>
  </si>
  <si>
    <t>DOP PK06 1085SWL</t>
  </si>
  <si>
    <t>5702329992800</t>
  </si>
  <si>
    <t>VELUX Vort.-Set M+VR DOP PK06 1085SWL</t>
  </si>
  <si>
    <t>DOP PK06 1100S</t>
  </si>
  <si>
    <t>5702329992831</t>
  </si>
  <si>
    <t>VELUX Vort.-Set M+VR DOP PK06 1100S</t>
  </si>
  <si>
    <t>DOP PK06 1100SWL</t>
  </si>
  <si>
    <t>5702329992824</t>
  </si>
  <si>
    <t>VELUX Vort.-Set M+VR DOP PK06 1100SWL</t>
  </si>
  <si>
    <t>DOP PK08 0705S</t>
  </si>
  <si>
    <t>5702329992855</t>
  </si>
  <si>
    <t>VELUX Vort.-Set M+VR DOP PK08 0705S</t>
  </si>
  <si>
    <t>DOP PK08 0705SWL</t>
  </si>
  <si>
    <t>5702329992848</t>
  </si>
  <si>
    <t>VELUX Vort.-Set M+VR DOP PK08 0705SWL</t>
  </si>
  <si>
    <t>DOP PK08 1025S</t>
  </si>
  <si>
    <t>5702329992879</t>
  </si>
  <si>
    <t>VELUX Vort.-Set M+VR DOP PK08 1025S</t>
  </si>
  <si>
    <t>DOP PK08 1025SWL</t>
  </si>
  <si>
    <t>5702329992862</t>
  </si>
  <si>
    <t>VELUX Vort.-Set M+VR DOP PK08 1025SWL</t>
  </si>
  <si>
    <t>DOP PK08 1085S</t>
  </si>
  <si>
    <t>5702329992893</t>
  </si>
  <si>
    <t>VELUX Vort.-Set M+VR DOP PK08 1085S</t>
  </si>
  <si>
    <t>DOP PK08 1085SWL</t>
  </si>
  <si>
    <t>5702329992886</t>
  </si>
  <si>
    <t>VELUX Vort.-Set M+VR DOP PK08 1085SWL</t>
  </si>
  <si>
    <t>DOP PK08 1100S</t>
  </si>
  <si>
    <t>5702329992916</t>
  </si>
  <si>
    <t>VELUX Vort.-Set M+VR DOP PK08 1100S</t>
  </si>
  <si>
    <t>DOP PK08 1100SWL</t>
  </si>
  <si>
    <t>5702329992909</t>
  </si>
  <si>
    <t>VELUX Vort.-Set M+VR DOP PK08 1100SWL</t>
  </si>
  <si>
    <t>DOP PK10 0705S</t>
  </si>
  <si>
    <t>5702329992930</t>
  </si>
  <si>
    <t>VELUX Vort.-Set M+VR DOP PK10 0705S</t>
  </si>
  <si>
    <t>DOP PK10 0705SWL</t>
  </si>
  <si>
    <t>5702329992923</t>
  </si>
  <si>
    <t>VELUX Vort.-Set M+VR DOP PK10 0705SWL</t>
  </si>
  <si>
    <t>DOP PK10 1025S</t>
  </si>
  <si>
    <t>5702329992954</t>
  </si>
  <si>
    <t>VELUX Vort.-Set M+VR DOP PK10 1025S</t>
  </si>
  <si>
    <t>DOP PK10 1025SWL</t>
  </si>
  <si>
    <t>5702329992947</t>
  </si>
  <si>
    <t>VELUX Vort.-Set M+VR DOP PK10 1025SWL</t>
  </si>
  <si>
    <t>DOP PK10 1085S</t>
  </si>
  <si>
    <t>5702329992978</t>
  </si>
  <si>
    <t>VELUX Vort.-Set M+VR DOP PK10 1085S</t>
  </si>
  <si>
    <t>DOP PK10 1085SWL</t>
  </si>
  <si>
    <t>5702329992961</t>
  </si>
  <si>
    <t>VELUX Vort.-Set M+VR DOP PK10 1085SWL</t>
  </si>
  <si>
    <t>DOP PK10 1100S</t>
  </si>
  <si>
    <t>5702329992992</t>
  </si>
  <si>
    <t>VELUX Vort.-Set M+VR DOP PK10 1100S</t>
  </si>
  <si>
    <t>DOP PK10 1100SWL</t>
  </si>
  <si>
    <t>5702329992985</t>
  </si>
  <si>
    <t>VELUX Vort.-Set M+VR DOP PK10 1100SWL</t>
  </si>
  <si>
    <t>DOP S06 0705S</t>
  </si>
  <si>
    <t>5702329993258</t>
  </si>
  <si>
    <t>VELUX Vort.-Set M+VR DOP S06 0705S</t>
  </si>
  <si>
    <t>DOP S06 0705SWL</t>
  </si>
  <si>
    <t>5702329993241</t>
  </si>
  <si>
    <t>VELUX Vort.-Set M+VR DOP S06 0705SWL</t>
  </si>
  <si>
    <t>DOP S06 1025S</t>
  </si>
  <si>
    <t>5702329993272</t>
  </si>
  <si>
    <t>VELUX Vort.-Set M+VR DOP S06 1025S</t>
  </si>
  <si>
    <t>DOP S06 1025SWL</t>
  </si>
  <si>
    <t>5702329993265</t>
  </si>
  <si>
    <t>VELUX Vort.-Set M+VR DOP S06 1025SWL</t>
  </si>
  <si>
    <t>DOP S06 1085S</t>
  </si>
  <si>
    <t>5702329993296</t>
  </si>
  <si>
    <t>VELUX Vort.-Set M+VR DOP S06 1085S</t>
  </si>
  <si>
    <t>DOP S06 1085SWL</t>
  </si>
  <si>
    <t>5702329993289</t>
  </si>
  <si>
    <t>VELUX Vort.-Set M+VR DOP S06 1085SWL</t>
  </si>
  <si>
    <t>DOP S06 1100S</t>
  </si>
  <si>
    <t>5702329993319</t>
  </si>
  <si>
    <t>VELUX Vort.-Set M+VR DOP S06 1100S</t>
  </si>
  <si>
    <t>DOP S06 1100SWL</t>
  </si>
  <si>
    <t>5702329993302</t>
  </si>
  <si>
    <t>VELUX Vort.-Set M+VR DOP S06 1100SWL</t>
  </si>
  <si>
    <t>DOP S08 0705S</t>
  </si>
  <si>
    <t>5702329993333</t>
  </si>
  <si>
    <t>VELUX Vort.-Set M+VR DOP S08 0705S</t>
  </si>
  <si>
    <t>DOP S08 0705SWL</t>
  </si>
  <si>
    <t>5702329993326</t>
  </si>
  <si>
    <t>VELUX Vort.-Set M+VR DOP S08 0705SWL</t>
  </si>
  <si>
    <t>DOP S08 1025S</t>
  </si>
  <si>
    <t>5702329993357</t>
  </si>
  <si>
    <t>VELUX Vort.-Set M+VR DOP S08 1025S</t>
  </si>
  <si>
    <t>DOP S08 1025SWL</t>
  </si>
  <si>
    <t>5702329993340</t>
  </si>
  <si>
    <t>VELUX Vort.-Set M+VR DOP S08 1025SWL</t>
  </si>
  <si>
    <t>DOP S08 1085S</t>
  </si>
  <si>
    <t>5702329993371</t>
  </si>
  <si>
    <t>VELUX Vort.-Set M+VR DOP S08 1085S</t>
  </si>
  <si>
    <t>DOP S08 1085SWL</t>
  </si>
  <si>
    <t>5702329993364</t>
  </si>
  <si>
    <t>VELUX Vort.-Set M+VR DOP S08 1085SWL</t>
  </si>
  <si>
    <t>DOP S08 1100S</t>
  </si>
  <si>
    <t>5702329993395</t>
  </si>
  <si>
    <t>VELUX Vort.-Set M+VR DOP S08 1100S</t>
  </si>
  <si>
    <t>DOP S08 1100SWL</t>
  </si>
  <si>
    <t>5702329993388</t>
  </si>
  <si>
    <t>VELUX Vort.-Set M+VR DOP S08 1100SWL</t>
  </si>
  <si>
    <t>DOP S10 0705S</t>
  </si>
  <si>
    <t>5702329993418</t>
  </si>
  <si>
    <t>VELUX Vort.-Set M+VR DOP S10 0705S</t>
  </si>
  <si>
    <t>DOP S10 0705SWL</t>
  </si>
  <si>
    <t>5702329993401</t>
  </si>
  <si>
    <t>VELUX Vort.-Set M+VR DOP S10 0705SWL</t>
  </si>
  <si>
    <t>DOP S10 1025S</t>
  </si>
  <si>
    <t>5702329993432</t>
  </si>
  <si>
    <t>VELUX Vort.-Set M+VR DOP S10 1025S</t>
  </si>
  <si>
    <t>DOP S10 1025SWL</t>
  </si>
  <si>
    <t>5702329993425</t>
  </si>
  <si>
    <t>VELUX Vort.-Set M+VR DOP S10 1025SWL</t>
  </si>
  <si>
    <t>DOP S10 1085S</t>
  </si>
  <si>
    <t>5702329993456</t>
  </si>
  <si>
    <t>VELUX Vort.-Set M+VR DOP S10 1085S</t>
  </si>
  <si>
    <t>DOP S10 1085SWL</t>
  </si>
  <si>
    <t>5702329993449</t>
  </si>
  <si>
    <t>VELUX Vort.-Set M+VR DOP S10 1085SWL</t>
  </si>
  <si>
    <t>DOP S10 1100S</t>
  </si>
  <si>
    <t>5702329993470</t>
  </si>
  <si>
    <t>VELUX Vort.-Set M+VR DOP S10 1100S</t>
  </si>
  <si>
    <t>DOP S10 1100SWL</t>
  </si>
  <si>
    <t>5702329993463</t>
  </si>
  <si>
    <t>VELUX Vort.-Set M+VR DOP S10 1100SWL</t>
  </si>
  <si>
    <t>DOP SK06 0705S</t>
  </si>
  <si>
    <t>5702329993579</t>
  </si>
  <si>
    <t>VELUX Vort.-Set M+VR DOP SK06 0705S</t>
  </si>
  <si>
    <t>DOP SK06 0705SWL</t>
  </si>
  <si>
    <t>5702329993562</t>
  </si>
  <si>
    <t>VELUX Vort.-Set M+VR DOP SK06 0705SWL</t>
  </si>
  <si>
    <t>DOP SK06 1025S</t>
  </si>
  <si>
    <t>5702329993593</t>
  </si>
  <si>
    <t>VELUX Vort.-Set M+VR DOP SK06 1025S</t>
  </si>
  <si>
    <t>DOP SK06 1025SWL</t>
  </si>
  <si>
    <t>5702329993586</t>
  </si>
  <si>
    <t>VELUX Vort.-Set M+VR DOP SK06 1025SWL</t>
  </si>
  <si>
    <t>DOP SK06 1085S</t>
  </si>
  <si>
    <t>5702329993616</t>
  </si>
  <si>
    <t>VELUX Vort.-Set M+VR DOP SK06 1085S</t>
  </si>
  <si>
    <t>DOP SK06 1085SWL</t>
  </si>
  <si>
    <t>5702329993609</t>
  </si>
  <si>
    <t>VELUX Vort.-Set M+VR DOP SK06 1085SWL</t>
  </si>
  <si>
    <t>DOP SK06 1100S</t>
  </si>
  <si>
    <t>5702329993630</t>
  </si>
  <si>
    <t>VELUX Vort.-Set M+VR DOP SK06 1100S</t>
  </si>
  <si>
    <t>DOP SK06 1100SWL</t>
  </si>
  <si>
    <t>5702329993623</t>
  </si>
  <si>
    <t>VELUX Vort.-Set M+VR DOP SK06 1100SWL</t>
  </si>
  <si>
    <t>DOP SK08 0705S</t>
  </si>
  <si>
    <t>5702329993654</t>
  </si>
  <si>
    <t>VELUX Vort.-Set M+VR DOP SK08 0705S</t>
  </si>
  <si>
    <t>DOP SK08 0705SWL</t>
  </si>
  <si>
    <t>5702329993647</t>
  </si>
  <si>
    <t>VELUX Vort.-Set M+VR DOP SK08 0705SWL</t>
  </si>
  <si>
    <t>DOP SK08 1025S</t>
  </si>
  <si>
    <t>5702329993678</t>
  </si>
  <si>
    <t>VELUX Vort.-Set M+VR DOP SK08 1025S</t>
  </si>
  <si>
    <t>DOP SK08 1025SWL</t>
  </si>
  <si>
    <t>5702329993661</t>
  </si>
  <si>
    <t>VELUX Vort.-Set M+VR DOP SK08 1025SWL</t>
  </si>
  <si>
    <t>DOP SK08 1085S</t>
  </si>
  <si>
    <t>5702329993692</t>
  </si>
  <si>
    <t>VELUX Vort.-Set M+VR DOP SK08 1085S</t>
  </si>
  <si>
    <t>DOP SK08 1085SWL</t>
  </si>
  <si>
    <t>5702329993685</t>
  </si>
  <si>
    <t>VELUX Vort.-Set M+VR DOP SK08 1085SWL</t>
  </si>
  <si>
    <t>DOP SK08 1100S</t>
  </si>
  <si>
    <t>5702329993715</t>
  </si>
  <si>
    <t>VELUX Vort.-Set M+VR DOP SK08 1100S</t>
  </si>
  <si>
    <t>DOP SK08 1100SWL</t>
  </si>
  <si>
    <t>5702329993708</t>
  </si>
  <si>
    <t>VELUX Vort.-Set M+VR DOP SK08 1100SWL</t>
  </si>
  <si>
    <t>DOP SK10 0705S</t>
  </si>
  <si>
    <t>5702329993739</t>
  </si>
  <si>
    <t>VELUX Vort.-Set M+VR DOP SK10 0705S</t>
  </si>
  <si>
    <t>DOP SK10 0705SWL</t>
  </si>
  <si>
    <t>5702329993722</t>
  </si>
  <si>
    <t>VELUX Vort.-Set M+VR DOP SK10 0705SWL</t>
  </si>
  <si>
    <t>DOP SK10 1025S</t>
  </si>
  <si>
    <t>5702329993753</t>
  </si>
  <si>
    <t>VELUX Vort.-Set M+VR DOP SK10 1025S</t>
  </si>
  <si>
    <t>DOP SK10 1025SWL</t>
  </si>
  <si>
    <t>5702329993746</t>
  </si>
  <si>
    <t>VELUX Vort.-Set M+VR DOP SK10 1025SWL</t>
  </si>
  <si>
    <t>DOP SK10 1085S</t>
  </si>
  <si>
    <t>5702329993777</t>
  </si>
  <si>
    <t>VELUX Vort.-Set M+VR DOP SK10 1085S</t>
  </si>
  <si>
    <t>DOP SK10 1085SWL</t>
  </si>
  <si>
    <t>5702329993760</t>
  </si>
  <si>
    <t>VELUX Vort.-Set M+VR DOP SK10 1085SWL</t>
  </si>
  <si>
    <t>DOP SK10 1100S</t>
  </si>
  <si>
    <t>5702329993791</t>
  </si>
  <si>
    <t>VELUX Vort.-Set M+VR DOP SK10 1100S</t>
  </si>
  <si>
    <t>DOP SK10 1100SWL</t>
  </si>
  <si>
    <t>5702329993784</t>
  </si>
  <si>
    <t>VELUX Vort.-Set M+VR DOP SK10 1100SWL</t>
  </si>
  <si>
    <t>DOP U04 0705S</t>
  </si>
  <si>
    <t>5702329993814</t>
  </si>
  <si>
    <t>VELUX Vort.-Set M+VR DOP U04 0705S</t>
  </si>
  <si>
    <t>DOP U04 0705SWL</t>
  </si>
  <si>
    <t>5702329993807</t>
  </si>
  <si>
    <t>VELUX Vort.-Set M+VR DOP U04 0705SWL</t>
  </si>
  <si>
    <t>DOP U04 1025S</t>
  </si>
  <si>
    <t>5702329993838</t>
  </si>
  <si>
    <t>VELUX Vort.-Set M+VR DOP U04 1025S</t>
  </si>
  <si>
    <t>DOP U04 1025SWL</t>
  </si>
  <si>
    <t>5702329993821</t>
  </si>
  <si>
    <t>VELUX Vort.-Set M+VR DOP U04 1025SWL</t>
  </si>
  <si>
    <t>DOP U04 1085S</t>
  </si>
  <si>
    <t>5702329993852</t>
  </si>
  <si>
    <t>VELUX Vort.-Set M+VR DOP U04 1085S</t>
  </si>
  <si>
    <t>DOP U04 1085SWL</t>
  </si>
  <si>
    <t>5702329993845</t>
  </si>
  <si>
    <t>VELUX Vort.-Set M+VR DOP U04 1085SWL</t>
  </si>
  <si>
    <t>DOP U04 1100S</t>
  </si>
  <si>
    <t>5702329993876</t>
  </si>
  <si>
    <t>VELUX Vort.-Set M+VR DOP U04 1100S</t>
  </si>
  <si>
    <t>DOP U04 1100SWL</t>
  </si>
  <si>
    <t>5702329993869</t>
  </si>
  <si>
    <t>VELUX Vort.-Set M+VR DOP U04 1100SWL</t>
  </si>
  <si>
    <t>DOP U08 0705S</t>
  </si>
  <si>
    <t>5702329993890</t>
  </si>
  <si>
    <t>VELUX Vort.-Set M+VR DOP U08 0705S</t>
  </si>
  <si>
    <t>DOP U08 0705SWL</t>
  </si>
  <si>
    <t>5702329993883</t>
  </si>
  <si>
    <t>VELUX Vort.-Set M+VR DOP U08 0705SWL</t>
  </si>
  <si>
    <t>DOP U08 1025S</t>
  </si>
  <si>
    <t>5702329993913</t>
  </si>
  <si>
    <t>VELUX Vort.-Set M+VR DOP U08 1025S</t>
  </si>
  <si>
    <t>DOP U08 1025SWL</t>
  </si>
  <si>
    <t>5702329993906</t>
  </si>
  <si>
    <t>VELUX Vort.-Set M+VR DOP U08 1025SWL</t>
  </si>
  <si>
    <t>DOP U08 1085S</t>
  </si>
  <si>
    <t>5702329993937</t>
  </si>
  <si>
    <t>VELUX Vort.-Set M+VR DOP U08 1085S</t>
  </si>
  <si>
    <t>DOP U08 1085SWL</t>
  </si>
  <si>
    <t>5702329993920</t>
  </si>
  <si>
    <t>VELUX Vort.-Set M+VR DOP U08 1085SWL</t>
  </si>
  <si>
    <t>DOP U08 1100S</t>
  </si>
  <si>
    <t>5702329993951</t>
  </si>
  <si>
    <t>VELUX Vort.-Set M+VR DOP U08 1100S</t>
  </si>
  <si>
    <t>DOP U08 1100SWL</t>
  </si>
  <si>
    <t>5702329993944</t>
  </si>
  <si>
    <t>VELUX Vort.-Set M+VR DOP U08 1100SWL</t>
  </si>
  <si>
    <t>DOP U10 0705S</t>
  </si>
  <si>
    <t>5702329993975</t>
  </si>
  <si>
    <t>VELUX Vort.-Set M+VR DOP U10 0705S</t>
  </si>
  <si>
    <t>DOP U10 0705SWL</t>
  </si>
  <si>
    <t>5702329993968</t>
  </si>
  <si>
    <t>VELUX Vort.-Set M+VR DOP U10 0705SWL</t>
  </si>
  <si>
    <t>DOP U10 1025S</t>
  </si>
  <si>
    <t>5702329993999</t>
  </si>
  <si>
    <t>VELUX Vort.-Set M+VR DOP U10 1025S</t>
  </si>
  <si>
    <t>DOP U10 1025SWL</t>
  </si>
  <si>
    <t>5702329993982</t>
  </si>
  <si>
    <t>VELUX Vort.-Set M+VR DOP U10 1025SWL</t>
  </si>
  <si>
    <t>DOP U10 1085S</t>
  </si>
  <si>
    <t>5702329994019</t>
  </si>
  <si>
    <t>VELUX Vort.-Set M+VR DOP U10 1085S</t>
  </si>
  <si>
    <t>DOP U10 1085SWL</t>
  </si>
  <si>
    <t>5702329994002</t>
  </si>
  <si>
    <t>VELUX Vort.-Set M+VR DOP U10 1085SWL</t>
  </si>
  <si>
    <t>DOP U10 1100S</t>
  </si>
  <si>
    <t>5702329994033</t>
  </si>
  <si>
    <t>VELUX Vort.-Set M+VR DOP U10 1100S</t>
  </si>
  <si>
    <t>DOP U10 1100SWL</t>
  </si>
  <si>
    <t>5702329994026</t>
  </si>
  <si>
    <t>VELUX Vort.-Set M+VR DOP U10 1100SWL</t>
  </si>
  <si>
    <t>DOP UK04 0705S</t>
  </si>
  <si>
    <t>5702329994057</t>
  </si>
  <si>
    <t>VELUX Vort.-Set M+VR DOP UK04 0705S</t>
  </si>
  <si>
    <t>DOP UK04 0705SWL</t>
  </si>
  <si>
    <t>5702329994040</t>
  </si>
  <si>
    <t>VELUX Vort.-Set M+VR DOP UK04 0705SWL</t>
  </si>
  <si>
    <t>DOP UK04 1025S</t>
  </si>
  <si>
    <t>5702329994071</t>
  </si>
  <si>
    <t>VELUX Vort.-Set M+VR DOP UK04 1025S</t>
  </si>
  <si>
    <t>DOP UK04 1025SWL</t>
  </si>
  <si>
    <t>5702329994064</t>
  </si>
  <si>
    <t>VELUX Vort.-Set M+VR DOP UK04 1025SWL</t>
  </si>
  <si>
    <t>DOP UK04 1085S</t>
  </si>
  <si>
    <t>5702329994095</t>
  </si>
  <si>
    <t>VELUX Vort.-Set M+VR DOP UK04 1085S</t>
  </si>
  <si>
    <t>DOP UK04 1085SWL</t>
  </si>
  <si>
    <t>5702329994088</t>
  </si>
  <si>
    <t>VELUX Vort.-Set M+VR DOP UK04 1085SWL</t>
  </si>
  <si>
    <t>DOP UK04 1100S</t>
  </si>
  <si>
    <t>5702329994118</t>
  </si>
  <si>
    <t>VELUX Vort.-Set M+VR DOP UK04 1100S</t>
  </si>
  <si>
    <t>DOP UK04 1100SWL</t>
  </si>
  <si>
    <t>5702329994101</t>
  </si>
  <si>
    <t>VELUX Vort.-Set M+VR DOP UK04 1100SWL</t>
  </si>
  <si>
    <t>DOP UK08 0705S</t>
  </si>
  <si>
    <t>5702329994132</t>
  </si>
  <si>
    <t>VELUX Vort.-Set M+VR DOP UK08 0705S</t>
  </si>
  <si>
    <t>DOP UK08 0705SWL</t>
  </si>
  <si>
    <t>5702329994125</t>
  </si>
  <si>
    <t>VELUX Vort.-Set M+VR DOP UK08 0705SWL</t>
  </si>
  <si>
    <t>DOP UK08 1025S</t>
  </si>
  <si>
    <t>5702329994156</t>
  </si>
  <si>
    <t>VELUX Vort.-Set M+VR DOP UK08 1025S</t>
  </si>
  <si>
    <t>DOP UK08 1025SWL</t>
  </si>
  <si>
    <t>5702329994149</t>
  </si>
  <si>
    <t>VELUX Vort.-Set M+VR DOP UK08 1025SWL</t>
  </si>
  <si>
    <t>DOP UK08 1085S</t>
  </si>
  <si>
    <t>5702329994170</t>
  </si>
  <si>
    <t>VELUX Vort.-Set M+VR DOP UK08 1085S</t>
  </si>
  <si>
    <t>DOP UK08 1085SWL</t>
  </si>
  <si>
    <t>5702329994163</t>
  </si>
  <si>
    <t>VELUX Vort.-Set M+VR DOP UK08 1085SWL</t>
  </si>
  <si>
    <t>DOP UK08 1100S</t>
  </si>
  <si>
    <t>5702329994194</t>
  </si>
  <si>
    <t>VELUX Vort.-Set M+VR DOP UK08 1100S</t>
  </si>
  <si>
    <t>DOP UK08 1100SWL</t>
  </si>
  <si>
    <t>5702329994187</t>
  </si>
  <si>
    <t>VELUX Vort.-Set M+VR DOP UK08 1100SWL</t>
  </si>
  <si>
    <t>DOP UK10 0705S</t>
  </si>
  <si>
    <t>5702329994217</t>
  </si>
  <si>
    <t>VELUX Vort.-Set M+VR DOP UK10 0705S</t>
  </si>
  <si>
    <t>DOP UK10 0705SWL</t>
  </si>
  <si>
    <t>5702329994200</t>
  </si>
  <si>
    <t>VELUX Vort.-Set M+VR DOP UK10 0705SWL</t>
  </si>
  <si>
    <t>DOP UK10 1025S</t>
  </si>
  <si>
    <t>5702329994231</t>
  </si>
  <si>
    <t>VELUX Vort.-Set M+VR DOP UK10 1025S</t>
  </si>
  <si>
    <t>DOP UK10 1025SWL</t>
  </si>
  <si>
    <t>5702329994224</t>
  </si>
  <si>
    <t>VELUX Vort.-Set M+VR DOP UK10 1025SWL</t>
  </si>
  <si>
    <t>DOP UK10 1085S</t>
  </si>
  <si>
    <t>5702329994255</t>
  </si>
  <si>
    <t>VELUX Vort.-Set M+VR DOP UK10 1085S</t>
  </si>
  <si>
    <t>DOP UK10 1085SWL</t>
  </si>
  <si>
    <t>5702329994248</t>
  </si>
  <si>
    <t>VELUX Vort.-Set M+VR DOP UK10 1085SWL</t>
  </si>
  <si>
    <t>DOP UK10 1100S</t>
  </si>
  <si>
    <t>5702329994279</t>
  </si>
  <si>
    <t>VELUX Vort.-Set M+VR DOP UK10 1100S</t>
  </si>
  <si>
    <t>DOP UK10 1100SWL</t>
  </si>
  <si>
    <t>5702329994262</t>
  </si>
  <si>
    <t>VELUX Vort.-Set M+VR DOP UK10 1100SWL</t>
  </si>
  <si>
    <t>DSL C02 0705K</t>
  </si>
  <si>
    <t>5702329479141</t>
  </si>
  <si>
    <t>VELUX Verd.-Rollo solar DSL C02 0705K</t>
  </si>
  <si>
    <t>DSL C02 0705KWL</t>
  </si>
  <si>
    <t>5702329489133</t>
  </si>
  <si>
    <t>VELUX Verd.-Rollo solar DSL C02 0705KWL</t>
  </si>
  <si>
    <t>DSL C02 1025K</t>
  </si>
  <si>
    <t>5702329479158</t>
  </si>
  <si>
    <t>VELUX Verd.-Rollo solar DSL C02 1025K</t>
  </si>
  <si>
    <t>DSL C02 1025KWL</t>
  </si>
  <si>
    <t>5702329489140</t>
  </si>
  <si>
    <t>VELUX Verd.-Rollo solar DSL C02 1025KWL</t>
  </si>
  <si>
    <t>DSL C02 1085K</t>
  </si>
  <si>
    <t>5702329479165</t>
  </si>
  <si>
    <t>VELUX Verd.-Rollo solar DSL C02 1085K</t>
  </si>
  <si>
    <t>DSL C02 1085KWL</t>
  </si>
  <si>
    <t>5702329489157</t>
  </si>
  <si>
    <t>VELUX Verd.-Rollo solar DSL C02 1085KWL</t>
  </si>
  <si>
    <t>DSL C02 1100K</t>
  </si>
  <si>
    <t>5702329479172</t>
  </si>
  <si>
    <t>VELUX Verd.-Rollo solar DSL C02 1100K</t>
  </si>
  <si>
    <t>DSL C02 1100KWL</t>
  </si>
  <si>
    <t>5702329489164</t>
  </si>
  <si>
    <t>VELUX Verd.-Rollo solar DSL C02 1100KWL</t>
  </si>
  <si>
    <t>DSL C02 3009K</t>
  </si>
  <si>
    <t>5702329479189</t>
  </si>
  <si>
    <t>VELUX Verd.-Rollo solar DSL C02 3009K</t>
  </si>
  <si>
    <t>DSL C02 3009KWL</t>
  </si>
  <si>
    <t>5702329489171</t>
  </si>
  <si>
    <t>VELUX Verd.-Rollo solar DSL C02 3009KWL</t>
  </si>
  <si>
    <t>DSL C02 4556K</t>
  </si>
  <si>
    <t>5702329479196</t>
  </si>
  <si>
    <t>VELUX Verd.-Rollo solar DSL C02 4556K</t>
  </si>
  <si>
    <t>DSL C02 4556KWL</t>
  </si>
  <si>
    <t>5702329489188</t>
  </si>
  <si>
    <t>VELUX Verd.-Rollo solar DSL C02 4556KWL</t>
  </si>
  <si>
    <t>DSL C02 4559K</t>
  </si>
  <si>
    <t>5702329479202</t>
  </si>
  <si>
    <t>VELUX Verd.-Rollo solar DSL C02 4559K</t>
  </si>
  <si>
    <t>DSL C02 4559KWL</t>
  </si>
  <si>
    <t>5702329489195</t>
  </si>
  <si>
    <t>VELUX Verd.-Rollo solar DSL C02 4559KWL</t>
  </si>
  <si>
    <t>DSL C02 4564K</t>
  </si>
  <si>
    <t>5702329479219</t>
  </si>
  <si>
    <t>VELUX Verd.-Rollo solar DSL C02 4564K</t>
  </si>
  <si>
    <t>DSL C02 4564KWL</t>
  </si>
  <si>
    <t>5702329489201</t>
  </si>
  <si>
    <t>VELUX Verd.-Rollo solar DSL C02 4564KWL</t>
  </si>
  <si>
    <t>DSL C02 4574K</t>
  </si>
  <si>
    <t>5702329479226</t>
  </si>
  <si>
    <t>VELUX Verd.-Rollo solar DSL C02 4574K</t>
  </si>
  <si>
    <t>DSL C02 4574KWL</t>
  </si>
  <si>
    <t>5702329489218</t>
  </si>
  <si>
    <t>VELUX Verd.-Rollo solar DSL C02 4574KWL</t>
  </si>
  <si>
    <t>DSL C02 4575K</t>
  </si>
  <si>
    <t>5702329479233</t>
  </si>
  <si>
    <t>VELUX Verd.-Rollo solar DSL C02 4575K</t>
  </si>
  <si>
    <t>DSL C02 4575KWL</t>
  </si>
  <si>
    <t>5702329489225</t>
  </si>
  <si>
    <t>VELUX Verd.-Rollo solar DSL C02 4575KWL</t>
  </si>
  <si>
    <t>DSL C02 4576K</t>
  </si>
  <si>
    <t>5702329479240</t>
  </si>
  <si>
    <t>VELUX Verd.-Rollo solar DSL C02 4576K</t>
  </si>
  <si>
    <t>DSL C02 4576KWL</t>
  </si>
  <si>
    <t>5702329489232</t>
  </si>
  <si>
    <t>VELUX Verd.-Rollo solar DSL C02 4576KWL</t>
  </si>
  <si>
    <t>DSL C02 4577K</t>
  </si>
  <si>
    <t>5702329479257</t>
  </si>
  <si>
    <t>VELUX Verd.-Rollo solar DSL C02 4577K</t>
  </si>
  <si>
    <t>DSL C02 4577KWL</t>
  </si>
  <si>
    <t>5702329489249</t>
  </si>
  <si>
    <t>VELUX Verd.-Rollo solar DSL C02 4577KWL</t>
  </si>
  <si>
    <t>DSL C02 4578K</t>
  </si>
  <si>
    <t>5702329479264</t>
  </si>
  <si>
    <t>VELUX Verd.-Rollo solar DSL C02 4578K</t>
  </si>
  <si>
    <t>DSL C02 4578KWL</t>
  </si>
  <si>
    <t>5702329489256</t>
  </si>
  <si>
    <t>VELUX Verd.-Rollo solar DSL C02 4578KWL</t>
  </si>
  <si>
    <t>DSL C02 4579K</t>
  </si>
  <si>
    <t>5702329479271</t>
  </si>
  <si>
    <t>VELUX Verd.-Rollo solar DSL C02 4579K</t>
  </si>
  <si>
    <t>DSL C02 4579KWL</t>
  </si>
  <si>
    <t>5702329489263</t>
  </si>
  <si>
    <t>VELUX Verd.-Rollo solar DSL C02 4579KWL</t>
  </si>
  <si>
    <t>DSL C02 4580K</t>
  </si>
  <si>
    <t>5702329479288</t>
  </si>
  <si>
    <t>VELUX Verd.-Rollo solar DSL C02 4580K</t>
  </si>
  <si>
    <t>DSL C02 4580KWL</t>
  </si>
  <si>
    <t>5702329489270</t>
  </si>
  <si>
    <t>VELUX Verd.-Rollo solar DSL C02 4580KWL</t>
  </si>
  <si>
    <t>DSL C02 4581K</t>
  </si>
  <si>
    <t>5702329479295</t>
  </si>
  <si>
    <t>VELUX Verd.-Rollo solar DSL C02 4581K</t>
  </si>
  <si>
    <t>DSL C02 4581KWL</t>
  </si>
  <si>
    <t>5702329489287</t>
  </si>
  <si>
    <t>VELUX Verd.-Rollo solar DSL C02 4581KWL</t>
  </si>
  <si>
    <t>DSL C02 CBYK</t>
  </si>
  <si>
    <t>5702329479301</t>
  </si>
  <si>
    <t>VELUX Verd.-Rollo solar DSL C02 CBYK</t>
  </si>
  <si>
    <t>DSL C02 CBYKWL</t>
  </si>
  <si>
    <t>5702329489294</t>
  </si>
  <si>
    <t>VELUX Verd.-Rollo solar DSL C02 CBYKWL</t>
  </si>
  <si>
    <t>DSL C04 0705K</t>
  </si>
  <si>
    <t>5702329479318</t>
  </si>
  <si>
    <t>VELUX Verd.-Rollo solar DSL C04 0705K</t>
  </si>
  <si>
    <t>DSL C04 0705KWL</t>
  </si>
  <si>
    <t>5702329489300</t>
  </si>
  <si>
    <t>VELUX Verd.-Rollo solar DSL C04 0705KWL</t>
  </si>
  <si>
    <t>DSL C04 1025K</t>
  </si>
  <si>
    <t>5702329479325</t>
  </si>
  <si>
    <t>VELUX Verd.-Rollo solar DSL C04 1025K</t>
  </si>
  <si>
    <t>DSL C04 1025KWL</t>
  </si>
  <si>
    <t>5702329489317</t>
  </si>
  <si>
    <t>VELUX Verd.-Rollo solar DSL C04 1025KWL</t>
  </si>
  <si>
    <t>DSL C04 1085K</t>
  </si>
  <si>
    <t>5702329479332</t>
  </si>
  <si>
    <t>VELUX Verd.-Rollo solar DSL C04 1085K</t>
  </si>
  <si>
    <t>DSL C04 1085KWL</t>
  </si>
  <si>
    <t>5702329489324</t>
  </si>
  <si>
    <t>VELUX Verd.-Rollo solar DSL C04 1085KWL</t>
  </si>
  <si>
    <t>DSL C04 1100K</t>
  </si>
  <si>
    <t>5702329479349</t>
  </si>
  <si>
    <t>VELUX Verd.-Rollo solar DSL C04 1100K</t>
  </si>
  <si>
    <t>DSL C04 1100KWL</t>
  </si>
  <si>
    <t>5702329489331</t>
  </si>
  <si>
    <t>VELUX Verd.-Rollo solar DSL C04 1100KWL</t>
  </si>
  <si>
    <t>DSL C04 3009K</t>
  </si>
  <si>
    <t>5702329479356</t>
  </si>
  <si>
    <t>VELUX Verd.-Rollo solar DSL C04 3009K</t>
  </si>
  <si>
    <t>DSL C04 3009KWL</t>
  </si>
  <si>
    <t>5702329489348</t>
  </si>
  <si>
    <t>VELUX Verd.-Rollo solar DSL C04 3009KWL</t>
  </si>
  <si>
    <t>DSL C04 4556K</t>
  </si>
  <si>
    <t>5702329479363</t>
  </si>
  <si>
    <t>VELUX Verd.-Rollo solar DSL C04 4556K</t>
  </si>
  <si>
    <t>DSL C04 4556KWL</t>
  </si>
  <si>
    <t>5702329489355</t>
  </si>
  <si>
    <t>VELUX Verd.-Rollo solar DSL C04 4556KWL</t>
  </si>
  <si>
    <t>DSL C04 4559K</t>
  </si>
  <si>
    <t>5702329479370</t>
  </si>
  <si>
    <t>VELUX Verd.-Rollo solar DSL C04 4559K</t>
  </si>
  <si>
    <t>DSL C04 4559KWL</t>
  </si>
  <si>
    <t>5702329489362</t>
  </si>
  <si>
    <t>VELUX Verd.-Rollo solar DSL C04 4559KWL</t>
  </si>
  <si>
    <t>DSL C04 4564K</t>
  </si>
  <si>
    <t>5702329479387</t>
  </si>
  <si>
    <t>VELUX Verd.-Rollo solar DSL C04 4564K</t>
  </si>
  <si>
    <t>DSL C04 4564KWL</t>
  </si>
  <si>
    <t>5702329489379</t>
  </si>
  <si>
    <t>VELUX Verd.-Rollo solar DSL C04 4564KWL</t>
  </si>
  <si>
    <t>DSL C04 4574K</t>
  </si>
  <si>
    <t>5702329479394</t>
  </si>
  <si>
    <t>VELUX Verd.-Rollo solar DSL C04 4574K</t>
  </si>
  <si>
    <t>DSL C04 4574KWL</t>
  </si>
  <si>
    <t>5702329489386</t>
  </si>
  <si>
    <t>VELUX Verd.-Rollo solar DSL C04 4574KWL</t>
  </si>
  <si>
    <t>DSL C04 4575K</t>
  </si>
  <si>
    <t>5702329479400</t>
  </si>
  <si>
    <t>VELUX Verd.-Rollo solar DSL C04 4575K</t>
  </si>
  <si>
    <t>DSL C04 4575KWL</t>
  </si>
  <si>
    <t>5702329489393</t>
  </si>
  <si>
    <t>VELUX Verd.-Rollo solar DSL C04 4575KWL</t>
  </si>
  <si>
    <t>DSL C04 4576K</t>
  </si>
  <si>
    <t>5702329479417</t>
  </si>
  <si>
    <t>VELUX Verd.-Rollo solar DSL C04 4576K</t>
  </si>
  <si>
    <t>DSL C04 4576KWL</t>
  </si>
  <si>
    <t>5702329489409</t>
  </si>
  <si>
    <t>VELUX Verd.-Rollo solar DSL C04 4576KWL</t>
  </si>
  <si>
    <t>DSL C04 4577K</t>
  </si>
  <si>
    <t>5702329479424</t>
  </si>
  <si>
    <t>VELUX Verd.-Rollo solar DSL C04 4577K</t>
  </si>
  <si>
    <t>DSL C04 4577KWL</t>
  </si>
  <si>
    <t>5702329489416</t>
  </si>
  <si>
    <t>VELUX Verd.-Rollo solar DSL C04 4577KWL</t>
  </si>
  <si>
    <t>DSL C04 4578K</t>
  </si>
  <si>
    <t>5702329479431</t>
  </si>
  <si>
    <t>VELUX Verd.-Rollo solar DSL C04 4578K</t>
  </si>
  <si>
    <t>DSL C04 4578KWL</t>
  </si>
  <si>
    <t>5702329489423</t>
  </si>
  <si>
    <t>VELUX Verd.-Rollo solar DSL C04 4578KWL</t>
  </si>
  <si>
    <t>DSL C04 4579K</t>
  </si>
  <si>
    <t>5702329479448</t>
  </si>
  <si>
    <t>VELUX Verd.-Rollo solar DSL C04 4579K</t>
  </si>
  <si>
    <t>DSL C04 4579KWL</t>
  </si>
  <si>
    <t>5702329489430</t>
  </si>
  <si>
    <t>VELUX Verd.-Rollo solar DSL C04 4579KWL</t>
  </si>
  <si>
    <t>DSL C04 4580K</t>
  </si>
  <si>
    <t>5702329479455</t>
  </si>
  <si>
    <t>VELUX Verd.-Rollo solar DSL C04 4580K</t>
  </si>
  <si>
    <t>DSL C04 4580KWL</t>
  </si>
  <si>
    <t>5702329489447</t>
  </si>
  <si>
    <t>VELUX Verd.-Rollo solar DSL C04 4580KWL</t>
  </si>
  <si>
    <t>DSL C04 4581K</t>
  </si>
  <si>
    <t>5702329479462</t>
  </si>
  <si>
    <t>VELUX Verd.-Rollo solar DSL C04 4581K</t>
  </si>
  <si>
    <t>DSL C04 4581KWL</t>
  </si>
  <si>
    <t>5702329489454</t>
  </si>
  <si>
    <t>VELUX Verd.-Rollo solar DSL C04 4581KWL</t>
  </si>
  <si>
    <t>DSL C04 CBYK</t>
  </si>
  <si>
    <t>5702329479479</t>
  </si>
  <si>
    <t>VELUX Verd.-Rollo solar DSL C04 CBYK</t>
  </si>
  <si>
    <t>DSL C04 CBYKWL</t>
  </si>
  <si>
    <t>5702329489461</t>
  </si>
  <si>
    <t>VELUX Verd.-Rollo solar DSL C04 CBYKWL</t>
  </si>
  <si>
    <t>DSL C06 0705K</t>
  </si>
  <si>
    <t>5702329479486</t>
  </si>
  <si>
    <t>VELUX Verd.-Rollo solar DSL C06 0705K</t>
  </si>
  <si>
    <t>DSL C06 0705KWL</t>
  </si>
  <si>
    <t>5702329489478</t>
  </si>
  <si>
    <t>VELUX Verd.-Rollo solar DSL C06 0705KWL</t>
  </si>
  <si>
    <t>DSL C06 1025K</t>
  </si>
  <si>
    <t>5702329479493</t>
  </si>
  <si>
    <t>VELUX Verd.-Rollo solar DSL C06 1025K</t>
  </si>
  <si>
    <t>DSL C06 1025KWL</t>
  </si>
  <si>
    <t>5702329489485</t>
  </si>
  <si>
    <t>VELUX Verd.-Rollo solar DSL C06 1025KWL</t>
  </si>
  <si>
    <t>DSL C06 1085K</t>
  </si>
  <si>
    <t>5702329479509</t>
  </si>
  <si>
    <t>VELUX Verd.-Rollo solar DSL C06 1085K</t>
  </si>
  <si>
    <t>DSL C06 1085KWL</t>
  </si>
  <si>
    <t>5702329489492</t>
  </si>
  <si>
    <t>VELUX Verd.-Rollo solar DSL C06 1085KWL</t>
  </si>
  <si>
    <t>DSL C06 1100K</t>
  </si>
  <si>
    <t>5702329479516</t>
  </si>
  <si>
    <t>VELUX Verd.-Rollo solar DSL C06 1100K</t>
  </si>
  <si>
    <t>DSL C06 1100KWL</t>
  </si>
  <si>
    <t>5702329489508</t>
  </si>
  <si>
    <t>VELUX Verd.-Rollo solar DSL C06 1100KWL</t>
  </si>
  <si>
    <t>DSL C06 3009K</t>
  </si>
  <si>
    <t>5702329479523</t>
  </si>
  <si>
    <t>VELUX Verd.-Rollo solar DSL C06 3009K</t>
  </si>
  <si>
    <t>DSL C06 3009KWL</t>
  </si>
  <si>
    <t>5702329489515</t>
  </si>
  <si>
    <t>VELUX Verd.-Rollo solar DSL C06 3009KWL</t>
  </si>
  <si>
    <t>DSL C06 4556K</t>
  </si>
  <si>
    <t>5702329479530</t>
  </si>
  <si>
    <t>VELUX Verd.-Rollo solar DSL C06 4556K</t>
  </si>
  <si>
    <t>DSL C06 4556KWL</t>
  </si>
  <si>
    <t>5702329489522</t>
  </si>
  <si>
    <t>VELUX Verd.-Rollo solar DSL C06 4556KWL</t>
  </si>
  <si>
    <t>DSL C06 4574K</t>
  </si>
  <si>
    <t>5702329479561</t>
  </si>
  <si>
    <t>VELUX Verd.-Rollo solar DSL C06 4574K</t>
  </si>
  <si>
    <t>DSL C06 4574KWL</t>
  </si>
  <si>
    <t>5702329489553</t>
  </si>
  <si>
    <t>VELUX Verd.-Rollo solar DSL C06 4574KWL</t>
  </si>
  <si>
    <t>DSL C06 4577KWL</t>
  </si>
  <si>
    <t>5702329489584</t>
  </si>
  <si>
    <t>VELUX Verd.-Rollo solar DSL C06 4577KWL</t>
  </si>
  <si>
    <t>DSL C06 4578K</t>
  </si>
  <si>
    <t>5702329479608</t>
  </si>
  <si>
    <t>VELUX Verd.-Rollo solar DSL C06 4578K</t>
  </si>
  <si>
    <t>DSL C06 4578KWL</t>
  </si>
  <si>
    <t>5702329489591</t>
  </si>
  <si>
    <t>VELUX Verd.-Rollo solar DSL C06 4578KWL</t>
  </si>
  <si>
    <t>DSL C06 4580K</t>
  </si>
  <si>
    <t>5702329479622</t>
  </si>
  <si>
    <t>VELUX Verd.-Rollo solar DSL C06 4580K</t>
  </si>
  <si>
    <t>DSL C06 4580KWL</t>
  </si>
  <si>
    <t>5702329489614</t>
  </si>
  <si>
    <t>VELUX Verd.-Rollo solar DSL C06 4580KWL</t>
  </si>
  <si>
    <t>DSL C06 4581K</t>
  </si>
  <si>
    <t>5702329479639</t>
  </si>
  <si>
    <t>VELUX Verd.-Rollo solar DSL C06 4581K</t>
  </si>
  <si>
    <t>DSL C06 4581KWL</t>
  </si>
  <si>
    <t>5702329489621</t>
  </si>
  <si>
    <t>VELUX Verd.-Rollo solar DSL C06 4581KWL</t>
  </si>
  <si>
    <t>DSL C06 CBYK</t>
  </si>
  <si>
    <t>5702329479646</t>
  </si>
  <si>
    <t>VELUX Verd.-Rollo solar DSL C06 CBYK</t>
  </si>
  <si>
    <t>DSL C06 CBYKWL</t>
  </si>
  <si>
    <t>5702329489638</t>
  </si>
  <si>
    <t>VELUX Verd.-Rollo solar DSL C06 CBYKWL</t>
  </si>
  <si>
    <t>DSL CK02 0705K</t>
  </si>
  <si>
    <t>5702329479820</t>
  </si>
  <si>
    <t>VELUX Verd.-Rollo solar DSL CK02 0705K</t>
  </si>
  <si>
    <t>DSL CK02 0705KWL</t>
  </si>
  <si>
    <t>5702329489812</t>
  </si>
  <si>
    <t>VELUX Verd.-Rollo solar DSL CK02 0705KWL</t>
  </si>
  <si>
    <t>DSL CK02 1025K</t>
  </si>
  <si>
    <t>5702329479837</t>
  </si>
  <si>
    <t>VELUX Verd.-Rollo solar DSL CK02 1025K</t>
  </si>
  <si>
    <t>DSL CK02 1025KWL</t>
  </si>
  <si>
    <t>5702329489829</t>
  </si>
  <si>
    <t>VELUX Verd.-Rollo solar DSL CK02 1025KWL</t>
  </si>
  <si>
    <t>DSL CK02 1085K</t>
  </si>
  <si>
    <t>5702329479844</t>
  </si>
  <si>
    <t>VELUX Verd.-Rollo solar DSL CK02 1085K</t>
  </si>
  <si>
    <t>DSL CK02 1085KWL</t>
  </si>
  <si>
    <t>5702329489836</t>
  </si>
  <si>
    <t>VELUX Verd.-Rollo solar DSL CK02 1085KWL</t>
  </si>
  <si>
    <t>DSL CK02 1100K</t>
  </si>
  <si>
    <t>5702329479851</t>
  </si>
  <si>
    <t>VELUX Verd.-Rollo solar DSL CK02 1100K</t>
  </si>
  <si>
    <t>DSL CK02 1100KWL</t>
  </si>
  <si>
    <t>5702329489843</t>
  </si>
  <si>
    <t>VELUX Verd.-Rollo solar DSL CK02 1100KWL</t>
  </si>
  <si>
    <t>DSL CK02 3009K</t>
  </si>
  <si>
    <t>5702329479868</t>
  </si>
  <si>
    <t>VELUX Verd.-Rollo solar DSL CK02 3009K</t>
  </si>
  <si>
    <t>DSL CK02 3009KWL</t>
  </si>
  <si>
    <t>5702329489850</t>
  </si>
  <si>
    <t>VELUX Verd.-Rollo solar DSL CK02 3009KWL</t>
  </si>
  <si>
    <t>DSL CK02 4556K</t>
  </si>
  <si>
    <t>5702329479875</t>
  </si>
  <si>
    <t>VELUX Verd.-Rollo solar DSL CK02 4556K</t>
  </si>
  <si>
    <t>DSL CK02 4556KWL</t>
  </si>
  <si>
    <t>5702329489867</t>
  </si>
  <si>
    <t>VELUX Verd.-Rollo solar DSL CK02 4556KWL</t>
  </si>
  <si>
    <t>DSL CK02 4559K</t>
  </si>
  <si>
    <t>5702329479882</t>
  </si>
  <si>
    <t>VELUX Verd.-Rollo solar DSL CK02 4559K</t>
  </si>
  <si>
    <t>DSL CK02 4559KWL</t>
  </si>
  <si>
    <t>5702329489874</t>
  </si>
  <si>
    <t>VELUX Verd.-Rollo solar DSL CK02 4559KWL</t>
  </si>
  <si>
    <t>DSL CK02 4564K</t>
  </si>
  <si>
    <t>5702329479899</t>
  </si>
  <si>
    <t>VELUX Verd.-Rollo solar DSL CK02 4564K</t>
  </si>
  <si>
    <t>DSL CK02 4564KWL</t>
  </si>
  <si>
    <t>5702329489881</t>
  </si>
  <si>
    <t>VELUX Verd.-Rollo solar DSL CK02 4564KWL</t>
  </si>
  <si>
    <t>DSL CK02 4574K</t>
  </si>
  <si>
    <t>5702329479905</t>
  </si>
  <si>
    <t>VELUX Verd.-Rollo solar DSL CK02 4574K</t>
  </si>
  <si>
    <t>DSL CK02 4574KWL</t>
  </si>
  <si>
    <t>5702329489898</t>
  </si>
  <si>
    <t>VELUX Verd.-Rollo solar DSL CK02 4574KWL</t>
  </si>
  <si>
    <t>DSL CK02 4575K</t>
  </si>
  <si>
    <t>5702329479912</t>
  </si>
  <si>
    <t>VELUX Verd.-Rollo solar DSL CK02 4575K</t>
  </si>
  <si>
    <t>DSL CK02 4575KWL</t>
  </si>
  <si>
    <t>5702329489904</t>
  </si>
  <si>
    <t>VELUX Verd.-Rollo solar DSL CK02 4575KWL</t>
  </si>
  <si>
    <t>DSL CK02 4576K</t>
  </si>
  <si>
    <t>5702329479929</t>
  </si>
  <si>
    <t>VELUX Verd.-Rollo solar DSL CK02 4576K</t>
  </si>
  <si>
    <t>DSL CK02 4576KWL</t>
  </si>
  <si>
    <t>5702329489911</t>
  </si>
  <si>
    <t>VELUX Verd.-Rollo solar DSL CK02 4576KWL</t>
  </si>
  <si>
    <t>DSL CK02 4577K</t>
  </si>
  <si>
    <t>5702329479936</t>
  </si>
  <si>
    <t>VELUX Verd.-Rollo solar DSL CK02 4577K</t>
  </si>
  <si>
    <t>DSL CK02 4577KWL</t>
  </si>
  <si>
    <t>5702329489928</t>
  </si>
  <si>
    <t>VELUX Verd.-Rollo solar DSL CK02 4577KWL</t>
  </si>
  <si>
    <t>DSL CK02 4578K</t>
  </si>
  <si>
    <t>5702329479943</t>
  </si>
  <si>
    <t>VELUX Verd.-Rollo solar DSL CK02 4578K</t>
  </si>
  <si>
    <t>DSL CK02 4578KWL</t>
  </si>
  <si>
    <t>5702329489935</t>
  </si>
  <si>
    <t>VELUX Verd.-Rollo solar DSL CK02 4578KWL</t>
  </si>
  <si>
    <t>DSL CK02 4579K</t>
  </si>
  <si>
    <t>5702329479950</t>
  </si>
  <si>
    <t>VELUX Verd.-Rollo solar DSL CK02 4579K</t>
  </si>
  <si>
    <t>DSL CK02 4579KWL</t>
  </si>
  <si>
    <t>5702329489942</t>
  </si>
  <si>
    <t>VELUX Verd.-Rollo solar DSL CK02 4579KWL</t>
  </si>
  <si>
    <t>DSL CK02 4580K</t>
  </si>
  <si>
    <t>5702329479967</t>
  </si>
  <si>
    <t>VELUX Verd.-Rollo solar DSL CK02 4580K</t>
  </si>
  <si>
    <t>DSL CK02 4580KWL</t>
  </si>
  <si>
    <t>5702329489959</t>
  </si>
  <si>
    <t>VELUX Verd.-Rollo solar DSL CK02 4580KWL</t>
  </si>
  <si>
    <t>DSL CK02 4581K</t>
  </si>
  <si>
    <t>5702329479974</t>
  </si>
  <si>
    <t>VELUX Verd.-Rollo solar DSL CK02 4581K</t>
  </si>
  <si>
    <t>DSL CK02 4581KWL</t>
  </si>
  <si>
    <t>5702329489966</t>
  </si>
  <si>
    <t>VELUX Verd.-Rollo solar DSL CK02 4581KWL</t>
  </si>
  <si>
    <t>DSL CK02 CBYK</t>
  </si>
  <si>
    <t>5702329479981</t>
  </si>
  <si>
    <t>VELUX Verd.-Rollo solar DSL CK02 CBYK</t>
  </si>
  <si>
    <t>DSL CK02 CBYKWL</t>
  </si>
  <si>
    <t>5702329489973</t>
  </si>
  <si>
    <t>VELUX Verd.-Rollo solar DSL CK02 CBYKWL</t>
  </si>
  <si>
    <t>DSL CK04 0705K</t>
  </si>
  <si>
    <t>5702329479998</t>
  </si>
  <si>
    <t>VELUX Verd.-Rollo solar DSL CK04 0705K</t>
  </si>
  <si>
    <t>DSL CK04 0705KWL</t>
  </si>
  <si>
    <t>5702329489980</t>
  </si>
  <si>
    <t>VELUX Verd.-Rollo solar DSL CK04 0705KWL</t>
  </si>
  <si>
    <t>DSL CK04 1025K</t>
  </si>
  <si>
    <t>5702329480000</t>
  </si>
  <si>
    <t>VELUX Verd.-Rollo solar DSL CK04 1025K</t>
  </si>
  <si>
    <t>DSL CK04 1025KWL</t>
  </si>
  <si>
    <t>5702329489997</t>
  </si>
  <si>
    <t>VELUX Verd.-Rollo solar DSL CK04 1025KWL</t>
  </si>
  <si>
    <t>DSL CK04 1085K</t>
  </si>
  <si>
    <t>5702329480017</t>
  </si>
  <si>
    <t>VELUX Verd.-Rollo solar DSL CK04 1085K</t>
  </si>
  <si>
    <t>DSL CK04 1085KWL</t>
  </si>
  <si>
    <t>5702329490009</t>
  </si>
  <si>
    <t>VELUX Verd.-Rollo solar DSL CK04 1085KWL</t>
  </si>
  <si>
    <t>DSL CK04 1100K</t>
  </si>
  <si>
    <t>5702329480024</t>
  </si>
  <si>
    <t>VELUX Verd.-Rollo solar DSL CK04 1100K</t>
  </si>
  <si>
    <t>DSL CK04 1100KWL</t>
  </si>
  <si>
    <t>5702329490016</t>
  </si>
  <si>
    <t>VELUX Verd.-Rollo solar DSL CK04 1100KWL</t>
  </si>
  <si>
    <t>DSL CK04 3009K</t>
  </si>
  <si>
    <t>5702329480031</t>
  </si>
  <si>
    <t>VELUX Verd.-Rollo solar DSL CK04 3009K</t>
  </si>
  <si>
    <t>DSL CK04 3009KWL</t>
  </si>
  <si>
    <t>5702329490023</t>
  </si>
  <si>
    <t>VELUX Verd.-Rollo solar DSL CK04 3009KWL</t>
  </si>
  <si>
    <t>DSL CK04 4556K</t>
  </si>
  <si>
    <t>5702329480048</t>
  </si>
  <si>
    <t>VELUX Verd.-Rollo solar DSL CK04 4556K</t>
  </si>
  <si>
    <t>DSL CK04 4556KWL</t>
  </si>
  <si>
    <t>5702329490030</t>
  </si>
  <si>
    <t>VELUX Verd.-Rollo solar DSL CK04 4556KWL</t>
  </si>
  <si>
    <t>DSL CK04 4559K</t>
  </si>
  <si>
    <t>5702329480055</t>
  </si>
  <si>
    <t>VELUX Verd.-Rollo solar DSL CK04 4559K</t>
  </si>
  <si>
    <t>DSL CK04 4559KWL</t>
  </si>
  <si>
    <t>5702329490047</t>
  </si>
  <si>
    <t>VELUX Verd.-Rollo solar DSL CK04 4559KWL</t>
  </si>
  <si>
    <t>DSL CK04 4564K</t>
  </si>
  <si>
    <t>5702329480062</t>
  </si>
  <si>
    <t>VELUX Verd.-Rollo solar DSL CK04 4564K</t>
  </si>
  <si>
    <t>DSL CK04 4564KWL</t>
  </si>
  <si>
    <t>5702329490054</t>
  </si>
  <si>
    <t>VELUX Verd.-Rollo solar DSL CK04 4564KWL</t>
  </si>
  <si>
    <t>DSL CK04 4574K</t>
  </si>
  <si>
    <t>5702329480079</t>
  </si>
  <si>
    <t>VELUX Verd.-Rollo solar DSL CK04 4574K</t>
  </si>
  <si>
    <t>DSL CK04 4574KWL</t>
  </si>
  <si>
    <t>5702329490061</t>
  </si>
  <si>
    <t>VELUX Verd.-Rollo solar DSL CK04 4574KWL</t>
  </si>
  <si>
    <t>DSL CK04 4575K</t>
  </si>
  <si>
    <t>5702329480086</t>
  </si>
  <si>
    <t>VELUX Verd.-Rollo solar DSL CK04 4575K</t>
  </si>
  <si>
    <t>DSL CK04 4575KWL</t>
  </si>
  <si>
    <t>5702329490078</t>
  </si>
  <si>
    <t>VELUX Verd.-Rollo solar DSL CK04 4575KWL</t>
  </si>
  <si>
    <t>DSL CK04 4576K</t>
  </si>
  <si>
    <t>5702329480093</t>
  </si>
  <si>
    <t>VELUX Verd.-Rollo solar DSL CK04 4576K</t>
  </si>
  <si>
    <t>DSL CK04 4576KWL</t>
  </si>
  <si>
    <t>5702329490085</t>
  </si>
  <si>
    <t>VELUX Verd.-Rollo solar DSL CK04 4576KWL</t>
  </si>
  <si>
    <t>DSL CK04 4577K</t>
  </si>
  <si>
    <t>5702329480109</t>
  </si>
  <si>
    <t>VELUX Verd.-Rollo solar DSL CK04 4577K</t>
  </si>
  <si>
    <t>DSL CK04 4577KWL</t>
  </si>
  <si>
    <t>5702329490092</t>
  </si>
  <si>
    <t>VELUX Verd.-Rollo solar DSL CK04 4577KWL</t>
  </si>
  <si>
    <t>DSL CK04 4578K</t>
  </si>
  <si>
    <t>5702329480116</t>
  </si>
  <si>
    <t>VELUX Verd.-Rollo solar DSL CK04 4578K</t>
  </si>
  <si>
    <t>DSL CK04 4578KWL</t>
  </si>
  <si>
    <t>5702329490108</t>
  </si>
  <si>
    <t>VELUX Verd.-Rollo solar DSL CK04 4578KWL</t>
  </si>
  <si>
    <t>DSL CK04 4579K</t>
  </si>
  <si>
    <t>5702329480123</t>
  </si>
  <si>
    <t>VELUX Verd.-Rollo solar DSL CK04 4579K</t>
  </si>
  <si>
    <t>DSL CK04 4579KWL</t>
  </si>
  <si>
    <t>5702329490115</t>
  </si>
  <si>
    <t>VELUX Verd.-Rollo solar DSL CK04 4579KWL</t>
  </si>
  <si>
    <t>DSL CK04 4580K</t>
  </si>
  <si>
    <t>5702329480130</t>
  </si>
  <si>
    <t>VELUX Verd.-Rollo solar DSL CK04 4580K</t>
  </si>
  <si>
    <t>DSL CK04 4580KWL</t>
  </si>
  <si>
    <t>5702329490122</t>
  </si>
  <si>
    <t>VELUX Verd.-Rollo solar DSL CK04 4580KWL</t>
  </si>
  <si>
    <t>DSL CK04 4581K</t>
  </si>
  <si>
    <t>5702329480147</t>
  </si>
  <si>
    <t>VELUX Verd.-Rollo solar DSL CK04 4581K</t>
  </si>
  <si>
    <t>DSL CK04 4581KWL</t>
  </si>
  <si>
    <t>5702329490139</t>
  </si>
  <si>
    <t>VELUX Verd.-Rollo solar DSL CK04 4581KWL</t>
  </si>
  <si>
    <t>DSL CK04 CBYK</t>
  </si>
  <si>
    <t>5702329480154</t>
  </si>
  <si>
    <t>VELUX Verd.-Rollo solar DSL CK04 CBYK</t>
  </si>
  <si>
    <t>DSL CK04 CBYKWL</t>
  </si>
  <si>
    <t>5702329490146</t>
  </si>
  <si>
    <t>VELUX Verd.-Rollo solar DSL CK04 CBYKWL</t>
  </si>
  <si>
    <t>DSL CK06 0705K</t>
  </si>
  <si>
    <t>5702329480161</t>
  </si>
  <si>
    <t>VELUX Verd.-Rollo solar DSL CK06 0705K</t>
  </si>
  <si>
    <t>DSL CK06 0705KWL</t>
  </si>
  <si>
    <t>5702329490153</t>
  </si>
  <si>
    <t>VELUX Verd.-Rollo solar DSL CK06 0705KWL</t>
  </si>
  <si>
    <t>DSL CK06 1025K</t>
  </si>
  <si>
    <t>5702329480178</t>
  </si>
  <si>
    <t>VELUX Verd.-Rollo solar DSL CK06 1025K</t>
  </si>
  <si>
    <t>DSL CK06 1025KWL</t>
  </si>
  <si>
    <t>5702329490160</t>
  </si>
  <si>
    <t>VELUX Verd.-Rollo solar DSL CK06 1025KWL</t>
  </si>
  <si>
    <t>DSL CK06 1085K</t>
  </si>
  <si>
    <t>5702329480185</t>
  </si>
  <si>
    <t>VELUX Verd.-Rollo solar DSL CK06 1085K</t>
  </si>
  <si>
    <t>DSL CK06 1085KWL</t>
  </si>
  <si>
    <t>5702329490177</t>
  </si>
  <si>
    <t>VELUX Verd.-Rollo solar DSL CK06 1085KWL</t>
  </si>
  <si>
    <t>DSL CK06 1100K</t>
  </si>
  <si>
    <t>5702329480192</t>
  </si>
  <si>
    <t>VELUX Verd.-Rollo solar DSL CK06 1100K</t>
  </si>
  <si>
    <t>DSL CK06 1100KWL</t>
  </si>
  <si>
    <t>5702329490184</t>
  </si>
  <si>
    <t>VELUX Verd.-Rollo solar DSL CK06 1100KWL</t>
  </si>
  <si>
    <t>DSL CK06 3009K</t>
  </si>
  <si>
    <t>5702329480208</t>
  </si>
  <si>
    <t>VELUX Verd.-Rollo solar DSL CK06 3009K</t>
  </si>
  <si>
    <t>DSL CK06 3009KWL</t>
  </si>
  <si>
    <t>5702329490191</t>
  </si>
  <si>
    <t>VELUX Verd.-Rollo solar DSL CK06 3009KWL</t>
  </si>
  <si>
    <t>DSL CK06 4556K</t>
  </si>
  <si>
    <t>5702329480215</t>
  </si>
  <si>
    <t>VELUX Verd.-Rollo solar DSL CK06 4556K</t>
  </si>
  <si>
    <t>DSL CK06 4556KWL</t>
  </si>
  <si>
    <t>5702329490207</t>
  </si>
  <si>
    <t>VELUX Verd.-Rollo solar DSL CK06 4556KWL</t>
  </si>
  <si>
    <t>DSL CK06 4559K</t>
  </si>
  <si>
    <t>5702329480222</t>
  </si>
  <si>
    <t>VELUX Verd.-Rollo solar DSL CK06 4559K</t>
  </si>
  <si>
    <t>DSL CK06 4559KWL</t>
  </si>
  <si>
    <t>5702329490214</t>
  </si>
  <si>
    <t>VELUX Verd.-Rollo solar DSL CK06 4559KWL</t>
  </si>
  <si>
    <t>DSL CK06 4564K</t>
  </si>
  <si>
    <t>5702329480239</t>
  </si>
  <si>
    <t>VELUX Verd.-Rollo solar DSL CK06 4564K</t>
  </si>
  <si>
    <t>DSL CK06 4564KWL</t>
  </si>
  <si>
    <t>5702329490221</t>
  </si>
  <si>
    <t>VELUX Verd.-Rollo solar DSL CK06 4564KWL</t>
  </si>
  <si>
    <t>DSL CK06 4574K</t>
  </si>
  <si>
    <t>5702329480246</t>
  </si>
  <si>
    <t>VELUX Verd.-Rollo solar DSL CK06 4574K</t>
  </si>
  <si>
    <t>DSL CK06 4574KWL</t>
  </si>
  <si>
    <t>5702329490238</t>
  </si>
  <si>
    <t>VELUX Verd.-Rollo solar DSL CK06 4574KWL</t>
  </si>
  <si>
    <t>DSL CK06 4575K</t>
  </si>
  <si>
    <t>5702329480253</t>
  </si>
  <si>
    <t>VELUX Verd.-Rollo solar DSL CK06 4575K</t>
  </si>
  <si>
    <t>DSL CK06 4575KWL</t>
  </si>
  <si>
    <t>5702329490245</t>
  </si>
  <si>
    <t>VELUX Verd.-Rollo solar DSL CK06 4575KWL</t>
  </si>
  <si>
    <t>DSL CK06 4576K</t>
  </si>
  <si>
    <t>5702329480260</t>
  </si>
  <si>
    <t>VELUX Verd.-Rollo solar DSL CK06 4576K</t>
  </si>
  <si>
    <t>DSL CK06 4576KWL</t>
  </si>
  <si>
    <t>5702329490252</t>
  </si>
  <si>
    <t>VELUX Verd.-Rollo solar DSL CK06 4576KWL</t>
  </si>
  <si>
    <t>DSL CK06 4577K</t>
  </si>
  <si>
    <t>5702329480277</t>
  </si>
  <si>
    <t>VELUX Verd.-Rollo solar DSL CK06 4577K</t>
  </si>
  <si>
    <t>DSL CK06 4577KWL</t>
  </si>
  <si>
    <t>5702329490269</t>
  </si>
  <si>
    <t>VELUX Verd.-Rollo solar DSL CK06 4577KWL</t>
  </si>
  <si>
    <t>DSL CK06 4578K</t>
  </si>
  <si>
    <t>5702329480284</t>
  </si>
  <si>
    <t>VELUX Verd.-Rollo solar DSL CK06 4578K</t>
  </si>
  <si>
    <t>DSL CK06 4578KWL</t>
  </si>
  <si>
    <t>5702329490276</t>
  </si>
  <si>
    <t>VELUX Verd.-Rollo solar DSL CK06 4578KWL</t>
  </si>
  <si>
    <t>DSL CK06 4579K</t>
  </si>
  <si>
    <t>5702329480291</t>
  </si>
  <si>
    <t>VELUX Verd.-Rollo solar DSL CK06 4579K</t>
  </si>
  <si>
    <t>DSL CK06 4579KWL</t>
  </si>
  <si>
    <t>5702329490283</t>
  </si>
  <si>
    <t>VELUX Verd.-Rollo solar DSL CK06 4579KWL</t>
  </si>
  <si>
    <t>DSL CK06 4580K</t>
  </si>
  <si>
    <t>5702329480307</t>
  </si>
  <si>
    <t>VELUX Verd.-Rollo solar DSL CK06 4580K</t>
  </si>
  <si>
    <t>DSL CK06 4580KWL</t>
  </si>
  <si>
    <t>5702329490290</t>
  </si>
  <si>
    <t>VELUX Verd.-Rollo solar DSL CK06 4580KWL</t>
  </si>
  <si>
    <t>DSL CK06 4581K</t>
  </si>
  <si>
    <t>5702329480314</t>
  </si>
  <si>
    <t>VELUX Verd.-Rollo solar DSL CK06 4581K</t>
  </si>
  <si>
    <t>DSL CK06 4581KWL</t>
  </si>
  <si>
    <t>5702329490306</t>
  </si>
  <si>
    <t>VELUX Verd.-Rollo solar DSL CK06 4581KWL</t>
  </si>
  <si>
    <t>DSL CK06 CBYK</t>
  </si>
  <si>
    <t>5702329480321</t>
  </si>
  <si>
    <t>VELUX Verd.-Rollo solar DSL CK06 CBYK</t>
  </si>
  <si>
    <t>DSL CK06 CBYKWL</t>
  </si>
  <si>
    <t>5702329490313</t>
  </si>
  <si>
    <t>VELUX Verd.-Rollo solar DSL CK06 CBYKWL</t>
  </si>
  <si>
    <t>DSL F04 0705K</t>
  </si>
  <si>
    <t>5702329480338</t>
  </si>
  <si>
    <t>VELUX Verd.-Rollo solar DSL F04 0705K</t>
  </si>
  <si>
    <t>DSL F04 0705KWL</t>
  </si>
  <si>
    <t>5702329490320</t>
  </si>
  <si>
    <t>VELUX Verd.-Rollo solar DSL F04 0705KWL</t>
  </si>
  <si>
    <t>DSL F04 1025K</t>
  </si>
  <si>
    <t>5702329480345</t>
  </si>
  <si>
    <t>VELUX Verd.-Rollo solar DSL F04 1025K</t>
  </si>
  <si>
    <t>DSL F04 1025KWL</t>
  </si>
  <si>
    <t>5702329490337</t>
  </si>
  <si>
    <t>VELUX Verd.-Rollo solar DSL F04 1025KWL</t>
  </si>
  <si>
    <t>DSL F04 1085K</t>
  </si>
  <si>
    <t>5702329480352</t>
  </si>
  <si>
    <t>VELUX Verd.-Rollo solar DSL F04 1085K</t>
  </si>
  <si>
    <t>DSL F04 1085KWL</t>
  </si>
  <si>
    <t>5702329490344</t>
  </si>
  <si>
    <t>VELUX Verd.-Rollo solar DSL F04 1085KWL</t>
  </si>
  <si>
    <t>DSL F04 1100K</t>
  </si>
  <si>
    <t>5702329480369</t>
  </si>
  <si>
    <t>VELUX Verd.-Rollo solar DSL F04 1100K</t>
  </si>
  <si>
    <t>DSL F04 1100KWL</t>
  </si>
  <si>
    <t>5702329490351</t>
  </si>
  <si>
    <t>VELUX Verd.-Rollo solar DSL F04 1100KWL</t>
  </si>
  <si>
    <t>DSL F04 3009K</t>
  </si>
  <si>
    <t>5702329480376</t>
  </si>
  <si>
    <t>VELUX Verd.-Rollo solar DSL F04 3009K</t>
  </si>
  <si>
    <t>DSL F04 3009KWL</t>
  </si>
  <si>
    <t>5702329490368</t>
  </si>
  <si>
    <t>VELUX Verd.-Rollo solar DSL F04 3009KWL</t>
  </si>
  <si>
    <t>DSL F04 4556K</t>
  </si>
  <si>
    <t>5702329480383</t>
  </si>
  <si>
    <t>VELUX Verd.-Rollo solar DSL F04 4556K</t>
  </si>
  <si>
    <t>DSL F04 4556KWL</t>
  </si>
  <si>
    <t>5702329490375</t>
  </si>
  <si>
    <t>VELUX Verd.-Rollo solar DSL F04 4556KWL</t>
  </si>
  <si>
    <t>DSL F04 4559KWL</t>
  </si>
  <si>
    <t>5702329490382</t>
  </si>
  <si>
    <t>VELUX Verd.-Rollo solar DSL F04 4559KWL</t>
  </si>
  <si>
    <t>DSL F04 4575KWL</t>
  </si>
  <si>
    <t>5702329490412</t>
  </si>
  <si>
    <t>VELUX Verd.-Rollo solar DSL F04 4575KWL</t>
  </si>
  <si>
    <t>DSL F04 4576K</t>
  </si>
  <si>
    <t>5702329480437</t>
  </si>
  <si>
    <t>VELUX Verd.-Rollo solar DSL F04 4576K</t>
  </si>
  <si>
    <t>DSL F04 4576KWL</t>
  </si>
  <si>
    <t>5702329490429</t>
  </si>
  <si>
    <t>VELUX Verd.-Rollo solar DSL F04 4576KWL</t>
  </si>
  <si>
    <t>DSL F04 4577K</t>
  </si>
  <si>
    <t>5702329480444</t>
  </si>
  <si>
    <t>VELUX Verd.-Rollo solar DSL F04 4577K</t>
  </si>
  <si>
    <t>DSL F04 4577KWL</t>
  </si>
  <si>
    <t>5702329490436</t>
  </si>
  <si>
    <t>VELUX Verd.-Rollo solar DSL F04 4577KWL</t>
  </si>
  <si>
    <t>DSL F04 4578KWL</t>
  </si>
  <si>
    <t>5702329490443</t>
  </si>
  <si>
    <t>VELUX Verd.-Rollo solar DSL F04 4578KWL</t>
  </si>
  <si>
    <t>DSL F04 4579K</t>
  </si>
  <si>
    <t>5702329480468</t>
  </si>
  <si>
    <t>VELUX Verd.-Rollo solar DSL F04 4579K</t>
  </si>
  <si>
    <t>DSL F04 4581K</t>
  </si>
  <si>
    <t>5702329480482</t>
  </si>
  <si>
    <t>VELUX Verd.-Rollo solar DSL F04 4581K</t>
  </si>
  <si>
    <t>DSL F04 4581KWL</t>
  </si>
  <si>
    <t>5702329490474</t>
  </si>
  <si>
    <t>VELUX Verd.-Rollo solar DSL F04 4581KWL</t>
  </si>
  <si>
    <t>DSL F04 CBYK</t>
  </si>
  <si>
    <t>5702329480499</t>
  </si>
  <si>
    <t>VELUX Verd.-Rollo solar DSL F04 CBYK</t>
  </si>
  <si>
    <t>DSL F04 CBYKWL</t>
  </si>
  <si>
    <t>5702329490481</t>
  </si>
  <si>
    <t>VELUX Verd.-Rollo solar DSL F04 CBYKWL</t>
  </si>
  <si>
    <t>DSL F06 0705K</t>
  </si>
  <si>
    <t>5702329480505</t>
  </si>
  <si>
    <t>VELUX Verd.-Rollo solar DSL F06 0705K</t>
  </si>
  <si>
    <t>DSL F06 0705KWL</t>
  </si>
  <si>
    <t>5702329490498</t>
  </si>
  <si>
    <t>VELUX Verd.-Rollo solar DSL F06 0705KWL</t>
  </si>
  <si>
    <t>DSL F06 1025K</t>
  </si>
  <si>
    <t>5702329480512</t>
  </si>
  <si>
    <t>VELUX Verd.-Rollo solar DSL F06 1025K</t>
  </si>
  <si>
    <t>DSL F06 1025KWL</t>
  </si>
  <si>
    <t>5702329490504</t>
  </si>
  <si>
    <t>VELUX Verd.-Rollo solar DSL F06 1025KWL</t>
  </si>
  <si>
    <t>DSL F06 1085K</t>
  </si>
  <si>
    <t>5702329480529</t>
  </si>
  <si>
    <t>VELUX Verd.-Rollo solar DSL F06 1085K</t>
  </si>
  <si>
    <t>DSL F06 1085KWL</t>
  </si>
  <si>
    <t>5702329490511</t>
  </si>
  <si>
    <t>VELUX Verd.-Rollo solar DSL F06 1085KWL</t>
  </si>
  <si>
    <t>DSL F06 1100K</t>
  </si>
  <si>
    <t>5702329480536</t>
  </si>
  <si>
    <t>VELUX Verd.-Rollo solar DSL F06 1100K</t>
  </si>
  <si>
    <t>DSL F06 1100KWL</t>
  </si>
  <si>
    <t>5702329490528</t>
  </si>
  <si>
    <t>VELUX Verd.-Rollo solar DSL F06 1100KWL</t>
  </si>
  <si>
    <t>DSL F06 3009K</t>
  </si>
  <si>
    <t>5702329480543</t>
  </si>
  <si>
    <t>VELUX Verd.-Rollo solar DSL F06 3009K</t>
  </si>
  <si>
    <t>DSL F06 3009KWL</t>
  </si>
  <si>
    <t>5702329490535</t>
  </si>
  <si>
    <t>VELUX Verd.-Rollo solar DSL F06 3009KWL</t>
  </si>
  <si>
    <t>DSL F06 4556K</t>
  </si>
  <si>
    <t>5702329480550</t>
  </si>
  <si>
    <t>VELUX Verd.-Rollo solar DSL F06 4556K</t>
  </si>
  <si>
    <t>DSL F06 4556KWL</t>
  </si>
  <si>
    <t>5702329490542</t>
  </si>
  <si>
    <t>VELUX Verd.-Rollo solar DSL F06 4556KWL</t>
  </si>
  <si>
    <t>DSL F06 4559K</t>
  </si>
  <si>
    <t>5702329480567</t>
  </si>
  <si>
    <t>VELUX Verd.-Rollo solar DSL F06 4559K</t>
  </si>
  <si>
    <t>DSL F06 4564K</t>
  </si>
  <si>
    <t>5702329480574</t>
  </si>
  <si>
    <t>VELUX Verd.-Rollo solar DSL F06 4564K</t>
  </si>
  <si>
    <t>DSL F06 4564KWL</t>
  </si>
  <si>
    <t>5702329490566</t>
  </si>
  <si>
    <t>VELUX Verd.-Rollo solar DSL F06 4564KWL</t>
  </si>
  <si>
    <t>DSL F06 4574K</t>
  </si>
  <si>
    <t>5702329480581</t>
  </si>
  <si>
    <t>VELUX Verd.-Rollo solar DSL F06 4574K</t>
  </si>
  <si>
    <t>DSL F06 4574KWL</t>
  </si>
  <si>
    <t>5702329490573</t>
  </si>
  <si>
    <t>VELUX Verd.-Rollo solar DSL F06 4574KWL</t>
  </si>
  <si>
    <t>DSL F06 4575K</t>
  </si>
  <si>
    <t>5702329480598</t>
  </si>
  <si>
    <t>VELUX Verd.-Rollo solar DSL F06 4575K</t>
  </si>
  <si>
    <t>DSL F06 4575KWL</t>
  </si>
  <si>
    <t>5702329490580</t>
  </si>
  <si>
    <t>VELUX Verd.-Rollo solar DSL F06 4575KWL</t>
  </si>
  <si>
    <t>DSL F06 4576K</t>
  </si>
  <si>
    <t>5702329480604</t>
  </si>
  <si>
    <t>VELUX Verd.-Rollo solar DSL F06 4576K</t>
  </si>
  <si>
    <t>DSL F06 4576KWL</t>
  </si>
  <si>
    <t>5702329490597</t>
  </si>
  <si>
    <t>VELUX Verd.-Rollo solar DSL F06 4576KWL</t>
  </si>
  <si>
    <t>DSL F06 4577K</t>
  </si>
  <si>
    <t>5702329480611</t>
  </si>
  <si>
    <t>VELUX Verd.-Rollo solar DSL F06 4577K</t>
  </si>
  <si>
    <t>DSL F06 4577KWL</t>
  </si>
  <si>
    <t>5702329490603</t>
  </si>
  <si>
    <t>VELUX Verd.-Rollo solar DSL F06 4577KWL</t>
  </si>
  <si>
    <t>DSL F06 4578K</t>
  </si>
  <si>
    <t>5702329480628</t>
  </si>
  <si>
    <t>VELUX Verd.-Rollo solar DSL F06 4578K</t>
  </si>
  <si>
    <t>DSL F06 4579K</t>
  </si>
  <si>
    <t>5702329480635</t>
  </si>
  <si>
    <t>VELUX Verd.-Rollo solar DSL F06 4579K</t>
  </si>
  <si>
    <t>DSL F06 4579KWL</t>
  </si>
  <si>
    <t>5702329490627</t>
  </si>
  <si>
    <t>VELUX Verd.-Rollo solar DSL F06 4579KWL</t>
  </si>
  <si>
    <t>DSL F06 4580K</t>
  </si>
  <si>
    <t>5702329480642</t>
  </si>
  <si>
    <t>VELUX Verd.-Rollo solar DSL F06 4580K</t>
  </si>
  <si>
    <t>DSL F06 4580KWL</t>
  </si>
  <si>
    <t>5702329490634</t>
  </si>
  <si>
    <t>VELUX Verd.-Rollo solar DSL F06 4580KWL</t>
  </si>
  <si>
    <t>DSL F06 4581K</t>
  </si>
  <si>
    <t>5702329480659</t>
  </si>
  <si>
    <t>VELUX Verd.-Rollo solar DSL F06 4581K</t>
  </si>
  <si>
    <t>DSL F06 4581KWL</t>
  </si>
  <si>
    <t>5702329490641</t>
  </si>
  <si>
    <t>VELUX Verd.-Rollo solar DSL F06 4581KWL</t>
  </si>
  <si>
    <t>DSL F06 CBYK</t>
  </si>
  <si>
    <t>5702329480666</t>
  </si>
  <si>
    <t>VELUX Verd.-Rollo solar DSL F06 CBYK</t>
  </si>
  <si>
    <t>DSL F06 CBYKWL</t>
  </si>
  <si>
    <t>5702329490658</t>
  </si>
  <si>
    <t>VELUX Verd.-Rollo solar DSL F06 CBYKWL</t>
  </si>
  <si>
    <t>DSL F08 0705K</t>
  </si>
  <si>
    <t>5702329480673</t>
  </si>
  <si>
    <t>VELUX Verd.-Rollo solar DSL F08 0705K</t>
  </si>
  <si>
    <t>DSL F08 0705KWL</t>
  </si>
  <si>
    <t>5702329490665</t>
  </si>
  <si>
    <t>VELUX Verd.-Rollo solar DSL F08 0705KWL</t>
  </si>
  <si>
    <t>DSL F08 1025K</t>
  </si>
  <si>
    <t>5702329480680</t>
  </si>
  <si>
    <t>VELUX Verd.-Rollo solar DSL F08 1025K</t>
  </si>
  <si>
    <t>DSL F08 1025KWL</t>
  </si>
  <si>
    <t>5702329490672</t>
  </si>
  <si>
    <t>VELUX Verd.-Rollo solar DSL F08 1025KWL</t>
  </si>
  <si>
    <t>DSL F08 1085K</t>
  </si>
  <si>
    <t>5702329480697</t>
  </si>
  <si>
    <t>VELUX Verd.-Rollo solar DSL F08 1085K</t>
  </si>
  <si>
    <t>DSL F08 1085KWL</t>
  </si>
  <si>
    <t>5702329490689</t>
  </si>
  <si>
    <t>VELUX Verd.-Rollo solar DSL F08 1085KWL</t>
  </si>
  <si>
    <t>DSL F08 1100K</t>
  </si>
  <si>
    <t>5702329480703</t>
  </si>
  <si>
    <t>VELUX Verd.-Rollo solar DSL F08 1100K</t>
  </si>
  <si>
    <t>DSL F08 1100KWL</t>
  </si>
  <si>
    <t>5702329490696</t>
  </si>
  <si>
    <t>VELUX Verd.-Rollo solar DSL F08 1100KWL</t>
  </si>
  <si>
    <t>DSL F08 3009KWL</t>
  </si>
  <si>
    <t>5702329490702</t>
  </si>
  <si>
    <t>VELUX Verd.-Rollo solar DSL F08 3009KWL</t>
  </si>
  <si>
    <t>DSL F08 4556K</t>
  </si>
  <si>
    <t>5702329480727</t>
  </si>
  <si>
    <t>VELUX Verd.-Rollo solar DSL F08 4556K</t>
  </si>
  <si>
    <t>DSL F08 4556KWL</t>
  </si>
  <si>
    <t>5702329490719</t>
  </si>
  <si>
    <t>VELUX Verd.-Rollo solar DSL F08 4556KWL</t>
  </si>
  <si>
    <t>DSL F08 4576KWL</t>
  </si>
  <si>
    <t>5702329490764</t>
  </si>
  <si>
    <t>VELUX Verd.-Rollo solar DSL F08 4576KWL</t>
  </si>
  <si>
    <t>DSL F08 4577K</t>
  </si>
  <si>
    <t>5702329480789</t>
  </si>
  <si>
    <t>VELUX Verd.-Rollo solar DSL F08 4577K</t>
  </si>
  <si>
    <t>DSL F08 4579K</t>
  </si>
  <si>
    <t>5702329480802</t>
  </si>
  <si>
    <t>VELUX Verd.-Rollo solar DSL F08 4579K</t>
  </si>
  <si>
    <t>DSL F08 4580KWL</t>
  </si>
  <si>
    <t>5702329490801</t>
  </si>
  <si>
    <t>VELUX Verd.-Rollo solar DSL F08 4580KWL</t>
  </si>
  <si>
    <t>DSL F08 4581K</t>
  </si>
  <si>
    <t>5702329480826</t>
  </si>
  <si>
    <t>VELUX Verd.-Rollo solar DSL F08 4581K</t>
  </si>
  <si>
    <t>DSL F08 4581KWL</t>
  </si>
  <si>
    <t>5702329490818</t>
  </si>
  <si>
    <t>VELUX Verd.-Rollo solar DSL F08 4581KWL</t>
  </si>
  <si>
    <t>DSL F08 CBYK</t>
  </si>
  <si>
    <t>5702329480833</t>
  </si>
  <si>
    <t>VELUX Verd.-Rollo solar DSL F08 CBYK</t>
  </si>
  <si>
    <t>DSL F08 CBYKWL</t>
  </si>
  <si>
    <t>5702329490825</t>
  </si>
  <si>
    <t>VELUX Verd.-Rollo solar DSL F08 CBYKWL</t>
  </si>
  <si>
    <t>DSL FK04 0705K</t>
  </si>
  <si>
    <t>5702329480840</t>
  </si>
  <si>
    <t>VELUX Verd.-Rollo solar DSL FK04 0705K</t>
  </si>
  <si>
    <t>DSL FK04 0705KWL</t>
  </si>
  <si>
    <t>5702329490832</t>
  </si>
  <si>
    <t>VELUX Verd.-Rollo solar DSL FK04 0705KWL</t>
  </si>
  <si>
    <t>DSL FK04 1025K</t>
  </si>
  <si>
    <t>5702329480857</t>
  </si>
  <si>
    <t>VELUX Verd.-Rollo solar DSL FK04 1025K</t>
  </si>
  <si>
    <t>DSL FK04 1025KWL</t>
  </si>
  <si>
    <t>5702329490849</t>
  </si>
  <si>
    <t>VELUX Verd.-Rollo solar DSL FK04 1025KWL</t>
  </si>
  <si>
    <t>DSL FK04 1085K</t>
  </si>
  <si>
    <t>5702329480864</t>
  </si>
  <si>
    <t>VELUX Verd.-Rollo solar DSL FK04 1085K</t>
  </si>
  <si>
    <t>DSL FK04 1085KWL</t>
  </si>
  <si>
    <t>5702329490856</t>
  </si>
  <si>
    <t>VELUX Verd.-Rollo solar DSL FK04 1085KWL</t>
  </si>
  <si>
    <t>DSL FK04 1100K</t>
  </si>
  <si>
    <t>5702329480871</t>
  </si>
  <si>
    <t>VELUX Verd.-Rollo solar DSL FK04 1100K</t>
  </si>
  <si>
    <t>DSL FK04 1100KWL</t>
  </si>
  <si>
    <t>5702329490863</t>
  </si>
  <si>
    <t>VELUX Verd.-Rollo solar DSL FK04 1100KWL</t>
  </si>
  <si>
    <t>DSL FK04 3009K</t>
  </si>
  <si>
    <t>5702329480888</t>
  </si>
  <si>
    <t>VELUX Verd.-Rollo solar DSL FK04 3009K</t>
  </si>
  <si>
    <t>DSL FK04 3009KWL</t>
  </si>
  <si>
    <t>5702329490870</t>
  </si>
  <si>
    <t>VELUX Verd.-Rollo solar DSL FK04 3009KWL</t>
  </si>
  <si>
    <t>DSL FK04 4556K</t>
  </si>
  <si>
    <t>5702329480895</t>
  </si>
  <si>
    <t>VELUX Verd.-Rollo solar DSL FK04 4556K</t>
  </si>
  <si>
    <t>DSL FK04 4556KWL</t>
  </si>
  <si>
    <t>5702329490887</t>
  </si>
  <si>
    <t>VELUX Verd.-Rollo solar DSL FK04 4556KWL</t>
  </si>
  <si>
    <t>DSL FK04 4559K</t>
  </si>
  <si>
    <t>5702329480901</t>
  </si>
  <si>
    <t>VELUX Verd.-Rollo solar DSL FK04 4559K</t>
  </si>
  <si>
    <t>DSL FK04 4564K</t>
  </si>
  <si>
    <t>5702329480918</t>
  </si>
  <si>
    <t>VELUX Verd.-Rollo solar DSL FK04 4564K</t>
  </si>
  <si>
    <t>DSL FK04 4564KWL</t>
  </si>
  <si>
    <t>5702329490900</t>
  </si>
  <si>
    <t>VELUX Verd.-Rollo solar DSL FK04 4564KWL</t>
  </si>
  <si>
    <t>DSL FK04 4574K</t>
  </si>
  <si>
    <t>5702329480925</t>
  </si>
  <si>
    <t>VELUX Verd.-Rollo solar DSL FK04 4574K</t>
  </si>
  <si>
    <t>DSL FK04 4574KWL</t>
  </si>
  <si>
    <t>5702329490917</t>
  </si>
  <si>
    <t>VELUX Verd.-Rollo solar DSL FK04 4574KWL</t>
  </si>
  <si>
    <t>DSL FK04 4575K</t>
  </si>
  <si>
    <t>5702329480932</t>
  </si>
  <si>
    <t>VELUX Verd.-Rollo solar DSL FK04 4575K</t>
  </si>
  <si>
    <t>DSL FK04 4575KWL</t>
  </si>
  <si>
    <t>5702329490924</t>
  </si>
  <si>
    <t>VELUX Verd.-Rollo solar DSL FK04 4575KWL</t>
  </si>
  <si>
    <t>DSL FK04 4576K</t>
  </si>
  <si>
    <t>5702329480949</t>
  </si>
  <si>
    <t>VELUX Verd.-Rollo solar DSL FK04 4576K</t>
  </si>
  <si>
    <t>DSL FK04 4576KWL</t>
  </si>
  <si>
    <t>5702329490931</t>
  </si>
  <si>
    <t>VELUX Verd.-Rollo solar DSL FK04 4576KWL</t>
  </si>
  <si>
    <t>DSL FK04 4577K</t>
  </si>
  <si>
    <t>5702329480956</t>
  </si>
  <si>
    <t>VELUX Verd.-Rollo solar DSL FK04 4577K</t>
  </si>
  <si>
    <t>DSL FK04 4577KWL</t>
  </si>
  <si>
    <t>5702329490948</t>
  </si>
  <si>
    <t>VELUX Verd.-Rollo solar DSL FK04 4577KWL</t>
  </si>
  <si>
    <t>DSL FK04 4578KWL</t>
  </si>
  <si>
    <t>5702329490955</t>
  </si>
  <si>
    <t>VELUX Verd.-Rollo solar DSL FK04 4578KWL</t>
  </si>
  <si>
    <t>DSL FK04 4579K</t>
  </si>
  <si>
    <t>5702329480970</t>
  </si>
  <si>
    <t>VELUX Verd.-Rollo solar DSL FK04 4579K</t>
  </si>
  <si>
    <t>DSL FK04 4579KWL</t>
  </si>
  <si>
    <t>5702329490962</t>
  </si>
  <si>
    <t>VELUX Verd.-Rollo solar DSL FK04 4579KWL</t>
  </si>
  <si>
    <t>DSL FK04 4580K</t>
  </si>
  <si>
    <t>5702329480987</t>
  </si>
  <si>
    <t>VELUX Verd.-Rollo solar DSL FK04 4580K</t>
  </si>
  <si>
    <t>DSL FK04 4580KWL</t>
  </si>
  <si>
    <t>5702329490979</t>
  </si>
  <si>
    <t>VELUX Verd.-Rollo solar DSL FK04 4580KWL</t>
  </si>
  <si>
    <t>DSL FK04 4581K</t>
  </si>
  <si>
    <t>5702329480994</t>
  </si>
  <si>
    <t>VELUX Verd.-Rollo solar DSL FK04 4581K</t>
  </si>
  <si>
    <t>DSL FK04 4581KWL</t>
  </si>
  <si>
    <t>5702329490986</t>
  </si>
  <si>
    <t>VELUX Verd.-Rollo solar DSL FK04 4581KWL</t>
  </si>
  <si>
    <t>DSL FK04 CBYK</t>
  </si>
  <si>
    <t>5702329481007</t>
  </si>
  <si>
    <t>VELUX Verd.-Rollo solar DSL FK04 CBYK</t>
  </si>
  <si>
    <t>DSL FK04 CBYKWL</t>
  </si>
  <si>
    <t>5702329490993</t>
  </si>
  <si>
    <t>VELUX Verd.-Rollo solar DSL FK04 CBYKWL</t>
  </si>
  <si>
    <t>DSL FK06 0705K</t>
  </si>
  <si>
    <t>5702329481014</t>
  </si>
  <si>
    <t>VELUX Verd.-Rollo solar DSL FK06 0705K</t>
  </si>
  <si>
    <t>DSL FK06 0705KWL</t>
  </si>
  <si>
    <t>5702329491006</t>
  </si>
  <si>
    <t>VELUX Verd.-Rollo solar DSL FK06 0705KWL</t>
  </si>
  <si>
    <t>DSL FK06 1025K</t>
  </si>
  <si>
    <t>5702329481021</t>
  </si>
  <si>
    <t>VELUX Verd.-Rollo solar DSL FK06 1025K</t>
  </si>
  <si>
    <t>DSL FK06 1025KWL</t>
  </si>
  <si>
    <t>5702329491013</t>
  </si>
  <si>
    <t>VELUX Verd.-Rollo solar DSL FK06 1025KWL</t>
  </si>
  <si>
    <t>DSL FK06 1085K</t>
  </si>
  <si>
    <t>5702329481038</t>
  </si>
  <si>
    <t>VELUX Verd.-Rollo solar DSL FK06 1085K</t>
  </si>
  <si>
    <t>DSL FK06 1085KWL</t>
  </si>
  <si>
    <t>5702329491020</t>
  </si>
  <si>
    <t>VELUX Verd.-Rollo solar DSL FK06 1085KWL</t>
  </si>
  <si>
    <t>DSL FK06 1100K</t>
  </si>
  <si>
    <t>5702329481045</t>
  </si>
  <si>
    <t>VELUX Verd.-Rollo solar DSL FK06 1100K</t>
  </si>
  <si>
    <t>DSL FK06 1100KWL</t>
  </si>
  <si>
    <t>5702329491037</t>
  </si>
  <si>
    <t>VELUX Verd.-Rollo solar DSL FK06 1100KWL</t>
  </si>
  <si>
    <t>DSL FK06 3009K</t>
  </si>
  <si>
    <t>5702329481052</t>
  </si>
  <si>
    <t>VELUX Verd.-Rollo solar DSL FK06 3009K</t>
  </si>
  <si>
    <t>DSL FK06 3009KWL</t>
  </si>
  <si>
    <t>5702329491044</t>
  </si>
  <si>
    <t>VELUX Verd.-Rollo solar DSL FK06 3009KWL</t>
  </si>
  <si>
    <t>DSL FK06 4556K</t>
  </si>
  <si>
    <t>5702329481069</t>
  </si>
  <si>
    <t>VELUX Verd.-Rollo solar DSL FK06 4556K</t>
  </si>
  <si>
    <t>DSL FK06 4556KWL</t>
  </si>
  <si>
    <t>5702329491051</t>
  </si>
  <si>
    <t>VELUX Verd.-Rollo solar DSL FK06 4556KWL</t>
  </si>
  <si>
    <t>DSL FK06 4559K</t>
  </si>
  <si>
    <t>5702329481076</t>
  </si>
  <si>
    <t>VELUX Verd.-Rollo solar DSL FK06 4559K</t>
  </si>
  <si>
    <t>DSL FK06 4559KWL</t>
  </si>
  <si>
    <t>5702329491068</t>
  </si>
  <si>
    <t>VELUX Verd.-Rollo solar DSL FK06 4559KWL</t>
  </si>
  <si>
    <t>DSL FK06 4564K</t>
  </si>
  <si>
    <t>5702329481083</t>
  </si>
  <si>
    <t>VELUX Verd.-Rollo solar DSL FK06 4564K</t>
  </si>
  <si>
    <t>DSL FK06 4564KWL</t>
  </si>
  <si>
    <t>5702329491075</t>
  </si>
  <si>
    <t>VELUX Verd.-Rollo solar DSL FK06 4564KWL</t>
  </si>
  <si>
    <t>DSL FK06 4574K</t>
  </si>
  <si>
    <t>5702329481090</t>
  </si>
  <si>
    <t>VELUX Verd.-Rollo solar DSL FK06 4574K</t>
  </si>
  <si>
    <t>DSL FK06 4574KWL</t>
  </si>
  <si>
    <t>5702329491082</t>
  </si>
  <si>
    <t>VELUX Verd.-Rollo solar DSL FK06 4574KWL</t>
  </si>
  <si>
    <t>DSL FK06 4575K</t>
  </si>
  <si>
    <t>5702329481106</t>
  </si>
  <si>
    <t>VELUX Verd.-Rollo solar DSL FK06 4575K</t>
  </si>
  <si>
    <t>DSL FK06 4575KWL</t>
  </si>
  <si>
    <t>5702329491099</t>
  </si>
  <si>
    <t>VELUX Verd.-Rollo solar DSL FK06 4575KWL</t>
  </si>
  <si>
    <t>DSL FK06 4576K</t>
  </si>
  <si>
    <t>5702329481113</t>
  </si>
  <si>
    <t>VELUX Verd.-Rollo solar DSL FK06 4576K</t>
  </si>
  <si>
    <t>DSL FK06 4576KWL</t>
  </si>
  <si>
    <t>5702329491105</t>
  </si>
  <si>
    <t>VELUX Verd.-Rollo solar DSL FK06 4576KWL</t>
  </si>
  <si>
    <t>DSL FK06 4577K</t>
  </si>
  <si>
    <t>5702329481120</t>
  </si>
  <si>
    <t>VELUX Verd.-Rollo solar DSL FK06 4577K</t>
  </si>
  <si>
    <t>DSL FK06 4577KWL</t>
  </si>
  <si>
    <t>5702329491112</t>
  </si>
  <si>
    <t>VELUX Verd.-Rollo solar DSL FK06 4577KWL</t>
  </si>
  <si>
    <t>DSL FK06 4578K</t>
  </si>
  <si>
    <t>5702329481137</t>
  </si>
  <si>
    <t>VELUX Verd.-Rollo solar DSL FK06 4578K</t>
  </si>
  <si>
    <t>DSL FK06 4578KWL</t>
  </si>
  <si>
    <t>5702329491129</t>
  </si>
  <si>
    <t>VELUX Verd.-Rollo solar DSL FK06 4578KWL</t>
  </si>
  <si>
    <t>DSL FK06 4579K</t>
  </si>
  <si>
    <t>5702329481144</t>
  </si>
  <si>
    <t>VELUX Verd.-Rollo solar DSL FK06 4579K</t>
  </si>
  <si>
    <t>DSL FK06 4579KWL</t>
  </si>
  <si>
    <t>5702329491136</t>
  </si>
  <si>
    <t>VELUX Verd.-Rollo solar DSL FK06 4579KWL</t>
  </si>
  <si>
    <t>DSL FK06 4580K</t>
  </si>
  <si>
    <t>5702329481151</t>
  </si>
  <si>
    <t>VELUX Verd.-Rollo solar DSL FK06 4580K</t>
  </si>
  <si>
    <t>DSL FK06 4580KWL</t>
  </si>
  <si>
    <t>5702329491143</t>
  </si>
  <si>
    <t>VELUX Verd.-Rollo solar DSL FK06 4580KWL</t>
  </si>
  <si>
    <t>DSL FK06 4581K</t>
  </si>
  <si>
    <t>5702329481168</t>
  </si>
  <si>
    <t>VELUX Verd.-Rollo solar DSL FK06 4581K</t>
  </si>
  <si>
    <t>DSL FK06 4581KWL</t>
  </si>
  <si>
    <t>5702329491150</t>
  </si>
  <si>
    <t>VELUX Verd.-Rollo solar DSL FK06 4581KWL</t>
  </si>
  <si>
    <t>DSL FK06 CBYK</t>
  </si>
  <si>
    <t>5702329481175</t>
  </si>
  <si>
    <t>VELUX Verd.-Rollo solar DSL FK06 CBYK</t>
  </si>
  <si>
    <t>DSL FK06 CBYKWL</t>
  </si>
  <si>
    <t>5702329491167</t>
  </si>
  <si>
    <t>VELUX Verd.-Rollo solar DSL FK06 CBYKWL</t>
  </si>
  <si>
    <t>DSL FK08 0705K</t>
  </si>
  <si>
    <t>5702329481182</t>
  </si>
  <si>
    <t>VELUX Verd.-Rollo solar DSL FK08 0705K</t>
  </si>
  <si>
    <t>DSL FK08 0705KWL</t>
  </si>
  <si>
    <t>5702329491174</t>
  </si>
  <si>
    <t>VELUX Verd.-Rollo solar DSL FK08 0705KWL</t>
  </si>
  <si>
    <t>DSL FK08 1025K</t>
  </si>
  <si>
    <t>5702329481199</t>
  </si>
  <si>
    <t>VELUX Verd.-Rollo solar DSL FK08 1025K</t>
  </si>
  <si>
    <t>DSL FK08 1025KWL</t>
  </si>
  <si>
    <t>5702329491181</t>
  </si>
  <si>
    <t>VELUX Verd.-Rollo solar DSL FK08 1025KWL</t>
  </si>
  <si>
    <t>DSL FK08 1085K</t>
  </si>
  <si>
    <t>5702329481205</t>
  </si>
  <si>
    <t>VELUX Verd.-Rollo solar DSL FK08 1085K</t>
  </si>
  <si>
    <t>DSL FK08 1085KWL</t>
  </si>
  <si>
    <t>5702329491198</t>
  </si>
  <si>
    <t>VELUX Verd.-Rollo solar DSL FK08 1085KWL</t>
  </si>
  <si>
    <t>DSL FK08 1100K</t>
  </si>
  <si>
    <t>5702329481212</t>
  </si>
  <si>
    <t>VELUX Verd.-Rollo solar DSL FK08 1100K</t>
  </si>
  <si>
    <t>DSL FK08 1100KWL</t>
  </si>
  <si>
    <t>5702329491204</t>
  </si>
  <si>
    <t>VELUX Verd.-Rollo solar DSL FK08 1100KWL</t>
  </si>
  <si>
    <t>DSL FK08 3009K</t>
  </si>
  <si>
    <t>5702329481229</t>
  </si>
  <si>
    <t>VELUX Verd.-Rollo solar DSL FK08 3009K</t>
  </si>
  <si>
    <t>DSL FK08 3009KWL</t>
  </si>
  <si>
    <t>5702329491211</t>
  </si>
  <si>
    <t>VELUX Verd.-Rollo solar DSL FK08 3009KWL</t>
  </si>
  <si>
    <t>DSL FK08 4556K</t>
  </si>
  <si>
    <t>5702329481236</t>
  </si>
  <si>
    <t>VELUX Verd.-Rollo solar DSL FK08 4556K</t>
  </si>
  <si>
    <t>DSL FK08 4556KWL</t>
  </si>
  <si>
    <t>5702329491228</t>
  </si>
  <si>
    <t>VELUX Verd.-Rollo solar DSL FK08 4556KWL</t>
  </si>
  <si>
    <t>DSL FK08 4559K</t>
  </si>
  <si>
    <t>5702329481243</t>
  </si>
  <si>
    <t>VELUX Verd.-Rollo solar DSL FK08 4559K</t>
  </si>
  <si>
    <t>DSL FK08 4559KWL</t>
  </si>
  <si>
    <t>5702329491235</t>
  </si>
  <si>
    <t>VELUX Verd.-Rollo solar DSL FK08 4559KWL</t>
  </si>
  <si>
    <t>DSL FK08 4564K</t>
  </si>
  <si>
    <t>5702329481250</t>
  </si>
  <si>
    <t>VELUX Verd.-Rollo solar DSL FK08 4564K</t>
  </si>
  <si>
    <t>DSL FK08 4564KWL</t>
  </si>
  <si>
    <t>5702329491242</t>
  </si>
  <si>
    <t>VELUX Verd.-Rollo solar DSL FK08 4564KWL</t>
  </si>
  <si>
    <t>DSL FK08 4574K</t>
  </si>
  <si>
    <t>5702329481267</t>
  </si>
  <si>
    <t>VELUX Verd.-Rollo solar DSL FK08 4574K</t>
  </si>
  <si>
    <t>DSL FK08 4574KWL</t>
  </si>
  <si>
    <t>5702329491259</t>
  </si>
  <si>
    <t>VELUX Verd.-Rollo solar DSL FK08 4574KWL</t>
  </si>
  <si>
    <t>DSL FK08 4575K</t>
  </si>
  <si>
    <t>5702329481274</t>
  </si>
  <si>
    <t>VELUX Verd.-Rollo solar DSL FK08 4575K</t>
  </si>
  <si>
    <t>DSL FK08 4575KWL</t>
  </si>
  <si>
    <t>5702329491266</t>
  </si>
  <si>
    <t>VELUX Verd.-Rollo solar DSL FK08 4575KWL</t>
  </si>
  <si>
    <t>DSL FK08 4576K</t>
  </si>
  <si>
    <t>5702329481281</t>
  </si>
  <si>
    <t>VELUX Verd.-Rollo solar DSL FK08 4576K</t>
  </si>
  <si>
    <t>DSL FK08 4576KWL</t>
  </si>
  <si>
    <t>5702329491273</t>
  </si>
  <si>
    <t>VELUX Verd.-Rollo solar DSL FK08 4576KWL</t>
  </si>
  <si>
    <t>DSL FK08 4577K</t>
  </si>
  <si>
    <t>5702329481298</t>
  </si>
  <si>
    <t>VELUX Verd.-Rollo solar DSL FK08 4577K</t>
  </si>
  <si>
    <t>DSL FK08 4577KWL</t>
  </si>
  <si>
    <t>5702329491280</t>
  </si>
  <si>
    <t>VELUX Verd.-Rollo solar DSL FK08 4577KWL</t>
  </si>
  <si>
    <t>DSL FK08 4578K</t>
  </si>
  <si>
    <t>5702329481304</t>
  </si>
  <si>
    <t>VELUX Verd.-Rollo solar DSL FK08 4578K</t>
  </si>
  <si>
    <t>DSL FK08 4578KWL</t>
  </si>
  <si>
    <t>5702329491297</t>
  </si>
  <si>
    <t>VELUX Verd.-Rollo solar DSL FK08 4578KWL</t>
  </si>
  <si>
    <t>DSL FK08 4579K</t>
  </si>
  <si>
    <t>5702329481311</t>
  </si>
  <si>
    <t>VELUX Verd.-Rollo solar DSL FK08 4579K</t>
  </si>
  <si>
    <t>DSL FK08 4579KWL</t>
  </si>
  <si>
    <t>5702329491303</t>
  </si>
  <si>
    <t>VELUX Verd.-Rollo solar DSL FK08 4579KWL</t>
  </si>
  <si>
    <t>DSL FK08 4580K</t>
  </si>
  <si>
    <t>5702329481328</t>
  </si>
  <si>
    <t>VELUX Verd.-Rollo solar DSL FK08 4580K</t>
  </si>
  <si>
    <t>DSL FK08 4580KWL</t>
  </si>
  <si>
    <t>5702329491310</t>
  </si>
  <si>
    <t>VELUX Verd.-Rollo solar DSL FK08 4580KWL</t>
  </si>
  <si>
    <t>DSL FK08 4581K</t>
  </si>
  <si>
    <t>5702329481335</t>
  </si>
  <si>
    <t>VELUX Verd.-Rollo solar DSL FK08 4581K</t>
  </si>
  <si>
    <t>DSL FK08 4581KWL</t>
  </si>
  <si>
    <t>5702329491327</t>
  </si>
  <si>
    <t>VELUX Verd.-Rollo solar DSL FK08 4581KWL</t>
  </si>
  <si>
    <t>DSL FK08 CBYK</t>
  </si>
  <si>
    <t>5702329481342</t>
  </si>
  <si>
    <t>VELUX Verd.-Rollo solar DSL FK08 CBYK</t>
  </si>
  <si>
    <t>DSL FK08 CBYKWL</t>
  </si>
  <si>
    <t>5702329491334</t>
  </si>
  <si>
    <t>VELUX Verd.-Rollo solar DSL FK08 CBYKWL</t>
  </si>
  <si>
    <t>DSL M04 0705K</t>
  </si>
  <si>
    <t>5702329481359</t>
  </si>
  <si>
    <t>VELUX Verd.-Rollo solar DSL M04 0705K</t>
  </si>
  <si>
    <t>DSL M04 0705KWL</t>
  </si>
  <si>
    <t>5702329491341</t>
  </si>
  <si>
    <t>VELUX Verd.-Rollo solar DSL M04 0705KWL</t>
  </si>
  <si>
    <t>DSL M04 1025K</t>
  </si>
  <si>
    <t>5702329481366</t>
  </si>
  <si>
    <t>VELUX Verd.-Rollo solar DSL M04 1025K</t>
  </si>
  <si>
    <t>DSL M04 1025KWL</t>
  </si>
  <si>
    <t>5702329491358</t>
  </si>
  <si>
    <t>VELUX Verd.-Rollo solar DSL M04 1025KWL</t>
  </si>
  <si>
    <t>DSL M04 1085K</t>
  </si>
  <si>
    <t>5702329481373</t>
  </si>
  <si>
    <t>VELUX Verd.-Rollo solar DSL M04 1085K</t>
  </si>
  <si>
    <t>DSL M04 1085KWL</t>
  </si>
  <si>
    <t>5702329491365</t>
  </si>
  <si>
    <t>VELUX Verd.-Rollo solar DSL M04 1085KWL</t>
  </si>
  <si>
    <t>DSL M04 1100K</t>
  </si>
  <si>
    <t>5702329481380</t>
  </si>
  <si>
    <t>VELUX Verd.-Rollo solar DSL M04 1100K</t>
  </si>
  <si>
    <t>DSL M04 1100KWL</t>
  </si>
  <si>
    <t>5702329491372</t>
  </si>
  <si>
    <t>VELUX Verd.-Rollo solar DSL M04 1100KWL</t>
  </si>
  <si>
    <t>DSL M04 3009K</t>
  </si>
  <si>
    <t>5702329481397</t>
  </si>
  <si>
    <t>VELUX Verd.-Rollo solar DSL M04 3009K</t>
  </si>
  <si>
    <t>DSL M04 3009KWL</t>
  </si>
  <si>
    <t>5702329491389</t>
  </si>
  <si>
    <t>VELUX Verd.-Rollo solar DSL M04 3009KWL</t>
  </si>
  <si>
    <t>DSL M04 4556K</t>
  </si>
  <si>
    <t>5702329481403</t>
  </si>
  <si>
    <t>VELUX Verd.-Rollo solar DSL M04 4556K</t>
  </si>
  <si>
    <t>DSL M04 4556KWL</t>
  </si>
  <si>
    <t>5702329491396</t>
  </si>
  <si>
    <t>VELUX Verd.-Rollo solar DSL M04 4556KWL</t>
  </si>
  <si>
    <t>DSL M04 4559K</t>
  </si>
  <si>
    <t>5702329481410</t>
  </si>
  <si>
    <t>VELUX Verd.-Rollo solar DSL M04 4559K</t>
  </si>
  <si>
    <t>DSL M04 4559KWL</t>
  </si>
  <si>
    <t>5702329491402</t>
  </si>
  <si>
    <t>VELUX Verd.-Rollo solar DSL M04 4559KWL</t>
  </si>
  <si>
    <t>DSL M04 4564K</t>
  </si>
  <si>
    <t>5702329481427</t>
  </si>
  <si>
    <t>VELUX Verd.-Rollo solar DSL M04 4564K</t>
  </si>
  <si>
    <t>DSL M04 4564KWL</t>
  </si>
  <si>
    <t>5702329491419</t>
  </si>
  <si>
    <t>VELUX Verd.-Rollo solar DSL M04 4564KWL</t>
  </si>
  <si>
    <t>DSL M04 4574K</t>
  </si>
  <si>
    <t>5702329481434</t>
  </si>
  <si>
    <t>VELUX Verd.-Rollo solar DSL M04 4574K</t>
  </si>
  <si>
    <t>DSL M04 4574KWL</t>
  </si>
  <si>
    <t>5702329491426</t>
  </si>
  <si>
    <t>VELUX Verd.-Rollo solar DSL M04 4574KWL</t>
  </si>
  <si>
    <t>DSL M04 4575K</t>
  </si>
  <si>
    <t>5702329481441</t>
  </si>
  <si>
    <t>VELUX Verd.-Rollo solar DSL M04 4575K</t>
  </si>
  <si>
    <t>DSL M04 4575KWL</t>
  </si>
  <si>
    <t>5702329491433</t>
  </si>
  <si>
    <t>VELUX Verd.-Rollo solar DSL M04 4575KWL</t>
  </si>
  <si>
    <t>DSL M04 4576K</t>
  </si>
  <si>
    <t>5702329481458</t>
  </si>
  <si>
    <t>VELUX Verd.-Rollo solar DSL M04 4576K</t>
  </si>
  <si>
    <t>DSL M04 4576KWL</t>
  </si>
  <si>
    <t>5702329491440</t>
  </si>
  <si>
    <t>VELUX Verd.-Rollo solar DSL M04 4576KWL</t>
  </si>
  <si>
    <t>DSL M04 4577K</t>
  </si>
  <si>
    <t>5702329481465</t>
  </si>
  <si>
    <t>VELUX Verd.-Rollo solar DSL M04 4577K</t>
  </si>
  <si>
    <t>DSL M04 4577KWL</t>
  </si>
  <si>
    <t>5702329491457</t>
  </si>
  <si>
    <t>VELUX Verd.-Rollo solar DSL M04 4577KWL</t>
  </si>
  <si>
    <t>DSL M04 4578K</t>
  </si>
  <si>
    <t>5702329481472</t>
  </si>
  <si>
    <t>VELUX Verd.-Rollo solar DSL M04 4578K</t>
  </si>
  <si>
    <t>DSL M04 4578KWL</t>
  </si>
  <si>
    <t>5702329491464</t>
  </si>
  <si>
    <t>VELUX Verd.-Rollo solar DSL M04 4578KWL</t>
  </si>
  <si>
    <t>DSL M04 4579K</t>
  </si>
  <si>
    <t>5702329481489</t>
  </si>
  <si>
    <t>VELUX Verd.-Rollo solar DSL M04 4579K</t>
  </si>
  <si>
    <t>DSL M04 4579KWL</t>
  </si>
  <si>
    <t>5702329491471</t>
  </si>
  <si>
    <t>VELUX Verd.-Rollo solar DSL M04 4579KWL</t>
  </si>
  <si>
    <t>DSL M04 4580K</t>
  </si>
  <si>
    <t>5702329481496</t>
  </si>
  <si>
    <t>VELUX Verd.-Rollo solar DSL M04 4580K</t>
  </si>
  <si>
    <t>DSL M04 4580KWL</t>
  </si>
  <si>
    <t>5702329491488</t>
  </si>
  <si>
    <t>VELUX Verd.-Rollo solar DSL M04 4580KWL</t>
  </si>
  <si>
    <t>DSL M04 4581K</t>
  </si>
  <si>
    <t>5702329481502</t>
  </si>
  <si>
    <t>VELUX Verd.-Rollo solar DSL M04 4581K</t>
  </si>
  <si>
    <t>DSL M04 4581KWL</t>
  </si>
  <si>
    <t>5702329491495</t>
  </si>
  <si>
    <t>VELUX Verd.-Rollo solar DSL M04 4581KWL</t>
  </si>
  <si>
    <t>DSL M04 CBYK</t>
  </si>
  <si>
    <t>5702329481519</t>
  </si>
  <si>
    <t>VELUX Verd.-Rollo solar DSL M04 CBYK</t>
  </si>
  <si>
    <t>DSL M04 CBYKWL</t>
  </si>
  <si>
    <t>5702329491501</t>
  </si>
  <si>
    <t>VELUX Verd.-Rollo solar DSL M04 CBYKWL</t>
  </si>
  <si>
    <t>DSL M06 0705K</t>
  </si>
  <si>
    <t>5702329481526</t>
  </si>
  <si>
    <t>VELUX Verd.-Rollo solar DSL M06 0705K</t>
  </si>
  <si>
    <t>DSL M06 0705KWL</t>
  </si>
  <si>
    <t>5702329491518</t>
  </si>
  <si>
    <t>VELUX Verd.-Rollo solar DSL M06 0705KWL</t>
  </si>
  <si>
    <t>DSL M06 1025K</t>
  </si>
  <si>
    <t>5702329481533</t>
  </si>
  <si>
    <t>VELUX Verd.-Rollo solar DSL M06 1025K</t>
  </si>
  <si>
    <t>DSL M06 1025KWL</t>
  </si>
  <si>
    <t>5702329491525</t>
  </si>
  <si>
    <t>VELUX Verd.-Rollo solar DSL M06 1025KWL</t>
  </si>
  <si>
    <t>DSL M06 1085K</t>
  </si>
  <si>
    <t>5702329481540</t>
  </si>
  <si>
    <t>VELUX Verd.-Rollo solar DSL M06 1085K</t>
  </si>
  <si>
    <t>DSL M06 1085KWL</t>
  </si>
  <si>
    <t>5702329491532</t>
  </si>
  <si>
    <t>VELUX Verd.-Rollo solar DSL M06 1085KWL</t>
  </si>
  <si>
    <t>DSL M06 1100K</t>
  </si>
  <si>
    <t>5702329481557</t>
  </si>
  <si>
    <t>VELUX Verd.-Rollo solar DSL M06 1100K</t>
  </si>
  <si>
    <t>DSL M06 1100KWL</t>
  </si>
  <si>
    <t>5702329491549</t>
  </si>
  <si>
    <t>VELUX Verd.-Rollo solar DSL M06 1100KWL</t>
  </si>
  <si>
    <t>DSL M06 3009K</t>
  </si>
  <si>
    <t>5702329481564</t>
  </si>
  <si>
    <t>VELUX Verd.-Rollo solar DSL M06 3009K</t>
  </si>
  <si>
    <t>DSL M06 3009KWL</t>
  </si>
  <si>
    <t>5702329491556</t>
  </si>
  <si>
    <t>VELUX Verd.-Rollo solar DSL M06 3009KWL</t>
  </si>
  <si>
    <t>DSL M06 4556K</t>
  </si>
  <si>
    <t>5702329481571</t>
  </si>
  <si>
    <t>VELUX Verd.-Rollo solar DSL M06 4556K</t>
  </si>
  <si>
    <t>DSL M06 4556KWL</t>
  </si>
  <si>
    <t>5702329491563</t>
  </si>
  <si>
    <t>VELUX Verd.-Rollo solar DSL M06 4556KWL</t>
  </si>
  <si>
    <t>DSL M06 4559K</t>
  </si>
  <si>
    <t>5702329481588</t>
  </si>
  <si>
    <t>VELUX Verd.-Rollo solar DSL M06 4559K</t>
  </si>
  <si>
    <t>DSL M06 4559KWL</t>
  </si>
  <si>
    <t>5702329491570</t>
  </si>
  <si>
    <t>VELUX Verd.-Rollo solar DSL M06 4559KWL</t>
  </si>
  <si>
    <t>DSL M06 4564K</t>
  </si>
  <si>
    <t>5702329481595</t>
  </si>
  <si>
    <t>VELUX Verd.-Rollo solar DSL M06 4564K</t>
  </si>
  <si>
    <t>DSL M06 4564KWL</t>
  </si>
  <si>
    <t>5702329491587</t>
  </si>
  <si>
    <t>VELUX Verd.-Rollo solar DSL M06 4564KWL</t>
  </si>
  <si>
    <t>DSL M06 4574K</t>
  </si>
  <si>
    <t>5702329481601</t>
  </si>
  <si>
    <t>VELUX Verd.-Rollo solar DSL M06 4574K</t>
  </si>
  <si>
    <t>DSL M06 4574KWL</t>
  </si>
  <si>
    <t>5702329491594</t>
  </si>
  <si>
    <t>VELUX Verd.-Rollo solar DSL M06 4574KWL</t>
  </si>
  <si>
    <t>DSL M06 4575K</t>
  </si>
  <si>
    <t>5702329481618</t>
  </si>
  <si>
    <t>VELUX Verd.-Rollo solar DSL M06 4575K</t>
  </si>
  <si>
    <t>DSL M06 4575KWL</t>
  </si>
  <si>
    <t>5702329491600</t>
  </si>
  <si>
    <t>VELUX Verd.-Rollo solar DSL M06 4575KWL</t>
  </si>
  <si>
    <t>DSL M06 4576K</t>
  </si>
  <si>
    <t>5702329481625</t>
  </si>
  <si>
    <t>VELUX Verd.-Rollo solar DSL M06 4576K</t>
  </si>
  <si>
    <t>DSL M06 4576KWL</t>
  </si>
  <si>
    <t>5702329491617</t>
  </si>
  <si>
    <t>VELUX Verd.-Rollo solar DSL M06 4576KWL</t>
  </si>
  <si>
    <t>DSL M06 4577K</t>
  </si>
  <si>
    <t>5702329481632</t>
  </si>
  <si>
    <t>VELUX Verd.-Rollo solar DSL M06 4577K</t>
  </si>
  <si>
    <t>DSL M06 4577KWL</t>
  </si>
  <si>
    <t>5702329491624</t>
  </si>
  <si>
    <t>VELUX Verd.-Rollo solar DSL M06 4577KWL</t>
  </si>
  <si>
    <t>DSL M06 4578K</t>
  </si>
  <si>
    <t>5702329481649</t>
  </si>
  <si>
    <t>VELUX Verd.-Rollo solar DSL M06 4578K</t>
  </si>
  <si>
    <t>DSL M06 4578KWL</t>
  </si>
  <si>
    <t>5702329491631</t>
  </si>
  <si>
    <t>VELUX Verd.-Rollo solar DSL M06 4578KWL</t>
  </si>
  <si>
    <t>DSL M06 4579K</t>
  </si>
  <si>
    <t>5702329481656</t>
  </si>
  <si>
    <t>VELUX Verd.-Rollo solar DSL M06 4579K</t>
  </si>
  <si>
    <t>DSL M06 4579KWL</t>
  </si>
  <si>
    <t>5702329491648</t>
  </si>
  <si>
    <t>VELUX Verd.-Rollo solar DSL M06 4579KWL</t>
  </si>
  <si>
    <t>DSL M06 4580K</t>
  </si>
  <si>
    <t>5702329481663</t>
  </si>
  <si>
    <t>VELUX Verd.-Rollo solar DSL M06 4580K</t>
  </si>
  <si>
    <t>DSL M06 4580KWL</t>
  </si>
  <si>
    <t>5702329491655</t>
  </si>
  <si>
    <t>VELUX Verd.-Rollo solar DSL M06 4580KWL</t>
  </si>
  <si>
    <t>DSL M06 4581K</t>
  </si>
  <si>
    <t>5702329481670</t>
  </si>
  <si>
    <t>VELUX Verd.-Rollo solar DSL M06 4581K</t>
  </si>
  <si>
    <t>DSL M06 4581KWL</t>
  </si>
  <si>
    <t>5702329491662</t>
  </si>
  <si>
    <t>VELUX Verd.-Rollo solar DSL M06 4581KWL</t>
  </si>
  <si>
    <t>DSL M06 CBYK</t>
  </si>
  <si>
    <t>5702329481687</t>
  </si>
  <si>
    <t>VELUX Verd.-Rollo solar DSL M06 CBYK</t>
  </si>
  <si>
    <t>DSL M06 CBYKWL</t>
  </si>
  <si>
    <t>5702329491679</t>
  </si>
  <si>
    <t>VELUX Verd.-Rollo solar DSL M06 CBYKWL</t>
  </si>
  <si>
    <t>DSL M08 0705K</t>
  </si>
  <si>
    <t>5702329481694</t>
  </si>
  <si>
    <t>VELUX Verd.-Rollo solar DSL M08 0705K</t>
  </si>
  <si>
    <t>DSL M08 0705KWL</t>
  </si>
  <si>
    <t>5702329491686</t>
  </si>
  <si>
    <t>VELUX Verd.-Rollo solar DSL M08 0705KWL</t>
  </si>
  <si>
    <t>DSL M08 1025K</t>
  </si>
  <si>
    <t>5702329481700</t>
  </si>
  <si>
    <t>VELUX Verd.-Rollo solar DSL M08 1025K</t>
  </si>
  <si>
    <t>DSL M08 1025KWL</t>
  </si>
  <si>
    <t>5702329491693</t>
  </si>
  <si>
    <t>VELUX Verd.-Rollo solar DSL M08 1025KWL</t>
  </si>
  <si>
    <t>DSL M08 1085K</t>
  </si>
  <si>
    <t>5702329481717</t>
  </si>
  <si>
    <t>VELUX Verd.-Rollo solar DSL M08 1085K</t>
  </si>
  <si>
    <t>DSL M08 1085KWL</t>
  </si>
  <si>
    <t>5702329491709</t>
  </si>
  <si>
    <t>VELUX Verd.-Rollo solar DSL M08 1085KWL</t>
  </si>
  <si>
    <t>DSL M08 1100K</t>
  </si>
  <si>
    <t>5702329481724</t>
  </si>
  <si>
    <t>VELUX Verd.-Rollo solar DSL M08 1100K</t>
  </si>
  <si>
    <t>DSL M08 1100KWL</t>
  </si>
  <si>
    <t>5702329491716</t>
  </si>
  <si>
    <t>VELUX Verd.-Rollo solar DSL M08 1100KWL</t>
  </si>
  <si>
    <t>DSL M08 3009K</t>
  </si>
  <si>
    <t>5702329481731</t>
  </si>
  <si>
    <t>VELUX Verd.-Rollo solar DSL M08 3009K</t>
  </si>
  <si>
    <t>DSL M08 3009KWL</t>
  </si>
  <si>
    <t>5702329491723</t>
  </si>
  <si>
    <t>VELUX Verd.-Rollo solar DSL M08 3009KWL</t>
  </si>
  <si>
    <t>DSL M08 4556K</t>
  </si>
  <si>
    <t>5702329481748</t>
  </si>
  <si>
    <t>VELUX Verd.-Rollo solar DSL M08 4556K</t>
  </si>
  <si>
    <t>DSL M08 4556KWL</t>
  </si>
  <si>
    <t>5702329491730</t>
  </si>
  <si>
    <t>VELUX Verd.-Rollo solar DSL M08 4556KWL</t>
  </si>
  <si>
    <t>DSL M08 4559K</t>
  </si>
  <si>
    <t>5702329481755</t>
  </si>
  <si>
    <t>VELUX Verd.-Rollo solar DSL M08 4559K</t>
  </si>
  <si>
    <t>DSL M08 4559KWL</t>
  </si>
  <si>
    <t>5702329491747</t>
  </si>
  <si>
    <t>VELUX Verd.-Rollo solar DSL M08 4559KWL</t>
  </si>
  <si>
    <t>DSL M08 4564K</t>
  </si>
  <si>
    <t>5702329481762</t>
  </si>
  <si>
    <t>VELUX Verd.-Rollo solar DSL M08 4564K</t>
  </si>
  <si>
    <t>DSL M08 4564KWL</t>
  </si>
  <si>
    <t>5702329491754</t>
  </si>
  <si>
    <t>VELUX Verd.-Rollo solar DSL M08 4564KWL</t>
  </si>
  <si>
    <t>DSL M08 4574K</t>
  </si>
  <si>
    <t>5702329481779</t>
  </si>
  <si>
    <t>VELUX Verd.-Rollo solar DSL M08 4574K</t>
  </si>
  <si>
    <t>DSL M08 4574KWL</t>
  </si>
  <si>
    <t>5702329491761</t>
  </si>
  <si>
    <t>VELUX Verd.-Rollo solar DSL M08 4574KWL</t>
  </si>
  <si>
    <t>DSL M08 4575K</t>
  </si>
  <si>
    <t>5702329481786</t>
  </si>
  <si>
    <t>VELUX Verd.-Rollo solar DSL M08 4575K</t>
  </si>
  <si>
    <t>DSL M08 4575KWL</t>
  </si>
  <si>
    <t>5702329491778</t>
  </si>
  <si>
    <t>VELUX Verd.-Rollo solar DSL M08 4575KWL</t>
  </si>
  <si>
    <t>DSL M08 4576K</t>
  </si>
  <si>
    <t>5702329481793</t>
  </si>
  <si>
    <t>VELUX Verd.-Rollo solar DSL M08 4576K</t>
  </si>
  <si>
    <t>DSL M08 4576KWL</t>
  </si>
  <si>
    <t>5702329491785</t>
  </si>
  <si>
    <t>VELUX Verd.-Rollo solar DSL M08 4576KWL</t>
  </si>
  <si>
    <t>DSL M08 4577K</t>
  </si>
  <si>
    <t>5702329481809</t>
  </si>
  <si>
    <t>VELUX Verd.-Rollo solar DSL M08 4577K</t>
  </si>
  <si>
    <t>DSL M08 4577KWL</t>
  </si>
  <si>
    <t>5702329491792</t>
  </si>
  <si>
    <t>VELUX Verd.-Rollo solar DSL M08 4577KWL</t>
  </si>
  <si>
    <t>DSL M08 4578K</t>
  </si>
  <si>
    <t>5702329481816</t>
  </si>
  <si>
    <t>VELUX Verd.-Rollo solar DSL M08 4578K</t>
  </si>
  <si>
    <t>DSL M08 4578KWL</t>
  </si>
  <si>
    <t>5702329491808</t>
  </si>
  <si>
    <t>VELUX Verd.-Rollo solar DSL M08 4578KWL</t>
  </si>
  <si>
    <t>DSL M08 4579K</t>
  </si>
  <si>
    <t>5702329481823</t>
  </si>
  <si>
    <t>VELUX Verd.-Rollo solar DSL M08 4579K</t>
  </si>
  <si>
    <t>DSL M08 4579KWL</t>
  </si>
  <si>
    <t>5702329491815</t>
  </si>
  <si>
    <t>VELUX Verd.-Rollo solar DSL M08 4579KWL</t>
  </si>
  <si>
    <t>DSL M08 4580K</t>
  </si>
  <si>
    <t>5702329481830</t>
  </si>
  <si>
    <t>VELUX Verd.-Rollo solar DSL M08 4580K</t>
  </si>
  <si>
    <t>DSL M08 4580KWL</t>
  </si>
  <si>
    <t>5702329491822</t>
  </si>
  <si>
    <t>VELUX Verd.-Rollo solar DSL M08 4580KWL</t>
  </si>
  <si>
    <t>DSL M08 4581K</t>
  </si>
  <si>
    <t>5702329481847</t>
  </si>
  <si>
    <t>VELUX Verd.-Rollo solar DSL M08 4581K</t>
  </si>
  <si>
    <t>DSL M08 4581KWL</t>
  </si>
  <si>
    <t>5702329491839</t>
  </si>
  <si>
    <t>VELUX Verd.-Rollo solar DSL M08 4581KWL</t>
  </si>
  <si>
    <t>DSL M08 CBYK</t>
  </si>
  <si>
    <t>5702329481854</t>
  </si>
  <si>
    <t>VELUX Verd.-Rollo solar DSL M08 CBYK</t>
  </si>
  <si>
    <t>DSL M08 CBYKWL</t>
  </si>
  <si>
    <t>5702329491846</t>
  </si>
  <si>
    <t>VELUX Verd.-Rollo solar DSL M08 CBYKWL</t>
  </si>
  <si>
    <t>DSL M10 0705K</t>
  </si>
  <si>
    <t>5702329481861</t>
  </si>
  <si>
    <t>VELUX Verd.-Rollo solar DSL M10 0705K</t>
  </si>
  <si>
    <t>DSL M10 0705KWL</t>
  </si>
  <si>
    <t>5702329491853</t>
  </si>
  <si>
    <t>VELUX Verd.-Rollo solar DSL M10 0705KWL</t>
  </si>
  <si>
    <t>DSL M10 1025K</t>
  </si>
  <si>
    <t>5702329481878</t>
  </si>
  <si>
    <t>VELUX Verd.-Rollo solar DSL M10 1025K</t>
  </si>
  <si>
    <t>DSL M10 1025KWL</t>
  </si>
  <si>
    <t>5702329491860</t>
  </si>
  <si>
    <t>VELUX Verd.-Rollo solar DSL M10 1025KWL</t>
  </si>
  <si>
    <t>DSL M10 1085K</t>
  </si>
  <si>
    <t>5702329481885</t>
  </si>
  <si>
    <t>VELUX Verd.-Rollo solar DSL M10 1085K</t>
  </si>
  <si>
    <t>DSL M10 1085KWL</t>
  </si>
  <si>
    <t>5702329491877</t>
  </si>
  <si>
    <t>VELUX Verd.-Rollo solar DSL M10 1085KWL</t>
  </si>
  <si>
    <t>DSL M10 1100K</t>
  </si>
  <si>
    <t>5702329481892</t>
  </si>
  <si>
    <t>VELUX Verd.-Rollo solar DSL M10 1100K</t>
  </si>
  <si>
    <t>DSL M10 1100KWL</t>
  </si>
  <si>
    <t>5702329491884</t>
  </si>
  <si>
    <t>VELUX Verd.-Rollo solar DSL M10 1100KWL</t>
  </si>
  <si>
    <t>DSL M10 3009K</t>
  </si>
  <si>
    <t>5702329481908</t>
  </si>
  <si>
    <t>VELUX Verd.-Rollo solar DSL M10 3009K</t>
  </si>
  <si>
    <t>DSL M10 3009KWL</t>
  </si>
  <si>
    <t>5702329491891</t>
  </si>
  <si>
    <t>VELUX Verd.-Rollo solar DSL M10 3009KWL</t>
  </si>
  <si>
    <t>DSL M10 4556K</t>
  </si>
  <si>
    <t>5702329481915</t>
  </si>
  <si>
    <t>VELUX Verd.-Rollo solar DSL M10 4556K</t>
  </si>
  <si>
    <t>DSL M10 4556KWL</t>
  </si>
  <si>
    <t>5702329491907</t>
  </si>
  <si>
    <t>VELUX Verd.-Rollo solar DSL M10 4556KWL</t>
  </si>
  <si>
    <t>DSL M10 4559K</t>
  </si>
  <si>
    <t>5702329481922</t>
  </si>
  <si>
    <t>VELUX Verd.-Rollo solar DSL M10 4559K</t>
  </si>
  <si>
    <t>DSL M10 4559KWL</t>
  </si>
  <si>
    <t>5702329491914</t>
  </si>
  <si>
    <t>VELUX Verd.-Rollo solar DSL M10 4559KWL</t>
  </si>
  <si>
    <t>DSL M10 4564K</t>
  </si>
  <si>
    <t>5702329481939</t>
  </si>
  <si>
    <t>VELUX Verd.-Rollo solar DSL M10 4564K</t>
  </si>
  <si>
    <t>DSL M10 4574K</t>
  </si>
  <si>
    <t>5702329481946</t>
  </si>
  <si>
    <t>VELUX Verd.-Rollo solar DSL M10 4574K</t>
  </si>
  <si>
    <t>DSL M10 4574KWL</t>
  </si>
  <si>
    <t>5702329491938</t>
  </si>
  <si>
    <t>VELUX Verd.-Rollo solar DSL M10 4574KWL</t>
  </si>
  <si>
    <t>DSL M10 4576K</t>
  </si>
  <si>
    <t>5702329481960</t>
  </si>
  <si>
    <t>VELUX Verd.-Rollo solar DSL M10 4576K</t>
  </si>
  <si>
    <t>DSL M10 4576KWL</t>
  </si>
  <si>
    <t>5702329491952</t>
  </si>
  <si>
    <t>VELUX Verd.-Rollo solar DSL M10 4576KWL</t>
  </si>
  <si>
    <t>DSL M10 4577KWL</t>
  </si>
  <si>
    <t>5702329491969</t>
  </si>
  <si>
    <t>VELUX Verd.-Rollo solar DSL M10 4577KWL</t>
  </si>
  <si>
    <t>DSL M10 4578KWL</t>
  </si>
  <si>
    <t>5702329491976</t>
  </si>
  <si>
    <t>VELUX Verd.-Rollo solar DSL M10 4578KWL</t>
  </si>
  <si>
    <t>DSL M10 4579K</t>
  </si>
  <si>
    <t>5702329481991</t>
  </si>
  <si>
    <t>VELUX Verd.-Rollo solar DSL M10 4579K</t>
  </si>
  <si>
    <t>DSL M10 4580K</t>
  </si>
  <si>
    <t>5702329482004</t>
  </si>
  <si>
    <t>VELUX Verd.-Rollo solar DSL M10 4580K</t>
  </si>
  <si>
    <t>DSL M10 4580KWL</t>
  </si>
  <si>
    <t>5702329491990</t>
  </si>
  <si>
    <t>VELUX Verd.-Rollo solar DSL M10 4580KWL</t>
  </si>
  <si>
    <t>DSL M10 4581K</t>
  </si>
  <si>
    <t>5702329482011</t>
  </si>
  <si>
    <t>VELUX Verd.-Rollo solar DSL M10 4581K</t>
  </si>
  <si>
    <t>DSL M10 4581KWL</t>
  </si>
  <si>
    <t>5702329492003</t>
  </si>
  <si>
    <t>VELUX Verd.-Rollo solar DSL M10 4581KWL</t>
  </si>
  <si>
    <t>DSL M10 CBYK</t>
  </si>
  <si>
    <t>5702329482028</t>
  </si>
  <si>
    <t>VELUX Verd.-Rollo solar DSL M10 CBYK</t>
  </si>
  <si>
    <t>DSL M10 CBYKWL</t>
  </si>
  <si>
    <t>5702329492010</t>
  </si>
  <si>
    <t>VELUX Verd.-Rollo solar DSL M10 CBYKWL</t>
  </si>
  <si>
    <t>DSL M31 0705K</t>
  </si>
  <si>
    <t>5702329482202</t>
  </si>
  <si>
    <t>VELUX Verd.-Rollo solar DSL M31 0705K</t>
  </si>
  <si>
    <t>DSL M31 0705KWL</t>
  </si>
  <si>
    <t>5702329492195</t>
  </si>
  <si>
    <t>VELUX Verd.-Rollo solar DSL M31 0705KWL</t>
  </si>
  <si>
    <t>DSL M31 1025K</t>
  </si>
  <si>
    <t>5702329482219</t>
  </si>
  <si>
    <t>VELUX Verd.-Rollo solar DSL M31 1025K</t>
  </si>
  <si>
    <t>DSL M31 1025KWL</t>
  </si>
  <si>
    <t>5702329492201</t>
  </si>
  <si>
    <t>VELUX Verd.-Rollo solar DSL M31 1025KWL</t>
  </si>
  <si>
    <t>DSL M31 1085K</t>
  </si>
  <si>
    <t>5702329482226</t>
  </si>
  <si>
    <t>VELUX Verd.-Rollo solar DSL M31 1085K</t>
  </si>
  <si>
    <t>DSL M31 1085KWL</t>
  </si>
  <si>
    <t>5702329492218</t>
  </si>
  <si>
    <t>VELUX Verd.-Rollo solar DSL M31 1085KWL</t>
  </si>
  <si>
    <t>DSL M31 1100K</t>
  </si>
  <si>
    <t>5702329482233</t>
  </si>
  <si>
    <t>VELUX Verd.-Rollo solar DSL M31 1100K</t>
  </si>
  <si>
    <t>DSL M31 1100KWL</t>
  </si>
  <si>
    <t>5702329492225</t>
  </si>
  <si>
    <t>VELUX Verd.-Rollo solar DSL M31 1100KWL</t>
  </si>
  <si>
    <t>DSL M31 4556K</t>
  </si>
  <si>
    <t>5702329482257</t>
  </si>
  <si>
    <t>VELUX Verd.-Rollo solar DSL M31 4556K</t>
  </si>
  <si>
    <t>DSL M31 4556KWL</t>
  </si>
  <si>
    <t>5702329492249</t>
  </si>
  <si>
    <t>VELUX Verd.-Rollo solar DSL M31 4556KWL</t>
  </si>
  <si>
    <t>DSL M31 4559K</t>
  </si>
  <si>
    <t>5702329482264</t>
  </si>
  <si>
    <t>VELUX Verd.-Rollo solar DSL M31 4559K</t>
  </si>
  <si>
    <t>DSL M31 4574K</t>
  </si>
  <si>
    <t>5702329482288</t>
  </si>
  <si>
    <t>VELUX Verd.-Rollo solar DSL M31 4574K</t>
  </si>
  <si>
    <t>DSL M31 4576KWL</t>
  </si>
  <si>
    <t>5702329492294</t>
  </si>
  <si>
    <t>VELUX Verd.-Rollo solar DSL M31 4576KWL</t>
  </si>
  <si>
    <t>DSL M31 CBYK</t>
  </si>
  <si>
    <t>5702329482363</t>
  </si>
  <si>
    <t>VELUX Verd.-Rollo solar DSL M31 CBYK</t>
  </si>
  <si>
    <t>DSL M31 CBYKWL</t>
  </si>
  <si>
    <t>5702329492355</t>
  </si>
  <si>
    <t>VELUX Verd.-Rollo solar DSL M31 CBYKWL</t>
  </si>
  <si>
    <t>DSL MK04 0705K</t>
  </si>
  <si>
    <t>5702329482530</t>
  </si>
  <si>
    <t>VELUX Verd.-Rollo solar DSL MK04 0705K</t>
  </si>
  <si>
    <t>DSL MK04 0705KWL</t>
  </si>
  <si>
    <t>5702329492362</t>
  </si>
  <si>
    <t>VELUX Verd.-Rollo solar DSL MK04 0705KWL</t>
  </si>
  <si>
    <t>DSL MK04 1025K</t>
  </si>
  <si>
    <t>5702329482547</t>
  </si>
  <si>
    <t>VELUX Verd.-Rollo solar DSL MK04 1025K</t>
  </si>
  <si>
    <t>DSL MK04 1025KWL</t>
  </si>
  <si>
    <t>5702329492379</t>
  </si>
  <si>
    <t>VELUX Verd.-Rollo solar DSL MK04 1025KWL</t>
  </si>
  <si>
    <t>DSL MK04 1085K</t>
  </si>
  <si>
    <t>5702329482554</t>
  </si>
  <si>
    <t>VELUX Verd.-Rollo solar DSL MK04 1085K</t>
  </si>
  <si>
    <t>DSL MK04 1085KWL</t>
  </si>
  <si>
    <t>5702329492386</t>
  </si>
  <si>
    <t>VELUX Verd.-Rollo solar DSL MK04 1085KWL</t>
  </si>
  <si>
    <t>DSL MK04 1100K</t>
  </si>
  <si>
    <t>5702329482561</t>
  </si>
  <si>
    <t>VELUX Verd.-Rollo solar DSL MK04 1100K</t>
  </si>
  <si>
    <t>DSL MK04 1100KWL</t>
  </si>
  <si>
    <t>5702329492393</t>
  </si>
  <si>
    <t>VELUX Verd.-Rollo solar DSL MK04 1100KWL</t>
  </si>
  <si>
    <t>DSL MK04 3009K</t>
  </si>
  <si>
    <t>5702329482578</t>
  </si>
  <si>
    <t>VELUX Verd.-Rollo solar DSL MK04 3009K</t>
  </si>
  <si>
    <t>DSL MK04 3009KWL</t>
  </si>
  <si>
    <t>5702329492409</t>
  </si>
  <si>
    <t>VELUX Verd.-Rollo solar DSL MK04 3009KWL</t>
  </si>
  <si>
    <t>DSL MK04 4556K</t>
  </si>
  <si>
    <t>5702329482585</t>
  </si>
  <si>
    <t>VELUX Verd.-Rollo solar DSL MK04 4556K</t>
  </si>
  <si>
    <t>DSL MK04 4556KWL</t>
  </si>
  <si>
    <t>5702329492416</t>
  </si>
  <si>
    <t>VELUX Verd.-Rollo solar DSL MK04 4556KWL</t>
  </si>
  <si>
    <t>DSL MK04 4559K</t>
  </si>
  <si>
    <t>5702329482592</t>
  </si>
  <si>
    <t>VELUX Verd.-Rollo solar DSL MK04 4559K</t>
  </si>
  <si>
    <t>DSL MK04 4559KWL</t>
  </si>
  <si>
    <t>5702329492423</t>
  </si>
  <si>
    <t>VELUX Verd.-Rollo solar DSL MK04 4559KWL</t>
  </si>
  <si>
    <t>DSL MK04 4564K</t>
  </si>
  <si>
    <t>5702329482608</t>
  </si>
  <si>
    <t>VELUX Verd.-Rollo solar DSL MK04 4564K</t>
  </si>
  <si>
    <t>DSL MK04 4564KWL</t>
  </si>
  <si>
    <t>5702329492430</t>
  </si>
  <si>
    <t>VELUX Verd.-Rollo solar DSL MK04 4564KWL</t>
  </si>
  <si>
    <t>DSL MK04 4574K</t>
  </si>
  <si>
    <t>5702329482615</t>
  </si>
  <si>
    <t>VELUX Verd.-Rollo solar DSL MK04 4574K</t>
  </si>
  <si>
    <t>DSL MK04 4574KWL</t>
  </si>
  <si>
    <t>5702329492447</t>
  </si>
  <si>
    <t>VELUX Verd.-Rollo solar DSL MK04 4574KWL</t>
  </si>
  <si>
    <t>DSL MK04 4575K</t>
  </si>
  <si>
    <t>5702329482622</t>
  </si>
  <si>
    <t>VELUX Verd.-Rollo solar DSL MK04 4575K</t>
  </si>
  <si>
    <t>DSL MK04 4575KWL</t>
  </si>
  <si>
    <t>5702329492454</t>
  </si>
  <si>
    <t>VELUX Verd.-Rollo solar DSL MK04 4575KWL</t>
  </si>
  <si>
    <t>DSL MK04 4576K</t>
  </si>
  <si>
    <t>5702329482639</t>
  </si>
  <si>
    <t>VELUX Verd.-Rollo solar DSL MK04 4576K</t>
  </si>
  <si>
    <t>DSL MK04 4576KWL</t>
  </si>
  <si>
    <t>5702329492461</t>
  </si>
  <si>
    <t>VELUX Verd.-Rollo solar DSL MK04 4576KWL</t>
  </si>
  <si>
    <t>DSL MK04 4577K</t>
  </si>
  <si>
    <t>5702329482646</t>
  </si>
  <si>
    <t>VELUX Verd.-Rollo solar DSL MK04 4577K</t>
  </si>
  <si>
    <t>DSL MK04 4577KWL</t>
  </si>
  <si>
    <t>5702329492478</t>
  </si>
  <si>
    <t>VELUX Verd.-Rollo solar DSL MK04 4577KWL</t>
  </si>
  <si>
    <t>DSL MK04 4578K</t>
  </si>
  <si>
    <t>5702329482653</t>
  </si>
  <si>
    <t>VELUX Verd.-Rollo solar DSL MK04 4578K</t>
  </si>
  <si>
    <t>DSL MK04 4578KWL</t>
  </si>
  <si>
    <t>5702329492485</t>
  </si>
  <si>
    <t>VELUX Verd.-Rollo solar DSL MK04 4578KWL</t>
  </si>
  <si>
    <t>DSL MK04 4579K</t>
  </si>
  <si>
    <t>5702329482660</t>
  </si>
  <si>
    <t>VELUX Verd.-Rollo solar DSL MK04 4579K</t>
  </si>
  <si>
    <t>DSL MK04 4579KWL</t>
  </si>
  <si>
    <t>5702329492492</t>
  </si>
  <si>
    <t>VELUX Verd.-Rollo solar DSL MK04 4579KWL</t>
  </si>
  <si>
    <t>DSL MK04 4580K</t>
  </si>
  <si>
    <t>5702329482677</t>
  </si>
  <si>
    <t>VELUX Verd.-Rollo solar DSL MK04 4580K</t>
  </si>
  <si>
    <t>DSL MK04 4580KWL</t>
  </si>
  <si>
    <t>5702329492508</t>
  </si>
  <si>
    <t>VELUX Verd.-Rollo solar DSL MK04 4580KWL</t>
  </si>
  <si>
    <t>DSL MK04 4581K</t>
  </si>
  <si>
    <t>5702329482684</t>
  </si>
  <si>
    <t>VELUX Verd.-Rollo solar DSL MK04 4581K</t>
  </si>
  <si>
    <t>DSL MK04 4581KWL</t>
  </si>
  <si>
    <t>5702329492515</t>
  </si>
  <si>
    <t>VELUX Verd.-Rollo solar DSL MK04 4581KWL</t>
  </si>
  <si>
    <t>DSL MK04 CBYK</t>
  </si>
  <si>
    <t>5702329482691</t>
  </si>
  <si>
    <t>VELUX Verd.-Rollo solar DSL MK04 CBYK</t>
  </si>
  <si>
    <t>DSL MK04 CBYKWL</t>
  </si>
  <si>
    <t>5702329492522</t>
  </si>
  <si>
    <t>VELUX Verd.-Rollo solar DSL MK04 CBYKWL</t>
  </si>
  <si>
    <t>DSL MK06 0705K</t>
  </si>
  <si>
    <t>5702329482707</t>
  </si>
  <si>
    <t>VELUX Verd.-Rollo solar DSL MK06 0705K</t>
  </si>
  <si>
    <t>DSL MK06 0705KWL</t>
  </si>
  <si>
    <t>5702329492539</t>
  </si>
  <si>
    <t>VELUX Verd.-Rollo solar DSL MK06 0705KWL</t>
  </si>
  <si>
    <t>DSL MK06 1025K</t>
  </si>
  <si>
    <t>5702329482714</t>
  </si>
  <si>
    <t>VELUX Verd.-Rollo solar DSL MK06 1025K</t>
  </si>
  <si>
    <t>DSL MK06 1025KWL</t>
  </si>
  <si>
    <t>5702329492546</t>
  </si>
  <si>
    <t>VELUX Verd.-Rollo solar DSL MK06 1025KWL</t>
  </si>
  <si>
    <t>DSL MK06 1085K</t>
  </si>
  <si>
    <t>5702329482721</t>
  </si>
  <si>
    <t>VELUX Verd.-Rollo solar DSL MK06 1085K</t>
  </si>
  <si>
    <t>DSL MK06 1085KWL</t>
  </si>
  <si>
    <t>5702329492553</t>
  </si>
  <si>
    <t>VELUX Verd.-Rollo solar DSL MK06 1085KWL</t>
  </si>
  <si>
    <t>DSL MK06 1100K</t>
  </si>
  <si>
    <t>5702329482738</t>
  </si>
  <si>
    <t>VELUX Verd.-Rollo solar DSL MK06 1100K</t>
  </si>
  <si>
    <t>DSL MK06 1100KWL</t>
  </si>
  <si>
    <t>5702329492560</t>
  </si>
  <si>
    <t>VELUX Verd.-Rollo solar DSL MK06 1100KWL</t>
  </si>
  <si>
    <t>DSL MK06 3009K</t>
  </si>
  <si>
    <t>5702329482745</t>
  </si>
  <si>
    <t>VELUX Verd.-Rollo solar DSL MK06 3009K</t>
  </si>
  <si>
    <t>DSL MK06 3009KWL</t>
  </si>
  <si>
    <t>5702329492577</t>
  </si>
  <si>
    <t>VELUX Verd.-Rollo solar DSL MK06 3009KWL</t>
  </si>
  <si>
    <t>DSL MK06 4556K</t>
  </si>
  <si>
    <t>5702329482752</t>
  </si>
  <si>
    <t>VELUX Verd.-Rollo solar DSL MK06 4556K</t>
  </si>
  <si>
    <t>DSL MK06 4556KWL</t>
  </si>
  <si>
    <t>5702329492584</t>
  </si>
  <si>
    <t>VELUX Verd.-Rollo solar DSL MK06 4556KWL</t>
  </si>
  <si>
    <t>DSL MK06 4559K</t>
  </si>
  <si>
    <t>5702329482769</t>
  </si>
  <si>
    <t>VELUX Verd.-Rollo solar DSL MK06 4559K</t>
  </si>
  <si>
    <t>DSL MK06 4559KWL</t>
  </si>
  <si>
    <t>5702329492591</t>
  </si>
  <si>
    <t>VELUX Verd.-Rollo solar DSL MK06 4559KWL</t>
  </si>
  <si>
    <t>DSL MK06 4564K</t>
  </si>
  <si>
    <t>5702329482776</t>
  </si>
  <si>
    <t>VELUX Verd.-Rollo solar DSL MK06 4564K</t>
  </si>
  <si>
    <t>DSL MK06 4564KWL</t>
  </si>
  <si>
    <t>5702329492607</t>
  </si>
  <si>
    <t>VELUX Verd.-Rollo solar DSL MK06 4564KWL</t>
  </si>
  <si>
    <t>DSL MK06 4574K</t>
  </si>
  <si>
    <t>5702329482783</t>
  </si>
  <si>
    <t>VELUX Verd.-Rollo solar DSL MK06 4574K</t>
  </si>
  <si>
    <t>DSL MK06 4574KWL</t>
  </si>
  <si>
    <t>5702329492614</t>
  </si>
  <si>
    <t>VELUX Verd.-Rollo solar DSL MK06 4574KWL</t>
  </si>
  <si>
    <t>DSL MK06 4575K</t>
  </si>
  <si>
    <t>5702329482790</t>
  </si>
  <si>
    <t>VELUX Verd.-Rollo solar DSL MK06 4575K</t>
  </si>
  <si>
    <t>DSL MK06 4575KWL</t>
  </si>
  <si>
    <t>5702329492621</t>
  </si>
  <si>
    <t>VELUX Verd.-Rollo solar DSL MK06 4575KWL</t>
  </si>
  <si>
    <t>DSL MK06 4576K</t>
  </si>
  <si>
    <t>5702329482806</t>
  </si>
  <si>
    <t>VELUX Verd.-Rollo solar DSL MK06 4576K</t>
  </si>
  <si>
    <t>DSL MK06 4576KWL</t>
  </si>
  <si>
    <t>5702329492638</t>
  </si>
  <si>
    <t>VELUX Verd.-Rollo solar DSL MK06 4576KWL</t>
  </si>
  <si>
    <t>DSL MK06 4577K</t>
  </si>
  <si>
    <t>5702329482813</t>
  </si>
  <si>
    <t>VELUX Verd.-Rollo solar DSL MK06 4577K</t>
  </si>
  <si>
    <t>DSL MK06 4577KWL</t>
  </si>
  <si>
    <t>5702329492645</t>
  </si>
  <si>
    <t>VELUX Verd.-Rollo solar DSL MK06 4577KWL</t>
  </si>
  <si>
    <t>DSL MK06 4578K</t>
  </si>
  <si>
    <t>5702329482820</t>
  </si>
  <si>
    <t>VELUX Verd.-Rollo solar DSL MK06 4578K</t>
  </si>
  <si>
    <t>DSL MK06 4578KWL</t>
  </si>
  <si>
    <t>5702329492652</t>
  </si>
  <si>
    <t>VELUX Verd.-Rollo solar DSL MK06 4578KWL</t>
  </si>
  <si>
    <t>DSL MK06 4579K</t>
  </si>
  <si>
    <t>5702329482837</t>
  </si>
  <si>
    <t>VELUX Verd.-Rollo solar DSL MK06 4579K</t>
  </si>
  <si>
    <t>DSL MK06 4579KWL</t>
  </si>
  <si>
    <t>5702329492669</t>
  </si>
  <si>
    <t>VELUX Verd.-Rollo solar DSL MK06 4579KWL</t>
  </si>
  <si>
    <t>DSL MK06 4580K</t>
  </si>
  <si>
    <t>5702329482844</t>
  </si>
  <si>
    <t>VELUX Verd.-Rollo solar DSL MK06 4580K</t>
  </si>
  <si>
    <t>DSL MK06 4580KWL</t>
  </si>
  <si>
    <t>5702329492676</t>
  </si>
  <si>
    <t>VELUX Verd.-Rollo solar DSL MK06 4580KWL</t>
  </si>
  <si>
    <t>DSL MK06 4581K</t>
  </si>
  <si>
    <t>5702329482851</t>
  </si>
  <si>
    <t>VELUX Verd.-Rollo solar DSL MK06 4581K</t>
  </si>
  <si>
    <t>DSL MK06 4581KWL</t>
  </si>
  <si>
    <t>5702329492683</t>
  </si>
  <si>
    <t>VELUX Verd.-Rollo solar DSL MK06 4581KWL</t>
  </si>
  <si>
    <t>DSL MK06 CBYK</t>
  </si>
  <si>
    <t>5702329482868</t>
  </si>
  <si>
    <t>VELUX Verd.-Rollo solar DSL MK06 CBYK</t>
  </si>
  <si>
    <t>DSL MK06 CBYKWL</t>
  </si>
  <si>
    <t>5702329492690</t>
  </si>
  <si>
    <t>VELUX Verd.-Rollo solar DSL MK06 CBYKWL</t>
  </si>
  <si>
    <t>DSL MK08 0705K</t>
  </si>
  <si>
    <t>5702329482875</t>
  </si>
  <si>
    <t>VELUX Verd.-Rollo solar DSL MK08 0705K</t>
  </si>
  <si>
    <t>DSL MK08 0705KWL</t>
  </si>
  <si>
    <t>5702329492706</t>
  </si>
  <si>
    <t>VELUX Verd.-Rollo solar DSL MK08 0705KWL</t>
  </si>
  <si>
    <t>DSL MK08 1025K</t>
  </si>
  <si>
    <t>5702329482882</t>
  </si>
  <si>
    <t>VELUX Verd.-Rollo solar DSL MK08 1025K</t>
  </si>
  <si>
    <t>DSL MK08 1025KWL</t>
  </si>
  <si>
    <t>5702329492713</t>
  </si>
  <si>
    <t>VELUX Verd.-Rollo solar DSL MK08 1025KWL</t>
  </si>
  <si>
    <t>DSL MK08 1085K</t>
  </si>
  <si>
    <t>5702329482899</t>
  </si>
  <si>
    <t>VELUX Verd.-Rollo solar DSL MK08 1085K</t>
  </si>
  <si>
    <t>DSL MK08 1085KWL</t>
  </si>
  <si>
    <t>5702329492720</t>
  </si>
  <si>
    <t>VELUX Verd.-Rollo solar DSL MK08 1085KWL</t>
  </si>
  <si>
    <t>DSL MK08 1100K</t>
  </si>
  <si>
    <t>5702329482905</t>
  </si>
  <si>
    <t>VELUX Verd.-Rollo solar DSL MK08 1100K</t>
  </si>
  <si>
    <t>DSL MK08 1100KWL</t>
  </si>
  <si>
    <t>5702329492737</t>
  </si>
  <si>
    <t>VELUX Verd.-Rollo solar DSL MK08 1100KWL</t>
  </si>
  <si>
    <t>DSL MK08 3009K</t>
  </si>
  <si>
    <t>5702329482912</t>
  </si>
  <si>
    <t>VELUX Verd.-Rollo solar DSL MK08 3009K</t>
  </si>
  <si>
    <t>DSL MK08 3009KWL</t>
  </si>
  <si>
    <t>5702329492744</t>
  </si>
  <si>
    <t>VELUX Verd.-Rollo solar DSL MK08 3009KWL</t>
  </si>
  <si>
    <t>DSL MK08 4556K</t>
  </si>
  <si>
    <t>5702329482929</t>
  </si>
  <si>
    <t>VELUX Verd.-Rollo solar DSL MK08 4556K</t>
  </si>
  <si>
    <t>DSL MK08 4556KWL</t>
  </si>
  <si>
    <t>5702329492751</t>
  </si>
  <si>
    <t>VELUX Verd.-Rollo solar DSL MK08 4556KWL</t>
  </si>
  <si>
    <t>DSL MK08 4559K</t>
  </si>
  <si>
    <t>5702329482936</t>
  </si>
  <si>
    <t>VELUX Verd.-Rollo solar DSL MK08 4559K</t>
  </si>
  <si>
    <t>DSL MK08 4559KWL</t>
  </si>
  <si>
    <t>5702329492768</t>
  </si>
  <si>
    <t>VELUX Verd.-Rollo solar DSL MK08 4559KWL</t>
  </si>
  <si>
    <t>DSL MK08 4564K</t>
  </si>
  <si>
    <t>5702329482943</t>
  </si>
  <si>
    <t>VELUX Verd.-Rollo solar DSL MK08 4564K</t>
  </si>
  <si>
    <t>DSL MK08 4564KWL</t>
  </si>
  <si>
    <t>5702329492775</t>
  </si>
  <si>
    <t>VELUX Verd.-Rollo solar DSL MK08 4564KWL</t>
  </si>
  <si>
    <t>DSL MK08 4574K</t>
  </si>
  <si>
    <t>5702329482950</t>
  </si>
  <si>
    <t>VELUX Verd.-Rollo solar DSL MK08 4574K</t>
  </si>
  <si>
    <t>DSL MK08 4574KWL</t>
  </si>
  <si>
    <t>5702329492782</t>
  </si>
  <si>
    <t>VELUX Verd.-Rollo solar DSL MK08 4574KWL</t>
  </si>
  <si>
    <t>DSL MK08 4575K</t>
  </si>
  <si>
    <t>5702329482967</t>
  </si>
  <si>
    <t>VELUX Verd.-Rollo solar DSL MK08 4575K</t>
  </si>
  <si>
    <t>DSL MK08 4575KWL</t>
  </si>
  <si>
    <t>5702329492799</t>
  </si>
  <si>
    <t>VELUX Verd.-Rollo solar DSL MK08 4575KWL</t>
  </si>
  <si>
    <t>DSL MK08 4576K</t>
  </si>
  <si>
    <t>5702329482974</t>
  </si>
  <si>
    <t>VELUX Verd.-Rollo solar DSL MK08 4576K</t>
  </si>
  <si>
    <t>DSL MK08 4576KWL</t>
  </si>
  <si>
    <t>5702329492805</t>
  </si>
  <si>
    <t>VELUX Verd.-Rollo solar DSL MK08 4576KWL</t>
  </si>
  <si>
    <t>DSL MK08 4577K</t>
  </si>
  <si>
    <t>5702329482981</t>
  </si>
  <si>
    <t>VELUX Verd.-Rollo solar DSL MK08 4577K</t>
  </si>
  <si>
    <t>DSL MK08 4577KWL</t>
  </si>
  <si>
    <t>5702329492812</t>
  </si>
  <si>
    <t>VELUX Verd.-Rollo solar DSL MK08 4577KWL</t>
  </si>
  <si>
    <t>DSL MK08 4578K</t>
  </si>
  <si>
    <t>5702329482998</t>
  </si>
  <si>
    <t>VELUX Verd.-Rollo solar DSL MK08 4578K</t>
  </si>
  <si>
    <t>DSL MK08 4578KWL</t>
  </si>
  <si>
    <t>5702329492829</t>
  </si>
  <si>
    <t>VELUX Verd.-Rollo solar DSL MK08 4578KWL</t>
  </si>
  <si>
    <t>DSL MK08 4579K</t>
  </si>
  <si>
    <t>5702329483001</t>
  </si>
  <si>
    <t>VELUX Verd.-Rollo solar DSL MK08 4579K</t>
  </si>
  <si>
    <t>DSL MK08 4579KWL</t>
  </si>
  <si>
    <t>5702329492836</t>
  </si>
  <si>
    <t>VELUX Verd.-Rollo solar DSL MK08 4579KWL</t>
  </si>
  <si>
    <t>DSL MK08 4580K</t>
  </si>
  <si>
    <t>5702329483018</t>
  </si>
  <si>
    <t>VELUX Verd.-Rollo solar DSL MK08 4580K</t>
  </si>
  <si>
    <t>DSL MK08 4580KWL</t>
  </si>
  <si>
    <t>5702329492843</t>
  </si>
  <si>
    <t>VELUX Verd.-Rollo solar DSL MK08 4580KWL</t>
  </si>
  <si>
    <t>DSL MK08 4581K</t>
  </si>
  <si>
    <t>5702329483025</t>
  </si>
  <si>
    <t>VELUX Verd.-Rollo solar DSL MK08 4581K</t>
  </si>
  <si>
    <t>DSL MK08 4581KWL</t>
  </si>
  <si>
    <t>5702329492850</t>
  </si>
  <si>
    <t>VELUX Verd.-Rollo solar DSL MK08 4581KWL</t>
  </si>
  <si>
    <t>DSL MK08 CBYK</t>
  </si>
  <si>
    <t>5702329483032</t>
  </si>
  <si>
    <t>VELUX Verd.-Rollo solar DSL MK08 CBYK</t>
  </si>
  <si>
    <t>DSL MK08 CBYKWL</t>
  </si>
  <si>
    <t>5702329492867</t>
  </si>
  <si>
    <t>VELUX Verd.-Rollo solar DSL MK08 CBYKWL</t>
  </si>
  <si>
    <t>DSL MK10 0705K</t>
  </si>
  <si>
    <t>5702329483049</t>
  </si>
  <si>
    <t>VELUX Verd.-Rollo solar DSL MK10 0705K</t>
  </si>
  <si>
    <t>DSL MK10 0705KWL</t>
  </si>
  <si>
    <t>5702329492874</t>
  </si>
  <si>
    <t>VELUX Verd.-Rollo solar DSL MK10 0705KWL</t>
  </si>
  <si>
    <t>DSL MK10 1025K</t>
  </si>
  <si>
    <t>5702329483056</t>
  </si>
  <si>
    <t>VELUX Verd.-Rollo solar DSL MK10 1025K</t>
  </si>
  <si>
    <t>DSL MK10 1025KWL</t>
  </si>
  <si>
    <t>5702329492881</t>
  </si>
  <si>
    <t>VELUX Verd.-Rollo solar DSL MK10 1025KWL</t>
  </si>
  <si>
    <t>DSL MK10 1085K</t>
  </si>
  <si>
    <t>5702329483063</t>
  </si>
  <si>
    <t>VELUX Verd.-Rollo solar DSL MK10 1085K</t>
  </si>
  <si>
    <t>DSL MK10 1085KWL</t>
  </si>
  <si>
    <t>5702329492898</t>
  </si>
  <si>
    <t>VELUX Verd.-Rollo solar DSL MK10 1085KWL</t>
  </si>
  <si>
    <t>DSL MK10 1100K</t>
  </si>
  <si>
    <t>5702329483070</t>
  </si>
  <si>
    <t>VELUX Verd.-Rollo solar DSL MK10 1100K</t>
  </si>
  <si>
    <t>DSL MK10 1100KWL</t>
  </si>
  <si>
    <t>5702329492904</t>
  </si>
  <si>
    <t>VELUX Verd.-Rollo solar DSL MK10 1100KWL</t>
  </si>
  <si>
    <t>DSL MK10 3009K</t>
  </si>
  <si>
    <t>5702329483087</t>
  </si>
  <si>
    <t>VELUX Verd.-Rollo solar DSL MK10 3009K</t>
  </si>
  <si>
    <t>DSL MK10 3009KWL</t>
  </si>
  <si>
    <t>5702329492911</t>
  </si>
  <si>
    <t>VELUX Verd.-Rollo solar DSL MK10 3009KWL</t>
  </si>
  <si>
    <t>DSL MK10 4556K</t>
  </si>
  <si>
    <t>5702329483094</t>
  </si>
  <si>
    <t>VELUX Verd.-Rollo solar DSL MK10 4556K</t>
  </si>
  <si>
    <t>DSL MK10 4556KWL</t>
  </si>
  <si>
    <t>5702329492928</t>
  </si>
  <si>
    <t>VELUX Verd.-Rollo solar DSL MK10 4556KWL</t>
  </si>
  <si>
    <t>DSL MK10 4559K</t>
  </si>
  <si>
    <t>5702329483100</t>
  </si>
  <si>
    <t>VELUX Verd.-Rollo solar DSL MK10 4559K</t>
  </si>
  <si>
    <t>DSL MK10 4559KWL</t>
  </si>
  <si>
    <t>5702329492935</t>
  </si>
  <si>
    <t>VELUX Verd.-Rollo solar DSL MK10 4559KWL</t>
  </si>
  <si>
    <t>DSL MK10 4564K</t>
  </si>
  <si>
    <t>5702329483117</t>
  </si>
  <si>
    <t>VELUX Verd.-Rollo solar DSL MK10 4564K</t>
  </si>
  <si>
    <t>DSL MK10 4564KWL</t>
  </si>
  <si>
    <t>5702329492942</t>
  </si>
  <si>
    <t>VELUX Verd.-Rollo solar DSL MK10 4564KWL</t>
  </si>
  <si>
    <t>DSL MK10 4574K</t>
  </si>
  <si>
    <t>5702329483124</t>
  </si>
  <si>
    <t>VELUX Verd.-Rollo solar DSL MK10 4574K</t>
  </si>
  <si>
    <t>DSL MK10 4574KWL</t>
  </si>
  <si>
    <t>5702329492959</t>
  </si>
  <si>
    <t>VELUX Verd.-Rollo solar DSL MK10 4574KWL</t>
  </si>
  <si>
    <t>DSL MK10 4575K</t>
  </si>
  <si>
    <t>5702329483131</t>
  </si>
  <si>
    <t>VELUX Verd.-Rollo solar DSL MK10 4575K</t>
  </si>
  <si>
    <t>DSL MK10 4575KWL</t>
  </si>
  <si>
    <t>5702329492966</t>
  </si>
  <si>
    <t>VELUX Verd.-Rollo solar DSL MK10 4575KWL</t>
  </si>
  <si>
    <t>DSL MK10 4576K</t>
  </si>
  <si>
    <t>5702329483148</t>
  </si>
  <si>
    <t>VELUX Verd.-Rollo solar DSL MK10 4576K</t>
  </si>
  <si>
    <t>DSL MK10 4576KWL</t>
  </si>
  <si>
    <t>5702329492973</t>
  </si>
  <si>
    <t>VELUX Verd.-Rollo solar DSL MK10 4576KWL</t>
  </si>
  <si>
    <t>DSL MK10 4577K</t>
  </si>
  <si>
    <t>5702329483155</t>
  </si>
  <si>
    <t>VELUX Verd.-Rollo solar DSL MK10 4577K</t>
  </si>
  <si>
    <t>DSL MK10 4577KWL</t>
  </si>
  <si>
    <t>5702329492980</t>
  </si>
  <si>
    <t>VELUX Verd.-Rollo solar DSL MK10 4577KWL</t>
  </si>
  <si>
    <t>DSL MK10 4578KWL</t>
  </si>
  <si>
    <t>5702329492997</t>
  </si>
  <si>
    <t>VELUX Verd.-Rollo solar DSL MK10 4578KWL</t>
  </si>
  <si>
    <t>DSL MK10 4579K</t>
  </si>
  <si>
    <t>5702329483179</t>
  </si>
  <si>
    <t>VELUX Verd.-Rollo solar DSL MK10 4579K</t>
  </si>
  <si>
    <t>DSL MK10 4579KWL</t>
  </si>
  <si>
    <t>5702329493000</t>
  </si>
  <si>
    <t>VELUX Verd.-Rollo solar DSL MK10 4579KWL</t>
  </si>
  <si>
    <t>DSL MK10 4580K</t>
  </si>
  <si>
    <t>5702329483186</t>
  </si>
  <si>
    <t>VELUX Verd.-Rollo solar DSL MK10 4580K</t>
  </si>
  <si>
    <t>DSL MK10 4580KWL</t>
  </si>
  <si>
    <t>5702329493017</t>
  </si>
  <si>
    <t>VELUX Verd.-Rollo solar DSL MK10 4580KWL</t>
  </si>
  <si>
    <t>DSL MK10 4581K</t>
  </si>
  <si>
    <t>5702329483193</t>
  </si>
  <si>
    <t>VELUX Verd.-Rollo solar DSL MK10 4581K</t>
  </si>
  <si>
    <t>DSL MK10 4581KWL</t>
  </si>
  <si>
    <t>5702329493024</t>
  </si>
  <si>
    <t>VELUX Verd.-Rollo solar DSL MK10 4581KWL</t>
  </si>
  <si>
    <t>DSL MK10 CBYK</t>
  </si>
  <si>
    <t>5702329483209</t>
  </si>
  <si>
    <t>VELUX Verd.-Rollo solar DSL MK10 CBYK</t>
  </si>
  <si>
    <t>DSL MK10 CBYKWL</t>
  </si>
  <si>
    <t>5702329493031</t>
  </si>
  <si>
    <t>VELUX Verd.-Rollo solar DSL MK10 CBYKWL</t>
  </si>
  <si>
    <t>DSL MK12 0705K</t>
  </si>
  <si>
    <t>5702329483216</t>
  </si>
  <si>
    <t>VELUX Verd.-Rollo solar DSL MK12 0705K</t>
  </si>
  <si>
    <t>DSL MK12 0705KWL</t>
  </si>
  <si>
    <t>5702329493048</t>
  </si>
  <si>
    <t>VELUX Verd.-Rollo solar DSL MK12 0705KWL</t>
  </si>
  <si>
    <t>DSL MK12 1025K</t>
  </si>
  <si>
    <t>5702329483223</t>
  </si>
  <si>
    <t>VELUX Verd.-Rollo solar DSL MK12 1025K</t>
  </si>
  <si>
    <t>DSL MK12 1025KWL</t>
  </si>
  <si>
    <t>5702329493055</t>
  </si>
  <si>
    <t>VELUX Verd.-Rollo solar DSL MK12 1025KWL</t>
  </si>
  <si>
    <t>DSL MK12 1085K</t>
  </si>
  <si>
    <t>5702329483230</t>
  </si>
  <si>
    <t>VELUX Verd.-Rollo solar DSL MK12 1085K</t>
  </si>
  <si>
    <t>DSL MK12 1085KWL</t>
  </si>
  <si>
    <t>5702329493062</t>
  </si>
  <si>
    <t>VELUX Verd.-Rollo solar DSL MK12 1085KWL</t>
  </si>
  <si>
    <t>DSL MK12 1100K</t>
  </si>
  <si>
    <t>5702329483247</t>
  </si>
  <si>
    <t>VELUX Verd.-Rollo solar DSL MK12 1100K</t>
  </si>
  <si>
    <t>DSL MK12 1100KWL</t>
  </si>
  <si>
    <t>5702329493079</t>
  </si>
  <si>
    <t>VELUX Verd.-Rollo solar DSL MK12 1100KWL</t>
  </si>
  <si>
    <t>DSL MK12 3009K</t>
  </si>
  <si>
    <t>5702329483254</t>
  </si>
  <si>
    <t>VELUX Verd.-Rollo solar DSL MK12 3009K</t>
  </si>
  <si>
    <t>DSL MK12 3009KWL</t>
  </si>
  <si>
    <t>5702329493086</t>
  </si>
  <si>
    <t>VELUX Verd.-Rollo solar DSL MK12 3009KWL</t>
  </si>
  <si>
    <t>DSL MK12 4556KWL</t>
  </si>
  <si>
    <t>5702329493093</t>
  </si>
  <si>
    <t>VELUX Verd.-Rollo solar DSL MK12 4556KWL</t>
  </si>
  <si>
    <t>DSL MK12 4559K</t>
  </si>
  <si>
    <t>5702329483278</t>
  </si>
  <si>
    <t>VELUX Verd.-Rollo solar DSL MK12 4559K</t>
  </si>
  <si>
    <t>DSL MK12 4564K</t>
  </si>
  <si>
    <t>5702329483285</t>
  </si>
  <si>
    <t>VELUX Verd.-Rollo solar DSL MK12 4564K</t>
  </si>
  <si>
    <t>DSL MK12 4574K</t>
  </si>
  <si>
    <t>5702329483292</t>
  </si>
  <si>
    <t>VELUX Verd.-Rollo solar DSL MK12 4574K</t>
  </si>
  <si>
    <t>DSL MK12 4574KWL</t>
  </si>
  <si>
    <t>5702329493123</t>
  </si>
  <si>
    <t>VELUX Verd.-Rollo solar DSL MK12 4574KWL</t>
  </si>
  <si>
    <t>DSL MK12 4575KWL</t>
  </si>
  <si>
    <t>5702329493130</t>
  </si>
  <si>
    <t>VELUX Verd.-Rollo solar DSL MK12 4575KWL</t>
  </si>
  <si>
    <t>DSL MK12 4577KWL</t>
  </si>
  <si>
    <t>5702329493154</t>
  </si>
  <si>
    <t>VELUX Verd.-Rollo solar DSL MK12 4577KWL</t>
  </si>
  <si>
    <t>DSL MK12 4578K</t>
  </si>
  <si>
    <t>5702329483339</t>
  </si>
  <si>
    <t>VELUX Verd.-Rollo solar DSL MK12 4578K</t>
  </si>
  <si>
    <t>DSL MK12 4579K</t>
  </si>
  <si>
    <t>5702329483346</t>
  </si>
  <si>
    <t>VELUX Verd.-Rollo solar DSL MK12 4579K</t>
  </si>
  <si>
    <t>DSL MK12 4579KWL</t>
  </si>
  <si>
    <t>5702329493178</t>
  </si>
  <si>
    <t>VELUX Verd.-Rollo solar DSL MK12 4579KWL</t>
  </si>
  <si>
    <t>DSL MK12 4580K</t>
  </si>
  <si>
    <t>5702329483353</t>
  </si>
  <si>
    <t>VELUX Verd.-Rollo solar DSL MK12 4580K</t>
  </si>
  <si>
    <t>DSL MK12 4580KWL</t>
  </si>
  <si>
    <t>5702329493185</t>
  </si>
  <si>
    <t>VELUX Verd.-Rollo solar DSL MK12 4580KWL</t>
  </si>
  <si>
    <t>DSL MK12 4581K</t>
  </si>
  <si>
    <t>5702329483360</t>
  </si>
  <si>
    <t>VELUX Verd.-Rollo solar DSL MK12 4581K</t>
  </si>
  <si>
    <t>DSL MK12 4581KWL</t>
  </si>
  <si>
    <t>5702329493192</t>
  </si>
  <si>
    <t>VELUX Verd.-Rollo solar DSL MK12 4581KWL</t>
  </si>
  <si>
    <t>DSL MK12 CBYK</t>
  </si>
  <si>
    <t>5702329483377</t>
  </si>
  <si>
    <t>VELUX Verd.-Rollo solar DSL MK12 CBYK</t>
  </si>
  <si>
    <t>DSL MK12 CBYKWL</t>
  </si>
  <si>
    <t>5702329493208</t>
  </si>
  <si>
    <t>VELUX Verd.-Rollo solar DSL MK12 CBYKWL</t>
  </si>
  <si>
    <t>DSL P04 0705K</t>
  </si>
  <si>
    <t>5702329483384</t>
  </si>
  <si>
    <t>VELUX Verd.-Rollo solar DSL P04 0705K</t>
  </si>
  <si>
    <t>DSL P04 0705KWL</t>
  </si>
  <si>
    <t>5702329493215</t>
  </si>
  <si>
    <t>VELUX Verd.-Rollo solar DSL P04 0705KWL</t>
  </si>
  <si>
    <t>DSL P04 1025K</t>
  </si>
  <si>
    <t>5702329483391</t>
  </si>
  <si>
    <t>VELUX Verd.-Rollo solar DSL P04 1025K</t>
  </si>
  <si>
    <t>DSL P04 1025KWL</t>
  </si>
  <si>
    <t>5702329493222</t>
  </si>
  <si>
    <t>VELUX Verd.-Rollo solar DSL P04 1025KWL</t>
  </si>
  <si>
    <t>DSL P04 1085K</t>
  </si>
  <si>
    <t>5702329483407</t>
  </si>
  <si>
    <t>VELUX Verd.-Rollo solar DSL P04 1085K</t>
  </si>
  <si>
    <t>DSL P04 1085KWL</t>
  </si>
  <si>
    <t>5702329493239</t>
  </si>
  <si>
    <t>VELUX Verd.-Rollo solar DSL P04 1085KWL</t>
  </si>
  <si>
    <t>DSL P04 1100K</t>
  </si>
  <si>
    <t>5702329483414</t>
  </si>
  <si>
    <t>VELUX Verd.-Rollo solar DSL P04 1100K</t>
  </si>
  <si>
    <t>DSL P04 1100KWL</t>
  </si>
  <si>
    <t>5702329493246</t>
  </si>
  <si>
    <t>VELUX Verd.-Rollo solar DSL P04 1100KWL</t>
  </si>
  <si>
    <t>DSL P04 3009K</t>
  </si>
  <si>
    <t>5702329483421</t>
  </si>
  <si>
    <t>VELUX Verd.-Rollo solar DSL P04 3009K</t>
  </si>
  <si>
    <t>DSL P04 3009KWL</t>
  </si>
  <si>
    <t>5702329493253</t>
  </si>
  <si>
    <t>VELUX Verd.-Rollo solar DSL P04 3009KWL</t>
  </si>
  <si>
    <t>DSL P04 4556K</t>
  </si>
  <si>
    <t>5702329483438</t>
  </si>
  <si>
    <t>VELUX Verd.-Rollo solar DSL P04 4556K</t>
  </si>
  <si>
    <t>DSL P04 4556KWL</t>
  </si>
  <si>
    <t>5702329493260</t>
  </si>
  <si>
    <t>VELUX Verd.-Rollo solar DSL P04 4556KWL</t>
  </si>
  <si>
    <t>DSL P04 4559K</t>
  </si>
  <si>
    <t>5702329483445</t>
  </si>
  <si>
    <t>VELUX Verd.-Rollo solar DSL P04 4559K</t>
  </si>
  <si>
    <t>DSL P04 4559KWL</t>
  </si>
  <si>
    <t>5702329493277</t>
  </si>
  <si>
    <t>VELUX Verd.-Rollo solar DSL P04 4559KWL</t>
  </si>
  <si>
    <t>DSL P04 4564K</t>
  </si>
  <si>
    <t>5702329483452</t>
  </si>
  <si>
    <t>VELUX Verd.-Rollo solar DSL P04 4564K</t>
  </si>
  <si>
    <t>DSL P04 4564KWL</t>
  </si>
  <si>
    <t>5702329493284</t>
  </si>
  <si>
    <t>VELUX Verd.-Rollo solar DSL P04 4564KWL</t>
  </si>
  <si>
    <t>DSL P04 4574K</t>
  </si>
  <si>
    <t>5702329483469</t>
  </si>
  <si>
    <t>VELUX Verd.-Rollo solar DSL P04 4574K</t>
  </si>
  <si>
    <t>DSL P04 4574KWL</t>
  </si>
  <si>
    <t>5702329493291</t>
  </si>
  <si>
    <t>VELUX Verd.-Rollo solar DSL P04 4574KWL</t>
  </si>
  <si>
    <t>DSL P04 4575KWL</t>
  </si>
  <si>
    <t>5702329493307</t>
  </si>
  <si>
    <t>VELUX Verd.-Rollo solar DSL P04 4575KWL</t>
  </si>
  <si>
    <t>DSL P04 4576K</t>
  </si>
  <si>
    <t>5702329483483</t>
  </si>
  <si>
    <t>VELUX Verd.-Rollo solar DSL P04 4576K</t>
  </si>
  <si>
    <t>DSL P04 4576KWL</t>
  </si>
  <si>
    <t>5702329493314</t>
  </si>
  <si>
    <t>VELUX Verd.-Rollo solar DSL P04 4576KWL</t>
  </si>
  <si>
    <t>DSL P04 4577K</t>
  </si>
  <si>
    <t>5702329483490</t>
  </si>
  <si>
    <t>VELUX Verd.-Rollo solar DSL P04 4577K</t>
  </si>
  <si>
    <t>DSL P04 4577KWL</t>
  </si>
  <si>
    <t>5702329493321</t>
  </si>
  <si>
    <t>VELUX Verd.-Rollo solar DSL P04 4577KWL</t>
  </si>
  <si>
    <t>DSL P04 4578K</t>
  </si>
  <si>
    <t>5702329483506</t>
  </si>
  <si>
    <t>VELUX Verd.-Rollo solar DSL P04 4578K</t>
  </si>
  <si>
    <t>DSL P04 4579K</t>
  </si>
  <si>
    <t>5702329483513</t>
  </si>
  <si>
    <t>VELUX Verd.-Rollo solar DSL P04 4579K</t>
  </si>
  <si>
    <t>DSL P04 4579KWL</t>
  </si>
  <si>
    <t>5702329493345</t>
  </si>
  <si>
    <t>VELUX Verd.-Rollo solar DSL P04 4579KWL</t>
  </si>
  <si>
    <t>DSL P04 4580K</t>
  </si>
  <si>
    <t>5702329483520</t>
  </si>
  <si>
    <t>VELUX Verd.-Rollo solar DSL P04 4580K</t>
  </si>
  <si>
    <t>DSL P04 4580KWL</t>
  </si>
  <si>
    <t>5702329493352</t>
  </si>
  <si>
    <t>VELUX Verd.-Rollo solar DSL P04 4580KWL</t>
  </si>
  <si>
    <t>DSL P04 4581K</t>
  </si>
  <si>
    <t>5702329483537</t>
  </si>
  <si>
    <t>VELUX Verd.-Rollo solar DSL P04 4581K</t>
  </si>
  <si>
    <t>DSL P04 4581KWL</t>
  </si>
  <si>
    <t>5702329493369</t>
  </si>
  <si>
    <t>VELUX Verd.-Rollo solar DSL P04 4581KWL</t>
  </si>
  <si>
    <t>DSL P04 CBYK</t>
  </si>
  <si>
    <t>5702329483544</t>
  </si>
  <si>
    <t>VELUX Verd.-Rollo solar DSL P04 CBYK</t>
  </si>
  <si>
    <t>DSL P04 CBYKWL</t>
  </si>
  <si>
    <t>5702329493376</t>
  </si>
  <si>
    <t>VELUX Verd.-Rollo solar DSL P04 CBYKWL</t>
  </si>
  <si>
    <t>DSL P06 0705K</t>
  </si>
  <si>
    <t>5702329483551</t>
  </si>
  <si>
    <t>VELUX Verd.-Rollo solar DSL P06 0705K</t>
  </si>
  <si>
    <t>DSL P06 0705KWL</t>
  </si>
  <si>
    <t>5702329493383</t>
  </si>
  <si>
    <t>VELUX Verd.-Rollo solar DSL P06 0705KWL</t>
  </si>
  <si>
    <t>DSL P06 1025K</t>
  </si>
  <si>
    <t>5702329483568</t>
  </si>
  <si>
    <t>VELUX Verd.-Rollo solar DSL P06 1025K</t>
  </si>
  <si>
    <t>DSL P06 1025KWL</t>
  </si>
  <si>
    <t>5702329493390</t>
  </si>
  <si>
    <t>VELUX Verd.-Rollo solar DSL P06 1025KWL</t>
  </si>
  <si>
    <t>DSL P06 1085K</t>
  </si>
  <si>
    <t>5702329483575</t>
  </si>
  <si>
    <t>VELUX Verd.-Rollo solar DSL P06 1085K</t>
  </si>
  <si>
    <t>DSL P06 1085KWL</t>
  </si>
  <si>
    <t>5702329493406</t>
  </si>
  <si>
    <t>VELUX Verd.-Rollo solar DSL P06 1085KWL</t>
  </si>
  <si>
    <t>DSL P06 1100K</t>
  </si>
  <si>
    <t>5702329483582</t>
  </si>
  <si>
    <t>VELUX Verd.-Rollo solar DSL P06 1100K</t>
  </si>
  <si>
    <t>DSL P06 1100KWL</t>
  </si>
  <si>
    <t>5702329493413</t>
  </si>
  <si>
    <t>VELUX Verd.-Rollo solar DSL P06 1100KWL</t>
  </si>
  <si>
    <t>DSL P06 3009K</t>
  </si>
  <si>
    <t>5702329483599</t>
  </si>
  <si>
    <t>VELUX Verd.-Rollo solar DSL P06 3009K</t>
  </si>
  <si>
    <t>DSL P06 3009KWL</t>
  </si>
  <si>
    <t>5702329493420</t>
  </si>
  <si>
    <t>VELUX Verd.-Rollo solar DSL P06 3009KWL</t>
  </si>
  <si>
    <t>DSL P06 4556K</t>
  </si>
  <si>
    <t>5702329483605</t>
  </si>
  <si>
    <t>VELUX Verd.-Rollo solar DSL P06 4556K</t>
  </si>
  <si>
    <t>DSL P06 4556KWL</t>
  </si>
  <si>
    <t>5702329493437</t>
  </si>
  <si>
    <t>VELUX Verd.-Rollo solar DSL P06 4556KWL</t>
  </si>
  <si>
    <t>DSL P06 4559K</t>
  </si>
  <si>
    <t>5702329483612</t>
  </si>
  <si>
    <t>VELUX Verd.-Rollo solar DSL P06 4559K</t>
  </si>
  <si>
    <t>DSL P06 4564K</t>
  </si>
  <si>
    <t>5702329483629</t>
  </si>
  <si>
    <t>VELUX Verd.-Rollo solar DSL P06 4564K</t>
  </si>
  <si>
    <t>DSL P06 4564KWL</t>
  </si>
  <si>
    <t>5702329493451</t>
  </si>
  <si>
    <t>VELUX Verd.-Rollo solar DSL P06 4564KWL</t>
  </si>
  <si>
    <t>DSL P06 4574K</t>
  </si>
  <si>
    <t>5702329483636</t>
  </si>
  <si>
    <t>VELUX Verd.-Rollo solar DSL P06 4574K</t>
  </si>
  <si>
    <t>DSL P06 4574KWL</t>
  </si>
  <si>
    <t>5702329493468</t>
  </si>
  <si>
    <t>VELUX Verd.-Rollo solar DSL P06 4574KWL</t>
  </si>
  <si>
    <t>DSL P06 4575K</t>
  </si>
  <si>
    <t>5702329483643</t>
  </si>
  <si>
    <t>VELUX Verd.-Rollo solar DSL P06 4575K</t>
  </si>
  <si>
    <t>DSL P06 4576K</t>
  </si>
  <si>
    <t>5702329483650</t>
  </si>
  <si>
    <t>VELUX Verd.-Rollo solar DSL P06 4576K</t>
  </si>
  <si>
    <t>DSL P06 4576KWL</t>
  </si>
  <si>
    <t>5702329493482</t>
  </si>
  <si>
    <t>VELUX Verd.-Rollo solar DSL P06 4576KWL</t>
  </si>
  <si>
    <t>DSL P06 4577K</t>
  </si>
  <si>
    <t>5702329483667</t>
  </si>
  <si>
    <t>VELUX Verd.-Rollo solar DSL P06 4577K</t>
  </si>
  <si>
    <t>DSL P06 4577KWL</t>
  </si>
  <si>
    <t>5702329493499</t>
  </si>
  <si>
    <t>VELUX Verd.-Rollo solar DSL P06 4577KWL</t>
  </si>
  <si>
    <t>DSL P06 4578K</t>
  </si>
  <si>
    <t>5702329483674</t>
  </si>
  <si>
    <t>VELUX Verd.-Rollo solar DSL P06 4578K</t>
  </si>
  <si>
    <t>DSL P06 4578KWL</t>
  </si>
  <si>
    <t>5702329493505</t>
  </si>
  <si>
    <t>VELUX Verd.-Rollo solar DSL P06 4578KWL</t>
  </si>
  <si>
    <t>DSL P06 4579K</t>
  </si>
  <si>
    <t>5702329483681</t>
  </si>
  <si>
    <t>VELUX Verd.-Rollo solar DSL P06 4579K</t>
  </si>
  <si>
    <t>DSL P06 4579KWL</t>
  </si>
  <si>
    <t>5702329493512</t>
  </si>
  <si>
    <t>VELUX Verd.-Rollo solar DSL P06 4579KWL</t>
  </si>
  <si>
    <t>DSL P06 4580K</t>
  </si>
  <si>
    <t>5702329483698</t>
  </si>
  <si>
    <t>VELUX Verd.-Rollo solar DSL P06 4580K</t>
  </si>
  <si>
    <t>DSL P06 4580KWL</t>
  </si>
  <si>
    <t>5702329493529</t>
  </si>
  <si>
    <t>VELUX Verd.-Rollo solar DSL P06 4580KWL</t>
  </si>
  <si>
    <t>DSL P06 4581K</t>
  </si>
  <si>
    <t>5702329483704</t>
  </si>
  <si>
    <t>VELUX Verd.-Rollo solar DSL P06 4581K</t>
  </si>
  <si>
    <t>DSL P06 4581KWL</t>
  </si>
  <si>
    <t>5702329493536</t>
  </si>
  <si>
    <t>VELUX Verd.-Rollo solar DSL P06 4581KWL</t>
  </si>
  <si>
    <t>DSL P06 CBYK</t>
  </si>
  <si>
    <t>5702329483711</t>
  </si>
  <si>
    <t>VELUX Verd.-Rollo solar DSL P06 CBYK</t>
  </si>
  <si>
    <t>DSL P06 CBYKWL</t>
  </si>
  <si>
    <t>5702329493543</t>
  </si>
  <si>
    <t>VELUX Verd.-Rollo solar DSL P06 CBYKWL</t>
  </si>
  <si>
    <t>DSL P08 0705K</t>
  </si>
  <si>
    <t>5702329483728</t>
  </si>
  <si>
    <t>VELUX Verd.-Rollo solar DSL P08 0705K</t>
  </si>
  <si>
    <t>DSL P08 0705KWL</t>
  </si>
  <si>
    <t>5702329493550</t>
  </si>
  <si>
    <t>VELUX Verd.-Rollo solar DSL P08 0705KWL</t>
  </si>
  <si>
    <t>DSL P08 1025K</t>
  </si>
  <si>
    <t>5702329483735</t>
  </si>
  <si>
    <t>VELUX Verd.-Rollo solar DSL P08 1025K</t>
  </si>
  <si>
    <t>DSL P08 1025KWL</t>
  </si>
  <si>
    <t>5702329493567</t>
  </si>
  <si>
    <t>VELUX Verd.-Rollo solar DSL P08 1025KWL</t>
  </si>
  <si>
    <t>DSL P08 1085K</t>
  </si>
  <si>
    <t>5702329483742</t>
  </si>
  <si>
    <t>VELUX Verd.-Rollo solar DSL P08 1085K</t>
  </si>
  <si>
    <t>DSL P08 1085KWL</t>
  </si>
  <si>
    <t>5702329493574</t>
  </si>
  <si>
    <t>VELUX Verd.-Rollo solar DSL P08 1085KWL</t>
  </si>
  <si>
    <t>DSL P08 1100K</t>
  </si>
  <si>
    <t>5702329483759</t>
  </si>
  <si>
    <t>VELUX Verd.-Rollo solar DSL P08 1100K</t>
  </si>
  <si>
    <t>DSL P08 1100KWL</t>
  </si>
  <si>
    <t>5702329493581</t>
  </si>
  <si>
    <t>VELUX Verd.-Rollo solar DSL P08 1100KWL</t>
  </si>
  <si>
    <t>DSL P08 3009K</t>
  </si>
  <si>
    <t>5702329483766</t>
  </si>
  <si>
    <t>VELUX Verd.-Rollo solar DSL P08 3009K</t>
  </si>
  <si>
    <t>DSL P08 3009KWL</t>
  </si>
  <si>
    <t>5702329493598</t>
  </si>
  <si>
    <t>VELUX Verd.-Rollo solar DSL P08 3009KWL</t>
  </si>
  <si>
    <t>DSL P08 4556K</t>
  </si>
  <si>
    <t>5702329483773</t>
  </si>
  <si>
    <t>VELUX Verd.-Rollo solar DSL P08 4556K</t>
  </si>
  <si>
    <t>DSL P08 4556KWL</t>
  </si>
  <si>
    <t>5702329493604</t>
  </si>
  <si>
    <t>VELUX Verd.-Rollo solar DSL P08 4556KWL</t>
  </si>
  <si>
    <t>DSL P08 4559K</t>
  </si>
  <si>
    <t>5702329483780</t>
  </si>
  <si>
    <t>VELUX Verd.-Rollo solar DSL P08 4559K</t>
  </si>
  <si>
    <t>DSL P08 4564K</t>
  </si>
  <si>
    <t>5702329483797</t>
  </si>
  <si>
    <t>VELUX Verd.-Rollo solar DSL P08 4564K</t>
  </si>
  <si>
    <t>DSL P08 4564KWL</t>
  </si>
  <si>
    <t>5702329493628</t>
  </si>
  <si>
    <t>VELUX Verd.-Rollo solar DSL P08 4564KWL</t>
  </si>
  <si>
    <t>DSL P08 4574K</t>
  </si>
  <si>
    <t>5702329483803</t>
  </si>
  <si>
    <t>VELUX Verd.-Rollo solar DSL P08 4574K</t>
  </si>
  <si>
    <t>DSL P08 4574KWL</t>
  </si>
  <si>
    <t>5702329493635</t>
  </si>
  <si>
    <t>VELUX Verd.-Rollo solar DSL P08 4574KWL</t>
  </si>
  <si>
    <t>DSL P08 4575K</t>
  </si>
  <si>
    <t>5702329483810</t>
  </si>
  <si>
    <t>VELUX Verd.-Rollo solar DSL P08 4575K</t>
  </si>
  <si>
    <t>DSL P08 4575KWL</t>
  </si>
  <si>
    <t>5702329493642</t>
  </si>
  <si>
    <t>VELUX Verd.-Rollo solar DSL P08 4575KWL</t>
  </si>
  <si>
    <t>DSL P08 4576K</t>
  </si>
  <si>
    <t>5702329483827</t>
  </si>
  <si>
    <t>VELUX Verd.-Rollo solar DSL P08 4576K</t>
  </si>
  <si>
    <t>DSL P08 4576KWL</t>
  </si>
  <si>
    <t>5702329493659</t>
  </si>
  <si>
    <t>VELUX Verd.-Rollo solar DSL P08 4576KWL</t>
  </si>
  <si>
    <t>DSL P08 4577K</t>
  </si>
  <si>
    <t>5702329483834</t>
  </si>
  <si>
    <t>VELUX Verd.-Rollo solar DSL P08 4577K</t>
  </si>
  <si>
    <t>DSL P08 4577KWL</t>
  </si>
  <si>
    <t>5702329493666</t>
  </si>
  <si>
    <t>VELUX Verd.-Rollo solar DSL P08 4577KWL</t>
  </si>
  <si>
    <t>DSL P08 4578K</t>
  </si>
  <si>
    <t>5702329483841</t>
  </si>
  <si>
    <t>VELUX Verd.-Rollo solar DSL P08 4578K</t>
  </si>
  <si>
    <t>DSL P08 4579K</t>
  </si>
  <si>
    <t>5702329483858</t>
  </si>
  <si>
    <t>VELUX Verd.-Rollo solar DSL P08 4579K</t>
  </si>
  <si>
    <t>DSL P08 4579KWL</t>
  </si>
  <si>
    <t>5702329493680</t>
  </si>
  <si>
    <t>VELUX Verd.-Rollo solar DSL P08 4579KWL</t>
  </si>
  <si>
    <t>DSL P08 4580K</t>
  </si>
  <si>
    <t>5702329483865</t>
  </si>
  <si>
    <t>VELUX Verd.-Rollo solar DSL P08 4580K</t>
  </si>
  <si>
    <t>DSL P08 4580KWL</t>
  </si>
  <si>
    <t>5702329493697</t>
  </si>
  <si>
    <t>VELUX Verd.-Rollo solar DSL P08 4580KWL</t>
  </si>
  <si>
    <t>DSL P08 4581K</t>
  </si>
  <si>
    <t>5702329483872</t>
  </si>
  <si>
    <t>VELUX Verd.-Rollo solar DSL P08 4581K</t>
  </si>
  <si>
    <t>DSL P08 4581KWL</t>
  </si>
  <si>
    <t>5702329493703</t>
  </si>
  <si>
    <t>VELUX Verd.-Rollo solar DSL P08 4581KWL</t>
  </si>
  <si>
    <t>DSL P08 CBYK</t>
  </si>
  <si>
    <t>5702329483889</t>
  </si>
  <si>
    <t>VELUX Verd.-Rollo solar DSL P08 CBYK</t>
  </si>
  <si>
    <t>DSL P08 CBYKWL</t>
  </si>
  <si>
    <t>5702329493710</t>
  </si>
  <si>
    <t>VELUX Verd.-Rollo solar DSL P08 CBYKWL</t>
  </si>
  <si>
    <t>DSL P10 0705K</t>
  </si>
  <si>
    <t>5702329483896</t>
  </si>
  <si>
    <t>VELUX Verd.-Rollo solar DSL P10 0705K</t>
  </si>
  <si>
    <t>DSL P10 0705KWL</t>
  </si>
  <si>
    <t>5702329493727</t>
  </si>
  <si>
    <t>VELUX Verd.-Rollo solar DSL P10 0705KWL</t>
  </si>
  <si>
    <t>DSL P10 1025K</t>
  </si>
  <si>
    <t>5702329483902</t>
  </si>
  <si>
    <t>VELUX Verd.-Rollo solar DSL P10 1025K</t>
  </si>
  <si>
    <t>DSL P10 1025KWL</t>
  </si>
  <si>
    <t>5702329493734</t>
  </si>
  <si>
    <t>VELUX Verd.-Rollo solar DSL P10 1025KWL</t>
  </si>
  <si>
    <t>DSL P10 1085K</t>
  </si>
  <si>
    <t>5702329483919</t>
  </si>
  <si>
    <t>VELUX Verd.-Rollo solar DSL P10 1085K</t>
  </si>
  <si>
    <t>DSL P10 1085KWL</t>
  </si>
  <si>
    <t>5702329493741</t>
  </si>
  <si>
    <t>VELUX Verd.-Rollo solar DSL P10 1085KWL</t>
  </si>
  <si>
    <t>DSL P10 1100K</t>
  </si>
  <si>
    <t>5702329483926</t>
  </si>
  <si>
    <t>VELUX Verd.-Rollo solar DSL P10 1100K</t>
  </si>
  <si>
    <t>DSL P10 1100KWL</t>
  </si>
  <si>
    <t>5702329493758</t>
  </si>
  <si>
    <t>VELUX Verd.-Rollo solar DSL P10 1100KWL</t>
  </si>
  <si>
    <t>DSL P10 3009K</t>
  </si>
  <si>
    <t>5702329483933</t>
  </si>
  <si>
    <t>VELUX Verd.-Rollo solar DSL P10 3009K</t>
  </si>
  <si>
    <t>DSL P10 3009KWL</t>
  </si>
  <si>
    <t>5702329493765</t>
  </si>
  <si>
    <t>VELUX Verd.-Rollo solar DSL P10 3009KWL</t>
  </si>
  <si>
    <t>DSL P10 4556K</t>
  </si>
  <si>
    <t>5702329483940</t>
  </si>
  <si>
    <t>VELUX Verd.-Rollo solar DSL P10 4556K</t>
  </si>
  <si>
    <t>DSL P10 4556KWL</t>
  </si>
  <si>
    <t>5702329493772</t>
  </si>
  <si>
    <t>VELUX Verd.-Rollo solar DSL P10 4556KWL</t>
  </si>
  <si>
    <t>DSL P10 4559K</t>
  </si>
  <si>
    <t>5702329483957</t>
  </si>
  <si>
    <t>VELUX Verd.-Rollo solar DSL P10 4559K</t>
  </si>
  <si>
    <t>DSL P10 4559KWL</t>
  </si>
  <si>
    <t>5702329493789</t>
  </si>
  <si>
    <t>VELUX Verd.-Rollo solar DSL P10 4559KWL</t>
  </si>
  <si>
    <t>DSL P10 4564K</t>
  </si>
  <si>
    <t>5702329483964</t>
  </si>
  <si>
    <t>VELUX Verd.-Rollo solar DSL P10 4564K</t>
  </si>
  <si>
    <t>DSL P10 4564KWL</t>
  </si>
  <si>
    <t>5702329493796</t>
  </si>
  <si>
    <t>VELUX Verd.-Rollo solar DSL P10 4564KWL</t>
  </si>
  <si>
    <t>DSL P10 4574K</t>
  </si>
  <si>
    <t>5702329483971</t>
  </si>
  <si>
    <t>VELUX Verd.-Rollo solar DSL P10 4574K</t>
  </si>
  <si>
    <t>DSL P10 4574KWL</t>
  </si>
  <si>
    <t>5702329493802</t>
  </si>
  <si>
    <t>VELUX Verd.-Rollo solar DSL P10 4574KWL</t>
  </si>
  <si>
    <t>DSL P10 4575K</t>
  </si>
  <si>
    <t>5702329483988</t>
  </si>
  <si>
    <t>VELUX Verd.-Rollo solar DSL P10 4575K</t>
  </si>
  <si>
    <t>DSL P10 4576K</t>
  </si>
  <si>
    <t>5702329483995</t>
  </si>
  <si>
    <t>VELUX Verd.-Rollo solar DSL P10 4576K</t>
  </si>
  <si>
    <t>DSL P10 4576KWL</t>
  </si>
  <si>
    <t>5702329493826</t>
  </si>
  <si>
    <t>VELUX Verd.-Rollo solar DSL P10 4576KWL</t>
  </si>
  <si>
    <t>DSL P10 4577K</t>
  </si>
  <si>
    <t>5702329484008</t>
  </si>
  <si>
    <t>VELUX Verd.-Rollo solar DSL P10 4577K</t>
  </si>
  <si>
    <t>DSL P10 4577KWL</t>
  </si>
  <si>
    <t>5702329493833</t>
  </si>
  <si>
    <t>VELUX Verd.-Rollo solar DSL P10 4577KWL</t>
  </si>
  <si>
    <t>DSL P10 4578K</t>
  </si>
  <si>
    <t>5702329484015</t>
  </si>
  <si>
    <t>VELUX Verd.-Rollo solar DSL P10 4578K</t>
  </si>
  <si>
    <t>DSL P10 4578KWL</t>
  </si>
  <si>
    <t>5702329493840</t>
  </si>
  <si>
    <t>VELUX Verd.-Rollo solar DSL P10 4578KWL</t>
  </si>
  <si>
    <t>DSL P10 4579K</t>
  </si>
  <si>
    <t>5702329484022</t>
  </si>
  <si>
    <t>VELUX Verd.-Rollo solar DSL P10 4579K</t>
  </si>
  <si>
    <t>DSL P10 4579KWL</t>
  </si>
  <si>
    <t>5702329493857</t>
  </si>
  <si>
    <t>VELUX Verd.-Rollo solar DSL P10 4579KWL</t>
  </si>
  <si>
    <t>DSL P10 4580K</t>
  </si>
  <si>
    <t>5702329484039</t>
  </si>
  <si>
    <t>VELUX Verd.-Rollo solar DSL P10 4580K</t>
  </si>
  <si>
    <t>DSL P10 4580KWL</t>
  </si>
  <si>
    <t>5702329493864</t>
  </si>
  <si>
    <t>VELUX Verd.-Rollo solar DSL P10 4580KWL</t>
  </si>
  <si>
    <t>DSL P10 4581K</t>
  </si>
  <si>
    <t>5702329484046</t>
  </si>
  <si>
    <t>VELUX Verd.-Rollo solar DSL P10 4581K</t>
  </si>
  <si>
    <t>DSL P10 4581KWL</t>
  </si>
  <si>
    <t>5702329493871</t>
  </si>
  <si>
    <t>VELUX Verd.-Rollo solar DSL P10 4581KWL</t>
  </si>
  <si>
    <t>DSL P10 CBYK</t>
  </si>
  <si>
    <t>5702329484053</t>
  </si>
  <si>
    <t>VELUX Verd.-Rollo solar DSL P10 CBYK</t>
  </si>
  <si>
    <t>DSL P10 CBYKWL</t>
  </si>
  <si>
    <t>5702329493888</t>
  </si>
  <si>
    <t>VELUX Verd.-Rollo solar DSL P10 CBYKWL</t>
  </si>
  <si>
    <t>DSL P31 0705KWL</t>
  </si>
  <si>
    <t>5702329494069</t>
  </si>
  <si>
    <t>VELUX Verd.-Rollo solar DSL P31 0705KWL</t>
  </si>
  <si>
    <t>DSL P31 1025K</t>
  </si>
  <si>
    <t>5702329484244</t>
  </si>
  <si>
    <t>VELUX Verd.-Rollo solar DSL P31 1025K</t>
  </si>
  <si>
    <t>DSL P31 1025KWL</t>
  </si>
  <si>
    <t>5702329494076</t>
  </si>
  <si>
    <t>VELUX Verd.-Rollo solar DSL P31 1025KWL</t>
  </si>
  <si>
    <t>DSL P31 1085K</t>
  </si>
  <si>
    <t>5702329484251</t>
  </si>
  <si>
    <t>VELUX Verd.-Rollo solar DSL P31 1085K</t>
  </si>
  <si>
    <t>DSL P31 1085KWL</t>
  </si>
  <si>
    <t>5702329494083</t>
  </si>
  <si>
    <t>VELUX Verd.-Rollo solar DSL P31 1085KWL</t>
  </si>
  <si>
    <t>DSL P31 1100KWL</t>
  </si>
  <si>
    <t>5702329494090</t>
  </si>
  <si>
    <t>VELUX Verd.-Rollo solar DSL P31 1100KWL</t>
  </si>
  <si>
    <t>DSL P31 4556K</t>
  </si>
  <si>
    <t>5702329484282</t>
  </si>
  <si>
    <t>VELUX Verd.-Rollo solar DSL P31 4556K</t>
  </si>
  <si>
    <t>DSL P31 4556KWL</t>
  </si>
  <si>
    <t>5702329494113</t>
  </si>
  <si>
    <t>VELUX Verd.-Rollo solar DSL P31 4556KWL</t>
  </si>
  <si>
    <t>DSL P31 4574K</t>
  </si>
  <si>
    <t>5702329484312</t>
  </si>
  <si>
    <t>VELUX Verd.-Rollo solar DSL P31 4574K</t>
  </si>
  <si>
    <t>DSL P31 4581KWL</t>
  </si>
  <si>
    <t>5702329494212</t>
  </si>
  <si>
    <t>VELUX Verd.-Rollo solar DSL P31 4581KWL</t>
  </si>
  <si>
    <t>DSL P31 CBYK</t>
  </si>
  <si>
    <t>5702329484398</t>
  </si>
  <si>
    <t>VELUX Verd.-Rollo solar DSL P31 CBYK</t>
  </si>
  <si>
    <t>DSL P31 CBYKWL</t>
  </si>
  <si>
    <t>5702329494229</t>
  </si>
  <si>
    <t>VELUX Verd.-Rollo solar DSL P31 CBYKWL</t>
  </si>
  <si>
    <t>DSL PK06 0705K</t>
  </si>
  <si>
    <t>5702329484732</t>
  </si>
  <si>
    <t>VELUX Verd.-Rollo solar DSL PK06 0705K</t>
  </si>
  <si>
    <t>DSL PK06 0705KWL</t>
  </si>
  <si>
    <t>5702329494410</t>
  </si>
  <si>
    <t>VELUX Verd.-Rollo solar DSL PK06 0705KWL</t>
  </si>
  <si>
    <t>DSL PK06 1025K</t>
  </si>
  <si>
    <t>5702329484749</t>
  </si>
  <si>
    <t>VELUX Verd.-Rollo solar DSL PK06 1025K</t>
  </si>
  <si>
    <t>DSL PK06 1025KWL</t>
  </si>
  <si>
    <t>5702329494427</t>
  </si>
  <si>
    <t>VELUX Verd.-Rollo solar DSL PK06 1025KWL</t>
  </si>
  <si>
    <t>DSL PK06 1085K</t>
  </si>
  <si>
    <t>5702329484756</t>
  </si>
  <si>
    <t>VELUX Verd.-Rollo solar DSL PK06 1085K</t>
  </si>
  <si>
    <t>DSL PK06 1085KWL</t>
  </si>
  <si>
    <t>5702329494434</t>
  </si>
  <si>
    <t>VELUX Verd.-Rollo solar DSL PK06 1085KWL</t>
  </si>
  <si>
    <t>DSL PK06 1100K</t>
  </si>
  <si>
    <t>5702329484763</t>
  </si>
  <si>
    <t>VELUX Verd.-Rollo solar DSL PK06 1100K</t>
  </si>
  <si>
    <t>DSL PK06 1100KWL</t>
  </si>
  <si>
    <t>5702329494441</t>
  </si>
  <si>
    <t>VELUX Verd.-Rollo solar DSL PK06 1100KWL</t>
  </si>
  <si>
    <t>DSL PK06 3009K</t>
  </si>
  <si>
    <t>5702329484770</t>
  </si>
  <si>
    <t>VELUX Verd.-Rollo solar DSL PK06 3009K</t>
  </si>
  <si>
    <t>DSL PK06 3009KWL</t>
  </si>
  <si>
    <t>5702329494458</t>
  </si>
  <si>
    <t>VELUX Verd.-Rollo solar DSL PK06 3009KWL</t>
  </si>
  <si>
    <t>DSL PK06 4556K</t>
  </si>
  <si>
    <t>5702329484787</t>
  </si>
  <si>
    <t>VELUX Verd.-Rollo solar DSL PK06 4556K</t>
  </si>
  <si>
    <t>DSL PK06 4556KWL</t>
  </si>
  <si>
    <t>5702329494465</t>
  </si>
  <si>
    <t>VELUX Verd.-Rollo solar DSL PK06 4556KWL</t>
  </si>
  <si>
    <t>DSL PK06 4559K</t>
  </si>
  <si>
    <t>5702329484794</t>
  </si>
  <si>
    <t>VELUX Verd.-Rollo solar DSL PK06 4559K</t>
  </si>
  <si>
    <t>DSL PK06 4559KWL</t>
  </si>
  <si>
    <t>5702329494472</t>
  </si>
  <si>
    <t>VELUX Verd.-Rollo solar DSL PK06 4559KWL</t>
  </si>
  <si>
    <t>DSL PK06 4564K</t>
  </si>
  <si>
    <t>5702329484800</t>
  </si>
  <si>
    <t>VELUX Verd.-Rollo solar DSL PK06 4564K</t>
  </si>
  <si>
    <t>DSL PK06 4564KWL</t>
  </si>
  <si>
    <t>5702329494489</t>
  </si>
  <si>
    <t>VELUX Verd.-Rollo solar DSL PK06 4564KWL</t>
  </si>
  <si>
    <t>DSL PK06 4574K</t>
  </si>
  <si>
    <t>5702329484817</t>
  </si>
  <si>
    <t>VELUX Verd.-Rollo solar DSL PK06 4574K</t>
  </si>
  <si>
    <t>DSL PK06 4574KWL</t>
  </si>
  <si>
    <t>5702329494496</t>
  </si>
  <si>
    <t>VELUX Verd.-Rollo solar DSL PK06 4574KWL</t>
  </si>
  <si>
    <t>DSL PK06 4575K</t>
  </si>
  <si>
    <t>5702329484824</t>
  </si>
  <si>
    <t>VELUX Verd.-Rollo solar DSL PK06 4575K</t>
  </si>
  <si>
    <t>DSL PK06 4575KWL</t>
  </si>
  <si>
    <t>5702329494502</t>
  </si>
  <si>
    <t>VELUX Verd.-Rollo solar DSL PK06 4575KWL</t>
  </si>
  <si>
    <t>DSL PK06 4576K</t>
  </si>
  <si>
    <t>5702329484831</t>
  </si>
  <si>
    <t>VELUX Verd.-Rollo solar DSL PK06 4576K</t>
  </si>
  <si>
    <t>DSL PK06 4576KWL</t>
  </si>
  <si>
    <t>5702329494519</t>
  </si>
  <si>
    <t>VELUX Verd.-Rollo solar DSL PK06 4576KWL</t>
  </si>
  <si>
    <t>DSL PK06 4577K</t>
  </si>
  <si>
    <t>5702329484848</t>
  </si>
  <si>
    <t>VELUX Verd.-Rollo solar DSL PK06 4577K</t>
  </si>
  <si>
    <t>DSL PK06 4577KWL</t>
  </si>
  <si>
    <t>5702329494526</t>
  </si>
  <si>
    <t>VELUX Verd.-Rollo solar DSL PK06 4577KWL</t>
  </si>
  <si>
    <t>DSL PK06 4578K</t>
  </si>
  <si>
    <t>5702329484855</t>
  </si>
  <si>
    <t>VELUX Verd.-Rollo solar DSL PK06 4578K</t>
  </si>
  <si>
    <t>DSL PK06 4578KWL</t>
  </si>
  <si>
    <t>5702329494533</t>
  </si>
  <si>
    <t>VELUX Verd.-Rollo solar DSL PK06 4578KWL</t>
  </si>
  <si>
    <t>DSL PK06 4579K</t>
  </si>
  <si>
    <t>5702329484862</t>
  </si>
  <si>
    <t>VELUX Verd.-Rollo solar DSL PK06 4579K</t>
  </si>
  <si>
    <t>DSL PK06 4579KWL</t>
  </si>
  <si>
    <t>5702329494540</t>
  </si>
  <si>
    <t>VELUX Verd.-Rollo solar DSL PK06 4579KWL</t>
  </si>
  <si>
    <t>DSL PK06 4580K</t>
  </si>
  <si>
    <t>5702329484879</t>
  </si>
  <si>
    <t>VELUX Verd.-Rollo solar DSL PK06 4580K</t>
  </si>
  <si>
    <t>DSL PK06 4580KWL</t>
  </si>
  <si>
    <t>5702329494557</t>
  </si>
  <si>
    <t>VELUX Verd.-Rollo solar DSL PK06 4580KWL</t>
  </si>
  <si>
    <t>DSL PK06 4581K</t>
  </si>
  <si>
    <t>5702329484886</t>
  </si>
  <si>
    <t>VELUX Verd.-Rollo solar DSL PK06 4581K</t>
  </si>
  <si>
    <t>DSL PK06 4581KWL</t>
  </si>
  <si>
    <t>5702329494564</t>
  </si>
  <si>
    <t>VELUX Verd.-Rollo solar DSL PK06 4581KWL</t>
  </si>
  <si>
    <t>DSL PK06 CBYK</t>
  </si>
  <si>
    <t>5702329484893</t>
  </si>
  <si>
    <t>VELUX Verd.-Rollo solar DSL PK06 CBYK</t>
  </si>
  <si>
    <t>DSL PK06 CBYKWL</t>
  </si>
  <si>
    <t>5702329494571</t>
  </si>
  <si>
    <t>VELUX Verd.-Rollo solar DSL PK06 CBYKWL</t>
  </si>
  <si>
    <t>DSL PK08 0705K</t>
  </si>
  <si>
    <t>5702329484909</t>
  </si>
  <si>
    <t>VELUX Verd.-Rollo solar DSL PK08 0705K</t>
  </si>
  <si>
    <t>DSL PK08 0705KWL</t>
  </si>
  <si>
    <t>5702329494588</t>
  </si>
  <si>
    <t>VELUX Verd.-Rollo solar DSL PK08 0705KWL</t>
  </si>
  <si>
    <t>DSL PK08 1025K</t>
  </si>
  <si>
    <t>5702329484916</t>
  </si>
  <si>
    <t>VELUX Verd.-Rollo solar DSL PK08 1025K</t>
  </si>
  <si>
    <t>DSL PK08 1025KWL</t>
  </si>
  <si>
    <t>5702329494595</t>
  </si>
  <si>
    <t>VELUX Verd.-Rollo solar DSL PK08 1025KWL</t>
  </si>
  <si>
    <t>DSL PK08 1085K</t>
  </si>
  <si>
    <t>5702329484923</t>
  </si>
  <si>
    <t>VELUX Verd.-Rollo solar DSL PK08 1085K</t>
  </si>
  <si>
    <t>DSL PK08 1085KWL</t>
  </si>
  <si>
    <t>5702329494601</t>
  </si>
  <si>
    <t>VELUX Verd.-Rollo solar DSL PK08 1085KWL</t>
  </si>
  <si>
    <t>DSL PK08 1100K</t>
  </si>
  <si>
    <t>5702329484930</t>
  </si>
  <si>
    <t>VELUX Verd.-Rollo solar DSL PK08 1100K</t>
  </si>
  <si>
    <t>DSL PK08 1100KWL</t>
  </si>
  <si>
    <t>5702329494618</t>
  </si>
  <si>
    <t>VELUX Verd.-Rollo solar DSL PK08 1100KWL</t>
  </si>
  <si>
    <t>DSL PK08 3009K</t>
  </si>
  <si>
    <t>5702329484947</t>
  </si>
  <si>
    <t>VELUX Verd.-Rollo solar DSL PK08 3009K</t>
  </si>
  <si>
    <t>DSL PK08 3009KWL</t>
  </si>
  <si>
    <t>5702329494625</t>
  </si>
  <si>
    <t>VELUX Verd.-Rollo solar DSL PK08 3009KWL</t>
  </si>
  <si>
    <t>DSL PK08 4556K</t>
  </si>
  <si>
    <t>5702329484954</t>
  </si>
  <si>
    <t>VELUX Verd.-Rollo solar DSL PK08 4556K</t>
  </si>
  <si>
    <t>DSL PK08 4556KWL</t>
  </si>
  <si>
    <t>5702329494632</t>
  </si>
  <si>
    <t>VELUX Verd.-Rollo solar DSL PK08 4556KWL</t>
  </si>
  <si>
    <t>DSL PK08 4559K</t>
  </si>
  <si>
    <t>5702329484961</t>
  </si>
  <si>
    <t>VELUX Verd.-Rollo solar DSL PK08 4559K</t>
  </si>
  <si>
    <t>DSL PK08 4559KWL</t>
  </si>
  <si>
    <t>5702329494649</t>
  </si>
  <si>
    <t>VELUX Verd.-Rollo solar DSL PK08 4559KWL</t>
  </si>
  <si>
    <t>DSL PK08 4564K</t>
  </si>
  <si>
    <t>5702329484978</t>
  </si>
  <si>
    <t>VELUX Verd.-Rollo solar DSL PK08 4564K</t>
  </si>
  <si>
    <t>DSL PK08 4564KWL</t>
  </si>
  <si>
    <t>5702329494656</t>
  </si>
  <si>
    <t>VELUX Verd.-Rollo solar DSL PK08 4564KWL</t>
  </si>
  <si>
    <t>DSL PK08 4574K</t>
  </si>
  <si>
    <t>5702329484985</t>
  </si>
  <si>
    <t>VELUX Verd.-Rollo solar DSL PK08 4574K</t>
  </si>
  <si>
    <t>DSL PK08 4574KWL</t>
  </si>
  <si>
    <t>5702329494663</t>
  </si>
  <si>
    <t>VELUX Verd.-Rollo solar DSL PK08 4574KWL</t>
  </si>
  <si>
    <t>DSL PK08 4575K</t>
  </si>
  <si>
    <t>5702329484992</t>
  </si>
  <si>
    <t>VELUX Verd.-Rollo solar DSL PK08 4575K</t>
  </si>
  <si>
    <t>DSL PK08 4575KWL</t>
  </si>
  <si>
    <t>5702329494670</t>
  </si>
  <si>
    <t>VELUX Verd.-Rollo solar DSL PK08 4575KWL</t>
  </si>
  <si>
    <t>DSL PK08 4576K</t>
  </si>
  <si>
    <t>5702329485005</t>
  </si>
  <si>
    <t>VELUX Verd.-Rollo solar DSL PK08 4576K</t>
  </si>
  <si>
    <t>DSL PK08 4576KWL</t>
  </si>
  <si>
    <t>5702329494687</t>
  </si>
  <si>
    <t>VELUX Verd.-Rollo solar DSL PK08 4576KWL</t>
  </si>
  <si>
    <t>DSL PK08 4577K</t>
  </si>
  <si>
    <t>5702329485012</t>
  </si>
  <si>
    <t>VELUX Verd.-Rollo solar DSL PK08 4577K</t>
  </si>
  <si>
    <t>DSL PK08 4577KWL</t>
  </si>
  <si>
    <t>5702329494694</t>
  </si>
  <si>
    <t>VELUX Verd.-Rollo solar DSL PK08 4577KWL</t>
  </si>
  <si>
    <t>DSL PK08 4578K</t>
  </si>
  <si>
    <t>5702329485029</t>
  </si>
  <si>
    <t>VELUX Verd.-Rollo solar DSL PK08 4578K</t>
  </si>
  <si>
    <t>DSL PK08 4578KWL</t>
  </si>
  <si>
    <t>5702329494700</t>
  </si>
  <si>
    <t>VELUX Verd.-Rollo solar DSL PK08 4578KWL</t>
  </si>
  <si>
    <t>DSL PK08 4579K</t>
  </si>
  <si>
    <t>5702329485036</t>
  </si>
  <si>
    <t>VELUX Verd.-Rollo solar DSL PK08 4579K</t>
  </si>
  <si>
    <t>DSL PK08 4579KWL</t>
  </si>
  <si>
    <t>5702329494717</t>
  </si>
  <si>
    <t>VELUX Verd.-Rollo solar DSL PK08 4579KWL</t>
  </si>
  <si>
    <t>DSL PK08 4580K</t>
  </si>
  <si>
    <t>5702329485043</t>
  </si>
  <si>
    <t>VELUX Verd.-Rollo solar DSL PK08 4580K</t>
  </si>
  <si>
    <t>DSL PK08 4580KWL</t>
  </si>
  <si>
    <t>5702329494724</t>
  </si>
  <si>
    <t>VELUX Verd.-Rollo solar DSL PK08 4580KWL</t>
  </si>
  <si>
    <t>DSL PK08 4581K</t>
  </si>
  <si>
    <t>5702329485050</t>
  </si>
  <si>
    <t>VELUX Verd.-Rollo solar DSL PK08 4581K</t>
  </si>
  <si>
    <t>DSL PK08 4581KWL</t>
  </si>
  <si>
    <t>5702329494731</t>
  </si>
  <si>
    <t>VELUX Verd.-Rollo solar DSL PK08 4581KWL</t>
  </si>
  <si>
    <t>DSL PK08 CBYK</t>
  </si>
  <si>
    <t>5702329485067</t>
  </si>
  <si>
    <t>VELUX Verd.-Rollo solar DSL PK08 CBYK</t>
  </si>
  <si>
    <t>DSL PK08 CBYKWL</t>
  </si>
  <si>
    <t>5702329494748</t>
  </si>
  <si>
    <t>VELUX Verd.-Rollo solar DSL PK08 CBYKWL</t>
  </si>
  <si>
    <t>DSL PK10 0705K</t>
  </si>
  <si>
    <t>5702329485074</t>
  </si>
  <si>
    <t>VELUX Verd.-Rollo solar DSL PK10 0705K</t>
  </si>
  <si>
    <t>DSL PK10 0705KWL</t>
  </si>
  <si>
    <t>5702329494755</t>
  </si>
  <si>
    <t>VELUX Verd.-Rollo solar DSL PK10 0705KWL</t>
  </si>
  <si>
    <t>DSL PK10 1025K</t>
  </si>
  <si>
    <t>5702329485081</t>
  </si>
  <si>
    <t>VELUX Verd.-Rollo solar DSL PK10 1025K</t>
  </si>
  <si>
    <t>DSL PK10 1025KWL</t>
  </si>
  <si>
    <t>5702329494762</t>
  </si>
  <si>
    <t>VELUX Verd.-Rollo solar DSL PK10 1025KWL</t>
  </si>
  <si>
    <t>DSL PK10 1085K</t>
  </si>
  <si>
    <t>5702329485098</t>
  </si>
  <si>
    <t>VELUX Verd.-Rollo solar DSL PK10 1085K</t>
  </si>
  <si>
    <t>DSL PK10 1085KWL</t>
  </si>
  <si>
    <t>5702329494779</t>
  </si>
  <si>
    <t>VELUX Verd.-Rollo solar DSL PK10 1085KWL</t>
  </si>
  <si>
    <t>DSL PK10 1100K</t>
  </si>
  <si>
    <t>5702329485104</t>
  </si>
  <si>
    <t>VELUX Verd.-Rollo solar DSL PK10 1100K</t>
  </si>
  <si>
    <t>DSL PK10 1100KWL</t>
  </si>
  <si>
    <t>5702329494786</t>
  </si>
  <si>
    <t>VELUX Verd.-Rollo solar DSL PK10 1100KWL</t>
  </si>
  <si>
    <t>DSL PK10 3009K</t>
  </si>
  <si>
    <t>5702329485111</t>
  </si>
  <si>
    <t>VELUX Verd.-Rollo solar DSL PK10 3009K</t>
  </si>
  <si>
    <t>DSL PK10 3009KWL</t>
  </si>
  <si>
    <t>5702329494793</t>
  </si>
  <si>
    <t>VELUX Verd.-Rollo solar DSL PK10 3009KWL</t>
  </si>
  <si>
    <t>DSL PK10 4556K</t>
  </si>
  <si>
    <t>5702329485128</t>
  </si>
  <si>
    <t>VELUX Verd.-Rollo solar DSL PK10 4556K</t>
  </si>
  <si>
    <t>DSL PK10 4556KWL</t>
  </si>
  <si>
    <t>5702329494809</t>
  </si>
  <si>
    <t>VELUX Verd.-Rollo solar DSL PK10 4556KWL</t>
  </si>
  <si>
    <t>DSL PK10 4559K</t>
  </si>
  <si>
    <t>5702329485135</t>
  </si>
  <si>
    <t>VELUX Verd.-Rollo solar DSL PK10 4559K</t>
  </si>
  <si>
    <t>DSL PK10 4559KWL</t>
  </si>
  <si>
    <t>5702329494816</t>
  </si>
  <si>
    <t>VELUX Verd.-Rollo solar DSL PK10 4559KWL</t>
  </si>
  <si>
    <t>DSL PK10 4564K</t>
  </si>
  <si>
    <t>5702329485142</t>
  </si>
  <si>
    <t>VELUX Verd.-Rollo solar DSL PK10 4564K</t>
  </si>
  <si>
    <t>DSL PK10 4564KWL</t>
  </si>
  <si>
    <t>5702329494823</t>
  </si>
  <si>
    <t>VELUX Verd.-Rollo solar DSL PK10 4564KWL</t>
  </si>
  <si>
    <t>DSL PK10 4574K</t>
  </si>
  <si>
    <t>5702329485159</t>
  </si>
  <si>
    <t>VELUX Verd.-Rollo solar DSL PK10 4574K</t>
  </si>
  <si>
    <t>DSL PK10 4574KWL</t>
  </si>
  <si>
    <t>5702329494830</t>
  </si>
  <si>
    <t>VELUX Verd.-Rollo solar DSL PK10 4574KWL</t>
  </si>
  <si>
    <t>DSL PK10 4575K</t>
  </si>
  <si>
    <t>5702329485166</t>
  </si>
  <si>
    <t>VELUX Verd.-Rollo solar DSL PK10 4575K</t>
  </si>
  <si>
    <t>DSL PK10 4575KWL</t>
  </si>
  <si>
    <t>5702329494847</t>
  </si>
  <si>
    <t>VELUX Verd.-Rollo solar DSL PK10 4575KWL</t>
  </si>
  <si>
    <t>DSL PK10 4576K</t>
  </si>
  <si>
    <t>5702329485173</t>
  </si>
  <si>
    <t>VELUX Verd.-Rollo solar DSL PK10 4576K</t>
  </si>
  <si>
    <t>DSL PK10 4576KWL</t>
  </si>
  <si>
    <t>5702329494854</t>
  </si>
  <si>
    <t>VELUX Verd.-Rollo solar DSL PK10 4576KWL</t>
  </si>
  <si>
    <t>DSL PK10 4577K</t>
  </si>
  <si>
    <t>5702329485180</t>
  </si>
  <si>
    <t>VELUX Verd.-Rollo solar DSL PK10 4577K</t>
  </si>
  <si>
    <t>DSL PK10 4577KWL</t>
  </si>
  <si>
    <t>5702329494861</t>
  </si>
  <si>
    <t>VELUX Verd.-Rollo solar DSL PK10 4577KWL</t>
  </si>
  <si>
    <t>DSL PK10 4578K</t>
  </si>
  <si>
    <t>5702329485197</t>
  </si>
  <si>
    <t>VELUX Verd.-Rollo solar DSL PK10 4578K</t>
  </si>
  <si>
    <t>DSL PK10 4578KWL</t>
  </si>
  <si>
    <t>5702329494878</t>
  </si>
  <si>
    <t>VELUX Verd.-Rollo solar DSL PK10 4578KWL</t>
  </si>
  <si>
    <t>DSL PK10 4579K</t>
  </si>
  <si>
    <t>5702329485203</t>
  </si>
  <si>
    <t>VELUX Verd.-Rollo solar DSL PK10 4579K</t>
  </si>
  <si>
    <t>DSL PK10 4579KWL</t>
  </si>
  <si>
    <t>5702329494885</t>
  </si>
  <si>
    <t>VELUX Verd.-Rollo solar DSL PK10 4579KWL</t>
  </si>
  <si>
    <t>DSL PK10 4580K</t>
  </si>
  <si>
    <t>5702329485210</t>
  </si>
  <si>
    <t>VELUX Verd.-Rollo solar DSL PK10 4580K</t>
  </si>
  <si>
    <t>DSL PK10 4580KWL</t>
  </si>
  <si>
    <t>5702329494892</t>
  </si>
  <si>
    <t>VELUX Verd.-Rollo solar DSL PK10 4580KWL</t>
  </si>
  <si>
    <t>DSL PK10 4581K</t>
  </si>
  <si>
    <t>5702329485227</t>
  </si>
  <si>
    <t>VELUX Verd.-Rollo solar DSL PK10 4581K</t>
  </si>
  <si>
    <t>DSL PK10 4581KWL</t>
  </si>
  <si>
    <t>5702329494908</t>
  </si>
  <si>
    <t>VELUX Verd.-Rollo solar DSL PK10 4581KWL</t>
  </si>
  <si>
    <t>DSL PK10 CBYK</t>
  </si>
  <si>
    <t>5702329485234</t>
  </si>
  <si>
    <t>VELUX Verd.-Rollo solar DSL PK10 CBYK</t>
  </si>
  <si>
    <t>DSL PK10 CBYKWL</t>
  </si>
  <si>
    <t>5702329494915</t>
  </si>
  <si>
    <t>VELUX Verd.-Rollo solar DSL PK10 CBYKWL</t>
  </si>
  <si>
    <t>DSL S04 0705K</t>
  </si>
  <si>
    <t>5702329485586</t>
  </si>
  <si>
    <t>VELUX Verd.-Rollo solar DSL S04 0705K</t>
  </si>
  <si>
    <t>DSL S04 0705KWL</t>
  </si>
  <si>
    <t>5702329495295</t>
  </si>
  <si>
    <t>VELUX Verd.-Rollo solar DSL S04 0705KWL</t>
  </si>
  <si>
    <t>DSL S04 1025K</t>
  </si>
  <si>
    <t>5702329485593</t>
  </si>
  <si>
    <t>VELUX Verd.-Rollo solar DSL S04 1025K</t>
  </si>
  <si>
    <t>DSL S04 1025KWL</t>
  </si>
  <si>
    <t>5702329495301</t>
  </si>
  <si>
    <t>VELUX Verd.-Rollo solar DSL S04 1025KWL</t>
  </si>
  <si>
    <t>DSL S04 1085K</t>
  </si>
  <si>
    <t>5702329485609</t>
  </si>
  <si>
    <t>VELUX Verd.-Rollo solar DSL S04 1085K</t>
  </si>
  <si>
    <t>DSL S04 1085KWL</t>
  </si>
  <si>
    <t>5702329495318</t>
  </si>
  <si>
    <t>VELUX Verd.-Rollo solar DSL S04 1085KWL</t>
  </si>
  <si>
    <t>DSL S04 1100K</t>
  </si>
  <si>
    <t>5702329485616</t>
  </si>
  <si>
    <t>VELUX Verd.-Rollo solar DSL S04 1100K</t>
  </si>
  <si>
    <t>DSL S04 1100KWL</t>
  </si>
  <si>
    <t>5702329495325</t>
  </si>
  <si>
    <t>VELUX Verd.-Rollo solar DSL S04 1100KWL</t>
  </si>
  <si>
    <t>DSL S04 3009K</t>
  </si>
  <si>
    <t>5702329485623</t>
  </si>
  <si>
    <t>VELUX Verd.-Rollo solar DSL S04 3009K</t>
  </si>
  <si>
    <t>DSL S04 3009KWL</t>
  </si>
  <si>
    <t>5702329495332</t>
  </si>
  <si>
    <t>VELUX Verd.-Rollo solar DSL S04 3009KWL</t>
  </si>
  <si>
    <t>DSL S04 4556K</t>
  </si>
  <si>
    <t>5702329485630</t>
  </si>
  <si>
    <t>VELUX Verd.-Rollo solar DSL S04 4556K</t>
  </si>
  <si>
    <t>DSL S04 4556KWL</t>
  </si>
  <si>
    <t>5702329495349</t>
  </si>
  <si>
    <t>VELUX Verd.-Rollo solar DSL S04 4556KWL</t>
  </si>
  <si>
    <t>DSL S04 4559KWL</t>
  </si>
  <si>
    <t>5702329495356</t>
  </si>
  <si>
    <t>VELUX Verd.-Rollo solar DSL S04 4559KWL</t>
  </si>
  <si>
    <t>DSL S04 4564K</t>
  </si>
  <si>
    <t>5702329485654</t>
  </si>
  <si>
    <t>VELUX Verd.-Rollo solar DSL S04 4564K</t>
  </si>
  <si>
    <t>DSL S04 4564KWL</t>
  </si>
  <si>
    <t>5702329495363</t>
  </si>
  <si>
    <t>VELUX Verd.-Rollo solar DSL S04 4564KWL</t>
  </si>
  <si>
    <t>DSL S04 4574K</t>
  </si>
  <si>
    <t>5702329485661</t>
  </si>
  <si>
    <t>VELUX Verd.-Rollo solar DSL S04 4574K</t>
  </si>
  <si>
    <t>DSL S04 4574KWL</t>
  </si>
  <si>
    <t>5702329495370</t>
  </si>
  <si>
    <t>VELUX Verd.-Rollo solar DSL S04 4574KWL</t>
  </si>
  <si>
    <t>DSL S04 4575K</t>
  </si>
  <si>
    <t>5702329485678</t>
  </si>
  <si>
    <t>VELUX Verd.-Rollo solar DSL S04 4575K</t>
  </si>
  <si>
    <t>DSL S04 4576K</t>
  </si>
  <si>
    <t>5702329485685</t>
  </si>
  <si>
    <t>VELUX Verd.-Rollo solar DSL S04 4576K</t>
  </si>
  <si>
    <t>DSL S04 4576KWL</t>
  </si>
  <si>
    <t>5702329495394</t>
  </si>
  <si>
    <t>VELUX Verd.-Rollo solar DSL S04 4576KWL</t>
  </si>
  <si>
    <t>DSL S04 4577K</t>
  </si>
  <si>
    <t>5702329485692</t>
  </si>
  <si>
    <t>VELUX Verd.-Rollo solar DSL S04 4577K</t>
  </si>
  <si>
    <t>DSL S04 4577KWL</t>
  </si>
  <si>
    <t>5702329495400</t>
  </si>
  <si>
    <t>VELUX Verd.-Rollo solar DSL S04 4577KWL</t>
  </si>
  <si>
    <t>DSL S04 4578KWL</t>
  </si>
  <si>
    <t>5702329495417</t>
  </si>
  <si>
    <t>VELUX Verd.-Rollo solar DSL S04 4578KWL</t>
  </si>
  <si>
    <t>DSL S04 4579K</t>
  </si>
  <si>
    <t>5702329485715</t>
  </si>
  <si>
    <t>VELUX Verd.-Rollo solar DSL S04 4579K</t>
  </si>
  <si>
    <t>DSL S04 4579KWL</t>
  </si>
  <si>
    <t>5702329495424</t>
  </si>
  <si>
    <t>VELUX Verd.-Rollo solar DSL S04 4579KWL</t>
  </si>
  <si>
    <t>DSL S04 4580K</t>
  </si>
  <si>
    <t>5702329485722</t>
  </si>
  <si>
    <t>VELUX Verd.-Rollo solar DSL S04 4580K</t>
  </si>
  <si>
    <t>DSL S04 4580KWL</t>
  </si>
  <si>
    <t>5702329495431</t>
  </si>
  <si>
    <t>VELUX Verd.-Rollo solar DSL S04 4580KWL</t>
  </si>
  <si>
    <t>DSL S04 4581K</t>
  </si>
  <si>
    <t>5702329485739</t>
  </si>
  <si>
    <t>VELUX Verd.-Rollo solar DSL S04 4581K</t>
  </si>
  <si>
    <t>DSL S04 4581KWL</t>
  </si>
  <si>
    <t>5702329495448</t>
  </si>
  <si>
    <t>VELUX Verd.-Rollo solar DSL S04 4581KWL</t>
  </si>
  <si>
    <t>DSL S04 CBYK</t>
  </si>
  <si>
    <t>5702329485746</t>
  </si>
  <si>
    <t>VELUX Verd.-Rollo solar DSL S04 CBYK</t>
  </si>
  <si>
    <t>DSL S04 CBYKWL</t>
  </si>
  <si>
    <t>5702329495455</t>
  </si>
  <si>
    <t>VELUX Verd.-Rollo solar DSL S04 CBYKWL</t>
  </si>
  <si>
    <t>DSL S06 0705K</t>
  </si>
  <si>
    <t>5702329485753</t>
  </si>
  <si>
    <t>VELUX Verd.-Rollo solar DSL S06 0705K</t>
  </si>
  <si>
    <t>DSL S06 0705KWL</t>
  </si>
  <si>
    <t>5702329495462</t>
  </si>
  <si>
    <t>VELUX Verd.-Rollo solar DSL S06 0705KWL</t>
  </si>
  <si>
    <t>DSL S06 1025K</t>
  </si>
  <si>
    <t>5702329485760</t>
  </si>
  <si>
    <t>VELUX Verd.-Rollo solar DSL S06 1025K</t>
  </si>
  <si>
    <t>DSL S06 1025KWL</t>
  </si>
  <si>
    <t>5702329495479</t>
  </si>
  <si>
    <t>VELUX Verd.-Rollo solar DSL S06 1025KWL</t>
  </si>
  <si>
    <t>DSL S06 1085K</t>
  </si>
  <si>
    <t>5702329485777</t>
  </si>
  <si>
    <t>VELUX Verd.-Rollo solar DSL S06 1085K</t>
  </si>
  <si>
    <t>DSL S06 1085KWL</t>
  </si>
  <si>
    <t>5702329495486</t>
  </si>
  <si>
    <t>VELUX Verd.-Rollo solar DSL S06 1085KWL</t>
  </si>
  <si>
    <t>DSL S06 1100K</t>
  </si>
  <si>
    <t>5702329485784</t>
  </si>
  <si>
    <t>VELUX Verd.-Rollo solar DSL S06 1100K</t>
  </si>
  <si>
    <t>DSL S06 1100KWL</t>
  </si>
  <si>
    <t>5702329495493</t>
  </si>
  <si>
    <t>VELUX Verd.-Rollo solar DSL S06 1100KWL</t>
  </si>
  <si>
    <t>DSL S06 3009K</t>
  </si>
  <si>
    <t>5702329485791</t>
  </si>
  <si>
    <t>VELUX Verd.-Rollo solar DSL S06 3009K</t>
  </si>
  <si>
    <t>DSL S06 3009KWL</t>
  </si>
  <si>
    <t>5702329495516</t>
  </si>
  <si>
    <t>VELUX Verd.-Rollo solar DSL S06 3009KWL</t>
  </si>
  <si>
    <t>DSL S06 4556K</t>
  </si>
  <si>
    <t>5702329485807</t>
  </si>
  <si>
    <t>VELUX Verd.-Rollo solar DSL S06 4556K</t>
  </si>
  <si>
    <t>DSL S06 4556KWL</t>
  </si>
  <si>
    <t>5702329495523</t>
  </si>
  <si>
    <t>VELUX Verd.-Rollo solar DSL S06 4556KWL</t>
  </si>
  <si>
    <t>DSL S06 4559K</t>
  </si>
  <si>
    <t>5702329485814</t>
  </si>
  <si>
    <t>VELUX Verd.-Rollo solar DSL S06 4559K</t>
  </si>
  <si>
    <t>DSL S06 4559KWL</t>
  </si>
  <si>
    <t>5702329495561</t>
  </si>
  <si>
    <t>VELUX Verd.-Rollo solar DSL S06 4559KWL</t>
  </si>
  <si>
    <t>DSL S06 4564K</t>
  </si>
  <si>
    <t>5702329485821</t>
  </si>
  <si>
    <t>VELUX Verd.-Rollo solar DSL S06 4564K</t>
  </si>
  <si>
    <t>DSL S06 4564KWL</t>
  </si>
  <si>
    <t>5702329495585</t>
  </si>
  <si>
    <t>VELUX Verd.-Rollo solar DSL S06 4564KWL</t>
  </si>
  <si>
    <t>DSL S06 4574K</t>
  </si>
  <si>
    <t>5702329485838</t>
  </si>
  <si>
    <t>VELUX Verd.-Rollo solar DSL S06 4574K</t>
  </si>
  <si>
    <t>DSL S06 4574KWL</t>
  </si>
  <si>
    <t>5702329495592</t>
  </si>
  <si>
    <t>VELUX Verd.-Rollo solar DSL S06 4574KWL</t>
  </si>
  <si>
    <t>DSL S06 4575K</t>
  </si>
  <si>
    <t>5702329485845</t>
  </si>
  <si>
    <t>VELUX Verd.-Rollo solar DSL S06 4575K</t>
  </si>
  <si>
    <t>DSL S06 4575KWL</t>
  </si>
  <si>
    <t>5702329495608</t>
  </si>
  <si>
    <t>VELUX Verd.-Rollo solar DSL S06 4575KWL</t>
  </si>
  <si>
    <t>DSL S06 4576K</t>
  </si>
  <si>
    <t>5702329485852</t>
  </si>
  <si>
    <t>VELUX Verd.-Rollo solar DSL S06 4576K</t>
  </si>
  <si>
    <t>DSL S06 4576KWL</t>
  </si>
  <si>
    <t>5702329495615</t>
  </si>
  <si>
    <t>VELUX Verd.-Rollo solar DSL S06 4576KWL</t>
  </si>
  <si>
    <t>DSL S06 4577K</t>
  </si>
  <si>
    <t>5702329485869</t>
  </si>
  <si>
    <t>VELUX Verd.-Rollo solar DSL S06 4577K</t>
  </si>
  <si>
    <t>DSL S06 4577KWL</t>
  </si>
  <si>
    <t>5702329495622</t>
  </si>
  <si>
    <t>VELUX Verd.-Rollo solar DSL S06 4577KWL</t>
  </si>
  <si>
    <t>DSL S06 4578K</t>
  </si>
  <si>
    <t>5702329485876</t>
  </si>
  <si>
    <t>VELUX Verd.-Rollo solar DSL S06 4578K</t>
  </si>
  <si>
    <t>DSL S06 4578KWL</t>
  </si>
  <si>
    <t>5702329495653</t>
  </si>
  <si>
    <t>VELUX Verd.-Rollo solar DSL S06 4578KWL</t>
  </si>
  <si>
    <t>DSL S06 4579K</t>
  </si>
  <si>
    <t>5702329485883</t>
  </si>
  <si>
    <t>VELUX Verd.-Rollo solar DSL S06 4579K</t>
  </si>
  <si>
    <t>DSL S06 4579KWL</t>
  </si>
  <si>
    <t>5702329495660</t>
  </si>
  <si>
    <t>VELUX Verd.-Rollo solar DSL S06 4579KWL</t>
  </si>
  <si>
    <t>DSL S06 4580K</t>
  </si>
  <si>
    <t>5702329485890</t>
  </si>
  <si>
    <t>VELUX Verd.-Rollo solar DSL S06 4580K</t>
  </si>
  <si>
    <t>DSL S06 4580KWL</t>
  </si>
  <si>
    <t>5702329495677</t>
  </si>
  <si>
    <t>VELUX Verd.-Rollo solar DSL S06 4580KWL</t>
  </si>
  <si>
    <t>DSL S06 4581K</t>
  </si>
  <si>
    <t>5702329485906</t>
  </si>
  <si>
    <t>VELUX Verd.-Rollo solar DSL S06 4581K</t>
  </si>
  <si>
    <t>DSL S06 4581KWL</t>
  </si>
  <si>
    <t>5702329495684</t>
  </si>
  <si>
    <t>VELUX Verd.-Rollo solar DSL S06 4581KWL</t>
  </si>
  <si>
    <t>DSL S06 CBYK</t>
  </si>
  <si>
    <t>5702329485913</t>
  </si>
  <si>
    <t>VELUX Verd.-Rollo solar DSL S06 CBYK</t>
  </si>
  <si>
    <t>DSL S06 CBYKWL</t>
  </si>
  <si>
    <t>5702329495691</t>
  </si>
  <si>
    <t>VELUX Verd.-Rollo solar DSL S06 CBYKWL</t>
  </si>
  <si>
    <t>DSL S08 0705K</t>
  </si>
  <si>
    <t>5702329485920</t>
  </si>
  <si>
    <t>VELUX Verd.-Rollo solar DSL S08 0705K</t>
  </si>
  <si>
    <t>DSL S08 0705KWL</t>
  </si>
  <si>
    <t>5702329495707</t>
  </si>
  <si>
    <t>VELUX Verd.-Rollo solar DSL S08 0705KWL</t>
  </si>
  <si>
    <t>DSL S08 1025K</t>
  </si>
  <si>
    <t>5702329485937</t>
  </si>
  <si>
    <t>VELUX Verd.-Rollo solar DSL S08 1025K</t>
  </si>
  <si>
    <t>DSL S08 1025KWL</t>
  </si>
  <si>
    <t>5702329495714</t>
  </si>
  <si>
    <t>VELUX Verd.-Rollo solar DSL S08 1025KWL</t>
  </si>
  <si>
    <t>DSL S08 1085K</t>
  </si>
  <si>
    <t>5702329485944</t>
  </si>
  <si>
    <t>VELUX Verd.-Rollo solar DSL S08 1085K</t>
  </si>
  <si>
    <t>DSL S08 1085KWL</t>
  </si>
  <si>
    <t>5702329495721</t>
  </si>
  <si>
    <t>VELUX Verd.-Rollo solar DSL S08 1085KWL</t>
  </si>
  <si>
    <t>DSL S08 1100K</t>
  </si>
  <si>
    <t>5702329485951</t>
  </si>
  <si>
    <t>VELUX Verd.-Rollo solar DSL S08 1100K</t>
  </si>
  <si>
    <t>DSL S08 1100KWL</t>
  </si>
  <si>
    <t>5702329495738</t>
  </si>
  <si>
    <t>VELUX Verd.-Rollo solar DSL S08 1100KWL</t>
  </si>
  <si>
    <t>DSL S08 3009K</t>
  </si>
  <si>
    <t>5702329485968</t>
  </si>
  <si>
    <t>VELUX Verd.-Rollo solar DSL S08 3009K</t>
  </si>
  <si>
    <t>DSL S08 3009KWL</t>
  </si>
  <si>
    <t>5702329495745</t>
  </si>
  <si>
    <t>VELUX Verd.-Rollo solar DSL S08 3009KWL</t>
  </si>
  <si>
    <t>DSL S08 4556K</t>
  </si>
  <si>
    <t>5702329485975</t>
  </si>
  <si>
    <t>VELUX Verd.-Rollo solar DSL S08 4556K</t>
  </si>
  <si>
    <t>DSL S08 4556KWL</t>
  </si>
  <si>
    <t>5702329495752</t>
  </si>
  <si>
    <t>VELUX Verd.-Rollo solar DSL S08 4556KWL</t>
  </si>
  <si>
    <t>DSL S08 4559K</t>
  </si>
  <si>
    <t>5702329485982</t>
  </si>
  <si>
    <t>VELUX Verd.-Rollo solar DSL S08 4559K</t>
  </si>
  <si>
    <t>DSL S08 4559KWL</t>
  </si>
  <si>
    <t>5702329495769</t>
  </si>
  <si>
    <t>VELUX Verd.-Rollo solar DSL S08 4559KWL</t>
  </si>
  <si>
    <t>DSL S08 4564K</t>
  </si>
  <si>
    <t>5702329485999</t>
  </si>
  <si>
    <t>VELUX Verd.-Rollo solar DSL S08 4564K</t>
  </si>
  <si>
    <t>DSL S08 4564KWL</t>
  </si>
  <si>
    <t>5702329495776</t>
  </si>
  <si>
    <t>VELUX Verd.-Rollo solar DSL S08 4564KWL</t>
  </si>
  <si>
    <t>DSL S08 4574K</t>
  </si>
  <si>
    <t>5702329486002</t>
  </si>
  <si>
    <t>VELUX Verd.-Rollo solar DSL S08 4574K</t>
  </si>
  <si>
    <t>DSL S08 4574KWL</t>
  </si>
  <si>
    <t>5702329495783</t>
  </si>
  <si>
    <t>VELUX Verd.-Rollo solar DSL S08 4574KWL</t>
  </si>
  <si>
    <t>DSL S08 4575K</t>
  </si>
  <si>
    <t>5702329486019</t>
  </si>
  <si>
    <t>VELUX Verd.-Rollo solar DSL S08 4575K</t>
  </si>
  <si>
    <t>DSL S08 4575KWL</t>
  </si>
  <si>
    <t>5702329495790</t>
  </si>
  <si>
    <t>VELUX Verd.-Rollo solar DSL S08 4575KWL</t>
  </si>
  <si>
    <t>DSL S08 4576K</t>
  </si>
  <si>
    <t>5702329486026</t>
  </si>
  <si>
    <t>VELUX Verd.-Rollo solar DSL S08 4576K</t>
  </si>
  <si>
    <t>DSL S08 4576KWL</t>
  </si>
  <si>
    <t>5702329495806</t>
  </si>
  <si>
    <t>VELUX Verd.-Rollo solar DSL S08 4576KWL</t>
  </si>
  <si>
    <t>DSL S08 4577K</t>
  </si>
  <si>
    <t>5702329486033</t>
  </si>
  <si>
    <t>VELUX Verd.-Rollo solar DSL S08 4577K</t>
  </si>
  <si>
    <t>DSL S08 4577KWL</t>
  </si>
  <si>
    <t>5702329495813</t>
  </si>
  <si>
    <t>VELUX Verd.-Rollo solar DSL S08 4577KWL</t>
  </si>
  <si>
    <t>DSL S08 4578K</t>
  </si>
  <si>
    <t>5702329486040</t>
  </si>
  <si>
    <t>VELUX Verd.-Rollo solar DSL S08 4578K</t>
  </si>
  <si>
    <t>DSL S08 4578KWL</t>
  </si>
  <si>
    <t>5702329495820</t>
  </si>
  <si>
    <t>VELUX Verd.-Rollo solar DSL S08 4578KWL</t>
  </si>
  <si>
    <t>DSL S08 4579K</t>
  </si>
  <si>
    <t>5702329486057</t>
  </si>
  <si>
    <t>VELUX Verd.-Rollo solar DSL S08 4579K</t>
  </si>
  <si>
    <t>DSL S08 4579KWL</t>
  </si>
  <si>
    <t>5702329495837</t>
  </si>
  <si>
    <t>VELUX Verd.-Rollo solar DSL S08 4579KWL</t>
  </si>
  <si>
    <t>DSL S08 4580K</t>
  </si>
  <si>
    <t>5702329486064</t>
  </si>
  <si>
    <t>VELUX Verd.-Rollo solar DSL S08 4580K</t>
  </si>
  <si>
    <t>DSL S08 4580KWL</t>
  </si>
  <si>
    <t>5702329495844</t>
  </si>
  <si>
    <t>VELUX Verd.-Rollo solar DSL S08 4580KWL</t>
  </si>
  <si>
    <t>DSL S08 4581K</t>
  </si>
  <si>
    <t>5702329486071</t>
  </si>
  <si>
    <t>VELUX Verd.-Rollo solar DSL S08 4581K</t>
  </si>
  <si>
    <t>DSL S08 4581KWL</t>
  </si>
  <si>
    <t>5702329495851</t>
  </si>
  <si>
    <t>VELUX Verd.-Rollo solar DSL S08 4581KWL</t>
  </si>
  <si>
    <t>DSL S08 CBYK</t>
  </si>
  <si>
    <t>5702329486088</t>
  </si>
  <si>
    <t>VELUX Verd.-Rollo solar DSL S08 CBYK</t>
  </si>
  <si>
    <t>DSL S08 CBYKWL</t>
  </si>
  <si>
    <t>5702329495868</t>
  </si>
  <si>
    <t>VELUX Verd.-Rollo solar DSL S08 CBYKWL</t>
  </si>
  <si>
    <t>DSL S10 0705K</t>
  </si>
  <si>
    <t>5702329486095</t>
  </si>
  <si>
    <t>VELUX Verd.-Rollo solar DSL S10 0705K</t>
  </si>
  <si>
    <t>DSL S10 0705KWL</t>
  </si>
  <si>
    <t>5702329495875</t>
  </si>
  <si>
    <t>VELUX Verd.-Rollo solar DSL S10 0705KWL</t>
  </si>
  <si>
    <t>DSL S10 1025K</t>
  </si>
  <si>
    <t>5702329486101</t>
  </si>
  <si>
    <t>VELUX Verd.-Rollo solar DSL S10 1025K</t>
  </si>
  <si>
    <t>DSL S10 1025KWL</t>
  </si>
  <si>
    <t>5702329495882</t>
  </si>
  <si>
    <t>VELUX Verd.-Rollo solar DSL S10 1025KWL</t>
  </si>
  <si>
    <t>DSL S10 1085K</t>
  </si>
  <si>
    <t>5702329486118</t>
  </si>
  <si>
    <t>VELUX Verd.-Rollo solar DSL S10 1085K</t>
  </si>
  <si>
    <t>DSL S10 1085KWL</t>
  </si>
  <si>
    <t>5702329495899</t>
  </si>
  <si>
    <t>VELUX Verd.-Rollo solar DSL S10 1085KWL</t>
  </si>
  <si>
    <t>DSL S10 1100K</t>
  </si>
  <si>
    <t>5702329486125</t>
  </si>
  <si>
    <t>VELUX Verd.-Rollo solar DSL S10 1100K</t>
  </si>
  <si>
    <t>DSL S10 1100KWL</t>
  </si>
  <si>
    <t>5702329495905</t>
  </si>
  <si>
    <t>VELUX Verd.-Rollo solar DSL S10 1100KWL</t>
  </si>
  <si>
    <t>DSL S10 3009K</t>
  </si>
  <si>
    <t>5702329486132</t>
  </si>
  <si>
    <t>VELUX Verd.-Rollo solar DSL S10 3009K</t>
  </si>
  <si>
    <t>DSL S10 3009KWL</t>
  </si>
  <si>
    <t>5702329495912</t>
  </si>
  <si>
    <t>VELUX Verd.-Rollo solar DSL S10 3009KWL</t>
  </si>
  <si>
    <t>DSL S10 4556K</t>
  </si>
  <si>
    <t>5702329486149</t>
  </si>
  <si>
    <t>VELUX Verd.-Rollo solar DSL S10 4556K</t>
  </si>
  <si>
    <t>DSL S10 4556KWL</t>
  </si>
  <si>
    <t>5702329495929</t>
  </si>
  <si>
    <t>VELUX Verd.-Rollo solar DSL S10 4556KWL</t>
  </si>
  <si>
    <t>DSL S10 4559K</t>
  </si>
  <si>
    <t>5702329486156</t>
  </si>
  <si>
    <t>VELUX Verd.-Rollo solar DSL S10 4559K</t>
  </si>
  <si>
    <t>DSL S10 4574K</t>
  </si>
  <si>
    <t>5702329486170</t>
  </si>
  <si>
    <t>VELUX Verd.-Rollo solar DSL S10 4574K</t>
  </si>
  <si>
    <t>DSL S10 4576K</t>
  </si>
  <si>
    <t>5702329486194</t>
  </si>
  <si>
    <t>VELUX Verd.-Rollo solar DSL S10 4576K</t>
  </si>
  <si>
    <t>DSL S10 4577KWL</t>
  </si>
  <si>
    <t>5702329495981</t>
  </si>
  <si>
    <t>VELUX Verd.-Rollo solar DSL S10 4577KWL</t>
  </si>
  <si>
    <t>DSL S10 4578K</t>
  </si>
  <si>
    <t>5702329486217</t>
  </si>
  <si>
    <t>VELUX Verd.-Rollo solar DSL S10 4578K</t>
  </si>
  <si>
    <t>DSL S10 4578KWL</t>
  </si>
  <si>
    <t>5702329495998</t>
  </si>
  <si>
    <t>VELUX Verd.-Rollo solar DSL S10 4578KWL</t>
  </si>
  <si>
    <t>DSL S10 4579K</t>
  </si>
  <si>
    <t>5702329486224</t>
  </si>
  <si>
    <t>VELUX Verd.-Rollo solar DSL S10 4579K</t>
  </si>
  <si>
    <t>DSL S10 4580K</t>
  </si>
  <si>
    <t>5702329486231</t>
  </si>
  <si>
    <t>VELUX Verd.-Rollo solar DSL S10 4580K</t>
  </si>
  <si>
    <t>DSL S10 4580KWL</t>
  </si>
  <si>
    <t>5702329496018</t>
  </si>
  <si>
    <t>VELUX Verd.-Rollo solar DSL S10 4580KWL</t>
  </si>
  <si>
    <t>DSL S10 4581K</t>
  </si>
  <si>
    <t>5702329486248</t>
  </si>
  <si>
    <t>VELUX Verd.-Rollo solar DSL S10 4581K</t>
  </si>
  <si>
    <t>DSL S10 4581KWL</t>
  </si>
  <si>
    <t>5702329496025</t>
  </si>
  <si>
    <t>VELUX Verd.-Rollo solar DSL S10 4581KWL</t>
  </si>
  <si>
    <t>DSL S10 CBYK</t>
  </si>
  <si>
    <t>5702329486255</t>
  </si>
  <si>
    <t>VELUX Verd.-Rollo solar DSL S10 CBYK</t>
  </si>
  <si>
    <t>DSL S10 CBYKWL</t>
  </si>
  <si>
    <t>5702329496032</t>
  </si>
  <si>
    <t>VELUX Verd.-Rollo solar DSL S10 CBYKWL</t>
  </si>
  <si>
    <t>DSL S31 0705K</t>
  </si>
  <si>
    <t>5702329486262</t>
  </si>
  <si>
    <t>VELUX Verd.-Rollo solar DSL S31 0705K</t>
  </si>
  <si>
    <t>DSL S31 0705KWL</t>
  </si>
  <si>
    <t>5702329496049</t>
  </si>
  <si>
    <t>VELUX Verd.-Rollo solar DSL S31 0705KWL</t>
  </si>
  <si>
    <t>DSL S31 1025K</t>
  </si>
  <si>
    <t>5702329486279</t>
  </si>
  <si>
    <t>VELUX Verd.-Rollo solar DSL S31 1025K</t>
  </si>
  <si>
    <t>DSL S31 1025KWL</t>
  </si>
  <si>
    <t>5702329496056</t>
  </si>
  <si>
    <t>VELUX Verd.-Rollo solar DSL S31 1025KWL</t>
  </si>
  <si>
    <t>DSL S31 1085K</t>
  </si>
  <si>
    <t>5702329486286</t>
  </si>
  <si>
    <t>VELUX Verd.-Rollo solar DSL S31 1085K</t>
  </si>
  <si>
    <t>DSL S31 1100K</t>
  </si>
  <si>
    <t>5702329486293</t>
  </si>
  <si>
    <t>VELUX Verd.-Rollo solar DSL S31 1100K</t>
  </si>
  <si>
    <t>DSL S31 3009KWL</t>
  </si>
  <si>
    <t>5702329496087</t>
  </si>
  <si>
    <t>VELUX Verd.-Rollo solar DSL S31 3009KWL</t>
  </si>
  <si>
    <t>DSL S31 4556K</t>
  </si>
  <si>
    <t>5702329486316</t>
  </si>
  <si>
    <t>VELUX Verd.-Rollo solar DSL S31 4556K</t>
  </si>
  <si>
    <t>DSL S31 4578K</t>
  </si>
  <si>
    <t>5702329486385</t>
  </si>
  <si>
    <t>VELUX Verd.-Rollo solar DSL S31 4578K</t>
  </si>
  <si>
    <t>DSL S31 4578KWL</t>
  </si>
  <si>
    <t>5702329496162</t>
  </si>
  <si>
    <t>VELUX Verd.-Rollo solar DSL S31 4578KWL</t>
  </si>
  <si>
    <t>DSL S31 4579K</t>
  </si>
  <si>
    <t>5702329486392</t>
  </si>
  <si>
    <t>VELUX Verd.-Rollo solar DSL S31 4579K</t>
  </si>
  <si>
    <t>DSL S31 4580KWL</t>
  </si>
  <si>
    <t>5702329496186</t>
  </si>
  <si>
    <t>VELUX Verd.-Rollo solar DSL S31 4580KWL</t>
  </si>
  <si>
    <t>DSL S31 CBYK</t>
  </si>
  <si>
    <t>5702329486422</t>
  </si>
  <si>
    <t>VELUX Verd.-Rollo solar DSL S31 CBYK</t>
  </si>
  <si>
    <t>DSL S31 CBYKWL</t>
  </si>
  <si>
    <t>5702329496209</t>
  </si>
  <si>
    <t>VELUX Verd.-Rollo solar DSL S31 CBYKWL</t>
  </si>
  <si>
    <t>DSL SK06 0705K</t>
  </si>
  <si>
    <t>5702329486767</t>
  </si>
  <si>
    <t>VELUX Verd.-Rollo solar DSL SK06 0705K</t>
  </si>
  <si>
    <t>DSL SK06 0705KWL</t>
  </si>
  <si>
    <t>5702329496384</t>
  </si>
  <si>
    <t>VELUX Verd.-Rollo solar DSL SK06 0705KWL</t>
  </si>
  <si>
    <t>DSL SK06 1025K</t>
  </si>
  <si>
    <t>5702329486774</t>
  </si>
  <si>
    <t>VELUX Verd.-Rollo solar DSL SK06 1025K</t>
  </si>
  <si>
    <t>DSL SK06 1025KWL</t>
  </si>
  <si>
    <t>5702329496391</t>
  </si>
  <si>
    <t>VELUX Verd.-Rollo solar DSL SK06 1025KWL</t>
  </si>
  <si>
    <t>DSL SK06 1085K</t>
  </si>
  <si>
    <t>5702329486781</t>
  </si>
  <si>
    <t>VELUX Verd.-Rollo solar DSL SK06 1085K</t>
  </si>
  <si>
    <t>DSL SK06 1085KWL</t>
  </si>
  <si>
    <t>5702329496407</t>
  </si>
  <si>
    <t>VELUX Verd.-Rollo solar DSL SK06 1085KWL</t>
  </si>
  <si>
    <t>DSL SK06 1100K</t>
  </si>
  <si>
    <t>5702329486798</t>
  </si>
  <si>
    <t>VELUX Verd.-Rollo solar DSL SK06 1100K</t>
  </si>
  <si>
    <t>DSL SK06 1100KWL</t>
  </si>
  <si>
    <t>5702329496414</t>
  </si>
  <si>
    <t>VELUX Verd.-Rollo solar DSL SK06 1100KWL</t>
  </si>
  <si>
    <t>DSL SK06 3009K</t>
  </si>
  <si>
    <t>5702329486804</t>
  </si>
  <si>
    <t>VELUX Verd.-Rollo solar DSL SK06 3009K</t>
  </si>
  <si>
    <t>DSL SK06 3009KWL</t>
  </si>
  <si>
    <t>5702329496421</t>
  </si>
  <si>
    <t>VELUX Verd.-Rollo solar DSL SK06 3009KWL</t>
  </si>
  <si>
    <t>DSL SK06 4556K</t>
  </si>
  <si>
    <t>5702329486811</t>
  </si>
  <si>
    <t>VELUX Verd.-Rollo solar DSL SK06 4556K</t>
  </si>
  <si>
    <t>DSL SK06 4556KWL</t>
  </si>
  <si>
    <t>5702329496438</t>
  </si>
  <si>
    <t>VELUX Verd.-Rollo solar DSL SK06 4556KWL</t>
  </si>
  <si>
    <t>DSL SK06 4559K</t>
  </si>
  <si>
    <t>5702329486828</t>
  </si>
  <si>
    <t>VELUX Verd.-Rollo solar DSL SK06 4559K</t>
  </si>
  <si>
    <t>DSL SK06 4559KWL</t>
  </si>
  <si>
    <t>5702329496445</t>
  </si>
  <si>
    <t>VELUX Verd.-Rollo solar DSL SK06 4559KWL</t>
  </si>
  <si>
    <t>DSL SK06 4564K</t>
  </si>
  <si>
    <t>5702329486835</t>
  </si>
  <si>
    <t>VELUX Verd.-Rollo solar DSL SK06 4564K</t>
  </si>
  <si>
    <t>DSL SK06 4564KWL</t>
  </si>
  <si>
    <t>5702329496452</t>
  </si>
  <si>
    <t>VELUX Verd.-Rollo solar DSL SK06 4564KWL</t>
  </si>
  <si>
    <t>DSL SK06 4574K</t>
  </si>
  <si>
    <t>5702329486842</t>
  </si>
  <si>
    <t>VELUX Verd.-Rollo solar DSL SK06 4574K</t>
  </si>
  <si>
    <t>DSL SK06 4574KWL</t>
  </si>
  <si>
    <t>5702329496469</t>
  </si>
  <si>
    <t>VELUX Verd.-Rollo solar DSL SK06 4574KWL</t>
  </si>
  <si>
    <t>DSL SK06 4575K</t>
  </si>
  <si>
    <t>5702329486859</t>
  </si>
  <si>
    <t>VELUX Verd.-Rollo solar DSL SK06 4575K</t>
  </si>
  <si>
    <t>DSL SK06 4575KWL</t>
  </si>
  <si>
    <t>5702329496476</t>
  </si>
  <si>
    <t>VELUX Verd.-Rollo solar DSL SK06 4575KWL</t>
  </si>
  <si>
    <t>DSL SK06 4576K</t>
  </si>
  <si>
    <t>5702329486866</t>
  </si>
  <si>
    <t>VELUX Verd.-Rollo solar DSL SK06 4576K</t>
  </si>
  <si>
    <t>DSL SK06 4576KWL</t>
  </si>
  <si>
    <t>5702329496483</t>
  </si>
  <si>
    <t>VELUX Verd.-Rollo solar DSL SK06 4576KWL</t>
  </si>
  <si>
    <t>DSL SK06 4577K</t>
  </si>
  <si>
    <t>5702329486873</t>
  </si>
  <si>
    <t>VELUX Verd.-Rollo solar DSL SK06 4577K</t>
  </si>
  <si>
    <t>DSL SK06 4577KWL</t>
  </si>
  <si>
    <t>5702329496490</t>
  </si>
  <si>
    <t>VELUX Verd.-Rollo solar DSL SK06 4577KWL</t>
  </si>
  <si>
    <t>DSL SK06 4578K</t>
  </si>
  <si>
    <t>5702329486880</t>
  </si>
  <si>
    <t>VELUX Verd.-Rollo solar DSL SK06 4578K</t>
  </si>
  <si>
    <t>DSL SK06 4578KWL</t>
  </si>
  <si>
    <t>5702329496506</t>
  </si>
  <si>
    <t>VELUX Verd.-Rollo solar DSL SK06 4578KWL</t>
  </si>
  <si>
    <t>DSL SK06 4579K</t>
  </si>
  <si>
    <t>5702329486897</t>
  </si>
  <si>
    <t>VELUX Verd.-Rollo solar DSL SK06 4579K</t>
  </si>
  <si>
    <t>DSL SK06 4579KWL</t>
  </si>
  <si>
    <t>5702329496513</t>
  </si>
  <si>
    <t>VELUX Verd.-Rollo solar DSL SK06 4579KWL</t>
  </si>
  <si>
    <t>DSL SK06 4580K</t>
  </si>
  <si>
    <t>5702329486903</t>
  </si>
  <si>
    <t>VELUX Verd.-Rollo solar DSL SK06 4580K</t>
  </si>
  <si>
    <t>DSL SK06 4580KWL</t>
  </si>
  <si>
    <t>5702329496520</t>
  </si>
  <si>
    <t>VELUX Verd.-Rollo solar DSL SK06 4580KWL</t>
  </si>
  <si>
    <t>DSL SK06 4581K</t>
  </si>
  <si>
    <t>5702329486910</t>
  </si>
  <si>
    <t>VELUX Verd.-Rollo solar DSL SK06 4581K</t>
  </si>
  <si>
    <t>DSL SK06 4581KWL</t>
  </si>
  <si>
    <t>5702329496537</t>
  </si>
  <si>
    <t>VELUX Verd.-Rollo solar DSL SK06 4581KWL</t>
  </si>
  <si>
    <t>DSL SK06 CBYK</t>
  </si>
  <si>
    <t>5702329486927</t>
  </si>
  <si>
    <t>VELUX Verd.-Rollo solar DSL SK06 CBYK</t>
  </si>
  <si>
    <t>DSL SK06 CBYKWL</t>
  </si>
  <si>
    <t>5702329496544</t>
  </si>
  <si>
    <t>VELUX Verd.-Rollo solar DSL SK06 CBYKWL</t>
  </si>
  <si>
    <t>DSL SK08 0705K</t>
  </si>
  <si>
    <t>5702329486934</t>
  </si>
  <si>
    <t>VELUX Verd.-Rollo solar DSL SK08 0705K</t>
  </si>
  <si>
    <t>DSL SK08 0705KWL</t>
  </si>
  <si>
    <t>5702329496551</t>
  </si>
  <si>
    <t>VELUX Verd.-Rollo solar DSL SK08 0705KWL</t>
  </si>
  <si>
    <t>DSL SK08 1025K</t>
  </si>
  <si>
    <t>5702329486941</t>
  </si>
  <si>
    <t>VELUX Verd.-Rollo solar DSL SK08 1025K</t>
  </si>
  <si>
    <t>DSL SK08 1025KWL</t>
  </si>
  <si>
    <t>5702329496568</t>
  </si>
  <si>
    <t>VELUX Verd.-Rollo solar DSL SK08 1025KWL</t>
  </si>
  <si>
    <t>DSL SK08 1085K</t>
  </si>
  <si>
    <t>5702329486958</t>
  </si>
  <si>
    <t>VELUX Verd.-Rollo solar DSL SK08 1085K</t>
  </si>
  <si>
    <t>DSL SK08 1085KWL</t>
  </si>
  <si>
    <t>5702329496575</t>
  </si>
  <si>
    <t>VELUX Verd.-Rollo solar DSL SK08 1085KWL</t>
  </si>
  <si>
    <t>DSL SK08 1100K</t>
  </si>
  <si>
    <t>5702329486965</t>
  </si>
  <si>
    <t>VELUX Verd.-Rollo solar DSL SK08 1100K</t>
  </si>
  <si>
    <t>DSL SK08 1100KWL</t>
  </si>
  <si>
    <t>5702329496582</t>
  </si>
  <si>
    <t>VELUX Verd.-Rollo solar DSL SK08 1100KWL</t>
  </si>
  <si>
    <t>DSL SK08 3009K</t>
  </si>
  <si>
    <t>5702329486972</t>
  </si>
  <si>
    <t>VELUX Verd.-Rollo solar DSL SK08 3009K</t>
  </si>
  <si>
    <t>DSL SK08 3009KWL</t>
  </si>
  <si>
    <t>5702329496599</t>
  </si>
  <si>
    <t>VELUX Verd.-Rollo solar DSL SK08 3009KWL</t>
  </si>
  <si>
    <t>DSL SK08 4556K</t>
  </si>
  <si>
    <t>5702329486989</t>
  </si>
  <si>
    <t>VELUX Verd.-Rollo solar DSL SK08 4556K</t>
  </si>
  <si>
    <t>DSL SK08 4556KWL</t>
  </si>
  <si>
    <t>5702329496605</t>
  </si>
  <si>
    <t>VELUX Verd.-Rollo solar DSL SK08 4556KWL</t>
  </si>
  <si>
    <t>DSL SK08 4559K</t>
  </si>
  <si>
    <t>5702329486996</t>
  </si>
  <si>
    <t>VELUX Verd.-Rollo solar DSL SK08 4559K</t>
  </si>
  <si>
    <t>DSL SK08 4559KWL</t>
  </si>
  <si>
    <t>5702329496612</t>
  </si>
  <si>
    <t>VELUX Verd.-Rollo solar DSL SK08 4559KWL</t>
  </si>
  <si>
    <t>DSL SK08 4564K</t>
  </si>
  <si>
    <t>5702329487009</t>
  </si>
  <si>
    <t>VELUX Verd.-Rollo solar DSL SK08 4564K</t>
  </si>
  <si>
    <t>DSL SK08 4564KWL</t>
  </si>
  <si>
    <t>5702329496629</t>
  </si>
  <si>
    <t>VELUX Verd.-Rollo solar DSL SK08 4564KWL</t>
  </si>
  <si>
    <t>DSL SK08 4574K</t>
  </si>
  <si>
    <t>5702329487016</t>
  </si>
  <si>
    <t>VELUX Verd.-Rollo solar DSL SK08 4574K</t>
  </si>
  <si>
    <t>DSL SK08 4574KWL</t>
  </si>
  <si>
    <t>5702329496636</t>
  </si>
  <si>
    <t>VELUX Verd.-Rollo solar DSL SK08 4574KWL</t>
  </si>
  <si>
    <t>DSL SK08 4575K</t>
  </si>
  <si>
    <t>5702329487023</t>
  </si>
  <si>
    <t>VELUX Verd.-Rollo solar DSL SK08 4575K</t>
  </si>
  <si>
    <t>DSL SK08 4575KWL</t>
  </si>
  <si>
    <t>5702329496643</t>
  </si>
  <si>
    <t>VELUX Verd.-Rollo solar DSL SK08 4575KWL</t>
  </si>
  <si>
    <t>DSL SK08 4576K</t>
  </si>
  <si>
    <t>5702329487030</t>
  </si>
  <si>
    <t>VELUX Verd.-Rollo solar DSL SK08 4576K</t>
  </si>
  <si>
    <t>DSL SK08 4576KWL</t>
  </si>
  <si>
    <t>5702329496650</t>
  </si>
  <si>
    <t>VELUX Verd.-Rollo solar DSL SK08 4576KWL</t>
  </si>
  <si>
    <t>DSL SK08 4577K</t>
  </si>
  <si>
    <t>5702329487047</t>
  </si>
  <si>
    <t>VELUX Verd.-Rollo solar DSL SK08 4577K</t>
  </si>
  <si>
    <t>DSL SK08 4577KWL</t>
  </si>
  <si>
    <t>5702329496667</t>
  </si>
  <si>
    <t>VELUX Verd.-Rollo solar DSL SK08 4577KWL</t>
  </si>
  <si>
    <t>DSL SK08 4578K</t>
  </si>
  <si>
    <t>5702329487054</t>
  </si>
  <si>
    <t>VELUX Verd.-Rollo solar DSL SK08 4578K</t>
  </si>
  <si>
    <t>DSL SK08 4578KWL</t>
  </si>
  <si>
    <t>5702329496674</t>
  </si>
  <si>
    <t>VELUX Verd.-Rollo solar DSL SK08 4578KWL</t>
  </si>
  <si>
    <t>DSL SK08 4579K</t>
  </si>
  <si>
    <t>5702329487061</t>
  </si>
  <si>
    <t>VELUX Verd.-Rollo solar DSL SK08 4579K</t>
  </si>
  <si>
    <t>DSL SK08 4579KWL</t>
  </si>
  <si>
    <t>5702329496681</t>
  </si>
  <si>
    <t>VELUX Verd.-Rollo solar DSL SK08 4579KWL</t>
  </si>
  <si>
    <t>DSL SK08 4580K</t>
  </si>
  <si>
    <t>5702329487078</t>
  </si>
  <si>
    <t>VELUX Verd.-Rollo solar DSL SK08 4580K</t>
  </si>
  <si>
    <t>DSL SK08 4580KWL</t>
  </si>
  <si>
    <t>5702329496698</t>
  </si>
  <si>
    <t>VELUX Verd.-Rollo solar DSL SK08 4580KWL</t>
  </si>
  <si>
    <t>DSL SK08 4581K</t>
  </si>
  <si>
    <t>5702329487085</t>
  </si>
  <si>
    <t>VELUX Verd.-Rollo solar DSL SK08 4581K</t>
  </si>
  <si>
    <t>DSL SK08 4581KWL</t>
  </si>
  <si>
    <t>5702329496704</t>
  </si>
  <si>
    <t>VELUX Verd.-Rollo solar DSL SK08 4581KWL</t>
  </si>
  <si>
    <t>DSL SK08 CBYK</t>
  </si>
  <si>
    <t>5702329487092</t>
  </si>
  <si>
    <t>VELUX Verd.-Rollo solar DSL SK08 CBYK</t>
  </si>
  <si>
    <t>DSL SK08 CBYKWL</t>
  </si>
  <si>
    <t>5702329496711</t>
  </si>
  <si>
    <t>VELUX Verd.-Rollo solar DSL SK08 CBYKWL</t>
  </si>
  <si>
    <t>DSL SK10 0705K</t>
  </si>
  <si>
    <t>5702329487108</t>
  </si>
  <si>
    <t>VELUX Verd.-Rollo solar DSL SK10 0705K</t>
  </si>
  <si>
    <t>DSL SK10 0705KWL</t>
  </si>
  <si>
    <t>5702329496728</t>
  </si>
  <si>
    <t>VELUX Verd.-Rollo solar DSL SK10 0705KWL</t>
  </si>
  <si>
    <t>DSL SK10 1025K</t>
  </si>
  <si>
    <t>5702329487115</t>
  </si>
  <si>
    <t>VELUX Verd.-Rollo solar DSL SK10 1025K</t>
  </si>
  <si>
    <t>DSL SK10 1025KWL</t>
  </si>
  <si>
    <t>5702329496735</t>
  </si>
  <si>
    <t>VELUX Verd.-Rollo solar DSL SK10 1025KWL</t>
  </si>
  <si>
    <t>DSL SK10 1085K</t>
  </si>
  <si>
    <t>5702329487122</t>
  </si>
  <si>
    <t>VELUX Verd.-Rollo solar DSL SK10 1085K</t>
  </si>
  <si>
    <t>DSL SK10 1085KWL</t>
  </si>
  <si>
    <t>5702329496742</t>
  </si>
  <si>
    <t>VELUX Verd.-Rollo solar DSL SK10 1085KWL</t>
  </si>
  <si>
    <t>DSL SK10 1100K</t>
  </si>
  <si>
    <t>5702329487139</t>
  </si>
  <si>
    <t>VELUX Verd.-Rollo solar DSL SK10 1100K</t>
  </si>
  <si>
    <t>DSL SK10 1100KWL</t>
  </si>
  <si>
    <t>5702329496759</t>
  </si>
  <si>
    <t>VELUX Verd.-Rollo solar DSL SK10 1100KWL</t>
  </si>
  <si>
    <t>DSL SK10 3009K</t>
  </si>
  <si>
    <t>5702329487146</t>
  </si>
  <si>
    <t>VELUX Verd.-Rollo solar DSL SK10 3009K</t>
  </si>
  <si>
    <t>DSL SK10 3009KWL</t>
  </si>
  <si>
    <t>5702329496766</t>
  </si>
  <si>
    <t>VELUX Verd.-Rollo solar DSL SK10 3009KWL</t>
  </si>
  <si>
    <t>DSL SK10 4556K</t>
  </si>
  <si>
    <t>5702329487153</t>
  </si>
  <si>
    <t>VELUX Verd.-Rollo solar DSL SK10 4556K</t>
  </si>
  <si>
    <t>DSL SK10 4556KWL</t>
  </si>
  <si>
    <t>5702329496773</t>
  </si>
  <si>
    <t>VELUX Verd.-Rollo solar DSL SK10 4556KWL</t>
  </si>
  <si>
    <t>DSL SK10 4559KWL</t>
  </si>
  <si>
    <t>5702329496780</t>
  </si>
  <si>
    <t>VELUX Verd.-Rollo solar DSL SK10 4559KWL</t>
  </si>
  <si>
    <t>DSL SK10 4564K</t>
  </si>
  <si>
    <t>5702329487177</t>
  </si>
  <si>
    <t>VELUX Verd.-Rollo solar DSL SK10 4564K</t>
  </si>
  <si>
    <t>DSL SK10 4564KWL</t>
  </si>
  <si>
    <t>5702329496797</t>
  </si>
  <si>
    <t>VELUX Verd.-Rollo solar DSL SK10 4564KWL</t>
  </si>
  <si>
    <t>DSL SK10 4574K</t>
  </si>
  <si>
    <t>5702329487184</t>
  </si>
  <si>
    <t>VELUX Verd.-Rollo solar DSL SK10 4574K</t>
  </si>
  <si>
    <t>DSL SK10 4574KWL</t>
  </si>
  <si>
    <t>5702329496803</t>
  </si>
  <si>
    <t>VELUX Verd.-Rollo solar DSL SK10 4574KWL</t>
  </si>
  <si>
    <t>DSL SK10 4575KWL</t>
  </si>
  <si>
    <t>5702329496810</t>
  </si>
  <si>
    <t>VELUX Verd.-Rollo solar DSL SK10 4575KWL</t>
  </si>
  <si>
    <t>DSL SK10 4576K</t>
  </si>
  <si>
    <t>5702329487207</t>
  </si>
  <si>
    <t>VELUX Verd.-Rollo solar DSL SK10 4576K</t>
  </si>
  <si>
    <t>DSL SK10 4576KWL</t>
  </si>
  <si>
    <t>5702329496827</t>
  </si>
  <si>
    <t>VELUX Verd.-Rollo solar DSL SK10 4576KWL</t>
  </si>
  <si>
    <t>DSL SK10 4577K</t>
  </si>
  <si>
    <t>5702329487214</t>
  </si>
  <si>
    <t>VELUX Verd.-Rollo solar DSL SK10 4577K</t>
  </si>
  <si>
    <t>DSL SK10 4577KWL</t>
  </si>
  <si>
    <t>5702329496834</t>
  </si>
  <si>
    <t>VELUX Verd.-Rollo solar DSL SK10 4577KWL</t>
  </si>
  <si>
    <t>DSL SK10 4578KWL</t>
  </si>
  <si>
    <t>5702329496841</t>
  </si>
  <si>
    <t>VELUX Verd.-Rollo solar DSL SK10 4578KWL</t>
  </si>
  <si>
    <t>DSL SK10 4579K</t>
  </si>
  <si>
    <t>5702329487238</t>
  </si>
  <si>
    <t>VELUX Verd.-Rollo solar DSL SK10 4579K</t>
  </si>
  <si>
    <t>DSL SK10 4579KWL</t>
  </si>
  <si>
    <t>5702329496858</t>
  </si>
  <si>
    <t>VELUX Verd.-Rollo solar DSL SK10 4579KWL</t>
  </si>
  <si>
    <t>DSL SK10 4580K</t>
  </si>
  <si>
    <t>5702329487245</t>
  </si>
  <si>
    <t>VELUX Verd.-Rollo solar DSL SK10 4580K</t>
  </si>
  <si>
    <t>DSL SK10 4580KWL</t>
  </si>
  <si>
    <t>5702329496865</t>
  </si>
  <si>
    <t>VELUX Verd.-Rollo solar DSL SK10 4580KWL</t>
  </si>
  <si>
    <t>DSL SK10 4581K</t>
  </si>
  <si>
    <t>5702329487252</t>
  </si>
  <si>
    <t>VELUX Verd.-Rollo solar DSL SK10 4581K</t>
  </si>
  <si>
    <t>DSL SK10 4581KWL</t>
  </si>
  <si>
    <t>5702329496872</t>
  </si>
  <si>
    <t>VELUX Verd.-Rollo solar DSL SK10 4581KWL</t>
  </si>
  <si>
    <t>DSL SK10 CBYK</t>
  </si>
  <si>
    <t>5702329487269</t>
  </si>
  <si>
    <t>VELUX Verd.-Rollo solar DSL SK10 CBYK</t>
  </si>
  <si>
    <t>DSL SK10 CBYKWL</t>
  </si>
  <si>
    <t>5702329496889</t>
  </si>
  <si>
    <t>VELUX Verd.-Rollo solar DSL SK10 CBYKWL</t>
  </si>
  <si>
    <t>DSL U04 0705K</t>
  </si>
  <si>
    <t>5702329487276</t>
  </si>
  <si>
    <t>VELUX Verd.-Rollo solar DSL U04 0705K</t>
  </si>
  <si>
    <t>DSL U04 0705KWL</t>
  </si>
  <si>
    <t>5702329496896</t>
  </si>
  <si>
    <t>VELUX Verd.-Rollo solar DSL U04 0705KWL</t>
  </si>
  <si>
    <t>DSL U04 1025K</t>
  </si>
  <si>
    <t>5702329487283</t>
  </si>
  <si>
    <t>VELUX Verd.-Rollo solar DSL U04 1025K</t>
  </si>
  <si>
    <t>DSL U04 1025KWL</t>
  </si>
  <si>
    <t>5702329496902</t>
  </si>
  <si>
    <t>VELUX Verd.-Rollo solar DSL U04 1025KWL</t>
  </si>
  <si>
    <t>DSL U04 1085K</t>
  </si>
  <si>
    <t>5702329487290</t>
  </si>
  <si>
    <t>VELUX Verd.-Rollo solar DSL U04 1085K</t>
  </si>
  <si>
    <t>DSL U04 1085KWL</t>
  </si>
  <si>
    <t>5702329496919</t>
  </si>
  <si>
    <t>VELUX Verd.-Rollo solar DSL U04 1085KWL</t>
  </si>
  <si>
    <t>DSL U04 1100K</t>
  </si>
  <si>
    <t>5702329487306</t>
  </si>
  <si>
    <t>VELUX Verd.-Rollo solar DSL U04 1100K</t>
  </si>
  <si>
    <t>DSL U04 1100KWL</t>
  </si>
  <si>
    <t>5702329496926</t>
  </si>
  <si>
    <t>VELUX Verd.-Rollo solar DSL U04 1100KWL</t>
  </si>
  <si>
    <t>DSL U04 3009K</t>
  </si>
  <si>
    <t>5702329487313</t>
  </si>
  <si>
    <t>VELUX Verd.-Rollo solar DSL U04 3009K</t>
  </si>
  <si>
    <t>DSL U04 3009KWL</t>
  </si>
  <si>
    <t>5702329496933</t>
  </si>
  <si>
    <t>VELUX Verd.-Rollo solar DSL U04 3009KWL</t>
  </si>
  <si>
    <t>DSL U04 4556K</t>
  </si>
  <si>
    <t>5702329487320</t>
  </si>
  <si>
    <t>VELUX Verd.-Rollo solar DSL U04 4556K</t>
  </si>
  <si>
    <t>DSL U04 4556KWL</t>
  </si>
  <si>
    <t>5702329496940</t>
  </si>
  <si>
    <t>VELUX Verd.-Rollo solar DSL U04 4556KWL</t>
  </si>
  <si>
    <t>DSL U04 4559K</t>
  </si>
  <si>
    <t>5702329487337</t>
  </si>
  <si>
    <t>VELUX Verd.-Rollo solar DSL U04 4559K</t>
  </si>
  <si>
    <t>DSL U04 4559KWL</t>
  </si>
  <si>
    <t>5702329496957</t>
  </si>
  <si>
    <t>VELUX Verd.-Rollo solar DSL U04 4559KWL</t>
  </si>
  <si>
    <t>DSL U04 4564K</t>
  </si>
  <si>
    <t>5702329487344</t>
  </si>
  <si>
    <t>VELUX Verd.-Rollo solar DSL U04 4564K</t>
  </si>
  <si>
    <t>DSL U04 4564KWL</t>
  </si>
  <si>
    <t>5702329496964</t>
  </si>
  <si>
    <t>VELUX Verd.-Rollo solar DSL U04 4564KWL</t>
  </si>
  <si>
    <t>DSL U04 4574K</t>
  </si>
  <si>
    <t>5702329487351</t>
  </si>
  <si>
    <t>VELUX Verd.-Rollo solar DSL U04 4574K</t>
  </si>
  <si>
    <t>DSL U04 4574KWL</t>
  </si>
  <si>
    <t>5702329496971</t>
  </si>
  <si>
    <t>VELUX Verd.-Rollo solar DSL U04 4574KWL</t>
  </si>
  <si>
    <t>DSL U04 4575K</t>
  </si>
  <si>
    <t>5702329487368</t>
  </si>
  <si>
    <t>VELUX Verd.-Rollo solar DSL U04 4575K</t>
  </si>
  <si>
    <t>DSL U04 4575KWL</t>
  </si>
  <si>
    <t>5702329496988</t>
  </si>
  <si>
    <t>VELUX Verd.-Rollo solar DSL U04 4575KWL</t>
  </si>
  <si>
    <t>DSL U04 4576K</t>
  </si>
  <si>
    <t>5702329487375</t>
  </si>
  <si>
    <t>VELUX Verd.-Rollo solar DSL U04 4576K</t>
  </si>
  <si>
    <t>DSL U04 4576KWL</t>
  </si>
  <si>
    <t>5702329496995</t>
  </si>
  <si>
    <t>VELUX Verd.-Rollo solar DSL U04 4576KWL</t>
  </si>
  <si>
    <t>DSL U04 4577K</t>
  </si>
  <si>
    <t>5702329487382</t>
  </si>
  <si>
    <t>VELUX Verd.-Rollo solar DSL U04 4577K</t>
  </si>
  <si>
    <t>DSL U04 4577KWL</t>
  </si>
  <si>
    <t>5702329497008</t>
  </si>
  <si>
    <t>VELUX Verd.-Rollo solar DSL U04 4577KWL</t>
  </si>
  <si>
    <t>DSL U04 4578K</t>
  </si>
  <si>
    <t>5702329487399</t>
  </si>
  <si>
    <t>VELUX Verd.-Rollo solar DSL U04 4578K</t>
  </si>
  <si>
    <t>DSL U04 4578KWL</t>
  </si>
  <si>
    <t>5702329497015</t>
  </si>
  <si>
    <t>VELUX Verd.-Rollo solar DSL U04 4578KWL</t>
  </si>
  <si>
    <t>DSL U04 4579K</t>
  </si>
  <si>
    <t>5702329487405</t>
  </si>
  <si>
    <t>VELUX Verd.-Rollo solar DSL U04 4579K</t>
  </si>
  <si>
    <t>DSL U04 4579KWL</t>
  </si>
  <si>
    <t>5702329497022</t>
  </si>
  <si>
    <t>VELUX Verd.-Rollo solar DSL U04 4579KWL</t>
  </si>
  <si>
    <t>DSL U04 4580K</t>
  </si>
  <si>
    <t>5702329487412</t>
  </si>
  <si>
    <t>VELUX Verd.-Rollo solar DSL U04 4580K</t>
  </si>
  <si>
    <t>DSL U04 4580KWL</t>
  </si>
  <si>
    <t>5702329497039</t>
  </si>
  <si>
    <t>VELUX Verd.-Rollo solar DSL U04 4580KWL</t>
  </si>
  <si>
    <t>DSL U04 4581K</t>
  </si>
  <si>
    <t>5702329487429</t>
  </si>
  <si>
    <t>VELUX Verd.-Rollo solar DSL U04 4581K</t>
  </si>
  <si>
    <t>DSL U04 4581KWL</t>
  </si>
  <si>
    <t>5702329497046</t>
  </si>
  <si>
    <t>VELUX Verd.-Rollo solar DSL U04 4581KWL</t>
  </si>
  <si>
    <t>DSL U04 CBYK</t>
  </si>
  <si>
    <t>5702329487436</t>
  </si>
  <si>
    <t>VELUX Verd.-Rollo solar DSL U04 CBYK</t>
  </si>
  <si>
    <t>DSL U04 CBYKWL</t>
  </si>
  <si>
    <t>5702329497053</t>
  </si>
  <si>
    <t>VELUX Verd.-Rollo solar DSL U04 CBYKWL</t>
  </si>
  <si>
    <t>DSL U08 0705K</t>
  </si>
  <si>
    <t>5702329487443</t>
  </si>
  <si>
    <t>VELUX Verd.-Rollo solar DSL U08 0705K</t>
  </si>
  <si>
    <t>DSL U08 0705KWL</t>
  </si>
  <si>
    <t>5702329497060</t>
  </si>
  <si>
    <t>VELUX Verd.-Rollo solar DSL U08 0705KWL</t>
  </si>
  <si>
    <t>DSL U08 1025K</t>
  </si>
  <si>
    <t>5702329487450</t>
  </si>
  <si>
    <t>VELUX Verd.-Rollo solar DSL U08 1025K</t>
  </si>
  <si>
    <t>DSL U08 1025KWL</t>
  </si>
  <si>
    <t>5702329497077</t>
  </si>
  <si>
    <t>VELUX Verd.-Rollo solar DSL U08 1025KWL</t>
  </si>
  <si>
    <t>DSL U08 1085K</t>
  </si>
  <si>
    <t>5702329487467</t>
  </si>
  <si>
    <t>VELUX Verd.-Rollo solar DSL U08 1085K</t>
  </si>
  <si>
    <t>DSL U08 1085KWL</t>
  </si>
  <si>
    <t>5702329497084</t>
  </si>
  <si>
    <t>VELUX Verd.-Rollo solar DSL U08 1085KWL</t>
  </si>
  <si>
    <t>DSL U08 1100K</t>
  </si>
  <si>
    <t>5702329487474</t>
  </si>
  <si>
    <t>VELUX Verd.-Rollo solar DSL U08 1100K</t>
  </si>
  <si>
    <t>DSL U08 1100KWL</t>
  </si>
  <si>
    <t>5702329497091</t>
  </si>
  <si>
    <t>VELUX Verd.-Rollo solar DSL U08 1100KWL</t>
  </si>
  <si>
    <t>DSL U08 3009K</t>
  </si>
  <si>
    <t>5702329487481</t>
  </si>
  <si>
    <t>VELUX Verd.-Rollo solar DSL U08 3009K</t>
  </si>
  <si>
    <t>DSL U08 3009KWL</t>
  </si>
  <si>
    <t>5702329497107</t>
  </si>
  <si>
    <t>VELUX Verd.-Rollo solar DSL U08 3009KWL</t>
  </si>
  <si>
    <t>DSL U08 4556K</t>
  </si>
  <si>
    <t>5702329487498</t>
  </si>
  <si>
    <t>VELUX Verd.-Rollo solar DSL U08 4556K</t>
  </si>
  <si>
    <t>DSL U08 4556KWL</t>
  </si>
  <si>
    <t>5702329497114</t>
  </si>
  <si>
    <t>VELUX Verd.-Rollo solar DSL U08 4556KWL</t>
  </si>
  <si>
    <t>DSL U08 4559K</t>
  </si>
  <si>
    <t>5702329487504</t>
  </si>
  <si>
    <t>VELUX Verd.-Rollo solar DSL U08 4559K</t>
  </si>
  <si>
    <t>DSL U08 4564K</t>
  </si>
  <si>
    <t>5702329487511</t>
  </si>
  <si>
    <t>VELUX Verd.-Rollo solar DSL U08 4564K</t>
  </si>
  <si>
    <t>DSL U08 4564KWL</t>
  </si>
  <si>
    <t>5702329497138</t>
  </si>
  <si>
    <t>VELUX Verd.-Rollo solar DSL U08 4564KWL</t>
  </si>
  <si>
    <t>DSL U08 4574K</t>
  </si>
  <si>
    <t>5702329487528</t>
  </si>
  <si>
    <t>VELUX Verd.-Rollo solar DSL U08 4574K</t>
  </si>
  <si>
    <t>DSL U08 4574KWL</t>
  </si>
  <si>
    <t>5702329497145</t>
  </si>
  <si>
    <t>VELUX Verd.-Rollo solar DSL U08 4574KWL</t>
  </si>
  <si>
    <t>DSL U08 4575K</t>
  </si>
  <si>
    <t>5702329487535</t>
  </si>
  <si>
    <t>VELUX Verd.-Rollo solar DSL U08 4575K</t>
  </si>
  <si>
    <t>DSL U08 4575KWL</t>
  </si>
  <si>
    <t>5702329497152</t>
  </si>
  <si>
    <t>VELUX Verd.-Rollo solar DSL U08 4575KWL</t>
  </si>
  <si>
    <t>DSL U08 4576K</t>
  </si>
  <si>
    <t>5702329487542</t>
  </si>
  <si>
    <t>VELUX Verd.-Rollo solar DSL U08 4576K</t>
  </si>
  <si>
    <t>DSL U08 4576KWL</t>
  </si>
  <si>
    <t>5702329497169</t>
  </si>
  <si>
    <t>VELUX Verd.-Rollo solar DSL U08 4576KWL</t>
  </si>
  <si>
    <t>DSL U08 4577K</t>
  </si>
  <si>
    <t>5702329487559</t>
  </si>
  <si>
    <t>VELUX Verd.-Rollo solar DSL U08 4577K</t>
  </si>
  <si>
    <t>DSL U08 4577KWL</t>
  </si>
  <si>
    <t>5702329497176</t>
  </si>
  <si>
    <t>VELUX Verd.-Rollo solar DSL U08 4577KWL</t>
  </si>
  <si>
    <t>DSL U08 4578K</t>
  </si>
  <si>
    <t>5702329487566</t>
  </si>
  <si>
    <t>VELUX Verd.-Rollo solar DSL U08 4578K</t>
  </si>
  <si>
    <t>DSL U08 4578KWL</t>
  </si>
  <si>
    <t>5702329497183</t>
  </si>
  <si>
    <t>VELUX Verd.-Rollo solar DSL U08 4578KWL</t>
  </si>
  <si>
    <t>DSL U08 4579K</t>
  </si>
  <si>
    <t>5702329487573</t>
  </si>
  <si>
    <t>VELUX Verd.-Rollo solar DSL U08 4579K</t>
  </si>
  <si>
    <t>DSL U08 4579KWL</t>
  </si>
  <si>
    <t>5702329497190</t>
  </si>
  <si>
    <t>VELUX Verd.-Rollo solar DSL U08 4579KWL</t>
  </si>
  <si>
    <t>DSL U08 4580K</t>
  </si>
  <si>
    <t>5702329487580</t>
  </si>
  <si>
    <t>VELUX Verd.-Rollo solar DSL U08 4580K</t>
  </si>
  <si>
    <t>DSL U08 4580KWL</t>
  </si>
  <si>
    <t>5702329497206</t>
  </si>
  <si>
    <t>VELUX Verd.-Rollo solar DSL U08 4580KWL</t>
  </si>
  <si>
    <t>DSL U08 4581K</t>
  </si>
  <si>
    <t>5702329487597</t>
  </si>
  <si>
    <t>VELUX Verd.-Rollo solar DSL U08 4581K</t>
  </si>
  <si>
    <t>DSL U08 4581KWL</t>
  </si>
  <si>
    <t>5702329497213</t>
  </si>
  <si>
    <t>VELUX Verd.-Rollo solar DSL U08 4581KWL</t>
  </si>
  <si>
    <t>DSL U08 CBYK</t>
  </si>
  <si>
    <t>5702329487603</t>
  </si>
  <si>
    <t>VELUX Verd.-Rollo solar DSL U08 CBYK</t>
  </si>
  <si>
    <t>DSL U08 CBYKWL</t>
  </si>
  <si>
    <t>5702329497220</t>
  </si>
  <si>
    <t>VELUX Verd.-Rollo solar DSL U08 CBYKWL</t>
  </si>
  <si>
    <t>DSL U10 0705K</t>
  </si>
  <si>
    <t>5702329487610</t>
  </si>
  <si>
    <t>VELUX Verd.-Rollo solar DSL U10 0705K</t>
  </si>
  <si>
    <t>DSL U10 0705KWL</t>
  </si>
  <si>
    <t>5702329497237</t>
  </si>
  <si>
    <t>VELUX Verd.-Rollo solar DSL U10 0705KWL</t>
  </si>
  <si>
    <t>DSL U10 1025K</t>
  </si>
  <si>
    <t>5702329487627</t>
  </si>
  <si>
    <t>VELUX Verd.-Rollo solar DSL U10 1025K</t>
  </si>
  <si>
    <t>DSL U10 1025KWL</t>
  </si>
  <si>
    <t>5702329497244</t>
  </si>
  <si>
    <t>VELUX Verd.-Rollo solar DSL U10 1025KWL</t>
  </si>
  <si>
    <t>DSL U10 1085K</t>
  </si>
  <si>
    <t>5702329487634</t>
  </si>
  <si>
    <t>VELUX Verd.-Rollo solar DSL U10 1085K</t>
  </si>
  <si>
    <t>DSL U10 1085KWL</t>
  </si>
  <si>
    <t>5702329497251</t>
  </si>
  <si>
    <t>VELUX Verd.-Rollo solar DSL U10 1085KWL</t>
  </si>
  <si>
    <t>DSL U10 1100K</t>
  </si>
  <si>
    <t>5702329487641</t>
  </si>
  <si>
    <t>VELUX Verd.-Rollo solar DSL U10 1100K</t>
  </si>
  <si>
    <t>DSL U10 1100KWL</t>
  </si>
  <si>
    <t>5702329497268</t>
  </si>
  <si>
    <t>VELUX Verd.-Rollo solar DSL U10 1100KWL</t>
  </si>
  <si>
    <t>DSL U10 3009K</t>
  </si>
  <si>
    <t>5702329487658</t>
  </si>
  <si>
    <t>VELUX Verd.-Rollo solar DSL U10 3009K</t>
  </si>
  <si>
    <t>DSL U10 4556K</t>
  </si>
  <si>
    <t>5702329487665</t>
  </si>
  <si>
    <t>VELUX Verd.-Rollo solar DSL U10 4556K</t>
  </si>
  <si>
    <t>DSL U10 4556KWL</t>
  </si>
  <si>
    <t>5702329497282</t>
  </si>
  <si>
    <t>VELUX Verd.-Rollo solar DSL U10 4556KWL</t>
  </si>
  <si>
    <t>DSL U10 4559K</t>
  </si>
  <si>
    <t>5702329487672</t>
  </si>
  <si>
    <t>VELUX Verd.-Rollo solar DSL U10 4559K</t>
  </si>
  <si>
    <t>DSL U10 4574KWL</t>
  </si>
  <si>
    <t>5702329497312</t>
  </si>
  <si>
    <t>VELUX Verd.-Rollo solar DSL U10 4574KWL</t>
  </si>
  <si>
    <t>DSL U10 4576K</t>
  </si>
  <si>
    <t>5702329487719</t>
  </si>
  <si>
    <t>VELUX Verd.-Rollo solar DSL U10 4576K</t>
  </si>
  <si>
    <t>DSL U10 4576KWL</t>
  </si>
  <si>
    <t>5702329497336</t>
  </si>
  <si>
    <t>VELUX Verd.-Rollo solar DSL U10 4576KWL</t>
  </si>
  <si>
    <t>DSL U10 4578K</t>
  </si>
  <si>
    <t>5702329487733</t>
  </si>
  <si>
    <t>VELUX Verd.-Rollo solar DSL U10 4578K</t>
  </si>
  <si>
    <t>DSL U10 4580K</t>
  </si>
  <si>
    <t>5702329487757</t>
  </si>
  <si>
    <t>VELUX Verd.-Rollo solar DSL U10 4580K</t>
  </si>
  <si>
    <t>DSL U10 4581K</t>
  </si>
  <si>
    <t>5702329487764</t>
  </si>
  <si>
    <t>VELUX Verd.-Rollo solar DSL U10 4581K</t>
  </si>
  <si>
    <t>DSL U10 CBYK</t>
  </si>
  <si>
    <t>5702329487771</t>
  </si>
  <si>
    <t>VELUX Verd.-Rollo solar DSL U10 CBYK</t>
  </si>
  <si>
    <t>DSL U10 CBYKWL</t>
  </si>
  <si>
    <t>5702329497398</t>
  </si>
  <si>
    <t>VELUX Verd.-Rollo solar DSL U10 CBYKWL</t>
  </si>
  <si>
    <t>DSL U31 1025K</t>
  </si>
  <si>
    <t>5702329487795</t>
  </si>
  <si>
    <t>VELUX Verd.-Rollo solar DSL U31 1025K</t>
  </si>
  <si>
    <t>DSL U31 1085K</t>
  </si>
  <si>
    <t>5702329487801</t>
  </si>
  <si>
    <t>VELUX Verd.-Rollo solar DSL U31 1085K</t>
  </si>
  <si>
    <t>DSL U31 1085KWL</t>
  </si>
  <si>
    <t>5702329497428</t>
  </si>
  <si>
    <t>VELUX Verd.-Rollo solar DSL U31 1085KWL</t>
  </si>
  <si>
    <t>DSL U31 1100K</t>
  </si>
  <si>
    <t>5702329487818</t>
  </si>
  <si>
    <t>VELUX Verd.-Rollo solar DSL U31 1100K</t>
  </si>
  <si>
    <t>DSL U31 1100KWL</t>
  </si>
  <si>
    <t>5702329497435</t>
  </si>
  <si>
    <t>VELUX Verd.-Rollo solar DSL U31 1100KWL</t>
  </si>
  <si>
    <t>DSL U31 3009KWL</t>
  </si>
  <si>
    <t>5702329497442</t>
  </si>
  <si>
    <t>VELUX Verd.-Rollo solar DSL U31 3009KWL</t>
  </si>
  <si>
    <t>DSL U31 4556K</t>
  </si>
  <si>
    <t>5702329487832</t>
  </si>
  <si>
    <t>VELUX Verd.-Rollo solar DSL U31 4556K</t>
  </si>
  <si>
    <t>DSL U31 4581KWL</t>
  </si>
  <si>
    <t>5702329497558</t>
  </si>
  <si>
    <t>VELUX Verd.-Rollo solar DSL U31 4581KWL</t>
  </si>
  <si>
    <t>DSL U31 CBYK</t>
  </si>
  <si>
    <t>5702329487948</t>
  </si>
  <si>
    <t>VELUX Verd.-Rollo solar DSL U31 CBYK</t>
  </si>
  <si>
    <t>DSL U31 CBYKWL</t>
  </si>
  <si>
    <t>5702329497565</t>
  </si>
  <si>
    <t>VELUX Verd.-Rollo solar DSL U31 CBYKWL</t>
  </si>
  <si>
    <t>DSL UK04 0705K</t>
  </si>
  <si>
    <t>5702329488112</t>
  </si>
  <si>
    <t>VELUX Verd.-Rollo solar DSL UK04 0705K</t>
  </si>
  <si>
    <t>DSL UK04 0705KWL</t>
  </si>
  <si>
    <t>5702329497572</t>
  </si>
  <si>
    <t>VELUX Verd.-Rollo solar DSL UK04 0705KWL</t>
  </si>
  <si>
    <t>DSL UK04 1025K</t>
  </si>
  <si>
    <t>5702329488129</t>
  </si>
  <si>
    <t>VELUX Verd.-Rollo solar DSL UK04 1025K</t>
  </si>
  <si>
    <t>DSL UK04 1025KWL</t>
  </si>
  <si>
    <t>5702329497589</t>
  </si>
  <si>
    <t>VELUX Verd.-Rollo solar DSL UK04 1025KWL</t>
  </si>
  <si>
    <t>DSL UK04 1085K</t>
  </si>
  <si>
    <t>5702329488136</t>
  </si>
  <si>
    <t>VELUX Verd.-Rollo solar DSL UK04 1085K</t>
  </si>
  <si>
    <t>DSL UK04 1085KWL</t>
  </si>
  <si>
    <t>5702329497596</t>
  </si>
  <si>
    <t>VELUX Verd.-Rollo solar DSL UK04 1085KWL</t>
  </si>
  <si>
    <t>DSL UK04 1100K</t>
  </si>
  <si>
    <t>5702329488143</t>
  </si>
  <si>
    <t>VELUX Verd.-Rollo solar DSL UK04 1100K</t>
  </si>
  <si>
    <t>DSL UK04 1100KWL</t>
  </si>
  <si>
    <t>5702329497602</t>
  </si>
  <si>
    <t>VELUX Verd.-Rollo solar DSL UK04 1100KWL</t>
  </si>
  <si>
    <t>DSL UK04 3009K</t>
  </si>
  <si>
    <t>5702329488150</t>
  </si>
  <si>
    <t>VELUX Verd.-Rollo solar DSL UK04 3009K</t>
  </si>
  <si>
    <t>DSL UK04 3009KWL</t>
  </si>
  <si>
    <t>5702329497619</t>
  </si>
  <si>
    <t>VELUX Verd.-Rollo solar DSL UK04 3009KWL</t>
  </si>
  <si>
    <t>DSL UK04 4556K</t>
  </si>
  <si>
    <t>5702329488167</t>
  </si>
  <si>
    <t>VELUX Verd.-Rollo solar DSL UK04 4556K</t>
  </si>
  <si>
    <t>DSL UK04 4556KWL</t>
  </si>
  <si>
    <t>5702329497626</t>
  </si>
  <si>
    <t>VELUX Verd.-Rollo solar DSL UK04 4556KWL</t>
  </si>
  <si>
    <t>DSL UK04 4559K</t>
  </si>
  <si>
    <t>5702329488174</t>
  </si>
  <si>
    <t>VELUX Verd.-Rollo solar DSL UK04 4559K</t>
  </si>
  <si>
    <t>DSL UK04 4559KWL</t>
  </si>
  <si>
    <t>5702329497633</t>
  </si>
  <si>
    <t>VELUX Verd.-Rollo solar DSL UK04 4559KWL</t>
  </si>
  <si>
    <t>DSL UK04 4564K</t>
  </si>
  <si>
    <t>5702329488181</t>
  </si>
  <si>
    <t>VELUX Verd.-Rollo solar DSL UK04 4564K</t>
  </si>
  <si>
    <t>DSL UK04 4564KWL</t>
  </si>
  <si>
    <t>5702329497640</t>
  </si>
  <si>
    <t>VELUX Verd.-Rollo solar DSL UK04 4564KWL</t>
  </si>
  <si>
    <t>DSL UK04 4574K</t>
  </si>
  <si>
    <t>5702329488198</t>
  </si>
  <si>
    <t>VELUX Verd.-Rollo solar DSL UK04 4574K</t>
  </si>
  <si>
    <t>DSL UK04 4574KWL</t>
  </si>
  <si>
    <t>5702329497657</t>
  </si>
  <si>
    <t>VELUX Verd.-Rollo solar DSL UK04 4574KWL</t>
  </si>
  <si>
    <t>DSL UK04 4575K</t>
  </si>
  <si>
    <t>5702329488204</t>
  </si>
  <si>
    <t>VELUX Verd.-Rollo solar DSL UK04 4575K</t>
  </si>
  <si>
    <t>DSL UK04 4575KWL</t>
  </si>
  <si>
    <t>5702329497664</t>
  </si>
  <si>
    <t>VELUX Verd.-Rollo solar DSL UK04 4575KWL</t>
  </si>
  <si>
    <t>DSL UK04 4576K</t>
  </si>
  <si>
    <t>5702329488211</t>
  </si>
  <si>
    <t>VELUX Verd.-Rollo solar DSL UK04 4576K</t>
  </si>
  <si>
    <t>DSL UK04 4576KWL</t>
  </si>
  <si>
    <t>5702329497671</t>
  </si>
  <si>
    <t>VELUX Verd.-Rollo solar DSL UK04 4576KWL</t>
  </si>
  <si>
    <t>DSL UK04 4577K</t>
  </si>
  <si>
    <t>5702329488228</t>
  </si>
  <si>
    <t>VELUX Verd.-Rollo solar DSL UK04 4577K</t>
  </si>
  <si>
    <t>DSL UK04 4577KWL</t>
  </si>
  <si>
    <t>5702329497688</t>
  </si>
  <si>
    <t>VELUX Verd.-Rollo solar DSL UK04 4577KWL</t>
  </si>
  <si>
    <t>DSL UK04 4578K</t>
  </si>
  <si>
    <t>5702329488235</t>
  </si>
  <si>
    <t>VELUX Verd.-Rollo solar DSL UK04 4578K</t>
  </si>
  <si>
    <t>DSL UK04 4578KWL</t>
  </si>
  <si>
    <t>5702329497695</t>
  </si>
  <si>
    <t>VELUX Verd.-Rollo solar DSL UK04 4578KWL</t>
  </si>
  <si>
    <t>DSL UK04 4579K</t>
  </si>
  <si>
    <t>5702329488242</t>
  </si>
  <si>
    <t>VELUX Verd.-Rollo solar DSL UK04 4579K</t>
  </si>
  <si>
    <t>DSL UK04 4579KWL</t>
  </si>
  <si>
    <t>5702329497701</t>
  </si>
  <si>
    <t>VELUX Verd.-Rollo solar DSL UK04 4579KWL</t>
  </si>
  <si>
    <t>DSL UK04 4580K</t>
  </si>
  <si>
    <t>5702329488259</t>
  </si>
  <si>
    <t>VELUX Verd.-Rollo solar DSL UK04 4580K</t>
  </si>
  <si>
    <t>DSL UK04 4580KWL</t>
  </si>
  <si>
    <t>5702329497718</t>
  </si>
  <si>
    <t>VELUX Verd.-Rollo solar DSL UK04 4580KWL</t>
  </si>
  <si>
    <t>DSL UK04 4581K</t>
  </si>
  <si>
    <t>5702329488266</t>
  </si>
  <si>
    <t>VELUX Verd.-Rollo solar DSL UK04 4581K</t>
  </si>
  <si>
    <t>DSL UK04 4581KWL</t>
  </si>
  <si>
    <t>5702329497725</t>
  </si>
  <si>
    <t>VELUX Verd.-Rollo solar DSL UK04 4581KWL</t>
  </si>
  <si>
    <t>DSL UK04 CBYK</t>
  </si>
  <si>
    <t>5702329488273</t>
  </si>
  <si>
    <t>VELUX Verd.-Rollo solar DSL UK04 CBYK</t>
  </si>
  <si>
    <t>DSL UK04 CBYKWL</t>
  </si>
  <si>
    <t>5702329497732</t>
  </si>
  <si>
    <t>VELUX Verd.-Rollo solar DSL UK04 CBYKWL</t>
  </si>
  <si>
    <t>DSL UK08 0705K</t>
  </si>
  <si>
    <t>5702329488280</t>
  </si>
  <si>
    <t>VELUX Verd.-Rollo solar DSL UK08 0705K</t>
  </si>
  <si>
    <t>DSL UK08 0705KWL</t>
  </si>
  <si>
    <t>5702329497749</t>
  </si>
  <si>
    <t>VELUX Verd.-Rollo solar DSL UK08 0705KWL</t>
  </si>
  <si>
    <t>DSL UK08 1025K</t>
  </si>
  <si>
    <t>5702329488297</t>
  </si>
  <si>
    <t>VELUX Verd.-Rollo solar DSL UK08 1025K</t>
  </si>
  <si>
    <t>DSL UK08 1025KWL</t>
  </si>
  <si>
    <t>5702329497756</t>
  </si>
  <si>
    <t>VELUX Verd.-Rollo solar DSL UK08 1025KWL</t>
  </si>
  <si>
    <t>DSL UK08 1085K</t>
  </si>
  <si>
    <t>5702329488303</t>
  </si>
  <si>
    <t>VELUX Verd.-Rollo solar DSL UK08 1085K</t>
  </si>
  <si>
    <t>DSL UK08 1085KWL</t>
  </si>
  <si>
    <t>5702329497763</t>
  </si>
  <si>
    <t>VELUX Verd.-Rollo solar DSL UK08 1085KWL</t>
  </si>
  <si>
    <t>DSL UK08 1100K</t>
  </si>
  <si>
    <t>5702329488310</t>
  </si>
  <si>
    <t>VELUX Verd.-Rollo solar DSL UK08 1100K</t>
  </si>
  <si>
    <t>DSL UK08 1100KWL</t>
  </si>
  <si>
    <t>5702329497770</t>
  </si>
  <si>
    <t>VELUX Verd.-Rollo solar DSL UK08 1100KWL</t>
  </si>
  <si>
    <t>DSL UK08 3009K</t>
  </si>
  <si>
    <t>5702329488327</t>
  </si>
  <si>
    <t>VELUX Verd.-Rollo solar DSL UK08 3009K</t>
  </si>
  <si>
    <t>DSL UK08 3009KWL</t>
  </si>
  <si>
    <t>5702329497787</t>
  </si>
  <si>
    <t>VELUX Verd.-Rollo solar DSL UK08 3009KWL</t>
  </si>
  <si>
    <t>DSL UK08 4556K</t>
  </si>
  <si>
    <t>5702329488334</t>
  </si>
  <si>
    <t>VELUX Verd.-Rollo solar DSL UK08 4556K</t>
  </si>
  <si>
    <t>DSL UK08 4556KWL</t>
  </si>
  <si>
    <t>5702329497794</t>
  </si>
  <si>
    <t>VELUX Verd.-Rollo solar DSL UK08 4556KWL</t>
  </si>
  <si>
    <t>DSL UK08 4559K</t>
  </si>
  <si>
    <t>5702329488341</t>
  </si>
  <si>
    <t>VELUX Verd.-Rollo solar DSL UK08 4559K</t>
  </si>
  <si>
    <t>DSL UK08 4559KWL</t>
  </si>
  <si>
    <t>5702329497800</t>
  </si>
  <si>
    <t>VELUX Verd.-Rollo solar DSL UK08 4559KWL</t>
  </si>
  <si>
    <t>DSL UK08 4564K</t>
  </si>
  <si>
    <t>5702329488358</t>
  </si>
  <si>
    <t>VELUX Verd.-Rollo solar DSL UK08 4564K</t>
  </si>
  <si>
    <t>DSL UK08 4564KWL</t>
  </si>
  <si>
    <t>5702329497817</t>
  </si>
  <si>
    <t>VELUX Verd.-Rollo solar DSL UK08 4564KWL</t>
  </si>
  <si>
    <t>DSL UK08 4574K</t>
  </si>
  <si>
    <t>5702329488365</t>
  </si>
  <si>
    <t>VELUX Verd.-Rollo solar DSL UK08 4574K</t>
  </si>
  <si>
    <t>DSL UK08 4574KWL</t>
  </si>
  <si>
    <t>5702329497824</t>
  </si>
  <si>
    <t>VELUX Verd.-Rollo solar DSL UK08 4574KWL</t>
  </si>
  <si>
    <t>DSL UK08 4575K</t>
  </si>
  <si>
    <t>5702329488372</t>
  </si>
  <si>
    <t>VELUX Verd.-Rollo solar DSL UK08 4575K</t>
  </si>
  <si>
    <t>DSL UK08 4575KWL</t>
  </si>
  <si>
    <t>5702329497831</t>
  </si>
  <si>
    <t>VELUX Verd.-Rollo solar DSL UK08 4575KWL</t>
  </si>
  <si>
    <t>DSL UK08 4576K</t>
  </si>
  <si>
    <t>5702329488389</t>
  </si>
  <si>
    <t>VELUX Verd.-Rollo solar DSL UK08 4576K</t>
  </si>
  <si>
    <t>DSL UK08 4576KWL</t>
  </si>
  <si>
    <t>5702329497848</t>
  </si>
  <si>
    <t>VELUX Verd.-Rollo solar DSL UK08 4576KWL</t>
  </si>
  <si>
    <t>DSL UK08 4577K</t>
  </si>
  <si>
    <t>5702329488396</t>
  </si>
  <si>
    <t>VELUX Verd.-Rollo solar DSL UK08 4577K</t>
  </si>
  <si>
    <t>DSL UK08 4577KWL</t>
  </si>
  <si>
    <t>5702329497855</t>
  </si>
  <si>
    <t>VELUX Verd.-Rollo solar DSL UK08 4577KWL</t>
  </si>
  <si>
    <t>DSL UK08 4578K</t>
  </si>
  <si>
    <t>5702329488402</t>
  </si>
  <si>
    <t>VELUX Verd.-Rollo solar DSL UK08 4578K</t>
  </si>
  <si>
    <t>DSL UK08 4578KWL</t>
  </si>
  <si>
    <t>5702329497862</t>
  </si>
  <si>
    <t>VELUX Verd.-Rollo solar DSL UK08 4578KWL</t>
  </si>
  <si>
    <t>DSL UK08 4579K</t>
  </si>
  <si>
    <t>5702329488419</t>
  </si>
  <si>
    <t>VELUX Verd.-Rollo solar DSL UK08 4579K</t>
  </si>
  <si>
    <t>DSL UK08 4579KWL</t>
  </si>
  <si>
    <t>5702329497879</t>
  </si>
  <si>
    <t>VELUX Verd.-Rollo solar DSL UK08 4579KWL</t>
  </si>
  <si>
    <t>DSL UK08 4580K</t>
  </si>
  <si>
    <t>5702329488426</t>
  </si>
  <si>
    <t>VELUX Verd.-Rollo solar DSL UK08 4580K</t>
  </si>
  <si>
    <t>DSL UK08 4580KWL</t>
  </si>
  <si>
    <t>5702329497886</t>
  </si>
  <si>
    <t>VELUX Verd.-Rollo solar DSL UK08 4580KWL</t>
  </si>
  <si>
    <t>DSL UK08 4581K</t>
  </si>
  <si>
    <t>5702329488433</t>
  </si>
  <si>
    <t>VELUX Verd.-Rollo solar DSL UK08 4581K</t>
  </si>
  <si>
    <t>DSL UK08 4581KWL</t>
  </si>
  <si>
    <t>5702329497893</t>
  </si>
  <si>
    <t>VELUX Verd.-Rollo solar DSL UK08 4581KWL</t>
  </si>
  <si>
    <t>DSL UK08 CBYK</t>
  </si>
  <si>
    <t>5702329488440</t>
  </si>
  <si>
    <t>VELUX Verd.-Rollo solar DSL UK08 CBYK</t>
  </si>
  <si>
    <t>DSL UK08 CBYKWL</t>
  </si>
  <si>
    <t>5702329497909</t>
  </si>
  <si>
    <t>VELUX Verd.-Rollo solar DSL UK08 CBYKWL</t>
  </si>
  <si>
    <t>DSL UK10 0705K</t>
  </si>
  <si>
    <t>5702329488457</t>
  </si>
  <si>
    <t>VELUX Verd.-Rollo solar DSL UK10 0705K</t>
  </si>
  <si>
    <t>DSL UK10 0705KWL</t>
  </si>
  <si>
    <t>5702329497916</t>
  </si>
  <si>
    <t>VELUX Verd.-Rollo solar DSL UK10 0705KWL</t>
  </si>
  <si>
    <t>DSL UK10 1025K</t>
  </si>
  <si>
    <t>5702329488464</t>
  </si>
  <si>
    <t>VELUX Verd.-Rollo solar DSL UK10 1025K</t>
  </si>
  <si>
    <t>DSL UK10 1025KWL</t>
  </si>
  <si>
    <t>5702329497923</t>
  </si>
  <si>
    <t>VELUX Verd.-Rollo solar DSL UK10 1025KWL</t>
  </si>
  <si>
    <t>DSL UK10 1085K</t>
  </si>
  <si>
    <t>5702329488471</t>
  </si>
  <si>
    <t>VELUX Verd.-Rollo solar DSL UK10 1085K</t>
  </si>
  <si>
    <t>DSL UK10 1085KWL</t>
  </si>
  <si>
    <t>5702329497930</t>
  </si>
  <si>
    <t>VELUX Verd.-Rollo solar DSL UK10 1085KWL</t>
  </si>
  <si>
    <t>DSL UK10 1100K</t>
  </si>
  <si>
    <t>5702329488488</t>
  </si>
  <si>
    <t>VELUX Verd.-Rollo solar DSL UK10 1100K</t>
  </si>
  <si>
    <t>DSL UK10 1100KWL</t>
  </si>
  <si>
    <t>5702329497947</t>
  </si>
  <si>
    <t>VELUX Verd.-Rollo solar DSL UK10 1100KWL</t>
  </si>
  <si>
    <t>DSL UK10 3009K</t>
  </si>
  <si>
    <t>5702329488495</t>
  </si>
  <si>
    <t>VELUX Verd.-Rollo solar DSL UK10 3009K</t>
  </si>
  <si>
    <t>DSL UK10 3009KWL</t>
  </si>
  <si>
    <t>5702329497954</t>
  </si>
  <si>
    <t>VELUX Verd.-Rollo solar DSL UK10 3009KWL</t>
  </si>
  <si>
    <t>DSL UK10 4556K</t>
  </si>
  <si>
    <t>5702329488501</t>
  </si>
  <si>
    <t>VELUX Verd.-Rollo solar DSL UK10 4556K</t>
  </si>
  <si>
    <t>DSL UK10 4556KWL</t>
  </si>
  <si>
    <t>5702329497961</t>
  </si>
  <si>
    <t>VELUX Verd.-Rollo solar DSL UK10 4556KWL</t>
  </si>
  <si>
    <t>DSL UK10 4559K</t>
  </si>
  <si>
    <t>5702329488518</t>
  </si>
  <si>
    <t>VELUX Verd.-Rollo solar DSL UK10 4559K</t>
  </si>
  <si>
    <t>DSL UK10 4564K</t>
  </si>
  <si>
    <t>5702329488525</t>
  </si>
  <si>
    <t>VELUX Verd.-Rollo solar DSL UK10 4564K</t>
  </si>
  <si>
    <t>DSL UK10 4574K</t>
  </si>
  <si>
    <t>5702329488532</t>
  </si>
  <si>
    <t>VELUX Verd.-Rollo solar DSL UK10 4574K</t>
  </si>
  <si>
    <t>DSL UK10 4574KWL</t>
  </si>
  <si>
    <t>5702329497992</t>
  </si>
  <si>
    <t>VELUX Verd.-Rollo solar DSL UK10 4574KWL</t>
  </si>
  <si>
    <t>DSL UK10 4575KWL</t>
  </si>
  <si>
    <t>5702329498005</t>
  </si>
  <si>
    <t>VELUX Verd.-Rollo solar DSL UK10 4575KWL</t>
  </si>
  <si>
    <t>DSL UK10 4576K</t>
  </si>
  <si>
    <t>5702329488556</t>
  </si>
  <si>
    <t>VELUX Verd.-Rollo solar DSL UK10 4576K</t>
  </si>
  <si>
    <t>DSL UK10 4576KWL</t>
  </si>
  <si>
    <t>5702329498012</t>
  </si>
  <si>
    <t>VELUX Verd.-Rollo solar DSL UK10 4576KWL</t>
  </si>
  <si>
    <t>DSL UK10 4577K</t>
  </si>
  <si>
    <t>5702329488563</t>
  </si>
  <si>
    <t>VELUX Verd.-Rollo solar DSL UK10 4577K</t>
  </si>
  <si>
    <t>DSL UK10 4577KWL</t>
  </si>
  <si>
    <t>5702329498029</t>
  </si>
  <si>
    <t>VELUX Verd.-Rollo solar DSL UK10 4577KWL</t>
  </si>
  <si>
    <t>DSL UK10 4578K</t>
  </si>
  <si>
    <t>5702329488570</t>
  </si>
  <si>
    <t>VELUX Verd.-Rollo solar DSL UK10 4578K</t>
  </si>
  <si>
    <t>DSL UK10 4579K</t>
  </si>
  <si>
    <t>5702329488587</t>
  </si>
  <si>
    <t>VELUX Verd.-Rollo solar DSL UK10 4579K</t>
  </si>
  <si>
    <t>DSL UK10 4579KWL</t>
  </si>
  <si>
    <t>5702329498043</t>
  </si>
  <si>
    <t>VELUX Verd.-Rollo solar DSL UK10 4579KWL</t>
  </si>
  <si>
    <t>DSL UK10 4580K</t>
  </si>
  <si>
    <t>5702329488594</t>
  </si>
  <si>
    <t>VELUX Verd.-Rollo solar DSL UK10 4580K</t>
  </si>
  <si>
    <t>DSL UK10 4580KWL</t>
  </si>
  <si>
    <t>5702329498050</t>
  </si>
  <si>
    <t>VELUX Verd.-Rollo solar DSL UK10 4580KWL</t>
  </si>
  <si>
    <t>DSL UK10 4581K</t>
  </si>
  <si>
    <t>5702329488600</t>
  </si>
  <si>
    <t>VELUX Verd.-Rollo solar DSL UK10 4581K</t>
  </si>
  <si>
    <t>DSL UK10 4581KWL</t>
  </si>
  <si>
    <t>5702329498067</t>
  </si>
  <si>
    <t>VELUX Verd.-Rollo solar DSL UK10 4581KWL</t>
  </si>
  <si>
    <t>DSL UK10 CBYK</t>
  </si>
  <si>
    <t>5702329488617</t>
  </si>
  <si>
    <t>VELUX Verd.-Rollo solar DSL UK10 CBYK</t>
  </si>
  <si>
    <t>DSL UK10 CBYKWL</t>
  </si>
  <si>
    <t>5702329498074</t>
  </si>
  <si>
    <t>VELUX Verd.-Rollo solar DSL UK10 CBYKWL</t>
  </si>
  <si>
    <t>DSU 060060 4550WL</t>
  </si>
  <si>
    <t>5702328963535</t>
  </si>
  <si>
    <t>VELUX Verd.-Rollo DSU 060060 4550WL</t>
  </si>
  <si>
    <t>für CFU/CVU, weiß, Solar</t>
  </si>
  <si>
    <t>DSU 080080 4550WL</t>
  </si>
  <si>
    <t>5702328963542</t>
  </si>
  <si>
    <t>VELUX Verd.-Rollo DSU 080080 4550WL</t>
  </si>
  <si>
    <t>DSU 090060 4550WL</t>
  </si>
  <si>
    <t>5702328963559</t>
  </si>
  <si>
    <t>VELUX Verd.-Rollo DSU 090060 4550WL</t>
  </si>
  <si>
    <t>DSU 090090 4550WL</t>
  </si>
  <si>
    <t>5702328963566</t>
  </si>
  <si>
    <t>VELUX Verd.-Rollo DSU 090090 4550WL</t>
  </si>
  <si>
    <t>DSU 100100 4550WL</t>
  </si>
  <si>
    <t>5702328963573</t>
  </si>
  <si>
    <t>VELUX Verd.-Rollo DSU 100100 4550WL</t>
  </si>
  <si>
    <t>DSU 120090 4550WL</t>
  </si>
  <si>
    <t>5702328963580</t>
  </si>
  <si>
    <t>VELUX Verd.-Rollo DSU 120090 4550WL</t>
  </si>
  <si>
    <t>DSU 120120 4550WL</t>
  </si>
  <si>
    <t>5702328963597</t>
  </si>
  <si>
    <t>VELUX Verd.-Rollo DSU 120120 4550WL</t>
  </si>
  <si>
    <t>DSU 150080 4550WL</t>
  </si>
  <si>
    <t>5702329789110</t>
  </si>
  <si>
    <t>VELUX Verd.-Rollo DSU 150080 4550WL</t>
  </si>
  <si>
    <t>DSU 150100 4550WL</t>
  </si>
  <si>
    <t>5702328963603</t>
  </si>
  <si>
    <t>VELUX Verd.-Rollo DSU 150100 4550WL</t>
  </si>
  <si>
    <t>DSU 150120 4550WL</t>
  </si>
  <si>
    <t>5702329789127</t>
  </si>
  <si>
    <t>VELUX Verd.-Rollo DSU 150120 4550WL</t>
  </si>
  <si>
    <t>DSU 150150 4550WL</t>
  </si>
  <si>
    <t>5702328963610</t>
  </si>
  <si>
    <t>VELUX Verd.-Rollo DSU 150150 4550WL</t>
  </si>
  <si>
    <t>DSU 200060 4550WL</t>
  </si>
  <si>
    <t>5702329789134</t>
  </si>
  <si>
    <t>VELUX Verd.-Rollo DSU 200060 4550WL</t>
  </si>
  <si>
    <t>DSU 200100 4550WL</t>
  </si>
  <si>
    <t>5702328963627</t>
  </si>
  <si>
    <t>VELUX Verd.-Rollo DSU 200100 4550WL</t>
  </si>
  <si>
    <t>EAS FK06 6000</t>
  </si>
  <si>
    <t>5702328120525</t>
  </si>
  <si>
    <t>VELUX Aufkeilrahmen EAS FK06 6000</t>
  </si>
  <si>
    <t>Schiefer Stehfalz Alu</t>
  </si>
  <si>
    <t>230</t>
  </si>
  <si>
    <t>VELUX-Aufkeilrahmen</t>
  </si>
  <si>
    <t>15020202</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im Farbton der
Fenster-Abdeckung.
----------------------------------------
Material: Aluminium im Farbton der
Fenster-Abdeckung.</t>
  </si>
  <si>
    <t>EAS FK06 6021E</t>
  </si>
  <si>
    <t>5702328120532</t>
  </si>
  <si>
    <t>VELUX Aufkeilrahmen EAS FK06 6021E</t>
  </si>
  <si>
    <t>240</t>
  </si>
  <si>
    <t>VELUX-Kombi-Aufkeilrahmen</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im Farbton der
Fenster-Abdeckung.
----------------------------------------
Material: Aluminium im Farbton der
Fenster-Abdeckung.
----------------------------------------
Zum Einbau von zwei Fenstern direkt
nebeneinander.
Knicksparren im Lieferumfang enthalten.
Abstand zum rechts danebenliegenden 
Fenster: 10cm</t>
  </si>
  <si>
    <t>EAS FK06 6031E</t>
  </si>
  <si>
    <t>5702328125667</t>
  </si>
  <si>
    <t>VELUX Aufkeilrahmen EAS FK06 603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im Farbton der
Fenster-Abdeckung.
----------------------------------------
Material: Aluminium im Farbton der
Fenster-Abdeckung.
----------------------------------------
Zum Einbau von drei Fenstern direkt
nebeneinander. 
Knicksparren im Lieferumfang enthalten.
Abstand zum rechts danebenliegenden 
Fenster: 10cm</t>
  </si>
  <si>
    <t>EAS FK08 6000</t>
  </si>
  <si>
    <t>5702328120617</t>
  </si>
  <si>
    <t>VELUX Aufkeilrahmen EAS FK08 6000</t>
  </si>
  <si>
    <t>EAS FK08 6021E</t>
  </si>
  <si>
    <t>5702328120624</t>
  </si>
  <si>
    <t>VELUX Aufkeilrahmen EAS FK08 6021E</t>
  </si>
  <si>
    <t>EAS FK08 6031E</t>
  </si>
  <si>
    <t>5702328125698</t>
  </si>
  <si>
    <t>VELUX Aufkeilrahmen EAS FK08 6031E</t>
  </si>
  <si>
    <t>EAS MK04 6000</t>
  </si>
  <si>
    <t>5702328120709</t>
  </si>
  <si>
    <t>VELUX Aufkeilrahmen EAS MK04 6000</t>
  </si>
  <si>
    <t>EAS MK04 6021E</t>
  </si>
  <si>
    <t>5702328120716</t>
  </si>
  <si>
    <t>VELUX Aufkeilrahmen EAS MK04 6021E</t>
  </si>
  <si>
    <t>EAS MK04 6031E</t>
  </si>
  <si>
    <t>5702328125728</t>
  </si>
  <si>
    <t>VELUX Aufkeilrahmen EAS MK04 6031E</t>
  </si>
  <si>
    <t>EAS MK06 6000</t>
  </si>
  <si>
    <t>5702328120792</t>
  </si>
  <si>
    <t>VELUX Aufkeilrahmen EAS MK06 6000</t>
  </si>
  <si>
    <t>EAS MK06 6021E</t>
  </si>
  <si>
    <t>5702328120808</t>
  </si>
  <si>
    <t>VELUX Aufkeilrahmen EAS MK06 6021E</t>
  </si>
  <si>
    <t>EAS MK06 6031E</t>
  </si>
  <si>
    <t>5702328125759</t>
  </si>
  <si>
    <t>VELUX Aufkeilrahmen EAS MK06 6031E</t>
  </si>
  <si>
    <t>EAS MK06 6100</t>
  </si>
  <si>
    <t>5702328120822</t>
  </si>
  <si>
    <t>VELUX Aufkeilrahmen EAS MK06 6100</t>
  </si>
  <si>
    <t>Schiefer Stehfalz Kupfer</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Material: Kupfer.</t>
  </si>
  <si>
    <t>EAS MK08 6000</t>
  </si>
  <si>
    <t>5702328120884</t>
  </si>
  <si>
    <t>VELUX Aufkeilrahmen EAS MK08 6000</t>
  </si>
  <si>
    <t>EAS MK08 6021E</t>
  </si>
  <si>
    <t>5702328120891</t>
  </si>
  <si>
    <t>VELUX Aufkeilrahmen EAS MK08 6021E</t>
  </si>
  <si>
    <t>EAS MK08 6031E</t>
  </si>
  <si>
    <t>5702328125780</t>
  </si>
  <si>
    <t>VELUX Aufkeilrahmen EAS MK08 6031E</t>
  </si>
  <si>
    <t>EAS MK08 6100</t>
  </si>
  <si>
    <t>5702328120914</t>
  </si>
  <si>
    <t>VELUX Aufkeilrahmen EAS MK08 6100</t>
  </si>
  <si>
    <t>EAS MK08 6121E</t>
  </si>
  <si>
    <t>5702328120921</t>
  </si>
  <si>
    <t>VELUX Aufkeilrahmen EAS MK08 612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Material: Kupfer.
----------------------------------------
Zum Einbau von zwei Fenstern direkt
nebeneinander.
Knicksparren im Lieferumfang enthalten.
Abstand zum rechts danebenliegenden 
Fenster: 10cm</t>
  </si>
  <si>
    <t>EAS MK08 6300</t>
  </si>
  <si>
    <t>5702328120945</t>
  </si>
  <si>
    <t>VELUX Aufkeilrahmen EAS MK08 6300</t>
  </si>
  <si>
    <t>Schiefer Stehfalz Ti walz</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t>
  </si>
  <si>
    <t>EAS MK08 6321E</t>
  </si>
  <si>
    <t>5702328120952</t>
  </si>
  <si>
    <t>VELUX Aufkeilrahmen EAS MK08 632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zwei Fenstern direkt
nebeneinander.
Knicksparren im Lieferumfang enthalten.
Abstand zum rechts danebenliegenden 
Fenster: 10cm</t>
  </si>
  <si>
    <t>EAS MK10 6000</t>
  </si>
  <si>
    <t>5702328120976</t>
  </si>
  <si>
    <t>VELUX Aufkeilrahmen EAS MK10 6000</t>
  </si>
  <si>
    <t>EAS MK10 6021E</t>
  </si>
  <si>
    <t>5702328120983</t>
  </si>
  <si>
    <t>VELUX Aufkeilrahmen EAS MK10 6021E</t>
  </si>
  <si>
    <t>EAS MK10 6031E</t>
  </si>
  <si>
    <t>5702328125810</t>
  </si>
  <si>
    <t>VELUX Aufkeilrahmen EAS MK10 6031E</t>
  </si>
  <si>
    <t>EAS MK19 0000</t>
  </si>
  <si>
    <t>5702327225948</t>
  </si>
  <si>
    <t>VELUX Aufkeilrahmen EAS MK19 0000</t>
  </si>
  <si>
    <t>76109090</t>
  </si>
  <si>
    <t>----------------------------------------
Geeignet für Dächer mit flachem Eindeck-
material bis 1,6cm (2 x 0,8cm) Höhe.
Seitenteile gerade mit doppelten
Wasser-Ableit-Falzen.
Zum Einbau der Fenster mit 7°
steilerer Neigung als das Dach, für mehr
Kopffreiheit und Raumgewinn.
Geeignet für Fenster eingebaut  mit
GIU/GIL oder Dachbalkon GDL.
----------------------------------------
Seitliche und untere Blendrahmen-
verblechung.
----------------------------------------
Material: Aluminium im Farbton der
Fenster-Abdeckung.</t>
  </si>
  <si>
    <t>EAS MK19 0100</t>
  </si>
  <si>
    <t>5702327225955</t>
  </si>
  <si>
    <t>VELUX Aufkeilrahmen EAS MK19 0100</t>
  </si>
  <si>
    <t>74198090</t>
  </si>
  <si>
    <t>----------------------------------------
Geeignet für Dächer mit flachem Eindeck-
material bis 1,6cm (2 x 0,8cm) Höhe.
Seitenteile gerade mit doppelten
Wasser-Ableit-Falzen.
Zum Einbau der Fenster mit 7°
steilerer Neigung als das Dach, für mehr
Kopffreiheit und Raumgewinn.
Geeignet für Fenster eingebaut  mit
GIU/GIL oder Dachbalkon GDL.
----------------------------------------
Seitliche und untere Blendrahmen-
verblechung.
----------------------------------------
Material: Kupfer.</t>
  </si>
  <si>
    <t>EAS PK06 6000</t>
  </si>
  <si>
    <t>5702328121126</t>
  </si>
  <si>
    <t>VELUX Aufkeilrahmen EAS PK06 6000</t>
  </si>
  <si>
    <t>EAS PK06 6021E</t>
  </si>
  <si>
    <t>5702328121133</t>
  </si>
  <si>
    <t>VELUX Aufkeilrahmen EAS PK06 6021E</t>
  </si>
  <si>
    <t>EAS PK08 6000</t>
  </si>
  <si>
    <t>5702328121188</t>
  </si>
  <si>
    <t>VELUX Aufkeilrahmen EAS PK08 6000</t>
  </si>
  <si>
    <t>EAS PK08 6021E</t>
  </si>
  <si>
    <t>5702328121195</t>
  </si>
  <si>
    <t>VELUX Aufkeilrahmen EAS PK08 6021E</t>
  </si>
  <si>
    <t>EAS PK10 6000</t>
  </si>
  <si>
    <t>5702328121249</t>
  </si>
  <si>
    <t>VELUX Aufkeilrahmen EAS PK10 6000</t>
  </si>
  <si>
    <t>EAS PK10 6021E</t>
  </si>
  <si>
    <t>5702328121256</t>
  </si>
  <si>
    <t>VELUX Aufkeilrahmen EAS PK10 6021E</t>
  </si>
  <si>
    <t>EAS PK10 6100</t>
  </si>
  <si>
    <t>5702328121263</t>
  </si>
  <si>
    <t>VELUX Aufkeilrahmen EAS PK10 6100</t>
  </si>
  <si>
    <t>EAS PK19 0000</t>
  </si>
  <si>
    <t>5702327226129</t>
  </si>
  <si>
    <t>VELUX Aufkeilrahmen EAS PK19 0000</t>
  </si>
  <si>
    <t>EAS PK19 0100</t>
  </si>
  <si>
    <t>5702327226136</t>
  </si>
  <si>
    <t>VELUX Aufkeilrahmen EAS PK19 0100</t>
  </si>
  <si>
    <t>EAS SK06 6000</t>
  </si>
  <si>
    <t>5702328121324</t>
  </si>
  <si>
    <t>VELUX Aufkeilrahmen EAS SK06 6000</t>
  </si>
  <si>
    <t>EAS SK06 6021E</t>
  </si>
  <si>
    <t>5702328121331</t>
  </si>
  <si>
    <t>VELUX Aufkeilrahmen EAS SK06 6021E</t>
  </si>
  <si>
    <t>EAS SK08 6000</t>
  </si>
  <si>
    <t>5702328121386</t>
  </si>
  <si>
    <t>VELUX Aufkeilrahmen EAS SK08 6000</t>
  </si>
  <si>
    <t>EAS SK08 6021E</t>
  </si>
  <si>
    <t>5702328121393</t>
  </si>
  <si>
    <t>VELUX Aufkeilrahmen EAS SK08 6021E</t>
  </si>
  <si>
    <t>EAS SK10 6000</t>
  </si>
  <si>
    <t>5702328121447</t>
  </si>
  <si>
    <t>VELUX Aufkeilrahmen EAS SK10 6000</t>
  </si>
  <si>
    <t>EAS SK10 6021E</t>
  </si>
  <si>
    <t>5702328121454</t>
  </si>
  <si>
    <t>VELUX Aufkeilrahmen EAS SK10 6021E</t>
  </si>
  <si>
    <t>EAS SK19 0000</t>
  </si>
  <si>
    <t>5702327226303</t>
  </si>
  <si>
    <t>VELUX Aufkeilrahmen EAS SK19 0000</t>
  </si>
  <si>
    <t>EAS SK19 0100</t>
  </si>
  <si>
    <t>5702327226310</t>
  </si>
  <si>
    <t>VELUX Aufkeilrahmen EAS SK19 0100</t>
  </si>
  <si>
    <t>EAS UK08 6000</t>
  </si>
  <si>
    <t>5702328121522</t>
  </si>
  <si>
    <t>VELUX Aufkeilrahmen EAS UK08 6000</t>
  </si>
  <si>
    <t>EAS UK08 6021E</t>
  </si>
  <si>
    <t>5702328121539</t>
  </si>
  <si>
    <t>VELUX Aufkeilrahmen EAS UK08 6021E</t>
  </si>
  <si>
    <t>EAS UK08 6100</t>
  </si>
  <si>
    <t>5702328121546</t>
  </si>
  <si>
    <t>VELUX Aufkeilrahmen EAS UK08 6100</t>
  </si>
  <si>
    <t>EAS UK10 6000</t>
  </si>
  <si>
    <t>5702328121584</t>
  </si>
  <si>
    <t>VELUX Aufkeilrahmen EAS UK10 6000</t>
  </si>
  <si>
    <t>EAS UK19 0000</t>
  </si>
  <si>
    <t>5702327226426</t>
  </si>
  <si>
    <t>VELUX Aufkeilrahmen EAS UK19 0000</t>
  </si>
  <si>
    <t>EAS UK19 0100</t>
  </si>
  <si>
    <t>5702327226433</t>
  </si>
  <si>
    <t>VELUX Aufkeilrahmen EAS UK19 0100</t>
  </si>
  <si>
    <t>EAW FK06 6000</t>
  </si>
  <si>
    <t>5702328121669</t>
  </si>
  <si>
    <t>VELUX Aufkeilrahmen EAW FK06 6000</t>
  </si>
  <si>
    <t>Ziegel hoch/Welle Alu</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Schürze des
Unterteils aus plissiertem Aluminium.
Farbton: wie Fenster-Abdeckung.
----------------------------------------
Material: Aluminium. Schürze des
Unterteils aus plissiertem Aluminium.
Farbton: wie Fenster-Abdeckung.</t>
  </si>
  <si>
    <t>EAW FK06 6021E</t>
  </si>
  <si>
    <t>5702328121676</t>
  </si>
  <si>
    <t>VELUX Kombi-Aufk.-R. EAW FK06 602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Schürze des
Unterteils aus plissiertem Aluminium.
Farbton: wie Fenster-Abdeckung.
----------------------------------------
Zum Einbau von zwei Fenstern direkt
nebeneinander.
Knicksparren im Lieferumfang enthalten.
Abstand zum rechts danebenliegenden 
Fenster: 10cm</t>
  </si>
  <si>
    <t>EAW FK06 6031E</t>
  </si>
  <si>
    <t>5702328125865</t>
  </si>
  <si>
    <t>VELUX Kombi-Aufk.-R. EAW FK06 603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Aluminium. Schürze des
Unterteils aus plissiertem Aluminium.
Farbton: wie Fenster-Abdeckung.
----------------------------------------
Zum Einbau von drei Fenstern direkt
nebeneinander. 
Knicksparren im Lieferumfang enthalten.
Abstand zum rechts danebenliegenden 
Fenster: 10cm</t>
  </si>
  <si>
    <t>EAW FK06 6100</t>
  </si>
  <si>
    <t>5702328121690</t>
  </si>
  <si>
    <t>VELUX Aufkeilrahmen EAW FK06 6100</t>
  </si>
  <si>
    <t>Ziegel hoch/Welle Kupfer</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t>
  </si>
  <si>
    <t>EAW FK06 6121E</t>
  </si>
  <si>
    <t>5702328121706</t>
  </si>
  <si>
    <t>VELUX Kombi-Aufk.-R. EAW FK06 612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Zum Einbau von zwei Fenstern direkt
nebeneinander.
Knicksparren im Lieferumfang enthalten.
Abstand zum rechts danebenliegenden 
Fenster: 10cm</t>
  </si>
  <si>
    <t>EAW FK08 6000</t>
  </si>
  <si>
    <t>5702328121751</t>
  </si>
  <si>
    <t>VELUX Aufkeilrahmen EAW FK08 6000</t>
  </si>
  <si>
    <t>EAW FK08 6021E</t>
  </si>
  <si>
    <t>5702328121768</t>
  </si>
  <si>
    <t>VELUX Kombi-Aufk.-R. EAW FK08 6021E</t>
  </si>
  <si>
    <t>EAW FK08 6031E</t>
  </si>
  <si>
    <t>5702328125896</t>
  </si>
  <si>
    <t>VELUX Kombi-Aufk.-R. EAW FK08 6031E</t>
  </si>
  <si>
    <t>EAW MK04 6000</t>
  </si>
  <si>
    <t>5702328121843</t>
  </si>
  <si>
    <t>VELUX Aufkeilrahmen EAW MK04 6000</t>
  </si>
  <si>
    <t>EAW MK04 6021E</t>
  </si>
  <si>
    <t>5702328121850</t>
  </si>
  <si>
    <t>VELUX Kombi-Aufk.-R. EAW MK04 6021E</t>
  </si>
  <si>
    <t>EAW MK04 6031E</t>
  </si>
  <si>
    <t>5702328125926</t>
  </si>
  <si>
    <t>VELUX Kombi-Aufk.-R. EAW MK04 6031E</t>
  </si>
  <si>
    <t>EAW MK04 6100</t>
  </si>
  <si>
    <t>5702328121874</t>
  </si>
  <si>
    <t>VELUX Aufkeilrahmen EAW MK04 6100</t>
  </si>
  <si>
    <t>EAW MK04 6131E</t>
  </si>
  <si>
    <t>5702328125933</t>
  </si>
  <si>
    <t>VELUX Kombi-Aufk.-R. EAW MK04 613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Zum Einbau von drei Fenstern direkt
nebeneinander. 
Knicksparren im Lieferumfang enthalten.
Abstand zum rechts danebenliegenden 
Fenster: 10cm</t>
  </si>
  <si>
    <t>EAW MK04 6300</t>
  </si>
  <si>
    <t>5702328121904</t>
  </si>
  <si>
    <t>VELUX Aufkeilrahmen EAW MK04 6300</t>
  </si>
  <si>
    <t>Ziegel hoch/Welle Ti walz</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t>
  </si>
  <si>
    <t>EAW MK06 6000</t>
  </si>
  <si>
    <t>5702328121935</t>
  </si>
  <si>
    <t>VELUX Aufkeilrahmen EAW MK06 6000</t>
  </si>
  <si>
    <t>EAW MK06 6021E</t>
  </si>
  <si>
    <t>5702328121942</t>
  </si>
  <si>
    <t>VELUX Kombi-Aufk.-R. EAW MK06 6021E</t>
  </si>
  <si>
    <t>EAW MK06 6031E</t>
  </si>
  <si>
    <t>5702328125957</t>
  </si>
  <si>
    <t>VELUX Kombi-Aufk.-R. EAW MK06 6031E</t>
  </si>
  <si>
    <t>EAW MK06 6100</t>
  </si>
  <si>
    <t>5702328121966</t>
  </si>
  <si>
    <t>VELUX Aufkeilrahmen EAW MK06 6100</t>
  </si>
  <si>
    <t>EAW MK06 6121E</t>
  </si>
  <si>
    <t>5702328121973</t>
  </si>
  <si>
    <t>VELUX Kombi-Aufk.-R. EAW MK06 6121E</t>
  </si>
  <si>
    <t>EAW MK06 6300</t>
  </si>
  <si>
    <t>5702328121997</t>
  </si>
  <si>
    <t>VELUX Aufkeilrahmen EAW MK06 6300</t>
  </si>
  <si>
    <t>EAW MK08 6000</t>
  </si>
  <si>
    <t>5702328122024</t>
  </si>
  <si>
    <t>VELUX Aufkeilrahmen EAW MK08 6000</t>
  </si>
  <si>
    <t>EAW MK08 6021E</t>
  </si>
  <si>
    <t>5702328122031</t>
  </si>
  <si>
    <t>VELUX Kombi-Aufk.-R. EAW MK08 6021E</t>
  </si>
  <si>
    <t>EAW MK08 6031E</t>
  </si>
  <si>
    <t>5702328125988</t>
  </si>
  <si>
    <t>VELUX Kombi-Aufk.-R. EAW MK08 6031E</t>
  </si>
  <si>
    <t>EAW MK08 6100</t>
  </si>
  <si>
    <t>5702328122055</t>
  </si>
  <si>
    <t>VELUX Aufkeilrahmen EAW MK08 6100</t>
  </si>
  <si>
    <t>EAW MK08 6121E</t>
  </si>
  <si>
    <t>5702328122062</t>
  </si>
  <si>
    <t>VELUX Kombi-Aufk.-R. EAW MK08 6121E</t>
  </si>
  <si>
    <t>EAW MK10 6000</t>
  </si>
  <si>
    <t>5702328122116</t>
  </si>
  <si>
    <t>VELUX Aufkeilrahmen EAW MK10 6000</t>
  </si>
  <si>
    <t>EAW MK10 6021E</t>
  </si>
  <si>
    <t>5702328122123</t>
  </si>
  <si>
    <t>VELUX Kombi-Aufk.-R. EAW MK10 6021E</t>
  </si>
  <si>
    <t>EAW MK10 6031E</t>
  </si>
  <si>
    <t>5702328126015</t>
  </si>
  <si>
    <t>VELUX Kombi-Aufk.-R. EAW MK10 6031E</t>
  </si>
  <si>
    <t>EAW MK19 0000</t>
  </si>
  <si>
    <t>5702327110862</t>
  </si>
  <si>
    <t>VELUX Aufkeilrahmen EAW MK19 0000</t>
  </si>
  <si>
    <t>----------------------------------------
Geeignet für Dächer mit flachem oder
profiliertem Eindeckmaterial
von 1,5 bis 12 cm Höhe.
Seitenteile gerade mit doppelten Wasser-
Ableit-Falzen und Schaumstoff-Dichtungs-
Profil.
Zum Einbau der Fenster mit 7°
steilerer Neigung als das Dach, für mehr
Kopffreiheit und Raumgewinn.
Geeignet für Fenster eingebaut  mit
GIU/GIL oder Dachbalkon GDL.
----------------------------------------
Seitliche und untere Blendrahmen-
verblechung.
----------------------------------------
Material: Aluminium. Schürze des
Unterteils aus plissiertem Aluminium.
Farbton: wie Fenster-Abdeckung.</t>
  </si>
  <si>
    <t>EAW MK19 0100</t>
  </si>
  <si>
    <t>5702327145567</t>
  </si>
  <si>
    <t>VELUX Aufkeilrahmen EAW MK19 0100</t>
  </si>
  <si>
    <t>----------------------------------------
Geeignet für Dächer mit flachem oder
profiliertem Eindeckmaterial
von 1,5 bis 12 cm Höhe.
Seitenteile gerade mit doppelten Wasser-
Ableit-Falzen und Schaumstoff-Dichtungs-
Profil.
Zum Einbau der Fenster mit 7°
steilerer Neigung als das Dach, für mehr
Kopffreiheit und Raumgewinn.
Geeignet für Fenster eingebaut  mit
GIU/GIL oder Dachbalkon GDL.
----------------------------------------
Seitliche und untere Blendrahmen-
verblechung.
----------------------------------------
Material: Kupfer. Schürze des Unterteils
aus plissiertem Blei im Farbton grau,
NCS S7500-N.</t>
  </si>
  <si>
    <t>EAW PK06 6000</t>
  </si>
  <si>
    <t>5702328122260</t>
  </si>
  <si>
    <t>VELUX Aufkeilrahmen EAW PK06 6000</t>
  </si>
  <si>
    <t>EAW PK06 6021E</t>
  </si>
  <si>
    <t>5702328122277</t>
  </si>
  <si>
    <t>VELUX Kombi-Aufk.-R. EAW PK06 6021E</t>
  </si>
  <si>
    <t>EAW PK06 6100</t>
  </si>
  <si>
    <t>5702328122284</t>
  </si>
  <si>
    <t>VELUX Aufkeilrahmen EAW PK06 6100</t>
  </si>
  <si>
    <t>EAW PK08 6000</t>
  </si>
  <si>
    <t>5702328122321</t>
  </si>
  <si>
    <t>VELUX Aufkeilrahmen EAW PK08 6000</t>
  </si>
  <si>
    <t>EAW PK08 6021E</t>
  </si>
  <si>
    <t>5702328122338</t>
  </si>
  <si>
    <t>VELUX Kombi-Aufk.-R. EAW PK08 6021E</t>
  </si>
  <si>
    <t>EAW PK08 6100</t>
  </si>
  <si>
    <t>5702328122345</t>
  </si>
  <si>
    <t>VELUX Aufkeilrahmen EAW PK08 6100</t>
  </si>
  <si>
    <t>EAW PK10 6000</t>
  </si>
  <si>
    <t>5702328122383</t>
  </si>
  <si>
    <t>VELUX Aufkeilrahmen EAW PK10 6000</t>
  </si>
  <si>
    <t>EAW PK10 6021E</t>
  </si>
  <si>
    <t>5702328122390</t>
  </si>
  <si>
    <t>VELUX Kombi-Aufk.-R. EAW PK10 6021E</t>
  </si>
  <si>
    <t>EAW PK10 6100</t>
  </si>
  <si>
    <t>5702328122406</t>
  </si>
  <si>
    <t>VELUX Aufkeilrahmen EAW PK10 6100</t>
  </si>
  <si>
    <t>EAW PK10 6121E</t>
  </si>
  <si>
    <t>5702328122413</t>
  </si>
  <si>
    <t>VELUX Kombi-Aufk.-R. EAW PK10 6121E</t>
  </si>
  <si>
    <t>EAW PK19 0000</t>
  </si>
  <si>
    <t>5702327111043</t>
  </si>
  <si>
    <t>VELUX Aufkeilrahmen EAW PK19 0000</t>
  </si>
  <si>
    <t>EAW PK19 0100</t>
  </si>
  <si>
    <t>5702327145604</t>
  </si>
  <si>
    <t>VELUX Aufkeilrahmen EAW PK19 0100</t>
  </si>
  <si>
    <t>EAW SK06 6000</t>
  </si>
  <si>
    <t>5702328122468</t>
  </si>
  <si>
    <t>VELUX Aufkeilrahmen EAW SK06 6000</t>
  </si>
  <si>
    <t>EAW SK06 6021E</t>
  </si>
  <si>
    <t>5702328122475</t>
  </si>
  <si>
    <t>VELUX Kombi-Aufk.-R. EAW SK06 6021E</t>
  </si>
  <si>
    <t>EAW SK06 6100</t>
  </si>
  <si>
    <t>5702328122482</t>
  </si>
  <si>
    <t>VELUX Aufkeilrahmen EAW SK06 6100</t>
  </si>
  <si>
    <t>EAW SK06 6121E</t>
  </si>
  <si>
    <t>5702328122499</t>
  </si>
  <si>
    <t>VELUX Kombi-Aufk.-R. EAW SK06 6121E</t>
  </si>
  <si>
    <t>EAW SK06 6300</t>
  </si>
  <si>
    <t>5702328122505</t>
  </si>
  <si>
    <t>VELUX Aufkeilrahmen EAW SK06 6300</t>
  </si>
  <si>
    <t>EAW SK06 6321E</t>
  </si>
  <si>
    <t>5702328122512</t>
  </si>
  <si>
    <t>VELUX Kombi-Aufk.-R. EAW SK06 632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zwei Fenstern direkt
nebeneinander.
Knicksparren im Lieferumfang enthalten.
Abstand zum rechts danebenliegenden 
Fenster: 10cm</t>
  </si>
  <si>
    <t>EAW SK08 6000</t>
  </si>
  <si>
    <t>5702328122529</t>
  </si>
  <si>
    <t>VELUX Aufkeilrahmen EAW SK08 6000</t>
  </si>
  <si>
    <t>EAW SK08 6021E</t>
  </si>
  <si>
    <t>5702328122536</t>
  </si>
  <si>
    <t>VELUX Kombi-Aufk.-R. EAW SK08 6021E</t>
  </si>
  <si>
    <t>EAW SK08 6100</t>
  </si>
  <si>
    <t>5702328122543</t>
  </si>
  <si>
    <t>VELUX Aufkeilrahmen EAW SK08 6100</t>
  </si>
  <si>
    <t>EAW SK08 6121E</t>
  </si>
  <si>
    <t>5702328122550</t>
  </si>
  <si>
    <t>VELUX Kombi-Aufk.-R. EAW SK08 6121E</t>
  </si>
  <si>
    <t>EAW SK08 6300</t>
  </si>
  <si>
    <t>5702328122567</t>
  </si>
  <si>
    <t>VELUX Aufkeilrahmen EAW SK08 6300</t>
  </si>
  <si>
    <t>EAW SK10 6000</t>
  </si>
  <si>
    <t>5702328122581</t>
  </si>
  <si>
    <t>VELUX Aufkeilrahmen EAW SK10 6000</t>
  </si>
  <si>
    <t>EAW SK10 6021E</t>
  </si>
  <si>
    <t>5702328122598</t>
  </si>
  <si>
    <t>VELUX Kombi-Aufk.-R. EAW SK10 6021E</t>
  </si>
  <si>
    <t>EAW SK10 6100</t>
  </si>
  <si>
    <t>5702328122604</t>
  </si>
  <si>
    <t>VELUX Aufkeilrahmen EAW SK10 6100</t>
  </si>
  <si>
    <t>EAW SK19 0000</t>
  </si>
  <si>
    <t>5702327111227</t>
  </si>
  <si>
    <t>VELUX Aufkeilrahmen EAW SK19 0000</t>
  </si>
  <si>
    <t>EAW SK19 0100</t>
  </si>
  <si>
    <t>5702327145642</t>
  </si>
  <si>
    <t>VELUX Aufkeilrahmen EAW SK19 0100</t>
  </si>
  <si>
    <t>EAW UK04 6000</t>
  </si>
  <si>
    <t>5702328122666</t>
  </si>
  <si>
    <t>VELUX Aufkeilrahmen EAW UK04 6000</t>
  </si>
  <si>
    <t>EAW UK04 6021E</t>
  </si>
  <si>
    <t>5702328122673</t>
  </si>
  <si>
    <t>VELUX Kombi-Aufk.-R. EAW UK04 6021E</t>
  </si>
  <si>
    <t>EAW UK08 6000</t>
  </si>
  <si>
    <t>5702328122680</t>
  </si>
  <si>
    <t>VELUX Aufkeilrahmen EAW UK08 6000</t>
  </si>
  <si>
    <t>EAW UK08 6021E</t>
  </si>
  <si>
    <t>5702328122697</t>
  </si>
  <si>
    <t>VELUX Kombi-Aufk.-R. EAW UK08 6021E</t>
  </si>
  <si>
    <t>EAW UK08 6100</t>
  </si>
  <si>
    <t>5702328122703</t>
  </si>
  <si>
    <t>VELUX Aufkeilrahmen EAW UK08 6100</t>
  </si>
  <si>
    <t>EAW UK08 6121E</t>
  </si>
  <si>
    <t>5702328122710</t>
  </si>
  <si>
    <t>VELUX Kombi-Aufk.-R. EAW UK08 6121E</t>
  </si>
  <si>
    <t>EAW UK10 6000</t>
  </si>
  <si>
    <t>5702328122741</t>
  </si>
  <si>
    <t>VELUX Aufkeilrahmen EAW UK10 6000</t>
  </si>
  <si>
    <t>EAW UK19 0000</t>
  </si>
  <si>
    <t>5702327111357</t>
  </si>
  <si>
    <t>VELUX Aufkeilrahmen EAW UK19 0000</t>
  </si>
  <si>
    <t>EAW UK19 0100</t>
  </si>
  <si>
    <t>5702327145673</t>
  </si>
  <si>
    <t>VELUX Aufkeilrahmen EAW UK19 0100</t>
  </si>
  <si>
    <t>EBL CK02 4021B2</t>
  </si>
  <si>
    <t>5702329304634</t>
  </si>
  <si>
    <t>Pro+ Eindeckrahmen-Set EBL CK02 4021B2</t>
  </si>
  <si>
    <t>horizontal zweifach integriert</t>
  </si>
  <si>
    <t>210</t>
  </si>
  <si>
    <t>VELUX-Einzel-Eindeckrahmen</t>
  </si>
  <si>
    <t>----------------------------------------
Geeignet für Dächer mit flachem Eindeck-
material bis 1,6 cm (2 x 0,8 cm) Höhe.
Seitenteile in Schichtstücken mit je
33 cm Länge.
----------------------------------------
Seitliche und untere Blendrahmen-
verblechung.
----------------------------------------
Material: Aluminium im Farbton der
Fenster-Abdeckung.
----------------------------------------
Produktpaket für den Einau von 
2 Fenstern in Kombination nebeneinader
mit Blendrahmenabstand 1,8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L CK02 4021B3</t>
  </si>
  <si>
    <t>5702320786552</t>
  </si>
  <si>
    <t>Pro+ Eindeckrahmen-Set EBL CK02 4021B3</t>
  </si>
  <si>
    <t>----------------------------------------
Geeignet für Dächer mit flachem Eindeck-
material bis 1,6 cm (2 x 0,8 cm) Höhe.
Seitenteile in Schichtstücken mit je
33 cm Länge.
----------------------------------------
Seitliche und untere Blendrahmen-
verblechung.
----------------------------------------
Material: Aluminium im Farbton der
Fenster-Abdeckung.
----------------------------------------
Produktpaket für den Einau von 
2 Fenstern in Kombination nebeneinader
mit Blendrahmenabstand 1,8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L CK02 4031B2</t>
  </si>
  <si>
    <t>5702329689731</t>
  </si>
  <si>
    <t>Pro+ Eindeckrahmen-Set EBL CK02 4031B2</t>
  </si>
  <si>
    <t>horizontal Trio integriert</t>
  </si>
  <si>
    <t>----------------------------------------
Geeignet für Dächer mit flachem Eindeck-
material bis 1,6 cm (2 x 0,8 cm) Höhe.
Seitenteile in Schichtstücken mit je
33 cm Länge.
----------------------------------------
Seitliche und untere Blendrahmen-
verblechung.
----------------------------------------
Material: Aluminium im Farbton der
Fenster-Abdeckung.
----------------------------------------
Produktpaket für den Einau von 
3 Fenstern in Kombination nebeneinader
mit Blendrahmenabstand 1,8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L CK02 4031B3</t>
  </si>
  <si>
    <t>5702320034646</t>
  </si>
  <si>
    <t>Pro+ Eindeckrahmen-Set EBL CK02 4031B3</t>
  </si>
  <si>
    <t>----------------------------------------
Geeignet für Dächer mit flachem Eindeck-
material bis 1,6 cm (2 x 0,8 cm) Höhe.
Seitenteile in Schichtstücken mit je
33 cm Länge.
----------------------------------------
Seitliche und untere Blendrahmen-
verblechung.
----------------------------------------
Material: Aluminium im Farbton der
Fenster-Abdeckung.
----------------------------------------
Produktpaket für den Einau von 
3 Fenstern in Kombination nebeneinader
mit Blendrahmenabstand 1,8cm
Im Lieferumfang des Produktpaketes
sind folgende Produkte enthalten:
Eindeckrahmen-Set aus Element 1 
unten links, Element 2 unten mitte und
Element 3 unten rechts
Mittlere Abdeckleisten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L CK04 4021B2</t>
  </si>
  <si>
    <t>5702329304641</t>
  </si>
  <si>
    <t>Pro+ Eindeckrahmen-Set EBL CK04 4021B2</t>
  </si>
  <si>
    <t>EBL CK04 4021B3</t>
  </si>
  <si>
    <t>5702320034660</t>
  </si>
  <si>
    <t>Pro+ Eindeckrahmen-Set EBL CK04 4021B3</t>
  </si>
  <si>
    <t>EBL CK04 4031B2</t>
  </si>
  <si>
    <t>5702329689748</t>
  </si>
  <si>
    <t>Pro+ Eindeckrahmen-Set EBL CK04 4031B2</t>
  </si>
  <si>
    <t>EBL CK04 4031B3</t>
  </si>
  <si>
    <t>5702320034677</t>
  </si>
  <si>
    <t>Pro+ Eindeckrahmen-Set EBL CK04 4031B3</t>
  </si>
  <si>
    <t>EBL CK06 4021B2</t>
  </si>
  <si>
    <t>5702329304658</t>
  </si>
  <si>
    <t>Pro+ Eindeckrahmen-Set EBL CK06 4021B2</t>
  </si>
  <si>
    <t>EBL CK06 4021B3</t>
  </si>
  <si>
    <t>5702320034691</t>
  </si>
  <si>
    <t>Pro+ Eindeckrahmen-Set EBL CK06 4021B3</t>
  </si>
  <si>
    <t>EBL CK06 4031B2</t>
  </si>
  <si>
    <t>5702329689755</t>
  </si>
  <si>
    <t>Pro+ Eindeckrahmen-Set EBL CK06 4031B2</t>
  </si>
  <si>
    <t>EBL CK06 4031B3</t>
  </si>
  <si>
    <t>5702320034707</t>
  </si>
  <si>
    <t>Pro+ Eindeckrahmen-Set EBL CK06 4031B3</t>
  </si>
  <si>
    <t>EBL FK04 4021B2</t>
  </si>
  <si>
    <t>5702329304665</t>
  </si>
  <si>
    <t>Pro+ Eindeckrahmen-Set EBL FK04 4021B2</t>
  </si>
  <si>
    <t>EBL FK04 4021B3</t>
  </si>
  <si>
    <t>5702320034721</t>
  </si>
  <si>
    <t>Pro+ Eindeckrahmen-Set EBL FK04 4021B3</t>
  </si>
  <si>
    <t>EBL FK04 4031B2</t>
  </si>
  <si>
    <t>5702329689762</t>
  </si>
  <si>
    <t>Pro+ Eindeckrahmen-Set EBL FK04 4031B2</t>
  </si>
  <si>
    <t>EBL FK04 4031B3</t>
  </si>
  <si>
    <t>5702320034738</t>
  </si>
  <si>
    <t>Pro+ Eindeckrahmen-Set EBL FK04 4031B3</t>
  </si>
  <si>
    <t>EBL FK06 4021B2</t>
  </si>
  <si>
    <t>5702329304672</t>
  </si>
  <si>
    <t>Pro+ Eindeckrahmen-Set EBL FK06 4021B2</t>
  </si>
  <si>
    <t>EBL FK06 4021B3</t>
  </si>
  <si>
    <t>5702320034752</t>
  </si>
  <si>
    <t>Pro+ Eindeckrahmen-Set EBL FK06 4021B3</t>
  </si>
  <si>
    <t>EBL FK06 4031B2</t>
  </si>
  <si>
    <t>5702329689779</t>
  </si>
  <si>
    <t>Pro+ Eindeckrahmen-Set EBL FK06 4031B2</t>
  </si>
  <si>
    <t>EBL FK06 4031B3</t>
  </si>
  <si>
    <t>5702320034769</t>
  </si>
  <si>
    <t>Pro+ Eindeckrahmen-Set EBL FK06 4031B3</t>
  </si>
  <si>
    <t>EBL FK08 4021B2</t>
  </si>
  <si>
    <t>5702329304689</t>
  </si>
  <si>
    <t>Pro+ Eindeckrahmen-Set EBL FK08 4021B2</t>
  </si>
  <si>
    <t>EBL FK08 4021B3</t>
  </si>
  <si>
    <t>5702320034783</t>
  </si>
  <si>
    <t>Pro+ Eindeckrahmen-Set EBL FK08 4021B3</t>
  </si>
  <si>
    <t>EBL FK08 4031B2</t>
  </si>
  <si>
    <t>5702329689786</t>
  </si>
  <si>
    <t>Pro+ Eindeckrahmen-Set EBL FK08 4031B2</t>
  </si>
  <si>
    <t>EBL FK08 4031B3</t>
  </si>
  <si>
    <t>5702320034790</t>
  </si>
  <si>
    <t>Pro+ Eindeckrahmen-Set EBL FK08 4031B3</t>
  </si>
  <si>
    <t>EBL MK04 4021B2</t>
  </si>
  <si>
    <t>5702329304696</t>
  </si>
  <si>
    <t>Pro+ Eindeckrahmen-Set EBL MK04 4021B2</t>
  </si>
  <si>
    <t>EBL MK04 4021B3</t>
  </si>
  <si>
    <t>5702320034813</t>
  </si>
  <si>
    <t>Pro+ Eindeckrahmen-Set EBL MK04 4021B3</t>
  </si>
  <si>
    <t>EBL MK04 4031B2</t>
  </si>
  <si>
    <t>5702329689793</t>
  </si>
  <si>
    <t>Pro+ Eindeckrahmen-Set EBL MK04 4031B2</t>
  </si>
  <si>
    <t>EBL MK04 4031B3</t>
  </si>
  <si>
    <t>5702320034820</t>
  </si>
  <si>
    <t>Pro+ Eindeckrahmen-Set EBL MK04 4031B3</t>
  </si>
  <si>
    <t>EBL MK06 4021B2</t>
  </si>
  <si>
    <t>5702329304702</t>
  </si>
  <si>
    <t>Pro+ Eindeckrahmen-Set EBL MK06 4021B2</t>
  </si>
  <si>
    <t>EBL MK06 4021B3</t>
  </si>
  <si>
    <t>5702320034844</t>
  </si>
  <si>
    <t>Pro+ Eindeckrahmen-Set EBL MK06 4021B3</t>
  </si>
  <si>
    <t>EBL MK06 4031B2</t>
  </si>
  <si>
    <t>5702329689809</t>
  </si>
  <si>
    <t>Pro+ Eindeckrahmen-Set EBL MK06 4031B2</t>
  </si>
  <si>
    <t>EBL MK06 4031B3</t>
  </si>
  <si>
    <t>5702320034851</t>
  </si>
  <si>
    <t>Pro+ Eindeckrahmen-Set EBL MK06 4031B3</t>
  </si>
  <si>
    <t>EBL MK08 4021B2</t>
  </si>
  <si>
    <t>5702329304719</t>
  </si>
  <si>
    <t>Pro+ Eindeckrahmen-Set EBL MK08 4021B2</t>
  </si>
  <si>
    <t>EBL MK08 4021B3</t>
  </si>
  <si>
    <t>5702320034875</t>
  </si>
  <si>
    <t>Pro+ Eindeckrahmen-Set EBL MK08 4021B3</t>
  </si>
  <si>
    <t>EBL MK08 4031B2</t>
  </si>
  <si>
    <t>5702329689816</t>
  </si>
  <si>
    <t>Pro+ Eindeckrahmen-Set EBL MK08 4031B2</t>
  </si>
  <si>
    <t>EBL MK08 4031B3</t>
  </si>
  <si>
    <t>5702320034899</t>
  </si>
  <si>
    <t>Pro+ Eindeckrahmen-Set EBL MK08 4031B3</t>
  </si>
  <si>
    <t>EBL MK10 4021B2</t>
  </si>
  <si>
    <t>5702329304726</t>
  </si>
  <si>
    <t>Pro+ Eindeckrahmen-Set EBL MK10 4021B2</t>
  </si>
  <si>
    <t>EBL MK10 4021B3</t>
  </si>
  <si>
    <t>5702320034912</t>
  </si>
  <si>
    <t>Pro+ Eindeckrahmen-Set EBL MK10 4021B3</t>
  </si>
  <si>
    <t>EBL MK10 4031B2</t>
  </si>
  <si>
    <t>5702329689823</t>
  </si>
  <si>
    <t>Pro+ Eindeckrahmen-Set EBL MK10 4031B2</t>
  </si>
  <si>
    <t>EBL MK10 4031B3</t>
  </si>
  <si>
    <t>5702320034929</t>
  </si>
  <si>
    <t>Pro+ Eindeckrahmen-Set EBL MK10 4031B3</t>
  </si>
  <si>
    <t>EBL PK06 4021B2</t>
  </si>
  <si>
    <t>5702329304757</t>
  </si>
  <si>
    <t>Pro+ Eindeckrahmen-Set EBL PK06 4021B2</t>
  </si>
  <si>
    <t>EBL PK06 4021B3</t>
  </si>
  <si>
    <t>5702320034981</t>
  </si>
  <si>
    <t>Pro+ Eindeckrahmen-Set EBL PK06 4021B3</t>
  </si>
  <si>
    <t>EBL PK08 4021B2</t>
  </si>
  <si>
    <t>5702329304764</t>
  </si>
  <si>
    <t>Pro+ Eindeckrahmen-Set EBL PK08 4021B2</t>
  </si>
  <si>
    <t>EBL PK08 4021B3</t>
  </si>
  <si>
    <t>5702320035001</t>
  </si>
  <si>
    <t>Pro+ Eindeckrahmen-Set EBL PK08 4021B3</t>
  </si>
  <si>
    <t>EBL PK10 4021B2</t>
  </si>
  <si>
    <t>5702329304771</t>
  </si>
  <si>
    <t>Pro+ Eindeckrahmen-Set EBL PK10 4021B2</t>
  </si>
  <si>
    <t>EBL PK10 4021B3</t>
  </si>
  <si>
    <t>5702320035025</t>
  </si>
  <si>
    <t>Pro+ Eindeckrahmen-Set EBL PK10 4021B3</t>
  </si>
  <si>
    <t>EBL SK06 4021B2</t>
  </si>
  <si>
    <t>5702329304788</t>
  </si>
  <si>
    <t>Pro+ Eindeckrahmen-Set EBL SK06 4021B2</t>
  </si>
  <si>
    <t>EBL SK06 4021B3</t>
  </si>
  <si>
    <t>5702320035049</t>
  </si>
  <si>
    <t>Pro+ Eindeckrahmen-Set EBL SK06 4021B3</t>
  </si>
  <si>
    <t>EBL SK08 4021B2</t>
  </si>
  <si>
    <t>5702329304795</t>
  </si>
  <si>
    <t>Pro+ Eindeckrahmen-Set EBL SK08 4021B2</t>
  </si>
  <si>
    <t>EBL SK08 4021B3</t>
  </si>
  <si>
    <t>5702320035063</t>
  </si>
  <si>
    <t>Pro+ Eindeckrahmen-Set EBL SK08 4021B3</t>
  </si>
  <si>
    <t>EBL SK10 4021B2</t>
  </si>
  <si>
    <t>5702329304801</t>
  </si>
  <si>
    <t>Pro+ Eindeckrahmen-Set EBL SK10 4021B2</t>
  </si>
  <si>
    <t>EBL SK10 4021B3</t>
  </si>
  <si>
    <t>5702320035087</t>
  </si>
  <si>
    <t>Pro+ Eindeckrahmen-Set EBL SK10 4021B3</t>
  </si>
  <si>
    <t>EBL UK04 4021B2</t>
  </si>
  <si>
    <t>5702329304818</t>
  </si>
  <si>
    <t>Pro+ Eindeckrahmen-Set EBL UK04 4021B2</t>
  </si>
  <si>
    <t>EBL UK04 4021B3</t>
  </si>
  <si>
    <t>5702320035100</t>
  </si>
  <si>
    <t>Pro+ Eindeckrahmen-Set EBL UK04 4021B3</t>
  </si>
  <si>
    <t>EBL UK08 4021B2</t>
  </si>
  <si>
    <t>5702329304825</t>
  </si>
  <si>
    <t>Pro+ Eindeckrahmen-Set EBL UK08 4021B2</t>
  </si>
  <si>
    <t>EBL UK08 4021B3</t>
  </si>
  <si>
    <t>5702320035124</t>
  </si>
  <si>
    <t>Pro+ Eindeckrahmen-Set EBL UK08 4021B3</t>
  </si>
  <si>
    <t>EBS CK02 4021B2</t>
  </si>
  <si>
    <t>5702329304962</t>
  </si>
  <si>
    <t>Pro+ Eindeckrahmen-Set EBS CK02 4021B2</t>
  </si>
  <si>
    <t>----------------------------------------
Geeignet für Dächer mit flachem Eindeck-
material bis 1,6cm (2 x 0,8cm) Höhe.
Seitenteile gerade mit doppelten
Wasser-Ableit-Falzen.
----------------------------------------
Seitliche und untere Blendrahmen-
verblechung.
----------------------------------------
Material: Aluminium im Farbton der
Fenster-Abdeckung.
----------------------------------------
Produktpaket für den Einau von 
2 Fenstern in Kombination nebeneinader
mit Blendrahmenabstand 1,8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S CK02 4021B3</t>
  </si>
  <si>
    <t>5702320035605</t>
  </si>
  <si>
    <t>Pro+ Eindeckrahmen-Set EBS CK02 4021B3</t>
  </si>
  <si>
    <t>----------------------------------------
Geeignet für Dächer mit flachem Eindeck-
material bis 1,6cm (2 x 0,8cm) Höhe.
Seitenteile gerade mit doppelten
Wasser-Ableit-Falzen.
----------------------------------------
Seitliche und untere Blendrahmen-
verblechung.
----------------------------------------
Material: Aluminium im Farbton der
Fenster-Abdeckung.
----------------------------------------
Produktpaket für den Einau von 
2 Fenstern in Kombination nebeneinader
mit Blendrahmenabstand 1,8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S CK02 4031B2</t>
  </si>
  <si>
    <t>5702329689915</t>
  </si>
  <si>
    <t>Pro+ Eindeckrahmen-Set EBS CK02 4031B2</t>
  </si>
  <si>
    <t>----------------------------------------
Geeignet für Dächer mit flachem Eindeck-
material bis 1,6cm (2 x 0,8cm) Höhe.
Seitenteile gerade mit doppelten
Wasser-Ableit-Falzen.
----------------------------------------
Seitliche und untere Blendrahmen-
verblechung.
----------------------------------------
Material: Aluminium im Farbton der
Fenster-Abdeckung.
----------------------------------------
Produktpaket für den Einau von 
3 Fenstern in Kombination nebeneinader
mit Blendrahmenabstand 1,8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S CK02 4031B3</t>
  </si>
  <si>
    <t>5702320035612</t>
  </si>
  <si>
    <t>Pro+ Eindeckrahmen-Set EBS CK02 4031B3</t>
  </si>
  <si>
    <t>----------------------------------------
Geeignet für Dächer mit flachem Eindeck-
material bis 1,6cm (2 x 0,8cm) Höhe.
Seitenteile gerade mit doppelten
Wasser-Ableit-Falzen.
----------------------------------------
Seitliche und untere Blendrahmen-
verblechung.
----------------------------------------
Material: Aluminium im Farbton der
Fenster-Abdeckung.
----------------------------------------
Produktpaket für den Einau von 
3 Fenstern in Kombination nebeneinader
mit Blendrahmenabstand 1,8cm
Im Lieferumfang des Produktpaketes
sind folgende Produkte enthalten:
Eindeckrahmen-Set aus Element 1 
unten links, Element 2 unten mitte und
Element 3 unten rechts
Mittlere Abdeckleisten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S CK04 4021B2</t>
  </si>
  <si>
    <t>5702329304979</t>
  </si>
  <si>
    <t>Pro+ Eindeckrahmen-Set EBS CK04 4021B2</t>
  </si>
  <si>
    <t>EBS CK04 4021B3</t>
  </si>
  <si>
    <t>5702320035629</t>
  </si>
  <si>
    <t>Pro+ Eindeckrahmen-Set EBS CK04 4021B3</t>
  </si>
  <si>
    <t>EBS CK04 4031B2</t>
  </si>
  <si>
    <t>5702329689922</t>
  </si>
  <si>
    <t>Pro+ Eindeckrahmen-Set EBS CK04 4031B2</t>
  </si>
  <si>
    <t>EBS CK04 4031B3</t>
  </si>
  <si>
    <t>5702320035636</t>
  </si>
  <si>
    <t>Pro+ Eindeckrahmen-Set EBS CK04 4031B3</t>
  </si>
  <si>
    <t>EBS CK06 4021B2</t>
  </si>
  <si>
    <t>5702329304986</t>
  </si>
  <si>
    <t>Pro+ Eindeckrahmen-Set EBS CK06 4021B2</t>
  </si>
  <si>
    <t>EBS CK06 4021B3</t>
  </si>
  <si>
    <t>5702320035643</t>
  </si>
  <si>
    <t>Pro+ Eindeckrahmen-Set EBS CK06 4021B3</t>
  </si>
  <si>
    <t>EBS CK06 4031B2</t>
  </si>
  <si>
    <t>5702329689939</t>
  </si>
  <si>
    <t>Pro+ Eindeckrahmen-Set EBS CK06 4031B2</t>
  </si>
  <si>
    <t>EBS CK06 4031B3</t>
  </si>
  <si>
    <t>5702320035650</t>
  </si>
  <si>
    <t>Pro+ Eindeckrahmen-Set EBS CK06 4031B3</t>
  </si>
  <si>
    <t>EBS FK04 4021B2</t>
  </si>
  <si>
    <t>5702329304993</t>
  </si>
  <si>
    <t>Pro+ Eindeckrahmen-Set EBS FK04 4021B2</t>
  </si>
  <si>
    <t>EBS FK04 4021B3</t>
  </si>
  <si>
    <t>5702320035667</t>
  </si>
  <si>
    <t>Pro+ Eindeckrahmen-Set EBS FK04 4021B3</t>
  </si>
  <si>
    <t>EBS FK04 4031B2</t>
  </si>
  <si>
    <t>5702329689946</t>
  </si>
  <si>
    <t>Pro+ Eindeckrahmen-Set EBS FK04 4031B2</t>
  </si>
  <si>
    <t>EBS FK04 4031B3</t>
  </si>
  <si>
    <t>5702320035674</t>
  </si>
  <si>
    <t>Pro+ Eindeckrahmen-Set EBS FK04 4031B3</t>
  </si>
  <si>
    <t>EBS FK06 4021B2</t>
  </si>
  <si>
    <t>5702329305006</t>
  </si>
  <si>
    <t>Pro+ Eindeckrahmen-Set EBS FK06 4021B2</t>
  </si>
  <si>
    <t>EBS FK06 4021B3</t>
  </si>
  <si>
    <t>5702320035681</t>
  </si>
  <si>
    <t>Pro+ Eindeckrahmen-Set EBS FK06 4021B3</t>
  </si>
  <si>
    <t>EBS FK06 4031B2</t>
  </si>
  <si>
    <t>5702329689953</t>
  </si>
  <si>
    <t>Pro+ Eindeckrahmen-Set EBS FK06 4031B2</t>
  </si>
  <si>
    <t>EBS FK06 4031B3</t>
  </si>
  <si>
    <t>5702320035698</t>
  </si>
  <si>
    <t>Pro+ Eindeckrahmen-Set EBS FK06 4031B3</t>
  </si>
  <si>
    <t>EBS FK08 4021B2</t>
  </si>
  <si>
    <t>5702329305013</t>
  </si>
  <si>
    <t>Pro+ Eindeckrahmen-Set EBS FK08 4021B2</t>
  </si>
  <si>
    <t>EBS FK08 4021B3</t>
  </si>
  <si>
    <t>5702320035704</t>
  </si>
  <si>
    <t>Pro+ Eindeckrahmen-Set EBS FK08 4021B3</t>
  </si>
  <si>
    <t>EBS FK08 4031B2</t>
  </si>
  <si>
    <t>5702329689960</t>
  </si>
  <si>
    <t>Pro+ Eindeckrahmen-Set EBS FK08 4031B2</t>
  </si>
  <si>
    <t>EBS FK08 4031B3</t>
  </si>
  <si>
    <t>5702320035711</t>
  </si>
  <si>
    <t>Pro+ Eindeckrahmen-Set EBS FK08 4031B3</t>
  </si>
  <si>
    <t>EBS MK04 4021B2</t>
  </si>
  <si>
    <t>5702329305020</t>
  </si>
  <si>
    <t>Pro+ Eindeckrahmen-Set EBS MK04 4021B2</t>
  </si>
  <si>
    <t>EBS MK04 4021B3</t>
  </si>
  <si>
    <t>5702320035728</t>
  </si>
  <si>
    <t>Pro+ Eindeckrahmen-Set EBS MK04 4021B3</t>
  </si>
  <si>
    <t>EBS MK04 4031B2</t>
  </si>
  <si>
    <t>5702329689977</t>
  </si>
  <si>
    <t>Pro+ Eindeckrahmen-Set EBS MK04 4031B2</t>
  </si>
  <si>
    <t>EBS MK04 4031B3</t>
  </si>
  <si>
    <t>5702320035735</t>
  </si>
  <si>
    <t>Pro+ Eindeckrahmen-Set EBS MK04 4031B3</t>
  </si>
  <si>
    <t>EBS MK06 4021B2</t>
  </si>
  <si>
    <t>5702329305037</t>
  </si>
  <si>
    <t>Pro+ Eindeckrahmen-Set EBS MK06 4021B2</t>
  </si>
  <si>
    <t>EBS MK06 4021B3</t>
  </si>
  <si>
    <t>5702320035742</t>
  </si>
  <si>
    <t>Pro+ Eindeckrahmen-Set EBS MK06 4021B3</t>
  </si>
  <si>
    <t>EBS MK06 4031B2</t>
  </si>
  <si>
    <t>5702329689984</t>
  </si>
  <si>
    <t>Pro+ Eindeckrahmen-Set EBS MK06 4031B2</t>
  </si>
  <si>
    <t>EBS MK06 4031B3</t>
  </si>
  <si>
    <t>5702320035759</t>
  </si>
  <si>
    <t>Pro+ Eindeckrahmen-Set EBS MK06 4031B3</t>
  </si>
  <si>
    <t>EBS MK08 4021B2</t>
  </si>
  <si>
    <t>5702329305044</t>
  </si>
  <si>
    <t>Pro+ Eindeckrahmen-Set EBS MK08 4021B2</t>
  </si>
  <si>
    <t>EBS MK08 4021B3</t>
  </si>
  <si>
    <t>5702320035766</t>
  </si>
  <si>
    <t>Pro+ Eindeckrahmen-Set EBS MK08 4021B3</t>
  </si>
  <si>
    <t>EBS MK08 4031B2</t>
  </si>
  <si>
    <t>5702329689991</t>
  </si>
  <si>
    <t>Pro+ Eindeckrahmen-Set EBS MK08 4031B2</t>
  </si>
  <si>
    <t>EBS MK08 4031B3</t>
  </si>
  <si>
    <t>5702320035773</t>
  </si>
  <si>
    <t>Pro+ Eindeckrahmen-Set EBS MK08 4031B3</t>
  </si>
  <si>
    <t>EBS MK10 4021B2</t>
  </si>
  <si>
    <t>5702329305051</t>
  </si>
  <si>
    <t>Pro+ Eindeckrahmen-Set EBS MK10 4021B2</t>
  </si>
  <si>
    <t>EBS MK10 4021B3</t>
  </si>
  <si>
    <t>5702320035780</t>
  </si>
  <si>
    <t>Pro+ Eindeckrahmen-Set EBS MK10 4021B3</t>
  </si>
  <si>
    <t>EBS MK10 4031B2</t>
  </si>
  <si>
    <t>5702329690003</t>
  </si>
  <si>
    <t>Pro+ Eindeckrahmen-Set EBS MK10 4031B2</t>
  </si>
  <si>
    <t>EBS MK10 4031B3</t>
  </si>
  <si>
    <t>5702320035797</t>
  </si>
  <si>
    <t>Pro+ Eindeckrahmen-Set EBS MK10 4031B3</t>
  </si>
  <si>
    <t>EBS PK06 4021B2</t>
  </si>
  <si>
    <t>5702329305068</t>
  </si>
  <si>
    <t>Pro+ Eindeckrahmen-Set EBS PK06 4021B2</t>
  </si>
  <si>
    <t>EBS PK06 4021B3</t>
  </si>
  <si>
    <t>5702320035803</t>
  </si>
  <si>
    <t>Pro+ Eindeckrahmen-Set EBS PK06 4021B3</t>
  </si>
  <si>
    <t>EBS PK08 4021B2</t>
  </si>
  <si>
    <t>5702329305075</t>
  </si>
  <si>
    <t>Pro+ Eindeckrahmen-Set EBS PK08 4021B2</t>
  </si>
  <si>
    <t>EBS PK08 4021B3</t>
  </si>
  <si>
    <t>5702320035810</t>
  </si>
  <si>
    <t>Pro+ Eindeckrahmen-Set EBS PK08 4021B3</t>
  </si>
  <si>
    <t>EBS PK10 4021B2</t>
  </si>
  <si>
    <t>5702329305082</t>
  </si>
  <si>
    <t>Pro+ Eindeckrahmen-Set EBS PK10 4021B2</t>
  </si>
  <si>
    <t>EBS PK10 4021B3</t>
  </si>
  <si>
    <t>5702320035827</t>
  </si>
  <si>
    <t>Pro+ Eindeckrahmen-Set EBS PK10 4021B3</t>
  </si>
  <si>
    <t>EBS SK06 4021B2</t>
  </si>
  <si>
    <t>5702329305099</t>
  </si>
  <si>
    <t>Pro+ Eindeckrahmen-Set EBS SK06 4021B2</t>
  </si>
  <si>
    <t>EBS SK06 4021B3</t>
  </si>
  <si>
    <t>5702320035834</t>
  </si>
  <si>
    <t>Pro+ Eindeckrahmen-Set EBS SK06 4021B3</t>
  </si>
  <si>
    <t>EBS SK08 4021B2</t>
  </si>
  <si>
    <t>5702329305105</t>
  </si>
  <si>
    <t>Pro+ Eindeckrahmen-Set EBS SK08 4021B2</t>
  </si>
  <si>
    <t>EBS SK08 4021B3</t>
  </si>
  <si>
    <t>5702320035841</t>
  </si>
  <si>
    <t>Pro+ Eindeckrahmen-Set EBS SK08 4021B3</t>
  </si>
  <si>
    <t>EBS SK10 4021B2</t>
  </si>
  <si>
    <t>5702329305112</t>
  </si>
  <si>
    <t>Pro+ Eindeckrahmen-Set EBS SK10 4021B2</t>
  </si>
  <si>
    <t>EBS SK10 4021B3</t>
  </si>
  <si>
    <t>5702320035858</t>
  </si>
  <si>
    <t>Pro+ Eindeckrahmen-Set EBS SK10 4021B3</t>
  </si>
  <si>
    <t>EBS UK04 4021B2</t>
  </si>
  <si>
    <t>5702329305129</t>
  </si>
  <si>
    <t>Pro+ Eindeckrahmen-Set EBS UK04 4021B2</t>
  </si>
  <si>
    <t>EBS UK04 4021B3</t>
  </si>
  <si>
    <t>5702320035865</t>
  </si>
  <si>
    <t>Pro+ Eindeckrahmen-Set EBS UK04 4021B3</t>
  </si>
  <si>
    <t>EBS UK08 4021B2</t>
  </si>
  <si>
    <t>5702329305136</t>
  </si>
  <si>
    <t>Pro+ Eindeckrahmen-Set EBS UK08 4021B2</t>
  </si>
  <si>
    <t>EBS UK08 4021B3</t>
  </si>
  <si>
    <t>5702320035872</t>
  </si>
  <si>
    <t>Pro+ Eindeckrahmen-Set EBS UK08 4021B3</t>
  </si>
  <si>
    <t>EBW CK02 4021B2</t>
  </si>
  <si>
    <t>5702329305150</t>
  </si>
  <si>
    <t>Pro+ Eindeckrahmen-Set EBW CK02 4021B2</t>
  </si>
  <si>
    <t>----------------------------------------
Geeignet für Dächer mit flachem oder
profiliertem Eindeckmaterial
von 1,5 bis 12 cm Höhe.
Seitenteile gerade mit doppelten Wasser-
Ableit-Falzen und Schaumstoff-Dichtungs-
Profil.
----------------------------------------
Seitliche und untere Blendrahmen-
verblechung.
----------------------------------------
Material: Aluminium im Farbton der
Fenster-Abdeckung.
----------------------------------------
Produktpaket für den Einau von 
2 Fenstern in Kombination nebeneinader
mit Blendrahmenabstand 1,8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W CK02 4021B3</t>
  </si>
  <si>
    <t>5702320035896</t>
  </si>
  <si>
    <t>Pro+ Eindeckrahmen-Set EBW CK02 4021B3</t>
  </si>
  <si>
    <t>----------------------------------------
Geeignet für Dächer mit flachem oder
profiliertem Eindeckmaterial
von 1,5 bis 12 cm Höhe.
Seitenteile gerade mit doppelten Wasser-
Ableit-Falzen und Schaumstoff-Dichtungs-
Profil.
----------------------------------------
Seitliche und untere Blendrahmen-
verblechung.
----------------------------------------
Material: Aluminium im Farbton der
Fenster-Abdeckung.
----------------------------------------
Produktpaket für den Einau von 
2 Fenstern in Kombination nebeneinader
mit Blendrahmenabstand 1,8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W CK02 4031B2</t>
  </si>
  <si>
    <t>5702329690010</t>
  </si>
  <si>
    <t>Pro+ Eindeckrahmen-Set EBW CK02 4031B2</t>
  </si>
  <si>
    <t>----------------------------------------
Geeignet für Dächer mit flachem oder
profiliertem Eindeckmaterial
von 1,5 bis 12 cm Höhe.
Seitenteile gerade mit doppelten Wasser-
Ableit-Falzen und Schaumstoff-Dichtungs-
Profil.
----------------------------------------
Seitliche und untere Blendrahmen-
verblechung.
----------------------------------------
Material: Aluminium im Farbton der
Fenster-Abdeckung.
----------------------------------------
Produktpaket für den Einau von 
3 Fenstern in Kombination nebeneinader
mit Blendrahmenabstand 1,8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W CK02 4031B3</t>
  </si>
  <si>
    <t>5702320035902</t>
  </si>
  <si>
    <t>Pro+ Eindeckrahmen-Set EBW CK02 4031B3</t>
  </si>
  <si>
    <t>----------------------------------------
Geeignet für Dächer mit flachem oder
profiliertem Eindeckmaterial
von 1,5 bis 12 cm Höhe.
Seitenteile gerade mit doppelten Wasser-
Ableit-Falzen und Schaumstoff-Dichtungs-
Profil.
----------------------------------------
Seitliche und untere Blendrahmen-
verblechung.
----------------------------------------
Material: Aluminium im Farbton der
Fenster-Abdeckung.
----------------------------------------
Produktpaket für den Einau von 
3 Fenstern in Kombination nebeneinader
mit Blendrahmenabstand 1,8cm
Im Lieferumfang des Produktpaketes
sind folgende Produkte enthalten:
Eindeckrahmen-Set aus Element 1 
unten links, Element 2 unten mitte und
Element 3 unten rechts
Mittlere Abdeckleisten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t>
  </si>
  <si>
    <t>EBW CK04 4021B2</t>
  </si>
  <si>
    <t>5702329305167</t>
  </si>
  <si>
    <t>Pro+ Eindeckrahmen-Set EBW CK04 4021B2</t>
  </si>
  <si>
    <t>EBW CK04 4021B3</t>
  </si>
  <si>
    <t>5702320035926</t>
  </si>
  <si>
    <t>Pro+ Eindeckrahmen-Set EBW CK04 4021B3</t>
  </si>
  <si>
    <t>EBW CK04 4031B2</t>
  </si>
  <si>
    <t>5702329690027</t>
  </si>
  <si>
    <t>Pro+ Eindeckrahmen-Set EBW CK04 4031B2</t>
  </si>
  <si>
    <t>EBW CK04 4031B3</t>
  </si>
  <si>
    <t>5702320035933</t>
  </si>
  <si>
    <t>Pro+ Eindeckrahmen-Set EBW CK04 4031B3</t>
  </si>
  <si>
    <t>EBW CK06 4021B2</t>
  </si>
  <si>
    <t>5702329305174</t>
  </si>
  <si>
    <t>Pro+ Eindeckrahmen-Set EBW CK06 4021B2</t>
  </si>
  <si>
    <t>EBW CK06 4021B3</t>
  </si>
  <si>
    <t>5702320035957</t>
  </si>
  <si>
    <t>Pro+ Eindeckrahmen-Set EBW CK06 4021B3</t>
  </si>
  <si>
    <t>EBW CK06 4031B2</t>
  </si>
  <si>
    <t>5702329690034</t>
  </si>
  <si>
    <t>Pro+ Eindeckrahmen-Set EBW CK06 4031B2</t>
  </si>
  <si>
    <t>EBW CK06 4031B3</t>
  </si>
  <si>
    <t>5702320035964</t>
  </si>
  <si>
    <t>Pro+ Eindeckrahmen-Set EBW CK06 4031B3</t>
  </si>
  <si>
    <t>EBW FK04 4021B2</t>
  </si>
  <si>
    <t>5702329305181</t>
  </si>
  <si>
    <t>Pro+ Eindeckrahmen-Set EBW FK04 4021B2</t>
  </si>
  <si>
    <t>EBW FK04 4021B3</t>
  </si>
  <si>
    <t>5702320035988</t>
  </si>
  <si>
    <t>Pro+ Eindeckrahmen-Set EBW FK04 4021B3</t>
  </si>
  <si>
    <t>EBW FK04 4031B2</t>
  </si>
  <si>
    <t>5702329690041</t>
  </si>
  <si>
    <t>Pro+ Eindeckrahmen-Set EBW FK04 4031B2</t>
  </si>
  <si>
    <t>EBW FK04 4031B3</t>
  </si>
  <si>
    <t>5702320035995</t>
  </si>
  <si>
    <t>Pro+ Eindeckrahmen-Set EBW FK04 4031B3</t>
  </si>
  <si>
    <t>EBW FK06 4021B2</t>
  </si>
  <si>
    <t>5702329305198</t>
  </si>
  <si>
    <t>Pro+ Eindeckrahmen-Set EBW FK06 4021B2</t>
  </si>
  <si>
    <t>EBW FK06 4021B3</t>
  </si>
  <si>
    <t>5702320036015</t>
  </si>
  <si>
    <t>Pro+ Eindeckrahmen-Set EBW FK06 4021B3</t>
  </si>
  <si>
    <t>EBW FK06 4031B2</t>
  </si>
  <si>
    <t>5702329690058</t>
  </si>
  <si>
    <t>Pro+ Eindeckrahmen-Set EBW FK06 4031B2</t>
  </si>
  <si>
    <t>EBW FK06 4031B3</t>
  </si>
  <si>
    <t>5702320036022</t>
  </si>
  <si>
    <t>Pro+ Eindeckrahmen-Set EBW FK06 4031B3</t>
  </si>
  <si>
    <t>EBW FK08 4021B2</t>
  </si>
  <si>
    <t>5702329305204</t>
  </si>
  <si>
    <t>Pro+ Eindeckrahmen-Set EBW FK08 4021B2</t>
  </si>
  <si>
    <t>EBW FK08 4021B3</t>
  </si>
  <si>
    <t>5702320036046</t>
  </si>
  <si>
    <t>Pro+ Eindeckrahmen-Set EBW FK08 4021B3</t>
  </si>
  <si>
    <t>EBW FK08 4031B2</t>
  </si>
  <si>
    <t>5702329690065</t>
  </si>
  <si>
    <t>Pro+ Eindeckrahmen-Set EBW FK08 4031B2</t>
  </si>
  <si>
    <t>EBW FK08 4031B3</t>
  </si>
  <si>
    <t>5702320036053</t>
  </si>
  <si>
    <t>Pro+ Eindeckrahmen-Set EBW FK08 4031B3</t>
  </si>
  <si>
    <t>EBW MK04 4021B2</t>
  </si>
  <si>
    <t>5702329305211</t>
  </si>
  <si>
    <t>Pro+ Eindeckrahmen-Set EBW MK04 4021B2</t>
  </si>
  <si>
    <t>EBW MK04 4021B3</t>
  </si>
  <si>
    <t>5702320036077</t>
  </si>
  <si>
    <t>Pro+ Eindeckrahmen-Set EBW MK04 4021B3</t>
  </si>
  <si>
    <t>EBW MK04 4031B2</t>
  </si>
  <si>
    <t>5702329690072</t>
  </si>
  <si>
    <t>Pro+ Eindeckrahmen-Set EBW MK04 4031B2</t>
  </si>
  <si>
    <t>EBW MK04 4031B3</t>
  </si>
  <si>
    <t>5702320036084</t>
  </si>
  <si>
    <t>Pro+ Eindeckrahmen-Set EBW MK04 4031B3</t>
  </si>
  <si>
    <t>EBW MK06 2022BK</t>
  </si>
  <si>
    <t>5702328148017</t>
  </si>
  <si>
    <t>VELUX Kombi-Aufk.-R. EBW MK06 2022BK</t>
  </si>
  <si>
    <t>für gaubenähnliche Lösungen, Alu</t>
  </si>
  <si>
    <t>----------------------------------------
Zum Einbau von 2 x 2 Fenstern  neben-
und übereinander.
----------------------------------------
Geeignet für Dächer mit flachem oder
profiliertem Eindeckmaterial
von 1,5 bis 12 cm Höhe.
Seitenteile gerade mit doppelten Wasser-
Ableit-Falzen und Schaumstoff-Dichtungs-
Profil.
Kombi-Aufkeilrahmen zur Erstellung
gaubenähnlicher Lösungen für mehr
Kopffreiheit und Raumgewinn.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Blendrahmenabstand: 1,8cm</t>
  </si>
  <si>
    <t>EBW MK06 2032BK</t>
  </si>
  <si>
    <t>5702328148024</t>
  </si>
  <si>
    <t>VELUX Kombi-Aufk.-R. EBW MK06 2032BK</t>
  </si>
  <si>
    <t>----------------------------------------
Zum Einbau von 2 x 3 Fenstern neben-
und übereinander.
----------------------------------------
Geeignet für Dächer mit flachem oder
profiliertem Eindeckmaterial
von 1,5 bis 12 cm Höhe.
Seitenteile gerade mit doppelten Wasser-
Ableit-Falzen und Schaumstoff-Dichtungs-
Profil.
Kombi-Aufkeilrahmen zur Erstellung
gaubenähnlicher Lösungen für mehr
Kopffreiheit und Raumgewinn.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Blendrahmenabstand: 1,8cm</t>
  </si>
  <si>
    <t>EBW MK06 4021B2</t>
  </si>
  <si>
    <t>5702329305228</t>
  </si>
  <si>
    <t>Pro+ Eindeckrahmen-Set EBW MK06 4021B2</t>
  </si>
  <si>
    <t>EBW MK06 4021B3</t>
  </si>
  <si>
    <t>5702320036107</t>
  </si>
  <si>
    <t>Pro+ Eindeckrahmen-Set EBW MK06 4021B3</t>
  </si>
  <si>
    <t>EBW MK06 4031B2</t>
  </si>
  <si>
    <t>5702329690089</t>
  </si>
  <si>
    <t>Pro+ Eindeckrahmen-Set EBW MK06 4031B2</t>
  </si>
  <si>
    <t>EBW MK06 4031B3</t>
  </si>
  <si>
    <t>5702320036114</t>
  </si>
  <si>
    <t>Pro+ Eindeckrahmen-Set EBW MK06 4031B3</t>
  </si>
  <si>
    <t>EBW MK08 4021B2</t>
  </si>
  <si>
    <t>5702329305235</t>
  </si>
  <si>
    <t>Pro+ Eindeckrahmen-Set EBW MK08 4021B2</t>
  </si>
  <si>
    <t>EBW MK08 4021B3</t>
  </si>
  <si>
    <t>5702320036138</t>
  </si>
  <si>
    <t>Pro+ Eindeckrahmen-Set EBW MK08 4021B3</t>
  </si>
  <si>
    <t>EBW MK08 4031B2</t>
  </si>
  <si>
    <t>5702329690096</t>
  </si>
  <si>
    <t>Pro+ Eindeckrahmen-Set EBW MK08 4031B2</t>
  </si>
  <si>
    <t>EBW MK08 4031B3</t>
  </si>
  <si>
    <t>5702320036145</t>
  </si>
  <si>
    <t>Pro+ Eindeckrahmen-Set EBW MK08 4031B3</t>
  </si>
  <si>
    <t>EBW MK10 4021B2</t>
  </si>
  <si>
    <t>5702329305242</t>
  </si>
  <si>
    <t>Pro+ Eindeckrahmen-Set EBW MK10 4021B2</t>
  </si>
  <si>
    <t>EBW MK10 4021B3</t>
  </si>
  <si>
    <t>5702320036169</t>
  </si>
  <si>
    <t>Pro+ Eindeckrahmen-Set EBW MK10 4021B3</t>
  </si>
  <si>
    <t>EBW MK10 4031B2</t>
  </si>
  <si>
    <t>5702329690102</t>
  </si>
  <si>
    <t>Pro+ Eindeckrahmen-Set EBW MK10 4031B2</t>
  </si>
  <si>
    <t>EBW MK10 4031B3</t>
  </si>
  <si>
    <t>5702320036176</t>
  </si>
  <si>
    <t>Pro+ Eindeckrahmen-Set EBW MK10 4031B3</t>
  </si>
  <si>
    <t>EBW PK06 2022BK</t>
  </si>
  <si>
    <t>5702328148031</t>
  </si>
  <si>
    <t>VELUX Kombi-Aufk.-R. EBW PK06 2022BK</t>
  </si>
  <si>
    <t>EBW PK06 4021B2</t>
  </si>
  <si>
    <t>5702329305273</t>
  </si>
  <si>
    <t>Pro+ Eindeckrahmen-Set EBW PK06 4021B2</t>
  </si>
  <si>
    <t>EBW PK06 4021B3</t>
  </si>
  <si>
    <t>5702320036237</t>
  </si>
  <si>
    <t>Pro+ Eindeckrahmen-Set EBW PK06 4021B3</t>
  </si>
  <si>
    <t>EBW PK08 4021B2</t>
  </si>
  <si>
    <t>5702329305280</t>
  </si>
  <si>
    <t>Pro+ Eindeckrahmen-Set EBW PK08 4021B2</t>
  </si>
  <si>
    <t>EBW PK08 4021B3</t>
  </si>
  <si>
    <t>5702320036251</t>
  </si>
  <si>
    <t>Pro+ Eindeckrahmen-Set EBW PK08 4021B3</t>
  </si>
  <si>
    <t>EBW PK10 4021B2</t>
  </si>
  <si>
    <t>5702329305297</t>
  </si>
  <si>
    <t>Pro+ Eindeckrahmen-Set EBW PK10 4021B2</t>
  </si>
  <si>
    <t>EBW PK10 4021B3</t>
  </si>
  <si>
    <t>5702320036282</t>
  </si>
  <si>
    <t>Pro+ Eindeckrahmen-Set EBW PK10 4021B3</t>
  </si>
  <si>
    <t>EBW SK06 2022BK</t>
  </si>
  <si>
    <t>5702328148048</t>
  </si>
  <si>
    <t>VELUX Kombi-Aufk.-R. EBW SK06 2022BK</t>
  </si>
  <si>
    <t>EBW SK06 4021B2</t>
  </si>
  <si>
    <t>5702329305303</t>
  </si>
  <si>
    <t>Pro+ Eindeckrahmen-Set EBW SK06 4021B2</t>
  </si>
  <si>
    <t>EBW SK06 4021B3</t>
  </si>
  <si>
    <t>5702320036572</t>
  </si>
  <si>
    <t>Pro+ Eindeckrahmen-Set EBW SK06 4021B3</t>
  </si>
  <si>
    <t>EBW SK08 4021B2</t>
  </si>
  <si>
    <t>5702329305310</t>
  </si>
  <si>
    <t>Pro+ Eindeckrahmen-Set EBW SK08 4021B2</t>
  </si>
  <si>
    <t>EBW SK08 4021B3</t>
  </si>
  <si>
    <t>5702320036596</t>
  </si>
  <si>
    <t>Pro+ Eindeckrahmen-Set EBW SK08 4021B3</t>
  </si>
  <si>
    <t>EBW SK10 4021B2</t>
  </si>
  <si>
    <t>5702329305327</t>
  </si>
  <si>
    <t>Pro+ Eindeckrahmen-Set EBW SK10 4021B2</t>
  </si>
  <si>
    <t>EBW SK10 4021B3</t>
  </si>
  <si>
    <t>5702320036619</t>
  </si>
  <si>
    <t>Pro+ Eindeckrahmen-Set EBW SK10 4021B3</t>
  </si>
  <si>
    <t>EBW UK04 4021B2</t>
  </si>
  <si>
    <t>5702329305334</t>
  </si>
  <si>
    <t>Pro+ Eindeckrahmen-Set EBW UK04 4021B2</t>
  </si>
  <si>
    <t>EBW UK04 4021B3</t>
  </si>
  <si>
    <t>5702320036633</t>
  </si>
  <si>
    <t>Pro+ Eindeckrahmen-Set EBW UK04 4021B3</t>
  </si>
  <si>
    <t>EBW UK08 4021B2</t>
  </si>
  <si>
    <t>5702329305341</t>
  </si>
  <si>
    <t>Pro+ Eindeckrahmen-Set EBW UK08 4021B2</t>
  </si>
  <si>
    <t>EBW UK08 4021B3</t>
  </si>
  <si>
    <t>5702320036657</t>
  </si>
  <si>
    <t>Pro+ Eindeckrahmen-Set EBW UK08 4021B3</t>
  </si>
  <si>
    <t>EDB CK02 1000</t>
  </si>
  <si>
    <t>5702329448284</t>
  </si>
  <si>
    <t>VELUX Eindeckrahmen EDB CK02 1000</t>
  </si>
  <si>
    <t>inkl. BFX</t>
  </si>
  <si>
    <t>----------------------------------------
Geeignet für Dächer mit flachem
Eindeckmaterial bis 3,8 cm Höhe
(2 x 1,9 cm). Seitenteile
in vorgebogenen Schichtstücken.
----------------------------------------
Seitliche und untere Blendrahmen-
verblechung.
Inklusive Anschlussschürze BFX
----------------------------------------
Material: Aluminium im Farbton der
Fenster-Abdeckung.</t>
  </si>
  <si>
    <t>EDB CK02 2000</t>
  </si>
  <si>
    <t>5702327236906</t>
  </si>
  <si>
    <t>VELUX Eindeckrahmen EDB CK02 2000</t>
  </si>
  <si>
    <t>Biberschwanz Doppeldeckung Alu+BDX</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B CK04 1000</t>
  </si>
  <si>
    <t>5702329448291</t>
  </si>
  <si>
    <t>VELUX Eindeckrahmen EDB CK04 1000</t>
  </si>
  <si>
    <t>EDB CK04 1100</t>
  </si>
  <si>
    <t>5702329699112</t>
  </si>
  <si>
    <t>VELUX Eindeckrahmen EDB CK04 1100</t>
  </si>
  <si>
    <t>----------------------------------------
Geeignet für Dächer mit flachem
Eindeckmaterial bis 3,8 cm Höhe
(2 x 1,9 cm). Seitenteile
in vorgebogenen Schichtstücken.
----------------------------------------
Seitliche und untere Blendrahmen-
verblechung.
Inklusive Anschlussschürze BFX
----------------------------------------
Material: Kupfer.</t>
  </si>
  <si>
    <t>EDB CK04 2000</t>
  </si>
  <si>
    <t>5702327236913</t>
  </si>
  <si>
    <t>VELUX Eindeckrahmen EDB CK04 2000</t>
  </si>
  <si>
    <t>EDB CK06 1000</t>
  </si>
  <si>
    <t>5702329448307</t>
  </si>
  <si>
    <t>VELUX Eindeckrahmen EDB CK06 1000</t>
  </si>
  <si>
    <t>EDB CK06 1100</t>
  </si>
  <si>
    <t>5702329699129</t>
  </si>
  <si>
    <t>VELUX Eindeckrahmen EDB CK06 1100</t>
  </si>
  <si>
    <t>EDB CK06 2000</t>
  </si>
  <si>
    <t>5702327236920</t>
  </si>
  <si>
    <t>VELUX Eindeckrahmen EDB CK06 2000</t>
  </si>
  <si>
    <t>EDB FK04 1000</t>
  </si>
  <si>
    <t>5702329448314</t>
  </si>
  <si>
    <t>VELUX Eindeckrahmen EDB FK04 1000</t>
  </si>
  <si>
    <t>EDB FK04 2000</t>
  </si>
  <si>
    <t>5702327236937</t>
  </si>
  <si>
    <t>VELUX Eindeckrahmen EDB FK04 2000</t>
  </si>
  <si>
    <t>EDB FK06 1000</t>
  </si>
  <si>
    <t>5702329448321</t>
  </si>
  <si>
    <t>VELUX Eindeckrahmen EDB FK06 1000</t>
  </si>
  <si>
    <t>EDB FK06 1100</t>
  </si>
  <si>
    <t>5702329699136</t>
  </si>
  <si>
    <t>VELUX Eindeckrahmen EDB FK06 1100</t>
  </si>
  <si>
    <t>EDB FK06 2000</t>
  </si>
  <si>
    <t>5702327236944</t>
  </si>
  <si>
    <t>VELUX Eindeckrahmen EDB FK06 2000</t>
  </si>
  <si>
    <t>EDB FK08 1000</t>
  </si>
  <si>
    <t>5702329448338</t>
  </si>
  <si>
    <t>VELUX Eindeckrahmen EDB FK08 1000</t>
  </si>
  <si>
    <t>EDB FK08 2000</t>
  </si>
  <si>
    <t>5702327236951</t>
  </si>
  <si>
    <t>VELUX Eindeckrahmen EDB FK08 2000</t>
  </si>
  <si>
    <t>EDB MK04 1000</t>
  </si>
  <si>
    <t>5702329448345</t>
  </si>
  <si>
    <t>VELUX Eindeckrahmen EDB MK04 1000</t>
  </si>
  <si>
    <t>EDB MK04 2000</t>
  </si>
  <si>
    <t>5702327236968</t>
  </si>
  <si>
    <t>VELUX Eindeckrahmen EDB MK04 2000</t>
  </si>
  <si>
    <t>EDB MK06 1000</t>
  </si>
  <si>
    <t>5702329448352</t>
  </si>
  <si>
    <t>VELUX Eindeckrahmen EDB MK06 1000</t>
  </si>
  <si>
    <t>EDB MK06 2000</t>
  </si>
  <si>
    <t>5702327236975</t>
  </si>
  <si>
    <t>VELUX Eindeckrahmen EDB MK06 2000</t>
  </si>
  <si>
    <t>EDB MK08 1000</t>
  </si>
  <si>
    <t>5702329448369</t>
  </si>
  <si>
    <t>VELUX Eindeckrahmen EDB MK08 1000</t>
  </si>
  <si>
    <t>EDB MK08 2000</t>
  </si>
  <si>
    <t>5702327236982</t>
  </si>
  <si>
    <t>VELUX Eindeckrahmen EDB MK08 2000</t>
  </si>
  <si>
    <t>EDB MK10 1000</t>
  </si>
  <si>
    <t>5702329448376</t>
  </si>
  <si>
    <t>VELUX Eindeckrahmen EDB MK10 1000</t>
  </si>
  <si>
    <t>EDB MK10 2000</t>
  </si>
  <si>
    <t>5702327236999</t>
  </si>
  <si>
    <t>VELUX Eindeckrahmen EDB MK10 2000</t>
  </si>
  <si>
    <t>EDB MK12 1000</t>
  </si>
  <si>
    <t>5702329448383</t>
  </si>
  <si>
    <t>VELUX Eindeckrahmen EDB MK12 1000</t>
  </si>
  <si>
    <t>EDB MK12 2000</t>
  </si>
  <si>
    <t>5702328562950</t>
  </si>
  <si>
    <t>VELUX Eindeckrahmen EDB MK12 2000</t>
  </si>
  <si>
    <t>EDB PK06 1000</t>
  </si>
  <si>
    <t>5702329448390</t>
  </si>
  <si>
    <t>VELUX Eindeckrahmen EDB PK06 1000</t>
  </si>
  <si>
    <t>EDB PK06 2000</t>
  </si>
  <si>
    <t>5702327237002</t>
  </si>
  <si>
    <t>VELUX Eindeckrahmen EDB PK06 2000</t>
  </si>
  <si>
    <t>EDB PK08 1000</t>
  </si>
  <si>
    <t>5702329448406</t>
  </si>
  <si>
    <t>VELUX Eindeckrahmen EDB PK08 1000</t>
  </si>
  <si>
    <t>EDB PK08 2000</t>
  </si>
  <si>
    <t>5702327237019</t>
  </si>
  <si>
    <t>VELUX Eindeckrahmen EDB PK08 2000</t>
  </si>
  <si>
    <t>EDB PK10 1000</t>
  </si>
  <si>
    <t>5702329448413</t>
  </si>
  <si>
    <t>VELUX Eindeckrahmen EDB PK10 1000</t>
  </si>
  <si>
    <t>EDB PK10 2000</t>
  </si>
  <si>
    <t>5702327237026</t>
  </si>
  <si>
    <t>VELUX Eindeckrahmen EDB PK10 2000</t>
  </si>
  <si>
    <t>EDB SK06 1000</t>
  </si>
  <si>
    <t>5702329448420</t>
  </si>
  <si>
    <t>VELUX Eindeckrahmen EDB SK06 1000</t>
  </si>
  <si>
    <t>EDB SK06 2000</t>
  </si>
  <si>
    <t>5702327237033</t>
  </si>
  <si>
    <t>VELUX Eindeckrahmen EDB SK06 2000</t>
  </si>
  <si>
    <t>EDB SK08 1000</t>
  </si>
  <si>
    <t>5702329448437</t>
  </si>
  <si>
    <t>VELUX Eindeckrahmen EDB SK08 1000</t>
  </si>
  <si>
    <t>EDB SK08 2000</t>
  </si>
  <si>
    <t>5702327237040</t>
  </si>
  <si>
    <t>VELUX Eindeckrahmen EDB SK08 2000</t>
  </si>
  <si>
    <t>EDB SK10 1000</t>
  </si>
  <si>
    <t>5702329448444</t>
  </si>
  <si>
    <t>VELUX Eindeckrahmen EDB SK10 1000</t>
  </si>
  <si>
    <t>EDB SK10 2000</t>
  </si>
  <si>
    <t>5702327237057</t>
  </si>
  <si>
    <t>VELUX Eindeckrahmen EDB SK10 2000</t>
  </si>
  <si>
    <t>EDB UK04 1000</t>
  </si>
  <si>
    <t>5702329448451</t>
  </si>
  <si>
    <t>VELUX Eindeckrahmen EDB UK04 1000</t>
  </si>
  <si>
    <t>EDB UK04 2000</t>
  </si>
  <si>
    <t>5702327237064</t>
  </si>
  <si>
    <t>VELUX Eindeckrahmen EDB UK04 2000</t>
  </si>
  <si>
    <t>EDB UK08 1000</t>
  </si>
  <si>
    <t>5702329448468</t>
  </si>
  <si>
    <t>VELUX Eindeckrahmen EDB UK08 1000</t>
  </si>
  <si>
    <t>EDB UK08 2000</t>
  </si>
  <si>
    <t>5702327237071</t>
  </si>
  <si>
    <t>VELUX Eindeckrahmen EDB UK08 2000</t>
  </si>
  <si>
    <t>EDB UK10 1000</t>
  </si>
  <si>
    <t>5702329448475</t>
  </si>
  <si>
    <t>VELUX Eindeckrahmen EDB UK10 1000</t>
  </si>
  <si>
    <t>EDB UK10 2000</t>
  </si>
  <si>
    <t>5702327237088</t>
  </si>
  <si>
    <t>VELUX Eindeckrahmen EDB UK10 2000</t>
  </si>
  <si>
    <t>EDE CK02 1100</t>
  </si>
  <si>
    <t>5702329792486</t>
  </si>
  <si>
    <t>VELUX Eindeckrahmen EDE CK02 1100</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Inklusive Anschlussschürze BFX
----------------------------------------
Material: Kupfer.</t>
  </si>
  <si>
    <t>EDE CK02 1300</t>
  </si>
  <si>
    <t>5702329792493</t>
  </si>
  <si>
    <t>VELUX Eindeckrahmen EDE CK02 1300</t>
  </si>
  <si>
    <t>79070000</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Inklusive Anschlussschürze BFX
----------------------------------------
Material: Titanzink walzblank.</t>
  </si>
  <si>
    <t>EDE CK02 2300</t>
  </si>
  <si>
    <t>5702329448499</t>
  </si>
  <si>
    <t>VELUX Eindeckrahmen EDE CK02 2300</t>
  </si>
  <si>
    <t>inkl. BDX und BFX Ti walz</t>
  </si>
  <si>
    <t>EDE CK04 1100</t>
  </si>
  <si>
    <t>5702329792509</t>
  </si>
  <si>
    <t>VELUX Eindeckrahmen EDE CK04 1100</t>
  </si>
  <si>
    <t>EDE CK04 1300</t>
  </si>
  <si>
    <t>5702329792516</t>
  </si>
  <si>
    <t>VELUX Eindeckrahmen EDE CK04 1300</t>
  </si>
  <si>
    <t>EDE CK04 2300</t>
  </si>
  <si>
    <t>5702329448512</t>
  </si>
  <si>
    <t>VELUX Eindeckrahmen EDE CK04 2300</t>
  </si>
  <si>
    <t>EDE CK06 1100</t>
  </si>
  <si>
    <t>5702329792523</t>
  </si>
  <si>
    <t>VELUX Eindeckrahmen EDE CK06 1100</t>
  </si>
  <si>
    <t>EDE CK06 1300</t>
  </si>
  <si>
    <t>5702329792530</t>
  </si>
  <si>
    <t>VELUX Eindeckrahmen EDE CK06 1300</t>
  </si>
  <si>
    <t>EDE CK06 2300</t>
  </si>
  <si>
    <t>5702329448536</t>
  </si>
  <si>
    <t>VELUX Eindeckrahmen EDE CK06 2300</t>
  </si>
  <si>
    <t>EDE FK04 1100</t>
  </si>
  <si>
    <t>5702329792547</t>
  </si>
  <si>
    <t>VELUX Eindeckrahmen EDE FK04 1100</t>
  </si>
  <si>
    <t>EDE FK04 1300</t>
  </si>
  <si>
    <t>5702329792554</t>
  </si>
  <si>
    <t>VELUX Eindeckrahmen EDE FK04 1300</t>
  </si>
  <si>
    <t>EDE FK04 2300</t>
  </si>
  <si>
    <t>5702329448550</t>
  </si>
  <si>
    <t>VELUX Eindeckrahmen EDE FK04 2300</t>
  </si>
  <si>
    <t>EDE FK06 1100</t>
  </si>
  <si>
    <t>5702329792561</t>
  </si>
  <si>
    <t>VELUX Eindeckrahmen EDE FK06 1100</t>
  </si>
  <si>
    <t>EDE FK06 1300</t>
  </si>
  <si>
    <t>5702329792578</t>
  </si>
  <si>
    <t>VELUX Eindeckrahmen EDE FK06 1300</t>
  </si>
  <si>
    <t>EDE FK06 2300</t>
  </si>
  <si>
    <t>5702329448574</t>
  </si>
  <si>
    <t>VELUX Eindeckrahmen EDE FK06 2300</t>
  </si>
  <si>
    <t>EDE FK08 1100</t>
  </si>
  <si>
    <t>5702329792585</t>
  </si>
  <si>
    <t>VELUX Eindeckrahmen EDE FK08 1100</t>
  </si>
  <si>
    <t>EDE FK08 1300</t>
  </si>
  <si>
    <t>5702329792592</t>
  </si>
  <si>
    <t>VELUX Eindeckrahmen EDE FK08 1300</t>
  </si>
  <si>
    <t>EDE FK08 2300</t>
  </si>
  <si>
    <t>5702329448598</t>
  </si>
  <si>
    <t>VELUX Eindeckrahmen EDE FK08 2300</t>
  </si>
  <si>
    <t>EDE MK04 1100</t>
  </si>
  <si>
    <t>5702329792608</t>
  </si>
  <si>
    <t>VELUX Eindeckrahmen EDE MK04 1100</t>
  </si>
  <si>
    <t>EDE MK04 1300</t>
  </si>
  <si>
    <t>5702329792615</t>
  </si>
  <si>
    <t>VELUX Eindeckrahmen EDE MK04 1300</t>
  </si>
  <si>
    <t>EDE MK04 2300</t>
  </si>
  <si>
    <t>5702329448611</t>
  </si>
  <si>
    <t>VELUX Eindeckrahmen EDE MK04 2300</t>
  </si>
  <si>
    <t>EDE MK06 1100</t>
  </si>
  <si>
    <t>5702329792622</t>
  </si>
  <si>
    <t>VELUX Eindeckrahmen EDE MK06 1100</t>
  </si>
  <si>
    <t>EDE MK06 1300</t>
  </si>
  <si>
    <t>5702329792639</t>
  </si>
  <si>
    <t>VELUX Eindeckrahmen EDE MK06 1300</t>
  </si>
  <si>
    <t>EDE MK06 2300</t>
  </si>
  <si>
    <t>5702329448635</t>
  </si>
  <si>
    <t>VELUX Eindeckrahmen EDE MK06 2300</t>
  </si>
  <si>
    <t>EDE MK08 1100</t>
  </si>
  <si>
    <t>5702329792646</t>
  </si>
  <si>
    <t>VELUX Eindeckrahmen EDE MK08 1100</t>
  </si>
  <si>
    <t>EDE MK08 1300</t>
  </si>
  <si>
    <t>5702329792653</t>
  </si>
  <si>
    <t>VELUX Eindeckrahmen EDE MK08 1300</t>
  </si>
  <si>
    <t>EDE MK08 2300</t>
  </si>
  <si>
    <t>5702329448659</t>
  </si>
  <si>
    <t>VELUX Eindeckrahmen EDE MK08 2300</t>
  </si>
  <si>
    <t>EDE MK10 1100</t>
  </si>
  <si>
    <t>5702329792660</t>
  </si>
  <si>
    <t>VELUX Eindeckrahmen EDE MK10 1100</t>
  </si>
  <si>
    <t>EDE MK10 1300</t>
  </si>
  <si>
    <t>5702329792677</t>
  </si>
  <si>
    <t>VELUX Eindeckrahmen EDE MK10 1300</t>
  </si>
  <si>
    <t>EDE MK10 2300</t>
  </si>
  <si>
    <t>5702329448673</t>
  </si>
  <si>
    <t>VELUX Eindeckrahmen EDE MK10 2300</t>
  </si>
  <si>
    <t>EDE MK19 1100</t>
  </si>
  <si>
    <t>5702329792684</t>
  </si>
  <si>
    <t>VELUX Eindeckrahmen EDE MK19 1100</t>
  </si>
  <si>
    <t>EDE MK19 1300</t>
  </si>
  <si>
    <t>5702329792691</t>
  </si>
  <si>
    <t>VELUX Eindeckrahmen EDE MK19 1300</t>
  </si>
  <si>
    <t>EDE MK19 2100</t>
  </si>
  <si>
    <t>5702329602846</t>
  </si>
  <si>
    <t>VELUX Eind.-R. inkl.BDX EDE MK19 2100</t>
  </si>
  <si>
    <t>für Lichtlösung Dachbalkon GDL</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DE MK19 2300</t>
  </si>
  <si>
    <t>5702329602853</t>
  </si>
  <si>
    <t>VELUX Eind.-R. inkl.BDX EDE MK19 2300</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DE PK06 1100</t>
  </si>
  <si>
    <t>5702329792707</t>
  </si>
  <si>
    <t>VELUX Eindeckrahmen EDE PK06 1100</t>
  </si>
  <si>
    <t>EDE PK06 1300</t>
  </si>
  <si>
    <t>5702329792714</t>
  </si>
  <si>
    <t>VELUX Eindeckrahmen EDE PK06 1300</t>
  </si>
  <si>
    <t>EDE PK06 2300</t>
  </si>
  <si>
    <t>5702329448697</t>
  </si>
  <si>
    <t>VELUX Eindeckrahmen EDE PK06 2300</t>
  </si>
  <si>
    <t>EDE PK08 1100</t>
  </si>
  <si>
    <t>5702329792721</t>
  </si>
  <si>
    <t>VELUX Eindeckrahmen EDE PK08 1100</t>
  </si>
  <si>
    <t>EDE PK08 1300</t>
  </si>
  <si>
    <t>5702329792738</t>
  </si>
  <si>
    <t>VELUX Eindeckrahmen EDE PK08 1300</t>
  </si>
  <si>
    <t>EDE PK08 2300</t>
  </si>
  <si>
    <t>5702329448710</t>
  </si>
  <si>
    <t>VELUX Eindeckrahmen EDE PK08 2300</t>
  </si>
  <si>
    <t>EDE PK10 1100</t>
  </si>
  <si>
    <t>5702329792745</t>
  </si>
  <si>
    <t>VELUX Eindeckrahmen EDE PK10 1100</t>
  </si>
  <si>
    <t>EDE PK10 1300</t>
  </si>
  <si>
    <t>5702329792752</t>
  </si>
  <si>
    <t>VELUX Eindeckrahmen EDE PK10 1300</t>
  </si>
  <si>
    <t>EDE PK10 2300</t>
  </si>
  <si>
    <t>5702329448734</t>
  </si>
  <si>
    <t>VELUX Eindeckrahmen EDE PK10 2300</t>
  </si>
  <si>
    <t>EDE PK19 1100</t>
  </si>
  <si>
    <t>5702329792769</t>
  </si>
  <si>
    <t>VELUX Eindeckrahmen EDE PK19 1100</t>
  </si>
  <si>
    <t>EDE PK19 1300</t>
  </si>
  <si>
    <t>5702329792776</t>
  </si>
  <si>
    <t>VELUX Eindeckrahmen EDE PK19 1300</t>
  </si>
  <si>
    <t>EDE PK19 2100</t>
  </si>
  <si>
    <t>5702329448741</t>
  </si>
  <si>
    <t>VELUX Eind.-R. inkl.BDX EDE PK19 2100</t>
  </si>
  <si>
    <t>EDE PK19 2300</t>
  </si>
  <si>
    <t>5702329448758</t>
  </si>
  <si>
    <t>VELUX Eind.-R. inkl.BDX EDE PK19 2300</t>
  </si>
  <si>
    <t>EDE SK06 1100</t>
  </si>
  <si>
    <t>5702329792783</t>
  </si>
  <si>
    <t>VELUX Eindeckrahmen EDE SK06 1100</t>
  </si>
  <si>
    <t>EDE SK06 1300</t>
  </si>
  <si>
    <t>5702329792790</t>
  </si>
  <si>
    <t>VELUX Eindeckrahmen EDE SK06 1300</t>
  </si>
  <si>
    <t>EDE SK06 2300</t>
  </si>
  <si>
    <t>5702329448772</t>
  </si>
  <si>
    <t>VELUX Eindeckrahmen EDE SK06 2300</t>
  </si>
  <si>
    <t>EDE SK08 1100</t>
  </si>
  <si>
    <t>5702329792806</t>
  </si>
  <si>
    <t>VELUX Eindeckrahmen EDE SK08 1100</t>
  </si>
  <si>
    <t>EDE SK08 1300</t>
  </si>
  <si>
    <t>5702329792813</t>
  </si>
  <si>
    <t>VELUX Eindeckrahmen EDE SK08 1300</t>
  </si>
  <si>
    <t>EDE SK08 2300</t>
  </si>
  <si>
    <t>5702329448796</t>
  </si>
  <si>
    <t>VELUX Eindeckrahmen EDE SK08 2300</t>
  </si>
  <si>
    <t>EDE SK10 1100</t>
  </si>
  <si>
    <t>5702329792820</t>
  </si>
  <si>
    <t>VELUX Eindeckrahmen EDE SK10 1100</t>
  </si>
  <si>
    <t>EDE SK10 1300</t>
  </si>
  <si>
    <t>5702329792837</t>
  </si>
  <si>
    <t>VELUX Eindeckrahmen EDE SK10 1300</t>
  </si>
  <si>
    <t>EDE SK10 2300</t>
  </si>
  <si>
    <t>5702329448819</t>
  </si>
  <si>
    <t>VELUX Eindeckrahmen EDE SK10 2300</t>
  </si>
  <si>
    <t>inkl.BDX+BFX,Tw</t>
  </si>
  <si>
    <t>EDE SK19 1100</t>
  </si>
  <si>
    <t>5702329792844</t>
  </si>
  <si>
    <t>VELUX Eindeckrahmen EDE SK19 1100</t>
  </si>
  <si>
    <t>EDE SK19 1300</t>
  </si>
  <si>
    <t>5702329792851</t>
  </si>
  <si>
    <t>VELUX Eindeckrahmen EDE SK19 1300</t>
  </si>
  <si>
    <t>EDE SK19 2100</t>
  </si>
  <si>
    <t>5702329448826</t>
  </si>
  <si>
    <t>VELUX Eind.-R. inkl.BDX EDE SK19 2100</t>
  </si>
  <si>
    <t>EDE SK19 2300</t>
  </si>
  <si>
    <t>5702329448833</t>
  </si>
  <si>
    <t>VELUX Eind.-R. inkl.BDX EDE SK19 2300</t>
  </si>
  <si>
    <t>EDE UK04 1100</t>
  </si>
  <si>
    <t>5702329792868</t>
  </si>
  <si>
    <t>VELUX Eindeckrahmen EDE UK04 1100</t>
  </si>
  <si>
    <t>EDE UK04 1300</t>
  </si>
  <si>
    <t>5702329792875</t>
  </si>
  <si>
    <t>VELUX Eindeckrahmen EDE UK04 1300</t>
  </si>
  <si>
    <t>EDE UK04 2300</t>
  </si>
  <si>
    <t>5702329448857</t>
  </si>
  <si>
    <t>VELUX Eindeckrahmen EDE UK04 2300</t>
  </si>
  <si>
    <t>EDE UK08 1100</t>
  </si>
  <si>
    <t>5702329792882</t>
  </si>
  <si>
    <t>VELUX Eindeckrahmen EDE UK08 1100</t>
  </si>
  <si>
    <t>EDE UK08 1300</t>
  </si>
  <si>
    <t>5702329792899</t>
  </si>
  <si>
    <t>VELUX Eindeckrahmen EDE UK08 1300</t>
  </si>
  <si>
    <t>EDE UK08 2300</t>
  </si>
  <si>
    <t>5702329448871</t>
  </si>
  <si>
    <t>VELUX Eindeckrahmen EDE UK08 2300</t>
  </si>
  <si>
    <t>EDE UK10 1100</t>
  </si>
  <si>
    <t>5702329792905</t>
  </si>
  <si>
    <t>VELUX Eindeckrahmen EDE UK10 1100</t>
  </si>
  <si>
    <t>EDE UK10 1300</t>
  </si>
  <si>
    <t>5702329792912</t>
  </si>
  <si>
    <t>VELUX Eindeckrahmen EDE UK10 1300</t>
  </si>
  <si>
    <t>EDE UK10 2300</t>
  </si>
  <si>
    <t>5702329448895</t>
  </si>
  <si>
    <t>VELUX Eindeckrahmen EDE UK10 2300</t>
  </si>
  <si>
    <t>EDJ CK02 1000</t>
  </si>
  <si>
    <t>5702329448901</t>
  </si>
  <si>
    <t>VELUX Eindeckrahmen EDJ CK02 1000</t>
  </si>
  <si>
    <t>----------------------------------------
Eindeckrahmen für vertieften
Einbau.
Geeignet für Dächer mit flachem oder
profiliertem Eindeckmaterial
von 1,5 bis 9,0 cm Höhe.
Seitenteile mit doppelten
Wasser-Ableitfalzen und Schaumstoff-
Dichtungs-Profil.
----------------------------------------
Seitliche und untere Blendrahmen-
verblechung.
Inklusive Anschlussschürze BFX
----------------------------------------
Material: Aluminium. Schürze des
Unterteils aus plissiertem Aluminium.
Farbton: wie Fenster-Abdeckung.</t>
  </si>
  <si>
    <t>EDJ CK02 1100</t>
  </si>
  <si>
    <t>5702329792929</t>
  </si>
  <si>
    <t>VELUX Eindeckrahmen EDJ CK02 1100</t>
  </si>
  <si>
    <t>----------------------------------------
Eindeckrahmen für vertieften
Einbau.
Geeignet für Dächer mit flachem oder
profiliertem Eindeckmaterial
von 1,5 bis 9,0 cm Höhe.
Seitenteile mit doppelten
Wasser-Ableitfalzen und Schaumstoff-
Dichtungs-Profil.
----------------------------------------
Seitliche und untere Blendrahmen-
verblechung.
Inklusive Anschlussschürze BFX
----------------------------------------
Material: Kupfer. Schürze des Unterteils
aus plissiertem Blei im Farbton grau,
NCS S7500-N.</t>
  </si>
  <si>
    <t>EDJ CK02 1300</t>
  </si>
  <si>
    <t>5702329792936</t>
  </si>
  <si>
    <t>VELUX Eindeckrahmen EDJ CK02 1300</t>
  </si>
  <si>
    <t>----------------------------------------
Eindeckrahmen für vertieften
Einbau.
Geeignet für Dächer mit flachem oder
profiliertem Eindeckmaterial
von 1,5 bis 9,0 cm Höhe.
Seitenteile mit doppelten
Wasser-Ableitfalzen und Schaumstoff-
Dichtungs-Profil.
----------------------------------------
Seitliche und untere Blendrahmen-
verblechung.
Inklusive Anschlussschürze BFX
----------------------------------------
Material: Titanzink walzblank.
----------------------------------------
Unterteil mit Schürze aus plissiertem
Aluminium im Farbton, grau, NCS S3502-G.</t>
  </si>
  <si>
    <t>EDJ CK02 1500</t>
  </si>
  <si>
    <t>5702329720052</t>
  </si>
  <si>
    <t>VELUX Eindeckrahmen EDJ CK02 1500</t>
  </si>
  <si>
    <t>EDJ CK02 2000</t>
  </si>
  <si>
    <t>5702326846212</t>
  </si>
  <si>
    <t>VELUX Eindeckrahmen EDJ CK02 2000</t>
  </si>
  <si>
    <t>Ziegel vertieft Alu+BDX</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Schürze des
Unterteils aus plissiertem Aluminium.
Farbton: wie Fenster-Abdeckung.</t>
  </si>
  <si>
    <t>EDJ CK02 2100</t>
  </si>
  <si>
    <t>5702327215499</t>
  </si>
  <si>
    <t>VELUX Eindeckrahmen EDJ CK02 2100</t>
  </si>
  <si>
    <t>Ziegel vertieft + BDX Kupfer</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t>
  </si>
  <si>
    <t>EDJ CK02 2300</t>
  </si>
  <si>
    <t>5702327215505</t>
  </si>
  <si>
    <t>VELUX Eindeckrahmen EDJ CK02 2300</t>
  </si>
  <si>
    <t>Ziegel vertieft + BDX Ti walz</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t>
  </si>
  <si>
    <t>EDJ CK04 1000</t>
  </si>
  <si>
    <t>5702329448925</t>
  </si>
  <si>
    <t>VELUX Eindeckrahmen EDJ CK04 1000</t>
  </si>
  <si>
    <t>EDJ CK04 1100</t>
  </si>
  <si>
    <t>5702329792943</t>
  </si>
  <si>
    <t>VELUX Eindeckrahmen EDJ CK04 1100</t>
  </si>
  <si>
    <t>EDJ CK04 1300</t>
  </si>
  <si>
    <t>5702329792950</t>
  </si>
  <si>
    <t>VELUX Eindeckrahmen EDJ CK04 1300</t>
  </si>
  <si>
    <t>EDJ CK04 1500</t>
  </si>
  <si>
    <t>5702329720069</t>
  </si>
  <si>
    <t>VELUX Eindeckrahmen EDJ CK04 1500</t>
  </si>
  <si>
    <t>EDJ CK04 2000</t>
  </si>
  <si>
    <t>5702326846243</t>
  </si>
  <si>
    <t>VELUX Eindeckrahmen EDJ CK04 2000</t>
  </si>
  <si>
    <t>EDJ CK04 2100</t>
  </si>
  <si>
    <t>5702327215512</t>
  </si>
  <si>
    <t>VELUX Eindeckrahmen EDJ CK04 2100</t>
  </si>
  <si>
    <t>EDJ CK06 1000</t>
  </si>
  <si>
    <t>5702329448932</t>
  </si>
  <si>
    <t>VELUX Eindeckrahmen EDJ CK06 1000</t>
  </si>
  <si>
    <t>EDJ CK06 1100</t>
  </si>
  <si>
    <t>5702329792967</t>
  </si>
  <si>
    <t>VELUX Eindeckrahmen EDJ CK06 1100</t>
  </si>
  <si>
    <t>EDJ CK06 1300</t>
  </si>
  <si>
    <t>5702329792974</t>
  </si>
  <si>
    <t>VELUX Eindeckrahmen EDJ CK06 1300</t>
  </si>
  <si>
    <t>EDJ CK06 1500</t>
  </si>
  <si>
    <t>5702329720076</t>
  </si>
  <si>
    <t>VELUX Eindeckrahmen EDJ CK06 1500</t>
  </si>
  <si>
    <t>EDJ CK06 2000</t>
  </si>
  <si>
    <t>5702326846298</t>
  </si>
  <si>
    <t>VELUX Eindeckrahmen EDJ CK06 2000</t>
  </si>
  <si>
    <t>EDJ CK06 2100</t>
  </si>
  <si>
    <t>5702327215536</t>
  </si>
  <si>
    <t>VELUX Eindeckrahmen EDJ CK06 2100</t>
  </si>
  <si>
    <t>EDJ CK06 2300</t>
  </si>
  <si>
    <t>5702327215543</t>
  </si>
  <si>
    <t>VELUX Eindeckrahmen EDJ CK06 2300</t>
  </si>
  <si>
    <t>EDJ FK04 1000</t>
  </si>
  <si>
    <t>5702329448949</t>
  </si>
  <si>
    <t>VELUX Eindeckrahmen EDJ FK04 1000</t>
  </si>
  <si>
    <t>EDJ FK04 1100</t>
  </si>
  <si>
    <t>5702329792981</t>
  </si>
  <si>
    <t>VELUX Eindeckrahmen EDJ FK04 1100</t>
  </si>
  <si>
    <t>EDJ FK04 1300</t>
  </si>
  <si>
    <t>5702329792998</t>
  </si>
  <si>
    <t>VELUX Eindeckrahmen EDJ FK04 1300</t>
  </si>
  <si>
    <t>EDJ FK04 1500</t>
  </si>
  <si>
    <t>5702329720083</t>
  </si>
  <si>
    <t>VELUX Eindeckrahmen EDJ FK04 1500</t>
  </si>
  <si>
    <t>EDJ FK04 2000</t>
  </si>
  <si>
    <t>5702326846359</t>
  </si>
  <si>
    <t>VELUX Eindeckrahmen EDJ FK04 2000</t>
  </si>
  <si>
    <t>EDJ FK04 2100</t>
  </si>
  <si>
    <t>5702327215550</t>
  </si>
  <si>
    <t>VELUX Eindeckrahmen EDJ FK04 2100</t>
  </si>
  <si>
    <t>EDJ FK06 1000</t>
  </si>
  <si>
    <t>5702329448963</t>
  </si>
  <si>
    <t>VELUX Eindeckrahmen EDJ FK06 1000</t>
  </si>
  <si>
    <t>EDJ FK06 1100</t>
  </si>
  <si>
    <t>5702329793001</t>
  </si>
  <si>
    <t>VELUX Eindeckrahmen EDJ FK06 1100</t>
  </si>
  <si>
    <t>EDJ FK06 1300</t>
  </si>
  <si>
    <t>5702329793018</t>
  </si>
  <si>
    <t>VELUX Eindeckrahmen EDJ FK06 1300</t>
  </si>
  <si>
    <t>EDJ FK06 1500</t>
  </si>
  <si>
    <t>5702329720090</t>
  </si>
  <si>
    <t>VELUX Eindeckrahmen EDJ FK06 1500</t>
  </si>
  <si>
    <t>EDJ FK06 2000</t>
  </si>
  <si>
    <t>5702326846380</t>
  </si>
  <si>
    <t>VELUX Eindeckrahmen EDJ FK06 2000</t>
  </si>
  <si>
    <t>EDJ FK06 2100</t>
  </si>
  <si>
    <t>5702327215574</t>
  </si>
  <si>
    <t>VELUX Eindeckrahmen EDJ FK06 2100</t>
  </si>
  <si>
    <t>EDJ FK06 2300</t>
  </si>
  <si>
    <t>5702327215581</t>
  </si>
  <si>
    <t>VELUX Eindeckrahmen EDJ FK06 2300</t>
  </si>
  <si>
    <t>EDJ FK08 1000</t>
  </si>
  <si>
    <t>5702329448970</t>
  </si>
  <si>
    <t>VELUX Eindeckrahmen EDJ FK08 1000</t>
  </si>
  <si>
    <t>EDJ FK08 1100</t>
  </si>
  <si>
    <t>5702329793025</t>
  </si>
  <si>
    <t>VELUX Eindeckrahmen EDJ FK08 1100</t>
  </si>
  <si>
    <t>EDJ FK08 1300</t>
  </si>
  <si>
    <t>5702329793032</t>
  </si>
  <si>
    <t>VELUX Eindeckrahmen EDJ FK08 1300</t>
  </si>
  <si>
    <t>EDJ FK08 1500</t>
  </si>
  <si>
    <t>5702329720106</t>
  </si>
  <si>
    <t>VELUX Eindeckrahmen EDJ FK08 1500</t>
  </si>
  <si>
    <t>EDJ FK08 2000</t>
  </si>
  <si>
    <t>5702326846427</t>
  </si>
  <si>
    <t>VELUX Eindeckrahmen EDJ FK08 2000</t>
  </si>
  <si>
    <t>EDJ FK08 2100</t>
  </si>
  <si>
    <t>5702327215598</t>
  </si>
  <si>
    <t>VELUX Eindeckrahmen EDJ FK08 2100</t>
  </si>
  <si>
    <t>EDJ MK04 1000</t>
  </si>
  <si>
    <t>5702329448994</t>
  </si>
  <si>
    <t>VELUX Eindeckrahmen EDJ MK04 1000</t>
  </si>
  <si>
    <t>EDJ MK04 1100</t>
  </si>
  <si>
    <t>5702329793049</t>
  </si>
  <si>
    <t>VELUX Eindeckrahmen EDJ MK04 1100</t>
  </si>
  <si>
    <t>EDJ MK04 1300</t>
  </si>
  <si>
    <t>5702329793056</t>
  </si>
  <si>
    <t>VELUX Eindeckrahmen EDJ MK04 1300</t>
  </si>
  <si>
    <t>EDJ MK04 1500</t>
  </si>
  <si>
    <t>5702329720113</t>
  </si>
  <si>
    <t>VELUX Eindeckrahmen EDJ MK04 1500</t>
  </si>
  <si>
    <t>EDJ MK04 2000</t>
  </si>
  <si>
    <t>5702326846458</t>
  </si>
  <si>
    <t>VELUX Eindeckrahmen EDJ MK04 2000</t>
  </si>
  <si>
    <t>EDJ MK04 2100</t>
  </si>
  <si>
    <t>5702327215611</t>
  </si>
  <si>
    <t>VELUX Eindeckrahmen EDJ MK04 2100</t>
  </si>
  <si>
    <t>EDJ MK04 2300</t>
  </si>
  <si>
    <t>5702327215628</t>
  </si>
  <si>
    <t>VELUX Eindeckrahmen EDJ MK04 2300</t>
  </si>
  <si>
    <t>EDJ MK06 1000</t>
  </si>
  <si>
    <t>5702329449014</t>
  </si>
  <si>
    <t>VELUX Eindeckrahmen EDJ MK06 1000</t>
  </si>
  <si>
    <t>EDJ MK06 1100</t>
  </si>
  <si>
    <t>5702329793063</t>
  </si>
  <si>
    <t>VELUX Eindeckrahmen EDJ MK06 1100</t>
  </si>
  <si>
    <t>EDJ MK06 1300</t>
  </si>
  <si>
    <t>5702329793070</t>
  </si>
  <si>
    <t>VELUX Eindeckrahmen EDJ MK06 1300</t>
  </si>
  <si>
    <t>EDJ MK06 1500</t>
  </si>
  <si>
    <t>5702329720120</t>
  </si>
  <si>
    <t>VELUX Eindeckrahmen EDJ MK06 1500</t>
  </si>
  <si>
    <t>EDJ MK06 2000</t>
  </si>
  <si>
    <t>5702326846489</t>
  </si>
  <si>
    <t>VELUX Eindeckrahmen EDJ MK06 2000</t>
  </si>
  <si>
    <t>EDJ MK06 2100</t>
  </si>
  <si>
    <t>5702327215635</t>
  </si>
  <si>
    <t>VELUX Eindeckrahmen EDJ MK06 2100</t>
  </si>
  <si>
    <t>EDJ MK06 2300</t>
  </si>
  <si>
    <t>5702327215642</t>
  </si>
  <si>
    <t>VELUX Eindeckrahmen EDJ MK06 2300</t>
  </si>
  <si>
    <t>EDJ MK08 1000</t>
  </si>
  <si>
    <t>5702329449021</t>
  </si>
  <si>
    <t>VELUX Eindeckrahmen EDJ MK08 1000</t>
  </si>
  <si>
    <t>EDJ MK08 1100</t>
  </si>
  <si>
    <t>5702329793087</t>
  </si>
  <si>
    <t>VELUX Eindeckrahmen EDJ MK08 1100</t>
  </si>
  <si>
    <t>EDJ MK08 1300</t>
  </si>
  <si>
    <t>5702329793094</t>
  </si>
  <si>
    <t>VELUX Eindeckrahmen EDJ MK08 1300</t>
  </si>
  <si>
    <t>EDJ MK08 1500</t>
  </si>
  <si>
    <t>5702329720137</t>
  </si>
  <si>
    <t>VELUX Eindeckrahmen EDJ MK08 1500</t>
  </si>
  <si>
    <t>EDJ MK08 2000</t>
  </si>
  <si>
    <t>5702326846526</t>
  </si>
  <si>
    <t>VELUX Eindeckrahmen EDJ MK08 2000</t>
  </si>
  <si>
    <t>EDJ MK08 2100</t>
  </si>
  <si>
    <t>5702327215659</t>
  </si>
  <si>
    <t>VELUX Eindeckrahmen EDJ MK08 2100</t>
  </si>
  <si>
    <t>EDJ MK08 2300</t>
  </si>
  <si>
    <t>5702327215666</t>
  </si>
  <si>
    <t>VELUX Eindeckrahmen EDJ MK08 2300</t>
  </si>
  <si>
    <t>EDJ MK10 1000</t>
  </si>
  <si>
    <t>5702329449038</t>
  </si>
  <si>
    <t>VELUX Eindeckrahmen EDJ MK10 1000</t>
  </si>
  <si>
    <t>EDJ MK10 1100</t>
  </si>
  <si>
    <t>5702329793100</t>
  </si>
  <si>
    <t>VELUX Eindeckrahmen EDJ MK10 1100</t>
  </si>
  <si>
    <t>EDJ MK10 1300</t>
  </si>
  <si>
    <t>5702329793117</t>
  </si>
  <si>
    <t>VELUX Eindeckrahmen EDJ MK10 1300</t>
  </si>
  <si>
    <t>EDJ MK10 1500</t>
  </si>
  <si>
    <t>5702329720144</t>
  </si>
  <si>
    <t>VELUX Eindeckrahmen EDJ MK10 1500</t>
  </si>
  <si>
    <t>EDJ MK10 2000</t>
  </si>
  <si>
    <t>5702326846564</t>
  </si>
  <si>
    <t>VELUX Eindeckrahmen EDJ MK10 2000</t>
  </si>
  <si>
    <t>EDJ MK10 2100</t>
  </si>
  <si>
    <t>5702327215673</t>
  </si>
  <si>
    <t>VELUX Eindeckrahmen EDJ MK10 2100</t>
  </si>
  <si>
    <t>EDJ MK10 2300</t>
  </si>
  <si>
    <t>5702327215680</t>
  </si>
  <si>
    <t>VELUX Eindeckrahmen EDJ MK10 2300</t>
  </si>
  <si>
    <t>EDJ MK12 1000</t>
  </si>
  <si>
    <t>5702329449052</t>
  </si>
  <si>
    <t>VELUX Eindeckrahmen EDJ MK12 1000</t>
  </si>
  <si>
    <t>EDJ MK12 1100</t>
  </si>
  <si>
    <t>5702329793124</t>
  </si>
  <si>
    <t>VELUX Eindeckrahmen EDJ MK12 1100</t>
  </si>
  <si>
    <t>EDJ MK12 1300</t>
  </si>
  <si>
    <t>5702329793131</t>
  </si>
  <si>
    <t>VELUX Eindeckrahmen EDJ MK12 1300</t>
  </si>
  <si>
    <t>EDJ MK12 1500</t>
  </si>
  <si>
    <t>5702329720151</t>
  </si>
  <si>
    <t>VELUX Eindeckrahmen EDJ MK12 1500</t>
  </si>
  <si>
    <t>EDJ MK12 2000</t>
  </si>
  <si>
    <t>5702327589842</t>
  </si>
  <si>
    <t>VELUX Eindeckrahmen EDJ MK12 2000</t>
  </si>
  <si>
    <t>Ziegel vertieft + BDX Alu</t>
  </si>
  <si>
    <t>EDJ PK06 1000</t>
  </si>
  <si>
    <t>5702329449069</t>
  </si>
  <si>
    <t>VELUX Eindeckrahmen EDJ PK06 1000</t>
  </si>
  <si>
    <t>EDJ PK06 1100</t>
  </si>
  <si>
    <t>5702329793148</t>
  </si>
  <si>
    <t>VELUX Eindeckrahmen EDJ PK06 1100</t>
  </si>
  <si>
    <t>EDJ PK06 1300</t>
  </si>
  <si>
    <t>5702329793155</t>
  </si>
  <si>
    <t>VELUX Eindeckrahmen EDJ PK06 1300</t>
  </si>
  <si>
    <t>EDJ PK06 1500</t>
  </si>
  <si>
    <t>5702329720168</t>
  </si>
  <si>
    <t>VELUX Eindeckrahmen EDJ PK06 1500</t>
  </si>
  <si>
    <t>EDJ PK06 2000</t>
  </si>
  <si>
    <t>5702326846595</t>
  </si>
  <si>
    <t>VELUX Eindeckrahmen EDJ PK06 2000</t>
  </si>
  <si>
    <t>EDJ PK06 2100</t>
  </si>
  <si>
    <t>5702327215697</t>
  </si>
  <si>
    <t>VELUX Eindeckrahmen EDJ PK06 2100</t>
  </si>
  <si>
    <t>EDJ PK08 1000</t>
  </si>
  <si>
    <t>5702329449083</t>
  </si>
  <si>
    <t>VELUX Eindeckrahmen EDJ PK08 1000</t>
  </si>
  <si>
    <t>EDJ PK08 1100</t>
  </si>
  <si>
    <t>5702329793162</t>
  </si>
  <si>
    <t>VELUX Eindeckrahmen EDJ PK08 1100</t>
  </si>
  <si>
    <t>EDJ PK08 1300</t>
  </si>
  <si>
    <t>5702329793179</t>
  </si>
  <si>
    <t>VELUX Eindeckrahmen EDJ PK08 1300</t>
  </si>
  <si>
    <t>EDJ PK08 1500</t>
  </si>
  <si>
    <t>5702329720175</t>
  </si>
  <si>
    <t>VELUX Eindeckrahmen EDJ PK08 1500</t>
  </si>
  <si>
    <t>EDJ PK08 2000</t>
  </si>
  <si>
    <t>5702326846625</t>
  </si>
  <si>
    <t>VELUX Eindeckrahmen EDJ PK08 2000</t>
  </si>
  <si>
    <t>EDJ PK08 2100</t>
  </si>
  <si>
    <t>5702327215710</t>
  </si>
  <si>
    <t>VELUX Eindeckrahmen EDJ PK08 2100</t>
  </si>
  <si>
    <t>EDJ PK10 1000</t>
  </si>
  <si>
    <t>5702329449106</t>
  </si>
  <si>
    <t>VELUX Eindeckrahmen EDJ PK10 1000</t>
  </si>
  <si>
    <t>EDJ PK10 1100</t>
  </si>
  <si>
    <t>5702329793186</t>
  </si>
  <si>
    <t>VELUX Eindeckrahmen EDJ PK10 1100</t>
  </si>
  <si>
    <t>EDJ PK10 1300</t>
  </si>
  <si>
    <t>5702329793193</t>
  </si>
  <si>
    <t>VELUX Eindeckrahmen EDJ PK10 1300</t>
  </si>
  <si>
    <t>EDJ PK10 1500</t>
  </si>
  <si>
    <t>5702329720182</t>
  </si>
  <si>
    <t>VELUX Eindeckrahmen EDJ PK10 1500</t>
  </si>
  <si>
    <t>EDJ PK10 2000</t>
  </si>
  <si>
    <t>5702326846656</t>
  </si>
  <si>
    <t>VELUX Eindeckrahmen EDJ PK10 2000</t>
  </si>
  <si>
    <t>EDJ PK10 2100</t>
  </si>
  <si>
    <t>5702327215734</t>
  </si>
  <si>
    <t>VELUX Eindeckrahmen EDJ PK10 2100</t>
  </si>
  <si>
    <t>EDJ SK06 1000</t>
  </si>
  <si>
    <t>5702329449120</t>
  </si>
  <si>
    <t>VELUX Eindeckrahmen EDJ SK06 1000</t>
  </si>
  <si>
    <t>EDJ SK06 1100</t>
  </si>
  <si>
    <t>5702329793209</t>
  </si>
  <si>
    <t>VELUX Eindeckrahmen EDJ SK06 1100</t>
  </si>
  <si>
    <t>EDJ SK06 1300</t>
  </si>
  <si>
    <t>5702329793216</t>
  </si>
  <si>
    <t>VELUX Eindeckrahmen EDJ SK06 1300</t>
  </si>
  <si>
    <t>EDJ SK06 1500</t>
  </si>
  <si>
    <t>5702329720199</t>
  </si>
  <si>
    <t>VELUX Eindeckrahmen EDJ SK06 1500</t>
  </si>
  <si>
    <t>EDJ SK06 2000</t>
  </si>
  <si>
    <t>5702326846700</t>
  </si>
  <si>
    <t>VELUX Eindeckrahmen EDJ SK06 2000</t>
  </si>
  <si>
    <t>EDJ SK06 2100</t>
  </si>
  <si>
    <t>5702327215758</t>
  </si>
  <si>
    <t>VELUX Eindeckrahmen EDJ SK06 2100</t>
  </si>
  <si>
    <t>EDJ SK08 1000</t>
  </si>
  <si>
    <t>5702329449144</t>
  </si>
  <si>
    <t>VELUX Eindeckrahmen EDJ SK08 1000</t>
  </si>
  <si>
    <t>EDJ SK08 1100</t>
  </si>
  <si>
    <t>5702329793223</t>
  </si>
  <si>
    <t>VELUX Eindeckrahmen EDJ SK08 1100</t>
  </si>
  <si>
    <t>EDJ SK08 1300</t>
  </si>
  <si>
    <t>5702329793230</t>
  </si>
  <si>
    <t>VELUX Eindeckrahmen EDJ SK08 1300</t>
  </si>
  <si>
    <t>EDJ SK08 1500</t>
  </si>
  <si>
    <t>5702329720205</t>
  </si>
  <si>
    <t>VELUX Eindeckrahmen EDJ SK08 1500</t>
  </si>
  <si>
    <t>EDJ SK08 2000</t>
  </si>
  <si>
    <t>5702326846731</t>
  </si>
  <si>
    <t>VELUX Eindeckrahmen EDJ SK08 2000</t>
  </si>
  <si>
    <t>EDJ SK08 2100</t>
  </si>
  <si>
    <t>5702327215772</t>
  </si>
  <si>
    <t>VELUX Eindeckrahmen EDJ SK08 2100</t>
  </si>
  <si>
    <t>EDJ SK10 1000</t>
  </si>
  <si>
    <t>5702329449168</t>
  </si>
  <si>
    <t>VELUX Eindeckrahmen EDJ SK10 1000</t>
  </si>
  <si>
    <t>EDJ SK10 1100</t>
  </si>
  <si>
    <t>5702329793247</t>
  </si>
  <si>
    <t>VELUX Eindeckrahmen EDJ SK10 1100</t>
  </si>
  <si>
    <t>EDJ SK10 1300</t>
  </si>
  <si>
    <t>5702329793254</t>
  </si>
  <si>
    <t>VELUX Eindeckrahmen EDJ SK10 1300</t>
  </si>
  <si>
    <t>EDJ SK10 1500</t>
  </si>
  <si>
    <t>5702329720212</t>
  </si>
  <si>
    <t>VELUX Eindeckrahmen EDJ SK10 1500</t>
  </si>
  <si>
    <t>EDJ SK10 2000</t>
  </si>
  <si>
    <t>5702326846762</t>
  </si>
  <si>
    <t>VELUX Eindeckrahmen EDJ SK10 2000</t>
  </si>
  <si>
    <t>EDJ SK10 2100</t>
  </si>
  <si>
    <t>5702327215796</t>
  </si>
  <si>
    <t>VELUX Eindeckrahmen EDJ SK10 2100</t>
  </si>
  <si>
    <t>EDJ UK04 1000</t>
  </si>
  <si>
    <t>5702329449182</t>
  </si>
  <si>
    <t>VELUX Eindeckrahmen EDJ UK04 1000</t>
  </si>
  <si>
    <t>EDJ UK04 1100</t>
  </si>
  <si>
    <t>5702329793261</t>
  </si>
  <si>
    <t>VELUX Eindeckrahmen EDJ UK04 1100</t>
  </si>
  <si>
    <t>EDJ UK04 1300</t>
  </si>
  <si>
    <t>5702329793278</t>
  </si>
  <si>
    <t>VELUX Eindeckrahmen EDJ UK04 1300</t>
  </si>
  <si>
    <t>EDJ UK04 1500</t>
  </si>
  <si>
    <t>5702329720229</t>
  </si>
  <si>
    <t>VELUX Eindeckrahmen EDJ UK04 1500</t>
  </si>
  <si>
    <t>EDJ UK04 2000</t>
  </si>
  <si>
    <t>5702326846793</t>
  </si>
  <si>
    <t>VELUX Eindeckrahmen EDJ UK04 2000</t>
  </si>
  <si>
    <t>EDJ UK08 1000</t>
  </si>
  <si>
    <t>5702329449199</t>
  </si>
  <si>
    <t>VELUX Eindeckrahmen EDJ UK08 1000</t>
  </si>
  <si>
    <t>EDJ UK08 1100</t>
  </si>
  <si>
    <t>5702329793285</t>
  </si>
  <si>
    <t>VELUX Eindeckrahmen EDJ UK08 1100</t>
  </si>
  <si>
    <t>EDJ UK08 1300</t>
  </si>
  <si>
    <t>5702329793292</t>
  </si>
  <si>
    <t>VELUX Eindeckrahmen EDJ UK08 1300</t>
  </si>
  <si>
    <t>EDJ UK08 1500</t>
  </si>
  <si>
    <t>5702329720236</t>
  </si>
  <si>
    <t>VELUX Eindeckrahmen EDJ UK08 1500</t>
  </si>
  <si>
    <t>EDJ UK08 2000</t>
  </si>
  <si>
    <t>5702326846830</t>
  </si>
  <si>
    <t>VELUX Eindeckrahmen EDJ UK08 2000</t>
  </si>
  <si>
    <t>EDJ UK08 2100</t>
  </si>
  <si>
    <t>5702327215833</t>
  </si>
  <si>
    <t>VELUX Eindeckrahmen EDJ UK08 2100</t>
  </si>
  <si>
    <t>EDJ UK10 1000</t>
  </si>
  <si>
    <t>5702329449212</t>
  </si>
  <si>
    <t>VELUX Eindeckrahmen EDJ UK10 1000</t>
  </si>
  <si>
    <t>EDJ UK10 1100</t>
  </si>
  <si>
    <t>5702329793308</t>
  </si>
  <si>
    <t>VELUX Eindeckrahmen EDJ UK10 1100</t>
  </si>
  <si>
    <t>EDJ UK10 1300</t>
  </si>
  <si>
    <t>5702329793315</t>
  </si>
  <si>
    <t>VELUX Eindeckrahmen EDJ UK10 1300</t>
  </si>
  <si>
    <t>EDJ UK10 1500</t>
  </si>
  <si>
    <t>5702329720243</t>
  </si>
  <si>
    <t>VELUX Eindeckrahmen EDJ UK10 1500</t>
  </si>
  <si>
    <t>EDJ UK10 2000</t>
  </si>
  <si>
    <t>5702326846861</t>
  </si>
  <si>
    <t>VELUX Eindeckrahmen EDJ UK10 2000</t>
  </si>
  <si>
    <t>EDJ UK10 2300</t>
  </si>
  <si>
    <t>5702327215864</t>
  </si>
  <si>
    <t>VELUX Eindeckrahmen EDJ UK10 2300</t>
  </si>
  <si>
    <t>EDL CK02 1000</t>
  </si>
  <si>
    <t>5702329449335</t>
  </si>
  <si>
    <t>VELUX Eindeckrahmen EDL CK02 1000</t>
  </si>
  <si>
    <t>----------------------------------------
Geeignet für Dächer mit flachem Eindeck-
material bis 1,6 cm (2 x 0,8 cm) Höhe.
Seitenteile in Schichtstücken mit je
33 cm Länge.
----------------------------------------
Seitliche und untere Blendrahmen-
verblechung.
Inklusive Anschlussschürze BFX
----------------------------------------
Material: Aluminium im Farbton der
Fenster-Abdeckung.</t>
  </si>
  <si>
    <t>EDL CK02 1100</t>
  </si>
  <si>
    <t>5702329449359</t>
  </si>
  <si>
    <t>VELUX Eindeckrahmen EDL CK02 1100</t>
  </si>
  <si>
    <t>----------------------------------------
Geeignet für Dächer mit flachem Eindeck-
material bis 1,6 cm (2 x 0,8 cm) Höhe.
Seitenteile in Schichtstücken mit je
33 cm Länge.
----------------------------------------
Seitliche und untere Blendrahmen-
verblechung.
Inklusive Anschlussschürze BFX
----------------------------------------
Material: Kupfer.</t>
  </si>
  <si>
    <t>EDL CK02 1300</t>
  </si>
  <si>
    <t>5702329449366</t>
  </si>
  <si>
    <t>VELUX Eindeckrahmen EDL CK02 1300</t>
  </si>
  <si>
    <t>----------------------------------------
Geeignet für Dächer mit flachem Eindeck-
material bis 1,6 cm (2 x 0,8 cm) Höhe.
Seitenteile in Schichtstücken mit je
33 cm Länge.
----------------------------------------
Seitliche und untere Blendrahmen-
verblechung.
Inklusive Anschlussschürze BFX
----------------------------------------
Material: Titanzink walzblank.</t>
  </si>
  <si>
    <t>EDL CK02 2000</t>
  </si>
  <si>
    <t>5702327205155</t>
  </si>
  <si>
    <t>VELUX Eindeckrahmen EDL CK02 2000</t>
  </si>
  <si>
    <t>Schiefer Schichtstück + BDX Al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L CK04 1000</t>
  </si>
  <si>
    <t>5702329449380</t>
  </si>
  <si>
    <t>VELUX Eindeckrahmen EDL CK04 1000</t>
  </si>
  <si>
    <t>EDL CK04 1100</t>
  </si>
  <si>
    <t>5702329449403</t>
  </si>
  <si>
    <t>VELUX Eindeckrahmen EDL CK04 1100</t>
  </si>
  <si>
    <t>EDL CK04 1300</t>
  </si>
  <si>
    <t>5702329449410</t>
  </si>
  <si>
    <t>VELUX Eindeckrahmen EDL CK04 1300</t>
  </si>
  <si>
    <t>EDL CK04 2000</t>
  </si>
  <si>
    <t>5702327205162</t>
  </si>
  <si>
    <t>VELUX Eindeckrahmen EDL CK04 2000</t>
  </si>
  <si>
    <t>EDL CK06 1000</t>
  </si>
  <si>
    <t>5702329449434</t>
  </si>
  <si>
    <t>VELUX Eindeckrahmen EDL CK06 1000</t>
  </si>
  <si>
    <t>EDL CK06 1100</t>
  </si>
  <si>
    <t>5702329449458</t>
  </si>
  <si>
    <t>VELUX Eindeckrahmen EDL CK06 1100</t>
  </si>
  <si>
    <t>EDL CK06 1300</t>
  </si>
  <si>
    <t>5702329449465</t>
  </si>
  <si>
    <t>VELUX Eindeckrahmen EDL CK06 1300</t>
  </si>
  <si>
    <t>EDL CK06 2000</t>
  </si>
  <si>
    <t>5702327205179</t>
  </si>
  <si>
    <t>VELUX Eindeckrahmen EDL CK06 2000</t>
  </si>
  <si>
    <t>EDL FK04 1000</t>
  </si>
  <si>
    <t>5702329449489</t>
  </si>
  <si>
    <t>VELUX Eindeckrahmen EDL FK04 1000</t>
  </si>
  <si>
    <t>EDL FK04 1100</t>
  </si>
  <si>
    <t>5702329449502</t>
  </si>
  <si>
    <t>VELUX Eindeckrahmen EDL FK04 1100</t>
  </si>
  <si>
    <t>EDL FK04 1300</t>
  </si>
  <si>
    <t>5702329449519</t>
  </si>
  <si>
    <t>VELUX Eindeckrahmen EDL FK04 1300</t>
  </si>
  <si>
    <t>EDL FK04 2000</t>
  </si>
  <si>
    <t>5702327205186</t>
  </si>
  <si>
    <t>VELUX Eindeckrahmen EDL FK04 2000</t>
  </si>
  <si>
    <t>EDL FK06 1000</t>
  </si>
  <si>
    <t>5702329449533</t>
  </si>
  <si>
    <t>VELUX Eindeckrahmen EDL FK06 1000</t>
  </si>
  <si>
    <t>EDL FK06 1100</t>
  </si>
  <si>
    <t>5702329449557</t>
  </si>
  <si>
    <t>VELUX Eindeckrahmen EDL FK06 1100</t>
  </si>
  <si>
    <t>EDL FK06 1300</t>
  </si>
  <si>
    <t>5702329449564</t>
  </si>
  <si>
    <t>VELUX Eindeckrahmen EDL FK06 1300</t>
  </si>
  <si>
    <t>EDL FK06 2000</t>
  </si>
  <si>
    <t>5702327205193</t>
  </si>
  <si>
    <t>VELUX Eindeckrahmen EDL FK06 2000</t>
  </si>
  <si>
    <t>EDL FK08 1000</t>
  </si>
  <si>
    <t>5702329449588</t>
  </si>
  <si>
    <t>VELUX Eindeckrahmen EDL FK08 1000</t>
  </si>
  <si>
    <t>EDL FK08 1100</t>
  </si>
  <si>
    <t>5702329449601</t>
  </si>
  <si>
    <t>VELUX Eindeckrahmen EDL FK08 1100</t>
  </si>
  <si>
    <t>EDL FK08 1300</t>
  </si>
  <si>
    <t>5702329449618</t>
  </si>
  <si>
    <t>VELUX Eindeckrahmen EDL FK08 1300</t>
  </si>
  <si>
    <t>EDL FK08 2000</t>
  </si>
  <si>
    <t>5702327205209</t>
  </si>
  <si>
    <t>VELUX Eindeckrahmen EDL FK08 2000</t>
  </si>
  <si>
    <t>EDL MK04 1000</t>
  </si>
  <si>
    <t>5702329449632</t>
  </si>
  <si>
    <t>VELUX Eindeckrahmen EDL MK04 1000</t>
  </si>
  <si>
    <t>EDL MK04 1100</t>
  </si>
  <si>
    <t>5702329449656</t>
  </si>
  <si>
    <t>VELUX Eindeckrahmen EDL MK04 1100</t>
  </si>
  <si>
    <t>EDL MK04 1300</t>
  </si>
  <si>
    <t>5702329449663</t>
  </si>
  <si>
    <t>VELUX Eindeckrahmen EDL MK04 1300</t>
  </si>
  <si>
    <t>EDL MK04 2000</t>
  </si>
  <si>
    <t>5702327205216</t>
  </si>
  <si>
    <t>VELUX Eindeckrahmen EDL MK04 2000</t>
  </si>
  <si>
    <t>EDL MK06 1000</t>
  </si>
  <si>
    <t>5702329449687</t>
  </si>
  <si>
    <t>VELUX Eindeckrahmen EDL MK06 1000</t>
  </si>
  <si>
    <t>EDL MK06 1100</t>
  </si>
  <si>
    <t>5702329449700</t>
  </si>
  <si>
    <t>VELUX Eindeckrahmen EDL MK06 1100</t>
  </si>
  <si>
    <t>EDL MK06 1300</t>
  </si>
  <si>
    <t>5702329449717</t>
  </si>
  <si>
    <t>VELUX Eindeckrahmen EDL MK06 1300</t>
  </si>
  <si>
    <t>EDL MK06 2000</t>
  </si>
  <si>
    <t>5702327205223</t>
  </si>
  <si>
    <t>VELUX Eindeckrahmen EDL MK06 2000</t>
  </si>
  <si>
    <t>EDL MK08 1000</t>
  </si>
  <si>
    <t>5702329449731</t>
  </si>
  <si>
    <t>VELUX Eindeckrahmen EDL MK08 1000</t>
  </si>
  <si>
    <t>EDL MK08 1100</t>
  </si>
  <si>
    <t>5702329449755</t>
  </si>
  <si>
    <t>VELUX Eindeckrahmen EDL MK08 1100</t>
  </si>
  <si>
    <t>EDL MK08 1300</t>
  </si>
  <si>
    <t>5702329449762</t>
  </si>
  <si>
    <t>VELUX Eindeckrahmen EDL MK08 1300</t>
  </si>
  <si>
    <t>EDL MK08 2000</t>
  </si>
  <si>
    <t>5702327205230</t>
  </si>
  <si>
    <t>VELUX Eindeckrahmen EDL MK08 2000</t>
  </si>
  <si>
    <t>EDL MK10 1000</t>
  </si>
  <si>
    <t>5702329449786</t>
  </si>
  <si>
    <t>VELUX Eindeckrahmen EDL MK10 1000</t>
  </si>
  <si>
    <t>EDL MK10 1100</t>
  </si>
  <si>
    <t>5702329449793</t>
  </si>
  <si>
    <t>VELUX Eindeckrahmen EDL MK10 1100</t>
  </si>
  <si>
    <t>EDL MK10 1300</t>
  </si>
  <si>
    <t>5702329449809</t>
  </si>
  <si>
    <t>VELUX Eindeckrahmen EDL MK10 1300</t>
  </si>
  <si>
    <t>EDL MK10 2000</t>
  </si>
  <si>
    <t>5702327205247</t>
  </si>
  <si>
    <t>VELUX Eindeckrahmen EDL MK10 2000</t>
  </si>
  <si>
    <t>EDL MK12 1000</t>
  </si>
  <si>
    <t>5702329449816</t>
  </si>
  <si>
    <t>VELUX Eindeckrahmen EDL MK12 1000</t>
  </si>
  <si>
    <t>EDL MK12 2000</t>
  </si>
  <si>
    <t>5702327205254</t>
  </si>
  <si>
    <t>VELUX Eindeckrahmen EDL MK12 2000</t>
  </si>
  <si>
    <t>EDL MK19 1000</t>
  </si>
  <si>
    <t>5702329602860</t>
  </si>
  <si>
    <t>VELUX Eindeckrahmen EDL MK19 1000</t>
  </si>
  <si>
    <t>EDL MK19 1100</t>
  </si>
  <si>
    <t>5702329602877</t>
  </si>
  <si>
    <t>VELUX Eindeckrahmen EDL MK19 1100</t>
  </si>
  <si>
    <t>EDL MK19 1300</t>
  </si>
  <si>
    <t>5702329602884</t>
  </si>
  <si>
    <t>VELUX Eindeckrahmen EDL MK19 1300</t>
  </si>
  <si>
    <t>EDL MK19 2000</t>
  </si>
  <si>
    <t>5702329720250</t>
  </si>
  <si>
    <t>VELUX Eindeckrahmen EDL MK19 2000</t>
  </si>
  <si>
    <t>inkl. BDX für Lichtlösung Dachbalkon GDL</t>
  </si>
  <si>
    <t>EDL MK19 2100</t>
  </si>
  <si>
    <t>5702329602891</t>
  </si>
  <si>
    <t>VELUX Eind.-R. inkl.BDX EDL MK19 2100</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DL MK19 2300</t>
  </si>
  <si>
    <t>5702329602907</t>
  </si>
  <si>
    <t>VELUX Eind.-R. inkl.BDX EDL MK19 2300</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DL PK06 1000</t>
  </si>
  <si>
    <t>5702329449977</t>
  </si>
  <si>
    <t>VELUX Eindeckrahmen EDL PK06 1000</t>
  </si>
  <si>
    <t>EDL PK06 1100</t>
  </si>
  <si>
    <t>5702329449991</t>
  </si>
  <si>
    <t>VELUX Eindeckrahmen EDL PK06 1100</t>
  </si>
  <si>
    <t>EDL PK06 1300</t>
  </si>
  <si>
    <t>5702329450003</t>
  </si>
  <si>
    <t>VELUX Eindeckrahmen EDL PK06 1300</t>
  </si>
  <si>
    <t>EDL PK06 2000</t>
  </si>
  <si>
    <t>5702327205278</t>
  </si>
  <si>
    <t>VELUX Eindeckrahmen EDL PK06 2000</t>
  </si>
  <si>
    <t>EDL PK08 1000</t>
  </si>
  <si>
    <t>5702329450027</t>
  </si>
  <si>
    <t>VELUX Eindeckrahmen EDL PK08 1000</t>
  </si>
  <si>
    <t>EDL PK08 1100</t>
  </si>
  <si>
    <t>5702329450034</t>
  </si>
  <si>
    <t>VELUX Eindeckrahmen EDL PK08 1100</t>
  </si>
  <si>
    <t>EDL PK08 1300</t>
  </si>
  <si>
    <t>5702329450041</t>
  </si>
  <si>
    <t>VELUX Eindeckrahmen EDL PK08 1300</t>
  </si>
  <si>
    <t>EDL PK08 2000</t>
  </si>
  <si>
    <t>5702327205285</t>
  </si>
  <si>
    <t>VELUX Eindeckrahmen EDL PK08 2000</t>
  </si>
  <si>
    <t>EDL PK10 1000</t>
  </si>
  <si>
    <t>5702329450058</t>
  </si>
  <si>
    <t>VELUX Eindeckrahmen EDL PK10 1000</t>
  </si>
  <si>
    <t>EDL PK10 1100</t>
  </si>
  <si>
    <t>5702329450072</t>
  </si>
  <si>
    <t>VELUX Eindeckrahmen EDL PK10 1100</t>
  </si>
  <si>
    <t>EDL PK10 1300</t>
  </si>
  <si>
    <t>5702329450089</t>
  </si>
  <si>
    <t>VELUX Eindeckrahmen EDL PK10 1300</t>
  </si>
  <si>
    <t>EDL PK10 2000</t>
  </si>
  <si>
    <t>5702327205292</t>
  </si>
  <si>
    <t>VELUX Eindeckrahmen EDL PK10 2000</t>
  </si>
  <si>
    <t>EDL PK19 1000</t>
  </si>
  <si>
    <t>5702329450102</t>
  </si>
  <si>
    <t>VELUX Eindeckrahmen EDL PK19 1000</t>
  </si>
  <si>
    <t>EDL PK19 1100</t>
  </si>
  <si>
    <t>5702329450119</t>
  </si>
  <si>
    <t>VELUX Eindeckrahmen EDL PK19 1100</t>
  </si>
  <si>
    <t>EDL PK19 1300</t>
  </si>
  <si>
    <t>5702329450126</t>
  </si>
  <si>
    <t>VELUX Eindeckrahmen EDL PK19 1300</t>
  </si>
  <si>
    <t>EDL PK19 2000</t>
  </si>
  <si>
    <t>5702327205308</t>
  </si>
  <si>
    <t>VELUX Eindeckrahmen EDL PK19 2000</t>
  </si>
  <si>
    <t>EDL PK19 2100</t>
  </si>
  <si>
    <t>5702327216212</t>
  </si>
  <si>
    <t>VELUX Eind.-R. inkl.BDX EDL PK19 2100</t>
  </si>
  <si>
    <t>EDL PK19 2300</t>
  </si>
  <si>
    <t>5702327216229</t>
  </si>
  <si>
    <t>VELUX Eind.-R. inkl.BDX EDL PK19 2300</t>
  </si>
  <si>
    <t>EDL SK06 1000</t>
  </si>
  <si>
    <t>5702329450232</t>
  </si>
  <si>
    <t>VELUX Eindeckrahmen EDL SK06 1000</t>
  </si>
  <si>
    <t>EDL SK06 1100</t>
  </si>
  <si>
    <t>5702329450256</t>
  </si>
  <si>
    <t>VELUX Eindeckrahmen EDL SK06 1100</t>
  </si>
  <si>
    <t>EDL SK06 1300</t>
  </si>
  <si>
    <t>5702329450263</t>
  </si>
  <si>
    <t>VELUX Eindeckrahmen EDL SK06 1300</t>
  </si>
  <si>
    <t>EDL SK06 2000</t>
  </si>
  <si>
    <t>5702327205339</t>
  </si>
  <si>
    <t>VELUX Eindeckrahmen EDL SK06 2000</t>
  </si>
  <si>
    <t>EDL SK08 1000</t>
  </si>
  <si>
    <t>5702329450287</t>
  </si>
  <si>
    <t>VELUX Eindeckrahmen EDL SK08 1000</t>
  </si>
  <si>
    <t>EDL SK08 1100</t>
  </si>
  <si>
    <t>5702329450300</t>
  </si>
  <si>
    <t>VELUX Eindeckrahmen EDL SK08 1100</t>
  </si>
  <si>
    <t>EDL SK08 1300</t>
  </si>
  <si>
    <t>5702329450317</t>
  </si>
  <si>
    <t>VELUX Eindeckrahmen EDL SK08 1300</t>
  </si>
  <si>
    <t>EDL SK08 2000</t>
  </si>
  <si>
    <t>5702327205346</t>
  </si>
  <si>
    <t>VELUX Eindeckrahmen EDL SK08 2000</t>
  </si>
  <si>
    <t>EDL SK10 1000</t>
  </si>
  <si>
    <t>5702329450331</t>
  </si>
  <si>
    <t>VELUX Eindeckrahmen EDL SK10 1000</t>
  </si>
  <si>
    <t>EDL SK10 1100</t>
  </si>
  <si>
    <t>5702329450348</t>
  </si>
  <si>
    <t>VELUX Eindeckrahmen EDL SK10 1100</t>
  </si>
  <si>
    <t>EDL SK10 1300</t>
  </si>
  <si>
    <t>5702329450355</t>
  </si>
  <si>
    <t>VELUX Eindeckrahmen EDL SK10 1300</t>
  </si>
  <si>
    <t>EDL SK10 2000</t>
  </si>
  <si>
    <t>5702327205353</t>
  </si>
  <si>
    <t>VELUX Eindeckrahmen EDL SK10 2000</t>
  </si>
  <si>
    <t>EDL SK19 1000</t>
  </si>
  <si>
    <t>5702329450362</t>
  </si>
  <si>
    <t>VELUX Eindeckrahmen EDL SK19 1000</t>
  </si>
  <si>
    <t>EDL SK19 1100</t>
  </si>
  <si>
    <t>5702329450379</t>
  </si>
  <si>
    <t>VELUX Eindeckrahmen EDL SK19 1100</t>
  </si>
  <si>
    <t>EDL SK19 1300</t>
  </si>
  <si>
    <t>5702329450386</t>
  </si>
  <si>
    <t>VELUX Eindeckrahmen EDL SK19 1300</t>
  </si>
  <si>
    <t>EDL SK19 2000</t>
  </si>
  <si>
    <t>5702329720281</t>
  </si>
  <si>
    <t>VELUX Eindeckrahmen EDL SK19 2000</t>
  </si>
  <si>
    <t>EDL SK19 2100</t>
  </si>
  <si>
    <t>5702329450393</t>
  </si>
  <si>
    <t>VELUX Eind.-R. inkl.BDX EDL SK19 2100</t>
  </si>
  <si>
    <t>EDL SK19 2300</t>
  </si>
  <si>
    <t>5702329450409</t>
  </si>
  <si>
    <t>VELUX Eind.-R. inkl.BDX EDL SK19 2300</t>
  </si>
  <si>
    <t>EDL UK04 1000</t>
  </si>
  <si>
    <t>5702329450416</t>
  </si>
  <si>
    <t>VELUX Eindeckrahmen EDL UK04 1000</t>
  </si>
  <si>
    <t>EDL UK04 1100</t>
  </si>
  <si>
    <t>5702329450423</t>
  </si>
  <si>
    <t>VELUX Eindeckrahmen EDL UK04 1100</t>
  </si>
  <si>
    <t>EDL UK04 1300</t>
  </si>
  <si>
    <t>5702329450430</t>
  </si>
  <si>
    <t>VELUX Eindeckrahmen EDL UK04 1300</t>
  </si>
  <si>
    <t>EDL UK04 2000</t>
  </si>
  <si>
    <t>5702327205377</t>
  </si>
  <si>
    <t>VELUX Eindeckrahmen EDL UK04 2000</t>
  </si>
  <si>
    <t>EDL UK08 1000</t>
  </si>
  <si>
    <t>5702329450492</t>
  </si>
  <si>
    <t>VELUX Eindeckrahmen EDL UK08 1000</t>
  </si>
  <si>
    <t>EDL UK08 1100</t>
  </si>
  <si>
    <t>5702329450515</t>
  </si>
  <si>
    <t>VELUX Eindeckrahmen EDL UK08 1100</t>
  </si>
  <si>
    <t>EDL UK08 1300</t>
  </si>
  <si>
    <t>5702329450522</t>
  </si>
  <si>
    <t>VELUX Eindeckrahmen EDL UK08 1300</t>
  </si>
  <si>
    <t>EDL UK08 2000</t>
  </si>
  <si>
    <t>5702327205384</t>
  </si>
  <si>
    <t>VELUX Eindeckrahmen EDL UK08 2000</t>
  </si>
  <si>
    <t>EDL UK10 1000</t>
  </si>
  <si>
    <t>5702329450546</t>
  </si>
  <si>
    <t>VELUX Eindeckrahmen EDL UK10 1000</t>
  </si>
  <si>
    <t>EDL UK10 1100</t>
  </si>
  <si>
    <t>5702329450560</t>
  </si>
  <si>
    <t>VELUX Eindeckrahmen EDL UK10 1100</t>
  </si>
  <si>
    <t>EDL UK10 1300</t>
  </si>
  <si>
    <t>5702329450577</t>
  </si>
  <si>
    <t>VELUX Eindeckrahmen EDL UK10 1300</t>
  </si>
  <si>
    <t>EDL UK10 2000</t>
  </si>
  <si>
    <t>5702327205391</t>
  </si>
  <si>
    <t>VELUX Eindeckrahmen EDL UK10 2000</t>
  </si>
  <si>
    <t>EDLS FFKF06 2000</t>
  </si>
  <si>
    <t>5702329292450</t>
  </si>
  <si>
    <t>VELUX Eindeckrahmen EDLS FFKF06 2000</t>
  </si>
  <si>
    <t>für Lichtlösung 3-in-1 Schiefer</t>
  </si>
  <si>
    <t>EDLS FFKF06 2100</t>
  </si>
  <si>
    <t>5702329324311</t>
  </si>
  <si>
    <t>VELUX Eind.-R. EDLS FFKF06 2100</t>
  </si>
  <si>
    <t>für Lichtlösung 3-in-1 Schiefer,Cu</t>
  </si>
  <si>
    <t>EDLS FFKF08 2000</t>
  </si>
  <si>
    <t>5702329292467</t>
  </si>
  <si>
    <t>VELUX Eindeckrahmen EDLS FFKF08 2000</t>
  </si>
  <si>
    <t>EDLS FFKF08 2100</t>
  </si>
  <si>
    <t>5702329324328</t>
  </si>
  <si>
    <t>VELUX Eind.-R. EDLS FFKF08 2100</t>
  </si>
  <si>
    <t>EDN CK02 1000</t>
  </si>
  <si>
    <t>5702329450638</t>
  </si>
  <si>
    <t>VELUX Eindeckrahmen EDN CK02 1000</t>
  </si>
  <si>
    <t>----------------------------------------
Eindeckrahmen für vertieften
Einbau.
Geeignet für Dächer mit flachem
Eindeckmaterial bis 1,6 cm (2 x 0,8 cm)
Höhe. Seitenteile in Schichtstücken
mit je 33 cm Länge.
----------------------------------------
Seitliche und untere Blendrahmen-
verblechung.
Inklusive Anschlussschürze BFX
----------------------------------------
Material: Aluminium im Farbton der
Fenster-Abdeckung.</t>
  </si>
  <si>
    <t>EDN CK02 2000</t>
  </si>
  <si>
    <t>5702326846915</t>
  </si>
  <si>
    <t>VELUX Eindeckrahmen EDN CK02 2000</t>
  </si>
  <si>
    <t>Schiefer Schichtstück,vert. Alu+BDX</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N CK04 1000</t>
  </si>
  <si>
    <t>5702329450645</t>
  </si>
  <si>
    <t>VELUX Eindeckrahmen EDN CK04 1000</t>
  </si>
  <si>
    <t>EDN CK04 1500</t>
  </si>
  <si>
    <t>5702329720311</t>
  </si>
  <si>
    <t>VELUX Eindeckrahmen EDN CK04 1500</t>
  </si>
  <si>
    <t>EDN CK04 2000</t>
  </si>
  <si>
    <t>5702326846946</t>
  </si>
  <si>
    <t>VELUX Eindeckrahmen EDN CK04 2000</t>
  </si>
  <si>
    <t>EDN CK06 1000</t>
  </si>
  <si>
    <t>5702329450652</t>
  </si>
  <si>
    <t>VELUX Eindeckrahmen EDN CK06 1000</t>
  </si>
  <si>
    <t>EDN CK06 1500</t>
  </si>
  <si>
    <t>5702329720328</t>
  </si>
  <si>
    <t>VELUX Eindeckrahmen EDN CK06 1500</t>
  </si>
  <si>
    <t>EDN CK06 2000</t>
  </si>
  <si>
    <t>5702326846977</t>
  </si>
  <si>
    <t>VELUX Eindeckrahmen EDN CK06 2000</t>
  </si>
  <si>
    <t>EDN FK04 1000</t>
  </si>
  <si>
    <t>5702329450669</t>
  </si>
  <si>
    <t>VELUX Eindeckrahmen EDN FK04 1000</t>
  </si>
  <si>
    <t>EDN FK04 2000</t>
  </si>
  <si>
    <t>5702326847004</t>
  </si>
  <si>
    <t>VELUX Eindeckrahmen EDN FK04 2000</t>
  </si>
  <si>
    <t>EDN FK06 1000</t>
  </si>
  <si>
    <t>5702329450676</t>
  </si>
  <si>
    <t>VELUX Eindeckrahmen EDN FK06 1000</t>
  </si>
  <si>
    <t>EDN FK06 1500</t>
  </si>
  <si>
    <t>5702329720335</t>
  </si>
  <si>
    <t>VELUX Eindeckrahmen EDN FK06 1500</t>
  </si>
  <si>
    <t>EDN FK06 2000</t>
  </si>
  <si>
    <t>5702326847042</t>
  </si>
  <si>
    <t>VELUX Eindeckrahmen EDN FK06 2000</t>
  </si>
  <si>
    <t>EDN FK08 1000</t>
  </si>
  <si>
    <t>5702329450683</t>
  </si>
  <si>
    <t>VELUX Eindeckrahmen EDN FK08 1000</t>
  </si>
  <si>
    <t>EDN FK08 2000</t>
  </si>
  <si>
    <t>5702326847073</t>
  </si>
  <si>
    <t>VELUX Eindeckrahmen EDN FK08 2000</t>
  </si>
  <si>
    <t>EDN MK04 1000</t>
  </si>
  <si>
    <t>5702329450690</t>
  </si>
  <si>
    <t>VELUX Eindeckrahmen EDN MK04 1000</t>
  </si>
  <si>
    <t>EDN MK04 2000</t>
  </si>
  <si>
    <t>5702326847097</t>
  </si>
  <si>
    <t>VELUX Eindeckrahmen EDN MK04 2000</t>
  </si>
  <si>
    <t>EDN MK06 1000</t>
  </si>
  <si>
    <t>5702329450706</t>
  </si>
  <si>
    <t>VELUX Eindeckrahmen EDN MK06 1000</t>
  </si>
  <si>
    <t>EDN MK06 1500</t>
  </si>
  <si>
    <t>5702329720342</t>
  </si>
  <si>
    <t>VELUX Eindeckrahmen EDN MK06 1500</t>
  </si>
  <si>
    <t>EDN MK06 2000</t>
  </si>
  <si>
    <t>5702326847127</t>
  </si>
  <si>
    <t>VELUX Eindeckrahmen EDN MK06 2000</t>
  </si>
  <si>
    <t>EDN MK08 1000</t>
  </si>
  <si>
    <t>5702329450713</t>
  </si>
  <si>
    <t>VELUX Eindeckrahmen EDN MK08 1000</t>
  </si>
  <si>
    <t>EDN MK08 1500</t>
  </si>
  <si>
    <t>5702329720359</t>
  </si>
  <si>
    <t>VELUX Eindeckrahmen EDN MK08 1500</t>
  </si>
  <si>
    <t>EDN MK08 2000</t>
  </si>
  <si>
    <t>5702326847172</t>
  </si>
  <si>
    <t>VELUX Eindeckrahmen EDN MK08 2000</t>
  </si>
  <si>
    <t>EDN MK10 1000</t>
  </si>
  <si>
    <t>5702329450720</t>
  </si>
  <si>
    <t>VELUX Eindeckrahmen EDN MK10 1000</t>
  </si>
  <si>
    <t>EDN MK10 2000</t>
  </si>
  <si>
    <t>5702326847202</t>
  </si>
  <si>
    <t>VELUX Eindeckrahmen EDN MK10 2000</t>
  </si>
  <si>
    <t>EDN MK12 1000</t>
  </si>
  <si>
    <t>5702329450737</t>
  </si>
  <si>
    <t>VELUX Eindeckrahmen EDN MK12 1000</t>
  </si>
  <si>
    <t>EDN MK12 2000</t>
  </si>
  <si>
    <t>5702326847226</t>
  </si>
  <si>
    <t>VELUX Eindeckrahmen EDN MK12 2000</t>
  </si>
  <si>
    <t>EDN PK06 1000</t>
  </si>
  <si>
    <t>5702329450751</t>
  </si>
  <si>
    <t>VELUX Eindeckrahmen EDN PK06 1000</t>
  </si>
  <si>
    <t>EDN PK06 2000</t>
  </si>
  <si>
    <t>5702326847264</t>
  </si>
  <si>
    <t>VELUX Eindeckrahmen EDN PK06 2000</t>
  </si>
  <si>
    <t>EDN PK08 1000</t>
  </si>
  <si>
    <t>5702329450768</t>
  </si>
  <si>
    <t>VELUX Eindeckrahmen EDN PK08 1000</t>
  </si>
  <si>
    <t>EDN PK08 2000</t>
  </si>
  <si>
    <t>5702326847295</t>
  </si>
  <si>
    <t>VELUX Eindeckrahmen EDN PK08 2000</t>
  </si>
  <si>
    <t>EDN PK10 1000</t>
  </si>
  <si>
    <t>5702329450775</t>
  </si>
  <si>
    <t>VELUX Eindeckrahmen EDN PK10 1000</t>
  </si>
  <si>
    <t>EDN PK10 2000</t>
  </si>
  <si>
    <t>5702326847332</t>
  </si>
  <si>
    <t>VELUX Eindeckrahmen EDN PK10 2000</t>
  </si>
  <si>
    <t>EDN SK06 1000</t>
  </si>
  <si>
    <t>5702329450782</t>
  </si>
  <si>
    <t>VELUX Eindeckrahmen EDN SK06 1000</t>
  </si>
  <si>
    <t>EDN SK06 2000</t>
  </si>
  <si>
    <t>5702326847356</t>
  </si>
  <si>
    <t>VELUX Eindeckrahmen EDN SK06 2000</t>
  </si>
  <si>
    <t>EDN SK08 1000</t>
  </si>
  <si>
    <t>5702329450799</t>
  </si>
  <si>
    <t>VELUX Eindeckrahmen EDN SK08 1000</t>
  </si>
  <si>
    <t>EDN SK08 1500</t>
  </si>
  <si>
    <t>5702329720366</t>
  </si>
  <si>
    <t>VELUX Eindeckrahmen EDN SK08 1500</t>
  </si>
  <si>
    <t>EDN SK08 2000</t>
  </si>
  <si>
    <t>5702326847370</t>
  </si>
  <si>
    <t>VELUX Eindeckrahmen EDN SK08 2000</t>
  </si>
  <si>
    <t>EDN SK10 1000</t>
  </si>
  <si>
    <t>5702329450812</t>
  </si>
  <si>
    <t>VELUX Eindeckrahmen EDN SK10 1000</t>
  </si>
  <si>
    <t>EDN SK10 2000</t>
  </si>
  <si>
    <t>5702326847394</t>
  </si>
  <si>
    <t>VELUX Eindeckrahmen EDN SK10 2000</t>
  </si>
  <si>
    <t>EDN UK04 1000</t>
  </si>
  <si>
    <t>5702329450829</t>
  </si>
  <si>
    <t>VELUX Eindeckrahmen EDN UK04 1000</t>
  </si>
  <si>
    <t>EDN UK04 1500</t>
  </si>
  <si>
    <t>5702329720373</t>
  </si>
  <si>
    <t>VELUX Eindeckrahmen EDN UK04 1500</t>
  </si>
  <si>
    <t>EDN UK04 2000</t>
  </si>
  <si>
    <t>5702326847424</t>
  </si>
  <si>
    <t>VELUX Eindeckrahmen EDN UK04 2000</t>
  </si>
  <si>
    <t>EDN UK08 1000</t>
  </si>
  <si>
    <t>5702329450836</t>
  </si>
  <si>
    <t>VELUX Eindeckrahmen EDN UK08 1000</t>
  </si>
  <si>
    <t>EDN UK08 2000</t>
  </si>
  <si>
    <t>5702326847455</t>
  </si>
  <si>
    <t>VELUX Eindeckrahmen EDN UK08 2000</t>
  </si>
  <si>
    <t>EDN UK10 1000</t>
  </si>
  <si>
    <t>5702329450843</t>
  </si>
  <si>
    <t>VELUX Eindeckrahmen EDN UK10 1000</t>
  </si>
  <si>
    <t>EDN UK10 2000</t>
  </si>
  <si>
    <t>5702326847479</t>
  </si>
  <si>
    <t>VELUX Eindeckrahmen EDN UK10 2000</t>
  </si>
  <si>
    <t>EDQ CK02 1000L</t>
  </si>
  <si>
    <t>5702329695275</t>
  </si>
  <si>
    <t>VELUX Eindeckrahmen EDQ CK02 1000L</t>
  </si>
  <si>
    <t>Stehfalz Klick-System,Alu grau inkl. BFX</t>
  </si>
  <si>
    <t>----------------------------------------
Geeignet für Metall-Stehfalzdächer mit
Klicksytem. Die Falzhöhe muss zwischen
2,5 cm und 3,5 cm betragen.
----------------------------------------
Seitliche und untere Blendrahmen-
verblechung.
Inklusive Anschlussschürze BFX
----------------------------------------
Material: Aluminium im Farbton der
Fenster-Abdeckung.</t>
  </si>
  <si>
    <t>EDQ CK02 2000L</t>
  </si>
  <si>
    <t>5702329695282</t>
  </si>
  <si>
    <t>VELUX Eindeckrahmen EDQ CK02 2000L</t>
  </si>
  <si>
    <t>Metalldach Alu mit BDX+BFX</t>
  </si>
  <si>
    <t>----------------------------------------
Geeignet für Metall-Stehfalzdächer mit
Klicksytem. Die Falzhöhe muss zwischen
2,5 cm und 3,5 cm betrag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Q CK04 1000L</t>
  </si>
  <si>
    <t>5702329695299</t>
  </si>
  <si>
    <t>VELUX Eindeckrahmen EDQ CK04 1000L</t>
  </si>
  <si>
    <t>EDQ CK04 2000L</t>
  </si>
  <si>
    <t>5702329695305</t>
  </si>
  <si>
    <t>VELUX Eindeckrahmen EDQ CK04 2000L</t>
  </si>
  <si>
    <t>EDQ CK06 1000L</t>
  </si>
  <si>
    <t>5702329695312</t>
  </si>
  <si>
    <t>VELUX Eindeckrahmen EDQ CK06 1000L</t>
  </si>
  <si>
    <t>EDQ CK06 2000L</t>
  </si>
  <si>
    <t>5702329695329</t>
  </si>
  <si>
    <t>VELUX Eindeckrahmen EDQ CK06 2000L</t>
  </si>
  <si>
    <t>EDQ FK04 1000L</t>
  </si>
  <si>
    <t>5702329695336</t>
  </si>
  <si>
    <t>VELUX Eindeckrahmen EDQ FK04 1000L</t>
  </si>
  <si>
    <t>EDQ FK04 2000L</t>
  </si>
  <si>
    <t>5702329695343</t>
  </si>
  <si>
    <t>VELUX Eindeckrahmen EDQ FK04 2000L</t>
  </si>
  <si>
    <t>EDQ FK06 1000L</t>
  </si>
  <si>
    <t>5702329695350</t>
  </si>
  <si>
    <t>VELUX Eindeckrahmen EDQ FK06 1000L</t>
  </si>
  <si>
    <t>EDQ FK06 2000L</t>
  </si>
  <si>
    <t>5702329695367</t>
  </si>
  <si>
    <t>VELUX Eindeckrahmen EDQ FK06 2000L</t>
  </si>
  <si>
    <t>EDQ FK08 1000L</t>
  </si>
  <si>
    <t>5702329695374</t>
  </si>
  <si>
    <t>VELUX Eindeckrahmen EDQ FK08 1000L</t>
  </si>
  <si>
    <t>EDQ FK08 2000L</t>
  </si>
  <si>
    <t>5702329695381</t>
  </si>
  <si>
    <t>VELUX Eindeckrahmen EDQ FK08 2000L</t>
  </si>
  <si>
    <t>EDQ MK04 1000L</t>
  </si>
  <si>
    <t>5702329695398</t>
  </si>
  <si>
    <t>VELUX Eindeckrahmen EDQ MK04 1000L</t>
  </si>
  <si>
    <t>EDQ MK04 2000L</t>
  </si>
  <si>
    <t>5702329695404</t>
  </si>
  <si>
    <t>VELUX Eindeckrahmen EDQ MK04 2000L</t>
  </si>
  <si>
    <t>EDQ MK06 1000L</t>
  </si>
  <si>
    <t>5702329695411</t>
  </si>
  <si>
    <t>VELUX Eindeckrahmen EDQ MK06 1000L</t>
  </si>
  <si>
    <t>EDQ MK06 2000L</t>
  </si>
  <si>
    <t>5702329695428</t>
  </si>
  <si>
    <t>VELUX Eindeckrahmen EDQ MK06 2000L</t>
  </si>
  <si>
    <t>EDQ MK08 1000L</t>
  </si>
  <si>
    <t>5702329695435</t>
  </si>
  <si>
    <t>VELUX Eindeckrahmen EDQ MK08 1000L</t>
  </si>
  <si>
    <t>EDQ MK08 2000L</t>
  </si>
  <si>
    <t>5702329695442</t>
  </si>
  <si>
    <t>VELUX Eindeckrahmen EDQ MK08 2000L</t>
  </si>
  <si>
    <t>EDQ MK10 1000L</t>
  </si>
  <si>
    <t>5702329695459</t>
  </si>
  <si>
    <t>VELUX Eindeckrahmen EDQ MK10 1000L</t>
  </si>
  <si>
    <t>EDQ MK10 2000L</t>
  </si>
  <si>
    <t>5702329695466</t>
  </si>
  <si>
    <t>VELUX Eindeckrahmen EDQ MK10 2000L</t>
  </si>
  <si>
    <t>EDQ MK12 1000L</t>
  </si>
  <si>
    <t>5702329695473</t>
  </si>
  <si>
    <t>VELUX Eindeckrahmen EDQ MK12 1000L</t>
  </si>
  <si>
    <t>EDQ MK12 2000L</t>
  </si>
  <si>
    <t>5702329695480</t>
  </si>
  <si>
    <t>VELUX Eindeckrahmen EDQ MK12 2000L</t>
  </si>
  <si>
    <t>EDQ PK06 1000L</t>
  </si>
  <si>
    <t>5702329695510</t>
  </si>
  <si>
    <t>VELUX Eindeckrahmen EDQ PK06 1000L</t>
  </si>
  <si>
    <t>EDQ PK06 2000L</t>
  </si>
  <si>
    <t>5702329695527</t>
  </si>
  <si>
    <t>VELUX Eindeckrahmen EDQ PK06 2000L</t>
  </si>
  <si>
    <t>EDQ PK08 1000L</t>
  </si>
  <si>
    <t>5702329695534</t>
  </si>
  <si>
    <t>VELUX Eindeckrahmen EDQ PK08 1000L</t>
  </si>
  <si>
    <t>EDQ PK08 2000L</t>
  </si>
  <si>
    <t>5702329695541</t>
  </si>
  <si>
    <t>VELUX Eindeckrahmen EDQ PK08 2000L</t>
  </si>
  <si>
    <t>EDQ PK10 1000L</t>
  </si>
  <si>
    <t>5702329695558</t>
  </si>
  <si>
    <t>VELUX Eindeckrahmen EDQ PK10 1000L</t>
  </si>
  <si>
    <t>EDQ PK10 2000L</t>
  </si>
  <si>
    <t>5702329695565</t>
  </si>
  <si>
    <t>VELUX Eindeckrahmen EDQ PK10 2000L</t>
  </si>
  <si>
    <t>EDQ SK06 1000L</t>
  </si>
  <si>
    <t>5702329695572</t>
  </si>
  <si>
    <t>VELUX Eindeckrahmen EDQ SK06 1000L</t>
  </si>
  <si>
    <t>EDQ SK06 2000L</t>
  </si>
  <si>
    <t>5702329695589</t>
  </si>
  <si>
    <t>VELUX Eindeckrahmen EDQ SK06 2000L</t>
  </si>
  <si>
    <t>EDQ SK08 1000L</t>
  </si>
  <si>
    <t>5702329695596</t>
  </si>
  <si>
    <t>VELUX Eindeckrahmen EDQ SK08 1000L</t>
  </si>
  <si>
    <t>EDQ SK08 2000L</t>
  </si>
  <si>
    <t>5702329695602</t>
  </si>
  <si>
    <t>VELUX Eindeckrahmen EDQ SK08 2000L</t>
  </si>
  <si>
    <t>EDQ SK10 1000L</t>
  </si>
  <si>
    <t>5702329695619</t>
  </si>
  <si>
    <t>VELUX Eindeckrahmen EDQ SK10 1000L</t>
  </si>
  <si>
    <t>EDQ SK10 2000L</t>
  </si>
  <si>
    <t>5702329695626</t>
  </si>
  <si>
    <t>VELUX Eindeckrahmen EDQ SK10 2000L</t>
  </si>
  <si>
    <t>EDQ UK04 1000L</t>
  </si>
  <si>
    <t>5702329695633</t>
  </si>
  <si>
    <t>VELUX Eindeckrahmen EDQ UK04 1000L</t>
  </si>
  <si>
    <t>EDQ UK04 2000L</t>
  </si>
  <si>
    <t>5702329695640</t>
  </si>
  <si>
    <t>VELUX Eindeckrahmen EDQ UK04 2000L</t>
  </si>
  <si>
    <t>EDQ UK08 1000L</t>
  </si>
  <si>
    <t>5702329695657</t>
  </si>
  <si>
    <t>VELUX Eindeckrahmen EDQ UK08 1000L</t>
  </si>
  <si>
    <t>EDQ UK08 2000L</t>
  </si>
  <si>
    <t>5702329695664</t>
  </si>
  <si>
    <t>VELUX Eindeckrahmen EDQ UK08 2000L</t>
  </si>
  <si>
    <t>EDQ UK10 1000L</t>
  </si>
  <si>
    <t>5702329695671</t>
  </si>
  <si>
    <t>VELUX Eindeckrahmen EDQ UK10 1000L</t>
  </si>
  <si>
    <t>EDQ UK10 2000L</t>
  </si>
  <si>
    <t>5702329695688</t>
  </si>
  <si>
    <t>VELUX Eindeckrahmen EDQ UK10 2000L</t>
  </si>
  <si>
    <t>EDS CK02 1000</t>
  </si>
  <si>
    <t>5702329451574</t>
  </si>
  <si>
    <t>VELUX Eindeckrahmen EDS CK02 1000</t>
  </si>
  <si>
    <t>----------------------------------------
Geeignet für Dächer mit flachem Eindeck-
material bis 1,6cm (2 x 0,8cm) Höhe.
Seitenteile gerade mit doppelten
Wasser-Ableit-Falzen.
----------------------------------------
Seitliche und untere Blendrahmen-
verblechung.
Inklusive Anschlussschürze BFX
----------------------------------------
Material: Aluminium im Farbton der
Fenster-Abdeckung.</t>
  </si>
  <si>
    <t>EDS CK02 2000</t>
  </si>
  <si>
    <t>5702327121608</t>
  </si>
  <si>
    <t>VELUX Eindeckrahmen EDS CK02 2000</t>
  </si>
  <si>
    <t>Schiefer Stehfalz + BDX Alu</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S CK04 1000</t>
  </si>
  <si>
    <t>5702329451611</t>
  </si>
  <si>
    <t>VELUX Eindeckrahmen EDS CK04 1000</t>
  </si>
  <si>
    <t>EDS CK04 2000</t>
  </si>
  <si>
    <t>5702327121615</t>
  </si>
  <si>
    <t>VELUX Eindeckrahmen EDS CK04 2000</t>
  </si>
  <si>
    <t>EDS CK06 1000</t>
  </si>
  <si>
    <t>5702329451659</t>
  </si>
  <si>
    <t>VELUX Eindeckrahmen EDS CK06 1000</t>
  </si>
  <si>
    <t>EDS CK06 2000</t>
  </si>
  <si>
    <t>5702327121622</t>
  </si>
  <si>
    <t>VELUX Eindeckrahmen EDS CK06 2000</t>
  </si>
  <si>
    <t>EDS FK04 1000</t>
  </si>
  <si>
    <t>5702329451697</t>
  </si>
  <si>
    <t>VELUX Eindeckrahmen EDS FK04 1000</t>
  </si>
  <si>
    <t>EDS FK04 2000</t>
  </si>
  <si>
    <t>5702327121639</t>
  </si>
  <si>
    <t>VELUX Eindeckrahmen EDS FK04 2000</t>
  </si>
  <si>
    <t>EDS FK06 1000</t>
  </si>
  <si>
    <t>5702329451734</t>
  </si>
  <si>
    <t>VELUX Eindeckrahmen EDS FK06 1000</t>
  </si>
  <si>
    <t>EDS FK06 2000</t>
  </si>
  <si>
    <t>5702327121646</t>
  </si>
  <si>
    <t>VELUX Eindeckrahmen EDS FK06 2000</t>
  </si>
  <si>
    <t>EDS FK08 1000</t>
  </si>
  <si>
    <t>5702329451772</t>
  </si>
  <si>
    <t>VELUX Eindeckrahmen EDS FK08 1000</t>
  </si>
  <si>
    <t>EDS FK08 2000</t>
  </si>
  <si>
    <t>5702327121653</t>
  </si>
  <si>
    <t>VELUX Eindeckrahmen EDS FK08 2000</t>
  </si>
  <si>
    <t>EDS MK04 1000</t>
  </si>
  <si>
    <t>5702329451819</t>
  </si>
  <si>
    <t>VELUX Eindeckrahmen EDS MK04 1000</t>
  </si>
  <si>
    <t>EDS MK04 2000</t>
  </si>
  <si>
    <t>5702327121660</t>
  </si>
  <si>
    <t>VELUX Eindeckrahmen EDS MK04 2000</t>
  </si>
  <si>
    <t>EDS MK06 1000</t>
  </si>
  <si>
    <t>5702329451857</t>
  </si>
  <si>
    <t>VELUX Eindeckrahmen EDS MK06 1000</t>
  </si>
  <si>
    <t>EDS MK06 2000</t>
  </si>
  <si>
    <t>5702327121677</t>
  </si>
  <si>
    <t>VELUX Eindeckrahmen EDS MK06 2000</t>
  </si>
  <si>
    <t>EDS MK08 1000</t>
  </si>
  <si>
    <t>5702329451895</t>
  </si>
  <si>
    <t>VELUX Eindeckrahmen EDS MK08 1000</t>
  </si>
  <si>
    <t>EDS MK08 2000</t>
  </si>
  <si>
    <t>5702327121684</t>
  </si>
  <si>
    <t>VELUX Eindeckrahmen EDS MK08 2000</t>
  </si>
  <si>
    <t>EDS MK10 1000</t>
  </si>
  <si>
    <t>5702329451932</t>
  </si>
  <si>
    <t>VELUX Eindeckrahmen EDS MK10 1000</t>
  </si>
  <si>
    <t>EDS MK10 2000</t>
  </si>
  <si>
    <t>5702327121691</t>
  </si>
  <si>
    <t>VELUX Eindeckrahmen EDS MK10 2000</t>
  </si>
  <si>
    <t>EDS MK12 1000</t>
  </si>
  <si>
    <t>5702329451970</t>
  </si>
  <si>
    <t>VELUX Eindeckrahmen EDS MK12 1000</t>
  </si>
  <si>
    <t>EDS MK12 2000</t>
  </si>
  <si>
    <t>5702327121707</t>
  </si>
  <si>
    <t>VELUX Eindeckrahmen EDS MK12 2000</t>
  </si>
  <si>
    <t>EDS MK19 1000</t>
  </si>
  <si>
    <t>5702329602914</t>
  </si>
  <si>
    <t>VELUX Eindeckrahmen EDS MK19 1000</t>
  </si>
  <si>
    <t>EDS MK19 2000</t>
  </si>
  <si>
    <t>5702329602945</t>
  </si>
  <si>
    <t>VELUX Eind.-R. inkl.BDX EDS MK19 2000</t>
  </si>
  <si>
    <t>EDS PK06 1000</t>
  </si>
  <si>
    <t>5702329451987</t>
  </si>
  <si>
    <t>VELUX Eindeckrahmen EDS PK06 1000</t>
  </si>
  <si>
    <t>EDS PK06 2000</t>
  </si>
  <si>
    <t>5702327121714</t>
  </si>
  <si>
    <t>VELUX Eindeckrahmen EDS PK06 2000</t>
  </si>
  <si>
    <t>EDS PK08 1000</t>
  </si>
  <si>
    <t>5702329452021</t>
  </si>
  <si>
    <t>VELUX Eindeckrahmen EDS PK08 1000</t>
  </si>
  <si>
    <t>EDS PK08 2000</t>
  </si>
  <si>
    <t>5702327121721</t>
  </si>
  <si>
    <t>VELUX Eindeckrahmen EDS PK08 2000</t>
  </si>
  <si>
    <t>EDS PK10 1000</t>
  </si>
  <si>
    <t>5702329452069</t>
  </si>
  <si>
    <t>VELUX Eindeckrahmen EDS PK10 1000</t>
  </si>
  <si>
    <t>EDS PK10 2000</t>
  </si>
  <si>
    <t>5702327121738</t>
  </si>
  <si>
    <t>VELUX Eindeckrahmen EDS PK10 2000</t>
  </si>
  <si>
    <t>EDS PK19 1000</t>
  </si>
  <si>
    <t>5702329452106</t>
  </si>
  <si>
    <t>VELUX Eindeckrahmen EDS PK19 1000</t>
  </si>
  <si>
    <t>EDS PK19 2000</t>
  </si>
  <si>
    <t>5702327121745</t>
  </si>
  <si>
    <t>VELUX Eind.-R. inkl.BDX EDS PK19 2000</t>
  </si>
  <si>
    <t>EDS SK06 1000</t>
  </si>
  <si>
    <t>5702329452144</t>
  </si>
  <si>
    <t>VELUX Eindeckrahmen EDS SK06 1000</t>
  </si>
  <si>
    <t>EDS SK06 2000</t>
  </si>
  <si>
    <t>5702327121752</t>
  </si>
  <si>
    <t>VELUX Eindeckrahmen EDS SK06 2000</t>
  </si>
  <si>
    <t>EDS SK08 1000</t>
  </si>
  <si>
    <t>5702329452182</t>
  </si>
  <si>
    <t>VELUX Eindeckrahmen EDS SK08 1000</t>
  </si>
  <si>
    <t>EDS SK08 2000</t>
  </si>
  <si>
    <t>5702327121769</t>
  </si>
  <si>
    <t>VELUX Eindeckrahmen EDS SK08 2000</t>
  </si>
  <si>
    <t>EDS SK10 1000</t>
  </si>
  <si>
    <t>5702329452229</t>
  </si>
  <si>
    <t>VELUX Eindeckrahmen EDS SK10 1000</t>
  </si>
  <si>
    <t>EDS SK10 2000</t>
  </si>
  <si>
    <t>5702327121776</t>
  </si>
  <si>
    <t>VELUX Eindeckrahmen EDS SK10 2000</t>
  </si>
  <si>
    <t>EDS SK19 1000</t>
  </si>
  <si>
    <t>5702329452267</t>
  </si>
  <si>
    <t>VELUX Eindeckrahmen EDS SK19 1000</t>
  </si>
  <si>
    <t>EDS SK19 2000</t>
  </si>
  <si>
    <t>5702329452298</t>
  </si>
  <si>
    <t>VELUX Eind.-R. inkl.BDX EDS SK19 2000</t>
  </si>
  <si>
    <t>EDS UK04 1000</t>
  </si>
  <si>
    <t>5702329452311</t>
  </si>
  <si>
    <t>VELUX Eindeckrahmen EDS UK04 1000</t>
  </si>
  <si>
    <t>EDS UK04 2000</t>
  </si>
  <si>
    <t>5702327226518</t>
  </si>
  <si>
    <t>VELUX Eindeckrahmen EDS UK04 2000</t>
  </si>
  <si>
    <t>EDS UK08 1000</t>
  </si>
  <si>
    <t>5702329452359</t>
  </si>
  <si>
    <t>VELUX Eindeckrahmen EDS UK08 1000</t>
  </si>
  <si>
    <t>EDS UK08 2000</t>
  </si>
  <si>
    <t>5702327121783</t>
  </si>
  <si>
    <t>VELUX Eindeckrahmen EDS UK08 2000</t>
  </si>
  <si>
    <t>EDS UK10 1000</t>
  </si>
  <si>
    <t>5702329452397</t>
  </si>
  <si>
    <t>VELUX Eindeckrahmen EDS UK10 1000</t>
  </si>
  <si>
    <t>EDS UK10 2000</t>
  </si>
  <si>
    <t>5702327121790</t>
  </si>
  <si>
    <t>VELUX Eindeckrahmen EDS UK10 2000</t>
  </si>
  <si>
    <t>EDT CK02 1000</t>
  </si>
  <si>
    <t>5702329452458</t>
  </si>
  <si>
    <t>VELUX Eindeckrahmen EDT CK02 1000</t>
  </si>
  <si>
    <t>----------------------------------------
Geeignet für Dächer mit flachen Ziegeln
von 1,5 bis 4 cm Höhe.
Seitenteile abgeknickt mit doppelten
Wasser-Ableitfalzen und Schaumstoff-
Dichtungs-Profil.
----------------------------------------
Seitliche und untere Blendrahmen-
verblechung.
Inklusive Anschlussschürze BFX
----------------------------------------
Material: Aluminium im Farbton der
Fenster-Abdeckung.</t>
  </si>
  <si>
    <t>EDT CK02 2000</t>
  </si>
  <si>
    <t>5702328842809</t>
  </si>
  <si>
    <t>VELUX Eindeckrahmen EDT CK02 2000</t>
  </si>
  <si>
    <t>für flache Ziegel Alu mit BDX+BFX</t>
  </si>
  <si>
    <t>----------------------------------------
Geeignet für Dächer mit flachen Ziegeln
von 1,5 bis 4 cm Höhe.
Seitenteile abgeknickt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T CK04 1000</t>
  </si>
  <si>
    <t>5702329452465</t>
  </si>
  <si>
    <t>VELUX Eindeckrahmen EDT CK04 1000</t>
  </si>
  <si>
    <t>EDT CK04 2000</t>
  </si>
  <si>
    <t>5702328842823</t>
  </si>
  <si>
    <t>VELUX Eindeckrahmen EDT CK04 2000</t>
  </si>
  <si>
    <t>EDT CK06 1000</t>
  </si>
  <si>
    <t>5702329452472</t>
  </si>
  <si>
    <t>VELUX Eindeckrahmen EDT CK06 1000</t>
  </si>
  <si>
    <t>EDT CK06 2000</t>
  </si>
  <si>
    <t>5702328842847</t>
  </si>
  <si>
    <t>VELUX Eindeckrahmen EDT CK06 2000</t>
  </si>
  <si>
    <t>EDT FK04 1000</t>
  </si>
  <si>
    <t>5702329452489</t>
  </si>
  <si>
    <t>VELUX Eindeckrahmen EDT FK04 1000</t>
  </si>
  <si>
    <t>EDT FK04 2000</t>
  </si>
  <si>
    <t>5702328842861</t>
  </si>
  <si>
    <t>VELUX Eindeckrahmen EDT FK04 2000</t>
  </si>
  <si>
    <t>EDT FK06 1000</t>
  </si>
  <si>
    <t>5702329452496</t>
  </si>
  <si>
    <t>VELUX Eindeckrahmen EDT FK06 1000</t>
  </si>
  <si>
    <t>EDT FK06 2000</t>
  </si>
  <si>
    <t>5702328842885</t>
  </si>
  <si>
    <t>VELUX Eindeckrahmen EDT FK06 2000</t>
  </si>
  <si>
    <t>EDT FK08 1000</t>
  </si>
  <si>
    <t>5702329452502</t>
  </si>
  <si>
    <t>VELUX Eindeckrahmen EDT FK08 1000</t>
  </si>
  <si>
    <t>EDT FK08 2000</t>
  </si>
  <si>
    <t>5702328842908</t>
  </si>
  <si>
    <t>VELUX Eindeckrahmen EDT FK08 2000</t>
  </si>
  <si>
    <t>EDT MK04 1000</t>
  </si>
  <si>
    <t>5702329452519</t>
  </si>
  <si>
    <t>VELUX Eindeckrahmen EDT MK04 1000</t>
  </si>
  <si>
    <t>EDT MK04 2000</t>
  </si>
  <si>
    <t>5702328842922</t>
  </si>
  <si>
    <t>VELUX Eindeckrahmen EDT MK04 2000</t>
  </si>
  <si>
    <t>EDT MK06 1000</t>
  </si>
  <si>
    <t>5702329452526</t>
  </si>
  <si>
    <t>VELUX Eindeckrahmen EDT MK06 1000</t>
  </si>
  <si>
    <t>EDT MK06 2000</t>
  </si>
  <si>
    <t>5702328842946</t>
  </si>
  <si>
    <t>VELUX Eindeckrahmen EDT MK06 2000</t>
  </si>
  <si>
    <t>EDT MK08 1000</t>
  </si>
  <si>
    <t>5702329452533</t>
  </si>
  <si>
    <t>VELUX Eindeckrahmen EDT MK08 1000</t>
  </si>
  <si>
    <t>EDT MK08 2000</t>
  </si>
  <si>
    <t>5702328842960</t>
  </si>
  <si>
    <t>VELUX Eindeckrahmen EDT MK08 2000</t>
  </si>
  <si>
    <t>EDT MK10 1000</t>
  </si>
  <si>
    <t>5702329452540</t>
  </si>
  <si>
    <t>VELUX Eindeckrahmen EDT MK10 1000</t>
  </si>
  <si>
    <t>EDT MK10 2000</t>
  </si>
  <si>
    <t>5702328842984</t>
  </si>
  <si>
    <t>VELUX Eindeckrahmen EDT MK10 2000</t>
  </si>
  <si>
    <t>EDT MK12 1000</t>
  </si>
  <si>
    <t>5702329452557</t>
  </si>
  <si>
    <t>VELUX Eindeckrahmen EDT MK12 1000</t>
  </si>
  <si>
    <t>EDT MK12 2000</t>
  </si>
  <si>
    <t>5702328843004</t>
  </si>
  <si>
    <t>VELUX Eindeckrahmen EDT MK12 2000</t>
  </si>
  <si>
    <t>EDT PK06 1000</t>
  </si>
  <si>
    <t>5702329452571</t>
  </si>
  <si>
    <t>VELUX Eindeckrahmen EDT PK06 1000</t>
  </si>
  <si>
    <t>EDT PK06 2000</t>
  </si>
  <si>
    <t>5702328843066</t>
  </si>
  <si>
    <t>VELUX Eindeckrahmen EDT PK06 2000</t>
  </si>
  <si>
    <t>EDT PK08 1000</t>
  </si>
  <si>
    <t>5702329452588</t>
  </si>
  <si>
    <t>VELUX Eindeckrahmen EDT PK08 1000</t>
  </si>
  <si>
    <t>EDT PK08 2000</t>
  </si>
  <si>
    <t>5702328843080</t>
  </si>
  <si>
    <t>VELUX Eindeckrahmen EDT PK08 2000</t>
  </si>
  <si>
    <t>EDT PK10 1000</t>
  </si>
  <si>
    <t>5702329452595</t>
  </si>
  <si>
    <t>VELUX Eindeckrahmen EDT PK10 1000</t>
  </si>
  <si>
    <t>EDT PK10 2000</t>
  </si>
  <si>
    <t>5702328843103</t>
  </si>
  <si>
    <t>VELUX Eindeckrahmen EDT PK10 2000</t>
  </si>
  <si>
    <t>EDT SK06 1000</t>
  </si>
  <si>
    <t>5702329452601</t>
  </si>
  <si>
    <t>VELUX Eindeckrahmen EDT SK06 1000</t>
  </si>
  <si>
    <t>EDT SK06 2000</t>
  </si>
  <si>
    <t>5702328843165</t>
  </si>
  <si>
    <t>VELUX Eindeckrahmen EDT SK06 2000</t>
  </si>
  <si>
    <t>EDT SK08 1000</t>
  </si>
  <si>
    <t>5702329452618</t>
  </si>
  <si>
    <t>VELUX Eindeckrahmen EDT SK08 1000</t>
  </si>
  <si>
    <t>EDT SK08 2000</t>
  </si>
  <si>
    <t>5702328843189</t>
  </si>
  <si>
    <t>VELUX Eindeckrahmen EDT SK08 2000</t>
  </si>
  <si>
    <t>EDT SK10 1000</t>
  </si>
  <si>
    <t>5702329452625</t>
  </si>
  <si>
    <t>VELUX Eindeckrahmen EDT SK10 1000</t>
  </si>
  <si>
    <t>EDT SK10 2000</t>
  </si>
  <si>
    <t>5702328843202</t>
  </si>
  <si>
    <t>VELUX Eindeckrahmen EDT SK10 2000</t>
  </si>
  <si>
    <t>EDT UK04 1000</t>
  </si>
  <si>
    <t>5702329452632</t>
  </si>
  <si>
    <t>VELUX Eindeckrahmen EDT UK04 1000</t>
  </si>
  <si>
    <t>EDT UK04 2000</t>
  </si>
  <si>
    <t>5702328843226</t>
  </si>
  <si>
    <t>VELUX Eindeckrahmen EDT UK04 2000</t>
  </si>
  <si>
    <t>EDT UK08 1000</t>
  </si>
  <si>
    <t>5702329452649</t>
  </si>
  <si>
    <t>VELUX Eindeckrahmen EDT UK08 1000</t>
  </si>
  <si>
    <t>EDT UK08 2000</t>
  </si>
  <si>
    <t>5702328843240</t>
  </si>
  <si>
    <t>VELUX Eindeckrahmen EDT UK08 2000</t>
  </si>
  <si>
    <t>EDT UK10 1000</t>
  </si>
  <si>
    <t>5702329452656</t>
  </si>
  <si>
    <t>VELUX Eindeckrahmen EDT UK10 1000</t>
  </si>
  <si>
    <t>EDT UK10 2000</t>
  </si>
  <si>
    <t>5702328843264</t>
  </si>
  <si>
    <t>VELUX Eindeckrahmen EDT UK10 2000</t>
  </si>
  <si>
    <t>EDW 3K2 0100W</t>
  </si>
  <si>
    <t>5702328423190</t>
  </si>
  <si>
    <t>VELUX Eind.-Rahmen Klassik EDW 3K2 0100W</t>
  </si>
  <si>
    <t>----------------------------------------
Geeignet für Dächer mit flachem oder
profiliertem Eindeckmaterial
von 1,5 bis 12 cm Höhe.
Seitenteile gerade mit doppelten Wasser-
Ableit-Falzen und Schaumstoff-Dichtungs-
Profil.
----------------------------------------
Seitliche und untere Blendrahmen-
verblechung.
----------------------------------------
Material: Kupfer. Schürze des Unterteils
aus plissiertem Blei im Farbton grau,
NCS S7500-N.</t>
  </si>
  <si>
    <t>EDW 3K2 0300W</t>
  </si>
  <si>
    <t>5702328423565</t>
  </si>
  <si>
    <t>VELUX Eind.-Rahmen Klassik EDW 3K2 0300W</t>
  </si>
  <si>
    <t>----------------------------------------
Geeignet für Dächer mit flachem oder
profiliertem Eindeckmaterial
von 1,5 bis 12 cm Höhe.
Seitenteile gerade mit doppelten Wasser-
Ableit-Falzen und Schaumstoff-Dichtungs-
Profil.
----------------------------------------
Seitliche und untere Blendrahmen-
verblechung.
----------------------------------------
Material: Titanzink walzblank.
----------------------------------------
Unterteil mit Schürze aus plissiertem
Aluminium im Farbton, grau, NCS S3502-G.</t>
  </si>
  <si>
    <t>EDW 3K3 0100W</t>
  </si>
  <si>
    <t>5702328423206</t>
  </si>
  <si>
    <t>VELUX Eind.-Rahmen Klassik EDW 3K3 0100W</t>
  </si>
  <si>
    <t>EDW 3K3 0300W</t>
  </si>
  <si>
    <t>5702328423213</t>
  </si>
  <si>
    <t>VELUX Eind.-Rahmen Klassik EDW 3K3 0300W</t>
  </si>
  <si>
    <t>EDW CK02 1000</t>
  </si>
  <si>
    <t>5702329452854</t>
  </si>
  <si>
    <t>VELUX Eindeckrahmen EDW CK02 1000</t>
  </si>
  <si>
    <t>----------------------------------------
Geeignet für Dächer mit flachem oder
profiliertem Eindeckmaterial
von 1,5 bis 12 cm Höhe.
Seitenteile gerade mit doppelten Wasser-
Ableit-Falzen und Schaumstoff-Dichtungs-
Profil.
----------------------------------------
Seitliche und untere Blendrahmen-
verblechung.
Inklusive Anschlussschürze BFX
----------------------------------------
Material: Aluminium. Schürze des
Unterteils aus plissiertem Aluminium.
Farbton: wie Fenster-Abdeckung.</t>
  </si>
  <si>
    <t>EDW CK02 1100</t>
  </si>
  <si>
    <t>5702329452878</t>
  </si>
  <si>
    <t>VELUX Eindeckrahmen EDW CK02 1100</t>
  </si>
  <si>
    <t>----------------------------------------
Geeignet für Dächer mit flachem oder
profiliertem Eindeckmaterial
von 1,5 bis 12 cm Höhe.
Seitenteile gerade mit doppelten Wasser-
Ableit-Falzen und Schaumstoff-Dichtungs-
Profil.
----------------------------------------
Seitliche und untere Blendrahmen-
verblechung.
Inklusive Anschlussschürze BFX
----------------------------------------
Material: Kupfer. Schürze des Unterteils
aus plissiertem Blei im Farbton grau,
NCS S7500-N.</t>
  </si>
  <si>
    <t>EDW CK02 1300</t>
  </si>
  <si>
    <t>5702329452885</t>
  </si>
  <si>
    <t>VELUX Eindeckrahmen EDW CK02 1300</t>
  </si>
  <si>
    <t>----------------------------------------
Geeignet für Dächer mit flachem oder
profiliertem Eindeckmaterial
von 1,5 bis 12 cm Höhe.
Seitenteile gerade mit doppelten Wasser-
Ableit-Falzen und Schaumstoff-Dichtungs-
Profil.
----------------------------------------
Seitliche und untere Blendrahmen-
verblechung.
Inklusive Anschlussschürze BFX
----------------------------------------
Material: Titanzink walzblank.
----------------------------------------
Unterteil mit Schürze aus plissiertem
Aluminium im Farbton, grau, NCS S3502-G.</t>
  </si>
  <si>
    <t>EDW CK02 2000</t>
  </si>
  <si>
    <t>5702326243530</t>
  </si>
  <si>
    <t>VELUX Eindeckrahmen EDW CK02 2000</t>
  </si>
  <si>
    <t>Ziegel hoch/Welle Alu+BDX</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Schürze des
Unterteils aus plissiertem Aluminium.
Farbton: wie Fenster-Abdeckung.</t>
  </si>
  <si>
    <t>EDW CK04 1000</t>
  </si>
  <si>
    <t>5702329452922</t>
  </si>
  <si>
    <t>VELUX Eindeckrahmen EDW CK04 1000</t>
  </si>
  <si>
    <t>EDW CK04 1100</t>
  </si>
  <si>
    <t>5702329452946</t>
  </si>
  <si>
    <t>VELUX Eindeckrahmen EDW CK04 1100</t>
  </si>
  <si>
    <t>EDW CK04 1300</t>
  </si>
  <si>
    <t>5702329452953</t>
  </si>
  <si>
    <t>VELUX Eindeckrahmen EDW CK04 1300</t>
  </si>
  <si>
    <t>EDW CK04 2000</t>
  </si>
  <si>
    <t>5702326243561</t>
  </si>
  <si>
    <t>VELUX Eindeckrahmen EDW CK04 2000</t>
  </si>
  <si>
    <t>EDW CK06 1000</t>
  </si>
  <si>
    <t>5702329453011</t>
  </si>
  <si>
    <t>VELUX Eindeckrahmen EDW CK06 1000</t>
  </si>
  <si>
    <t>EDW CK06 1100</t>
  </si>
  <si>
    <t>5702329453035</t>
  </si>
  <si>
    <t>VELUX Eindeckrahmen EDW CK06 1100</t>
  </si>
  <si>
    <t>EDW CK06 1300</t>
  </si>
  <si>
    <t>5702329453042</t>
  </si>
  <si>
    <t>VELUX Eindeckrahmen EDW CK06 1300</t>
  </si>
  <si>
    <t>EDW CK06 2000</t>
  </si>
  <si>
    <t>5702326243585</t>
  </si>
  <si>
    <t>VELUX Eindeckrahmen EDW CK06 2000</t>
  </si>
  <si>
    <t>EDW FK04 1000</t>
  </si>
  <si>
    <t>5702329453103</t>
  </si>
  <si>
    <t>VELUX Eindeckrahmen EDW FK04 1000</t>
  </si>
  <si>
    <t>EDW FK04 1100</t>
  </si>
  <si>
    <t>5702329453127</t>
  </si>
  <si>
    <t>VELUX Eindeckrahmen EDW FK04 1100</t>
  </si>
  <si>
    <t>EDW FK04 1300</t>
  </si>
  <si>
    <t>5702329453134</t>
  </si>
  <si>
    <t>VELUX Eindeckrahmen EDW FK04 1300</t>
  </si>
  <si>
    <t>EDW FK04 2000</t>
  </si>
  <si>
    <t>5702326706547</t>
  </si>
  <si>
    <t>VELUX Eindeckrahmen EDW FK04 2000</t>
  </si>
  <si>
    <t>EDW FK06 1000</t>
  </si>
  <si>
    <t>5702329453172</t>
  </si>
  <si>
    <t>VELUX Eindeckrahmen EDW FK06 1000</t>
  </si>
  <si>
    <t>EDW FK06 1100</t>
  </si>
  <si>
    <t>5702329453196</t>
  </si>
  <si>
    <t>VELUX Eindeckrahmen EDW FK06 1100</t>
  </si>
  <si>
    <t>EDW FK06 1300</t>
  </si>
  <si>
    <t>5702329453202</t>
  </si>
  <si>
    <t>VELUX Eindeckrahmen EDW FK06 1300</t>
  </si>
  <si>
    <t>EDW FK06 2000</t>
  </si>
  <si>
    <t>5702326243639</t>
  </si>
  <si>
    <t>VELUX Eindeckrahmen EDW FK06 2000</t>
  </si>
  <si>
    <t>EDW FK08 1000</t>
  </si>
  <si>
    <t>5702329453264</t>
  </si>
  <si>
    <t>VELUX Eindeckrahmen EDW FK08 1000</t>
  </si>
  <si>
    <t>EDW FK08 1100</t>
  </si>
  <si>
    <t>5702329453288</t>
  </si>
  <si>
    <t>VELUX Eindeckrahmen EDW FK08 1100</t>
  </si>
  <si>
    <t>EDW FK08 1300</t>
  </si>
  <si>
    <t>5702329453295</t>
  </si>
  <si>
    <t>VELUX Eindeckrahmen EDW FK08 1300</t>
  </si>
  <si>
    <t>EDW FK08 2000</t>
  </si>
  <si>
    <t>5702326243653</t>
  </si>
  <si>
    <t>VELUX Eindeckrahmen EDW FK08 2000</t>
  </si>
  <si>
    <t>EDW MK04 1000</t>
  </si>
  <si>
    <t>5702329453332</t>
  </si>
  <si>
    <t>VELUX Eindeckrahmen EDW MK04 1000</t>
  </si>
  <si>
    <t>EDW MK04 1100</t>
  </si>
  <si>
    <t>5702329453356</t>
  </si>
  <si>
    <t>VELUX Eindeckrahmen EDW MK04 1100</t>
  </si>
  <si>
    <t>EDW MK04 1300</t>
  </si>
  <si>
    <t>5702329453363</t>
  </si>
  <si>
    <t>VELUX Eindeckrahmen EDW MK04 1300</t>
  </si>
  <si>
    <t>EDW MK04 2000</t>
  </si>
  <si>
    <t>5702326243677</t>
  </si>
  <si>
    <t>VELUX Eindeckrahmen EDW MK04 2000</t>
  </si>
  <si>
    <t>EDW MK06 1000</t>
  </si>
  <si>
    <t>5702329453400</t>
  </si>
  <si>
    <t>VELUX Eindeckrahmen EDW MK06 1000</t>
  </si>
  <si>
    <t>EDW MK06 1100</t>
  </si>
  <si>
    <t>5702329453424</t>
  </si>
  <si>
    <t>VELUX Eindeckrahmen EDW MK06 1100</t>
  </si>
  <si>
    <t>EDW MK06 1300</t>
  </si>
  <si>
    <t>5702329453431</t>
  </si>
  <si>
    <t>VELUX Eindeckrahmen EDW MK06 1300</t>
  </si>
  <si>
    <t>EDW MK06 2000</t>
  </si>
  <si>
    <t>5702326243691</t>
  </si>
  <si>
    <t>VELUX Eindeckrahmen EDW MK06 2000</t>
  </si>
  <si>
    <t>EDW MK08 1000</t>
  </si>
  <si>
    <t>5702329453493</t>
  </si>
  <si>
    <t>VELUX Eindeckrahmen EDW MK08 1000</t>
  </si>
  <si>
    <t>EDW MK08 1100</t>
  </si>
  <si>
    <t>5702329453516</t>
  </si>
  <si>
    <t>VELUX Eindeckrahmen EDW MK08 1100</t>
  </si>
  <si>
    <t>EDW MK08 1300</t>
  </si>
  <si>
    <t>5702329453523</t>
  </si>
  <si>
    <t>VELUX Eindeckrahmen EDW MK08 1300</t>
  </si>
  <si>
    <t>EDW MK08 2000</t>
  </si>
  <si>
    <t>5702326243721</t>
  </si>
  <si>
    <t>VELUX Eindeckrahmen EDW MK08 2000</t>
  </si>
  <si>
    <t>EDW MK10 1000</t>
  </si>
  <si>
    <t>5702329453585</t>
  </si>
  <si>
    <t>VELUX Eindeckrahmen EDW MK10 1000</t>
  </si>
  <si>
    <t>EDW MK10 1100</t>
  </si>
  <si>
    <t>5702329453608</t>
  </si>
  <si>
    <t>VELUX Eindeckrahmen EDW MK10 1100</t>
  </si>
  <si>
    <t>EDW MK10 1300</t>
  </si>
  <si>
    <t>5702329453615</t>
  </si>
  <si>
    <t>VELUX Eindeckrahmen EDW MK10 1300</t>
  </si>
  <si>
    <t>EDW MK10 2000</t>
  </si>
  <si>
    <t>5702326243745</t>
  </si>
  <si>
    <t>VELUX Eindeckrahmen EDW MK10 2000</t>
  </si>
  <si>
    <t>EDW MK12 1000</t>
  </si>
  <si>
    <t>5702329453653</t>
  </si>
  <si>
    <t>VELUX Eindeckrahmen EDW MK12 1000</t>
  </si>
  <si>
    <t>EDW MK12 1100</t>
  </si>
  <si>
    <t>5702329453677</t>
  </si>
  <si>
    <t>VELUX Eindeckrahmen EDW MK12 1100</t>
  </si>
  <si>
    <t>EDW MK12 1300</t>
  </si>
  <si>
    <t>5702329453684</t>
  </si>
  <si>
    <t>VELUX Eindeckrahmen EDW MK12 1300</t>
  </si>
  <si>
    <t>EDW MK12 2000</t>
  </si>
  <si>
    <t>5702326243769</t>
  </si>
  <si>
    <t>VELUX Eindeckrahmen EDW MK12 2000</t>
  </si>
  <si>
    <t>EDW MK19 1000</t>
  </si>
  <si>
    <t>5702329602969</t>
  </si>
  <si>
    <t>VELUX Eindeckrahmen EDW MK19 1000</t>
  </si>
  <si>
    <t>EDW MK19 1100</t>
  </si>
  <si>
    <t>5702329602976</t>
  </si>
  <si>
    <t>VELUX Eindeckrahmen EDW MK19 1100</t>
  </si>
  <si>
    <t>EDW MK19 1300</t>
  </si>
  <si>
    <t>5702329602983</t>
  </si>
  <si>
    <t>VELUX Eindeckrahmen EDW MK19 1300</t>
  </si>
  <si>
    <t>EDW MK19 2000</t>
  </si>
  <si>
    <t>5702329602990</t>
  </si>
  <si>
    <t>VELUX Eind.-R. inkl.BDX EDW MK19 2000</t>
  </si>
  <si>
    <t>EDW MK19 2100</t>
  </si>
  <si>
    <t>5702329603003</t>
  </si>
  <si>
    <t>VELUX Eind.-R. inkl.BDX EDW MK19 2100</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t>
  </si>
  <si>
    <t>EDW MK19 2300</t>
  </si>
  <si>
    <t>5702329603010</t>
  </si>
  <si>
    <t>VELUX Eind.-R. inkl.BDX EDW MK19 2300</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t>
  </si>
  <si>
    <t>EDW PK06 1000</t>
  </si>
  <si>
    <t>5702329453899</t>
  </si>
  <si>
    <t>VELUX Eindeckrahmen EDW PK06 1000</t>
  </si>
  <si>
    <t>EDW PK06 1100</t>
  </si>
  <si>
    <t>5702329453912</t>
  </si>
  <si>
    <t>VELUX Eindeckrahmen EDW PK06 1100</t>
  </si>
  <si>
    <t>EDW PK06 1300</t>
  </si>
  <si>
    <t>5702329453929</t>
  </si>
  <si>
    <t>VELUX Eindeckrahmen EDW PK06 1300</t>
  </si>
  <si>
    <t>EDW PK06 2000</t>
  </si>
  <si>
    <t>5702326243820</t>
  </si>
  <si>
    <t>VELUX Eindeckrahmen EDW PK06 2000</t>
  </si>
  <si>
    <t>EDW PK08 1000</t>
  </si>
  <si>
    <t>5702329453967</t>
  </si>
  <si>
    <t>VELUX Eindeckrahmen EDW PK08 1000</t>
  </si>
  <si>
    <t>EDW PK08 1100</t>
  </si>
  <si>
    <t>5702329453981</t>
  </si>
  <si>
    <t>VELUX Eindeckrahmen EDW PK08 1100</t>
  </si>
  <si>
    <t>EDW PK08 1300</t>
  </si>
  <si>
    <t>5702329453998</t>
  </si>
  <si>
    <t>VELUX Eindeckrahmen EDW PK08 1300</t>
  </si>
  <si>
    <t>EDW PK08 2000</t>
  </si>
  <si>
    <t>5702326243844</t>
  </si>
  <si>
    <t>VELUX Eindeckrahmen EDW PK08 2000</t>
  </si>
  <si>
    <t>EDW PK10 1000</t>
  </si>
  <si>
    <t>5702329454032</t>
  </si>
  <si>
    <t>VELUX Eindeckrahmen EDW PK10 1000</t>
  </si>
  <si>
    <t>EDW PK10 1100</t>
  </si>
  <si>
    <t>5702329454056</t>
  </si>
  <si>
    <t>VELUX Eindeckrahmen EDW PK10 1100</t>
  </si>
  <si>
    <t>EDW PK10 1300</t>
  </si>
  <si>
    <t>5702329454063</t>
  </si>
  <si>
    <t>VELUX Eindeckrahmen EDW PK10 1300</t>
  </si>
  <si>
    <t>EDW PK10 2000</t>
  </si>
  <si>
    <t>5702326243868</t>
  </si>
  <si>
    <t>VELUX Eindeckrahmen EDW PK10 2000</t>
  </si>
  <si>
    <t>EDW PK19 1000</t>
  </si>
  <si>
    <t>5702329454100</t>
  </si>
  <si>
    <t>VELUX Eindeckrahmen EDW PK19 1000</t>
  </si>
  <si>
    <t>EDW PK19 1100</t>
  </si>
  <si>
    <t>5702329454117</t>
  </si>
  <si>
    <t>VELUX Eindeckrahmen EDW PK19 1100</t>
  </si>
  <si>
    <t>EDW PK19 1300</t>
  </si>
  <si>
    <t>5702329454124</t>
  </si>
  <si>
    <t>VELUX Eindeckrahmen EDW PK19 1300</t>
  </si>
  <si>
    <t>EDW PK19 2000</t>
  </si>
  <si>
    <t>5702329454131</t>
  </si>
  <si>
    <t>VELUX Eind.-R. inkl.BDX EDW PK19 2000</t>
  </si>
  <si>
    <t>EDW PK19 2100</t>
  </si>
  <si>
    <t>5702329454148</t>
  </si>
  <si>
    <t>VELUX Eind.-R. inkl.BDX EDW PK19 2100</t>
  </si>
  <si>
    <t>EDW PK19 2300</t>
  </si>
  <si>
    <t>5702329454155</t>
  </si>
  <si>
    <t>VELUX Eind.-R. inkl.BDX EDW PK19 2300</t>
  </si>
  <si>
    <t>EDW SK06 1000</t>
  </si>
  <si>
    <t>5702329454360</t>
  </si>
  <si>
    <t>VELUX Eindeckrahmen EDW SK06 1000</t>
  </si>
  <si>
    <t>EDW SK06 1100</t>
  </si>
  <si>
    <t>5702329454384</t>
  </si>
  <si>
    <t>VELUX Eindeckrahmen EDW SK06 1100</t>
  </si>
  <si>
    <t>EDW SK06 1300</t>
  </si>
  <si>
    <t>5702329454391</t>
  </si>
  <si>
    <t>VELUX Eindeckrahmen EDW SK06 1300</t>
  </si>
  <si>
    <t>EDW SK06 2000</t>
  </si>
  <si>
    <t>5702326243912</t>
  </si>
  <si>
    <t>VELUX Eindeckrahmen EDW SK06 2000</t>
  </si>
  <si>
    <t>EDW SK08 1000</t>
  </si>
  <si>
    <t>5702329454438</t>
  </si>
  <si>
    <t>VELUX Eindeckrahmen EDW SK08 1000</t>
  </si>
  <si>
    <t>EDW SK08 1100</t>
  </si>
  <si>
    <t>5702329454452</t>
  </si>
  <si>
    <t>VELUX Eindeckrahmen EDW SK08 1100</t>
  </si>
  <si>
    <t>EDW SK08 1300</t>
  </si>
  <si>
    <t>5702329454469</t>
  </si>
  <si>
    <t>VELUX Eindeckrahmen EDW SK08 1300</t>
  </si>
  <si>
    <t>EDW SK08 2000</t>
  </si>
  <si>
    <t>5702326243936</t>
  </si>
  <si>
    <t>VELUX Eindeckrahmen EDW SK08 2000</t>
  </si>
  <si>
    <t>EDW SK10 1000</t>
  </si>
  <si>
    <t>5702329454506</t>
  </si>
  <si>
    <t>VELUX Eindeckrahmen EDW SK10 1000</t>
  </si>
  <si>
    <t>EDW SK10 1100</t>
  </si>
  <si>
    <t>5702329454520</t>
  </si>
  <si>
    <t>VELUX Eindeckrahmen EDW SK10 1100</t>
  </si>
  <si>
    <t>EDW SK10 1300</t>
  </si>
  <si>
    <t>5702329454537</t>
  </si>
  <si>
    <t>VELUX Eindeckrahmen EDW SK10 1300</t>
  </si>
  <si>
    <t>EDW SK10 2000</t>
  </si>
  <si>
    <t>5702326707391</t>
  </si>
  <si>
    <t>VELUX Eindeckrahmen EDW SK10 2000</t>
  </si>
  <si>
    <t>EDW SK19 1000</t>
  </si>
  <si>
    <t>5702329454575</t>
  </si>
  <si>
    <t>VELUX Eindeckrahmen EDW SK19 1000</t>
  </si>
  <si>
    <t>EDW SK19 1100</t>
  </si>
  <si>
    <t>5702329454582</t>
  </si>
  <si>
    <t>VELUX Eindeckrahmen EDW SK19 1100</t>
  </si>
  <si>
    <t>EDW SK19 1300</t>
  </si>
  <si>
    <t>5702329454599</t>
  </si>
  <si>
    <t>VELUX Eindeckrahmen EDW SK19 1300</t>
  </si>
  <si>
    <t>EDW SK19 2000</t>
  </si>
  <si>
    <t>5702329454605</t>
  </si>
  <si>
    <t>VELUX Eind.-R. inkl.BDX EDW SK19 2000</t>
  </si>
  <si>
    <t>EDW SK19 2100</t>
  </si>
  <si>
    <t>5702329454612</t>
  </si>
  <si>
    <t>VELUX Eind.-R. inkl.BDX EDW SK19 2100</t>
  </si>
  <si>
    <t>EDW SK19 2300</t>
  </si>
  <si>
    <t>5702329454629</t>
  </si>
  <si>
    <t>VELUX Eind.-R. inkl.BDX EDW SK19 2300</t>
  </si>
  <si>
    <t>EDW UK04 1000</t>
  </si>
  <si>
    <t>5702329454636</t>
  </si>
  <si>
    <t>VELUX Eindeckrahmen EDW UK04 1000</t>
  </si>
  <si>
    <t>EDW UK04 1100</t>
  </si>
  <si>
    <t>5702329454650</t>
  </si>
  <si>
    <t>VELUX Eindeckrahmen EDW UK04 1100</t>
  </si>
  <si>
    <t>EDW UK04 1300</t>
  </si>
  <si>
    <t>5702329454667</t>
  </si>
  <si>
    <t>VELUX Eindeckrahmen EDW UK04 1300</t>
  </si>
  <si>
    <t>EDW UK04 2000</t>
  </si>
  <si>
    <t>5702326243967</t>
  </si>
  <si>
    <t>VELUX Eindeckrahmen EDW UK04 2000</t>
  </si>
  <si>
    <t>EDW UK04 2300</t>
  </si>
  <si>
    <t>5702327217240</t>
  </si>
  <si>
    <t>VELUX Eindeckrahmen EDW UK04 2300</t>
  </si>
  <si>
    <t>Titanzink inkl. BDX/BFX</t>
  </si>
  <si>
    <t>EDW UK08 1000</t>
  </si>
  <si>
    <t>5702329454780</t>
  </si>
  <si>
    <t>VELUX Eindeckrahmen EDW UK08 1000</t>
  </si>
  <si>
    <t>EDW UK08 1100</t>
  </si>
  <si>
    <t>5702329454803</t>
  </si>
  <si>
    <t>VELUX Eindeckrahmen EDW UK08 1100</t>
  </si>
  <si>
    <t>EDW UK08 1300</t>
  </si>
  <si>
    <t>5702329454810</t>
  </si>
  <si>
    <t>VELUX Eindeckrahmen EDW UK08 1300</t>
  </si>
  <si>
    <t>EDW UK08 2000</t>
  </si>
  <si>
    <t>5702326243981</t>
  </si>
  <si>
    <t>VELUX Eindeckrahmen EDW UK08 2000</t>
  </si>
  <si>
    <t>EDW UK10 1000</t>
  </si>
  <si>
    <t>5702329454858</t>
  </si>
  <si>
    <t>VELUX Eindeckrahmen EDW UK10 1000</t>
  </si>
  <si>
    <t>EDW UK10 1100</t>
  </si>
  <si>
    <t>5702329454872</t>
  </si>
  <si>
    <t>VELUX Eindeckrahmen EDW UK10 1100</t>
  </si>
  <si>
    <t>EDW UK10 1300</t>
  </si>
  <si>
    <t>5702329454889</t>
  </si>
  <si>
    <t>VELUX Eindeckrahmen EDW UK10 1300</t>
  </si>
  <si>
    <t>EDW UK10 2000</t>
  </si>
  <si>
    <t>5702326244001</t>
  </si>
  <si>
    <t>VELUX Eindeckrahmen EDW UK10 2000</t>
  </si>
  <si>
    <t>EDWS FFKF06 2000</t>
  </si>
  <si>
    <t>5702329292559</t>
  </si>
  <si>
    <t>VELUX Eindeckrahmen EDWS FFKF06 2000</t>
  </si>
  <si>
    <t>für Lichtlösung 3-in-1 Ziegel,Al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DWS FFKF06 2100</t>
  </si>
  <si>
    <t>5702329324335</t>
  </si>
  <si>
    <t>VELUX Eind.-Rahmen EDWS FFKF06 2100</t>
  </si>
  <si>
    <t>für Lichtlösung 3-in-1 Ziegel,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DWS FFKF08 2000</t>
  </si>
  <si>
    <t>5702329292566</t>
  </si>
  <si>
    <t>VELUX Eindeckrahmen EDWS FFKF08 2000</t>
  </si>
  <si>
    <t>EDWS FFKF08 2100</t>
  </si>
  <si>
    <t>5702329324342</t>
  </si>
  <si>
    <t>VELUX Eindeckrahmen EDWS FFKF08 2100</t>
  </si>
  <si>
    <t>EEL M08 2000</t>
  </si>
  <si>
    <t>5702320133103</t>
  </si>
  <si>
    <t>Eind.-R. für GEL m. BDX+BFX EEL M08 2000</t>
  </si>
  <si>
    <t>220</t>
  </si>
  <si>
    <t>VELUX-Kombi-Eindeckrahmen</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EL M08 2000T</t>
  </si>
  <si>
    <t>5702320133110</t>
  </si>
  <si>
    <t>Zw.-EDR GEL a=18 mm EEL M08 2000T</t>
  </si>
  <si>
    <t>EEL M08 2000V</t>
  </si>
  <si>
    <t>5702320133127</t>
  </si>
  <si>
    <t>Dr.-EDR GEL a=18 mm EEL M08 2000V</t>
  </si>
  <si>
    <t>EEL M08 2001E</t>
  </si>
  <si>
    <t>5702320132199</t>
  </si>
  <si>
    <t>Kombi-Eind. GEL a=100 mm i EEL M08 2001E</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rechts danebenliegenden 
Fenster: 10cm</t>
  </si>
  <si>
    <t>EEL M08 2002E</t>
  </si>
  <si>
    <t>5702320132205</t>
  </si>
  <si>
    <t>Kombi-Eind. GEL a=100 mm i EEL M08 2002E</t>
  </si>
  <si>
    <t>EEL M08 2003</t>
  </si>
  <si>
    <t>5702320132212</t>
  </si>
  <si>
    <t>Kombi-Eind. GEL + BDX EEL M08 2003</t>
  </si>
  <si>
    <t>EEL M08 2100</t>
  </si>
  <si>
    <t>5702320132335</t>
  </si>
  <si>
    <t>Eind.-R. für GEL m. BDX+BFX EEL M08 2100</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EL M08 2100T</t>
  </si>
  <si>
    <t>5702320132366</t>
  </si>
  <si>
    <t>Zw.-EDR GEL a=18 mm EEL M08 2100T</t>
  </si>
  <si>
    <t>EEL M08 2100V</t>
  </si>
  <si>
    <t>5702320132410</t>
  </si>
  <si>
    <t>Dr.-EDR GEL a=18 mm EEL M08 2100V</t>
  </si>
  <si>
    <t>EEL M08 2101E</t>
  </si>
  <si>
    <t>5702320133134</t>
  </si>
  <si>
    <t>Kombi-Eind. GEL a=100 mm i EEL M08 2101E</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rechts danebenliegenden 
Fenster: 10cm</t>
  </si>
  <si>
    <t>EEL M08 2102E</t>
  </si>
  <si>
    <t>5702320132427</t>
  </si>
  <si>
    <t>Kombi-Eind. GEL a=100 mm i EEL M08 2102E</t>
  </si>
  <si>
    <t>EEL M08 2103</t>
  </si>
  <si>
    <t>5702320132434</t>
  </si>
  <si>
    <t>Kombi-Eind. GEL + BDX EEL M08 2103</t>
  </si>
  <si>
    <t>EEL M08 2300</t>
  </si>
  <si>
    <t>5702320132458</t>
  </si>
  <si>
    <t>Eind.-R. für GEL m. BDX+BFX EEL M08 2300</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EL M08 2300T</t>
  </si>
  <si>
    <t>5702320132465</t>
  </si>
  <si>
    <t>Zw.-EDR GEL a=18 mm EEL M08 2300T</t>
  </si>
  <si>
    <t>EEL M08 2300V</t>
  </si>
  <si>
    <t>5702320132472</t>
  </si>
  <si>
    <t>Dr.-EDR GEL a=18 mm EEL M08 2300V</t>
  </si>
  <si>
    <t>EEL M08 2301E</t>
  </si>
  <si>
    <t>5702320132489</t>
  </si>
  <si>
    <t>Kombi-Eind. GEL a=100 mm i EEL M08 2301E</t>
  </si>
  <si>
    <t>----------------------------------------
Geeignet für Dächer mit flachem Eindeck-
material bis 1,6cm (2 x 0,8cm) Höhe.
Seitenteile als Schichtstücke
ohne Stehfälze.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rechts danebenliegenden 
Fenster: 10cm</t>
  </si>
  <si>
    <t>EEL M08 2302E</t>
  </si>
  <si>
    <t>5702320132496</t>
  </si>
  <si>
    <t>Kombi-Eind. GEL a=100 mm i EEL M08 2302E</t>
  </si>
  <si>
    <t>EEL M08 2303</t>
  </si>
  <si>
    <t>5702320133141</t>
  </si>
  <si>
    <t>Kombi-Eind. GEL + BDX EEL M08 2303</t>
  </si>
  <si>
    <t>EES M08 2000</t>
  </si>
  <si>
    <t>5702320133158</t>
  </si>
  <si>
    <t>EES Einzel-Eind. m. BDX+BFX EES M08 2000</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ES M08 2000T</t>
  </si>
  <si>
    <t>5702320133165</t>
  </si>
  <si>
    <t>Zw.-EDR GEL a=18 mm EES M08 2000T</t>
  </si>
  <si>
    <t>EES M08 2000V</t>
  </si>
  <si>
    <t>5702320133172</t>
  </si>
  <si>
    <t>Dr.-EDR GEL a=18 mm EES M08 2000V</t>
  </si>
  <si>
    <t>EES M08 2001E</t>
  </si>
  <si>
    <t>5702320132519</t>
  </si>
  <si>
    <t>EES Kombi-Eind. m. BDX+BFX EES M08 2001E</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rechts danebenliegenden 
Fenster: 10cm</t>
  </si>
  <si>
    <t>EES M08 2002E</t>
  </si>
  <si>
    <t>5702320132526</t>
  </si>
  <si>
    <t>EES Kombi-Eind. m. BDX+BFX EES M08 2002E</t>
  </si>
  <si>
    <t>EES M08 2003</t>
  </si>
  <si>
    <t>5702320132533</t>
  </si>
  <si>
    <t>EES Kombi-Eind. m. BDX+BFX EES M08 2003</t>
  </si>
  <si>
    <t>EES M08 2100</t>
  </si>
  <si>
    <t>5702320132571</t>
  </si>
  <si>
    <t>EES Einzel-Eind. m. BDX+BFX EES M08 2100</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ES M08 2100T</t>
  </si>
  <si>
    <t>5702320132588</t>
  </si>
  <si>
    <t>Zw.-EDR GEL a=18 mm EES M08 2100T</t>
  </si>
  <si>
    <t>EES M08 2100V</t>
  </si>
  <si>
    <t>5702320132595</t>
  </si>
  <si>
    <t>Dr.-EDR GEL a=18 mm EES M08 2100V</t>
  </si>
  <si>
    <t>EES M08 2101E</t>
  </si>
  <si>
    <t>5702320133189</t>
  </si>
  <si>
    <t>EES Kombi-Eind. m. BDX+BFX EES M08 2101E</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rechts danebenliegenden 
Fenster: 10cm</t>
  </si>
  <si>
    <t>EES M08 2102E</t>
  </si>
  <si>
    <t>5702320132601</t>
  </si>
  <si>
    <t>EES Kombi-Eind. m. BDX+BFX EES M08 2102E</t>
  </si>
  <si>
    <t>EES M08 2103</t>
  </si>
  <si>
    <t>5702320132618</t>
  </si>
  <si>
    <t>EES Kombi-Eind. m. BDX+BFX EES M08 2103</t>
  </si>
  <si>
    <t>EES M08 2300</t>
  </si>
  <si>
    <t>5702320132632</t>
  </si>
  <si>
    <t>Eind.-R. für GEL m. BDX+BFX EES M08 2300</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ES M08 2300T</t>
  </si>
  <si>
    <t>5702320132649</t>
  </si>
  <si>
    <t>Zw.-EDR GEL a=18 mm EES M08 2300T</t>
  </si>
  <si>
    <t>EES M08 2300V</t>
  </si>
  <si>
    <t>5702320132656</t>
  </si>
  <si>
    <t>Dr.-EDR GEL a=18 mm EES M08 2300V</t>
  </si>
  <si>
    <t>EES M08 2301E</t>
  </si>
  <si>
    <t>5702320132663</t>
  </si>
  <si>
    <t>Kombi-Eind. GEL a=100 mm i EES M08 2301E</t>
  </si>
  <si>
    <t>----------------------------------------
Geeignet für Dächer mit flachem Eindeck-
material bis 1,6cm (2 x 0,8cm) Höhe.
Seitenteile gerade mit doppelten
Wasser-Ableit-Falz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rechts danebenliegenden 
Fenster: 10cm</t>
  </si>
  <si>
    <t>EES M08 2302E</t>
  </si>
  <si>
    <t>5702320132670</t>
  </si>
  <si>
    <t>Kombi-Eind. GEL a=100 mm i EES M08 2302E</t>
  </si>
  <si>
    <t>EES M08 2303</t>
  </si>
  <si>
    <t>5702320133196</t>
  </si>
  <si>
    <t>Kombi-Eind. GEL + BDX EES M08 2303</t>
  </si>
  <si>
    <t>EEW M08 2000</t>
  </si>
  <si>
    <t>5702320133202</t>
  </si>
  <si>
    <t>EEW Einzel-Eind. m. BDX+BFX EEW M08 2000</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EW M08 2000T</t>
  </si>
  <si>
    <t>5702320133219</t>
  </si>
  <si>
    <t>Zw.-EDR GEL a=18 mm EEW M08 2000T</t>
  </si>
  <si>
    <t>EEW M08 2000V</t>
  </si>
  <si>
    <t>5702320133226</t>
  </si>
  <si>
    <t>Dr.-EDR GEL a=18 mm EEW M08 2000V</t>
  </si>
  <si>
    <t>EEW M08 2001E</t>
  </si>
  <si>
    <t>5702320132694</t>
  </si>
  <si>
    <t>EEW Kmb-Eind. m. BDX+BFX EEW M08 2001E</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rechts danebenliegenden 
Fenster: 10cm</t>
  </si>
  <si>
    <t>EEW M08 2002E</t>
  </si>
  <si>
    <t>5702320132700</t>
  </si>
  <si>
    <t>EEW Kmb-Eind. m. BDX+BFX EEW M08 2002E</t>
  </si>
  <si>
    <t>EEW M08 2003</t>
  </si>
  <si>
    <t>5702320132717</t>
  </si>
  <si>
    <t>EEW Kmb-Eind. m. BDX+BFX EEW M08 2003</t>
  </si>
  <si>
    <t>EEW M08 2100</t>
  </si>
  <si>
    <t>5702320132779</t>
  </si>
  <si>
    <t>EEW Einzel-Eind. m. BDX+BFX EEW M08 2100</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EW M08 2100T</t>
  </si>
  <si>
    <t>5702320132816</t>
  </si>
  <si>
    <t>Zw.-EDR GEL a=18 mm EEW M08 2100T</t>
  </si>
  <si>
    <t>EEW M08 2100V</t>
  </si>
  <si>
    <t>5702320132830</t>
  </si>
  <si>
    <t>Dr.-EDR GEL a=18 mm EEW M08 2100V</t>
  </si>
  <si>
    <t>EEW M08 2101E</t>
  </si>
  <si>
    <t>5702320133233</t>
  </si>
  <si>
    <t>EEW Kmb-Eind. m. BDX+BFX EEW M08 2101E</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rechts danebenliegenden 
Fenster: 10cm</t>
  </si>
  <si>
    <t>EEW M08 2102E</t>
  </si>
  <si>
    <t>5702320132847</t>
  </si>
  <si>
    <t>EEW Kmb-Eind. m. BDX+BFX EEW M08 2102E</t>
  </si>
  <si>
    <t>EEW M08 2103</t>
  </si>
  <si>
    <t>5702320132892</t>
  </si>
  <si>
    <t>EEW Kmb-Eind. m. BDX+BFX EEW M08 2103</t>
  </si>
  <si>
    <t>EEW M08 2300</t>
  </si>
  <si>
    <t>5702320132984</t>
  </si>
  <si>
    <t>Eind.-R. für GEL m. BDX+BFX EEW M08 2300</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EW M08 2300T</t>
  </si>
  <si>
    <t>5702320132991</t>
  </si>
  <si>
    <t>Zw.-EDR GEL a=18 mm EEW M08 2300T</t>
  </si>
  <si>
    <t>EEW M08 2300V</t>
  </si>
  <si>
    <t>5702320133004</t>
  </si>
  <si>
    <t>Dr.-EDR GEL a=18 mm EEW M08 2300V</t>
  </si>
  <si>
    <t>EEW M08 2301E</t>
  </si>
  <si>
    <t>5702320133011</t>
  </si>
  <si>
    <t>Kombi-Eind. GEL a=100 mm i EEW M08 2301E</t>
  </si>
  <si>
    <t>----------------------------------------
Geeignet für Dächer mit flachem oder
profiliertem Eindeckmaterial
von 1,5 bis 12 cm Höhe.
Seitenteile gerade mit doppelten Wasser-
Ableit-Falzen und Schaumstoff-Dichtungs-
Profil.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rechts danebenliegenden 
Fenster: 10cm</t>
  </si>
  <si>
    <t>EEW M08 2302E</t>
  </si>
  <si>
    <t>5702320133028</t>
  </si>
  <si>
    <t>Kombi-Eind. GEL a=100 mm i EEW M08 2302E</t>
  </si>
  <si>
    <t>EEW M08 2303</t>
  </si>
  <si>
    <t>5702320133240</t>
  </si>
  <si>
    <t>Kombi-Eind. GEL + BDX EEW M08 2303</t>
  </si>
  <si>
    <t>EEX M35 0000</t>
  </si>
  <si>
    <t>5702321554020</t>
  </si>
  <si>
    <t>VELUX Geländerbefestigung EEX M35 0000</t>
  </si>
  <si>
    <t>für alle Ausführungen, alu</t>
  </si>
  <si>
    <t>----------------------------------------
Seitliche Montageschienen und Abdeck-
bleche zum fachgerechten Anschluss eines
bauseits zu erstellenden Geländers.
Je Dachterrasse wird nur eine Geländer-
befestigung benötigt.
----------------------------------------
Material: Aluminium im Farbton der
Fenster-Abdeckung.</t>
  </si>
  <si>
    <t>EEX M35 0100</t>
  </si>
  <si>
    <t>5702321554037</t>
  </si>
  <si>
    <t>VELUX Geländerbefestigung EEX M35 0100</t>
  </si>
  <si>
    <t>----------------------------------------
Seitliche Montageschienen und Abdeck-
bleche zum fachgerechten Anschluss eines
bauseits zu erstellenden Geländers.
Je Dachterrasse wird nur eine Geländer-
befestigung benötigt.
----------------------------------------
Material: Kupfer.</t>
  </si>
  <si>
    <t>EEX M35 0300</t>
  </si>
  <si>
    <t>5702321554044</t>
  </si>
  <si>
    <t>VELUX Geländerbefestigung EEX M35 0300</t>
  </si>
  <si>
    <t>----------------------------------------
Seitliche Montageschienen und Abdeck-
bleche zum fachgerechten Anschluss eines
bauseits zu erstellenden Geländers.
Je Dachterrasse wird nur eine Geländer-
befestigung benötigt.
----------------------------------------
Material: Titanzink walzblank.</t>
  </si>
  <si>
    <t>EFJ MK04 2012</t>
  </si>
  <si>
    <t>5702320038705</t>
  </si>
  <si>
    <t>VELUX Eindeckrahmen EFJ MK04 2012</t>
  </si>
  <si>
    <t>----------------------------------------
Eindeckrahmen für vertieften
Einbau.
Geeignet für Dächer mit flachem oder
profiliertem Eindeckmaterial
von 1,5 bis 9,0 cm Höhe.
Seitenteile mit doppelten
Wasser-Ableitfalzen und Schaumstoff-
Dichtungs-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J MK04 2022E</t>
  </si>
  <si>
    <t>5702320038712</t>
  </si>
  <si>
    <t>VELUX Eindeckrahmen EFJ MK04 2022E</t>
  </si>
  <si>
    <t>VFE/VIU inkl.BDX+BFX, vert. Einbau</t>
  </si>
  <si>
    <t>----------------------------------------
Eindeckrahmen für vertieften
Einbau.
Geeignet für Dächer mit flachem oder
profiliertem Eindeckmaterial
von 1,5 bis 9,0 cm Höhe.
Seitenteile mit doppelten
Wasser-Ableitfalzen und Schaumstoff-
Dichtungs-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J MK06 2012</t>
  </si>
  <si>
    <t>5702320038729</t>
  </si>
  <si>
    <t>VELUX Eindeckrahmen EFJ MK06 2012</t>
  </si>
  <si>
    <t>EFJ MK06 2022E</t>
  </si>
  <si>
    <t>5702320038736</t>
  </si>
  <si>
    <t>VELUX Eindeckrahmen EFJ MK06 2022E</t>
  </si>
  <si>
    <t>EFJ MK08 2012</t>
  </si>
  <si>
    <t>5702320038743</t>
  </si>
  <si>
    <t>VELUX Eindeckrahmen EFJ MK08 2012</t>
  </si>
  <si>
    <t>VFE/VIU inkl.BDX+BFX</t>
  </si>
  <si>
    <t>EFJ MK08 2022E</t>
  </si>
  <si>
    <t>5702320038750</t>
  </si>
  <si>
    <t>VELUX Eindeckrahmen EFJ MK08 2022E</t>
  </si>
  <si>
    <t>EFJ MK10 2012</t>
  </si>
  <si>
    <t>5702320038767</t>
  </si>
  <si>
    <t>VELUX Eindeckrahmen EFJ MK10 2012</t>
  </si>
  <si>
    <t>EFJ MK10 2022E</t>
  </si>
  <si>
    <t>5702320038774</t>
  </si>
  <si>
    <t>VELUX Eindeckrahmen EFJ MK10 2022E</t>
  </si>
  <si>
    <t>EFJ MK12 2012</t>
  </si>
  <si>
    <t>5702320038781</t>
  </si>
  <si>
    <t>VELUX Eindeckrahmen EFJ MK12 2012</t>
  </si>
  <si>
    <t>EFJ MK12 2022E</t>
  </si>
  <si>
    <t>5702320038798</t>
  </si>
  <si>
    <t>VELUX Kombi-Eindeckrahmen EFJ MK12 2022E</t>
  </si>
  <si>
    <t>EFJ PK06 2012</t>
  </si>
  <si>
    <t>5702320038828</t>
  </si>
  <si>
    <t>VELUX Eindeckrahmen EFJ PK06 2012</t>
  </si>
  <si>
    <t>EFJ PK06 2022E</t>
  </si>
  <si>
    <t>5702320038835</t>
  </si>
  <si>
    <t>VELUX Eindeckrahmen EFJ PK06 2022E</t>
  </si>
  <si>
    <t>EFJ PK08 2012</t>
  </si>
  <si>
    <t>5702320038842</t>
  </si>
  <si>
    <t>VELUX Eindeckrahmen EFJ PK08 2012</t>
  </si>
  <si>
    <t>EFJ PK08 2022E</t>
  </si>
  <si>
    <t>5702320038859</t>
  </si>
  <si>
    <t>VELUX Eindeckrahmen EFJ PK08 2022E</t>
  </si>
  <si>
    <t>EFJ PK10 2012</t>
  </si>
  <si>
    <t>5702320038866</t>
  </si>
  <si>
    <t>VELUX Eindeckrahmen EFJ PK10 2012</t>
  </si>
  <si>
    <t>EFJ PK10 2022E</t>
  </si>
  <si>
    <t>5702320038873</t>
  </si>
  <si>
    <t>VELUX Eindeckrahmen EFJ PK10 2022E</t>
  </si>
  <si>
    <t>EFJ SK06 2012</t>
  </si>
  <si>
    <t>5702320038897</t>
  </si>
  <si>
    <t>VELUX Eindeckrahmen EFJ SK06 2012</t>
  </si>
  <si>
    <t>EFJ SK06 2022E</t>
  </si>
  <si>
    <t>5702320038903</t>
  </si>
  <si>
    <t>VELUX Eindeckrahmen EFJ SK06 2022E</t>
  </si>
  <si>
    <t>EFJ SK08 2012</t>
  </si>
  <si>
    <t>5702320038910</t>
  </si>
  <si>
    <t>VELUX Eindeckrahmen EFJ SK08 2012</t>
  </si>
  <si>
    <t>EFJ SK08 2022E</t>
  </si>
  <si>
    <t>5702320038927</t>
  </si>
  <si>
    <t>VELUX Eindeckrahmen EFJ SK08 2022E</t>
  </si>
  <si>
    <t>EFJ SK10 2012</t>
  </si>
  <si>
    <t>5702320038934</t>
  </si>
  <si>
    <t>VELUX Eindeckrahmen EFJ SK10 2012</t>
  </si>
  <si>
    <t>EFJ SK10 2022E</t>
  </si>
  <si>
    <t>5702320038941</t>
  </si>
  <si>
    <t>VELUX Eindeckrahmen EFJ SK10 2022E</t>
  </si>
  <si>
    <t>EFJ UK04 2012</t>
  </si>
  <si>
    <t>5702320038958</t>
  </si>
  <si>
    <t>VELUX Eindeckrahmen EFJ UK04 2012</t>
  </si>
  <si>
    <t>EFJ UK04 2022E</t>
  </si>
  <si>
    <t>5702320038965</t>
  </si>
  <si>
    <t>VELUX Eindeckrahmen EFJ UK04 2022E</t>
  </si>
  <si>
    <t>EFJ UK08 2012</t>
  </si>
  <si>
    <t>5702320038972</t>
  </si>
  <si>
    <t>VELUX Eindeckrahmen EFJ UK08 2012</t>
  </si>
  <si>
    <t>EFJ UK08 2022E</t>
  </si>
  <si>
    <t>5702320038989</t>
  </si>
  <si>
    <t>VELUX Eindeckrahmen EFJ UK08 2022E</t>
  </si>
  <si>
    <t>EFJ UK10 2012</t>
  </si>
  <si>
    <t>5702320038996</t>
  </si>
  <si>
    <t>VELUX Eindeckrahmen EFJ UK10 2012</t>
  </si>
  <si>
    <t>EFJ UK10 2022E</t>
  </si>
  <si>
    <t>5702320039009</t>
  </si>
  <si>
    <t>VELUX Eindeckrahmen EFJ UK10 2022E</t>
  </si>
  <si>
    <t>EFL MK04 2012</t>
  </si>
  <si>
    <t>5702320044904</t>
  </si>
  <si>
    <t>VELUX Eindeckrahmen EFL MK04 2012</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L MK04 2022B</t>
  </si>
  <si>
    <t>5702320044911</t>
  </si>
  <si>
    <t>VELUX Kombi-Eindeckrahmen EFL MK04 2022B</t>
  </si>
  <si>
    <t>(Fenster + VIU/VFE)</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t>
  </si>
  <si>
    <t>EFL MK04 2022E</t>
  </si>
  <si>
    <t>5702320044928</t>
  </si>
  <si>
    <t>VELUX Kombi-Eindeckrahmen EFL MK04 2022E</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L MK04 2032B</t>
  </si>
  <si>
    <t>5702320044935</t>
  </si>
  <si>
    <t>VELUX Kombi-Eindeckrahmen EFL MK04 2032B</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t>
  </si>
  <si>
    <t>EFL MK04 2032E</t>
  </si>
  <si>
    <t>5702320044942</t>
  </si>
  <si>
    <t>VELUX Kombi-Eindeckrahmen EFL MK04 2032E</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
Abstand zum rechts danebenliegenden 
Fenster: 10cm</t>
  </si>
  <si>
    <t>EFL MK04 2112</t>
  </si>
  <si>
    <t>5702320044959</t>
  </si>
  <si>
    <t>VELUX Eindeckrahmen EFL MK04 2112</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eines Fensters mit 
Senkrechtelement</t>
  </si>
  <si>
    <t>EFL MK04 2122B</t>
  </si>
  <si>
    <t>5702320044966</t>
  </si>
  <si>
    <t>VELUX Kombi-Eindeckrahmen EFL MK04 2122B</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von zwei Fenstern mit 
Senkrechtelementen</t>
  </si>
  <si>
    <t>EFL MK04 2312</t>
  </si>
  <si>
    <t>5702320044973</t>
  </si>
  <si>
    <t>VELUX Eindeckrahmen EFL MK04 2312</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Zum Einbau eines Fensters mit 
Senkrechtelement</t>
  </si>
  <si>
    <t>EFL MK06 2012</t>
  </si>
  <si>
    <t>5702320045086</t>
  </si>
  <si>
    <t>VELUX Eindeckrahmen EFL MK06 2012</t>
  </si>
  <si>
    <t>EFL MK06 2022B</t>
  </si>
  <si>
    <t>5702320045154</t>
  </si>
  <si>
    <t>VELUX Kombi-Eindeckrahmen EFL MK06 2022B</t>
  </si>
  <si>
    <t>EFL MK06 2022E</t>
  </si>
  <si>
    <t>5702320045284</t>
  </si>
  <si>
    <t>VELUX Kombi-Eindeckrahmen EFL MK06 2022E</t>
  </si>
  <si>
    <t>EFL MK06 2032B</t>
  </si>
  <si>
    <t>5702320045291</t>
  </si>
  <si>
    <t>VELUX Kombi-Eindeckrahmen EFL MK06 2032B</t>
  </si>
  <si>
    <t>EFL MK06 2032E</t>
  </si>
  <si>
    <t>5702320045307</t>
  </si>
  <si>
    <t>VELUX Kombi-Eindeckrahmen EFL MK06 2032E</t>
  </si>
  <si>
    <t>EFL MK06 2112</t>
  </si>
  <si>
    <t>5702320045314</t>
  </si>
  <si>
    <t>VELUX Eindeckrahmen EFL MK06 2112</t>
  </si>
  <si>
    <t>EFL MK06 2122B</t>
  </si>
  <si>
    <t>5702320045321</t>
  </si>
  <si>
    <t>VELUX Kombi-Eindeckrahmen EFL MK06 2122B</t>
  </si>
  <si>
    <t>EFL MK06 2312</t>
  </si>
  <si>
    <t>5702320045338</t>
  </si>
  <si>
    <t>VELUX Eindeckrahmen EFL MK06 2312</t>
  </si>
  <si>
    <t>EFL MK08 2012</t>
  </si>
  <si>
    <t>5702320045345</t>
  </si>
  <si>
    <t>VELUX Eindeckrahmen EFL MK08 2012</t>
  </si>
  <si>
    <t>EFL MK08 2022B</t>
  </si>
  <si>
    <t>5702320045352</t>
  </si>
  <si>
    <t>VELUX Kombi-Eindeckrahmen EFL MK08 2022B</t>
  </si>
  <si>
    <t>EFL MK08 2022E</t>
  </si>
  <si>
    <t>5702320045369</t>
  </si>
  <si>
    <t>VELUX Kombi-Eindeckrahmen EFL MK08 2022E</t>
  </si>
  <si>
    <t>EFL MK08 2032B</t>
  </si>
  <si>
    <t>5702320045376</t>
  </si>
  <si>
    <t>VELUX Kombi-Eindeckrahmen EFL MK08 2032B</t>
  </si>
  <si>
    <t>EFL MK08 2032E</t>
  </si>
  <si>
    <t>5702320045383</t>
  </si>
  <si>
    <t>VELUX Kombi-Eindeckrahmen EFL MK08 2032E</t>
  </si>
  <si>
    <t>EFL MK08 2112</t>
  </si>
  <si>
    <t>5702320045390</t>
  </si>
  <si>
    <t>VELUX Eindeckrahmen EFL MK08 2112</t>
  </si>
  <si>
    <t>EFL MK08 2122B</t>
  </si>
  <si>
    <t>5702320045406</t>
  </si>
  <si>
    <t>VELUX Kombi-Eindeckrahmen EFL MK08 2122B</t>
  </si>
  <si>
    <t>EFL MK08 2312</t>
  </si>
  <si>
    <t>5702320045413</t>
  </si>
  <si>
    <t>VELUX Eindeckrahmen EFL MK08 2312</t>
  </si>
  <si>
    <t>EFL MK10 2012</t>
  </si>
  <si>
    <t>5702320045420</t>
  </si>
  <si>
    <t>VELUX Eindeckrahmen EFL MK10 2012</t>
  </si>
  <si>
    <t>EFL MK10 2022B</t>
  </si>
  <si>
    <t>5702320045437</t>
  </si>
  <si>
    <t>VELUX Kombi-Eindeckrahmen EFL MK10 2022B</t>
  </si>
  <si>
    <t>EFL MK10 2022E</t>
  </si>
  <si>
    <t>5702320045444</t>
  </si>
  <si>
    <t>VELUX Kombi-Eindeckrahmen EFL MK10 2022E</t>
  </si>
  <si>
    <t>EFL MK10 2032B</t>
  </si>
  <si>
    <t>5702320045451</t>
  </si>
  <si>
    <t>VELUX Kombi-Eindeckrahmen EFL MK10 2032B</t>
  </si>
  <si>
    <t>EFL MK10 2032E</t>
  </si>
  <si>
    <t>5702320045468</t>
  </si>
  <si>
    <t>VELUX Kombi-Eindeckrahmen EFL MK10 2032E</t>
  </si>
  <si>
    <t>EFL MK10 2112</t>
  </si>
  <si>
    <t>5702320045611</t>
  </si>
  <si>
    <t>VELUX Eindeckrahmen EFL MK10 2112</t>
  </si>
  <si>
    <t>EFL MK10 2122B</t>
  </si>
  <si>
    <t>5702320045628</t>
  </si>
  <si>
    <t>VELUX Kombi-Eindeckrahmen EFL MK10 2122B</t>
  </si>
  <si>
    <t>EFL MK10 2312</t>
  </si>
  <si>
    <t>5702320045635</t>
  </si>
  <si>
    <t>VELUX Eindeckrahmen EFL MK10 2312</t>
  </si>
  <si>
    <t>EFL MK12 2012</t>
  </si>
  <si>
    <t>5702320045642</t>
  </si>
  <si>
    <t>VELUX Eindeckrahmen EFL MK12 2012</t>
  </si>
  <si>
    <t>EFL MK12 2022B</t>
  </si>
  <si>
    <t>5702320045659</t>
  </si>
  <si>
    <t>VELUX Kombi-Eindeckrahmen EFL MK12 2022B</t>
  </si>
  <si>
    <t>EFL MK12 2022E</t>
  </si>
  <si>
    <t>5702320045666</t>
  </si>
  <si>
    <t>VELUX Kombi-Eindeckrahmen EFL MK12 2022E</t>
  </si>
  <si>
    <t>EFL MK12 2032B</t>
  </si>
  <si>
    <t>5702320045673</t>
  </si>
  <si>
    <t>VELUX Kombi-Eindeckrahmen EFL MK12 2032B</t>
  </si>
  <si>
    <t>EFL MK12 2032E</t>
  </si>
  <si>
    <t>5702320045680</t>
  </si>
  <si>
    <t>VELUX Kombi-Eindeckrahmen EFL MK12 2032E</t>
  </si>
  <si>
    <t>EFL MK12 2122B</t>
  </si>
  <si>
    <t>5702320045697</t>
  </si>
  <si>
    <t>VELUX Kombi-Eindeckrahmen EFL MK12 2122B</t>
  </si>
  <si>
    <t>EFL PK06 2012</t>
  </si>
  <si>
    <t>5702320045994</t>
  </si>
  <si>
    <t>VELUX Eindeckrahmen EFL PK06 2012</t>
  </si>
  <si>
    <t>EFL PK06 2022B</t>
  </si>
  <si>
    <t>5702320046007</t>
  </si>
  <si>
    <t>VELUX Kombi-Eindeckrahmen EFL PK06 2022B</t>
  </si>
  <si>
    <t>EFL PK06 2022E</t>
  </si>
  <si>
    <t>5702320046014</t>
  </si>
  <si>
    <t>VELUX Kombi-Eindeckrahmen EFL PK06 2022E</t>
  </si>
  <si>
    <t>EFL PK06 2112</t>
  </si>
  <si>
    <t>5702320046021</t>
  </si>
  <si>
    <t>VELUX Eindeckrahmen EFL PK06 2112</t>
  </si>
  <si>
    <t>EFL PK06 2122B</t>
  </si>
  <si>
    <t>5702320046038</t>
  </si>
  <si>
    <t>VELUX Kombi-Eindeckrahmen EFL PK06 2122B</t>
  </si>
  <si>
    <t>EFL PK06 2312</t>
  </si>
  <si>
    <t>5702320046045</t>
  </si>
  <si>
    <t>VELUX Eindeckrahmen EFL PK06 2312</t>
  </si>
  <si>
    <t>EFL PK08 2012</t>
  </si>
  <si>
    <t>5702320046052</t>
  </si>
  <si>
    <t>VELUX Eindeckrahmen EFL PK08 2012</t>
  </si>
  <si>
    <t>EFL PK08 2022B</t>
  </si>
  <si>
    <t>5702320046069</t>
  </si>
  <si>
    <t>VELUX Kombi-Eindeckrahmen EFL PK08 2022B</t>
  </si>
  <si>
    <t>EFL PK08 2022E</t>
  </si>
  <si>
    <t>5702320046076</t>
  </si>
  <si>
    <t>VELUX Kombi-Eindeckrahmen EFL PK08 2022E</t>
  </si>
  <si>
    <t>EFL PK08 2112</t>
  </si>
  <si>
    <t>5702320046083</t>
  </si>
  <si>
    <t>VELUX Eindeckrahmen EFL PK08 2112</t>
  </si>
  <si>
    <t>EFL PK08 2122B</t>
  </si>
  <si>
    <t>5702320046090</t>
  </si>
  <si>
    <t>VELUX Kombi-Eindeckrahmen EFL PK08 2122B</t>
  </si>
  <si>
    <t>EFL PK08 2312</t>
  </si>
  <si>
    <t>5702320046106</t>
  </si>
  <si>
    <t>VELUX Eindeckrahmen EFL PK08 2312</t>
  </si>
  <si>
    <t>EFL PK10 2012</t>
  </si>
  <si>
    <t>5702320046113</t>
  </si>
  <si>
    <t>VELUX Eindeckrahmen EFL PK10 2012</t>
  </si>
  <si>
    <t>EFL PK10 2022B</t>
  </si>
  <si>
    <t>5702320046120</t>
  </si>
  <si>
    <t>VELUX Kombi-Eindeckrahmen EFL PK10 2022B</t>
  </si>
  <si>
    <t>EFL PK10 2022E</t>
  </si>
  <si>
    <t>5702320046137</t>
  </si>
  <si>
    <t>VELUX Kombi-Eindeckrahmen EFL PK10 2022E</t>
  </si>
  <si>
    <t>EFL PK10 2112</t>
  </si>
  <si>
    <t>5702320046144</t>
  </si>
  <si>
    <t>VELUX Eindeckrahmen EFL PK10 2112</t>
  </si>
  <si>
    <t>EFL PK10 2122B</t>
  </si>
  <si>
    <t>5702320046151</t>
  </si>
  <si>
    <t>VELUX Kombi-Eindeckrahmen EFL PK10 2122B</t>
  </si>
  <si>
    <t>EFL PK10 2312</t>
  </si>
  <si>
    <t>5702320046168</t>
  </si>
  <si>
    <t>VELUX Eindeckrahmen EFL PK10 2312</t>
  </si>
  <si>
    <t>EFL SK06 2012</t>
  </si>
  <si>
    <t>5702320046199</t>
  </si>
  <si>
    <t>VELUX Eindeckrahmen EFL SK06 2012</t>
  </si>
  <si>
    <t>EFL SK06 2022B</t>
  </si>
  <si>
    <t>5702320046205</t>
  </si>
  <si>
    <t>VELUX Kombi-Eindeckrahmen EFL SK06 2022B</t>
  </si>
  <si>
    <t>EFL SK06 2022E</t>
  </si>
  <si>
    <t>5702320046212</t>
  </si>
  <si>
    <t>VELUX Kombi-Eindeckrahmen EFL SK06 2022E</t>
  </si>
  <si>
    <t>EFL SK06 2112</t>
  </si>
  <si>
    <t>5702320046229</t>
  </si>
  <si>
    <t>VELUX Eindeckrahmen EFL SK06 2112</t>
  </si>
  <si>
    <t>EFL SK06 2122B</t>
  </si>
  <si>
    <t>5702320046236</t>
  </si>
  <si>
    <t>VELUX Kombi-Eindeckrahmen EFL SK06 2122B</t>
  </si>
  <si>
    <t>EFL SK06 2312</t>
  </si>
  <si>
    <t>5702320046243</t>
  </si>
  <si>
    <t>VELUX Eindeckrahmen EFL SK06 2312</t>
  </si>
  <si>
    <t>EFL SK08 2012</t>
  </si>
  <si>
    <t>5702320046250</t>
  </si>
  <si>
    <t>VELUX Eindeckrahmen EFL SK08 2012</t>
  </si>
  <si>
    <t>EFL SK08 2022B</t>
  </si>
  <si>
    <t>5702320046267</t>
  </si>
  <si>
    <t>VELUX Kombi-Eindeckrahmen EFL SK08 2022B</t>
  </si>
  <si>
    <t>EFL SK08 2022E</t>
  </si>
  <si>
    <t>5702320046274</t>
  </si>
  <si>
    <t>VELUX Kombi-Eindeckrahmen EFL SK08 2022E</t>
  </si>
  <si>
    <t>EFL SK08 2112</t>
  </si>
  <si>
    <t>5702320046281</t>
  </si>
  <si>
    <t>VELUX Eindeckrahmen EFL SK08 2112</t>
  </si>
  <si>
    <t>EFL SK08 2122B</t>
  </si>
  <si>
    <t>5702320046359</t>
  </si>
  <si>
    <t>VELUX Kombi-Eindeckrahmen EFL SK08 2122B</t>
  </si>
  <si>
    <t>EFL SK08 2312</t>
  </si>
  <si>
    <t>5702320046458</t>
  </si>
  <si>
    <t>VELUX Eindeckrahmen EFL SK08 2312</t>
  </si>
  <si>
    <t>EFL SK10 2012</t>
  </si>
  <si>
    <t>5702320046465</t>
  </si>
  <si>
    <t>VELUX Eindeckrahmen EFL SK10 2012</t>
  </si>
  <si>
    <t>EFL SK10 2022B</t>
  </si>
  <si>
    <t>5702320046472</t>
  </si>
  <si>
    <t>VELUX Kombi-Eindeckrahmen EFL SK10 2022B</t>
  </si>
  <si>
    <t>EFL SK10 2022E</t>
  </si>
  <si>
    <t>5702320046519</t>
  </si>
  <si>
    <t>VELUX Kombi-Eindeckrahmen EFL SK10 2022E</t>
  </si>
  <si>
    <t>EFL SK10 2112</t>
  </si>
  <si>
    <t>5702320046526</t>
  </si>
  <si>
    <t>VELUX Eindeckrahmen EFL SK10 2112</t>
  </si>
  <si>
    <t>EFL SK10 2122B</t>
  </si>
  <si>
    <t>5702320046533</t>
  </si>
  <si>
    <t>VELUX Kombi-Eindeckrahmen EFL SK10 2122B</t>
  </si>
  <si>
    <t>EFL SK10 2312</t>
  </si>
  <si>
    <t>5702320046540</t>
  </si>
  <si>
    <t>VELUX Eindeckrahmen EFL SK10 2312</t>
  </si>
  <si>
    <t>EFL UK04 2012</t>
  </si>
  <si>
    <t>5702320046670</t>
  </si>
  <si>
    <t>VELUX Eindeckrahmen EFL UK04 2012</t>
  </si>
  <si>
    <t>EFL UK04 2022B</t>
  </si>
  <si>
    <t>5702320046700</t>
  </si>
  <si>
    <t>VELUX Kombi-Eindeckrahmen EFL UK04 2022B</t>
  </si>
  <si>
    <t>EFL UK04 2022E</t>
  </si>
  <si>
    <t>5702320046731</t>
  </si>
  <si>
    <t>VELUX Kombi-Eindeckrahmen EFL UK04 2022E</t>
  </si>
  <si>
    <t>EFL UK04 2112</t>
  </si>
  <si>
    <t>5702320047431</t>
  </si>
  <si>
    <t>VELUX Eindeckrahmen EFL UK04 2112</t>
  </si>
  <si>
    <t>EFL UK04 2122B</t>
  </si>
  <si>
    <t>5702320047509</t>
  </si>
  <si>
    <t>VELUX Kombi-Eindeckrahmen EFL UK04 2122B</t>
  </si>
  <si>
    <t>EFL UK04 2312</t>
  </si>
  <si>
    <t>5702320048315</t>
  </si>
  <si>
    <t>VELUX Eindeckrahmen EFL UK04 2312</t>
  </si>
  <si>
    <t>EFL UK08 2012</t>
  </si>
  <si>
    <t>5702320048322</t>
  </si>
  <si>
    <t>VELUX Eindeckrahmen EFL UK08 2012</t>
  </si>
  <si>
    <t>EFL UK08 2022B</t>
  </si>
  <si>
    <t>5702320048339</t>
  </si>
  <si>
    <t>VELUX Kombi-Eindeckrahmen EFL UK08 2022B</t>
  </si>
  <si>
    <t>EFL UK08 2022E</t>
  </si>
  <si>
    <t>5702320048346</t>
  </si>
  <si>
    <t>VELUX Kombi-Eindeckrahmen EFL UK08 2022E</t>
  </si>
  <si>
    <t>EFL UK08 2112</t>
  </si>
  <si>
    <t>5702320048353</t>
  </si>
  <si>
    <t>VELUX Eindeckrahmen EFL UK08 2112</t>
  </si>
  <si>
    <t>EFL UK08 2122B</t>
  </si>
  <si>
    <t>5702320048360</t>
  </si>
  <si>
    <t>VELUX Kombi-Eindeckrahmen EFL UK08 2122B</t>
  </si>
  <si>
    <t>EFL UK08 2312</t>
  </si>
  <si>
    <t>5702320048377</t>
  </si>
  <si>
    <t>VELUX Eindeckrahmen EFL UK08 2312</t>
  </si>
  <si>
    <t>EFL UK10 2012</t>
  </si>
  <si>
    <t>5702320048384</t>
  </si>
  <si>
    <t>VELUX Eindeckrahmen EFL UK10 2012</t>
  </si>
  <si>
    <t>EFL UK10 2022B</t>
  </si>
  <si>
    <t>5702320049473</t>
  </si>
  <si>
    <t>VELUX Kombi-Eindeckrahmen EFL UK10 2022B</t>
  </si>
  <si>
    <t>EFL UK10 2022E</t>
  </si>
  <si>
    <t>5702320049503</t>
  </si>
  <si>
    <t>VELUX Kombi-Eindeckrahmen EFL UK10 2022E</t>
  </si>
  <si>
    <t>EFL UK10 2112</t>
  </si>
  <si>
    <t>5702320049527</t>
  </si>
  <si>
    <t>VELUX Eindeckrahmen EFL UK10 2112</t>
  </si>
  <si>
    <t>EFL UK10 2122B</t>
  </si>
  <si>
    <t>5702320049534</t>
  </si>
  <si>
    <t>VELUX Kombi-Eindeckrahmen EFL UK10 2122B</t>
  </si>
  <si>
    <t>EFL UK10 2312</t>
  </si>
  <si>
    <t>5702320049541</t>
  </si>
  <si>
    <t>VELUX Eindeckrahmen EFL UK10 2312</t>
  </si>
  <si>
    <t>EFN MK04 2012</t>
  </si>
  <si>
    <t>5702320039016</t>
  </si>
  <si>
    <t>VELUX Eindeckrahmen EFN MK04 2012</t>
  </si>
  <si>
    <t>----------------------------------------
Eindeckrahmen für vertieften
Einbau.
Geeignet für Dächer mit flachem
Eindeck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N MK04 2022E</t>
  </si>
  <si>
    <t>5702320039023</t>
  </si>
  <si>
    <t>VELUX Eindeckrahmen EFN MK04 2022E</t>
  </si>
  <si>
    <t>----------------------------------------
Eindeckrahmen für vertieften
Einbau.
Geeignet für Dächer mit flachem
Eindeck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N MK04 2032E</t>
  </si>
  <si>
    <t>5702320039030</t>
  </si>
  <si>
    <t>VELUX Kombi-Eindeckrahmen EFN MK04 2032E</t>
  </si>
  <si>
    <t>----------------------------------------
Eindeckrahmen für vertieften
Einbau.
Geeignet für Dächer mit flachem
Eindeck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
Abstand zum rechts danebenliegenden 
Fenster: 10cm</t>
  </si>
  <si>
    <t>EFN MK06 2012</t>
  </si>
  <si>
    <t>5702320039047</t>
  </si>
  <si>
    <t>VELUX Eindeckrahmen EFN MK06 2012</t>
  </si>
  <si>
    <t>EFN MK06 2022E</t>
  </si>
  <si>
    <t>5702320039054</t>
  </si>
  <si>
    <t>VELUX Eindeckrahmen EFN MK06 2022E</t>
  </si>
  <si>
    <t>EFN MK06 2032E</t>
  </si>
  <si>
    <t>5702320039061</t>
  </si>
  <si>
    <t>VELUX Kombi-Eindeckrahmen EFN MK06 2032E</t>
  </si>
  <si>
    <t>EFN MK08 2012</t>
  </si>
  <si>
    <t>5702320039078</t>
  </si>
  <si>
    <t>VELUX Eindeckrahmen EFN MK08 2012</t>
  </si>
  <si>
    <t>EFN MK08 2022E</t>
  </si>
  <si>
    <t>5702320039085</t>
  </si>
  <si>
    <t>VELUX Eindeckrahmen EFN MK08 2022E</t>
  </si>
  <si>
    <t>EFN MK08 2032E</t>
  </si>
  <si>
    <t>5702320039221</t>
  </si>
  <si>
    <t>VELUX Kombi-Eindeckrahmen EFN MK08 2032E</t>
  </si>
  <si>
    <t>EFN MK12 2012</t>
  </si>
  <si>
    <t>5702320039269</t>
  </si>
  <si>
    <t>VELUX Eindeckrahmen EFN MK12 2012</t>
  </si>
  <si>
    <t>EFN PK06 2012</t>
  </si>
  <si>
    <t>5702320039276</t>
  </si>
  <si>
    <t>VELUX Eindeckrahmen EFN PK06 2012</t>
  </si>
  <si>
    <t>EFN PK06 2022E</t>
  </si>
  <si>
    <t>5702320039306</t>
  </si>
  <si>
    <t>VELUX Eindeckrahmen EFN PK06 2022E</t>
  </si>
  <si>
    <t>EFN PK08 2012</t>
  </si>
  <si>
    <t>5702320039320</t>
  </si>
  <si>
    <t>VELUX Eindeckrahmen EFN PK08 2012</t>
  </si>
  <si>
    <t>EFN PK08 2022E</t>
  </si>
  <si>
    <t>5702320039337</t>
  </si>
  <si>
    <t>VELUX Eindeckrahmen EFN PK08 2022E</t>
  </si>
  <si>
    <t>EFN PK10 2012</t>
  </si>
  <si>
    <t>5702320039399</t>
  </si>
  <si>
    <t>VELUX Eindeckrahmen EFN PK10 2012</t>
  </si>
  <si>
    <t>EFN PK10 2022E</t>
  </si>
  <si>
    <t>5702320039405</t>
  </si>
  <si>
    <t>VELUX Eindeckrahmen EFN PK10 2022E</t>
  </si>
  <si>
    <t>EFN SK06 2012</t>
  </si>
  <si>
    <t>5702320039443</t>
  </si>
  <si>
    <t>VELUX Eindeckrahmen EFN SK06 2012</t>
  </si>
  <si>
    <t>EFN SK06 2022E</t>
  </si>
  <si>
    <t>5702320039450</t>
  </si>
  <si>
    <t>VELUX Eindeckrahmen EFN SK06 2022E</t>
  </si>
  <si>
    <t>EFN SK08 2012</t>
  </si>
  <si>
    <t>5702320039467</t>
  </si>
  <si>
    <t>VELUX Eindeckrahmen EFN SK08 2012</t>
  </si>
  <si>
    <t>EFN SK08 2022E</t>
  </si>
  <si>
    <t>5702320039474</t>
  </si>
  <si>
    <t>VELUX Eindeckrahmen EFN SK08 2022E</t>
  </si>
  <si>
    <t>EFN UK04 2012</t>
  </si>
  <si>
    <t>5702320039481</t>
  </si>
  <si>
    <t>VELUX Eindeckrahmen EFN UK04 2012</t>
  </si>
  <si>
    <t>EFN UK04 2022E</t>
  </si>
  <si>
    <t>5702320039498</t>
  </si>
  <si>
    <t>VELUX Eindeckrahmen EFN UK04 2022E</t>
  </si>
  <si>
    <t>EFN UK08 2012</t>
  </si>
  <si>
    <t>5702320039504</t>
  </si>
  <si>
    <t>VELUX Eindeckrahmen EFN UK08 2012</t>
  </si>
  <si>
    <t>EFN UK08 2022E</t>
  </si>
  <si>
    <t>5702320039542</t>
  </si>
  <si>
    <t>VELUX Eindeckrahmen EFN UK08 2022E</t>
  </si>
  <si>
    <t>EFS MK04 0022E</t>
  </si>
  <si>
    <t>5702327080004</t>
  </si>
  <si>
    <t>VELUX Kombi-Eindeckr. VF_ EFS MK04 0022E</t>
  </si>
  <si>
    <t>Schiefer Stehfalz Alu 10 cm</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zwei Fenstern mit 
Senkrechtelementen
Abstand zum rechts danebenliegenden 
Fenster: 10cm</t>
  </si>
  <si>
    <t>EFS MK04 2012</t>
  </si>
  <si>
    <t>5702320039559</t>
  </si>
  <si>
    <t>VELUX EFS EindeckrahmenEFS MK04 2012</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S MK04 2022E</t>
  </si>
  <si>
    <t>5702320039566</t>
  </si>
  <si>
    <t>VELUX Kombi-Eindeckr. EFS MK04 2022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S MK04 2032E</t>
  </si>
  <si>
    <t>5702320039658</t>
  </si>
  <si>
    <t>VELUX Kombi-Eindeckr. EFS MK04 2032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
Abstand zum rechts danebenliegenden 
Fenster: 10cm</t>
  </si>
  <si>
    <t>EFS MK06 0032E</t>
  </si>
  <si>
    <t>5702327080240</t>
  </si>
  <si>
    <t>VELUX Kombi-Eindeckr. VF_ EFS MK06 0032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drei Fenstern mit 
Senkrechtelementen
Abstand zum rechts danebenliegenden 
Fenster: 10cm</t>
  </si>
  <si>
    <t>EFS MK06 2012</t>
  </si>
  <si>
    <t>5702320040173</t>
  </si>
  <si>
    <t>VELUX EFS EindeckrahmenEFS MK06 2012</t>
  </si>
  <si>
    <t>EFS MK06 2022E</t>
  </si>
  <si>
    <t>5702320040623</t>
  </si>
  <si>
    <t>VELUX Kombi-Eindeckr. EFS MK06 2022E</t>
  </si>
  <si>
    <t>EFS MK06 2032E</t>
  </si>
  <si>
    <t>5702320040630</t>
  </si>
  <si>
    <t>VELUX Kombi-Eindeckr. EFS MK06 2032E</t>
  </si>
  <si>
    <t>EFS MK08 0022E</t>
  </si>
  <si>
    <t>5702327080424</t>
  </si>
  <si>
    <t>VELUX Kombi-Eindeckr. VF_ EFS MK08 0022E</t>
  </si>
  <si>
    <t>EFS MK08 2012</t>
  </si>
  <si>
    <t>5702320040692</t>
  </si>
  <si>
    <t>VELUX EFS EindeckrahmenEFS MK08 2012</t>
  </si>
  <si>
    <t>EFS MK08 2022E</t>
  </si>
  <si>
    <t>5702320040746</t>
  </si>
  <si>
    <t>VELUX Kombi-Eindeckr. EFS MK08 2022E</t>
  </si>
  <si>
    <t>EFS MK08 2032E</t>
  </si>
  <si>
    <t>5702320040791</t>
  </si>
  <si>
    <t>VELUX Kombi-Eindeckr. EFS MK08 2032E</t>
  </si>
  <si>
    <t>EFS MK10 2012</t>
  </si>
  <si>
    <t>5702320040852</t>
  </si>
  <si>
    <t>VELUX EFS EindeckrahmenEFS MK10 2012</t>
  </si>
  <si>
    <t>EFS MK10 2022E</t>
  </si>
  <si>
    <t>5702320040869</t>
  </si>
  <si>
    <t>VELUX Kombi-Eindeckr. EFS MK10 2022E</t>
  </si>
  <si>
    <t>EFS MK10 2032E</t>
  </si>
  <si>
    <t>5702320040913</t>
  </si>
  <si>
    <t>VELUX Kombi-Eindeckr. EFS MK10 2032E</t>
  </si>
  <si>
    <t>EFS MK12 2022E</t>
  </si>
  <si>
    <t>5702320040975</t>
  </si>
  <si>
    <t>VELUX Kombi-Eindeckr. EFS MK12 2022E</t>
  </si>
  <si>
    <t>VRW+V-Fassade inkl.BDX+BFX</t>
  </si>
  <si>
    <t>EFS MK12 2032E</t>
  </si>
  <si>
    <t>5702320040982</t>
  </si>
  <si>
    <t>VELUX Kombi-Eindeckr. EFS MK12 2032E</t>
  </si>
  <si>
    <t>EFS PK06 0012</t>
  </si>
  <si>
    <t>5702327081087</t>
  </si>
  <si>
    <t>VELUX Eindeckrahmen VF_ EFS PK06 0012</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eines Fensters mit 
Senkrechtelement</t>
  </si>
  <si>
    <t>EFS PK06 2012</t>
  </si>
  <si>
    <t>5702320041040</t>
  </si>
  <si>
    <t>VELUX EFS EindeckrahmenEFS PK06 2012</t>
  </si>
  <si>
    <t>EFS PK06 2022E</t>
  </si>
  <si>
    <t>5702320041095</t>
  </si>
  <si>
    <t>VELUX Kombi-Eindeckr. EFS PK06 2022E</t>
  </si>
  <si>
    <t>EFS PK08 0012</t>
  </si>
  <si>
    <t>5702327081209</t>
  </si>
  <si>
    <t>VELUX Eindeckrahmen VF_ EFS PK08 0012</t>
  </si>
  <si>
    <t>EFS PK08 2012</t>
  </si>
  <si>
    <t>5702320041156</t>
  </si>
  <si>
    <t>VELUX EFS EindeckrahmenEFS PK08 2012</t>
  </si>
  <si>
    <t>EFS PK08 2022E</t>
  </si>
  <si>
    <t>5702320041163</t>
  </si>
  <si>
    <t>VELUX Kombi-Eindeckr. EFS PK08 2022E</t>
  </si>
  <si>
    <t>EFS PK10 2012</t>
  </si>
  <si>
    <t>5702320041217</t>
  </si>
  <si>
    <t>VELUX EFS EindeckrahmenEFS PK10 2012</t>
  </si>
  <si>
    <t>EFS PK10 2022E</t>
  </si>
  <si>
    <t>5702320041262</t>
  </si>
  <si>
    <t>VELUX Kombi-Eindeckr. EFS PK10 2022E</t>
  </si>
  <si>
    <t>EFS SK06 2012</t>
  </si>
  <si>
    <t>5702320041330</t>
  </si>
  <si>
    <t>VELUX EFS EindeckrahmenEFS SK06 2012</t>
  </si>
  <si>
    <t>EFS SK06 2022E</t>
  </si>
  <si>
    <t>5702320041385</t>
  </si>
  <si>
    <t>VELUX Kombi-Eindeckr. EFS SK06 2022E</t>
  </si>
  <si>
    <t>EFS SK08 2012</t>
  </si>
  <si>
    <t>5702320041446</t>
  </si>
  <si>
    <t>VELUX Kombi-Eindeckr. EFS SK08 2012</t>
  </si>
  <si>
    <t>EFS SK08 2022E</t>
  </si>
  <si>
    <t>5702320041453</t>
  </si>
  <si>
    <t>VELUX Kombi-Eindeckr. EFS SK08 2022E</t>
  </si>
  <si>
    <t>EFS SK10 2012</t>
  </si>
  <si>
    <t>5702320041514</t>
  </si>
  <si>
    <t>VELUX Kombi-Eindeckr. EFS SK10 2012</t>
  </si>
  <si>
    <t>EFS SK10 2022E</t>
  </si>
  <si>
    <t>5702320041569</t>
  </si>
  <si>
    <t>VELUX Kombi-Eindeckr. EFS SK10 2022E</t>
  </si>
  <si>
    <t>EFS UK04 2022E</t>
  </si>
  <si>
    <t>5702320041620</t>
  </si>
  <si>
    <t>VELUX Kombi-Eindeckr. EFS UK04 2022E</t>
  </si>
  <si>
    <t>EFS UK08 2012</t>
  </si>
  <si>
    <t>5702320041637</t>
  </si>
  <si>
    <t>VELUX Kombi-Eindeckr. EFS UK08 2012</t>
  </si>
  <si>
    <t>EFS UK08 2022E</t>
  </si>
  <si>
    <t>5702320041682</t>
  </si>
  <si>
    <t>VELUX Kombi-Eindeckr. EFS UK08 2022E</t>
  </si>
  <si>
    <t>EFS UK10 0012</t>
  </si>
  <si>
    <t>5702327082107</t>
  </si>
  <si>
    <t>VELUX Eindeckrahmen VF_ EFS UK10 0012</t>
  </si>
  <si>
    <t>EFS UK10 2012</t>
  </si>
  <si>
    <t>5702320041743</t>
  </si>
  <si>
    <t>VELUX Kombi-Eindeckr. EFS UK10 2012</t>
  </si>
  <si>
    <t>EFS UK10 2022E</t>
  </si>
  <si>
    <t>5702320041750</t>
  </si>
  <si>
    <t>VELUX Kombi-Eindeckr. EFS UK10 2022E</t>
  </si>
  <si>
    <t>EFW MK04 2012</t>
  </si>
  <si>
    <t>5702320041811</t>
  </si>
  <si>
    <t>VELUX EindeckrahmenEFW MK04 2012</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eines Fensters mit 
Senkrechtelement</t>
  </si>
  <si>
    <t>EFW MK04 2022B</t>
  </si>
  <si>
    <t>5702320041866</t>
  </si>
  <si>
    <t>VELUX Kombi-Eindeckrahmen EFW MK04 2022B</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t>
  </si>
  <si>
    <t>EFW MK04 2022C</t>
  </si>
  <si>
    <t>5702320041873</t>
  </si>
  <si>
    <t>VELUX Kombi-Eindeckrahmen EFW MK04 2022C</t>
  </si>
  <si>
    <t>EFW MK04 2022E</t>
  </si>
  <si>
    <t>5702320041910</t>
  </si>
  <si>
    <t>VELUX Kombi-Eindeckr. EFW MK04 2022E</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zwei Fenstern mit 
Senkrechtelementen
Abstand zum rechts danebenliegenden 
Fenster: 10cm</t>
  </si>
  <si>
    <t>EFW MK04 2032B</t>
  </si>
  <si>
    <t>5702320041927</t>
  </si>
  <si>
    <t>VELUX Kombi-Eindeckrahmen EFW MK04 2032B</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t>
  </si>
  <si>
    <t>EFW MK04 2032E</t>
  </si>
  <si>
    <t>5702320041972</t>
  </si>
  <si>
    <t>VELUX Kombi-Eindeckr. EFW MK04 2032E</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von drei Fenstern mit 
Senkrechtelementen
Abstand zum rechts danebenliegenden 
Fenster: 10cm</t>
  </si>
  <si>
    <t>EFW MK04 2112</t>
  </si>
  <si>
    <t>5702320041989</t>
  </si>
  <si>
    <t>VELUX EindeckrahmenEFW MK04 2112</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eines Fensters mit 
Senkrechtelement</t>
  </si>
  <si>
    <t>EFW MK04 2122B</t>
  </si>
  <si>
    <t>5702320042030</t>
  </si>
  <si>
    <t>VELUX Kombi-Eindeckrahmen EFW MK04 2122B</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von zwei Fenstern mit 
Senkrechtelementen</t>
  </si>
  <si>
    <t>EFW MK04 2122E</t>
  </si>
  <si>
    <t>5702320042047</t>
  </si>
  <si>
    <t>VELUX Kombi-Eindeckr. EFW MK04 2122E</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von zwei Fenstern mit 
Senkrechtelementen
Abstand zum rechts danebenliegenden 
Fenster: 10cm</t>
  </si>
  <si>
    <t>EFW MK04 2312</t>
  </si>
  <si>
    <t>5702320042054</t>
  </si>
  <si>
    <t>VELUX Eindeckrahmen EFW MK04 2312</t>
  </si>
  <si>
    <t>----------------------------------------
Geeignet für Dächer mit flachem oder
profiliertem Eindeckmaterial
von 1,5 bis 12 cm Höhe.
Seitenteile gerade mit doppelten Wasser-
Ableit-Falzen und Schaumstoff-Dichtungs-
Profil.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Zum Einbau eines Fensters mit 
Senkrechtelement</t>
  </si>
  <si>
    <t>EFW MK06 2012</t>
  </si>
  <si>
    <t>5702320042108</t>
  </si>
  <si>
    <t>VELUX EindeckrahmenEFW MK06 2012</t>
  </si>
  <si>
    <t>EFW MK06 2022B</t>
  </si>
  <si>
    <t>5702320042115</t>
  </si>
  <si>
    <t>VELUX Kombi-Eindeckrahmen EFW MK06 2022B</t>
  </si>
  <si>
    <t>EFW MK06 2022C</t>
  </si>
  <si>
    <t>5702320042160</t>
  </si>
  <si>
    <t>VELUX Kombi-Eindeckrahmen EFW MK06 2022C</t>
  </si>
  <si>
    <t>EFW MK06 2022E</t>
  </si>
  <si>
    <t>5702320042177</t>
  </si>
  <si>
    <t>VELUX Kombi-Eindeckr. EFW MK06 2022E</t>
  </si>
  <si>
    <t>EFW MK06 2032B</t>
  </si>
  <si>
    <t>5702320042207</t>
  </si>
  <si>
    <t>VELUX Kombi-Eindeckrahmen EFW MK06 2032B</t>
  </si>
  <si>
    <t>EFW MK06 2032E</t>
  </si>
  <si>
    <t>5702320042276</t>
  </si>
  <si>
    <t>VELUX Kombi-Eindeckr. EFW MK06 2032E</t>
  </si>
  <si>
    <t>EFW MK06 2112</t>
  </si>
  <si>
    <t>5702320042283</t>
  </si>
  <si>
    <t>VELUX EindeckrahmenEFW MK06 2112</t>
  </si>
  <si>
    <t>EFW MK06 2122B</t>
  </si>
  <si>
    <t>5702320042290</t>
  </si>
  <si>
    <t>VELUX Kombi-Eindeckrahmen EFW MK06 2122B</t>
  </si>
  <si>
    <t>EFW MK06 2122E</t>
  </si>
  <si>
    <t>5702320042306</t>
  </si>
  <si>
    <t>VELUX Kombi-Eindeckr. EFW MK06 2122E</t>
  </si>
  <si>
    <t>EFW MK06 2312</t>
  </si>
  <si>
    <t>5702320042313</t>
  </si>
  <si>
    <t>VELUX Eindeckrahmen EFW MK06 2312</t>
  </si>
  <si>
    <t>EFW MK08 2012</t>
  </si>
  <si>
    <t>5702320042320</t>
  </si>
  <si>
    <t>VELUX EindeckrahmenEFW MK08 2012</t>
  </si>
  <si>
    <t>EFW MK08 2022B</t>
  </si>
  <si>
    <t>5702320042337</t>
  </si>
  <si>
    <t>VELUX Kombi-Eindeckrahmen EFW MK08 2022B</t>
  </si>
  <si>
    <t>EFW MK08 2022C</t>
  </si>
  <si>
    <t>5702320042344</t>
  </si>
  <si>
    <t>VELUX Kombi-Eindeckrahmen EFW MK08 2022C</t>
  </si>
  <si>
    <t>EFW MK08 2022E</t>
  </si>
  <si>
    <t>5702320042351</t>
  </si>
  <si>
    <t>VELUX Kombi-Eindeckr. EFW MK08 2022E</t>
  </si>
  <si>
    <t>EFW MK08 2032B</t>
  </si>
  <si>
    <t>5702320042368</t>
  </si>
  <si>
    <t>VELUX Kombi-Eindeckrahmen EFW MK08 2032B</t>
  </si>
  <si>
    <t>EFW MK08 2032E</t>
  </si>
  <si>
    <t>5702320042375</t>
  </si>
  <si>
    <t>VELUX Kombi-Eindeckr. EFW MK08 2032E</t>
  </si>
  <si>
    <t>EFW MK08 2112</t>
  </si>
  <si>
    <t>5702320042382</t>
  </si>
  <si>
    <t>VELUX EindeckrahmenEFW MK08 2112</t>
  </si>
  <si>
    <t>EFW MK08 2122B</t>
  </si>
  <si>
    <t>5702320042399</t>
  </si>
  <si>
    <t>VELUX Kombi-Eindeckrahmen EFW MK08 2122B</t>
  </si>
  <si>
    <t>EFW MK08 2122E</t>
  </si>
  <si>
    <t>5702320042405</t>
  </si>
  <si>
    <t>VELUX Kombi-Eindeckr. EFW MK08 2122E</t>
  </si>
  <si>
    <t>EFW MK08 2312</t>
  </si>
  <si>
    <t>5702320042412</t>
  </si>
  <si>
    <t>VELUX Eindeckrahmen EFW MK08 2312</t>
  </si>
  <si>
    <t>EFW MK10 2012</t>
  </si>
  <si>
    <t>5702320042429</t>
  </si>
  <si>
    <t>VELUX EindeckrahmenEFW MK10 2012</t>
  </si>
  <si>
    <t>EFW MK10 2022B</t>
  </si>
  <si>
    <t>5702320042436</t>
  </si>
  <si>
    <t>VELUX Kombi-Eindeckrahmen EFW MK10 2022B</t>
  </si>
  <si>
    <t>EFW MK10 2022C</t>
  </si>
  <si>
    <t>5702320042443</t>
  </si>
  <si>
    <t>VELUX Kombi-Eindeckrahmen EFW MK10 2022C</t>
  </si>
  <si>
    <t>EFW MK10 2022E</t>
  </si>
  <si>
    <t>5702320042450</t>
  </si>
  <si>
    <t>VELUX Kombi-Eindeckr. EFW MK10 2022E</t>
  </si>
  <si>
    <t>EFW MK10 2032B</t>
  </si>
  <si>
    <t>5702320042467</t>
  </si>
  <si>
    <t>VELUX Kombi-Eindeckrahmen EFW MK10 2032B</t>
  </si>
  <si>
    <t>EFW MK10 2032E</t>
  </si>
  <si>
    <t>5702320042474</t>
  </si>
  <si>
    <t>VELUX Kombi-Eindeckr. EFW MK10 2032E</t>
  </si>
  <si>
    <t>EFW MK10 2112</t>
  </si>
  <si>
    <t>5702320042481</t>
  </si>
  <si>
    <t>VELUX EindeckrahmenEFW MK10 2112</t>
  </si>
  <si>
    <t>EFW MK10 2122B</t>
  </si>
  <si>
    <t>5702320042498</t>
  </si>
  <si>
    <t>VELUX Kombi-Eindeckrahmen EFW MK10 2122B</t>
  </si>
  <si>
    <t>EFW MK10 2122E</t>
  </si>
  <si>
    <t>5702320042504</t>
  </si>
  <si>
    <t>VELUX Kombi-Eindeckr. EFW MK10 2122E</t>
  </si>
  <si>
    <t>EFW MK10 2312</t>
  </si>
  <si>
    <t>5702320042511</t>
  </si>
  <si>
    <t>VELUX Eindeckrahmen EFW MK10 2312</t>
  </si>
  <si>
    <t>EFW MK12 2012</t>
  </si>
  <si>
    <t>5702320042528</t>
  </si>
  <si>
    <t>VELUX Eindeckrahmen EFW MK12 2012</t>
  </si>
  <si>
    <t>EFW MK12 2022B</t>
  </si>
  <si>
    <t>5702320042535</t>
  </si>
  <si>
    <t>VELUX Kombi-Eindeckrahmen EFW MK12 2022B</t>
  </si>
  <si>
    <t>EFW MK12 2022C</t>
  </si>
  <si>
    <t>5702320042559</t>
  </si>
  <si>
    <t>VELUX Kombi-Eindeckrahmen EFW MK12 2022C</t>
  </si>
  <si>
    <t>EFW MK12 2022E</t>
  </si>
  <si>
    <t>5702320042566</t>
  </si>
  <si>
    <t>VELUX Kombi-Eindeckrahmen EFW MK12 2022E</t>
  </si>
  <si>
    <t>EFW MK12 2032B</t>
  </si>
  <si>
    <t>5702320042597</t>
  </si>
  <si>
    <t>VELUX Kombi-Eindeckrahmen EFW MK12 2032B</t>
  </si>
  <si>
    <t>EFW MK12 2032E</t>
  </si>
  <si>
    <t>5702320042603</t>
  </si>
  <si>
    <t>VELUX Kombi-Eindeckrahmen EFW MK12 2032E</t>
  </si>
  <si>
    <t>EFW MK12 2122B</t>
  </si>
  <si>
    <t>5702320042658</t>
  </si>
  <si>
    <t>VELUX Kombi-Eindeckrahmen EFW MK12 2122B</t>
  </si>
  <si>
    <t>EFW MK12 2122E</t>
  </si>
  <si>
    <t>5702320042665</t>
  </si>
  <si>
    <t>VELUX Kombi-Eindeckrahmen EFW MK12 2122E</t>
  </si>
  <si>
    <t>EFW PK06 2012</t>
  </si>
  <si>
    <t>5702320042900</t>
  </si>
  <si>
    <t>VELUX EindeckrahmenEFW PK06 2012</t>
  </si>
  <si>
    <t>EFW PK06 2022B</t>
  </si>
  <si>
    <t>5702320042955</t>
  </si>
  <si>
    <t>VELUX Kombi-Eindeckrahmen EFW PK06 2022B</t>
  </si>
  <si>
    <t>EFW PK06 2022C</t>
  </si>
  <si>
    <t>5702320042962</t>
  </si>
  <si>
    <t>VELUX Kombi-Eindeckrahmen EFW PK06 2022C</t>
  </si>
  <si>
    <t>EFW PK06 2022E</t>
  </si>
  <si>
    <t>5702320043204</t>
  </si>
  <si>
    <t>VELUX Kombi-Eindeckr. EFW PK06 2022E</t>
  </si>
  <si>
    <t>EFW PK06 2112</t>
  </si>
  <si>
    <t>5702320043211</t>
  </si>
  <si>
    <t>VELUX EindeckrahmenEFW PK06 2112</t>
  </si>
  <si>
    <t>EFW PK06 2122B</t>
  </si>
  <si>
    <t>5702320043228</t>
  </si>
  <si>
    <t>VELUX Kombi-Eindeckrahmen EFW PK06 2122B</t>
  </si>
  <si>
    <t>EFW PK06 2122E</t>
  </si>
  <si>
    <t>5702320043235</t>
  </si>
  <si>
    <t>VELUX Kombi-Eindeckr. EFW PK06 2122E</t>
  </si>
  <si>
    <t>EFW PK06 2312</t>
  </si>
  <si>
    <t>5702320043242</t>
  </si>
  <si>
    <t>VELUX Eindeckrahmen EFW PK06 2312</t>
  </si>
  <si>
    <t>EFW PK08 2012</t>
  </si>
  <si>
    <t>5702320043259</t>
  </si>
  <si>
    <t>VELUX EindeckrahmenEFW PK08 2012</t>
  </si>
  <si>
    <t>EFW PK08 2022B</t>
  </si>
  <si>
    <t>5702320043266</t>
  </si>
  <si>
    <t>VELUX Kombi-Eindeckrahmen EFW PK08 2022B</t>
  </si>
  <si>
    <t>EFW PK08 2022C</t>
  </si>
  <si>
    <t>5702320043273</t>
  </si>
  <si>
    <t>VELUX Kombi-Eindeckrahmen EFW PK08 2022C</t>
  </si>
  <si>
    <t>EFW PK08 2022E</t>
  </si>
  <si>
    <t>5702320043280</t>
  </si>
  <si>
    <t>VELUX Kombi-Eindeckr. EFW PK08 2022E</t>
  </si>
  <si>
    <t>EFW PK08 2112</t>
  </si>
  <si>
    <t>5702320043297</t>
  </si>
  <si>
    <t>VELUX EindeckrahmenEFW PK08 2112</t>
  </si>
  <si>
    <t>EFW PK08 2122B</t>
  </si>
  <si>
    <t>5702320043303</t>
  </si>
  <si>
    <t>VELUX Kombi-Eindeckrahmen EFW PK08 2122B</t>
  </si>
  <si>
    <t>EFW PK08 2122E</t>
  </si>
  <si>
    <t>5702320043310</t>
  </si>
  <si>
    <t>VELUX Kombi-Eindeckr. EFW PK08 2122E</t>
  </si>
  <si>
    <t>EFW PK08 2312</t>
  </si>
  <si>
    <t>5702320043327</t>
  </si>
  <si>
    <t>VELUX Eindeckrahmen EFW PK08 2312</t>
  </si>
  <si>
    <t>(Fenster + VIU/VFE) inkl.BDX+BFX</t>
  </si>
  <si>
    <t>EFW PK10 2012</t>
  </si>
  <si>
    <t>5702320043402</t>
  </si>
  <si>
    <t>VELUX EindeckrahmenEFW PK10 2012</t>
  </si>
  <si>
    <t>EFW PK10 2022B</t>
  </si>
  <si>
    <t>5702320043419</t>
  </si>
  <si>
    <t>VELUX Kombi-Eindeckrahmen EFW PK10 2022B</t>
  </si>
  <si>
    <t>EFW PK10 2022C</t>
  </si>
  <si>
    <t>5702320043426</t>
  </si>
  <si>
    <t>VELUX Kombi-Eindeckrahmen EFW PK10 2022C</t>
  </si>
  <si>
    <t>EFW PK10 2022E</t>
  </si>
  <si>
    <t>5702320043433</t>
  </si>
  <si>
    <t>VELUX Kombi-Eindeckr. EFW PK10 2022E</t>
  </si>
  <si>
    <t>EFW PK10 2112</t>
  </si>
  <si>
    <t>5702320043440</t>
  </si>
  <si>
    <t>VELUX EindeckrahmenEFW PK10 2112</t>
  </si>
  <si>
    <t>EFW PK10 2122B</t>
  </si>
  <si>
    <t>5702320043457</t>
  </si>
  <si>
    <t>VELUX Kombi-Eindeckrahmen EFW PK10 2122B</t>
  </si>
  <si>
    <t>EFW PK10 2122E</t>
  </si>
  <si>
    <t>5702320043464</t>
  </si>
  <si>
    <t>VELUX Kombi-Eindeckr. EFW PK10 2122E</t>
  </si>
  <si>
    <t>EFW PK10 2312</t>
  </si>
  <si>
    <t>5702320043471</t>
  </si>
  <si>
    <t>VELUX Eindeckrahmen EFW PK10 2312</t>
  </si>
  <si>
    <t>EFW SK06 2012</t>
  </si>
  <si>
    <t>5702320043518</t>
  </si>
  <si>
    <t>VELUX EindeckrahmenEFW SK06 2012</t>
  </si>
  <si>
    <t>EFW SK06 2022B</t>
  </si>
  <si>
    <t>5702320043525</t>
  </si>
  <si>
    <t>VELUX Kombi-Eindeckrahmen EFW SK06 2022B</t>
  </si>
  <si>
    <t>EFW SK06 2022C</t>
  </si>
  <si>
    <t>5702320043532</t>
  </si>
  <si>
    <t>VELUX Kombi-Eindeckrahmen EFW SK06 2022C</t>
  </si>
  <si>
    <t>EFW SK06 2022E</t>
  </si>
  <si>
    <t>5702320043549</t>
  </si>
  <si>
    <t>VELUX Kombi-Eindeckr. EFW SK06 2022E</t>
  </si>
  <si>
    <t>EFW SK06 2112</t>
  </si>
  <si>
    <t>5702320043556</t>
  </si>
  <si>
    <t>VELUX EindeckrahmenEFW SK06 2112</t>
  </si>
  <si>
    <t>EFW SK06 2122B</t>
  </si>
  <si>
    <t>5702320043563</t>
  </si>
  <si>
    <t>VELUX Kombi-Eindeckrahmen EFW SK06 2122B</t>
  </si>
  <si>
    <t>EFW SK06 2122E</t>
  </si>
  <si>
    <t>5702320043570</t>
  </si>
  <si>
    <t>VELUX Kombi-Eindeckr. EFW SK06 2122E</t>
  </si>
  <si>
    <t>EFW SK06 2312</t>
  </si>
  <si>
    <t>5702320043587</t>
  </si>
  <si>
    <t>VELUX Eindeckrahmen EFW SK06 2312</t>
  </si>
  <si>
    <t>EFW SK08 2012</t>
  </si>
  <si>
    <t>5702320043594</t>
  </si>
  <si>
    <t>VELUX EindeckrahmenEFW SK08 2012</t>
  </si>
  <si>
    <t>EFW SK08 2022B</t>
  </si>
  <si>
    <t>5702320043600</t>
  </si>
  <si>
    <t>VELUX Kombi-Eindeckrahmen EFW SK08 2022B</t>
  </si>
  <si>
    <t>EFW SK08 2022C</t>
  </si>
  <si>
    <t>5702320043617</t>
  </si>
  <si>
    <t>VELUX Kombi-Eindeckrahmen EFW SK08 2022C</t>
  </si>
  <si>
    <t>EFW SK08 2022E</t>
  </si>
  <si>
    <t>5702320043624</t>
  </si>
  <si>
    <t>VELUX Kombi-Eindeckr. EFW SK08 2022E</t>
  </si>
  <si>
    <t>EFW SK08 2112</t>
  </si>
  <si>
    <t>5702320043631</t>
  </si>
  <si>
    <t>VELUX EindeckrahmenEFW SK08 2112</t>
  </si>
  <si>
    <t>EFW SK08 2122B</t>
  </si>
  <si>
    <t>5702320043648</t>
  </si>
  <si>
    <t>VELUX Kombi-Eindeckrahmen EFW SK08 2122B</t>
  </si>
  <si>
    <t>EFW SK08 2122E</t>
  </si>
  <si>
    <t>5702320043655</t>
  </si>
  <si>
    <t>VELUX Kombi-Eindeckr. EFW SK08 2122E</t>
  </si>
  <si>
    <t>EFW SK08 2312</t>
  </si>
  <si>
    <t>5702320043662</t>
  </si>
  <si>
    <t>VELUX Eindeckrahmen EFW SK08 2312</t>
  </si>
  <si>
    <t>EFW SK10 2012</t>
  </si>
  <si>
    <t>5702320043679</t>
  </si>
  <si>
    <t>VELUX EindeckrahmenEFW SK10 2012</t>
  </si>
  <si>
    <t>EFW SK10 2022B</t>
  </si>
  <si>
    <t>5702320043747</t>
  </si>
  <si>
    <t>VELUX Kombi-Eindeckrahmen EFW SK10 2022B</t>
  </si>
  <si>
    <t>EFW SK10 2022C</t>
  </si>
  <si>
    <t>5702320043754</t>
  </si>
  <si>
    <t>VELUX Kombi.-Eindeckr.EFW SK10 2022C</t>
  </si>
  <si>
    <t>EFW SK10 2022E</t>
  </si>
  <si>
    <t>5702320043761</t>
  </si>
  <si>
    <t>VELUX Kombi-Eindeckr. EFW SK10 2022E</t>
  </si>
  <si>
    <t>EFW SK10 2112</t>
  </si>
  <si>
    <t>5702320043778</t>
  </si>
  <si>
    <t>VELUX EindeckrahmenEFW SK10 2112</t>
  </si>
  <si>
    <t>EFW SK10 2122B</t>
  </si>
  <si>
    <t>5702320043785</t>
  </si>
  <si>
    <t>VELUX Kombi.-Eindeckr. EFW SK10 2122B</t>
  </si>
  <si>
    <t>EFW SK10 2122E</t>
  </si>
  <si>
    <t>5702320043792</t>
  </si>
  <si>
    <t>VELUX Kombi-Eindeckr. EFW SK10 2122E</t>
  </si>
  <si>
    <t>EFW SK10 2312</t>
  </si>
  <si>
    <t>5702320043808</t>
  </si>
  <si>
    <t>VELUX Eindeckrahmen EFW SK10 2312</t>
  </si>
  <si>
    <t>EFW UK04 2012</t>
  </si>
  <si>
    <t>5702320044669</t>
  </si>
  <si>
    <t>VELUX EindeckrahmenEFW UK04 2012</t>
  </si>
  <si>
    <t>EFW UK04 2022B</t>
  </si>
  <si>
    <t>5702320044676</t>
  </si>
  <si>
    <t>VELUX Kombi-Eindeckrahmen EFW UK04 2022B</t>
  </si>
  <si>
    <t>EFW UK04 2022C</t>
  </si>
  <si>
    <t>5702320044683</t>
  </si>
  <si>
    <t>VELUX Kombi-Eindeckrahmen EFW UK04 2022C</t>
  </si>
  <si>
    <t>EFW UK04 2022E</t>
  </si>
  <si>
    <t>5702320044690</t>
  </si>
  <si>
    <t>VELUX Kombi-Eindeckr. EFW UK04 2022E</t>
  </si>
  <si>
    <t>EFW UK04 2112</t>
  </si>
  <si>
    <t>5702320044706</t>
  </si>
  <si>
    <t>VELUX EindeckrahmenEFW UK04 2112</t>
  </si>
  <si>
    <t>EFW UK04 2122B</t>
  </si>
  <si>
    <t>5702320044713</t>
  </si>
  <si>
    <t>VELUX Kombi-Eindeckrahmen EFW UK04 2122B</t>
  </si>
  <si>
    <t>EFW UK04 2122E</t>
  </si>
  <si>
    <t>5702320044720</t>
  </si>
  <si>
    <t>VELUX Kombi-Eindeckr. EFW UK04 2122E</t>
  </si>
  <si>
    <t>EFW UK04 2312</t>
  </si>
  <si>
    <t>5702320044737</t>
  </si>
  <si>
    <t>VELUX Eindeckrahmen EFW UK04 2312</t>
  </si>
  <si>
    <t>EFW UK08 2012</t>
  </si>
  <si>
    <t>5702320044744</t>
  </si>
  <si>
    <t>VELUX EindeckrahmenEFW UK08 2012</t>
  </si>
  <si>
    <t>EFW UK08 2022B</t>
  </si>
  <si>
    <t>5702320044751</t>
  </si>
  <si>
    <t>VELUX Kombi-Eindeckrahmen EFW UK08 2022B</t>
  </si>
  <si>
    <t>EFW UK08 2022C</t>
  </si>
  <si>
    <t>5702320044768</t>
  </si>
  <si>
    <t>VELUX Kombi-Eindeckrahmen EFW UK08 2022C</t>
  </si>
  <si>
    <t>EFW UK08 2022E</t>
  </si>
  <si>
    <t>5702320044775</t>
  </si>
  <si>
    <t>VELUX Kombi-Eindeckr. EFW UK08 2022E</t>
  </si>
  <si>
    <t>EFW UK08 2112</t>
  </si>
  <si>
    <t>5702320044782</t>
  </si>
  <si>
    <t>VELUX EindeckrahmenEFW UK08 2112</t>
  </si>
  <si>
    <t>EFW UK08 2122B</t>
  </si>
  <si>
    <t>5702320044799</t>
  </si>
  <si>
    <t>VELUX Kombi-Eindeckrahmen EFW UK08 2122B</t>
  </si>
  <si>
    <t>EFW UK08 2122E</t>
  </si>
  <si>
    <t>5702320044805</t>
  </si>
  <si>
    <t>VELUX Kombi-Eindeckr. EFW UK08 2122E</t>
  </si>
  <si>
    <t>EFW UK08 2312</t>
  </si>
  <si>
    <t>5702320044812</t>
  </si>
  <si>
    <t>VELUX Eindeckrahmen EFW UK08 2312</t>
  </si>
  <si>
    <t>EFW UK10 2012</t>
  </si>
  <si>
    <t>5702320044829</t>
  </si>
  <si>
    <t>VELUX EindeckrahmenEFW UK10 2012</t>
  </si>
  <si>
    <t>EFW UK10 2022B</t>
  </si>
  <si>
    <t>5702320044836</t>
  </si>
  <si>
    <t>VELUX Kombi-Eindeckrahmen EFW UK10 2022B</t>
  </si>
  <si>
    <t>EFW UK10 2022C</t>
  </si>
  <si>
    <t>5702320044843</t>
  </si>
  <si>
    <t>VELUX Kombi-Eindeckrahmen EFW UK10 2022C</t>
  </si>
  <si>
    <t>EFW UK10 2022E</t>
  </si>
  <si>
    <t>5702320044850</t>
  </si>
  <si>
    <t>VELUX Kombi-Eindeckr. EFW UK10 2022E</t>
  </si>
  <si>
    <t>EFW UK10 2112</t>
  </si>
  <si>
    <t>5702320044867</t>
  </si>
  <si>
    <t>VELUX EindeckrahmenEFW UK10 2112</t>
  </si>
  <si>
    <t>EFW UK10 2122B</t>
  </si>
  <si>
    <t>5702320044874</t>
  </si>
  <si>
    <t>VELUX Kombi-Eindeckrahmen EFW UK10 2122B</t>
  </si>
  <si>
    <t>EFW UK10 2122E</t>
  </si>
  <si>
    <t>5702320044881</t>
  </si>
  <si>
    <t>VELUX Kombi-Eindeckr. EFW UK10 2122E</t>
  </si>
  <si>
    <t>EFW UK10 2312</t>
  </si>
  <si>
    <t>5702320044898</t>
  </si>
  <si>
    <t>VELUX Eindeckrahmen EFW UK10 2312</t>
  </si>
  <si>
    <t>EFY MK00 2012</t>
  </si>
  <si>
    <t>5702328747005</t>
  </si>
  <si>
    <t>VELUX Verbindungselement EFY MK00 2012</t>
  </si>
  <si>
    <t>weiß lackiert für Fassadenfenster</t>
  </si>
  <si>
    <t>195</t>
  </si>
  <si>
    <t>VELUX-Fensterzubehör</t>
  </si>
  <si>
    <t>44188900</t>
  </si>
  <si>
    <t>----------------------------------------
Verbindungselement für die Verlängerung
von VELUX Dachfenstern nach unten mit
Fassadenfenstern beliebiger Hersteller.
Das Verbindungselement besteht aus Holz
mit einerAußenabdeckungen
aus Aluminium.
Passend für VELUX Dachfenster der Breite
MK- = 78cm
----------------------------------------
Das Verbindungselement besteht aus
weiß lackiertem Holz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FY MK00 3012</t>
  </si>
  <si>
    <t>5702328747012</t>
  </si>
  <si>
    <t>VELUX Verbindungselement EFY MK00 3012</t>
  </si>
  <si>
    <t>klar lackiert für Fassadenfenster</t>
  </si>
  <si>
    <t>----------------------------------------
Verbindungselement für die Verlängerung
von VELUX Dachfenstern nach unten mit
Fassadenfenstern beliebiger Hersteller.
Das Verbindungselement besteht aus Holz
mit einerAußenabdeckungen
aus Aluminium.
Passend für VELUX Dachfenster der Breite
MK- = 78cm
----------------------------------------
Das Verbindungselement besteht aus
klar lackiertem Holz.
----------------------------------------
Material: Aluminium im Farbton der
Fenster-Abdeckung.</t>
  </si>
  <si>
    <t>EFY PK00 2012</t>
  </si>
  <si>
    <t>5702328747029</t>
  </si>
  <si>
    <t>VELUX Verbindungselement EFY PK00 2012</t>
  </si>
  <si>
    <t>----------------------------------------
Verbindungselement für die Verlängerung
von VELUX Dachfenstern nach unten mit
Fassadenfenstern beliebiger Hersteller.
Das Verbindungselement besteht aus Holz
mit einer Außenabdeckung aus
Aluminium.
Passend für VELUX Dachfenster der Breite
PK- = 94cm
----------------------------------------
Das Verbindungselement besteht aus
weiß lackiertem Holz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FY PK00 3012</t>
  </si>
  <si>
    <t>5702328747036</t>
  </si>
  <si>
    <t>VELUX Verbindungselement EFY PK00 3012</t>
  </si>
  <si>
    <t>----------------------------------------
Verbindungselement für die Verlängerung
von VELUX Dachfenstern nach unten mit
Fassadenfenstern beliebiger Hersteller.
Das Verbindungselement besteht aus Holz
mit einer Außenabdeckung aus
Aluminium.
Passend für VELUX Dachfenster der Breite
PK- = 94cm
----------------------------------------
Das Verbindungselement besteht aus
klar lackiertem Holz.
----------------------------------------
Material: Aluminium im Farbton der
Fenster-Abdeckung.</t>
  </si>
  <si>
    <t>EFY SK00 2012</t>
  </si>
  <si>
    <t>5702328747043</t>
  </si>
  <si>
    <t>VELUX Verbindungselement EFY SK00 2012</t>
  </si>
  <si>
    <t>----------------------------------------
Verbindungselement für die Verlängerung
von VELUX Dachfenstern nach unten mit
Fassadenfenstern beliebiger Hersteller.
Das Verbindungselement besteht aus Holz
mit einer Außenabdeckungen aus
Aluminium.
Passend für VELUX Dachfenster der Breite
SK- = 114cm
----------------------------------------
Das Verbindungselement besteht aus
weiß lackiertem Holz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FY SK00 3012</t>
  </si>
  <si>
    <t>5702328747050</t>
  </si>
  <si>
    <t>VELUX Verbindungselement EFY SK00 3012</t>
  </si>
  <si>
    <t>----------------------------------------
Verbindungselement für die Verlängerung
von VELUX Dachfenstern nach unten mit
Fassadenfenstern beliebiger Hersteller.
Das Verbindungselement besteht aus Holz
mit einer Außenabdeckungen aus
Aluminium.
Passend für VELUX Dachfenster der Breite
SK- = 114cm
----------------------------------------
Das Verbindungselement besteht aus
klar lackiertem Holz.
----------------------------------------
Material: Aluminium im Farbton der
Fenster-Abdeckung.</t>
  </si>
  <si>
    <t>EKB CK02 2001M</t>
  </si>
  <si>
    <t>5702329744102</t>
  </si>
  <si>
    <t>Kombi-Eind.R. Bibers. EKB CK02 2001M</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B CK02 2002M</t>
  </si>
  <si>
    <t>5702329744119</t>
  </si>
  <si>
    <t>Kombi-Eind.R. Bibers. EKB CK02 2002M</t>
  </si>
  <si>
    <t>EKB CK02 2003M</t>
  </si>
  <si>
    <t>5702329744126</t>
  </si>
  <si>
    <t>Kombi-Eind.R. Bibers. EKB CK02 2003M</t>
  </si>
  <si>
    <t>EKB CK02 2007ME</t>
  </si>
  <si>
    <t>5702329744171</t>
  </si>
  <si>
    <t>Kombi-Eind.R. Bibers. EKB CK02 2007ME</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B CK02 2007MJ</t>
  </si>
  <si>
    <t>5702329744188</t>
  </si>
  <si>
    <t>Kombi-Eind.R. Bibers. EKB CK02 2007MJ</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B CK02 2021M</t>
  </si>
  <si>
    <t>5702329744195</t>
  </si>
  <si>
    <t>Kombi-Eind.R. Bibers. EKB CK02 2021M</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mehrerer Fenster in 
Lichtbändern oder Kasetten
Eindeckrahmen-Set aus Element 1 
unten links und Element 3 unten rechts
Mit flexibel einstellbarer Mittelrinne
zwischen 10 und 16cm als Abstand zum
rechts danebenliegenden Fenster</t>
  </si>
  <si>
    <t>EKB CK02 4021E2</t>
  </si>
  <si>
    <t>5702329305563</t>
  </si>
  <si>
    <t>TWIN Set+BDX,BFX,LKY EKB CK02 4021E2</t>
  </si>
  <si>
    <t>----------------------------------------
Geeignet für Dächer mit flachem
Eindeckmaterial bis 3,8 cm Höhe
(2 x 1,9 cm). Seitenteile
in vorgebogenen Schichtstücken.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B CK02 4021E3</t>
  </si>
  <si>
    <t>5702320037203</t>
  </si>
  <si>
    <t>TWIN Set+BDX,BFX,LKY EKB CK02 4021E3</t>
  </si>
  <si>
    <t>----------------------------------------
Geeignet für Dächer mit flachem
Eindeckmaterial bis 3,8 cm Höhe
(2 x 1,9 cm). Seitenteile
in vorgebogenen Schichtstücken.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B CK02 4031E2</t>
  </si>
  <si>
    <t>5702329690225</t>
  </si>
  <si>
    <t>TRIO Set+BDX,BFX,LKY EKB CK02 4031E2</t>
  </si>
  <si>
    <t>----------------------------------------
Geeignet für Dächer mit flachem
Eindeckmaterial bis 3,8 cm Höhe
(2 x 1,9 cm). Seitenteile
in vorgebogenen Schichtstücken.
----------------------------------------
Seitliche und untere Blendrahmen-
verblechung.
----------------------------------------
Material: Aluminium im Farbton der
Fenster-Abdeckung.
----------------------------------------
Produktpaket für den Einau von 
3 Fenstern in Kombination nebeneinader
mit Blendrahmenabstand 10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B CK02 4031E3</t>
  </si>
  <si>
    <t>5702320037210</t>
  </si>
  <si>
    <t>TRIO Set+BDX,BFX,LKY EKB CK02 4031E3</t>
  </si>
  <si>
    <t>----------------------------------------
Geeignet für Dächer mit flachem
Eindeckmaterial bis 3,8 cm Höhe
(2 x 1,9 cm). Seitenteile
in vorgebogenen Schichtstücken.
----------------------------------------
Seitliche und untere Blendrahmen-
verblechung.
----------------------------------------
Material: Aluminium im Farbton der
Fenster-Abdeckung.
Abstand zum rechts danebenliegenden 
Fenster: 10cm</t>
  </si>
  <si>
    <t>EKB CK04 2001M</t>
  </si>
  <si>
    <t>5702329744201</t>
  </si>
  <si>
    <t>Kombi-Eind.R. Bibers. EKB CK04 2001M</t>
  </si>
  <si>
    <t>EKB CK04 2002M</t>
  </si>
  <si>
    <t>5702329744218</t>
  </si>
  <si>
    <t>Kombi-Eind.R. Bibers. EKB CK04 2002M</t>
  </si>
  <si>
    <t>EKB CK04 2003M</t>
  </si>
  <si>
    <t>5702329744225</t>
  </si>
  <si>
    <t>Kombi-Eind.R. Bibers. EKB CK04 2003M</t>
  </si>
  <si>
    <t>EKB CK04 2004MJ</t>
  </si>
  <si>
    <t>5702329744249</t>
  </si>
  <si>
    <t>Kombi-Eind.R. Bibers. EKB CK04 2004MJ</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B CK04 2006MJ</t>
  </si>
  <si>
    <t>5702329744263</t>
  </si>
  <si>
    <t>Kombi-Eind.R. Bibers. EKB CK04 2006MJ</t>
  </si>
  <si>
    <t>EKB CK04 2007ME</t>
  </si>
  <si>
    <t>5702329744270</t>
  </si>
  <si>
    <t>Kombi-Eind.R. Bibers. EKB CK04 2007ME</t>
  </si>
  <si>
    <t>EKB CK04 2007MJ</t>
  </si>
  <si>
    <t>5702329744287</t>
  </si>
  <si>
    <t>Kombi-Eind.R. Bibers. EKB CK04 2007MJ</t>
  </si>
  <si>
    <t>EKB CK04 2021M</t>
  </si>
  <si>
    <t>5702329744294</t>
  </si>
  <si>
    <t>Kombi-Eind.R. Bibers. EKB CK04 2021M</t>
  </si>
  <si>
    <t>EKB CK04 4021E2</t>
  </si>
  <si>
    <t>5702329305570</t>
  </si>
  <si>
    <t>TWIN Set+BDX,BFX,LKY EKB CK04 4021E2</t>
  </si>
  <si>
    <t>EKB CK04 4021E3</t>
  </si>
  <si>
    <t>5702320037227</t>
  </si>
  <si>
    <t>TWIN Set+BDX,BFX,LKY EKB CK04 4021E3</t>
  </si>
  <si>
    <t>EKB CK04 4031E2</t>
  </si>
  <si>
    <t>5702329690232</t>
  </si>
  <si>
    <t>TRIO Set+BDX,BFX,LKY EKB CK04 4031E2</t>
  </si>
  <si>
    <t>EKB CK04 4031E3</t>
  </si>
  <si>
    <t>5702320037234</t>
  </si>
  <si>
    <t>TRIO Set+BDX,BFX,LKY EKB CK04 4031E3</t>
  </si>
  <si>
    <t>EKB CK06 2001M</t>
  </si>
  <si>
    <t>5702329744300</t>
  </si>
  <si>
    <t>Kombi-Eind.R. Bibers. EKB CK06 2001M</t>
  </si>
  <si>
    <t>EKB CK06 2002M</t>
  </si>
  <si>
    <t>5702329744317</t>
  </si>
  <si>
    <t>Kombi-Eind.R. Bibers. EKB CK06 2002M</t>
  </si>
  <si>
    <t>EKB CK06 2003M</t>
  </si>
  <si>
    <t>5702329744324</t>
  </si>
  <si>
    <t>Kombi-Eind.R. Bibers. EKB CK06 2003M</t>
  </si>
  <si>
    <t>EKB CK06 2004ME</t>
  </si>
  <si>
    <t>5702329744331</t>
  </si>
  <si>
    <t>Kombi-Eind.R. Bibers. EKB CK06 2004ME</t>
  </si>
  <si>
    <t>----------------------------------------
Geeignet für Dächer mit flachem
Eindeckmaterial bis 3,8 cm Höhe
(2 x 1,9 cm). Seitenteile
in vorgebogenen Schichtstück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B CK06 2006ME</t>
  </si>
  <si>
    <t>5702329744355</t>
  </si>
  <si>
    <t>Kombi-Eind.R. Bibers. EKB CK06 2006ME</t>
  </si>
  <si>
    <t>EKB CK06 2007ME</t>
  </si>
  <si>
    <t>5702329744379</t>
  </si>
  <si>
    <t>Kombi-Eind.R. Bibers. EKB CK06 2007ME</t>
  </si>
  <si>
    <t>EKB CK06 2007MJ</t>
  </si>
  <si>
    <t>5702329744386</t>
  </si>
  <si>
    <t>Kombi-Eind.R. Bibers. EKB CK06 2007MJ</t>
  </si>
  <si>
    <t>EKB CK06 2021M</t>
  </si>
  <si>
    <t>5702329744393</t>
  </si>
  <si>
    <t>Kombi-Eind.R. Bibers. EKB CK06 2021M</t>
  </si>
  <si>
    <t>EKB CK06 4021E2</t>
  </si>
  <si>
    <t>5702329305587</t>
  </si>
  <si>
    <t>TWIN Set+BDX,BFX,LKY EKB CK06 4021E2</t>
  </si>
  <si>
    <t>EKB CK06 4021E3</t>
  </si>
  <si>
    <t>5702320037241</t>
  </si>
  <si>
    <t>TWIN Set+BDX,BFX,LKY EKB CK06 4021E3</t>
  </si>
  <si>
    <t>EKB CK06 4031E2</t>
  </si>
  <si>
    <t>5702329690249</t>
  </si>
  <si>
    <t>TRIO Set+BDX,BFX,LKY EKB CK06 4031E2</t>
  </si>
  <si>
    <t>EKB CK06 4031E3</t>
  </si>
  <si>
    <t>5702320037258</t>
  </si>
  <si>
    <t>TRIO Set+BDX,BFX,LKY EKB CK06 4031E3</t>
  </si>
  <si>
    <t>EKB FK04 2001M</t>
  </si>
  <si>
    <t>5702329744409</t>
  </si>
  <si>
    <t>Kombi-Eind.R. Bibers. EKB FK04 2001M</t>
  </si>
  <si>
    <t>EKB FK04 2002M</t>
  </si>
  <si>
    <t>5702329744416</t>
  </si>
  <si>
    <t>Kombi-Eind.R. Bibers. EKB FK04 2002M</t>
  </si>
  <si>
    <t>EKB FK04 2003M</t>
  </si>
  <si>
    <t>5702329744423</t>
  </si>
  <si>
    <t>Kombi-Eind.R. Bibers. EKB FK04 2003M</t>
  </si>
  <si>
    <t>EKB FK04 2004ME</t>
  </si>
  <si>
    <t>5702329744430</t>
  </si>
  <si>
    <t>Kombi-Eind.R. Bibers. EKB FK04 2004ME</t>
  </si>
  <si>
    <t>EKB FK04 2004MJ</t>
  </si>
  <si>
    <t>5702329744447</t>
  </si>
  <si>
    <t>Kombi-Eind.R. Bibers. EKB FK04 2004MJ</t>
  </si>
  <si>
    <t>EKB FK04 2006ME</t>
  </si>
  <si>
    <t>5702329744454</t>
  </si>
  <si>
    <t>Kombi-Eind.R. Bibers. EKB FK04 2006ME</t>
  </si>
  <si>
    <t>EKB FK04 2006MJ</t>
  </si>
  <si>
    <t>5702329744461</t>
  </si>
  <si>
    <t>Kombi-Eind.R. Bibers. EKB FK04 2006MJ</t>
  </si>
  <si>
    <t>EKB FK04 2007ME</t>
  </si>
  <si>
    <t>5702329744478</t>
  </si>
  <si>
    <t>Kombi-Eind.R. Bibers. EKB FK04 2007ME</t>
  </si>
  <si>
    <t>EKB FK04 2007MJ</t>
  </si>
  <si>
    <t>5702329744485</t>
  </si>
  <si>
    <t>Kombi-Eind.R. Bibers. EKB FK04 2007MJ</t>
  </si>
  <si>
    <t>EKB FK04 2021M</t>
  </si>
  <si>
    <t>5702329744492</t>
  </si>
  <si>
    <t>Kombi-Eind.R. Bibers. EKB FK04 2021M</t>
  </si>
  <si>
    <t>EKB FK04 4021E2</t>
  </si>
  <si>
    <t>5702329305594</t>
  </si>
  <si>
    <t>TWIN Set+BDX,BFX,LKY EKB FK04 4021E2</t>
  </si>
  <si>
    <t>EKB FK04 4021E3</t>
  </si>
  <si>
    <t>5702320037265</t>
  </si>
  <si>
    <t>TWIN Set+BDX,BFX,LKY EKB FK04 4021E3</t>
  </si>
  <si>
    <t>EKB FK04 4031E2</t>
  </si>
  <si>
    <t>5702329690256</t>
  </si>
  <si>
    <t>TRIO Set+BDX,BFX,LKY EKB FK04 4031E2</t>
  </si>
  <si>
    <t>EKB FK04 4031E3</t>
  </si>
  <si>
    <t>5702320037272</t>
  </si>
  <si>
    <t>TRIO Set+BDX,BFX,LKY EKB FK04 4031E3</t>
  </si>
  <si>
    <t>EKB FK06 2001M</t>
  </si>
  <si>
    <t>5702329744508</t>
  </si>
  <si>
    <t>Kombi-Eind.R. Bibers. EKB FK06 2001M</t>
  </si>
  <si>
    <t>EKB FK06 2002M</t>
  </si>
  <si>
    <t>5702329744515</t>
  </si>
  <si>
    <t>Kombi-Eind.R. Bibers. EKB FK06 2002M</t>
  </si>
  <si>
    <t>EKB FK06 2003M</t>
  </si>
  <si>
    <t>5702329744522</t>
  </si>
  <si>
    <t>Kombi-Eind.R. Bibers. EKB FK06 2003M</t>
  </si>
  <si>
    <t>EKB FK06 2004ME</t>
  </si>
  <si>
    <t>5702329744539</t>
  </si>
  <si>
    <t>Kombi-Eind.R. Bibers. EKB FK06 2004ME</t>
  </si>
  <si>
    <t>EKB FK06 2004MJ</t>
  </si>
  <si>
    <t>5702329744546</t>
  </si>
  <si>
    <t>Kombi-Eind.R. Bibers. EKB FK06 2004MJ</t>
  </si>
  <si>
    <t>EKB FK06 2006ME</t>
  </si>
  <si>
    <t>5702329744553</t>
  </si>
  <si>
    <t>Kombi-Eind.R. Bibers. EKB FK06 2006ME</t>
  </si>
  <si>
    <t>EKB FK06 2006MJ</t>
  </si>
  <si>
    <t>5702329744560</t>
  </si>
  <si>
    <t>Kombi-Eind.R. Bibers. EKB FK06 2006MJ</t>
  </si>
  <si>
    <t>EKB FK06 2007ME</t>
  </si>
  <si>
    <t>5702329744577</t>
  </si>
  <si>
    <t>Kombi-Eind.R. Bibers. EKB FK06 2007ME</t>
  </si>
  <si>
    <t>EKB FK06 2007MJ</t>
  </si>
  <si>
    <t>5702329744584</t>
  </si>
  <si>
    <t>Kombi-Eind.R. Bibers. EKB FK06 2007MJ</t>
  </si>
  <si>
    <t>EKB FK06 2021M</t>
  </si>
  <si>
    <t>5702329744591</t>
  </si>
  <si>
    <t>Kombi-Eind.R. Bibers. EKB FK06 2021M</t>
  </si>
  <si>
    <t>EKB FK06 4021E2</t>
  </si>
  <si>
    <t>5702329305600</t>
  </si>
  <si>
    <t>TWIN Set+BDX,BFX,LKY EKB FK06 4021E2</t>
  </si>
  <si>
    <t>EKB FK06 4021E3</t>
  </si>
  <si>
    <t>5702320037289</t>
  </si>
  <si>
    <t>TWIN Set+BDX,BFX,LKY EKB FK06 4021E3</t>
  </si>
  <si>
    <t>EKB FK06 4031E2</t>
  </si>
  <si>
    <t>5702329690263</t>
  </si>
  <si>
    <t>TRIO Set+BDX,BFX,LKY EKB FK06 4031E2</t>
  </si>
  <si>
    <t>EKB FK06 4031E3</t>
  </si>
  <si>
    <t>5702320037296</t>
  </si>
  <si>
    <t>TRIO Set+BDX,BFX,LKY EKB FK06 4031E3</t>
  </si>
  <si>
    <t>EKB FK08 2001M</t>
  </si>
  <si>
    <t>5702329744607</t>
  </si>
  <si>
    <t>Kombi-Eind.R. Bibers. EKB FK08 2001M</t>
  </si>
  <si>
    <t>EKB FK08 2002M</t>
  </si>
  <si>
    <t>5702329744614</t>
  </si>
  <si>
    <t>Kombi-Eind.R. Bibers. EKB FK08 2002M</t>
  </si>
  <si>
    <t>EKB FK08 2003M</t>
  </si>
  <si>
    <t>5702329744621</t>
  </si>
  <si>
    <t>Kombi-Eind.R. Bibers. EKB FK08 2003M</t>
  </si>
  <si>
    <t>EKB FK08 2007ME</t>
  </si>
  <si>
    <t>5702329744676</t>
  </si>
  <si>
    <t>Kombi-Eind.R. Bibers. EKB FK08 2007ME</t>
  </si>
  <si>
    <t>EKB FK08 2007MJ</t>
  </si>
  <si>
    <t>5702329744683</t>
  </si>
  <si>
    <t>Kombi-Eind.R. Bibers. EKB FK08 2007MJ</t>
  </si>
  <si>
    <t>EKB FK08 2021M</t>
  </si>
  <si>
    <t>5702329744690</t>
  </si>
  <si>
    <t>Kombi-Eind.R. Bibers. EKB FK08 2021M</t>
  </si>
  <si>
    <t>EKB FK08 4021E2</t>
  </si>
  <si>
    <t>5702329305617</t>
  </si>
  <si>
    <t>TWIN Set+BDX,BFX,LKY EKB FK08 4021E2</t>
  </si>
  <si>
    <t>EKB FK08 4021E3</t>
  </si>
  <si>
    <t>5702320037302</t>
  </si>
  <si>
    <t>TWIN Set+BDX,BFX,LKY EKB FK08 4021E3</t>
  </si>
  <si>
    <t>EKB FK08 4031E2</t>
  </si>
  <si>
    <t>5702329690270</t>
  </si>
  <si>
    <t>TRIO Set+BDX,BFX,LKY EKB FK08 4031E2</t>
  </si>
  <si>
    <t>EKB FK08 4031E3</t>
  </si>
  <si>
    <t>5702320037319</t>
  </si>
  <si>
    <t>TRIO Set+BDX,BFX,LKY EKB FK08 4031E3</t>
  </si>
  <si>
    <t>EKB MK04 2001M</t>
  </si>
  <si>
    <t>5702329744706</t>
  </si>
  <si>
    <t>Kombi-Eind.R. Bibers. EKB MK04 2001M</t>
  </si>
  <si>
    <t>EKB MK04 2002M</t>
  </si>
  <si>
    <t>5702329744713</t>
  </si>
  <si>
    <t>Kombi-Eind.R. Bibers. EKB MK04 2002M</t>
  </si>
  <si>
    <t>EKB MK04 2003M</t>
  </si>
  <si>
    <t>5702329744720</t>
  </si>
  <si>
    <t>Kombi-Eind.R. Bibers. EKB MK04 2003M</t>
  </si>
  <si>
    <t>EKB MK04 2004ME</t>
  </si>
  <si>
    <t>5702329744737</t>
  </si>
  <si>
    <t>Kombi-Eind.R. Bibers. EKB MK04 2004ME</t>
  </si>
  <si>
    <t>EKB MK04 2004MJ</t>
  </si>
  <si>
    <t>5702329744744</t>
  </si>
  <si>
    <t>Kombi-Eind.R. Bibers. EKB MK04 2004MJ</t>
  </si>
  <si>
    <t>EKB MK04 2006ME</t>
  </si>
  <si>
    <t>5702329744751</t>
  </si>
  <si>
    <t>Kombi-Eind.R. Bibers. EKB MK04 2006ME</t>
  </si>
  <si>
    <t>EKB MK04 2006MJ</t>
  </si>
  <si>
    <t>5702329744768</t>
  </si>
  <si>
    <t>Kombi-Eind.R. Bibers. EKB MK04 2006MJ</t>
  </si>
  <si>
    <t>EKB MK04 2007ME</t>
  </si>
  <si>
    <t>5702329744775</t>
  </si>
  <si>
    <t>Kombi-Eind.R. Bibers. EKB MK04 2007ME</t>
  </si>
  <si>
    <t>EKB MK04 2007MJ</t>
  </si>
  <si>
    <t>5702329744782</t>
  </si>
  <si>
    <t>Kombi-Eind.R. Bibers. EKB MK04 2007MJ</t>
  </si>
  <si>
    <t>EKB MK04 2021M</t>
  </si>
  <si>
    <t>5702329744799</t>
  </si>
  <si>
    <t>Kombi-Eind.R. Bibers. EKB MK04 2021M</t>
  </si>
  <si>
    <t>EKB MK04 4021E2</t>
  </si>
  <si>
    <t>5702329305624</t>
  </si>
  <si>
    <t>TWIN Set+BDX,BFX,LKY EKB MK04 4021E2</t>
  </si>
  <si>
    <t>EKB MK04 4021E3</t>
  </si>
  <si>
    <t>5702320037326</t>
  </si>
  <si>
    <t>TWIN Set+BDX,BFX,LKY EKB MK04 4021E3</t>
  </si>
  <si>
    <t>EKB MK04 4031E2</t>
  </si>
  <si>
    <t>5702329690287</t>
  </si>
  <si>
    <t>TRIO Set+BDX,BFX,LKY EKB MK04 4031E2</t>
  </si>
  <si>
    <t>EKB MK04 4031E3</t>
  </si>
  <si>
    <t>5702320037333</t>
  </si>
  <si>
    <t>TRIO Set+BDX,BFX,LKY EKB MK04 4031E3</t>
  </si>
  <si>
    <t>EKB MK06 2001M</t>
  </si>
  <si>
    <t>5702329744805</t>
  </si>
  <si>
    <t>Kombi-Eind.R. Bibers. EKB MK06 2001M</t>
  </si>
  <si>
    <t>EKB MK06 2002M</t>
  </si>
  <si>
    <t>5702329744812</t>
  </si>
  <si>
    <t>Kombi-Eind.R. Bibers. EKB MK06 2002M</t>
  </si>
  <si>
    <t>EKB MK06 2003M</t>
  </si>
  <si>
    <t>5702329744829</t>
  </si>
  <si>
    <t>Kombi-Eind.R. Bibers. EKB MK06 2003M</t>
  </si>
  <si>
    <t>EKB MK06 2004ME</t>
  </si>
  <si>
    <t>5702329744836</t>
  </si>
  <si>
    <t>Kombi-Eind.R. Bibers. EKB MK06 2004ME</t>
  </si>
  <si>
    <t>EKB MK06 2004MJ</t>
  </si>
  <si>
    <t>5702329744843</t>
  </si>
  <si>
    <t>Kombi-Eind.R. Bibers. EKB MK06 2004MJ</t>
  </si>
  <si>
    <t>EKB MK06 2006ME</t>
  </si>
  <si>
    <t>5702329744850</t>
  </si>
  <si>
    <t>Kombi-Eind.R. Bibers. EKB MK06 2006ME</t>
  </si>
  <si>
    <t>EKB MK06 2006MJ</t>
  </si>
  <si>
    <t>5702329744867</t>
  </si>
  <si>
    <t>Kombi-Eind.R. Bibers. EKB MK06 2006MJ</t>
  </si>
  <si>
    <t>EKB MK06 2007ME</t>
  </si>
  <si>
    <t>5702329744874</t>
  </si>
  <si>
    <t>Kombi-Eind.R. Bibers. EKB MK06 2007ME</t>
  </si>
  <si>
    <t>EKB MK06 2007MJ</t>
  </si>
  <si>
    <t>5702329744881</t>
  </si>
  <si>
    <t>Kombi-Eind.R. Bibers. EKB MK06 2007MJ</t>
  </si>
  <si>
    <t>EKB MK06 2021M</t>
  </si>
  <si>
    <t>5702329744898</t>
  </si>
  <si>
    <t>Kombi-Eind.R. Bibers. EKB MK06 2021M</t>
  </si>
  <si>
    <t>EKB MK06 4021E2</t>
  </si>
  <si>
    <t>5702329305631</t>
  </si>
  <si>
    <t>TWIN Set+BDX,BFX,LKY EKB MK06 4021E2</t>
  </si>
  <si>
    <t>EKB MK06 4021E3</t>
  </si>
  <si>
    <t>5702320037340</t>
  </si>
  <si>
    <t>TWIN Set+BDX,BFX,LKY EKB MK06 4021E3</t>
  </si>
  <si>
    <t>EKB MK06 4031E2</t>
  </si>
  <si>
    <t>5702329690294</t>
  </si>
  <si>
    <t>TRIO Set+BDX,BFX,LKY EKB MK06 4031E2</t>
  </si>
  <si>
    <t>EKB MK06 4031E3</t>
  </si>
  <si>
    <t>5702320037357</t>
  </si>
  <si>
    <t>TRIO Set+BDX,BFX,LKY EKB MK06 4031E3</t>
  </si>
  <si>
    <t>EKB MK08 2001M</t>
  </si>
  <si>
    <t>5702329744904</t>
  </si>
  <si>
    <t>Kombi-Eind.R. Bibers. EKB MK08 2001M</t>
  </si>
  <si>
    <t>EKB MK08 2002M</t>
  </si>
  <si>
    <t>5702329744911</t>
  </si>
  <si>
    <t>Kombi-Eind.R. Bibers. EKB MK08 2002M</t>
  </si>
  <si>
    <t>EKB MK08 2003M</t>
  </si>
  <si>
    <t>5702329744928</t>
  </si>
  <si>
    <t>Kombi-Eind.R. Bibers. EKB MK08 2003M</t>
  </si>
  <si>
    <t>EKB MK08 2004ME</t>
  </si>
  <si>
    <t>5702329744935</t>
  </si>
  <si>
    <t>Kombi-Eind.R. Bibers. EKB MK08 2004ME</t>
  </si>
  <si>
    <t>EKB MK08 2004MJ</t>
  </si>
  <si>
    <t>5702329744942</t>
  </si>
  <si>
    <t>Kombi-Eind.R. Bibers. EKB MK08 2004MJ</t>
  </si>
  <si>
    <t>EKB MK08 2006ME</t>
  </si>
  <si>
    <t>5702329744959</t>
  </si>
  <si>
    <t>Kombi-Eind.R. Bibers. EKB MK08 2006ME</t>
  </si>
  <si>
    <t>EKB MK08 2006MJ</t>
  </si>
  <si>
    <t>5702329744966</t>
  </si>
  <si>
    <t>Kombi-Eind.R. Bibers. EKB MK08 2006MJ</t>
  </si>
  <si>
    <t>EKB MK08 2007ME</t>
  </si>
  <si>
    <t>5702329744973</t>
  </si>
  <si>
    <t>Kombi-Eind.R. Bibers. EKB MK08 2007ME</t>
  </si>
  <si>
    <t>EKB MK08 2007MJ</t>
  </si>
  <si>
    <t>5702329744980</t>
  </si>
  <si>
    <t>Kombi-Eind.R. Bibers. EKB MK08 2007MJ</t>
  </si>
  <si>
    <t>EKB MK08 2021M</t>
  </si>
  <si>
    <t>5702329744997</t>
  </si>
  <si>
    <t>Kombi-Eind.R. Bibers. EKB MK08 2021M</t>
  </si>
  <si>
    <t>EKB MK08 4021E2</t>
  </si>
  <si>
    <t>5702329305648</t>
  </si>
  <si>
    <t>TWIN Set+BDX,BFX,LKY EKB MK08 4021E2</t>
  </si>
  <si>
    <t>EKB MK08 4021E3</t>
  </si>
  <si>
    <t>5702320037364</t>
  </si>
  <si>
    <t>TWIN Set+BDX,BFX,LKY EKB MK08 4021E3</t>
  </si>
  <si>
    <t>EKB MK08 4031E2</t>
  </si>
  <si>
    <t>5702329690300</t>
  </si>
  <si>
    <t>TRIO Set+BDX,BFX,LKY EKB MK08 4031E2</t>
  </si>
  <si>
    <t>EKB MK08 4031E3</t>
  </si>
  <si>
    <t>5702320037371</t>
  </si>
  <si>
    <t>TRIO Set+BDX,BFX,LKY EKB MK08 4031E3</t>
  </si>
  <si>
    <t>EKB MK10 2001M</t>
  </si>
  <si>
    <t>5702329745000</t>
  </si>
  <si>
    <t>Kombi-Eind.R. Bibers. EKB MK10 2001M</t>
  </si>
  <si>
    <t>EKB MK10 2002M</t>
  </si>
  <si>
    <t>5702329745017</t>
  </si>
  <si>
    <t>Kombi-Eind.R. Bibers. EKB MK10 2002M</t>
  </si>
  <si>
    <t>EKB MK10 2003M</t>
  </si>
  <si>
    <t>5702329745024</t>
  </si>
  <si>
    <t>Kombi-Eind.R. Bibers. EKB MK10 2003M</t>
  </si>
  <si>
    <t>EKB MK10 2004ME</t>
  </si>
  <si>
    <t>5702329745031</t>
  </si>
  <si>
    <t>Kombi-Eind.R. Bibers. EKB MK10 2004ME</t>
  </si>
  <si>
    <t>EKB MK10 2004MJ</t>
  </si>
  <si>
    <t>5702329745048</t>
  </si>
  <si>
    <t>Kombi-Eind.R. Bibers. EKB MK10 2004MJ</t>
  </si>
  <si>
    <t>EKB MK10 2006ME</t>
  </si>
  <si>
    <t>5702329745055</t>
  </si>
  <si>
    <t>Kombi-Eind.R. Bibers. EKB MK10 2006ME</t>
  </si>
  <si>
    <t>EKB MK10 2007ME</t>
  </si>
  <si>
    <t>5702329745079</t>
  </si>
  <si>
    <t>Kombi-Eind.R. Bibers. EKB MK10 2007ME</t>
  </si>
  <si>
    <t>EKB MK10 2021M</t>
  </si>
  <si>
    <t>5702329745093</t>
  </si>
  <si>
    <t>Kombi-Eind.R. Bibers. EKB MK10 2021M</t>
  </si>
  <si>
    <t>EKB MK10 4021E2</t>
  </si>
  <si>
    <t>5702329305655</t>
  </si>
  <si>
    <t>TWIN Set+BDX,BFX,LKY EKB MK10 4021E2</t>
  </si>
  <si>
    <t>EKB MK10 4021E3</t>
  </si>
  <si>
    <t>5702320037388</t>
  </si>
  <si>
    <t>TWIN Set+BDX,BFX,LKY EKB MK10 4021E3</t>
  </si>
  <si>
    <t>EKB MK10 4031E2</t>
  </si>
  <si>
    <t>5702329690317</t>
  </si>
  <si>
    <t>TRIO Set+BDX,BFX,LKY EKB MK10 4031E2</t>
  </si>
  <si>
    <t>EKB MK10 4031E3</t>
  </si>
  <si>
    <t>5702320037395</t>
  </si>
  <si>
    <t>TRIO Set+BDX,BFX,LKY EKB MK10 4031E3</t>
  </si>
  <si>
    <t>EKB PK06 2001M</t>
  </si>
  <si>
    <t>5702329745109</t>
  </si>
  <si>
    <t>Kombi-Eind.R. Bibers. EKB PK06 2001M</t>
  </si>
  <si>
    <t>EKB PK06 2002M</t>
  </si>
  <si>
    <t>5702329745116</t>
  </si>
  <si>
    <t>Kombi-Eind.R. Bibers. EKB PK06 2002M</t>
  </si>
  <si>
    <t>EKB PK06 2003M</t>
  </si>
  <si>
    <t>5702329745123</t>
  </si>
  <si>
    <t>Kombi-Eind.R. Bibers. EKB PK06 2003M</t>
  </si>
  <si>
    <t>EKB PK06 2004ME</t>
  </si>
  <si>
    <t>5702329745130</t>
  </si>
  <si>
    <t>Kombi-Eind.R. Bibers. EKB PK06 2004ME</t>
  </si>
  <si>
    <t>EKB PK06 2006ME</t>
  </si>
  <si>
    <t>5702329745154</t>
  </si>
  <si>
    <t>Kombi-Eind.R. Bibers. EKB PK06 2006ME</t>
  </si>
  <si>
    <t>EKB PK06 2006MJ</t>
  </si>
  <si>
    <t>5702329745161</t>
  </si>
  <si>
    <t>Kombi-Eind.R. Bibers. EKB PK06 2006MJ</t>
  </si>
  <si>
    <t>EKB PK06 2007ME</t>
  </si>
  <si>
    <t>5702329745178</t>
  </si>
  <si>
    <t>Kombi-Eind.R. Bibers. EKB PK06 2007ME</t>
  </si>
  <si>
    <t>EKB PK06 2007MJ</t>
  </si>
  <si>
    <t>5702329745185</t>
  </si>
  <si>
    <t>Kombi-Eind.R. Bibers. EKB PK06 2007MJ</t>
  </si>
  <si>
    <t>EKB PK06 2021M</t>
  </si>
  <si>
    <t>5702329745192</t>
  </si>
  <si>
    <t>Kombi-Eind.R. Bibers. EKB PK06 2021M</t>
  </si>
  <si>
    <t>EKB PK06 4021E2</t>
  </si>
  <si>
    <t>5702329305662</t>
  </si>
  <si>
    <t>TWIN Set+BDX,BFX,LKY EKB PK06 4021E2</t>
  </si>
  <si>
    <t>EKB PK06 4021E3</t>
  </si>
  <si>
    <t>5702320037593</t>
  </si>
  <si>
    <t>TWIN Set+BDX,BFX,LKY EKB PK06 4021E3</t>
  </si>
  <si>
    <t>EKB PK08 2001M</t>
  </si>
  <si>
    <t>5702329745208</t>
  </si>
  <si>
    <t>Kombi-Eind.R. Bibers. EKB PK08 2001M</t>
  </si>
  <si>
    <t>EKB PK08 2002M</t>
  </si>
  <si>
    <t>5702329745215</t>
  </si>
  <si>
    <t>Kombi-Eind.R. Bibers. EKB PK08 2002M</t>
  </si>
  <si>
    <t>EKB PK08 2003M</t>
  </si>
  <si>
    <t>5702329745222</t>
  </si>
  <si>
    <t>Kombi-Eind.R. Bibers. EKB PK08 2003M</t>
  </si>
  <si>
    <t>EKB PK08 2004ME</t>
  </si>
  <si>
    <t>5702329745239</t>
  </si>
  <si>
    <t>Kombi-Eind.R. Bibers. EKB PK08 2004ME</t>
  </si>
  <si>
    <t>EKB PK08 2004MJ</t>
  </si>
  <si>
    <t>5702329745246</t>
  </si>
  <si>
    <t>Kombi-Eind.R. Bibers. EKB PK08 2004MJ</t>
  </si>
  <si>
    <t>EKB PK08 2006ME</t>
  </si>
  <si>
    <t>5702329745253</t>
  </si>
  <si>
    <t>Kombi-Eind.R. Bibers. EKB PK08 2006ME</t>
  </si>
  <si>
    <t>EKB PK08 2006MJ</t>
  </si>
  <si>
    <t>5702329745260</t>
  </si>
  <si>
    <t>Kombi-Eind.R. Bibers. EKB PK08 2006MJ</t>
  </si>
  <si>
    <t>EKB PK08 2007ME</t>
  </si>
  <si>
    <t>5702329745277</t>
  </si>
  <si>
    <t>Kombi-Eind.R. Bibers. EKB PK08 2007ME</t>
  </si>
  <si>
    <t>EKB PK08 2007MJ</t>
  </si>
  <si>
    <t>5702329745284</t>
  </si>
  <si>
    <t>Kombi-Eind.R. Bibers. EKB PK08 2007MJ</t>
  </si>
  <si>
    <t>EKB PK08 2021M</t>
  </si>
  <si>
    <t>5702329745291</t>
  </si>
  <si>
    <t>Kombi-Eind.R. Bibers. EKB PK08 2021M</t>
  </si>
  <si>
    <t>EKB PK08 4021E2</t>
  </si>
  <si>
    <t>5702329305679</t>
  </si>
  <si>
    <t>TWIN Set+BDX,BFX,LKY EKB PK08 4021E2</t>
  </si>
  <si>
    <t>EKB PK08 4021E3</t>
  </si>
  <si>
    <t>5702320037708</t>
  </si>
  <si>
    <t>TWIN Set+BDX,BFX,LKY EKB PK08 4021E3</t>
  </si>
  <si>
    <t>EKB PK10 2001M</t>
  </si>
  <si>
    <t>5702329745307</t>
  </si>
  <si>
    <t>Kombi-Eind.R. Bibers. EKB PK10 2001M</t>
  </si>
  <si>
    <t>EKB PK10 2002M</t>
  </si>
  <si>
    <t>5702329745314</t>
  </si>
  <si>
    <t>Kombi-Eind.R. Bibers. EKB PK10 2002M</t>
  </si>
  <si>
    <t>EKB PK10 2003M</t>
  </si>
  <si>
    <t>5702329745321</t>
  </si>
  <si>
    <t>Kombi-Eind.R. Bibers. EKB PK10 2003M</t>
  </si>
  <si>
    <t>EKB PK10 2004ME</t>
  </si>
  <si>
    <t>5702329745338</t>
  </si>
  <si>
    <t>Kombi-Eind.R. Bibers. EKB PK10 2004ME</t>
  </si>
  <si>
    <t>EKB PK10 2004MJ</t>
  </si>
  <si>
    <t>5702329745345</t>
  </si>
  <si>
    <t>Kombi-Eind.R. Bibers. EKB PK10 2004MJ</t>
  </si>
  <si>
    <t>EKB PK10 2006ME</t>
  </si>
  <si>
    <t>5702329745352</t>
  </si>
  <si>
    <t>Kombi-Eind.R. Bibers. EKB PK10 2006ME</t>
  </si>
  <si>
    <t>EKB PK10 2006MJ</t>
  </si>
  <si>
    <t>5702329745369</t>
  </si>
  <si>
    <t>Kombi-Eind.R. Bibers. EKB PK10 2006MJ</t>
  </si>
  <si>
    <t>EKB PK10 2007ME</t>
  </si>
  <si>
    <t>5702329745376</t>
  </si>
  <si>
    <t>Kombi-Eind.R. Bibers. EKB PK10 2007ME</t>
  </si>
  <si>
    <t>EKB PK10 2007MJ</t>
  </si>
  <si>
    <t>5702329745383</t>
  </si>
  <si>
    <t>Kombi-Eind.R. Bibers. EKB PK10 2007MJ</t>
  </si>
  <si>
    <t>EKB PK10 2021M</t>
  </si>
  <si>
    <t>5702329745390</t>
  </si>
  <si>
    <t>Kombi-Eind.R. Bibers. EKB PK10 2021M</t>
  </si>
  <si>
    <t>EKB PK10 4021E2</t>
  </si>
  <si>
    <t>5702329305686</t>
  </si>
  <si>
    <t>TWIN Set+BDX,BFX,LKY EKB PK10 4021E2</t>
  </si>
  <si>
    <t>EKB PK10 4021E3</t>
  </si>
  <si>
    <t>5702320037722</t>
  </si>
  <si>
    <t>TWIN Set+BDX,BFX,LKY EKB PK10 4021E3</t>
  </si>
  <si>
    <t>EKB SK06 2001M</t>
  </si>
  <si>
    <t>5702329745406</t>
  </si>
  <si>
    <t>Kombi-Eind.R. Bibers. EKB SK06 2001M</t>
  </si>
  <si>
    <t>EKB SK06 2002M</t>
  </si>
  <si>
    <t>5702329745413</t>
  </si>
  <si>
    <t>Kombi-Eind.R. Bibers. EKB SK06 2002M</t>
  </si>
  <si>
    <t>EKB SK06 2003M</t>
  </si>
  <si>
    <t>5702329745420</t>
  </si>
  <si>
    <t>Kombi-Eind.R. Bibers. EKB SK06 2003M</t>
  </si>
  <si>
    <t>EKB SK06 2004ME</t>
  </si>
  <si>
    <t>5702329745437</t>
  </si>
  <si>
    <t>Kombi-Eind.R. Bibers. EKB SK06 2004ME</t>
  </si>
  <si>
    <t>EKB SK06 2004MJ</t>
  </si>
  <si>
    <t>5702329745444</t>
  </si>
  <si>
    <t>Kombi-Eind.R. Bibers. EKB SK06 2004MJ</t>
  </si>
  <si>
    <t>EKB SK06 2006ME</t>
  </si>
  <si>
    <t>5702329745451</t>
  </si>
  <si>
    <t>Kombi-Eind.R. Bibers. EKB SK06 2006ME</t>
  </si>
  <si>
    <t>EKB SK06 2006MJ</t>
  </si>
  <si>
    <t>5702329745468</t>
  </si>
  <si>
    <t>Kombi-Eind.R. Bibers. EKB SK06 2006MJ</t>
  </si>
  <si>
    <t>EKB SK06 2007ME</t>
  </si>
  <si>
    <t>5702329745475</t>
  </si>
  <si>
    <t>Kombi-Eind.R. Bibers. EKB SK06 2007ME</t>
  </si>
  <si>
    <t>EKB SK06 2007MJ</t>
  </si>
  <si>
    <t>5702329745482</t>
  </si>
  <si>
    <t>Kombi-Eind.R. Bibers. EKB SK06 2007MJ</t>
  </si>
  <si>
    <t>EKB SK06 2021M</t>
  </si>
  <si>
    <t>5702329745499</t>
  </si>
  <si>
    <t>Kombi-Eind.R. Bibers. EKB SK06 2021M</t>
  </si>
  <si>
    <t>EKB SK06 4021E2</t>
  </si>
  <si>
    <t>5702329305693</t>
  </si>
  <si>
    <t>TWIN Set+BDX,BFX,LKY EKB SK06 4021E2</t>
  </si>
  <si>
    <t>EKB SK06 4021E3</t>
  </si>
  <si>
    <t>5702320037746</t>
  </si>
  <si>
    <t>TWIN Set+BDX,BFX,LKY EKB SK06 4021E3</t>
  </si>
  <si>
    <t>EKB SK08 2001M</t>
  </si>
  <si>
    <t>5702329745505</t>
  </si>
  <si>
    <t>Kombi-Eind.R. Bibers. EKB SK08 2001M</t>
  </si>
  <si>
    <t>EKB SK08 2002M</t>
  </si>
  <si>
    <t>5702329745512</t>
  </si>
  <si>
    <t>Kombi-Eind.R. Bibers. EKB SK08 2002M</t>
  </si>
  <si>
    <t>EKB SK08 2003M</t>
  </si>
  <si>
    <t>5702329745529</t>
  </si>
  <si>
    <t>Kombi-Eind.R. Bibers. EKB SK08 2003M</t>
  </si>
  <si>
    <t>EKB SK08 2004ME</t>
  </si>
  <si>
    <t>5702329745536</t>
  </si>
  <si>
    <t>Kombi-Eind.R. Bibers. EKB SK08 2004ME</t>
  </si>
  <si>
    <t>EKB SK08 2006ME</t>
  </si>
  <si>
    <t>5702329745550</t>
  </si>
  <si>
    <t>Kombi-Eind.R. Bibers. EKB SK08 2006ME</t>
  </si>
  <si>
    <t>EKB SK08 2006MJ</t>
  </si>
  <si>
    <t>5702329745567</t>
  </si>
  <si>
    <t>Kombi-Eind.R. Bibers. EKB SK08 2006MJ</t>
  </si>
  <si>
    <t>EKB SK08 2007ME</t>
  </si>
  <si>
    <t>5702329745574</t>
  </si>
  <si>
    <t>Kombi-Eind.R. Bibers. EKB SK08 2007ME</t>
  </si>
  <si>
    <t>EKB SK08 2007MJ</t>
  </si>
  <si>
    <t>5702329745581</t>
  </si>
  <si>
    <t>Kombi-Eind.R. Bibers. EKB SK08 2007MJ</t>
  </si>
  <si>
    <t>EKB SK08 2021M</t>
  </si>
  <si>
    <t>5702329745598</t>
  </si>
  <si>
    <t>Kombi-Eind.R. Bibers. EKB SK08 2021M</t>
  </si>
  <si>
    <t>EKB SK08 4021E2</t>
  </si>
  <si>
    <t>5702329305709</t>
  </si>
  <si>
    <t>TWIN Set+BDX,BFX,LKY EKB SK08 4021E2</t>
  </si>
  <si>
    <t>EKB SK08 4021E3</t>
  </si>
  <si>
    <t>5702320037760</t>
  </si>
  <si>
    <t>TWIN Set+BDX,BFX,LKY EKB SK08 4021E3</t>
  </si>
  <si>
    <t>EKB SK10 2002M</t>
  </si>
  <si>
    <t>5702329745611</t>
  </si>
  <si>
    <t>Kombi-Eind.R. Bibers. EKB SK10 2002M</t>
  </si>
  <si>
    <t>EKB SK10 2003M</t>
  </si>
  <si>
    <t>5702329745628</t>
  </si>
  <si>
    <t>Kombi-Eind.R. Bibers. EKB SK10 2003M</t>
  </si>
  <si>
    <t>EKB SK10 2004ME</t>
  </si>
  <si>
    <t>5702329745635</t>
  </si>
  <si>
    <t>Kombi-Eind.R. Bibers. EKB SK10 2004ME</t>
  </si>
  <si>
    <t>EKB SK10 2006ME</t>
  </si>
  <si>
    <t>5702329745659</t>
  </si>
  <si>
    <t>Kombi-Eind.R. Bibers. EKB SK10 2006ME</t>
  </si>
  <si>
    <t>EKB SK10 2007MJ</t>
  </si>
  <si>
    <t>5702329745680</t>
  </si>
  <si>
    <t>Kombi-Eind.R. Bibers. EKB SK10 2007MJ</t>
  </si>
  <si>
    <t>EKB SK10 2021M</t>
  </si>
  <si>
    <t>5702329745697</t>
  </si>
  <si>
    <t>Kombi-Eind.R. Bibers. EKB SK10 2021M</t>
  </si>
  <si>
    <t>EKB SK10 4021E2</t>
  </si>
  <si>
    <t>5702329305716</t>
  </si>
  <si>
    <t>TWIN Set+BDX,BFX,LKY EKB SK10 4021E2</t>
  </si>
  <si>
    <t>EKB SK10 4021E3</t>
  </si>
  <si>
    <t>5702320037784</t>
  </si>
  <si>
    <t>TWIN Set+BDX,BFX,LKY EKB SK10 4021E3</t>
  </si>
  <si>
    <t>EKB UK04 2002M</t>
  </si>
  <si>
    <t>5702329745710</t>
  </si>
  <si>
    <t>Kombi-Eind.R. Bibers. EKB UK04 2002M</t>
  </si>
  <si>
    <t>EKB UK04 2003M</t>
  </si>
  <si>
    <t>5702329745727</t>
  </si>
  <si>
    <t>Kombi-Eind.R. Bibers. EKB UK04 2003M</t>
  </si>
  <si>
    <t>EKB UK04 2004MJ</t>
  </si>
  <si>
    <t>5702329745741</t>
  </si>
  <si>
    <t>Kombi-Eind.R. Bibers. EKB UK04 2004MJ</t>
  </si>
  <si>
    <t>EKB UK04 2006MJ</t>
  </si>
  <si>
    <t>5702329745765</t>
  </si>
  <si>
    <t>Kombi-Eind.R. Bibers. EKB UK04 2006MJ</t>
  </si>
  <si>
    <t>EKB UK04 2007MJ</t>
  </si>
  <si>
    <t>5702329745789</t>
  </si>
  <si>
    <t>Kombi-Eind.R. Bibers. EKB UK04 2007MJ</t>
  </si>
  <si>
    <t>EKB UK04 2021M</t>
  </si>
  <si>
    <t>5702329745796</t>
  </si>
  <si>
    <t>Kombi-Eind.R. Bibers. EKB UK04 2021M</t>
  </si>
  <si>
    <t>EKB UK04 4021E2</t>
  </si>
  <si>
    <t>5702329305723</t>
  </si>
  <si>
    <t>TWIN Set+BDX,BFX,LKY EKB UK04 4021E2</t>
  </si>
  <si>
    <t>EKB UK04 4021E3</t>
  </si>
  <si>
    <t>5702320037807</t>
  </si>
  <si>
    <t>TWIN Set+BDX,BFX,LKY EKB UK04 4021E3</t>
  </si>
  <si>
    <t>EKB UK08 2003M</t>
  </si>
  <si>
    <t>5702329745826</t>
  </si>
  <si>
    <t>Kombi-Eind.R. Bibers. EKB UK08 2003M</t>
  </si>
  <si>
    <t>EKB UK08 2004MJ</t>
  </si>
  <si>
    <t>5702329745840</t>
  </si>
  <si>
    <t>Kombi-Eind.R. Bibers. EKB UK08 2004MJ</t>
  </si>
  <si>
    <t>EKB UK08 2006ME</t>
  </si>
  <si>
    <t>5702329745857</t>
  </si>
  <si>
    <t>Kombi-Eind.R. Bibers. EKB UK08 2006ME</t>
  </si>
  <si>
    <t>EKB UK08 2006MJ</t>
  </si>
  <si>
    <t>5702329745864</t>
  </si>
  <si>
    <t>Kombi-Eind.R. Bibers. EKB UK08 2006MJ</t>
  </si>
  <si>
    <t>EKB UK08 2007ME</t>
  </si>
  <si>
    <t>5702329745871</t>
  </si>
  <si>
    <t>Kombi-Eind.R. Bibers. EKB UK08 2007ME</t>
  </si>
  <si>
    <t>EKB UK08 2021M</t>
  </si>
  <si>
    <t>5702329745895</t>
  </si>
  <si>
    <t>Kombi-Eind.R. Bibers. EKB UK08 2021M</t>
  </si>
  <si>
    <t>EKB UK08 4021E2</t>
  </si>
  <si>
    <t>5702329305730</t>
  </si>
  <si>
    <t>TWIN Set+BDX,BFX,LKY EKB UK08 4021E2</t>
  </si>
  <si>
    <t>EKB UK08 4021E3</t>
  </si>
  <si>
    <t>5702320037821</t>
  </si>
  <si>
    <t>TWIN Set+BDX,BFX,LKY EKB UK08 4021E3</t>
  </si>
  <si>
    <t>EKB UK10 2001M</t>
  </si>
  <si>
    <t>5702329745901</t>
  </si>
  <si>
    <t>Kombi-Eind.R. Bibers. EKB UK10 2001M</t>
  </si>
  <si>
    <t>EKB UK10 2002M</t>
  </si>
  <si>
    <t>5702329745918</t>
  </si>
  <si>
    <t>Kombi-Eind.R. Bibers. EKB UK10 2002M</t>
  </si>
  <si>
    <t>EKB UK10 2003M</t>
  </si>
  <si>
    <t>5702329745925</t>
  </si>
  <si>
    <t>Kombi-Eind.R. Bibers. EKB UK10 2003M</t>
  </si>
  <si>
    <t>EKB UK10 2007ME</t>
  </si>
  <si>
    <t>5702329745970</t>
  </si>
  <si>
    <t>Kombi-Eind.R. Bibers. EKB UK10 2007ME</t>
  </si>
  <si>
    <t>EKB UK10 2007MJ</t>
  </si>
  <si>
    <t>5702329745987</t>
  </si>
  <si>
    <t>Kombi-Eind.R. Bibers. EKB UK10 2007MJ</t>
  </si>
  <si>
    <t>EKB UK10 2021M</t>
  </si>
  <si>
    <t>5702329745994</t>
  </si>
  <si>
    <t>Kombi-Eind.R. Bibers. EKB UK10 2021M</t>
  </si>
  <si>
    <t>EKE CK02 2301M</t>
  </si>
  <si>
    <t>5702329746113</t>
  </si>
  <si>
    <t>VX K-Eind.-R. 10-16 EKE CK02 2301M</t>
  </si>
  <si>
    <t>Metall Stehfalz u. links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t>
  </si>
  <si>
    <t>EKE CK02 2303M</t>
  </si>
  <si>
    <t>5702329746137</t>
  </si>
  <si>
    <t>VX K-Eind.-R. EKE CK02 2303M</t>
  </si>
  <si>
    <t>Metall Stehfalz u. rechts Ti-Zink</t>
  </si>
  <si>
    <t>EKE CK02 2304MJ</t>
  </si>
  <si>
    <t>5702329746151</t>
  </si>
  <si>
    <t>VX K-Eind.-R. 10-16/25 EKE CK02 2304MJ</t>
  </si>
  <si>
    <t>Metall Stehfalz o. links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E CK02 2306MJ</t>
  </si>
  <si>
    <t>5702329746199</t>
  </si>
  <si>
    <t>VX K-Eind.-R. /25cm EKE CK02 2306MJ</t>
  </si>
  <si>
    <t>Metall Stehfalz o. rechts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EKE CK02 2307ME</t>
  </si>
  <si>
    <t>5702329746205</t>
  </si>
  <si>
    <t>VX K-Eind.-R. /10cm EKE CK02 2307ME</t>
  </si>
  <si>
    <t>Metall Stehfalz o. einzeln Ti-Zink</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EKE CK02 4121E2</t>
  </si>
  <si>
    <t>5702329319478</t>
  </si>
  <si>
    <t>VX K-Eind.-R. EKE CK02 4121E2</t>
  </si>
  <si>
    <t>Metall Stehfalz DUO weiß Cu</t>
  </si>
  <si>
    <t>EKE CK02 4121E3</t>
  </si>
  <si>
    <t>5702329972482</t>
  </si>
  <si>
    <t>VX K-Eind.-R. EKE CK02 4121E3</t>
  </si>
  <si>
    <t>Metall Stehfalz DUO Kupfer klarlack</t>
  </si>
  <si>
    <t>EKE CK02 4321E2</t>
  </si>
  <si>
    <t>5702329319485</t>
  </si>
  <si>
    <t>VX K-Eind.-R. EKE CK02 4321E2</t>
  </si>
  <si>
    <t>Metall Stehfalz DUO weiß Ti-Zink</t>
  </si>
  <si>
    <t>EKE CK02 4321E3</t>
  </si>
  <si>
    <t>5702329972499</t>
  </si>
  <si>
    <t>VX K-Eind.-R. EKE CK02 4321E3</t>
  </si>
  <si>
    <t>Metall Stehfalz DUO klarlack Ti-Zink</t>
  </si>
  <si>
    <t>EKE CK04 2101M</t>
  </si>
  <si>
    <t>5702329746229</t>
  </si>
  <si>
    <t>VX K-Eind.-R. 10-16 EKE CK04 2101M</t>
  </si>
  <si>
    <t>Metall Stehfalz u. links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t>
  </si>
  <si>
    <t>EKE CK04 2102M</t>
  </si>
  <si>
    <t>5702329746236</t>
  </si>
  <si>
    <t>VX K-Eind.-R. 10-16 EKE CK04 2102M</t>
  </si>
  <si>
    <t>Metall Stehfalz u. Mitte Cu</t>
  </si>
  <si>
    <t>EKE CK04 2103M</t>
  </si>
  <si>
    <t>5702329746243</t>
  </si>
  <si>
    <t>VX K-Eind.-R. EKE CK04 2103M</t>
  </si>
  <si>
    <t>Metall Stehfalz u. rechts Cu</t>
  </si>
  <si>
    <t>EKE CK04 2107MJ</t>
  </si>
  <si>
    <t>5702329746328</t>
  </si>
  <si>
    <t>VX K-Eind.-R. /25cm EKE CK04 2107MJ</t>
  </si>
  <si>
    <t>Metall Stehfalz o. einzeln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EKE CK04 2301M</t>
  </si>
  <si>
    <t>5702329746335</t>
  </si>
  <si>
    <t>VX K-Eind.-R. 10-16 EKE CK04 2301M</t>
  </si>
  <si>
    <t>EKE CK04 2302M</t>
  </si>
  <si>
    <t>5702329746342</t>
  </si>
  <si>
    <t>VX K-Eind.-R. 10-16 EKE CK04 2302M</t>
  </si>
  <si>
    <t>Metall Stehfalz u. Mitte Ti-Zink</t>
  </si>
  <si>
    <t>EKE CK04 2303M</t>
  </si>
  <si>
    <t>5702329746359</t>
  </si>
  <si>
    <t>VX K-Eind.-R. EKE CK04 2303M</t>
  </si>
  <si>
    <t>EKE CK04 2304ME</t>
  </si>
  <si>
    <t>5702329746366</t>
  </si>
  <si>
    <t>VX K-Eind.-R. 10-16/10 EKE CK04 2304ME</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E CK04 2305ME</t>
  </si>
  <si>
    <t>5702329746380</t>
  </si>
  <si>
    <t>VX K-Eind.-R. 10-16/10 EKE CK04 2305ME</t>
  </si>
  <si>
    <t>Metall Stehfalz o. Mitte Ti-Zink</t>
  </si>
  <si>
    <t>EKE CK04 2306ME</t>
  </si>
  <si>
    <t>5702329746403</t>
  </si>
  <si>
    <t>VX K-Eind.-R. /10cm EKE CK04 2306ME</t>
  </si>
  <si>
    <t>EKE CK04 2307ME</t>
  </si>
  <si>
    <t>5702329746427</t>
  </si>
  <si>
    <t>VX K-Eind.-R. /10cm EKE CK04 2307ME</t>
  </si>
  <si>
    <t>EKE CK04 2307MJ</t>
  </si>
  <si>
    <t>5702329746434</t>
  </si>
  <si>
    <t>VX K-Eind.-R. /25cm EKE CK04 2307MJ</t>
  </si>
  <si>
    <t>EKE CK04 4121E2</t>
  </si>
  <si>
    <t>5702329319492</t>
  </si>
  <si>
    <t>VX K-Eind.-R. EKE CK04 4121E2</t>
  </si>
  <si>
    <t>EKE CK04 4121E3</t>
  </si>
  <si>
    <t>5702329972505</t>
  </si>
  <si>
    <t>VX K-Eind.-R. EKE CK04 4121E3</t>
  </si>
  <si>
    <t>EKE CK04 4321E2</t>
  </si>
  <si>
    <t>5702329319508</t>
  </si>
  <si>
    <t>VX K-Eind.-R. EKE CK04 4321E2</t>
  </si>
  <si>
    <t>EKE CK04 4321E3</t>
  </si>
  <si>
    <t>5702329972512</t>
  </si>
  <si>
    <t>VX K-Eind.-R. EKE CK04 4321E3</t>
  </si>
  <si>
    <t>EKE CK06 2107MJ</t>
  </si>
  <si>
    <t>5702329746540</t>
  </si>
  <si>
    <t>VX K-Eind.-R. /25cm EKE CK06 2107MJ</t>
  </si>
  <si>
    <t>EKE CK06 2301M</t>
  </si>
  <si>
    <t>5702329746557</t>
  </si>
  <si>
    <t>VX K-Eind.-R. 10-16 EKE CK06 2301M</t>
  </si>
  <si>
    <t>EKE CK06 2303M</t>
  </si>
  <si>
    <t>5702329746571</t>
  </si>
  <si>
    <t>VX K-Eind.-R. EKE CK06 2303M</t>
  </si>
  <si>
    <t>EKE CK06 2307ME</t>
  </si>
  <si>
    <t>5702329746649</t>
  </si>
  <si>
    <t>VX K-Eind.-R. /10cm EKE CK06 2307ME</t>
  </si>
  <si>
    <t>EKE CK06 2307MJ</t>
  </si>
  <si>
    <t>5702329746656</t>
  </si>
  <si>
    <t>VX K-Eind.-R. /25cm EKE CK06 2307MJ</t>
  </si>
  <si>
    <t>EKE CK06 4121E2</t>
  </si>
  <si>
    <t>5702329319515</t>
  </si>
  <si>
    <t>VX K-Eind.-R. EKE CK06 4121E2</t>
  </si>
  <si>
    <t>EKE CK06 4121E3</t>
  </si>
  <si>
    <t>5702329972529</t>
  </si>
  <si>
    <t>VX K-Eind.-R. EKE CK06 4121E3</t>
  </si>
  <si>
    <t>EKE CK06 4321E2</t>
  </si>
  <si>
    <t>5702329319522</t>
  </si>
  <si>
    <t>VX K-Eind.-R. EKE CK06 4321E2</t>
  </si>
  <si>
    <t>EKE CK06 4321E3</t>
  </si>
  <si>
    <t>5702329972536</t>
  </si>
  <si>
    <t>VX K-Eind.-R. EKE CK06 4321E3</t>
  </si>
  <si>
    <t>EKE FK04 2101M</t>
  </si>
  <si>
    <t>5702329746663</t>
  </si>
  <si>
    <t>VX K-Eind.-R. 10-16 EKE FK04 2101M</t>
  </si>
  <si>
    <t>EKE FK04 2103M</t>
  </si>
  <si>
    <t>5702329746687</t>
  </si>
  <si>
    <t>VX K-Eind.-R. EKE FK04 2103M</t>
  </si>
  <si>
    <t>EKE FK04 2301M</t>
  </si>
  <si>
    <t>5702329746779</t>
  </si>
  <si>
    <t>VX K-Eind.-R. 10-16 EKE FK04 2301M</t>
  </si>
  <si>
    <t>EKE FK04 2302M</t>
  </si>
  <si>
    <t>5702329746786</t>
  </si>
  <si>
    <t>VX K-Eind.-R. 10-16 EKE FK04 2302M</t>
  </si>
  <si>
    <t>EKE FK04 2303M</t>
  </si>
  <si>
    <t>5702329746793</t>
  </si>
  <si>
    <t>VX K-Eind.-R. EKE FK04 2303M</t>
  </si>
  <si>
    <t>EKE FK04 4121E2</t>
  </si>
  <si>
    <t>5702329319539</t>
  </si>
  <si>
    <t>VX K-Eind.-R. EKE FK04 4121E2</t>
  </si>
  <si>
    <t>EKE FK04 4121E3</t>
  </si>
  <si>
    <t>5702329972543</t>
  </si>
  <si>
    <t>VX K-Eind.-R. EKE FK04 4121E3</t>
  </si>
  <si>
    <t>EKE FK04 4321E2</t>
  </si>
  <si>
    <t>5702329319546</t>
  </si>
  <si>
    <t>VX K-Eind.-R. EKE FK04 4321E2</t>
  </si>
  <si>
    <t>EKE FK04 4321E3</t>
  </si>
  <si>
    <t>5702329972550</t>
  </si>
  <si>
    <t>VX K-Eind.-R. EKE FK04 4321E3</t>
  </si>
  <si>
    <t>EKE FK06 2301M</t>
  </si>
  <si>
    <t>5702329746991</t>
  </si>
  <si>
    <t>VX K-Eind.-R. 10-16 EKE FK06 2301M</t>
  </si>
  <si>
    <t>EKE FK06 2302M</t>
  </si>
  <si>
    <t>5702329747004</t>
  </si>
  <si>
    <t>VX K-Eind.-R. 10-16 EKE FK06 2302M</t>
  </si>
  <si>
    <t>EKE FK06 2303M</t>
  </si>
  <si>
    <t>5702329747011</t>
  </si>
  <si>
    <t>VX K-Eind.-R. EKE FK06 2303M</t>
  </si>
  <si>
    <t>EKE FK06 2304ME</t>
  </si>
  <si>
    <t>5702329747028</t>
  </si>
  <si>
    <t>VX K-Eind.-R. 10-16/10 EKE FK06 2304ME</t>
  </si>
  <si>
    <t>EKE FK06 2304MJ</t>
  </si>
  <si>
    <t>5702329747035</t>
  </si>
  <si>
    <t>VX K-Eind.-R. 10-16/25 EKE FK06 2304MJ</t>
  </si>
  <si>
    <t>EKE FK06 2305MJ</t>
  </si>
  <si>
    <t>5702329747059</t>
  </si>
  <si>
    <t>VX K-Eind.-R. 10-16/25 EKE FK06 2305MJ</t>
  </si>
  <si>
    <t>EKE FK06 2306ME</t>
  </si>
  <si>
    <t>5702329747066</t>
  </si>
  <si>
    <t>VX K-Eind.-R. /10cm EKE FK06 2306ME</t>
  </si>
  <si>
    <t>EKE FK06 2306MJ</t>
  </si>
  <si>
    <t>5702329747073</t>
  </si>
  <si>
    <t>VX K-Eind.-R. /25cm EKE FK06 2306MJ</t>
  </si>
  <si>
    <t>EKE FK06 2307ME</t>
  </si>
  <si>
    <t>5702329747080</t>
  </si>
  <si>
    <t>VX K-Eind.-R. /10cm EKE FK06 2307ME</t>
  </si>
  <si>
    <t>EKE FK06 2307MJ</t>
  </si>
  <si>
    <t>5702329747097</t>
  </si>
  <si>
    <t>VX K-Eind.-R. /25cm EKE FK06 2307MJ</t>
  </si>
  <si>
    <t>EKE FK06 4121E2</t>
  </si>
  <si>
    <t>5702329319553</t>
  </si>
  <si>
    <t>VX K-Eind.-R. EKE FK06 4121E2</t>
  </si>
  <si>
    <t>EKE FK06 4121E3</t>
  </si>
  <si>
    <t>5702329972567</t>
  </si>
  <si>
    <t>VX K-Eind.-R. EKE FK06 4121E3</t>
  </si>
  <si>
    <t>EKE FK06 4321E2</t>
  </si>
  <si>
    <t>5702329319560</t>
  </si>
  <si>
    <t>VX K-Eind.-R. EKE FK06 4321E2</t>
  </si>
  <si>
    <t>EKE FK06 4321E3</t>
  </si>
  <si>
    <t>5702329972574</t>
  </si>
  <si>
    <t>VX K-Eind.-R. EKE FK06 4321E3</t>
  </si>
  <si>
    <t>EKE FK08 2101M</t>
  </si>
  <si>
    <t>5702329747103</t>
  </si>
  <si>
    <t>VX K-Eind.-R. 10-16 EKE FK08 2101M</t>
  </si>
  <si>
    <t>EKE FK08 2102M</t>
  </si>
  <si>
    <t>5702329747110</t>
  </si>
  <si>
    <t>VX K-Eind.-R. 10-16 EKE FK08 2102M</t>
  </si>
  <si>
    <t>EKE FK08 2103M</t>
  </si>
  <si>
    <t>5702329747127</t>
  </si>
  <si>
    <t>VX K-Eind.-R. EKE FK08 2103M</t>
  </si>
  <si>
    <t>EKE FK08 2301M</t>
  </si>
  <si>
    <t>5702329747219</t>
  </si>
  <si>
    <t>VX K-Eind.-R. 10-16 EKE FK08 2301M</t>
  </si>
  <si>
    <t>EKE FK08 2303M</t>
  </si>
  <si>
    <t>5702329747233</t>
  </si>
  <si>
    <t>VX K-Eind.-R. EKE FK08 2303M</t>
  </si>
  <si>
    <t>EKE FK08 2307ME</t>
  </si>
  <si>
    <t>5702329747301</t>
  </si>
  <si>
    <t>VX K-Eind.-R. /10cm EKE FK08 2307ME</t>
  </si>
  <si>
    <t>EKE FK08 4121E2</t>
  </si>
  <si>
    <t>5702329319577</t>
  </si>
  <si>
    <t>VX K-Eind.-R. EKE FK08 4121E2</t>
  </si>
  <si>
    <t>EKE FK08 4121E3</t>
  </si>
  <si>
    <t>5702329972581</t>
  </si>
  <si>
    <t>VX K-Eind.-R. EKE FK08 4121E3</t>
  </si>
  <si>
    <t>EKE FK08 4321E2</t>
  </si>
  <si>
    <t>5702329319584</t>
  </si>
  <si>
    <t>VX K-Eind.-R. EKE FK08 4321E2</t>
  </si>
  <si>
    <t>EKE FK08 4321E3</t>
  </si>
  <si>
    <t>5702329972598</t>
  </si>
  <si>
    <t>VX K-Eind.-R. EKE FK08 4321E3</t>
  </si>
  <si>
    <t>EKE MK04 2101M</t>
  </si>
  <si>
    <t>5702329747325</t>
  </si>
  <si>
    <t>VX K-Eind.-R. 10-16 EKE MK04 2101M</t>
  </si>
  <si>
    <t>EKE MK04 2102M</t>
  </si>
  <si>
    <t>5702329747332</t>
  </si>
  <si>
    <t>VX K-Eind.-R. 10-16 EKE MK04 2102M</t>
  </si>
  <si>
    <t>EKE MK04 2103M</t>
  </si>
  <si>
    <t>5702329747349</t>
  </si>
  <si>
    <t>VX K-Eind.-R. EKE MK04 2103M</t>
  </si>
  <si>
    <t>EKE MK04 2301M</t>
  </si>
  <si>
    <t>5702329747431</t>
  </si>
  <si>
    <t>VX K-Eind.-R. 10-16 EKE MK04 2301M</t>
  </si>
  <si>
    <t>EKE MK04 2302M</t>
  </si>
  <si>
    <t>5702329747448</t>
  </si>
  <si>
    <t>VX K-Eind.-R. 10-16 EKE MK04 2302M</t>
  </si>
  <si>
    <t>EKE MK04 2303M</t>
  </si>
  <si>
    <t>5702329747455</t>
  </si>
  <si>
    <t>VX K-Eind.-R. EKE MK04 2303M</t>
  </si>
  <si>
    <t>EKE MK04 2304ME</t>
  </si>
  <si>
    <t>5702329747462</t>
  </si>
  <si>
    <t>VX K-Eind.-R. 10-16/10 EKE MK04 2304ME</t>
  </si>
  <si>
    <t>EKE MK04 2304MJ</t>
  </si>
  <si>
    <t>5702329747479</t>
  </si>
  <si>
    <t>VX K-Eind.-R. 10-16/25 EKE MK04 2304MJ</t>
  </si>
  <si>
    <t>EKE MK04 2305MJ</t>
  </si>
  <si>
    <t>5702329747493</t>
  </si>
  <si>
    <t>VX K-Eind.-R. 10-16/25 EKE MK04 2305MJ</t>
  </si>
  <si>
    <t>EKE MK04 2306MJ</t>
  </si>
  <si>
    <t>5702329747516</t>
  </si>
  <si>
    <t>VX K-Eind.-R. /25cm EKE MK04 2306MJ</t>
  </si>
  <si>
    <t>EKE MK04 2307ME</t>
  </si>
  <si>
    <t>5702329747523</t>
  </si>
  <si>
    <t>VX K-Eind.-R. /10cm EKE MK04 2307ME</t>
  </si>
  <si>
    <t>EKE MK04 4121E2</t>
  </si>
  <si>
    <t>5702329319591</t>
  </si>
  <si>
    <t>VX K-Eind.-R. EKE MK04 4121E2</t>
  </si>
  <si>
    <t>EKE MK04 4121E3</t>
  </si>
  <si>
    <t>5702329972604</t>
  </si>
  <si>
    <t>VX K-Eind.-R. EKE MK04 4121E3</t>
  </si>
  <si>
    <t>EKE MK04 4321E2</t>
  </si>
  <si>
    <t>5702329319607</t>
  </si>
  <si>
    <t>VX K-Eind.-R. EKE MK04 4321E2</t>
  </si>
  <si>
    <t>EKE MK04 4321E3</t>
  </si>
  <si>
    <t>5702329972611</t>
  </si>
  <si>
    <t>VX K-Eind.-R. EKE MK04 4321E3</t>
  </si>
  <si>
    <t>EKE MK06 2101M</t>
  </si>
  <si>
    <t>5702329747547</t>
  </si>
  <si>
    <t>VX K-Eind.-R. 10-16 EKE MK06 2101M</t>
  </si>
  <si>
    <t>EKE MK06 2102M</t>
  </si>
  <si>
    <t>5702329747554</t>
  </si>
  <si>
    <t>VX K-Eind.-R. 10-16 EKE MK06 2102M</t>
  </si>
  <si>
    <t>EKE MK06 2103M</t>
  </si>
  <si>
    <t>5702329747561</t>
  </si>
  <si>
    <t>VX K-Eind.-R. EKE MK06 2103M</t>
  </si>
  <si>
    <t>EKE MK06 2104MJ</t>
  </si>
  <si>
    <t>5702329747585</t>
  </si>
  <si>
    <t>VX K-Eind.-R. 10-16/25 EKE MK06 2104MJ</t>
  </si>
  <si>
    <t>Metall Stehfalz o. links Cu</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E MK06 2105MJ</t>
  </si>
  <si>
    <t>5702329747608</t>
  </si>
  <si>
    <t>VX K-Eind.-R. 10-16/25 EKE MK06 2105MJ</t>
  </si>
  <si>
    <t>Metall Stehfalz o. Mitte Cu</t>
  </si>
  <si>
    <t>EKE MK06 2106MJ</t>
  </si>
  <si>
    <t>5702329747622</t>
  </si>
  <si>
    <t>VX K-Eind.-R. /25cm EKE MK06 2106MJ</t>
  </si>
  <si>
    <t>Metall Stehfalz o. rechts Cu</t>
  </si>
  <si>
    <t>EKE MK06 2301M</t>
  </si>
  <si>
    <t>5702329747653</t>
  </si>
  <si>
    <t>VX K-Eind.-R. 10-16 EKE MK06 2301M</t>
  </si>
  <si>
    <t>EKE MK06 2302M</t>
  </si>
  <si>
    <t>5702329747660</t>
  </si>
  <si>
    <t>VX K-Eind.-R. 10-16 EKE MK06 2302M</t>
  </si>
  <si>
    <t>EKE MK06 2303M</t>
  </si>
  <si>
    <t>5702329747677</t>
  </si>
  <si>
    <t>VX K-Eind.-R. EKE MK06 2303M</t>
  </si>
  <si>
    <t>EKE MK06 2304ME</t>
  </si>
  <si>
    <t>5702329747684</t>
  </si>
  <si>
    <t>VX K-Eind.-R. 10-16/10 EKE MK06 2304ME</t>
  </si>
  <si>
    <t>EKE MK06 2304MJ</t>
  </si>
  <si>
    <t>5702329747691</t>
  </si>
  <si>
    <t>VX K-Eind.-R. 10-16/25 EKE MK06 2304MJ</t>
  </si>
  <si>
    <t>EKE MK06 2305MJ</t>
  </si>
  <si>
    <t>5702329747714</t>
  </si>
  <si>
    <t>VX K-Eind.-R. 10-16/25 EKE MK06 2305MJ</t>
  </si>
  <si>
    <t>EKE MK06 2306ME</t>
  </si>
  <si>
    <t>5702329747721</t>
  </si>
  <si>
    <t>VX K-Eind.-R. /10cm EKE MK06 2306ME</t>
  </si>
  <si>
    <t>EKE MK06 2306MJ</t>
  </si>
  <si>
    <t>5702329747738</t>
  </si>
  <si>
    <t>VX K-Eind.-R. /25cm EKE MK06 2306MJ</t>
  </si>
  <si>
    <t>EKE MK06 2307ME</t>
  </si>
  <si>
    <t>5702329747745</t>
  </si>
  <si>
    <t>VX K-Eind.-R. /10cm EKE MK06 2307ME</t>
  </si>
  <si>
    <t>EKE MK06 4121E2</t>
  </si>
  <si>
    <t>5702329319614</t>
  </si>
  <si>
    <t>VX K-Eind.-R. EKE MK06 4121E2</t>
  </si>
  <si>
    <t>EKE MK06 4121E3</t>
  </si>
  <si>
    <t>5702329972628</t>
  </si>
  <si>
    <t>VX K-Eind.-R. EKE MK06 4121E3</t>
  </si>
  <si>
    <t>EKE MK06 4321E2</t>
  </si>
  <si>
    <t>5702329319621</t>
  </si>
  <si>
    <t>VX K-Eind.-R. EKE MK06 4321E2</t>
  </si>
  <si>
    <t>EKE MK06 4321E3</t>
  </si>
  <si>
    <t>5702329972635</t>
  </si>
  <si>
    <t>VX K-Eind.-R. EKE MK06 4321E3</t>
  </si>
  <si>
    <t>EKE MK08 2101M</t>
  </si>
  <si>
    <t>5702329747769</t>
  </si>
  <si>
    <t>VX K-Eind.-R. 10-16 EKE MK08 2101M</t>
  </si>
  <si>
    <t>EKE MK08 2102M</t>
  </si>
  <si>
    <t>5702329747776</t>
  </si>
  <si>
    <t>VX K-Eind.-R. 10-16 EKE MK08 2102M</t>
  </si>
  <si>
    <t>EKE MK08 2103M</t>
  </si>
  <si>
    <t>5702329747783</t>
  </si>
  <si>
    <t>VX K-Eind.-R. EKE MK08 2103M</t>
  </si>
  <si>
    <t>EKE MK08 2104ME</t>
  </si>
  <si>
    <t>5702329747790</t>
  </si>
  <si>
    <t>VX K-Eind.-R. 10-16/10 EKE MK08 2104ME</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E MK08 2106ME</t>
  </si>
  <si>
    <t>5702329747837</t>
  </si>
  <si>
    <t>VX K-Eind.-R. /10cm EKE MK08 2106ME</t>
  </si>
  <si>
    <t>----------------------------------------
Geeignet für Dächer in
Metall-Stehfalz-Ausführung.
Oberteil: glatt, mit Umschlag zur
Aufnahme der oberen Schare.
Seitenteile : glatt, 24 cm breit, ohne
seitlichen Falz, mit einem oberen und
unteren Anschluss als Querfalz.
Unterteil: glatt, Länge 10,5 cm,
mit Oberfalz zum Einhang
in die unteren Schare.
Montage ohne Lötarbeit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EKE MK08 2301M</t>
  </si>
  <si>
    <t>5702329747875</t>
  </si>
  <si>
    <t>VX K-Eind.-R. 10-16 EKE MK08 2301M</t>
  </si>
  <si>
    <t>EKE MK08 2302M</t>
  </si>
  <si>
    <t>5702329747882</t>
  </si>
  <si>
    <t>VX K-Eind.-R. 10-16 EKE MK08 2302M</t>
  </si>
  <si>
    <t>EKE MK08 2303M</t>
  </si>
  <si>
    <t>5702329747899</t>
  </si>
  <si>
    <t>VX K-Eind.-R. EKE MK08 2303M</t>
  </si>
  <si>
    <t>EKE MK08 2307ME</t>
  </si>
  <si>
    <t>5702329747967</t>
  </si>
  <si>
    <t>VX K-Eind.-R. /10cm EKE MK08 2307ME</t>
  </si>
  <si>
    <t>EKE MK08 4121E2</t>
  </si>
  <si>
    <t>5702329319638</t>
  </si>
  <si>
    <t>VX K-Eind.-R. EKE MK08 4121E2</t>
  </si>
  <si>
    <t>EKE MK08 4121E3</t>
  </si>
  <si>
    <t>5702329972642</t>
  </si>
  <si>
    <t>VX K-Eind.-R. EKE MK08 4121E3</t>
  </si>
  <si>
    <t>EKE MK08 4321E2</t>
  </si>
  <si>
    <t>5702329319645</t>
  </si>
  <si>
    <t>VX K-Eind.-R. EKE MK08 4321E2</t>
  </si>
  <si>
    <t>EKE MK08 4321E3</t>
  </si>
  <si>
    <t>5702329972659</t>
  </si>
  <si>
    <t>VX K-Eind.-R. EKE MK08 4321E3</t>
  </si>
  <si>
    <t>EKE MK10 2101M</t>
  </si>
  <si>
    <t>5702329747981</t>
  </si>
  <si>
    <t>VX K-Eind.-R. 10-16 EKE MK10 2101M</t>
  </si>
  <si>
    <t>EKE MK10 2102M</t>
  </si>
  <si>
    <t>5702329747998</t>
  </si>
  <si>
    <t>VX K-Eind.-R. 10-16 EKE MK10 2102M</t>
  </si>
  <si>
    <t>EKE MK10 2103M</t>
  </si>
  <si>
    <t>5702329748001</t>
  </si>
  <si>
    <t>VX K-Eind.-R. EKE MK10 2103M</t>
  </si>
  <si>
    <t>EKE MK10 2301M</t>
  </si>
  <si>
    <t>5702329748094</t>
  </si>
  <si>
    <t>VX K-Eind.-R. 10-16 EKE MK10 2301M</t>
  </si>
  <si>
    <t>EKE MK10 2302M</t>
  </si>
  <si>
    <t>5702329748100</t>
  </si>
  <si>
    <t>VX K-Eind.-R. 10-16 EKE MK10 2302M</t>
  </si>
  <si>
    <t>EKE MK10 2303M</t>
  </si>
  <si>
    <t>5702329748117</t>
  </si>
  <si>
    <t>VX K-Eind.-R. EKE MK10 2303M</t>
  </si>
  <si>
    <t>EKE MK10 2304ME</t>
  </si>
  <si>
    <t>5702329748124</t>
  </si>
  <si>
    <t>VX K-Eind.-R. 10-16/10 EKE MK10 2304ME</t>
  </si>
  <si>
    <t>EKE MK10 2304MJ</t>
  </si>
  <si>
    <t>5702329748131</t>
  </si>
  <si>
    <t>VX K-Eind.-R. 10-16/25 EKE MK10 2304MJ</t>
  </si>
  <si>
    <t>EKE MK10 2305MJ</t>
  </si>
  <si>
    <t>5702329748155</t>
  </si>
  <si>
    <t>VX K-Eind.-R. 10-16/25 EKE MK10 2305MJ</t>
  </si>
  <si>
    <t>EKE MK10 2306ME</t>
  </si>
  <si>
    <t>5702329748162</t>
  </si>
  <si>
    <t>VX K-Eind.-R. /10cm EKE MK10 2306ME</t>
  </si>
  <si>
    <t>EKE MK10 2306MJ</t>
  </si>
  <si>
    <t>5702329748179</t>
  </si>
  <si>
    <t>VX K-Eind.-R. /25cm EKE MK10 2306MJ</t>
  </si>
  <si>
    <t>EKE MK10 4121E2</t>
  </si>
  <si>
    <t>5702329319652</t>
  </si>
  <si>
    <t>VX K-Eind.-R. EKE MK10 4121E2</t>
  </si>
  <si>
    <t>EKE MK10 4121E3</t>
  </si>
  <si>
    <t>5702329972666</t>
  </si>
  <si>
    <t>VX K-Eind.-R. EKE MK10 4121E3</t>
  </si>
  <si>
    <t>EKE MK10 4321E2</t>
  </si>
  <si>
    <t>5702329319669</t>
  </si>
  <si>
    <t>VX K-Eind.-R. EKE MK10 4321E2</t>
  </si>
  <si>
    <t>EKE MK10 4321E3</t>
  </si>
  <si>
    <t>5702329972673</t>
  </si>
  <si>
    <t>VX K-Eind.-R. EKE MK10 4321E3</t>
  </si>
  <si>
    <t>EKE PK06 2103M</t>
  </si>
  <si>
    <t>5702329748308</t>
  </si>
  <si>
    <t>VX K-Eind.-R. EKE PK06 2103M</t>
  </si>
  <si>
    <t>EKE PK06 2301M</t>
  </si>
  <si>
    <t>5702329748391</t>
  </si>
  <si>
    <t>VX K-Eind.-R. 10-16 EKE PK06 2301M</t>
  </si>
  <si>
    <t>EKE PK06 2302M</t>
  </si>
  <si>
    <t>5702329748407</t>
  </si>
  <si>
    <t>VX K-Eind.-R. 10-16 EKE PK06 2302M</t>
  </si>
  <si>
    <t>EKE PK06 2303M</t>
  </si>
  <si>
    <t>5702329748414</t>
  </si>
  <si>
    <t>VX K-Eind.-R. EKE PK06 2303M</t>
  </si>
  <si>
    <t>EKE PK06 2304ME</t>
  </si>
  <si>
    <t>5702329748421</t>
  </si>
  <si>
    <t>VX K-Eind.-R. 10-16/10 EKE PK06 2304ME</t>
  </si>
  <si>
    <t>EKE PK06 2306ME</t>
  </si>
  <si>
    <t>5702329748469</t>
  </si>
  <si>
    <t>VX K-Eind.-R. /10cm EKE PK06 2306ME</t>
  </si>
  <si>
    <t>EKE PK06 2307ME</t>
  </si>
  <si>
    <t>5702329748483</t>
  </si>
  <si>
    <t>VX K-Eind.-R. /10cm EKE PK06 2307ME</t>
  </si>
  <si>
    <t>EKE PK06 4121E2</t>
  </si>
  <si>
    <t>5702329319713</t>
  </si>
  <si>
    <t>VX K-Eind.-R. EKE PK06 4121E2</t>
  </si>
  <si>
    <t>EKE PK06 4121E3</t>
  </si>
  <si>
    <t>5702329972727</t>
  </si>
  <si>
    <t>VX K-Eind.-R. EKE PK06 4121E3</t>
  </si>
  <si>
    <t>EKE PK06 4321E2</t>
  </si>
  <si>
    <t>5702329319720</t>
  </si>
  <si>
    <t>VX K-Eind.-R. EKE PK06 4321E2</t>
  </si>
  <si>
    <t>EKE PK06 4321E3</t>
  </si>
  <si>
    <t>5702329972734</t>
  </si>
  <si>
    <t>VX K-Eind.-R. EKE PK06 4321E3</t>
  </si>
  <si>
    <t>EKE PK08 2101M</t>
  </si>
  <si>
    <t>5702329748506</t>
  </si>
  <si>
    <t>VX K-Eind.-R. 10-16 EKE PK08 2101M</t>
  </si>
  <si>
    <t>EKE PK08 2102M</t>
  </si>
  <si>
    <t>5702329748513</t>
  </si>
  <si>
    <t>VX K-Eind.-R. 10-16 EKE PK08 2102M</t>
  </si>
  <si>
    <t>EKE PK08 2103M</t>
  </si>
  <si>
    <t>5702329748520</t>
  </si>
  <si>
    <t>VX K-Eind.-R. EKE PK08 2103M</t>
  </si>
  <si>
    <t>EKE PK08 2107ME</t>
  </si>
  <si>
    <t>5702329748599</t>
  </si>
  <si>
    <t>VX K-Eind.-R. /10cm EKE PK08 2107ME</t>
  </si>
  <si>
    <t>EKE PK08 2301M</t>
  </si>
  <si>
    <t>5702329748612</t>
  </si>
  <si>
    <t>VX K-Eind.-R. 10-16 EKE PK08 2301M</t>
  </si>
  <si>
    <t>EKE PK08 2302M</t>
  </si>
  <si>
    <t>5702329748629</t>
  </si>
  <si>
    <t>VX K-Eind.-R. 10-16 EKE PK08 2302M</t>
  </si>
  <si>
    <t>EKE PK08 2303M</t>
  </si>
  <si>
    <t>5702329748636</t>
  </si>
  <si>
    <t>VX K-Eind.-R. EKE PK08 2303M</t>
  </si>
  <si>
    <t>EKE PK08 2307ME</t>
  </si>
  <si>
    <t>5702329748704</t>
  </si>
  <si>
    <t>VX K-Eind.-R. /10cm EKE PK08 2307ME</t>
  </si>
  <si>
    <t>EKE PK08 4121E2</t>
  </si>
  <si>
    <t>5702329319737</t>
  </si>
  <si>
    <t>VX K-Eind.-R. EKE PK08 4121E2</t>
  </si>
  <si>
    <t>EKE PK08 4121E3</t>
  </si>
  <si>
    <t>5702329972741</t>
  </si>
  <si>
    <t>VX K-Eind.-R. EKE PK08 4121E3</t>
  </si>
  <si>
    <t>EKE PK08 4321E2</t>
  </si>
  <si>
    <t>5702329319744</t>
  </si>
  <si>
    <t>VX K-Eind.-R. EKE PK08 4321E2</t>
  </si>
  <si>
    <t>EKE PK08 4321E3</t>
  </si>
  <si>
    <t>5702329972758</t>
  </si>
  <si>
    <t>VX K-Eind.-R. EKE PK08 4321E3</t>
  </si>
  <si>
    <t>EKE PK10 2101M</t>
  </si>
  <si>
    <t>5702329748728</t>
  </si>
  <si>
    <t>VX K-Eind.-R. 10-16 EKE PK10 2101M</t>
  </si>
  <si>
    <t>EKE PK10 2102M</t>
  </si>
  <si>
    <t>5702329748735</t>
  </si>
  <si>
    <t>VX K-Eind.-R. 10-16 EKE PK10 2102M</t>
  </si>
  <si>
    <t>EKE PK10 2103M</t>
  </si>
  <si>
    <t>5702329748742</t>
  </si>
  <si>
    <t>VX K-Eind.-R. EKE PK10 2103M</t>
  </si>
  <si>
    <t>EKE PK10 2301M</t>
  </si>
  <si>
    <t>5702329748834</t>
  </si>
  <si>
    <t>VX K-Eind.-R. 10-16 EKE PK10 2301M</t>
  </si>
  <si>
    <t>EKE PK10 2302M</t>
  </si>
  <si>
    <t>5702329748841</t>
  </si>
  <si>
    <t>VX K-Eind.-R. 10-16 EKE PK10 2302M</t>
  </si>
  <si>
    <t>EKE PK10 2303M</t>
  </si>
  <si>
    <t>5702329748858</t>
  </si>
  <si>
    <t>VX K-Eind.-R. EKE PK10 2303M</t>
  </si>
  <si>
    <t>EKE PK10 4121E2</t>
  </si>
  <si>
    <t>5702329319751</t>
  </si>
  <si>
    <t>VX K-Eind.-R. EKE PK10 4121E2</t>
  </si>
  <si>
    <t>EKE PK10 4121E3</t>
  </si>
  <si>
    <t>5702329972765</t>
  </si>
  <si>
    <t>VX K-Eind.-R. EKE PK10 4121E3</t>
  </si>
  <si>
    <t>EKE PK10 4321E2</t>
  </si>
  <si>
    <t>5702329319768</t>
  </si>
  <si>
    <t>VX K-Eind.-R. EKE PK10 4321E2</t>
  </si>
  <si>
    <t>EKE PK10 4321E3</t>
  </si>
  <si>
    <t>5702329972772</t>
  </si>
  <si>
    <t>VX K-Eind.-R. EKE PK10 4321E3</t>
  </si>
  <si>
    <t>EKE SK06 2101M</t>
  </si>
  <si>
    <t>5702329748940</t>
  </si>
  <si>
    <t>VX K-Eind.-R. 10-16 EKE SK06 2101M</t>
  </si>
  <si>
    <t>EKE SK06 2103M</t>
  </si>
  <si>
    <t>5702329748964</t>
  </si>
  <si>
    <t>VX K-Eind.-R. EKE SK06 2103M</t>
  </si>
  <si>
    <t>EKE SK06 2301M</t>
  </si>
  <si>
    <t>5702329749053</t>
  </si>
  <si>
    <t>VX K-Eind.-R. 10-16 EKE SK06 2301M</t>
  </si>
  <si>
    <t>EKE SK06 2302M</t>
  </si>
  <si>
    <t>5702329749060</t>
  </si>
  <si>
    <t>VX K-Eind.-R. 10-16 EKE SK06 2302M</t>
  </si>
  <si>
    <t>EKE SK06 2303M</t>
  </si>
  <si>
    <t>5702329749077</t>
  </si>
  <si>
    <t>VX K-Eind.-R. EKE SK06 2303M</t>
  </si>
  <si>
    <t>EKE SK06 4121E2</t>
  </si>
  <si>
    <t>5702329319775</t>
  </si>
  <si>
    <t>VX K-Eind.-R. EKE SK06 4121E2</t>
  </si>
  <si>
    <t>EKE SK06 4121E3</t>
  </si>
  <si>
    <t>5702329972789</t>
  </si>
  <si>
    <t>VX K-Eind.-R. EKE SK06 4121E3</t>
  </si>
  <si>
    <t>EKE SK06 4321E2</t>
  </si>
  <si>
    <t>5702329319782</t>
  </si>
  <si>
    <t>VX K-Eind.-R. EKE SK06 4321E2</t>
  </si>
  <si>
    <t>EKE SK06 4321E3</t>
  </si>
  <si>
    <t>5702329972796</t>
  </si>
  <si>
    <t>VX K-Eind.-R. EKE SK06 4321E3</t>
  </si>
  <si>
    <t>EKE SK08 2101M</t>
  </si>
  <si>
    <t>5702329749169</t>
  </si>
  <si>
    <t>VX K-Eind.-R. 10-16 EKE SK08 2101M</t>
  </si>
  <si>
    <t>EKE SK08 2102M</t>
  </si>
  <si>
    <t>5702329749176</t>
  </si>
  <si>
    <t>VX K-Eind.-R. 10-16 EKE SK08 2102M</t>
  </si>
  <si>
    <t>EKE SK08 2103M</t>
  </si>
  <si>
    <t>5702329749183</t>
  </si>
  <si>
    <t>VX K-Eind.-R. EKE SK08 2103M</t>
  </si>
  <si>
    <t>EKE SK08 2107MJ</t>
  </si>
  <si>
    <t>5702329749268</t>
  </si>
  <si>
    <t>VX K-Eind.-R. /25cm EKE SK08 2107MJ</t>
  </si>
  <si>
    <t>EKE SK08 2301M</t>
  </si>
  <si>
    <t>5702329749275</t>
  </si>
  <si>
    <t>VX K-Eind.-R. 10-16 EKE SK08 2301M</t>
  </si>
  <si>
    <t>EKE SK08 2302M</t>
  </si>
  <si>
    <t>5702329749282</t>
  </si>
  <si>
    <t>VX K-Eind.-R. 10-16 EKE SK08 2302M</t>
  </si>
  <si>
    <t>EKE SK08 2303M</t>
  </si>
  <si>
    <t>5702329749299</t>
  </si>
  <si>
    <t>VX K-Eind.-R. EKE SK08 2303M</t>
  </si>
  <si>
    <t>EKE SK08 2304MJ</t>
  </si>
  <si>
    <t>5702329749312</t>
  </si>
  <si>
    <t>VX K-Eind.-R. 10-16/25 EKE SK08 2304MJ</t>
  </si>
  <si>
    <t>EKE SK08 2306MJ</t>
  </si>
  <si>
    <t>5702329749350</t>
  </si>
  <si>
    <t>VX K-Eind.-R. /25cm EKE SK08 2306MJ</t>
  </si>
  <si>
    <t>EKE SK08 2307ME</t>
  </si>
  <si>
    <t>5702329749367</t>
  </si>
  <si>
    <t>VX K-Eind.-R. /10cm EKE SK08 2307ME</t>
  </si>
  <si>
    <t>EKE SK08 2307MJ</t>
  </si>
  <si>
    <t>5702329749374</t>
  </si>
  <si>
    <t>VX K-Eind.-R. /25cm EKE SK08 2307MJ</t>
  </si>
  <si>
    <t>EKE SK08 4121E2</t>
  </si>
  <si>
    <t>5702329319799</t>
  </si>
  <si>
    <t>VX K-Eind.-R. EKE SK08 4121E2</t>
  </si>
  <si>
    <t>EKE SK08 4121E3</t>
  </si>
  <si>
    <t>5702329972802</t>
  </si>
  <si>
    <t>VX K-Eind.-R. EKE SK08 4121E3</t>
  </si>
  <si>
    <t>EKE SK08 4321E2</t>
  </si>
  <si>
    <t>5702329319805</t>
  </si>
  <si>
    <t>VX K-Eind.-R. EKE SK08 4321E2</t>
  </si>
  <si>
    <t>EKE SK08 4321E3</t>
  </si>
  <si>
    <t>5702329972819</t>
  </si>
  <si>
    <t>VX K-Eind.-R. EKE SK08 4321E3</t>
  </si>
  <si>
    <t>EKE SK10 2101M</t>
  </si>
  <si>
    <t>5702329749381</t>
  </si>
  <si>
    <t>VX K-Eind.-R. 10-16 EKE SK10 2101M</t>
  </si>
  <si>
    <t>EKE SK10 2102M</t>
  </si>
  <si>
    <t>5702329749398</t>
  </si>
  <si>
    <t>VX K-Eind.-R. 10-16 EKE SK10 2102M</t>
  </si>
  <si>
    <t>EKE SK10 2103M</t>
  </si>
  <si>
    <t>5702329749404</t>
  </si>
  <si>
    <t>VX K-Eind.-R. EKE SK10 2103M</t>
  </si>
  <si>
    <t>EKE SK10 2104ME</t>
  </si>
  <si>
    <t>5702329749411</t>
  </si>
  <si>
    <t>VX K-Eind.-R. 10-16/10 EKE SK10 2104ME</t>
  </si>
  <si>
    <t>EKE SK10 2104MJ</t>
  </si>
  <si>
    <t>5702329749428</t>
  </si>
  <si>
    <t>VX K-Eind.-R. 10-16/25 EKE SK10 2104MJ</t>
  </si>
  <si>
    <t>EKE SK10 2106ME</t>
  </si>
  <si>
    <t>5702329749459</t>
  </si>
  <si>
    <t>VX K-Eind.-R. /10cm EKE SK10 2106ME</t>
  </si>
  <si>
    <t>EKE SK10 2106MJ</t>
  </si>
  <si>
    <t>5702329749466</t>
  </si>
  <si>
    <t>VX K-Eind.-R. /25cm EKE SK10 2106MJ</t>
  </si>
  <si>
    <t>EKE SK10 2301M</t>
  </si>
  <si>
    <t>5702329749497</t>
  </si>
  <si>
    <t>VX K-Eind.-R. 10-16 EKE SK10 2301M</t>
  </si>
  <si>
    <t>EKE SK10 2302M</t>
  </si>
  <si>
    <t>5702329749503</t>
  </si>
  <si>
    <t>VX K-Eind.-R. 10-16 EKE SK10 2302M</t>
  </si>
  <si>
    <t>EKE SK10 2303M</t>
  </si>
  <si>
    <t>5702329749510</t>
  </si>
  <si>
    <t>VX K-Eind.-R. EKE SK10 2303M</t>
  </si>
  <si>
    <t>EKE SK10 2304ME</t>
  </si>
  <si>
    <t>5702329749527</t>
  </si>
  <si>
    <t>VX K-Eind.-R. 10-16/10 EKE SK10 2304ME</t>
  </si>
  <si>
    <t>EKE SK10 2304MJ</t>
  </si>
  <si>
    <t>5702329749534</t>
  </si>
  <si>
    <t>VX K-Eind.-R. 10-16/25 EKE SK10 2304MJ</t>
  </si>
  <si>
    <t>EKE SK10 2306ME</t>
  </si>
  <si>
    <t>5702329749565</t>
  </si>
  <si>
    <t>VX K-Eind.-R. /10cm EKE SK10 2306ME</t>
  </si>
  <si>
    <t>EKE SK10 2306MJ</t>
  </si>
  <si>
    <t>5702329749572</t>
  </si>
  <si>
    <t>VX K-Eind.-R. /25cm EKE SK10 2306MJ</t>
  </si>
  <si>
    <t>EKE SK10 2307ME</t>
  </si>
  <si>
    <t>5702329749589</t>
  </si>
  <si>
    <t>VX K-Eind.-R. /10cm EKE SK10 2307ME</t>
  </si>
  <si>
    <t>EKE SK10 4121E2</t>
  </si>
  <si>
    <t>5702329319812</t>
  </si>
  <si>
    <t>VX K-Eind.-R. EKE SK10 4121E2</t>
  </si>
  <si>
    <t>EKE SK10 4121E3</t>
  </si>
  <si>
    <t>5702329972826</t>
  </si>
  <si>
    <t>VX K-Eind.-R. EKE SK10 4121E3</t>
  </si>
  <si>
    <t>EKE SK10 4321E2</t>
  </si>
  <si>
    <t>5702329319829</t>
  </si>
  <si>
    <t>VX K-Eind.-R. EKE SK10 4321E2</t>
  </si>
  <si>
    <t>EKE SK10 4321E3</t>
  </si>
  <si>
    <t>5702329972833</t>
  </si>
  <si>
    <t>VX K-Eind.-R. EKE SK10 4321E3</t>
  </si>
  <si>
    <t>EKE UK04 2104ME</t>
  </si>
  <si>
    <t>5702329749633</t>
  </si>
  <si>
    <t>VX K-Eind.-R. 10-16/10 EKE UK04 2104ME</t>
  </si>
  <si>
    <t>EKE UK04 2106ME</t>
  </si>
  <si>
    <t>5702329749671</t>
  </si>
  <si>
    <t>VX K-Eind.-R. /10cm EKE UK04 2106ME</t>
  </si>
  <si>
    <t>EKE UK04 2301M</t>
  </si>
  <si>
    <t>5702329749718</t>
  </si>
  <si>
    <t>VX K-Eind.-R. 10-16 EKE UK04 2301M</t>
  </si>
  <si>
    <t>EKE UK04 2302M</t>
  </si>
  <si>
    <t>5702329749725</t>
  </si>
  <si>
    <t>VX K-Eind.-R. 10-16 EKE UK04 2302M</t>
  </si>
  <si>
    <t>EKE UK04 2303M</t>
  </si>
  <si>
    <t>5702329749732</t>
  </si>
  <si>
    <t>VX K-Eind.-R. EKE UK04 2303M</t>
  </si>
  <si>
    <t>EKE UK04 4121E2</t>
  </si>
  <si>
    <t>5702329319836</t>
  </si>
  <si>
    <t>VX K-Eind.-R. EKE UK04 4121E2</t>
  </si>
  <si>
    <t>EKE UK04 4121E3</t>
  </si>
  <si>
    <t>5702329972840</t>
  </si>
  <si>
    <t>VX K-Eind.-R. EKE UK04 4121E3</t>
  </si>
  <si>
    <t>EKE UK04 4321E2</t>
  </si>
  <si>
    <t>5702329319843</t>
  </si>
  <si>
    <t>VX K-Eind.-R. EKE UK04 4321E2</t>
  </si>
  <si>
    <t>EKE UK04 4321E3</t>
  </si>
  <si>
    <t>5702329972857</t>
  </si>
  <si>
    <t>VX K-Eind.-R. EKE UK04 4321E3</t>
  </si>
  <si>
    <t>EKE UK08 2101M</t>
  </si>
  <si>
    <t>5702329749862</t>
  </si>
  <si>
    <t>VX K-Eind.-R. 10-16 EKE UK08 2101M</t>
  </si>
  <si>
    <t>EKE UK08 2103M</t>
  </si>
  <si>
    <t>5702329749886</t>
  </si>
  <si>
    <t>VX K-Eind.-R. EKE UK08 2103M</t>
  </si>
  <si>
    <t>EKE UK08 2301M</t>
  </si>
  <si>
    <t>5702329749978</t>
  </si>
  <si>
    <t>VX K-Eind.-R. 10-16 EKE UK08 2301M</t>
  </si>
  <si>
    <t>EKE UK08 2302M</t>
  </si>
  <si>
    <t>5702329749985</t>
  </si>
  <si>
    <t>VX K-Eind.-R. 10-16 EKE UK08 2302M</t>
  </si>
  <si>
    <t>EKE UK08 2303M</t>
  </si>
  <si>
    <t>5702329749992</t>
  </si>
  <si>
    <t>VX K-Eind.-R. EKE UK08 2303M</t>
  </si>
  <si>
    <t>EKE UK08 2307MJ</t>
  </si>
  <si>
    <t>5702329750073</t>
  </si>
  <si>
    <t>VX K-Eind.-R. /25cm EKE UK08 2307MJ</t>
  </si>
  <si>
    <t>EKE UK08 4121E2</t>
  </si>
  <si>
    <t>5702329319874</t>
  </si>
  <si>
    <t>VX K-Eind.-R. EKE UK08 4121E2</t>
  </si>
  <si>
    <t>EKE UK08 4121E3</t>
  </si>
  <si>
    <t>5702329972888</t>
  </si>
  <si>
    <t>VX K-Eind.-R. EKE UK08 4121E3</t>
  </si>
  <si>
    <t>EKE UK08 4321E2</t>
  </si>
  <si>
    <t>5702329319881</t>
  </si>
  <si>
    <t>VX K-Eind.-R. EKE UK08 4321E2</t>
  </si>
  <si>
    <t>EKE UK08 4321E3</t>
  </si>
  <si>
    <t>5702329972895</t>
  </si>
  <si>
    <t>VX K-Eind.-R. EKE UK08 4321E3</t>
  </si>
  <si>
    <t>EKE UK10 2101M</t>
  </si>
  <si>
    <t>5702329750080</t>
  </si>
  <si>
    <t>VX K-Eind.-R. 10-16 EKE UK10 2101M</t>
  </si>
  <si>
    <t>EKE UK10 2103M</t>
  </si>
  <si>
    <t>5702329750103</t>
  </si>
  <si>
    <t>VX K-Eind.-R. EKE UK10 2103M</t>
  </si>
  <si>
    <t>EKE UK10 2104ME</t>
  </si>
  <si>
    <t>5702329750110</t>
  </si>
  <si>
    <t>VX K-Eind.-R. 10-16/10 EKE UK10 2104ME</t>
  </si>
  <si>
    <t>EKE UK10 2106ME</t>
  </si>
  <si>
    <t>5702329750158</t>
  </si>
  <si>
    <t>VX K-Eind.-R. /10cm EKE UK10 2106ME</t>
  </si>
  <si>
    <t>EKE UK10 2301M</t>
  </si>
  <si>
    <t>5702329750196</t>
  </si>
  <si>
    <t>VX K-Eind.-R. 10-16 EKE UK10 2301M</t>
  </si>
  <si>
    <t>EKE UK10 2303M</t>
  </si>
  <si>
    <t>5702329750219</t>
  </si>
  <si>
    <t>VX K-Eind.-R. EKE UK10 2303M</t>
  </si>
  <si>
    <t>EKE UK10 2304MJ</t>
  </si>
  <si>
    <t>5702329750233</t>
  </si>
  <si>
    <t>VX K-Eind.-R. 10-16/25 EKE UK10 2304MJ</t>
  </si>
  <si>
    <t>EKE UK10 2306MJ</t>
  </si>
  <si>
    <t>5702329750271</t>
  </si>
  <si>
    <t>VX K-Eind.-R. /25cm EKE UK10 2306MJ</t>
  </si>
  <si>
    <t>EKJ CK02 2001M</t>
  </si>
  <si>
    <t>5702329730945</t>
  </si>
  <si>
    <t>VELUX Eindeckrahmen EKJ EKJ CK02 2001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Schürze des
Unterteils aus plissiertem Aluminium.
Farbton: wie Fenster-Abdeckung.
Mit flexibel einstellbarer Mittelrinne
zwischen 10 und 16cm als Abstand zum
rechts danebenliegenden Fenster</t>
  </si>
  <si>
    <t>EKJ CK02 2002M</t>
  </si>
  <si>
    <t>5702329730952</t>
  </si>
  <si>
    <t>VELUX Eindeckrahmen EKJ EKJ CK02 2002M</t>
  </si>
  <si>
    <t>EKJ CK02 2003M</t>
  </si>
  <si>
    <t>5702329730969</t>
  </si>
  <si>
    <t>VELUX Eindeckrahmen EKJ EKJ CK02 2003M</t>
  </si>
  <si>
    <t>EKJ CK02 2004MJ</t>
  </si>
  <si>
    <t>5702329730983</t>
  </si>
  <si>
    <t>VELUX Kombi-Eindeckr. EKJ CK02 2004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J CK02 2006MJ</t>
  </si>
  <si>
    <t>5702329731003</t>
  </si>
  <si>
    <t>VELUX Kombi-Eindeckr. EKJ CK02 2006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J CK02 2007ME</t>
  </si>
  <si>
    <t>5702329731010</t>
  </si>
  <si>
    <t>VELUX Kombi-Eindeckr. EKJ CK02 2007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J CK02 2007MJ</t>
  </si>
  <si>
    <t>5702329731027</t>
  </si>
  <si>
    <t>VELUX Kombi-Eindeckr. EKJ CK02 2007MJ</t>
  </si>
  <si>
    <t>EKJ CK02 2021M</t>
  </si>
  <si>
    <t>5702329731034</t>
  </si>
  <si>
    <t>VELUX Vorteilsset EKJ CK02 2021M</t>
  </si>
  <si>
    <t>Alu grau FLA 2001M+2003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Zum Einbau mehrerer Fenster in 
Lichtbändern oder Kasetten
Eindeckrahmen-Set aus Element 1 
unten links und Element 3 unten rechts
Mit flexibel einstellbarer Mittelrinne
zwischen 10 und 16cm als Abstand zum
rechts danebenliegenden Fenster</t>
  </si>
  <si>
    <t>EKJ CK02 2101M</t>
  </si>
  <si>
    <t>5702329731041</t>
  </si>
  <si>
    <t>VELUX EKJ Eindeckr. ,li EKJ CK02 2101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
Mit flexibel einstellbarer Mittelrinne
zwischen 10 und 16cm als Abstand zum
rechts danebenliegenden Fenster</t>
  </si>
  <si>
    <t>EKJ CK02 2103M</t>
  </si>
  <si>
    <t>5702329731065</t>
  </si>
  <si>
    <t>VELUX EindeckrahmenEKJ CK02 2103M</t>
  </si>
  <si>
    <t>EKJ CK02 2107ME</t>
  </si>
  <si>
    <t>5702329731119</t>
  </si>
  <si>
    <t>VELUX Kombi-Eindeckr. EKJ CK02 2107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EKJ CK02 4021E2</t>
  </si>
  <si>
    <t>5702329627900</t>
  </si>
  <si>
    <t>VELUX TWIN-Kit EKJ CK02 4021E2</t>
  </si>
  <si>
    <t>Profiset BDX, BFX, LKY</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J CK02 4021E3</t>
  </si>
  <si>
    <t>5702320036732</t>
  </si>
  <si>
    <t>VELUX TWIN-Kit EKJ CK02 4021E3</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J CK02 4031E2</t>
  </si>
  <si>
    <t>5702329697538</t>
  </si>
  <si>
    <t>VELUX TRIO-Kit EKJ CK02 4031E2</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
Produktpaket für den Einau von 
3 Fenstern in Kombination nebeneinader
mit Blendrahmenabstand 10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J CK02 4031E3</t>
  </si>
  <si>
    <t>5702320036749</t>
  </si>
  <si>
    <t>VELUX TRIO-Kit EKJ CK02 4031E3</t>
  </si>
  <si>
    <t>----------------------------------------
Eindeckrahmen für vertieften
Einbau.
Geeignet für Dächer mit flachem oder
profiliertem Eindeckmaterial
von 1,5 bis 9,0 cm Höhe.
Seitenteile mit doppelten
Wasser-Ableitfalzen und Schaumstoff-
Dichtungs-Profil.
----------------------------------------
Seitliche und untere Blendrahmen-
verblechung.
----------------------------------------
Material: Aluminium im Farbton der
Fenster-Abdeckung.
Abstand zum rechts danebenliegenden 
Fenster: 10cm</t>
  </si>
  <si>
    <t>EKJ CK04 2001M</t>
  </si>
  <si>
    <t>5702329731287</t>
  </si>
  <si>
    <t>VELUX EKJ Eindeckr. ,li EKJ CK04 2001M</t>
  </si>
  <si>
    <t>EKJ CK04 2002M</t>
  </si>
  <si>
    <t>5702329731294</t>
  </si>
  <si>
    <t>VELUX Eindeckrahmen EKJ CK04 2002M</t>
  </si>
  <si>
    <t>EKJ CK04 2003M</t>
  </si>
  <si>
    <t>5702329731300</t>
  </si>
  <si>
    <t>VELUX EindeckrahmenEKJ CK04 2003M</t>
  </si>
  <si>
    <t>EKJ CK04 2007ME</t>
  </si>
  <si>
    <t>5702329731355</t>
  </si>
  <si>
    <t>VELUX Kombi-Eindeckr. EKJ CK04 2007ME</t>
  </si>
  <si>
    <t>EKJ CK04 2021M</t>
  </si>
  <si>
    <t>5702329731379</t>
  </si>
  <si>
    <t>VELUX Vorteilsset EKJ CK04 2021M</t>
  </si>
  <si>
    <t>EKJ CK04 2101M</t>
  </si>
  <si>
    <t>5702329731386</t>
  </si>
  <si>
    <t>VELUX EKJ Eindeckr. ,li EKJ CK04 2101M</t>
  </si>
  <si>
    <t>EKJ CK04 2103M</t>
  </si>
  <si>
    <t>5702329731409</t>
  </si>
  <si>
    <t>VELUX EindeckrahmenEKJ CK04 2103M</t>
  </si>
  <si>
    <t>EKJ CK04 4021E2</t>
  </si>
  <si>
    <t>5702329627917</t>
  </si>
  <si>
    <t>VELUX TWIN-Kit EKJ CK04 4021E2</t>
  </si>
  <si>
    <t>EKJ CK04 4021E3</t>
  </si>
  <si>
    <t>5702320036756</t>
  </si>
  <si>
    <t>VELUX TWIN-Kit EKJ CK04 4021E3</t>
  </si>
  <si>
    <t>EKJ CK04 4031E2</t>
  </si>
  <si>
    <t>5702329697545</t>
  </si>
  <si>
    <t>VELUX TRIO-Kit EKJ CK04 4031E2</t>
  </si>
  <si>
    <t>EKJ CK04 4031E3</t>
  </si>
  <si>
    <t>5702320036763</t>
  </si>
  <si>
    <t>VELUX TRIO-Kit EKJ CK04 4031E3</t>
  </si>
  <si>
    <t>EKJ CK06 2001M</t>
  </si>
  <si>
    <t>5702329731621</t>
  </si>
  <si>
    <t>VELUX Kombi-Eindeckrahmen EKJ CK06 2001M</t>
  </si>
  <si>
    <t>EKJ CK06 2002M</t>
  </si>
  <si>
    <t>5702329731638</t>
  </si>
  <si>
    <t>VELUX Kombi-Eindeckrahmen EKJ CK06 2002M</t>
  </si>
  <si>
    <t>EKJ CK06 2003M</t>
  </si>
  <si>
    <t>5702329731645</t>
  </si>
  <si>
    <t>VELUX Kombi-Eindeckrahmen EKJ CK06 2003M</t>
  </si>
  <si>
    <t>EKJ CK06 2006ME</t>
  </si>
  <si>
    <t>5702329731676</t>
  </si>
  <si>
    <t>VELUX Kombi-Eindeckr. EKJ CK06 2006ME</t>
  </si>
  <si>
    <t>EKJ CK06 2007ME</t>
  </si>
  <si>
    <t>5702329731690</t>
  </si>
  <si>
    <t>VELUX Kombi-Eindeckr. EKJ CK06 2007ME</t>
  </si>
  <si>
    <t>EKJ CK06 2021M</t>
  </si>
  <si>
    <t>5702329731713</t>
  </si>
  <si>
    <t>VELUX Vorteilsset EKJ CK06 2021M</t>
  </si>
  <si>
    <t>EKJ CK06 2101M</t>
  </si>
  <si>
    <t>5702329731720</t>
  </si>
  <si>
    <t>VELUX Kombi-Eindeckrahmen EKJ CK06 2101M</t>
  </si>
  <si>
    <t>EKJ CK06 2103M</t>
  </si>
  <si>
    <t>5702329731744</t>
  </si>
  <si>
    <t>VELUX Kombi-Eindeckrahmen EKJ CK06 2103M</t>
  </si>
  <si>
    <t>EKJ CK06 4021E2</t>
  </si>
  <si>
    <t>5702329627924</t>
  </si>
  <si>
    <t>VELUX TWIN-Kit EKJ CK06 4021E2</t>
  </si>
  <si>
    <t>EKJ CK06 4021E3</t>
  </si>
  <si>
    <t>5702320036770</t>
  </si>
  <si>
    <t>VELUX TWIN-Kit EKJ CK06 4021E3</t>
  </si>
  <si>
    <t>EKJ CK06 4031E2</t>
  </si>
  <si>
    <t>5702329697552</t>
  </si>
  <si>
    <t>VELUX TRIO-Kit EKJ CK06 4031E2</t>
  </si>
  <si>
    <t>EKJ CK06 4031E3</t>
  </si>
  <si>
    <t>5702320036787</t>
  </si>
  <si>
    <t>VELUX TRIO-Kit EKJ CK06 4031E3</t>
  </si>
  <si>
    <t>EKJ FK04 2001M</t>
  </si>
  <si>
    <t>5702329731966</t>
  </si>
  <si>
    <t>VELUX EKJ Eindeckr. ,li EKJ FK04 2001M</t>
  </si>
  <si>
    <t>EKJ FK04 2002M</t>
  </si>
  <si>
    <t>5702329731973</t>
  </si>
  <si>
    <t>VELUX Eindeckrahmen EKJ FK04 2002M</t>
  </si>
  <si>
    <t>EKJ FK04 2003M</t>
  </si>
  <si>
    <t>5702329731980</t>
  </si>
  <si>
    <t>VELUX EindeckrahmenEKJ FK04 2003M</t>
  </si>
  <si>
    <t>EKJ FK04 2004ME</t>
  </si>
  <si>
    <t>5702329731997</t>
  </si>
  <si>
    <t>VELUX Kombi-Eindeckr. EKJ FK04 2004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J FK04 2004MJ</t>
  </si>
  <si>
    <t>5702329732000</t>
  </si>
  <si>
    <t>VELUX Kombi-Eindeckr. EKJ FK04 2004MJ</t>
  </si>
  <si>
    <t>EKJ FK04 2006ME</t>
  </si>
  <si>
    <t>5702329732017</t>
  </si>
  <si>
    <t>VELUX Kombi-Eindeckr. EKJ FK04 2006ME</t>
  </si>
  <si>
    <t>EKJ FK04 2006MJ</t>
  </si>
  <si>
    <t>5702329732024</t>
  </si>
  <si>
    <t>VELUX Kombi-Eindeckr. EKJ FK04 2006MJ</t>
  </si>
  <si>
    <t>EKJ FK04 2007ME</t>
  </si>
  <si>
    <t>5702329732031</t>
  </si>
  <si>
    <t>VELUX Kombi-Eindeckr. EKJ FK04 2007ME</t>
  </si>
  <si>
    <t>EKJ FK04 2007MJ</t>
  </si>
  <si>
    <t>5702329732048</t>
  </si>
  <si>
    <t>VELUX Kombi-Eindeckr. EKJ FK04 2007MJ</t>
  </si>
  <si>
    <t>EKJ FK04 2021M</t>
  </si>
  <si>
    <t>5702329732055</t>
  </si>
  <si>
    <t>VELUX Vorteilsset EKJ FK04 2021M</t>
  </si>
  <si>
    <t>EKJ FK04 2101M</t>
  </si>
  <si>
    <t>5702329732062</t>
  </si>
  <si>
    <t>VELUX EKJ Eindeckr. ,li EKJ FK04 2101M</t>
  </si>
  <si>
    <t>EKJ FK04 2103M</t>
  </si>
  <si>
    <t>5702329732086</t>
  </si>
  <si>
    <t>VELUX EindeckrahmenEKJ FK04 2103M</t>
  </si>
  <si>
    <t>EKJ FK04 4021E2</t>
  </si>
  <si>
    <t>5702329627931</t>
  </si>
  <si>
    <t>VELUX TWIN-Kit EKJ FK04 4021E2</t>
  </si>
  <si>
    <t>EKJ FK04 4021E3</t>
  </si>
  <si>
    <t>5702320036794</t>
  </si>
  <si>
    <t>VELUX TWIN-Kit EKJ FK04 4021E3</t>
  </si>
  <si>
    <t>EKJ FK04 4031E2</t>
  </si>
  <si>
    <t>5702329697569</t>
  </si>
  <si>
    <t>VELUX TRIO-Kit EKJ FK04 4031E2</t>
  </si>
  <si>
    <t>EKJ FK04 4031E3</t>
  </si>
  <si>
    <t>5702320036800</t>
  </si>
  <si>
    <t>VELUX TRIO-Kit EKJ FK04 4031E3</t>
  </si>
  <si>
    <t>EKJ FK06 2001M</t>
  </si>
  <si>
    <t>5702329732307</t>
  </si>
  <si>
    <t>VELUX EKJ Eindeckr. ,li EKJ FK06 2001M</t>
  </si>
  <si>
    <t>EKJ FK06 2002M</t>
  </si>
  <si>
    <t>5702329732314</t>
  </si>
  <si>
    <t>VELUX Eindeckrahmen EKJ FK06 2002M</t>
  </si>
  <si>
    <t>EKJ FK06 2003M</t>
  </si>
  <si>
    <t>5702329732321</t>
  </si>
  <si>
    <t>VELUX EindeckrahmenEKJ FK06 2003M</t>
  </si>
  <si>
    <t>EKJ FK06 2004ME</t>
  </si>
  <si>
    <t>5702329732338</t>
  </si>
  <si>
    <t>VELUX Kombi-Eindeckr. EKJ FK06 2004ME</t>
  </si>
  <si>
    <t>EKJ FK06 2004MJ</t>
  </si>
  <si>
    <t>5702329732345</t>
  </si>
  <si>
    <t>VELUX Kombi-Eindeckr. EKJ FK06 2004MJ</t>
  </si>
  <si>
    <t>EKJ FK06 2006MJ</t>
  </si>
  <si>
    <t>5702329732369</t>
  </si>
  <si>
    <t>VELUX Kombi-Eindeckr. EKJ FK06 2006MJ</t>
  </si>
  <si>
    <t>EKJ FK06 2007ME</t>
  </si>
  <si>
    <t>5702329732376</t>
  </si>
  <si>
    <t>VELUX Kombi-Eindeckr. EKJ FK06 2007ME</t>
  </si>
  <si>
    <t>EKJ FK06 2007MJ</t>
  </si>
  <si>
    <t>5702329732383</t>
  </si>
  <si>
    <t>VELUX Kombi-Eindeckr. EKJ FK06 2007MJ</t>
  </si>
  <si>
    <t>EKJ FK06 2021M</t>
  </si>
  <si>
    <t>5702329732390</t>
  </si>
  <si>
    <t>VELUX Vorteilsset EKJ FK06 2021M</t>
  </si>
  <si>
    <t>EKJ FK06 2101M</t>
  </si>
  <si>
    <t>5702329732406</t>
  </si>
  <si>
    <t>VELUX EKJ Eindeckr. ,li EKJ FK06 2101M</t>
  </si>
  <si>
    <t>EKJ FK06 2103M</t>
  </si>
  <si>
    <t>5702329732420</t>
  </si>
  <si>
    <t>VELUX EindeckrahmenEKJ FK06 2103M</t>
  </si>
  <si>
    <t>EKJ FK06 2301M</t>
  </si>
  <si>
    <t>5702329732499</t>
  </si>
  <si>
    <t>VELUX Kombi-Eindeckrahmen EKJ FK06 2301M</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
Mit flexibel einstellbarer Mittelrinne
zwischen 10 und 16cm als Abstand zum
rechts danebenliegenden Fenster</t>
  </si>
  <si>
    <t>EKJ FK06 2302M</t>
  </si>
  <si>
    <t>5702329732505</t>
  </si>
  <si>
    <t>VELUX Kombi-Eindeckrahmen EKJ FK06 2302M</t>
  </si>
  <si>
    <t>EKJ FK06 2303M</t>
  </si>
  <si>
    <t>5702329732512</t>
  </si>
  <si>
    <t>VELUX Kombi-Eindeckrahmen EKJ FK06 2303M</t>
  </si>
  <si>
    <t>EKJ FK06 4021E2</t>
  </si>
  <si>
    <t>5702329627948</t>
  </si>
  <si>
    <t>VELUX TWIN-Kit EKJ FK06 4021E2</t>
  </si>
  <si>
    <t>EKJ FK06 4021E3</t>
  </si>
  <si>
    <t>5702320036817</t>
  </si>
  <si>
    <t>VELUX TWIN-Kit EKJ FK06 4021E3</t>
  </si>
  <si>
    <t>EKJ FK06 4031E2</t>
  </si>
  <si>
    <t>5702329697576</t>
  </si>
  <si>
    <t>VELUX TRIO-Kit EKJ FK06 4031E2</t>
  </si>
  <si>
    <t>EKJ FK06 4031E3</t>
  </si>
  <si>
    <t>5702320036824</t>
  </si>
  <si>
    <t>VELUX TRIO-Kit EKJ FK06 4031E3</t>
  </si>
  <si>
    <t>EKJ FK08 2001M</t>
  </si>
  <si>
    <t>5702329732642</t>
  </si>
  <si>
    <t>VELUX EKJ Eindeckr. ,li EKJ FK08 2001M</t>
  </si>
  <si>
    <t>EKJ FK08 2002M</t>
  </si>
  <si>
    <t>5702329732659</t>
  </si>
  <si>
    <t>VELUX Eindeckrahmen EKJ FK08 2002M</t>
  </si>
  <si>
    <t>EKJ FK08 2003M</t>
  </si>
  <si>
    <t>5702329732666</t>
  </si>
  <si>
    <t>VELUX EindeckrahmenEKJ FK08 2003M</t>
  </si>
  <si>
    <t>EKJ FK08 2004MJ</t>
  </si>
  <si>
    <t>5702329732680</t>
  </si>
  <si>
    <t>VELUX Kombi-Eindeckr. EKJ FK08 2004MJ</t>
  </si>
  <si>
    <t>EKJ FK08 2006MJ</t>
  </si>
  <si>
    <t>5702329732703</t>
  </si>
  <si>
    <t>VELUX Kombi-Eindeckr. EKJ FK08 2006MJ</t>
  </si>
  <si>
    <t>EKJ FK08 2007ME</t>
  </si>
  <si>
    <t>5702329732710</t>
  </si>
  <si>
    <t>VELUX Kombi-Eindeckr. EKJ FK08 2007ME</t>
  </si>
  <si>
    <t>EKJ FK08 2007MJ</t>
  </si>
  <si>
    <t>5702329732727</t>
  </si>
  <si>
    <t>VELUX Kombi-Eindeckr. EKJ FK08 2007MJ</t>
  </si>
  <si>
    <t>EKJ FK08 2021M</t>
  </si>
  <si>
    <t>5702329732734</t>
  </si>
  <si>
    <t>VELUX Vorteilsset EKJ FK08 2021M</t>
  </si>
  <si>
    <t>EKJ FK08 2101M</t>
  </si>
  <si>
    <t>5702329732741</t>
  </si>
  <si>
    <t>VELUX EKJ Eindeckr. ,li EKJ FK08 2101M</t>
  </si>
  <si>
    <t>EKJ FK08 2102M</t>
  </si>
  <si>
    <t>5702329732758</t>
  </si>
  <si>
    <t>VELUX Eindeckrahmen EKJ FK08 2102M</t>
  </si>
  <si>
    <t>EKJ FK08 2103M</t>
  </si>
  <si>
    <t>5702329732765</t>
  </si>
  <si>
    <t>VELUX EindeckrahmenEKJ FK08 2103M</t>
  </si>
  <si>
    <t>EKJ FK08 4021E2</t>
  </si>
  <si>
    <t>5702329627955</t>
  </si>
  <si>
    <t>VELUX TWIN-Kit EKJ FK08 4021E2</t>
  </si>
  <si>
    <t>EKJ FK08 4021E3</t>
  </si>
  <si>
    <t>5702320036831</t>
  </si>
  <si>
    <t>VELUX TWIN-Kit EKJ FK08 4021E3</t>
  </si>
  <si>
    <t>EKJ FK08 4031E2</t>
  </si>
  <si>
    <t>5702329697583</t>
  </si>
  <si>
    <t>VELUX TRIO-Kit EKJ FK08 4031E2</t>
  </si>
  <si>
    <t>EKJ FK08 4031E3</t>
  </si>
  <si>
    <t>5702320036848</t>
  </si>
  <si>
    <t>VELUX TRIO-Kit EKJ FK08 4031E3</t>
  </si>
  <si>
    <t>EKJ MK04 2001M</t>
  </si>
  <si>
    <t>5702329732987</t>
  </si>
  <si>
    <t>VELUX EKJ Eindeckr. ,li EKJ MK04 2001M</t>
  </si>
  <si>
    <t>EKJ MK04 2002M</t>
  </si>
  <si>
    <t>5702329732994</t>
  </si>
  <si>
    <t>VELUX Eindeckrahmen EKJ MK04 2002M</t>
  </si>
  <si>
    <t>EKJ MK04 2003M</t>
  </si>
  <si>
    <t>5702329733007</t>
  </si>
  <si>
    <t>VELUX EindeckrahmenEKJ MK04 2003M</t>
  </si>
  <si>
    <t>EKJ MK04 2004ME</t>
  </si>
  <si>
    <t>5702329733014</t>
  </si>
  <si>
    <t>VELUX Kombi-Eindeckr. EKJ MK04 2004ME</t>
  </si>
  <si>
    <t>EKJ MK04 2004MJ</t>
  </si>
  <si>
    <t>5702329733021</t>
  </si>
  <si>
    <t>VELUX Kombi-Eindeckr. EKJ MK04 2004MJ</t>
  </si>
  <si>
    <t>EKJ MK04 2006ME</t>
  </si>
  <si>
    <t>5702329733038</t>
  </si>
  <si>
    <t>VELUX Kombi-Eindeckr. EKJ MK04 2006ME</t>
  </si>
  <si>
    <t>EKJ MK04 2007ME</t>
  </si>
  <si>
    <t>5702329733052</t>
  </si>
  <si>
    <t>VELUX Kombi-Eindeckr. EKJ MK04 2007ME</t>
  </si>
  <si>
    <t>EKJ MK04 2007MJ</t>
  </si>
  <si>
    <t>5702329733069</t>
  </si>
  <si>
    <t>VELUX Kombi-Eindeckr. EKJ MK04 2007MJ</t>
  </si>
  <si>
    <t>EKJ MK04 2021M</t>
  </si>
  <si>
    <t>5702329733076</t>
  </si>
  <si>
    <t>VELUX Vorteilsset EKJ MK04 2021M</t>
  </si>
  <si>
    <t>EKJ MK04 2101M</t>
  </si>
  <si>
    <t>5702329733083</t>
  </si>
  <si>
    <t>VELUX EKJ Eindeckr. ,li EKJ MK04 2101M</t>
  </si>
  <si>
    <t>EKJ MK04 2103M</t>
  </si>
  <si>
    <t>5702329733106</t>
  </si>
  <si>
    <t>VELUX EindeckrahmenEKJ MK04 2103M</t>
  </si>
  <si>
    <t>EKJ MK04 2107ME</t>
  </si>
  <si>
    <t>5702329733151</t>
  </si>
  <si>
    <t>VELUX Kombi-Eindeckr. EKJ MK04 2107ME</t>
  </si>
  <si>
    <t>EKJ MK04 2107MJ</t>
  </si>
  <si>
    <t>5702329733168</t>
  </si>
  <si>
    <t>VELUX Kombi-Eindeckr. EKJ MK04 2107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EKJ MK04 2301M</t>
  </si>
  <si>
    <t>5702329733175</t>
  </si>
  <si>
    <t>VELUX Kombi-Eindeckrahmen EKJ MK04 2301M</t>
  </si>
  <si>
    <t>EKJ MK04 2303M</t>
  </si>
  <si>
    <t>5702329733199</t>
  </si>
  <si>
    <t>VELUX Kombi-Eindeckrahmen EKJ MK04 2303M</t>
  </si>
  <si>
    <t>EKJ MK04 4021E2</t>
  </si>
  <si>
    <t>5702329627962</t>
  </si>
  <si>
    <t>VELUX TWIN-Kit EKJ MK04 4021E2</t>
  </si>
  <si>
    <t>EKJ MK04 4021E3</t>
  </si>
  <si>
    <t>5702320036855</t>
  </si>
  <si>
    <t>VELUX TWIN-Kit EKJ MK04 4021E3</t>
  </si>
  <si>
    <t>EKJ MK04 4031E2</t>
  </si>
  <si>
    <t>5702329697590</t>
  </si>
  <si>
    <t>VELUX TRIO-Kit EKJ MK04 4031E2</t>
  </si>
  <si>
    <t>EKJ MK04 4031E3</t>
  </si>
  <si>
    <t>5702320036862</t>
  </si>
  <si>
    <t>VELUX TRIO-Kit EKJ MK04 4031E3</t>
  </si>
  <si>
    <t>EKJ MK06 2001M</t>
  </si>
  <si>
    <t>5702329733328</t>
  </si>
  <si>
    <t>VELUX EKJ Eindeckr. ,li EKJ MK06 2001M</t>
  </si>
  <si>
    <t>EKJ MK06 2002M</t>
  </si>
  <si>
    <t>5702329733335</t>
  </si>
  <si>
    <t>VELUX Eindeckrahmen EKJ MK06 2002M</t>
  </si>
  <si>
    <t>EKJ MK06 2003M</t>
  </si>
  <si>
    <t>5702329733342</t>
  </si>
  <si>
    <t>VELUX EindeckrahmenEKJ MK06 2003M</t>
  </si>
  <si>
    <t>EKJ MK06 2004ME</t>
  </si>
  <si>
    <t>5702329733359</t>
  </si>
  <si>
    <t>VELUX Kombi-Eindeckr. EKJ MK06 2004ME</t>
  </si>
  <si>
    <t>EKJ MK06 2004MJ</t>
  </si>
  <si>
    <t>5702329733366</t>
  </si>
  <si>
    <t>VELUX Kombi-Eindeckr. EKJ MK06 2004MJ</t>
  </si>
  <si>
    <t>EKJ MK06 2006ME</t>
  </si>
  <si>
    <t>5702329733373</t>
  </si>
  <si>
    <t>VELUX Kombi-Eindeckr. EKJ MK06 2006ME</t>
  </si>
  <si>
    <t>EKJ MK06 2006MJ</t>
  </si>
  <si>
    <t>5702329733380</t>
  </si>
  <si>
    <t>VELUX Kombi-Eindeckr. EKJ MK06 2006MJ</t>
  </si>
  <si>
    <t>EKJ MK06 2007ME</t>
  </si>
  <si>
    <t>5702329733397</t>
  </si>
  <si>
    <t>VELUX Kombi-Eindeckr. EKJ MK06 2007ME</t>
  </si>
  <si>
    <t>EKJ MK06 2007MJ</t>
  </si>
  <si>
    <t>5702329733403</t>
  </si>
  <si>
    <t>VELUX Kombi-Eindeckr. EKJ MK06 2007MJ</t>
  </si>
  <si>
    <t>EKJ MK06 2021M</t>
  </si>
  <si>
    <t>5702329733410</t>
  </si>
  <si>
    <t>VELUX Vorteilsset EKJ MK06 2021M</t>
  </si>
  <si>
    <t>EKJ MK06 2101M</t>
  </si>
  <si>
    <t>5702329733427</t>
  </si>
  <si>
    <t>VELUX EKJ Eindeckr. ,li EKJ MK06 2101M</t>
  </si>
  <si>
    <t>EKJ MK06 2102M</t>
  </si>
  <si>
    <t>5702329733434</t>
  </si>
  <si>
    <t>VELUX Eindeckrahmen EKJ MK06 2102M</t>
  </si>
  <si>
    <t>EKJ MK06 2103M</t>
  </si>
  <si>
    <t>5702329733441</t>
  </si>
  <si>
    <t>VELUX EindeckrahmenEKJ MK06 2103M</t>
  </si>
  <si>
    <t>EKJ MK06 4021E2</t>
  </si>
  <si>
    <t>5702329627979</t>
  </si>
  <si>
    <t>VELUX TWIN-Kit EKJ MK06 4021E2</t>
  </si>
  <si>
    <t>EKJ MK06 4021E3</t>
  </si>
  <si>
    <t>5702320036879</t>
  </si>
  <si>
    <t>VELUX TWIN-Kit EKJ MK06 4021E3</t>
  </si>
  <si>
    <t>EKJ MK06 4031E2</t>
  </si>
  <si>
    <t>5702329697606</t>
  </si>
  <si>
    <t>VELUX TRIO-Kit EKJ MK06 4031E2</t>
  </si>
  <si>
    <t>EKJ MK06 4031E3</t>
  </si>
  <si>
    <t>5702320036886</t>
  </si>
  <si>
    <t>VELUX TRIO-Kit EKJ MK06 4031E3</t>
  </si>
  <si>
    <t>EKJ MK08 2001M</t>
  </si>
  <si>
    <t>5702329733663</t>
  </si>
  <si>
    <t>VELUX EKJ Eindeckr. ,li EKJ MK08 2001M</t>
  </si>
  <si>
    <t>EKJ MK08 2002M</t>
  </si>
  <si>
    <t>5702329733670</t>
  </si>
  <si>
    <t>VELUX Eindeckrahmen EKJ MK08 2002M</t>
  </si>
  <si>
    <t>EKJ MK08 2003M</t>
  </si>
  <si>
    <t>5702329733687</t>
  </si>
  <si>
    <t>VELUX EindeckrahmenEKJ MK08 2003M</t>
  </si>
  <si>
    <t>EKJ MK08 2004ME</t>
  </si>
  <si>
    <t>5702329733694</t>
  </si>
  <si>
    <t>VELUX Kombi-Eindeckr. EKJ MK08 2004ME</t>
  </si>
  <si>
    <t>EKJ MK08 2004MJ</t>
  </si>
  <si>
    <t>5702329733700</t>
  </si>
  <si>
    <t>VELUX Kombi-Eindeckr. EKJ MK08 2004MJ</t>
  </si>
  <si>
    <t>EKJ MK08 2006ME</t>
  </si>
  <si>
    <t>5702329733717</t>
  </si>
  <si>
    <t>VELUX Kombi-Eindeckr. EKJ MK08 2006ME</t>
  </si>
  <si>
    <t>EKJ MK08 2006MJ</t>
  </si>
  <si>
    <t>5702329733724</t>
  </si>
  <si>
    <t>VELUX Kombi-Eindeckr. EKJ MK08 2006MJ</t>
  </si>
  <si>
    <t>EKJ MK08 2007ME</t>
  </si>
  <si>
    <t>5702329733731</t>
  </si>
  <si>
    <t>VELUX Kombi-Eindeckr. EKJ MK08 2007ME</t>
  </si>
  <si>
    <t>EKJ MK08 2007MJ</t>
  </si>
  <si>
    <t>5702329733748</t>
  </si>
  <si>
    <t>VELUX Kombi-Eindeckr. EKJ MK08 2007MJ</t>
  </si>
  <si>
    <t>EKJ MK08 2021M</t>
  </si>
  <si>
    <t>5702329733755</t>
  </si>
  <si>
    <t>VELUX Vorteilsset EKJ MK08 2021M</t>
  </si>
  <si>
    <t>EKJ MK08 2101M</t>
  </si>
  <si>
    <t>5702329733762</t>
  </si>
  <si>
    <t>VELUX Eindeckrahmen EKJ MK08 2101M</t>
  </si>
  <si>
    <t>EKJ MK08 2103M</t>
  </si>
  <si>
    <t>5702329733786</t>
  </si>
  <si>
    <t>VELUX Eindeckrahmen EKJ MK08 2103M</t>
  </si>
  <si>
    <t>EKJ MK08 2301M</t>
  </si>
  <si>
    <t>5702329733854</t>
  </si>
  <si>
    <t>VELUX Kombi-Eindeckrahmen EKJ MK08 2301M</t>
  </si>
  <si>
    <t>EKJ MK08 2303M</t>
  </si>
  <si>
    <t>5702329733878</t>
  </si>
  <si>
    <t>VELUX Kombi-Eindeckrahmen EKJ MK08 2303M</t>
  </si>
  <si>
    <t>EKJ MK08 2304MJ</t>
  </si>
  <si>
    <t>5702329733892</t>
  </si>
  <si>
    <t>VELUX Kombi-Eindeckr. EKJ MK08 2304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J MK08 2306MJ</t>
  </si>
  <si>
    <t>5702329733915</t>
  </si>
  <si>
    <t>VELUX Kombi-Eindeckr. EKJ MK08 2306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EKJ MK08 2307MJ</t>
  </si>
  <si>
    <t>5702329733939</t>
  </si>
  <si>
    <t>VELUX Kombi-Eindeckr. EKJ MK08 2307MJ</t>
  </si>
  <si>
    <t>EKJ MK08 4021E2</t>
  </si>
  <si>
    <t>5702329627986</t>
  </si>
  <si>
    <t>VELUX TWIN-Kit EKJ MK08 4021E2</t>
  </si>
  <si>
    <t>EKJ MK08 4021E3</t>
  </si>
  <si>
    <t>5702320036893</t>
  </si>
  <si>
    <t>VELUX TWIN-Kit EKJ MK08 4021E3</t>
  </si>
  <si>
    <t>EKJ MK08 4031E2</t>
  </si>
  <si>
    <t>5702329697613</t>
  </si>
  <si>
    <t>VELUX TRIO-Kit EKJ MK08 4031E2</t>
  </si>
  <si>
    <t>EKJ MK08 4031E3</t>
  </si>
  <si>
    <t>5702320036909</t>
  </si>
  <si>
    <t>VELUX TRIO-Kit EKJ MK08 4031E3</t>
  </si>
  <si>
    <t>EKJ MK10 2001M</t>
  </si>
  <si>
    <t>5702329734004</t>
  </si>
  <si>
    <t>VELUX EKJ Eindeckr. ,li EKJ MK10 2001M</t>
  </si>
  <si>
    <t>EKJ MK10 2002M</t>
  </si>
  <si>
    <t>5702329734011</t>
  </si>
  <si>
    <t>VELUX Eindeckrahmen EKJ MK10 2002M</t>
  </si>
  <si>
    <t>EKJ MK10 2003M</t>
  </si>
  <si>
    <t>5702329734028</t>
  </si>
  <si>
    <t>VELUX EindeckrahmenEKJ MK10 2003M</t>
  </si>
  <si>
    <t>EKJ MK10 2004ME</t>
  </si>
  <si>
    <t>5702329734035</t>
  </si>
  <si>
    <t>VELUX Kombi-Eindeckr. EKJ MK10 2004ME</t>
  </si>
  <si>
    <t>EKJ MK10 2006ME</t>
  </si>
  <si>
    <t>5702329734059</t>
  </si>
  <si>
    <t>VELUX Kombi-Eindeckr. EKJ MK10 2006ME</t>
  </si>
  <si>
    <t>EKJ MK10 2007ME</t>
  </si>
  <si>
    <t>5702329734073</t>
  </si>
  <si>
    <t>VELUX Kombi-Eindeckr. EKJ MK10 2007ME</t>
  </si>
  <si>
    <t>EKJ MK10 2007MJ</t>
  </si>
  <si>
    <t>5702329734080</t>
  </si>
  <si>
    <t>VELUX Kombi-Eindeckr. EKJ MK10 2007MJ</t>
  </si>
  <si>
    <t>EKJ MK10 2021M</t>
  </si>
  <si>
    <t>5702329734097</t>
  </si>
  <si>
    <t>VELUX Vorteilsset EKJ MK10 2021M</t>
  </si>
  <si>
    <t>EKJ MK10 2101M</t>
  </si>
  <si>
    <t>5702329734103</t>
  </si>
  <si>
    <t>VELUX EKJ Eindeckr. ,li EKJ MK10 2101M</t>
  </si>
  <si>
    <t>EKJ MK10 2103M</t>
  </si>
  <si>
    <t>5702329734127</t>
  </si>
  <si>
    <t>VELUX EindeckrahmenEKJ MK10 2103M</t>
  </si>
  <si>
    <t>EKJ MK10 2301M</t>
  </si>
  <si>
    <t>5702329734196</t>
  </si>
  <si>
    <t>VELUX Kombi-Eindeckrahmen EKJ MK10 2301M</t>
  </si>
  <si>
    <t>EKJ MK10 2303M</t>
  </si>
  <si>
    <t>5702329734219</t>
  </si>
  <si>
    <t>VELUX Kombi-Eindeckrahmen EKJ MK10 2303M</t>
  </si>
  <si>
    <t>EKJ MK10 4021E2</t>
  </si>
  <si>
    <t>5702329627993</t>
  </si>
  <si>
    <t>VELUX TWIN-Kit EKJ MK10 4021E2</t>
  </si>
  <si>
    <t>EKJ MK10 4021E3</t>
  </si>
  <si>
    <t>5702320036916</t>
  </si>
  <si>
    <t>VELUX TWIN-Kit EKJ MK10 4021E3</t>
  </si>
  <si>
    <t>EKJ MK10 4031E2</t>
  </si>
  <si>
    <t>5702329697620</t>
  </si>
  <si>
    <t>VELUX TRIO-Kit EKJ MK10 4031E2</t>
  </si>
  <si>
    <t>EKJ MK10 4031E3</t>
  </si>
  <si>
    <t>5702320036923</t>
  </si>
  <si>
    <t>VELUX TRIO-Kit EKJ MK10 4031E3</t>
  </si>
  <si>
    <t>EKJ MK12 2001M</t>
  </si>
  <si>
    <t>5702329734349</t>
  </si>
  <si>
    <t>VELUX Kombi-Eindeckrahmen EKJ MK12 2001M</t>
  </si>
  <si>
    <t>EKJ MK12 2002M</t>
  </si>
  <si>
    <t>5702329734356</t>
  </si>
  <si>
    <t>VELUX Kombi-Eindeckrahmen EKJ MK12 2002M</t>
  </si>
  <si>
    <t>EKJ MK12 2003M</t>
  </si>
  <si>
    <t>5702329734363</t>
  </si>
  <si>
    <t>VELUX Kombi-Eindeckrahmen EKJ MK12 2003M</t>
  </si>
  <si>
    <t>EKJ MK12 2007ME</t>
  </si>
  <si>
    <t>5702329734394</t>
  </si>
  <si>
    <t>VELUX Kombi-Eindeckr. EKJ MK12 2007ME</t>
  </si>
  <si>
    <t>EKJ PK06 2001M</t>
  </si>
  <si>
    <t>5702329734752</t>
  </si>
  <si>
    <t>VELUX EKJ Eindeckr. ,li EKJ PK06 2001M</t>
  </si>
  <si>
    <t>EKJ PK06 2002M</t>
  </si>
  <si>
    <t>5702329734769</t>
  </si>
  <si>
    <t>VELUX Eindeckrahmen EKJ PK06 2002M</t>
  </si>
  <si>
    <t>EKJ PK06 2003M</t>
  </si>
  <si>
    <t>5702329734776</t>
  </si>
  <si>
    <t>VELUX EindeckrahmenEKJ PK06 2003M</t>
  </si>
  <si>
    <t>EKJ PK06 2004MJ</t>
  </si>
  <si>
    <t>5702329734790</t>
  </si>
  <si>
    <t>VELUX Kombi-Eindeckr. EKJ PK06 2004MJ</t>
  </si>
  <si>
    <t>EKJ PK06 2006MJ</t>
  </si>
  <si>
    <t>5702329734813</t>
  </si>
  <si>
    <t>VELUX Kombi-Eindeckr. EKJ PK06 2006MJ</t>
  </si>
  <si>
    <t>EKJ PK06 2007ME</t>
  </si>
  <si>
    <t>5702329734820</t>
  </si>
  <si>
    <t>VELUX Kombi-Eindeckr. EKJ PK06 2007ME</t>
  </si>
  <si>
    <t>EKJ PK06 2007MJ</t>
  </si>
  <si>
    <t>5702329734837</t>
  </si>
  <si>
    <t>VELUX Kombi-Eindeckr. EKJ PK06 2007MJ</t>
  </si>
  <si>
    <t>EKJ PK06 2021M</t>
  </si>
  <si>
    <t>5702329734844</t>
  </si>
  <si>
    <t>VELUX Vorteilsset EKJ PK06 2021M</t>
  </si>
  <si>
    <t>EKJ PK06 2101M</t>
  </si>
  <si>
    <t>5702329734851</t>
  </si>
  <si>
    <t>VELUX EKJ Eindeckr. ,li EKJ PK06 2101M</t>
  </si>
  <si>
    <t>EKJ PK06 2103M</t>
  </si>
  <si>
    <t>5702329734875</t>
  </si>
  <si>
    <t>VELUX EindeckrahmenEKJ PK06 2103M</t>
  </si>
  <si>
    <t>EKJ PK06 2301M</t>
  </si>
  <si>
    <t>5702329734943</t>
  </si>
  <si>
    <t>VELUX Kombi-Eindeckrahmen EKJ PK06 2301M</t>
  </si>
  <si>
    <t>EKJ PK06 2302M</t>
  </si>
  <si>
    <t>5702329734950</t>
  </si>
  <si>
    <t>VELUX Kombi-Eindeckrahmen EKJ PK06 2302M</t>
  </si>
  <si>
    <t>EKJ PK06 2303M</t>
  </si>
  <si>
    <t>5702329734967</t>
  </si>
  <si>
    <t>VELUX Kombi-Eindeckrahmen EKJ PK06 2303M</t>
  </si>
  <si>
    <t>EKJ PK06 4021E2</t>
  </si>
  <si>
    <t>5702329628020</t>
  </si>
  <si>
    <t>VELUX TWIN-Kit EKJ PK06 4021E2</t>
  </si>
  <si>
    <t>EKJ PK08 2001M</t>
  </si>
  <si>
    <t>5702329735087</t>
  </si>
  <si>
    <t>VELUX EKJ Eindeckr. ,li EKJ PK08 2001M</t>
  </si>
  <si>
    <t>EKJ PK08 2002M</t>
  </si>
  <si>
    <t>5702329735094</t>
  </si>
  <si>
    <t>VELUX Eindeckrahmen EKJ PK08 2002M</t>
  </si>
  <si>
    <t>EKJ PK08 2003M</t>
  </si>
  <si>
    <t>5702329735100</t>
  </si>
  <si>
    <t>VELUX EindeckrahmenEKJ PK08 2003M</t>
  </si>
  <si>
    <t>EKJ PK08 2004ME</t>
  </si>
  <si>
    <t>5702329735117</t>
  </si>
  <si>
    <t>VELUX Kombi-Eindeckr. EKJ PK08 2004ME</t>
  </si>
  <si>
    <t>EKJ PK08 2004MJ</t>
  </si>
  <si>
    <t>5702329735124</t>
  </si>
  <si>
    <t>VELUX Kombi-Eindeckr. EKJ PK08 2004MJ</t>
  </si>
  <si>
    <t>EKJ PK08 2006ME</t>
  </si>
  <si>
    <t>5702329735131</t>
  </si>
  <si>
    <t>VELUX Kombi-Eindeckr. EKJ PK08 2006ME</t>
  </si>
  <si>
    <t>EKJ PK08 2006MJ</t>
  </si>
  <si>
    <t>5702329735148</t>
  </si>
  <si>
    <t>VELUX Kombi-Eindeckr. EKJ PK08 2006MJ</t>
  </si>
  <si>
    <t>EKJ PK08 2007ME</t>
  </si>
  <si>
    <t>5702329735155</t>
  </si>
  <si>
    <t>VELUX Kombi-Eindeckr. EKJ PK08 2007ME</t>
  </si>
  <si>
    <t>EKJ PK08 2007MJ</t>
  </si>
  <si>
    <t>5702329735162</t>
  </si>
  <si>
    <t>VELUX Kombi-Eindeckr. EKJ PK08 2007MJ</t>
  </si>
  <si>
    <t>EKJ PK08 2021M</t>
  </si>
  <si>
    <t>5702329735179</t>
  </si>
  <si>
    <t>VELUX Vorteilsset EKJ PK08 2021M</t>
  </si>
  <si>
    <t>EKJ PK08 4021E2</t>
  </si>
  <si>
    <t>5702329628037</t>
  </si>
  <si>
    <t>VELUX TWIN-Kit EKJ PK08 4021E2</t>
  </si>
  <si>
    <t>EKJ PK10 2001M</t>
  </si>
  <si>
    <t>5702329735421</t>
  </si>
  <si>
    <t>VELUX EKJ Eindeckr. ,li EKJ PK10 2001M</t>
  </si>
  <si>
    <t>EKJ PK10 2002M</t>
  </si>
  <si>
    <t>5702329735438</t>
  </si>
  <si>
    <t>VELUX Eindeckrahmen EKJ PK10 2002M</t>
  </si>
  <si>
    <t>EKJ PK10 2003M</t>
  </si>
  <si>
    <t>5702329735445</t>
  </si>
  <si>
    <t>VELUX EindeckrahmenEKJ PK10 2003M</t>
  </si>
  <si>
    <t>EKJ PK10 2004ME</t>
  </si>
  <si>
    <t>5702329735452</t>
  </si>
  <si>
    <t>VELUX Kombi-Eindeckr. EKJ PK10 2004ME</t>
  </si>
  <si>
    <t>EKJ PK10 2006ME</t>
  </si>
  <si>
    <t>5702329735476</t>
  </si>
  <si>
    <t>VELUX Kombi-Eindeckr. EKJ PK10 2006ME</t>
  </si>
  <si>
    <t>EKJ PK10 2007ME</t>
  </si>
  <si>
    <t>5702329735490</t>
  </si>
  <si>
    <t>VELUX Kombi-Eindeckr. EKJ PK10 2007ME</t>
  </si>
  <si>
    <t>EKJ PK10 2007MJ</t>
  </si>
  <si>
    <t>5702329735506</t>
  </si>
  <si>
    <t>VELUX Kombi-Eindeckr. EKJ PK10 2007MJ</t>
  </si>
  <si>
    <t>EKJ PK10 2021M</t>
  </si>
  <si>
    <t>5702329735513</t>
  </si>
  <si>
    <t>VELUX Vorteilsset EKJ PK10 2021M</t>
  </si>
  <si>
    <t>EKJ PK10 2301M</t>
  </si>
  <si>
    <t>5702329735612</t>
  </si>
  <si>
    <t>VELUX Kombi-Eindeckrahmen EKJ PK10 2301M</t>
  </si>
  <si>
    <t>EKJ PK10 2303M</t>
  </si>
  <si>
    <t>5702329735636</t>
  </si>
  <si>
    <t>VELUX Kombi-Eindeckrahmen EKJ PK10 2303M</t>
  </si>
  <si>
    <t>EKJ PK10 4021E2</t>
  </si>
  <si>
    <t>5702329628044</t>
  </si>
  <si>
    <t>VELUX TWIN-Kit EKJ PK10 4021E2</t>
  </si>
  <si>
    <t>EKJ PK25 2001M</t>
  </si>
  <si>
    <t>5702329735766</t>
  </si>
  <si>
    <t>VELUX Kombi-Eindeckrahmen EKJ PK25 2001M</t>
  </si>
  <si>
    <t>EKJ PK25 2003M</t>
  </si>
  <si>
    <t>5702329735780</t>
  </si>
  <si>
    <t>VELUX Kombi-Eindeckrahmen EKJ PK25 2003M</t>
  </si>
  <si>
    <t>EKJ SK06 2001M</t>
  </si>
  <si>
    <t>5702329736176</t>
  </si>
  <si>
    <t>VELUX EKJ Eindeckr. ,li EKJ SK06 2001M</t>
  </si>
  <si>
    <t>EKJ SK06 2002M</t>
  </si>
  <si>
    <t>5702329736183</t>
  </si>
  <si>
    <t>VELUX Eindeckrahmen EKJ SK06 2002M</t>
  </si>
  <si>
    <t>EKJ SK06 2003M</t>
  </si>
  <si>
    <t>5702329736190</t>
  </si>
  <si>
    <t>VELUX EindeckrahmenEKJ SK06 2003M</t>
  </si>
  <si>
    <t>EKJ SK06 2004ME</t>
  </si>
  <si>
    <t>5702329736206</t>
  </si>
  <si>
    <t>VELUX Kombi-Eindeckr. EKJ SK06 2004ME</t>
  </si>
  <si>
    <t>EKJ SK06 2004MJ</t>
  </si>
  <si>
    <t>5702329736213</t>
  </si>
  <si>
    <t>VELUX Kombi-Eindeckr. EKJ SK06 2004MJ</t>
  </si>
  <si>
    <t>EKJ SK06 2006ME</t>
  </si>
  <si>
    <t>5702329736220</t>
  </si>
  <si>
    <t>VELUX Kombi-Eindeckr. EKJ SK06 2006ME</t>
  </si>
  <si>
    <t>EKJ SK06 2006MJ</t>
  </si>
  <si>
    <t>5702329736237</t>
  </si>
  <si>
    <t>VELUX Kombi-Eindeckr. EKJ SK06 2006MJ</t>
  </si>
  <si>
    <t>EKJ SK06 2007ME</t>
  </si>
  <si>
    <t>5702329736244</t>
  </si>
  <si>
    <t>VELUX Kombi-Eindeckr. EKJ SK06 2007ME</t>
  </si>
  <si>
    <t>EKJ SK06 2007MJ</t>
  </si>
  <si>
    <t>5702329736251</t>
  </si>
  <si>
    <t>VELUX Kombi-Eindeckr. EKJ SK06 2007MJ</t>
  </si>
  <si>
    <t>EKJ SK06 2021M</t>
  </si>
  <si>
    <t>5702329736268</t>
  </si>
  <si>
    <t>VELUX Vorteilsset EKJ SK06 2021M</t>
  </si>
  <si>
    <t>EKJ SK06 2101M</t>
  </si>
  <si>
    <t>5702329736275</t>
  </si>
  <si>
    <t>VELUX EKJ Eindeckr. ,li EKJ SK06 2101M</t>
  </si>
  <si>
    <t>EKJ SK06 2103M</t>
  </si>
  <si>
    <t>5702329736299</t>
  </si>
  <si>
    <t>VELUX EindeckrahmenEKJ SK06 2103M</t>
  </si>
  <si>
    <t>EKJ SK06 4021E2</t>
  </si>
  <si>
    <t>5702329628051</t>
  </si>
  <si>
    <t>VELUX TWIN-Kit EKJ SK06 4021E2</t>
  </si>
  <si>
    <t>EKJ SK08 2001M</t>
  </si>
  <si>
    <t>5702329736510</t>
  </si>
  <si>
    <t>VELUX EKJ Eindeckr. ,li EKJ SK08 2001M</t>
  </si>
  <si>
    <t>EKJ SK08 2002M</t>
  </si>
  <si>
    <t>5702329736527</t>
  </si>
  <si>
    <t>VELUX Eindeckrahmen EKJ SK08 2002M</t>
  </si>
  <si>
    <t>EKJ SK08 2003M</t>
  </si>
  <si>
    <t>5702329736534</t>
  </si>
  <si>
    <t>VELUX EindeckrahmenEKJ SK08 2003M</t>
  </si>
  <si>
    <t>EKJ SK08 2004MJ</t>
  </si>
  <si>
    <t>5702329736558</t>
  </si>
  <si>
    <t>VELUX Kombi-Eindeckr. EKJ SK08 2004MJ</t>
  </si>
  <si>
    <t>EKJ SK08 2006MJ</t>
  </si>
  <si>
    <t>5702329736572</t>
  </si>
  <si>
    <t>VELUX Kombi-Eindeckr. EKJ SK08 2006MJ</t>
  </si>
  <si>
    <t>EKJ SK08 2007ME</t>
  </si>
  <si>
    <t>5702329736589</t>
  </si>
  <si>
    <t>VELUX Kombi-Eindeckr. EKJ SK08 2007ME</t>
  </si>
  <si>
    <t>EKJ SK08 2007MJ</t>
  </si>
  <si>
    <t>5702329736596</t>
  </si>
  <si>
    <t>VELUX Kombi-Eindeckr. EKJ SK08 2007MJ</t>
  </si>
  <si>
    <t>EKJ SK08 2021M</t>
  </si>
  <si>
    <t>5702329736602</t>
  </si>
  <si>
    <t>VELUX Vorteilsset EKJ SK08 2021M</t>
  </si>
  <si>
    <t>EKJ SK08 4021E2</t>
  </si>
  <si>
    <t>5702329628068</t>
  </si>
  <si>
    <t>VELUX TWIN-Kit EKJ SK08 4021E2</t>
  </si>
  <si>
    <t>EKJ SK10 2001M</t>
  </si>
  <si>
    <t>5702329736855</t>
  </si>
  <si>
    <t>VELUX EKJ Eindeckr. ,li EKJ SK10 2001M</t>
  </si>
  <si>
    <t>EKJ SK10 2002M</t>
  </si>
  <si>
    <t>5702329736862</t>
  </si>
  <si>
    <t>VELUX Eindeckrahmen EKJ SK10 2002M</t>
  </si>
  <si>
    <t>EKJ SK10 2003M</t>
  </si>
  <si>
    <t>5702329736879</t>
  </si>
  <si>
    <t>VELUX EindeckrahmenEKJ SK10 2003M</t>
  </si>
  <si>
    <t>EKJ SK10 2004ME</t>
  </si>
  <si>
    <t>5702329736886</t>
  </si>
  <si>
    <t>VELUX Kombi-Eindeckr. EKJ SK10 2004ME</t>
  </si>
  <si>
    <t>EKJ SK10 2004MJ</t>
  </si>
  <si>
    <t>5702329736893</t>
  </si>
  <si>
    <t>VELUX Kombi-Eindeckr. EKJ SK10 2004MJ</t>
  </si>
  <si>
    <t>EKJ SK10 2006ME</t>
  </si>
  <si>
    <t>5702329736909</t>
  </si>
  <si>
    <t>VELUX Kombi-Eindeckr. EKJ SK10 2006ME</t>
  </si>
  <si>
    <t>EKJ SK10 2006MJ</t>
  </si>
  <si>
    <t>5702329736916</t>
  </si>
  <si>
    <t>VELUX Kombi-Eindeckr. EKJ SK10 2006MJ</t>
  </si>
  <si>
    <t>EKJ SK10 2007ME</t>
  </si>
  <si>
    <t>5702329736923</t>
  </si>
  <si>
    <t>VELUX Kombi-Eindeckr. EKJ SK10 2007ME</t>
  </si>
  <si>
    <t>EKJ SK10 2007MJ</t>
  </si>
  <si>
    <t>5702329736930</t>
  </si>
  <si>
    <t>VELUX Kombi-Eindeckr. EKJ SK10 2007MJ</t>
  </si>
  <si>
    <t>EKJ SK10 2021M</t>
  </si>
  <si>
    <t>5702329736947</t>
  </si>
  <si>
    <t>VELUX Vorteilsset EKJ SK10 2021M</t>
  </si>
  <si>
    <t>EKJ SK10 2102M</t>
  </si>
  <si>
    <t>5702329736961</t>
  </si>
  <si>
    <t>VELUX Eindeckrahmen EKJ SK10 2102M</t>
  </si>
  <si>
    <t>EKJ SK10 4021E2</t>
  </si>
  <si>
    <t>5702329628075</t>
  </si>
  <si>
    <t>VELUX TWIN-Kit EKJ SK10 4021E2</t>
  </si>
  <si>
    <t>EKJ UK04 2001M</t>
  </si>
  <si>
    <t>5702329737296</t>
  </si>
  <si>
    <t>VELUX EKJ Eindeckr. ,li EKJ UK04 2001M</t>
  </si>
  <si>
    <t>EKJ UK04 2002M</t>
  </si>
  <si>
    <t>5702329737302</t>
  </si>
  <si>
    <t>VELUX Eindeckrahmen EKJ UK04 2002M</t>
  </si>
  <si>
    <t>EKJ UK04 2003M</t>
  </si>
  <si>
    <t>5702329737319</t>
  </si>
  <si>
    <t>VELUX EindeckrahmenEKJ UK04 2003M</t>
  </si>
  <si>
    <t>EKJ UK04 2004MJ</t>
  </si>
  <si>
    <t>5702329737333</t>
  </si>
  <si>
    <t>VELUX Kombi-Eindeckr. EKJ UK04 2004MJ</t>
  </si>
  <si>
    <t>EKJ UK04 2006MJ</t>
  </si>
  <si>
    <t>5702329737357</t>
  </si>
  <si>
    <t>VELUX Kombi-Eindeckr. EKJ UK04 2006MJ</t>
  </si>
  <si>
    <t>EKJ UK04 2007ME</t>
  </si>
  <si>
    <t>5702329737364</t>
  </si>
  <si>
    <t>VELUX Kombi-Eindeckr. EKJ UK04 2007ME</t>
  </si>
  <si>
    <t>EKJ UK04 2007MJ</t>
  </si>
  <si>
    <t>5702329737371</t>
  </si>
  <si>
    <t>VELUX Kombi-Eindeckr. EKJ UK04 2007MJ</t>
  </si>
  <si>
    <t>EKJ UK04 2021M</t>
  </si>
  <si>
    <t>5702329737388</t>
  </si>
  <si>
    <t>VELUX Vorteilsset EKJ UK04 2021M</t>
  </si>
  <si>
    <t>EKJ UK04 2101M</t>
  </si>
  <si>
    <t>5702329737395</t>
  </si>
  <si>
    <t>VELUX EKJ Eindeckr. ,li EKJ UK04 2101M</t>
  </si>
  <si>
    <t>EKJ UK04 2103M</t>
  </si>
  <si>
    <t>5702329737418</t>
  </si>
  <si>
    <t>VELUX EindeckrahmenEKJ UK04 2103M</t>
  </si>
  <si>
    <t>EKJ UK04 4021E2</t>
  </si>
  <si>
    <t>5702329628082</t>
  </si>
  <si>
    <t>VELUX TWIN-Kit EKJ UK04 4021E2</t>
  </si>
  <si>
    <t>EKJ UK08 2001M</t>
  </si>
  <si>
    <t>5702329737630</t>
  </si>
  <si>
    <t>VELUX EKJ Eindeckr. ,li EKJ UK08 2001M</t>
  </si>
  <si>
    <t>EKJ UK08 2002M</t>
  </si>
  <si>
    <t>5702329737647</t>
  </si>
  <si>
    <t>VELUX Eindeckrahmen EKJ UK08 2002M</t>
  </si>
  <si>
    <t>EKJ UK08 2003M</t>
  </si>
  <si>
    <t>5702329737654</t>
  </si>
  <si>
    <t>VELUX EindeckrahmenEKJ UK08 2003M</t>
  </si>
  <si>
    <t>EKJ UK08 2007ME</t>
  </si>
  <si>
    <t>5702329737708</t>
  </si>
  <si>
    <t>VELUX Kombi-Eindeckr. EKJ UK08 2007ME</t>
  </si>
  <si>
    <t>EKJ UK08 2007MJ</t>
  </si>
  <si>
    <t>5702329737715</t>
  </si>
  <si>
    <t>VELUX Kombi-Eindeckr. EKJ UK08 2007MJ</t>
  </si>
  <si>
    <t>EKJ UK08 2021M</t>
  </si>
  <si>
    <t>5702329737722</t>
  </si>
  <si>
    <t>VELUX Vorteilsset EKJ UK08 2021M</t>
  </si>
  <si>
    <t>EKJ UK08 2107ME</t>
  </si>
  <si>
    <t>5702329737807</t>
  </si>
  <si>
    <t>VELUX Kombi-Eindeckr. EKJ UK08 2107ME</t>
  </si>
  <si>
    <t>EKJ UK08 4021E2</t>
  </si>
  <si>
    <t>5702329628099</t>
  </si>
  <si>
    <t>VELUX TWIN-Kit EKJ UK08 4021E2</t>
  </si>
  <si>
    <t>EKJ UK10 2001M</t>
  </si>
  <si>
    <t>5702329737975</t>
  </si>
  <si>
    <t>VELUX EKJ Eindeckr. ,li EKJ UK10 2001M</t>
  </si>
  <si>
    <t>EKJ UK10 2002M</t>
  </si>
  <si>
    <t>5702329737982</t>
  </si>
  <si>
    <t>VELUX Eindeckrahmen EKJ UK10 2002M</t>
  </si>
  <si>
    <t>EKJ UK10 2003M</t>
  </si>
  <si>
    <t>5702329737999</t>
  </si>
  <si>
    <t>VELUX EindeckrahmenEKJ UK10 2003M</t>
  </si>
  <si>
    <t>EKJ UK10 2004MJ</t>
  </si>
  <si>
    <t>5702329738019</t>
  </si>
  <si>
    <t>VELUX Kombi-Eindeckr. EKJ UK10 2004MJ</t>
  </si>
  <si>
    <t>EKJ UK10 2006MJ</t>
  </si>
  <si>
    <t>5702329738033</t>
  </si>
  <si>
    <t>VELUX Kombi-Eindeckr. EKJ UK10 2006MJ</t>
  </si>
  <si>
    <t>EKJ UK10 2007ME</t>
  </si>
  <si>
    <t>5702329738040</t>
  </si>
  <si>
    <t>VELUX Kombi-Eindeckr. EKJ UK10 2007ME</t>
  </si>
  <si>
    <t>EKJ UK10 2007MJ</t>
  </si>
  <si>
    <t>5702329738057</t>
  </si>
  <si>
    <t>VELUX Kombi-Eindeckr. EKJ UK10 2007MJ</t>
  </si>
  <si>
    <t>EKJ UK10 2021M</t>
  </si>
  <si>
    <t>5702329738064</t>
  </si>
  <si>
    <t>VELUX Vorteilsset EKJ UK10 2021M</t>
  </si>
  <si>
    <t>EKL CK02 2001M</t>
  </si>
  <si>
    <t>5702329750370</t>
  </si>
  <si>
    <t>VX K-Eind.-R. 10-16 EKL CK02 2001M</t>
  </si>
  <si>
    <t>Schiefer Schichtstück u. link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L CK02 2002M</t>
  </si>
  <si>
    <t>5702329750387</t>
  </si>
  <si>
    <t>VX K-Eind.-R. 10-16 EKL CK02 2002M</t>
  </si>
  <si>
    <t>Schiefer Schichtstück u. Mitte Al</t>
  </si>
  <si>
    <t>EKL CK02 2003M</t>
  </si>
  <si>
    <t>5702329750394</t>
  </si>
  <si>
    <t>VX K-Eind.-R. EKL CK02 2003M</t>
  </si>
  <si>
    <t>Schiefer Schichtstück u. rechts Al</t>
  </si>
  <si>
    <t>EKL CK02 2004ME</t>
  </si>
  <si>
    <t>5702329750400</t>
  </si>
  <si>
    <t>VX K-Eind.-R. 10-16/10 EKL CK02 2004ME</t>
  </si>
  <si>
    <t>Schiefer Schichtstück o. link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L CK02 2004MJ</t>
  </si>
  <si>
    <t>5702329750417</t>
  </si>
  <si>
    <t>VX K-Eind.-R. 10-16/25 EKL CK02 2004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L CK02 2006ME</t>
  </si>
  <si>
    <t>5702329750424</t>
  </si>
  <si>
    <t>VX K-Eind.-R. /10cm EKL CK02 2006ME</t>
  </si>
  <si>
    <t>Schiefer Schichtstück o. recht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L CK02 2006MJ</t>
  </si>
  <si>
    <t>5702329750431</t>
  </si>
  <si>
    <t>VX K-Eind.-R. /25cm EKL CK02 2006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L CK02 2007ME</t>
  </si>
  <si>
    <t>5702329750448</t>
  </si>
  <si>
    <t>VX K-Eind.-R. /10cm EKL CK02 2007ME</t>
  </si>
  <si>
    <t>Schiefer Schichtstück o. einzeln Al</t>
  </si>
  <si>
    <t>EKL CK02 2007MJ</t>
  </si>
  <si>
    <t>5702329750455</t>
  </si>
  <si>
    <t>VX K-Eind.-R. /25cm EKL CK02 2007MJ</t>
  </si>
  <si>
    <t>EKL CK02 2021M</t>
  </si>
  <si>
    <t>5702329750462</t>
  </si>
  <si>
    <t>VX K-Eind.-R. 10-16 EKL CK02 2021M</t>
  </si>
  <si>
    <t>Schiefer Schichtstück u. links/rechts Al</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mehrerer Fenster in 
Lichtbändern oder Kasetten
Eindeckrahmen-Set aus Element 1 
unten links und Element 3 unten rechts
Mit flexibel einstellbarer Mittelrinne
zwischen 10 und 16cm als Abstand zum
rechts danebenliegenden Fenster</t>
  </si>
  <si>
    <t>EKL CK02 2121M</t>
  </si>
  <si>
    <t>5702329750561</t>
  </si>
  <si>
    <t>VX K-Eind.-R. 10-16 EKL CK02 2121M</t>
  </si>
  <si>
    <t>Schiefer Schichtstück u. links/recht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
Zum Einbau mehrerer Fenster in 
Lichtbändern oder Kasetten
Eindeckrahmen-Set aus Element 1 
unten links und Element 3 unten rechts
Mit flexibel einstellbarer Mittelrinne
zwischen 10 und 16cm als Abstand zum
rechts danebenliegenden Fenster</t>
  </si>
  <si>
    <t>EKL CK02 4021E2</t>
  </si>
  <si>
    <t>5702329305754</t>
  </si>
  <si>
    <t>VX K-Eind.-R. EKL CK02 4021E2</t>
  </si>
  <si>
    <t>Schiefer Schichtstück für DUO weiß</t>
  </si>
  <si>
    <t>----------------------------------------
Geeignet für Dächer mit flachem Eindeck-
material bis 1,6 cm (2 x 0,8 cm) Höhe.
Seitenteile in Schichtstücken mit je
33 cm Länge.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L CK02 4021E3</t>
  </si>
  <si>
    <t>5702329970754</t>
  </si>
  <si>
    <t>VX K-Eind.-R. EKL CK02 4021E3</t>
  </si>
  <si>
    <t>Schiefer Schichtstück für DUO klarlack</t>
  </si>
  <si>
    <t>----------------------------------------
Geeignet für Dächer mit flachem Eindeck-
material bis 1,6 cm (2 x 0,8 cm) Höhe.
Seitenteile in Schichtstücken mit je
33 cm Länge.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L CK02 4031E2</t>
  </si>
  <si>
    <t>5702329690409</t>
  </si>
  <si>
    <t>VX K-Eind.-R. EKL CK02 4031E2</t>
  </si>
  <si>
    <t>Schiefer Schichtstück für TRIO weiß</t>
  </si>
  <si>
    <t>----------------------------------------
Geeignet für Dächer mit flachem Eindeck-
material bis 1,6 cm (2 x 0,8 cm) Höhe.
Seitenteile in Schichtstücken mit je
33 cm Länge.
----------------------------------------
Seitliche und untere Blendrahmen-
verblechung.
----------------------------------------
Material: Aluminium im Farbton der
Fenster-Abdeckung.
----------------------------------------
Produktpaket für den Einau von 
3 Fenstern in Kombination nebeneinader
mit Blendrahmenabstand 10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L CK02 4031E3</t>
  </si>
  <si>
    <t>5702329970761</t>
  </si>
  <si>
    <t>VX K-Eind.-R. EKL CK02 4031E3</t>
  </si>
  <si>
    <t>Schiefer Schichtstück für TRIO klarlack</t>
  </si>
  <si>
    <t>----------------------------------------
Geeignet für Dächer mit flachem Eindeck-
material bis 1,6 cm (2 x 0,8 cm) Höhe.
Seitenteile in Schichtstücken mit je
33 cm Länge.
----------------------------------------
Seitliche und untere Blendrahmen-
verblechung.
----------------------------------------
Material: Aluminium im Farbton der
Fenster-Abdeckung.
Abstand zum rechts danebenliegenden 
Fenster: 10cm</t>
  </si>
  <si>
    <t>EKL CK02 4121E2</t>
  </si>
  <si>
    <t>5702329621373</t>
  </si>
  <si>
    <t>VX K-Eind.-R. EKL CK02 4121E2</t>
  </si>
  <si>
    <t>Schiefer Schichtstück DUO weiß Cu</t>
  </si>
  <si>
    <t>EKL CK02 4121E3</t>
  </si>
  <si>
    <t>5702329970778</t>
  </si>
  <si>
    <t>VX K-Eind.-R. EKL CK02 4121E3</t>
  </si>
  <si>
    <t>Schiefer Schichtstück DUO klarlack Cu</t>
  </si>
  <si>
    <t>EKL CK04 2001M</t>
  </si>
  <si>
    <t>5702329750660</t>
  </si>
  <si>
    <t>VX K-Eind.-R. 10-16 EKL CK04 2001M</t>
  </si>
  <si>
    <t>EKL CK04 2002M</t>
  </si>
  <si>
    <t>5702329750677</t>
  </si>
  <si>
    <t>VX K-Eind.-R. 10-16 EKL CK04 2002M</t>
  </si>
  <si>
    <t>EKL CK04 2003M</t>
  </si>
  <si>
    <t>5702329750684</t>
  </si>
  <si>
    <t>VX K-Eind.-R. EKL CK04 2003M</t>
  </si>
  <si>
    <t>EKL CK04 2004ME</t>
  </si>
  <si>
    <t>5702329750691</t>
  </si>
  <si>
    <t>VX K-Eind.-R. 10-16/10 EKL CK04 2004ME</t>
  </si>
  <si>
    <t>EKL CK04 2004MJ</t>
  </si>
  <si>
    <t>5702329750707</t>
  </si>
  <si>
    <t>VX K-Eind.-R. 10-16/25 EKL CK04 2004MJ</t>
  </si>
  <si>
    <t>EKL CK04 2006ME</t>
  </si>
  <si>
    <t>5702329750714</t>
  </si>
  <si>
    <t>VX K-Eind.-R. /10cm EKL CK04 2006ME</t>
  </si>
  <si>
    <t>EKL CK04 2006MJ</t>
  </si>
  <si>
    <t>5702329750721</t>
  </si>
  <si>
    <t>VX K-Eind.-R. /25cm EKL CK04 2006MJ</t>
  </si>
  <si>
    <t>EKL CK04 2007ME</t>
  </si>
  <si>
    <t>5702329750738</t>
  </si>
  <si>
    <t>VX K-Eind.-R. /10cm EKL CK04 2007ME</t>
  </si>
  <si>
    <t>EKL CK04 2007MJ</t>
  </si>
  <si>
    <t>5702329750745</t>
  </si>
  <si>
    <t>VX K-Eind.-R. /25cm EKL CK04 2007MJ</t>
  </si>
  <si>
    <t>EKL CK04 2021M</t>
  </si>
  <si>
    <t>5702329750752</t>
  </si>
  <si>
    <t>VX K-Eind.-R. 10-16 EKL CK04 2021M</t>
  </si>
  <si>
    <t>EKL CK04 2101M</t>
  </si>
  <si>
    <t>5702329750769</t>
  </si>
  <si>
    <t>VX K-Eind.-R. 10-16 EKL CK04 2101M</t>
  </si>
  <si>
    <t>Schiefer Schichtstück u. link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t>
  </si>
  <si>
    <t>EKL CK04 2103M</t>
  </si>
  <si>
    <t>5702329750783</t>
  </si>
  <si>
    <t>VX K-Eind.-R. EKL CK04 2103M</t>
  </si>
  <si>
    <t>Schiefer Schichtstück u. rechts Cu</t>
  </si>
  <si>
    <t>EKL CK04 2107MJ</t>
  </si>
  <si>
    <t>5702329750844</t>
  </si>
  <si>
    <t>VX K-Eind.-R. /25cm EKL CK04 2107MJ</t>
  </si>
  <si>
    <t>Schiefer Schichtstück o. einzeln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EKL CK04 2121M</t>
  </si>
  <si>
    <t>5702329750851</t>
  </si>
  <si>
    <t>VX K-Eind.-R. 10-16 EKL CK04 2121M</t>
  </si>
  <si>
    <t>EKL CK04 2301M</t>
  </si>
  <si>
    <t>5702329750868</t>
  </si>
  <si>
    <t>VX K-Eind.-R. 10-16 EKL CK04 2301M</t>
  </si>
  <si>
    <t>Schiefer Schichtstück u. links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t>
  </si>
  <si>
    <t>EKL CK04 2303M</t>
  </si>
  <si>
    <t>5702329750882</t>
  </si>
  <si>
    <t>VX K-Eind.-R. EKL CK04 2303M</t>
  </si>
  <si>
    <t>Schiefer Schichtstück u. rechts Ti-Zink</t>
  </si>
  <si>
    <t>EKL CK04 4021E2</t>
  </si>
  <si>
    <t>5702329305761</t>
  </si>
  <si>
    <t>VX K-Eind.-R. EKL CK04 4021E2</t>
  </si>
  <si>
    <t>EKL CK04 4021E3</t>
  </si>
  <si>
    <t>5702329970785</t>
  </si>
  <si>
    <t>VX K-Eind.-R. EKL CK04 4021E3</t>
  </si>
  <si>
    <t>EKL CK04 4031E2</t>
  </si>
  <si>
    <t>5702329690416</t>
  </si>
  <si>
    <t>VX K-Eind.-R. EKL CK04 4031E2</t>
  </si>
  <si>
    <t>EKL CK04 4031E3</t>
  </si>
  <si>
    <t>5702329970792</t>
  </si>
  <si>
    <t>VX K-Eind.-R. EKL CK04 4031E3</t>
  </si>
  <si>
    <t>EKL CK04 4121E2</t>
  </si>
  <si>
    <t>5702329621380</t>
  </si>
  <si>
    <t>VX K-Eind.-R. EKL CK04 4121E2</t>
  </si>
  <si>
    <t>EKL CK04 4121E3</t>
  </si>
  <si>
    <t>5702329970808</t>
  </si>
  <si>
    <t>VX K-Eind.-R. EKL CK04 4121E3</t>
  </si>
  <si>
    <t>EKL CK06 2001M</t>
  </si>
  <si>
    <t>5702329750950</t>
  </si>
  <si>
    <t>VX K-Eind.-R. 10-16 EKL CK06 2001M</t>
  </si>
  <si>
    <t>EKL CK06 2002M</t>
  </si>
  <si>
    <t>5702329750967</t>
  </si>
  <si>
    <t>VX K-Eind.-R. 10-16 EKL CK06 2002M</t>
  </si>
  <si>
    <t>EKL CK06 2003M</t>
  </si>
  <si>
    <t>5702329750974</t>
  </si>
  <si>
    <t>VX K-Eind.-R. EKL CK06 2003M</t>
  </si>
  <si>
    <t>EKL CK06 2004ME</t>
  </si>
  <si>
    <t>5702329750981</t>
  </si>
  <si>
    <t>VX K-Eind.-R. 10-16/10 EKL CK06 2004ME</t>
  </si>
  <si>
    <t>EKL CK06 2006ME</t>
  </si>
  <si>
    <t>5702329751001</t>
  </si>
  <si>
    <t>VX K-Eind.-R. /10cm EKL CK06 2006ME</t>
  </si>
  <si>
    <t>EKL CK06 2007ME</t>
  </si>
  <si>
    <t>5702329751025</t>
  </si>
  <si>
    <t>VX K-Eind.-R. /10cm EKL CK06 2007ME</t>
  </si>
  <si>
    <t>EKL CK06 2007MJ</t>
  </si>
  <si>
    <t>5702329751032</t>
  </si>
  <si>
    <t>VX K-Eind.-R. /25cm EKL CK06 2007MJ</t>
  </si>
  <si>
    <t>EKL CK06 2021M</t>
  </si>
  <si>
    <t>5702329751049</t>
  </si>
  <si>
    <t>VX K-Eind.-R. 10-16 EKL CK06 2021M</t>
  </si>
  <si>
    <t>EKL CK06 2101M</t>
  </si>
  <si>
    <t>5702329751056</t>
  </si>
  <si>
    <t>VX K-Eind.-R. 10-16 EKL CK06 2101M</t>
  </si>
  <si>
    <t>EKL CK06 2102M</t>
  </si>
  <si>
    <t>5702329751063</t>
  </si>
  <si>
    <t>VX K-Eind.-R. 10-16 EKL CK06 2102M</t>
  </si>
  <si>
    <t>Schiefer Schichtstück u. Mitte Cu</t>
  </si>
  <si>
    <t>EKL CK06 2103M</t>
  </si>
  <si>
    <t>5702329751070</t>
  </si>
  <si>
    <t>VX K-Eind.-R. EKL CK06 2103M</t>
  </si>
  <si>
    <t>EKL CK06 2121M</t>
  </si>
  <si>
    <t>5702329751148</t>
  </si>
  <si>
    <t>VX K-Eind.-R. 10-16 EKL CK06 2121M</t>
  </si>
  <si>
    <t>EKL CK06 4021E2</t>
  </si>
  <si>
    <t>5702329305778</t>
  </si>
  <si>
    <t>VX K-Eind.-R. EKL CK06 4021E2</t>
  </si>
  <si>
    <t>EKL CK06 4021E3</t>
  </si>
  <si>
    <t>5702329970815</t>
  </si>
  <si>
    <t>VX K-Eind.-R. EKL CK06 4021E3</t>
  </si>
  <si>
    <t>EKL CK06 4031E2</t>
  </si>
  <si>
    <t>5702329690423</t>
  </si>
  <si>
    <t>VX K-Eind.-R. EKL CK06 4031E2</t>
  </si>
  <si>
    <t>EKL CK06 4031E3</t>
  </si>
  <si>
    <t>5702329970822</t>
  </si>
  <si>
    <t>VX K-Eind.-R. EKL CK06 4031E3</t>
  </si>
  <si>
    <t>EKL CK06 4121E2</t>
  </si>
  <si>
    <t>5702329621397</t>
  </si>
  <si>
    <t>VX K-Eind.-R. EKL CK06 4121E2</t>
  </si>
  <si>
    <t>EKL CK06 4121E3</t>
  </si>
  <si>
    <t>5702329970839</t>
  </si>
  <si>
    <t>VX K-Eind.-R. EKL CK06 4121E3</t>
  </si>
  <si>
    <t>EKL FK04 2001M</t>
  </si>
  <si>
    <t>5702329751247</t>
  </si>
  <si>
    <t>VX K-Eind.-R. 10-16 EKL FK04 2001M</t>
  </si>
  <si>
    <t>EKL FK04 2002M</t>
  </si>
  <si>
    <t>5702329751254</t>
  </si>
  <si>
    <t>VX K-Eind.-R. 10-16 EKL FK04 2002M</t>
  </si>
  <si>
    <t>EKL FK04 2003M</t>
  </si>
  <si>
    <t>5702329751261</t>
  </si>
  <si>
    <t>VX K-Eind.-R. EKL FK04 2003M</t>
  </si>
  <si>
    <t>EKL FK04 2004ME</t>
  </si>
  <si>
    <t>5702329751278</t>
  </si>
  <si>
    <t>VX K-Eind.-R. 10-16/10 EKL FK04 2004ME</t>
  </si>
  <si>
    <t>EKL FK04 2006ME</t>
  </si>
  <si>
    <t>5702329751292</t>
  </si>
  <si>
    <t>VX K-Eind.-R. /10cm EKL FK04 2006ME</t>
  </si>
  <si>
    <t>EKL FK04 2007ME</t>
  </si>
  <si>
    <t>5702329751315</t>
  </si>
  <si>
    <t>VX K-Eind.-R. /10cm EKL FK04 2007ME</t>
  </si>
  <si>
    <t>EKL FK04 2021M</t>
  </si>
  <si>
    <t>5702329751339</t>
  </si>
  <si>
    <t>VX K-Eind.-R. 10-16 EKL FK04 2021M</t>
  </si>
  <si>
    <t>EKL FK04 2101M</t>
  </si>
  <si>
    <t>5702329751346</t>
  </si>
  <si>
    <t>VX K-Eind.-R. 10-16 EKL FK04 2101M</t>
  </si>
  <si>
    <t>EKL FK04 2103M</t>
  </si>
  <si>
    <t>5702329751360</t>
  </si>
  <si>
    <t>VX K-Eind.-R. EKL FK04 2103M</t>
  </si>
  <si>
    <t>EKL FK04 2104ME</t>
  </si>
  <si>
    <t>5702329751377</t>
  </si>
  <si>
    <t>VX K-Eind.-R. 10-16/10 EKL FK04 2104ME</t>
  </si>
  <si>
    <t>Schiefer Schichtstück o. link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L FK04 2106ME</t>
  </si>
  <si>
    <t>5702329751391</t>
  </si>
  <si>
    <t>VX K-Eind.-R. /10cm EKL FK04 2106ME</t>
  </si>
  <si>
    <t>Schiefer Schichtstück o. rechts Cu</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EKL FK04 2107ME</t>
  </si>
  <si>
    <t>5702329751414</t>
  </si>
  <si>
    <t>VX K-Eind.-R. /10cm EKL FK04 2107ME</t>
  </si>
  <si>
    <t>EKL FK04 2121M</t>
  </si>
  <si>
    <t>5702329751438</t>
  </si>
  <si>
    <t>VX K-Eind.-R. 10-16 EKL FK04 2121M</t>
  </si>
  <si>
    <t>EKL FK04 4021E2</t>
  </si>
  <si>
    <t>5702329305785</t>
  </si>
  <si>
    <t>VX K-Eind.-R. EKL FK04 4021E2</t>
  </si>
  <si>
    <t>EKL FK04 4021E3</t>
  </si>
  <si>
    <t>5702329970846</t>
  </si>
  <si>
    <t>VX K-Eind.-R. EKL FK04 4021E3</t>
  </si>
  <si>
    <t>EKL FK04 4031E2</t>
  </si>
  <si>
    <t>5702329690430</t>
  </si>
  <si>
    <t>VX K-Eind.-R. EKL FK04 4031E2</t>
  </si>
  <si>
    <t>EKL FK04 4031E3</t>
  </si>
  <si>
    <t>5702329970853</t>
  </si>
  <si>
    <t>VX K-Eind.-R. EKL FK04 4031E3</t>
  </si>
  <si>
    <t>EKL FK04 4121E2</t>
  </si>
  <si>
    <t>5702329621403</t>
  </si>
  <si>
    <t>VX K-Eind.-R. EKL FK04 4121E2</t>
  </si>
  <si>
    <t>EKL FK04 4121E3</t>
  </si>
  <si>
    <t>5702329970860</t>
  </si>
  <si>
    <t>VX K-Eind.-R. EKL FK04 4121E3</t>
  </si>
  <si>
    <t>EKL FK06 2001M</t>
  </si>
  <si>
    <t>5702329751537</t>
  </si>
  <si>
    <t>VX K-Eind.-R. 10-16 EKL FK06 2001M</t>
  </si>
  <si>
    <t>EKL FK06 2002M</t>
  </si>
  <si>
    <t>5702329751544</t>
  </si>
  <si>
    <t>VX K-Eind.-R. 10-16 EKL FK06 2002M</t>
  </si>
  <si>
    <t>EKL FK06 2003M</t>
  </si>
  <si>
    <t>5702329751551</t>
  </si>
  <si>
    <t>VX K-Eind.-R. EKL FK06 2003M</t>
  </si>
  <si>
    <t>EKL FK06 2004ME</t>
  </si>
  <si>
    <t>5702329751568</t>
  </si>
  <si>
    <t>VX K-Eind.-R. 10-16/10 EKL FK06 2004ME</t>
  </si>
  <si>
    <t>EKL FK06 2004MJ</t>
  </si>
  <si>
    <t>5702329751575</t>
  </si>
  <si>
    <t>VX K-Eind.-R. 10-16/25 EKL FK06 2004MJ</t>
  </si>
  <si>
    <t>EKL FK06 2006ME</t>
  </si>
  <si>
    <t>5702329751582</t>
  </si>
  <si>
    <t>VX K-Eind.-R. /10cm EKL FK06 2006ME</t>
  </si>
  <si>
    <t>EKL FK06 2006MJ</t>
  </si>
  <si>
    <t>5702329751599</t>
  </si>
  <si>
    <t>VX K-Eind.-R. /25cm EKL FK06 2006MJ</t>
  </si>
  <si>
    <t>EKL FK06 2007ME</t>
  </si>
  <si>
    <t>5702329751605</t>
  </si>
  <si>
    <t>VX K-Eind.-R. /10cm EKL FK06 2007ME</t>
  </si>
  <si>
    <t>EKL FK06 2021M</t>
  </si>
  <si>
    <t>5702329751629</t>
  </si>
  <si>
    <t>VX K-Eind.-R. 10-16 EKL FK06 2021M</t>
  </si>
  <si>
    <t>EKL FK06 2101M</t>
  </si>
  <si>
    <t>5702329751636</t>
  </si>
  <si>
    <t>VX K-Eind.-R. 10-16 EKL FK06 2101M</t>
  </si>
  <si>
    <t>EKL FK06 2102M</t>
  </si>
  <si>
    <t>5702329751643</t>
  </si>
  <si>
    <t>VX K-Eind.-R. 10-16 EKL FK06 2102M</t>
  </si>
  <si>
    <t>EKL FK06 2103M</t>
  </si>
  <si>
    <t>5702329751650</t>
  </si>
  <si>
    <t>VX K-Eind.-R. EKL FK06 2103M</t>
  </si>
  <si>
    <t>EKL FK06 2107ME</t>
  </si>
  <si>
    <t>5702329751704</t>
  </si>
  <si>
    <t>VX K-Eind.-R. /10cm EKL FK06 2107ME</t>
  </si>
  <si>
    <t>EKL FK06 2107MJ</t>
  </si>
  <si>
    <t>5702329751711</t>
  </si>
  <si>
    <t>VX K-Eind.-R. /25cm EKL FK06 2107MJ</t>
  </si>
  <si>
    <t>EKL FK06 2121M</t>
  </si>
  <si>
    <t>5702329751728</t>
  </si>
  <si>
    <t>VX K-Eind.-R. 10-16 EKL FK06 2121M</t>
  </si>
  <si>
    <t>EKL FK06 2301M</t>
  </si>
  <si>
    <t>5702329751735</t>
  </si>
  <si>
    <t>VX K-Eind.-R. 10-16 EKL FK06 2301M</t>
  </si>
  <si>
    <t>EKL FK06 2303M</t>
  </si>
  <si>
    <t>5702329751759</t>
  </si>
  <si>
    <t>VX K-Eind.-R. EKL FK06 2303M</t>
  </si>
  <si>
    <t>EKL FK06 4021E2</t>
  </si>
  <si>
    <t>5702329305792</t>
  </si>
  <si>
    <t>VX K-Eind.-R. EKL FK06 4021E2</t>
  </si>
  <si>
    <t>EKL FK06 4021E3</t>
  </si>
  <si>
    <t>5702329970877</t>
  </si>
  <si>
    <t>VX K-Eind.-R. EKL FK06 4021E3</t>
  </si>
  <si>
    <t>EKL FK06 4031E2</t>
  </si>
  <si>
    <t>5702329690447</t>
  </si>
  <si>
    <t>VX K-Eind.-R. EKL FK06 4031E2</t>
  </si>
  <si>
    <t>EKL FK06 4031E3</t>
  </si>
  <si>
    <t>5702329970884</t>
  </si>
  <si>
    <t>VX K-Eind.-R. EKL FK06 4031E3</t>
  </si>
  <si>
    <t>EKL FK06 4121E2</t>
  </si>
  <si>
    <t>5702329621410</t>
  </si>
  <si>
    <t>VX K-Eind.-R. EKL FK06 4121E2</t>
  </si>
  <si>
    <t>EKL FK06 4121E3</t>
  </si>
  <si>
    <t>5702329970891</t>
  </si>
  <si>
    <t>VX K-Eind.-R. EKL FK06 4121E3</t>
  </si>
  <si>
    <t>EKL FK08 2001M</t>
  </si>
  <si>
    <t>5702329751827</t>
  </si>
  <si>
    <t>VX K-Eind.-R. 10-16 EKL FK08 2001M</t>
  </si>
  <si>
    <t>EKL FK08 2002M</t>
  </si>
  <si>
    <t>5702329751834</t>
  </si>
  <si>
    <t>VX K-Eind.-R. 10-16 EKL FK08 2002M</t>
  </si>
  <si>
    <t>EKL FK08 2003M</t>
  </si>
  <si>
    <t>5702329751841</t>
  </si>
  <si>
    <t>VX K-Eind.-R. EKL FK08 2003M</t>
  </si>
  <si>
    <t>EKL FK08 2004ME</t>
  </si>
  <si>
    <t>5702329751858</t>
  </si>
  <si>
    <t>VX K-Eind.-R. 10-16/10 EKL FK08 2004ME</t>
  </si>
  <si>
    <t>EKL FK08 2006ME</t>
  </si>
  <si>
    <t>5702329751872</t>
  </si>
  <si>
    <t>VX K-Eind.-R. /10cm EKL FK08 2006ME</t>
  </si>
  <si>
    <t>EKL FK08 2007ME</t>
  </si>
  <si>
    <t>5702329751896</t>
  </si>
  <si>
    <t>VX K-Eind.-R. /10cm EKL FK08 2007ME</t>
  </si>
  <si>
    <t>EKL FK08 2007MJ</t>
  </si>
  <si>
    <t>5702329751902</t>
  </si>
  <si>
    <t>VX K-Eind.-R. /25cm EKL FK08 2007MJ</t>
  </si>
  <si>
    <t>EKL FK08 2021M</t>
  </si>
  <si>
    <t>5702329751919</t>
  </si>
  <si>
    <t>VX K-Eind.-R. 10-16 EKL FK08 2021M</t>
  </si>
  <si>
    <t>EKL FK08 2103M</t>
  </si>
  <si>
    <t>5702329751940</t>
  </si>
  <si>
    <t>VX K-Eind.-R. EKL FK08 2103M</t>
  </si>
  <si>
    <t>EKL FK08 2121M</t>
  </si>
  <si>
    <t>5702329752015</t>
  </si>
  <si>
    <t>VX K-Eind.-R. 10-16 EKL FK08 2121M</t>
  </si>
  <si>
    <t>EKL FK08 2301M</t>
  </si>
  <si>
    <t>5702329752022</t>
  </si>
  <si>
    <t>VX K-Eind.-R. 10-16 EKL FK08 2301M</t>
  </si>
  <si>
    <t>EKL FK08 2303M</t>
  </si>
  <si>
    <t>5702329752046</t>
  </si>
  <si>
    <t>VX K-Eind.-R. EKL FK08 2303M</t>
  </si>
  <si>
    <t>EKL FK08 4021E2</t>
  </si>
  <si>
    <t>5702329305808</t>
  </si>
  <si>
    <t>VX K-Eind.-R. EKL FK08 4021E2</t>
  </si>
  <si>
    <t>EKL FK08 4021E3</t>
  </si>
  <si>
    <t>5702329970907</t>
  </si>
  <si>
    <t>VX K-Eind.-R. EKL FK08 4021E3</t>
  </si>
  <si>
    <t>EKL FK08 4031E2</t>
  </si>
  <si>
    <t>5702329690454</t>
  </si>
  <si>
    <t>VX K-Eind.-R. EKL FK08 4031E2</t>
  </si>
  <si>
    <t>EKL FK08 4031E3</t>
  </si>
  <si>
    <t>5702329970914</t>
  </si>
  <si>
    <t>VX K-Eind.-R. EKL FK08 4031E3</t>
  </si>
  <si>
    <t>EKL FK08 4121E2</t>
  </si>
  <si>
    <t>5702329621427</t>
  </si>
  <si>
    <t>VX K-Eind.-R. EKL FK08 4121E2</t>
  </si>
  <si>
    <t>EKL FK08 4121E3</t>
  </si>
  <si>
    <t>5702329970921</t>
  </si>
  <si>
    <t>VX K-Eind.-R. EKL FK08 4121E3</t>
  </si>
  <si>
    <t>EKL MK04 2001M</t>
  </si>
  <si>
    <t>5702329752114</t>
  </si>
  <si>
    <t>VX K-Eind.-R. 10-16 EKL MK04 2001M</t>
  </si>
  <si>
    <t>EKL MK04 2002M</t>
  </si>
  <si>
    <t>5702329752121</t>
  </si>
  <si>
    <t>VX K-Eind.-R. 10-16 EKL MK04 2002M</t>
  </si>
  <si>
    <t>EKL MK04 2003M</t>
  </si>
  <si>
    <t>5702329752138</t>
  </si>
  <si>
    <t>VX K-Eind.-R. EKL MK04 2003M</t>
  </si>
  <si>
    <t>EKL MK04 2004ME</t>
  </si>
  <si>
    <t>5702329752145</t>
  </si>
  <si>
    <t>VX K-Eind.-R. 10-16/10 EKL MK04 2004ME</t>
  </si>
  <si>
    <t>EKL MK04 2004MJ</t>
  </si>
  <si>
    <t>5702329752152</t>
  </si>
  <si>
    <t>VX K-Eind.-R. 10-16/25 EKL MK04 2004MJ</t>
  </si>
  <si>
    <t>EKL MK04 2006ME</t>
  </si>
  <si>
    <t>5702329752169</t>
  </si>
  <si>
    <t>VX K-Eind.-R. /10cm EKL MK04 2006ME</t>
  </si>
  <si>
    <t>EKL MK04 2006MJ</t>
  </si>
  <si>
    <t>5702329752176</t>
  </si>
  <si>
    <t>VX K-Eind.-R. /25cm EKL MK04 2006MJ</t>
  </si>
  <si>
    <t>EKL MK04 2007ME</t>
  </si>
  <si>
    <t>5702329752183</t>
  </si>
  <si>
    <t>VX K-Eind.-R. /10cm EKL MK04 2007ME</t>
  </si>
  <si>
    <t>EKL MK04 2007MJ</t>
  </si>
  <si>
    <t>5702329752190</t>
  </si>
  <si>
    <t>VX K-Eind.-R. /25cm EKL MK04 2007MJ</t>
  </si>
  <si>
    <t>EKL MK04 2021M</t>
  </si>
  <si>
    <t>5702329752206</t>
  </si>
  <si>
    <t>VX K-Eind.-R. 10-16 EKL MK04 2021M</t>
  </si>
  <si>
    <t>EKL MK04 2101M</t>
  </si>
  <si>
    <t>5702329752213</t>
  </si>
  <si>
    <t>VX K-Eind.-R. 10-16 EKL MK04 2101M</t>
  </si>
  <si>
    <t>EKL MK04 2103M</t>
  </si>
  <si>
    <t>5702329752237</t>
  </si>
  <si>
    <t>VX K-Eind.-R. EKL MK04 2103M</t>
  </si>
  <si>
    <t>EKL MK04 2104ME</t>
  </si>
  <si>
    <t>5702329752244</t>
  </si>
  <si>
    <t>VX K-Eind.-R. 10-16/10 EKL MK04 2104ME</t>
  </si>
  <si>
    <t>EKL MK04 2104MJ</t>
  </si>
  <si>
    <t>5702329752251</t>
  </si>
  <si>
    <t>VX K-Eind.-R. 10-16/25 EKL MK04 2104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L MK04 2106ME</t>
  </si>
  <si>
    <t>5702329752268</t>
  </si>
  <si>
    <t>VX K-Eind.-R. /10cm EKL MK04 2106ME</t>
  </si>
  <si>
    <t>EKL MK04 2106MJ</t>
  </si>
  <si>
    <t>5702329752275</t>
  </si>
  <si>
    <t>VX K-Eind.-R. /25cm EKL MK04 2106MJ</t>
  </si>
  <si>
    <t>EKL MK04 2121M</t>
  </si>
  <si>
    <t>5702329752305</t>
  </si>
  <si>
    <t>VX K-Eind.-R. 10-16 EKL MK04 2121M</t>
  </si>
  <si>
    <t>EKL MK04 2301M</t>
  </si>
  <si>
    <t>5702329752312</t>
  </si>
  <si>
    <t>VX K-Eind.-R. 10-16 EKL MK04 2301M</t>
  </si>
  <si>
    <t>EKL MK04 2302M</t>
  </si>
  <si>
    <t>5702329752329</t>
  </si>
  <si>
    <t>VX K-Eind.-R. 10-16 EKL MK04 2302M</t>
  </si>
  <si>
    <t>Schiefer Schichtstück u. Mitte Ti-Zink</t>
  </si>
  <si>
    <t>EKL MK04 2303M</t>
  </si>
  <si>
    <t>5702329752336</t>
  </si>
  <si>
    <t>VX K-Eind.-R. EKL MK04 2303M</t>
  </si>
  <si>
    <t>EKL MK04 4021E2</t>
  </si>
  <si>
    <t>5702329305815</t>
  </si>
  <si>
    <t>VX K-Eind.-R. EKL MK04 4021E2</t>
  </si>
  <si>
    <t>EKL MK04 4021E3</t>
  </si>
  <si>
    <t>5702329970938</t>
  </si>
  <si>
    <t>VX K-Eind.-R. EKL MK04 4021E3</t>
  </si>
  <si>
    <t>EKL MK04 4031E2</t>
  </si>
  <si>
    <t>5702329690461</t>
  </si>
  <si>
    <t>VX K-Eind.-R. EKL MK04 4031E2</t>
  </si>
  <si>
    <t>EKL MK04 4031E3</t>
  </si>
  <si>
    <t>5702329970945</t>
  </si>
  <si>
    <t>VX K-Eind.-R. EKL MK04 4031E3</t>
  </si>
  <si>
    <t>EKL MK04 4121E2</t>
  </si>
  <si>
    <t>5702329621434</t>
  </si>
  <si>
    <t>VX K-Eind.-R. EKL MK04 4121E2</t>
  </si>
  <si>
    <t>EKL MK04 4121E3</t>
  </si>
  <si>
    <t>5702329970952</t>
  </si>
  <si>
    <t>VX K-Eind.-R. EKL MK04 4121E3</t>
  </si>
  <si>
    <t>EKL MK06 2001M</t>
  </si>
  <si>
    <t>5702329752404</t>
  </si>
  <si>
    <t>VX K-Eind.-R. 10-16 EKL MK06 2001M</t>
  </si>
  <si>
    <t>EKL MK06 2002M</t>
  </si>
  <si>
    <t>5702329752411</t>
  </si>
  <si>
    <t>VX K-Eind.-R. 10-16 EKL MK06 2002M</t>
  </si>
  <si>
    <t>EKL MK06 2003M</t>
  </si>
  <si>
    <t>5702329752428</t>
  </si>
  <si>
    <t>VX K-Eind.-R. EKL MK06 2003M</t>
  </si>
  <si>
    <t>EKL MK06 2004ME</t>
  </si>
  <si>
    <t>5702329752435</t>
  </si>
  <si>
    <t>VX K-Eind.-R. 10-16/10 EKL MK06 2004ME</t>
  </si>
  <si>
    <t>EKL MK06 2004MJ</t>
  </si>
  <si>
    <t>5702329752442</t>
  </si>
  <si>
    <t>VX K-Eind.-R. 10-16/25 EKL MK06 2004MJ</t>
  </si>
  <si>
    <t>EKL MK06 2006ME</t>
  </si>
  <si>
    <t>5702329752459</t>
  </si>
  <si>
    <t>VX K-Eind.-R. /10cm EKL MK06 2006ME</t>
  </si>
  <si>
    <t>EKL MK06 2006MJ</t>
  </si>
  <si>
    <t>5702329752466</t>
  </si>
  <si>
    <t>VX K-Eind.-R. /25cm EKL MK06 2006MJ</t>
  </si>
  <si>
    <t>EKL MK06 2007ME</t>
  </si>
  <si>
    <t>5702329752473</t>
  </si>
  <si>
    <t>VX K-Eind.-R. /10cm EKL MK06 2007ME</t>
  </si>
  <si>
    <t>EKL MK06 2007MJ</t>
  </si>
  <si>
    <t>5702329752480</t>
  </si>
  <si>
    <t>VX K-Eind.-R. /25cm EKL MK06 2007MJ</t>
  </si>
  <si>
    <t>EKL MK06 2021M</t>
  </si>
  <si>
    <t>5702329752497</t>
  </si>
  <si>
    <t>VX K-Eind.-R. 10-16 EKL MK06 2021M</t>
  </si>
  <si>
    <t>EKL MK06 2102M</t>
  </si>
  <si>
    <t>5702329752510</t>
  </si>
  <si>
    <t>VX K-Eind.-R. 10-16 EKL MK06 2102M</t>
  </si>
  <si>
    <t>EKL MK06 2121M</t>
  </si>
  <si>
    <t>5702329752596</t>
  </si>
  <si>
    <t>VX K-Eind.-R. 10-16 EKL MK06 2121M</t>
  </si>
  <si>
    <t>EKL MK06 2301M</t>
  </si>
  <si>
    <t>5702329752602</t>
  </si>
  <si>
    <t>VX K-Eind.-R. 10-16 EKL MK06 2301M</t>
  </si>
  <si>
    <t>EKL MK06 2302M</t>
  </si>
  <si>
    <t>5702329752619</t>
  </si>
  <si>
    <t>VX K-Eind.-R. 10-16 EKL MK06 2302M</t>
  </si>
  <si>
    <t>EKL MK06 2303M</t>
  </si>
  <si>
    <t>5702329752626</t>
  </si>
  <si>
    <t>VX K-Eind.-R. EKL MK06 2303M</t>
  </si>
  <si>
    <t>EKL MK06 4021E2</t>
  </si>
  <si>
    <t>5702329305822</t>
  </si>
  <si>
    <t>VX K-Eind.-R. EKL MK06 4021E2</t>
  </si>
  <si>
    <t>EKL MK06 4021E3</t>
  </si>
  <si>
    <t>5702329970969</t>
  </si>
  <si>
    <t>VX K-Eind.-R. EKL MK06 4021E3</t>
  </si>
  <si>
    <t>EKL MK06 4031E2</t>
  </si>
  <si>
    <t>5702329690478</t>
  </si>
  <si>
    <t>VX K-Eind.-R. EKL MK06 4031E2</t>
  </si>
  <si>
    <t>EKL MK06 4031E3</t>
  </si>
  <si>
    <t>5702329970976</t>
  </si>
  <si>
    <t>VX K-Eind.-R. EKL MK06 4031E3</t>
  </si>
  <si>
    <t>EKL MK06 4121E2</t>
  </si>
  <si>
    <t>5702329621441</t>
  </si>
  <si>
    <t>VX K-Eind.-R. EKL MK06 4121E2</t>
  </si>
  <si>
    <t>EKL MK06 4121E3</t>
  </si>
  <si>
    <t>5702329970983</t>
  </si>
  <si>
    <t>VX K-Eind.-R. EKL MK06 4121E3</t>
  </si>
  <si>
    <t>EKL MK08 2001M</t>
  </si>
  <si>
    <t>5702329752695</t>
  </si>
  <si>
    <t>VX K-Eind.-R. 10-16 EKL MK08 2001M</t>
  </si>
  <si>
    <t>EKL MK08 2002M</t>
  </si>
  <si>
    <t>5702329752701</t>
  </si>
  <si>
    <t>VX K-Eind.-R. 10-16 EKL MK08 2002M</t>
  </si>
  <si>
    <t>EKL MK08 2003M</t>
  </si>
  <si>
    <t>5702329752718</t>
  </si>
  <si>
    <t>VX K-Eind.-R. EKL MK08 2003M</t>
  </si>
  <si>
    <t>EKL MK08 2004ME</t>
  </si>
  <si>
    <t>5702329752725</t>
  </si>
  <si>
    <t>VX K-Eind.-R. 10-16/10 EKL MK08 2004ME</t>
  </si>
  <si>
    <t>EKL MK08 2004MJ</t>
  </si>
  <si>
    <t>5702329752732</t>
  </si>
  <si>
    <t>VX K-Eind.-R. 10-16/25 EKL MK08 2004MJ</t>
  </si>
  <si>
    <t>EKL MK08 2006ME</t>
  </si>
  <si>
    <t>5702329752749</t>
  </si>
  <si>
    <t>VX K-Eind.-R. /10cm EKL MK08 2006ME</t>
  </si>
  <si>
    <t>EKL MK08 2006MJ</t>
  </si>
  <si>
    <t>5702329752756</t>
  </si>
  <si>
    <t>VX K-Eind.-R. /25cm EKL MK08 2006MJ</t>
  </si>
  <si>
    <t>EKL MK08 2007ME</t>
  </si>
  <si>
    <t>5702329752763</t>
  </si>
  <si>
    <t>VX K-Eind.-R. /10cm EKL MK08 2007ME</t>
  </si>
  <si>
    <t>EKL MK08 2007MJ</t>
  </si>
  <si>
    <t>5702329752770</t>
  </si>
  <si>
    <t>VX K-Eind.-R. /25cm EKL MK08 2007MJ</t>
  </si>
  <si>
    <t>EKL MK08 2021M</t>
  </si>
  <si>
    <t>5702329752787</t>
  </si>
  <si>
    <t>VX K-Eind.-R. 10-16 EKL MK08 2021M</t>
  </si>
  <si>
    <t>EKL MK08 2101M</t>
  </si>
  <si>
    <t>5702329752794</t>
  </si>
  <si>
    <t>VX K-Eind.-R. 10-16 EKL MK08 2101M</t>
  </si>
  <si>
    <t>EKL MK08 2102M</t>
  </si>
  <si>
    <t>5702329752800</t>
  </si>
  <si>
    <t>VX K-Eind.-R. 10-16 EKL MK08 2102M</t>
  </si>
  <si>
    <t>EKL MK08 2103M</t>
  </si>
  <si>
    <t>5702329752817</t>
  </si>
  <si>
    <t>VX K-Eind.-R. EKL MK08 2103M</t>
  </si>
  <si>
    <t>EKL MK08 2107ME</t>
  </si>
  <si>
    <t>5702329752862</t>
  </si>
  <si>
    <t>VX K-Eind.-R. /10cm EKL MK08 2107ME</t>
  </si>
  <si>
    <t>EKL MK08 2121M</t>
  </si>
  <si>
    <t>5702329752886</t>
  </si>
  <si>
    <t>VX K-Eind.-R. 10-16 EKL MK08 2121M</t>
  </si>
  <si>
    <t>EKL MK08 2301M</t>
  </si>
  <si>
    <t>5702329752893</t>
  </si>
  <si>
    <t>VX K-Eind.-R. 10-16 EKL MK08 2301M</t>
  </si>
  <si>
    <t>EKL MK08 2302M</t>
  </si>
  <si>
    <t>5702329752909</t>
  </si>
  <si>
    <t>VX K-Eind.-R. 10-16 EKL MK08 2302M</t>
  </si>
  <si>
    <t>EKL MK08 2303M</t>
  </si>
  <si>
    <t>5702329752916</t>
  </si>
  <si>
    <t>VX K-Eind.-R. EKL MK08 2303M</t>
  </si>
  <si>
    <t>EKL MK08 2304ME</t>
  </si>
  <si>
    <t>5702329752923</t>
  </si>
  <si>
    <t>VX K-Eind.-R. 10-16/10 EKL MK08 2304ME</t>
  </si>
  <si>
    <t>Schiefer Schichtstück o. links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L MK08 2306ME</t>
  </si>
  <si>
    <t>5702329752947</t>
  </si>
  <si>
    <t>VX K-Eind.-R. /10cm EKL MK08 2306ME</t>
  </si>
  <si>
    <t>Schiefer Schichtstück o. rechts Ti-Zink</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EKL MK08 4021E2</t>
  </si>
  <si>
    <t>5702329305839</t>
  </si>
  <si>
    <t>VX K-Eind.-R. EKL MK08 4021E2</t>
  </si>
  <si>
    <t>EKL MK08 4021E3</t>
  </si>
  <si>
    <t>5702329970990</t>
  </si>
  <si>
    <t>VX K-Eind.-R. EKL MK08 4021E3</t>
  </si>
  <si>
    <t>EKL MK08 4031E2</t>
  </si>
  <si>
    <t>5702329690485</t>
  </si>
  <si>
    <t>VX K-Eind.-R. EKL MK08 4031E2</t>
  </si>
  <si>
    <t>EKL MK08 4031E3</t>
  </si>
  <si>
    <t>5702329971003</t>
  </si>
  <si>
    <t>VX K-Eind.-R. EKL MK08 4031E3</t>
  </si>
  <si>
    <t>EKL MK08 4121E2</t>
  </si>
  <si>
    <t>5702329621458</t>
  </si>
  <si>
    <t>VX K-Eind.-R. EKL MK08 4121E2</t>
  </si>
  <si>
    <t>EKL MK08 4121E3</t>
  </si>
  <si>
    <t>5702329971010</t>
  </si>
  <si>
    <t>VX K-Eind.-R. EKL MK08 4121E3</t>
  </si>
  <si>
    <t>EKL MK10 2001M</t>
  </si>
  <si>
    <t>5702329752985</t>
  </si>
  <si>
    <t>VX K-Eind.-R. 10-16 EKL MK10 2001M</t>
  </si>
  <si>
    <t>EKL MK10 2002M</t>
  </si>
  <si>
    <t>5702329752992</t>
  </si>
  <si>
    <t>VX K-Eind.-R. 10-16 EKL MK10 2002M</t>
  </si>
  <si>
    <t>EKL MK10 2003M</t>
  </si>
  <si>
    <t>5702329753005</t>
  </si>
  <si>
    <t>VX K-Eind.-R. EKL MK10 2003M</t>
  </si>
  <si>
    <t>EKL MK10 2004ME</t>
  </si>
  <si>
    <t>5702329753012</t>
  </si>
  <si>
    <t>VX K-Eind.-R. 10-16/10 EKL MK10 2004ME</t>
  </si>
  <si>
    <t>EKL MK10 2004MJ</t>
  </si>
  <si>
    <t>5702329753029</t>
  </si>
  <si>
    <t>VX K-Eind.-R. 10-16/25 EKL MK10 2004MJ</t>
  </si>
  <si>
    <t>EKL MK10 2006ME</t>
  </si>
  <si>
    <t>5702329753036</t>
  </si>
  <si>
    <t>VX K-Eind.-R. /10cm EKL MK10 2006ME</t>
  </si>
  <si>
    <t>EKL MK10 2006MJ</t>
  </si>
  <si>
    <t>5702329753043</t>
  </si>
  <si>
    <t>VX K-Eind.-R. /25cm EKL MK10 2006MJ</t>
  </si>
  <si>
    <t>EKL MK10 2007ME</t>
  </si>
  <si>
    <t>5702329753050</t>
  </si>
  <si>
    <t>VX K-Eind.-R. /10cm EKL MK10 2007ME</t>
  </si>
  <si>
    <t>EKL MK10 2007MJ</t>
  </si>
  <si>
    <t>5702329753067</t>
  </si>
  <si>
    <t>VX K-Eind.-R. /25cm EKL MK10 2007MJ</t>
  </si>
  <si>
    <t>EKL MK10 2021M</t>
  </si>
  <si>
    <t>5702329753074</t>
  </si>
  <si>
    <t>VX K-Eind.-R. 10-16 EKL MK10 2021M</t>
  </si>
  <si>
    <t>EKL MK10 2121M</t>
  </si>
  <si>
    <t>5702329753173</t>
  </si>
  <si>
    <t>VX K-Eind.-R. 10-16 EKL MK10 2121M</t>
  </si>
  <si>
    <t>EKL MK10 2301M</t>
  </si>
  <si>
    <t>5702329753180</t>
  </si>
  <si>
    <t>VX K-Eind.-R. 10-16 EKL MK10 2301M</t>
  </si>
  <si>
    <t>EKL MK10 2303M</t>
  </si>
  <si>
    <t>5702329753203</t>
  </si>
  <si>
    <t>VX K-Eind.-R. EKL MK10 2303M</t>
  </si>
  <si>
    <t>EKL MK10 4021E2</t>
  </si>
  <si>
    <t>5702329305846</t>
  </si>
  <si>
    <t>VX K-Eind.-R. EKL MK10 4021E2</t>
  </si>
  <si>
    <t>EKL MK10 4021E3</t>
  </si>
  <si>
    <t>5702329971027</t>
  </si>
  <si>
    <t>VX K-Eind.-R. EKL MK10 4021E3</t>
  </si>
  <si>
    <t>EKL MK10 4031E2</t>
  </si>
  <si>
    <t>5702329690492</t>
  </si>
  <si>
    <t>VX K-Eind.-R. EKL MK10 4031E2</t>
  </si>
  <si>
    <t>EKL MK10 4031E3</t>
  </si>
  <si>
    <t>5702329971034</t>
  </si>
  <si>
    <t>VX K-Eind.-R. EKL MK10 4031E3</t>
  </si>
  <si>
    <t>EKL MK10 4121E2</t>
  </si>
  <si>
    <t>5702329621465</t>
  </si>
  <si>
    <t>VX K-Eind.-R. EKL MK10 4121E2</t>
  </si>
  <si>
    <t>EKL MK10 4121E3</t>
  </si>
  <si>
    <t>5702329971041</t>
  </si>
  <si>
    <t>VX K-Eind.-R. EKL MK10 4121E3</t>
  </si>
  <si>
    <t>EKL MK12 2001M</t>
  </si>
  <si>
    <t>5702329753272</t>
  </si>
  <si>
    <t>VX K-Eind.-R. 10-16 EKL MK12 2001M</t>
  </si>
  <si>
    <t>EKL MK12 2002M</t>
  </si>
  <si>
    <t>5702329753289</t>
  </si>
  <si>
    <t>VX K-Eind.-R. 10-16 EKL MK12 2002M</t>
  </si>
  <si>
    <t>EKL MK12 2003M</t>
  </si>
  <si>
    <t>5702329753296</t>
  </si>
  <si>
    <t>VX K-Eind.-R. EKL MK12 2003M</t>
  </si>
  <si>
    <t>EKL MK12 2004ME</t>
  </si>
  <si>
    <t>5702329753302</t>
  </si>
  <si>
    <t>VX K-Eind.-R. 10-16/10 EKL MK12 2004ME</t>
  </si>
  <si>
    <t>EKL MK12 2006ME</t>
  </si>
  <si>
    <t>5702329753319</t>
  </si>
  <si>
    <t>VX K-Eind.-R. /10cm EKL MK12 2006ME</t>
  </si>
  <si>
    <t>EKL MK12 2007ME</t>
  </si>
  <si>
    <t>5702329753326</t>
  </si>
  <si>
    <t>VX K-Eind.-R. /10cm EKL MK12 2007ME</t>
  </si>
  <si>
    <t>EKL MK12 2021M</t>
  </si>
  <si>
    <t>5702329753333</t>
  </si>
  <si>
    <t>VX K-Eind.-R. 10-16 EKL MK12 2021M</t>
  </si>
  <si>
    <t>EKL PK06 2001M</t>
  </si>
  <si>
    <t>5702329753517</t>
  </si>
  <si>
    <t>VX K-Eind.-R. 10-16 EKL PK06 2001M</t>
  </si>
  <si>
    <t>EKL PK06 2002M</t>
  </si>
  <si>
    <t>5702329753524</t>
  </si>
  <si>
    <t>VX K-Eind.-R. 10-16 EKL PK06 2002M</t>
  </si>
  <si>
    <t>EKL PK06 2003M</t>
  </si>
  <si>
    <t>5702329753531</t>
  </si>
  <si>
    <t>VX K-Eind.-R. EKL PK06 2003M</t>
  </si>
  <si>
    <t>EKL PK06 2004ME</t>
  </si>
  <si>
    <t>5702329753548</t>
  </si>
  <si>
    <t>VX K-Eind.-R. 10-16/10 EKL PK06 2004ME</t>
  </si>
  <si>
    <t>EKL PK06 2004MJ</t>
  </si>
  <si>
    <t>5702329753555</t>
  </si>
  <si>
    <t>VX K-Eind.-R. 10-16/25 EKL PK06 2004MJ</t>
  </si>
  <si>
    <t>EKL PK06 2006ME</t>
  </si>
  <si>
    <t>5702329753562</t>
  </si>
  <si>
    <t>VX K-Eind.-R. /10cm EKL PK06 2006ME</t>
  </si>
  <si>
    <t>EKL PK06 2006MJ</t>
  </si>
  <si>
    <t>5702329753579</t>
  </si>
  <si>
    <t>VX K-Eind.-R. /25cm EKL PK06 2006MJ</t>
  </si>
  <si>
    <t>EKL PK06 2007ME</t>
  </si>
  <si>
    <t>5702329753586</t>
  </si>
  <si>
    <t>VX K-Eind.-R. /10cm EKL PK06 2007ME</t>
  </si>
  <si>
    <t>EKL PK06 2007MJ</t>
  </si>
  <si>
    <t>5702329753593</t>
  </si>
  <si>
    <t>VX K-Eind.-R. /25cm EKL PK06 2007MJ</t>
  </si>
  <si>
    <t>EKL PK06 2021M</t>
  </si>
  <si>
    <t>5702329753609</t>
  </si>
  <si>
    <t>VX K-Eind.-R. 10-16 EKL PK06 2021M</t>
  </si>
  <si>
    <t>EKL PK06 2103M</t>
  </si>
  <si>
    <t>5702329753630</t>
  </si>
  <si>
    <t>VX K-Eind.-R. EKL PK06 2103M</t>
  </si>
  <si>
    <t>EKL PK06 2107ME</t>
  </si>
  <si>
    <t>5702329753685</t>
  </si>
  <si>
    <t>VX K-Eind.-R. /10cm EKL PK06 2107ME</t>
  </si>
  <si>
    <t>EKL PK06 2121M</t>
  </si>
  <si>
    <t>5702329753708</t>
  </si>
  <si>
    <t>VX K-Eind.-R. 10-16 EKL PK06 2121M</t>
  </si>
  <si>
    <t>EKL PK06 4021E2</t>
  </si>
  <si>
    <t>5702329305877</t>
  </si>
  <si>
    <t>VX K-Eind.-R. EKL PK06 4021E2</t>
  </si>
  <si>
    <t>EKL PK06 4021E3</t>
  </si>
  <si>
    <t>5702329971119</t>
  </si>
  <si>
    <t>VX K-Eind.-R. EKL PK06 4021E3</t>
  </si>
  <si>
    <t>EKL PK06 4121E2</t>
  </si>
  <si>
    <t>5702329621489</t>
  </si>
  <si>
    <t>VX K-Eind.-R. EKL PK06 4121E2</t>
  </si>
  <si>
    <t>EKL PK06 4121E3</t>
  </si>
  <si>
    <t>5702329971126</t>
  </si>
  <si>
    <t>VX K-Eind.-R. EKL PK06 4121E3</t>
  </si>
  <si>
    <t>EKL PK08 2001M</t>
  </si>
  <si>
    <t>5702329753807</t>
  </si>
  <si>
    <t>VX K-Eind.-R. 10-16 EKL PK08 2001M</t>
  </si>
  <si>
    <t>EKL PK08 2002M</t>
  </si>
  <si>
    <t>5702329753814</t>
  </si>
  <si>
    <t>VX K-Eind.-R. 10-16 EKL PK08 2002M</t>
  </si>
  <si>
    <t>EKL PK08 2003M</t>
  </si>
  <si>
    <t>5702329753821</t>
  </si>
  <si>
    <t>VX K-Eind.-R. EKL PK08 2003M</t>
  </si>
  <si>
    <t>EKL PK08 2004ME</t>
  </si>
  <si>
    <t>5702329753838</t>
  </si>
  <si>
    <t>VX K-Eind.-R. 10-16/10 EKL PK08 2004ME</t>
  </si>
  <si>
    <t>EKL PK08 2004MJ</t>
  </si>
  <si>
    <t>5702329753845</t>
  </si>
  <si>
    <t>VX K-Eind.-R. 10-16/25 EKL PK08 2004MJ</t>
  </si>
  <si>
    <t>EKL PK08 2006ME</t>
  </si>
  <si>
    <t>5702329753852</t>
  </si>
  <si>
    <t>VX K-Eind.-R. /10cm EKL PK08 2006ME</t>
  </si>
  <si>
    <t>EKL PK08 2006MJ</t>
  </si>
  <si>
    <t>5702329753869</t>
  </si>
  <si>
    <t>VX K-Eind.-R. /25cm EKL PK08 2006MJ</t>
  </si>
  <si>
    <t>EKL PK08 2007ME</t>
  </si>
  <si>
    <t>5702329753876</t>
  </si>
  <si>
    <t>VX K-Eind.-R. /10cm EKL PK08 2007ME</t>
  </si>
  <si>
    <t>EKL PK08 2007MJ</t>
  </si>
  <si>
    <t>5702329753883</t>
  </si>
  <si>
    <t>VX K-Eind.-R. /25cm EKL PK08 2007MJ</t>
  </si>
  <si>
    <t>EKL PK08 2021M</t>
  </si>
  <si>
    <t>5702329753890</t>
  </si>
  <si>
    <t>VX K-Eind.-R. 10-16 EKL PK08 2021M</t>
  </si>
  <si>
    <t>EKL PK08 2307ME</t>
  </si>
  <si>
    <t>5702329754071</t>
  </si>
  <si>
    <t>VX K-Eind.-R. /10cm EKL PK08 2307ME</t>
  </si>
  <si>
    <t>Schiefer Schichtstück o. einzeln Ti-Zink</t>
  </si>
  <si>
    <t>EKL PK08 4021E2</t>
  </si>
  <si>
    <t>5702329305884</t>
  </si>
  <si>
    <t>VX K-Eind.-R. EKL PK08 4021E2</t>
  </si>
  <si>
    <t>EKL PK08 4021E3</t>
  </si>
  <si>
    <t>5702329971140</t>
  </si>
  <si>
    <t>VX K-Eind.-R. EKL PK08 4021E3</t>
  </si>
  <si>
    <t>EKL PK08 4121E2</t>
  </si>
  <si>
    <t>5702329621496</t>
  </si>
  <si>
    <t>VX K-Eind.-R. EKL PK08 4121E2</t>
  </si>
  <si>
    <t>EKL PK08 4121E3</t>
  </si>
  <si>
    <t>5702329971157</t>
  </si>
  <si>
    <t>VX K-Eind.-R. EKL PK08 4121E3</t>
  </si>
  <si>
    <t>EKL PK10 2001M</t>
  </si>
  <si>
    <t>5702329754095</t>
  </si>
  <si>
    <t>VX K-Eind.-R. 10-16 EKL PK10 2001M</t>
  </si>
  <si>
    <t>EKL PK10 2002M</t>
  </si>
  <si>
    <t>5702329754101</t>
  </si>
  <si>
    <t>VX K-Eind.-R. 10-16 EKL PK10 2002M</t>
  </si>
  <si>
    <t>EKL PK10 2003M</t>
  </si>
  <si>
    <t>5702329754118</t>
  </si>
  <si>
    <t>VX K-Eind.-R. EKL PK10 2003M</t>
  </si>
  <si>
    <t>EKL PK10 2004ME</t>
  </si>
  <si>
    <t>5702329754125</t>
  </si>
  <si>
    <t>VX K-Eind.-R. 10-16/10 EKL PK10 2004ME</t>
  </si>
  <si>
    <t>EKL PK10 2004MJ</t>
  </si>
  <si>
    <t>5702329754132</t>
  </si>
  <si>
    <t>VX K-Eind.-R. 10-16/25 EKL PK10 2004MJ</t>
  </si>
  <si>
    <t>EKL PK10 2006ME</t>
  </si>
  <si>
    <t>5702329754149</t>
  </si>
  <si>
    <t>VX K-Eind.-R. /10cm EKL PK10 2006ME</t>
  </si>
  <si>
    <t>EKL PK10 2006MJ</t>
  </si>
  <si>
    <t>5702329754156</t>
  </si>
  <si>
    <t>VX K-Eind.-R. /25cm EKL PK10 2006MJ</t>
  </si>
  <si>
    <t>EKL PK10 2007ME</t>
  </si>
  <si>
    <t>5702329754163</t>
  </si>
  <si>
    <t>VX K-Eind.-R. /10cm EKL PK10 2007ME</t>
  </si>
  <si>
    <t>EKL PK10 2007MJ</t>
  </si>
  <si>
    <t>5702329754170</t>
  </si>
  <si>
    <t>VX K-Eind.-R. /25cm EKL PK10 2007MJ</t>
  </si>
  <si>
    <t>EKL PK10 2021M</t>
  </si>
  <si>
    <t>5702329754187</t>
  </si>
  <si>
    <t>VX K-Eind.-R. 10-16 EKL PK10 2021M</t>
  </si>
  <si>
    <t>EKL PK10 2101M</t>
  </si>
  <si>
    <t>5702329754194</t>
  </si>
  <si>
    <t>VX K-Eind.-R. 10-16 EKL PK10 2101M</t>
  </si>
  <si>
    <t>EKL PK10 2102M</t>
  </si>
  <si>
    <t>5702329754200</t>
  </si>
  <si>
    <t>VX K-Eind.-R. 10-16 EKL PK10 2102M</t>
  </si>
  <si>
    <t>EKL PK10 2103M</t>
  </si>
  <si>
    <t>5702329754217</t>
  </si>
  <si>
    <t>VX K-Eind.-R. EKL PK10 2103M</t>
  </si>
  <si>
    <t>EKL PK10 2121M</t>
  </si>
  <si>
    <t>5702329754286</t>
  </si>
  <si>
    <t>VX K-Eind.-R. 10-16 EKL PK10 2121M</t>
  </si>
  <si>
    <t>EKL PK10 2301M</t>
  </si>
  <si>
    <t>5702329754293</t>
  </si>
  <si>
    <t>VX K-Eind.-R. 10-16 EKL PK10 2301M</t>
  </si>
  <si>
    <t>EKL PK10 2303M</t>
  </si>
  <si>
    <t>5702329754316</t>
  </si>
  <si>
    <t>VX K-Eind.-R. EKL PK10 2303M</t>
  </si>
  <si>
    <t>EKL PK10 4021E2</t>
  </si>
  <si>
    <t>5702329305891</t>
  </si>
  <si>
    <t>VX K-Eind.-R. EKL PK10 4021E2</t>
  </si>
  <si>
    <t>EKL PK10 4021E3</t>
  </si>
  <si>
    <t>5702329971171</t>
  </si>
  <si>
    <t>VX K-Eind.-R. EKL PK10 4021E3</t>
  </si>
  <si>
    <t>EKL PK10 4121E2</t>
  </si>
  <si>
    <t>5702329621502</t>
  </si>
  <si>
    <t>VX K-Eind.-R. EKL PK10 4121E2</t>
  </si>
  <si>
    <t>EKL PK10 4121E3</t>
  </si>
  <si>
    <t>5702329971188</t>
  </si>
  <si>
    <t>VX K-Eind.-R. EKL PK10 4121E3</t>
  </si>
  <si>
    <t>EKL SK06 2001M</t>
  </si>
  <si>
    <t>5702329754576</t>
  </si>
  <si>
    <t>VX K-Eind.-R. 10-16 EKL SK06 2001M</t>
  </si>
  <si>
    <t>EKL SK06 2002M</t>
  </si>
  <si>
    <t>5702329754583</t>
  </si>
  <si>
    <t>VX K-Eind.-R. 10-16 EKL SK06 2002M</t>
  </si>
  <si>
    <t>EKL SK06 2003M</t>
  </si>
  <si>
    <t>5702329754590</t>
  </si>
  <si>
    <t>VX K-Eind.-R. EKL SK06 2003M</t>
  </si>
  <si>
    <t>EKL SK06 2004ME</t>
  </si>
  <si>
    <t>5702329754606</t>
  </si>
  <si>
    <t>VX K-Eind.-R. 10-16/10 EKL SK06 2004ME</t>
  </si>
  <si>
    <t>EKL SK06 2004MJ</t>
  </si>
  <si>
    <t>5702329754613</t>
  </si>
  <si>
    <t>VX K-Eind.-R. 10-16/25 EKL SK06 2004MJ</t>
  </si>
  <si>
    <t>EKL SK06 2006ME</t>
  </si>
  <si>
    <t>5702329754620</t>
  </si>
  <si>
    <t>VX K-Eind.-R. /10cm EKL SK06 2006ME</t>
  </si>
  <si>
    <t>EKL SK06 2006MJ</t>
  </si>
  <si>
    <t>5702329754637</t>
  </si>
  <si>
    <t>VX K-Eind.-R. /25cm EKL SK06 2006MJ</t>
  </si>
  <si>
    <t>EKL SK06 2007ME</t>
  </si>
  <si>
    <t>5702329754644</t>
  </si>
  <si>
    <t>VX K-Eind.-R. /10cm EKL SK06 2007ME</t>
  </si>
  <si>
    <t>EKL SK06 2007MJ</t>
  </si>
  <si>
    <t>5702329754651</t>
  </si>
  <si>
    <t>VX K-Eind.-R. /25cm EKL SK06 2007MJ</t>
  </si>
  <si>
    <t>EKL SK06 2021M</t>
  </si>
  <si>
    <t>5702329754668</t>
  </si>
  <si>
    <t>VX K-Eind.-R. 10-16 EKL SK06 2021M</t>
  </si>
  <si>
    <t>EKL SK06 2102M</t>
  </si>
  <si>
    <t>5702329754682</t>
  </si>
  <si>
    <t>VX K-Eind.-R. 10-16 EKL SK06 2102M</t>
  </si>
  <si>
    <t>EKL SK06 2103M</t>
  </si>
  <si>
    <t>5702329754699</t>
  </si>
  <si>
    <t>VX K-Eind.-R. EKL SK06 2103M</t>
  </si>
  <si>
    <t>EKL SK06 2121M</t>
  </si>
  <si>
    <t>5702329754767</t>
  </si>
  <si>
    <t>VX K-Eind.-R. 10-16 EKL SK06 2121M</t>
  </si>
  <si>
    <t>EKL SK06 2301M</t>
  </si>
  <si>
    <t>5702329754774</t>
  </si>
  <si>
    <t>VX K-Eind.-R. 10-16 EKL SK06 2301M</t>
  </si>
  <si>
    <t>EKL SK06 2303M</t>
  </si>
  <si>
    <t>5702329754798</t>
  </si>
  <si>
    <t>VX K-Eind.-R. EKL SK06 2303M</t>
  </si>
  <si>
    <t>EKL SK06 4021E2</t>
  </si>
  <si>
    <t>5702329305907</t>
  </si>
  <si>
    <t>VX K-Eind.-R. EKL SK06 4021E2</t>
  </si>
  <si>
    <t>EKL SK06 4021E3</t>
  </si>
  <si>
    <t>5702329971201</t>
  </si>
  <si>
    <t>VX K-Eind.-R. EKL SK06 4021E3</t>
  </si>
  <si>
    <t>EKL SK06 4121E2</t>
  </si>
  <si>
    <t>5702329621519</t>
  </si>
  <si>
    <t>VX K-Eind.-R. EKL SK06 4121E2</t>
  </si>
  <si>
    <t>EKL SK06 4121E3</t>
  </si>
  <si>
    <t>5702329971218</t>
  </si>
  <si>
    <t>VX K-Eind.-R. EKL SK06 4121E3</t>
  </si>
  <si>
    <t>EKL SK08 2001M</t>
  </si>
  <si>
    <t>5702329754866</t>
  </si>
  <si>
    <t>VX K-Eind.-R. 10-16 EKL SK08 2001M</t>
  </si>
  <si>
    <t>EKL SK08 2002M</t>
  </si>
  <si>
    <t>5702329754873</t>
  </si>
  <si>
    <t>VX K-Eind.-R. 10-16 EKL SK08 2002M</t>
  </si>
  <si>
    <t>EKL SK08 2003M</t>
  </si>
  <si>
    <t>5702329754880</t>
  </si>
  <si>
    <t>VX K-Eind.-R. EKL SK08 2003M</t>
  </si>
  <si>
    <t>EKL SK08 2004ME</t>
  </si>
  <si>
    <t>5702329754897</t>
  </si>
  <si>
    <t>VX K-Eind.-R. 10-16/10 EKL SK08 2004ME</t>
  </si>
  <si>
    <t>EKL SK08 2004MJ</t>
  </si>
  <si>
    <t>5702329754903</t>
  </si>
  <si>
    <t>VX K-Eind.-R. 10-16/25 EKL SK08 2004MJ</t>
  </si>
  <si>
    <t>EKL SK08 2006ME</t>
  </si>
  <si>
    <t>5702329754910</t>
  </si>
  <si>
    <t>VX K-Eind.-R. /10cm EKL SK08 2006ME</t>
  </si>
  <si>
    <t>EKL SK08 2006MJ</t>
  </si>
  <si>
    <t>5702329754927</t>
  </si>
  <si>
    <t>VX K-Eind.-R. /25cm EKL SK08 2006MJ</t>
  </si>
  <si>
    <t>EKL SK08 2007ME</t>
  </si>
  <si>
    <t>5702329754934</t>
  </si>
  <si>
    <t>VX K-Eind.-R. /10cm EKL SK08 2007ME</t>
  </si>
  <si>
    <t>EKL SK08 2007MJ</t>
  </si>
  <si>
    <t>5702329754941</t>
  </si>
  <si>
    <t>VX K-Eind.-R. /25cm EKL SK08 2007MJ</t>
  </si>
  <si>
    <t>EKL SK08 2021M</t>
  </si>
  <si>
    <t>5702329754958</t>
  </si>
  <si>
    <t>VX K-Eind.-R. 10-16 EKL SK08 2021M</t>
  </si>
  <si>
    <t>EKL SK08 2101M</t>
  </si>
  <si>
    <t>5702329754965</t>
  </si>
  <si>
    <t>VX K-Eind.-R. 10-16 EKL SK08 2101M</t>
  </si>
  <si>
    <t>EKL SK08 2102M</t>
  </si>
  <si>
    <t>5702329754972</t>
  </si>
  <si>
    <t>VX K-Eind.-R. 10-16 EKL SK08 2102M</t>
  </si>
  <si>
    <t>EKL SK08 2121M</t>
  </si>
  <si>
    <t>5702329755054</t>
  </si>
  <si>
    <t>VX K-Eind.-R. 10-16 EKL SK08 2121M</t>
  </si>
  <si>
    <t>EKL SK08 2301M</t>
  </si>
  <si>
    <t>5702329755061</t>
  </si>
  <si>
    <t>VX K-Eind.-R. 10-16 EKL SK08 2301M</t>
  </si>
  <si>
    <t>EKL SK08 2303M</t>
  </si>
  <si>
    <t>5702329755085</t>
  </si>
  <si>
    <t>VX K-Eind.-R. EKL SK08 2303M</t>
  </si>
  <si>
    <t>EKL SK08 4021E2</t>
  </si>
  <si>
    <t>5702329305914</t>
  </si>
  <si>
    <t>VX K-Eind.-R. EKL SK08 4021E2</t>
  </si>
  <si>
    <t>EKL SK08 4021E3</t>
  </si>
  <si>
    <t>5702329971232</t>
  </si>
  <si>
    <t>VX K-Eind.-R. EKL SK08 4021E3</t>
  </si>
  <si>
    <t>EKL SK08 4121E2</t>
  </si>
  <si>
    <t>5702329621526</t>
  </si>
  <si>
    <t>VX K-Eind.-R. EKL SK08 4121E2</t>
  </si>
  <si>
    <t>EKL SK08 4121E3</t>
  </si>
  <si>
    <t>5702329971249</t>
  </si>
  <si>
    <t>VX K-Eind.-R. EKL SK08 4121E3</t>
  </si>
  <si>
    <t>EKL SK10 2001M</t>
  </si>
  <si>
    <t>5702329755153</t>
  </si>
  <si>
    <t>VX K-Eind.-R. 10-16 EKL SK10 2001M</t>
  </si>
  <si>
    <t>EKL SK10 2002M</t>
  </si>
  <si>
    <t>5702329755160</t>
  </si>
  <si>
    <t>VX K-Eind.-R. 10-16 EKL SK10 2002M</t>
  </si>
  <si>
    <t>EKL SK10 2003M</t>
  </si>
  <si>
    <t>5702329755177</t>
  </si>
  <si>
    <t>VX K-Eind.-R. EKL SK10 2003M</t>
  </si>
  <si>
    <t>EKL SK10 2004ME</t>
  </si>
  <si>
    <t>5702329755184</t>
  </si>
  <si>
    <t>VX K-Eind.-R. 10-16/10 EKL SK10 2004ME</t>
  </si>
  <si>
    <t>EKL SK10 2004MJ</t>
  </si>
  <si>
    <t>5702329755191</t>
  </si>
  <si>
    <t>VX K-Eind.-R. 10-16/25 EKL SK10 2004MJ</t>
  </si>
  <si>
    <t>EKL SK10 2006ME</t>
  </si>
  <si>
    <t>5702329755207</t>
  </si>
  <si>
    <t>VX K-Eind.-R. /10cm EKL SK10 2006ME</t>
  </si>
  <si>
    <t>EKL SK10 2006MJ</t>
  </si>
  <si>
    <t>5702329755214</t>
  </si>
  <si>
    <t>VX K-Eind.-R. /25cm EKL SK10 2006MJ</t>
  </si>
  <si>
    <t>EKL SK10 2007ME</t>
  </si>
  <si>
    <t>5702329755221</t>
  </si>
  <si>
    <t>VX K-Eind.-R. /10cm EKL SK10 2007ME</t>
  </si>
  <si>
    <t>EKL SK10 2007MJ</t>
  </si>
  <si>
    <t>5702329755238</t>
  </si>
  <si>
    <t>VX K-Eind.-R. /25cm EKL SK10 2007MJ</t>
  </si>
  <si>
    <t>EKL SK10 2021M</t>
  </si>
  <si>
    <t>5702329755245</t>
  </si>
  <si>
    <t>VX K-Eind.-R. 10-16 EKL SK10 2021M</t>
  </si>
  <si>
    <t>EKL SK10 2121M</t>
  </si>
  <si>
    <t>5702329755344</t>
  </si>
  <si>
    <t>VX K-Eind.-R. 10-16 EKL SK10 2121M</t>
  </si>
  <si>
    <t>EKL SK10 2303M</t>
  </si>
  <si>
    <t>5702329755375</t>
  </si>
  <si>
    <t>VX K-Eind.-R. EKL SK10 2303M</t>
  </si>
  <si>
    <t>EKL SK10 4021E2</t>
  </si>
  <si>
    <t>5702329305921</t>
  </si>
  <si>
    <t>VX K-Eind.-R. EKL SK10 4021E2</t>
  </si>
  <si>
    <t>EKL SK10 4021E3</t>
  </si>
  <si>
    <t>5702329971263</t>
  </si>
  <si>
    <t>VX K-Eind.-R. EKL SK10 4021E3</t>
  </si>
  <si>
    <t>EKL SK10 4121E2</t>
  </si>
  <si>
    <t>5702329621533</t>
  </si>
  <si>
    <t>VX K-Eind.-R. EKL SK10 4121E2</t>
  </si>
  <si>
    <t>EKL SK10 4121E3</t>
  </si>
  <si>
    <t>5702329971270</t>
  </si>
  <si>
    <t>VX K-Eind.-R. EKL SK10 4121E3</t>
  </si>
  <si>
    <t>EKL UK04 2001M</t>
  </si>
  <si>
    <t>5702329755474</t>
  </si>
  <si>
    <t>VX K-Eind.-R. 10-16 EKL UK04 2001M</t>
  </si>
  <si>
    <t>EKL UK04 2002M</t>
  </si>
  <si>
    <t>5702329755481</t>
  </si>
  <si>
    <t>VX K-Eind.-R. 10-16 EKL UK04 2002M</t>
  </si>
  <si>
    <t>EKL UK04 2003M</t>
  </si>
  <si>
    <t>5702329755498</t>
  </si>
  <si>
    <t>VX K-Eind.-R. EKL UK04 2003M</t>
  </si>
  <si>
    <t>EKL UK04 2004ME</t>
  </si>
  <si>
    <t>5702329755504</t>
  </si>
  <si>
    <t>VX K-Eind.-R. 10-16/10 EKL UK04 2004ME</t>
  </si>
  <si>
    <t>EKL UK04 2004MJ</t>
  </si>
  <si>
    <t>5702329755511</t>
  </si>
  <si>
    <t>VX K-Eind.-R. 10-16/25 EKL UK04 2004MJ</t>
  </si>
  <si>
    <t>EKL UK04 2006ME</t>
  </si>
  <si>
    <t>5702329755528</t>
  </si>
  <si>
    <t>VX K-Eind.-R. /10cm EKL UK04 2006ME</t>
  </si>
  <si>
    <t>EKL UK04 2006MJ</t>
  </si>
  <si>
    <t>5702329755535</t>
  </si>
  <si>
    <t>VX K-Eind.-R. /25cm EKL UK04 2006MJ</t>
  </si>
  <si>
    <t>EKL UK04 2007ME</t>
  </si>
  <si>
    <t>5702329755542</t>
  </si>
  <si>
    <t>VX K-Eind.-R. /10cm EKL UK04 2007ME</t>
  </si>
  <si>
    <t>EKL UK04 2007MJ</t>
  </si>
  <si>
    <t>5702329755559</t>
  </si>
  <si>
    <t>VX K-Eind.-R. /25cm EKL UK04 2007MJ</t>
  </si>
  <si>
    <t>EKL UK04 2021M</t>
  </si>
  <si>
    <t>5702329755566</t>
  </si>
  <si>
    <t>VX K-Eind.-R. 10-16 EKL UK04 2021M</t>
  </si>
  <si>
    <t>EKL UK04 2102M</t>
  </si>
  <si>
    <t>5702329755580</t>
  </si>
  <si>
    <t>VX K-Eind.-R. 10-16 EKL UK04 2102M</t>
  </si>
  <si>
    <t>EKL UK04 2121M</t>
  </si>
  <si>
    <t>5702329755665</t>
  </si>
  <si>
    <t>VX K-Eind.-R. 10-16 EKL UK04 2121M</t>
  </si>
  <si>
    <t>EKL UK04 2302M</t>
  </si>
  <si>
    <t>5702329755689</t>
  </si>
  <si>
    <t>VX K-Eind.-R. 10-16 EKL UK04 2302M</t>
  </si>
  <si>
    <t>EKL UK04 2304MJ</t>
  </si>
  <si>
    <t>5702329755719</t>
  </si>
  <si>
    <t>VX K-Eind.-R. 10-16/25 EKL UK04 2304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L UK04 2307MJ</t>
  </si>
  <si>
    <t>5702329755757</t>
  </si>
  <si>
    <t>VX K-Eind.-R. /25cm EKL UK04 2307MJ</t>
  </si>
  <si>
    <t>----------------------------------------
Geeignet für Dächer mit flachem Eindeck-
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EKL UK04 4021E2</t>
  </si>
  <si>
    <t>5702329305938</t>
  </si>
  <si>
    <t>VX K-Eind.-R. EKL UK04 4021E2</t>
  </si>
  <si>
    <t>EKL UK04 4021E3</t>
  </si>
  <si>
    <t>5702329971294</t>
  </si>
  <si>
    <t>VX K-Eind.-R. EKL UK04 4021E3</t>
  </si>
  <si>
    <t>EKL UK04 4121E2</t>
  </si>
  <si>
    <t>5702329621540</t>
  </si>
  <si>
    <t>VX K-Eind.-R. EKL UK04 4121E2</t>
  </si>
  <si>
    <t>EKL UK04 4121E3</t>
  </si>
  <si>
    <t>5702329971300</t>
  </si>
  <si>
    <t>VX K-Eind.-R. EKL UK04 4121E3</t>
  </si>
  <si>
    <t>EKL UK08 2001M</t>
  </si>
  <si>
    <t>5702329755764</t>
  </si>
  <si>
    <t>VX K-Eind.-R. 10-16 EKL UK08 2001M</t>
  </si>
  <si>
    <t>EKL UK08 2002M</t>
  </si>
  <si>
    <t>5702329755771</t>
  </si>
  <si>
    <t>VX K-Eind.-R. 10-16 EKL UK08 2002M</t>
  </si>
  <si>
    <t>EKL UK08 2003M</t>
  </si>
  <si>
    <t>5702329755788</t>
  </si>
  <si>
    <t>VX K-Eind.-R. EKL UK08 2003M</t>
  </si>
  <si>
    <t>EKL UK08 2004ME</t>
  </si>
  <si>
    <t>5702329755795</t>
  </si>
  <si>
    <t>VX K-Eind.-R. 10-16/10 EKL UK08 2004ME</t>
  </si>
  <si>
    <t>EKL UK08 2004MJ</t>
  </si>
  <si>
    <t>5702329755801</t>
  </si>
  <si>
    <t>VX K-Eind.-R. 10-16/25 EKL UK08 2004MJ</t>
  </si>
  <si>
    <t>EKL UK08 2006ME</t>
  </si>
  <si>
    <t>5702329755818</t>
  </si>
  <si>
    <t>VX K-Eind.-R. /10cm EKL UK08 2006ME</t>
  </si>
  <si>
    <t>EKL UK08 2006MJ</t>
  </si>
  <si>
    <t>5702329755825</t>
  </si>
  <si>
    <t>VX K-Eind.-R. /25cm EKL UK08 2006MJ</t>
  </si>
  <si>
    <t>EKL UK08 2007ME</t>
  </si>
  <si>
    <t>5702329755832</t>
  </si>
  <si>
    <t>VX K-Eind.-R. /10cm EKL UK08 2007ME</t>
  </si>
  <si>
    <t>EKL UK08 2007MJ</t>
  </si>
  <si>
    <t>5702329755849</t>
  </si>
  <si>
    <t>VX K-Eind.-R. /25cm EKL UK08 2007MJ</t>
  </si>
  <si>
    <t>EKL UK08 2021M</t>
  </si>
  <si>
    <t>5702329755856</t>
  </si>
  <si>
    <t>VX K-Eind.-R. 10-16 EKL UK08 2021M</t>
  </si>
  <si>
    <t>EKL UK08 2107ME</t>
  </si>
  <si>
    <t>5702329755931</t>
  </si>
  <si>
    <t>VX K-Eind.-R. /10cm EKL UK08 2107ME</t>
  </si>
  <si>
    <t>EKL UK08 2107MJ</t>
  </si>
  <si>
    <t>5702329755948</t>
  </si>
  <si>
    <t>VX K-Eind.-R. /25cm EKL UK08 2107MJ</t>
  </si>
  <si>
    <t>EKL UK08 2121M</t>
  </si>
  <si>
    <t>5702329755955</t>
  </si>
  <si>
    <t>VX K-Eind.-R. 10-16 EKL UK08 2121M</t>
  </si>
  <si>
    <t>EKL UK08 4021E2</t>
  </si>
  <si>
    <t>5702329305945</t>
  </si>
  <si>
    <t>VX K-Eind.-R. EKL UK08 4021E2</t>
  </si>
  <si>
    <t>EKL UK08 4021E3</t>
  </si>
  <si>
    <t>5702329971324</t>
  </si>
  <si>
    <t>VX K-Eind.-R. EKL UK08 4021E3</t>
  </si>
  <si>
    <t>EKL UK08 4121E2</t>
  </si>
  <si>
    <t>5702329621557</t>
  </si>
  <si>
    <t>VX K-Eind.-R. EKL UK08 4121E2</t>
  </si>
  <si>
    <t>EKL UK08 4121E3</t>
  </si>
  <si>
    <t>5702329971331</t>
  </si>
  <si>
    <t>VX K-Eind.-R. EKL UK08 4121E3</t>
  </si>
  <si>
    <t>EKL UK10 2001M</t>
  </si>
  <si>
    <t>5702329756051</t>
  </si>
  <si>
    <t>VX K-Eind.-R. 10-16 EKL UK10 2001M</t>
  </si>
  <si>
    <t>EKL UK10 2002M</t>
  </si>
  <si>
    <t>5702329756068</t>
  </si>
  <si>
    <t>VX K-Eind.-R. 10-16 EKL UK10 2002M</t>
  </si>
  <si>
    <t>EKL UK10 2003M</t>
  </si>
  <si>
    <t>5702329756075</t>
  </si>
  <si>
    <t>VX K-Eind.-R. EKL UK10 2003M</t>
  </si>
  <si>
    <t>EKL UK10 2004ME</t>
  </si>
  <si>
    <t>5702329756082</t>
  </si>
  <si>
    <t>VX K-Eind.-R. 10-16/10 EKL UK10 2004ME</t>
  </si>
  <si>
    <t>EKL UK10 2004MJ</t>
  </si>
  <si>
    <t>5702329756099</t>
  </si>
  <si>
    <t>VX K-Eind.-R. 10-16/25 EKL UK10 2004MJ</t>
  </si>
  <si>
    <t>EKL UK10 2006ME</t>
  </si>
  <si>
    <t>5702329756105</t>
  </si>
  <si>
    <t>VX K-Eind.-R. /10cm EKL UK10 2006ME</t>
  </si>
  <si>
    <t>EKL UK10 2006MJ</t>
  </si>
  <si>
    <t>5702329756112</t>
  </si>
  <si>
    <t>VX K-Eind.-R. /25cm EKL UK10 2006MJ</t>
  </si>
  <si>
    <t>EKL UK10 2007ME</t>
  </si>
  <si>
    <t>5702329756129</t>
  </si>
  <si>
    <t>VX K-Eind.-R. /10cm EKL UK10 2007ME</t>
  </si>
  <si>
    <t>EKL UK10 2007MJ</t>
  </si>
  <si>
    <t>5702329756136</t>
  </si>
  <si>
    <t>VX K-Eind.-R. /25cm EKL UK10 2007MJ</t>
  </si>
  <si>
    <t>EKL UK10 2021M</t>
  </si>
  <si>
    <t>5702329756143</t>
  </si>
  <si>
    <t>VX K-Eind.-R. 10-16 EKL UK10 2021M</t>
  </si>
  <si>
    <t>EKL UK10 2121M</t>
  </si>
  <si>
    <t>5702329756242</t>
  </si>
  <si>
    <t>VX K-Eind.-R. 10-16 EKL UK10 2121M</t>
  </si>
  <si>
    <t>EKN CK02 2001M</t>
  </si>
  <si>
    <t>5702329738385</t>
  </si>
  <si>
    <t>VELUX Eindeckr. ,li EKN CK02 2001M</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N CK02 2002M</t>
  </si>
  <si>
    <t>5702329738392</t>
  </si>
  <si>
    <t>VELUX Eindeckr. ,Mitte EKN CK02 2002M</t>
  </si>
  <si>
    <t>EKN CK02 2003M</t>
  </si>
  <si>
    <t>5702329738408</t>
  </si>
  <si>
    <t>VELUX Eindeckr. ,rechts EKN CK02 2003M</t>
  </si>
  <si>
    <t>EKN CK02 2004MJ</t>
  </si>
  <si>
    <t>5702329738422</t>
  </si>
  <si>
    <t>VELUX Eindeckrahmen EKN CK02 2004MJ</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N CK02 2006MJ</t>
  </si>
  <si>
    <t>5702329738446</t>
  </si>
  <si>
    <t>VELUX Eindeckrahmen EKN CK02 2006MJ</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N CK02 2007ME</t>
  </si>
  <si>
    <t>5702329738453</t>
  </si>
  <si>
    <t>VELUX Eindeckrahmen EKN CK02 2007ME</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N CK02 2007MJ</t>
  </si>
  <si>
    <t>5702329738460</t>
  </si>
  <si>
    <t>VELUX Eindeckrahmen EKN CK02 2007MJ</t>
  </si>
  <si>
    <t>EKN CK02 2021M</t>
  </si>
  <si>
    <t>5702329738477</t>
  </si>
  <si>
    <t>VELUX Vorteilsset EKN CK02 2021M</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mehrerer Fenster in 
Lichtbändern oder Kasetten
Eindeckrahmen-Set aus Element 1 
unten links und Element 3 unten rechts
Mit flexibel einstellbarer Mittelrinne
zwischen 10 und 16cm als Abstand zum
rechts danebenliegenden Fenster</t>
  </si>
  <si>
    <t>EKN CK02 4021E2</t>
  </si>
  <si>
    <t>5702329628105</t>
  </si>
  <si>
    <t>VELUX TWIN-Kit EKN CK02 4021E2</t>
  </si>
  <si>
    <t>----------------------------------------
Eindeckrahmen für vertieften
Einbau.
Geeignet für Dächer mit flachem
Eindeckmaterial bis 1,6 cm (2 x 0,8 cm)
Höhe. Seitenteile in Schichtstücken
mit je 33 cm Länge.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N CK02 4021E3</t>
  </si>
  <si>
    <t>5702320037845</t>
  </si>
  <si>
    <t>VELUX TWIN-Kit EKN CK02 4021E3</t>
  </si>
  <si>
    <t>----------------------------------------
Eindeckrahmen für vertieften
Einbau.
Geeignet für Dächer mit flachem
Eindeckmaterial bis 1,6 cm (2 x 0,8 cm)
Höhe. Seitenteile in Schichtstücken
mit je 33 cm Länge.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N CK02 4031E2</t>
  </si>
  <si>
    <t>5702329697736</t>
  </si>
  <si>
    <t>VELUX TRIO-Kit EKN CK02 4031E2</t>
  </si>
  <si>
    <t>----------------------------------------
Eindeckrahmen für vertieften
Einbau.
Geeignet für Dächer mit flachem
Eindeckmaterial bis 1,6 cm (2 x 0,8 cm)
Höhe. Seitenteile in Schichtstücken
mit je 33 cm Länge.
----------------------------------------
Seitliche und untere Blendrahmen-
verblechung.
----------------------------------------
Material: Aluminium im Farbton der
Fenster-Abdeckung.
----------------------------------------
Produktpaket für den Einau von 
3 Fenstern in Kombination nebeneinader
mit Blendrahmenabstand 10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N CK02 4031E3</t>
  </si>
  <si>
    <t>5702320037852</t>
  </si>
  <si>
    <t>VELUX TRIO-Kit EKN CK02 4031E3</t>
  </si>
  <si>
    <t>----------------------------------------
Eindeckrahmen für vertieften
Einbau.
Geeignet für Dächer mit flachem
Eindeckmaterial bis 1,6 cm (2 x 0,8 cm)
Höhe. Seitenteile in Schichtstücken
mit je 33 cm Länge.
----------------------------------------
Seitliche und untere Blendrahmen-
verblechung.
----------------------------------------
Material: Aluminium im Farbton der
Fenster-Abdeckung.
Abstand zum rechts danebenliegenden 
Fenster: 10cm</t>
  </si>
  <si>
    <t>EKN CK04 2001M</t>
  </si>
  <si>
    <t>5702329738668</t>
  </si>
  <si>
    <t>VELUX Eindeckr. ,li EKN CK04 2001M</t>
  </si>
  <si>
    <t>EKN CK04 2002M</t>
  </si>
  <si>
    <t>5702329738675</t>
  </si>
  <si>
    <t>VELUX Eindeckr. ,Mitte EKN CK04 2002M</t>
  </si>
  <si>
    <t>EKN CK04 2003M</t>
  </si>
  <si>
    <t>5702329738682</t>
  </si>
  <si>
    <t>VELUX Eindeckr. ,rechts EKN CK04 2003M</t>
  </si>
  <si>
    <t>EKN CK04 2007ME</t>
  </si>
  <si>
    <t>5702329738736</t>
  </si>
  <si>
    <t>VELUX Eindeckrahmen EKN CK04 2007ME</t>
  </si>
  <si>
    <t>EKN CK04 2021M</t>
  </si>
  <si>
    <t>5702329738750</t>
  </si>
  <si>
    <t>VELUX Vorteilsset EKN CK04 2021M</t>
  </si>
  <si>
    <t>EKN CK04 4021E2</t>
  </si>
  <si>
    <t>5702329628112</t>
  </si>
  <si>
    <t>VELUX TWIN-Kit EKN CK04 4021E2</t>
  </si>
  <si>
    <t>EKN CK04 4021E3</t>
  </si>
  <si>
    <t>5702320037869</t>
  </si>
  <si>
    <t>VELUX TWIN-Kit EKN CK04 4021E3</t>
  </si>
  <si>
    <t>EKN CK04 4031E2</t>
  </si>
  <si>
    <t>5702329697743</t>
  </si>
  <si>
    <t>VELUX TRIO-Kit EKN CK04 4031E2</t>
  </si>
  <si>
    <t>EKN CK04 4031E3</t>
  </si>
  <si>
    <t>5702320037876</t>
  </si>
  <si>
    <t>VELUX TRIO-Kit EKN CK04 4031E3</t>
  </si>
  <si>
    <t>EKN CK06 2001M</t>
  </si>
  <si>
    <t>5702329738941</t>
  </si>
  <si>
    <t>VELUX Kombi-Eindeckrahmen EKN CK06 2001M</t>
  </si>
  <si>
    <t>EKN CK06 2002M</t>
  </si>
  <si>
    <t>5702329738958</t>
  </si>
  <si>
    <t>VELUX Kombi-Eindeckrahmen EKN CK06 2002M</t>
  </si>
  <si>
    <t>EKN CK06 2003M</t>
  </si>
  <si>
    <t>5702329738965</t>
  </si>
  <si>
    <t>VELUX Kombi-Eindeckrahmen EKN CK06 2003M</t>
  </si>
  <si>
    <t>EKN CK06 2007ME</t>
  </si>
  <si>
    <t>5702329739016</t>
  </si>
  <si>
    <t>VELUX Kombi-Eindeckr. EKN CK06 2007ME</t>
  </si>
  <si>
    <t>EKN CK06 2021M</t>
  </si>
  <si>
    <t>5702329739030</t>
  </si>
  <si>
    <t>VELUX Vorteilsset EKN CK06 2021M</t>
  </si>
  <si>
    <t>EKN CK06 4021E2</t>
  </si>
  <si>
    <t>5702329628129</t>
  </si>
  <si>
    <t>VELUX TWIN-Kit EKN CK06 4021E2</t>
  </si>
  <si>
    <t>EKN CK06 4021E3</t>
  </si>
  <si>
    <t>5702320037883</t>
  </si>
  <si>
    <t>VELUX TWIN-Kit EKN CK06 4021E3</t>
  </si>
  <si>
    <t>EKN CK06 4031E2</t>
  </si>
  <si>
    <t>5702329697750</t>
  </si>
  <si>
    <t>VELUX TRIO-Kit EKN CK06 4031E2</t>
  </si>
  <si>
    <t>EKN CK06 4031E3</t>
  </si>
  <si>
    <t>5702320037890</t>
  </si>
  <si>
    <t>VELUX TRIO-Kit EKN CK06 4031E3</t>
  </si>
  <si>
    <t>EKN FK04 2001M</t>
  </si>
  <si>
    <t>5702329739221</t>
  </si>
  <si>
    <t>VELUX Eindeckr. ,li EKN FK04 2001M</t>
  </si>
  <si>
    <t>EKN FK04 2002M</t>
  </si>
  <si>
    <t>5702329739238</t>
  </si>
  <si>
    <t>VELUX Eindeckr. ,Mitte EKN FK04 2002M</t>
  </si>
  <si>
    <t>EKN FK04 2003M</t>
  </si>
  <si>
    <t>5702329739245</t>
  </si>
  <si>
    <t>VELUX Eindeckr. ,rechts EKN FK04 2003M</t>
  </si>
  <si>
    <t>EKN FK04 2007ME</t>
  </si>
  <si>
    <t>5702329739290</t>
  </si>
  <si>
    <t>VELUX Eindeckrahmen EKN FK04 2007ME</t>
  </si>
  <si>
    <t>EKN FK04 2007MJ</t>
  </si>
  <si>
    <t>5702329739306</t>
  </si>
  <si>
    <t>VELUX Eindeckrahmen EKN FK04 2007MJ</t>
  </si>
  <si>
    <t>EKN FK04 2021M</t>
  </si>
  <si>
    <t>5702329739313</t>
  </si>
  <si>
    <t>VELUX Vorteilsset EKN FK04 2021M</t>
  </si>
  <si>
    <t>EKN FK04 4021E2</t>
  </si>
  <si>
    <t>5702329628136</t>
  </si>
  <si>
    <t>VELUX TWIN-Kit EKN FK04 4021E2</t>
  </si>
  <si>
    <t>EKN FK04 4021E3</t>
  </si>
  <si>
    <t>5702320037906</t>
  </si>
  <si>
    <t>VELUX TWIN-Kit EKN FK04 4021E3</t>
  </si>
  <si>
    <t>EKN FK04 4031E2</t>
  </si>
  <si>
    <t>5702329697767</t>
  </si>
  <si>
    <t>VELUX TRIO-Kit EKN FK04 4031E2</t>
  </si>
  <si>
    <t>EKN FK04 4031E3</t>
  </si>
  <si>
    <t>5702320037913</t>
  </si>
  <si>
    <t>VELUX TRIO-Kit EKN FK04 4031E3</t>
  </si>
  <si>
    <t>EKN FK06 2001M</t>
  </si>
  <si>
    <t>5702329739504</t>
  </si>
  <si>
    <t>VELUX Eindeckr. ,li EKN FK06 2001M</t>
  </si>
  <si>
    <t>EKN FK06 2002M</t>
  </si>
  <si>
    <t>5702329739511</t>
  </si>
  <si>
    <t>VELUX Eindeckr. ,Mitte EKN FK06 2002M</t>
  </si>
  <si>
    <t>EKN FK06 2003M</t>
  </si>
  <si>
    <t>5702329739528</t>
  </si>
  <si>
    <t>VELUX Eindeckr. ,rechts EKN FK06 2003M</t>
  </si>
  <si>
    <t>EKN FK06 2007ME</t>
  </si>
  <si>
    <t>5702329739573</t>
  </si>
  <si>
    <t>VELUX Eindeckrahmen EKN FK06 2007ME</t>
  </si>
  <si>
    <t>EKN FK06 2021M</t>
  </si>
  <si>
    <t>5702329739597</t>
  </si>
  <si>
    <t>VELUX Vorteilsset EKN FK06 2021M</t>
  </si>
  <si>
    <t>EKN FK06 4021E2</t>
  </si>
  <si>
    <t>5702329628143</t>
  </si>
  <si>
    <t>VELUX TWIN-Kit EKN FK06 4021E2</t>
  </si>
  <si>
    <t>EKN FK06 4021E3</t>
  </si>
  <si>
    <t>5702320037920</t>
  </si>
  <si>
    <t>VELUX TWIN-Kit EKN FK06 4021E3</t>
  </si>
  <si>
    <t>EKN FK06 4031E2</t>
  </si>
  <si>
    <t>5702329697774</t>
  </si>
  <si>
    <t>VELUX TRIO-Kit EKN FK06 4031E2</t>
  </si>
  <si>
    <t>EKN FK06 4031E3</t>
  </si>
  <si>
    <t>5702320037937</t>
  </si>
  <si>
    <t>VELUX TRIO-Kit EKN FK06 4031E3</t>
  </si>
  <si>
    <t>EKN FK08 2001M</t>
  </si>
  <si>
    <t>5702329739788</t>
  </si>
  <si>
    <t>VELUX Eindeckr. ,li EKN FK08 2001M</t>
  </si>
  <si>
    <t>EKN FK08 2002M</t>
  </si>
  <si>
    <t>5702329739795</t>
  </si>
  <si>
    <t>VELUX Eindeckr. ,Mitte EKN FK08 2002M</t>
  </si>
  <si>
    <t>EKN FK08 2003M</t>
  </si>
  <si>
    <t>5702329739801</t>
  </si>
  <si>
    <t>VELUX Eindeckr. ,rechts EKN FK08 2003M</t>
  </si>
  <si>
    <t>EKN FK08 2004ME</t>
  </si>
  <si>
    <t>5702329739818</t>
  </si>
  <si>
    <t>VELUX Eindeckrahmen EKN FK08 2004ME</t>
  </si>
  <si>
    <t>----------------------------------------
Eindeckrahmen für vertieften
Einbau.
Geeignet für Dächer mit flachem
Eindeckmaterial bis 1,6 cm (2 x 0,8 cm)
Höhe. Seitenteile in Schichtstücken
mit je 33 cm Länge.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N FK08 2006ME</t>
  </si>
  <si>
    <t>5702329739832</t>
  </si>
  <si>
    <t>VELUX Eindeckrahmen EKN FK08 2006ME</t>
  </si>
  <si>
    <t>EKN FK08 2007ME</t>
  </si>
  <si>
    <t>5702329739856</t>
  </si>
  <si>
    <t>VELUX Eindeckrahmen EKN FK08 2007ME</t>
  </si>
  <si>
    <t>EKN FK08 2021M</t>
  </si>
  <si>
    <t>5702329739870</t>
  </si>
  <si>
    <t>VELUX Vorteilsset EKN FK08 2021M</t>
  </si>
  <si>
    <t>EKN FK08 4021E2</t>
  </si>
  <si>
    <t>5702329628150</t>
  </si>
  <si>
    <t>VELUX TWIN-Kit EKN FK08 4021E2</t>
  </si>
  <si>
    <t>EKN FK08 4021E3</t>
  </si>
  <si>
    <t>5702320037944</t>
  </si>
  <si>
    <t>VELUX TWIN-Kit EKN FK08 4021E3</t>
  </si>
  <si>
    <t>EKN FK08 4031E2</t>
  </si>
  <si>
    <t>5702329697781</t>
  </si>
  <si>
    <t>VELUX TRIO-Kit EKN FK08 4031E2</t>
  </si>
  <si>
    <t>EKN FK08 4031E3</t>
  </si>
  <si>
    <t>5702320037951</t>
  </si>
  <si>
    <t>VELUX TRIO-Kit EKN FK08 4031E3</t>
  </si>
  <si>
    <t>EKN MK04 2001M</t>
  </si>
  <si>
    <t>5702329740067</t>
  </si>
  <si>
    <t>VELUX Eindeckr. ,li EKN MK04 2001M</t>
  </si>
  <si>
    <t>EKN MK04 2002M</t>
  </si>
  <si>
    <t>5702329740074</t>
  </si>
  <si>
    <t>VELUX Eindeckr. ,Mitte EKN MK04 2002M</t>
  </si>
  <si>
    <t>EKN MK04 2003M</t>
  </si>
  <si>
    <t>5702329740081</t>
  </si>
  <si>
    <t>VELUX Eindeckr. ,rechts EKN MK04 2003M</t>
  </si>
  <si>
    <t>EKN MK04 2004ME</t>
  </si>
  <si>
    <t>5702329740098</t>
  </si>
  <si>
    <t>VELUX Eindeckrahmen EKN MK04 2004ME</t>
  </si>
  <si>
    <t>EKN MK04 2004MJ</t>
  </si>
  <si>
    <t>5702329740104</t>
  </si>
  <si>
    <t>VELUX Eindeckrahmen EKN MK04 2004MJ</t>
  </si>
  <si>
    <t>EKN MK04 2006ME</t>
  </si>
  <si>
    <t>5702329740111</t>
  </si>
  <si>
    <t>VELUX Eindeckrahmen EKN MK04 2006ME</t>
  </si>
  <si>
    <t>EKN MK04 2006MJ</t>
  </si>
  <si>
    <t>5702329740128</t>
  </si>
  <si>
    <t>VELUX Eindeckrahmen EKN MK04 2006MJ</t>
  </si>
  <si>
    <t>EKN MK04 2007ME</t>
  </si>
  <si>
    <t>5702329740135</t>
  </si>
  <si>
    <t>VELUX Eindeckrahmen EKN MK04 2007ME</t>
  </si>
  <si>
    <t>EKN MK04 2007MJ</t>
  </si>
  <si>
    <t>5702329740142</t>
  </si>
  <si>
    <t>VELUX Eindeckrahmen EKN MK04 2007MJ</t>
  </si>
  <si>
    <t>EKN MK04 2021M</t>
  </si>
  <si>
    <t>5702329740159</t>
  </si>
  <si>
    <t>VELUX Vorteilsset EKN MK04 2021M</t>
  </si>
  <si>
    <t>EKN MK04 4021E2</t>
  </si>
  <si>
    <t>5702329628167</t>
  </si>
  <si>
    <t>VELUX TWIN-Kit EKN MK04 4021E2</t>
  </si>
  <si>
    <t>EKN MK04 4021E3</t>
  </si>
  <si>
    <t>5702320037968</t>
  </si>
  <si>
    <t>VELUX TWIN-Kit EKN MK04 4021E3</t>
  </si>
  <si>
    <t>EKN MK04 4031E2</t>
  </si>
  <si>
    <t>5702329697798</t>
  </si>
  <si>
    <t>VELUX TRIO-Kit EKN MK04 4031E2</t>
  </si>
  <si>
    <t>EKN MK04 4031E3</t>
  </si>
  <si>
    <t>5702320037975</t>
  </si>
  <si>
    <t>VELUX TRIO-Kit EKN MK04 4031E3</t>
  </si>
  <si>
    <t>EKN MK06 2001M</t>
  </si>
  <si>
    <t>5702329740340</t>
  </si>
  <si>
    <t>VELUX Eindeckr. ,li EKN MK06 2001M</t>
  </si>
  <si>
    <t>EKN MK06 2002M</t>
  </si>
  <si>
    <t>5702329740357</t>
  </si>
  <si>
    <t>VELUX Eindeckr. ,Mitte EKN MK06 2002M</t>
  </si>
  <si>
    <t>EKN MK06 2003M</t>
  </si>
  <si>
    <t>5702329740364</t>
  </si>
  <si>
    <t>VELUX Eindeckr. ,rechts EKN MK06 2003M</t>
  </si>
  <si>
    <t>EKN MK06 2004ME</t>
  </si>
  <si>
    <t>5702329740371</t>
  </si>
  <si>
    <t>VELUX Eindeckrahmen EKN MK06 2004ME</t>
  </si>
  <si>
    <t>EKN MK06 2004MJ</t>
  </si>
  <si>
    <t>5702329740388</t>
  </si>
  <si>
    <t>VELUX Eindeckrahmen EKN MK06 2004MJ</t>
  </si>
  <si>
    <t>EKN MK06 2006ME</t>
  </si>
  <si>
    <t>5702329740395</t>
  </si>
  <si>
    <t>VELUX Eindeckrahmen EKN MK06 2006ME</t>
  </si>
  <si>
    <t>EKN MK06 2006MJ</t>
  </si>
  <si>
    <t>5702329740401</t>
  </si>
  <si>
    <t>VELUX Eindeckrahmen EKN MK06 2006MJ</t>
  </si>
  <si>
    <t>EKN MK06 2007ME</t>
  </si>
  <si>
    <t>5702329740418</t>
  </si>
  <si>
    <t>VELUX Eindeckrahmen EKN MK06 2007ME</t>
  </si>
  <si>
    <t>EKN MK06 2021M</t>
  </si>
  <si>
    <t>5702329740432</t>
  </si>
  <si>
    <t>VELUX Vorteilsset EKN MK06 2021M</t>
  </si>
  <si>
    <t>EKN MK06 4021E2</t>
  </si>
  <si>
    <t>5702329628174</t>
  </si>
  <si>
    <t>VELUX TWIN-Kit EKN MK06 4021E2</t>
  </si>
  <si>
    <t>EKN MK06 4021E3</t>
  </si>
  <si>
    <t>5702320037982</t>
  </si>
  <si>
    <t>VELUX TWIN-Kit EKN MK06 4021E3</t>
  </si>
  <si>
    <t>EKN MK06 4031E2</t>
  </si>
  <si>
    <t>5702329697804</t>
  </si>
  <si>
    <t>VELUX TRIO-Kit EKN MK06 4031E2</t>
  </si>
  <si>
    <t>EKN MK06 4031E3</t>
  </si>
  <si>
    <t>5702320037999</t>
  </si>
  <si>
    <t>VELUX TRIO-Kit EKN MK06 4031E3</t>
  </si>
  <si>
    <t>EKN MK08 2001M</t>
  </si>
  <si>
    <t>5702329740623</t>
  </si>
  <si>
    <t>VELUX Eindeckr. ,li EKN MK08 2001M</t>
  </si>
  <si>
    <t>EKN MK08 2002M</t>
  </si>
  <si>
    <t>5702329740630</t>
  </si>
  <si>
    <t>VELUX Eindeckr. ,li EKN MK08 2002M</t>
  </si>
  <si>
    <t>EKN MK08 2003M</t>
  </si>
  <si>
    <t>5702329740647</t>
  </si>
  <si>
    <t>VELUX Eindeckr. ,rechts EKN MK08 2003M</t>
  </si>
  <si>
    <t>EKN MK08 2004ME</t>
  </si>
  <si>
    <t>5702329740654</t>
  </si>
  <si>
    <t>VELUX Eindeckrahmen EKN MK08 2004ME</t>
  </si>
  <si>
    <t>EKN MK08 2004MJ</t>
  </si>
  <si>
    <t>5702329740661</t>
  </si>
  <si>
    <t>VELUX Eindeckrahmen EKN MK08 2004MJ</t>
  </si>
  <si>
    <t>EKN MK08 2006ME</t>
  </si>
  <si>
    <t>5702329740678</t>
  </si>
  <si>
    <t>VELUX Eindeckrahmen EKN MK08 2006ME</t>
  </si>
  <si>
    <t>EKN MK08 2006MJ</t>
  </si>
  <si>
    <t>5702329740685</t>
  </si>
  <si>
    <t>VELUX Eindeckrahmen EKN MK08 2006MJ</t>
  </si>
  <si>
    <t>EKN MK08 2007ME</t>
  </si>
  <si>
    <t>5702329740692</t>
  </si>
  <si>
    <t>VELUX Eindeckrahmen EKN MK08 2007ME</t>
  </si>
  <si>
    <t>EKN MK08 2021M</t>
  </si>
  <si>
    <t>5702329740715</t>
  </si>
  <si>
    <t>VELUX Vorteilsset EKN MK08 2021M</t>
  </si>
  <si>
    <t>EKN MK08 4021E2</t>
  </si>
  <si>
    <t>5702329628181</t>
  </si>
  <si>
    <t>VELUX TWIN-Kit EKN MK08 4021E2</t>
  </si>
  <si>
    <t>EKN MK08 4021E3</t>
  </si>
  <si>
    <t>5702320038002</t>
  </si>
  <si>
    <t>VELUX TWIN-Kit EKN MK08 4021E3</t>
  </si>
  <si>
    <t>EKN MK08 4031E2</t>
  </si>
  <si>
    <t>5702329697811</t>
  </si>
  <si>
    <t>VELUX TRIO-Kit EKN MK08 4031E2</t>
  </si>
  <si>
    <t>EKN MK08 4031E3</t>
  </si>
  <si>
    <t>5702320038019</t>
  </si>
  <si>
    <t>VELUX TRIO-Kit EKN MK08 4031E3</t>
  </si>
  <si>
    <t>EKN MK10 2001M</t>
  </si>
  <si>
    <t>5702329740906</t>
  </si>
  <si>
    <t>VELUX Eindeckrahmen EKN MK10 2001M</t>
  </si>
  <si>
    <t>EKN MK10 2002M</t>
  </si>
  <si>
    <t>5702329740913</t>
  </si>
  <si>
    <t>VELUX Eindeckrahmen EKN MK10 2002M</t>
  </si>
  <si>
    <t>EKN MK10 2003M</t>
  </si>
  <si>
    <t>5702329740920</t>
  </si>
  <si>
    <t>VELUX Eindeckr. ,rechts EKN MK10 2003M</t>
  </si>
  <si>
    <t>EKN MK10 2004ME</t>
  </si>
  <si>
    <t>5702329740937</t>
  </si>
  <si>
    <t>VELUX Eindeckrahmen EKN MK10 2004ME</t>
  </si>
  <si>
    <t>EKN MK10 2004MJ</t>
  </si>
  <si>
    <t>5702329740944</t>
  </si>
  <si>
    <t>VELUX Eindeckrahmen EKN MK10 2004MJ</t>
  </si>
  <si>
    <t>EKN MK10 2006ME</t>
  </si>
  <si>
    <t>5702329740951</t>
  </si>
  <si>
    <t>VELUX Eindeckrahmen EKN MK10 2006ME</t>
  </si>
  <si>
    <t>EKN MK10 2006MJ</t>
  </si>
  <si>
    <t>5702329740968</t>
  </si>
  <si>
    <t>VELUX Eindeckrahmen EKN MK10 2006MJ</t>
  </si>
  <si>
    <t>EKN MK10 2007ME</t>
  </si>
  <si>
    <t>5702329740975</t>
  </si>
  <si>
    <t>VELUX Eindeckrahmen EKN MK10 2007ME</t>
  </si>
  <si>
    <t>EKN MK10 2007MJ</t>
  </si>
  <si>
    <t>5702329740982</t>
  </si>
  <si>
    <t>VELUX Eindeckrahmen EKN MK10 2007MJ</t>
  </si>
  <si>
    <t>EKN MK10 2021M</t>
  </si>
  <si>
    <t>5702329740999</t>
  </si>
  <si>
    <t>VELUX Vorteilsset EKN MK10 2021M</t>
  </si>
  <si>
    <t>EKN MK10 4021E2</t>
  </si>
  <si>
    <t>5702329628198</t>
  </si>
  <si>
    <t>VELUX TWIN-Kit EKN MK10 4021E2</t>
  </si>
  <si>
    <t>EKN MK10 4021E3</t>
  </si>
  <si>
    <t>5702320038026</t>
  </si>
  <si>
    <t>VELUX TWIN-Kit EKN MK10 4021E3</t>
  </si>
  <si>
    <t>EKN MK10 4031E2</t>
  </si>
  <si>
    <t>5702329697828</t>
  </si>
  <si>
    <t>VELUX TRIO-Kit EKN MK10 4031E2</t>
  </si>
  <si>
    <t>EKN MK10 4031E3</t>
  </si>
  <si>
    <t>5702320038033</t>
  </si>
  <si>
    <t>VELUX TRIO-Kit EKN MK10 4031E3</t>
  </si>
  <si>
    <t>EKN MK12 2001M</t>
  </si>
  <si>
    <t>5702329741187</t>
  </si>
  <si>
    <t>VELUX Kombi-Eindeckrahmen EKN MK12 2001M</t>
  </si>
  <si>
    <t>EKN MK12 2002M</t>
  </si>
  <si>
    <t>5702329741194</t>
  </si>
  <si>
    <t>VELUX Kombi-Eindeckrahmen EKN MK12 2002M</t>
  </si>
  <si>
    <t>EKN MK12 2003M</t>
  </si>
  <si>
    <t>5702329741200</t>
  </si>
  <si>
    <t>VELUX Kombi-Eindeckrahmen EKN MK12 2003M</t>
  </si>
  <si>
    <t>EKN PK06 2001M</t>
  </si>
  <si>
    <t>5702329741415</t>
  </si>
  <si>
    <t>VELUX Eindeckr. ,li EKN PK06 2001M</t>
  </si>
  <si>
    <t>EKN PK06 2002M</t>
  </si>
  <si>
    <t>5702329741422</t>
  </si>
  <si>
    <t>VELUX Eindeckr. ,rechts EKN PK06 2002M</t>
  </si>
  <si>
    <t>EKN PK06 2003M</t>
  </si>
  <si>
    <t>5702329741439</t>
  </si>
  <si>
    <t>VELUX Eindeckr. ,rechts EKN PK06 2003M</t>
  </si>
  <si>
    <t>EKN PK06 2004ME</t>
  </si>
  <si>
    <t>5702329741446</t>
  </si>
  <si>
    <t>VELUX Eindeckrahmen EKN PK06 2004ME</t>
  </si>
  <si>
    <t>EKN PK06 2006ME</t>
  </si>
  <si>
    <t>5702329741460</t>
  </si>
  <si>
    <t>VELUX Eindeckrahmen EKN PK06 2006ME</t>
  </si>
  <si>
    <t>EKN PK06 2007MJ</t>
  </si>
  <si>
    <t>5702329741491</t>
  </si>
  <si>
    <t>VELUX Eindeckrahmen EKN PK06 2007MJ</t>
  </si>
  <si>
    <t>EKN PK06 2021M</t>
  </si>
  <si>
    <t>5702329741507</t>
  </si>
  <si>
    <t>VELUX Vorteilsset EKN PK06 2021M</t>
  </si>
  <si>
    <t>EKN PK06 4021E2</t>
  </si>
  <si>
    <t>5702329628228</t>
  </si>
  <si>
    <t>VELUX TWIN-Kit EKN PK06 4021E2</t>
  </si>
  <si>
    <t>EKN PK08 2001M</t>
  </si>
  <si>
    <t>5702329741699</t>
  </si>
  <si>
    <t>VELUX Eindeckr. ,li EKN PK08 2001M</t>
  </si>
  <si>
    <t>EKN PK08 2002M</t>
  </si>
  <si>
    <t>5702329741705</t>
  </si>
  <si>
    <t>VELUX Eindeckr. ,li EKN PK08 2002M</t>
  </si>
  <si>
    <t>EKN PK08 2003M</t>
  </si>
  <si>
    <t>5702329741712</t>
  </si>
  <si>
    <t>VELUX Eindeckr. ,rechts EKN PK08 2003M</t>
  </si>
  <si>
    <t>EKN PK08 2004ME</t>
  </si>
  <si>
    <t>5702329741729</t>
  </si>
  <si>
    <t>VELUX Eindeckrahmen EKN PK08 2004ME</t>
  </si>
  <si>
    <t>EKN PK08 2006ME</t>
  </si>
  <si>
    <t>5702329741743</t>
  </si>
  <si>
    <t>VELUX Eindeckrahmen EKN PK08 2006ME</t>
  </si>
  <si>
    <t>EKN PK08 2007ME</t>
  </si>
  <si>
    <t>5702329741767</t>
  </si>
  <si>
    <t>VELUX Eindeckrahmen EKN PK08 2007ME</t>
  </si>
  <si>
    <t>EKN PK08 2007MJ</t>
  </si>
  <si>
    <t>5702329741774</t>
  </si>
  <si>
    <t>VELUX Eindeckrahmen EKN PK08 2007MJ</t>
  </si>
  <si>
    <t>EKN PK08 2021M</t>
  </si>
  <si>
    <t>5702329741781</t>
  </si>
  <si>
    <t>VELUX Vorteilsset EKN PK08 2021M</t>
  </si>
  <si>
    <t>EKN PK08 4021E2</t>
  </si>
  <si>
    <t>5702329628235</t>
  </si>
  <si>
    <t>VELUX TWIN-Kit EKN PK08 4021E2</t>
  </si>
  <si>
    <t>EKN PK10 2001M</t>
  </si>
  <si>
    <t>5702329741972</t>
  </si>
  <si>
    <t>VELUX Eindeckr. ,li EKN PK10 2001M</t>
  </si>
  <si>
    <t>EKN PK10 2002M</t>
  </si>
  <si>
    <t>5702329741989</t>
  </si>
  <si>
    <t>VELUX Eindeckr. ,li EKN PK10 2002M</t>
  </si>
  <si>
    <t>EKN PK10 2003M</t>
  </si>
  <si>
    <t>5702329741996</t>
  </si>
  <si>
    <t>VELUX Eindeckr. ,rechts EKN PK10 2003M</t>
  </si>
  <si>
    <t>EKN PK10 2004ME</t>
  </si>
  <si>
    <t>5702329742009</t>
  </si>
  <si>
    <t>VELUX Eindeckrahmen EKN PK10 2004ME</t>
  </si>
  <si>
    <t>EKN PK10 2006ME</t>
  </si>
  <si>
    <t>5702329742023</t>
  </si>
  <si>
    <t>VELUX Eindeckrahmen EKN PK10 2006ME</t>
  </si>
  <si>
    <t>EKN PK10 2007MJ</t>
  </si>
  <si>
    <t>5702329742054</t>
  </si>
  <si>
    <t>VELUX Eindeckrahmen EKN PK10 2007MJ</t>
  </si>
  <si>
    <t>EKN PK10 2021M</t>
  </si>
  <si>
    <t>5702329742061</t>
  </si>
  <si>
    <t>VELUX Vorteilsset EKN PK10 2021M</t>
  </si>
  <si>
    <t>EKN PK10 4021E2</t>
  </si>
  <si>
    <t>5702329628242</t>
  </si>
  <si>
    <t>VELUX TWIN-Kit EKN PK10 4021E2</t>
  </si>
  <si>
    <t>EKN PK25 2001M</t>
  </si>
  <si>
    <t>5702329742252</t>
  </si>
  <si>
    <t>VELUX Kombi-Eindeckrahmen EKN PK25 2001M</t>
  </si>
  <si>
    <t>EKN PK25 2003M</t>
  </si>
  <si>
    <t>5702329742276</t>
  </si>
  <si>
    <t>VELUX Kombi-Eindeckrahmen EKN PK25 2003M</t>
  </si>
  <si>
    <t>EKN SK06 2001M</t>
  </si>
  <si>
    <t>5702329742429</t>
  </si>
  <si>
    <t>VELUX Eindeckr. ,li EKN SK06 2001M</t>
  </si>
  <si>
    <t>EKN SK06 2002M</t>
  </si>
  <si>
    <t>5702329742436</t>
  </si>
  <si>
    <t>VELUX Eindeckr. ,Mitte EKN SK06 2002M</t>
  </si>
  <si>
    <t>EKN SK06 2003M</t>
  </si>
  <si>
    <t>5702329742443</t>
  </si>
  <si>
    <t>VELUX Eindeckr. ,rechts EKN SK06 2003M</t>
  </si>
  <si>
    <t>EKN SK06 2004ME</t>
  </si>
  <si>
    <t>5702329742450</t>
  </si>
  <si>
    <t>VELUX Eindeckrahmen EKN SK06 2004ME</t>
  </si>
  <si>
    <t>EKN SK06 2004MJ</t>
  </si>
  <si>
    <t>5702329742467</t>
  </si>
  <si>
    <t>VELUX Eindeckrahmen EKN SK06 2004MJ</t>
  </si>
  <si>
    <t>EKN SK06 2006ME</t>
  </si>
  <si>
    <t>5702329742474</t>
  </si>
  <si>
    <t>VELUX Eindeckrahmen EKN SK06 2006ME</t>
  </si>
  <si>
    <t>EKN SK06 2006MJ</t>
  </si>
  <si>
    <t>5702329742481</t>
  </si>
  <si>
    <t>VELUX Eindeckrahmen EKN SK06 2006MJ</t>
  </si>
  <si>
    <t>EKN SK06 2007ME</t>
  </si>
  <si>
    <t>5702329742498</t>
  </si>
  <si>
    <t>VELUX Eindeckrahmen EKN SK06 2007ME</t>
  </si>
  <si>
    <t>EKN SK06 2007MJ</t>
  </si>
  <si>
    <t>5702329742504</t>
  </si>
  <si>
    <t>VELUX Eindeckrahmen EKN SK06 2007MJ</t>
  </si>
  <si>
    <t>EKN SK06 2021M</t>
  </si>
  <si>
    <t>5702329742511</t>
  </si>
  <si>
    <t>VELUX Vorteilsset EKN SK06 2021M</t>
  </si>
  <si>
    <t>EKN SK06 4021E2</t>
  </si>
  <si>
    <t>5702329628259</t>
  </si>
  <si>
    <t>VELUX TWIN-Kit EKN SK06 4021E2</t>
  </si>
  <si>
    <t>EKN SK08 2001M</t>
  </si>
  <si>
    <t>5702329742702</t>
  </si>
  <si>
    <t>VELUX Eindeckr. ,li EKN SK08 2001M</t>
  </si>
  <si>
    <t>EKN SK08 2002M</t>
  </si>
  <si>
    <t>5702329742719</t>
  </si>
  <si>
    <t>VELUX Eindeckr. ,Mitte EKN SK08 2001M</t>
  </si>
  <si>
    <t>EKN SK08 2003M</t>
  </si>
  <si>
    <t>5702329742726</t>
  </si>
  <si>
    <t>VELUX Eindeckr. ,rechts EKN SK08 2003M</t>
  </si>
  <si>
    <t>EKN SK08 2004ME</t>
  </si>
  <si>
    <t>5702329742733</t>
  </si>
  <si>
    <t>VELUX Eindeckrahmen EKN SK08 2004ME</t>
  </si>
  <si>
    <t>EKN SK08 2004MJ</t>
  </si>
  <si>
    <t>5702329742740</t>
  </si>
  <si>
    <t>VELUX Eindeckrahmen EKN SK08 2004MJ</t>
  </si>
  <si>
    <t>EKN SK08 2006ME</t>
  </si>
  <si>
    <t>5702329742757</t>
  </si>
  <si>
    <t>VELUX Eindeckrahmen EKN SK08 2006ME</t>
  </si>
  <si>
    <t>EKN SK08 2006MJ</t>
  </si>
  <si>
    <t>5702329742764</t>
  </si>
  <si>
    <t>VELUX Eindeckrahmen EKN SK08 2006MJ</t>
  </si>
  <si>
    <t>EKN SK08 2007ME</t>
  </si>
  <si>
    <t>5702329742771</t>
  </si>
  <si>
    <t>VELUX Eindeckrahmen EKN SK08 2007ME</t>
  </si>
  <si>
    <t>EKN SK08 2007MJ</t>
  </si>
  <si>
    <t>5702329742788</t>
  </si>
  <si>
    <t>VELUX Eindeckrahmen EKN SK08 2007MJ</t>
  </si>
  <si>
    <t>EKN SK08 2021M</t>
  </si>
  <si>
    <t>5702329742795</t>
  </si>
  <si>
    <t>VELUX Vorteilsset EKN SK08 2021M</t>
  </si>
  <si>
    <t>EKN SK08 4021E2</t>
  </si>
  <si>
    <t>5702329628266</t>
  </si>
  <si>
    <t>VELUX TWIN-Kit EKN SK08 4021E2</t>
  </si>
  <si>
    <t>EKN SK10 2001M</t>
  </si>
  <si>
    <t>5702329742986</t>
  </si>
  <si>
    <t>VELUX Eindeckr. ,li EKN SK10 2001M</t>
  </si>
  <si>
    <t>EKN SK10 2002M</t>
  </si>
  <si>
    <t>5702329742993</t>
  </si>
  <si>
    <t>VELUX Eindeckr. ,li EKN SK10 2002M</t>
  </si>
  <si>
    <t>EKN SK10 2003M</t>
  </si>
  <si>
    <t>5702329743006</t>
  </si>
  <si>
    <t>VELUX Eindeckr. ,rechts EKN SK10 2003M</t>
  </si>
  <si>
    <t>EKN SK10 2007ME</t>
  </si>
  <si>
    <t>5702329743051</t>
  </si>
  <si>
    <t>VELUX Eindeckrahmen EKN SK10 2007ME</t>
  </si>
  <si>
    <t>EKN SK10 2021M</t>
  </si>
  <si>
    <t>5702329743075</t>
  </si>
  <si>
    <t>VELUX Vorteilsset EKN SK10 2021M</t>
  </si>
  <si>
    <t>EKN SK10 4021E2</t>
  </si>
  <si>
    <t>5702329628273</t>
  </si>
  <si>
    <t>VELUX TWIN-Kit EKN SK10 4021E2</t>
  </si>
  <si>
    <t>EKN UK04 2001M</t>
  </si>
  <si>
    <t>5702329743297</t>
  </si>
  <si>
    <t>VELUX Kombi-Eindeckrahmen EKN UK04 2001M</t>
  </si>
  <si>
    <t>EKN UK04 2002M</t>
  </si>
  <si>
    <t>5702329743303</t>
  </si>
  <si>
    <t>VELUX Kombi-Eindeckrahmen EKN UK04 2002M</t>
  </si>
  <si>
    <t>EKN UK04 2003M</t>
  </si>
  <si>
    <t>5702329743310</t>
  </si>
  <si>
    <t>VELUX Kombi-Eindeckrahmen EKN UK04 2003M</t>
  </si>
  <si>
    <t>EKN UK04 2007ME</t>
  </si>
  <si>
    <t>5702329743365</t>
  </si>
  <si>
    <t>VELUX Eindeckrahmen EKN UK04 2007ME</t>
  </si>
  <si>
    <t>EKN UK04 2007MJ</t>
  </si>
  <si>
    <t>5702329743372</t>
  </si>
  <si>
    <t>VELUX Eindeckrahmen EKN UK04 2007MJ</t>
  </si>
  <si>
    <t>EKN UK04 2021M</t>
  </si>
  <si>
    <t>5702329743389</t>
  </si>
  <si>
    <t>VELUX Vorteilsset EKN UK04 2021M</t>
  </si>
  <si>
    <t>EKN UK04 4021E2</t>
  </si>
  <si>
    <t>5702329628280</t>
  </si>
  <si>
    <t>VELUX TWIN-Kit EKN UK04 4021E2</t>
  </si>
  <si>
    <t>EKN UK08 2001M</t>
  </si>
  <si>
    <t>5702329743549</t>
  </si>
  <si>
    <t>VELUX Eindeckr. ,li EKN UK08 2001M</t>
  </si>
  <si>
    <t>EKN UK08 2002M</t>
  </si>
  <si>
    <t>5702329743556</t>
  </si>
  <si>
    <t>VELUX Eindeckr. ,Mitte EKN UK08 2002M</t>
  </si>
  <si>
    <t>EKN UK08 2003M</t>
  </si>
  <si>
    <t>5702329743563</t>
  </si>
  <si>
    <t>VELUX Eindeckr. ,rechts EKN UK08 2003M</t>
  </si>
  <si>
    <t>EKN UK08 2004ME</t>
  </si>
  <si>
    <t>5702329743570</t>
  </si>
  <si>
    <t>VELUX Eindeckrahmen EKN UK08 2004ME</t>
  </si>
  <si>
    <t>EKN UK08 2004MJ</t>
  </si>
  <si>
    <t>5702329743587</t>
  </si>
  <si>
    <t>VELUX Eindeckrahmen EKN UK08 2004MJ</t>
  </si>
  <si>
    <t>EKN UK08 2006ME</t>
  </si>
  <si>
    <t>5702329743594</t>
  </si>
  <si>
    <t>VELUX Eindeckrahmen EKN UK08 2006ME</t>
  </si>
  <si>
    <t>EKN UK08 2006MJ</t>
  </si>
  <si>
    <t>5702329743600</t>
  </si>
  <si>
    <t>VELUX Eindeckrahmen EKN UK08 2006MJ</t>
  </si>
  <si>
    <t>EKN UK08 2007ME</t>
  </si>
  <si>
    <t>5702329743617</t>
  </si>
  <si>
    <t>VELUX Eindeckrahmen EKN UK08 2007ME</t>
  </si>
  <si>
    <t>EKN UK08 2007MJ</t>
  </si>
  <si>
    <t>5702329743624</t>
  </si>
  <si>
    <t>VELUX Eindeckrahmen EKN UK08 2007MJ</t>
  </si>
  <si>
    <t>EKN UK08 2021M</t>
  </si>
  <si>
    <t>5702329743631</t>
  </si>
  <si>
    <t>VELUX Vorteilsset EKN UK08 2021M</t>
  </si>
  <si>
    <t>EKN UK08 4021E2</t>
  </si>
  <si>
    <t>5702329628297</t>
  </si>
  <si>
    <t>VELUX TWIN-Kit EKN UK08 4021E2</t>
  </si>
  <si>
    <t>EKN UK10 2001M</t>
  </si>
  <si>
    <t>5702329743822</t>
  </si>
  <si>
    <t>VELUX Eindeckr. ,li EKN UK10 2001M</t>
  </si>
  <si>
    <t>EKN UK10 2003M</t>
  </si>
  <si>
    <t>5702329743846</t>
  </si>
  <si>
    <t>VELUX Eindeckr. ,rechts EKN UK10 2003M</t>
  </si>
  <si>
    <t>EKN UK10 2021M</t>
  </si>
  <si>
    <t>5702329743914</t>
  </si>
  <si>
    <t>VELUX Vorteilsset EKN UK10 2021M</t>
  </si>
  <si>
    <t>EKQ CK02 2001M</t>
  </si>
  <si>
    <t>5702329781558</t>
  </si>
  <si>
    <t>K-ER. a=10-16cm EKQ CK02 2001M</t>
  </si>
  <si>
    <t>Metall u. links Alu inkl. BDX/BFX</t>
  </si>
  <si>
    <t>----------------------------------------
Geeignet für Metall-Stehfalzdächer mit
Klicksytem. Die Falzhöhe muss zwischen
2,5 cm und 3,5 cm betrag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Q CK02 2002M</t>
  </si>
  <si>
    <t>5702329781565</t>
  </si>
  <si>
    <t>K-ER. a=10-16cm EKQ CK02 2002M</t>
  </si>
  <si>
    <t>Metall u. Mitte Alu inkl. BDX/BFX</t>
  </si>
  <si>
    <t>EKQ CK02 2003M</t>
  </si>
  <si>
    <t>5702329781572</t>
  </si>
  <si>
    <t>K-ER. a=10-16cm EKQ CK02 2003M</t>
  </si>
  <si>
    <t>Metall u. rechts Alu inkl. BDX/BFX</t>
  </si>
  <si>
    <t>EKQ CK02 2004ME</t>
  </si>
  <si>
    <t>5702329781589</t>
  </si>
  <si>
    <t>VELUX Kombi-Eindeckr.EKQ CK02 2004ME</t>
  </si>
  <si>
    <t>----------------------------------------
Geeignet für Metall-Stehfalzdächer mit
Klicksytem. Die Falzhöhe muss zwischen
2,5 cm und 3,5 cm betrag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Q CK02 2006ME</t>
  </si>
  <si>
    <t>5702329781602</t>
  </si>
  <si>
    <t>VELUX Kombi-Eindeckr.EKQ CK02 2006ME</t>
  </si>
  <si>
    <t>----------------------------------------
Geeignet für Metall-Stehfalzdächer mit
Klicksytem. Die Falzhöhe muss zwischen
2,5 cm und 3,5 cm betrag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Q CK02 2007ME</t>
  </si>
  <si>
    <t>5702329847766</t>
  </si>
  <si>
    <t>VELUX Kombi-Eindeckr.EKQ CK02 2007ME</t>
  </si>
  <si>
    <t>EKQ CK04 2001M</t>
  </si>
  <si>
    <t>5702329781633</t>
  </si>
  <si>
    <t>K-ER. a=10-16cm EKQ CK04 2001M</t>
  </si>
  <si>
    <t>EKQ CK04 2002M</t>
  </si>
  <si>
    <t>5702329781640</t>
  </si>
  <si>
    <t>K-ER. a=10-16cm EKQ CK04 2002M</t>
  </si>
  <si>
    <t>EKQ CK04 2003M</t>
  </si>
  <si>
    <t>5702329781657</t>
  </si>
  <si>
    <t>K-ER. a=10-16cm EKQ CK04 2003M</t>
  </si>
  <si>
    <t>EKQ CK04 2004ME</t>
  </si>
  <si>
    <t>5702329781664</t>
  </si>
  <si>
    <t>VELUX Kombi-Eindeckr.EKQ CK04 2004ME</t>
  </si>
  <si>
    <t>EKQ CK04 2006ME</t>
  </si>
  <si>
    <t>5702329781688</t>
  </si>
  <si>
    <t>VELUX Kombi-Eindeckr.EKQ CK04 2006ME</t>
  </si>
  <si>
    <t>EKQ CK04 2007ME</t>
  </si>
  <si>
    <t>5702329847780</t>
  </si>
  <si>
    <t>VELUX Kombi-Eindeckr.EKQ CK04 2007ME</t>
  </si>
  <si>
    <t>EKQ CK06 2001M</t>
  </si>
  <si>
    <t>5702329781718</t>
  </si>
  <si>
    <t>K-ER. a=10-16cm EKQ CK06 2001M</t>
  </si>
  <si>
    <t>EKQ CK06 2002M</t>
  </si>
  <si>
    <t>5702329781725</t>
  </si>
  <si>
    <t>K-ER. a=10-16cm EKQ CK06 2002M</t>
  </si>
  <si>
    <t>EKQ CK06 2003M</t>
  </si>
  <si>
    <t>5702329781732</t>
  </si>
  <si>
    <t>K-ER. a=10-16cm EKQ CK06 2003M</t>
  </si>
  <si>
    <t>EKQ CK06 2004ME</t>
  </si>
  <si>
    <t>5702329781749</t>
  </si>
  <si>
    <t>VELUX Kombi-Eindeckr.EKQ CK06 2004ME</t>
  </si>
  <si>
    <t>EKQ CK06 2006ME</t>
  </si>
  <si>
    <t>5702329781763</t>
  </si>
  <si>
    <t>VELUX Kombi-Eindeckr.EKQ CK06 2006ME</t>
  </si>
  <si>
    <t>EKQ CK06 2007ME</t>
  </si>
  <si>
    <t>5702329847803</t>
  </si>
  <si>
    <t>VELUX Kombi-Eindeckr.EKQ CK06 2007ME</t>
  </si>
  <si>
    <t>EKQ FK04 2001M</t>
  </si>
  <si>
    <t>5702329781794</t>
  </si>
  <si>
    <t>K-ER. a=10-16cm EKQ FK04 2001M</t>
  </si>
  <si>
    <t>EKQ FK04 2002M</t>
  </si>
  <si>
    <t>5702329781800</t>
  </si>
  <si>
    <t>K-ER. a=10-16cm EKQ FK04 2002M</t>
  </si>
  <si>
    <t>EKQ FK04 2003M</t>
  </si>
  <si>
    <t>5702329781817</t>
  </si>
  <si>
    <t>K-ER. a=10-16cm EKQ FK04 2003M</t>
  </si>
  <si>
    <t>EKQ FK04 2004ME</t>
  </si>
  <si>
    <t>5702329781824</t>
  </si>
  <si>
    <t>VELUX Kombi-Eindeckr.EKQ FK04 2004ME</t>
  </si>
  <si>
    <t>EKQ FK04 2006ME</t>
  </si>
  <si>
    <t>5702329781848</t>
  </si>
  <si>
    <t>VELUX Kombi-Eindeckr.EKQ FK04 2006ME</t>
  </si>
  <si>
    <t>EKQ FK04 2007ME</t>
  </si>
  <si>
    <t>5702329847827</t>
  </si>
  <si>
    <t>VELUX Kombi-Eindeckr.EKQ FK04 2007ME</t>
  </si>
  <si>
    <t>EKQ FK06 2001M</t>
  </si>
  <si>
    <t>5702329781879</t>
  </si>
  <si>
    <t>K-ER. a=10-16cm EKQ FK06 2001M</t>
  </si>
  <si>
    <t>EKQ FK06 2002M</t>
  </si>
  <si>
    <t>5702329781886</t>
  </si>
  <si>
    <t>K-ER. a=10-16cm EKQ FK06 2002M</t>
  </si>
  <si>
    <t>EKQ FK06 2003M</t>
  </si>
  <si>
    <t>5702329781893</t>
  </si>
  <si>
    <t>K-ER. a=10-16cm EKQ FK06 2003M</t>
  </si>
  <si>
    <t>EKQ FK06 2004ME</t>
  </si>
  <si>
    <t>5702329781909</t>
  </si>
  <si>
    <t>VELUX Kombi-Eindeckr.EKQ FK06 2004ME</t>
  </si>
  <si>
    <t>EKQ FK06 2006ME</t>
  </si>
  <si>
    <t>5702329781923</t>
  </si>
  <si>
    <t>VELUX Kombi-Eindeckr.EKQ FK06 2006ME</t>
  </si>
  <si>
    <t>EKQ FK06 2007ME</t>
  </si>
  <si>
    <t>5702329847841</t>
  </si>
  <si>
    <t>VELUX Kombi-Eindeckr.EKQ FK06 2007ME</t>
  </si>
  <si>
    <t>EKQ FK08 2001M</t>
  </si>
  <si>
    <t>5702329781954</t>
  </si>
  <si>
    <t>K-ER. a=10-16cm EKQ FK08 2001M</t>
  </si>
  <si>
    <t>EKQ FK08 2002M</t>
  </si>
  <si>
    <t>5702329781961</t>
  </si>
  <si>
    <t>K-ER. a=10-16cm EKQ FK08 2002M</t>
  </si>
  <si>
    <t>EKQ FK08 2003M</t>
  </si>
  <si>
    <t>5702329781978</t>
  </si>
  <si>
    <t>K-ER. a=10-16cm EKQ FK08 2003M</t>
  </si>
  <si>
    <t>EKQ FK08 2004ME</t>
  </si>
  <si>
    <t>5702329781985</t>
  </si>
  <si>
    <t>VELUX Kombi-Eindeckr.EKQ FK08 2004ME</t>
  </si>
  <si>
    <t>EKQ FK08 2006ME</t>
  </si>
  <si>
    <t>5702329782005</t>
  </si>
  <si>
    <t>VELUX Kombi-Eindeckr.EKQ FK08 2006ME</t>
  </si>
  <si>
    <t>EKQ FK08 2007ME</t>
  </si>
  <si>
    <t>5702329847865</t>
  </si>
  <si>
    <t>VELUX Kombi-Eindeckr.EKQ FK08 2007ME</t>
  </si>
  <si>
    <t>EKQ MK04 2001M</t>
  </si>
  <si>
    <t>5702329782036</t>
  </si>
  <si>
    <t>K-ER. a=10-16cm EKQ MK04 2001M</t>
  </si>
  <si>
    <t>EKQ MK04 2002M</t>
  </si>
  <si>
    <t>5702329782043</t>
  </si>
  <si>
    <t>K-ER. a=10-16cm EKQ MK04 2002M</t>
  </si>
  <si>
    <t>EKQ MK04 2003M</t>
  </si>
  <si>
    <t>5702329782050</t>
  </si>
  <si>
    <t>K-ER. a=10-16cm EKQ MK04 2003M</t>
  </si>
  <si>
    <t>EKQ MK04 2004ME</t>
  </si>
  <si>
    <t>5702329782067</t>
  </si>
  <si>
    <t>VELUX Kombi-Eindeckr.EKQ MK04 2004ME</t>
  </si>
  <si>
    <t>EKQ MK04 2006ME</t>
  </si>
  <si>
    <t>5702329782081</t>
  </si>
  <si>
    <t>VELUX Kombi-Eindeckr.EKQ MK04 2006ME</t>
  </si>
  <si>
    <t>EKQ MK04 2007ME</t>
  </si>
  <si>
    <t>5702329847889</t>
  </si>
  <si>
    <t>VELUX Kombi-Eindeckr.EKQ MK04 2007ME</t>
  </si>
  <si>
    <t>EKQ MK06 2001M</t>
  </si>
  <si>
    <t>5702329782111</t>
  </si>
  <si>
    <t>K-ER. a=10-16cm EKQ MK06 2001M</t>
  </si>
  <si>
    <t>EKQ MK06 2002M</t>
  </si>
  <si>
    <t>5702329782128</t>
  </si>
  <si>
    <t>K-ER. a=10-16cm EKQ MK06 2002M</t>
  </si>
  <si>
    <t>EKQ MK06 2003M</t>
  </si>
  <si>
    <t>5702329782135</t>
  </si>
  <si>
    <t>K-ER. a=10-16cm EKQ MK06 2003M</t>
  </si>
  <si>
    <t>EKQ MK06 2004ME</t>
  </si>
  <si>
    <t>5702329782142</t>
  </si>
  <si>
    <t>VELUX Kombi-Eindeckr.EKQ MK06 2004ME</t>
  </si>
  <si>
    <t>EKQ MK06 2006ME</t>
  </si>
  <si>
    <t>5702329782166</t>
  </si>
  <si>
    <t>VELUX Kombi-Eindeckr.EKQ MK06 2006ME</t>
  </si>
  <si>
    <t>EKQ MK06 2007ME</t>
  </si>
  <si>
    <t>5702329847902</t>
  </si>
  <si>
    <t>VELUX Kombi-Eindeckr.EKQ MK06 2007ME</t>
  </si>
  <si>
    <t>EKQ MK08 2001M</t>
  </si>
  <si>
    <t>5702329782197</t>
  </si>
  <si>
    <t>K-ER. a=10-16cm EKQ MK08 2001M</t>
  </si>
  <si>
    <t>EKQ MK08 2002M</t>
  </si>
  <si>
    <t>5702329782203</t>
  </si>
  <si>
    <t>K-ER. a=10-16cm EKQ MK08 2002M</t>
  </si>
  <si>
    <t>EKQ MK08 2003M</t>
  </si>
  <si>
    <t>5702329782210</t>
  </si>
  <si>
    <t>K-ER. a=10-16cm EKQ MK08 2003M</t>
  </si>
  <si>
    <t>EKQ MK08 2004ME</t>
  </si>
  <si>
    <t>5702329782227</t>
  </si>
  <si>
    <t>VELUX Kombi-Eindeckr.EKQ MK08 2004ME</t>
  </si>
  <si>
    <t>EKQ MK08 2006ME</t>
  </si>
  <si>
    <t>5702329782241</t>
  </si>
  <si>
    <t>VELUX Kombi-Eindeckr.EKQ MK08 2006ME</t>
  </si>
  <si>
    <t>EKQ MK08 2007ME</t>
  </si>
  <si>
    <t>5702329847926</t>
  </si>
  <si>
    <t>VELUX Kombi-Eindeckr.EKQ MK08 2007ME</t>
  </si>
  <si>
    <t>EKQ MK10 2001M</t>
  </si>
  <si>
    <t>5702329782272</t>
  </si>
  <si>
    <t>K-ER. a=10-16cm EKQ MK10 2001M</t>
  </si>
  <si>
    <t>EKQ MK10 2002M</t>
  </si>
  <si>
    <t>5702329782289</t>
  </si>
  <si>
    <t>K-ER. a=10-16cm EKQ MK10 2002M</t>
  </si>
  <si>
    <t>EKQ MK10 2003M</t>
  </si>
  <si>
    <t>5702329782296</t>
  </si>
  <si>
    <t>K-ER. a=10-16cm EKQ MK10 2003M</t>
  </si>
  <si>
    <t>EKQ MK10 2004ME</t>
  </si>
  <si>
    <t>5702329782302</t>
  </si>
  <si>
    <t>VELUX Kombi-Eindeckr.EKQ MK10 2004ME</t>
  </si>
  <si>
    <t>EKQ MK10 2006ME</t>
  </si>
  <si>
    <t>5702329782326</t>
  </si>
  <si>
    <t>VELUX Kombi-Eindeckr.EKQ MK10 2006ME</t>
  </si>
  <si>
    <t>EKQ MK10 2007ME</t>
  </si>
  <si>
    <t>5702329847940</t>
  </si>
  <si>
    <t>VELUX Kombi-Eindeckr.EKQ MK10 2007ME</t>
  </si>
  <si>
    <t>EKQ PK06 2001M</t>
  </si>
  <si>
    <t>5702329782494</t>
  </si>
  <si>
    <t>K-ER. a=10-16cm EKQ PK06 2001M</t>
  </si>
  <si>
    <t>EKQ PK06 2002M</t>
  </si>
  <si>
    <t>5702329782500</t>
  </si>
  <si>
    <t>K-ER. a=10-16cm EKQ PK06 2002M</t>
  </si>
  <si>
    <t>EKQ PK06 2003M</t>
  </si>
  <si>
    <t>5702329782517</t>
  </si>
  <si>
    <t>K-ER. a=10-16cm EKQ PK06 2003M</t>
  </si>
  <si>
    <t>EKQ PK06 2004ME</t>
  </si>
  <si>
    <t>5702329782524</t>
  </si>
  <si>
    <t>VELUX Kombi-Eindeckr.EKQ PK06 2004ME</t>
  </si>
  <si>
    <t>EKQ PK06 2006ME</t>
  </si>
  <si>
    <t>5702329782548</t>
  </si>
  <si>
    <t>VELUX Kombi-Eindeckr.EKQ PK06 2006ME</t>
  </si>
  <si>
    <t>EKQ PK06 2007ME</t>
  </si>
  <si>
    <t>5702329848008</t>
  </si>
  <si>
    <t>VELUX Kombi-Eindeckr.EKQ PK06 2007ME</t>
  </si>
  <si>
    <t>EKQ PK08 2001M</t>
  </si>
  <si>
    <t>5702329782579</t>
  </si>
  <si>
    <t>K-ER. a=10-16cm EKQ PK08 2001M</t>
  </si>
  <si>
    <t>EKQ PK08 2002M</t>
  </si>
  <si>
    <t>5702329782586</t>
  </si>
  <si>
    <t>K-ER. a=10-16cm EKQ PK08 2002M</t>
  </si>
  <si>
    <t>EKQ PK08 2003M</t>
  </si>
  <si>
    <t>5702329782593</t>
  </si>
  <si>
    <t>K-ER. a=10-16cm EKQ PK08 2003M</t>
  </si>
  <si>
    <t>EKQ PK08 2004ME</t>
  </si>
  <si>
    <t>5702329782609</t>
  </si>
  <si>
    <t>VELUX Kombi-Eindeckr.EKQ PK08 2004ME</t>
  </si>
  <si>
    <t>EKQ PK08 2006ME</t>
  </si>
  <si>
    <t>5702329782623</t>
  </si>
  <si>
    <t>VELUX Kombi-Eindeckr.EKQ PK08 2006ME</t>
  </si>
  <si>
    <t>EKQ PK08 2007ME</t>
  </si>
  <si>
    <t>5702329848022</t>
  </si>
  <si>
    <t>VELUX Kombi-Eindeckr.EKQ PK08 2007ME</t>
  </si>
  <si>
    <t>EKQ PK10 2001M</t>
  </si>
  <si>
    <t>5702329782654</t>
  </si>
  <si>
    <t>K-ER. a=10-16cm EKQ PK10 2001M</t>
  </si>
  <si>
    <t>EKQ PK10 2002M</t>
  </si>
  <si>
    <t>5702329782661</t>
  </si>
  <si>
    <t>K-ER. a=10-16cm EKQ PK10 2002M</t>
  </si>
  <si>
    <t>EKQ PK10 2003M</t>
  </si>
  <si>
    <t>5702329782678</t>
  </si>
  <si>
    <t>K-ER. a=10-16cm EKQ PK10 2003M</t>
  </si>
  <si>
    <t>EKQ PK10 2004ME</t>
  </si>
  <si>
    <t>5702329782685</t>
  </si>
  <si>
    <t>VELUX Kombi-Eindeckr.EKQ PK10 2004ME</t>
  </si>
  <si>
    <t>EKQ PK10 2006ME</t>
  </si>
  <si>
    <t>5702329782708</t>
  </si>
  <si>
    <t>VELUX Kombi-Eindeckr.EKQ PK10 2006ME</t>
  </si>
  <si>
    <t>EKQ PK10 2007ME</t>
  </si>
  <si>
    <t>5702329848046</t>
  </si>
  <si>
    <t>VELUX Kombi-Eindeckr.EKQ PK10 2007ME</t>
  </si>
  <si>
    <t>EKQ SK06 2001M</t>
  </si>
  <si>
    <t>5702329782876</t>
  </si>
  <si>
    <t>K-ER. a=10-16cm EKQ SK06 2001M</t>
  </si>
  <si>
    <t>EKQ SK06 2002M</t>
  </si>
  <si>
    <t>5702329782883</t>
  </si>
  <si>
    <t>K-ER. a=10-16cm EKQ SK06 2002M</t>
  </si>
  <si>
    <t>EKQ SK06 2003M</t>
  </si>
  <si>
    <t>5702329782890</t>
  </si>
  <si>
    <t>K-ER. a=10-16cm EKQ SK06 2003M</t>
  </si>
  <si>
    <t>EKQ SK06 2004ME</t>
  </si>
  <si>
    <t>5702329782906</t>
  </si>
  <si>
    <t>VELUX Kombi-Eindeckr.EKQ SK06 2004ME</t>
  </si>
  <si>
    <t>EKQ SK06 2006ME</t>
  </si>
  <si>
    <t>5702329782920</t>
  </si>
  <si>
    <t>VELUX Kombi-Eindeckr.EKQ SK06 2006ME</t>
  </si>
  <si>
    <t>EKQ SK06 2007ME</t>
  </si>
  <si>
    <t>5702329848107</t>
  </si>
  <si>
    <t>VELUX Kombi-Eindeckr.EKQ SK06 2007ME</t>
  </si>
  <si>
    <t>EKQ SK08 2001M</t>
  </si>
  <si>
    <t>5702329782951</t>
  </si>
  <si>
    <t>K-ER. a=10-16cm EKQ SK08 2001M</t>
  </si>
  <si>
    <t>EKQ SK08 2002M</t>
  </si>
  <si>
    <t>5702329782968</t>
  </si>
  <si>
    <t>K-ER. a=10-16cm EKQ SK08 2002M</t>
  </si>
  <si>
    <t>EKQ SK08 2003M</t>
  </si>
  <si>
    <t>5702329782975</t>
  </si>
  <si>
    <t>K-ER. a=10-16cm EKQ SK08 2003M</t>
  </si>
  <si>
    <t>EKQ SK08 2004ME</t>
  </si>
  <si>
    <t>5702329782982</t>
  </si>
  <si>
    <t>VELUX Kombi-Eindeckr.EKQ SK08 2004ME</t>
  </si>
  <si>
    <t>EKQ SK08 2006ME</t>
  </si>
  <si>
    <t>5702329783002</t>
  </si>
  <si>
    <t>VELUX Kombi-Eindeckr.EKQ SK08 2006ME</t>
  </si>
  <si>
    <t>EKQ SK08 2007ME</t>
  </si>
  <si>
    <t>5702329848121</t>
  </si>
  <si>
    <t>VELUX Kombi-Eindeckr.EKQ SK08 2007ME</t>
  </si>
  <si>
    <t>EKQ SK10 2001M</t>
  </si>
  <si>
    <t>5702329783033</t>
  </si>
  <si>
    <t>K-ER. a=10-16cm EKQ SK10 2001M</t>
  </si>
  <si>
    <t>EKQ SK10 2002M</t>
  </si>
  <si>
    <t>5702329783040</t>
  </si>
  <si>
    <t>K-ER. a=10-16cm EKQ SK10 2002M</t>
  </si>
  <si>
    <t>EKQ SK10 2003M</t>
  </si>
  <si>
    <t>5702329783057</t>
  </si>
  <si>
    <t>K-ER. a=10-16cm EKQ SK10 2003M</t>
  </si>
  <si>
    <t>EKQ SK10 2004ME</t>
  </si>
  <si>
    <t>5702329783064</t>
  </si>
  <si>
    <t>VELUX Kombi-Eindeckr.EKQ SK10 2004ME</t>
  </si>
  <si>
    <t>EKQ SK10 2006ME</t>
  </si>
  <si>
    <t>5702329783088</t>
  </si>
  <si>
    <t>VELUX Kombi-Eindeckr.EKQ SK10 2006ME</t>
  </si>
  <si>
    <t>EKQ SK10 2007ME</t>
  </si>
  <si>
    <t>5702329848145</t>
  </si>
  <si>
    <t>VELUX Kombi-Eindeckr.EKQ SK10 2007ME</t>
  </si>
  <si>
    <t>EKQ UK04 2001M</t>
  </si>
  <si>
    <t>5702329783125</t>
  </si>
  <si>
    <t>K-ER. a=10-16cm EKQ UK04 2001M</t>
  </si>
  <si>
    <t>EKQ UK04 2002M</t>
  </si>
  <si>
    <t>5702329783132</t>
  </si>
  <si>
    <t>K-ER. a=10-16cm EKQ UK04 2002M</t>
  </si>
  <si>
    <t>EKQ UK04 2003M</t>
  </si>
  <si>
    <t>5702329783149</t>
  </si>
  <si>
    <t>K-ER. a=10-16cm EKQ UK04 2003M</t>
  </si>
  <si>
    <t>EKQ UK04 2004ME</t>
  </si>
  <si>
    <t>5702329783156</t>
  </si>
  <si>
    <t>VELUX Kombi-Eindeckr.EKQ UK04 2004ME</t>
  </si>
  <si>
    <t>EKQ UK04 2006ME</t>
  </si>
  <si>
    <t>5702329783170</t>
  </si>
  <si>
    <t>VELUX Kombi-Eindeckr.EKQ UK04 2006ME</t>
  </si>
  <si>
    <t>EKQ UK04 2007ME</t>
  </si>
  <si>
    <t>5702329848169</t>
  </si>
  <si>
    <t>VELUX Kombi-Eindeckr.EKQ UK04 2007ME</t>
  </si>
  <si>
    <t>EKQ UK08 2001M</t>
  </si>
  <si>
    <t>5702329783200</t>
  </si>
  <si>
    <t>K-ER. a=10-16cm EKQ UK08 2001M</t>
  </si>
  <si>
    <t>EKQ UK08 2002M</t>
  </si>
  <si>
    <t>5702329783217</t>
  </si>
  <si>
    <t>K-ER. a=10-16cm EKQ UK08 2002M</t>
  </si>
  <si>
    <t>EKQ UK08 2003M</t>
  </si>
  <si>
    <t>5702329783224</t>
  </si>
  <si>
    <t>K-ER. a=10-16cm EKQ UK08 2003M</t>
  </si>
  <si>
    <t>EKQ UK08 2004ME</t>
  </si>
  <si>
    <t>5702329783231</t>
  </si>
  <si>
    <t>VELUX Kombi-Eindeckr.EKQ UK08 2004ME</t>
  </si>
  <si>
    <t>EKQ UK08 2006ME</t>
  </si>
  <si>
    <t>5702329783255</t>
  </si>
  <si>
    <t>VELUX Kombi-Eindeckr.EKQ UK08 2006ME</t>
  </si>
  <si>
    <t>EKQ UK08 2007ME</t>
  </si>
  <si>
    <t>5702329848183</t>
  </si>
  <si>
    <t>VELUX Kombi-Eindeckr.EKQ UK08 2007ME</t>
  </si>
  <si>
    <t>EKQ UK10 2001M</t>
  </si>
  <si>
    <t>5702329783286</t>
  </si>
  <si>
    <t>K-ER. a=10-16cm EKQ UK10 2001M</t>
  </si>
  <si>
    <t>EKQ UK10 2002M</t>
  </si>
  <si>
    <t>5702329783293</t>
  </si>
  <si>
    <t>K-ER. a=10-16cm EKQ UK10 2002M</t>
  </si>
  <si>
    <t>EKQ UK10 2003M</t>
  </si>
  <si>
    <t>5702329783309</t>
  </si>
  <si>
    <t>K-ER. a=10-16cm EKQ UK10 2003M</t>
  </si>
  <si>
    <t>EKQ UK10 2004ME</t>
  </si>
  <si>
    <t>5702329783316</t>
  </si>
  <si>
    <t>VELUX Kombi-Eindeckr.EKQ UK10 2004ME</t>
  </si>
  <si>
    <t>EKQ UK10 2006ME</t>
  </si>
  <si>
    <t>5702329783330</t>
  </si>
  <si>
    <t>VELUX Kombi-Eindeckr.EKQ UK10 2006ME</t>
  </si>
  <si>
    <t>EKQ UK10 2007ME</t>
  </si>
  <si>
    <t>5702329848206</t>
  </si>
  <si>
    <t>VELUX Kombi-Eindeckr.EKQ UK10 2007ME</t>
  </si>
  <si>
    <t>EKS CK02 2001M</t>
  </si>
  <si>
    <t>5702329757621</t>
  </si>
  <si>
    <t>VX K-Eind.-R. 10-16 EKS CK02 2001M</t>
  </si>
  <si>
    <t>Schiefer Stehfalz u. link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S CK02 2002M</t>
  </si>
  <si>
    <t>5702329757638</t>
  </si>
  <si>
    <t>VX K-Eind.-R. 10-16 EKS CK02 2002M</t>
  </si>
  <si>
    <t>Schiefer Stehfalz u. Mitte Al</t>
  </si>
  <si>
    <t>EKS CK02 2003M</t>
  </si>
  <si>
    <t>5702329757645</t>
  </si>
  <si>
    <t>VX K-Eind.-R. EKS CK02 2003M</t>
  </si>
  <si>
    <t>Schiefer Stehfalz u. rechts Al</t>
  </si>
  <si>
    <t>EKS CK02 2004ME</t>
  </si>
  <si>
    <t>5702329757652</t>
  </si>
  <si>
    <t>VX K-Eind.-R. 10-16/10 EKS CK02 2004ME</t>
  </si>
  <si>
    <t>Schiefer Stehfalz o. link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S CK02 2006ME</t>
  </si>
  <si>
    <t>5702329757676</t>
  </si>
  <si>
    <t>VX K-Eind.-R. /10cm EKS CK02 2006ME</t>
  </si>
  <si>
    <t>Schiefer Stehfalz o. recht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S CK02 2007ME</t>
  </si>
  <si>
    <t>5702329757690</t>
  </si>
  <si>
    <t>VX K-Eind.-R. /10cm EKS CK02 2007ME</t>
  </si>
  <si>
    <t>Schiefer Stehfalz o. einzeln Al</t>
  </si>
  <si>
    <t>EKS CK02 2007MJ</t>
  </si>
  <si>
    <t>5702329757706</t>
  </si>
  <si>
    <t>VX K-Eind.-R. /25cm EKS CK02 2007MJ</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S CK02 2021M</t>
  </si>
  <si>
    <t>5702329757713</t>
  </si>
  <si>
    <t>VX K-Eind.-R. 10-16 EKS CK02 2021M</t>
  </si>
  <si>
    <t>Schiefer Stehfalz u. links/rechts Al</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mehrerer Fenster in 
Lichtbändern oder Kasetten
Eindeckrahmen-Set aus Element 1 
unten links und Element 3 unten rechts
Mit flexibel einstellbarer Mittelrinne
zwischen 10 und 16cm als Abstand zum
rechts danebenliegenden Fenster</t>
  </si>
  <si>
    <t>EKS CK02 4021E2</t>
  </si>
  <si>
    <t>5702329306089</t>
  </si>
  <si>
    <t>VX K-Eind.-R. EKS CK02 4021E2</t>
  </si>
  <si>
    <t>Schiefer Stehfalz für DUO weiß</t>
  </si>
  <si>
    <t>----------------------------------------
Geeignet für Dächer mit flachem Eindeck-
material bis 1,6cm (2 x 0,8cm) Höhe.
Seitenteile gerade mit doppelten
Wasser-Ableit-Falzen.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S CK02 4021E3</t>
  </si>
  <si>
    <t>5702329971348</t>
  </si>
  <si>
    <t>VX K-Eind.-R. EKS CK02 4021E3</t>
  </si>
  <si>
    <t>Schiefer Stehfalz für DUO klarlack</t>
  </si>
  <si>
    <t>----------------------------------------
Geeignet für Dächer mit flachem Eindeck-
material bis 1,6cm (2 x 0,8cm) Höhe.
Seitenteile gerade mit doppelten
Wasser-Ableit-Falzen.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S CK02 4031E2</t>
  </si>
  <si>
    <t>5702329690720</t>
  </si>
  <si>
    <t>VX K-Eind.-R. EKS CK02 4031E2</t>
  </si>
  <si>
    <t>Schiefer Stehfalz für TRIO weiß</t>
  </si>
  <si>
    <t>----------------------------------------
Geeignet für Dächer mit flachem Eindeck-
material bis 1,6cm (2 x 0,8cm) Höhe.
Seitenteile gerade mit doppelten
Wasser-Ableit-Falzen.
----------------------------------------
Seitliche und untere Blendrahmen-
verblechung.
----------------------------------------
Material: Aluminium im Farbton der
Fenster-Abdeckung.
----------------------------------------
Produktpaket für den Einau von 
3 Fenstern in Kombination nebeneinader
mit Blendrahmenabstand 10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S CK02 4031E3</t>
  </si>
  <si>
    <t>5702329971355</t>
  </si>
  <si>
    <t>VX K-Eind.-R. EKS CK02 4031E3</t>
  </si>
  <si>
    <t>Schiefer Stehfalz für TRIO klarlack</t>
  </si>
  <si>
    <t>----------------------------------------
Geeignet für Dächer mit flachem Eindeck-
material bis 1,6cm (2 x 0,8cm) Höhe.
Seitenteile gerade mit doppelten
Wasser-Ableit-Falzen.
----------------------------------------
Seitliche und untere Blendrahmen-
verblechung.
----------------------------------------
Material: Aluminium im Farbton der
Fenster-Abdeckung.
Abstand zum rechts danebenliegenden 
Fenster: 10cm</t>
  </si>
  <si>
    <t>EKS CK04 2001M</t>
  </si>
  <si>
    <t>5702329757911</t>
  </si>
  <si>
    <t>VX K-Eind.-R. 10-16 EKS CK04 2001M</t>
  </si>
  <si>
    <t>EKS CK04 2002M</t>
  </si>
  <si>
    <t>5702329757928</t>
  </si>
  <si>
    <t>VX K-Eind.-R. 10-16 EKS CK04 2002M</t>
  </si>
  <si>
    <t>EKS CK04 2003M</t>
  </si>
  <si>
    <t>5702329757935</t>
  </si>
  <si>
    <t>VX K-Eind.-R. EKS CK04 2003M</t>
  </si>
  <si>
    <t>EKS CK04 2004ME</t>
  </si>
  <si>
    <t>5702329757942</t>
  </si>
  <si>
    <t>VX K-Eind.-R. 10-16/10 EKS CK04 2004ME</t>
  </si>
  <si>
    <t>EKS CK04 2004MJ</t>
  </si>
  <si>
    <t>5702329757959</t>
  </si>
  <si>
    <t>VX K-Eind.-R. 10-16/25 EKS CK04 2004MJ</t>
  </si>
  <si>
    <t>----------------------------------------
Geeignet für Dächer mit flachem Eindeck-
material bis 1,6cm (2 x 0,8cm) Höhe.
Seitenteile gerade mit doppelten
Wasser-Ableit-Falz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S CK04 2006ME</t>
  </si>
  <si>
    <t>5702329757966</t>
  </si>
  <si>
    <t>VX K-Eind.-R. /10cm EKS CK04 2006ME</t>
  </si>
  <si>
    <t>EKS CK04 2006MJ</t>
  </si>
  <si>
    <t>5702329757973</t>
  </si>
  <si>
    <t>VX K-Eind.-R. /25cm EKS CK04 2006MJ</t>
  </si>
  <si>
    <t>EKS CK04 2007ME</t>
  </si>
  <si>
    <t>5702329757980</t>
  </si>
  <si>
    <t>VX K-Eind.-R. /10cm EKS CK04 2007ME</t>
  </si>
  <si>
    <t>EKS CK04 2007MJ</t>
  </si>
  <si>
    <t>5702329757997</t>
  </si>
  <si>
    <t>VX K-Eind.-R. /25cm EKS CK04 2007MJ</t>
  </si>
  <si>
    <t>EKS CK04 2021M</t>
  </si>
  <si>
    <t>5702329758000</t>
  </si>
  <si>
    <t>VX K-Eind.-R. 10-16 EKS CK04 2021M</t>
  </si>
  <si>
    <t>EKS CK04 4021E2</t>
  </si>
  <si>
    <t>5702329306096</t>
  </si>
  <si>
    <t>VX K-Eind.-R. EKS CK04 4021E2</t>
  </si>
  <si>
    <t>EKS CK04 4021E3</t>
  </si>
  <si>
    <t>5702329971379</t>
  </si>
  <si>
    <t>VX K-Eind.-R. EKS CK04 4021E3</t>
  </si>
  <si>
    <t>EKS CK04 4031E2</t>
  </si>
  <si>
    <t>5702329690737</t>
  </si>
  <si>
    <t>VX K-Eind.-R. EKS CK04 4031E2</t>
  </si>
  <si>
    <t>EKS CK04 4031E3</t>
  </si>
  <si>
    <t>5702329971386</t>
  </si>
  <si>
    <t>VX K-Eind.-R. EKS CK04 4031E3</t>
  </si>
  <si>
    <t>EKS CK06 2002M</t>
  </si>
  <si>
    <t>5702329758215</t>
  </si>
  <si>
    <t>VX K-Eind.-R. 10-16 EKS CK06 2002M</t>
  </si>
  <si>
    <t>EKS CK06 2004ME</t>
  </si>
  <si>
    <t>5702329758239</t>
  </si>
  <si>
    <t>VX K-Eind.-R. 10-16/10 EKS CK06 2004ME</t>
  </si>
  <si>
    <t>EKS CK06 2006ME</t>
  </si>
  <si>
    <t>5702329758253</t>
  </si>
  <si>
    <t>VX K-Eind.-R. /10cm EKS CK06 2006ME</t>
  </si>
  <si>
    <t>EKS CK06 2007ME</t>
  </si>
  <si>
    <t>5702329758277</t>
  </si>
  <si>
    <t>VX K-Eind.-R. /10cm EKS CK06 2007ME</t>
  </si>
  <si>
    <t>EKS CK06 2007MJ</t>
  </si>
  <si>
    <t>5702329758284</t>
  </si>
  <si>
    <t>VX K-Eind.-R. /25cm EKS CK06 2007MJ</t>
  </si>
  <si>
    <t>EKS CK06 2021M</t>
  </si>
  <si>
    <t>5702329758291</t>
  </si>
  <si>
    <t>VX K-Eind.-R. 10-16 EKS CK06 2021M</t>
  </si>
  <si>
    <t>EKS CK06 4021E2</t>
  </si>
  <si>
    <t>5702329306102</t>
  </si>
  <si>
    <t>VX K-Eind.-R. EKS CK06 4021E2</t>
  </si>
  <si>
    <t>EKS CK06 4021E3</t>
  </si>
  <si>
    <t>5702329971409</t>
  </si>
  <si>
    <t>VX K-Eind.-R. EKS CK06 4021E3</t>
  </si>
  <si>
    <t>EKS CK06 4031E2</t>
  </si>
  <si>
    <t>5702329690744</t>
  </si>
  <si>
    <t>VX K-Eind.-R. EKS CK06 4031E2</t>
  </si>
  <si>
    <t>EKS CK06 4031E3</t>
  </si>
  <si>
    <t>5702329971416</t>
  </si>
  <si>
    <t>VX K-Eind.-R. EKS CK06 4031E3</t>
  </si>
  <si>
    <t>EKS FK04 2001M</t>
  </si>
  <si>
    <t>5702329758499</t>
  </si>
  <si>
    <t>VX K-Eind.-R. 10-16 EKS FK04 2001M</t>
  </si>
  <si>
    <t>EKS FK04 2002M</t>
  </si>
  <si>
    <t>5702329758505</t>
  </si>
  <si>
    <t>VX K-Eind.-R. 10-16 EKS FK04 2002M</t>
  </si>
  <si>
    <t>EKS FK04 2003M</t>
  </si>
  <si>
    <t>5702329758512</t>
  </si>
  <si>
    <t>VX K-Eind.-R. EKS FK04 2003M</t>
  </si>
  <si>
    <t>EKS FK04 2004ME</t>
  </si>
  <si>
    <t>5702329758529</t>
  </si>
  <si>
    <t>VX K-Eind.-R. 10-16/10 EKS FK04 2004ME</t>
  </si>
  <si>
    <t>EKS FK04 2004MJ</t>
  </si>
  <si>
    <t>5702329758536</t>
  </si>
  <si>
    <t>VX K-Eind.-R. 10-16/25 EKS FK04 2004MJ</t>
  </si>
  <si>
    <t>EKS FK04 2006ME</t>
  </si>
  <si>
    <t>5702329758543</t>
  </si>
  <si>
    <t>VX K-Eind.-R. /10cm EKS FK04 2006ME</t>
  </si>
  <si>
    <t>EKS FK04 2006MJ</t>
  </si>
  <si>
    <t>5702329758550</t>
  </si>
  <si>
    <t>VX K-Eind.-R. /25cm EKS FK04 2006MJ</t>
  </si>
  <si>
    <t>EKS FK04 2007ME</t>
  </si>
  <si>
    <t>5702329758567</t>
  </si>
  <si>
    <t>VX K-Eind.-R. /10cm EKS FK04 2007ME</t>
  </si>
  <si>
    <t>EKS FK04 2007MJ</t>
  </si>
  <si>
    <t>5702329758574</t>
  </si>
  <si>
    <t>VX K-Eind.-R. /25cm EKS FK04 2007MJ</t>
  </si>
  <si>
    <t>EKS FK04 2021M</t>
  </si>
  <si>
    <t>5702329758581</t>
  </si>
  <si>
    <t>VX K-Eind.-R. 10-16 EKS FK04 2021M</t>
  </si>
  <si>
    <t>EKS FK04 4021E2</t>
  </si>
  <si>
    <t>5702329306119</t>
  </si>
  <si>
    <t>VX K-Eind.-R. EKS FK04 4021E2</t>
  </si>
  <si>
    <t>EKS FK04 4021E3</t>
  </si>
  <si>
    <t>5702329971430</t>
  </si>
  <si>
    <t>VX K-Eind.-R. EKS FK04 4021E3</t>
  </si>
  <si>
    <t>EKS FK04 4031E2</t>
  </si>
  <si>
    <t>5702329690751</t>
  </si>
  <si>
    <t>VX K-Eind.-R. EKS FK04 4031E2</t>
  </si>
  <si>
    <t>EKS FK04 4031E3</t>
  </si>
  <si>
    <t>5702329971447</t>
  </si>
  <si>
    <t>VX K-Eind.-R. EKS FK04 4031E3</t>
  </si>
  <si>
    <t>EKS FK06 2001M</t>
  </si>
  <si>
    <t>5702329758789</t>
  </si>
  <si>
    <t>VX K-Eind.-R. 10-16 EKS FK06 2001M</t>
  </si>
  <si>
    <t>EKS FK06 2002M</t>
  </si>
  <si>
    <t>5702329758796</t>
  </si>
  <si>
    <t>VX K-Eind.-R. 10-16 EKS FK06 2002M</t>
  </si>
  <si>
    <t>EKS FK06 2003M</t>
  </si>
  <si>
    <t>5702329758802</t>
  </si>
  <si>
    <t>VX K-Eind.-R. EKS FK06 2003M</t>
  </si>
  <si>
    <t>EKS FK06 2004ME</t>
  </si>
  <si>
    <t>5702329758819</t>
  </si>
  <si>
    <t>VX K-Eind.-R. 10-16/10 EKS FK06 2004ME</t>
  </si>
  <si>
    <t>EKS FK06 2004MJ</t>
  </si>
  <si>
    <t>5702329758826</t>
  </si>
  <si>
    <t>VX K-Eind.-R. 10-16/25 EKS FK06 2004MJ</t>
  </si>
  <si>
    <t>EKS FK06 2006ME</t>
  </si>
  <si>
    <t>5702329758833</t>
  </si>
  <si>
    <t>VX K-Eind.-R. /10cm EKS FK06 2006ME</t>
  </si>
  <si>
    <t>EKS FK06 2006MJ</t>
  </si>
  <si>
    <t>5702329758840</t>
  </si>
  <si>
    <t>VX K-Eind.-R. /25cm EKS FK06 2006MJ</t>
  </si>
  <si>
    <t>EKS FK06 2007ME</t>
  </si>
  <si>
    <t>5702329758857</t>
  </si>
  <si>
    <t>VX K-Eind.-R. /10cm EKS FK06 2007ME</t>
  </si>
  <si>
    <t>EKS FK06 2007MJ</t>
  </si>
  <si>
    <t>5702329758864</t>
  </si>
  <si>
    <t>VX K-Eind.-R. /25cm EKS FK06 2007MJ</t>
  </si>
  <si>
    <t>EKS FK06 2021M</t>
  </si>
  <si>
    <t>5702329758871</t>
  </si>
  <si>
    <t>VX K-Eind.-R. 10-16 EKS FK06 2021M</t>
  </si>
  <si>
    <t>EKS FK06 4021E2</t>
  </si>
  <si>
    <t>5702329306126</t>
  </si>
  <si>
    <t>VX K-Eind.-R. EKS FK06 4021E2</t>
  </si>
  <si>
    <t>EKS FK06 4021E3</t>
  </si>
  <si>
    <t>5702329971461</t>
  </si>
  <si>
    <t>VX K-Eind.-R. EKS FK06 4021E3</t>
  </si>
  <si>
    <t>EKS FK06 4031E2</t>
  </si>
  <si>
    <t>5702329690768</t>
  </si>
  <si>
    <t>VX K-Eind.-R. EKS FK06 4031E2</t>
  </si>
  <si>
    <t>EKS FK06 4031E3</t>
  </si>
  <si>
    <t>5702329971478</t>
  </si>
  <si>
    <t>VX K-Eind.-R. EKS FK06 4031E3</t>
  </si>
  <si>
    <t>EKS FK08 2001M</t>
  </si>
  <si>
    <t>5702329759076</t>
  </si>
  <si>
    <t>VX K-Eind.-R. 10-16 EKS FK08 2001M</t>
  </si>
  <si>
    <t>EKS FK08 2002M</t>
  </si>
  <si>
    <t>5702329759083</t>
  </si>
  <si>
    <t>VX K-Eind.-R. 10-16 EKS FK08 2002M</t>
  </si>
  <si>
    <t>EKS FK08 2003M</t>
  </si>
  <si>
    <t>5702329759090</t>
  </si>
  <si>
    <t>VX K-Eind.-R. EKS FK08 2003M</t>
  </si>
  <si>
    <t>EKS FK08 2004ME</t>
  </si>
  <si>
    <t>5702329759106</t>
  </si>
  <si>
    <t>VX K-Eind.-R. 10-16/10 EKS FK08 2004ME</t>
  </si>
  <si>
    <t>EKS FK08 2004MJ</t>
  </si>
  <si>
    <t>5702329759113</t>
  </si>
  <si>
    <t>VX K-Eind.-R. 10-16/25 EKS FK08 2004MJ</t>
  </si>
  <si>
    <t>EKS FK08 2006ME</t>
  </si>
  <si>
    <t>5702329759120</t>
  </si>
  <si>
    <t>VX K-Eind.-R. /10cm EKS FK08 2006ME</t>
  </si>
  <si>
    <t>EKS FK08 2006MJ</t>
  </si>
  <si>
    <t>5702329759137</t>
  </si>
  <si>
    <t>VX K-Eind.-R. /25cm EKS FK08 2006MJ</t>
  </si>
  <si>
    <t>EKS FK08 2007ME</t>
  </si>
  <si>
    <t>5702329759144</t>
  </si>
  <si>
    <t>VX K-Eind.-R. /10cm EKS FK08 2007ME</t>
  </si>
  <si>
    <t>EKS FK08 2007MJ</t>
  </si>
  <si>
    <t>5702329759151</t>
  </si>
  <si>
    <t>VX K-Eind.-R. /25cm EKS FK08 2007MJ</t>
  </si>
  <si>
    <t>EKS FK08 2021M</t>
  </si>
  <si>
    <t>5702329759168</t>
  </si>
  <si>
    <t>VX K-Eind.-R. 10-16 EKS FK08 2021M</t>
  </si>
  <si>
    <t>EKS FK08 4021E2</t>
  </si>
  <si>
    <t>5702329306133</t>
  </si>
  <si>
    <t>VX K-Eind.-R. EKS FK08 4021E2</t>
  </si>
  <si>
    <t>EKS FK08 4021E3</t>
  </si>
  <si>
    <t>5702329971492</t>
  </si>
  <si>
    <t>VX K-Eind.-R. EKS FK08 4021E3</t>
  </si>
  <si>
    <t>EKS FK08 4031E2</t>
  </si>
  <si>
    <t>5702329690775</t>
  </si>
  <si>
    <t>VX K-Eind.-R. EKS FK08 4031E2</t>
  </si>
  <si>
    <t>EKS FK08 4031E3</t>
  </si>
  <si>
    <t>5702329971508</t>
  </si>
  <si>
    <t>VX K-Eind.-R. EKS FK08 4031E3</t>
  </si>
  <si>
    <t>EKS MK04 2001M</t>
  </si>
  <si>
    <t>5702329759366</t>
  </si>
  <si>
    <t>VX K-Eind.-R. 10-16 EKS MK04 2001M</t>
  </si>
  <si>
    <t>EKS MK04 2002M</t>
  </si>
  <si>
    <t>5702329759373</t>
  </si>
  <si>
    <t>VX K-Eind.-R. 10-16 EKS MK04 2002M</t>
  </si>
  <si>
    <t>EKS MK04 2003M</t>
  </si>
  <si>
    <t>5702329759380</t>
  </si>
  <si>
    <t>VX K-Eind.-R. EKS MK04 2003M</t>
  </si>
  <si>
    <t>EKS MK04 2004ME</t>
  </si>
  <si>
    <t>5702329759397</t>
  </si>
  <si>
    <t>VX K-Eind.-R. 10-16/10 EKS MK04 2004ME</t>
  </si>
  <si>
    <t>EKS MK04 2004MJ</t>
  </si>
  <si>
    <t>5702329759403</t>
  </si>
  <si>
    <t>VX K-Eind.-R. 10-16/25 EKS MK04 2004MJ</t>
  </si>
  <si>
    <t>EKS MK04 2006ME</t>
  </si>
  <si>
    <t>5702329759410</t>
  </si>
  <si>
    <t>VX K-Eind.-R. /10cm EKS MK04 2006ME</t>
  </si>
  <si>
    <t>EKS MK04 2006MJ</t>
  </si>
  <si>
    <t>5702329759427</t>
  </si>
  <si>
    <t>VX K-Eind.-R. /25cm EKS MK04 2006MJ</t>
  </si>
  <si>
    <t>EKS MK04 2007ME</t>
  </si>
  <si>
    <t>5702329759434</t>
  </si>
  <si>
    <t>VX K-Eind.-R. /10cm EKS MK04 2007ME</t>
  </si>
  <si>
    <t>EKS MK04 2007MJ</t>
  </si>
  <si>
    <t>5702329759441</t>
  </si>
  <si>
    <t>VX K-Eind.-R. /25cm EKS MK04 2007MJ</t>
  </si>
  <si>
    <t>EKS MK04 2021M</t>
  </si>
  <si>
    <t>5702329759458</t>
  </si>
  <si>
    <t>VX K-Eind.-R. 10-16 EKS MK04 2021M</t>
  </si>
  <si>
    <t>EKS MK04 4021E2</t>
  </si>
  <si>
    <t>5702329306140</t>
  </si>
  <si>
    <t>VX K-Eind.-R. EKS MK04 4021E2</t>
  </si>
  <si>
    <t>EKS MK04 4021E3</t>
  </si>
  <si>
    <t>5702329971522</t>
  </si>
  <si>
    <t>VX K-Eind.-R. EKS MK04 4021E3</t>
  </si>
  <si>
    <t>EKS MK04 4031E2</t>
  </si>
  <si>
    <t>5702329690782</t>
  </si>
  <si>
    <t>VX K-Eind.-R. EKS MK04 4031E2</t>
  </si>
  <si>
    <t>EKS MK04 4031E3</t>
  </si>
  <si>
    <t>5702329971539</t>
  </si>
  <si>
    <t>VX K-Eind.-R. EKS MK04 4031E3</t>
  </si>
  <si>
    <t>EKS MK06 2001M</t>
  </si>
  <si>
    <t>5702329759656</t>
  </si>
  <si>
    <t>VX K-Eind.-R. 10-16 EKS MK06 2001M</t>
  </si>
  <si>
    <t>EKS MK06 2002M</t>
  </si>
  <si>
    <t>5702329759663</t>
  </si>
  <si>
    <t>VX K-Eind.-R. 10-16 EKS MK06 2002M</t>
  </si>
  <si>
    <t>EKS MK06 2003M</t>
  </si>
  <si>
    <t>5702329759670</t>
  </si>
  <si>
    <t>VX K-Eind.-R. EKS MK06 2003M</t>
  </si>
  <si>
    <t>EKS MK06 2004ME</t>
  </si>
  <si>
    <t>5702329759687</t>
  </si>
  <si>
    <t>VX K-Eind.-R. 10-16/10 EKS MK06 2004ME</t>
  </si>
  <si>
    <t>EKS MK06 2004MJ</t>
  </si>
  <si>
    <t>5702329759694</t>
  </si>
  <si>
    <t>VX K-Eind.-R. 10-16/25 EKS MK06 2004MJ</t>
  </si>
  <si>
    <t>EKS MK06 2006ME</t>
  </si>
  <si>
    <t>5702329759700</t>
  </si>
  <si>
    <t>VX K-Eind.-R. /10cm EKS MK06 2006ME</t>
  </si>
  <si>
    <t>EKS MK06 2006MJ</t>
  </si>
  <si>
    <t>5702329759717</t>
  </si>
  <si>
    <t>VX K-Eind.-R. /25cm EKS MK06 2006MJ</t>
  </si>
  <si>
    <t>EKS MK06 2007ME</t>
  </si>
  <si>
    <t>5702329759724</t>
  </si>
  <si>
    <t>VX K-Eind.-R. /10cm EKS MK06 2007ME</t>
  </si>
  <si>
    <t>EKS MK06 2007MJ</t>
  </si>
  <si>
    <t>5702329759731</t>
  </si>
  <si>
    <t>VX K-Eind.-R. /25cm EKS MK06 2007MJ</t>
  </si>
  <si>
    <t>EKS MK06 2021M</t>
  </si>
  <si>
    <t>5702329759748</t>
  </si>
  <si>
    <t>VX K-Eind.-R. 10-16 EKS MK06 2021M</t>
  </si>
  <si>
    <t>EKS MK06 4021E2</t>
  </si>
  <si>
    <t>5702329306157</t>
  </si>
  <si>
    <t>VX K-Eind.-R. EKS MK06 4021E2</t>
  </si>
  <si>
    <t>EKS MK06 4021E3</t>
  </si>
  <si>
    <t>5702329971553</t>
  </si>
  <si>
    <t>VX K-Eind.-R. EKS MK06 4021E3</t>
  </si>
  <si>
    <t>EKS MK06 4031E2</t>
  </si>
  <si>
    <t>5702329690799</t>
  </si>
  <si>
    <t>VX K-Eind.-R. EKS MK06 4031E2</t>
  </si>
  <si>
    <t>EKS MK06 4031E3</t>
  </si>
  <si>
    <t>5702329971560</t>
  </si>
  <si>
    <t>VX K-Eind.-R. EKS MK06 4031E3</t>
  </si>
  <si>
    <t>EKS MK08 2001M</t>
  </si>
  <si>
    <t>5702329759946</t>
  </si>
  <si>
    <t>VX K-Eind.-R. 10-16 EKS MK08 2001M</t>
  </si>
  <si>
    <t>EKS MK08 2002M</t>
  </si>
  <si>
    <t>5702329759953</t>
  </si>
  <si>
    <t>VX K-Eind.-R. 10-16 EKS MK08 2002M</t>
  </si>
  <si>
    <t>EKS MK08 2003M</t>
  </si>
  <si>
    <t>5702329759960</t>
  </si>
  <si>
    <t>VX K-Eind.-R. EKS MK08 2003M</t>
  </si>
  <si>
    <t>EKS MK08 2004ME</t>
  </si>
  <si>
    <t>5702329759977</t>
  </si>
  <si>
    <t>VX K-Eind.-R. 10-16/10 EKS MK08 2004ME</t>
  </si>
  <si>
    <t>EKS MK08 2004MJ</t>
  </si>
  <si>
    <t>5702329759984</t>
  </si>
  <si>
    <t>VX K-Eind.-R. 10-16/25 EKS MK08 2004MJ</t>
  </si>
  <si>
    <t>EKS MK08 2006ME</t>
  </si>
  <si>
    <t>5702329759991</t>
  </si>
  <si>
    <t>VX K-Eind.-R. /10cm EKS MK08 2006ME</t>
  </si>
  <si>
    <t>EKS MK08 2006MJ</t>
  </si>
  <si>
    <t>5702329760003</t>
  </si>
  <si>
    <t>VX K-Eind.-R. /25cm EKS MK08 2006MJ</t>
  </si>
  <si>
    <t>EKS MK08 2007ME</t>
  </si>
  <si>
    <t>5702329760010</t>
  </si>
  <si>
    <t>VX K-Eind.-R. /10cm EKS MK08 2007ME</t>
  </si>
  <si>
    <t>EKS MK08 2007MJ</t>
  </si>
  <si>
    <t>5702329760027</t>
  </si>
  <si>
    <t>VX K-Eind.-R. /25cm EKS MK08 2007MJ</t>
  </si>
  <si>
    <t>EKS MK08 2021M</t>
  </si>
  <si>
    <t>5702329760034</t>
  </si>
  <si>
    <t>VX K-Eind.-R. 10-16 EKS MK08 2021M</t>
  </si>
  <si>
    <t>EKS MK08 4021E2</t>
  </si>
  <si>
    <t>5702329306164</t>
  </si>
  <si>
    <t>VX K-Eind.-R. EKS MK08 4021E2</t>
  </si>
  <si>
    <t>EKS MK08 4021E3</t>
  </si>
  <si>
    <t>5702329971584</t>
  </si>
  <si>
    <t>VX K-Eind.-R. EKS MK08 4021E3</t>
  </si>
  <si>
    <t>EKS MK08 4031E2</t>
  </si>
  <si>
    <t>5702329690805</t>
  </si>
  <si>
    <t>VX K-Eind.-R. EKS MK08 4031E2</t>
  </si>
  <si>
    <t>EKS MK08 4031E3</t>
  </si>
  <si>
    <t>5702329971591</t>
  </si>
  <si>
    <t>VX K-Eind.-R. EKS MK08 4031E3</t>
  </si>
  <si>
    <t>EKS MK10 2001M</t>
  </si>
  <si>
    <t>5702329760232</t>
  </si>
  <si>
    <t>VX K-Eind.-R. 10-16 EKS MK10 2001M</t>
  </si>
  <si>
    <t>EKS MK10 2002M</t>
  </si>
  <si>
    <t>5702329760249</t>
  </si>
  <si>
    <t>VX K-Eind.-R. 10-16 EKS MK10 2002M</t>
  </si>
  <si>
    <t>EKS MK10 2003M</t>
  </si>
  <si>
    <t>5702329760256</t>
  </si>
  <si>
    <t>VX K-Eind.-R. EKS MK10 2003M</t>
  </si>
  <si>
    <t>EKS MK10 2004ME</t>
  </si>
  <si>
    <t>5702329760263</t>
  </si>
  <si>
    <t>VX K-Eind.-R. 10-16/10 EKS MK10 2004ME</t>
  </si>
  <si>
    <t>EKS MK10 2004MJ</t>
  </si>
  <si>
    <t>5702329760270</t>
  </si>
  <si>
    <t>VX K-Eind.-R. 10-16/25 EKS MK10 2004MJ</t>
  </si>
  <si>
    <t>EKS MK10 2006ME</t>
  </si>
  <si>
    <t>5702329760287</t>
  </si>
  <si>
    <t>VX K-Eind.-R. /10cm EKS MK10 2006ME</t>
  </si>
  <si>
    <t>EKS MK10 2006MJ</t>
  </si>
  <si>
    <t>5702329760294</t>
  </si>
  <si>
    <t>VX K-Eind.-R. /25cm EKS MK10 2006MJ</t>
  </si>
  <si>
    <t>EKS MK10 2007ME</t>
  </si>
  <si>
    <t>5702329760300</t>
  </si>
  <si>
    <t>VX K-Eind.-R. /10cm EKS MK10 2007ME</t>
  </si>
  <si>
    <t>EKS MK10 2007MJ</t>
  </si>
  <si>
    <t>5702329760317</t>
  </si>
  <si>
    <t>VX K-Eind.-R. /25cm EKS MK10 2007MJ</t>
  </si>
  <si>
    <t>EKS MK10 2021M</t>
  </si>
  <si>
    <t>5702329760324</t>
  </si>
  <si>
    <t>VX K-Eind.-R. 10-16 EKS MK10 2021M</t>
  </si>
  <si>
    <t>EKS MK10 4021E2</t>
  </si>
  <si>
    <t>5702329306171</t>
  </si>
  <si>
    <t>VX K-Eind.-R. EKS MK10 4021E2</t>
  </si>
  <si>
    <t>EKS MK10 4021E3</t>
  </si>
  <si>
    <t>5702329971614</t>
  </si>
  <si>
    <t>VX K-Eind.-R. EKS MK10 4021E3</t>
  </si>
  <si>
    <t>EKS MK10 4031E2</t>
  </si>
  <si>
    <t>5702329690812</t>
  </si>
  <si>
    <t>VX K-Eind.-R. EKS MK10 4031E2</t>
  </si>
  <si>
    <t>EKS MK10 4031E3</t>
  </si>
  <si>
    <t>5702329971621</t>
  </si>
  <si>
    <t>VX K-Eind.-R. EKS MK10 4031E3</t>
  </si>
  <si>
    <t>EKS PK06 2001M</t>
  </si>
  <si>
    <t>5702329760584</t>
  </si>
  <si>
    <t>VX K-Eind.-R. 10-16 EKS PK06 2001M</t>
  </si>
  <si>
    <t>EKS PK06 2002M</t>
  </si>
  <si>
    <t>5702329760591</t>
  </si>
  <si>
    <t>VX K-Eind.-R. 10-16 EKS PK06 2002M</t>
  </si>
  <si>
    <t>EKS PK06 2003M</t>
  </si>
  <si>
    <t>5702329760607</t>
  </si>
  <si>
    <t>VX K-Eind.-R. EKS PK06 2003M</t>
  </si>
  <si>
    <t>EKS PK06 2004ME</t>
  </si>
  <si>
    <t>5702329760614</t>
  </si>
  <si>
    <t>VX K-Eind.-R. 10-16/10 EKS PK06 2004ME</t>
  </si>
  <si>
    <t>EKS PK06 2004MJ</t>
  </si>
  <si>
    <t>5702329760621</t>
  </si>
  <si>
    <t>VX K-Eind.-R. 10-16/25 EKS PK06 2004MJ</t>
  </si>
  <si>
    <t>EKS PK06 2006ME</t>
  </si>
  <si>
    <t>5702329760638</t>
  </si>
  <si>
    <t>VX K-Eind.-R. /10cm EKS PK06 2006ME</t>
  </si>
  <si>
    <t>EKS PK06 2006MJ</t>
  </si>
  <si>
    <t>5702329760645</t>
  </si>
  <si>
    <t>VX K-Eind.-R. /25cm EKS PK06 2006MJ</t>
  </si>
  <si>
    <t>EKS PK06 2007ME</t>
  </si>
  <si>
    <t>5702329760652</t>
  </si>
  <si>
    <t>VX K-Eind.-R. /10cm EKS PK06 2007ME</t>
  </si>
  <si>
    <t>EKS PK06 2007MJ</t>
  </si>
  <si>
    <t>5702329760669</t>
  </si>
  <si>
    <t>VX K-Eind.-R. /25cm EKS PK06 2007MJ</t>
  </si>
  <si>
    <t>EKS PK06 2021M</t>
  </si>
  <si>
    <t>5702329760676</t>
  </si>
  <si>
    <t>VX K-Eind.-R. 10-16 EKS PK06 2021M</t>
  </si>
  <si>
    <t>EKS PK06 4021E2</t>
  </si>
  <si>
    <t>5702329306188</t>
  </si>
  <si>
    <t>VX K-Eind.-R. EKS PK06 4021E2</t>
  </si>
  <si>
    <t>EKS PK06 4021E3</t>
  </si>
  <si>
    <t>5702329971652</t>
  </si>
  <si>
    <t>VX K-Eind.-R. EKS PK06 4021E3</t>
  </si>
  <si>
    <t>EKS PK08 2001M</t>
  </si>
  <si>
    <t>5702329760874</t>
  </si>
  <si>
    <t>VX K-Eind.-R. 10-16 EKS PK08 2001M</t>
  </si>
  <si>
    <t>EKS PK08 2002M</t>
  </si>
  <si>
    <t>5702329760881</t>
  </si>
  <si>
    <t>VX K-Eind.-R. 10-16 EKS PK08 2002M</t>
  </si>
  <si>
    <t>EKS PK08 2003M</t>
  </si>
  <si>
    <t>5702329760898</t>
  </si>
  <si>
    <t>VX K-Eind.-R. EKS PK08 2003M</t>
  </si>
  <si>
    <t>EKS PK08 2004ME</t>
  </si>
  <si>
    <t>5702329760904</t>
  </si>
  <si>
    <t>VX K-Eind.-R. 10-16/10 EKS PK08 2004ME</t>
  </si>
  <si>
    <t>EKS PK08 2004MJ</t>
  </si>
  <si>
    <t>5702329760911</t>
  </si>
  <si>
    <t>VX K-Eind.-R. 10-16/25 EKS PK08 2004MJ</t>
  </si>
  <si>
    <t>EKS PK08 2006ME</t>
  </si>
  <si>
    <t>5702329760928</t>
  </si>
  <si>
    <t>VX K-Eind.-R. /10cm EKS PK08 2006ME</t>
  </si>
  <si>
    <t>EKS PK08 2006MJ</t>
  </si>
  <si>
    <t>5702329760935</t>
  </si>
  <si>
    <t>VX K-Eind.-R. /25cm EKS PK08 2006MJ</t>
  </si>
  <si>
    <t>EKS PK08 2007ME</t>
  </si>
  <si>
    <t>5702329760942</t>
  </si>
  <si>
    <t>VX K-Eind.-R. /10cm EKS PK08 2007ME</t>
  </si>
  <si>
    <t>EKS PK08 2007MJ</t>
  </si>
  <si>
    <t>5702329760959</t>
  </si>
  <si>
    <t>VX K-Eind.-R. /25cm EKS PK08 2007MJ</t>
  </si>
  <si>
    <t>EKS PK08 2021M</t>
  </si>
  <si>
    <t>5702329760966</t>
  </si>
  <si>
    <t>VX K-Eind.-R. 10-16 EKS PK08 2021M</t>
  </si>
  <si>
    <t>EKS PK08 4021E2</t>
  </si>
  <si>
    <t>5702329306195</t>
  </si>
  <si>
    <t>VX K-Eind.-R. EKS PK08 4021E2</t>
  </si>
  <si>
    <t>EKS PK08 4021E3</t>
  </si>
  <si>
    <t>5702329971683</t>
  </si>
  <si>
    <t>VX K-Eind.-R. EKS PK08 4021E3</t>
  </si>
  <si>
    <t>EKS PK10 2001M</t>
  </si>
  <si>
    <t>5702329761161</t>
  </si>
  <si>
    <t>VX K-Eind.-R. 10-16 EKS PK10 2001M</t>
  </si>
  <si>
    <t>EKS PK10 2002M</t>
  </si>
  <si>
    <t>5702329761178</t>
  </si>
  <si>
    <t>VX K-Eind.-R. 10-16 EKS PK10 2002M</t>
  </si>
  <si>
    <t>EKS PK10 2003M</t>
  </si>
  <si>
    <t>5702329761185</t>
  </si>
  <si>
    <t>VX K-Eind.-R. EKS PK10 2003M</t>
  </si>
  <si>
    <t>EKS PK10 2004MJ</t>
  </si>
  <si>
    <t>5702329761208</t>
  </si>
  <si>
    <t>VX K-Eind.-R. 10-16/25 EKS PK10 2004MJ</t>
  </si>
  <si>
    <t>EKS PK10 2006MJ</t>
  </si>
  <si>
    <t>5702329761222</t>
  </si>
  <si>
    <t>VX K-Eind.-R. /25cm EKS PK10 2006MJ</t>
  </si>
  <si>
    <t>EKS PK10 2007ME</t>
  </si>
  <si>
    <t>5702329761239</t>
  </si>
  <si>
    <t>VX K-Eind.-R. /10cm EKS PK10 2007ME</t>
  </si>
  <si>
    <t>EKS PK10 2007MJ</t>
  </si>
  <si>
    <t>5702329761246</t>
  </si>
  <si>
    <t>VX K-Eind.-R. /25cm EKS PK10 2007MJ</t>
  </si>
  <si>
    <t>EKS PK10 2021M</t>
  </si>
  <si>
    <t>5702329761253</t>
  </si>
  <si>
    <t>VX K-Eind.-R. 10-16 EKS PK10 2021M</t>
  </si>
  <si>
    <t>EKS PK10 4021E2</t>
  </si>
  <si>
    <t>5702329306201</t>
  </si>
  <si>
    <t>VX K-Eind.-R. EKS PK10 4021E2</t>
  </si>
  <si>
    <t>EKS PK10 4021E3</t>
  </si>
  <si>
    <t>5702329971713</t>
  </si>
  <si>
    <t>VX K-Eind.-R. EKS PK10 4021E3</t>
  </si>
  <si>
    <t>EKS SK06 2001M</t>
  </si>
  <si>
    <t>5702329761512</t>
  </si>
  <si>
    <t>VX K-Eind.-R. 10-16 EKS SK06 2001M</t>
  </si>
  <si>
    <t>EKS SK06 2002M</t>
  </si>
  <si>
    <t>5702329761529</t>
  </si>
  <si>
    <t>VX K-Eind.-R. 10-16 EKS SK06 2002M</t>
  </si>
  <si>
    <t>EKS SK06 2003M</t>
  </si>
  <si>
    <t>5702329761536</t>
  </si>
  <si>
    <t>VX K-Eind.-R. EKS SK06 2003M</t>
  </si>
  <si>
    <t>EKS SK06 2004ME</t>
  </si>
  <si>
    <t>5702329761543</t>
  </si>
  <si>
    <t>VX K-Eind.-R. 10-16/10 EKS SK06 2004ME</t>
  </si>
  <si>
    <t>EKS SK06 2004MJ</t>
  </si>
  <si>
    <t>5702329761550</t>
  </si>
  <si>
    <t>VX K-Eind.-R. 10-16/25 EKS SK06 2004MJ</t>
  </si>
  <si>
    <t>EKS SK06 2006ME</t>
  </si>
  <si>
    <t>5702329761567</t>
  </si>
  <si>
    <t>VX K-Eind.-R. /10cm EKS SK06 2006ME</t>
  </si>
  <si>
    <t>EKS SK06 2006MJ</t>
  </si>
  <si>
    <t>5702329761574</t>
  </si>
  <si>
    <t>VX K-Eind.-R. /25cm EKS SK06 2006MJ</t>
  </si>
  <si>
    <t>EKS SK06 2007ME</t>
  </si>
  <si>
    <t>5702329761581</t>
  </si>
  <si>
    <t>VX K-Eind.-R. /10cm EKS SK06 2007ME</t>
  </si>
  <si>
    <t>EKS SK06 2007MJ</t>
  </si>
  <si>
    <t>5702329761598</t>
  </si>
  <si>
    <t>VX K-Eind.-R. /25cm EKS SK06 2007MJ</t>
  </si>
  <si>
    <t>EKS SK06 2021M</t>
  </si>
  <si>
    <t>5702329761604</t>
  </si>
  <si>
    <t>VX K-Eind.-R. 10-16 EKS SK06 2021M</t>
  </si>
  <si>
    <t>EKS SK06 4021E2</t>
  </si>
  <si>
    <t>5702329306218</t>
  </si>
  <si>
    <t>VX K-Eind.-R. EKS SK06 4021E2</t>
  </si>
  <si>
    <t>EKS SK06 4021E3</t>
  </si>
  <si>
    <t>5702329971744</t>
  </si>
  <si>
    <t>VX K-Eind.-R. EKS SK06 4021E3</t>
  </si>
  <si>
    <t>EKS SK08 2001M</t>
  </si>
  <si>
    <t>5702329761802</t>
  </si>
  <si>
    <t>VX K-Eind.-R. 10-16 EKS SK08 2001M</t>
  </si>
  <si>
    <t>EKS SK08 2002M</t>
  </si>
  <si>
    <t>5702329761819</t>
  </si>
  <si>
    <t>VX K-Eind.-R. 10-16 EKS SK08 2002M</t>
  </si>
  <si>
    <t>EKS SK08 2003M</t>
  </si>
  <si>
    <t>5702329761826</t>
  </si>
  <si>
    <t>VX K-Eind.-R. EKS SK08 2003M</t>
  </si>
  <si>
    <t>EKS SK08 2004ME</t>
  </si>
  <si>
    <t>5702329761833</t>
  </si>
  <si>
    <t>VX K-Eind.-R. 10-16/10 EKS SK08 2004ME</t>
  </si>
  <si>
    <t>EKS SK08 2004MJ</t>
  </si>
  <si>
    <t>5702329761840</t>
  </si>
  <si>
    <t>VX K-Eind.-R. 10-16/25 EKS SK08 2004MJ</t>
  </si>
  <si>
    <t>EKS SK08 2006ME</t>
  </si>
  <si>
    <t>5702329761857</t>
  </si>
  <si>
    <t>VX K-Eind.-R. /10cm EKS SK08 2006ME</t>
  </si>
  <si>
    <t>EKS SK08 2006MJ</t>
  </si>
  <si>
    <t>5702329761864</t>
  </si>
  <si>
    <t>VX K-Eind.-R. /25cm EKS SK08 2006MJ</t>
  </si>
  <si>
    <t>EKS SK08 2007ME</t>
  </si>
  <si>
    <t>5702329761871</t>
  </si>
  <si>
    <t>VX K-Eind.-R. /10cm EKS SK08 2007ME</t>
  </si>
  <si>
    <t>EKS SK08 2007MJ</t>
  </si>
  <si>
    <t>5702329761888</t>
  </si>
  <si>
    <t>VX K-Eind.-R. /25cm EKS SK08 2007MJ</t>
  </si>
  <si>
    <t>EKS SK08 2021M</t>
  </si>
  <si>
    <t>5702329761895</t>
  </si>
  <si>
    <t>VX K-Eind.-R. 10-16 EKS SK08 2021M</t>
  </si>
  <si>
    <t>EKS SK08 4021E2</t>
  </si>
  <si>
    <t>5702329306225</t>
  </si>
  <si>
    <t>VX K-Eind.-R. EKS SK08 4021E2</t>
  </si>
  <si>
    <t>EKS SK08 4021E3</t>
  </si>
  <si>
    <t>5702329971775</t>
  </si>
  <si>
    <t>VX K-Eind.-R. EKS SK08 4021E3</t>
  </si>
  <si>
    <t>EKS SK10 2001M</t>
  </si>
  <si>
    <t>5702329762090</t>
  </si>
  <si>
    <t>VX K-Eind.-R. 10-16 EKS SK10 2001M</t>
  </si>
  <si>
    <t>EKS SK10 2002M</t>
  </si>
  <si>
    <t>5702329762106</t>
  </si>
  <si>
    <t>VX K-Eind.-R. 10-16 EKS SK10 2002M</t>
  </si>
  <si>
    <t>EKS SK10 2003M</t>
  </si>
  <si>
    <t>5702329762113</t>
  </si>
  <si>
    <t>VX K-Eind.-R. EKS SK10 2003M</t>
  </si>
  <si>
    <t>EKS SK10 2004ME</t>
  </si>
  <si>
    <t>5702329762120</t>
  </si>
  <si>
    <t>VX K-Eind.-R. 10-16/10 EKS SK10 2004ME</t>
  </si>
  <si>
    <t>EKS SK10 2006ME</t>
  </si>
  <si>
    <t>5702329762144</t>
  </si>
  <si>
    <t>VX K-Eind.-R. /10cm EKS SK10 2006ME</t>
  </si>
  <si>
    <t>EKS SK10 2007ME</t>
  </si>
  <si>
    <t>5702329762168</t>
  </si>
  <si>
    <t>VX K-Eind.-R. /10cm EKS SK10 2007ME</t>
  </si>
  <si>
    <t>EKS SK10 2007MJ</t>
  </si>
  <si>
    <t>5702329762175</t>
  </si>
  <si>
    <t>VX K-Eind.-R. /25cm EKS SK10 2007MJ</t>
  </si>
  <si>
    <t>EKS SK10 2021M</t>
  </si>
  <si>
    <t>5702329762182</t>
  </si>
  <si>
    <t>VX K-Eind.-R. 10-16 EKS SK10 2021M</t>
  </si>
  <si>
    <t>EKS SK10 4021E2</t>
  </si>
  <si>
    <t>5702329306232</t>
  </si>
  <si>
    <t>VX K-Eind.-R. EKS SK10 4021E2</t>
  </si>
  <si>
    <t>EKS SK10 4021E3</t>
  </si>
  <si>
    <t>5702329971805</t>
  </si>
  <si>
    <t>VX K-Eind.-R. EKS SK10 4021E3</t>
  </si>
  <si>
    <t>EKS UK04 2002M</t>
  </si>
  <si>
    <t>5702329762380</t>
  </si>
  <si>
    <t>VX K-Eind.-R. 10-16 EKS UK04 2002M</t>
  </si>
  <si>
    <t>EKS UK04 2004MJ</t>
  </si>
  <si>
    <t>5702329762403</t>
  </si>
  <si>
    <t>VX K-Eind.-R. 10-16/25 EKS UK04 2004MJ</t>
  </si>
  <si>
    <t>EKS UK04 2006MJ</t>
  </si>
  <si>
    <t>5702329762427</t>
  </si>
  <si>
    <t>VX K-Eind.-R. /25cm EKS UK04 2006MJ</t>
  </si>
  <si>
    <t>EKS UK04 2007ME</t>
  </si>
  <si>
    <t>5702329762434</t>
  </si>
  <si>
    <t>VX K-Eind.-R. /10cm EKS UK04 2007ME</t>
  </si>
  <si>
    <t>EKS UK04 2007MJ</t>
  </si>
  <si>
    <t>5702329762441</t>
  </si>
  <si>
    <t>VX K-Eind.-R. /25cm EKS UK04 2007MJ</t>
  </si>
  <si>
    <t>EKS UK04 2021M</t>
  </si>
  <si>
    <t>5702329762458</t>
  </si>
  <si>
    <t>VX K-Eind.-R. 10-16 EKS UK04 2021M</t>
  </si>
  <si>
    <t>EKS UK04 4021E2</t>
  </si>
  <si>
    <t>5702329306249</t>
  </si>
  <si>
    <t>VX K-Eind.-R. EKS UK04 4021E2</t>
  </si>
  <si>
    <t>EKS UK04 4021E3</t>
  </si>
  <si>
    <t>5702329971836</t>
  </si>
  <si>
    <t>VX K-Eind.-R. EKS UK04 4021E3</t>
  </si>
  <si>
    <t>EKS UK08 2001M</t>
  </si>
  <si>
    <t>5702329762632</t>
  </si>
  <si>
    <t>VX K-Eind.-R. 10-16 EKS UK08 2001M</t>
  </si>
  <si>
    <t>EKS UK08 2002M</t>
  </si>
  <si>
    <t>5702329762649</t>
  </si>
  <si>
    <t>VX K-Eind.-R. 10-16 EKS UK08 2002M</t>
  </si>
  <si>
    <t>EKS UK08 2003M</t>
  </si>
  <si>
    <t>5702329762656</t>
  </si>
  <si>
    <t>VX K-Eind.-R. EKS UK08 2003M</t>
  </si>
  <si>
    <t>EKS UK08 2004ME</t>
  </si>
  <si>
    <t>5702329762663</t>
  </si>
  <si>
    <t>VX K-Eind.-R. 10-16/10 EKS UK08 2004ME</t>
  </si>
  <si>
    <t>EKS UK08 2004MJ</t>
  </si>
  <si>
    <t>5702329762670</t>
  </si>
  <si>
    <t>VX K-Eind.-R. 10-16/25 EKS UK08 2004MJ</t>
  </si>
  <si>
    <t>EKS UK08 2006ME</t>
  </si>
  <si>
    <t>5702329762687</t>
  </si>
  <si>
    <t>VX K-Eind.-R. /10cm EKS UK08 2006ME</t>
  </si>
  <si>
    <t>EKS UK08 2006MJ</t>
  </si>
  <si>
    <t>5702329762694</t>
  </si>
  <si>
    <t>VX K-Eind.-R. /25cm EKS UK08 2006MJ</t>
  </si>
  <si>
    <t>EKS UK08 2007ME</t>
  </si>
  <si>
    <t>5702329762700</t>
  </si>
  <si>
    <t>VX K-Eind.-R. /10cm EKS UK08 2007ME</t>
  </si>
  <si>
    <t>EKS UK08 2007MJ</t>
  </si>
  <si>
    <t>5702329762717</t>
  </si>
  <si>
    <t>VX K-Eind.-R. /25cm EKS UK08 2007MJ</t>
  </si>
  <si>
    <t>EKS UK08 2021M</t>
  </si>
  <si>
    <t>5702329762724</t>
  </si>
  <si>
    <t>VX K-Eind.-R. 10-16 EKS UK08 2021M</t>
  </si>
  <si>
    <t>EKS UK08 4021E2</t>
  </si>
  <si>
    <t>5702329306256</t>
  </si>
  <si>
    <t>VX K-Eind.-R. EKS UK08 4021E2</t>
  </si>
  <si>
    <t>EKS UK08 4021E3</t>
  </si>
  <si>
    <t>5702329971867</t>
  </si>
  <si>
    <t>VX K-Eind.-R. EKS UK08 4021E3</t>
  </si>
  <si>
    <t>EKS UK10 2001M</t>
  </si>
  <si>
    <t>5702329762922</t>
  </si>
  <si>
    <t>VX K-Eind.-R. 10-16 EKS UK10 2001M</t>
  </si>
  <si>
    <t>EKS UK10 2002M</t>
  </si>
  <si>
    <t>5702329762939</t>
  </si>
  <si>
    <t>VX K-Eind.-R. 10-16 EKS UK10 2002M</t>
  </si>
  <si>
    <t>EKS UK10 2003M</t>
  </si>
  <si>
    <t>5702329762946</t>
  </si>
  <si>
    <t>VX K-Eind.-R. EKS UK10 2003M</t>
  </si>
  <si>
    <t>EKS UK10 2004MJ</t>
  </si>
  <si>
    <t>5702329762960</t>
  </si>
  <si>
    <t>VX K-Eind.-R. 10-16/25 EKS UK10 2004MJ</t>
  </si>
  <si>
    <t>EKS UK10 2006MJ</t>
  </si>
  <si>
    <t>5702329762984</t>
  </si>
  <si>
    <t>VX K-Eind.-R. /25cm EKS UK10 2006MJ</t>
  </si>
  <si>
    <t>EKS UK10 2007ME</t>
  </si>
  <si>
    <t>5702329762991</t>
  </si>
  <si>
    <t>VX K-Eind.-R. /10cm EKS UK10 2007ME</t>
  </si>
  <si>
    <t>EKS UK10 2021M</t>
  </si>
  <si>
    <t>5702329763011</t>
  </si>
  <si>
    <t>VX K-Eind.-R. 10-16 EKS UK10 2021M</t>
  </si>
  <si>
    <t>EKT CK02 2001M</t>
  </si>
  <si>
    <t>5702329764292</t>
  </si>
  <si>
    <t>K-ER. u.li 10-16 EKT CK02 2001M</t>
  </si>
  <si>
    <t>für flache Ziegel u. links Alu</t>
  </si>
  <si>
    <t>----------------------------------------
Geeignet für Dächer mit flachen Ziegeln
von 1,5 bis 4 cm Höhe.
Seitenteile abgeknickt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KT CK02 2002M</t>
  </si>
  <si>
    <t>5702329764308</t>
  </si>
  <si>
    <t>K-ER. u. mi 10-16 EKT CK02 2002M</t>
  </si>
  <si>
    <t>für flache Ziegel u. mitte Alu</t>
  </si>
  <si>
    <t>EKT CK02 2003M</t>
  </si>
  <si>
    <t>5702329764315</t>
  </si>
  <si>
    <t>K-ER. u.res EKT CK02 2003M</t>
  </si>
  <si>
    <t>für flache Ziegel u. rechts Alu</t>
  </si>
  <si>
    <t>EKT CK02 2021MX</t>
  </si>
  <si>
    <t>5702320112412</t>
  </si>
  <si>
    <t>VELUX Kombi Eindeckrahm. EKT 2001M+2003M</t>
  </si>
  <si>
    <t>2001M+2003M</t>
  </si>
  <si>
    <t>----------------------------------------
Geeignet für Dächer mit flachen Ziegeln
von 1,5 bis 4 cm Höhe.
Seitenteile abgeknickt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
Zum Einbau mehrerer Fenster in 
Lichtbändern oder Kasetten
Eindeckrahmen-Set aus Element 1 
unten links und Element 3 unten rechts
Mit flexibel einstellbarer Mittelrinne
zwischen 10 und 16cm als Abstand zum
rechts danebenliegenden Fenster</t>
  </si>
  <si>
    <t>EKT CK02 4021E2</t>
  </si>
  <si>
    <t>5702329319911</t>
  </si>
  <si>
    <t>VX K-Eind.-R. EKT CK02 4021E2</t>
  </si>
  <si>
    <t>flache Ziegel für DUO weiß</t>
  </si>
  <si>
    <t>----------------------------------------
Geeignet für Dächer mit flachen Ziegeln
von 1,5 bis 4 cm Höhe.
Seitenteile abgeknickt mit doppelten
Wasser-Ableitfalzen und Schaumstoff-
Dichtungs-Profil.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T CK02 4021E3</t>
  </si>
  <si>
    <t>5702320038392</t>
  </si>
  <si>
    <t>VX K-Eind.-R. EKT CK02 4021E3</t>
  </si>
  <si>
    <t>flache Ziegel für DUO klarlack</t>
  </si>
  <si>
    <t>----------------------------------------
Geeignet für Dächer mit flachen Ziegeln
von 1,5 bis 4 cm Höhe.
Seitenteile abgeknickt mit doppelten
Wasser-Ableitfalzen und Schaumstoff-
Dichtungs-Profil.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T CK02 4031E2</t>
  </si>
  <si>
    <t>5702329690904</t>
  </si>
  <si>
    <t>VX K-Eind.-R. EKT CK02 4031E2</t>
  </si>
  <si>
    <t>für Lichtlösung TRIO</t>
  </si>
  <si>
    <t>----------------------------------------
Geeignet für Dächer mit flachen Ziegeln
von 1,5 bis 4 cm Höhe.
Seitenteile abgeknickt mit doppelten
Wasser-Ableitfalzen und Schaumstoff-
Dichtungs-Profil.
----------------------------------------
Seitliche und untere Blendrahmen-
verblechung.
----------------------------------------
Material: Aluminium im Farbton der
Fenster-Abdeckung.
----------------------------------------
Produktpaket für den Einau von 
3 Fenstern in Kombination nebeneinader
mit Blendrahmenabstand 10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T CK02 4031E3</t>
  </si>
  <si>
    <t>5702320038408</t>
  </si>
  <si>
    <t>VX K-Eind.-R. EKT CK02 4031E3</t>
  </si>
  <si>
    <t>----------------------------------------
Geeignet für Dächer mit flachen Ziegeln
von 1,5 bis 4 cm Höhe.
Seitenteile abgeknickt mit doppelten
Wasser-Ableitfalzen und Schaumstoff-
Dichtungs-Profil.
----------------------------------------
Seitliche und untere Blendrahmen-
verblechung.
----------------------------------------
Material: Aluminium im Farbton der
Fenster-Abdeckung.
Abstand zum rechts danebenliegenden 
Fenster: 10cm</t>
  </si>
  <si>
    <t>EKT CK04 2001M</t>
  </si>
  <si>
    <t>5702329764339</t>
  </si>
  <si>
    <t>K-ER. u.li 10-16 EKT CK04 2001M</t>
  </si>
  <si>
    <t>EKT CK04 2002M</t>
  </si>
  <si>
    <t>5702329764346</t>
  </si>
  <si>
    <t>K-ER. u. mi 10-16 EKT CK04 2002M</t>
  </si>
  <si>
    <t>EKT CK04 2003M</t>
  </si>
  <si>
    <t>5702329764353</t>
  </si>
  <si>
    <t>K-ER. u.res EKT CK04 2003M</t>
  </si>
  <si>
    <t>EKT CK04 2021MX</t>
  </si>
  <si>
    <t>5702320112429</t>
  </si>
  <si>
    <t>EKT CK04 4021E2</t>
  </si>
  <si>
    <t>5702329319928</t>
  </si>
  <si>
    <t>VX K-Eind.-R. EKT CK04 4021E2</t>
  </si>
  <si>
    <t>EKT CK04 4021E3</t>
  </si>
  <si>
    <t>5702320038415</t>
  </si>
  <si>
    <t>VX K-Eind.-R. EKT CK04 4021E3</t>
  </si>
  <si>
    <t>EKT CK04 4031E2</t>
  </si>
  <si>
    <t>5702329690911</t>
  </si>
  <si>
    <t>VX K-Eind.-R. EKT CK04 4031E2</t>
  </si>
  <si>
    <t>EKT CK04 4031E3</t>
  </si>
  <si>
    <t>5702320038422</t>
  </si>
  <si>
    <t>VX K-Eind.-R. EKT CK04 4031E3</t>
  </si>
  <si>
    <t>EKT CK06 2001M</t>
  </si>
  <si>
    <t>5702329764377</t>
  </si>
  <si>
    <t>K-ER. u.li 10-16 EKT CK06 2001M</t>
  </si>
  <si>
    <t>EKT CK06 2002M</t>
  </si>
  <si>
    <t>5702329764384</t>
  </si>
  <si>
    <t>K-ER. u. mi 10-16 EKT CK06 2002M</t>
  </si>
  <si>
    <t>EKT CK06 2003M</t>
  </si>
  <si>
    <t>5702329764391</t>
  </si>
  <si>
    <t>K-ER. u.res EKT CK06 2003M</t>
  </si>
  <si>
    <t>EKT CK06 2021MX</t>
  </si>
  <si>
    <t>5702320112528</t>
  </si>
  <si>
    <t>EKT CK06 4021E2</t>
  </si>
  <si>
    <t>5702329319935</t>
  </si>
  <si>
    <t>VX K-Eind.-R. EKT CK06 4021E2</t>
  </si>
  <si>
    <t>EKT CK06 4021E3</t>
  </si>
  <si>
    <t>5702320038439</t>
  </si>
  <si>
    <t>VX K-Eind.-R. EKT CK06 4021E3</t>
  </si>
  <si>
    <t>EKT CK06 4031E2</t>
  </si>
  <si>
    <t>5702329690928</t>
  </si>
  <si>
    <t>VX K-Eind.-R. EKT CK06 4031E2</t>
  </si>
  <si>
    <t>EKT CK06 4031E3</t>
  </si>
  <si>
    <t>5702320038446</t>
  </si>
  <si>
    <t>VX K-Eind.-R. EKT CK06 4031E3</t>
  </si>
  <si>
    <t>EKT FK04 2001M</t>
  </si>
  <si>
    <t>5702329764414</t>
  </si>
  <si>
    <t>K-ER. u.li 10-16 EKT FK04 2001M</t>
  </si>
  <si>
    <t>EKT FK04 2002M</t>
  </si>
  <si>
    <t>5702329764421</t>
  </si>
  <si>
    <t>K-ER. u. mi 10-16 EKT FK04 2002M</t>
  </si>
  <si>
    <t>EKT FK04 2003M</t>
  </si>
  <si>
    <t>5702329764438</t>
  </si>
  <si>
    <t>K-ER. u.res EKT FK04 2003M</t>
  </si>
  <si>
    <t>EKT FK04 2021MX</t>
  </si>
  <si>
    <t>5702320112535</t>
  </si>
  <si>
    <t>EKT FK04 4021E2</t>
  </si>
  <si>
    <t>5702329319942</t>
  </si>
  <si>
    <t>VX K-Eind.-R. EKT FK04 4021E2</t>
  </si>
  <si>
    <t>EKT FK04 4021E3</t>
  </si>
  <si>
    <t>5702320038453</t>
  </si>
  <si>
    <t>VX K-Eind.-R. EKT FK04 4021E3</t>
  </si>
  <si>
    <t>EKT FK04 4031E2</t>
  </si>
  <si>
    <t>5702329690935</t>
  </si>
  <si>
    <t>VX K-Eind.-R. EKT FK04 4031E2</t>
  </si>
  <si>
    <t>EKT FK04 4031E3</t>
  </si>
  <si>
    <t>5702320038460</t>
  </si>
  <si>
    <t>VX K-Eind.-R. EKT FK04 4031E3</t>
  </si>
  <si>
    <t>EKT FK06 2001M</t>
  </si>
  <si>
    <t>5702329764452</t>
  </si>
  <si>
    <t>K-ER. u.li 10-16 EKT FK06 2001M</t>
  </si>
  <si>
    <t>EKT FK06 2002M</t>
  </si>
  <si>
    <t>5702329764469</t>
  </si>
  <si>
    <t>K-ER. u. mi 10-16 EKT FK06 2002M</t>
  </si>
  <si>
    <t>EKT FK06 2003M</t>
  </si>
  <si>
    <t>5702329764476</t>
  </si>
  <si>
    <t>K-ER. u.res EKT FK06 2003M</t>
  </si>
  <si>
    <t>EKT FK06 2021MX</t>
  </si>
  <si>
    <t>5702320112542</t>
  </si>
  <si>
    <t>EKT FK06 4021E2</t>
  </si>
  <si>
    <t>5702329319959</t>
  </si>
  <si>
    <t>VX K-Eind.-R. EKT FK06 4021E2</t>
  </si>
  <si>
    <t>EKT FK06 4021E3</t>
  </si>
  <si>
    <t>5702320038477</t>
  </si>
  <si>
    <t>VX K-Eind.-R. EKT FK06 4021E3</t>
  </si>
  <si>
    <t>EKT FK06 4031E2</t>
  </si>
  <si>
    <t>5702329690942</t>
  </si>
  <si>
    <t>VX K-Eind.-R. EKT FK06 4031E2</t>
  </si>
  <si>
    <t>EKT FK06 4031E3</t>
  </si>
  <si>
    <t>5702320038484</t>
  </si>
  <si>
    <t>VX K-Eind.-R. EKT FK06 4031E3</t>
  </si>
  <si>
    <t>EKT FK08 2001M</t>
  </si>
  <si>
    <t>5702329764490</t>
  </si>
  <si>
    <t>K-ER. u.li 10-16 EKT FK08 2001M</t>
  </si>
  <si>
    <t>EKT FK08 2002M</t>
  </si>
  <si>
    <t>5702329764506</t>
  </si>
  <si>
    <t>K-ER. u. mi 10-16 EKT FK08 2002M</t>
  </si>
  <si>
    <t>EKT FK08 2003M</t>
  </si>
  <si>
    <t>5702329764513</t>
  </si>
  <si>
    <t>K-ER. u.res EKT FK08 2003M</t>
  </si>
  <si>
    <t>EKT FK08 2021MX</t>
  </si>
  <si>
    <t>5702320112559</t>
  </si>
  <si>
    <t>EKT FK08 4021E2</t>
  </si>
  <si>
    <t>5702329319966</t>
  </si>
  <si>
    <t>VX K-Eind.-R. EKT FK08 4021E2</t>
  </si>
  <si>
    <t>EKT FK08 4021E3</t>
  </si>
  <si>
    <t>5702320038491</t>
  </si>
  <si>
    <t>VX K-Eind.-R. EKT FK08 4021E3</t>
  </si>
  <si>
    <t>EKT FK08 4031E2</t>
  </si>
  <si>
    <t>5702329690959</t>
  </si>
  <si>
    <t>VX K-Eind.-R. EKT FK08 4031E2</t>
  </si>
  <si>
    <t>EKT FK08 4031E3</t>
  </si>
  <si>
    <t>5702320038507</t>
  </si>
  <si>
    <t>VX K-Eind.-R. EKT FK08 4031E3</t>
  </si>
  <si>
    <t>EKT MK04 2001M</t>
  </si>
  <si>
    <t>5702329764537</t>
  </si>
  <si>
    <t>K-ER. u.li 10-16 EKT MK04 2001M</t>
  </si>
  <si>
    <t>EKT MK04 2002M</t>
  </si>
  <si>
    <t>5702329764544</t>
  </si>
  <si>
    <t>K-ER. u. mi 10-16 EKT MK04 2002M</t>
  </si>
  <si>
    <t>EKT MK04 2003M</t>
  </si>
  <si>
    <t>5702329764551</t>
  </si>
  <si>
    <t>K-ER. u.res EKT MK04 2003M</t>
  </si>
  <si>
    <t>EKT MK04 2021MX</t>
  </si>
  <si>
    <t>5702320112566</t>
  </si>
  <si>
    <t>EKT MK04 4021E2</t>
  </si>
  <si>
    <t>5702329319973</t>
  </si>
  <si>
    <t>VX K-Eind.-R. EKT MK04 4021E2</t>
  </si>
  <si>
    <t>EKT MK04 4021E3</t>
  </si>
  <si>
    <t>5702320038514</t>
  </si>
  <si>
    <t>VX K-Eind.-R. EKT MK04 4021E3</t>
  </si>
  <si>
    <t>EKT MK04 4031E2</t>
  </si>
  <si>
    <t>5702329690966</t>
  </si>
  <si>
    <t>VX K-Eind.-R. EKT MK04 4031E2</t>
  </si>
  <si>
    <t>EKT MK04 4031E3</t>
  </si>
  <si>
    <t>5702320038521</t>
  </si>
  <si>
    <t>VX K-Eind.-R. EKT MK04 4031E3</t>
  </si>
  <si>
    <t>EKT MK06 2001M</t>
  </si>
  <si>
    <t>5702329764575</t>
  </si>
  <si>
    <t>K-ER. u.li 10-16 EKT MK06 2001M</t>
  </si>
  <si>
    <t>EKT MK06 2002M</t>
  </si>
  <si>
    <t>5702329764582</t>
  </si>
  <si>
    <t>K-ER. u. mi 10-16 EKT MK06 2002M</t>
  </si>
  <si>
    <t>EKT MK06 2003M</t>
  </si>
  <si>
    <t>5702329764599</t>
  </si>
  <si>
    <t>K-ER. u.res EKT MK06 2003M</t>
  </si>
  <si>
    <t>EKT MK06 2021MX</t>
  </si>
  <si>
    <t>5702320112573</t>
  </si>
  <si>
    <t>EKT MK06 4021E2</t>
  </si>
  <si>
    <t>5702329319980</t>
  </si>
  <si>
    <t>VX K-Eind.-R. EKT MK06 4021E2</t>
  </si>
  <si>
    <t>EKT MK06 4021E3</t>
  </si>
  <si>
    <t>5702320038538</t>
  </si>
  <si>
    <t>VX K-Eind.-R. EKT MK06 4021E3</t>
  </si>
  <si>
    <t>EKT MK06 4031E2</t>
  </si>
  <si>
    <t>5702329690973</t>
  </si>
  <si>
    <t>VX K-Eind.-R. EKT MK06 4031E2</t>
  </si>
  <si>
    <t>EKT MK06 4031E3</t>
  </si>
  <si>
    <t>5702320038545</t>
  </si>
  <si>
    <t>VX K-Eind.-R. EKT MK06 4031E3</t>
  </si>
  <si>
    <t>EKT MK08 2001M</t>
  </si>
  <si>
    <t>5702329764612</t>
  </si>
  <si>
    <t>K-ER. u.li 10-16 EKT MK08 2001M</t>
  </si>
  <si>
    <t>EKT MK08 2002M</t>
  </si>
  <si>
    <t>5702329764629</t>
  </si>
  <si>
    <t>K-ER. u. mi 10-16 EKT MK08 2002M</t>
  </si>
  <si>
    <t>EKT MK08 2003M</t>
  </si>
  <si>
    <t>5702329764636</t>
  </si>
  <si>
    <t>K-ER. u.res EKT MK08 2003M</t>
  </si>
  <si>
    <t>EKT MK08 2021MX</t>
  </si>
  <si>
    <t>5702320112580</t>
  </si>
  <si>
    <t>EKT MK08 4021E2</t>
  </si>
  <si>
    <t>5702329319997</t>
  </si>
  <si>
    <t>VX K-Eind.-R. EKT MK08 4021E2</t>
  </si>
  <si>
    <t>EKT MK08 4021E3</t>
  </si>
  <si>
    <t>5702320038552</t>
  </si>
  <si>
    <t>VX K-Eind.-R. EKT MK08 4021E3</t>
  </si>
  <si>
    <t>EKT MK08 4031E2</t>
  </si>
  <si>
    <t>5702329690980</t>
  </si>
  <si>
    <t>VX K-Eind.-R. EKT MK08 4031E2</t>
  </si>
  <si>
    <t>EKT MK08 4031E3</t>
  </si>
  <si>
    <t>5702320038569</t>
  </si>
  <si>
    <t>VX K-Eind.-R. EKT MK08 4031E3</t>
  </si>
  <si>
    <t>EKT MK10 2001M</t>
  </si>
  <si>
    <t>5702329764650</t>
  </si>
  <si>
    <t>K-ER. u.li 10-16 EKT MK10 2001M</t>
  </si>
  <si>
    <t>EKT MK10 2002M</t>
  </si>
  <si>
    <t>5702329764667</t>
  </si>
  <si>
    <t>K-ER. u. mi 10-16 EKT MK10 2002M</t>
  </si>
  <si>
    <t>EKT MK10 2003M</t>
  </si>
  <si>
    <t>5702329764674</t>
  </si>
  <si>
    <t>K-ER. u.res EKT MK10 2003M</t>
  </si>
  <si>
    <t>EKT MK10 2021MX</t>
  </si>
  <si>
    <t>5702320112597</t>
  </si>
  <si>
    <t>EKT MK10 4021E2</t>
  </si>
  <si>
    <t>5702329320009</t>
  </si>
  <si>
    <t>VX K-Eind.-R. EKT MK10 4021E2</t>
  </si>
  <si>
    <t>EKT MK10 4021E3</t>
  </si>
  <si>
    <t>5702320038576</t>
  </si>
  <si>
    <t>VX K-Eind.-R. EKT MK10 4021E3</t>
  </si>
  <si>
    <t>EKT MK10 4031E2</t>
  </si>
  <si>
    <t>5702329690997</t>
  </si>
  <si>
    <t>VX K-Eind.-R. EKT MK10 4031E2</t>
  </si>
  <si>
    <t>EKT MK10 4031E3</t>
  </si>
  <si>
    <t>5702320038583</t>
  </si>
  <si>
    <t>VX K-Eind.-R. EKT MK10 4031E3</t>
  </si>
  <si>
    <t>EKT MK12 2001M</t>
  </si>
  <si>
    <t>5702329764698</t>
  </si>
  <si>
    <t>K-ER. u.li 10-16 EKT MK12 2001M</t>
  </si>
  <si>
    <t>EKT MK12 2002M</t>
  </si>
  <si>
    <t>5702329764704</t>
  </si>
  <si>
    <t>K-ER. u. mi 10-16 EKT MK12 2002M</t>
  </si>
  <si>
    <t>EKT MK12 2003M</t>
  </si>
  <si>
    <t>5702329764711</t>
  </si>
  <si>
    <t>K-ER. u.res EKT MK12 2003M</t>
  </si>
  <si>
    <t>EKT PK06 2001M</t>
  </si>
  <si>
    <t>5702329764773</t>
  </si>
  <si>
    <t>K-ER. u.li 10-16 EKT PK06 2001M</t>
  </si>
  <si>
    <t>EKT PK06 2002M</t>
  </si>
  <si>
    <t>5702329764780</t>
  </si>
  <si>
    <t>K-ER. u. mi 10-16 EKT PK06 2002M</t>
  </si>
  <si>
    <t>EKT PK06 2003M</t>
  </si>
  <si>
    <t>5702329764797</t>
  </si>
  <si>
    <t>K-ER. u.res EKT PK06 2003M</t>
  </si>
  <si>
    <t>EKT PK06 2021MX</t>
  </si>
  <si>
    <t>5702320112627</t>
  </si>
  <si>
    <t>EKT PK06 4021E2</t>
  </si>
  <si>
    <t>5702329320030</t>
  </si>
  <si>
    <t>VX K-Eind.-R. EKT PK06 4021E2</t>
  </si>
  <si>
    <t>EKT PK06 4021E3</t>
  </si>
  <si>
    <t>5702320866834</t>
  </si>
  <si>
    <t>VX K-Eind.-R. EKT PK06 4021E3</t>
  </si>
  <si>
    <t>EKT PK08 2001M</t>
  </si>
  <si>
    <t>5702329764810</t>
  </si>
  <si>
    <t>K-ER. u.li 10-16 EKT PK08 2001M</t>
  </si>
  <si>
    <t>EKT PK08 2002M</t>
  </si>
  <si>
    <t>5702329764827</t>
  </si>
  <si>
    <t>K-ER. u. mi 10-16 EKT PK08 2002M</t>
  </si>
  <si>
    <t>EKT PK08 2003M</t>
  </si>
  <si>
    <t>5702329764834</t>
  </si>
  <si>
    <t>K-ER. u.res EKT PK08 2003M</t>
  </si>
  <si>
    <t>EKT PK08 2021MX</t>
  </si>
  <si>
    <t>5702320112634</t>
  </si>
  <si>
    <t>EKT PK08 4021E2</t>
  </si>
  <si>
    <t>5702329320047</t>
  </si>
  <si>
    <t>VX K-Eind.-R. EKT PK08 4021E2</t>
  </si>
  <si>
    <t>EKT PK08 4021E3</t>
  </si>
  <si>
    <t>5702320866841</t>
  </si>
  <si>
    <t>VX K-Eind.-R. EKT PK08 4021E3</t>
  </si>
  <si>
    <t>EKT PK10 2001M</t>
  </si>
  <si>
    <t>5702329764858</t>
  </si>
  <si>
    <t>K-ER. u.li 10-16 EKT PK10 2001M</t>
  </si>
  <si>
    <t>EKT PK10 2002M</t>
  </si>
  <si>
    <t>5702329764865</t>
  </si>
  <si>
    <t>K-ER. u. mi 10-16 EKT PK10 2002M</t>
  </si>
  <si>
    <t>EKT PK10 2003M</t>
  </si>
  <si>
    <t>5702329764872</t>
  </si>
  <si>
    <t>K-ER. u.res EKT PK10 2003M</t>
  </si>
  <si>
    <t>EKT PK10 2021MX</t>
  </si>
  <si>
    <t>5702320112641</t>
  </si>
  <si>
    <t>EKT PK10 4021E2</t>
  </si>
  <si>
    <t>5702329320054</t>
  </si>
  <si>
    <t>VX K-Eind.-R. EKT PK10 4021E2</t>
  </si>
  <si>
    <t>EKT PK10 4021E3</t>
  </si>
  <si>
    <t>5702320866858</t>
  </si>
  <si>
    <t>VX K-Eind.-R. EKT PK10 4021E3</t>
  </si>
  <si>
    <t>EKT SK06 2001M</t>
  </si>
  <si>
    <t>5702329764896</t>
  </si>
  <si>
    <t>K-ER. u.li 10-16 EKT SK06 2001M</t>
  </si>
  <si>
    <t>EKT SK06 2002M</t>
  </si>
  <si>
    <t>5702329764902</t>
  </si>
  <si>
    <t>K-ER. u. mi 10-16 EKT SK06 2002M</t>
  </si>
  <si>
    <t>EKT SK06 2003M</t>
  </si>
  <si>
    <t>5702329764919</t>
  </si>
  <si>
    <t>K-ER. u.res EKT SK06 2003M</t>
  </si>
  <si>
    <t>EKT SK06 2021MX</t>
  </si>
  <si>
    <t>5702320112658</t>
  </si>
  <si>
    <t>EKT SK06 4021E2</t>
  </si>
  <si>
    <t>5702329320061</t>
  </si>
  <si>
    <t>VX K-Eind.-R. EKT SK06 4021E2</t>
  </si>
  <si>
    <t>EKT SK06 4021E3</t>
  </si>
  <si>
    <t>5702320866865</t>
  </si>
  <si>
    <t>VX K-Eind.-R. EKT SK06 4021E3</t>
  </si>
  <si>
    <t>EKT SK08 2001M</t>
  </si>
  <si>
    <t>5702329764933</t>
  </si>
  <si>
    <t>K-ER. u.li 10-16 EKT SK08 2001M</t>
  </si>
  <si>
    <t>EKT SK08 2002M</t>
  </si>
  <si>
    <t>5702329764940</t>
  </si>
  <si>
    <t>K-ER. u. mi 10-16 EKT SK08 2002M</t>
  </si>
  <si>
    <t>EKT SK08 2003M</t>
  </si>
  <si>
    <t>5702329764957</t>
  </si>
  <si>
    <t>K-ER. u.res EKT SK08 2003M</t>
  </si>
  <si>
    <t>EKT SK08 2021MX</t>
  </si>
  <si>
    <t>5702320112689</t>
  </si>
  <si>
    <t>EKT SK08 4021E2</t>
  </si>
  <si>
    <t>5702329320078</t>
  </si>
  <si>
    <t>VX K-Eind.-R. EKT SK08 4021E2</t>
  </si>
  <si>
    <t>EKT SK08 4021E3</t>
  </si>
  <si>
    <t>5702320866872</t>
  </si>
  <si>
    <t>VX K-Eind.-R. EKT SK08 4021E3</t>
  </si>
  <si>
    <t>EKT SK10 2001M</t>
  </si>
  <si>
    <t>5702329764971</t>
  </si>
  <si>
    <t>K-ER. u.li 10-16 EKT SK10 2001M</t>
  </si>
  <si>
    <t>EKT SK10 2002M</t>
  </si>
  <si>
    <t>5702329764988</t>
  </si>
  <si>
    <t>K-ER. u. mi 10-16 EKT SK10 2002M</t>
  </si>
  <si>
    <t>EKT SK10 2003M</t>
  </si>
  <si>
    <t>5702329764995</t>
  </si>
  <si>
    <t>K-ER. u.res EKT SK10 2003M</t>
  </si>
  <si>
    <t>EKT SK10 2021MX</t>
  </si>
  <si>
    <t>5702320112696</t>
  </si>
  <si>
    <t>EKT SK10 4021E2</t>
  </si>
  <si>
    <t>5702329320085</t>
  </si>
  <si>
    <t>VX K-Eind.-R. EKT SK10 4021E2</t>
  </si>
  <si>
    <t>EKT SK10 4021E3</t>
  </si>
  <si>
    <t>5702320866889</t>
  </si>
  <si>
    <t>VX K-Eind.-R. EKT SK10 4021E3</t>
  </si>
  <si>
    <t>EKT UK04 2001M</t>
  </si>
  <si>
    <t>5702329765015</t>
  </si>
  <si>
    <t>K-ER. u.li 10-16 EKT UK04 2001M</t>
  </si>
  <si>
    <t>EKT UK04 2002M</t>
  </si>
  <si>
    <t>5702329765022</t>
  </si>
  <si>
    <t>K-ER. u. mi 10-16 EKT UK04 2002M</t>
  </si>
  <si>
    <t>EKT UK04 2003M</t>
  </si>
  <si>
    <t>5702329765039</t>
  </si>
  <si>
    <t>K-ER. u.res EKT UK04 2003M</t>
  </si>
  <si>
    <t>EKT UK04 2021MX</t>
  </si>
  <si>
    <t>5702320112702</t>
  </si>
  <si>
    <t>EKT UK04 4021E2</t>
  </si>
  <si>
    <t>5702329320092</t>
  </si>
  <si>
    <t>VX K-Eind.-R. EKT UK04 4021E2</t>
  </si>
  <si>
    <t>EKT UK04 4021E3</t>
  </si>
  <si>
    <t>5702320866896</t>
  </si>
  <si>
    <t>VX K-Eind.-R. EKT UK04 4021E3</t>
  </si>
  <si>
    <t>EKT UK08 2001M</t>
  </si>
  <si>
    <t>5702329765084</t>
  </si>
  <si>
    <t>K-ER. u.li 10-16 EKT UK08 2001M</t>
  </si>
  <si>
    <t>EKT UK08 2002M</t>
  </si>
  <si>
    <t>5702329765091</t>
  </si>
  <si>
    <t>K-ER. u. mi 10-16 EKT UK08 2002M</t>
  </si>
  <si>
    <t>EKT UK08 2003M</t>
  </si>
  <si>
    <t>5702329765107</t>
  </si>
  <si>
    <t>K-ER. u.res EKT UK08 2003M</t>
  </si>
  <si>
    <t>EKT UK08 2021MX</t>
  </si>
  <si>
    <t>5702320112726</t>
  </si>
  <si>
    <t>EKT UK08 4021E2</t>
  </si>
  <si>
    <t>5702329320115</t>
  </si>
  <si>
    <t>VX K-Eind.-R. EKT UK08 4021E2</t>
  </si>
  <si>
    <t>EKT UK08 4021E3</t>
  </si>
  <si>
    <t>5702320867114</t>
  </si>
  <si>
    <t>EKT UK10 2001M</t>
  </si>
  <si>
    <t>5702329765121</t>
  </si>
  <si>
    <t>K-ER. u.li 10-16 EKT UK10 2001M</t>
  </si>
  <si>
    <t>EKT UK10 2002M</t>
  </si>
  <si>
    <t>5702329765138</t>
  </si>
  <si>
    <t>K-ER. u. mi 10-16 EKT UK10 2002M</t>
  </si>
  <si>
    <t>EKT UK10 2003M</t>
  </si>
  <si>
    <t>5702329765145</t>
  </si>
  <si>
    <t>K-ER. u.res EKT UK10 2003M</t>
  </si>
  <si>
    <t>EKT UK10 2021MX</t>
  </si>
  <si>
    <t>5702320112733</t>
  </si>
  <si>
    <t>EKW CK02 1021M</t>
  </si>
  <si>
    <t>5702320718072</t>
  </si>
  <si>
    <t>VX K-Eind.-R. 10-16 EKW CK02 1021M</t>
  </si>
  <si>
    <t>inkl BFX Ziegel u. links/rechts Al</t>
  </si>
  <si>
    <t>----------------------------------------
Geeignet für Dächer mit flachem oder
profiliertem Eindeckmaterial
von 1,5 bis 12 cm Höhe.
Seitenteile gerade mit doppelten Wasser-
Ableit-Falzen und Schaumstoff-Dichtungs-
Profil.
----------------------------------------
Seitliche und untere Blendrahmen-
verblechung.
Inklusive Anschlussschürze BFX
Mit flexibel einstellbarer Mittelrinne
zwischen 10 und 16cm als Abstand zum
rechts danebenliegenden Fenster</t>
  </si>
  <si>
    <t>EKW CK02 2001M</t>
  </si>
  <si>
    <t>5702329765305</t>
  </si>
  <si>
    <t>VX K-Eind.-R. 10-16 EKW CK02 2001M</t>
  </si>
  <si>
    <t>Ziegel hoch/Welle u. links Al</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Schürze des
Unterteils aus plissiertem Aluminium.
Farbton: wie Fenster-Abdeckung.
Mit flexibel einstellbarer Mittelrinne
zwischen 10 und 16cm als Abstand zum
rechts danebenliegenden Fenster</t>
  </si>
  <si>
    <t>EKW CK02 2002M</t>
  </si>
  <si>
    <t>5702329765312</t>
  </si>
  <si>
    <t>VX K-Eind.-R. 10-16 EKW CK02 2002M</t>
  </si>
  <si>
    <t>Ziegel hoch/Welle u. Mitte Al</t>
  </si>
  <si>
    <t>EKW CK02 2003M</t>
  </si>
  <si>
    <t>5702329765329</t>
  </si>
  <si>
    <t>VX K-Eind.-R. EKW CK02 2003M</t>
  </si>
  <si>
    <t>Ziegel hoch/Welle u. rechts Al</t>
  </si>
  <si>
    <t>EKW CK02 2004ME</t>
  </si>
  <si>
    <t>5702329765336</t>
  </si>
  <si>
    <t>VX K-Eind.-R. 10-16/10 EKW CK02 2004ME</t>
  </si>
  <si>
    <t>Ziegel hoch/Welle o. links Al</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W CK02 2004MJ</t>
  </si>
  <si>
    <t>5702329765343</t>
  </si>
  <si>
    <t>VX K-Eind.-R. 10-16/25 EKW CK02 2004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W CK02 2006ME</t>
  </si>
  <si>
    <t>5702329765350</t>
  </si>
  <si>
    <t>VX K-Eind.-R. /10cm EKW CK02 2006ME</t>
  </si>
  <si>
    <t>Ziegel hoch/Welle o. rechts Al</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10cm</t>
  </si>
  <si>
    <t>EKW CK02 2006MJ</t>
  </si>
  <si>
    <t>5702329765367</t>
  </si>
  <si>
    <t>VX K-Eind.-R. /25cm EKW CK02 2006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Abstand zum darunterliegenden
Fenster: 25cm</t>
  </si>
  <si>
    <t>EKW CK02 2007ME</t>
  </si>
  <si>
    <t>5702329765374</t>
  </si>
  <si>
    <t>VX K-Eind.-R. /10cm EKW CK02 2007ME</t>
  </si>
  <si>
    <t>Ziegel hoch/Welle o. einzeln Al</t>
  </si>
  <si>
    <t>EKW CK02 2007MJ</t>
  </si>
  <si>
    <t>5702329765381</t>
  </si>
  <si>
    <t>VX K-Eind.-R. /25cm EKW CK02 2007MJ</t>
  </si>
  <si>
    <t>EKW CK02 2021M</t>
  </si>
  <si>
    <t>5702329765398</t>
  </si>
  <si>
    <t>VX K-Eind.-R. 10-16 EKW CK02 2021M</t>
  </si>
  <si>
    <t>Ziegel hoch/Welle u. links/rechts Al</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Zum Einbau mehrerer Fenster in 
Lichtbändern oder Kasetten
Eindeckrahmen-Set aus Element 1 
unten links und Element 3 unten rechts
Mit flexibel einstellbarer Mittelrinne
zwischen 10 und 16cm als Abstand zum
rechts danebenliegenden Fenster</t>
  </si>
  <si>
    <t>EKW CK02 2101M</t>
  </si>
  <si>
    <t>5702329765404</t>
  </si>
  <si>
    <t>VX K-Eind.-R. 10-16 EKW CK02 2101M</t>
  </si>
  <si>
    <t>Ziegel hoch/Welle u. links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Schürze des Unterteils
aus plissiertem Blei im Farbton grau,
NCS S7500-N.
Mit flexibel einstellbarer Mittelrinne
zwischen 10 und 16cm als Abstand zum
rechts danebenliegenden Fenster</t>
  </si>
  <si>
    <t>EKW CK02 2102M</t>
  </si>
  <si>
    <t>5702329765411</t>
  </si>
  <si>
    <t>VX K-Eind.-R. 10-16 EKW CK02 2102M</t>
  </si>
  <si>
    <t>Ziegel hoch/Welle u. Mitte Cu</t>
  </si>
  <si>
    <t>EKW CK02 2103M</t>
  </si>
  <si>
    <t>5702329765428</t>
  </si>
  <si>
    <t>VX K-Eind.-R. EKW CK02 2103M</t>
  </si>
  <si>
    <t>Ziegel hoch/Welle u. rechts Cu</t>
  </si>
  <si>
    <t>EKW CK02 2104ME</t>
  </si>
  <si>
    <t>5702329765435</t>
  </si>
  <si>
    <t>VX K-Eind.-R. 10-16/10 EKW CK02 2104ME</t>
  </si>
  <si>
    <t>Ziegel hoch/Welle o. links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W CK02 2106ME</t>
  </si>
  <si>
    <t>5702329765459</t>
  </si>
  <si>
    <t>VX K-Eind.-R. /10cm EKW CK02 2106ME</t>
  </si>
  <si>
    <t>Ziegel hoch/Welle o. rechts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10cm</t>
  </si>
  <si>
    <t>EKW CK02 2107MJ</t>
  </si>
  <si>
    <t>5702329765480</t>
  </si>
  <si>
    <t>VX K-Eind.-R. /25cm EKW CK02 2107MJ</t>
  </si>
  <si>
    <t>Ziegel hoch/Welle o. einzeln Cu</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Abstand zum darunterliegenden
Fenster: 25cm</t>
  </si>
  <si>
    <t>EKW CK02 2121M</t>
  </si>
  <si>
    <t>5702329765497</t>
  </si>
  <si>
    <t>VX K-Eind.-R. 10-16 EKW CK02 2121M</t>
  </si>
  <si>
    <t>Ziegel hoch/Welle u. links/rechts Cu</t>
  </si>
  <si>
    <t>EKW CK02 2301M</t>
  </si>
  <si>
    <t>5702329765503</t>
  </si>
  <si>
    <t>VX K-Eind.-R. 10-16 EKW CK02 2301M</t>
  </si>
  <si>
    <t>Ziegel hoch/Welle u. links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Unterteil mit Schürze aus plissiertem
Aluminium im Farbton, grau, NCS S3502-G.
Mit flexibel einstellbarer Mittelrinne
zwischen 10 und 16cm als Abstand zum
rechts danebenliegenden Fenster</t>
  </si>
  <si>
    <t>EKW CK02 2303M</t>
  </si>
  <si>
    <t>5702329765527</t>
  </si>
  <si>
    <t>VX K-Eind.-R. EKW CK02 2303M</t>
  </si>
  <si>
    <t>Ziegel hoch/Welle u. rechts Ti-Zink</t>
  </si>
  <si>
    <t>EKW CK02 2307ME</t>
  </si>
  <si>
    <t>5702329765572</t>
  </si>
  <si>
    <t>VX K-Eind.-R. /10cm EKW CK02 2307ME</t>
  </si>
  <si>
    <t>Ziegel hoch/Welle o. einzeln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EKW CK02 4021E2</t>
  </si>
  <si>
    <t>5702329306270</t>
  </si>
  <si>
    <t>VX K-Eind.-R. EKW CK02 4021E2</t>
  </si>
  <si>
    <t>Ziegel hoch/Welle für DUO weiß</t>
  </si>
  <si>
    <t>----------------------------------------
Geeignet für Dächer mit flachem oder
profiliertem Eindeckmaterial
von 1,5 bis 12 cm Höhe.
Seitenteile gerade mit doppelten Wasser-
Ableit-Falzen und Schaumstoff-Dichtungs-
Profil.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W CK02 4021E3</t>
  </si>
  <si>
    <t>5702329971881</t>
  </si>
  <si>
    <t>VX K-Eind.-R. EKW CK02 4021E3</t>
  </si>
  <si>
    <t>Ziegel hoch/Welle für DUO klarlack</t>
  </si>
  <si>
    <t>----------------------------------------
Geeignet für Dächer mit flachem oder
profiliertem Eindeckmaterial
von 1,5 bis 12 cm Höhe.
Seitenteile gerade mit doppelten Wasser-
Ableit-Falzen und Schaumstoff-Dichtungs-
Profil.
----------------------------------------
Seitliche und untere Blendrahmen-
verblechung.
----------------------------------------
Material: Aluminium im Farbton der
Fenster-Abdeckung.
----------------------------------------
Produktpaket für den Einau von 
2 Fenstern in Kombination nebeneinader
mit Blendrahmenabstand 10cm.
Im Lieferumfang des Produktpaketes
sind folgende Produkte enthalten:
Eindeckrahmen-Set aus Element 1 
unten links und Element 3 unten rechts
Mittlere Abdeckleiste für innen passend
zu klarlackierten Holzfenstern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W CK02 4031E2</t>
  </si>
  <si>
    <t>5702329691109</t>
  </si>
  <si>
    <t>VX K-Eind.-R. EKW CK02 4031E2</t>
  </si>
  <si>
    <t>Ziegel hoch/Welle für TRIO weiß</t>
  </si>
  <si>
    <t>----------------------------------------
Geeignet für Dächer mit flachem oder
profiliertem Eindeckmaterial
von 1,5 bis 12 cm Höhe.
Seitenteile gerade mit doppelten Wasser-
Ableit-Falzen und Schaumstoff-Dichtungs-
Profil.
----------------------------------------
Seitliche und untere Blendrahmen-
verblechung.
----------------------------------------
Material: Aluminium im Farbton der
Fenster-Abdeckung.
----------------------------------------
Produktpaket für den Einau von 
3 Fenstern in Kombination nebeneinader
mit Blendrahmenabstand 10cm
Im Lieferumfang des Produktpaketes
sind folgende Produkte enthalten:
Eindeckrahmen-Set aus Element 1 
unten links, Element 2 unten mitte und
Element 3 unten rechts
Mittlere Abdeckleisten für innen in weiß
Dämm- und Anschluss-Set BDX  für den 
fachgerechten Anschluss der VELUX
Dachfenster an die Dämmung des  Daches
Anschlussschürze BFX für einen 
regensicheren Anschluss an
unterschiedliche
Ausführungen eines Unterdaches. 
Traghölzer zur Herstellung des
Dachauschnittes und zur Befestigung
VELUX Dachfenster
Abstand zum rechts danebenliegenden 
Fenster: 10cm</t>
  </si>
  <si>
    <t>EKW CK02 4031E3</t>
  </si>
  <si>
    <t>5702329971898</t>
  </si>
  <si>
    <t>VX K-Eind.-R. EKW CK02 4031E3</t>
  </si>
  <si>
    <t>Ziegel hoch/Welle für TRIO klarlack</t>
  </si>
  <si>
    <t>----------------------------------------
Geeignet für Dächer mit flachem oder
profiliertem Eindeckmaterial
von 1,5 bis 12 cm Höhe.
Seitenteile gerade mit doppelten Wasser-
Ableit-Falzen und Schaumstoff-Dichtungs-
Profil.
----------------------------------------
Seitliche und untere Blendrahmen-
verblechung.
----------------------------------------
Material: Aluminium im Farbton der
Fenster-Abdeckung.
Abstand zum rechts danebenliegenden 
Fenster: 10cm</t>
  </si>
  <si>
    <t>EKW CK02 4121E2</t>
  </si>
  <si>
    <t>5702329621748</t>
  </si>
  <si>
    <t>VX K-Eind.-R. EKW CK02 4121E2</t>
  </si>
  <si>
    <t>Ziegel hoch/Welle DUO weiß Cu</t>
  </si>
  <si>
    <t>EKW CK02 4121E3</t>
  </si>
  <si>
    <t>5702329971904</t>
  </si>
  <si>
    <t>VX K-Eind.-R. EKW CK02 4121E3</t>
  </si>
  <si>
    <t>Ziegel hoch/Welle DUO klarlack Cu</t>
  </si>
  <si>
    <t>EKW CK04 1021M</t>
  </si>
  <si>
    <t>5702320718089</t>
  </si>
  <si>
    <t>VX K-Eind.-R. 10-16 EKW CK04 1021M</t>
  </si>
  <si>
    <t>EKW CK04 2001M</t>
  </si>
  <si>
    <t>5702329765633</t>
  </si>
  <si>
    <t>VX K-Eind.-R. 10-16 EKW CK04 2001M</t>
  </si>
  <si>
    <t>EKW CK04 2002M</t>
  </si>
  <si>
    <t>5702329765640</t>
  </si>
  <si>
    <t>VX K-Eind.-R. 10-16 EKW CK04 2002M</t>
  </si>
  <si>
    <t>EKW CK04 2003M</t>
  </si>
  <si>
    <t>5702329765657</t>
  </si>
  <si>
    <t>VX K-Eind.-R. EKW CK04 2003M</t>
  </si>
  <si>
    <t>EKW CK04 2004ME</t>
  </si>
  <si>
    <t>5702329765664</t>
  </si>
  <si>
    <t>VX K-Eind.-R. 10-16/10 EKW CK04 2004ME</t>
  </si>
  <si>
    <t>EKW CK04 2004MJ</t>
  </si>
  <si>
    <t>5702329765671</t>
  </si>
  <si>
    <t>VX K-Eind.-R. 10-16/25 EKW CK04 2004MJ</t>
  </si>
  <si>
    <t>EKW CK04 2006ME</t>
  </si>
  <si>
    <t>5702329765688</t>
  </si>
  <si>
    <t>VX K-Eind.-R. /10cm EKW CK04 2006ME</t>
  </si>
  <si>
    <t>EKW CK04 2006MJ</t>
  </si>
  <si>
    <t>5702329765695</t>
  </si>
  <si>
    <t>VX K-Eind.-R. /25cm EKW CK04 2006MJ</t>
  </si>
  <si>
    <t>EKW CK04 2007ME</t>
  </si>
  <si>
    <t>5702329765701</t>
  </si>
  <si>
    <t>VX K-Eind.-R. /10cm EKW CK04 2007ME</t>
  </si>
  <si>
    <t>EKW CK04 2007MJ</t>
  </si>
  <si>
    <t>5702329765718</t>
  </si>
  <si>
    <t>VX K-Eind.-R. /25cm EKW CK04 2007MJ</t>
  </si>
  <si>
    <t>EKW CK04 2021M</t>
  </si>
  <si>
    <t>5702329765725</t>
  </si>
  <si>
    <t>VX K-Eind.-R. 10-16 EKW CK04 2021M</t>
  </si>
  <si>
    <t>EKW CK04 2101M</t>
  </si>
  <si>
    <t>5702329765732</t>
  </si>
  <si>
    <t>VX K-Eind.-R. 10-16 EKW CK04 2101M</t>
  </si>
  <si>
    <t>EKW CK04 2102M</t>
  </si>
  <si>
    <t>5702329765749</t>
  </si>
  <si>
    <t>VX K-Eind.-R. 10-16 EKW CK04 2102M</t>
  </si>
  <si>
    <t>EKW CK04 2103M</t>
  </si>
  <si>
    <t>5702329765756</t>
  </si>
  <si>
    <t>VX K-Eind.-R. EKW CK04 2103M</t>
  </si>
  <si>
    <t>EKW CK04 2104ME</t>
  </si>
  <si>
    <t>5702329765763</t>
  </si>
  <si>
    <t>VX K-Eind.-R. 10-16/10 EKW CK04 2104ME</t>
  </si>
  <si>
    <t>EKW CK04 2106ME</t>
  </si>
  <si>
    <t>5702329765787</t>
  </si>
  <si>
    <t>VX K-Eind.-R. /10cm EKW CK04 2106ME</t>
  </si>
  <si>
    <t>EKW CK04 2107ME</t>
  </si>
  <si>
    <t>5702329765800</t>
  </si>
  <si>
    <t>VX K-Eind.-R. /10cm EKW CK04 2107ME</t>
  </si>
  <si>
    <t>EKW CK04 2107MJ</t>
  </si>
  <si>
    <t>5702329765817</t>
  </si>
  <si>
    <t>VX K-Eind.-R. /25cm EKW CK04 2107MJ</t>
  </si>
  <si>
    <t>EKW CK04 2121M</t>
  </si>
  <si>
    <t>5702329765824</t>
  </si>
  <si>
    <t>VX K-Eind.-R. 10-16 EKW CK04 2121M</t>
  </si>
  <si>
    <t>EKW CK04 2301M</t>
  </si>
  <si>
    <t>5702329765831</t>
  </si>
  <si>
    <t>VX K-Eind.-R. 10-16 EKW CK04 2301M</t>
  </si>
  <si>
    <t>EKW CK04 2302M</t>
  </si>
  <si>
    <t>5702329765848</t>
  </si>
  <si>
    <t>VX K-Eind.-R. 10-16 EKW CK04 2302M</t>
  </si>
  <si>
    <t>Ziegel hoch/Welle u. Mitte Ti-Zink</t>
  </si>
  <si>
    <t>EKW CK04 2303M</t>
  </si>
  <si>
    <t>5702329765855</t>
  </si>
  <si>
    <t>VX K-Eind.-R. EKW CK04 2303M</t>
  </si>
  <si>
    <t>EKW CK04 2304ME</t>
  </si>
  <si>
    <t>5702329765862</t>
  </si>
  <si>
    <t>VX K-Eind.-R. 10-16/10 EKW CK04 2304ME</t>
  </si>
  <si>
    <t>Ziegel hoch/Welle o. links Ti-Zink</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W CK04 2306ME</t>
  </si>
  <si>
    <t>5702329765886</t>
  </si>
  <si>
    <t>VX K-Eind.-R. /10cm EKW CK04 2306ME</t>
  </si>
  <si>
    <t>Ziegel hoch/Welle o. rechts Ti-Zink</t>
  </si>
  <si>
    <t>EKW CK04 2307MJ</t>
  </si>
  <si>
    <t>5702329765916</t>
  </si>
  <si>
    <t>VX K-Eind.-R. /25cm EKW CK04 2307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25cm</t>
  </si>
  <si>
    <t>EKW CK04 4021E2</t>
  </si>
  <si>
    <t>5702329306287</t>
  </si>
  <si>
    <t>VX K-Eind.-R. EKW CK04 4021E2</t>
  </si>
  <si>
    <t>EKW CK04 4021E3</t>
  </si>
  <si>
    <t>5702329971911</t>
  </si>
  <si>
    <t>VX K-Eind.-R. EKW CK04 4021E3</t>
  </si>
  <si>
    <t>EKW CK04 4031E2</t>
  </si>
  <si>
    <t>5702329691116</t>
  </si>
  <si>
    <t>VX K-Eind.-R. EKW CK04 4031E2</t>
  </si>
  <si>
    <t>EKW CK04 4031E3</t>
  </si>
  <si>
    <t>5702329971928</t>
  </si>
  <si>
    <t>VX K-Eind.-R. EKW CK04 4031E3</t>
  </si>
  <si>
    <t>EKW CK04 4121E2</t>
  </si>
  <si>
    <t>5702329621755</t>
  </si>
  <si>
    <t>VX K-Eind.-R. EKW CK04 4121E2</t>
  </si>
  <si>
    <t>EKW CK04 4121E3</t>
  </si>
  <si>
    <t>5702329971935</t>
  </si>
  <si>
    <t>VX K-Eind.-R. EKW CK04 4121E3</t>
  </si>
  <si>
    <t>EKW CK06 2001M</t>
  </si>
  <si>
    <t>5702329765961</t>
  </si>
  <si>
    <t>VX K-Eind.-R. 10-16 EKW CK06 2001M</t>
  </si>
  <si>
    <t>EKW CK06 2002M</t>
  </si>
  <si>
    <t>5702329765978</t>
  </si>
  <si>
    <t>VX K-Eind.-R. 10-16 EKW CK06 2002M</t>
  </si>
  <si>
    <t>EKW CK06 2003M</t>
  </si>
  <si>
    <t>5702329765985</t>
  </si>
  <si>
    <t>VX K-Eind.-R. EKW CK06 2003M</t>
  </si>
  <si>
    <t>EKW CK06 2004ME</t>
  </si>
  <si>
    <t>5702329765992</t>
  </si>
  <si>
    <t>VX K-Eind.-R. 10-16/10 EKW CK06 2004ME</t>
  </si>
  <si>
    <t>EKW CK06 2004MJ</t>
  </si>
  <si>
    <t>5702329766005</t>
  </si>
  <si>
    <t>VX K-Eind.-R. 10-16/25 EKW CK06 2004MJ</t>
  </si>
  <si>
    <t>EKW CK06 2006ME</t>
  </si>
  <si>
    <t>5702329766012</t>
  </si>
  <si>
    <t>VX K-Eind.-R. /10cm EKW CK06 2006ME</t>
  </si>
  <si>
    <t>EKW CK06 2006MJ</t>
  </si>
  <si>
    <t>5702329766029</t>
  </si>
  <si>
    <t>VX K-Eind.-R. /25cm EKW CK06 2006MJ</t>
  </si>
  <si>
    <t>EKW CK06 2007ME</t>
  </si>
  <si>
    <t>5702329766036</t>
  </si>
  <si>
    <t>VX K-Eind.-R. /10cm EKW CK06 2007ME</t>
  </si>
  <si>
    <t>EKW CK06 2007MJ</t>
  </si>
  <si>
    <t>5702329766043</t>
  </si>
  <si>
    <t>VX K-Eind.-R. /25cm EKW CK06 2007MJ</t>
  </si>
  <si>
    <t>EKW CK06 2021M</t>
  </si>
  <si>
    <t>5702329766050</t>
  </si>
  <si>
    <t>VX K-Eind.-R. 10-16 EKW CK06 2021M</t>
  </si>
  <si>
    <t>EKW CK06 2101M</t>
  </si>
  <si>
    <t>5702329766067</t>
  </si>
  <si>
    <t>VX K-Eind.-R. 10-16 EKW CK06 2101M</t>
  </si>
  <si>
    <t>EKW CK06 2102M</t>
  </si>
  <si>
    <t>5702329766074</t>
  </si>
  <si>
    <t>VX K-Eind.-R. 10-16 EKW CK06 2102M</t>
  </si>
  <si>
    <t>EKW CK06 2103M</t>
  </si>
  <si>
    <t>5702329766081</t>
  </si>
  <si>
    <t>VX K-Eind.-R. EKW CK06 2103M</t>
  </si>
  <si>
    <t>EKW CK06 2107ME</t>
  </si>
  <si>
    <t>5702329766135</t>
  </si>
  <si>
    <t>VX K-Eind.-R. /10cm EKW CK06 2107ME</t>
  </si>
  <si>
    <t>EKW CK06 2107MJ</t>
  </si>
  <si>
    <t>5702329766142</t>
  </si>
  <si>
    <t>VX K-Eind.-R. /25cm EKW CK06 2107MJ</t>
  </si>
  <si>
    <t>EKW CK06 2121M</t>
  </si>
  <si>
    <t>5702329766159</t>
  </si>
  <si>
    <t>VX K-Eind.-R. 10-16 EKW CK06 2121M</t>
  </si>
  <si>
    <t>EKW CK06 2301M</t>
  </si>
  <si>
    <t>5702329766166</t>
  </si>
  <si>
    <t>VX K-Eind.-R. 10-16 EKW CK06 2301M</t>
  </si>
  <si>
    <t>EKW CK06 2302M</t>
  </si>
  <si>
    <t>5702329766173</t>
  </si>
  <si>
    <t>VX K-Eind.-R. 10-16 EKW CK06 2302M</t>
  </si>
  <si>
    <t>EKW CK06 2303M</t>
  </si>
  <si>
    <t>5702329766180</t>
  </si>
  <si>
    <t>VX K-Eind.-R. EKW CK06 2303M</t>
  </si>
  <si>
    <t>EKW CK06 2307MJ</t>
  </si>
  <si>
    <t>5702329766241</t>
  </si>
  <si>
    <t>VX K-Eind.-R. /25cm EKW CK06 2307MJ</t>
  </si>
  <si>
    <t>EKW CK06 4021E2</t>
  </si>
  <si>
    <t>5702329306294</t>
  </si>
  <si>
    <t>VX K-Eind.-R. EKW CK06 4021E2</t>
  </si>
  <si>
    <t>EKW CK06 4021E3</t>
  </si>
  <si>
    <t>5702329971942</t>
  </si>
  <si>
    <t>VX K-Eind.-R. EKW CK06 4021E3</t>
  </si>
  <si>
    <t>EKW CK06 4031E2</t>
  </si>
  <si>
    <t>5702329691123</t>
  </si>
  <si>
    <t>VX K-Eind.-R. EKW CK06 4031E2</t>
  </si>
  <si>
    <t>EKW CK06 4031E3</t>
  </si>
  <si>
    <t>5702329971959</t>
  </si>
  <si>
    <t>VX K-Eind.-R. EKW CK06 4031E3</t>
  </si>
  <si>
    <t>EKW CK06 4121E2</t>
  </si>
  <si>
    <t>5702329621762</t>
  </si>
  <si>
    <t>VX K-Eind.-R. EKW CK06 4121E2</t>
  </si>
  <si>
    <t>EKW CK06 4121E3</t>
  </si>
  <si>
    <t>5702329971966</t>
  </si>
  <si>
    <t>VX K-Eind.-R. EKW CK06 4121E3</t>
  </si>
  <si>
    <t>EKW FK04 2001M</t>
  </si>
  <si>
    <t>5702329766296</t>
  </si>
  <si>
    <t>VX K-Eind.-R. 10-16 EKW FK04 2001M</t>
  </si>
  <si>
    <t>EKW FK04 2002M</t>
  </si>
  <si>
    <t>5702329766302</t>
  </si>
  <si>
    <t>VX K-Eind.-R. 10-16 EKW FK04 2002M</t>
  </si>
  <si>
    <t>EKW FK04 2003M</t>
  </si>
  <si>
    <t>5702329766319</t>
  </si>
  <si>
    <t>VX K-Eind.-R. EKW FK04 2003M</t>
  </si>
  <si>
    <t>EKW FK04 2004ME</t>
  </si>
  <si>
    <t>5702329766326</t>
  </si>
  <si>
    <t>VX K-Eind.-R. 10-16/10 EKW FK04 2004ME</t>
  </si>
  <si>
    <t>EKW FK04 2004MJ</t>
  </si>
  <si>
    <t>5702329766333</t>
  </si>
  <si>
    <t>VX K-Eind.-R. 10-16/25 EKW FK04 2004MJ</t>
  </si>
  <si>
    <t>EKW FK04 2006ME</t>
  </si>
  <si>
    <t>5702329766340</t>
  </si>
  <si>
    <t>VX K-Eind.-R. /10cm EKW FK04 2006ME</t>
  </si>
  <si>
    <t>EKW FK04 2006MJ</t>
  </si>
  <si>
    <t>5702329766357</t>
  </si>
  <si>
    <t>VX K-Eind.-R. /25cm EKW FK04 2006MJ</t>
  </si>
  <si>
    <t>EKW FK04 2007ME</t>
  </si>
  <si>
    <t>5702329766364</t>
  </si>
  <si>
    <t>VX K-Eind.-R. /10cm EKW FK04 2007ME</t>
  </si>
  <si>
    <t>EKW FK04 2007MJ</t>
  </si>
  <si>
    <t>5702329766371</t>
  </si>
  <si>
    <t>VX K-Eind.-R. /25cm EKW FK04 2007MJ</t>
  </si>
  <si>
    <t>EKW FK04 2021M</t>
  </si>
  <si>
    <t>5702329766388</t>
  </si>
  <si>
    <t>VX K-Eind.-R. 10-16 EKW FK04 2021M</t>
  </si>
  <si>
    <t>EKW FK04 2102M</t>
  </si>
  <si>
    <t>5702329766401</t>
  </si>
  <si>
    <t>VX K-Eind.-R. 10-16 EKW FK04 2102M</t>
  </si>
  <si>
    <t>EKW FK04 2103M</t>
  </si>
  <si>
    <t>5702329766418</t>
  </si>
  <si>
    <t>VX K-Eind.-R. EKW FK04 2103M</t>
  </si>
  <si>
    <t>EKW FK04 2104MJ</t>
  </si>
  <si>
    <t>5702329766432</t>
  </si>
  <si>
    <t>VX K-Eind.-R. 10-16/25 EKW FK04 2104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W FK04 2106MJ</t>
  </si>
  <si>
    <t>5702329766456</t>
  </si>
  <si>
    <t>VX K-Eind.-R. /25cm EKW FK04 2106MJ</t>
  </si>
  <si>
    <t>EKW FK04 2107MJ</t>
  </si>
  <si>
    <t>5702329766470</t>
  </si>
  <si>
    <t>VX K-Eind.-R. /25cm EKW FK04 2107MJ</t>
  </si>
  <si>
    <t>EKW FK04 2121M</t>
  </si>
  <si>
    <t>5702329766487</t>
  </si>
  <si>
    <t>VX K-Eind.-R. 10-16 EKW FK04 2121M</t>
  </si>
  <si>
    <t>EKW FK04 4021E2</t>
  </si>
  <si>
    <t>5702329306300</t>
  </si>
  <si>
    <t>VX K-Eind.-R. EKW FK04 4021E2</t>
  </si>
  <si>
    <t>EKW FK04 4021E3</t>
  </si>
  <si>
    <t>5702329971973</t>
  </si>
  <si>
    <t>VX K-Eind.-R. EKW FK04 4021E3</t>
  </si>
  <si>
    <t>EKW FK04 4031E2</t>
  </si>
  <si>
    <t>5702329691130</t>
  </si>
  <si>
    <t>VX K-Eind.-R. EKW FK04 4031E2</t>
  </si>
  <si>
    <t>EKW FK04 4031E3</t>
  </si>
  <si>
    <t>5702329971980</t>
  </si>
  <si>
    <t>VX K-Eind.-R. EKW FK04 4031E3</t>
  </si>
  <si>
    <t>EKW FK04 4121E2</t>
  </si>
  <si>
    <t>5702329621779</t>
  </si>
  <si>
    <t>VX K-Eind.-R. EKW FK04 4121E2</t>
  </si>
  <si>
    <t>EKW FK04 4121E3</t>
  </si>
  <si>
    <t>5702329971997</t>
  </si>
  <si>
    <t>VX K-Eind.-R. EKW FK04 4121E3</t>
  </si>
  <si>
    <t>EKW FK06 1021M</t>
  </si>
  <si>
    <t>5702320718096</t>
  </si>
  <si>
    <t>VX K-Eind.-R. 10-16 EKW FK06 1021M</t>
  </si>
  <si>
    <t>EKW FK06 2001M</t>
  </si>
  <si>
    <t>5702329766623</t>
  </si>
  <si>
    <t>VX K-Eind.-R. 10-16 EKW FK06 2001M</t>
  </si>
  <si>
    <t>EKW FK06 2002M</t>
  </si>
  <si>
    <t>5702329766630</t>
  </si>
  <si>
    <t>VX K-Eind.-R. 10-16 EKW FK06 2002M</t>
  </si>
  <si>
    <t>EKW FK06 2003M</t>
  </si>
  <si>
    <t>5702329766647</t>
  </si>
  <si>
    <t>VX K-Eind.-R. EKW FK06 2003M</t>
  </si>
  <si>
    <t>EKW FK06 2004ME</t>
  </si>
  <si>
    <t>5702329766654</t>
  </si>
  <si>
    <t>VX K-Eind.-R. 10-16/10 EKW FK06 2004ME</t>
  </si>
  <si>
    <t>EKW FK06 2004MJ</t>
  </si>
  <si>
    <t>5702329766661</t>
  </si>
  <si>
    <t>VX K-Eind.-R. 10-16/25 EKW FK06 2004MJ</t>
  </si>
  <si>
    <t>EKW FK06 2006ME</t>
  </si>
  <si>
    <t>5702329766678</t>
  </si>
  <si>
    <t>VX K-Eind.-R. /10cm EKW FK06 2006ME</t>
  </si>
  <si>
    <t>EKW FK06 2006MJ</t>
  </si>
  <si>
    <t>5702329766685</t>
  </si>
  <si>
    <t>VX K-Eind.-R. /25cm EKW FK06 2006MJ</t>
  </si>
  <si>
    <t>EKW FK06 2007ME</t>
  </si>
  <si>
    <t>5702329766692</t>
  </si>
  <si>
    <t>VX K-Eind.-R. /10cm EKW FK06 2007ME</t>
  </si>
  <si>
    <t>EKW FK06 2007MJ</t>
  </si>
  <si>
    <t>5702329766708</t>
  </si>
  <si>
    <t>VX K-Eind.-R. /25cm EKW FK06 2007MJ</t>
  </si>
  <si>
    <t>EKW FK06 2021M</t>
  </si>
  <si>
    <t>5702329766715</t>
  </si>
  <si>
    <t>VX K-Eind.-R. 10-16 EKW FK06 2021M</t>
  </si>
  <si>
    <t>EKW FK06 2101M</t>
  </si>
  <si>
    <t>5702329766722</t>
  </si>
  <si>
    <t>VX K-Eind.-R. 10-16 EKW FK06 2101M</t>
  </si>
  <si>
    <t>EKW FK06 2102M</t>
  </si>
  <si>
    <t>5702329766739</t>
  </si>
  <si>
    <t>VX K-Eind.-R. 10-16 EKW FK06 2102M</t>
  </si>
  <si>
    <t>EKW FK06 2103M</t>
  </si>
  <si>
    <t>5702329766746</t>
  </si>
  <si>
    <t>VX K-Eind.-R. EKW FK06 2103M</t>
  </si>
  <si>
    <t>EKW FK06 2104ME</t>
  </si>
  <si>
    <t>5702329766753</t>
  </si>
  <si>
    <t>VX K-Eind.-R. 10-16/10 EKW FK06 2104ME</t>
  </si>
  <si>
    <t>EKW FK06 2104MJ</t>
  </si>
  <si>
    <t>5702329766760</t>
  </si>
  <si>
    <t>VX K-Eind.-R. 10-16/25 EKW FK06 2104MJ</t>
  </si>
  <si>
    <t>EKW FK06 2106ME</t>
  </si>
  <si>
    <t>5702329766777</t>
  </si>
  <si>
    <t>VX K-Eind.-R. /10cm EKW FK06 2106ME</t>
  </si>
  <si>
    <t>EKW FK06 2106MJ</t>
  </si>
  <si>
    <t>5702329766784</t>
  </si>
  <si>
    <t>VX K-Eind.-R. /25cm EKW FK06 2106MJ</t>
  </si>
  <si>
    <t>EKW FK06 2107ME</t>
  </si>
  <si>
    <t>5702329766791</t>
  </si>
  <si>
    <t>VX K-Eind.-R. /10cm EKW FK06 2107ME</t>
  </si>
  <si>
    <t>EKW FK06 2107MJ</t>
  </si>
  <si>
    <t>5702329766807</t>
  </si>
  <si>
    <t>VX K-Eind.-R. /25cm EKW FK06 2107MJ</t>
  </si>
  <si>
    <t>EKW FK06 2121M</t>
  </si>
  <si>
    <t>5702329766814</t>
  </si>
  <si>
    <t>VX K-Eind.-R. 10-16 EKW FK06 2121M</t>
  </si>
  <si>
    <t>EKW FK06 2301M</t>
  </si>
  <si>
    <t>5702329766821</t>
  </si>
  <si>
    <t>VX K-Eind.-R. 10-16 EKW FK06 2301M</t>
  </si>
  <si>
    <t>EKW FK06 2302M</t>
  </si>
  <si>
    <t>5702329766838</t>
  </si>
  <si>
    <t>VX K-Eind.-R. 10-16 EKW FK06 2302M</t>
  </si>
  <si>
    <t>EKW FK06 2303M</t>
  </si>
  <si>
    <t>5702329766845</t>
  </si>
  <si>
    <t>VX K-Eind.-R. EKW FK06 2303M</t>
  </si>
  <si>
    <t>EKW FK06 2304ME</t>
  </si>
  <si>
    <t>5702329766852</t>
  </si>
  <si>
    <t>VX K-Eind.-R. 10-16/10 EKW FK06 2304ME</t>
  </si>
  <si>
    <t>EKW FK06 2306ME</t>
  </si>
  <si>
    <t>5702329766876</t>
  </si>
  <si>
    <t>VX K-Eind.-R. /10cm EKW FK06 2306ME</t>
  </si>
  <si>
    <t>EKW FK06 2307ME</t>
  </si>
  <si>
    <t>5702329766890</t>
  </si>
  <si>
    <t>VX K-Eind.-R. /10cm EKW FK06 2307ME</t>
  </si>
  <si>
    <t>EKW FK06 2307MJ</t>
  </si>
  <si>
    <t>5702329766906</t>
  </si>
  <si>
    <t>VX K-Eind.-R. /25cm EKW FK06 2307MJ</t>
  </si>
  <si>
    <t>EKW FK06 4021E2</t>
  </si>
  <si>
    <t>5702329306317</t>
  </si>
  <si>
    <t>VX K-Eind.-R. EKW FK06 4021E2</t>
  </si>
  <si>
    <t>EKW FK06 4021E3</t>
  </si>
  <si>
    <t>5702329972000</t>
  </si>
  <si>
    <t>VX K-Eind.-R. EKW FK06 4021E3</t>
  </si>
  <si>
    <t>EKW FK06 4031E2</t>
  </si>
  <si>
    <t>5702329691147</t>
  </si>
  <si>
    <t>VX K-Eind.-R. EKW FK06 4031E2</t>
  </si>
  <si>
    <t>EKW FK06 4031E3</t>
  </si>
  <si>
    <t>5702329972017</t>
  </si>
  <si>
    <t>VX K-Eind.-R. EKW FK06 4031E3</t>
  </si>
  <si>
    <t>EKW FK06 4121E2</t>
  </si>
  <si>
    <t>5702329621786</t>
  </si>
  <si>
    <t>VX K-Eind.-R. EKW FK06 4121E2</t>
  </si>
  <si>
    <t>EKW FK06 4121E3</t>
  </si>
  <si>
    <t>5702329972024</t>
  </si>
  <si>
    <t>VX K-Eind.-R. EKW FK06 4121E3</t>
  </si>
  <si>
    <t>EKW FK08 1021M</t>
  </si>
  <si>
    <t>5702320718102</t>
  </si>
  <si>
    <t>VX K-Eind.-R. 10-16 EKW FK08 1021M</t>
  </si>
  <si>
    <t>EKW FK08 2001M</t>
  </si>
  <si>
    <t>5702329766951</t>
  </si>
  <si>
    <t>VX K-Eind.-R. 10-16 EKW FK08 2001M</t>
  </si>
  <si>
    <t>EKW FK08 2002M</t>
  </si>
  <si>
    <t>5702329766968</t>
  </si>
  <si>
    <t>VX K-Eind.-R. 10-16 EKW FK08 2002M</t>
  </si>
  <si>
    <t>EKW FK08 2003M</t>
  </si>
  <si>
    <t>5702329766975</t>
  </si>
  <si>
    <t>VX K-Eind.-R. EKW FK08 2003M</t>
  </si>
  <si>
    <t>EKW FK08 2004ME</t>
  </si>
  <si>
    <t>5702329766982</t>
  </si>
  <si>
    <t>VX K-Eind.-R. 10-16/10 EKW FK08 2004ME</t>
  </si>
  <si>
    <t>EKW FK08 2004MJ</t>
  </si>
  <si>
    <t>5702329766999</t>
  </si>
  <si>
    <t>VX K-Eind.-R. 10-16/25 EKW FK08 2004MJ</t>
  </si>
  <si>
    <t>EKW FK08 2006ME</t>
  </si>
  <si>
    <t>5702329767002</t>
  </si>
  <si>
    <t>VX K-Eind.-R. /10cm EKW FK08 2006ME</t>
  </si>
  <si>
    <t>EKW FK08 2006MJ</t>
  </si>
  <si>
    <t>5702329767019</t>
  </si>
  <si>
    <t>VX K-Eind.-R. /25cm EKW FK08 2006MJ</t>
  </si>
  <si>
    <t>EKW FK08 2007ME</t>
  </si>
  <si>
    <t>5702329767026</t>
  </si>
  <si>
    <t>VX K-Eind.-R. /10cm EKW FK08 2007ME</t>
  </si>
  <si>
    <t>EKW FK08 2007MJ</t>
  </si>
  <si>
    <t>5702329767033</t>
  </si>
  <si>
    <t>VX K-Eind.-R. /25cm EKW FK08 2007MJ</t>
  </si>
  <si>
    <t>EKW FK08 2021M</t>
  </si>
  <si>
    <t>5702329767040</t>
  </si>
  <si>
    <t>VX K-Eind.-R. 10-16 EKW FK08 2021M</t>
  </si>
  <si>
    <t>EKW FK08 2101M</t>
  </si>
  <si>
    <t>5702329767057</t>
  </si>
  <si>
    <t>VX K-Eind.-R. 10-16 EKW FK08 2101M</t>
  </si>
  <si>
    <t>EKW FK08 2102M</t>
  </si>
  <si>
    <t>5702329767064</t>
  </si>
  <si>
    <t>VX K-Eind.-R. 10-16 EKW FK08 2102M</t>
  </si>
  <si>
    <t>EKW FK08 2103M</t>
  </si>
  <si>
    <t>5702329767071</t>
  </si>
  <si>
    <t>VX K-Eind.-R. EKW FK08 2103M</t>
  </si>
  <si>
    <t>EKW FK08 2104MJ</t>
  </si>
  <si>
    <t>5702329767095</t>
  </si>
  <si>
    <t>VX K-Eind.-R. 10-16/25 EKW FK08 2104MJ</t>
  </si>
  <si>
    <t>EKW FK08 2106MJ</t>
  </si>
  <si>
    <t>5702329767118</t>
  </si>
  <si>
    <t>VX K-Eind.-R. /25cm EKW FK08 2106MJ</t>
  </si>
  <si>
    <t>EKW FK08 2107ME</t>
  </si>
  <si>
    <t>5702329767125</t>
  </si>
  <si>
    <t>VX K-Eind.-R. /10cm EKW FK08 2107ME</t>
  </si>
  <si>
    <t>EKW FK08 2121M</t>
  </si>
  <si>
    <t>5702329767149</t>
  </si>
  <si>
    <t>VX K-Eind.-R. 10-16 EKW FK08 2121M</t>
  </si>
  <si>
    <t>EKW FK08 2301M</t>
  </si>
  <si>
    <t>5702329767156</t>
  </si>
  <si>
    <t>VX K-Eind.-R. 10-16 EKW FK08 2301M</t>
  </si>
  <si>
    <t>EKW FK08 2302M</t>
  </si>
  <si>
    <t>5702329767163</t>
  </si>
  <si>
    <t>VX K-Eind.-R. 10-16 EKW FK08 2302M</t>
  </si>
  <si>
    <t>EKW FK08 2303M</t>
  </si>
  <si>
    <t>5702329767170</t>
  </si>
  <si>
    <t>VX K-Eind.-R. EKW FK08 2303M</t>
  </si>
  <si>
    <t>EKW FK08 4021E2</t>
  </si>
  <si>
    <t>5702329306324</t>
  </si>
  <si>
    <t>VX K-Eind.-R. EKW FK08 4021E2</t>
  </si>
  <si>
    <t>EKW FK08 4021E3</t>
  </si>
  <si>
    <t>5702329972031</t>
  </si>
  <si>
    <t>VX K-Eind.-R. EKW FK08 4021E3</t>
  </si>
  <si>
    <t>EKW FK08 4031E2</t>
  </si>
  <si>
    <t>5702329691154</t>
  </si>
  <si>
    <t>VX K-Eind.-R. EKW FK08 4031E2</t>
  </si>
  <si>
    <t>EKW FK08 4031E3</t>
  </si>
  <si>
    <t>5702329972048</t>
  </si>
  <si>
    <t>VX K-Eind.-R. EKW FK08 4031E3</t>
  </si>
  <si>
    <t>EKW FK08 4121E2</t>
  </si>
  <si>
    <t>5702329621793</t>
  </si>
  <si>
    <t>VX K-Eind.-R. EKW FK08 4121E2</t>
  </si>
  <si>
    <t>EKW FK08 4121E3</t>
  </si>
  <si>
    <t>5702329972055</t>
  </si>
  <si>
    <t>VX K-Eind.-R. EKW FK08 4121E3</t>
  </si>
  <si>
    <t>EKW MK04 1021M</t>
  </si>
  <si>
    <t>5702320718119</t>
  </si>
  <si>
    <t>VX K-Eind.-R. 10-16 EKW MK04 1021M</t>
  </si>
  <si>
    <t>EKW MK04 2001M</t>
  </si>
  <si>
    <t>5702329767286</t>
  </si>
  <si>
    <t>VX K-Eind.-R. 10-16 EKW MK04 2001M</t>
  </si>
  <si>
    <t>EKW MK04 2002M</t>
  </si>
  <si>
    <t>5702329767293</t>
  </si>
  <si>
    <t>VX K-Eind.-R. 10-16 EKW MK04 2002M</t>
  </si>
  <si>
    <t>EKW MK04 2003M</t>
  </si>
  <si>
    <t>5702329767309</t>
  </si>
  <si>
    <t>VX K-Eind.-R. EKW MK04 2003M</t>
  </si>
  <si>
    <t>EKW MK04 2004ME</t>
  </si>
  <si>
    <t>5702329767316</t>
  </si>
  <si>
    <t>VX K-Eind.-R. 10-16/10 EKW MK04 2004ME</t>
  </si>
  <si>
    <t>EKW MK04 2004MJ</t>
  </si>
  <si>
    <t>5702329767323</t>
  </si>
  <si>
    <t>VX K-Eind.-R. 10-16/25 EKW MK04 2004MJ</t>
  </si>
  <si>
    <t>EKW MK04 2006ME</t>
  </si>
  <si>
    <t>5702329767330</t>
  </si>
  <si>
    <t>VX K-Eind.-R. /10cm EKW MK04 2006ME</t>
  </si>
  <si>
    <t>EKW MK04 2006MJ</t>
  </si>
  <si>
    <t>5702329767347</t>
  </si>
  <si>
    <t>VX K-Eind.-R. /25cm EKW MK04 2006MJ</t>
  </si>
  <si>
    <t>EKW MK04 2007ME</t>
  </si>
  <si>
    <t>5702329767354</t>
  </si>
  <si>
    <t>VX K-Eind.-R. /10cm EKW MK04 2007ME</t>
  </si>
  <si>
    <t>EKW MK04 2007MJ</t>
  </si>
  <si>
    <t>5702329767361</t>
  </si>
  <si>
    <t>VX K-Eind.-R. /25cm EKW MK04 2007MJ</t>
  </si>
  <si>
    <t>EKW MK04 2021M</t>
  </si>
  <si>
    <t>5702329767378</t>
  </si>
  <si>
    <t>VX K-Eind.-R. 10-16 EKW MK04 2021M</t>
  </si>
  <si>
    <t>EKW MK04 2101M</t>
  </si>
  <si>
    <t>5702329767385</t>
  </si>
  <si>
    <t>VX K-Eind.-R. 10-16 EKW MK04 2101M</t>
  </si>
  <si>
    <t>EKW MK04 2102M</t>
  </si>
  <si>
    <t>5702329767392</t>
  </si>
  <si>
    <t>VX K-Eind.-R. 10-16 EKW MK04 2102M</t>
  </si>
  <si>
    <t>EKW MK04 2103M</t>
  </si>
  <si>
    <t>5702329767408</t>
  </si>
  <si>
    <t>VX K-Eind.-R. EKW MK04 2103M</t>
  </si>
  <si>
    <t>EKW MK04 2104MJ</t>
  </si>
  <si>
    <t>5702329767422</t>
  </si>
  <si>
    <t>VX K-Eind.-R. 10-16/25 EKW MK04 2104MJ</t>
  </si>
  <si>
    <t>EKW MK04 2106MJ</t>
  </si>
  <si>
    <t>5702329767446</t>
  </si>
  <si>
    <t>VX K-Eind.-R. /25cm EKW MK04 2106MJ</t>
  </si>
  <si>
    <t>EKW MK04 2107ME</t>
  </si>
  <si>
    <t>5702329767453</t>
  </si>
  <si>
    <t>VX K-Eind.-R. /10cm EKW MK04 2107ME</t>
  </si>
  <si>
    <t>EKW MK04 2107MJ</t>
  </si>
  <si>
    <t>5702329767460</t>
  </si>
  <si>
    <t>VX K-Eind.-R. /25cm EKW MK04 2107MJ</t>
  </si>
  <si>
    <t>EKW MK04 2121M</t>
  </si>
  <si>
    <t>5702329767477</t>
  </si>
  <si>
    <t>VX K-Eind.-R. 10-16 EKW MK04 2121M</t>
  </si>
  <si>
    <t>EKW MK04 2301M</t>
  </si>
  <si>
    <t>5702329767484</t>
  </si>
  <si>
    <t>VX K-Eind.-R. 10-16 EKW MK04 2301M</t>
  </si>
  <si>
    <t>EKW MK04 2302M</t>
  </si>
  <si>
    <t>5702329767491</t>
  </si>
  <si>
    <t>VX K-Eind.-R. 10-16 EKW MK04 2302M</t>
  </si>
  <si>
    <t>EKW MK04 2303M</t>
  </si>
  <si>
    <t>5702329767507</t>
  </si>
  <si>
    <t>VX K-Eind.-R. EKW MK04 2303M</t>
  </si>
  <si>
    <t>EKW MK04 4021E2</t>
  </si>
  <si>
    <t>5702329306331</t>
  </si>
  <si>
    <t>VX K-Eind.-R. EKW MK04 4021E2</t>
  </si>
  <si>
    <t>EKW MK04 4021E3</t>
  </si>
  <si>
    <t>5702329972062</t>
  </si>
  <si>
    <t>VX K-Eind.-R. EKW MK04 4021E3</t>
  </si>
  <si>
    <t>EKW MK04 4031E2</t>
  </si>
  <si>
    <t>5702329691161</t>
  </si>
  <si>
    <t>VX K-Eind.-R. EKW MK04 4031E2</t>
  </si>
  <si>
    <t>EKW MK04 4031E3</t>
  </si>
  <si>
    <t>5702329972079</t>
  </si>
  <si>
    <t>VX K-Eind.-R. EKW MK04 4031E3</t>
  </si>
  <si>
    <t>EKW MK04 4121E2</t>
  </si>
  <si>
    <t>5702329621809</t>
  </si>
  <si>
    <t>VX K-Eind.-R. EKW MK04 4121E2</t>
  </si>
  <si>
    <t>EKW MK04 4121E3</t>
  </si>
  <si>
    <t>5702329972086</t>
  </si>
  <si>
    <t>VX K-Eind.-R. EKW MK04 4121E3</t>
  </si>
  <si>
    <t>EKW MK06 1002M</t>
  </si>
  <si>
    <t>5702320718126</t>
  </si>
  <si>
    <t>VX K-Eind.-R. 10-16 EKW MK06 1002M</t>
  </si>
  <si>
    <t>inkl BFX Ziegel u. Mitte Al</t>
  </si>
  <si>
    <t>----------------------------------------
Geeignet für Dächer mit flachem oder
profiliertem Eindeckmaterial
von 1,5 bis 12 cm Höhe.
Seitenteile gerade mit doppelten Wasser-
Ableit-Falzen und Schaumstoff-Dichtungs-
Profil.
----------------------------------------
Seitliche und untere Blendrahmen-
verblechung.
Inklusive Anschlussschürze BFX
----------------------------------------
Material: Aluminium. Schürze des
Unterteils aus plissiertem Aluminium.
Farbton: wie Fenster-Abdeckung.
Mit flexibel einstellbarer Mittelrinne
zwischen 10 und 16cm als Abstand zum
rechts danebenliegenden Fenster</t>
  </si>
  <si>
    <t>EKW MK06 1021M</t>
  </si>
  <si>
    <t>5702320718133</t>
  </si>
  <si>
    <t>VX K-Eind.-R. 10-16 EKW MK06 1021M</t>
  </si>
  <si>
    <t>EKW MK06 2001M</t>
  </si>
  <si>
    <t>5702329767613</t>
  </si>
  <si>
    <t>VX K-Eind.-R. 10-16 EKW MK06 2001M</t>
  </si>
  <si>
    <t>EKW MK06 2002M</t>
  </si>
  <si>
    <t>5702329767620</t>
  </si>
  <si>
    <t>VX K-Eind.-R. 10-16 EKW MK06 2002M</t>
  </si>
  <si>
    <t>EKW MK06 2003M</t>
  </si>
  <si>
    <t>5702329767637</t>
  </si>
  <si>
    <t>VX K-Eind.-R. EKW MK06 2003M</t>
  </si>
  <si>
    <t>EKW MK06 2004ME</t>
  </si>
  <si>
    <t>5702329767644</t>
  </si>
  <si>
    <t>VX K-Eind.-R. 10-16/10 EKW MK06 2004ME</t>
  </si>
  <si>
    <t>EKW MK06 2004MJ</t>
  </si>
  <si>
    <t>5702329767651</t>
  </si>
  <si>
    <t>VX K-Eind.-R. 10-16/25 EKW MK06 2004MJ</t>
  </si>
  <si>
    <t>EKW MK06 2006ME</t>
  </si>
  <si>
    <t>5702329767668</t>
  </si>
  <si>
    <t>VX K-Eind.-R. /10cm EKW MK06 2006ME</t>
  </si>
  <si>
    <t>EKW MK06 2006MJ</t>
  </si>
  <si>
    <t>5702329767675</t>
  </si>
  <si>
    <t>VX K-Eind.-R. /25cm EKW MK06 2006MJ</t>
  </si>
  <si>
    <t>EKW MK06 2007ME</t>
  </si>
  <si>
    <t>5702329767682</t>
  </si>
  <si>
    <t>VX K-Eind.-R. /10cm EKW MK06 2007ME</t>
  </si>
  <si>
    <t>EKW MK06 2007MJ</t>
  </si>
  <si>
    <t>5702329767699</t>
  </si>
  <si>
    <t>VX K-Eind.-R. /25cm EKW MK06 2007MJ</t>
  </si>
  <si>
    <t>EKW MK06 2021M</t>
  </si>
  <si>
    <t>5702329767705</t>
  </si>
  <si>
    <t>VX K-Eind.-R. 10-16 EKW MK06 2021M</t>
  </si>
  <si>
    <t>EKW MK06 2101M</t>
  </si>
  <si>
    <t>5702329767712</t>
  </si>
  <si>
    <t>VX K-Eind.-R. 10-16 EKW MK06 2101M</t>
  </si>
  <si>
    <t>EKW MK06 2102M</t>
  </si>
  <si>
    <t>5702329767729</t>
  </si>
  <si>
    <t>VX K-Eind.-R. 10-16 EKW MK06 2102M</t>
  </si>
  <si>
    <t>EKW MK06 2103M</t>
  </si>
  <si>
    <t>5702329767736</t>
  </si>
  <si>
    <t>VX K-Eind.-R. EKW MK06 2103M</t>
  </si>
  <si>
    <t>EKW MK06 2104ME</t>
  </si>
  <si>
    <t>5702329767743</t>
  </si>
  <si>
    <t>VX K-Eind.-R. 10-16/10 EKW MK06 2104ME</t>
  </si>
  <si>
    <t>EKW MK06 2104MJ</t>
  </si>
  <si>
    <t>5702329767750</t>
  </si>
  <si>
    <t>VX K-Eind.-R. 10-16/25 EKW MK06 2104MJ</t>
  </si>
  <si>
    <t>EKW MK06 2106ME</t>
  </si>
  <si>
    <t>5702329767767</t>
  </si>
  <si>
    <t>VX K-Eind.-R. /10cm EKW MK06 2106ME</t>
  </si>
  <si>
    <t>EKW MK06 2106MJ</t>
  </si>
  <si>
    <t>5702329767774</t>
  </si>
  <si>
    <t>VX K-Eind.-R. /25cm EKW MK06 2106MJ</t>
  </si>
  <si>
    <t>EKW MK06 2107ME</t>
  </si>
  <si>
    <t>5702329767781</t>
  </si>
  <si>
    <t>VX K-Eind.-R. /10cm EKW MK06 2107ME</t>
  </si>
  <si>
    <t>EKW MK06 2107MJ</t>
  </si>
  <si>
    <t>5702329767798</t>
  </si>
  <si>
    <t>VX K-Eind.-R. /25cm EKW MK06 2107MJ</t>
  </si>
  <si>
    <t>EKW MK06 2121M</t>
  </si>
  <si>
    <t>5702329767804</t>
  </si>
  <si>
    <t>VX K-Eind.-R. 10-16 EKW MK06 2121M</t>
  </si>
  <si>
    <t>EKW MK06 2301M</t>
  </si>
  <si>
    <t>5702329767811</t>
  </si>
  <si>
    <t>VX K-Eind.-R. 10-16 EKW MK06 2301M</t>
  </si>
  <si>
    <t>EKW MK06 2302M</t>
  </si>
  <si>
    <t>5702329767828</t>
  </si>
  <si>
    <t>VX K-Eind.-R. 10-16 EKW MK06 2302M</t>
  </si>
  <si>
    <t>EKW MK06 2303M</t>
  </si>
  <si>
    <t>5702329767835</t>
  </si>
  <si>
    <t>VX K-Eind.-R. EKW MK06 2303M</t>
  </si>
  <si>
    <t>EKW MK06 4021E2</t>
  </si>
  <si>
    <t>5702329306348</t>
  </si>
  <si>
    <t>VX K-Eind.-R. EKW MK06 4021E2</t>
  </si>
  <si>
    <t>EKW MK06 4021E3</t>
  </si>
  <si>
    <t>5702329972093</t>
  </si>
  <si>
    <t>VX K-Eind.-R. EKW MK06 4021E3</t>
  </si>
  <si>
    <t>EKW MK06 4031E2</t>
  </si>
  <si>
    <t>5702329691178</t>
  </si>
  <si>
    <t>VX K-Eind.-R. EKW MK06 4031E2</t>
  </si>
  <si>
    <t>EKW MK06 4031E3</t>
  </si>
  <si>
    <t>5702329972109</t>
  </si>
  <si>
    <t>VX K-Eind.-R. EKW MK06 4031E3</t>
  </si>
  <si>
    <t>EKW MK06 4121E2</t>
  </si>
  <si>
    <t>5702329621816</t>
  </si>
  <si>
    <t>VX K-Eind.-R. EKW MK06 4121E2</t>
  </si>
  <si>
    <t>EKW MK06 4121E3</t>
  </si>
  <si>
    <t>5702329972116</t>
  </si>
  <si>
    <t>VX K-Eind.-R. EKW MK06 4121E3</t>
  </si>
  <si>
    <t>EKW MK08 1002M</t>
  </si>
  <si>
    <t>5702320718140</t>
  </si>
  <si>
    <t>VX K-Eind.-R. 10-16 EKW MK08 1002M</t>
  </si>
  <si>
    <t>EKW MK08 1021M</t>
  </si>
  <si>
    <t>5702320718157</t>
  </si>
  <si>
    <t>VX K-Eind.-R. 10-16 EKW MK08 1021M</t>
  </si>
  <si>
    <t>EKW MK08 2001M</t>
  </si>
  <si>
    <t>5702329767941</t>
  </si>
  <si>
    <t>VX K-Eind.-R. 10-16 EKW MK08 2001M</t>
  </si>
  <si>
    <t>EKW MK08 2002M</t>
  </si>
  <si>
    <t>5702329767958</t>
  </si>
  <si>
    <t>VX K-Eind.-R. 10-16 EKW MK08 2002M</t>
  </si>
  <si>
    <t>EKW MK08 2003M</t>
  </si>
  <si>
    <t>5702329767965</t>
  </si>
  <si>
    <t>VX K-Eind.-R. EKW MK08 2003M</t>
  </si>
  <si>
    <t>EKW MK08 2004ME</t>
  </si>
  <si>
    <t>5702329767972</t>
  </si>
  <si>
    <t>VX K-Eind.-R. 10-16/10 EKW MK08 2004ME</t>
  </si>
  <si>
    <t>EKW MK08 2004MJ</t>
  </si>
  <si>
    <t>5702329767989</t>
  </si>
  <si>
    <t>VX K-Eind.-R. 10-16/25 EKW MK08 2004MJ</t>
  </si>
  <si>
    <t>EKW MK08 2006ME</t>
  </si>
  <si>
    <t>5702329767996</t>
  </si>
  <si>
    <t>VX K-Eind.-R. /10cm EKW MK08 2006ME</t>
  </si>
  <si>
    <t>EKW MK08 2006MJ</t>
  </si>
  <si>
    <t>5702329768009</t>
  </si>
  <si>
    <t>VX K-Eind.-R. /25cm EKW MK08 2006MJ</t>
  </si>
  <si>
    <t>EKW MK08 2007ME</t>
  </si>
  <si>
    <t>5702329768016</t>
  </si>
  <si>
    <t>VX K-Eind.-R. /10cm EKW MK08 2007ME</t>
  </si>
  <si>
    <t>EKW MK08 2007MJ</t>
  </si>
  <si>
    <t>5702329768023</t>
  </si>
  <si>
    <t>VX K-Eind.-R. /25cm EKW MK08 2007MJ</t>
  </si>
  <si>
    <t>EKW MK08 2021M</t>
  </si>
  <si>
    <t>5702329768030</t>
  </si>
  <si>
    <t>VX K-Eind.-R. 10-16 EKW MK08 2021M</t>
  </si>
  <si>
    <t>EKW MK08 2101M</t>
  </si>
  <si>
    <t>5702329768047</t>
  </si>
  <si>
    <t>VX K-Eind.-R. 10-16 EKW MK08 2101M</t>
  </si>
  <si>
    <t>EKW MK08 2102M</t>
  </si>
  <si>
    <t>5702329768054</t>
  </si>
  <si>
    <t>VX K-Eind.-R. 10-16 EKW MK08 2102M</t>
  </si>
  <si>
    <t>EKW MK08 2103M</t>
  </si>
  <si>
    <t>5702329768061</t>
  </si>
  <si>
    <t>VX K-Eind.-R. EKW MK08 2103M</t>
  </si>
  <si>
    <t>EKW MK08 2104ME</t>
  </si>
  <si>
    <t>5702329768078</t>
  </si>
  <si>
    <t>VX K-Eind.-R. 10-16/10 EKW MK08 2104ME</t>
  </si>
  <si>
    <t>EKW MK08 2104MJ</t>
  </si>
  <si>
    <t>5702329768085</t>
  </si>
  <si>
    <t>VX K-Eind.-R. 10-16/25 EKW MK08 2104MJ</t>
  </si>
  <si>
    <t>EKW MK08 2106ME</t>
  </si>
  <si>
    <t>5702329768092</t>
  </si>
  <si>
    <t>VX K-Eind.-R. /10cm EKW MK08 2106ME</t>
  </si>
  <si>
    <t>EKW MK08 2106MJ</t>
  </si>
  <si>
    <t>5702329768108</t>
  </si>
  <si>
    <t>VX K-Eind.-R. /25cm EKW MK08 2106MJ</t>
  </si>
  <si>
    <t>EKW MK08 2107ME</t>
  </si>
  <si>
    <t>5702329768115</t>
  </si>
  <si>
    <t>VX K-Eind.-R. /10cm EKW MK08 2107ME</t>
  </si>
  <si>
    <t>EKW MK08 2107MJ</t>
  </si>
  <si>
    <t>5702329768122</t>
  </si>
  <si>
    <t>VX K-Eind.-R. /25cm EKW MK08 2107MJ</t>
  </si>
  <si>
    <t>EKW MK08 2121M</t>
  </si>
  <si>
    <t>5702329768139</t>
  </si>
  <si>
    <t>VX K-Eind.-R. 10-16 EKW MK08 2121M</t>
  </si>
  <si>
    <t>EKW MK08 2301M</t>
  </si>
  <si>
    <t>5702329768146</t>
  </si>
  <si>
    <t>VX K-Eind.-R. 10-16 EKW MK08 2301M</t>
  </si>
  <si>
    <t>EKW MK08 2302M</t>
  </si>
  <si>
    <t>5702329768153</t>
  </si>
  <si>
    <t>VX K-Eind.-R. 10-16 EKW MK08 2302M</t>
  </si>
  <si>
    <t>EKW MK08 2303M</t>
  </si>
  <si>
    <t>5702329768160</t>
  </si>
  <si>
    <t>VX K-Eind.-R. EKW MK08 2303M</t>
  </si>
  <si>
    <t>EKW MK08 2304ME</t>
  </si>
  <si>
    <t>5702329768177</t>
  </si>
  <si>
    <t>VX K-Eind.-R. 10-16/10 EKW MK08 2304ME</t>
  </si>
  <si>
    <t>EKW MK08 2304MJ</t>
  </si>
  <si>
    <t>5702329768184</t>
  </si>
  <si>
    <t>VX K-Eind.-R. 10-16/25 EKW MK08 2304MJ</t>
  </si>
  <si>
    <t>----------------------------------------
Geeignet für Dächer mit flachem oder
profiliertem Eindeckmaterial
von 1,5 bis 12 cm Höhe.
Seitenteile gerade mit doppelten Wasser-
Ableit-Falzen und Schaumstoff-Dichtungs-
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W MK08 2306ME</t>
  </si>
  <si>
    <t>5702329768191</t>
  </si>
  <si>
    <t>VX K-Eind.-R. /10cm EKW MK08 2306ME</t>
  </si>
  <si>
    <t>EKW MK08 2306MJ</t>
  </si>
  <si>
    <t>5702329768207</t>
  </si>
  <si>
    <t>VX K-Eind.-R. /25cm EKW MK08 2306MJ</t>
  </si>
  <si>
    <t>EKW MK08 4021E2</t>
  </si>
  <si>
    <t>5702329306355</t>
  </si>
  <si>
    <t>VX K-Eind.-R. EKW MK08 4021E2</t>
  </si>
  <si>
    <t>EKW MK08 4021E3</t>
  </si>
  <si>
    <t>5702329972123</t>
  </si>
  <si>
    <t>VX K-Eind.-R. EKW MK08 4021E3</t>
  </si>
  <si>
    <t>EKW MK08 4031E2</t>
  </si>
  <si>
    <t>5702329691185</t>
  </si>
  <si>
    <t>VX K-Eind.-R. EKW MK08 4031E2</t>
  </si>
  <si>
    <t>EKW MK08 4031E3</t>
  </si>
  <si>
    <t>5702329972130</t>
  </si>
  <si>
    <t>VX K-Eind.-R. EKW MK08 4031E3</t>
  </si>
  <si>
    <t>EKW MK08 4121E2</t>
  </si>
  <si>
    <t>5702329621823</t>
  </si>
  <si>
    <t>VX K-Eind.-R. EKW MK08 4121E2</t>
  </si>
  <si>
    <t>EKW MK08 4121E3</t>
  </si>
  <si>
    <t>5702329972147</t>
  </si>
  <si>
    <t>VX K-Eind.-R. EKW MK08 4121E3</t>
  </si>
  <si>
    <t>EKW MK10 2001M</t>
  </si>
  <si>
    <t>5702329768269</t>
  </si>
  <si>
    <t>VX K-Eind.-R. 10-16 EKW MK10 2001M</t>
  </si>
  <si>
    <t>EKW MK10 2002M</t>
  </si>
  <si>
    <t>5702329768276</t>
  </si>
  <si>
    <t>VX K-Eind.-R. 10-16 EKW MK10 2002M</t>
  </si>
  <si>
    <t>EKW MK10 2003M</t>
  </si>
  <si>
    <t>5702329768283</t>
  </si>
  <si>
    <t>VX K-Eind.-R. EKW MK10 2003M</t>
  </si>
  <si>
    <t>EKW MK10 2004ME</t>
  </si>
  <si>
    <t>5702329768290</t>
  </si>
  <si>
    <t>VX K-Eind.-R. 10-16/10 EKW MK10 2004ME</t>
  </si>
  <si>
    <t>EKW MK10 2004MJ</t>
  </si>
  <si>
    <t>5702329768306</t>
  </si>
  <si>
    <t>VX K-Eind.-R. 10-16/25 EKW MK10 2004MJ</t>
  </si>
  <si>
    <t>EKW MK10 2006ME</t>
  </si>
  <si>
    <t>5702329768313</t>
  </si>
  <si>
    <t>VX K-Eind.-R. /10cm EKW MK10 2006ME</t>
  </si>
  <si>
    <t>EKW MK10 2006MJ</t>
  </si>
  <si>
    <t>5702329768320</t>
  </si>
  <si>
    <t>VX K-Eind.-R. /25cm EKW MK10 2006MJ</t>
  </si>
  <si>
    <t>EKW MK10 2007ME</t>
  </si>
  <si>
    <t>5702329768337</t>
  </si>
  <si>
    <t>VX K-Eind.-R. /10cm EKW MK10 2007ME</t>
  </si>
  <si>
    <t>EKW MK10 2007MJ</t>
  </si>
  <si>
    <t>5702329768344</t>
  </si>
  <si>
    <t>VX K-Eind.-R. /25cm EKW MK10 2007MJ</t>
  </si>
  <si>
    <t>EKW MK10 2021M</t>
  </si>
  <si>
    <t>5702329768351</t>
  </si>
  <si>
    <t>VX K-Eind.-R. 10-16 EKW MK10 2021M</t>
  </si>
  <si>
    <t>EKW MK10 2101M</t>
  </si>
  <si>
    <t>5702329768368</t>
  </si>
  <si>
    <t>VX K-Eind.-R. 10-16 EKW MK10 2101M</t>
  </si>
  <si>
    <t>EKW MK10 2102M</t>
  </si>
  <si>
    <t>5702329768375</t>
  </si>
  <si>
    <t>VX K-Eind.-R. 10-16 EKW MK10 2102M</t>
  </si>
  <si>
    <t>EKW MK10 2103M</t>
  </si>
  <si>
    <t>5702329768382</t>
  </si>
  <si>
    <t>VX K-Eind.-R. EKW MK10 2103M</t>
  </si>
  <si>
    <t>EKW MK10 2104MJ</t>
  </si>
  <si>
    <t>5702329768405</t>
  </si>
  <si>
    <t>VX K-Eind.-R. 10-16/25 EKW MK10 2104MJ</t>
  </si>
  <si>
    <t>EKW MK10 2106MJ</t>
  </si>
  <si>
    <t>5702329768429</t>
  </si>
  <si>
    <t>VX K-Eind.-R. /25cm EKW MK10 2106MJ</t>
  </si>
  <si>
    <t>EKW MK10 2107MJ</t>
  </si>
  <si>
    <t>5702329768443</t>
  </si>
  <si>
    <t>VX K-Eind.-R. /25cm EKW MK10 2107MJ</t>
  </si>
  <si>
    <t>EKW MK10 2121M</t>
  </si>
  <si>
    <t>5702329768450</t>
  </si>
  <si>
    <t>VX K-Eind.-R. 10-16 EKW MK10 2121M</t>
  </si>
  <si>
    <t>EKW MK10 2301M</t>
  </si>
  <si>
    <t>5702329768467</t>
  </si>
  <si>
    <t>VX K-Eind.-R. 10-16 EKW MK10 2301M</t>
  </si>
  <si>
    <t>EKW MK10 2302M</t>
  </si>
  <si>
    <t>5702329768474</t>
  </si>
  <si>
    <t>VX K-Eind.-R. 10-16 EKW MK10 2302M</t>
  </si>
  <si>
    <t>EKW MK10 2303M</t>
  </si>
  <si>
    <t>5702329768481</t>
  </si>
  <si>
    <t>VX K-Eind.-R. EKW MK10 2303M</t>
  </si>
  <si>
    <t>EKW MK10 4021E2</t>
  </si>
  <si>
    <t>5702329306362</t>
  </si>
  <si>
    <t>VX K-Eind.-R. EKW MK10 4021E2</t>
  </si>
  <si>
    <t>EKW MK10 4021E3</t>
  </si>
  <si>
    <t>5702329972154</t>
  </si>
  <si>
    <t>VX K-Eind.-R. EKW MK10 4021E3</t>
  </si>
  <si>
    <t>EKW MK10 4031E2</t>
  </si>
  <si>
    <t>5702329691192</t>
  </si>
  <si>
    <t>VX K-Eind.-R. EKW MK10 4031E2</t>
  </si>
  <si>
    <t>EKW MK10 4031E3</t>
  </si>
  <si>
    <t>5702329972161</t>
  </si>
  <si>
    <t>VX K-Eind.-R. EKW MK10 4031E3</t>
  </si>
  <si>
    <t>EKW MK10 4121E2</t>
  </si>
  <si>
    <t>5702329621830</t>
  </si>
  <si>
    <t>VX K-Eind.-R. EKW MK10 4121E2</t>
  </si>
  <si>
    <t>EKW MK10 4121E3</t>
  </si>
  <si>
    <t>5702329972178</t>
  </si>
  <si>
    <t>VX K-Eind.-R. EKW MK10 4121E3</t>
  </si>
  <si>
    <t>EKW MK12 2001M</t>
  </si>
  <si>
    <t>5702329768597</t>
  </si>
  <si>
    <t>VX K-Eind.-R. 10-16 EKW MK12 2001M</t>
  </si>
  <si>
    <t>EKW MK12 2002M</t>
  </si>
  <si>
    <t>5702329768603</t>
  </si>
  <si>
    <t>VX K-Eind.-R. 10-16 EKW MK12 2002M</t>
  </si>
  <si>
    <t>EKW MK12 2003M</t>
  </si>
  <si>
    <t>5702329768610</t>
  </si>
  <si>
    <t>VX K-Eind.-R. EKW MK12 2003M</t>
  </si>
  <si>
    <t>EKW MK12 2004ME</t>
  </si>
  <si>
    <t>5702329768627</t>
  </si>
  <si>
    <t>VX K-Eind.-R. 10-16/10 EKW MK12 2004ME</t>
  </si>
  <si>
    <t>EKW MK12 2006ME</t>
  </si>
  <si>
    <t>5702329768634</t>
  </si>
  <si>
    <t>VX K-Eind.-R. /10cm EKW MK12 2006ME</t>
  </si>
  <si>
    <t>EKW MK12 2007ME</t>
  </si>
  <si>
    <t>5702329768641</t>
  </si>
  <si>
    <t>VX K-Eind.-R. /10cm EKW MK12 2007ME</t>
  </si>
  <si>
    <t>EKW MK12 2021M</t>
  </si>
  <si>
    <t>5702329768658</t>
  </si>
  <si>
    <t>VX K-Eind.-R. 10-16 EKW MK12 2021M</t>
  </si>
  <si>
    <t>EKW MK12 2301M</t>
  </si>
  <si>
    <t>5702329768665</t>
  </si>
  <si>
    <t>VX K-Eind.-R. 10-16 EKW MK12 2301M</t>
  </si>
  <si>
    <t>EKW MK12 2302M</t>
  </si>
  <si>
    <t>5702329768672</t>
  </si>
  <si>
    <t>VX K-Eind.-R. 10-16 EKW MK12 2302M</t>
  </si>
  <si>
    <t>EKW MK12 2303M</t>
  </si>
  <si>
    <t>5702329768689</t>
  </si>
  <si>
    <t>VX K-Eind.-R. EKW MK12 2303M</t>
  </si>
  <si>
    <t>EKW PK06 1021M</t>
  </si>
  <si>
    <t>5702320718164</t>
  </si>
  <si>
    <t>VX K-Eind.-R. 10-16 EKW PK06 1021M</t>
  </si>
  <si>
    <t>EKW PK06 2001M</t>
  </si>
  <si>
    <t>5702329768979</t>
  </si>
  <si>
    <t>VX K-Eind.-R. 10-16 EKW PK06 2001M</t>
  </si>
  <si>
    <t>EKW PK06 2002M</t>
  </si>
  <si>
    <t>5702329768986</t>
  </si>
  <si>
    <t>VX K-Eind.-R. 10-16 EKW PK06 2002M</t>
  </si>
  <si>
    <t>EKW PK06 2003M</t>
  </si>
  <si>
    <t>5702329768993</t>
  </si>
  <si>
    <t>VX K-Eind.-R. EKW PK06 2003M</t>
  </si>
  <si>
    <t>EKW PK06 2004ME</t>
  </si>
  <si>
    <t>5702329769006</t>
  </si>
  <si>
    <t>VX K-Eind.-R. 10-16/10 EKW PK06 2004ME</t>
  </si>
  <si>
    <t>EKW PK06 2004MJ</t>
  </si>
  <si>
    <t>5702329769013</t>
  </si>
  <si>
    <t>VX K-Eind.-R. 10-16/25 EKW PK06 2004MJ</t>
  </si>
  <si>
    <t>EKW PK06 2006ME</t>
  </si>
  <si>
    <t>5702329769020</t>
  </si>
  <si>
    <t>VX K-Eind.-R. /10cm EKW PK06 2006ME</t>
  </si>
  <si>
    <t>EKW PK06 2006MJ</t>
  </si>
  <si>
    <t>5702329769037</t>
  </si>
  <si>
    <t>VX K-Eind.-R. /25cm EKW PK06 2006MJ</t>
  </si>
  <si>
    <t>EKW PK06 2007ME</t>
  </si>
  <si>
    <t>5702329769044</t>
  </si>
  <si>
    <t>VX K-Eind.-R. /10cm EKW PK06 2007ME</t>
  </si>
  <si>
    <t>EKW PK06 2007MJ</t>
  </si>
  <si>
    <t>5702329769051</t>
  </si>
  <si>
    <t>VX K-Eind.-R. /25cm EKW PK06 2007MJ</t>
  </si>
  <si>
    <t>EKW PK06 2021M</t>
  </si>
  <si>
    <t>5702329769068</t>
  </si>
  <si>
    <t>VX K-Eind.-R. 10-16 EKW PK06 2021M</t>
  </si>
  <si>
    <t>EKW PK06 2101M</t>
  </si>
  <si>
    <t>5702329769075</t>
  </si>
  <si>
    <t>VX K-Eind.-R. 10-16 EKW PK06 2101M</t>
  </si>
  <si>
    <t>EKW PK06 2102M</t>
  </si>
  <si>
    <t>5702329769082</t>
  </si>
  <si>
    <t>VX K-Eind.-R. 10-16 EKW PK06 2102M</t>
  </si>
  <si>
    <t>EKW PK06 2103M</t>
  </si>
  <si>
    <t>5702329769099</t>
  </si>
  <si>
    <t>VX K-Eind.-R. EKW PK06 2103M</t>
  </si>
  <si>
    <t>EKW PK06 2104MJ</t>
  </si>
  <si>
    <t>5702329769112</t>
  </si>
  <si>
    <t>VX K-Eind.-R. 10-16/25 EKW PK06 2104MJ</t>
  </si>
  <si>
    <t>EKW PK06 2106MJ</t>
  </si>
  <si>
    <t>5702329769136</t>
  </si>
  <si>
    <t>VX K-Eind.-R. /25cm EKW PK06 2106MJ</t>
  </si>
  <si>
    <t>EKW PK06 2107MJ</t>
  </si>
  <si>
    <t>5702329769150</t>
  </si>
  <si>
    <t>VX K-Eind.-R. /25cm EKW PK06 2107MJ</t>
  </si>
  <si>
    <t>EKW PK06 2121M</t>
  </si>
  <si>
    <t>5702329769167</t>
  </si>
  <si>
    <t>VX K-Eind.-R. 10-16 EKW PK06 2121M</t>
  </si>
  <si>
    <t>EKW PK06 2301M</t>
  </si>
  <si>
    <t>5702329769174</t>
  </si>
  <si>
    <t>VX K-Eind.-R. 10-16 EKW PK06 2301M</t>
  </si>
  <si>
    <t>EKW PK06 2302M</t>
  </si>
  <si>
    <t>5702329769181</t>
  </si>
  <si>
    <t>VX K-Eind.-R. 10-16 EKW PK06 2302M</t>
  </si>
  <si>
    <t>EKW PK06 2303M</t>
  </si>
  <si>
    <t>5702329769198</t>
  </si>
  <si>
    <t>VX K-Eind.-R. EKW PK06 2303M</t>
  </si>
  <si>
    <t>EKW PK06 2304MJ</t>
  </si>
  <si>
    <t>5702329769211</t>
  </si>
  <si>
    <t>VX K-Eind.-R. 10-16/25 EKW PK06 2304MJ</t>
  </si>
  <si>
    <t>EKW PK06 2306MJ</t>
  </si>
  <si>
    <t>5702329769235</t>
  </si>
  <si>
    <t>VX K-Eind.-R. /25cm EKW PK06 2306MJ</t>
  </si>
  <si>
    <t>EKW PK06 2307ME</t>
  </si>
  <si>
    <t>5702329769242</t>
  </si>
  <si>
    <t>VX K-Eind.-R. /10cm EKW PK06 2307ME</t>
  </si>
  <si>
    <t>EKW PK06 4021E2</t>
  </si>
  <si>
    <t>5702329306393</t>
  </si>
  <si>
    <t>VX K-Eind.-R. EKW PK06 4021E2</t>
  </si>
  <si>
    <t>EKW PK06 4021E3</t>
  </si>
  <si>
    <t>5702329972246</t>
  </si>
  <si>
    <t>VX K-Eind.-R. EKW PK06 4021E3</t>
  </si>
  <si>
    <t>EKW PK06 4121E2</t>
  </si>
  <si>
    <t>5702329621854</t>
  </si>
  <si>
    <t>VX K-Eind.-R. EKW PK06 4121E2</t>
  </si>
  <si>
    <t>EKW PK06 4121E3</t>
  </si>
  <si>
    <t>5702329972253</t>
  </si>
  <si>
    <t>VX K-Eind.-R. EKW PK06 4121E3</t>
  </si>
  <si>
    <t>EKW PK08 1021M</t>
  </si>
  <si>
    <t>5702320718171</t>
  </si>
  <si>
    <t>VX K-Eind.-R. 10-16 EKW PK08 1021M</t>
  </si>
  <si>
    <t>EKW PK08 2001M</t>
  </si>
  <si>
    <t>5702329769303</t>
  </si>
  <si>
    <t>VX K-Eind.-R. 10-16 EKW PK08 2001M</t>
  </si>
  <si>
    <t>EKW PK08 2002M</t>
  </si>
  <si>
    <t>5702329769310</t>
  </si>
  <si>
    <t>VX K-Eind.-R. 10-16 EKW PK08 2002M</t>
  </si>
  <si>
    <t>EKW PK08 2003M</t>
  </si>
  <si>
    <t>5702329769327</t>
  </si>
  <si>
    <t>VX K-Eind.-R. EKW PK08 2003M</t>
  </si>
  <si>
    <t>EKW PK08 2004ME</t>
  </si>
  <si>
    <t>5702329769334</t>
  </si>
  <si>
    <t>VX K-Eind.-R. 10-16/10 EKW PK08 2004ME</t>
  </si>
  <si>
    <t>EKW PK08 2004MJ</t>
  </si>
  <si>
    <t>5702329769341</t>
  </si>
  <si>
    <t>VX K-Eind.-R. 10-16/25 EKW PK08 2004MJ</t>
  </si>
  <si>
    <t>EKW PK08 2006ME</t>
  </si>
  <si>
    <t>5702329769358</t>
  </si>
  <si>
    <t>VX K-Eind.-R. /10cm EKW PK08 2006ME</t>
  </si>
  <si>
    <t>EKW PK08 2006MJ</t>
  </si>
  <si>
    <t>5702329769365</t>
  </si>
  <si>
    <t>VX K-Eind.-R. /25cm EKW PK08 2006MJ</t>
  </si>
  <si>
    <t>EKW PK08 2007ME</t>
  </si>
  <si>
    <t>5702329769372</t>
  </si>
  <si>
    <t>VX K-Eind.-R. /10cm EKW PK08 2007ME</t>
  </si>
  <si>
    <t>EKW PK08 2007MJ</t>
  </si>
  <si>
    <t>5702329769389</t>
  </si>
  <si>
    <t>VX K-Eind.-R. /25cm EKW PK08 2007MJ</t>
  </si>
  <si>
    <t>EKW PK08 2021M</t>
  </si>
  <si>
    <t>5702329769396</t>
  </si>
  <si>
    <t>VX K-Eind.-R. 10-16 EKW PK08 2021M</t>
  </si>
  <si>
    <t>EKW PK08 2101M</t>
  </si>
  <si>
    <t>5702329769402</t>
  </si>
  <si>
    <t>VX K-Eind.-R. 10-16 EKW PK08 2101M</t>
  </si>
  <si>
    <t>EKW PK08 2102M</t>
  </si>
  <si>
    <t>5702329769419</t>
  </si>
  <si>
    <t>VX K-Eind.-R. 10-16 EKW PK08 2102M</t>
  </si>
  <si>
    <t>EKW PK08 2107MJ</t>
  </si>
  <si>
    <t>5702329769488</t>
  </si>
  <si>
    <t>VX K-Eind.-R. /25cm EKW PK08 2107MJ</t>
  </si>
  <si>
    <t>EKW PK08 2121M</t>
  </si>
  <si>
    <t>5702329769495</t>
  </si>
  <si>
    <t>VX K-Eind.-R. 10-16 EKW PK08 2121M</t>
  </si>
  <si>
    <t>EKW PK08 2301M</t>
  </si>
  <si>
    <t>5702329769501</t>
  </si>
  <si>
    <t>VX K-Eind.-R. 10-16 EKW PK08 2301M</t>
  </si>
  <si>
    <t>EKW PK08 2302M</t>
  </si>
  <si>
    <t>5702329769518</t>
  </si>
  <si>
    <t>VX K-Eind.-R. 10-16 EKW PK08 2302M</t>
  </si>
  <si>
    <t>EKW PK08 2303M</t>
  </si>
  <si>
    <t>5702329769525</t>
  </si>
  <si>
    <t>VX K-Eind.-R. EKW PK08 2303M</t>
  </si>
  <si>
    <t>EKW PK08 2304ME</t>
  </si>
  <si>
    <t>5702329769532</t>
  </si>
  <si>
    <t>VX K-Eind.-R. 10-16/10 EKW PK08 2304ME</t>
  </si>
  <si>
    <t>EKW PK08 2306ME</t>
  </si>
  <si>
    <t>5702329769556</t>
  </si>
  <si>
    <t>VX K-Eind.-R. /10cm EKW PK08 2306ME</t>
  </si>
  <si>
    <t>EKW PK08 2307ME</t>
  </si>
  <si>
    <t>5702329769570</t>
  </si>
  <si>
    <t>VX K-Eind.-R. /10cm EKW PK08 2307ME</t>
  </si>
  <si>
    <t>EKW PK08 4021E2</t>
  </si>
  <si>
    <t>5702329306409</t>
  </si>
  <si>
    <t>VX K-Eind.-R. EKW PK08 4021E2</t>
  </si>
  <si>
    <t>EKW PK08 4021E3</t>
  </si>
  <si>
    <t>5702329972277</t>
  </si>
  <si>
    <t>VX K-Eind.-R. EKW PK08 4021E3</t>
  </si>
  <si>
    <t>EKW PK08 4121E2</t>
  </si>
  <si>
    <t>5702329621861</t>
  </si>
  <si>
    <t>VX K-Eind.-R. EKW PK08 4121E2</t>
  </si>
  <si>
    <t>EKW PK08 4121E3</t>
  </si>
  <si>
    <t>5702329972284</t>
  </si>
  <si>
    <t>VX K-Eind.-R. EKW PK08 4121E3</t>
  </si>
  <si>
    <t>EKW PK10 1021M</t>
  </si>
  <si>
    <t>5702320718188</t>
  </si>
  <si>
    <t>VX K-Eind.-R. 10-16 EKW PK10 1021M</t>
  </si>
  <si>
    <t>EKW PK10 2001M</t>
  </si>
  <si>
    <t>5702329769631</t>
  </si>
  <si>
    <t>VX K-Eind.-R. 10-16 EKW PK10 2001M</t>
  </si>
  <si>
    <t>EKW PK10 2002M</t>
  </si>
  <si>
    <t>5702329769648</t>
  </si>
  <si>
    <t>VX K-Eind.-R. 10-16 EKW PK10 2002M</t>
  </si>
  <si>
    <t>EKW PK10 2003M</t>
  </si>
  <si>
    <t>5702329769655</t>
  </si>
  <si>
    <t>VX K-Eind.-R. EKW PK10 2003M</t>
  </si>
  <si>
    <t>EKW PK10 2004ME</t>
  </si>
  <si>
    <t>5702329769662</t>
  </si>
  <si>
    <t>VX K-Eind.-R. 10-16/10 EKW PK10 2004ME</t>
  </si>
  <si>
    <t>EKW PK10 2004MJ</t>
  </si>
  <si>
    <t>5702329769679</t>
  </si>
  <si>
    <t>VX K-Eind.-R. 10-16/25 EKW PK10 2004MJ</t>
  </si>
  <si>
    <t>EKW PK10 2006ME</t>
  </si>
  <si>
    <t>5702329769686</t>
  </si>
  <si>
    <t>VX K-Eind.-R. /10cm EKW PK10 2006ME</t>
  </si>
  <si>
    <t>EKW PK10 2006MJ</t>
  </si>
  <si>
    <t>5702329769693</t>
  </si>
  <si>
    <t>VX K-Eind.-R. /25cm EKW PK10 2006MJ</t>
  </si>
  <si>
    <t>EKW PK10 2007ME</t>
  </si>
  <si>
    <t>5702329769709</t>
  </si>
  <si>
    <t>VX K-Eind.-R. /10cm EKW PK10 2007ME</t>
  </si>
  <si>
    <t>EKW PK10 2007MJ</t>
  </si>
  <si>
    <t>5702329769716</t>
  </si>
  <si>
    <t>VX K-Eind.-R. /25cm EKW PK10 2007MJ</t>
  </si>
  <si>
    <t>EKW PK10 2021M</t>
  </si>
  <si>
    <t>5702329769723</t>
  </si>
  <si>
    <t>VX K-Eind.-R. 10-16 EKW PK10 2021M</t>
  </si>
  <si>
    <t>EKW PK10 2101M</t>
  </si>
  <si>
    <t>5702329769730</t>
  </si>
  <si>
    <t>VX K-Eind.-R. 10-16 EKW PK10 2101M</t>
  </si>
  <si>
    <t>EKW PK10 2102M</t>
  </si>
  <si>
    <t>5702329769747</t>
  </si>
  <si>
    <t>VX K-Eind.-R. 10-16 EKW PK10 2102M</t>
  </si>
  <si>
    <t>EKW PK10 2103M</t>
  </si>
  <si>
    <t>5702329769754</t>
  </si>
  <si>
    <t>VX K-Eind.-R. EKW PK10 2103M</t>
  </si>
  <si>
    <t>EKW PK10 2107MJ</t>
  </si>
  <si>
    <t>5702329769815</t>
  </si>
  <si>
    <t>VX K-Eind.-R. /25cm EKW PK10 2107MJ</t>
  </si>
  <si>
    <t>EKW PK10 2121M</t>
  </si>
  <si>
    <t>5702329769822</t>
  </si>
  <si>
    <t>VX K-Eind.-R. 10-16 EKW PK10 2121M</t>
  </si>
  <si>
    <t>EKW PK10 2301M</t>
  </si>
  <si>
    <t>5702329769839</t>
  </si>
  <si>
    <t>VX K-Eind.-R. 10-16 EKW PK10 2301M</t>
  </si>
  <si>
    <t>EKW PK10 2302M</t>
  </si>
  <si>
    <t>5702329769846</t>
  </si>
  <si>
    <t>VX K-Eind.-R. 10-16 EKW PK10 2302M</t>
  </si>
  <si>
    <t>EKW PK10 2303M</t>
  </si>
  <si>
    <t>5702329769853</t>
  </si>
  <si>
    <t>VX K-Eind.-R. EKW PK10 2303M</t>
  </si>
  <si>
    <t>EKW PK10 2304ME</t>
  </si>
  <si>
    <t>5702329769860</t>
  </si>
  <si>
    <t>VX K-Eind.-R. 10-16/10 EKW PK10 2304ME</t>
  </si>
  <si>
    <t>EKW PK10 2306ME</t>
  </si>
  <si>
    <t>5702329769884</t>
  </si>
  <si>
    <t>VX K-Eind.-R. /10cm EKW PK10 2306ME</t>
  </si>
  <si>
    <t>EKW PK10 4021E2</t>
  </si>
  <si>
    <t>5702329306416</t>
  </si>
  <si>
    <t>VX K-Eind.-R. EKW PK10 4021E2</t>
  </si>
  <si>
    <t>EKW PK10 4021E3</t>
  </si>
  <si>
    <t>5702329972307</t>
  </si>
  <si>
    <t>VX K-Eind.-R. EKW PK10 4021E3</t>
  </si>
  <si>
    <t>EKW PK10 4121E2</t>
  </si>
  <si>
    <t>5702329621878</t>
  </si>
  <si>
    <t>VX K-Eind.-R. EKW PK10 4121E2</t>
  </si>
  <si>
    <t>EKW PK10 4121E3</t>
  </si>
  <si>
    <t>5702329972314</t>
  </si>
  <si>
    <t>VX K-Eind.-R. EKW PK10 4121E3</t>
  </si>
  <si>
    <t>EKW SK06 1002M</t>
  </si>
  <si>
    <t>5702320718195</t>
  </si>
  <si>
    <t>VX K-Eind.-R. 10-16 EKW SK06 1002M</t>
  </si>
  <si>
    <t>EKW SK06 1021M</t>
  </si>
  <si>
    <t>5702320718201</t>
  </si>
  <si>
    <t>VX K-Eind.-R. 10-16 EKW SK06 1021M</t>
  </si>
  <si>
    <t>EKW SK06 2001M</t>
  </si>
  <si>
    <t>5702329770347</t>
  </si>
  <si>
    <t>VX K-Eind.-R. 10-16 EKW SK06 2001M</t>
  </si>
  <si>
    <t>EKW SK06 2002M</t>
  </si>
  <si>
    <t>5702329770354</t>
  </si>
  <si>
    <t>VX K-Eind.-R. 10-16 EKW SK06 2002M</t>
  </si>
  <si>
    <t>EKW SK06 2003M</t>
  </si>
  <si>
    <t>5702329770361</t>
  </si>
  <si>
    <t>VX K-Eind.-R. EKW SK06 2003M</t>
  </si>
  <si>
    <t>EKW SK06 2004ME</t>
  </si>
  <si>
    <t>5702329770378</t>
  </si>
  <si>
    <t>VX K-Eind.-R. 10-16/10 EKW SK06 2004ME</t>
  </si>
  <si>
    <t>EKW SK06 2004MJ</t>
  </si>
  <si>
    <t>5702329770385</t>
  </si>
  <si>
    <t>VX K-Eind.-R. 10-16/25 EKW SK06 2004MJ</t>
  </si>
  <si>
    <t>EKW SK06 2006ME</t>
  </si>
  <si>
    <t>5702329770392</t>
  </si>
  <si>
    <t>VX K-Eind.-R. /10cm EKW SK06 2006ME</t>
  </si>
  <si>
    <t>EKW SK06 2006MJ</t>
  </si>
  <si>
    <t>5702329770408</t>
  </si>
  <si>
    <t>VX K-Eind.-R. /25cm EKW SK06 2006MJ</t>
  </si>
  <si>
    <t>EKW SK06 2007ME</t>
  </si>
  <si>
    <t>5702329770415</t>
  </si>
  <si>
    <t>VX K-Eind.-R. /10cm EKW SK06 2007ME</t>
  </si>
  <si>
    <t>EKW SK06 2007MJ</t>
  </si>
  <si>
    <t>5702329770422</t>
  </si>
  <si>
    <t>VX K-Eind.-R. /25cm EKW SK06 2007MJ</t>
  </si>
  <si>
    <t>EKW SK06 2021M</t>
  </si>
  <si>
    <t>5702329770439</t>
  </si>
  <si>
    <t>VX K-Eind.-R. 10-16 EKW SK06 2021M</t>
  </si>
  <si>
    <t>EKW SK06 2101M</t>
  </si>
  <si>
    <t>5702329770446</t>
  </si>
  <si>
    <t>VX K-Eind.-R. 10-16 EKW SK06 2101M</t>
  </si>
  <si>
    <t>EKW SK06 2102M</t>
  </si>
  <si>
    <t>5702329770453</t>
  </si>
  <si>
    <t>VX K-Eind.-R. 10-16 EKW SK06 2102M</t>
  </si>
  <si>
    <t>EKW SK06 2103M</t>
  </si>
  <si>
    <t>5702329770460</t>
  </si>
  <si>
    <t>VX K-Eind.-R. EKW SK06 2103M</t>
  </si>
  <si>
    <t>EKW SK06 2104ME</t>
  </si>
  <si>
    <t>5702329770477</t>
  </si>
  <si>
    <t>VX K-Eind.-R. 10-16/10 EKW SK06 2104ME</t>
  </si>
  <si>
    <t>EKW SK06 2106ME</t>
  </si>
  <si>
    <t>5702329770491</t>
  </si>
  <si>
    <t>VX K-Eind.-R. /10cm EKW SK06 2106ME</t>
  </si>
  <si>
    <t>EKW SK06 2107ME</t>
  </si>
  <si>
    <t>5702329770514</t>
  </si>
  <si>
    <t>VX K-Eind.-R. /10cm EKW SK06 2107ME</t>
  </si>
  <si>
    <t>EKW SK06 2107MJ</t>
  </si>
  <si>
    <t>5702329770521</t>
  </si>
  <si>
    <t>VX K-Eind.-R. /25cm EKW SK06 2107MJ</t>
  </si>
  <si>
    <t>EKW SK06 2121M</t>
  </si>
  <si>
    <t>5702329770538</t>
  </si>
  <si>
    <t>VX K-Eind.-R. 10-16 EKW SK06 2121M</t>
  </si>
  <si>
    <t>EKW SK06 2301M</t>
  </si>
  <si>
    <t>5702329770545</t>
  </si>
  <si>
    <t>VX K-Eind.-R. 10-16 EKW SK06 2301M</t>
  </si>
  <si>
    <t>EKW SK06 2302M</t>
  </si>
  <si>
    <t>5702329770552</t>
  </si>
  <si>
    <t>VX K-Eind.-R. 10-16 EKW SK06 2302M</t>
  </si>
  <si>
    <t>EKW SK06 2303M</t>
  </si>
  <si>
    <t>5702329770569</t>
  </si>
  <si>
    <t>VX K-Eind.-R. EKW SK06 2303M</t>
  </si>
  <si>
    <t>EKW SK06 2304ME</t>
  </si>
  <si>
    <t>5702329770576</t>
  </si>
  <si>
    <t>VX K-Eind.-R. 10-16/10 EKW SK06 2304ME</t>
  </si>
  <si>
    <t>EKW SK06 2306ME</t>
  </si>
  <si>
    <t>5702329770590</t>
  </si>
  <si>
    <t>VX K-Eind.-R. /10cm EKW SK06 2306ME</t>
  </si>
  <si>
    <t>EKW SK06 4021E2</t>
  </si>
  <si>
    <t>5702329306423</t>
  </si>
  <si>
    <t>VX K-Eind.-R. EKW SK06 4021E2</t>
  </si>
  <si>
    <t>EKW SK06 4021E3</t>
  </si>
  <si>
    <t>5702329972338</t>
  </si>
  <si>
    <t>VX K-Eind.-R. EKW SK06 4021E3</t>
  </si>
  <si>
    <t>EKW SK06 4121E2</t>
  </si>
  <si>
    <t>5702329621885</t>
  </si>
  <si>
    <t>VX K-Eind.-R. EKW SK06 4121E2</t>
  </si>
  <si>
    <t>EKW SK06 4121E3</t>
  </si>
  <si>
    <t>5702329972345</t>
  </si>
  <si>
    <t>VX K-Eind.-R. EKW SK06 4121E3</t>
  </si>
  <si>
    <t>EKW SK08 1021M</t>
  </si>
  <si>
    <t>5702320718218</t>
  </si>
  <si>
    <t>VX K-Eind.-R. 10-16 EKW SK08 1021M</t>
  </si>
  <si>
    <t>EKW SK08 2001M</t>
  </si>
  <si>
    <t>5702329770675</t>
  </si>
  <si>
    <t>VX K-Eind.-R. 10-16 EKW SK08 2001M</t>
  </si>
  <si>
    <t>EKW SK08 2002M</t>
  </si>
  <si>
    <t>5702329770682</t>
  </si>
  <si>
    <t>VX K-Eind.-R. 10-16 EKW SK08 2002M</t>
  </si>
  <si>
    <t>EKW SK08 2003M</t>
  </si>
  <si>
    <t>5702329770699</t>
  </si>
  <si>
    <t>VX K-Eind.-R. EKW SK08 2003M</t>
  </si>
  <si>
    <t>EKW SK08 2004ME</t>
  </si>
  <si>
    <t>5702329770705</t>
  </si>
  <si>
    <t>VX K-Eind.-R. 10-16/10 EKW SK08 2004ME</t>
  </si>
  <si>
    <t>EKW SK08 2004MJ</t>
  </si>
  <si>
    <t>5702329770712</t>
  </si>
  <si>
    <t>VX K-Eind.-R. 10-16/25 EKW SK08 2004MJ</t>
  </si>
  <si>
    <t>EKW SK08 2006ME</t>
  </si>
  <si>
    <t>5702329770729</t>
  </si>
  <si>
    <t>VX K-Eind.-R. /10cm EKW SK08 2006ME</t>
  </si>
  <si>
    <t>EKW SK08 2006MJ</t>
  </si>
  <si>
    <t>5702329770736</t>
  </si>
  <si>
    <t>VX K-Eind.-R. /25cm EKW SK08 2006MJ</t>
  </si>
  <si>
    <t>EKW SK08 2007ME</t>
  </si>
  <si>
    <t>5702329770743</t>
  </si>
  <si>
    <t>VX K-Eind.-R. /10cm EKW SK08 2007ME</t>
  </si>
  <si>
    <t>EKW SK08 2007MJ</t>
  </si>
  <si>
    <t>5702329770750</t>
  </si>
  <si>
    <t>VX K-Eind.-R. /25cm EKW SK08 2007MJ</t>
  </si>
  <si>
    <t>EKW SK08 2021M</t>
  </si>
  <si>
    <t>5702329770767</t>
  </si>
  <si>
    <t>VX K-Eind.-R. 10-16 EKW SK08 2021M</t>
  </si>
  <si>
    <t>EKW SK08 2102M</t>
  </si>
  <si>
    <t>5702329770781</t>
  </si>
  <si>
    <t>VX K-Eind.-R. 10-16 EKW SK08 2102M</t>
  </si>
  <si>
    <t>EKW SK08 2103M</t>
  </si>
  <si>
    <t>5702329770798</t>
  </si>
  <si>
    <t>VX K-Eind.-R. EKW SK08 2103M</t>
  </si>
  <si>
    <t>EKW SK08 2104MJ</t>
  </si>
  <si>
    <t>5702329770811</t>
  </si>
  <si>
    <t>VX K-Eind.-R. 10-16/25 EKW SK08 2104MJ</t>
  </si>
  <si>
    <t>EKW SK08 2106MJ</t>
  </si>
  <si>
    <t>5702329770835</t>
  </si>
  <si>
    <t>VX K-Eind.-R. /25cm EKW SK08 2106MJ</t>
  </si>
  <si>
    <t>EKW SK08 2107ME</t>
  </si>
  <si>
    <t>5702329770842</t>
  </si>
  <si>
    <t>VX K-Eind.-R. /10cm EKW SK08 2107ME</t>
  </si>
  <si>
    <t>EKW SK08 2107MJ</t>
  </si>
  <si>
    <t>5702329770859</t>
  </si>
  <si>
    <t>VX K-Eind.-R. /25cm EKW SK08 2107MJ</t>
  </si>
  <si>
    <t>EKW SK08 2121M</t>
  </si>
  <si>
    <t>5702329770866</t>
  </si>
  <si>
    <t>VX K-Eind.-R. 10-16 EKW SK08 2121M</t>
  </si>
  <si>
    <t>EKW SK08 2301M</t>
  </si>
  <si>
    <t>5702329770873</t>
  </si>
  <si>
    <t>VX K-Eind.-R. 10-16 EKW SK08 2301M</t>
  </si>
  <si>
    <t>EKW SK08 2302M</t>
  </si>
  <si>
    <t>5702329770880</t>
  </si>
  <si>
    <t>VX K-Eind.-R. 10-16 EKW SK08 2302M</t>
  </si>
  <si>
    <t>EKW SK08 2303M</t>
  </si>
  <si>
    <t>5702329770897</t>
  </si>
  <si>
    <t>VX K-Eind.-R. EKW SK08 2303M</t>
  </si>
  <si>
    <t>EKW SK08 2307ME</t>
  </si>
  <si>
    <t>5702329770941</t>
  </si>
  <si>
    <t>VX K-Eind.-R. /10cm EKW SK08 2307ME</t>
  </si>
  <si>
    <t>EKW SK08 4021E2</t>
  </si>
  <si>
    <t>5702329306430</t>
  </si>
  <si>
    <t>VX K-Eind.-R. EKW SK08 4021E2</t>
  </si>
  <si>
    <t>EKW SK08 4021E3</t>
  </si>
  <si>
    <t>5702329972369</t>
  </si>
  <si>
    <t>VX K-Eind.-R. EKW SK08 4021E3</t>
  </si>
  <si>
    <t>EKW SK08 4121E2</t>
  </si>
  <si>
    <t>5702329621892</t>
  </si>
  <si>
    <t>VX K-Eind.-R. EKW SK08 4121E2</t>
  </si>
  <si>
    <t>EKW SK08 4121E3</t>
  </si>
  <si>
    <t>5702329972376</t>
  </si>
  <si>
    <t>VX K-Eind.-R. EKW SK08 4121E3</t>
  </si>
  <si>
    <t>EKW SK10 1021M</t>
  </si>
  <si>
    <t>5702320718225</t>
  </si>
  <si>
    <t>VX K-Eind.-R. 10-16 EKW SK10 1021M</t>
  </si>
  <si>
    <t>EKW SK10 2001M</t>
  </si>
  <si>
    <t>5702329771009</t>
  </si>
  <si>
    <t>VX K-Eind.-R. 10-16 EKW SK10 2001M</t>
  </si>
  <si>
    <t>EKW SK10 2002M</t>
  </si>
  <si>
    <t>5702329771016</t>
  </si>
  <si>
    <t>VX K-Eind.-R. 10-16 EKW SK10 2002M</t>
  </si>
  <si>
    <t>EKW SK10 2003M</t>
  </si>
  <si>
    <t>5702329771023</t>
  </si>
  <si>
    <t>VX K-Eind.-R. EKW SK10 2003M</t>
  </si>
  <si>
    <t>EKW SK10 2004ME</t>
  </si>
  <si>
    <t>5702329771030</t>
  </si>
  <si>
    <t>VX K-Eind.-R. 10-16/10 EKW SK10 2004ME</t>
  </si>
  <si>
    <t>EKW SK10 2004MJ</t>
  </si>
  <si>
    <t>5702329771047</t>
  </si>
  <si>
    <t>VX K-Eind.-R. 10-16/25 EKW SK10 2004MJ</t>
  </si>
  <si>
    <t>EKW SK10 2006ME</t>
  </si>
  <si>
    <t>5702329771054</t>
  </si>
  <si>
    <t>VX K-Eind.-R. /10cm EKW SK10 2006ME</t>
  </si>
  <si>
    <t>EKW SK10 2006MJ</t>
  </si>
  <si>
    <t>5702329771061</t>
  </si>
  <si>
    <t>VX K-Eind.-R. /25cm EKW SK10 2006MJ</t>
  </si>
  <si>
    <t>EKW SK10 2007ME</t>
  </si>
  <si>
    <t>5702329771078</t>
  </si>
  <si>
    <t>VX K-Eind.-R. /10cm EKW SK10 2007ME</t>
  </si>
  <si>
    <t>EKW SK10 2007MJ</t>
  </si>
  <si>
    <t>5702329771085</t>
  </si>
  <si>
    <t>VX K-Eind.-R. /25cm EKW SK10 2007MJ</t>
  </si>
  <si>
    <t>EKW SK10 2021M</t>
  </si>
  <si>
    <t>5702329771092</t>
  </si>
  <si>
    <t>VX K-Eind.-R. 10-16 EKW SK10 2021M</t>
  </si>
  <si>
    <t>EKW SK10 2101M</t>
  </si>
  <si>
    <t>5702329771108</t>
  </si>
  <si>
    <t>VX K-Eind.-R. 10-16 EKW SK10 2101M</t>
  </si>
  <si>
    <t>EKW SK10 2102M</t>
  </si>
  <si>
    <t>5702329771115</t>
  </si>
  <si>
    <t>VX K-Eind.-R. 10-16 EKW SK10 2102M</t>
  </si>
  <si>
    <t>EKW SK10 2103M</t>
  </si>
  <si>
    <t>5702329771122</t>
  </si>
  <si>
    <t>VX K-Eind.-R. EKW SK10 2103M</t>
  </si>
  <si>
    <t>EKW SK10 2107MJ</t>
  </si>
  <si>
    <t>5702329771184</t>
  </si>
  <si>
    <t>VX K-Eind.-R. /25cm EKW SK10 2107MJ</t>
  </si>
  <si>
    <t>EKW SK10 2121M</t>
  </si>
  <si>
    <t>5702329771191</t>
  </si>
  <si>
    <t>VX K-Eind.-R. 10-16 EKW SK10 2121M</t>
  </si>
  <si>
    <t>EKW SK10 2301M</t>
  </si>
  <si>
    <t>5702329771207</t>
  </si>
  <si>
    <t>VX K-Eind.-R. 10-16 EKW SK10 2301M</t>
  </si>
  <si>
    <t>EKW SK10 2302M</t>
  </si>
  <si>
    <t>5702329771214</t>
  </si>
  <si>
    <t>VX K-Eind.-R. 10-16 EKW SK10 2302M</t>
  </si>
  <si>
    <t>EKW SK10 2303M</t>
  </si>
  <si>
    <t>5702329771221</t>
  </si>
  <si>
    <t>VX K-Eind.-R. EKW SK10 2303M</t>
  </si>
  <si>
    <t>EKW SK10 4021E2</t>
  </si>
  <si>
    <t>5702329306447</t>
  </si>
  <si>
    <t>VX K-Eind.-R. EKW SK10 4021E2</t>
  </si>
  <si>
    <t>EKW SK10 4021E3</t>
  </si>
  <si>
    <t>5702329972390</t>
  </si>
  <si>
    <t>VX K-Eind.-R. EKW SK10 4021E3</t>
  </si>
  <si>
    <t>EKW SK10 4121E2</t>
  </si>
  <si>
    <t>5702329621908</t>
  </si>
  <si>
    <t>VX K-Eind.-R. EKW SK10 4121E2</t>
  </si>
  <si>
    <t>EKW SK10 4121E3</t>
  </si>
  <si>
    <t>5702329972406</t>
  </si>
  <si>
    <t>VX K-Eind.-R. EKW SK10 4121E3</t>
  </si>
  <si>
    <t>EKW UK04 2001M</t>
  </si>
  <si>
    <t>5702329771436</t>
  </si>
  <si>
    <t>VX K-Eind.-R. 10-16 EKW UK04 2001M</t>
  </si>
  <si>
    <t>EKW UK04 2002M</t>
  </si>
  <si>
    <t>5702329771443</t>
  </si>
  <si>
    <t>VX K-Eind.-R. 10-16 EKW UK04 2002M</t>
  </si>
  <si>
    <t>EKW UK04 2003M</t>
  </si>
  <si>
    <t>5702329771450</t>
  </si>
  <si>
    <t>VX K-Eind.-R. EKW UK04 2003M</t>
  </si>
  <si>
    <t>EKW UK04 2004ME</t>
  </si>
  <si>
    <t>5702329771467</t>
  </si>
  <si>
    <t>VX K-Eind.-R. 10-16/10 EKW UK04 2004ME</t>
  </si>
  <si>
    <t>EKW UK04 2004MJ</t>
  </si>
  <si>
    <t>5702329771474</t>
  </si>
  <si>
    <t>VX K-Eind.-R. 10-16/25 EKW UK04 2004MJ</t>
  </si>
  <si>
    <t>EKW UK04 2006ME</t>
  </si>
  <si>
    <t>5702329771481</t>
  </si>
  <si>
    <t>VX K-Eind.-R. /10cm EKW UK04 2006ME</t>
  </si>
  <si>
    <t>EKW UK04 2006MJ</t>
  </si>
  <si>
    <t>5702329771498</t>
  </si>
  <si>
    <t>VX K-Eind.-R. /25cm EKW UK04 2006MJ</t>
  </si>
  <si>
    <t>EKW UK04 2007ME</t>
  </si>
  <si>
    <t>5702329771504</t>
  </si>
  <si>
    <t>VX K-Eind.-R. /10cm EKW UK04 2007ME</t>
  </si>
  <si>
    <t>EKW UK04 2007MJ</t>
  </si>
  <si>
    <t>5702329771511</t>
  </si>
  <si>
    <t>VX K-Eind.-R. /25cm EKW UK04 2007MJ</t>
  </si>
  <si>
    <t>EKW UK04 2021M</t>
  </si>
  <si>
    <t>5702329771528</t>
  </si>
  <si>
    <t>VX K-Eind.-R. 10-16 EKW UK04 2021M</t>
  </si>
  <si>
    <t>EKW UK04 2101M</t>
  </si>
  <si>
    <t>5702329771535</t>
  </si>
  <si>
    <t>VX K-Eind.-R. 10-16 EKW UK04 2101M</t>
  </si>
  <si>
    <t>EKW UK04 2102M</t>
  </si>
  <si>
    <t>5702329771542</t>
  </si>
  <si>
    <t>VX K-Eind.-R. 10-16 EKW UK04 2102M</t>
  </si>
  <si>
    <t>EKW UK04 2103M</t>
  </si>
  <si>
    <t>5702329771559</t>
  </si>
  <si>
    <t>VX K-Eind.-R. EKW UK04 2103M</t>
  </si>
  <si>
    <t>EKW UK04 2104ME</t>
  </si>
  <si>
    <t>5702329771566</t>
  </si>
  <si>
    <t>VX K-Eind.-R. 10-16/10 EKW UK04 2104ME</t>
  </si>
  <si>
    <t>EKW UK04 2104MJ</t>
  </si>
  <si>
    <t>5702329771573</t>
  </si>
  <si>
    <t>VX K-Eind.-R. 10-16/25 EKW UK04 2104MJ</t>
  </si>
  <si>
    <t>EKW UK04 2106ME</t>
  </si>
  <si>
    <t>5702329771580</t>
  </si>
  <si>
    <t>VX K-Eind.-R. /10cm EKW UK04 2106ME</t>
  </si>
  <si>
    <t>EKW UK04 2106MJ</t>
  </si>
  <si>
    <t>5702329771597</t>
  </si>
  <si>
    <t>VX K-Eind.-R. /25cm EKW UK04 2106MJ</t>
  </si>
  <si>
    <t>EKW UK04 2107ME</t>
  </si>
  <si>
    <t>5702329771603</t>
  </si>
  <si>
    <t>VX K-Eind.-R. /10cm EKW UK04 2107ME</t>
  </si>
  <si>
    <t>EKW UK04 2107MJ</t>
  </si>
  <si>
    <t>5702329771610</t>
  </si>
  <si>
    <t>VX K-Eind.-R. /25cm EKW UK04 2107MJ</t>
  </si>
  <si>
    <t>EKW UK04 2121M</t>
  </si>
  <si>
    <t>5702329771627</t>
  </si>
  <si>
    <t>VX K-Eind.-R. 10-16 EKW UK04 2121M</t>
  </si>
  <si>
    <t>EKW UK04 2301M</t>
  </si>
  <si>
    <t>5702329771634</t>
  </si>
  <si>
    <t>VX K-Eind.-R. 10-16 EKW UK04 2301M</t>
  </si>
  <si>
    <t>EKW UK04 2303M</t>
  </si>
  <si>
    <t>5702329771658</t>
  </si>
  <si>
    <t>VX K-Eind.-R. EKW UK04 2303M</t>
  </si>
  <si>
    <t>EKW UK04 2304MJ</t>
  </si>
  <si>
    <t>5702329771672</t>
  </si>
  <si>
    <t>VX K-Eind.-R. 10-16/25 EKW UK04 2304MJ</t>
  </si>
  <si>
    <t>EKW UK04 2306MJ</t>
  </si>
  <si>
    <t>5702329771696</t>
  </si>
  <si>
    <t>VX K-Eind.-R. /25cm EKW UK04 2306MJ</t>
  </si>
  <si>
    <t>EKW UK04 2307MJ</t>
  </si>
  <si>
    <t>5702329771719</t>
  </si>
  <si>
    <t>VX K-Eind.-R. /25cm EKW UK04 2307MJ</t>
  </si>
  <si>
    <t>EKW UK04 4021E2</t>
  </si>
  <si>
    <t>5702329306454</t>
  </si>
  <si>
    <t>VX K-Eind.-R. EKW UK04 4021E2</t>
  </si>
  <si>
    <t>EKW UK04 4021E3</t>
  </si>
  <si>
    <t>5702329972420</t>
  </si>
  <si>
    <t>VX K-Eind.-R. EKW UK04 4021E3</t>
  </si>
  <si>
    <t>EKW UK04 4121E2</t>
  </si>
  <si>
    <t>5702329621915</t>
  </si>
  <si>
    <t>VX K-Eind.-R. EKW UK04 4121E2</t>
  </si>
  <si>
    <t>EKW UK04 4121E3</t>
  </si>
  <si>
    <t>5702329972437</t>
  </si>
  <si>
    <t>VX K-Eind.-R. EKW UK04 4121E3</t>
  </si>
  <si>
    <t>EKW UK08 1021M</t>
  </si>
  <si>
    <t>5702320718232</t>
  </si>
  <si>
    <t>VX K-Eind.-R. 10-16 EKW UK08 1021M</t>
  </si>
  <si>
    <t>EKW UK08 2001M</t>
  </si>
  <si>
    <t>5702329771764</t>
  </si>
  <si>
    <t>VX K-Eind.-R. 10-16 EKW UK08 2001M</t>
  </si>
  <si>
    <t>EKW UK08 2002M</t>
  </si>
  <si>
    <t>5702329771771</t>
  </si>
  <si>
    <t>VX K-Eind.-R. 10-16 EKW UK08 2002M</t>
  </si>
  <si>
    <t>EKW UK08 2003M</t>
  </si>
  <si>
    <t>5702329771788</t>
  </si>
  <si>
    <t>VX K-Eind.-R. EKW UK08 2003M</t>
  </si>
  <si>
    <t>EKW UK08 2004ME</t>
  </si>
  <si>
    <t>5702329771795</t>
  </si>
  <si>
    <t>VX K-Eind.-R. 10-16/10 EKW UK08 2004ME</t>
  </si>
  <si>
    <t>EKW UK08 2004MJ</t>
  </si>
  <si>
    <t>5702329771801</t>
  </si>
  <si>
    <t>VX K-Eind.-R. 10-16/25 EKW UK08 2004MJ</t>
  </si>
  <si>
    <t>EKW UK08 2006ME</t>
  </si>
  <si>
    <t>5702329771818</t>
  </si>
  <si>
    <t>VX K-Eind.-R. /10cm EKW UK08 2006ME</t>
  </si>
  <si>
    <t>EKW UK08 2006MJ</t>
  </si>
  <si>
    <t>5702329771825</t>
  </si>
  <si>
    <t>VX K-Eind.-R. /25cm EKW UK08 2006MJ</t>
  </si>
  <si>
    <t>EKW UK08 2007ME</t>
  </si>
  <si>
    <t>5702329771832</t>
  </si>
  <si>
    <t>VX K-Eind.-R. /10cm EKW UK08 2007ME</t>
  </si>
  <si>
    <t>EKW UK08 2007MJ</t>
  </si>
  <si>
    <t>5702329771849</t>
  </si>
  <si>
    <t>VX K-Eind.-R. /25cm EKW UK08 2007MJ</t>
  </si>
  <si>
    <t>EKW UK08 2021M</t>
  </si>
  <si>
    <t>5702329771856</t>
  </si>
  <si>
    <t>VX K-Eind.-R. 10-16 EKW UK08 2021M</t>
  </si>
  <si>
    <t>EKW UK08 2101M</t>
  </si>
  <si>
    <t>5702329771863</t>
  </si>
  <si>
    <t>VX K-Eind.-R. 10-16 EKW UK08 2101M</t>
  </si>
  <si>
    <t>EKW UK08 2102M</t>
  </si>
  <si>
    <t>5702329771870</t>
  </si>
  <si>
    <t>VX K-Eind.-R. 10-16 EKW UK08 2102M</t>
  </si>
  <si>
    <t>EKW UK08 2103M</t>
  </si>
  <si>
    <t>5702329771887</t>
  </si>
  <si>
    <t>VX K-Eind.-R. EKW UK08 2103M</t>
  </si>
  <si>
    <t>EKW UK08 2104MJ</t>
  </si>
  <si>
    <t>5702329771900</t>
  </si>
  <si>
    <t>VX K-Eind.-R. 10-16/25 EKW UK08 2104MJ</t>
  </si>
  <si>
    <t>EKW UK08 2106MJ</t>
  </si>
  <si>
    <t>5702329771924</t>
  </si>
  <si>
    <t>VX K-Eind.-R. /25cm EKW UK08 2106MJ</t>
  </si>
  <si>
    <t>EKW UK08 2107ME</t>
  </si>
  <si>
    <t>5702329771931</t>
  </si>
  <si>
    <t>VX K-Eind.-R. /10cm EKW UK08 2107ME</t>
  </si>
  <si>
    <t>EKW UK08 2107MJ</t>
  </si>
  <si>
    <t>5702329771948</t>
  </si>
  <si>
    <t>VX K-Eind.-R. /25cm EKW UK08 2107MJ</t>
  </si>
  <si>
    <t>EKW UK08 2121M</t>
  </si>
  <si>
    <t>5702329771955</t>
  </si>
  <si>
    <t>VX K-Eind.-R. 10-16 EKW UK08 2121M</t>
  </si>
  <si>
    <t>EKW UK08 2301M</t>
  </si>
  <si>
    <t>5702329771962</t>
  </si>
  <si>
    <t>VX K-Eind.-R. 10-16 EKW UK08 2301M</t>
  </si>
  <si>
    <t>EKW UK08 2303M</t>
  </si>
  <si>
    <t>5702329771986</t>
  </si>
  <si>
    <t>VX K-Eind.-R. EKW UK08 2303M</t>
  </si>
  <si>
    <t>EKW UK08 2304MJ</t>
  </si>
  <si>
    <t>5702329772006</t>
  </si>
  <si>
    <t>VX K-Eind.-R. 10-16/25 EKW UK08 2304MJ</t>
  </si>
  <si>
    <t>EKW UK08 2306MJ</t>
  </si>
  <si>
    <t>5702329772020</t>
  </si>
  <si>
    <t>VX K-Eind.-R. /25cm EKW UK08 2306MJ</t>
  </si>
  <si>
    <t>EKW UK08 2307MJ</t>
  </si>
  <si>
    <t>5702329772044</t>
  </si>
  <si>
    <t>VX K-Eind.-R. /25cm EKW UK08 2307MJ</t>
  </si>
  <si>
    <t>EKW UK08 4021E2</t>
  </si>
  <si>
    <t>5702329306461</t>
  </si>
  <si>
    <t>VX K-Eind.-R. EKW UK08 4021E2</t>
  </si>
  <si>
    <t>EKW UK08 4021E3</t>
  </si>
  <si>
    <t>5702329972451</t>
  </si>
  <si>
    <t>VX K-Eind.-R. EKW UK08 4021E3</t>
  </si>
  <si>
    <t>EKW UK08 4121E2</t>
  </si>
  <si>
    <t>5702329621922</t>
  </si>
  <si>
    <t>VX K-Eind.-R. EKW UK08 4121E2</t>
  </si>
  <si>
    <t>EKW UK08 4121E3</t>
  </si>
  <si>
    <t>5702329972468</t>
  </si>
  <si>
    <t>VX K-Eind.-R. EKW UK08 4121E3</t>
  </si>
  <si>
    <t>EKW UK10 2001M</t>
  </si>
  <si>
    <t>5702329772099</t>
  </si>
  <si>
    <t>VX K-Eind.-R. 10-16 EKW UK10 2001M</t>
  </si>
  <si>
    <t>EKW UK10 2002M</t>
  </si>
  <si>
    <t>5702329772105</t>
  </si>
  <si>
    <t>VX K-Eind.-R. 10-16 EKW UK10 2002M</t>
  </si>
  <si>
    <t>EKW UK10 2003M</t>
  </si>
  <si>
    <t>5702329772112</t>
  </si>
  <si>
    <t>VX K-Eind.-R. EKW UK10 2003M</t>
  </si>
  <si>
    <t>EKW UK10 2004ME</t>
  </si>
  <si>
    <t>5702329772129</t>
  </si>
  <si>
    <t>VX K-Eind.-R. 10-16/10 EKW UK10 2004ME</t>
  </si>
  <si>
    <t>EKW UK10 2004MJ</t>
  </si>
  <si>
    <t>5702329772136</t>
  </si>
  <si>
    <t>VX K-Eind.-R. 10-16/25 EKW UK10 2004MJ</t>
  </si>
  <si>
    <t>EKW UK10 2006ME</t>
  </si>
  <si>
    <t>5702329772143</t>
  </si>
  <si>
    <t>VX K-Eind.-R. /10cm EKW UK10 2006ME</t>
  </si>
  <si>
    <t>EKW UK10 2006MJ</t>
  </si>
  <si>
    <t>5702329772150</t>
  </si>
  <si>
    <t>VX K-Eind.-R. /25cm EKW UK10 2006MJ</t>
  </si>
  <si>
    <t>EKW UK10 2007ME</t>
  </si>
  <si>
    <t>5702329772167</t>
  </si>
  <si>
    <t>VX K-Eind.-R. /10cm EKW UK10 2007ME</t>
  </si>
  <si>
    <t>EKW UK10 2007MJ</t>
  </si>
  <si>
    <t>5702329772174</t>
  </si>
  <si>
    <t>VX K-Eind.-R. /25cm EKW UK10 2007MJ</t>
  </si>
  <si>
    <t>EKW UK10 2021M</t>
  </si>
  <si>
    <t>5702329772181</t>
  </si>
  <si>
    <t>VX K-Eind.-R. 10-16 EKW UK10 2021M</t>
  </si>
  <si>
    <t>EKW UK10 2102M</t>
  </si>
  <si>
    <t>5702329772204</t>
  </si>
  <si>
    <t>VX K-Eind.-R. 10-16 EKW UK10 2102M</t>
  </si>
  <si>
    <t>EKW UK10 2121M</t>
  </si>
  <si>
    <t>5702329772280</t>
  </si>
  <si>
    <t>VX K-Eind.-R. 10-16 EKW UK10 2121M</t>
  </si>
  <si>
    <t>EKW UK10 2307ME</t>
  </si>
  <si>
    <t>5702329772365</t>
  </si>
  <si>
    <t>VX K-Eind.-R. /10cm EKW UK10 2307ME</t>
  </si>
  <si>
    <t>EKW UK10 2307MJ</t>
  </si>
  <si>
    <t>5702329772372</t>
  </si>
  <si>
    <t>VX K-Eind.-R. /25cm EKW UK10 2307MJ</t>
  </si>
  <si>
    <t>EKX CK00 0088</t>
  </si>
  <si>
    <t>5702326989254</t>
  </si>
  <si>
    <t>VELUX Firsthaube EKX CK00 0088</t>
  </si>
  <si>
    <t>alle Ausführungen Alu</t>
  </si>
  <si>
    <t>----------------------------------------
Ausführung wie oben
----------------------------------------
Zum Einbau von 2 Dachfenstern über den
First. Geeignet für Dächer mit flachen
oder profiliertem Eindeckmaterialien
bis 12 cm Höhe.
Material in der Ausführung der
Eindeckrahmen.
----------------------------------------
Material: Aluminium im Farbton der
Fenster-Abdeckung.</t>
  </si>
  <si>
    <t>EKX CK02 2005ME</t>
  </si>
  <si>
    <t>5702329773508</t>
  </si>
  <si>
    <t>VX K-Eind.-R. 10-16/10 EKX CK02 2005ME</t>
  </si>
  <si>
    <t>alle Ausf. o. Mitte Al</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10cm</t>
  </si>
  <si>
    <t>EKX CK02 2005MJ</t>
  </si>
  <si>
    <t>5702329773522</t>
  </si>
  <si>
    <t>VX K-Eind.-R. 10-16/25 EKX CK02 2005MJ</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
Abstand zum darunterliegenden
Fenster: 25cm</t>
  </si>
  <si>
    <t>EKX CK02 2005MJF</t>
  </si>
  <si>
    <t>5702329773539</t>
  </si>
  <si>
    <t>VELUX Kombi-Eindeckr. EKX CK02 2005MJF</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KX CK02 2105ME</t>
  </si>
  <si>
    <t>5702329773546</t>
  </si>
  <si>
    <t>VX K-Eind.-R. 10-16/10 EKX CK02 2105ME</t>
  </si>
  <si>
    <t>alle Ausf. o. Mitte Cu</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X CK04 2005ME</t>
  </si>
  <si>
    <t>5702329773614</t>
  </si>
  <si>
    <t>VX K-Eind.-R. 10-16/10 EKX CK04 2005ME</t>
  </si>
  <si>
    <t>EKX CK04 2005MJ</t>
  </si>
  <si>
    <t>5702329773638</t>
  </si>
  <si>
    <t>VX K-Eind.-R. 10-16/25 EKX CK04 2005MJ</t>
  </si>
  <si>
    <t>EKX CK04 2105ME</t>
  </si>
  <si>
    <t>5702329773652</t>
  </si>
  <si>
    <t>VX K-Eind.-R. 10-16/10 EKX CK04 2105ME</t>
  </si>
  <si>
    <t>EKX CK06 2005ME</t>
  </si>
  <si>
    <t>5702329773720</t>
  </si>
  <si>
    <t>VX K-Eind.-R. 10-16/10 EKX CK06 2005ME</t>
  </si>
  <si>
    <t>EKX CK06 2005MJ</t>
  </si>
  <si>
    <t>5702329773744</t>
  </si>
  <si>
    <t>VX K-Eind.-R. 10-16/25 EKX CK06 2005MJ</t>
  </si>
  <si>
    <t>EKX FK00 0088</t>
  </si>
  <si>
    <t>5702326989261</t>
  </si>
  <si>
    <t>VELUX Firsthaube EKX FK00 0088</t>
  </si>
  <si>
    <t>EKX FK04 2005ME</t>
  </si>
  <si>
    <t>5702329773836</t>
  </si>
  <si>
    <t>VX K-Eind.-R. 10-16/10 EKX FK04 2005ME</t>
  </si>
  <si>
    <t>EKX FK04 2005MJ</t>
  </si>
  <si>
    <t>5702329773850</t>
  </si>
  <si>
    <t>VX K-Eind.-R. 10-16/25 EKX FK04 2005MJ</t>
  </si>
  <si>
    <t>EKX FK06 2005ME</t>
  </si>
  <si>
    <t>5702329773942</t>
  </si>
  <si>
    <t>VX K-Eind.-R. 10-16/10 EKX FK06 2005ME</t>
  </si>
  <si>
    <t>EKX FK06 2005MJ</t>
  </si>
  <si>
    <t>5702329773966</t>
  </si>
  <si>
    <t>VX K-Eind.-R. 10-16/25 EKX FK06 2005MJ</t>
  </si>
  <si>
    <t>EKX FK06 2105ME</t>
  </si>
  <si>
    <t>5702329773980</t>
  </si>
  <si>
    <t>VX K-Eind.-R. 10-16/10 EKX FK06 2105ME</t>
  </si>
  <si>
    <t>EKX FK06 2105MJ</t>
  </si>
  <si>
    <t>5702329774000</t>
  </si>
  <si>
    <t>VX K-Eind.-R. 10-16/25 EKX FK06 2105MJ</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X FK06 2305ME</t>
  </si>
  <si>
    <t>5702329774017</t>
  </si>
  <si>
    <t>VX K-Eind.-R. 10-16/10 EKX FK06 2305ME</t>
  </si>
  <si>
    <t>alle Ausf. o. Mitte Ti-Zink</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X FK08 2005ME</t>
  </si>
  <si>
    <t>5702329774055</t>
  </si>
  <si>
    <t>VX K-Eind.-R. 10-16/10 EKX FK08 2005ME</t>
  </si>
  <si>
    <t>EKX FK08 2005MJ</t>
  </si>
  <si>
    <t>5702329774079</t>
  </si>
  <si>
    <t>VX K-Eind.-R. 10-16/25 EKX FK08 2005MJ</t>
  </si>
  <si>
    <t>EKX MK00 0088</t>
  </si>
  <si>
    <t>5702326989278</t>
  </si>
  <si>
    <t>VELUX Firsthaube EKX MK00 0088</t>
  </si>
  <si>
    <t>EKX MK04 2005ME</t>
  </si>
  <si>
    <t>5702329774161</t>
  </si>
  <si>
    <t>VX K-Eind.-R. 10-16/10 EKX MK04 2005ME</t>
  </si>
  <si>
    <t>EKX MK04 2005MEF</t>
  </si>
  <si>
    <t>5702329774178</t>
  </si>
  <si>
    <t>VELUX Kombi-Eindeckr. EKX MK04 2005MEF</t>
  </si>
  <si>
    <t>EKX MK04 2005MJ</t>
  </si>
  <si>
    <t>5702329774185</t>
  </si>
  <si>
    <t>VX K-Eind.-R. 10-16/25 EKX MK04 2005MJ</t>
  </si>
  <si>
    <t>EKX MK04 2105MJ</t>
  </si>
  <si>
    <t>5702329774222</t>
  </si>
  <si>
    <t>VX K-Eind.-R. 10-16/25 EKX MK04 2105MJ</t>
  </si>
  <si>
    <t>EKX MK06 2005ME</t>
  </si>
  <si>
    <t>5702329774277</t>
  </si>
  <si>
    <t>VX K-Eind.-R. 10-16/10 EKX MK06 2005ME</t>
  </si>
  <si>
    <t>EKX MK06 2005MEF</t>
  </si>
  <si>
    <t>5702329774284</t>
  </si>
  <si>
    <t>VELUX Kombi-Eindeckr. EKX MK06 2005MEF</t>
  </si>
  <si>
    <t>EKX MK06 2005MJ</t>
  </si>
  <si>
    <t>5702329774291</t>
  </si>
  <si>
    <t>VX K-Eind.-R. 10-16/25 EKX MK06 2005MJ</t>
  </si>
  <si>
    <t>EKX MK06 2005MJF</t>
  </si>
  <si>
    <t>5702329774307</t>
  </si>
  <si>
    <t>VELUX Kombi-Eindeckr. EKX MK06 2005MJF</t>
  </si>
  <si>
    <t>EKX MK06 2105ME</t>
  </si>
  <si>
    <t>5702329774314</t>
  </si>
  <si>
    <t>VX K-Eind.-R. 10-16/10 EKX MK06 2105ME</t>
  </si>
  <si>
    <t>EKX MK06 2105MEF</t>
  </si>
  <si>
    <t>5702320868036</t>
  </si>
  <si>
    <t>VELUX Kombi-Eindeckr. EKX MK06 2105MEF</t>
  </si>
  <si>
    <t xml:space="preserve">100 - 160 mm </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KX MK08 2005ME</t>
  </si>
  <si>
    <t>5702329774383</t>
  </si>
  <si>
    <t>VX K-Eind.-R. 10-16/10 EKX MK08 2005ME</t>
  </si>
  <si>
    <t>EKX MK08 2005MEF</t>
  </si>
  <si>
    <t>5702329774390</t>
  </si>
  <si>
    <t>VELUX Kombi-Eindeckr. EKX MK08 2005MEF</t>
  </si>
  <si>
    <t>EKX MK08 2005MJ</t>
  </si>
  <si>
    <t>5702329774406</t>
  </si>
  <si>
    <t>VX K-Eind.-R. 10-16/25 EKX MK08 2005MJ</t>
  </si>
  <si>
    <t>EKX MK08 2005MJF</t>
  </si>
  <si>
    <t>5702329774413</t>
  </si>
  <si>
    <t>VELUX Kombi-Eindeckr. EKX MK08 2005MJF</t>
  </si>
  <si>
    <t>EKX MK08 2105ME</t>
  </si>
  <si>
    <t>5702329774420</t>
  </si>
  <si>
    <t>VX K-Eind.-R. 10-16/10 EKX MK08 2105ME</t>
  </si>
  <si>
    <t>EKX MK08 2305ME</t>
  </si>
  <si>
    <t>5702329774451</t>
  </si>
  <si>
    <t>VX K-Eind.-R. 10-16/10 EKX MK08 2305ME</t>
  </si>
  <si>
    <t>EKX MK10 2005ME</t>
  </si>
  <si>
    <t>5702329774499</t>
  </si>
  <si>
    <t>VX K-Eind.-R. 10-16/10 EKX MK10 2005ME</t>
  </si>
  <si>
    <t>EKX MK10 2005MEF</t>
  </si>
  <si>
    <t>5702329774505</t>
  </si>
  <si>
    <t>VELUX Kombi-Eindeckr. EKX MK10 2005MEF</t>
  </si>
  <si>
    <t>EKX MK10 2005MJ</t>
  </si>
  <si>
    <t>5702329774512</t>
  </si>
  <si>
    <t>VX K-Eind.-R. 10-16/25 EKX MK10 2005MJ</t>
  </si>
  <si>
    <t>EKX MK10 2005MJF</t>
  </si>
  <si>
    <t>5702329774529</t>
  </si>
  <si>
    <t>VELUX Kombi-Eindeckr. EKX MK10 2005MJF</t>
  </si>
  <si>
    <t>EKX MK10 2105MJ</t>
  </si>
  <si>
    <t>5702329774550</t>
  </si>
  <si>
    <t>VX K-Eind.-R. 10-16/25 EKX MK10 2105MJ</t>
  </si>
  <si>
    <t>EKX MK12 2005ME</t>
  </si>
  <si>
    <t>5702329774604</t>
  </si>
  <si>
    <t>VX K-Eind.-R. 10-16/10 EKX MK12 2005ME</t>
  </si>
  <si>
    <t>EKX PK00 0088</t>
  </si>
  <si>
    <t>5702326989292</t>
  </si>
  <si>
    <t>VELUX Firsthaube EKX PK00 0088</t>
  </si>
  <si>
    <t>EKX PK06 2005ME</t>
  </si>
  <si>
    <t>5702329774642</t>
  </si>
  <si>
    <t>VX K-Eind.-R. 10-16/10 EKX PK06 2005ME</t>
  </si>
  <si>
    <t>EKX PK06 2005MEF</t>
  </si>
  <si>
    <t>5702329774659</t>
  </si>
  <si>
    <t>VELUX Kombi-Eindeckr. EKX PK06 2005MEF</t>
  </si>
  <si>
    <t>EKX PK06 2005MJ</t>
  </si>
  <si>
    <t>5702329774666</t>
  </si>
  <si>
    <t>VX K-Eind.-R. 10-16/25 EKX PK06 2005MJ</t>
  </si>
  <si>
    <t>EKX PK06 2105ME</t>
  </si>
  <si>
    <t>5702329774680</t>
  </si>
  <si>
    <t>VX K-Eind.-R. 10-16/10 EKX PK06 2105ME</t>
  </si>
  <si>
    <t>EKX PK06 2305MJ</t>
  </si>
  <si>
    <t>5702329774734</t>
  </si>
  <si>
    <t>VX K-Eind.-R. 10-16/25 EKX PK06 2305MJ</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25cm</t>
  </si>
  <si>
    <t>EKX PK08 2005ME</t>
  </si>
  <si>
    <t>5702329774758</t>
  </si>
  <si>
    <t>VX K-Eind.-R. 10-16/10 EKX PK08 2005ME</t>
  </si>
  <si>
    <t>EKX PK08 2005MJ</t>
  </si>
  <si>
    <t>5702329774772</t>
  </si>
  <si>
    <t>VX K-Eind.-R. 10-16/25 EKX PK08 2005MJ</t>
  </si>
  <si>
    <t>EKX PK08 2305ME</t>
  </si>
  <si>
    <t>5702329774826</t>
  </si>
  <si>
    <t>VX K-Eind.-R. 10-16/10 EKX PK08 2305ME</t>
  </si>
  <si>
    <t>EKX PK10 2005ME</t>
  </si>
  <si>
    <t>5702329774864</t>
  </si>
  <si>
    <t>VX K-Eind.-R. 10-16/10 EKX PK10 2005ME</t>
  </si>
  <si>
    <t>EKX PK10 2005MJ</t>
  </si>
  <si>
    <t>5702329774888</t>
  </si>
  <si>
    <t>VX K-Eind.-R. 10-16/25 EKX PK10 2005MJ</t>
  </si>
  <si>
    <t>EKX PK10 2005MJF</t>
  </si>
  <si>
    <t>5702329774895</t>
  </si>
  <si>
    <t>VELUX Kombi-Eindeckr. EKX PK10 2005MJF</t>
  </si>
  <si>
    <t>EKX SK00 0088</t>
  </si>
  <si>
    <t>5702326989315</t>
  </si>
  <si>
    <t>VELUX Firsthaube EKX SK00 0088</t>
  </si>
  <si>
    <t>EKX SK06 2005ME</t>
  </si>
  <si>
    <t>5702329774994</t>
  </si>
  <si>
    <t>VX K-Eind.-R. 10-16/10 EKX SK06 2005ME</t>
  </si>
  <si>
    <t>EKX SK06 2005MJ</t>
  </si>
  <si>
    <t>5702329775014</t>
  </si>
  <si>
    <t>VX K-Eind.-R. 10-16/25 EKX SK06 2005MJ</t>
  </si>
  <si>
    <t>EKX SK06 2105MJ</t>
  </si>
  <si>
    <t>5702329775052</t>
  </si>
  <si>
    <t>VX K-Eind.-R. 10-16/25 EKX SK06 2105MJ</t>
  </si>
  <si>
    <t>EKX SK08 2005ME</t>
  </si>
  <si>
    <t>5702329775106</t>
  </si>
  <si>
    <t>VX K-Eind.-R. 10-16/10 EKX SK08 2005ME</t>
  </si>
  <si>
    <t>EKX SK08 2005MJ</t>
  </si>
  <si>
    <t>5702329775120</t>
  </si>
  <si>
    <t>VX K-Eind.-R. 10-16/25 EKX SK08 2005MJ</t>
  </si>
  <si>
    <t>EKX SK08 2005MJF</t>
  </si>
  <si>
    <t>5702329775137</t>
  </si>
  <si>
    <t>VELUX Kombi-Eindeckr. EKX SK08 2005MJF</t>
  </si>
  <si>
    <t>EKX SK10 2005ME</t>
  </si>
  <si>
    <t>5702329775212</t>
  </si>
  <si>
    <t>VX K-Eind.-R. 10-16/10 EKX SK10 2005ME</t>
  </si>
  <si>
    <t>EKX SK10 2005MJ</t>
  </si>
  <si>
    <t>5702329775236</t>
  </si>
  <si>
    <t>VX K-Eind.-R. 10-16/25 EKX SK10 2005MJ</t>
  </si>
  <si>
    <t>EKX UK00 0088</t>
  </si>
  <si>
    <t>5702326989339</t>
  </si>
  <si>
    <t>VELUX Firsthaube EKX UK00 0088</t>
  </si>
  <si>
    <t>EKX UK04 2005ME</t>
  </si>
  <si>
    <t>5702329775335</t>
  </si>
  <si>
    <t>VX K-Eind.-R. 10-16/10 EKX UK04 2005ME</t>
  </si>
  <si>
    <t>EKX UK04 2005MJ</t>
  </si>
  <si>
    <t>5702329775359</t>
  </si>
  <si>
    <t>VX K-Eind.-R. 10-16/25 EKX UK04 2005MJ</t>
  </si>
  <si>
    <t>EKX UK04 2005MJF</t>
  </si>
  <si>
    <t>5702329775366</t>
  </si>
  <si>
    <t>VELUX Kombi-Eindeckr. EKX UK04 2005MJF</t>
  </si>
  <si>
    <t>EKX UK08 2005ME</t>
  </si>
  <si>
    <t>5702329775441</t>
  </si>
  <si>
    <t>VX K-Eind.-R. 10-16/10 EKX UK08 2005ME</t>
  </si>
  <si>
    <t>EKX UK08 2005MJ</t>
  </si>
  <si>
    <t>5702329775465</t>
  </si>
  <si>
    <t>VX K-Eind.-R. 10-16/25 EKX UK08 2005MJ</t>
  </si>
  <si>
    <t>EKX UK08 2005MJF</t>
  </si>
  <si>
    <t>5702329775472</t>
  </si>
  <si>
    <t>VELUX Kombi-Eindeckr. EKX UK08 2005MJF</t>
  </si>
  <si>
    <t>EKX UK08 2105MJ</t>
  </si>
  <si>
    <t>5702329775502</t>
  </si>
  <si>
    <t>VX K-Eind.-R. 10-16/25 EKX UK08 2105MJ</t>
  </si>
  <si>
    <t>EKX UK10 2005ME</t>
  </si>
  <si>
    <t>5702329775557</t>
  </si>
  <si>
    <t>VX K-Eind.-R. 10-16/10 EKX UK10 2005ME</t>
  </si>
  <si>
    <t>EKX UK10 2005MJ</t>
  </si>
  <si>
    <t>5702329775571</t>
  </si>
  <si>
    <t>VX K-Eind.-R. 10-16/25 EKX UK10 2005MJ</t>
  </si>
  <si>
    <t>EKX UK10 2005MJF</t>
  </si>
  <si>
    <t>5702329775588</t>
  </si>
  <si>
    <t>VELUX Kombi-Eindeckr. EKX UK10 2005MJF</t>
  </si>
  <si>
    <t>EKY W35 2000</t>
  </si>
  <si>
    <t>5702325440985</t>
  </si>
  <si>
    <t>VELUX Kombi-Hilfssparren EKY W35 2000</t>
  </si>
  <si>
    <t>weiß foliert</t>
  </si>
  <si>
    <t>----------------------------------------
Hilfssparren für Fenster eingebaut mit
Kombi-Eindeckrahmen bei einem lichten
Blendrahmenabstand von 10 cm zwischen
den Fenstern.
Länge 350 cm.
Aus Kiefer, weiß foliert
NCS S 0500-N.</t>
  </si>
  <si>
    <t>EL CK02 1000</t>
  </si>
  <si>
    <t>5702320028652</t>
  </si>
  <si>
    <t>Austausch-Eindeckrahmen EL CK02 1000</t>
  </si>
  <si>
    <t>EL CK02 1100</t>
  </si>
  <si>
    <t>5702320028669</t>
  </si>
  <si>
    <t>Austausch-Eindeckrahmen EL CK02 1100</t>
  </si>
  <si>
    <t>EL CK02 1300</t>
  </si>
  <si>
    <t>5702320028676</t>
  </si>
  <si>
    <t>Austausch-Eindeckrahmen EL CK02 1300</t>
  </si>
  <si>
    <t>EL CK02 6000F</t>
  </si>
  <si>
    <t>5702320028683</t>
  </si>
  <si>
    <t>Austausch-Eindeckrahmen EL CK02 6000F</t>
  </si>
  <si>
    <t>----------------------------------------
Geeignet für Dächer mit flachem Eindeck-
material bis 1,6 cm (2 x 0,8 cm) Höhe.
Seitenteile in Schichtstücken mit je
33 cm Länge.
----------------------------------------
Seitliche und untere Blendrahmen-
verblechung.
Die mitgelieferten 4 Dämmstreifen er-
möglichen die Dämmung des Blend-
rahmens.
Inklusive Anschlussschürze BFX
----------------------------------------
Material: Aluminium im Farbton der
Fenster-Abdeckung.</t>
  </si>
  <si>
    <t>EL CK04 1000</t>
  </si>
  <si>
    <t>5702320028690</t>
  </si>
  <si>
    <t>Austausch-Eindeckrahmen EL CK04 1000</t>
  </si>
  <si>
    <t>EL CK04 1100</t>
  </si>
  <si>
    <t>5702320028706</t>
  </si>
  <si>
    <t>Austausch-Eindeckrahmen EL CK04 1100</t>
  </si>
  <si>
    <t>EL CK04 1300</t>
  </si>
  <si>
    <t>5702320028713</t>
  </si>
  <si>
    <t>Austausch-Eindeckrahmen EL CK04 1300</t>
  </si>
  <si>
    <t>EL CK04 6000F</t>
  </si>
  <si>
    <t>5702320028720</t>
  </si>
  <si>
    <t>Austausch-Eindeckrahmen EL CK04 6000F</t>
  </si>
  <si>
    <t>EL CK06 6000F</t>
  </si>
  <si>
    <t>5702320028737</t>
  </si>
  <si>
    <t>Austausch-Eindeckrahmen EL CK06 6000F</t>
  </si>
  <si>
    <t>EL FK04 1000</t>
  </si>
  <si>
    <t>5702320028744</t>
  </si>
  <si>
    <t>Austausch-Eindeckrahmen EL FK04 1000</t>
  </si>
  <si>
    <t>EL FK04 6000F</t>
  </si>
  <si>
    <t>5702320028751</t>
  </si>
  <si>
    <t>Austausch-Eindeckrahmen EL FK04 6000F</t>
  </si>
  <si>
    <t>EL FK06 1000</t>
  </si>
  <si>
    <t>5702320028768</t>
  </si>
  <si>
    <t>Austausch-Eindeckrahmen EL FK06 1000</t>
  </si>
  <si>
    <t>EL FK06 1100</t>
  </si>
  <si>
    <t>5702320028775</t>
  </si>
  <si>
    <t>Austausch-Eindeckrahmen EL FK06 1100</t>
  </si>
  <si>
    <t>EL FK06 1300</t>
  </si>
  <si>
    <t>5702320028782</t>
  </si>
  <si>
    <t>Austausch-Eindeckrahmen EL FK06 1300</t>
  </si>
  <si>
    <t>EL FK06 6000F</t>
  </si>
  <si>
    <t>5702320028799</t>
  </si>
  <si>
    <t>Austausch-Eindeckrahmen EL FK06 6000F</t>
  </si>
  <si>
    <t>EL MK04 1000</t>
  </si>
  <si>
    <t>5702320028805</t>
  </si>
  <si>
    <t>Austausch-Eindeckrahmen EL MK04 1000</t>
  </si>
  <si>
    <t>EL MK04 1100</t>
  </si>
  <si>
    <t>5702320028812</t>
  </si>
  <si>
    <t>Austausch-Eindeckrahmen EL MK04 1100</t>
  </si>
  <si>
    <t>EL MK04 1300</t>
  </si>
  <si>
    <t>5702320028829</t>
  </si>
  <si>
    <t>Austausch-Eindeckrahmen EL MK04 1300</t>
  </si>
  <si>
    <t>EL MK04 6000F</t>
  </si>
  <si>
    <t>5702320028836</t>
  </si>
  <si>
    <t>Austausch-Eindeckrahmen EL MK04 6000F</t>
  </si>
  <si>
    <t>EL MK06 1000</t>
  </si>
  <si>
    <t>5702320028843</t>
  </si>
  <si>
    <t>Austausch-Eindeckrahmen EL MK06 1000</t>
  </si>
  <si>
    <t>EL MK06 1100</t>
  </si>
  <si>
    <t>5702320028850</t>
  </si>
  <si>
    <t>Austausch-Eindeckrahmen EL MK06 1100</t>
  </si>
  <si>
    <t>EL MK06 1300</t>
  </si>
  <si>
    <t>5702320028867</t>
  </si>
  <si>
    <t>Austausch-Eindeckrahmen EL MK06 1300</t>
  </si>
  <si>
    <t>EL MK06 6000F</t>
  </si>
  <si>
    <t>5702320028874</t>
  </si>
  <si>
    <t>Austausch-Eindeckrahmen EL MK06 6000F</t>
  </si>
  <si>
    <t>EL MK08 1000</t>
  </si>
  <si>
    <t>5702320028881</t>
  </si>
  <si>
    <t>Austausch-Eindeckrahmen EL MK08 1000</t>
  </si>
  <si>
    <t>EL MK08 1100</t>
  </si>
  <si>
    <t>5702320028898</t>
  </si>
  <si>
    <t>Austausch-Eindeckrahmen EL MK08 1100</t>
  </si>
  <si>
    <t>EL MK08 1300</t>
  </si>
  <si>
    <t>5702320028904</t>
  </si>
  <si>
    <t>Austausch-Eindeckrahmen EL MK08 1300</t>
  </si>
  <si>
    <t>EL MK08 6000F</t>
  </si>
  <si>
    <t>5702320028911</t>
  </si>
  <si>
    <t>Austausch-Eindeckrahmen EL MK08 6000F</t>
  </si>
  <si>
    <t>EL MK10 1000</t>
  </si>
  <si>
    <t>5702320028928</t>
  </si>
  <si>
    <t>Austausch-Eindeckrahmen EL MK10 1000</t>
  </si>
  <si>
    <t>EL MK10 6000F</t>
  </si>
  <si>
    <t>5702320028935</t>
  </si>
  <si>
    <t>Austausch-Eindeckrahmen EL MK10 6000F</t>
  </si>
  <si>
    <t>EL PK06 1000</t>
  </si>
  <si>
    <t>5702320028966</t>
  </si>
  <si>
    <t>Austausch-Eindeckrahmen EL PK06 1000</t>
  </si>
  <si>
    <t>EL PK06 6000F</t>
  </si>
  <si>
    <t>5702320028973</t>
  </si>
  <si>
    <t>Austausch-Eindeckrahmen EL PK06 6000F</t>
  </si>
  <si>
    <t>EL PK08 1000</t>
  </si>
  <si>
    <t>5702320028980</t>
  </si>
  <si>
    <t>Austausch-Eindeckrahmen EL PK08 1000</t>
  </si>
  <si>
    <t>EL PK08 6000F</t>
  </si>
  <si>
    <t>5702320028997</t>
  </si>
  <si>
    <t>Austausch-Eindeckrahmen EL PK08 6000F</t>
  </si>
  <si>
    <t>EL PK10 1000</t>
  </si>
  <si>
    <t>5702320029000</t>
  </si>
  <si>
    <t>Austausch-Eindeckrahmen EL PK10 1000</t>
  </si>
  <si>
    <t>EL PK10 1100</t>
  </si>
  <si>
    <t>5702320029017</t>
  </si>
  <si>
    <t>Austausch-Eindeckrahmen EL PK10 1100</t>
  </si>
  <si>
    <t>EL PK10 1300</t>
  </si>
  <si>
    <t>5702320029024</t>
  </si>
  <si>
    <t>Austausch-Eindeckrahmen EL PK10 1300</t>
  </si>
  <si>
    <t>EL PK10 6000F</t>
  </si>
  <si>
    <t>5702320029031</t>
  </si>
  <si>
    <t>Austausch-Eindeckrahmen EL PK10 6000F</t>
  </si>
  <si>
    <t>EL SK06 1000</t>
  </si>
  <si>
    <t>5702320029048</t>
  </si>
  <si>
    <t>Austausch-Eindeckrahmen EL SK06 1000</t>
  </si>
  <si>
    <t>EL SK06 1100</t>
  </si>
  <si>
    <t>5702320029055</t>
  </si>
  <si>
    <t>Austausch-Eindeckrahmen EL SK06 1100</t>
  </si>
  <si>
    <t>EL SK06 1300</t>
  </si>
  <si>
    <t>5702320029062</t>
  </si>
  <si>
    <t>Austausch-Eindeckrahmen EL SK06 1300</t>
  </si>
  <si>
    <t>EL SK06 6000F</t>
  </si>
  <si>
    <t>5702320029079</t>
  </si>
  <si>
    <t>Austausch-Eindeckrahmen EL SK06 6000F</t>
  </si>
  <si>
    <t>EL SK08 1000</t>
  </si>
  <si>
    <t>5702320029086</t>
  </si>
  <si>
    <t>Austausch-Eindeckrahmen EL SK08 1000</t>
  </si>
  <si>
    <t>EL SK08 6000F</t>
  </si>
  <si>
    <t>5702320029093</t>
  </si>
  <si>
    <t>Austausch-Eindeckrahmen EL SK08 6000F</t>
  </si>
  <si>
    <t>EL SK10 1000</t>
  </si>
  <si>
    <t>5702320029109</t>
  </si>
  <si>
    <t>Austausch-Eindeckrahmen EL SK10 1000</t>
  </si>
  <si>
    <t>EL SK10 6000F</t>
  </si>
  <si>
    <t>5702320029116</t>
  </si>
  <si>
    <t>Austausch-Eindeckrahmen EL SK10 6000F</t>
  </si>
  <si>
    <t>EL UK04 1000</t>
  </si>
  <si>
    <t>5702320029123</t>
  </si>
  <si>
    <t>Austausch-Eindeckrahmen EL UK04 1000</t>
  </si>
  <si>
    <t>EL UK04 1100</t>
  </si>
  <si>
    <t>5702320029130</t>
  </si>
  <si>
    <t>Austausch-Eindeckrahmen EL UK04 1100</t>
  </si>
  <si>
    <t>EL UK04 6000F</t>
  </si>
  <si>
    <t>5702320029147</t>
  </si>
  <si>
    <t>Austausch-Eindeckrahmen EL UK04 6000F</t>
  </si>
  <si>
    <t>EL UK08 1000</t>
  </si>
  <si>
    <t>5702320029154</t>
  </si>
  <si>
    <t>Austausch-Eindeckrahmen EL UK08 1000</t>
  </si>
  <si>
    <t>EL UK08 1100</t>
  </si>
  <si>
    <t>5702320029161</t>
  </si>
  <si>
    <t>Austausch-Eindeckrahmen EL UK08 1100</t>
  </si>
  <si>
    <t>EL UK08 1300</t>
  </si>
  <si>
    <t>5702320029178</t>
  </si>
  <si>
    <t>Austausch-Eindeckrahmen EL UK08 1300</t>
  </si>
  <si>
    <t>EL UK08 6000F</t>
  </si>
  <si>
    <t>5702320029185</t>
  </si>
  <si>
    <t>Austausch-Eindeckrahmen EL UK08 6000F</t>
  </si>
  <si>
    <t>EL UK10 1000</t>
  </si>
  <si>
    <t>5702320029192</t>
  </si>
  <si>
    <t>Austausch-Eindeckrahmen EL UK10 1000</t>
  </si>
  <si>
    <t>EL UK10 6000F</t>
  </si>
  <si>
    <t>5702320029208</t>
  </si>
  <si>
    <t>Austausch-Eindeckrahmen EL UK10 6000F</t>
  </si>
  <si>
    <t>ELX 0811 0000</t>
  </si>
  <si>
    <t>5702329323673</t>
  </si>
  <si>
    <t>VELUX Eind. Anp.-Set ELX 0811 0000</t>
  </si>
  <si>
    <t>z. Austausch älterer Fenster Alu</t>
  </si>
  <si>
    <t>225</t>
  </si>
  <si>
    <t>VELUX-Einbauzubehör,ET*, ELX</t>
  </si>
  <si>
    <t>----------------------------------------
Adapterrahmen für den Ausgleich
unterschiedlicher Einbauniveaus zwischen
Fenstern anderer Hersteller
und aktuellem Standard-Sortiment.
----------------------------------------
Material: Aluminium im Farbton der
Fenster-Abdeckung.</t>
  </si>
  <si>
    <t>ELX 1011 0000</t>
  </si>
  <si>
    <t>5702329323680</t>
  </si>
  <si>
    <t>VELUX Eind. Anp.-Set ELX 1011 0000</t>
  </si>
  <si>
    <t>ELX 1014 0000</t>
  </si>
  <si>
    <t>5702329323697</t>
  </si>
  <si>
    <t>VELUX Eind. Anp.-Set ELX 1014 0000</t>
  </si>
  <si>
    <t>ELX CK02 0000</t>
  </si>
  <si>
    <t>5702327028471</t>
  </si>
  <si>
    <t>VELUX Eind. Anp.-Set ELX CK02 0000</t>
  </si>
  <si>
    <t>z.Austausch älterer Fenster Alu</t>
  </si>
  <si>
    <t>----------------------------------------
Adapterrahmen für den Ausgleich
unterschiedlicher Einbauniveaus zwischen
VELUX Standard-Sortiment ab 1991 bis
2000 und aktuellem Standard-Sortiment.
----------------------------------------
Material: Aluminium im Farbton der
Fenster-Abdeckung.</t>
  </si>
  <si>
    <t>ELX CK04 0000</t>
  </si>
  <si>
    <t>5702327028501</t>
  </si>
  <si>
    <t>VELUX Eind. Anp.-Set ELX CK04 0000</t>
  </si>
  <si>
    <t>ELX FK04 0000</t>
  </si>
  <si>
    <t>5702327028532</t>
  </si>
  <si>
    <t>VELUX Eind. Anp.-Set ELX FK04 0000</t>
  </si>
  <si>
    <t>ELX FK06 0000</t>
  </si>
  <si>
    <t>5702327028563</t>
  </si>
  <si>
    <t>VELUX Eind. Anp.-Set ELX FK06 0000</t>
  </si>
  <si>
    <t>ELX MK04 0000</t>
  </si>
  <si>
    <t>5702327028594</t>
  </si>
  <si>
    <t>VELUX Eind. Anp.-Set ELX MK04 0000</t>
  </si>
  <si>
    <t>ELX MK06 0000</t>
  </si>
  <si>
    <t>5702327028624</t>
  </si>
  <si>
    <t>VELUX Eind. Anp.-Set ELX MK06 0000</t>
  </si>
  <si>
    <t>ELX MK08 0000</t>
  </si>
  <si>
    <t>5702327028655</t>
  </si>
  <si>
    <t>VELUX Eind. Anp.-Set ELX MK08 0000</t>
  </si>
  <si>
    <t>ELX MK10 0000</t>
  </si>
  <si>
    <t>5702327028686</t>
  </si>
  <si>
    <t>VELUX Eind. Anp.-Set ELX MK10 0000</t>
  </si>
  <si>
    <t>ELX MK12 0000</t>
  </si>
  <si>
    <t>5702327028716</t>
  </si>
  <si>
    <t>VELUX Eind. Anp.-Set ELX MK12 0000</t>
  </si>
  <si>
    <t>ELX PK06 0000</t>
  </si>
  <si>
    <t>5702327028778</t>
  </si>
  <si>
    <t>VELUX Eind. Anp.-Set ELX PK06 0000</t>
  </si>
  <si>
    <t>ELX PK08 0000</t>
  </si>
  <si>
    <t>5702327028808</t>
  </si>
  <si>
    <t>VELUX Eind. Anp.-Set ELX PK08 0000</t>
  </si>
  <si>
    <t>ELX PK10 0000</t>
  </si>
  <si>
    <t>5702327028839</t>
  </si>
  <si>
    <t>VELUX Eind. Anp.-Set ELX PK10 0000</t>
  </si>
  <si>
    <t>ELX SK06 0000</t>
  </si>
  <si>
    <t>5702327028877</t>
  </si>
  <si>
    <t>VELUX Eind. Anp.-Set ELX SK06 0000</t>
  </si>
  <si>
    <t>ELX SK08 0000</t>
  </si>
  <si>
    <t>5702327028907</t>
  </si>
  <si>
    <t>VELUX Eind. Anp.-Set ELX SK08 0000</t>
  </si>
  <si>
    <t>ELX SK10 0000</t>
  </si>
  <si>
    <t>5702327028938</t>
  </si>
  <si>
    <t>VELUX Eind. Anp.-Set ELX SK10 0000</t>
  </si>
  <si>
    <t>ELX UK04 0000</t>
  </si>
  <si>
    <t>5702327028969</t>
  </si>
  <si>
    <t>VELUX Anpass-Set ELX UK04 0000</t>
  </si>
  <si>
    <t>ELX UK08 0000</t>
  </si>
  <si>
    <t>5702327028990</t>
  </si>
  <si>
    <t>VELUX Eind. Anp.-Set ELX UK08 0000</t>
  </si>
  <si>
    <t>ELX UK10 0000</t>
  </si>
  <si>
    <t>5702327029027</t>
  </si>
  <si>
    <t>VELUX Eind. Anp.-Set ELX UK10 0000</t>
  </si>
  <si>
    <t>ELX Y21 0000</t>
  </si>
  <si>
    <t>5702329323703</t>
  </si>
  <si>
    <t>VELUX Eind. Anp.-Set ELX Y21 0000</t>
  </si>
  <si>
    <t>----------------------------------------
Adapterrahmen für den Ausgleich
unterschiedlicher Einbauniveaus zwischen
VELUX Standard-Sortiment vor 1991
und aktuellem Standard-Sortiment.
----------------------------------------
Material: Aluminium im Farbton der
Fenster-Abdeckung.</t>
  </si>
  <si>
    <t>ELX Y23 0000</t>
  </si>
  <si>
    <t>5702329323710</t>
  </si>
  <si>
    <t>VELUX Eind. Anp.-Set ELX Y23 0000</t>
  </si>
  <si>
    <t>ELX Y33 0000</t>
  </si>
  <si>
    <t>5702329323727</t>
  </si>
  <si>
    <t>VELUX Eind. Anp.-Set ELX Y33 0000</t>
  </si>
  <si>
    <t>ELX Y35 0000</t>
  </si>
  <si>
    <t>5702329323734</t>
  </si>
  <si>
    <t>VELUX Eind. Anp.-Set ELX Y35 0000</t>
  </si>
  <si>
    <t>ELX Y43 0000</t>
  </si>
  <si>
    <t>5702329323741</t>
  </si>
  <si>
    <t>VELUX Eind. Anp.-Set ELX Y43 0000</t>
  </si>
  <si>
    <t>ELX Y45 0000</t>
  </si>
  <si>
    <t>5702329323758</t>
  </si>
  <si>
    <t>VELUX Eind. Anp.-Set ELX Y45 0000</t>
  </si>
  <si>
    <t>ELX Y47 0000</t>
  </si>
  <si>
    <t>5702329323765</t>
  </si>
  <si>
    <t>VELUX Eind. Anp.-Set ELX Y47 0000</t>
  </si>
  <si>
    <t>ELX Y65 0000</t>
  </si>
  <si>
    <t>5702329323772</t>
  </si>
  <si>
    <t>VELUX Eind. Anp.-Set ELX Y65 0000</t>
  </si>
  <si>
    <t>ELX Y67 0000</t>
  </si>
  <si>
    <t>5702329323789</t>
  </si>
  <si>
    <t>VELUX Eind. Anp.-Set ELX Y67 0000</t>
  </si>
  <si>
    <t>ELX Y85 0000</t>
  </si>
  <si>
    <t>5702329323796</t>
  </si>
  <si>
    <t>VELUX Eind. Anp.-Set ELX Y85 0000</t>
  </si>
  <si>
    <t>ELX Y87 0000</t>
  </si>
  <si>
    <t>5702329323802</t>
  </si>
  <si>
    <t>VELUX Eind. Anp.-Set ELX Y87 0000</t>
  </si>
  <si>
    <t>ELX Y89 0000</t>
  </si>
  <si>
    <t>5702329323819</t>
  </si>
  <si>
    <t>VELUX Eind. Anp.-Set ELX Y89 0000</t>
  </si>
  <si>
    <t>ELX Y97 0000</t>
  </si>
  <si>
    <t>5702329323826</t>
  </si>
  <si>
    <t>VELUX Eind. Anp.-Set ELX Y97 0000</t>
  </si>
  <si>
    <t>ELX Y99 0000</t>
  </si>
  <si>
    <t>5702329323833</t>
  </si>
  <si>
    <t>VELUX Eind. Anp.-Set ELX Y99 0000</t>
  </si>
  <si>
    <t>ES 0811 1000</t>
  </si>
  <si>
    <t>5702329323840</t>
  </si>
  <si>
    <t>VELUX Eindeckrahmen ES 0811 1000</t>
  </si>
  <si>
    <t>Schiefer Stehfalz inkl. BFX Alu</t>
  </si>
  <si>
    <t>DE</t>
  </si>
  <si>
    <t>----------------------------------------
Geeignet für Dächer mit flachem Eindeck-
material bis 1,6cm (2 x 0,8cm) Höhe.
Seitenteile gerade mit doppelten
Wasser-Ableit-Falzen.
Inklusive Anschlussschürze BFX
----------------------------------------
Material: Aluminium im Farbton der
Fenster-Abdeckung.</t>
  </si>
  <si>
    <t>ES 1011 1000</t>
  </si>
  <si>
    <t>5702329323857</t>
  </si>
  <si>
    <t>VELUX Eindeckrahmen ES 1011 1000</t>
  </si>
  <si>
    <t>ES 1014 1000</t>
  </si>
  <si>
    <t>5702329323864</t>
  </si>
  <si>
    <t>VELUX Eindeckrahmen ES 1014 1000</t>
  </si>
  <si>
    <t>ES Y21 1000</t>
  </si>
  <si>
    <t>5702327914750</t>
  </si>
  <si>
    <t>VELUX Eindeckrahmen ES Y21 1000</t>
  </si>
  <si>
    <t>ES Y23 1000</t>
  </si>
  <si>
    <t>5702327914774</t>
  </si>
  <si>
    <t>VELUX Eindeckrahmen ES Y23 1000</t>
  </si>
  <si>
    <t>ES Y33 1000</t>
  </si>
  <si>
    <t>5702327914798</t>
  </si>
  <si>
    <t>VELUX Eindeckrahmen ES Y33 1000</t>
  </si>
  <si>
    <t>ES Y35 1000</t>
  </si>
  <si>
    <t>5702327914811</t>
  </si>
  <si>
    <t>VELUX Eindeckrahmen ES Y35 1000</t>
  </si>
  <si>
    <t>ES Y43 1000</t>
  </si>
  <si>
    <t>5702327914835</t>
  </si>
  <si>
    <t>VELUX Eindeckrahmen ES Y43 1000</t>
  </si>
  <si>
    <t>ES Y45 1000</t>
  </si>
  <si>
    <t>5702327914859</t>
  </si>
  <si>
    <t>VELUX Eindeckrahmen ES Y45 1000</t>
  </si>
  <si>
    <t>ES Y47 1000</t>
  </si>
  <si>
    <t>5702327914873</t>
  </si>
  <si>
    <t>VELUX Eindeckrahmen ES Y47 1000</t>
  </si>
  <si>
    <t>ES Y65 1000</t>
  </si>
  <si>
    <t>5702327914897</t>
  </si>
  <si>
    <t>VELUX Eindeckrahmen ES Y65 1000</t>
  </si>
  <si>
    <t>ES Y67 1000</t>
  </si>
  <si>
    <t>5702327914910</t>
  </si>
  <si>
    <t>VELUX Eindeckrahmen ES Y67 1000</t>
  </si>
  <si>
    <t>ES Y85 1000</t>
  </si>
  <si>
    <t>5702327914934</t>
  </si>
  <si>
    <t>VELUX Eindeckrahmen ES Y85 1000</t>
  </si>
  <si>
    <t>ES Y87 1000</t>
  </si>
  <si>
    <t>5702327914958</t>
  </si>
  <si>
    <t>VELUX Eindeckrahmen ES Y87 1000</t>
  </si>
  <si>
    <t>ES Y89 1000</t>
  </si>
  <si>
    <t>5702327914972</t>
  </si>
  <si>
    <t>VELUX Eindeckrahmen ES Y89 1000</t>
  </si>
  <si>
    <t>ES Y97 1000</t>
  </si>
  <si>
    <t>5702327914996</t>
  </si>
  <si>
    <t>VELUX Eindeckrahmen ES Y97 1000</t>
  </si>
  <si>
    <t>ES Y99 1000</t>
  </si>
  <si>
    <t>5702327915016</t>
  </si>
  <si>
    <t>VELUX Eindeckrahmen ES Y99 1000</t>
  </si>
  <si>
    <t>ETE WK34 1300</t>
  </si>
  <si>
    <t>5702320053722</t>
  </si>
  <si>
    <t>VELUX Verl. Zw.Ri. ETE WK34 1300</t>
  </si>
  <si>
    <t>----------------------------------------
Ausführung und Material wie
Eindeckrahmen des Fensters.
Seitliche Blendrahmenverblechung
Inklusive Anschlussschürze BFX
----------------------------------------
Material: Titanzink walzblank.</t>
  </si>
  <si>
    <t>ETE WK34 2100M</t>
  </si>
  <si>
    <t>5702329851978</t>
  </si>
  <si>
    <t>VELUX Verl. Zw.Ri. 10-16 ETE WK34 2100M</t>
  </si>
  <si>
    <t>Metall Stehfalz Cu</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t>
  </si>
  <si>
    <t>ETE WK34 2300</t>
  </si>
  <si>
    <t>5702320053746</t>
  </si>
  <si>
    <t>VELUX Verlängerungsteile ETE WK34 2300</t>
  </si>
  <si>
    <t>Metall Stehfalz, Titanzink</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TE WK34 2300M</t>
  </si>
  <si>
    <t>5702329851985</t>
  </si>
  <si>
    <t>VELUX Verl. Zw.Ri. 10-16 ETE WK34 2300M</t>
  </si>
  <si>
    <t>Metall Stehfalz Ti-Zink</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t>
  </si>
  <si>
    <t>ETJ WK34 1000</t>
  </si>
  <si>
    <t>5702329956383</t>
  </si>
  <si>
    <t>VELUX Eindeckrahmen ETJ WK34 1000</t>
  </si>
  <si>
    <t>----------------------------------------
Ausführung und Material wie
Eindeckrahmen des Fensters.
Seitliche Blendrahmenverblechung
Inklusive Anschlussschürze BFX
----------------------------------------
Material: Aluminium im Farbton der
Fenster-Abdeckung.</t>
  </si>
  <si>
    <t>ETJ WK34 1100</t>
  </si>
  <si>
    <t>5702329956390</t>
  </si>
  <si>
    <t>VELUX Eindeckrahmen ETJ WK34 1100</t>
  </si>
  <si>
    <t>----------------------------------------
Ausführung und Material wie
Eindeckrahmen des Fensters.
Seitliche Blendrahmenverblechung
Inklusive Anschlussschürze BFX
----------------------------------------
Material: Kupfer.</t>
  </si>
  <si>
    <t>ETJ WK34 1300</t>
  </si>
  <si>
    <t>5702329956406</t>
  </si>
  <si>
    <t>VELUX Eindeckrahmen ETJ WK34 1300</t>
  </si>
  <si>
    <t>ETJ WK34 2000</t>
  </si>
  <si>
    <t>5702329956413</t>
  </si>
  <si>
    <t>VELUX Eindeckrahmen ETJ WK34 2000</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ETJ WK34 2000M</t>
  </si>
  <si>
    <t>5702329851992</t>
  </si>
  <si>
    <t>VELUX Eindeckrahmen ETJ WK34 2000M</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
Mit flexibel einstellbarer Mittelrinne
zwischen 10 und 16cm als Abstand zum
rechts danebenliegenden Fenster</t>
  </si>
  <si>
    <t>ETJ WK34 2100</t>
  </si>
  <si>
    <t>5702329956420</t>
  </si>
  <si>
    <t>VELUX Eindeckrahmen ETJ WK34 2100</t>
  </si>
  <si>
    <t>----------------------------------------
Ausführung und Material wie
Eindeckrahmen des Fensters.
Seitliche Blendrahmen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t>
  </si>
  <si>
    <t>ETJ WK34 2300</t>
  </si>
  <si>
    <t>5702329956437</t>
  </si>
  <si>
    <t>VELUX Eindeckrahmen ETJ WK34 2300</t>
  </si>
  <si>
    <t>ETL WK34 1000</t>
  </si>
  <si>
    <t>5702329956444</t>
  </si>
  <si>
    <t>VELUX Verlängerungsteile ETL WK34 1000</t>
  </si>
  <si>
    <t>Schiefer Schichtstück Alu</t>
  </si>
  <si>
    <t>ETL WK34 1100</t>
  </si>
  <si>
    <t>5702329956468</t>
  </si>
  <si>
    <t>VELUX Verlängerungsteile ETL WK34 1100</t>
  </si>
  <si>
    <t>Schiefer Schichtstück Cu</t>
  </si>
  <si>
    <t>ETL WK34 1300</t>
  </si>
  <si>
    <t>5702329956475</t>
  </si>
  <si>
    <t>VELUX Verlängerungsteile ETL WK34 1300</t>
  </si>
  <si>
    <t>Schiefer Schichtstück Ti-Zink</t>
  </si>
  <si>
    <t>ETL WK34 2000</t>
  </si>
  <si>
    <t>5702329956482</t>
  </si>
  <si>
    <t>VELUX Verlängerungsteile ETL WK34 2000</t>
  </si>
  <si>
    <t>ETL WK34 2000M</t>
  </si>
  <si>
    <t>5702329852029</t>
  </si>
  <si>
    <t>VELUX Verl. Zw.Ri. 10-16 ETL WK34 2000M</t>
  </si>
  <si>
    <t>ETL WK34 2100</t>
  </si>
  <si>
    <t>5702329956512</t>
  </si>
  <si>
    <t>VELUX Verlängerungsteile ETL WK34 2100</t>
  </si>
  <si>
    <t>ETL WK34 2100M</t>
  </si>
  <si>
    <t>5702329852036</t>
  </si>
  <si>
    <t>VELUX Verl. Zw.Ri. 10-16 ETL WK34 2100M</t>
  </si>
  <si>
    <t>ETL WK34 2300</t>
  </si>
  <si>
    <t>5702329956529</t>
  </si>
  <si>
    <t>VELUX Verlängerungsteile ETL WK34 2300</t>
  </si>
  <si>
    <t>ETL WK34 2300M</t>
  </si>
  <si>
    <t>5702329852043</t>
  </si>
  <si>
    <t>VELUX Verl. Zw.Ri. 10-16 ETL WK34 2300M</t>
  </si>
  <si>
    <t>ETN WK34 1000</t>
  </si>
  <si>
    <t>5702329956536</t>
  </si>
  <si>
    <t>VELUX Eindeckrahmen ETN WK34 1000</t>
  </si>
  <si>
    <t>(Fenster + GIL/GIU)</t>
  </si>
  <si>
    <t>ETN WK34 2000</t>
  </si>
  <si>
    <t>5702329956567</t>
  </si>
  <si>
    <t>VELUX Eindeckrahmen WK34 2000</t>
  </si>
  <si>
    <t>ETN WK34 2000M</t>
  </si>
  <si>
    <t>5702329852050</t>
  </si>
  <si>
    <t>VELUX Eindeckrahmen ETN WK34 2000M</t>
  </si>
  <si>
    <t>ETQ WK34 1000</t>
  </si>
  <si>
    <t>5702329956598</t>
  </si>
  <si>
    <t>VELUX Verlängerungsteil ETQ WK34 1000</t>
  </si>
  <si>
    <t>Metall, Alu, inkl. BFX</t>
  </si>
  <si>
    <t>ETQ WK34 2000</t>
  </si>
  <si>
    <t>5702329956604</t>
  </si>
  <si>
    <t>VELUX Verlängerungsteil ETQ WK34 2000</t>
  </si>
  <si>
    <t>Metall, Alu, inkl. BDX/BFX</t>
  </si>
  <si>
    <t>ETQ WK34 2000M</t>
  </si>
  <si>
    <t>5702329783644</t>
  </si>
  <si>
    <t>VELUX Zw.Ri. a=10-16cm ETQ WK34 2000M</t>
  </si>
  <si>
    <t>ETS WK34 1000</t>
  </si>
  <si>
    <t>5702329956611</t>
  </si>
  <si>
    <t>VELUX Verlängerungsteile ETS WK34 1000</t>
  </si>
  <si>
    <t>ETS WK34 2000</t>
  </si>
  <si>
    <t>5702329956642</t>
  </si>
  <si>
    <t>VELUX Verlängerungsteile ETS WK34 2000</t>
  </si>
  <si>
    <t>ETS WK34 2000M</t>
  </si>
  <si>
    <t>5702329852081</t>
  </si>
  <si>
    <t>VELUX Verl. Zw.Ri. 10-16 ETS WK34 2000M</t>
  </si>
  <si>
    <t>ETW WK34 1000</t>
  </si>
  <si>
    <t>5702329956673</t>
  </si>
  <si>
    <t>VELUX Verlängerungsteile ETW WK34 1000</t>
  </si>
  <si>
    <t>ETW WK34 1100</t>
  </si>
  <si>
    <t>5702329956697</t>
  </si>
  <si>
    <t>VELUX Verlängerungsteile ETW WK34 1100</t>
  </si>
  <si>
    <t>Ziegel hoch/Welle Cu</t>
  </si>
  <si>
    <t>ETW WK34 1300</t>
  </si>
  <si>
    <t>5702329956703</t>
  </si>
  <si>
    <t>VELUX Verlängerungsteile ETW WK34 1300</t>
  </si>
  <si>
    <t>Ziegel hoch/Welle Ti-Zink</t>
  </si>
  <si>
    <t>ETW WK34 2000</t>
  </si>
  <si>
    <t>5702329956710</t>
  </si>
  <si>
    <t>VELUX Verlängerungsteile ETW WK34 2000</t>
  </si>
  <si>
    <t>inkl. BDX+BFX, Ziegel hoch/Welle Alu</t>
  </si>
  <si>
    <t>ETW WK34 2000M</t>
  </si>
  <si>
    <t>5702329852111</t>
  </si>
  <si>
    <t>VELUX Verl. Zw.Ri. 10-16 ETW WK34 2000M</t>
  </si>
  <si>
    <t>ETW WK34 2100</t>
  </si>
  <si>
    <t>5702329956741</t>
  </si>
  <si>
    <t>VELUX Verlängerungsteile ETW WK34 2100</t>
  </si>
  <si>
    <t>ETW WK34 2100M</t>
  </si>
  <si>
    <t>5702329852128</t>
  </si>
  <si>
    <t>VELUX Verl. Zw.Ri. 10-16 ETW WK34 2100M</t>
  </si>
  <si>
    <t>ETW WK34 2300</t>
  </si>
  <si>
    <t>5702329956758</t>
  </si>
  <si>
    <t>VELUX Verlängerungsteile ETW WK34 2300</t>
  </si>
  <si>
    <t>ETW WK34 2300M</t>
  </si>
  <si>
    <t>5702329852135</t>
  </si>
  <si>
    <t>VELUX Verl. Zw.Ri. 10-16 ETW WK34 2300M</t>
  </si>
  <si>
    <t>EW CK02 1000</t>
  </si>
  <si>
    <t>5702320029253</t>
  </si>
  <si>
    <t>Austausch-Eindeckrahmen EW CK02 1000</t>
  </si>
  <si>
    <t>EW CK02 1100</t>
  </si>
  <si>
    <t>5702320029260</t>
  </si>
  <si>
    <t>Austausch-Eindeckrahmen EW CK02 1100</t>
  </si>
  <si>
    <t>EW CK02 1300</t>
  </si>
  <si>
    <t>5702320029277</t>
  </si>
  <si>
    <t>Austausch-Eindeckrahmen EW CK02 1300</t>
  </si>
  <si>
    <t>EW CK02 6000F</t>
  </si>
  <si>
    <t>5702320029284</t>
  </si>
  <si>
    <t>Austausch-Eindeckrahmen EW CK02 6000F</t>
  </si>
  <si>
    <t>----------------------------------------
Geeignet für Dächer mit flachem oder
profiliertem Eindeckmaterial
von 1,5 bis 12 cm Höhe.
Seitenteile gerade mit doppelten Wasser-
Ableit-Falzen und Schaumstoff-Dichtungs-
Profil.
----------------------------------------
Seitliche und untere Blendrahmen-
verblechung.
Die mitgelieferten 4 Dämmstreifen er-
möglichen die Dämmung des Blend-
rahmens.
Inklusive Anschlussschürze BFX
----------------------------------------
Material: Aluminium. Schürze des
Unterteils aus plissiertem Aluminium.
Farbton: wie Fenster-Abdeckung.</t>
  </si>
  <si>
    <t>EW CK04 1000</t>
  </si>
  <si>
    <t>5702320029291</t>
  </si>
  <si>
    <t>Austausch-Eindeckrahmen EW CK04 1000</t>
  </si>
  <si>
    <t>EW CK04 1100</t>
  </si>
  <si>
    <t>5702320029307</t>
  </si>
  <si>
    <t>Austausch-Eindeckrahmen EW CK04 1100</t>
  </si>
  <si>
    <t>EW CK04 1300</t>
  </si>
  <si>
    <t>5702320029314</t>
  </si>
  <si>
    <t>Austausch-Eindeckrahmen EW CK04 1300</t>
  </si>
  <si>
    <t>EW CK04 6000F</t>
  </si>
  <si>
    <t>5702320029321</t>
  </si>
  <si>
    <t>Austausch-Eindeckrahmen EW CK04 6000F</t>
  </si>
  <si>
    <t>EW CK06 6000F</t>
  </si>
  <si>
    <t>5702320029338</t>
  </si>
  <si>
    <t>Austausch-Eindeckrahmen EW CK06 6000F</t>
  </si>
  <si>
    <t>EW FK04 1000</t>
  </si>
  <si>
    <t>5702320029345</t>
  </si>
  <si>
    <t>Austausch-Eindeckrahmen EW FK04 1000</t>
  </si>
  <si>
    <t>EW FK04 6000F</t>
  </si>
  <si>
    <t>5702320029352</t>
  </si>
  <si>
    <t>Austausch-Eindeckrahmen EW FK04 6000F</t>
  </si>
  <si>
    <t>EW FK06 1000</t>
  </si>
  <si>
    <t>5702320029369</t>
  </si>
  <si>
    <t>Austausch-Eindeckrahmen EW FK06 1000</t>
  </si>
  <si>
    <t>EW FK06 1100</t>
  </si>
  <si>
    <t>5702320029376</t>
  </si>
  <si>
    <t>Austausch-Eindeckrahmen EW FK06 1100</t>
  </si>
  <si>
    <t>EW FK06 1300</t>
  </si>
  <si>
    <t>5702320029383</t>
  </si>
  <si>
    <t>Austausch-Eindeckrahmen EW FK06 1300</t>
  </si>
  <si>
    <t>EW FK06 6000F</t>
  </si>
  <si>
    <t>5702320029390</t>
  </si>
  <si>
    <t>Austausch-Eindeckrahmen EW FK06 6000F</t>
  </si>
  <si>
    <t>EW MK04 1000</t>
  </si>
  <si>
    <t>5702320029406</t>
  </si>
  <si>
    <t>Austausch-Eindeckrahmen EW MK04 1000</t>
  </si>
  <si>
    <t>EW MK04 1100</t>
  </si>
  <si>
    <t>5702320029413</t>
  </si>
  <si>
    <t>Austausch-Eindeckrahmen EW MK04 1100</t>
  </si>
  <si>
    <t>EW MK04 1300</t>
  </si>
  <si>
    <t>5702320029420</t>
  </si>
  <si>
    <t>Austausch-Eindeckrahmen EW MK04 1300</t>
  </si>
  <si>
    <t>EW MK04 6000F</t>
  </si>
  <si>
    <t>5702320029437</t>
  </si>
  <si>
    <t>Austausch-Eindeckrahmen EW MK04 6000F</t>
  </si>
  <si>
    <t>EW MK06 1000</t>
  </si>
  <si>
    <t>5702320029444</t>
  </si>
  <si>
    <t>Austausch-Eindeckrahmen EW MK06 1000</t>
  </si>
  <si>
    <t>EW MK06 1100</t>
  </si>
  <si>
    <t>5702320029451</t>
  </si>
  <si>
    <t>Austausch-Eindeckrahmen EW MK06 1100</t>
  </si>
  <si>
    <t>EW MK06 1300</t>
  </si>
  <si>
    <t>5702320029468</t>
  </si>
  <si>
    <t>Austausch-Eindeckrahmen EW MK06 1300</t>
  </si>
  <si>
    <t>EW MK06 6000F</t>
  </si>
  <si>
    <t>5702320029475</t>
  </si>
  <si>
    <t>Austausch-Eindeckrahmen EW MK06 6000F</t>
  </si>
  <si>
    <t>EW MK08 1000</t>
  </si>
  <si>
    <t>5702320029482</t>
  </si>
  <si>
    <t>Austausch-Eindeckrahmen EW MK08 1000</t>
  </si>
  <si>
    <t>EW MK08 1100</t>
  </si>
  <si>
    <t>5702320029499</t>
  </si>
  <si>
    <t>Austausch-Eindeckrahmen EW MK08 1100</t>
  </si>
  <si>
    <t>EW MK08 1300</t>
  </si>
  <si>
    <t>5702320029505</t>
  </si>
  <si>
    <t>Austausch-Eindeckrahmen EW MK08 1300</t>
  </si>
  <si>
    <t>EW MK08 6000F</t>
  </si>
  <si>
    <t>5702320029512</t>
  </si>
  <si>
    <t>Austausch-Eindeckrahmen EW MK08 6000F</t>
  </si>
  <si>
    <t>EW MK10 1000</t>
  </si>
  <si>
    <t>5702320029529</t>
  </si>
  <si>
    <t>Austausch-Eindeckrahmen EW MK10 1000</t>
  </si>
  <si>
    <t>EW MK10 6000F</t>
  </si>
  <si>
    <t>5702320029536</t>
  </si>
  <si>
    <t>Austausch-Eindeckrahmen EW MK10 6000F</t>
  </si>
  <si>
    <t>EW PK06 1000</t>
  </si>
  <si>
    <t>5702320029567</t>
  </si>
  <si>
    <t>Austausch-Eindeckrahmen EW PK06 1000</t>
  </si>
  <si>
    <t>EW PK06 6000F</t>
  </si>
  <si>
    <t>5702320029574</t>
  </si>
  <si>
    <t>Austausch-Eindeckrahmen EW PK06 6000F</t>
  </si>
  <si>
    <t>EW PK08 1000</t>
  </si>
  <si>
    <t>5702320029581</t>
  </si>
  <si>
    <t>Austausch-Eindeckrahmen EW PK08 1000</t>
  </si>
  <si>
    <t>EW PK08 6000F</t>
  </si>
  <si>
    <t>5702320029598</t>
  </si>
  <si>
    <t>Austausch-Eindeckrahmen EW PK08 6000F</t>
  </si>
  <si>
    <t>EW PK10 1000</t>
  </si>
  <si>
    <t>5702320029604</t>
  </si>
  <si>
    <t>Austausch-Eindeckrahmen EW PK10 1000</t>
  </si>
  <si>
    <t>EW PK10 1100</t>
  </si>
  <si>
    <t>5702320029611</t>
  </si>
  <si>
    <t>Austausch-Eindeckrahmen EW PK10 1100</t>
  </si>
  <si>
    <t>EW PK10 1300</t>
  </si>
  <si>
    <t>5702320029628</t>
  </si>
  <si>
    <t>Austausch-Eindeckrahmen EW PK10 1300</t>
  </si>
  <si>
    <t>EW PK10 6000F</t>
  </si>
  <si>
    <t>5702320029635</t>
  </si>
  <si>
    <t>Austausch-Eindeckrahmen EW PK10 6000F</t>
  </si>
  <si>
    <t>EW SK06 1000</t>
  </si>
  <si>
    <t>5702320029642</t>
  </si>
  <si>
    <t>Austausch-Eindeckrahmen EW SK06 1000</t>
  </si>
  <si>
    <t>EW SK06 1100</t>
  </si>
  <si>
    <t>5702320029659</t>
  </si>
  <si>
    <t>Austausch-Eindeckrahmen EW SK06 1100</t>
  </si>
  <si>
    <t>EW SK06 1300</t>
  </si>
  <si>
    <t>5702320029666</t>
  </si>
  <si>
    <t>Austausch-Eindeckrahmen EW SK06 1300</t>
  </si>
  <si>
    <t>EW SK06 6000F</t>
  </si>
  <si>
    <t>5702320029673</t>
  </si>
  <si>
    <t>Austausch-Eindeckrahmen EW SK06 6000F</t>
  </si>
  <si>
    <t>EW SK08 1000</t>
  </si>
  <si>
    <t>5702320029680</t>
  </si>
  <si>
    <t>Austausch-Eindeckrahmen EW SK08 1000</t>
  </si>
  <si>
    <t>EW SK08 6000F</t>
  </si>
  <si>
    <t>5702320029697</t>
  </si>
  <si>
    <t>Austausch-Eindeckrahmen EW SK08 6000F</t>
  </si>
  <si>
    <t>EW SK10 1000</t>
  </si>
  <si>
    <t>5702320029703</t>
  </si>
  <si>
    <t>Austausch-Eindeckrahmen EW SK10 1000</t>
  </si>
  <si>
    <t>EW SK10 6000F</t>
  </si>
  <si>
    <t>5702320029710</t>
  </si>
  <si>
    <t>Austausch-Eindeckrahmen EW SK10 6000F</t>
  </si>
  <si>
    <t>EW UK04 1000</t>
  </si>
  <si>
    <t>5702320029727</t>
  </si>
  <si>
    <t>Austausch-Eindeckrahmen EW UK04 1000</t>
  </si>
  <si>
    <t>EW UK04 1100</t>
  </si>
  <si>
    <t>5702320029734</t>
  </si>
  <si>
    <t>Austausch-Eindeckrahmen EW UK04 1100</t>
  </si>
  <si>
    <t>EW UK04 1300</t>
  </si>
  <si>
    <t>5702320029741</t>
  </si>
  <si>
    <t>Austausch-Eindeckrahmen EW UK04 1300</t>
  </si>
  <si>
    <t>EW UK04 6000F</t>
  </si>
  <si>
    <t>5702320029758</t>
  </si>
  <si>
    <t>Austausch-Eindeckrahmen EW UK04 6000F</t>
  </si>
  <si>
    <t>EW UK08 1000</t>
  </si>
  <si>
    <t>5702320029772</t>
  </si>
  <si>
    <t>Austausch-Eindeckrahmen EW UK08 1000</t>
  </si>
  <si>
    <t>EW UK08 1100</t>
  </si>
  <si>
    <t>5702320029789</t>
  </si>
  <si>
    <t>Austausch-Eindeckrahmen EW UK08 1100</t>
  </si>
  <si>
    <t>EW UK08 1300</t>
  </si>
  <si>
    <t>5702320029796</t>
  </si>
  <si>
    <t>Austausch-Eindeckrahmen EW UK08 1300</t>
  </si>
  <si>
    <t>EW UK08 6000F</t>
  </si>
  <si>
    <t>5702320029802</t>
  </si>
  <si>
    <t>Austausch-Eindeckrahmen EW UK08 6000F</t>
  </si>
  <si>
    <t>EW UK10 1000</t>
  </si>
  <si>
    <t>5702320029819</t>
  </si>
  <si>
    <t>Austausch-Eindeckrahmen EW UK10 1000</t>
  </si>
  <si>
    <t>EW UK10 6000F</t>
  </si>
  <si>
    <t>5702320029826</t>
  </si>
  <si>
    <t>Austausch-Eindeckrahmen EW UK10 6000F</t>
  </si>
  <si>
    <t>EZ 0811 1000</t>
  </si>
  <si>
    <t>5702329323871</t>
  </si>
  <si>
    <t>VELUX Eindeckrahmen EZ 0811 1000</t>
  </si>
  <si>
    <t>Ziegel inkl. BFX Alu</t>
  </si>
  <si>
    <t>----------------------------------------
Geeignet für Dächer mit flachem oder
profiliertem Eindeckmaterial
von 1,5 bis 4,5 cm Höhe.
Seitenteile abgeknickt mit doppelten
Wasser-Ableitfalzen und Schaumstoff-
Dichtungs-Profil.
----------------------------------------
Seitliche und untere Blendrahmen-
verblechung.
Inklusive Anschlussschürze BFX
----------------------------------------
Material: Aluminium. Schürze des
Unterteils aus plissiertem Aluminium.
Farbton: wie Fenster-Abdeckung.</t>
  </si>
  <si>
    <t>EZ 1011 1000</t>
  </si>
  <si>
    <t>5702329323888</t>
  </si>
  <si>
    <t>VELUX Eindeckrahmen EZ 1011 1000</t>
  </si>
  <si>
    <t>EZ 1014 1000</t>
  </si>
  <si>
    <t>5702329323895</t>
  </si>
  <si>
    <t>VELUX Eindeckrahmen EZ 1014 1000</t>
  </si>
  <si>
    <t>EZ CK02 1000</t>
  </si>
  <si>
    <t>5702327869821</t>
  </si>
  <si>
    <t>VELUX Eindeckrahmen EZ CK02 1000</t>
  </si>
  <si>
    <t>EZ CK02 6000</t>
  </si>
  <si>
    <t>5702327869838</t>
  </si>
  <si>
    <t>VELUX Eindeckrahmen EZ CK02 6000</t>
  </si>
  <si>
    <t>Ziegel inkl. Dämmung und BFX Alu</t>
  </si>
  <si>
    <t>----------------------------------------
Geeignet für Dächer mit flachem oder
profiliertem Eindeckmaterial
von 1,5 bis 4,5 cm Höhe.
Seitenteile abgeknickt mit doppelten
Wasser-Ableitfalzen und Schaumstoff-
Dichtungs-Profil.
----------------------------------------
Seitliche und untere Blendrahmen-
verblechung.
Die mitgelieferten 4 Dämmstreifen er-
möglichen die Dämmung des Blend-
rahmens.
Inklusive Anschlussschürze BFX
----------------------------------------
Material: Aluminium. Schürze des
Unterteils aus plissiertem Aluminium.
Farbton: wie Fenster-Abdeckung.</t>
  </si>
  <si>
    <t>EZ CK04 1000</t>
  </si>
  <si>
    <t>5702327869845</t>
  </si>
  <si>
    <t>VELUX Eindeckrahmen EZ CK04 1000</t>
  </si>
  <si>
    <t>EZ CK04 6000</t>
  </si>
  <si>
    <t>5702327869852</t>
  </si>
  <si>
    <t>VELUX Eindeckrahmen EZ CK04 6000</t>
  </si>
  <si>
    <t>EZ FK04 1000</t>
  </si>
  <si>
    <t>5702327869869</t>
  </si>
  <si>
    <t>VELUX Eindeckrahmen EZ FK04 1000</t>
  </si>
  <si>
    <t>EZ FK04 6000</t>
  </si>
  <si>
    <t>5702327869876</t>
  </si>
  <si>
    <t>VELUX Eindeckrahmen EZ FK04 6000</t>
  </si>
  <si>
    <t>EZ FK06 1000</t>
  </si>
  <si>
    <t>5702327869883</t>
  </si>
  <si>
    <t>VELUX Eindeckrahmen EZ FK06 1000</t>
  </si>
  <si>
    <t>EZ FK06 6000</t>
  </si>
  <si>
    <t>5702327869890</t>
  </si>
  <si>
    <t>VELUX Eindeckrahmen EZ FK06 6000</t>
  </si>
  <si>
    <t>EZ MK04 1000</t>
  </si>
  <si>
    <t>5702327869906</t>
  </si>
  <si>
    <t>VELUX Eindeckrahmen EZ MK04 1000</t>
  </si>
  <si>
    <t>EZ MK04 6000</t>
  </si>
  <si>
    <t>5702327869913</t>
  </si>
  <si>
    <t>VELUX Eindeckrahmen EZ MK04 6000</t>
  </si>
  <si>
    <t>EZ MK06 1000</t>
  </si>
  <si>
    <t>5702327869920</t>
  </si>
  <si>
    <t>VELUX Eindeckrahmen EZ MK06 1000</t>
  </si>
  <si>
    <t>EZ MK06 6000</t>
  </si>
  <si>
    <t>5702327869937</t>
  </si>
  <si>
    <t>VELUX Eindeckrahmen EZ MK06 6000</t>
  </si>
  <si>
    <t>EZ MK08 1000</t>
  </si>
  <si>
    <t>5702327869944</t>
  </si>
  <si>
    <t>VELUX Eindeckrahmen EZ MK08 1000</t>
  </si>
  <si>
    <t>EZ MK08 6000</t>
  </si>
  <si>
    <t>5702327869951</t>
  </si>
  <si>
    <t>VELUX Eindeckrahmen EZ MK08 6000</t>
  </si>
  <si>
    <t>EZ MK10 1000</t>
  </si>
  <si>
    <t>5702327869968</t>
  </si>
  <si>
    <t>VELUX Eindeckrahmen EZ MK10 1000</t>
  </si>
  <si>
    <t>EZ MK10 6000</t>
  </si>
  <si>
    <t>5702327869975</t>
  </si>
  <si>
    <t>VELUX Eindeckrahmen EZ MK10 6000</t>
  </si>
  <si>
    <t>EZ PK06 1000</t>
  </si>
  <si>
    <t>5702327869982</t>
  </si>
  <si>
    <t>VELUX Eindeckrahmen EZ PK06 1000</t>
  </si>
  <si>
    <t>EZ PK06 6000</t>
  </si>
  <si>
    <t>5702327869999</t>
  </si>
  <si>
    <t>VELUX Eindeckrahmen EZ PK06 6000</t>
  </si>
  <si>
    <t>EZ PK08 1000</t>
  </si>
  <si>
    <t>5702327870001</t>
  </si>
  <si>
    <t>VELUX Eindeckrahmen EZ PK08 1000</t>
  </si>
  <si>
    <t>EZ PK08 6000</t>
  </si>
  <si>
    <t>5702327870018</t>
  </si>
  <si>
    <t>VELUX Eindeckrahmen EZ PK08 6000</t>
  </si>
  <si>
    <t>EZ PK10 1000</t>
  </si>
  <si>
    <t>5702327870025</t>
  </si>
  <si>
    <t>VELUX Eindeckrahmen EZ PK10 1000</t>
  </si>
  <si>
    <t>EZ PK10 6000</t>
  </si>
  <si>
    <t>5702327870032</t>
  </si>
  <si>
    <t>VELUX Eindeckrahmen EZ PK10 6000</t>
  </si>
  <si>
    <t>EZ SK06 1000</t>
  </si>
  <si>
    <t>5702327870049</t>
  </si>
  <si>
    <t>VELUX Eindeckrahmen EZ SK06 1000</t>
  </si>
  <si>
    <t>EZ SK06 6000</t>
  </si>
  <si>
    <t>5702327870056</t>
  </si>
  <si>
    <t>VELUX Eindeckrahmen EZ SK06 6000</t>
  </si>
  <si>
    <t>EZ SK08 1000</t>
  </si>
  <si>
    <t>5702327870063</t>
  </si>
  <si>
    <t>VELUX Eindeckrahmen EZ SK08 1000</t>
  </si>
  <si>
    <t>EZ SK08 6000</t>
  </si>
  <si>
    <t>5702327870070</t>
  </si>
  <si>
    <t>VELUX Eindeckrahmen EZ SK08 6000</t>
  </si>
  <si>
    <t>EZ SK10 1000</t>
  </si>
  <si>
    <t>5702327870087</t>
  </si>
  <si>
    <t>VELUX Eindeckrahmen EZ SK10 1000</t>
  </si>
  <si>
    <t>EZ SK10 6000</t>
  </si>
  <si>
    <t>5702327870094</t>
  </si>
  <si>
    <t>VELUX Eindeckrahmen EZ SK10 6000</t>
  </si>
  <si>
    <t>EZ UK08 1000</t>
  </si>
  <si>
    <t>5702327870100</t>
  </si>
  <si>
    <t>VELUX Eindeckrahmen EZ UK08 1000</t>
  </si>
  <si>
    <t>EZ UK08 6000</t>
  </si>
  <si>
    <t>5702327870117</t>
  </si>
  <si>
    <t>VELUX Eindeckrahmen EZ UK08 6000</t>
  </si>
  <si>
    <t>EZ UK10 1000</t>
  </si>
  <si>
    <t>5702327870124</t>
  </si>
  <si>
    <t>VELUX Eindeckrahmen EZ UK10 1000</t>
  </si>
  <si>
    <t>EZ UK10 6000</t>
  </si>
  <si>
    <t>5702327870131</t>
  </si>
  <si>
    <t>VELUX Eindeckrahmen EZ UK10 6000</t>
  </si>
  <si>
    <t>EZ Y21 1000</t>
  </si>
  <si>
    <t>5702327915030</t>
  </si>
  <si>
    <t>VELUX Eindeckrahmen EZ Y21 1000</t>
  </si>
  <si>
    <t>----------------------------------------
Geeignet für Dächer mit flachem oder
profiliertem Eindeckmaterial
von 1,5 bis 4,5 cm Höhe.
Seitenteile abgeknickt mit doppelten
Wasser-Ableitfalzen und Schaumstoff-
Dichtungs-Profil.
----------------------------------------
Inklusive Anschlussschürze BFX
----------------------------------------
Material: Aluminium. Schürze des
Unterteils aus plissiertem Aluminium.
Farbton: wie Fenster-Abdeckung.</t>
  </si>
  <si>
    <t>EZ Y23 1000</t>
  </si>
  <si>
    <t>5702327915054</t>
  </si>
  <si>
    <t>VELUX Eindeckrahmen EZ Y23 1000</t>
  </si>
  <si>
    <t>EZ Y33 1000</t>
  </si>
  <si>
    <t>5702327915078</t>
  </si>
  <si>
    <t>VELUX Eindeckrahmen EZ Y33 1000</t>
  </si>
  <si>
    <t>EZ Y35 1000</t>
  </si>
  <si>
    <t>5702327915092</t>
  </si>
  <si>
    <t>VELUX Eindeckrahmen EZ Y35 1000</t>
  </si>
  <si>
    <t>EZ Y43 1000</t>
  </si>
  <si>
    <t>5702327915115</t>
  </si>
  <si>
    <t>VELUX Eindeckrahmen EZ Y43 1000</t>
  </si>
  <si>
    <t>EZ Y45 1000</t>
  </si>
  <si>
    <t>5702327915139</t>
  </si>
  <si>
    <t>VELUX Eindeckrahmen EZ Y45 1000</t>
  </si>
  <si>
    <t>EZ Y47 1000</t>
  </si>
  <si>
    <t>5702327915153</t>
  </si>
  <si>
    <t>VELUX Eindeckrahmen EZ Y47 1000</t>
  </si>
  <si>
    <t>EZ Y65 1000</t>
  </si>
  <si>
    <t>5702327915177</t>
  </si>
  <si>
    <t>VELUX Eindeckrahmen EZ Y65 1000</t>
  </si>
  <si>
    <t>EZ Y67 1000</t>
  </si>
  <si>
    <t>5702327915191</t>
  </si>
  <si>
    <t>VELUX Eindeckrahmen EZ Y67 1000</t>
  </si>
  <si>
    <t>EZ Y85 1000</t>
  </si>
  <si>
    <t>5702327915214</t>
  </si>
  <si>
    <t>VELUX Eindeckrahmen EZ Y85 1000</t>
  </si>
  <si>
    <t>EZ Y87 1000</t>
  </si>
  <si>
    <t>5702327915238</t>
  </si>
  <si>
    <t>VELUX Eindeckrahmen EZ Y87 1000</t>
  </si>
  <si>
    <t>EZ Y89 1000</t>
  </si>
  <si>
    <t>5702327915252</t>
  </si>
  <si>
    <t>VELUX Eindeckrahmen EZ Y89 1000</t>
  </si>
  <si>
    <t>EZ Y97 1000</t>
  </si>
  <si>
    <t>5702327915276</t>
  </si>
  <si>
    <t>VELUX Eindeckrahmen EZ Y97 1000</t>
  </si>
  <si>
    <t>EZ Y99 1000</t>
  </si>
  <si>
    <t>5702327915290</t>
  </si>
  <si>
    <t>VELUX Eindeckrahmen EZ Y99 1000</t>
  </si>
  <si>
    <t>FHC C02 1045S</t>
  </si>
  <si>
    <t>5702326271359</t>
  </si>
  <si>
    <t>VELUX Wabenplissee FHC C02 1045S</t>
  </si>
  <si>
    <t>415</t>
  </si>
  <si>
    <t>VELUX Wabenplissee</t>
  </si>
  <si>
    <t>50030699</t>
  </si>
  <si>
    <t>FHC C02 1045SWL</t>
  </si>
  <si>
    <t>5702326271366</t>
  </si>
  <si>
    <t>VELUX Wabenplissee FHC C02 1045SWL</t>
  </si>
  <si>
    <t>FHC C02 1047S</t>
  </si>
  <si>
    <t>5702326271397</t>
  </si>
  <si>
    <t>VELUX Wabenplissee FHC C02 1047S</t>
  </si>
  <si>
    <t>Graphit, alu Schiene, Standard</t>
  </si>
  <si>
    <t>FHC C02 1047SWL</t>
  </si>
  <si>
    <t>5702326271410</t>
  </si>
  <si>
    <t>VELUX Wabenplissee FHC C02 1047SWL</t>
  </si>
  <si>
    <t>Graphit, weiße Schiene, Standard</t>
  </si>
  <si>
    <t>FHC C02 1049S</t>
  </si>
  <si>
    <t>5702326271441</t>
  </si>
  <si>
    <t>VELUX Wabenplissee FHC C02 1049S</t>
  </si>
  <si>
    <t>Apricot, alu Schiene, Premium</t>
  </si>
  <si>
    <t>FHC C02 1049SWL</t>
  </si>
  <si>
    <t>5702326271458</t>
  </si>
  <si>
    <t>VELUX Wabenplissee FHC C02 1049SWL</t>
  </si>
  <si>
    <t>Apricot, weiße Schiene, Premium</t>
  </si>
  <si>
    <t>FHC C02 1155S</t>
  </si>
  <si>
    <t>5702327389015</t>
  </si>
  <si>
    <t>VELUX Wabenplissee FHC C02 1155S</t>
  </si>
  <si>
    <t>Beige, alu Schiene, Premium</t>
  </si>
  <si>
    <t>FHC C02 1155SWL</t>
  </si>
  <si>
    <t>5702329130769</t>
  </si>
  <si>
    <t>VELUX Wabenplissee FHC C02 1155SWL</t>
  </si>
  <si>
    <t>Beige, weiße Schiene, Premium</t>
  </si>
  <si>
    <t>FHC C02 1156S</t>
  </si>
  <si>
    <t>5702327389022</t>
  </si>
  <si>
    <t>VELUX Wabenplissee FHC C02 1156S</t>
  </si>
  <si>
    <t>Nachtblau, alu Schiene, Standard</t>
  </si>
  <si>
    <t>FHC C02 1156SWL</t>
  </si>
  <si>
    <t>5702329130776</t>
  </si>
  <si>
    <t>VELUX Wabenplissee FHC C02 1156SWL</t>
  </si>
  <si>
    <t>Nachtblau, weiße Schiene, Standard</t>
  </si>
  <si>
    <t>FHC C02 1163S</t>
  </si>
  <si>
    <t>5702329122344</t>
  </si>
  <si>
    <t>VELUX Wabenplissee FHC C02 1163S</t>
  </si>
  <si>
    <t>Betongrau, alu Schiene, Standard</t>
  </si>
  <si>
    <t>FHC C02 1163SWL</t>
  </si>
  <si>
    <t>5702329130783</t>
  </si>
  <si>
    <t>VELUX Wabenplissee FHC C02 1163SWL</t>
  </si>
  <si>
    <t>Betongrau, weiße Schiene, Standard</t>
  </si>
  <si>
    <t>FHC C02 1164S</t>
  </si>
  <si>
    <t>5702329122351</t>
  </si>
  <si>
    <t>VELUX Wabenplissee FHC C02 1164S</t>
  </si>
  <si>
    <t>Schiefergrau, alu Schiene, Premium</t>
  </si>
  <si>
    <t>FHC C02 1164SWL</t>
  </si>
  <si>
    <t>5702329130790</t>
  </si>
  <si>
    <t>VELUX Wabenplissee FHC C02 1164SWL</t>
  </si>
  <si>
    <t>Schiefergrau, weiße Schiene, Premium</t>
  </si>
  <si>
    <t>FHC C02 1165S</t>
  </si>
  <si>
    <t>5702329122368</t>
  </si>
  <si>
    <t>VELUX Wabenplissee FHC C02 1165S</t>
  </si>
  <si>
    <t>Muskat, alu Schiene, Premium</t>
  </si>
  <si>
    <t>FHC C02 1165SWL</t>
  </si>
  <si>
    <t>5702329130806</t>
  </si>
  <si>
    <t>VELUX Wabenplissee FHC C02 1165SWL</t>
  </si>
  <si>
    <t>Muskat, weiße Schiene, Premium</t>
  </si>
  <si>
    <t>FHC C02 1166S</t>
  </si>
  <si>
    <t>5702329122375</t>
  </si>
  <si>
    <t>VELUX Wabenplissee FHC C02 1166S</t>
  </si>
  <si>
    <t>Elfenbein, alu Schiene, Premium</t>
  </si>
  <si>
    <t>FHC C02 1166SWL</t>
  </si>
  <si>
    <t>5702329130813</t>
  </si>
  <si>
    <t>VELUX Wabenplissee FHC C02 1166SWL</t>
  </si>
  <si>
    <t>Elfenbein, weiße Schiene, Premium</t>
  </si>
  <si>
    <t>FHC C02 1167S</t>
  </si>
  <si>
    <t>5702329122382</t>
  </si>
  <si>
    <t>VELUX Wabenplissee FHC C02 1167S</t>
  </si>
  <si>
    <t>Sanddorn, alu Schiene, Premium</t>
  </si>
  <si>
    <t>FHC C02 1167SWL</t>
  </si>
  <si>
    <t>5702329130820</t>
  </si>
  <si>
    <t>VELUX Wabenplissee FHC C02 1167SWL</t>
  </si>
  <si>
    <t>Sanddorn, weiße Schiene, Premium</t>
  </si>
  <si>
    <t>FHC C02 1168S</t>
  </si>
  <si>
    <t>5702329122399</t>
  </si>
  <si>
    <t>VELUX Wabenplissee FHC C02 1168S</t>
  </si>
  <si>
    <t>Blassgrün, alu Schiene, Premium</t>
  </si>
  <si>
    <t>FHC C02 1168SWL</t>
  </si>
  <si>
    <t>5702329130837</t>
  </si>
  <si>
    <t>VELUX Wabenplissee FHC C02 1168SWL</t>
  </si>
  <si>
    <t>Blassgrün, weiße Schiene, Premium</t>
  </si>
  <si>
    <t>FHC C02 1169S</t>
  </si>
  <si>
    <t>5702329122405</t>
  </si>
  <si>
    <t>VELUX Wabenplissee FHC C02 1169S</t>
  </si>
  <si>
    <t>Gletscherblau, alu Schiene, Premium</t>
  </si>
  <si>
    <t>FHC C02 1169SWL</t>
  </si>
  <si>
    <t>5702329130844</t>
  </si>
  <si>
    <t>VELUX Wabenplissee FHC C02 1169SWL</t>
  </si>
  <si>
    <t>Gletscherblau, weiße Schiene, Premium</t>
  </si>
  <si>
    <t>FHC C02 1170S</t>
  </si>
  <si>
    <t>5702329122412</t>
  </si>
  <si>
    <t>VELUX Wabenplissee FHC C02 1170S</t>
  </si>
  <si>
    <t>Grautaupe, alu Schiene, Premium</t>
  </si>
  <si>
    <t>FHC C02 1170SWL</t>
  </si>
  <si>
    <t>5702329130851</t>
  </si>
  <si>
    <t>VELUX Wabenplissee FHC C02 1170SWL</t>
  </si>
  <si>
    <t>Grautaupe, weiße Schiene, Premium</t>
  </si>
  <si>
    <t>FHC C02 1171S</t>
  </si>
  <si>
    <t>5702329122429</t>
  </si>
  <si>
    <t>VELUX Wabenplissee FHC C02 1171S</t>
  </si>
  <si>
    <t>Cremegrau, alu Schiene, Premium</t>
  </si>
  <si>
    <t>FHC C02 1171SWL</t>
  </si>
  <si>
    <t>5702329130868</t>
  </si>
  <si>
    <t>VELUX Wabenplissee FHC C02 1171SWL</t>
  </si>
  <si>
    <t>Cremegrau, weiße Schiene, Premium</t>
  </si>
  <si>
    <t>FHC C02 1172S</t>
  </si>
  <si>
    <t>5702329122436</t>
  </si>
  <si>
    <t>VELUX Wabenplissee FHC C02 1172S</t>
  </si>
  <si>
    <t>Lichtgrau, alu Schiene, Premium</t>
  </si>
  <si>
    <t>FHC C02 1172SWL</t>
  </si>
  <si>
    <t>5702329130875</t>
  </si>
  <si>
    <t>VELUX Wabenplissee FHC C02 1172SWL</t>
  </si>
  <si>
    <t>Lichtgrau, weiße Schiene, Premium</t>
  </si>
  <si>
    <t>FHC C02 1173S</t>
  </si>
  <si>
    <t>5702329122443</t>
  </si>
  <si>
    <t>VELUX Wabenplissee FHC C02 1173S</t>
  </si>
  <si>
    <t>Petrol, alu Schiene, Premium</t>
  </si>
  <si>
    <t>FHC C02 1173SWL</t>
  </si>
  <si>
    <t>5702329130882</t>
  </si>
  <si>
    <t>VELUX Wabenplissee FHC C02 1173SWL</t>
  </si>
  <si>
    <t>Petrol, weiße Schiene, Premium</t>
  </si>
  <si>
    <t>FHC C04 1045S</t>
  </si>
  <si>
    <t>5702326271540</t>
  </si>
  <si>
    <t>VELUX Wabenplissee FHC C04 1045S</t>
  </si>
  <si>
    <t>FHC C04 1045SWL</t>
  </si>
  <si>
    <t>5702326271557</t>
  </si>
  <si>
    <t>VELUX Wabenplissee FHC C04 1045SWL</t>
  </si>
  <si>
    <t>FHC C04 1047S</t>
  </si>
  <si>
    <t>5702326271588</t>
  </si>
  <si>
    <t>VELUX Wabenplissee FHC C04 1047S</t>
  </si>
  <si>
    <t>FHC C04 1047SWL</t>
  </si>
  <si>
    <t>5702326271595</t>
  </si>
  <si>
    <t>VELUX Wabenplissee FHC C04 1047SWL</t>
  </si>
  <si>
    <t>FHC C04 1049S</t>
  </si>
  <si>
    <t>5702326271632</t>
  </si>
  <si>
    <t>VELUX Wabenplissee FHC C04 1049S</t>
  </si>
  <si>
    <t>FHC C04 1049SWL</t>
  </si>
  <si>
    <t>5702326271649</t>
  </si>
  <si>
    <t>VELUX Wabenplissee FHC C04 1049SWL</t>
  </si>
  <si>
    <t>FHC C04 1155S</t>
  </si>
  <si>
    <t>5702327389091</t>
  </si>
  <si>
    <t>VELUX Wabenplissee FHC C04 1155S</t>
  </si>
  <si>
    <t>FHC C04 1155SWL</t>
  </si>
  <si>
    <t>5702329130899</t>
  </si>
  <si>
    <t>VELUX Wabenplissee FHC C04 1155SWL</t>
  </si>
  <si>
    <t>FHC C04 1156S</t>
  </si>
  <si>
    <t>5702327389107</t>
  </si>
  <si>
    <t>VELUX Wabenplissee FHC C04 1156S</t>
  </si>
  <si>
    <t>FHC C04 1156SWL</t>
  </si>
  <si>
    <t>5702329130905</t>
  </si>
  <si>
    <t>VELUX Wabenplissee FHC C04 1156SWL</t>
  </si>
  <si>
    <t>FHC C04 1163S</t>
  </si>
  <si>
    <t>5702329122450</t>
  </si>
  <si>
    <t>VELUX Wabenplissee FHC C04 1163S</t>
  </si>
  <si>
    <t>FHC C04 1163SWL</t>
  </si>
  <si>
    <t>5702329130912</t>
  </si>
  <si>
    <t>VELUX Wabenplissee FHC C04 1163SWL</t>
  </si>
  <si>
    <t>FHC C04 1164S</t>
  </si>
  <si>
    <t>5702329122467</t>
  </si>
  <si>
    <t>VELUX Wabenplissee FHC C04 1164S</t>
  </si>
  <si>
    <t>FHC C04 1164SWL</t>
  </si>
  <si>
    <t>5702329130929</t>
  </si>
  <si>
    <t>VELUX Wabenplissee FHC C04 1164SWL</t>
  </si>
  <si>
    <t>FHC C04 1165S</t>
  </si>
  <si>
    <t>5702329122474</t>
  </si>
  <si>
    <t>VELUX Wabenplissee FHC C04 1165S</t>
  </si>
  <si>
    <t>FHC C04 1165SWL</t>
  </si>
  <si>
    <t>5702329130936</t>
  </si>
  <si>
    <t>VELUX Wabenplissee FHC C04 1165SWL</t>
  </si>
  <si>
    <t>FHC C04 1166S</t>
  </si>
  <si>
    <t>5702329122481</t>
  </si>
  <si>
    <t>VELUX Wabenplissee FHC C04 1166S</t>
  </si>
  <si>
    <t>FHC C04 1166SWL</t>
  </si>
  <si>
    <t>5702329130943</t>
  </si>
  <si>
    <t>VELUX Wabenplissee FHC C04 1166SWL</t>
  </si>
  <si>
    <t>FHC C04 1167S</t>
  </si>
  <si>
    <t>5702329122498</t>
  </si>
  <si>
    <t>VELUX Wabenplissee FHC C04 1167S</t>
  </si>
  <si>
    <t>FHC C04 1167SWL</t>
  </si>
  <si>
    <t>5702329130950</t>
  </si>
  <si>
    <t>VELUX Wabenplissee FHC C04 1167SWL</t>
  </si>
  <si>
    <t>FHC C04 1168S</t>
  </si>
  <si>
    <t>5702329122504</t>
  </si>
  <si>
    <t>VELUX Wabenplissee FHC C04 1168S</t>
  </si>
  <si>
    <t>FHC C04 1168SWL</t>
  </si>
  <si>
    <t>5702329130967</t>
  </si>
  <si>
    <t>VELUX Wabenplissee FHC C04 1168SWL</t>
  </si>
  <si>
    <t>FHC C04 1169S</t>
  </si>
  <si>
    <t>5702329122511</t>
  </si>
  <si>
    <t>VELUX Wabenplissee FHC C04 1169S</t>
  </si>
  <si>
    <t>FHC C04 1169SWL</t>
  </si>
  <si>
    <t>5702329130974</t>
  </si>
  <si>
    <t>VELUX Wabenplissee FHC C04 1169SWL</t>
  </si>
  <si>
    <t>FHC C04 1170S</t>
  </si>
  <si>
    <t>5702329122528</t>
  </si>
  <si>
    <t>VELUX Wabenplissee FHC C04 1170S</t>
  </si>
  <si>
    <t>FHC C04 1170SWL</t>
  </si>
  <si>
    <t>5702329130981</t>
  </si>
  <si>
    <t>VELUX Wabenplissee FHC C04 1170SWL</t>
  </si>
  <si>
    <t>FHC C04 1171S</t>
  </si>
  <si>
    <t>5702329122535</t>
  </si>
  <si>
    <t>VELUX Wabenplissee FHC C04 1171S</t>
  </si>
  <si>
    <t>FHC C04 1171SWL</t>
  </si>
  <si>
    <t>5702329130998</t>
  </si>
  <si>
    <t>VELUX Wabenplissee FHC C04 1171SWL</t>
  </si>
  <si>
    <t>FHC C04 1172S</t>
  </si>
  <si>
    <t>5702329122542</t>
  </si>
  <si>
    <t>VELUX Wabenplissee FHC C04 1172S</t>
  </si>
  <si>
    <t>FHC C04 1172SWL</t>
  </si>
  <si>
    <t>5702329131001</t>
  </si>
  <si>
    <t>VELUX Wabenplissee FHC C04 1172SWL</t>
  </si>
  <si>
    <t>FHC C04 1173S</t>
  </si>
  <si>
    <t>5702329122559</t>
  </si>
  <si>
    <t>VELUX Wabenplissee FHC C04 1173S</t>
  </si>
  <si>
    <t>FHC C04 1173SWL</t>
  </si>
  <si>
    <t>5702329131018</t>
  </si>
  <si>
    <t>VELUX Wabenplissee FHC C04 1173SWL</t>
  </si>
  <si>
    <t>FHC C06 1045S</t>
  </si>
  <si>
    <t>5702326271731</t>
  </si>
  <si>
    <t>VELUX Wabenplissee FHC C06 1045S</t>
  </si>
  <si>
    <t>FHC C06 1045SWL</t>
  </si>
  <si>
    <t>5702326271748</t>
  </si>
  <si>
    <t>VELUX Wabenplissee FHC C06 1045SWL</t>
  </si>
  <si>
    <t>FHC C06 1047S</t>
  </si>
  <si>
    <t>5702326271779</t>
  </si>
  <si>
    <t>VELUX Wabenplissee FHC C06 1047S</t>
  </si>
  <si>
    <t>FHC C06 1047SWL</t>
  </si>
  <si>
    <t>5702326271786</t>
  </si>
  <si>
    <t>VELUX Wabenplissee FHC C06 1047SWL</t>
  </si>
  <si>
    <t>FHC C06 1049S</t>
  </si>
  <si>
    <t>5702326271823</t>
  </si>
  <si>
    <t>VELUX Wabenplissee FHC C06 1049S</t>
  </si>
  <si>
    <t>FHC C06 1155SWL</t>
  </si>
  <si>
    <t>5702329131025</t>
  </si>
  <si>
    <t>VELUX Wabenplissee FHC C06 1155SWL</t>
  </si>
  <si>
    <t>FHC C06 1156S</t>
  </si>
  <si>
    <t>5702327389183</t>
  </si>
  <si>
    <t>VELUX Wabenplissee FHC C06 1156S</t>
  </si>
  <si>
    <t>FHC C06 1156SWL</t>
  </si>
  <si>
    <t>5702329131032</t>
  </si>
  <si>
    <t>VELUX Wabenplissee FHC C06 1156SWL</t>
  </si>
  <si>
    <t>FHC C06 1163S</t>
  </si>
  <si>
    <t>5702329122566</t>
  </si>
  <si>
    <t>VELUX Wabenplissee FHC C06 1163S</t>
  </si>
  <si>
    <t>FHC C06 1163SWL</t>
  </si>
  <si>
    <t>5702329131049</t>
  </si>
  <si>
    <t>VELUX Wabenplissee FHC C06 1163SWL</t>
  </si>
  <si>
    <t>FHC C06 1164SWL</t>
  </si>
  <si>
    <t>5702329131056</t>
  </si>
  <si>
    <t>VELUX Wabenplissee FHC C06 1164SWL</t>
  </si>
  <si>
    <t>FHC C06 1165SWL</t>
  </si>
  <si>
    <t>5702329131063</t>
  </si>
  <si>
    <t>VELUX Wabenplissee FHC C06 1165SWL</t>
  </si>
  <si>
    <t>FHC C06 1166S</t>
  </si>
  <si>
    <t>5702329122597</t>
  </si>
  <si>
    <t>VELUX Wabenplissee FHC C06 1166S</t>
  </si>
  <si>
    <t>FHC C06 1166SWL</t>
  </si>
  <si>
    <t>5702329131070</t>
  </si>
  <si>
    <t>VELUX Wabenplissee FHC C06 1166SWL</t>
  </si>
  <si>
    <t>FHC C06 1167SWL</t>
  </si>
  <si>
    <t>5702329131087</t>
  </si>
  <si>
    <t>VELUX Wabenplissee FHC C06 1167SWL</t>
  </si>
  <si>
    <t>FHC C06 1168SWL</t>
  </si>
  <si>
    <t>5702329131094</t>
  </si>
  <si>
    <t>VELUX Wabenplissee FHC C06 1168SWL</t>
  </si>
  <si>
    <t>FHC C06 1169S</t>
  </si>
  <si>
    <t>5702329122627</t>
  </si>
  <si>
    <t>VELUX Wabenplissee FHC C06 1169S</t>
  </si>
  <si>
    <t>FHC C06 1169SWL</t>
  </si>
  <si>
    <t>5702329131100</t>
  </si>
  <si>
    <t>VELUX Wabenplissee FHC C06 1169SWL</t>
  </si>
  <si>
    <t>FHC C06 1170S</t>
  </si>
  <si>
    <t>5702329122634</t>
  </si>
  <si>
    <t>VELUX Wabenplissee FHC C06 1170S</t>
  </si>
  <si>
    <t>FHC C06 1170SWL</t>
  </si>
  <si>
    <t>5702329131117</t>
  </si>
  <si>
    <t>VELUX Wabenplissee FHC C06 1170SWL</t>
  </si>
  <si>
    <t>FHC C06 1171S</t>
  </si>
  <si>
    <t>5702329122641</t>
  </si>
  <si>
    <t>VELUX Wabenplissee FHC C06 1171S</t>
  </si>
  <si>
    <t>FHC C06 1171SWL</t>
  </si>
  <si>
    <t>5702329131124</t>
  </si>
  <si>
    <t>VELUX Wabenplissee FHC C06 1171SWL</t>
  </si>
  <si>
    <t>FHC C06 1172S</t>
  </si>
  <si>
    <t>5702329122658</t>
  </si>
  <si>
    <t>VELUX Wabenplissee FHC C06 1172S</t>
  </si>
  <si>
    <t>FHC C06 1172SWL</t>
  </si>
  <si>
    <t>5702329131131</t>
  </si>
  <si>
    <t>VELUX Wabenplissee FHC C06 1172SWL</t>
  </si>
  <si>
    <t>FHC C06 1173SWL</t>
  </si>
  <si>
    <t>5702329131148</t>
  </si>
  <si>
    <t>VELUX Wabenplissee FHC C06 1173SWL</t>
  </si>
  <si>
    <t>FHC CK02 1045S</t>
  </si>
  <si>
    <t>5702326325922</t>
  </si>
  <si>
    <t>VELUX Wabenplissee FHC CK02 1045S</t>
  </si>
  <si>
    <t>FHC CK02 1045SWL</t>
  </si>
  <si>
    <t>5702326325939</t>
  </si>
  <si>
    <t>VELUX Wabenplissee FHC CK02 1045SWL</t>
  </si>
  <si>
    <t>FHC CK02 1047S</t>
  </si>
  <si>
    <t>5702326325960</t>
  </si>
  <si>
    <t>VELUX Wabenplissee FHC CK02 1047S</t>
  </si>
  <si>
    <t>FHC CK02 1047SWL</t>
  </si>
  <si>
    <t>5702326325977</t>
  </si>
  <si>
    <t>VELUX Wabenplissee FHC CK02 1047SWL</t>
  </si>
  <si>
    <t>FHC CK02 1049S</t>
  </si>
  <si>
    <t>5702326326004</t>
  </si>
  <si>
    <t>VELUX Wabenplissee FHC CK02 1049S</t>
  </si>
  <si>
    <t>FHC CK02 1049SWL</t>
  </si>
  <si>
    <t>5702326326011</t>
  </si>
  <si>
    <t>VELUX Wabenplissee FHC CK02 1049SWL</t>
  </si>
  <si>
    <t>FHC CK02 1155S</t>
  </si>
  <si>
    <t>5702327389336</t>
  </si>
  <si>
    <t>VELUX Wabenplissee FHC CK02 1155S</t>
  </si>
  <si>
    <t>FHC CK02 1155SWL</t>
  </si>
  <si>
    <t>5702329131285</t>
  </si>
  <si>
    <t>VELUX Wabenplissee FHC CK02 1155SWL</t>
  </si>
  <si>
    <t>FHC CK02 1156S</t>
  </si>
  <si>
    <t>5702327389343</t>
  </si>
  <si>
    <t>VELUX Wabenplissee FHC CK02 1156S</t>
  </si>
  <si>
    <t>Nachtblau, alu Schiene, Premium</t>
  </si>
  <si>
    <t>FHC CK02 1156SWL</t>
  </si>
  <si>
    <t>5702329131292</t>
  </si>
  <si>
    <t>VELUX Wabenplissee FHC CK02 1156SWL</t>
  </si>
  <si>
    <t>Nachtblau, weiße Schiene, Premium</t>
  </si>
  <si>
    <t>FHC CK02 1163S</t>
  </si>
  <si>
    <t>5702329122788</t>
  </si>
  <si>
    <t>VELUX Wabenplissee FHC CK02 1163S</t>
  </si>
  <si>
    <t>FHC CK02 1163SWL</t>
  </si>
  <si>
    <t>5702329131308</t>
  </si>
  <si>
    <t>VELUX Wabenplissee FHC CK02 1163SWL</t>
  </si>
  <si>
    <t>FHC CK02 1164S</t>
  </si>
  <si>
    <t>5702329122795</t>
  </si>
  <si>
    <t>VELUX Wabenplissee FHC CK02 1164S</t>
  </si>
  <si>
    <t>FHC CK02 1164SWL</t>
  </si>
  <si>
    <t>5702329131315</t>
  </si>
  <si>
    <t>VELUX Wabenplissee FHC CK02 1164SWL</t>
  </si>
  <si>
    <t>FHC CK02 1165S</t>
  </si>
  <si>
    <t>5702329122801</t>
  </si>
  <si>
    <t>VELUX Wabenplissee FHC CK02 1165S</t>
  </si>
  <si>
    <t>FHC CK02 1165SWL</t>
  </si>
  <si>
    <t>5702329131322</t>
  </si>
  <si>
    <t>VELUX Wabenplissee FHC CK02 1165SWL</t>
  </si>
  <si>
    <t>FHC CK02 1166S</t>
  </si>
  <si>
    <t>5702329122818</t>
  </si>
  <si>
    <t>VELUX Wabenplissee FHC CK02 1166S</t>
  </si>
  <si>
    <t>FHC CK02 1166SWL</t>
  </si>
  <si>
    <t>5702329131339</t>
  </si>
  <si>
    <t>VELUX Wabenplissee FHC CK02 1166SWL</t>
  </si>
  <si>
    <t>FHC CK02 1167S</t>
  </si>
  <si>
    <t>5702329122825</t>
  </si>
  <si>
    <t>VELUX Wabenplissee FHC CK02 1167S</t>
  </si>
  <si>
    <t>FHC CK02 1167SWL</t>
  </si>
  <si>
    <t>5702329131346</t>
  </si>
  <si>
    <t>VELUX Wabenplissee FHC CK02 1167SWL</t>
  </si>
  <si>
    <t>FHC CK02 1168S</t>
  </si>
  <si>
    <t>5702329122832</t>
  </si>
  <si>
    <t>VELUX Wabenplissee FHC CK02 1168S</t>
  </si>
  <si>
    <t>FHC CK02 1168SWL</t>
  </si>
  <si>
    <t>5702329131353</t>
  </si>
  <si>
    <t>VELUX Wabenplissee FHC CK02 1168SWL</t>
  </si>
  <si>
    <t>FHC CK02 1169S</t>
  </si>
  <si>
    <t>5702329122849</t>
  </si>
  <si>
    <t>VELUX Wabenplissee FHC CK02 1169S</t>
  </si>
  <si>
    <t>FHC CK02 1169SWL</t>
  </si>
  <si>
    <t>5702329131360</t>
  </si>
  <si>
    <t>VELUX Wabenplissee FHC CK02 1169SWL</t>
  </si>
  <si>
    <t>FHC CK02 1170S</t>
  </si>
  <si>
    <t>5702329122856</t>
  </si>
  <si>
    <t>VELUX Wabenplissee FHC CK02 1170S</t>
  </si>
  <si>
    <t>FHC CK02 1170SWL</t>
  </si>
  <si>
    <t>5702329131377</t>
  </si>
  <si>
    <t>VELUX Wabenplissee FHC CK02 1170SWL</t>
  </si>
  <si>
    <t>FHC CK02 1171S</t>
  </si>
  <si>
    <t>5702329122863</t>
  </si>
  <si>
    <t>VELUX Wabenplissee FHC CK02 1171S</t>
  </si>
  <si>
    <t>Cremegrau, alu Schiene, Standard</t>
  </si>
  <si>
    <t>FHC CK02 1171SWL</t>
  </si>
  <si>
    <t>5702329131384</t>
  </si>
  <si>
    <t>VELUX Wabenplissee FHC CK02 1171SWL</t>
  </si>
  <si>
    <t>Cremegrau, weiße Schiene, Standard</t>
  </si>
  <si>
    <t>FHC CK02 1172S</t>
  </si>
  <si>
    <t>5702329122870</t>
  </si>
  <si>
    <t>VELUX Wabenplissee FHC CK02 1172S</t>
  </si>
  <si>
    <t>FHC CK02 1172SWL</t>
  </si>
  <si>
    <t>5702329131391</t>
  </si>
  <si>
    <t>VELUX Wabenplissee FHC CK02 1172SWL</t>
  </si>
  <si>
    <t>FHC CK02 1173S</t>
  </si>
  <si>
    <t>5702329122887</t>
  </si>
  <si>
    <t>VELUX Wabenplissee FHC CK02 1173S</t>
  </si>
  <si>
    <t>FHC CK02 1173SWL</t>
  </si>
  <si>
    <t>5702329131407</t>
  </si>
  <si>
    <t>VELUX Wabenplissee FHC CK02 1173SWL</t>
  </si>
  <si>
    <t>FHC CK04 1045S</t>
  </si>
  <si>
    <t>5702326326110</t>
  </si>
  <si>
    <t>VELUX Wabenplissee FHC CK04 1045S</t>
  </si>
  <si>
    <t>FHC CK04 1045SWL</t>
  </si>
  <si>
    <t>5702326326127</t>
  </si>
  <si>
    <t>VELUX Wabenplissee FHC CK04 1045SWL</t>
  </si>
  <si>
    <t>FHC CK04 1047S</t>
  </si>
  <si>
    <t>5702326326158</t>
  </si>
  <si>
    <t>VELUX Wabenplissee FHC CK04 1047S</t>
  </si>
  <si>
    <t>FHC CK04 1047SWL</t>
  </si>
  <si>
    <t>5702326326165</t>
  </si>
  <si>
    <t>VELUX Wabenplissee FHC CK04 1047SWL</t>
  </si>
  <si>
    <t>FHC CK04 1049S</t>
  </si>
  <si>
    <t>5702326326196</t>
  </si>
  <si>
    <t>VELUX Wabenplissee FHC CK04 1049S</t>
  </si>
  <si>
    <t>FHC CK04 1049SWL</t>
  </si>
  <si>
    <t>5702326326219</t>
  </si>
  <si>
    <t>VELUX Wabenplissee FHC CK04 1049SWL</t>
  </si>
  <si>
    <t>FHC CK04 1155S</t>
  </si>
  <si>
    <t>5702327389411</t>
  </si>
  <si>
    <t>VELUX Wabenplissee FHC CK04 1155S</t>
  </si>
  <si>
    <t>FHC CK04 1155SWL</t>
  </si>
  <si>
    <t>5702329131414</t>
  </si>
  <si>
    <t>VELUX Wabenplissee FHC CK04 1155SWL</t>
  </si>
  <si>
    <t>FHC CK04 1156S</t>
  </si>
  <si>
    <t>5702327389428</t>
  </si>
  <si>
    <t>VELUX Wabenplissee FHC CK04 1156S</t>
  </si>
  <si>
    <t>FHC CK04 1156SWL</t>
  </si>
  <si>
    <t>5702329131421</t>
  </si>
  <si>
    <t>VELUX Wabenplissee FHC CK04 1156SWL</t>
  </si>
  <si>
    <t>FHC CK04 1163S</t>
  </si>
  <si>
    <t>5702329122894</t>
  </si>
  <si>
    <t>VELUX Wabenplissee FHC CK04 1163S</t>
  </si>
  <si>
    <t>FHC CK04 1163SWL</t>
  </si>
  <si>
    <t>5702329131438</t>
  </si>
  <si>
    <t>VELUX Wabenplissee FHC CK04 1163SWL</t>
  </si>
  <si>
    <t>FHC CK04 1164S</t>
  </si>
  <si>
    <t>5702329122900</t>
  </si>
  <si>
    <t>VELUX Wabenplissee FHC CK04 1164S</t>
  </si>
  <si>
    <t>FHC CK04 1164SWL</t>
  </si>
  <si>
    <t>5702329131445</t>
  </si>
  <si>
    <t>VELUX Wabenplissee FHC CK04 1164SWL</t>
  </si>
  <si>
    <t>FHC CK04 1165S</t>
  </si>
  <si>
    <t>5702329122917</t>
  </si>
  <si>
    <t>VELUX Wabenplissee FHC CK04 1165S</t>
  </si>
  <si>
    <t>FHC CK04 1165SWL</t>
  </si>
  <si>
    <t>5702329131452</t>
  </si>
  <si>
    <t>VELUX Wabenplissee FHC CK04 1165SWL</t>
  </si>
  <si>
    <t>FHC CK04 1166S</t>
  </si>
  <si>
    <t>5702329122924</t>
  </si>
  <si>
    <t>VELUX Wabenplissee FHC CK04 1166S</t>
  </si>
  <si>
    <t>FHC CK04 1166SWL</t>
  </si>
  <si>
    <t>5702329131469</t>
  </si>
  <si>
    <t>VELUX Wabenplissee FHC CK04 1166SWL</t>
  </si>
  <si>
    <t>FHC CK04 1167S</t>
  </si>
  <si>
    <t>5702329122931</t>
  </si>
  <si>
    <t>VELUX Wabenplissee FHC CK04 1167S</t>
  </si>
  <si>
    <t>FHC CK04 1167SWL</t>
  </si>
  <si>
    <t>5702329131476</t>
  </si>
  <si>
    <t>VELUX Wabenplissee FHC CK04 1167SWL</t>
  </si>
  <si>
    <t>FHC CK04 1168S</t>
  </si>
  <si>
    <t>5702329122948</t>
  </si>
  <si>
    <t>VELUX Wabenplissee FHC CK04 1168S</t>
  </si>
  <si>
    <t>FHC CK04 1168SWL</t>
  </si>
  <si>
    <t>5702329131483</t>
  </si>
  <si>
    <t>VELUX Wabenplissee FHC CK04 1168SWL</t>
  </si>
  <si>
    <t>FHC CK04 1169S</t>
  </si>
  <si>
    <t>5702329122955</t>
  </si>
  <si>
    <t>VELUX Wabenplissee FHC CK04 1169S</t>
  </si>
  <si>
    <t>FHC CK04 1169SWL</t>
  </si>
  <si>
    <t>5702329131490</t>
  </si>
  <si>
    <t>VELUX Wabenplissee FHC CK04 1169SWL</t>
  </si>
  <si>
    <t>FHC CK04 1170S</t>
  </si>
  <si>
    <t>5702329122962</t>
  </si>
  <si>
    <t>VELUX Wabenplissee FHC CK04 1170S</t>
  </si>
  <si>
    <t>FHC CK04 1170SWL</t>
  </si>
  <si>
    <t>5702329131506</t>
  </si>
  <si>
    <t>VELUX Wabenplissee FHC CK04 1170SWL</t>
  </si>
  <si>
    <t>FHC CK04 1171S</t>
  </si>
  <si>
    <t>5702329122979</t>
  </si>
  <si>
    <t>VELUX Wabenplissee FHC CK04 1171S</t>
  </si>
  <si>
    <t>FHC CK04 1171SWL</t>
  </si>
  <si>
    <t>5702329131513</t>
  </si>
  <si>
    <t>VELUX Wabenplissee FHC CK04 1171SWL</t>
  </si>
  <si>
    <t>FHC CK04 1172S</t>
  </si>
  <si>
    <t>5702329122986</t>
  </si>
  <si>
    <t>VELUX Wabenplissee FHC CK04 1172S</t>
  </si>
  <si>
    <t>FHC CK04 1172SWL</t>
  </si>
  <si>
    <t>5702329131520</t>
  </si>
  <si>
    <t>VELUX Wabenplissee FHC CK04 1172SWL</t>
  </si>
  <si>
    <t>FHC CK04 1173S</t>
  </si>
  <si>
    <t>5702329122993</t>
  </si>
  <si>
    <t>VELUX Wabenplissee FHC CK04 1173S</t>
  </si>
  <si>
    <t>FHC CK04 1173SWL</t>
  </si>
  <si>
    <t>5702329131537</t>
  </si>
  <si>
    <t>VELUX Wabenplissee FHC CK04 1173SWL</t>
  </si>
  <si>
    <t>FHC CK06 1045S</t>
  </si>
  <si>
    <t>5702326326318</t>
  </si>
  <si>
    <t>VELUX Wabenplissee FHC CK06 1045S</t>
  </si>
  <si>
    <t>FHC CK06 1045SWL</t>
  </si>
  <si>
    <t>5702326326325</t>
  </si>
  <si>
    <t>VELUX Wabenplissee FHC CK06 1045SWL</t>
  </si>
  <si>
    <t>FHC CK06 1047S</t>
  </si>
  <si>
    <t>5702326326356</t>
  </si>
  <si>
    <t>VELUX Wabenplissee FHC CK06 1047S</t>
  </si>
  <si>
    <t>FHC CK06 1047SWL</t>
  </si>
  <si>
    <t>5702326326363</t>
  </si>
  <si>
    <t>VELUX Wabenplissee FHC CK06 1047SWL</t>
  </si>
  <si>
    <t>FHC CK06 1049S</t>
  </si>
  <si>
    <t>5702326326394</t>
  </si>
  <si>
    <t>VELUX Wabenplissee FHC CK06 1049S</t>
  </si>
  <si>
    <t>FHC CK06 1049SWL</t>
  </si>
  <si>
    <t>5702326326417</t>
  </si>
  <si>
    <t>VELUX Wabenplissee FHC CK06 1049SWL</t>
  </si>
  <si>
    <t>FHC CK06 1155S</t>
  </si>
  <si>
    <t>5702327389497</t>
  </si>
  <si>
    <t>VELUX Wabenplissee FHC CK06 1155S</t>
  </si>
  <si>
    <t>FHC CK06 1155SWL</t>
  </si>
  <si>
    <t>5702329131544</t>
  </si>
  <si>
    <t>VELUX Wabenplissee FHC CK06 1155SWL</t>
  </si>
  <si>
    <t>FHC CK06 1156S</t>
  </si>
  <si>
    <t>5702327389503</t>
  </si>
  <si>
    <t>VELUX Wabenplissee FHC CK06 1156S</t>
  </si>
  <si>
    <t>FHC CK06 1156SWL</t>
  </si>
  <si>
    <t>5702329131551</t>
  </si>
  <si>
    <t>VELUX Wabenplissee FHC CK06 1156SWL</t>
  </si>
  <si>
    <t>FHC CK06 1163S</t>
  </si>
  <si>
    <t>5702329123006</t>
  </si>
  <si>
    <t>VELUX Wabenplissee FHC CK06 1163S</t>
  </si>
  <si>
    <t>FHC CK06 1163SWL</t>
  </si>
  <si>
    <t>5702329131568</t>
  </si>
  <si>
    <t>VELUX Wabenplissee FHC CK06 1163SWL</t>
  </si>
  <si>
    <t>FHC CK06 1164S</t>
  </si>
  <si>
    <t>5702329123013</t>
  </si>
  <si>
    <t>VELUX Wabenplissee FHC CK06 1164S</t>
  </si>
  <si>
    <t>FHC CK06 1164SWL</t>
  </si>
  <si>
    <t>5702329131575</t>
  </si>
  <si>
    <t>VELUX Wabenplissee FHC CK06 1164SWL</t>
  </si>
  <si>
    <t>FHC CK06 1165S</t>
  </si>
  <si>
    <t>5702329123020</t>
  </si>
  <si>
    <t>VELUX Wabenplissee FHC CK06 1165S</t>
  </si>
  <si>
    <t>FHC CK06 1165SWL</t>
  </si>
  <si>
    <t>5702329131582</t>
  </si>
  <si>
    <t>VELUX Wabenplissee FHC CK06 1165SWL</t>
  </si>
  <si>
    <t>FHC CK06 1166S</t>
  </si>
  <si>
    <t>5702329123037</t>
  </si>
  <si>
    <t>VELUX Wabenplissee FHC CK06 1166S</t>
  </si>
  <si>
    <t>FHC CK06 1166SWL</t>
  </si>
  <si>
    <t>5702329131599</t>
  </si>
  <si>
    <t>VELUX Wabenplissee FHC CK06 1166SWL</t>
  </si>
  <si>
    <t>FHC CK06 1167S</t>
  </si>
  <si>
    <t>5702329123044</t>
  </si>
  <si>
    <t>VELUX Wabenplissee FHC CK06 1167S</t>
  </si>
  <si>
    <t>FHC CK06 1167SWL</t>
  </si>
  <si>
    <t>5702329131605</t>
  </si>
  <si>
    <t>VELUX Wabenplissee FHC CK06 1167SWL</t>
  </si>
  <si>
    <t>FHC CK06 1168S</t>
  </si>
  <si>
    <t>5702329123051</t>
  </si>
  <si>
    <t>VELUX Wabenplissee FHC CK06 1168S</t>
  </si>
  <si>
    <t>FHC CK06 1168SWL</t>
  </si>
  <si>
    <t>5702329131612</t>
  </si>
  <si>
    <t>VELUX Wabenplissee FHC CK06 1168SWL</t>
  </si>
  <si>
    <t>FHC CK06 1169S</t>
  </si>
  <si>
    <t>5702329123068</t>
  </si>
  <si>
    <t>VELUX Wabenplissee FHC CK06 1169S</t>
  </si>
  <si>
    <t>FHC CK06 1169SWL</t>
  </si>
  <si>
    <t>5702329131629</t>
  </si>
  <si>
    <t>VELUX Wabenplissee FHC CK06 1169SWL</t>
  </si>
  <si>
    <t>FHC CK06 1170S</t>
  </si>
  <si>
    <t>5702329123075</t>
  </si>
  <si>
    <t>VELUX Wabenplissee FHC CK06 1170S</t>
  </si>
  <si>
    <t>FHC CK06 1170SWL</t>
  </si>
  <si>
    <t>5702329131636</t>
  </si>
  <si>
    <t>VELUX Wabenplissee FHC CK06 1170SWL</t>
  </si>
  <si>
    <t>FHC CK06 1171S</t>
  </si>
  <si>
    <t>5702329123082</t>
  </si>
  <si>
    <t>VELUX Wabenplissee FHC CK06 1171S</t>
  </si>
  <si>
    <t>FHC CK06 1171SWL</t>
  </si>
  <si>
    <t>5702329131643</t>
  </si>
  <si>
    <t>VELUX Wabenplissee FHC CK06 1171SWL</t>
  </si>
  <si>
    <t>FHC CK06 1172S</t>
  </si>
  <si>
    <t>5702329123099</t>
  </si>
  <si>
    <t>VELUX Wabenplissee FHC CK06 1172S</t>
  </si>
  <si>
    <t>FHC CK06 1172SWL</t>
  </si>
  <si>
    <t>5702329131650</t>
  </si>
  <si>
    <t>VELUX Wabenplissee FHC CK06 1172SWL</t>
  </si>
  <si>
    <t>FHC CK06 1173S</t>
  </si>
  <si>
    <t>5702329123105</t>
  </si>
  <si>
    <t>VELUX Wabenplissee FHC CK06 1173S</t>
  </si>
  <si>
    <t>FHC CK06 1173SWL</t>
  </si>
  <si>
    <t>5702329131667</t>
  </si>
  <si>
    <t>VELUX Wabenplissee FHC CK06 1173SWL</t>
  </si>
  <si>
    <t>FHC F04 1045S</t>
  </si>
  <si>
    <t>5702326271922</t>
  </si>
  <si>
    <t>VELUX Wabenplissee FHC F04 1045S</t>
  </si>
  <si>
    <t>FHC F04 1045SWL</t>
  </si>
  <si>
    <t>5702326271939</t>
  </si>
  <si>
    <t>VELUX Wabenplissee FHC F04 1045SWL</t>
  </si>
  <si>
    <t>FHC F04 1047S</t>
  </si>
  <si>
    <t>5702326271960</t>
  </si>
  <si>
    <t>VELUX Wabenplissee FHC F04 1047S</t>
  </si>
  <si>
    <t>FHC F04 1047SWL</t>
  </si>
  <si>
    <t>5702326271977</t>
  </si>
  <si>
    <t>VELUX Wabenplissee FHC F04 1047SWL</t>
  </si>
  <si>
    <t>FHC F04 1049S</t>
  </si>
  <si>
    <t>5702326272004</t>
  </si>
  <si>
    <t>VELUX Wabenplissee FHC F04 1049S</t>
  </si>
  <si>
    <t>FHC F04 1049SWL</t>
  </si>
  <si>
    <t>5702326272011</t>
  </si>
  <si>
    <t>VELUX Wabenplissee FHC F04 1049SWL</t>
  </si>
  <si>
    <t>FHC F04 1155S</t>
  </si>
  <si>
    <t>5702327389572</t>
  </si>
  <si>
    <t>VELUX Wabenplissee FHC F04 1155S</t>
  </si>
  <si>
    <t>FHC F04 1155SWL</t>
  </si>
  <si>
    <t>5702329131674</t>
  </si>
  <si>
    <t>VELUX Wabenplissee FHC F04 1155SWL</t>
  </si>
  <si>
    <t>FHC F04 1156S</t>
  </si>
  <si>
    <t>5702327389589</t>
  </si>
  <si>
    <t>VELUX Wabenplissee FHC F04 1156S</t>
  </si>
  <si>
    <t>FHC F04 1156SWL</t>
  </si>
  <si>
    <t>5702329131681</t>
  </si>
  <si>
    <t>VELUX Wabenplissee FHC F04 1156SWL</t>
  </si>
  <si>
    <t>FHC F04 1163S</t>
  </si>
  <si>
    <t>5702329123112</t>
  </si>
  <si>
    <t>VELUX Wabenplissee FHC F04 1163S</t>
  </si>
  <si>
    <t>FHC F04 1163SWL</t>
  </si>
  <si>
    <t>5702329131698</t>
  </si>
  <si>
    <t>VELUX Wabenplissee FHC F04 1163SWL</t>
  </si>
  <si>
    <t>FHC F04 1164SWL</t>
  </si>
  <si>
    <t>5702329131704</t>
  </si>
  <si>
    <t>VELUX Wabenplissee FHC F04 1164SWL</t>
  </si>
  <si>
    <t>FHC F04 1165S</t>
  </si>
  <si>
    <t>5702329123136</t>
  </si>
  <si>
    <t>VELUX Wabenplissee FHC F04 1165S</t>
  </si>
  <si>
    <t>FHC F04 1166S</t>
  </si>
  <si>
    <t>5702329123143</t>
  </si>
  <si>
    <t>VELUX Wabenplissee FHC F04 1166S</t>
  </si>
  <si>
    <t>FHC F04 1166SWL</t>
  </si>
  <si>
    <t>5702329131728</t>
  </si>
  <si>
    <t>VELUX Wabenplissee FHC F04 1166SWL</t>
  </si>
  <si>
    <t>FHC F04 1167S</t>
  </si>
  <si>
    <t>5702329123150</t>
  </si>
  <si>
    <t>VELUX Wabenplissee FHC F04 1167S</t>
  </si>
  <si>
    <t>FHC F04 1167SWL</t>
  </si>
  <si>
    <t>5702329131735</t>
  </si>
  <si>
    <t>VELUX Wabenplissee FHC F04 1167SWL</t>
  </si>
  <si>
    <t>FHC F04 1168SWL</t>
  </si>
  <si>
    <t>5702329131742</t>
  </si>
  <si>
    <t>VELUX Wabenplissee FHC F04 1168SWL</t>
  </si>
  <si>
    <t>FHC F04 1169S</t>
  </si>
  <si>
    <t>5702329123174</t>
  </si>
  <si>
    <t>VELUX Wabenplissee FHC F04 1169S</t>
  </si>
  <si>
    <t>FHC F04 1169SWL</t>
  </si>
  <si>
    <t>5702329131759</t>
  </si>
  <si>
    <t>VELUX Wabenplissee FHC F04 1169SWL</t>
  </si>
  <si>
    <t>FHC F04 1170SWL</t>
  </si>
  <si>
    <t>5702329131766</t>
  </si>
  <si>
    <t>VELUX Wabenplissee FHC F04 1170SWL</t>
  </si>
  <si>
    <t>FHC F04 1171S</t>
  </si>
  <si>
    <t>5702329123198</t>
  </si>
  <si>
    <t>VELUX Wabenplissee FHC F04 1171S</t>
  </si>
  <si>
    <t>FHC F04 1171SWL</t>
  </si>
  <si>
    <t>5702329131773</t>
  </si>
  <si>
    <t>VELUX Wabenplissee FHC F04 1171SWL</t>
  </si>
  <si>
    <t>FHC F04 1172S</t>
  </si>
  <si>
    <t>5702329123204</t>
  </si>
  <si>
    <t>VELUX Wabenplissee FHC F04 1172S</t>
  </si>
  <si>
    <t>FHC F04 1172SWL</t>
  </si>
  <si>
    <t>5702329131780</t>
  </si>
  <si>
    <t>VELUX Wabenplissee FHC F04 1172SWL</t>
  </si>
  <si>
    <t>FHC F04 1173S</t>
  </si>
  <si>
    <t>5702329123211</t>
  </si>
  <si>
    <t>VELUX Wabenplissee FHC F04 1173S</t>
  </si>
  <si>
    <t>FHC F04 1173SWL</t>
  </si>
  <si>
    <t>5702329131797</t>
  </si>
  <si>
    <t>VELUX Wabenplissee FHC F04 1173SWL</t>
  </si>
  <si>
    <t>FHC F06 1045S</t>
  </si>
  <si>
    <t>5702326272110</t>
  </si>
  <si>
    <t>VELUX Wabenplissee FHC F06 1045S</t>
  </si>
  <si>
    <t>FHC F06 1045SWL</t>
  </si>
  <si>
    <t>5702326272127</t>
  </si>
  <si>
    <t>VELUX Wabenplissee FHC F06 1045SWL</t>
  </si>
  <si>
    <t>FHC F06 1047S</t>
  </si>
  <si>
    <t>5702326272158</t>
  </si>
  <si>
    <t>VELUX Wabenplissee FHC F06 1047S</t>
  </si>
  <si>
    <t>FHC F06 1047SWL</t>
  </si>
  <si>
    <t>5702326272165</t>
  </si>
  <si>
    <t>VELUX Wabenplissee FHC F06 1047SWL</t>
  </si>
  <si>
    <t>FHC F06 1049S</t>
  </si>
  <si>
    <t>5702326272196</t>
  </si>
  <si>
    <t>VELUX Wabenplissee FHC F06 1049S</t>
  </si>
  <si>
    <t>FHC F06 1049SWL</t>
  </si>
  <si>
    <t>5702326272219</t>
  </si>
  <si>
    <t>VELUX Wabenplissee FHC F06 1049SWL</t>
  </si>
  <si>
    <t>FHC F06 1155S</t>
  </si>
  <si>
    <t>5702327389657</t>
  </si>
  <si>
    <t>VELUX Wabenplissee FHC F06 1155S</t>
  </si>
  <si>
    <t>FHC F06 1155SWL</t>
  </si>
  <si>
    <t>5702329131803</t>
  </si>
  <si>
    <t>VELUX Wabenplissee FHC F06 1155SWL</t>
  </si>
  <si>
    <t>FHC F06 1156S</t>
  </si>
  <si>
    <t>5702327389664</t>
  </si>
  <si>
    <t>VELUX Wabenplissee FHC F06 1156S</t>
  </si>
  <si>
    <t>FHC F06 1156SWL</t>
  </si>
  <si>
    <t>5702329131810</t>
  </si>
  <si>
    <t>VELUX Wabenplissee FHC F06 1156SWL</t>
  </si>
  <si>
    <t>FHC F06 1163S</t>
  </si>
  <si>
    <t>5702329123228</t>
  </si>
  <si>
    <t>VELUX Wabenplissee FHC F06 1163S</t>
  </si>
  <si>
    <t>FHC F06 1163SWL</t>
  </si>
  <si>
    <t>5702329131827</t>
  </si>
  <si>
    <t>VELUX Wabenplissee FHC F06 1163SWL</t>
  </si>
  <si>
    <t>FHC F06 1164S</t>
  </si>
  <si>
    <t>5702329123235</t>
  </si>
  <si>
    <t>VELUX Wabenplissee FHC F06 1164S</t>
  </si>
  <si>
    <t>FHC F06 1164SWL</t>
  </si>
  <si>
    <t>5702329131834</t>
  </si>
  <si>
    <t>VELUX Wabenplissee FHC F06 1164SWL</t>
  </si>
  <si>
    <t>FHC F06 1165S</t>
  </si>
  <si>
    <t>5702329123242</t>
  </si>
  <si>
    <t>VELUX Wabenplissee FHC F06 1165S</t>
  </si>
  <si>
    <t>FHC F06 1165SWL</t>
  </si>
  <si>
    <t>5702329131841</t>
  </si>
  <si>
    <t>VELUX Wabenplissee FHC F06 1165SWL</t>
  </si>
  <si>
    <t>FHC F06 1166S</t>
  </si>
  <si>
    <t>5702329123259</t>
  </si>
  <si>
    <t>VELUX Wabenplissee FHC F06 1166S</t>
  </si>
  <si>
    <t>FHC F06 1166SWL</t>
  </si>
  <si>
    <t>5702329131858</t>
  </si>
  <si>
    <t>VELUX Wabenplissee FHC F06 1166SWL</t>
  </si>
  <si>
    <t>FHC F06 1167S</t>
  </si>
  <si>
    <t>5702329123266</t>
  </si>
  <si>
    <t>VELUX Wabenplissee FHC F06 1167S</t>
  </si>
  <si>
    <t>FHC F06 1167SWL</t>
  </si>
  <si>
    <t>5702329131865</t>
  </si>
  <si>
    <t>VELUX Wabenplissee FHC F06 1167SWL</t>
  </si>
  <si>
    <t>FHC F06 1168S</t>
  </si>
  <si>
    <t>5702329123273</t>
  </si>
  <si>
    <t>VELUX Wabenplissee FHC F06 1168S</t>
  </si>
  <si>
    <t>FHC F06 1168SWL</t>
  </si>
  <si>
    <t>5702329131872</t>
  </si>
  <si>
    <t>VELUX Wabenplissee FHC F06 1168SWL</t>
  </si>
  <si>
    <t>FHC F06 1169S</t>
  </si>
  <si>
    <t>5702329123280</t>
  </si>
  <si>
    <t>VELUX Wabenplissee FHC F06 1169S</t>
  </si>
  <si>
    <t>FHC F06 1169SWL</t>
  </si>
  <si>
    <t>5702329131889</t>
  </si>
  <si>
    <t>VELUX Wabenplissee FHC F06 1169SWL</t>
  </si>
  <si>
    <t>FHC F06 1170S</t>
  </si>
  <si>
    <t>5702329123297</t>
  </si>
  <si>
    <t>VELUX Wabenplissee FHC F06 1170S</t>
  </si>
  <si>
    <t>FHC F06 1170SWL</t>
  </si>
  <si>
    <t>5702329131896</t>
  </si>
  <si>
    <t>VELUX Wabenplissee FHC F06 1170SWL</t>
  </si>
  <si>
    <t>FHC F06 1171S</t>
  </si>
  <si>
    <t>5702329123303</t>
  </si>
  <si>
    <t>VELUX Wabenplissee FHC F06 1171S</t>
  </si>
  <si>
    <t>FHC F06 1171SWL</t>
  </si>
  <si>
    <t>5702329131902</t>
  </si>
  <si>
    <t>VELUX Wabenplissee FHC F06 1171SWL</t>
  </si>
  <si>
    <t>FHC F06 1172S</t>
  </si>
  <si>
    <t>5702329123310</t>
  </si>
  <si>
    <t>VELUX Wabenplissee FHC F06 1172S</t>
  </si>
  <si>
    <t>FHC F06 1172SWL</t>
  </si>
  <si>
    <t>5702329131919</t>
  </si>
  <si>
    <t>VELUX Wabenplissee FHC F06 1172SWL</t>
  </si>
  <si>
    <t>FHC F06 1173S</t>
  </si>
  <si>
    <t>5702329123327</t>
  </si>
  <si>
    <t>VELUX Wabenplissee FHC F06 1173S</t>
  </si>
  <si>
    <t>FHC F06 1173SWL</t>
  </si>
  <si>
    <t>5702329131926</t>
  </si>
  <si>
    <t>VELUX Wabenplissee FHC F06 1173SWL</t>
  </si>
  <si>
    <t>FHC F08 1045S</t>
  </si>
  <si>
    <t>5702326272318</t>
  </si>
  <si>
    <t>VELUX Wabenplissee FHC F08 1045S</t>
  </si>
  <si>
    <t>FHC F08 1045SWL</t>
  </si>
  <si>
    <t>5702326272325</t>
  </si>
  <si>
    <t>VELUX Wabenplissee FHC F08 1045SWL</t>
  </si>
  <si>
    <t>FHC F08 1047S</t>
  </si>
  <si>
    <t>5702326272356</t>
  </si>
  <si>
    <t>VELUX Wabenplissee FHC F08 1047S</t>
  </si>
  <si>
    <t>FHC F08 1047SWL</t>
  </si>
  <si>
    <t>5702326272363</t>
  </si>
  <si>
    <t>VELUX Wabenplissee FHC F08 1047SWL</t>
  </si>
  <si>
    <t>FHC F08 1049S</t>
  </si>
  <si>
    <t>5702326272394</t>
  </si>
  <si>
    <t>VELUX Wabenplissee FHC F08 1049S</t>
  </si>
  <si>
    <t>FHC F08 1049SWL</t>
  </si>
  <si>
    <t>5702326272417</t>
  </si>
  <si>
    <t>VELUX Wabenplissee FHC F08 1049SWL</t>
  </si>
  <si>
    <t>FHC F08 1155S</t>
  </si>
  <si>
    <t>5702327389732</t>
  </si>
  <si>
    <t>VELUX Wabenplissee FHC F08 1155S</t>
  </si>
  <si>
    <t>FHC F08 1155SWL</t>
  </si>
  <si>
    <t>5702329131933</t>
  </si>
  <si>
    <t>VELUX Wabenplissee FHC F08 1155SWL</t>
  </si>
  <si>
    <t>FHC F08 1156S</t>
  </si>
  <si>
    <t>5702327389749</t>
  </si>
  <si>
    <t>VELUX Wabenplissee FHC F08 1156S</t>
  </si>
  <si>
    <t>FHC F08 1156SWL</t>
  </si>
  <si>
    <t>5702329131940</t>
  </si>
  <si>
    <t>VELUX Wabenplissee FHC F08 1156SWL</t>
  </si>
  <si>
    <t>FHC F08 1163S</t>
  </si>
  <si>
    <t>5702329123334</t>
  </si>
  <si>
    <t>VELUX Wabenplissee FHC F08 1163S</t>
  </si>
  <si>
    <t>FHC F08 1163SWL</t>
  </si>
  <si>
    <t>5702329131957</t>
  </si>
  <si>
    <t>VELUX Wabenplissee FHC F08 1163SWL</t>
  </si>
  <si>
    <t>FHC F08 1164S</t>
  </si>
  <si>
    <t>5702329123341</t>
  </si>
  <si>
    <t>VELUX Wabenplissee FHC F08 1164S</t>
  </si>
  <si>
    <t>FHC F08 1164SWL</t>
  </si>
  <si>
    <t>5702329131964</t>
  </si>
  <si>
    <t>VELUX Wabenplissee FHC F08 1164SWL</t>
  </si>
  <si>
    <t>FHC F08 1165SWL</t>
  </si>
  <si>
    <t>5702329131971</t>
  </si>
  <si>
    <t>VELUX Wabenplissee FHC F08 1165SWL</t>
  </si>
  <si>
    <t>FHC F08 1166S</t>
  </si>
  <si>
    <t>5702329123365</t>
  </si>
  <si>
    <t>VELUX Wabenplissee FHC F08 1166S</t>
  </si>
  <si>
    <t>FHC F08 1167S</t>
  </si>
  <si>
    <t>5702329123372</t>
  </si>
  <si>
    <t>VELUX Wabenplissee FHC F08 1167S</t>
  </si>
  <si>
    <t>FHC F08 1168S</t>
  </si>
  <si>
    <t>5702329123389</t>
  </si>
  <si>
    <t>VELUX Wabenplissee FHC F08 1168S</t>
  </si>
  <si>
    <t>FHC F08 1168SWL</t>
  </si>
  <si>
    <t>5702329132008</t>
  </si>
  <si>
    <t>VELUX Wabenplissee FHC F08 1168SWL</t>
  </si>
  <si>
    <t>FHC F08 1169SWL</t>
  </si>
  <si>
    <t>5702329132015</t>
  </si>
  <si>
    <t>VELUX Wabenplissee FHC F08 1169SWL</t>
  </si>
  <si>
    <t>FHC F08 1170S</t>
  </si>
  <si>
    <t>5702329123402</t>
  </si>
  <si>
    <t>VELUX Wabenplissee FHC F08 1170S</t>
  </si>
  <si>
    <t>FHC F08 1170SWL</t>
  </si>
  <si>
    <t>5702329132022</t>
  </si>
  <si>
    <t>VELUX Wabenplissee FHC F08 1170SWL</t>
  </si>
  <si>
    <t>FHC F08 1171S</t>
  </si>
  <si>
    <t>5702329123419</t>
  </si>
  <si>
    <t>VELUX Wabenplissee FHC F08 1171S</t>
  </si>
  <si>
    <t>FHC F08 1172S</t>
  </si>
  <si>
    <t>5702329123426</t>
  </si>
  <si>
    <t>VELUX Wabenplissee FHC F08 1172S</t>
  </si>
  <si>
    <t>FHC F08 1172SWL</t>
  </si>
  <si>
    <t>5702329132046</t>
  </si>
  <si>
    <t>VELUX Wabenplissee FHC F08 1172SWL</t>
  </si>
  <si>
    <t>FHC F08 1173S</t>
  </si>
  <si>
    <t>5702329123433</t>
  </si>
  <si>
    <t>VELUX Wabenplissee FHC F08 1173S</t>
  </si>
  <si>
    <t>FHC FK04 1045S</t>
  </si>
  <si>
    <t>5702326326509</t>
  </si>
  <si>
    <t>VELUX Wabenplissee FHC FK04 1045S</t>
  </si>
  <si>
    <t>FHC FK04 1045SWL</t>
  </si>
  <si>
    <t>5702326326516</t>
  </si>
  <si>
    <t>VELUX Wabenplissee FHC FK04 1045SWL</t>
  </si>
  <si>
    <t>FHC FK04 1047S</t>
  </si>
  <si>
    <t>5702326326547</t>
  </si>
  <si>
    <t>VELUX Wabenplissee FHC FK04 1047S</t>
  </si>
  <si>
    <t>FHC FK04 1047SWL</t>
  </si>
  <si>
    <t>5702326326554</t>
  </si>
  <si>
    <t>VELUX Wabenplissee FHC FK04 1047SWL</t>
  </si>
  <si>
    <t>FHC FK04 1049S</t>
  </si>
  <si>
    <t>5702326326585</t>
  </si>
  <si>
    <t>VELUX Wabenplissee FHC FK04 1049S</t>
  </si>
  <si>
    <t>FHC FK04 1049SWL</t>
  </si>
  <si>
    <t>5702326326592</t>
  </si>
  <si>
    <t>VELUX Wabenplissee FHC FK04 1049SWL</t>
  </si>
  <si>
    <t>FHC FK04 1155S</t>
  </si>
  <si>
    <t>5702327389817</t>
  </si>
  <si>
    <t>VELUX Wabenplissee FHC FK04 1155S</t>
  </si>
  <si>
    <t>FHC FK04 1155SWL</t>
  </si>
  <si>
    <t>5702329132060</t>
  </si>
  <si>
    <t>VELUX Wabenplissee FHC FK04 1155SWL</t>
  </si>
  <si>
    <t>FHC FK04 1156S</t>
  </si>
  <si>
    <t>5702327389824</t>
  </si>
  <si>
    <t>VELUX Wabenplissee FHC FK04 1156S</t>
  </si>
  <si>
    <t>FHC FK04 1156SWL</t>
  </si>
  <si>
    <t>5702329132077</t>
  </si>
  <si>
    <t>VELUX Wabenplissee FHC FK04 1156SWL</t>
  </si>
  <si>
    <t>FHC FK04 1163S</t>
  </si>
  <si>
    <t>5702329123440</t>
  </si>
  <si>
    <t>VELUX Wabenplissee FHC FK04 1163S</t>
  </si>
  <si>
    <t>FHC FK04 1163SWL</t>
  </si>
  <si>
    <t>5702329132084</t>
  </si>
  <si>
    <t>VELUX Wabenplissee FHC FK04 1163SWL</t>
  </si>
  <si>
    <t>FHC FK04 1164S</t>
  </si>
  <si>
    <t>5702329123457</t>
  </si>
  <si>
    <t>VELUX Wabenplissee FHC FK04 1164S</t>
  </si>
  <si>
    <t>FHC FK04 1164SWL</t>
  </si>
  <si>
    <t>5702329132091</t>
  </si>
  <si>
    <t>VELUX Wabenplissee FHC FK04 1164SWL</t>
  </si>
  <si>
    <t>FHC FK04 1165S</t>
  </si>
  <si>
    <t>5702329123464</t>
  </si>
  <si>
    <t>VELUX Wabenplissee FHC FK04 1165S</t>
  </si>
  <si>
    <t>FHC FK04 1165SWL</t>
  </si>
  <si>
    <t>5702329132107</t>
  </si>
  <si>
    <t>VELUX Wabenplissee FHC FK04 1165SWL</t>
  </si>
  <si>
    <t>FHC FK04 1166S</t>
  </si>
  <si>
    <t>5702329123471</t>
  </si>
  <si>
    <t>VELUX Wabenplissee FHC FK04 1166S</t>
  </si>
  <si>
    <t>FHC FK04 1166SWL</t>
  </si>
  <si>
    <t>5702329132114</t>
  </si>
  <si>
    <t>VELUX Wabenplissee FHC FK04 1166SWL</t>
  </si>
  <si>
    <t>FHC FK04 1167S</t>
  </si>
  <si>
    <t>5702329123488</t>
  </si>
  <si>
    <t>VELUX Wabenplissee FHC FK04 1167S</t>
  </si>
  <si>
    <t>FHC FK04 1167SWL</t>
  </si>
  <si>
    <t>5702329132121</t>
  </si>
  <si>
    <t>VELUX Wabenplissee FHC FK04 1167SWL</t>
  </si>
  <si>
    <t>FHC FK04 1168S</t>
  </si>
  <si>
    <t>5702329123495</t>
  </si>
  <si>
    <t>VELUX Wabenplissee FHC FK04 1168S</t>
  </si>
  <si>
    <t>FHC FK04 1168SWL</t>
  </si>
  <si>
    <t>5702329132138</t>
  </si>
  <si>
    <t>VELUX Wabenplissee FHC FK04 1168SWL</t>
  </si>
  <si>
    <t>FHC FK04 1169SWL</t>
  </si>
  <si>
    <t>5702329132145</t>
  </si>
  <si>
    <t>VELUX Wabenplissee FHC FK04 1169SWL</t>
  </si>
  <si>
    <t>FHC FK04 1170S</t>
  </si>
  <si>
    <t>5702329123518</t>
  </si>
  <si>
    <t>VELUX Wabenplissee FHC FK04 1170S</t>
  </si>
  <si>
    <t>FHC FK04 1170SWL</t>
  </si>
  <si>
    <t>5702329132152</t>
  </si>
  <si>
    <t>VELUX Wabenplissee FHC FK04 1170SWL</t>
  </si>
  <si>
    <t>FHC FK04 1171S</t>
  </si>
  <si>
    <t>5702329123525</t>
  </si>
  <si>
    <t>VELUX Wabenplissee FHC FK04 1171S</t>
  </si>
  <si>
    <t>FHC FK04 1171SWL</t>
  </si>
  <si>
    <t>5702329132169</t>
  </si>
  <si>
    <t>VELUX Wabenplissee FHC FK04 1171SWL</t>
  </si>
  <si>
    <t>FHC FK04 1172S</t>
  </si>
  <si>
    <t>5702329123532</t>
  </si>
  <si>
    <t>VELUX Wabenplissee FHC FK04 1172S</t>
  </si>
  <si>
    <t>FHC FK04 1172SWL</t>
  </si>
  <si>
    <t>5702329132176</t>
  </si>
  <si>
    <t>VELUX Wabenplissee FHC FK04 1172SWL</t>
  </si>
  <si>
    <t>FHC FK04 1173S</t>
  </si>
  <si>
    <t>5702329123549</t>
  </si>
  <si>
    <t>VELUX Wabenplissee FHC FK04 1173S</t>
  </si>
  <si>
    <t>FHC FK04 1173SWL</t>
  </si>
  <si>
    <t>5702329132183</t>
  </si>
  <si>
    <t>VELUX Wabenplissee FHC FK04 1173SWL</t>
  </si>
  <si>
    <t>FHC FK06 1045S</t>
  </si>
  <si>
    <t>5702326326691</t>
  </si>
  <si>
    <t>VELUX Wabenplissee FHC FK06 1045S</t>
  </si>
  <si>
    <t>FHC FK06 1045SWL</t>
  </si>
  <si>
    <t>5702326326707</t>
  </si>
  <si>
    <t>VELUX Wabenplissee FHC FK06 1045SWL</t>
  </si>
  <si>
    <t>FHC FK06 1047S</t>
  </si>
  <si>
    <t>5702326326738</t>
  </si>
  <si>
    <t>VELUX Wabenplissee FHC FK06 1047S</t>
  </si>
  <si>
    <t>FHC FK06 1047SWL</t>
  </si>
  <si>
    <t>5702326326745</t>
  </si>
  <si>
    <t>VELUX Wabenplissee FHC FK06 1047SWL</t>
  </si>
  <si>
    <t>FHC FK06 1049S</t>
  </si>
  <si>
    <t>5702326326776</t>
  </si>
  <si>
    <t>VELUX Wabenplissee FHC FK06 1049S</t>
  </si>
  <si>
    <t>FHC FK06 1049SWL</t>
  </si>
  <si>
    <t>5702326326783</t>
  </si>
  <si>
    <t>VELUX Wabenplissee FHC FK06 1049SWL</t>
  </si>
  <si>
    <t>FHC FK06 1155S</t>
  </si>
  <si>
    <t>5702327389893</t>
  </si>
  <si>
    <t>VELUX Wabenplissee FHC FK06 1155S</t>
  </si>
  <si>
    <t>FHC FK06 1155SWL</t>
  </si>
  <si>
    <t>5702329132190</t>
  </si>
  <si>
    <t>VELUX Wabenplissee FHC FK06 1155SWL</t>
  </si>
  <si>
    <t>FHC FK06 1156S</t>
  </si>
  <si>
    <t>5702327389909</t>
  </si>
  <si>
    <t>VELUX Wabenplissee FHC FK06 1156S</t>
  </si>
  <si>
    <t>FHC FK06 1156SWL</t>
  </si>
  <si>
    <t>5702329132206</t>
  </si>
  <si>
    <t>VELUX Wabenplissee FHC FK06 1156SWL</t>
  </si>
  <si>
    <t>FHC FK06 1163S</t>
  </si>
  <si>
    <t>5702329123556</t>
  </si>
  <si>
    <t>VELUX Wabenplissee FHC FK06 1163S</t>
  </si>
  <si>
    <t>FHC FK06 1163SWL</t>
  </si>
  <si>
    <t>5702329132213</t>
  </si>
  <si>
    <t>VELUX Wabenplissee FHC FK06 1163SWL</t>
  </si>
  <si>
    <t>FHC FK06 1164S</t>
  </si>
  <si>
    <t>5702329123563</t>
  </si>
  <si>
    <t>VELUX Wabenplissee FHC FK06 1164S</t>
  </si>
  <si>
    <t>FHC FK06 1164SWL</t>
  </si>
  <si>
    <t>5702329132220</t>
  </si>
  <si>
    <t>VELUX Wabenplissee FHC FK06 1164SWL</t>
  </si>
  <si>
    <t>FHC FK06 1165S</t>
  </si>
  <si>
    <t>5702329123570</t>
  </si>
  <si>
    <t>VELUX Wabenplissee FHC FK06 1165S</t>
  </si>
  <si>
    <t>FHC FK06 1165SWL</t>
  </si>
  <si>
    <t>5702329132237</t>
  </si>
  <si>
    <t>VELUX Wabenplissee FHC FK06 1165SWL</t>
  </si>
  <si>
    <t>FHC FK06 1166S</t>
  </si>
  <si>
    <t>5702329123587</t>
  </si>
  <si>
    <t>VELUX Wabenplissee FHC FK06 1166S</t>
  </si>
  <si>
    <t>FHC FK06 1166SWL</t>
  </si>
  <si>
    <t>5702329132244</t>
  </si>
  <si>
    <t>VELUX Wabenplissee FHC FK06 1166SWL</t>
  </si>
  <si>
    <t>FHC FK06 1167S</t>
  </si>
  <si>
    <t>5702329123594</t>
  </si>
  <si>
    <t>VELUX Wabenplissee FHC FK06 1167S</t>
  </si>
  <si>
    <t>FHC FK06 1167SWL</t>
  </si>
  <si>
    <t>5702329132251</t>
  </si>
  <si>
    <t>VELUX Wabenplissee FHC FK06 1167SWL</t>
  </si>
  <si>
    <t>FHC FK06 1168S</t>
  </si>
  <si>
    <t>5702329123600</t>
  </si>
  <si>
    <t>VELUX Wabenplissee FHC FK06 1168S</t>
  </si>
  <si>
    <t>FHC FK06 1168SWL</t>
  </si>
  <si>
    <t>5702329132268</t>
  </si>
  <si>
    <t>VELUX Wabenplissee FHC FK06 1168SWL</t>
  </si>
  <si>
    <t>FHC FK06 1169S</t>
  </si>
  <si>
    <t>5702329123617</t>
  </si>
  <si>
    <t>VELUX Wabenplissee FHC FK06 1169S</t>
  </si>
  <si>
    <t>FHC FK06 1169SWL</t>
  </si>
  <si>
    <t>5702329132275</t>
  </si>
  <si>
    <t>VELUX Wabenplissee FHC FK06 1169SWL</t>
  </si>
  <si>
    <t>FHC FK06 1170S</t>
  </si>
  <si>
    <t>5702329123624</t>
  </si>
  <si>
    <t>VELUX Wabenplissee FHC FK06 1170S</t>
  </si>
  <si>
    <t>FHC FK06 1170SWL</t>
  </si>
  <si>
    <t>5702329132282</t>
  </si>
  <si>
    <t>VELUX Wabenplissee FHC FK06 1170SWL</t>
  </si>
  <si>
    <t>FHC FK06 1171S</t>
  </si>
  <si>
    <t>5702329123631</t>
  </si>
  <si>
    <t>VELUX Wabenplissee FHC FK06 1171S</t>
  </si>
  <si>
    <t>FHC FK06 1171SWL</t>
  </si>
  <si>
    <t>5702329132299</t>
  </si>
  <si>
    <t>VELUX Wabenplissee FHC FK06 1171SWL</t>
  </si>
  <si>
    <t>FHC FK06 1172S</t>
  </si>
  <si>
    <t>5702329123648</t>
  </si>
  <si>
    <t>VELUX Wabenplissee FHC FK06 1172S</t>
  </si>
  <si>
    <t>FHC FK06 1172SWL</t>
  </si>
  <si>
    <t>5702329132305</t>
  </si>
  <si>
    <t>VELUX Wabenplissee FHC FK06 1172SWL</t>
  </si>
  <si>
    <t>FHC FK06 1173S</t>
  </si>
  <si>
    <t>5702329123655</t>
  </si>
  <si>
    <t>VELUX Wabenplissee FHC FK06 1173S</t>
  </si>
  <si>
    <t>FHC FK06 1173SWL</t>
  </si>
  <si>
    <t>5702329132312</t>
  </si>
  <si>
    <t>VELUX Wabenplissee FHC FK06 1173SWL</t>
  </si>
  <si>
    <t>FHC FK08 1045S</t>
  </si>
  <si>
    <t>5702326326882</t>
  </si>
  <si>
    <t>VELUX Wabenplissee FHC FK08 1045S</t>
  </si>
  <si>
    <t>FHC FK08 1045SWL</t>
  </si>
  <si>
    <t>5702326326899</t>
  </si>
  <si>
    <t>VELUX Wabenplissee FHC FK08 1045SWL</t>
  </si>
  <si>
    <t>FHC FK08 1047S</t>
  </si>
  <si>
    <t>5702326326929</t>
  </si>
  <si>
    <t>VELUX Wabenplissee FHC FK08 1047S</t>
  </si>
  <si>
    <t>FHC FK08 1047SWL</t>
  </si>
  <si>
    <t>5702326326936</t>
  </si>
  <si>
    <t>VELUX Wabenplissee FHC FK08 1047SWL</t>
  </si>
  <si>
    <t>FHC FK08 1049S</t>
  </si>
  <si>
    <t>5702326326967</t>
  </si>
  <si>
    <t>VELUX Wabenplissee FHC FK08 1049S</t>
  </si>
  <si>
    <t>FHC FK08 1049SWL</t>
  </si>
  <si>
    <t>5702326326974</t>
  </si>
  <si>
    <t>VELUX Wabenplissee FHC FK08 1049SWL</t>
  </si>
  <si>
    <t>FHC FK08 1155S</t>
  </si>
  <si>
    <t>5702327389978</t>
  </si>
  <si>
    <t>VELUX Wabenplissee FHC FK08 1155S</t>
  </si>
  <si>
    <t>FHC FK08 1155SWL</t>
  </si>
  <si>
    <t>5702329132329</t>
  </si>
  <si>
    <t>VELUX Wabenplissee FHC FK08 1155SWL</t>
  </si>
  <si>
    <t>FHC FK08 1156S</t>
  </si>
  <si>
    <t>5702327389985</t>
  </si>
  <si>
    <t>VELUX Wabenplissee FHC FK08 1156S</t>
  </si>
  <si>
    <t>FHC FK08 1156SWL</t>
  </si>
  <si>
    <t>5702329132336</t>
  </si>
  <si>
    <t>VELUX Wabenplissee FHC FK08 1156SWL</t>
  </si>
  <si>
    <t>FHC FK08 1163S</t>
  </si>
  <si>
    <t>5702329123662</t>
  </si>
  <si>
    <t>VELUX Wabenplissee FHC FK08 1163S</t>
  </si>
  <si>
    <t>FHC FK08 1163SWL</t>
  </si>
  <si>
    <t>5702329132343</t>
  </si>
  <si>
    <t>VELUX Wabenplissee FHC FK08 1163SWL</t>
  </si>
  <si>
    <t>FHC FK08 1164S</t>
  </si>
  <si>
    <t>5702329123679</t>
  </si>
  <si>
    <t>VELUX Wabenplissee FHC FK08 1164S</t>
  </si>
  <si>
    <t>FHC FK08 1164SWL</t>
  </si>
  <si>
    <t>5702329132350</t>
  </si>
  <si>
    <t>VELUX Wabenplissee FHC FK08 1164SWL</t>
  </si>
  <si>
    <t>FHC FK08 1165S</t>
  </si>
  <si>
    <t>5702329123686</t>
  </si>
  <si>
    <t>VELUX Wabenplissee FHC FK08 1165S</t>
  </si>
  <si>
    <t>FHC FK08 1165SWL</t>
  </si>
  <si>
    <t>5702329132367</t>
  </si>
  <si>
    <t>VELUX Wabenplissee FHC FK08 1165SWL</t>
  </si>
  <si>
    <t>FHC FK08 1166S</t>
  </si>
  <si>
    <t>5702329123693</t>
  </si>
  <si>
    <t>VELUX Wabenplissee FHC FK08 1166S</t>
  </si>
  <si>
    <t>FHC FK08 1166SWL</t>
  </si>
  <si>
    <t>5702329132374</t>
  </si>
  <si>
    <t>VELUX Wabenplissee FHC FK08 1166SWL</t>
  </si>
  <si>
    <t>FHC FK08 1167S</t>
  </si>
  <si>
    <t>5702329123709</t>
  </si>
  <si>
    <t>VELUX Wabenplissee FHC FK08 1167S</t>
  </si>
  <si>
    <t>FHC FK08 1167SWL</t>
  </si>
  <si>
    <t>5702329132381</t>
  </si>
  <si>
    <t>VELUX Wabenplissee FHC FK08 1167SWL</t>
  </si>
  <si>
    <t>FHC FK08 1168S</t>
  </si>
  <si>
    <t>5702329123716</t>
  </si>
  <si>
    <t>VELUX Wabenplissee FHC FK08 1168S</t>
  </si>
  <si>
    <t>FHC FK08 1168SWL</t>
  </si>
  <si>
    <t>5702329132398</t>
  </si>
  <si>
    <t>VELUX Wabenplissee FHC FK08 1168SWL</t>
  </si>
  <si>
    <t>FHC FK08 1169S</t>
  </si>
  <si>
    <t>5702329123723</t>
  </si>
  <si>
    <t>VELUX Wabenplissee FHC FK08 1169S</t>
  </si>
  <si>
    <t>FHC FK08 1169SWL</t>
  </si>
  <si>
    <t>5702329132404</t>
  </si>
  <si>
    <t>VELUX Wabenplissee FHC FK08 1169SWL</t>
  </si>
  <si>
    <t>FHC FK08 1170S</t>
  </si>
  <si>
    <t>5702329123730</t>
  </si>
  <si>
    <t>VELUX Wabenplissee FHC FK08 1170S</t>
  </si>
  <si>
    <t>FHC FK08 1170SWL</t>
  </si>
  <si>
    <t>5702329132411</t>
  </si>
  <si>
    <t>VELUX Wabenplissee FHC FK08 1170SWL</t>
  </si>
  <si>
    <t>FHC FK08 1171S</t>
  </si>
  <si>
    <t>5702329123747</t>
  </si>
  <si>
    <t>VELUX Wabenplissee FHC FK08 1171S</t>
  </si>
  <si>
    <t>FHC FK08 1171SWL</t>
  </si>
  <si>
    <t>5702329132428</t>
  </si>
  <si>
    <t>VELUX Wabenplissee FHC FK08 1171SWL</t>
  </si>
  <si>
    <t>FHC FK08 1172S</t>
  </si>
  <si>
    <t>5702329123754</t>
  </si>
  <si>
    <t>VELUX Wabenplissee FHC FK08 1172S</t>
  </si>
  <si>
    <t>FHC FK08 1172SWL</t>
  </si>
  <si>
    <t>5702329132435</t>
  </si>
  <si>
    <t>VELUX Wabenplissee FHC FK08 1172SWL</t>
  </si>
  <si>
    <t>FHC FK08 1173S</t>
  </si>
  <si>
    <t>5702329123761</t>
  </si>
  <si>
    <t>VELUX Wabenplissee FHC FK08 1173S</t>
  </si>
  <si>
    <t>FHC FK08 1173SWL</t>
  </si>
  <si>
    <t>5702329132442</t>
  </si>
  <si>
    <t>VELUX Wabenplissee FHC FK08 1173SWL</t>
  </si>
  <si>
    <t>FHC M04 1045S</t>
  </si>
  <si>
    <t>5702326272509</t>
  </si>
  <si>
    <t>VELUX Wabenplissee FHC M04 1045S</t>
  </si>
  <si>
    <t>FHC M04 1045SWL</t>
  </si>
  <si>
    <t>5702326272516</t>
  </si>
  <si>
    <t>VELUX Wabenplissee FHC M04 1045SWL</t>
  </si>
  <si>
    <t>FHC M04 1047S</t>
  </si>
  <si>
    <t>5702326272547</t>
  </si>
  <si>
    <t>VELUX Wabenplissee FHC M04 1047S</t>
  </si>
  <si>
    <t>FHC M04 1047SWL</t>
  </si>
  <si>
    <t>5702326272554</t>
  </si>
  <si>
    <t>VELUX Wabenplissee FHC M04 1047SWL</t>
  </si>
  <si>
    <t>FHC M04 1049S</t>
  </si>
  <si>
    <t>5702326272585</t>
  </si>
  <si>
    <t>VELUX Wabenplissee FHC M04 1049S</t>
  </si>
  <si>
    <t>FHC M04 1049SWL</t>
  </si>
  <si>
    <t>5702326272592</t>
  </si>
  <si>
    <t>VELUX Wabenplissee FHC M04 1049SWL</t>
  </si>
  <si>
    <t>FHC M04 1155S</t>
  </si>
  <si>
    <t>5702327390059</t>
  </si>
  <si>
    <t>VELUX Wabenplissee FHC M04 1155S</t>
  </si>
  <si>
    <t>FHC M04 1155SWL</t>
  </si>
  <si>
    <t>5702329132459</t>
  </si>
  <si>
    <t>VELUX Wabenplissee FHC M04 1155SWL</t>
  </si>
  <si>
    <t>FHC M04 1156S</t>
  </si>
  <si>
    <t>5702327390066</t>
  </si>
  <si>
    <t>VELUX Wabenplissee FHC M04 1156S</t>
  </si>
  <si>
    <t>FHC M04 1156SWL</t>
  </si>
  <si>
    <t>5702329132466</t>
  </si>
  <si>
    <t>VELUX Wabenplissee FHC M04 1156SWL</t>
  </si>
  <si>
    <t>FHC M04 1163S</t>
  </si>
  <si>
    <t>5702329123778</t>
  </si>
  <si>
    <t>VELUX Wabenplissee FHC M04 1163S</t>
  </si>
  <si>
    <t>FHC M04 1163SWL</t>
  </si>
  <si>
    <t>5702329132473</t>
  </si>
  <si>
    <t>VELUX Wabenplissee FHC M04 1163SWL</t>
  </si>
  <si>
    <t>FHC M04 1164S</t>
  </si>
  <si>
    <t>5702329123785</t>
  </si>
  <si>
    <t>VELUX Wabenplissee FHC M04 1164S</t>
  </si>
  <si>
    <t>FHC M04 1164SWL</t>
  </si>
  <si>
    <t>5702329132480</t>
  </si>
  <si>
    <t>VELUX Wabenplissee FHC M04 1164SWL</t>
  </si>
  <si>
    <t>FHC M04 1165S</t>
  </si>
  <si>
    <t>5702329123792</t>
  </si>
  <si>
    <t>VELUX Wabenplissee FHC M04 1165S</t>
  </si>
  <si>
    <t>FHC M04 1165SWL</t>
  </si>
  <si>
    <t>5702329132497</t>
  </si>
  <si>
    <t>VELUX Wabenplissee FHC M04 1165SWL</t>
  </si>
  <si>
    <t>FHC M04 1166S</t>
  </si>
  <si>
    <t>5702329123808</t>
  </si>
  <si>
    <t>VELUX Wabenplissee FHC M04 1166S</t>
  </si>
  <si>
    <t>FHC M04 1166SWL</t>
  </si>
  <si>
    <t>5702329132503</t>
  </si>
  <si>
    <t>VELUX Wabenplissee FHC M04 1166SWL</t>
  </si>
  <si>
    <t>FHC M04 1167S</t>
  </si>
  <si>
    <t>5702329123815</t>
  </si>
  <si>
    <t>VELUX Wabenplissee FHC M04 1167S</t>
  </si>
  <si>
    <t>FHC M04 1167SWL</t>
  </si>
  <si>
    <t>5702329132510</t>
  </si>
  <si>
    <t>VELUX Wabenplissee FHC M04 1167SWL</t>
  </si>
  <si>
    <t>FHC M04 1168S</t>
  </si>
  <si>
    <t>5702329123822</t>
  </si>
  <si>
    <t>VELUX Wabenplissee FHC M04 1168S</t>
  </si>
  <si>
    <t>FHC M04 1168SWL</t>
  </si>
  <si>
    <t>5702329132527</t>
  </si>
  <si>
    <t>VELUX Wabenplissee FHC M04 1168SWL</t>
  </si>
  <si>
    <t>FHC M04 1169S</t>
  </si>
  <si>
    <t>5702329123839</t>
  </si>
  <si>
    <t>VELUX Wabenplissee FHC M04 1169S</t>
  </si>
  <si>
    <t>FHC M04 1169SWL</t>
  </si>
  <si>
    <t>5702329132534</t>
  </si>
  <si>
    <t>VELUX Wabenplissee FHC M04 1169SWL</t>
  </si>
  <si>
    <t>FHC M04 1170S</t>
  </si>
  <si>
    <t>5702329123846</t>
  </si>
  <si>
    <t>VELUX Wabenplissee FHC M04 1170S</t>
  </si>
  <si>
    <t>FHC M04 1170SWL</t>
  </si>
  <si>
    <t>5702329132541</t>
  </si>
  <si>
    <t>VELUX Wabenplissee FHC M04 1170SWL</t>
  </si>
  <si>
    <t>FHC M04 1171S</t>
  </si>
  <si>
    <t>5702329123853</t>
  </si>
  <si>
    <t>VELUX Wabenplissee FHC M04 1171S</t>
  </si>
  <si>
    <t>FHC M04 1171SWL</t>
  </si>
  <si>
    <t>5702329132558</t>
  </si>
  <si>
    <t>VELUX Wabenplissee FHC M04 1171SWL</t>
  </si>
  <si>
    <t>FHC M04 1172S</t>
  </si>
  <si>
    <t>5702329123860</t>
  </si>
  <si>
    <t>VELUX Wabenplissee FHC M04 1172S</t>
  </si>
  <si>
    <t>FHC M04 1172SWL</t>
  </si>
  <si>
    <t>5702329132565</t>
  </si>
  <si>
    <t>VELUX Wabenplissee FHC M04 1172SWL</t>
  </si>
  <si>
    <t>FHC M04 1173S</t>
  </si>
  <si>
    <t>5702329123877</t>
  </si>
  <si>
    <t>VELUX Wabenplissee FHC M04 1173S</t>
  </si>
  <si>
    <t>FHC M04 1173SWL</t>
  </si>
  <si>
    <t>5702329132572</t>
  </si>
  <si>
    <t>VELUX Wabenplissee FHC M04 1173SWL</t>
  </si>
  <si>
    <t>FHC M06 1045S</t>
  </si>
  <si>
    <t>5702326272691</t>
  </si>
  <si>
    <t>VELUX Wabenplissee FHC M06 1045S</t>
  </si>
  <si>
    <t>FHC M06 1045SWL</t>
  </si>
  <si>
    <t>5702326272707</t>
  </si>
  <si>
    <t>VELUX Wabenplissee FHC M06 1045SWL</t>
  </si>
  <si>
    <t>FHC M06 1047S</t>
  </si>
  <si>
    <t>5702326272738</t>
  </si>
  <si>
    <t>VELUX Wabenplissee FHC M06 1047S</t>
  </si>
  <si>
    <t>FHC M06 1047SWL</t>
  </si>
  <si>
    <t>5702326272745</t>
  </si>
  <si>
    <t>VELUX Wabenplissee FHC M06 1047SWL</t>
  </si>
  <si>
    <t>FHC M06 1049S</t>
  </si>
  <si>
    <t>5702326272776</t>
  </si>
  <si>
    <t>VELUX Wabenplissee FHC M06 1049S</t>
  </si>
  <si>
    <t>FHC M06 1049SWL</t>
  </si>
  <si>
    <t>5702326272783</t>
  </si>
  <si>
    <t>VELUX Wabenplissee FHC M06 1049SWL</t>
  </si>
  <si>
    <t>FHC M06 1155S</t>
  </si>
  <si>
    <t>5702327390134</t>
  </si>
  <si>
    <t>VELUX Wabenplissee FHC M06 1155S</t>
  </si>
  <si>
    <t>FHC M06 1155SWL</t>
  </si>
  <si>
    <t>5702329132589</t>
  </si>
  <si>
    <t>VELUX Wabenplissee FHC M06 1155SWL</t>
  </si>
  <si>
    <t>FHC M06 1156S</t>
  </si>
  <si>
    <t>5702327390141</t>
  </si>
  <si>
    <t>VELUX Wabenplissee FHC M06 1156S</t>
  </si>
  <si>
    <t>FHC M06 1156SWL</t>
  </si>
  <si>
    <t>5702329132596</t>
  </si>
  <si>
    <t>VELUX Wabenplissee FHC M06 1156SWL</t>
  </si>
  <si>
    <t>FHC M06 1163S</t>
  </si>
  <si>
    <t>5702329123884</t>
  </si>
  <si>
    <t>VELUX Wabenplissee FHC M06 1163S</t>
  </si>
  <si>
    <t>FHC M06 1163SWL</t>
  </si>
  <si>
    <t>5702329132602</t>
  </si>
  <si>
    <t>VELUX Wabenplissee FHC M06 1163SWL</t>
  </si>
  <si>
    <t>FHC M06 1164S</t>
  </si>
  <si>
    <t>5702329123891</t>
  </si>
  <si>
    <t>VELUX Wabenplissee FHC M06 1164S</t>
  </si>
  <si>
    <t>FHC M06 1164SWL</t>
  </si>
  <si>
    <t>5702329132619</t>
  </si>
  <si>
    <t>VELUX Wabenplissee FHC M06 1164SWL</t>
  </si>
  <si>
    <t>FHC M06 1165S</t>
  </si>
  <si>
    <t>5702329123907</t>
  </si>
  <si>
    <t>VELUX Wabenplissee FHC M06 1165S</t>
  </si>
  <si>
    <t>FHC M06 1165SWL</t>
  </si>
  <si>
    <t>5702329132626</t>
  </si>
  <si>
    <t>VELUX Wabenplissee FHC M06 1165SWL</t>
  </si>
  <si>
    <t>FHC M06 1166S</t>
  </si>
  <si>
    <t>5702329123914</t>
  </si>
  <si>
    <t>VELUX Wabenplissee FHC M06 1166S</t>
  </si>
  <si>
    <t>FHC M06 1166SWL</t>
  </si>
  <si>
    <t>5702329132633</t>
  </si>
  <si>
    <t>VELUX Wabenplissee FHC M06 1166SWL</t>
  </si>
  <si>
    <t>FHC M06 1167S</t>
  </si>
  <si>
    <t>5702329123921</t>
  </si>
  <si>
    <t>VELUX Wabenplissee FHC M06 1167S</t>
  </si>
  <si>
    <t>FHC M06 1167SWL</t>
  </si>
  <si>
    <t>5702329132640</t>
  </si>
  <si>
    <t>VELUX Wabenplissee FHC M06 1167SWL</t>
  </si>
  <si>
    <t>FHC M06 1168S</t>
  </si>
  <si>
    <t>5702329123938</t>
  </si>
  <si>
    <t>VELUX Wabenplissee FHC M06 1168S</t>
  </si>
  <si>
    <t>FHC M06 1168SWL</t>
  </si>
  <si>
    <t>5702329132657</t>
  </si>
  <si>
    <t>VELUX Wabenplissee FHC M06 1168SWL</t>
  </si>
  <si>
    <t>FHC M06 1169S</t>
  </si>
  <si>
    <t>5702329123945</t>
  </si>
  <si>
    <t>VELUX Wabenplissee FHC M06 1169S</t>
  </si>
  <si>
    <t>FHC M06 1169SWL</t>
  </si>
  <si>
    <t>5702329132664</t>
  </si>
  <si>
    <t>VELUX Wabenplissee FHC M06 1169SWL</t>
  </si>
  <si>
    <t>FHC M06 1170S</t>
  </si>
  <si>
    <t>5702329123952</t>
  </si>
  <si>
    <t>VELUX Wabenplissee FHC M06 1170S</t>
  </si>
  <si>
    <t>FHC M06 1170SWL</t>
  </si>
  <si>
    <t>5702329132671</t>
  </si>
  <si>
    <t>VELUX Wabenplissee FHC M06 1170SWL</t>
  </si>
  <si>
    <t>FHC M06 1171S</t>
  </si>
  <si>
    <t>5702329123969</t>
  </si>
  <si>
    <t>VELUX Wabenplissee FHC M06 1171S</t>
  </si>
  <si>
    <t>FHC M06 1171SWL</t>
  </si>
  <si>
    <t>5702329132688</t>
  </si>
  <si>
    <t>VELUX Wabenplissee FHC M06 1171SWL</t>
  </si>
  <si>
    <t>FHC M06 1172S</t>
  </si>
  <si>
    <t>5702329123976</t>
  </si>
  <si>
    <t>VELUX Wabenplissee FHC M06 1172S</t>
  </si>
  <si>
    <t>FHC M06 1172SWL</t>
  </si>
  <si>
    <t>5702329132695</t>
  </si>
  <si>
    <t>VELUX Wabenplissee FHC M06 1172SWL</t>
  </si>
  <si>
    <t>FHC M06 1173S</t>
  </si>
  <si>
    <t>5702329123983</t>
  </si>
  <si>
    <t>VELUX Wabenplissee FHC M06 1173S</t>
  </si>
  <si>
    <t>FHC M06 1173SWL</t>
  </si>
  <si>
    <t>5702329132701</t>
  </si>
  <si>
    <t>VELUX Wabenplissee FHC M06 1173SWL</t>
  </si>
  <si>
    <t>FHC M08 1045S</t>
  </si>
  <si>
    <t>5702326272882</t>
  </si>
  <si>
    <t>VELUX Wabenplissee FHC M08 1045S</t>
  </si>
  <si>
    <t>FHC M08 1045SWL</t>
  </si>
  <si>
    <t>5702326272899</t>
  </si>
  <si>
    <t>VELUX Wabenplissee FHC M08 1045SWL</t>
  </si>
  <si>
    <t>FHC M08 1047S</t>
  </si>
  <si>
    <t>5702326272929</t>
  </si>
  <si>
    <t>VELUX Wabenplissee FHC M08 1047S</t>
  </si>
  <si>
    <t>FHC M08 1047SWL</t>
  </si>
  <si>
    <t>5702326272936</t>
  </si>
  <si>
    <t>VELUX Wabenplissee FHC M08 1047SWL</t>
  </si>
  <si>
    <t>FHC M08 1049S</t>
  </si>
  <si>
    <t>5702326272967</t>
  </si>
  <si>
    <t>VELUX Wabenplissee FHC M08 1049S</t>
  </si>
  <si>
    <t>FHC M08 1049SWL</t>
  </si>
  <si>
    <t>5702326272974</t>
  </si>
  <si>
    <t>VELUX Wabenplissee FHC M08 1049SWL</t>
  </si>
  <si>
    <t>FHC M08 1155S</t>
  </si>
  <si>
    <t>5702327390219</t>
  </si>
  <si>
    <t>VELUX Wabenplissee FHC M08 1155S</t>
  </si>
  <si>
    <t>FHC M08 1155SWL</t>
  </si>
  <si>
    <t>5702329132718</t>
  </si>
  <si>
    <t>VELUX Wabenplissee FHC M08 1155SWL</t>
  </si>
  <si>
    <t>FHC M08 1156S</t>
  </si>
  <si>
    <t>5702327390226</t>
  </si>
  <si>
    <t>VELUX Wabenplissee FHC M08 1156S</t>
  </si>
  <si>
    <t>FHC M08 1156SWL</t>
  </si>
  <si>
    <t>5702329132725</t>
  </si>
  <si>
    <t>VELUX Wabenplissee FHC M08 1156SWL</t>
  </si>
  <si>
    <t>FHC M08 1163S</t>
  </si>
  <si>
    <t>5702329123990</t>
  </si>
  <si>
    <t>VELUX Wabenplissee FHC M08 1163S</t>
  </si>
  <si>
    <t>FHC M08 1163SWL</t>
  </si>
  <si>
    <t>5702329132732</t>
  </si>
  <si>
    <t>VELUX Wabenplissee FHC M08 1163SWL</t>
  </si>
  <si>
    <t>FHC M08 1164S</t>
  </si>
  <si>
    <t>5702329124003</t>
  </si>
  <si>
    <t>VELUX Wabenplissee FHC M08 1164S</t>
  </si>
  <si>
    <t>FHC M08 1164SWL</t>
  </si>
  <si>
    <t>5702329132749</t>
  </si>
  <si>
    <t>VELUX Wabenplissee FHC M08 1164SWL</t>
  </si>
  <si>
    <t>FHC M08 1165S</t>
  </si>
  <si>
    <t>5702329124010</t>
  </si>
  <si>
    <t>VELUX Wabenplissee FHC M08 1165S</t>
  </si>
  <si>
    <t>FHC M08 1165SWL</t>
  </si>
  <si>
    <t>5702329132756</t>
  </si>
  <si>
    <t>VELUX Wabenplissee FHC M08 1165SWL</t>
  </si>
  <si>
    <t>FHC M08 1166S</t>
  </si>
  <si>
    <t>5702329124027</t>
  </si>
  <si>
    <t>VELUX Wabenplissee FHC M08 1166S</t>
  </si>
  <si>
    <t>FHC M08 1166SWL</t>
  </si>
  <si>
    <t>5702329132763</t>
  </si>
  <si>
    <t>VELUX Wabenplissee FHC M08 1166SWL</t>
  </si>
  <si>
    <t>FHC M08 1167S</t>
  </si>
  <si>
    <t>5702329124034</t>
  </si>
  <si>
    <t>VELUX Wabenplissee FHC M08 1167S</t>
  </si>
  <si>
    <t>FHC M08 1167SWL</t>
  </si>
  <si>
    <t>5702329132770</t>
  </si>
  <si>
    <t>VELUX Wabenplissee FHC M08 1167SWL</t>
  </si>
  <si>
    <t>FHC M08 1168S</t>
  </si>
  <si>
    <t>5702329124041</t>
  </si>
  <si>
    <t>VELUX Wabenplissee FHC M08 1168S</t>
  </si>
  <si>
    <t>FHC M08 1168SWL</t>
  </si>
  <si>
    <t>5702329132787</t>
  </si>
  <si>
    <t>VELUX Wabenplissee FHC M08 1168SWL</t>
  </si>
  <si>
    <t>FHC M08 1169S</t>
  </si>
  <si>
    <t>5702329124058</t>
  </si>
  <si>
    <t>VELUX Wabenplissee FHC M08 1169S</t>
  </si>
  <si>
    <t>FHC M08 1169SWL</t>
  </si>
  <si>
    <t>5702329132794</t>
  </si>
  <si>
    <t>VELUX Wabenplissee FHC M08 1169SWL</t>
  </si>
  <si>
    <t>FHC M08 1170S</t>
  </si>
  <si>
    <t>5702329124065</t>
  </si>
  <si>
    <t>VELUX Wabenplissee FHC M08 1170S</t>
  </si>
  <si>
    <t>FHC M08 1170SWL</t>
  </si>
  <si>
    <t>5702329132800</t>
  </si>
  <si>
    <t>VELUX Wabenplissee FHC M08 1170SWL</t>
  </si>
  <si>
    <t>FHC M08 1171S</t>
  </si>
  <si>
    <t>5702329124072</t>
  </si>
  <si>
    <t>VELUX Wabenplissee FHC M08 1171S</t>
  </si>
  <si>
    <t>FHC M08 1171SWL</t>
  </si>
  <si>
    <t>5702329132817</t>
  </si>
  <si>
    <t>VELUX Wabenplissee FHC M08 1171SWL</t>
  </si>
  <si>
    <t>FHC M08 1172S</t>
  </si>
  <si>
    <t>5702329124089</t>
  </si>
  <si>
    <t>VELUX Wabenplissee FHC M08 1172S</t>
  </si>
  <si>
    <t>FHC M08 1172SWL</t>
  </si>
  <si>
    <t>5702329132824</t>
  </si>
  <si>
    <t>VELUX Wabenplissee FHC M08 1172SWL</t>
  </si>
  <si>
    <t>FHC M08 1173S</t>
  </si>
  <si>
    <t>5702329124096</t>
  </si>
  <si>
    <t>VELUX Wabenplissee FHC M08 1173S</t>
  </si>
  <si>
    <t>FHC M08 1173SWL</t>
  </si>
  <si>
    <t>5702329132831</t>
  </si>
  <si>
    <t>VELUX Wabenplissee FHC M08 1173SWL</t>
  </si>
  <si>
    <t>FHC M10 1045S</t>
  </si>
  <si>
    <t>5702326273063</t>
  </si>
  <si>
    <t>VELUX Wabenplissee FHC M10 1045S</t>
  </si>
  <si>
    <t>FHC M10 1045SWL</t>
  </si>
  <si>
    <t>5702326273070</t>
  </si>
  <si>
    <t>VELUX Wabenplissee FHC M10 1045SWL</t>
  </si>
  <si>
    <t>FHC M10 1047S</t>
  </si>
  <si>
    <t>5702326273117</t>
  </si>
  <si>
    <t>VELUX Wabenplissee FHC M10 1047S</t>
  </si>
  <si>
    <t>FHC M10 1047SWL</t>
  </si>
  <si>
    <t>5702326273124</t>
  </si>
  <si>
    <t>VELUX Wabenplissee FHC M10 1047SWL</t>
  </si>
  <si>
    <t>FHC M10 1049S</t>
  </si>
  <si>
    <t>5702326273155</t>
  </si>
  <si>
    <t>VELUX Wabenplissee FHC M10 1049S</t>
  </si>
  <si>
    <t>FHC M10 1049SWL</t>
  </si>
  <si>
    <t>5702326273162</t>
  </si>
  <si>
    <t>VELUX Wabenplissee FHC M10 1049SWL</t>
  </si>
  <si>
    <t>FHC M10 1155S</t>
  </si>
  <si>
    <t>5702327390295</t>
  </si>
  <si>
    <t>VELUX Wabenplissee FHC M10 1155S</t>
  </si>
  <si>
    <t>FHC M10 1155SWL</t>
  </si>
  <si>
    <t>5702329132848</t>
  </si>
  <si>
    <t>VELUX Wabenplissee FHC M10 1155SWL</t>
  </si>
  <si>
    <t>FHC M10 1156S</t>
  </si>
  <si>
    <t>5702327390301</t>
  </si>
  <si>
    <t>VELUX Wabenplissee FHC M10 1156S</t>
  </si>
  <si>
    <t>FHC M10 1156SWL</t>
  </si>
  <si>
    <t>5702329132855</t>
  </si>
  <si>
    <t>VELUX Wabenplissee FHC M10 1156SWL</t>
  </si>
  <si>
    <t>FHC M10 1163S</t>
  </si>
  <si>
    <t>5702329124102</t>
  </si>
  <si>
    <t>VELUX Wabenplissee FHC M10 1163S</t>
  </si>
  <si>
    <t>FHC M10 1163SWL</t>
  </si>
  <si>
    <t>5702329132862</t>
  </si>
  <si>
    <t>VELUX Wabenplissee FHC M10 1163SWL</t>
  </si>
  <si>
    <t>FHC M10 1164S</t>
  </si>
  <si>
    <t>5702329124119</t>
  </si>
  <si>
    <t>VELUX Wabenplissee FHC M10 1164S</t>
  </si>
  <si>
    <t>FHC M10 1164SWL</t>
  </si>
  <si>
    <t>5702329132879</t>
  </si>
  <si>
    <t>VELUX Wabenplissee FHC M10 1164SWL</t>
  </si>
  <si>
    <t>FHC M10 1165S</t>
  </si>
  <si>
    <t>5702329124126</t>
  </si>
  <si>
    <t>VELUX Wabenplissee FHC M10 1165S</t>
  </si>
  <si>
    <t>FHC M10 1165SWL</t>
  </si>
  <si>
    <t>5702329132886</t>
  </si>
  <si>
    <t>VELUX Wabenplissee FHC M10 1165SWL</t>
  </si>
  <si>
    <t>FHC M10 1166S</t>
  </si>
  <si>
    <t>5702329124133</t>
  </si>
  <si>
    <t>VELUX Wabenplissee FHC M10 1166S</t>
  </si>
  <si>
    <t>FHC M10 1166SWL</t>
  </si>
  <si>
    <t>5702329132893</t>
  </si>
  <si>
    <t>VELUX Wabenplissee FHC M10 1166SWL</t>
  </si>
  <si>
    <t>FHC M10 1167S</t>
  </si>
  <si>
    <t>5702329124140</t>
  </si>
  <si>
    <t>VELUX Wabenplissee FHC M10 1167S</t>
  </si>
  <si>
    <t>FHC M10 1167SWL</t>
  </si>
  <si>
    <t>5702329132909</t>
  </si>
  <si>
    <t>VELUX Wabenplissee FHC M10 1167SWL</t>
  </si>
  <si>
    <t>FHC M10 1168S</t>
  </si>
  <si>
    <t>5702329124157</t>
  </si>
  <si>
    <t>VELUX Wabenplissee FHC M10 1168S</t>
  </si>
  <si>
    <t>FHC M10 1168SWL</t>
  </si>
  <si>
    <t>5702329132916</t>
  </si>
  <si>
    <t>VELUX Wabenplissee FHC M10 1168SWL</t>
  </si>
  <si>
    <t>FHC M10 1169S</t>
  </si>
  <si>
    <t>5702329124164</t>
  </si>
  <si>
    <t>VELUX Wabenplissee FHC M10 1169S</t>
  </si>
  <si>
    <t>FHC M10 1169SWL</t>
  </si>
  <si>
    <t>5702329132923</t>
  </si>
  <si>
    <t>VELUX Wabenplissee FHC M10 1169SWL</t>
  </si>
  <si>
    <t>FHC M10 1170S</t>
  </si>
  <si>
    <t>5702329124171</t>
  </si>
  <si>
    <t>VELUX Wabenplissee FHC M10 1170S</t>
  </si>
  <si>
    <t>FHC M10 1170SWL</t>
  </si>
  <si>
    <t>5702329132930</t>
  </si>
  <si>
    <t>VELUX Wabenplissee FHC M10 1170SWL</t>
  </si>
  <si>
    <t>FHC M10 1171S</t>
  </si>
  <si>
    <t>5702329124188</t>
  </si>
  <si>
    <t>VELUX Wabenplissee FHC M10 1171S</t>
  </si>
  <si>
    <t>FHC M10 1171SWL</t>
  </si>
  <si>
    <t>5702329132947</t>
  </si>
  <si>
    <t>VELUX Wabenplissee FHC M10 1171SWL</t>
  </si>
  <si>
    <t>FHC M10 1172S</t>
  </si>
  <si>
    <t>5702329124195</t>
  </si>
  <si>
    <t>VELUX Wabenplissee FHC M10 1172S</t>
  </si>
  <si>
    <t>FHC M10 1172SWL</t>
  </si>
  <si>
    <t>5702329132954</t>
  </si>
  <si>
    <t>VELUX Wabenplissee FHC M10 1172SWL</t>
  </si>
  <si>
    <t>FHC M10 1173S</t>
  </si>
  <si>
    <t>5702329124201</t>
  </si>
  <si>
    <t>VELUX Wabenplissee FHC M10 1173S</t>
  </si>
  <si>
    <t>FHC M10 1173SWL</t>
  </si>
  <si>
    <t>5702329132961</t>
  </si>
  <si>
    <t>VELUX Wabenplissee FHC M10 1173SWL</t>
  </si>
  <si>
    <t>FHC M31 1045S</t>
  </si>
  <si>
    <t>5702326273650</t>
  </si>
  <si>
    <t>VELUX Wabenplissee FHC M31 1045S</t>
  </si>
  <si>
    <t>FHC M31 1045SWL</t>
  </si>
  <si>
    <t>5702326273667</t>
  </si>
  <si>
    <t>VELUX Wabenplissee FHC M31 1045SWL</t>
  </si>
  <si>
    <t>FHC M31 1047S</t>
  </si>
  <si>
    <t>5702326273698</t>
  </si>
  <si>
    <t>VELUX Wabenplissee FHC M31 1047S</t>
  </si>
  <si>
    <t>FHC M31 1047SWL</t>
  </si>
  <si>
    <t>5702326273704</t>
  </si>
  <si>
    <t>VELUX Wabenplissee FHC M31 1047SWL</t>
  </si>
  <si>
    <t>FHC M31 1049S</t>
  </si>
  <si>
    <t>5702326273735</t>
  </si>
  <si>
    <t>VELUX Wabenplissee FHC M31 1049S</t>
  </si>
  <si>
    <t>FHC M31 1155S</t>
  </si>
  <si>
    <t>5702327390530</t>
  </si>
  <si>
    <t>VELUX Wabenplissee FHC M31 1155S</t>
  </si>
  <si>
    <t>FHC M31 1155SWL</t>
  </si>
  <si>
    <t>5702329224161</t>
  </si>
  <si>
    <t>VELUX Wabenplissee FHC M31 1155SWL</t>
  </si>
  <si>
    <t>FHC M31 1156SWL</t>
  </si>
  <si>
    <t>5702329224178</t>
  </si>
  <si>
    <t>VELUX Wabenplissee FHC M31 1156SWL</t>
  </si>
  <si>
    <t>FHC M31 1163S</t>
  </si>
  <si>
    <t>5702329124430</t>
  </si>
  <si>
    <t>VELUX Wabenplissee FHC M31 1163S</t>
  </si>
  <si>
    <t>FHC M31 1163SWL</t>
  </si>
  <si>
    <t>5702329224185</t>
  </si>
  <si>
    <t>VELUX Wabenplissee FHC M31 1163SWL</t>
  </si>
  <si>
    <t>FHC M31 1164SWL</t>
  </si>
  <si>
    <t>5702329224192</t>
  </si>
  <si>
    <t>VELUX Wabenplissee FHC M31 1164SWL</t>
  </si>
  <si>
    <t>FHC M31 1165S</t>
  </si>
  <si>
    <t>5702329124454</t>
  </si>
  <si>
    <t>VELUX Wabenplissee FHC M31 1165S</t>
  </si>
  <si>
    <t>FHC M31 1166S</t>
  </si>
  <si>
    <t>5702329124461</t>
  </si>
  <si>
    <t>VELUX Wabenplissee FHC M31 1166S</t>
  </si>
  <si>
    <t>FHC M31 1166SWL</t>
  </si>
  <si>
    <t>5702329224215</t>
  </si>
  <si>
    <t>VELUX Wabenplissee FHC M31 1166SWL</t>
  </si>
  <si>
    <t>FHC M31 1168S</t>
  </si>
  <si>
    <t>5702329124485</t>
  </si>
  <si>
    <t>VELUX Wabenplissee FHC M31 1168S</t>
  </si>
  <si>
    <t>FHC M31 1170S</t>
  </si>
  <si>
    <t>5702329124508</t>
  </si>
  <si>
    <t>VELUX Wabenplissee FHC M31 1170S</t>
  </si>
  <si>
    <t>FHC M31 1171S</t>
  </si>
  <si>
    <t>5702329124515</t>
  </si>
  <si>
    <t>VELUX Wabenplissee FHC M31 1171S</t>
  </si>
  <si>
    <t>FHC M31 1172S</t>
  </si>
  <si>
    <t>5702329124522</t>
  </si>
  <si>
    <t>VELUX Wabenplissee FHC M31 1172S</t>
  </si>
  <si>
    <t>FHC M31 1172SWL</t>
  </si>
  <si>
    <t>5702329224277</t>
  </si>
  <si>
    <t>VELUX Wabenplissee FHC M31 1172SWL</t>
  </si>
  <si>
    <t>FHC M31 1173S</t>
  </si>
  <si>
    <t>5702329124539</t>
  </si>
  <si>
    <t>VELUX Wabenplissee FHC M31 1173S</t>
  </si>
  <si>
    <t>FHC MK04 1045S</t>
  </si>
  <si>
    <t>5702326327063</t>
  </si>
  <si>
    <t>VELUX Wabenplissee FHC MK04 1045S</t>
  </si>
  <si>
    <t>FHC MK04 1045SWL</t>
  </si>
  <si>
    <t>5702326327070</t>
  </si>
  <si>
    <t>VELUX Wabenplissee FHC MK04 1045SWL</t>
  </si>
  <si>
    <t>FHC MK04 1047S</t>
  </si>
  <si>
    <t>5702326327117</t>
  </si>
  <si>
    <t>VELUX Wabenplissee FHC MK04 1047S</t>
  </si>
  <si>
    <t>FHC MK04 1047SWL</t>
  </si>
  <si>
    <t>5702326327124</t>
  </si>
  <si>
    <t>VELUX Wabenplissee FHC MK04 1047SWL</t>
  </si>
  <si>
    <t>FHC MK04 1049S</t>
  </si>
  <si>
    <t>5702326327155</t>
  </si>
  <si>
    <t>VELUX Wabenplissee FHC MK04 1049S</t>
  </si>
  <si>
    <t>FHC MK04 1049SWL</t>
  </si>
  <si>
    <t>5702326327162</t>
  </si>
  <si>
    <t>VELUX Wabenplissee FHC MK04 1049SWL</t>
  </si>
  <si>
    <t>FHC MK04 1155S</t>
  </si>
  <si>
    <t>5702327390691</t>
  </si>
  <si>
    <t>VELUX Wabenplissee FHC MK04 1155S</t>
  </si>
  <si>
    <t>FHC MK04 1155SWL</t>
  </si>
  <si>
    <t>5702329133234</t>
  </si>
  <si>
    <t>VELUX Wabenplissee FHC MK04 1155SWL</t>
  </si>
  <si>
    <t>FHC MK04 1156S</t>
  </si>
  <si>
    <t>5702327390707</t>
  </si>
  <si>
    <t>VELUX Wabenplissee FHC MK04 1156S</t>
  </si>
  <si>
    <t>FHC MK04 1156SWL</t>
  </si>
  <si>
    <t>5702329133241</t>
  </si>
  <si>
    <t>VELUX Wabenplissee FHC MK04 1156SWL</t>
  </si>
  <si>
    <t>FHC MK04 1163S</t>
  </si>
  <si>
    <t>5702329124652</t>
  </si>
  <si>
    <t>VELUX Wabenplissee FHC MK04 1163S</t>
  </si>
  <si>
    <t>FHC MK04 1163SWL</t>
  </si>
  <si>
    <t>5702329133258</t>
  </si>
  <si>
    <t>VELUX Wabenplissee FHC MK04 1163SWL</t>
  </si>
  <si>
    <t>FHC MK04 1164S</t>
  </si>
  <si>
    <t>5702329124669</t>
  </si>
  <si>
    <t>VELUX Wabenplissee FHC MK04 1164S</t>
  </si>
  <si>
    <t>FHC MK04 1164SWL</t>
  </si>
  <si>
    <t>5702329133265</t>
  </si>
  <si>
    <t>VELUX Wabenplissee FHC MK04 1164SWL</t>
  </si>
  <si>
    <t>FHC MK04 1165S</t>
  </si>
  <si>
    <t>5702329124676</t>
  </si>
  <si>
    <t>VELUX Wabenplissee FHC MK04 1165S</t>
  </si>
  <si>
    <t>FHC MK04 1165SWL</t>
  </si>
  <si>
    <t>5702329133272</t>
  </si>
  <si>
    <t>VELUX Wabenplissee FHC MK04 1165SWL</t>
  </si>
  <si>
    <t>FHC MK04 1166S</t>
  </si>
  <si>
    <t>5702329124683</t>
  </si>
  <si>
    <t>VELUX Wabenplissee FHC MK04 1166S</t>
  </si>
  <si>
    <t>FHC MK04 1166SWL</t>
  </si>
  <si>
    <t>5702329133289</t>
  </si>
  <si>
    <t>VELUX Wabenplissee FHC MK04 1166SWL</t>
  </si>
  <si>
    <t>FHC MK04 1167S</t>
  </si>
  <si>
    <t>5702329124690</t>
  </si>
  <si>
    <t>VELUX Wabenplissee FHC MK04 1167S</t>
  </si>
  <si>
    <t>FHC MK04 1167SWL</t>
  </si>
  <si>
    <t>5702329133296</t>
  </si>
  <si>
    <t>VELUX Wabenplissee FHC MK04 1167SWL</t>
  </si>
  <si>
    <t>FHC MK04 1168S</t>
  </si>
  <si>
    <t>5702329124706</t>
  </si>
  <si>
    <t>VELUX Wabenplissee FHC MK04 1168S</t>
  </si>
  <si>
    <t>FHC MK04 1168SWL</t>
  </si>
  <si>
    <t>5702329133302</t>
  </si>
  <si>
    <t>VELUX Wabenplissee FHC MK04 1168SWL</t>
  </si>
  <si>
    <t>FHC MK04 1169S</t>
  </si>
  <si>
    <t>5702329124713</t>
  </si>
  <si>
    <t>VELUX Wabenplissee FHC MK04 1169S</t>
  </si>
  <si>
    <t>FHC MK04 1169SWL</t>
  </si>
  <si>
    <t>5702329133319</t>
  </si>
  <si>
    <t>VELUX Wabenplissee FHC MK04 1169SWL</t>
  </si>
  <si>
    <t>FHC MK04 1170S</t>
  </si>
  <si>
    <t>5702329124720</t>
  </si>
  <si>
    <t>VELUX Wabenplissee FHC MK04 1170S</t>
  </si>
  <si>
    <t>FHC MK04 1170SWL</t>
  </si>
  <si>
    <t>5702329133326</t>
  </si>
  <si>
    <t>VELUX Wabenplissee FHC MK04 1170SWL</t>
  </si>
  <si>
    <t>FHC MK04 1171S</t>
  </si>
  <si>
    <t>5702329124737</t>
  </si>
  <si>
    <t>VELUX Wabenplissee FHC MK04 1171S</t>
  </si>
  <si>
    <t>FHC MK04 1171SWL</t>
  </si>
  <si>
    <t>5702329133333</t>
  </si>
  <si>
    <t>VELUX Wabenplissee FHC MK04 1171SWL</t>
  </si>
  <si>
    <t>FHC MK04 1172S</t>
  </si>
  <si>
    <t>5702329124744</t>
  </si>
  <si>
    <t>VELUX Wabenplissee FHC MK04 1172S</t>
  </si>
  <si>
    <t>FHC MK04 1172SWL</t>
  </si>
  <si>
    <t>5702329133340</t>
  </si>
  <si>
    <t>VELUX Wabenplissee FHC MK04 1172SWL</t>
  </si>
  <si>
    <t>FHC MK04 1173S</t>
  </si>
  <si>
    <t>5702329124751</t>
  </si>
  <si>
    <t>VELUX Wabenplissee FHC MK04 1173S</t>
  </si>
  <si>
    <t>FHC MK04 1173SWL</t>
  </si>
  <si>
    <t>5702329133357</t>
  </si>
  <si>
    <t>VELUX Wabenplissee FHC MK04 1173SWL</t>
  </si>
  <si>
    <t>FHC MK06 1045S</t>
  </si>
  <si>
    <t>5702326327261</t>
  </si>
  <si>
    <t>VELUX Wabenplissee FHC MK06 1045S</t>
  </si>
  <si>
    <t>FHC MK06 1045SWL</t>
  </si>
  <si>
    <t>5702326327278</t>
  </si>
  <si>
    <t>VELUX Wabenplissee FHC MK06 1045SWL</t>
  </si>
  <si>
    <t>FHC MK06 1047S</t>
  </si>
  <si>
    <t>5702326327315</t>
  </si>
  <si>
    <t>VELUX Wabenplissee FHC MK06 1047S</t>
  </si>
  <si>
    <t>FHC MK06 1047SWL</t>
  </si>
  <si>
    <t>5702326327322</t>
  </si>
  <si>
    <t>VELUX Wabenplissee FHC MK06 1047SWL</t>
  </si>
  <si>
    <t>FHC MK06 1049S</t>
  </si>
  <si>
    <t>5702326327353</t>
  </si>
  <si>
    <t>VELUX Wabenplissee FHC MK06 1049S</t>
  </si>
  <si>
    <t>FHC MK06 1049SWL</t>
  </si>
  <si>
    <t>5702326327360</t>
  </si>
  <si>
    <t>VELUX Wabenplissee FHC MK06 1049SWL</t>
  </si>
  <si>
    <t>FHC MK06 1155S</t>
  </si>
  <si>
    <t>5702327390776</t>
  </si>
  <si>
    <t>VELUX Wabenplissee FHC MK06 1155S</t>
  </si>
  <si>
    <t>FHC MK06 1155SWL</t>
  </si>
  <si>
    <t>5702329133364</t>
  </si>
  <si>
    <t>VELUX Wabenplissee FHC MK06 1155SWL</t>
  </si>
  <si>
    <t>FHC MK06 1156S</t>
  </si>
  <si>
    <t>5702327390783</t>
  </si>
  <si>
    <t>VELUX Wabenplissee FHC MK06 1156S</t>
  </si>
  <si>
    <t>FHC MK06 1156SWL</t>
  </si>
  <si>
    <t>5702329133371</t>
  </si>
  <si>
    <t>VELUX Wabenplissee FHC MK06 1156SWL</t>
  </si>
  <si>
    <t>FHC MK06 1163S</t>
  </si>
  <si>
    <t>5702329124768</t>
  </si>
  <si>
    <t>VELUX Wabenplissee FHC MK06 1163S</t>
  </si>
  <si>
    <t>FHC MK06 1163SWL</t>
  </si>
  <si>
    <t>5702329133388</t>
  </si>
  <si>
    <t>VELUX Wabenplissee FHC MK06 1163SWL</t>
  </si>
  <si>
    <t>FHC MK06 1164S</t>
  </si>
  <si>
    <t>5702329124775</t>
  </si>
  <si>
    <t>VELUX Wabenplissee FHC MK06 1164S</t>
  </si>
  <si>
    <t>FHC MK06 1164SWL</t>
  </si>
  <si>
    <t>5702329133395</t>
  </si>
  <si>
    <t>VELUX Wabenplissee FHC MK06 1164SWL</t>
  </si>
  <si>
    <t>FHC MK06 1165S</t>
  </si>
  <si>
    <t>5702329124782</t>
  </si>
  <si>
    <t>VELUX Wabenplissee FHC MK06 1165S</t>
  </si>
  <si>
    <t>FHC MK06 1165SWL</t>
  </si>
  <si>
    <t>5702329133401</t>
  </si>
  <si>
    <t>VELUX Wabenplissee FHC MK06 1165SWL</t>
  </si>
  <si>
    <t>FHC MK06 1166S</t>
  </si>
  <si>
    <t>5702329124799</t>
  </si>
  <si>
    <t>VELUX Wabenplissee FHC MK06 1166S</t>
  </si>
  <si>
    <t>FHC MK06 1166SWL</t>
  </si>
  <si>
    <t>5702329133418</t>
  </si>
  <si>
    <t>VELUX Wabenplissee FHC MK06 1166SWL</t>
  </si>
  <si>
    <t>FHC MK06 1167S</t>
  </si>
  <si>
    <t>5702329124805</t>
  </si>
  <si>
    <t>VELUX Wabenplissee FHC MK06 1167S</t>
  </si>
  <si>
    <t>FHC MK06 1167SWL</t>
  </si>
  <si>
    <t>5702329133425</t>
  </si>
  <si>
    <t>VELUX Wabenplissee FHC MK06 1167SWL</t>
  </si>
  <si>
    <t>FHC MK06 1168S</t>
  </si>
  <si>
    <t>5702329124812</t>
  </si>
  <si>
    <t>VELUX Wabenplissee FHC MK06 1168S</t>
  </si>
  <si>
    <t>FHC MK06 1168SWL</t>
  </si>
  <si>
    <t>5702329133432</t>
  </si>
  <si>
    <t>VELUX Wabenplissee FHC MK06 1168SWL</t>
  </si>
  <si>
    <t>FHC MK06 1169S</t>
  </si>
  <si>
    <t>5702329124829</t>
  </si>
  <si>
    <t>VELUX Wabenplissee FHC MK06 1169S</t>
  </si>
  <si>
    <t>FHC MK06 1169SWL</t>
  </si>
  <si>
    <t>5702329133449</t>
  </si>
  <si>
    <t>VELUX Wabenplissee FHC MK06 1169SWL</t>
  </si>
  <si>
    <t>FHC MK06 1170S</t>
  </si>
  <si>
    <t>5702329124836</t>
  </si>
  <si>
    <t>VELUX Wabenplissee FHC MK06 1170S</t>
  </si>
  <si>
    <t>FHC MK06 1170SWL</t>
  </si>
  <si>
    <t>5702329133456</t>
  </si>
  <si>
    <t>VELUX Wabenplissee FHC MK06 1170SWL</t>
  </si>
  <si>
    <t>FHC MK06 1171S</t>
  </si>
  <si>
    <t>5702329124843</t>
  </si>
  <si>
    <t>VELUX Wabenplissee FHC MK06 1171S</t>
  </si>
  <si>
    <t>FHC MK06 1171SWL</t>
  </si>
  <si>
    <t>5702329133463</t>
  </si>
  <si>
    <t>VELUX Wabenplissee FHC MK06 1171SWL</t>
  </si>
  <si>
    <t>FHC MK06 1172S</t>
  </si>
  <si>
    <t>5702329124850</t>
  </si>
  <si>
    <t>VELUX Wabenplissee FHC MK06 1172S</t>
  </si>
  <si>
    <t>FHC MK06 1172SWL</t>
  </si>
  <si>
    <t>5702329133470</t>
  </si>
  <si>
    <t>VELUX Wabenplissee FHC MK06 1172SWL</t>
  </si>
  <si>
    <t>FHC MK06 1173S</t>
  </si>
  <si>
    <t>5702329124867</t>
  </si>
  <si>
    <t>VELUX Wabenplissee FHC MK06 1173S</t>
  </si>
  <si>
    <t>FHC MK06 1173SWL</t>
  </si>
  <si>
    <t>5702329133487</t>
  </si>
  <si>
    <t>VELUX Wabenplissee FHC MK06 1173SWL</t>
  </si>
  <si>
    <t>FHC MK08 1045S</t>
  </si>
  <si>
    <t>5702326327469</t>
  </si>
  <si>
    <t>VELUX Wabenplissee FHC MK08 1045S</t>
  </si>
  <si>
    <t>FHC MK08 1045SWL</t>
  </si>
  <si>
    <t>5702326327476</t>
  </si>
  <si>
    <t>VELUX Wabenplissee FHC MK08 1045SWL</t>
  </si>
  <si>
    <t>FHC MK08 1047S</t>
  </si>
  <si>
    <t>5702326327506</t>
  </si>
  <si>
    <t>VELUX Wabenplissee FHC MK08 1047S</t>
  </si>
  <si>
    <t>FHC MK08 1047SWL</t>
  </si>
  <si>
    <t>5702326327513</t>
  </si>
  <si>
    <t>VELUX Wabenplissee FHC MK08 1047SWL</t>
  </si>
  <si>
    <t>FHC MK08 1049S</t>
  </si>
  <si>
    <t>5702326327544</t>
  </si>
  <si>
    <t>VELUX Wabenplissee FHC MK08 1049S</t>
  </si>
  <si>
    <t>FHC MK08 1049SWL</t>
  </si>
  <si>
    <t>5702326327551</t>
  </si>
  <si>
    <t>VELUX Wabenplissee FHC MK08 1049SWL</t>
  </si>
  <si>
    <t>FHC MK08 1155S</t>
  </si>
  <si>
    <t>5702327390851</t>
  </si>
  <si>
    <t>VELUX Wabenplissee FHC MK08 1155S</t>
  </si>
  <si>
    <t>FHC MK08 1155SWL</t>
  </si>
  <si>
    <t>5702329133494</t>
  </si>
  <si>
    <t>VELUX Wabenplissee FHC MK08 1155SWL</t>
  </si>
  <si>
    <t>FHC MK08 1156S</t>
  </si>
  <si>
    <t>5702327390868</t>
  </si>
  <si>
    <t>VELUX Wabenplissee FHC MK08 1156S</t>
  </si>
  <si>
    <t>FHC MK08 1156SWL</t>
  </si>
  <si>
    <t>5702329133500</t>
  </si>
  <si>
    <t>VELUX Wabenplissee FHC MK08 1156SWL</t>
  </si>
  <si>
    <t>FHC MK08 1163S</t>
  </si>
  <si>
    <t>5702329124874</t>
  </si>
  <si>
    <t>VELUX Wabenplissee FHC MK08 1163S</t>
  </si>
  <si>
    <t>FHC MK08 1163SWL</t>
  </si>
  <si>
    <t>5702329133517</t>
  </si>
  <si>
    <t>VELUX Wabenplissee FHC MK08 1163SWL</t>
  </si>
  <si>
    <t>FHC MK08 1164S</t>
  </si>
  <si>
    <t>5702329124881</t>
  </si>
  <si>
    <t>VELUX Wabenplissee FHC MK08 1164S</t>
  </si>
  <si>
    <t>FHC MK08 1164SWL</t>
  </si>
  <si>
    <t>5702329133524</t>
  </si>
  <si>
    <t>VELUX Wabenplissee FHC MK08 1164SWL</t>
  </si>
  <si>
    <t>FHC MK08 1165S</t>
  </si>
  <si>
    <t>5702329124898</t>
  </si>
  <si>
    <t>VELUX Wabenplissee FHC MK08 1165S</t>
  </si>
  <si>
    <t>FHC MK08 1165SWL</t>
  </si>
  <si>
    <t>5702329133531</t>
  </si>
  <si>
    <t>VELUX Wabenplissee FHC MK08 1165SWL</t>
  </si>
  <si>
    <t>FHC MK08 1166S</t>
  </si>
  <si>
    <t>5702329124904</t>
  </si>
  <si>
    <t>VELUX Wabenplissee FHC MK08 1166S</t>
  </si>
  <si>
    <t>FHC MK08 1166SWL</t>
  </si>
  <si>
    <t>5702329133548</t>
  </si>
  <si>
    <t>VELUX Wabenplissee FHC MK08 1166SWL</t>
  </si>
  <si>
    <t>FHC MK08 1167S</t>
  </si>
  <si>
    <t>5702329124911</t>
  </si>
  <si>
    <t>VELUX Wabenplissee FHC MK08 1167S</t>
  </si>
  <si>
    <t>FHC MK08 1167SWL</t>
  </si>
  <si>
    <t>5702329133555</t>
  </si>
  <si>
    <t>VELUX Wabenplissee FHC MK08 1167SWL</t>
  </si>
  <si>
    <t>FHC MK08 1168S</t>
  </si>
  <si>
    <t>5702329124928</t>
  </si>
  <si>
    <t>VELUX Wabenplissee FHC MK08 1168S</t>
  </si>
  <si>
    <t>FHC MK08 1168SWL</t>
  </si>
  <si>
    <t>5702329133562</t>
  </si>
  <si>
    <t>VELUX Wabenplissee FHC MK08 1168SWL</t>
  </si>
  <si>
    <t>FHC MK08 1169S</t>
  </si>
  <si>
    <t>5702329124935</t>
  </si>
  <si>
    <t>VELUX Wabenplissee FHC MK08 1169S</t>
  </si>
  <si>
    <t>FHC MK08 1169SWL</t>
  </si>
  <si>
    <t>5702329133579</t>
  </si>
  <si>
    <t>VELUX Wabenplissee FHC MK08 1169SWL</t>
  </si>
  <si>
    <t>FHC MK08 1170S</t>
  </si>
  <si>
    <t>5702329124942</t>
  </si>
  <si>
    <t>VELUX Wabenplissee FHC MK08 1170S</t>
  </si>
  <si>
    <t>FHC MK08 1170SWL</t>
  </si>
  <si>
    <t>5702329133586</t>
  </si>
  <si>
    <t>VELUX Wabenplissee FHC MK08 1170SWL</t>
  </si>
  <si>
    <t>FHC MK08 1171S</t>
  </si>
  <si>
    <t>5702329124959</t>
  </si>
  <si>
    <t>VELUX Wabenplissee FHC MK08 1171S</t>
  </si>
  <si>
    <t>FHC MK08 1171SWL</t>
  </si>
  <si>
    <t>5702329133593</t>
  </si>
  <si>
    <t>VELUX Wabenplissee FHC MK08 1171SWL</t>
  </si>
  <si>
    <t>FHC MK08 1172S</t>
  </si>
  <si>
    <t>5702329124966</t>
  </si>
  <si>
    <t>VELUX Wabenplissee FHC MK08 1172S</t>
  </si>
  <si>
    <t>FHC MK08 1172SWL</t>
  </si>
  <si>
    <t>5702329133609</t>
  </si>
  <si>
    <t>VELUX Wabenplissee FHC MK08 1172SWL</t>
  </si>
  <si>
    <t>FHC MK08 1173S</t>
  </si>
  <si>
    <t>5702329124973</t>
  </si>
  <si>
    <t>VELUX Wabenplissee FHC MK08 1173S</t>
  </si>
  <si>
    <t>FHC MK08 1173SWL</t>
  </si>
  <si>
    <t>5702329133616</t>
  </si>
  <si>
    <t>VELUX Wabenplissee FHC MK08 1173SWL</t>
  </si>
  <si>
    <t>FHC MK10 1045S</t>
  </si>
  <si>
    <t>5702326327650</t>
  </si>
  <si>
    <t>VELUX Wabenplissee FHC MK10 1045S</t>
  </si>
  <si>
    <t>FHC MK10 1045SWL</t>
  </si>
  <si>
    <t>5702326327667</t>
  </si>
  <si>
    <t>VELUX Wabenplissee FHC MK10 1045SWL</t>
  </si>
  <si>
    <t>FHC MK10 1047S</t>
  </si>
  <si>
    <t>5702326327698</t>
  </si>
  <si>
    <t>VELUX Wabenplissee FHC MK10 1047S</t>
  </si>
  <si>
    <t>FHC MK10 1047SWL</t>
  </si>
  <si>
    <t>5702326327704</t>
  </si>
  <si>
    <t>VELUX Wabenplissee FHC MK10 1047SWL</t>
  </si>
  <si>
    <t>FHC MK10 1049S</t>
  </si>
  <si>
    <t>5702326327735</t>
  </si>
  <si>
    <t>VELUX Wabenplissee FHC MK10 1049S</t>
  </si>
  <si>
    <t>FHC MK10 1049SWL</t>
  </si>
  <si>
    <t>5702326327742</t>
  </si>
  <si>
    <t>VELUX Wabenplissee FHC MK10 1049SWL</t>
  </si>
  <si>
    <t>FHC MK10 1155S</t>
  </si>
  <si>
    <t>5702327390936</t>
  </si>
  <si>
    <t>VELUX Wabenplissee FHC MK10 1155S</t>
  </si>
  <si>
    <t>FHC MK10 1155SWL</t>
  </si>
  <si>
    <t>5702329133623</t>
  </si>
  <si>
    <t>VELUX Wabenplissee FHC MK10 1155SWL</t>
  </si>
  <si>
    <t>FHC MK10 1156S</t>
  </si>
  <si>
    <t>5702327390943</t>
  </si>
  <si>
    <t>VELUX Wabenplissee FHC MK10 1156S</t>
  </si>
  <si>
    <t>FHC MK10 1156SWL</t>
  </si>
  <si>
    <t>5702329133630</t>
  </si>
  <si>
    <t>VELUX Wabenplissee FHC MK10 1156SWL</t>
  </si>
  <si>
    <t>FHC MK10 1163S</t>
  </si>
  <si>
    <t>5702329124980</t>
  </si>
  <si>
    <t>VELUX Wabenplissee FHC MK10 1163S</t>
  </si>
  <si>
    <t>FHC MK10 1163SWL</t>
  </si>
  <si>
    <t>5702329133647</t>
  </si>
  <si>
    <t>VELUX Wabenplissee FHC MK10 1163SWL</t>
  </si>
  <si>
    <t>FHC MK10 1164S</t>
  </si>
  <si>
    <t>5702329124997</t>
  </si>
  <si>
    <t>VELUX Wabenplissee FHC MK10 1164S</t>
  </si>
  <si>
    <t>FHC MK10 1164SWL</t>
  </si>
  <si>
    <t>5702329133654</t>
  </si>
  <si>
    <t>VELUX Wabenplissee FHC MK10 1164SWL</t>
  </si>
  <si>
    <t>FHC MK10 1165S</t>
  </si>
  <si>
    <t>5702329125000</t>
  </si>
  <si>
    <t>VELUX Wabenplissee FHC MK10 1165S</t>
  </si>
  <si>
    <t>FHC MK10 1165SWL</t>
  </si>
  <si>
    <t>5702329133661</t>
  </si>
  <si>
    <t>VELUX Wabenplissee FHC MK10 1165SWL</t>
  </si>
  <si>
    <t>FHC MK10 1166S</t>
  </si>
  <si>
    <t>5702329125017</t>
  </si>
  <si>
    <t>VELUX Wabenplissee FHC MK10 1166S</t>
  </si>
  <si>
    <t>FHC MK10 1166SWL</t>
  </si>
  <si>
    <t>5702329133678</t>
  </si>
  <si>
    <t>VELUX Wabenplissee FHC MK10 1166SWL</t>
  </si>
  <si>
    <t>FHC MK10 1167S</t>
  </si>
  <si>
    <t>5702329125024</t>
  </si>
  <si>
    <t>VELUX Wabenplissee FHC MK10 1167S</t>
  </si>
  <si>
    <t>FHC MK10 1167SWL</t>
  </si>
  <si>
    <t>5702329133685</t>
  </si>
  <si>
    <t>VELUX Wabenplissee FHC MK10 1167SWL</t>
  </si>
  <si>
    <t>FHC MK10 1168S</t>
  </si>
  <si>
    <t>5702329125031</t>
  </si>
  <si>
    <t>VELUX Wabenplissee FHC MK10 1168S</t>
  </si>
  <si>
    <t>FHC MK10 1168SWL</t>
  </si>
  <si>
    <t>5702329133692</t>
  </si>
  <si>
    <t>VELUX Wabenplissee FHC MK10 1168SWL</t>
  </si>
  <si>
    <t>FHC MK10 1169S</t>
  </si>
  <si>
    <t>5702329125048</t>
  </si>
  <si>
    <t>VELUX Wabenplissee FHC MK10 1169S</t>
  </si>
  <si>
    <t>FHC MK10 1169SWL</t>
  </si>
  <si>
    <t>5702329133708</t>
  </si>
  <si>
    <t>VELUX Wabenplissee FHC MK10 1169SWL</t>
  </si>
  <si>
    <t>FHC MK10 1170S</t>
  </si>
  <si>
    <t>5702329125055</t>
  </si>
  <si>
    <t>VELUX Wabenplissee FHC MK10 1170S</t>
  </si>
  <si>
    <t>FHC MK10 1170SWL</t>
  </si>
  <si>
    <t>5702329133715</t>
  </si>
  <si>
    <t>VELUX Wabenplissee FHC MK10 1170SWL</t>
  </si>
  <si>
    <t>FHC MK10 1171S</t>
  </si>
  <si>
    <t>5702329125062</t>
  </si>
  <si>
    <t>VELUX Wabenplissee FHC MK10 1171S</t>
  </si>
  <si>
    <t>FHC MK10 1171SWL</t>
  </si>
  <si>
    <t>5702329133722</t>
  </si>
  <si>
    <t>VELUX Wabenplissee FHC MK10 1171SWL</t>
  </si>
  <si>
    <t>FHC MK10 1172S</t>
  </si>
  <si>
    <t>5702329125079</t>
  </si>
  <si>
    <t>VELUX Wabenplissee FHC MK10 1172S</t>
  </si>
  <si>
    <t>FHC MK10 1172SWL</t>
  </si>
  <si>
    <t>5702329133739</t>
  </si>
  <si>
    <t>VELUX Wabenplissee FHC MK10 1172SWL</t>
  </si>
  <si>
    <t>FHC MK10 1173S</t>
  </si>
  <si>
    <t>5702329125086</t>
  </si>
  <si>
    <t>VELUX Wabenplissee FHC MK10 1173S</t>
  </si>
  <si>
    <t>FHC MK10 1173SWL</t>
  </si>
  <si>
    <t>5702329133746</t>
  </si>
  <si>
    <t>VELUX Wabenplissee FHC MK10 1173SWL</t>
  </si>
  <si>
    <t>FHC MK12 1045S</t>
  </si>
  <si>
    <t>5702326327841</t>
  </si>
  <si>
    <t>VELUX Wabenplissee FHC MK12 1045S</t>
  </si>
  <si>
    <t>FHC MK12 1045SWL</t>
  </si>
  <si>
    <t>5702326327858</t>
  </si>
  <si>
    <t>VELUX Wabenplissee FHC MK12 1045SWL</t>
  </si>
  <si>
    <t>FHC MK12 1047S</t>
  </si>
  <si>
    <t>5702326327889</t>
  </si>
  <si>
    <t>VELUX Wabenplissee FHC MK12 1047S</t>
  </si>
  <si>
    <t>FHC MK12 1047SWL</t>
  </si>
  <si>
    <t>5702326327896</t>
  </si>
  <si>
    <t>VELUX Wabenplissee FHC MK12 1047SWL</t>
  </si>
  <si>
    <t>FHC MK12 1155S</t>
  </si>
  <si>
    <t>5702327391018</t>
  </si>
  <si>
    <t>VELUX Wabenplissee FHC MK12 1155S</t>
  </si>
  <si>
    <t>FHC MK12 1155SWL</t>
  </si>
  <si>
    <t>5702329133753</t>
  </si>
  <si>
    <t>VELUX Wabenplissee FHC MK12 1155SWL</t>
  </si>
  <si>
    <t>FHC MK12 1156S</t>
  </si>
  <si>
    <t>5702327391025</t>
  </si>
  <si>
    <t>VELUX Wabenplissee FHC MK12 1156S</t>
  </si>
  <si>
    <t>FHC MK12 1156SWL</t>
  </si>
  <si>
    <t>5702329133760</t>
  </si>
  <si>
    <t>VELUX Wabenplissee FHC MK12 1156SWL</t>
  </si>
  <si>
    <t>FHC MK12 1163S</t>
  </si>
  <si>
    <t>5702329125093</t>
  </si>
  <si>
    <t>VELUX Wabenplissee FHC MK12 1163S</t>
  </si>
  <si>
    <t>FHC MK12 1163SWL</t>
  </si>
  <si>
    <t>5702329133777</t>
  </si>
  <si>
    <t>VELUX Wabenplissee FHC MK12 1163SWL</t>
  </si>
  <si>
    <t>FHC MK12 1164SWL</t>
  </si>
  <si>
    <t>5702329133784</t>
  </si>
  <si>
    <t>VELUX Wabenplissee FHC MK12 1164SWL</t>
  </si>
  <si>
    <t>FHC MK12 1165SWL</t>
  </si>
  <si>
    <t>5702329133791</t>
  </si>
  <si>
    <t>VELUX Wabenplissee FHC MK12 1165SWL</t>
  </si>
  <si>
    <t>FHC MK12 1166S</t>
  </si>
  <si>
    <t>5702329125123</t>
  </si>
  <si>
    <t>VELUX Wabenplissee FHC MK12 1166S</t>
  </si>
  <si>
    <t>FHC MK12 1166SWL</t>
  </si>
  <si>
    <t>5702329133807</t>
  </si>
  <si>
    <t>VELUX Wabenplissee FHC MK12 1166SWL</t>
  </si>
  <si>
    <t>FHC MK12 1167SWL</t>
  </si>
  <si>
    <t>5702329133814</t>
  </si>
  <si>
    <t>VELUX Wabenplissee FHC MK12 1167SWL</t>
  </si>
  <si>
    <t>FHC MK12 1168S</t>
  </si>
  <si>
    <t>5702329125147</t>
  </si>
  <si>
    <t>VELUX Wabenplissee FHC MK12 1168S</t>
  </si>
  <si>
    <t>FHC MK12 1168SWL</t>
  </si>
  <si>
    <t>5702329133821</t>
  </si>
  <si>
    <t>VELUX Wabenplissee FHC MK12 1168SWL</t>
  </si>
  <si>
    <t>FHC MK12 1169SWL</t>
  </si>
  <si>
    <t>5702329133838</t>
  </si>
  <si>
    <t>VELUX Wabenplissee FHC MK12 1169SWL</t>
  </si>
  <si>
    <t>FHC MK12 1170SWL</t>
  </si>
  <si>
    <t>5702329133845</t>
  </si>
  <si>
    <t>VELUX Wabenplissee FHC MK12 1170SWL</t>
  </si>
  <si>
    <t>FHC MK12 1171S</t>
  </si>
  <si>
    <t>5702329125178</t>
  </si>
  <si>
    <t>VELUX Wabenplissee FHC MK12 1171S</t>
  </si>
  <si>
    <t>FHC MK12 1171SWL</t>
  </si>
  <si>
    <t>5702329133852</t>
  </si>
  <si>
    <t>VELUX Wabenplissee FHC MK12 1171SWL</t>
  </si>
  <si>
    <t>FHC MK12 1172S</t>
  </si>
  <si>
    <t>5702329125185</t>
  </si>
  <si>
    <t>VELUX Wabenplissee FHC MK12 1172S</t>
  </si>
  <si>
    <t>FHC MK12 1172SWL</t>
  </si>
  <si>
    <t>5702329133869</t>
  </si>
  <si>
    <t>VELUX Wabenplissee FHC MK12 1172SWL</t>
  </si>
  <si>
    <t>FHC MK12 1173S</t>
  </si>
  <si>
    <t>5702329125192</t>
  </si>
  <si>
    <t>VELUX Wabenplissee FHC MK12 1173S</t>
  </si>
  <si>
    <t>FHC MK12 1173SWL</t>
  </si>
  <si>
    <t>5702329133876</t>
  </si>
  <si>
    <t>VELUX Wabenplissee FHC MK12 1173SWL</t>
  </si>
  <si>
    <t>FHC P04 1045S</t>
  </si>
  <si>
    <t>5702326274220</t>
  </si>
  <si>
    <t>VELUX Wabenplissee FHC P04 1045S</t>
  </si>
  <si>
    <t>FHC P04 1045SWL</t>
  </si>
  <si>
    <t>5702326274237</t>
  </si>
  <si>
    <t>VELUX Wabenplissee FHC P04 1045SWL</t>
  </si>
  <si>
    <t>FHC P04 1047S</t>
  </si>
  <si>
    <t>5702326274268</t>
  </si>
  <si>
    <t>VELUX Wabenplissee FHC P04 1047S</t>
  </si>
  <si>
    <t>FHC P04 1047SWL</t>
  </si>
  <si>
    <t>5702326274275</t>
  </si>
  <si>
    <t>VELUX Wabenplissee FHC P04 1047SWL</t>
  </si>
  <si>
    <t>FHC P04 1049S</t>
  </si>
  <si>
    <t>5702326274312</t>
  </si>
  <si>
    <t>VELUX Wabenplissee FHC P04 1049S</t>
  </si>
  <si>
    <t>FHC P04 1049SWL</t>
  </si>
  <si>
    <t>5702326274329</t>
  </si>
  <si>
    <t>VELUX Wabenplissee FHC P04 1049SWL</t>
  </si>
  <si>
    <t>FHC P04 1155S</t>
  </si>
  <si>
    <t>5702327391254</t>
  </si>
  <si>
    <t>VELUX Wabenplissee FHC P04 1155S</t>
  </si>
  <si>
    <t>FHC P04 1155SWL</t>
  </si>
  <si>
    <t>5702329134040</t>
  </si>
  <si>
    <t>VELUX Wabenplissee FHC P04 1155SWL</t>
  </si>
  <si>
    <t>FHC P04 1156S</t>
  </si>
  <si>
    <t>5702327391261</t>
  </si>
  <si>
    <t>VELUX Wabenplissee FHC P04 1156S</t>
  </si>
  <si>
    <t>FHC P04 1156SWL</t>
  </si>
  <si>
    <t>5702329134057</t>
  </si>
  <si>
    <t>VELUX Wabenplissee FHC P04 1156SWL</t>
  </si>
  <si>
    <t>FHC P04 1163S</t>
  </si>
  <si>
    <t>5702329125420</t>
  </si>
  <si>
    <t>VELUX Wabenplissee FHC P04 1163S</t>
  </si>
  <si>
    <t>FHC P04 1163SWL</t>
  </si>
  <si>
    <t>5702329134064</t>
  </si>
  <si>
    <t>VELUX Wabenplissee FHC P04 1163SWL</t>
  </si>
  <si>
    <t>FHC P04 1164S</t>
  </si>
  <si>
    <t>5702329125437</t>
  </si>
  <si>
    <t>VELUX Wabenplissee FHC P04 1164S</t>
  </si>
  <si>
    <t>FHC P04 1164SWL</t>
  </si>
  <si>
    <t>5702329134071</t>
  </si>
  <si>
    <t>VELUX Wabenplissee FHC P04 1164SWL</t>
  </si>
  <si>
    <t>FHC P04 1165S</t>
  </si>
  <si>
    <t>5702329125444</t>
  </si>
  <si>
    <t>VELUX Wabenplissee FHC P04 1165S</t>
  </si>
  <si>
    <t>FHC P04 1165SWL</t>
  </si>
  <si>
    <t>5702329134088</t>
  </si>
  <si>
    <t>VELUX Wabenplissee FHC P04 1165SWL</t>
  </si>
  <si>
    <t>FHC P04 1166S</t>
  </si>
  <si>
    <t>5702329125451</t>
  </si>
  <si>
    <t>VELUX Wabenplissee FHC P04 1166S</t>
  </si>
  <si>
    <t>FHC P04 1166SWL</t>
  </si>
  <si>
    <t>5702329134095</t>
  </si>
  <si>
    <t>VELUX Wabenplissee FHC P04 1166SWL</t>
  </si>
  <si>
    <t>FHC P04 1167S</t>
  </si>
  <si>
    <t>5702329125468</t>
  </si>
  <si>
    <t>VELUX Wabenplissee FHC P04 1167S</t>
  </si>
  <si>
    <t>FHC P04 1167SWL</t>
  </si>
  <si>
    <t>5702329134101</t>
  </si>
  <si>
    <t>VELUX Wabenplissee FHC P04 1167SWL</t>
  </si>
  <si>
    <t>FHC P04 1168S</t>
  </si>
  <si>
    <t>5702329125475</t>
  </si>
  <si>
    <t>VELUX Wabenplissee FHC P04 1168S</t>
  </si>
  <si>
    <t>FHC P04 1168SWL</t>
  </si>
  <si>
    <t>5702329134118</t>
  </si>
  <si>
    <t>VELUX Wabenplissee FHC P04 1168SWL</t>
  </si>
  <si>
    <t>FHC P04 1169S</t>
  </si>
  <si>
    <t>5702329125482</t>
  </si>
  <si>
    <t>VELUX Wabenplissee FHC P04 1169S</t>
  </si>
  <si>
    <t>FHC P04 1169SWL</t>
  </si>
  <si>
    <t>5702329134125</t>
  </si>
  <si>
    <t>VELUX Wabenplissee FHC P04 1169SWL</t>
  </si>
  <si>
    <t>FHC P04 1170S</t>
  </si>
  <si>
    <t>5702329125499</t>
  </si>
  <si>
    <t>VELUX Wabenplissee FHC P04 1170S</t>
  </si>
  <si>
    <t>FHC P04 1170SWL</t>
  </si>
  <si>
    <t>5702329134132</t>
  </si>
  <si>
    <t>VELUX Wabenplissee FHC P04 1170SWL</t>
  </si>
  <si>
    <t>FHC P04 1171S</t>
  </si>
  <si>
    <t>5702329125505</t>
  </si>
  <si>
    <t>VELUX Wabenplissee FHC P04 1171S</t>
  </si>
  <si>
    <t>FHC P04 1171SWL</t>
  </si>
  <si>
    <t>5702329134149</t>
  </si>
  <si>
    <t>VELUX Wabenplissee FHC P04 1171SWL</t>
  </si>
  <si>
    <t>FHC P04 1172S</t>
  </si>
  <si>
    <t>5702329125512</t>
  </si>
  <si>
    <t>VELUX Wabenplissee FHC P04 1172S</t>
  </si>
  <si>
    <t>FHC P04 1172SWL</t>
  </si>
  <si>
    <t>5702329134156</t>
  </si>
  <si>
    <t>VELUX Wabenplissee FHC P04 1172SWL</t>
  </si>
  <si>
    <t>FHC P04 1173S</t>
  </si>
  <si>
    <t>5702329125529</t>
  </si>
  <si>
    <t>VELUX Wabenplissee FHC P04 1173S</t>
  </si>
  <si>
    <t>FHC P04 1173SWL</t>
  </si>
  <si>
    <t>5702329134163</t>
  </si>
  <si>
    <t>VELUX Wabenplissee FHC P04 1173SWL</t>
  </si>
  <si>
    <t>FHC P06 1045S</t>
  </si>
  <si>
    <t>5702326274428</t>
  </si>
  <si>
    <t>VELUX Wabenplissee FHC P06 1045S</t>
  </si>
  <si>
    <t>FHC P06 1045SWL</t>
  </si>
  <si>
    <t>5702326274435</t>
  </si>
  <si>
    <t>VELUX Wabenplissee FHC P06 1045SWL</t>
  </si>
  <si>
    <t>FHC P06 1047S</t>
  </si>
  <si>
    <t>5702326274466</t>
  </si>
  <si>
    <t>VELUX Wabenplissee FHC P06 1047S</t>
  </si>
  <si>
    <t>FHC P06 1047SWL</t>
  </si>
  <si>
    <t>5702326274473</t>
  </si>
  <si>
    <t>VELUX Wabenplissee FHC P06 1047SWL</t>
  </si>
  <si>
    <t>FHC P06 1049S</t>
  </si>
  <si>
    <t>5702326274503</t>
  </si>
  <si>
    <t>VELUX Wabenplissee FHC P06 1049S</t>
  </si>
  <si>
    <t>FHC P06 1049SWL</t>
  </si>
  <si>
    <t>5702326274510</t>
  </si>
  <si>
    <t>VELUX Wabenplissee FHC P06 1049SWL</t>
  </si>
  <si>
    <t>FHC P06 1155S</t>
  </si>
  <si>
    <t>5702327391339</t>
  </si>
  <si>
    <t>VELUX Wabenplissee FHC P06 1155S</t>
  </si>
  <si>
    <t>FHC P06 1155SWL</t>
  </si>
  <si>
    <t>5702329134170</t>
  </si>
  <si>
    <t>VELUX Wabenplissee FHC P06 1155SWL</t>
  </si>
  <si>
    <t>FHC P06 1156S</t>
  </si>
  <si>
    <t>5702327391346</t>
  </si>
  <si>
    <t>VELUX Wabenplissee FHC P06 1156S</t>
  </si>
  <si>
    <t>FHC P06 1156SWL</t>
  </si>
  <si>
    <t>5702329134187</t>
  </si>
  <si>
    <t>VELUX Wabenplissee FHC P06 1156SWL</t>
  </si>
  <si>
    <t>FHC P06 1163S</t>
  </si>
  <si>
    <t>5702329125536</t>
  </si>
  <si>
    <t>VELUX Wabenplissee FHC P06 1163S</t>
  </si>
  <si>
    <t>FHC P06 1163SWL</t>
  </si>
  <si>
    <t>5702329134194</t>
  </si>
  <si>
    <t>VELUX Wabenplissee FHC P06 1163SWL</t>
  </si>
  <si>
    <t>FHC P06 1164S</t>
  </si>
  <si>
    <t>5702329125543</t>
  </si>
  <si>
    <t>VELUX Wabenplissee FHC P06 1164S</t>
  </si>
  <si>
    <t>FHC P06 1164SWL</t>
  </si>
  <si>
    <t>5702329134200</t>
  </si>
  <si>
    <t>VELUX Wabenplissee FHC P06 1164SWL</t>
  </si>
  <si>
    <t>FHC P06 1165S</t>
  </si>
  <si>
    <t>5702329125550</t>
  </si>
  <si>
    <t>VELUX Wabenplissee FHC P06 1165S</t>
  </si>
  <si>
    <t>FHC P06 1165SWL</t>
  </si>
  <si>
    <t>5702329134217</t>
  </si>
  <si>
    <t>VELUX Wabenplissee FHC P06 1165SWL</t>
  </si>
  <si>
    <t>FHC P06 1166S</t>
  </si>
  <si>
    <t>5702329125567</t>
  </si>
  <si>
    <t>VELUX Wabenplissee FHC P06 1166S</t>
  </si>
  <si>
    <t>FHC P06 1166SWL</t>
  </si>
  <si>
    <t>5702329134224</t>
  </si>
  <si>
    <t>VELUX Wabenplissee FHC P06 1166SWL</t>
  </si>
  <si>
    <t>FHC P06 1167S</t>
  </si>
  <si>
    <t>5702329125574</t>
  </si>
  <si>
    <t>VELUX Wabenplissee FHC P06 1167S</t>
  </si>
  <si>
    <t>FHC P06 1167SWL</t>
  </si>
  <si>
    <t>5702329134231</t>
  </si>
  <si>
    <t>VELUX Wabenplissee FHC P06 1167SWL</t>
  </si>
  <si>
    <t>FHC P06 1168S</t>
  </si>
  <si>
    <t>5702329125581</t>
  </si>
  <si>
    <t>VELUX Wabenplissee FHC P06 1168S</t>
  </si>
  <si>
    <t>FHC P06 1168SWL</t>
  </si>
  <si>
    <t>5702329134248</t>
  </si>
  <si>
    <t>VELUX Wabenplissee FHC P06 1168SWL</t>
  </si>
  <si>
    <t>FHC P06 1169S</t>
  </si>
  <si>
    <t>5702329125598</t>
  </si>
  <si>
    <t>VELUX Wabenplissee FHC P06 1169S</t>
  </si>
  <si>
    <t>FHC P06 1169SWL</t>
  </si>
  <si>
    <t>5702329134255</t>
  </si>
  <si>
    <t>VELUX Wabenplissee FHC P06 1169SWL</t>
  </si>
  <si>
    <t>FHC P06 1170S</t>
  </si>
  <si>
    <t>5702329125604</t>
  </si>
  <si>
    <t>VELUX Wabenplissee FHC P06 1170S</t>
  </si>
  <si>
    <t>FHC P06 1170SWL</t>
  </si>
  <si>
    <t>5702329134262</t>
  </si>
  <si>
    <t>VELUX Wabenplissee FHC P06 1170SWL</t>
  </si>
  <si>
    <t>FHC P06 1171S</t>
  </si>
  <si>
    <t>5702329125611</t>
  </si>
  <si>
    <t>VELUX Wabenplissee FHC P06 1171S</t>
  </si>
  <si>
    <t>FHC P06 1171SWL</t>
  </si>
  <si>
    <t>5702329134279</t>
  </si>
  <si>
    <t>VELUX Wabenplissee FHC P06 1171SWL</t>
  </si>
  <si>
    <t>FHC P06 1172S</t>
  </si>
  <si>
    <t>5702329125628</t>
  </si>
  <si>
    <t>VELUX Wabenplissee FHC P06 1172S</t>
  </si>
  <si>
    <t>FHC P06 1172SWL</t>
  </si>
  <si>
    <t>5702329134286</t>
  </si>
  <si>
    <t>VELUX Wabenplissee FHC P06 1172SWL</t>
  </si>
  <si>
    <t>FHC P06 1173S</t>
  </si>
  <si>
    <t>5702329125635</t>
  </si>
  <si>
    <t>VELUX Wabenplissee FHC P06 1173S</t>
  </si>
  <si>
    <t>FHC P06 1173SWL</t>
  </si>
  <si>
    <t>5702329134293</t>
  </si>
  <si>
    <t>VELUX Wabenplissee FHC P06 1173SWL</t>
  </si>
  <si>
    <t>FHC P08 1045S</t>
  </si>
  <si>
    <t>5702326274619</t>
  </si>
  <si>
    <t>VELUX Wabenplissee FHC P08 1045S</t>
  </si>
  <si>
    <t>FHC P08 1045SWL</t>
  </si>
  <si>
    <t>5702326274626</t>
  </si>
  <si>
    <t>VELUX Wabenplissee FHC P08 1045SWL</t>
  </si>
  <si>
    <t>FHC P08 1047S</t>
  </si>
  <si>
    <t>5702326274657</t>
  </si>
  <si>
    <t>VELUX Wabenplissee FHC P08 1047S</t>
  </si>
  <si>
    <t>FHC P08 1047SWL</t>
  </si>
  <si>
    <t>5702326274664</t>
  </si>
  <si>
    <t>VELUX Wabenplissee FHC P08 1047SWL</t>
  </si>
  <si>
    <t>FHC P08 1049S</t>
  </si>
  <si>
    <t>5702326274695</t>
  </si>
  <si>
    <t>VELUX Wabenplissee FHC P08 1049S</t>
  </si>
  <si>
    <t>FHC P08 1049SWL</t>
  </si>
  <si>
    <t>5702326274701</t>
  </si>
  <si>
    <t>VELUX Wabenplissee FHC P08 1049SWL</t>
  </si>
  <si>
    <t>FHC P08 1155S</t>
  </si>
  <si>
    <t>5702327391414</t>
  </si>
  <si>
    <t>VELUX Wabenplissee FHC P08 1155S</t>
  </si>
  <si>
    <t>FHC P08 1155SWL</t>
  </si>
  <si>
    <t>5702329134309</t>
  </si>
  <si>
    <t>VELUX Wabenplissee FHC P08 1155SWL</t>
  </si>
  <si>
    <t>FHC P08 1156S</t>
  </si>
  <si>
    <t>5702327391421</t>
  </si>
  <si>
    <t>VELUX Wabenplissee FHC P08 1156S</t>
  </si>
  <si>
    <t>FHC P08 1156SWL</t>
  </si>
  <si>
    <t>5702329134316</t>
  </si>
  <si>
    <t>VELUX Wabenplissee FHC P08 1156SWL</t>
  </si>
  <si>
    <t>FHC P08 1163S</t>
  </si>
  <si>
    <t>5702329125642</t>
  </si>
  <si>
    <t>VELUX Wabenplissee FHC P08 1163S</t>
  </si>
  <si>
    <t>FHC P08 1163SWL</t>
  </si>
  <si>
    <t>5702329134323</t>
  </si>
  <si>
    <t>VELUX Wabenplissee FHC P08 1163SWL</t>
  </si>
  <si>
    <t>FHC P08 1164S</t>
  </si>
  <si>
    <t>5702329125659</t>
  </si>
  <si>
    <t>VELUX Wabenplissee FHC P08 1164S</t>
  </si>
  <si>
    <t>FHC P08 1164SWL</t>
  </si>
  <si>
    <t>5702329134330</t>
  </si>
  <si>
    <t>VELUX Wabenplissee FHC P08 1164SWL</t>
  </si>
  <si>
    <t>FHC P08 1165S</t>
  </si>
  <si>
    <t>5702329125666</t>
  </si>
  <si>
    <t>VELUX Wabenplissee FHC P08 1165S</t>
  </si>
  <si>
    <t>FHC P08 1165SWL</t>
  </si>
  <si>
    <t>5702329134347</t>
  </si>
  <si>
    <t>VELUX Wabenplissee FHC P08 1165SWL</t>
  </si>
  <si>
    <t>FHC P08 1166S</t>
  </si>
  <si>
    <t>5702329125673</t>
  </si>
  <si>
    <t>VELUX Wabenplissee FHC P08 1166S</t>
  </si>
  <si>
    <t>FHC P08 1166SWL</t>
  </si>
  <si>
    <t>5702329134354</t>
  </si>
  <si>
    <t>VELUX Wabenplissee FHC P08 1166SWL</t>
  </si>
  <si>
    <t>FHC P08 1167S</t>
  </si>
  <si>
    <t>5702329125680</t>
  </si>
  <si>
    <t>VELUX Wabenplissee FHC P08 1167S</t>
  </si>
  <si>
    <t>FHC P08 1167SWL</t>
  </si>
  <si>
    <t>5702329134361</t>
  </si>
  <si>
    <t>VELUX Wabenplissee FHC P08 1167SWL</t>
  </si>
  <si>
    <t>FHC P08 1168S</t>
  </si>
  <si>
    <t>5702329125697</t>
  </si>
  <si>
    <t>VELUX Wabenplissee FHC P08 1168S</t>
  </si>
  <si>
    <t>FHC P08 1168SWL</t>
  </si>
  <si>
    <t>5702329134378</t>
  </si>
  <si>
    <t>VELUX Wabenplissee FHC P08 1168SWL</t>
  </si>
  <si>
    <t>FHC P08 1169S</t>
  </si>
  <si>
    <t>5702329125703</t>
  </si>
  <si>
    <t>VELUX Wabenplissee FHC P08 1169S</t>
  </si>
  <si>
    <t>FHC P08 1169SWL</t>
  </si>
  <si>
    <t>5702329134385</t>
  </si>
  <si>
    <t>VELUX Wabenplissee FHC P08 1169SWL</t>
  </si>
  <si>
    <t>FHC P08 1170S</t>
  </si>
  <si>
    <t>5702329125710</t>
  </si>
  <si>
    <t>VELUX Wabenplissee FHC P08 1170S</t>
  </si>
  <si>
    <t>FHC P08 1170SWL</t>
  </si>
  <si>
    <t>5702329134392</t>
  </si>
  <si>
    <t>VELUX Wabenplissee FHC P08 1170SWL</t>
  </si>
  <si>
    <t>FHC P08 1171S</t>
  </si>
  <si>
    <t>5702329125727</t>
  </si>
  <si>
    <t>VELUX Wabenplissee FHC P08 1171S</t>
  </si>
  <si>
    <t>FHC P08 1171SWL</t>
  </si>
  <si>
    <t>5702329134408</t>
  </si>
  <si>
    <t>VELUX Wabenplissee FHC P08 1171SWL</t>
  </si>
  <si>
    <t>FHC P08 1172S</t>
  </si>
  <si>
    <t>5702329125734</t>
  </si>
  <si>
    <t>VELUX Wabenplissee FHC P08 1172S</t>
  </si>
  <si>
    <t>FHC P08 1172SWL</t>
  </si>
  <si>
    <t>5702329134415</t>
  </si>
  <si>
    <t>VELUX Wabenplissee FHC P08 1172SWL</t>
  </si>
  <si>
    <t>FHC P08 1173S</t>
  </si>
  <si>
    <t>5702329125741</t>
  </si>
  <si>
    <t>VELUX Wabenplissee FHC P08 1173S</t>
  </si>
  <si>
    <t>FHC P08 1173SWL</t>
  </si>
  <si>
    <t>5702329134422</t>
  </si>
  <si>
    <t>VELUX Wabenplissee FHC P08 1173SWL</t>
  </si>
  <si>
    <t>FHC P10 1045S</t>
  </si>
  <si>
    <t>5702326274794</t>
  </si>
  <si>
    <t>VELUX Wabenplissee FHC P10 1045S</t>
  </si>
  <si>
    <t>FHC P10 1045SWL</t>
  </si>
  <si>
    <t>5702326274817</t>
  </si>
  <si>
    <t>VELUX Wabenplissee FHC P10 1045SWL</t>
  </si>
  <si>
    <t>FHC P10 1047S</t>
  </si>
  <si>
    <t>5702326274848</t>
  </si>
  <si>
    <t>VELUX Wabenplissee FHC P10 1047S</t>
  </si>
  <si>
    <t>FHC P10 1047SWL</t>
  </si>
  <si>
    <t>5702326274855</t>
  </si>
  <si>
    <t>VELUX Wabenplissee FHC P10 1047SWL</t>
  </si>
  <si>
    <t>FHC P10 1049S</t>
  </si>
  <si>
    <t>5702326274886</t>
  </si>
  <si>
    <t>VELUX Wabenplissee FHC P10 1049S</t>
  </si>
  <si>
    <t>FHC P10 1049SWL</t>
  </si>
  <si>
    <t>5702326274893</t>
  </si>
  <si>
    <t>VELUX Wabenplissee FHC P10 1049SWL</t>
  </si>
  <si>
    <t>FHC P10 1155S</t>
  </si>
  <si>
    <t>5702327391490</t>
  </si>
  <si>
    <t>VELUX Wabenplissee FHC P10 1155S</t>
  </si>
  <si>
    <t>FHC P10 1155SWL</t>
  </si>
  <si>
    <t>5702329134439</t>
  </si>
  <si>
    <t>VELUX Wabenplissee FHC P10 1155SWL</t>
  </si>
  <si>
    <t>FHC P10 1156S</t>
  </si>
  <si>
    <t>5702327391506</t>
  </si>
  <si>
    <t>VELUX Wabenplissee FHC P10 1156S</t>
  </si>
  <si>
    <t>FHC P10 1156SWL</t>
  </si>
  <si>
    <t>5702329134446</t>
  </si>
  <si>
    <t>VELUX Wabenplissee FHC P10 1156SWL</t>
  </si>
  <si>
    <t>FHC P10 1163S</t>
  </si>
  <si>
    <t>5702329125758</t>
  </si>
  <si>
    <t>VELUX Wabenplissee FHC P10 1163S</t>
  </si>
  <si>
    <t>FHC P10 1163SWL</t>
  </si>
  <si>
    <t>5702329134453</t>
  </si>
  <si>
    <t>VELUX Wabenplissee FHC P10 1163SWL</t>
  </si>
  <si>
    <t>FHC P10 1164S</t>
  </si>
  <si>
    <t>5702329125765</t>
  </si>
  <si>
    <t>VELUX Wabenplissee FHC P10 1164S</t>
  </si>
  <si>
    <t>FHC P10 1164SWL</t>
  </si>
  <si>
    <t>5702329134460</t>
  </si>
  <si>
    <t>VELUX Wabenplissee FHC P10 1164SWL</t>
  </si>
  <si>
    <t>FHC P10 1165S</t>
  </si>
  <si>
    <t>5702329125772</t>
  </si>
  <si>
    <t>VELUX Wabenplissee FHC P10 1165S</t>
  </si>
  <si>
    <t>FHC P10 1165SWL</t>
  </si>
  <si>
    <t>5702329134477</t>
  </si>
  <si>
    <t>VELUX Wabenplissee FHC P10 1165SWL</t>
  </si>
  <si>
    <t>FHC P10 1166S</t>
  </si>
  <si>
    <t>5702329125789</t>
  </si>
  <si>
    <t>VELUX Wabenplissee FHC P10 1166S</t>
  </si>
  <si>
    <t>FHC P10 1166SWL</t>
  </si>
  <si>
    <t>5702329134484</t>
  </si>
  <si>
    <t>VELUX Wabenplissee FHC P10 1166SWL</t>
  </si>
  <si>
    <t>FHC P10 1167S</t>
  </si>
  <si>
    <t>5702329125796</t>
  </si>
  <si>
    <t>VELUX Wabenplissee FHC P10 1167S</t>
  </si>
  <si>
    <t>FHC P10 1167SWL</t>
  </si>
  <si>
    <t>5702329134491</t>
  </si>
  <si>
    <t>VELUX Wabenplissee FHC P10 1167SWL</t>
  </si>
  <si>
    <t>FHC P10 1168S</t>
  </si>
  <si>
    <t>5702329125802</t>
  </si>
  <si>
    <t>VELUX Wabenplissee FHC P10 1168S</t>
  </si>
  <si>
    <t>FHC P10 1168SWL</t>
  </si>
  <si>
    <t>5702329134507</t>
  </si>
  <si>
    <t>VELUX Wabenplissee FHC P10 1168SWL</t>
  </si>
  <si>
    <t>FHC P10 1169S</t>
  </si>
  <si>
    <t>5702329125819</t>
  </si>
  <si>
    <t>VELUX Wabenplissee FHC P10 1169S</t>
  </si>
  <si>
    <t>FHC P10 1169SWL</t>
  </si>
  <si>
    <t>5702329134514</t>
  </si>
  <si>
    <t>VELUX Wabenplissee FHC P10 1169SWL</t>
  </si>
  <si>
    <t>FHC P10 1170S</t>
  </si>
  <si>
    <t>5702329125826</t>
  </si>
  <si>
    <t>VELUX Wabenplissee FHC P10 1170S</t>
  </si>
  <si>
    <t>FHC P10 1170SWL</t>
  </si>
  <si>
    <t>5702329134521</t>
  </si>
  <si>
    <t>VELUX Wabenplissee FHC P10 1170SWL</t>
  </si>
  <si>
    <t>FHC P10 1171S</t>
  </si>
  <si>
    <t>5702329125833</t>
  </si>
  <si>
    <t>VELUX Wabenplissee FHC P10 1171S</t>
  </si>
  <si>
    <t>FHC P10 1171SWL</t>
  </si>
  <si>
    <t>5702329134538</t>
  </si>
  <si>
    <t>VELUX Wabenplissee FHC P10 1171SWL</t>
  </si>
  <si>
    <t>FHC P10 1172S</t>
  </si>
  <si>
    <t>5702329125840</t>
  </si>
  <si>
    <t>VELUX Wabenplissee FHC P10 1172S</t>
  </si>
  <si>
    <t>FHC P10 1172SWL</t>
  </si>
  <si>
    <t>5702329134545</t>
  </si>
  <si>
    <t>VELUX Wabenplissee FHC P10 1172SWL</t>
  </si>
  <si>
    <t>FHC P10 1173S</t>
  </si>
  <si>
    <t>5702329125857</t>
  </si>
  <si>
    <t>VELUX Wabenplissee FHC P10 1173S</t>
  </si>
  <si>
    <t>FHC P10 1173SWL</t>
  </si>
  <si>
    <t>5702329134552</t>
  </si>
  <si>
    <t>VELUX Wabenplissee FHC P10 1173SWL</t>
  </si>
  <si>
    <t>FHC P31 1045S</t>
  </si>
  <si>
    <t>5702326275371</t>
  </si>
  <si>
    <t>VELUX Wabenplissee FHC P31 1045S</t>
  </si>
  <si>
    <t>FHC P31 1045SWL</t>
  </si>
  <si>
    <t>5702326275388</t>
  </si>
  <si>
    <t>VELUX Wabenplissee FHC P31 1045SWL</t>
  </si>
  <si>
    <t>FHC P31 1047S</t>
  </si>
  <si>
    <t>5702326275425</t>
  </si>
  <si>
    <t>VELUX Wabenplissee FHC P31 1047S</t>
  </si>
  <si>
    <t>FHC P31 1047SWL</t>
  </si>
  <si>
    <t>5702326275432</t>
  </si>
  <si>
    <t>VELUX Wabenplissee FHC P31 1047SWL</t>
  </si>
  <si>
    <t>FHC P31 1049S</t>
  </si>
  <si>
    <t>5702326275463</t>
  </si>
  <si>
    <t>VELUX Wabenplissee FHC P31 1049S</t>
  </si>
  <si>
    <t>FHC P31 1155S</t>
  </si>
  <si>
    <t>5702327391650</t>
  </si>
  <si>
    <t>VELUX Wabenplissee FHC P31 1155S</t>
  </si>
  <si>
    <t>FHC P31 1155SWL</t>
  </si>
  <si>
    <t>5702329224291</t>
  </si>
  <si>
    <t>VELUX Wabenplissee FHC P31 1155SWL</t>
  </si>
  <si>
    <t>FHC P31 1156SWL</t>
  </si>
  <si>
    <t>5702329224307</t>
  </si>
  <si>
    <t>VELUX Wabenplissee FHC P31 1156SWL</t>
  </si>
  <si>
    <t>FHC P31 1163S</t>
  </si>
  <si>
    <t>5702329125970</t>
  </si>
  <si>
    <t>VELUX Wabenplissee FHC P31 1163S</t>
  </si>
  <si>
    <t>FHC P31 1163SWL</t>
  </si>
  <si>
    <t>5702329224314</t>
  </si>
  <si>
    <t>VELUX Wabenplissee FHC P31 1163SWL</t>
  </si>
  <si>
    <t>FHC P31 1164SWL</t>
  </si>
  <si>
    <t>5702329224321</t>
  </si>
  <si>
    <t>VELUX Wabenplissee FHC P31 1164SWL</t>
  </si>
  <si>
    <t>FHC P31 1166SWL</t>
  </si>
  <si>
    <t>5702329224345</t>
  </si>
  <si>
    <t>VELUX Wabenplissee FHC P31 1166SWL</t>
  </si>
  <si>
    <t>FHC P31 1168SWL</t>
  </si>
  <si>
    <t>5702329224369</t>
  </si>
  <si>
    <t>VELUX Wabenplissee FHC P31 1168SWL</t>
  </si>
  <si>
    <t>FHC P31 1170S</t>
  </si>
  <si>
    <t>5702329126045</t>
  </si>
  <si>
    <t>VELUX Wabenplissee FHC P31 1170S</t>
  </si>
  <si>
    <t>FHC P31 1171SWL</t>
  </si>
  <si>
    <t>5702329224390</t>
  </si>
  <si>
    <t>VELUX Wabenplissee FHC P31 1171SWL</t>
  </si>
  <si>
    <t>FHC P31 1172S</t>
  </si>
  <si>
    <t>5702329126069</t>
  </si>
  <si>
    <t>VELUX Wabenplissee FHC P31 1172S</t>
  </si>
  <si>
    <t>FHC P31 1172SWL</t>
  </si>
  <si>
    <t>5702329224406</t>
  </si>
  <si>
    <t>VELUX Wabenplissee FHC P31 1172SWL</t>
  </si>
  <si>
    <t>FHC P31 1173S</t>
  </si>
  <si>
    <t>5702329126076</t>
  </si>
  <si>
    <t>VELUX Wabenplissee FHC P31 1173S</t>
  </si>
  <si>
    <t>FHC PK06 1045S</t>
  </si>
  <si>
    <t>5702326328428</t>
  </si>
  <si>
    <t>VELUX Wabenplissee FHC PK06 1045S</t>
  </si>
  <si>
    <t>FHC PK06 1045SWL</t>
  </si>
  <si>
    <t>5702326328435</t>
  </si>
  <si>
    <t>VELUX Wabenplissee FHC PK06 1045SWL</t>
  </si>
  <si>
    <t>FHC PK06 1047S</t>
  </si>
  <si>
    <t>5702326328466</t>
  </si>
  <si>
    <t>VELUX Wabenplissee FHC PK06 1047S</t>
  </si>
  <si>
    <t>FHC PK06 1047SWL</t>
  </si>
  <si>
    <t>5702326328473</t>
  </si>
  <si>
    <t>VELUX Wabenplissee FHC PK06 1047SWL</t>
  </si>
  <si>
    <t>FHC PK06 1049S</t>
  </si>
  <si>
    <t>5702326328503</t>
  </si>
  <si>
    <t>VELUX Wabenplissee FHC PK06 1049S</t>
  </si>
  <si>
    <t>FHC PK06 1049SWL</t>
  </si>
  <si>
    <t>5702326328510</t>
  </si>
  <si>
    <t>VELUX Wabenplissee FHC PK06 1049SWL</t>
  </si>
  <si>
    <t>FHC PK06 1155S</t>
  </si>
  <si>
    <t>5702327391896</t>
  </si>
  <si>
    <t>VELUX Wabenplissee FHC PK06 1155S</t>
  </si>
  <si>
    <t>FHC PK06 1155SWL</t>
  </si>
  <si>
    <t>5702329134828</t>
  </si>
  <si>
    <t>VELUX Wabenplissee FHC PK06 1155SWL</t>
  </si>
  <si>
    <t>FHC PK06 1156S</t>
  </si>
  <si>
    <t>5702327391902</t>
  </si>
  <si>
    <t>VELUX Wabenplissee FHC PK06 1156S</t>
  </si>
  <si>
    <t>FHC PK06 1156SWL</t>
  </si>
  <si>
    <t>5702329134835</t>
  </si>
  <si>
    <t>VELUX Wabenplissee FHC PK06 1156SWL</t>
  </si>
  <si>
    <t>FHC PK06 1163S</t>
  </si>
  <si>
    <t>5702329126304</t>
  </si>
  <si>
    <t>VELUX Wabenplissee FHC PK06 1163S</t>
  </si>
  <si>
    <t>FHC PK06 1163SWL</t>
  </si>
  <si>
    <t>5702329134842</t>
  </si>
  <si>
    <t>VELUX Wabenplissee FHC PK06 1163SWL</t>
  </si>
  <si>
    <t>FHC PK06 1164S</t>
  </si>
  <si>
    <t>5702329126311</t>
  </si>
  <si>
    <t>VELUX Wabenplissee FHC PK06 1164S</t>
  </si>
  <si>
    <t>FHC PK06 1164SWL</t>
  </si>
  <si>
    <t>5702329134859</t>
  </si>
  <si>
    <t>VELUX Wabenplissee FHC PK06 1164SWL</t>
  </si>
  <si>
    <t>FHC PK06 1165S</t>
  </si>
  <si>
    <t>5702329126328</t>
  </si>
  <si>
    <t>VELUX Wabenplissee FHC PK06 1165S</t>
  </si>
  <si>
    <t>FHC PK06 1165SWL</t>
  </si>
  <si>
    <t>5702329134866</t>
  </si>
  <si>
    <t>VELUX Wabenplissee FHC PK06 1165SWL</t>
  </si>
  <si>
    <t>FHC PK06 1166S</t>
  </si>
  <si>
    <t>5702329126335</t>
  </si>
  <si>
    <t>VELUX Wabenplissee FHC PK06 1166S</t>
  </si>
  <si>
    <t>FHC PK06 1166SWL</t>
  </si>
  <si>
    <t>5702329134873</t>
  </si>
  <si>
    <t>VELUX Wabenplissee FHC PK06 1166SWL</t>
  </si>
  <si>
    <t>FHC PK06 1167S</t>
  </si>
  <si>
    <t>5702329126342</t>
  </si>
  <si>
    <t>VELUX Wabenplissee FHC PK06 1167S</t>
  </si>
  <si>
    <t>FHC PK06 1167SWL</t>
  </si>
  <si>
    <t>5702329134880</t>
  </si>
  <si>
    <t>VELUX Wabenplissee FHC PK06 1167SWL</t>
  </si>
  <si>
    <t>FHC PK06 1168S</t>
  </si>
  <si>
    <t>5702329126359</t>
  </si>
  <si>
    <t>VELUX Wabenplissee FHC PK06 1168S</t>
  </si>
  <si>
    <t>FHC PK06 1168SWL</t>
  </si>
  <si>
    <t>5702329134897</t>
  </si>
  <si>
    <t>VELUX Wabenplissee FHC PK06 1168SWL</t>
  </si>
  <si>
    <t>FHC PK06 1169S</t>
  </si>
  <si>
    <t>5702329126366</t>
  </si>
  <si>
    <t>VELUX Wabenplissee FHC PK06 1169S</t>
  </si>
  <si>
    <t>FHC PK06 1169SWL</t>
  </si>
  <si>
    <t>5702329134903</t>
  </si>
  <si>
    <t>VELUX Wabenplissee FHC PK06 1169SWL</t>
  </si>
  <si>
    <t>FHC PK06 1170S</t>
  </si>
  <si>
    <t>5702329126373</t>
  </si>
  <si>
    <t>VELUX Wabenplissee FHC PK06 1170S</t>
  </si>
  <si>
    <t>FHC PK06 1170SWL</t>
  </si>
  <si>
    <t>5702329134910</t>
  </si>
  <si>
    <t>VELUX Wabenplissee FHC PK06 1170SWL</t>
  </si>
  <si>
    <t>FHC PK06 1171S</t>
  </si>
  <si>
    <t>5702329126380</t>
  </si>
  <si>
    <t>VELUX Wabenplissee FHC PK06 1171S</t>
  </si>
  <si>
    <t>FHC PK06 1171SWL</t>
  </si>
  <si>
    <t>5702329134927</t>
  </si>
  <si>
    <t>VELUX Wabenplissee FHC PK06 1171SWL</t>
  </si>
  <si>
    <t>FHC PK06 1172S</t>
  </si>
  <si>
    <t>5702329126397</t>
  </si>
  <si>
    <t>VELUX Wabenplissee FHC PK06 1172S</t>
  </si>
  <si>
    <t>FHC PK06 1172SWL</t>
  </si>
  <si>
    <t>5702329134934</t>
  </si>
  <si>
    <t>VELUX Wabenplissee FHC PK06 1172SWL</t>
  </si>
  <si>
    <t>FHC PK06 1173S</t>
  </si>
  <si>
    <t>5702329126403</t>
  </si>
  <si>
    <t>VELUX Wabenplissee FHC PK06 1173S</t>
  </si>
  <si>
    <t>FHC PK06 1173SWL</t>
  </si>
  <si>
    <t>5702329134941</t>
  </si>
  <si>
    <t>VELUX Wabenplissee FHC PK06 1173SWL</t>
  </si>
  <si>
    <t>FHC PK08 1045S</t>
  </si>
  <si>
    <t>5702326328619</t>
  </si>
  <si>
    <t>VELUX Wabenplissee FHC PK08 1045S</t>
  </si>
  <si>
    <t>FHC PK08 1045SWL</t>
  </si>
  <si>
    <t>5702326328626</t>
  </si>
  <si>
    <t>VELUX Wabenplissee FHC PK08 1045SWL</t>
  </si>
  <si>
    <t>FHC PK08 1047S</t>
  </si>
  <si>
    <t>5702326328657</t>
  </si>
  <si>
    <t>VELUX Wabenplissee FHC PK08 1047S</t>
  </si>
  <si>
    <t>FHC PK08 1047SWL</t>
  </si>
  <si>
    <t>5702326328664</t>
  </si>
  <si>
    <t>VELUX Wabenplissee FHC PK08 1047SWL</t>
  </si>
  <si>
    <t>FHC PK08 1049S</t>
  </si>
  <si>
    <t>5702326328695</t>
  </si>
  <si>
    <t>VELUX Wabenplissee FHC PK08 1049S</t>
  </si>
  <si>
    <t>FHC PK08 1049SWL</t>
  </si>
  <si>
    <t>5702326328701</t>
  </si>
  <si>
    <t>VELUX Wabenplissee FHC PK08 1049SWL</t>
  </si>
  <si>
    <t>FHC PK08 1155S</t>
  </si>
  <si>
    <t>5702327391971</t>
  </si>
  <si>
    <t>VELUX Wabenplissee FHC PK08 1155S</t>
  </si>
  <si>
    <t>FHC PK08 1155SWL</t>
  </si>
  <si>
    <t>5702329134958</t>
  </si>
  <si>
    <t>VELUX Wabenplissee FHC PK08 1155SWL</t>
  </si>
  <si>
    <t>FHC PK08 1156S</t>
  </si>
  <si>
    <t>5702327391988</t>
  </si>
  <si>
    <t>VELUX Wabenplissee FHC PK08 1156S</t>
  </si>
  <si>
    <t>FHC PK08 1156SWL</t>
  </si>
  <si>
    <t>5702329134965</t>
  </si>
  <si>
    <t>VELUX Wabenplissee FHC PK08 1156SWL</t>
  </si>
  <si>
    <t>FHC PK08 1163S</t>
  </si>
  <si>
    <t>5702329126410</t>
  </si>
  <si>
    <t>VELUX Wabenplissee FHC PK08 1163S</t>
  </si>
  <si>
    <t>FHC PK08 1163SWL</t>
  </si>
  <si>
    <t>5702329134972</t>
  </si>
  <si>
    <t>VELUX Wabenplissee FHC PK08 1163SWL</t>
  </si>
  <si>
    <t>FHC PK08 1164S</t>
  </si>
  <si>
    <t>5702329126427</t>
  </si>
  <si>
    <t>VELUX Wabenplissee FHC PK08 1164S</t>
  </si>
  <si>
    <t>FHC PK08 1164SWL</t>
  </si>
  <si>
    <t>5702329134989</t>
  </si>
  <si>
    <t>VELUX Wabenplissee FHC PK08 1164SWL</t>
  </si>
  <si>
    <t>FHC PK08 1165S</t>
  </si>
  <si>
    <t>5702329126434</t>
  </si>
  <si>
    <t>VELUX Wabenplissee FHC PK08 1165S</t>
  </si>
  <si>
    <t>FHC PK08 1165SWL</t>
  </si>
  <si>
    <t>5702329134996</t>
  </si>
  <si>
    <t>VELUX Wabenplissee FHC PK08 1165SWL</t>
  </si>
  <si>
    <t>FHC PK08 1166S</t>
  </si>
  <si>
    <t>5702329126441</t>
  </si>
  <si>
    <t>VELUX Wabenplissee FHC PK08 1166S</t>
  </si>
  <si>
    <t>FHC PK08 1166SWL</t>
  </si>
  <si>
    <t>5702329135009</t>
  </si>
  <si>
    <t>VELUX Wabenplissee FHC PK08 1166SWL</t>
  </si>
  <si>
    <t>FHC PK08 1167S</t>
  </si>
  <si>
    <t>5702329126458</t>
  </si>
  <si>
    <t>VELUX Wabenplissee FHC PK08 1167S</t>
  </si>
  <si>
    <t>FHC PK08 1167SWL</t>
  </si>
  <si>
    <t>5702329135016</t>
  </si>
  <si>
    <t>VELUX Wabenplissee FHC PK08 1167SWL</t>
  </si>
  <si>
    <t>FHC PK08 1168S</t>
  </si>
  <si>
    <t>5702329126465</t>
  </si>
  <si>
    <t>VELUX Wabenplissee FHC PK08 1168S</t>
  </si>
  <si>
    <t>FHC PK08 1168SWL</t>
  </si>
  <si>
    <t>5702329135023</t>
  </si>
  <si>
    <t>VELUX Wabenplissee FHC PK08 1168SWL</t>
  </si>
  <si>
    <t>FHC PK08 1169S</t>
  </si>
  <si>
    <t>5702329126472</t>
  </si>
  <si>
    <t>VELUX Wabenplissee FHC PK08 1169S</t>
  </si>
  <si>
    <t>FHC PK08 1169SWL</t>
  </si>
  <si>
    <t>5702329135030</t>
  </si>
  <si>
    <t>VELUX Wabenplissee FHC PK08 1169SWL</t>
  </si>
  <si>
    <t>FHC PK08 1170S</t>
  </si>
  <si>
    <t>5702329126489</t>
  </si>
  <si>
    <t>VELUX Wabenplissee FHC PK08 1170S</t>
  </si>
  <si>
    <t>FHC PK08 1170SWL</t>
  </si>
  <si>
    <t>5702329135047</t>
  </si>
  <si>
    <t>VELUX Wabenplissee FHC PK08 1170SWL</t>
  </si>
  <si>
    <t>FHC PK08 1171S</t>
  </si>
  <si>
    <t>5702329126496</t>
  </si>
  <si>
    <t>VELUX Wabenplissee FHC PK08 1171S</t>
  </si>
  <si>
    <t>FHC PK08 1171SWL</t>
  </si>
  <si>
    <t>5702329135054</t>
  </si>
  <si>
    <t>VELUX Wabenplissee FHC PK08 1171SWL</t>
  </si>
  <si>
    <t>FHC PK08 1172S</t>
  </si>
  <si>
    <t>5702329126502</t>
  </si>
  <si>
    <t>VELUX Wabenplissee FHC PK08 1172S</t>
  </si>
  <si>
    <t>FHC PK08 1172SWL</t>
  </si>
  <si>
    <t>5702329135061</t>
  </si>
  <si>
    <t>VELUX Wabenplissee FHC PK08 1172SWL</t>
  </si>
  <si>
    <t>FHC PK08 1173S</t>
  </si>
  <si>
    <t>5702329126519</t>
  </si>
  <si>
    <t>VELUX Wabenplissee FHC PK08 1173S</t>
  </si>
  <si>
    <t>FHC PK08 1173SWL</t>
  </si>
  <si>
    <t>5702329135078</t>
  </si>
  <si>
    <t>VELUX Wabenplissee FHC PK08 1173SWL</t>
  </si>
  <si>
    <t>FHC PK10 1045S</t>
  </si>
  <si>
    <t>5702326328794</t>
  </si>
  <si>
    <t>VELUX Wabenplissee FHC PK10 1045S</t>
  </si>
  <si>
    <t>FHC PK10 1045SWL</t>
  </si>
  <si>
    <t>5702326328817</t>
  </si>
  <si>
    <t>VELUX Wabenplissee FHC PK10 1045SWL</t>
  </si>
  <si>
    <t>FHC PK10 1047S</t>
  </si>
  <si>
    <t>5702326328848</t>
  </si>
  <si>
    <t>VELUX Wabenplissee FHC PK10 1047S</t>
  </si>
  <si>
    <t>FHC PK10 1047SWL</t>
  </si>
  <si>
    <t>5702326328855</t>
  </si>
  <si>
    <t>VELUX Wabenplissee FHC PK10 1047SWL</t>
  </si>
  <si>
    <t>FHC PK10 1049S</t>
  </si>
  <si>
    <t>5702326328886</t>
  </si>
  <si>
    <t>VELUX Wabenplissee FHC PK10 1049S</t>
  </si>
  <si>
    <t>FHC PK10 1049SWL</t>
  </si>
  <si>
    <t>5702326328893</t>
  </si>
  <si>
    <t>VELUX Wabenplissee FHC PK10 1049SWL</t>
  </si>
  <si>
    <t>FHC PK10 1155S</t>
  </si>
  <si>
    <t>5702327392053</t>
  </si>
  <si>
    <t>VELUX Wabenplissee FHC PK10 1155S</t>
  </si>
  <si>
    <t>FHC PK10 1155SWL</t>
  </si>
  <si>
    <t>5702329135085</t>
  </si>
  <si>
    <t>VELUX Wabenplissee FHC PK10 1155SWL</t>
  </si>
  <si>
    <t>FHC PK10 1156S</t>
  </si>
  <si>
    <t>5702327392060</t>
  </si>
  <si>
    <t>VELUX Wabenplissee FHC PK10 1156S</t>
  </si>
  <si>
    <t>FHC PK10 1156SWL</t>
  </si>
  <si>
    <t>5702329135092</t>
  </si>
  <si>
    <t>VELUX Wabenplissee FHC PK10 1156SWL</t>
  </si>
  <si>
    <t>FHC PK10 1163S</t>
  </si>
  <si>
    <t>5702329126526</t>
  </si>
  <si>
    <t>VELUX Wabenplissee FHC PK10 1163S</t>
  </si>
  <si>
    <t>FHC PK10 1163SWL</t>
  </si>
  <si>
    <t>5702329135108</t>
  </si>
  <si>
    <t>VELUX Wabenplissee FHC PK10 1163SWL</t>
  </si>
  <si>
    <t>FHC PK10 1164S</t>
  </si>
  <si>
    <t>5702329126533</t>
  </si>
  <si>
    <t>VELUX Wabenplissee FHC PK10 1164S</t>
  </si>
  <si>
    <t>FHC PK10 1164SWL</t>
  </si>
  <si>
    <t>5702329135115</t>
  </si>
  <si>
    <t>VELUX Wabenplissee FHC PK10 1164SWL</t>
  </si>
  <si>
    <t>FHC PK10 1165S</t>
  </si>
  <si>
    <t>5702329126540</t>
  </si>
  <si>
    <t>VELUX Wabenplissee FHC PK10 1165S</t>
  </si>
  <si>
    <t>FHC PK10 1165SWL</t>
  </si>
  <si>
    <t>5702329135122</t>
  </si>
  <si>
    <t>VELUX Wabenplissee FHC PK10 1165SWL</t>
  </si>
  <si>
    <t>FHC PK10 1166S</t>
  </si>
  <si>
    <t>5702329126557</t>
  </si>
  <si>
    <t>VELUX Wabenplissee FHC PK10 1166S</t>
  </si>
  <si>
    <t>FHC PK10 1166SWL</t>
  </si>
  <si>
    <t>5702329135139</t>
  </si>
  <si>
    <t>VELUX Wabenplissee FHC PK10 1166SWL</t>
  </si>
  <si>
    <t>FHC PK10 1167S</t>
  </si>
  <si>
    <t>5702329126564</t>
  </si>
  <si>
    <t>VELUX Wabenplissee FHC PK10 1167S</t>
  </si>
  <si>
    <t>FHC PK10 1167SWL</t>
  </si>
  <si>
    <t>5702329135146</t>
  </si>
  <si>
    <t>VELUX Wabenplissee FHC PK10 1167SWL</t>
  </si>
  <si>
    <t>FHC PK10 1168S</t>
  </si>
  <si>
    <t>5702329126571</t>
  </si>
  <si>
    <t>VELUX Wabenplissee FHC PK10 1168S</t>
  </si>
  <si>
    <t>FHC PK10 1168SWL</t>
  </si>
  <si>
    <t>5702329135153</t>
  </si>
  <si>
    <t>VELUX Wabenplissee FHC PK10 1168SWL</t>
  </si>
  <si>
    <t>FHC PK10 1169S</t>
  </si>
  <si>
    <t>5702329126588</t>
  </si>
  <si>
    <t>VELUX Wabenplissee FHC PK10 1169S</t>
  </si>
  <si>
    <t>FHC PK10 1169SWL</t>
  </si>
  <si>
    <t>5702329135160</t>
  </si>
  <si>
    <t>VELUX Wabenplissee FHC PK10 1169SWL</t>
  </si>
  <si>
    <t>FHC PK10 1170S</t>
  </si>
  <si>
    <t>5702329126595</t>
  </si>
  <si>
    <t>VELUX Wabenplissee FHC PK10 1170S</t>
  </si>
  <si>
    <t>FHC PK10 1170SWL</t>
  </si>
  <si>
    <t>5702329135177</t>
  </si>
  <si>
    <t>VELUX Wabenplissee FHC PK10 1170SWL</t>
  </si>
  <si>
    <t>FHC PK10 1171S</t>
  </si>
  <si>
    <t>5702329126601</t>
  </si>
  <si>
    <t>VELUX Wabenplissee FHC PK10 1171S</t>
  </si>
  <si>
    <t>FHC PK10 1171SWL</t>
  </si>
  <si>
    <t>5702329135184</t>
  </si>
  <si>
    <t>VELUX Wabenplissee FHC PK10 1171SWL</t>
  </si>
  <si>
    <t>FHC PK10 1172S</t>
  </si>
  <si>
    <t>5702329126618</t>
  </si>
  <si>
    <t>VELUX Wabenplissee FHC PK10 1172S</t>
  </si>
  <si>
    <t>FHC PK10 1172SWL</t>
  </si>
  <si>
    <t>5702329135191</t>
  </si>
  <si>
    <t>VELUX Wabenplissee FHC PK10 1172SWL</t>
  </si>
  <si>
    <t>FHC PK10 1173S</t>
  </si>
  <si>
    <t>5702329126625</t>
  </si>
  <si>
    <t>VELUX Wabenplissee FHC PK10 1173S</t>
  </si>
  <si>
    <t>FHC PK10 1173SWL</t>
  </si>
  <si>
    <t>5702329135207</t>
  </si>
  <si>
    <t>VELUX Wabenplissee FHC PK10 1173SWL</t>
  </si>
  <si>
    <t>FHC S04 1045S</t>
  </si>
  <si>
    <t>5702326275944</t>
  </si>
  <si>
    <t>VELUX Wabenplissee FHC S04 1045S</t>
  </si>
  <si>
    <t>FHC S04 1045SWL</t>
  </si>
  <si>
    <t>5702326275951</t>
  </si>
  <si>
    <t>VELUX Wabenplissee FHC S04 1045SWL</t>
  </si>
  <si>
    <t>FHC S04 1047S</t>
  </si>
  <si>
    <t>5702326275982</t>
  </si>
  <si>
    <t>VELUX Wabenplissee FHC S04 1047S</t>
  </si>
  <si>
    <t>FHC S04 1047SWL</t>
  </si>
  <si>
    <t>5702326275999</t>
  </si>
  <si>
    <t>VELUX Wabenplissee FHC S04 1047SWL</t>
  </si>
  <si>
    <t>FHC S04 1049S</t>
  </si>
  <si>
    <t>5702326276026</t>
  </si>
  <si>
    <t>VELUX Wabenplissee FHC S04 1049S</t>
  </si>
  <si>
    <t>FHC S04 1049SWL</t>
  </si>
  <si>
    <t>5702326276033</t>
  </si>
  <si>
    <t>VELUX Wabenplissee FHC S04 1049SWL</t>
  </si>
  <si>
    <t>FHC S04 1155S</t>
  </si>
  <si>
    <t>5702327392299</t>
  </si>
  <si>
    <t>VELUX Wabenplissee FHC S04 1155S</t>
  </si>
  <si>
    <t>FHC S04 1155SWL</t>
  </si>
  <si>
    <t>5702329135474</t>
  </si>
  <si>
    <t>VELUX Wabenplissee FHC S04 1155SWL</t>
  </si>
  <si>
    <t>FHC S04 1156S</t>
  </si>
  <si>
    <t>5702327392305</t>
  </si>
  <si>
    <t>VELUX Wabenplissee FHC S04 1156S</t>
  </si>
  <si>
    <t>FHC S04 1156SWL</t>
  </si>
  <si>
    <t>5702329135481</t>
  </si>
  <si>
    <t>VELUX Wabenplissee FHC S04 1156SWL</t>
  </si>
  <si>
    <t>FHC S04 1163S</t>
  </si>
  <si>
    <t>5702329126854</t>
  </si>
  <si>
    <t>VELUX Wabenplissee FHC S04 1163S</t>
  </si>
  <si>
    <t>FHC S04 1163SWL</t>
  </si>
  <si>
    <t>5702329135498</t>
  </si>
  <si>
    <t>VELUX Wabenplissee FHC S04 1163SWL</t>
  </si>
  <si>
    <t>FHC S04 1164S</t>
  </si>
  <si>
    <t>5702329126861</t>
  </si>
  <si>
    <t>VELUX Wabenplissee FHC S04 1164S</t>
  </si>
  <si>
    <t>FHC S04 1164SWL</t>
  </si>
  <si>
    <t>5702329135504</t>
  </si>
  <si>
    <t>VELUX Wabenplissee FHC S04 1164SWL</t>
  </si>
  <si>
    <t>FHC S04 1165S</t>
  </si>
  <si>
    <t>5702329126878</t>
  </si>
  <si>
    <t>VELUX Wabenplissee FHC S04 1165S</t>
  </si>
  <si>
    <t>FHC S04 1165SWL</t>
  </si>
  <si>
    <t>5702329135511</t>
  </si>
  <si>
    <t>VELUX Wabenplissee FHC S04 1165SWL</t>
  </si>
  <si>
    <t>FHC S04 1166S</t>
  </si>
  <si>
    <t>5702329126885</t>
  </si>
  <si>
    <t>VELUX Wabenplissee FHC S04 1166S</t>
  </si>
  <si>
    <t>FHC S04 1166SWL</t>
  </si>
  <si>
    <t>5702329135528</t>
  </si>
  <si>
    <t>VELUX Wabenplissee FHC S04 1166SWL</t>
  </si>
  <si>
    <t>FHC S04 1167S</t>
  </si>
  <si>
    <t>5702329126892</t>
  </si>
  <si>
    <t>VELUX Wabenplissee FHC S04 1167S</t>
  </si>
  <si>
    <t>FHC S04 1167SWL</t>
  </si>
  <si>
    <t>5702329135535</t>
  </si>
  <si>
    <t>VELUX Wabenplissee FHC S04 1167SWL</t>
  </si>
  <si>
    <t>FHC S04 1168S</t>
  </si>
  <si>
    <t>5702329126908</t>
  </si>
  <si>
    <t>VELUX Wabenplissee FHC S04 1168S</t>
  </si>
  <si>
    <t>FHC S04 1168SWL</t>
  </si>
  <si>
    <t>5702329135542</t>
  </si>
  <si>
    <t>VELUX Wabenplissee FHC S04 1168SWL</t>
  </si>
  <si>
    <t>FHC S04 1169S</t>
  </si>
  <si>
    <t>5702329126915</t>
  </si>
  <si>
    <t>VELUX Wabenplissee FHC S04 1169S</t>
  </si>
  <si>
    <t>FHC S04 1169SWL</t>
  </si>
  <si>
    <t>5702329135559</t>
  </si>
  <si>
    <t>VELUX Wabenplissee FHC S04 1169SWL</t>
  </si>
  <si>
    <t>FHC S04 1170S</t>
  </si>
  <si>
    <t>5702329126922</t>
  </si>
  <si>
    <t>VELUX Wabenplissee FHC S04 1170S</t>
  </si>
  <si>
    <t>FHC S04 1170SWL</t>
  </si>
  <si>
    <t>5702329135566</t>
  </si>
  <si>
    <t>VELUX Wabenplissee FHC S04 1170SWL</t>
  </si>
  <si>
    <t>FHC S04 1171S</t>
  </si>
  <si>
    <t>5702329126939</t>
  </si>
  <si>
    <t>VELUX Wabenplissee FHC S04 1171S</t>
  </si>
  <si>
    <t>FHC S04 1171SWL</t>
  </si>
  <si>
    <t>5702329135573</t>
  </si>
  <si>
    <t>VELUX Wabenplissee FHC S04 1171SWL</t>
  </si>
  <si>
    <t>FHC S04 1172S</t>
  </si>
  <si>
    <t>5702329126946</t>
  </si>
  <si>
    <t>VELUX Wabenplissee FHC S04 1172S</t>
  </si>
  <si>
    <t>FHC S04 1172SWL</t>
  </si>
  <si>
    <t>5702329135580</t>
  </si>
  <si>
    <t>VELUX Wabenplissee FHC S04 1172SWL</t>
  </si>
  <si>
    <t>FHC S04 1173S</t>
  </si>
  <si>
    <t>5702329126953</t>
  </si>
  <si>
    <t>VELUX Wabenplissee FHC S04 1173S</t>
  </si>
  <si>
    <t>FHC S04 1173SWL</t>
  </si>
  <si>
    <t>5702329135597</t>
  </si>
  <si>
    <t>VELUX Wabenplissee FHC S04 1173SWL</t>
  </si>
  <si>
    <t>FHC S06 1045S</t>
  </si>
  <si>
    <t>5702326276132</t>
  </si>
  <si>
    <t>VELUX Wabenplissee FHC S06 1045S</t>
  </si>
  <si>
    <t>FHC S06 1045SWL</t>
  </si>
  <si>
    <t>5702326276149</t>
  </si>
  <si>
    <t>VELUX Wabenplissee FHC S06 1045SWL</t>
  </si>
  <si>
    <t>FHC S06 1047S</t>
  </si>
  <si>
    <t>5702326276170</t>
  </si>
  <si>
    <t>VELUX Wabenplissee FHC S06 1047S</t>
  </si>
  <si>
    <t>FHC S06 1047SWL</t>
  </si>
  <si>
    <t>5702326276187</t>
  </si>
  <si>
    <t>VELUX Wabenplissee FHC S06 1047SWL</t>
  </si>
  <si>
    <t>FHC S06 1049S</t>
  </si>
  <si>
    <t>5702326276224</t>
  </si>
  <si>
    <t>VELUX Wabenplissee FHC S06 1049S</t>
  </si>
  <si>
    <t>FHC S06 1049SWL</t>
  </si>
  <si>
    <t>5702326276231</t>
  </si>
  <si>
    <t>VELUX Wabenplissee FHC S06 1049SWL</t>
  </si>
  <si>
    <t>FHC S06 1155S</t>
  </si>
  <si>
    <t>5702327392374</t>
  </si>
  <si>
    <t>VELUX Wabenplissee FHC S06 1155S</t>
  </si>
  <si>
    <t>FHC S06 1155SWL</t>
  </si>
  <si>
    <t>5702329135603</t>
  </si>
  <si>
    <t>VELUX Wabenplissee FHC S06 1155SWL</t>
  </si>
  <si>
    <t>FHC S06 1156S</t>
  </si>
  <si>
    <t>5702327392381</t>
  </si>
  <si>
    <t>VELUX Wabenplissee FHC S06 1156S</t>
  </si>
  <si>
    <t>FHC S06 1156SWL</t>
  </si>
  <si>
    <t>5702329135610</t>
  </si>
  <si>
    <t>VELUX Wabenplissee FHC S06 1156SWL</t>
  </si>
  <si>
    <t>FHC S06 1163S</t>
  </si>
  <si>
    <t>5702329126960</t>
  </si>
  <si>
    <t>VELUX Wabenplissee FHC S06 1163S</t>
  </si>
  <si>
    <t>FHC S06 1163SWL</t>
  </si>
  <si>
    <t>5702329135627</t>
  </si>
  <si>
    <t>VELUX Wabenplissee FHC S06 1163SWL</t>
  </si>
  <si>
    <t>FHC S06 1164S</t>
  </si>
  <si>
    <t>5702329126977</t>
  </si>
  <si>
    <t>VELUX Wabenplissee FHC S06 1164S</t>
  </si>
  <si>
    <t>FHC S06 1164SWL</t>
  </si>
  <si>
    <t>5702329135634</t>
  </si>
  <si>
    <t>VELUX Wabenplissee FHC S06 1164SWL</t>
  </si>
  <si>
    <t>FHC S06 1165S</t>
  </si>
  <si>
    <t>5702329126984</t>
  </si>
  <si>
    <t>VELUX Wabenplissee FHC S06 1165S</t>
  </si>
  <si>
    <t>FHC S06 1165SWL</t>
  </si>
  <si>
    <t>5702329135641</t>
  </si>
  <si>
    <t>VELUX Wabenplissee FHC S06 1165SWL</t>
  </si>
  <si>
    <t>FHC S06 1166S</t>
  </si>
  <si>
    <t>5702329126991</t>
  </si>
  <si>
    <t>VELUX Wabenplissee FHC S06 1166S</t>
  </si>
  <si>
    <t>FHC S06 1166SWL</t>
  </si>
  <si>
    <t>5702329135658</t>
  </si>
  <si>
    <t>VELUX Wabenplissee FHC S06 1166SWL</t>
  </si>
  <si>
    <t>FHC S06 1167S</t>
  </si>
  <si>
    <t>5702329127004</t>
  </si>
  <si>
    <t>VELUX Wabenplissee FHC S06 1167S</t>
  </si>
  <si>
    <t>FHC S06 1167SWL</t>
  </si>
  <si>
    <t>5702329135665</t>
  </si>
  <si>
    <t>VELUX Wabenplissee FHC S06 1167SWL</t>
  </si>
  <si>
    <t>FHC S06 1168S</t>
  </si>
  <si>
    <t>5702329127011</t>
  </si>
  <si>
    <t>VELUX Wabenplissee FHC S06 1168S</t>
  </si>
  <si>
    <t>FHC S06 1168SWL</t>
  </si>
  <si>
    <t>5702329135672</t>
  </si>
  <si>
    <t>VELUX Wabenplissee FHC S06 1168SWL</t>
  </si>
  <si>
    <t>FHC S06 1169S</t>
  </si>
  <si>
    <t>5702329127028</t>
  </si>
  <si>
    <t>VELUX Wabenplissee FHC S06 1169S</t>
  </si>
  <si>
    <t>FHC S06 1169SWL</t>
  </si>
  <si>
    <t>5702329135689</t>
  </si>
  <si>
    <t>VELUX Wabenplissee FHC S06 1169SWL</t>
  </si>
  <si>
    <t>FHC S06 1170S</t>
  </si>
  <si>
    <t>5702329127035</t>
  </si>
  <si>
    <t>VELUX Wabenplissee FHC S06 1170S</t>
  </si>
  <si>
    <t>FHC S06 1170SWL</t>
  </si>
  <si>
    <t>5702329135696</t>
  </si>
  <si>
    <t>VELUX Wabenplissee FHC S06 1170SWL</t>
  </si>
  <si>
    <t>FHC S06 1171S</t>
  </si>
  <si>
    <t>5702329127042</t>
  </si>
  <si>
    <t>VELUX Wabenplissee FHC S06 1171S</t>
  </si>
  <si>
    <t>FHC S06 1171SWL</t>
  </si>
  <si>
    <t>5702329135702</t>
  </si>
  <si>
    <t>VELUX Wabenplissee FHC S06 1171SWL</t>
  </si>
  <si>
    <t>FHC S06 1172S</t>
  </si>
  <si>
    <t>5702329127059</t>
  </si>
  <si>
    <t>VELUX Wabenplissee FHC S06 1172S</t>
  </si>
  <si>
    <t>FHC S06 1172SWL</t>
  </si>
  <si>
    <t>5702329135719</t>
  </si>
  <si>
    <t>VELUX Wabenplissee FHC S06 1172SWL</t>
  </si>
  <si>
    <t>FHC S06 1173S</t>
  </si>
  <si>
    <t>5702329127066</t>
  </si>
  <si>
    <t>VELUX Wabenplissee FHC S06 1173S</t>
  </si>
  <si>
    <t>FHC S06 1173SWL</t>
  </si>
  <si>
    <t>5702329135726</t>
  </si>
  <si>
    <t>VELUX Wabenplissee FHC S06 1173SWL</t>
  </si>
  <si>
    <t>FHC S08 1045S</t>
  </si>
  <si>
    <t>5702326276330</t>
  </si>
  <si>
    <t>VELUX Wabenplissee FHC S08 1045S</t>
  </si>
  <si>
    <t>FHC S08 1045SWL</t>
  </si>
  <si>
    <t>5702326276347</t>
  </si>
  <si>
    <t>VELUX Wabenplissee FHC S08 1045SWL</t>
  </si>
  <si>
    <t>FHC S08 1047S</t>
  </si>
  <si>
    <t>5702326276378</t>
  </si>
  <si>
    <t>VELUX Wabenplissee FHC S08 1047S</t>
  </si>
  <si>
    <t>FHC S08 1047SWL</t>
  </si>
  <si>
    <t>5702326276385</t>
  </si>
  <si>
    <t>VELUX Wabenplissee FHC S08 1047SWL</t>
  </si>
  <si>
    <t>FHC S08 1049S</t>
  </si>
  <si>
    <t>5702326276422</t>
  </si>
  <si>
    <t>VELUX Wabenplissee FHC S08 1049S</t>
  </si>
  <si>
    <t>FHC S08 1049SWL</t>
  </si>
  <si>
    <t>5702326276439</t>
  </si>
  <si>
    <t>VELUX Wabenplissee FHC S08 1049SWL</t>
  </si>
  <si>
    <t>FHC S08 1155S</t>
  </si>
  <si>
    <t>5702327392459</t>
  </si>
  <si>
    <t>VELUX Wabenplissee FHC S08 1155S</t>
  </si>
  <si>
    <t>FHC S08 1155SWL</t>
  </si>
  <si>
    <t>5702329135733</t>
  </si>
  <si>
    <t>VELUX Wabenplissee FHC S08 1155SWL</t>
  </si>
  <si>
    <t>FHC S08 1156S</t>
  </si>
  <si>
    <t>5702327392466</t>
  </si>
  <si>
    <t>VELUX Wabenplissee FHC S08 1156S</t>
  </si>
  <si>
    <t>FHC S08 1156SWL</t>
  </si>
  <si>
    <t>5702329135740</t>
  </si>
  <si>
    <t>VELUX Wabenplissee FHC S08 1156SWL</t>
  </si>
  <si>
    <t>FHC S08 1163S</t>
  </si>
  <si>
    <t>5702329127073</t>
  </si>
  <si>
    <t>VELUX Wabenplissee FHC S08 1163S</t>
  </si>
  <si>
    <t>FHC S08 1163SWL</t>
  </si>
  <si>
    <t>5702329135757</t>
  </si>
  <si>
    <t>VELUX Wabenplissee FHC S08 1163SWL</t>
  </si>
  <si>
    <t>FHC S08 1164S</t>
  </si>
  <si>
    <t>5702329127080</t>
  </si>
  <si>
    <t>VELUX Wabenplissee FHC S08 1164S</t>
  </si>
  <si>
    <t>FHC S08 1164SWL</t>
  </si>
  <si>
    <t>5702329135764</t>
  </si>
  <si>
    <t>VELUX Wabenplissee FHC S08 1164SWL</t>
  </si>
  <si>
    <t>FHC S08 1165S</t>
  </si>
  <si>
    <t>5702329127097</t>
  </si>
  <si>
    <t>VELUX Wabenplissee FHC S08 1165S</t>
  </si>
  <si>
    <t>FHC S08 1165SWL</t>
  </si>
  <si>
    <t>5702329135771</t>
  </si>
  <si>
    <t>VELUX Wabenplissee FHC S08 1165SWL</t>
  </si>
  <si>
    <t>FHC S08 1166S</t>
  </si>
  <si>
    <t>5702329127103</t>
  </si>
  <si>
    <t>VELUX Wabenplissee FHC S08 1166S</t>
  </si>
  <si>
    <t>FHC S08 1166SWL</t>
  </si>
  <si>
    <t>5702329135788</t>
  </si>
  <si>
    <t>VELUX Wabenplissee FHC S08 1166SWL</t>
  </si>
  <si>
    <t>FHC S08 1167S</t>
  </si>
  <si>
    <t>5702329127110</t>
  </si>
  <si>
    <t>VELUX Wabenplissee FHC S08 1167S</t>
  </si>
  <si>
    <t>FHC S08 1167SWL</t>
  </si>
  <si>
    <t>5702329135795</t>
  </si>
  <si>
    <t>VELUX Wabenplissee FHC S08 1167SWL</t>
  </si>
  <si>
    <t>FHC S08 1168S</t>
  </si>
  <si>
    <t>5702329127127</t>
  </si>
  <si>
    <t>VELUX Wabenplissee FHC S08 1168S</t>
  </si>
  <si>
    <t>FHC S08 1168SWL</t>
  </si>
  <si>
    <t>5702329135801</t>
  </si>
  <si>
    <t>VELUX Wabenplissee FHC S08 1168SWL</t>
  </si>
  <si>
    <t>FHC S08 1169S</t>
  </si>
  <si>
    <t>5702329127134</t>
  </si>
  <si>
    <t>VELUX Wabenplissee FHC S08 1169S</t>
  </si>
  <si>
    <t>FHC S08 1169SWL</t>
  </si>
  <si>
    <t>5702329135818</t>
  </si>
  <si>
    <t>VELUX Wabenplissee FHC S08 1169SWL</t>
  </si>
  <si>
    <t>FHC S08 1170S</t>
  </si>
  <si>
    <t>5702329127141</t>
  </si>
  <si>
    <t>VELUX Wabenplissee FHC S08 1170S</t>
  </si>
  <si>
    <t>FHC S08 1170SWL</t>
  </si>
  <si>
    <t>5702329135825</t>
  </si>
  <si>
    <t>VELUX Wabenplissee FHC S08 1170SWL</t>
  </si>
  <si>
    <t>FHC S08 1171S</t>
  </si>
  <si>
    <t>5702329127158</t>
  </si>
  <si>
    <t>VELUX Wabenplissee FHC S08 1171S</t>
  </si>
  <si>
    <t>FHC S08 1171SWL</t>
  </si>
  <si>
    <t>5702329135832</t>
  </si>
  <si>
    <t>VELUX Wabenplissee FHC S08 1171SWL</t>
  </si>
  <si>
    <t>FHC S08 1172S</t>
  </si>
  <si>
    <t>5702329127165</t>
  </si>
  <si>
    <t>VELUX Wabenplissee FHC S08 1172S</t>
  </si>
  <si>
    <t>FHC S08 1172SWL</t>
  </si>
  <si>
    <t>5702329135849</t>
  </si>
  <si>
    <t>VELUX Wabenplissee FHC S08 1172SWL</t>
  </si>
  <si>
    <t>FHC S08 1173S</t>
  </si>
  <si>
    <t>5702329127172</t>
  </si>
  <si>
    <t>VELUX Wabenplissee FHC S08 1173S</t>
  </si>
  <si>
    <t>FHC S08 1173SWL</t>
  </si>
  <si>
    <t>5702329135856</t>
  </si>
  <si>
    <t>VELUX Wabenplissee FHC S08 1173SWL</t>
  </si>
  <si>
    <t>FHC S10 1045S</t>
  </si>
  <si>
    <t>5702326276521</t>
  </si>
  <si>
    <t>VELUX Wabenplissee FHC S10 1045S</t>
  </si>
  <si>
    <t>FHC S10 1045SWL</t>
  </si>
  <si>
    <t>5702326276538</t>
  </si>
  <si>
    <t>VELUX Wabenplissee FHC S10 1045SWL</t>
  </si>
  <si>
    <t>FHC S10 1047S</t>
  </si>
  <si>
    <t>5702326276569</t>
  </si>
  <si>
    <t>VELUX Wabenplissee FHC S10 1047S</t>
  </si>
  <si>
    <t>FHC S10 1047SWL</t>
  </si>
  <si>
    <t>5702326276576</t>
  </si>
  <si>
    <t>VELUX Wabenplissee FHC S10 1047SWL</t>
  </si>
  <si>
    <t>FHC S10 1049S</t>
  </si>
  <si>
    <t>5702326276613</t>
  </si>
  <si>
    <t>VELUX Wabenplissee FHC S10 1049S</t>
  </si>
  <si>
    <t>FHC S10 1049SWL</t>
  </si>
  <si>
    <t>5702326276620</t>
  </si>
  <si>
    <t>VELUX Wabenplissee FHC S10 1049SWL</t>
  </si>
  <si>
    <t>FHC S10 1155S</t>
  </si>
  <si>
    <t>5702327392534</t>
  </si>
  <si>
    <t>VELUX Wabenplissee FHC S10 1155S</t>
  </si>
  <si>
    <t>FHC S10 1155SWL</t>
  </si>
  <si>
    <t>5702329135863</t>
  </si>
  <si>
    <t>VELUX Wabenplissee FHC S10 1155SWL</t>
  </si>
  <si>
    <t>FHC S10 1156S</t>
  </si>
  <si>
    <t>5702327392541</t>
  </si>
  <si>
    <t>VELUX Wabenplissee FHC S10 1156S</t>
  </si>
  <si>
    <t>FHC S10 1156SWL</t>
  </si>
  <si>
    <t>5702329135870</t>
  </si>
  <si>
    <t>VELUX Wabenplissee FHC S10 1156SWL</t>
  </si>
  <si>
    <t>FHC S10 1163S</t>
  </si>
  <si>
    <t>5702329127189</t>
  </si>
  <si>
    <t>VELUX Wabenplissee FHC S10 1163S</t>
  </si>
  <si>
    <t>FHC S10 1163SWL</t>
  </si>
  <si>
    <t>5702329135887</t>
  </si>
  <si>
    <t>VELUX Wabenplissee FHC S10 1163SWL</t>
  </si>
  <si>
    <t>FHC S10 1164S</t>
  </si>
  <si>
    <t>5702329127196</t>
  </si>
  <si>
    <t>VELUX Wabenplissee FHC S10 1164S</t>
  </si>
  <si>
    <t>FHC S10 1164SWL</t>
  </si>
  <si>
    <t>5702329135894</t>
  </si>
  <si>
    <t>VELUX Wabenplissee FHC S10 1164SWL</t>
  </si>
  <si>
    <t>FHC S10 1165S</t>
  </si>
  <si>
    <t>5702329127202</t>
  </si>
  <si>
    <t>VELUX Wabenplissee FHC S10 1165S</t>
  </si>
  <si>
    <t>FHC S10 1165SWL</t>
  </si>
  <si>
    <t>5702329135900</t>
  </si>
  <si>
    <t>VELUX Wabenplissee FHC S10 1165SWL</t>
  </si>
  <si>
    <t>FHC S10 1166S</t>
  </si>
  <si>
    <t>5702329127219</t>
  </si>
  <si>
    <t>VELUX Wabenplissee FHC S10 1166S</t>
  </si>
  <si>
    <t>FHC S10 1166SWL</t>
  </si>
  <si>
    <t>5702329135917</t>
  </si>
  <si>
    <t>VELUX Wabenplissee FHC S10 1166SWL</t>
  </si>
  <si>
    <t>FHC S10 1167S</t>
  </si>
  <si>
    <t>5702329127226</t>
  </si>
  <si>
    <t>VELUX Wabenplissee FHC S10 1167S</t>
  </si>
  <si>
    <t>FHC S10 1167SWL</t>
  </si>
  <si>
    <t>5702329135924</t>
  </si>
  <si>
    <t>VELUX Wabenplissee FHC S10 1167SWL</t>
  </si>
  <si>
    <t>FHC S10 1168S</t>
  </si>
  <si>
    <t>5702329127233</t>
  </si>
  <si>
    <t>VELUX Wabenplissee FHC S10 1168S</t>
  </si>
  <si>
    <t>FHC S10 1168SWL</t>
  </si>
  <si>
    <t>5702329135931</t>
  </si>
  <si>
    <t>VELUX Wabenplissee FHC S10 1168SWL</t>
  </si>
  <si>
    <t>FHC S10 1169S</t>
  </si>
  <si>
    <t>5702329127240</t>
  </si>
  <si>
    <t>VELUX Wabenplissee FHC S10 1169S</t>
  </si>
  <si>
    <t>FHC S10 1169SWL</t>
  </si>
  <si>
    <t>5702329135948</t>
  </si>
  <si>
    <t>VELUX Wabenplissee FHC S10 1169SWL</t>
  </si>
  <si>
    <t>FHC S10 1170S</t>
  </si>
  <si>
    <t>5702329127257</t>
  </si>
  <si>
    <t>VELUX Wabenplissee FHC S10 1170S</t>
  </si>
  <si>
    <t>FHC S10 1170SWL</t>
  </si>
  <si>
    <t>5702329135955</t>
  </si>
  <si>
    <t>VELUX Wabenplissee FHC S10 1170SWL</t>
  </si>
  <si>
    <t>FHC S10 1171S</t>
  </si>
  <si>
    <t>5702329127264</t>
  </si>
  <si>
    <t>VELUX Wabenplissee FHC S10 1171S</t>
  </si>
  <si>
    <t>FHC S10 1171SWL</t>
  </si>
  <si>
    <t>5702329135962</t>
  </si>
  <si>
    <t>VELUX Wabenplissee FHC S10 1171SWL</t>
  </si>
  <si>
    <t>FHC S10 1172S</t>
  </si>
  <si>
    <t>5702329127271</t>
  </si>
  <si>
    <t>VELUX Wabenplissee FHC S10 1172S</t>
  </si>
  <si>
    <t>FHC S10 1172SWL</t>
  </si>
  <si>
    <t>5702329135979</t>
  </si>
  <si>
    <t>VELUX Wabenplissee FHC S10 1172SWL</t>
  </si>
  <si>
    <t>FHC S10 1173S</t>
  </si>
  <si>
    <t>5702329127288</t>
  </si>
  <si>
    <t>VELUX Wabenplissee FHC S10 1173S</t>
  </si>
  <si>
    <t>FHC S10 1173SWL</t>
  </si>
  <si>
    <t>5702329135986</t>
  </si>
  <si>
    <t>VELUX Wabenplissee FHC S10 1173SWL</t>
  </si>
  <si>
    <t>FHC S31 1045S</t>
  </si>
  <si>
    <t>5702326276712</t>
  </si>
  <si>
    <t>VELUX Wabenplissee FHC S31 1045S</t>
  </si>
  <si>
    <t>FHC S31 1045SWL</t>
  </si>
  <si>
    <t>5702326276729</t>
  </si>
  <si>
    <t>VELUX Wabenplissee FHC S31 1045SWL</t>
  </si>
  <si>
    <t>FHC S31 1047S</t>
  </si>
  <si>
    <t>5702326276750</t>
  </si>
  <si>
    <t>VELUX Wabenplissee FHC S31 1047S</t>
  </si>
  <si>
    <t>FHC S31 1047SWL</t>
  </si>
  <si>
    <t>5702326276767</t>
  </si>
  <si>
    <t>VELUX Wabenplissee FHC S31 1047SWL</t>
  </si>
  <si>
    <t>FHC S31 1155S</t>
  </si>
  <si>
    <t>5702327392619</t>
  </si>
  <si>
    <t>VELUX Wabenplissee FHC S31 1155S</t>
  </si>
  <si>
    <t>FHC S31 1155SWL</t>
  </si>
  <si>
    <t>5702329224420</t>
  </si>
  <si>
    <t>VELUX Wabenplissee FHC S31 1155SWL</t>
  </si>
  <si>
    <t>FHC S31 1156SWL</t>
  </si>
  <si>
    <t>5702329224437</t>
  </si>
  <si>
    <t>VELUX Wabenplissee FHC S31 1156SWL</t>
  </si>
  <si>
    <t>FHC S31 1166S</t>
  </si>
  <si>
    <t>5702329127325</t>
  </si>
  <si>
    <t>VELUX Wabenplissee FHC S31 1166S</t>
  </si>
  <si>
    <t>FHC S31 1167S</t>
  </si>
  <si>
    <t>5702329127332</t>
  </si>
  <si>
    <t>VELUX Wabenplissee FHC S31 1167S</t>
  </si>
  <si>
    <t>FHC S31 1168SWL</t>
  </si>
  <si>
    <t>5702329224499</t>
  </si>
  <si>
    <t>VELUX Wabenplissee FHC S31 1168SWL</t>
  </si>
  <si>
    <t>FHC S31 1170S</t>
  </si>
  <si>
    <t>5702329127363</t>
  </si>
  <si>
    <t>VELUX Wabenplissee FHC S31 1170S</t>
  </si>
  <si>
    <t>FHC S31 1170SWL</t>
  </si>
  <si>
    <t>5702329224512</t>
  </si>
  <si>
    <t>VELUX Wabenplissee FHC S31 1170SWL</t>
  </si>
  <si>
    <t>FHC S31 1171S</t>
  </si>
  <si>
    <t>5702329127370</t>
  </si>
  <si>
    <t>VELUX Wabenplissee FHC S31 1171S</t>
  </si>
  <si>
    <t>FHC S31 1171SWL</t>
  </si>
  <si>
    <t>5702329224529</t>
  </si>
  <si>
    <t>VELUX Wabenplissee FHC S31 1171SWL</t>
  </si>
  <si>
    <t>FHC S31 1172S</t>
  </si>
  <si>
    <t>5702329127387</t>
  </si>
  <si>
    <t>VELUX Wabenplissee FHC S31 1172S</t>
  </si>
  <si>
    <t>FHC S31 1172SWL</t>
  </si>
  <si>
    <t>5702329224536</t>
  </si>
  <si>
    <t>VELUX Wabenplissee FHC S31 1172SWL</t>
  </si>
  <si>
    <t>FHC S31 1173S</t>
  </si>
  <si>
    <t>5702329127394</t>
  </si>
  <si>
    <t>VELUX Wabenplissee FHC S31 1173S</t>
  </si>
  <si>
    <t>FHC SK06 1045S</t>
  </si>
  <si>
    <t>5702326329753</t>
  </si>
  <si>
    <t>VELUX Wabenplissee FHC SK06 1045S</t>
  </si>
  <si>
    <t>FHC SK06 1045SWL</t>
  </si>
  <si>
    <t>5702326329760</t>
  </si>
  <si>
    <t>VELUX Wabenplissee FHC SK06 1045SWL</t>
  </si>
  <si>
    <t>FHC SK06 1047S</t>
  </si>
  <si>
    <t>5702326329791</t>
  </si>
  <si>
    <t>VELUX Wabenplissee FHC SK06 1047S</t>
  </si>
  <si>
    <t>FHC SK06 1047SWL</t>
  </si>
  <si>
    <t>5702326329814</t>
  </si>
  <si>
    <t>VELUX Wabenplissee FHC SK06 1047SWL</t>
  </si>
  <si>
    <t>FHC SK06 1049S</t>
  </si>
  <si>
    <t>5702326329845</t>
  </si>
  <si>
    <t>VELUX Wabenplissee FHC SK06 1049S</t>
  </si>
  <si>
    <t>FHC SK06 1049SWL</t>
  </si>
  <si>
    <t>5702326329852</t>
  </si>
  <si>
    <t>VELUX Wabenplissee FHC SK06 1049SWL</t>
  </si>
  <si>
    <t>FHC SK06 1155S</t>
  </si>
  <si>
    <t>5702327392855</t>
  </si>
  <si>
    <t>VELUX Wabenplissee FHC SK06 1155S</t>
  </si>
  <si>
    <t>FHC SK06 1155SWL</t>
  </si>
  <si>
    <t>5702329136129</t>
  </si>
  <si>
    <t>VELUX Wabenplissee FHC SK06 1155SWL</t>
  </si>
  <si>
    <t>FHC SK06 1156S</t>
  </si>
  <si>
    <t>5702327392862</t>
  </si>
  <si>
    <t>VELUX Wabenplissee FHC SK06 1156S</t>
  </si>
  <si>
    <t>FHC SK06 1156SWL</t>
  </si>
  <si>
    <t>5702329136136</t>
  </si>
  <si>
    <t>VELUX Wabenplissee FHC SK06 1156SWL</t>
  </si>
  <si>
    <t>FHC SK06 1163S</t>
  </si>
  <si>
    <t>5702329127622</t>
  </si>
  <si>
    <t>VELUX Wabenplissee FHC SK06 1163S</t>
  </si>
  <si>
    <t>FHC SK06 1163SWL</t>
  </si>
  <si>
    <t>5702329136143</t>
  </si>
  <si>
    <t>VELUX Wabenplissee FHC SK06 1163SWL</t>
  </si>
  <si>
    <t>FHC SK06 1164S</t>
  </si>
  <si>
    <t>5702329127639</t>
  </si>
  <si>
    <t>VELUX Wabenplissee FHC SK06 1164S</t>
  </si>
  <si>
    <t>FHC SK06 1164SWL</t>
  </si>
  <si>
    <t>5702329136150</t>
  </si>
  <si>
    <t>VELUX Wabenplissee FHC SK06 1164SWL</t>
  </si>
  <si>
    <t>FHC SK06 1165S</t>
  </si>
  <si>
    <t>5702329127646</t>
  </si>
  <si>
    <t>VELUX Wabenplissee FHC SK06 1165S</t>
  </si>
  <si>
    <t>FHC SK06 1165SWL</t>
  </si>
  <si>
    <t>5702329136167</t>
  </si>
  <si>
    <t>VELUX Wabenplissee FHC SK06 1165SWL</t>
  </si>
  <si>
    <t>FHC SK06 1166S</t>
  </si>
  <si>
    <t>5702329127653</t>
  </si>
  <si>
    <t>VELUX Wabenplissee FHC SK06 1166S</t>
  </si>
  <si>
    <t>FHC SK06 1166SWL</t>
  </si>
  <si>
    <t>5702329136174</t>
  </si>
  <si>
    <t>VELUX Wabenplissee FHC SK06 1166SWL</t>
  </si>
  <si>
    <t>FHC SK06 1167S</t>
  </si>
  <si>
    <t>5702329127660</t>
  </si>
  <si>
    <t>VELUX Wabenplissee FHC SK06 1167S</t>
  </si>
  <si>
    <t>FHC SK06 1167SWL</t>
  </si>
  <si>
    <t>5702329136181</t>
  </si>
  <si>
    <t>VELUX Wabenplissee FHC SK06 1167SWL</t>
  </si>
  <si>
    <t>FHC SK06 1168S</t>
  </si>
  <si>
    <t>5702329127677</t>
  </si>
  <si>
    <t>VELUX Wabenplissee FHC SK06 1168S</t>
  </si>
  <si>
    <t>FHC SK06 1168SWL</t>
  </si>
  <si>
    <t>5702329136198</t>
  </si>
  <si>
    <t>VELUX Wabenplissee FHC SK06 1168SWL</t>
  </si>
  <si>
    <t>FHC SK06 1169S</t>
  </si>
  <si>
    <t>5702329127684</t>
  </si>
  <si>
    <t>VELUX Wabenplissee FHC SK06 1169S</t>
  </si>
  <si>
    <t>FHC SK06 1169SWL</t>
  </si>
  <si>
    <t>5702329136204</t>
  </si>
  <si>
    <t>VELUX Wabenplissee FHC SK06 1169SWL</t>
  </si>
  <si>
    <t>FHC SK06 1170S</t>
  </si>
  <si>
    <t>5702329127691</t>
  </si>
  <si>
    <t>VELUX Wabenplissee FHC SK06 1170S</t>
  </si>
  <si>
    <t>FHC SK06 1170SWL</t>
  </si>
  <si>
    <t>5702329136211</t>
  </si>
  <si>
    <t>VELUX Wabenplissee FHC SK06 1170SWL</t>
  </si>
  <si>
    <t>FHC SK06 1171S</t>
  </si>
  <si>
    <t>5702329127707</t>
  </si>
  <si>
    <t>VELUX Wabenplissee FHC SK06 1171S</t>
  </si>
  <si>
    <t>FHC SK06 1171SWL</t>
  </si>
  <si>
    <t>5702329136228</t>
  </si>
  <si>
    <t>VELUX Wabenplissee FHC SK06 1171SWL</t>
  </si>
  <si>
    <t>FHC SK06 1172S</t>
  </si>
  <si>
    <t>5702329127714</t>
  </si>
  <si>
    <t>VELUX Wabenplissee FHC SK06 1172S</t>
  </si>
  <si>
    <t>FHC SK06 1172SWL</t>
  </si>
  <si>
    <t>5702329136235</t>
  </si>
  <si>
    <t>VELUX Wabenplissee FHC SK06 1172SWL</t>
  </si>
  <si>
    <t>FHC SK06 1173S</t>
  </si>
  <si>
    <t>5702329127721</t>
  </si>
  <si>
    <t>VELUX Wabenplissee FHC SK06 1173S</t>
  </si>
  <si>
    <t>FHC SK06 1173SWL</t>
  </si>
  <si>
    <t>5702329136242</t>
  </si>
  <si>
    <t>VELUX Wabenplissee FHC SK06 1173SWL</t>
  </si>
  <si>
    <t>FHC SK08 1045S</t>
  </si>
  <si>
    <t>5702326329944</t>
  </si>
  <si>
    <t>VELUX Wabenplissee FHC SK08 1045S</t>
  </si>
  <si>
    <t>FHC SK08 1045SWL</t>
  </si>
  <si>
    <t>5702326329951</t>
  </si>
  <si>
    <t>VELUX Wabenplissee FHC SK08 1045SWL</t>
  </si>
  <si>
    <t>FHC SK08 1047S</t>
  </si>
  <si>
    <t>5702326329982</t>
  </si>
  <si>
    <t>VELUX Wabenplissee FHC SK08 1047S</t>
  </si>
  <si>
    <t>FHC SK08 1047SWL</t>
  </si>
  <si>
    <t>5702326329999</t>
  </si>
  <si>
    <t>VELUX Wabenplissee FHC SK08 1047SWL</t>
  </si>
  <si>
    <t>FHC SK08 1049S</t>
  </si>
  <si>
    <t>5702326330025</t>
  </si>
  <si>
    <t>VELUX Wabenplissee FHC SK08 1049S</t>
  </si>
  <si>
    <t>FHC SK08 1049SWL</t>
  </si>
  <si>
    <t>5702326330032</t>
  </si>
  <si>
    <t>VELUX Wabenplissee FHC SK08 1049SWL</t>
  </si>
  <si>
    <t>FHC SK08 1155S</t>
  </si>
  <si>
    <t>5702327392930</t>
  </si>
  <si>
    <t>VELUX Wabenplissee FHC SK08 1155S</t>
  </si>
  <si>
    <t>FHC SK08 1155SWL</t>
  </si>
  <si>
    <t>5702329136259</t>
  </si>
  <si>
    <t>VELUX Wabenplissee FHC SK08 1155SWL</t>
  </si>
  <si>
    <t>FHC SK08 1156S</t>
  </si>
  <si>
    <t>5702327392947</t>
  </si>
  <si>
    <t>VELUX Wabenplissee FHC SK08 1156S</t>
  </si>
  <si>
    <t>FHC SK08 1156SWL</t>
  </si>
  <si>
    <t>5702329136266</t>
  </si>
  <si>
    <t>VELUX Wabenplissee FHC SK08 1156SWL</t>
  </si>
  <si>
    <t>FHC SK08 1163S</t>
  </si>
  <si>
    <t>5702329127738</t>
  </si>
  <si>
    <t>VELUX Wabenplissee FHC SK08 1163S</t>
  </si>
  <si>
    <t>FHC SK08 1163SWL</t>
  </si>
  <si>
    <t>5702329136273</t>
  </si>
  <si>
    <t>VELUX Wabenplissee FHC SK08 1163SWL</t>
  </si>
  <si>
    <t>FHC SK08 1164S</t>
  </si>
  <si>
    <t>5702329127745</t>
  </si>
  <si>
    <t>VELUX Wabenplissee FHC SK08 1164S</t>
  </si>
  <si>
    <t>FHC SK08 1164SWL</t>
  </si>
  <si>
    <t>5702329136280</t>
  </si>
  <si>
    <t>VELUX Wabenplissee FHC SK08 1164SWL</t>
  </si>
  <si>
    <t>FHC SK08 1165S</t>
  </si>
  <si>
    <t>5702329127752</t>
  </si>
  <si>
    <t>VELUX Wabenplissee FHC SK08 1165S</t>
  </si>
  <si>
    <t>FHC SK08 1165SWL</t>
  </si>
  <si>
    <t>5702329136297</t>
  </si>
  <si>
    <t>VELUX Wabenplissee FHC SK08 1165SWL</t>
  </si>
  <si>
    <t>FHC SK08 1166S</t>
  </si>
  <si>
    <t>5702329127769</t>
  </si>
  <si>
    <t>VELUX Wabenplissee FHC SK08 1166S</t>
  </si>
  <si>
    <t>FHC SK08 1166SWL</t>
  </si>
  <si>
    <t>5702329136303</t>
  </si>
  <si>
    <t>VELUX Wabenplissee FHC SK08 1166SWL</t>
  </si>
  <si>
    <t>FHC SK08 1167S</t>
  </si>
  <si>
    <t>5702329127776</t>
  </si>
  <si>
    <t>VELUX Wabenplissee FHC SK08 1167S</t>
  </si>
  <si>
    <t>FHC SK08 1167SWL</t>
  </si>
  <si>
    <t>5702329136310</t>
  </si>
  <si>
    <t>VELUX Wabenplissee FHC SK08 1167SWL</t>
  </si>
  <si>
    <t>FHC SK08 1168S</t>
  </si>
  <si>
    <t>5702329127783</t>
  </si>
  <si>
    <t>VELUX Wabenplissee FHC SK08 1168S</t>
  </si>
  <si>
    <t>FHC SK08 1168SWL</t>
  </si>
  <si>
    <t>5702329136327</t>
  </si>
  <si>
    <t>VELUX Wabenplissee FHC SK08 1168SWL</t>
  </si>
  <si>
    <t>FHC SK08 1169S</t>
  </si>
  <si>
    <t>5702329127790</t>
  </si>
  <si>
    <t>VELUX Wabenplissee FHC SK08 1169S</t>
  </si>
  <si>
    <t>FHC SK08 1169SWL</t>
  </si>
  <si>
    <t>5702329136334</t>
  </si>
  <si>
    <t>VELUX Wabenplissee FHC SK08 1169SWL</t>
  </si>
  <si>
    <t>FHC SK08 1170S</t>
  </si>
  <si>
    <t>5702329127806</t>
  </si>
  <si>
    <t>VELUX Wabenplissee FHC SK08 1170S</t>
  </si>
  <si>
    <t>FHC SK08 1170SWL</t>
  </si>
  <si>
    <t>5702329136341</t>
  </si>
  <si>
    <t>VELUX Wabenplissee FHC SK08 1170SWL</t>
  </si>
  <si>
    <t>FHC SK08 1171S</t>
  </si>
  <si>
    <t>5702329127813</t>
  </si>
  <si>
    <t>VELUX Wabenplissee FHC SK08 1171S</t>
  </si>
  <si>
    <t>FHC SK08 1171SWL</t>
  </si>
  <si>
    <t>5702329136358</t>
  </si>
  <si>
    <t>VELUX Wabenplissee FHC SK08 1171SWL</t>
  </si>
  <si>
    <t>FHC SK08 1172S</t>
  </si>
  <si>
    <t>5702329127820</t>
  </si>
  <si>
    <t>VELUX Wabenplissee FHC SK08 1172S</t>
  </si>
  <si>
    <t>FHC SK08 1172SWL</t>
  </si>
  <si>
    <t>5702329136365</t>
  </si>
  <si>
    <t>VELUX Wabenplissee FHC SK08 1172SWL</t>
  </si>
  <si>
    <t>FHC SK08 1173S</t>
  </si>
  <si>
    <t>5702329127837</t>
  </si>
  <si>
    <t>VELUX Wabenplissee FHC SK08 1173S</t>
  </si>
  <si>
    <t>FHC SK08 1173SWL</t>
  </si>
  <si>
    <t>5702329136372</t>
  </si>
  <si>
    <t>VELUX Wabenplissee FHC SK08 1173SWL</t>
  </si>
  <si>
    <t>FHC SK10 1045S</t>
  </si>
  <si>
    <t>5702326330131</t>
  </si>
  <si>
    <t>VELUX Wabenplissee FHC SK10 1045S</t>
  </si>
  <si>
    <t>FHC SK10 1045SWL</t>
  </si>
  <si>
    <t>5702326330148</t>
  </si>
  <si>
    <t>VELUX Wabenplissee FHC SK10 1045SWL</t>
  </si>
  <si>
    <t>FHC SK10 1047S</t>
  </si>
  <si>
    <t>5702326330179</t>
  </si>
  <si>
    <t>VELUX Wabenplissee FHC SK10 1047S</t>
  </si>
  <si>
    <t>FHC SK10 1047SWL</t>
  </si>
  <si>
    <t>5702326330186</t>
  </si>
  <si>
    <t>VELUX Wabenplissee FHC SK10 1047SWL</t>
  </si>
  <si>
    <t>FHC SK10 1049S</t>
  </si>
  <si>
    <t>5702326330223</t>
  </si>
  <si>
    <t>VELUX Wabenplissee FHC SK10 1049S</t>
  </si>
  <si>
    <t>FHC SK10 1049SWL</t>
  </si>
  <si>
    <t>5702326330230</t>
  </si>
  <si>
    <t>VELUX Wabenplissee FHC SK10 1049SWL</t>
  </si>
  <si>
    <t>FHC SK10 1155S</t>
  </si>
  <si>
    <t>5702327393012</t>
  </si>
  <si>
    <t>VELUX Wabenplissee FHC SK10 1155S</t>
  </si>
  <si>
    <t>FHC SK10 1155SWL</t>
  </si>
  <si>
    <t>5702329136389</t>
  </si>
  <si>
    <t>VELUX Wabenplissee FHC SK10 1155SWL</t>
  </si>
  <si>
    <t>FHC SK10 1156S</t>
  </si>
  <si>
    <t>5702327393029</t>
  </si>
  <si>
    <t>VELUX Wabenplissee FHC SK10 1156S</t>
  </si>
  <si>
    <t>FHC SK10 1156SWL</t>
  </si>
  <si>
    <t>5702329136396</t>
  </si>
  <si>
    <t>VELUX Wabenplissee FHC SK10 1156SWL</t>
  </si>
  <si>
    <t>FHC SK10 1163S</t>
  </si>
  <si>
    <t>5702329127844</t>
  </si>
  <si>
    <t>VELUX Wabenplissee FHC SK10 1163S</t>
  </si>
  <si>
    <t>FHC SK10 1163SWL</t>
  </si>
  <si>
    <t>5702329136402</t>
  </si>
  <si>
    <t>VELUX Wabenplissee FHC SK10 1163SWL</t>
  </si>
  <si>
    <t>FHC SK10 1164S</t>
  </si>
  <si>
    <t>5702329127851</t>
  </si>
  <si>
    <t>VELUX Wabenplissee FHC SK10 1164S</t>
  </si>
  <si>
    <t>FHC SK10 1164SWL</t>
  </si>
  <si>
    <t>5702329136419</t>
  </si>
  <si>
    <t>VELUX Wabenplissee FHC SK10 1164SWL</t>
  </si>
  <si>
    <t>FHC SK10 1165S</t>
  </si>
  <si>
    <t>5702329127868</t>
  </si>
  <si>
    <t>VELUX Wabenplissee FHC SK10 1165S</t>
  </si>
  <si>
    <t>FHC SK10 1165SWL</t>
  </si>
  <si>
    <t>5702329136426</t>
  </si>
  <si>
    <t>VELUX Wabenplissee FHC SK10 1165SWL</t>
  </si>
  <si>
    <t>FHC SK10 1166S</t>
  </si>
  <si>
    <t>5702329127875</t>
  </si>
  <si>
    <t>VELUX Wabenplissee FHC SK10 1166S</t>
  </si>
  <si>
    <t>FHC SK10 1166SWL</t>
  </si>
  <si>
    <t>5702329136433</t>
  </si>
  <si>
    <t>VELUX Wabenplissee FHC SK10 1166SWL</t>
  </si>
  <si>
    <t>FHC SK10 1167S</t>
  </si>
  <si>
    <t>5702329127882</t>
  </si>
  <si>
    <t>VELUX Wabenplissee FHC SK10 1167S</t>
  </si>
  <si>
    <t>FHC SK10 1167SWL</t>
  </si>
  <si>
    <t>5702329136440</t>
  </si>
  <si>
    <t>VELUX Wabenplissee FHC SK10 1167SWL</t>
  </si>
  <si>
    <t>FHC SK10 1168S</t>
  </si>
  <si>
    <t>5702329127899</t>
  </si>
  <si>
    <t>VELUX Wabenplissee FHC SK10 1168S</t>
  </si>
  <si>
    <t>FHC SK10 1168SWL</t>
  </si>
  <si>
    <t>5702329136457</t>
  </si>
  <si>
    <t>VELUX Wabenplissee FHC SK10 1168SWL</t>
  </si>
  <si>
    <t>FHC SK10 1169S</t>
  </si>
  <si>
    <t>5702329127905</t>
  </si>
  <si>
    <t>VELUX Wabenplissee FHC SK10 1169S</t>
  </si>
  <si>
    <t>FHC SK10 1169SWL</t>
  </si>
  <si>
    <t>5702329136464</t>
  </si>
  <si>
    <t>VELUX Wabenplissee FHC SK10 1169SWL</t>
  </si>
  <si>
    <t>FHC SK10 1170S</t>
  </si>
  <si>
    <t>5702329127912</t>
  </si>
  <si>
    <t>VELUX Wabenplissee FHC SK10 1170S</t>
  </si>
  <si>
    <t>FHC SK10 1170SWL</t>
  </si>
  <si>
    <t>5702329136471</t>
  </si>
  <si>
    <t>VELUX Wabenplissee FHC SK10 1170SWL</t>
  </si>
  <si>
    <t>FHC SK10 1171S</t>
  </si>
  <si>
    <t>5702329127929</t>
  </si>
  <si>
    <t>VELUX Wabenplissee FHC SK10 1171S</t>
  </si>
  <si>
    <t>FHC SK10 1171SWL</t>
  </si>
  <si>
    <t>5702329136488</t>
  </si>
  <si>
    <t>VELUX Wabenplissee FHC SK10 1171SWL</t>
  </si>
  <si>
    <t>FHC SK10 1172S</t>
  </si>
  <si>
    <t>5702329127936</t>
  </si>
  <si>
    <t>VELUX Wabenplissee FHC SK10 1172S</t>
  </si>
  <si>
    <t>FHC SK10 1172SWL</t>
  </si>
  <si>
    <t>5702329136495</t>
  </si>
  <si>
    <t>VELUX Wabenplissee FHC SK10 1172SWL</t>
  </si>
  <si>
    <t>FHC SK10 1173S</t>
  </si>
  <si>
    <t>5702329127943</t>
  </si>
  <si>
    <t>VELUX Wabenplissee FHC SK10 1173S</t>
  </si>
  <si>
    <t>FHC SK10 1173SWL</t>
  </si>
  <si>
    <t>5702329136501</t>
  </si>
  <si>
    <t>VELUX Wabenplissee FHC SK10 1173SWL</t>
  </si>
  <si>
    <t>FHC U04 1045S</t>
  </si>
  <si>
    <t>5702326277085</t>
  </si>
  <si>
    <t>VELUX Wabenplissee FHC U04 1045S</t>
  </si>
  <si>
    <t>FHC U04 1045SWL</t>
  </si>
  <si>
    <t>5702326277092</t>
  </si>
  <si>
    <t>VELUX Wabenplissee FHC U04 1045SWL</t>
  </si>
  <si>
    <t>FHC U04 1047S</t>
  </si>
  <si>
    <t>5702326277139</t>
  </si>
  <si>
    <t>VELUX Wabenplissee FHC U04 1047S</t>
  </si>
  <si>
    <t>FHC U04 1047SWL</t>
  </si>
  <si>
    <t>5702326277146</t>
  </si>
  <si>
    <t>VELUX Wabenplissee FHC U04 1047SWL</t>
  </si>
  <si>
    <t>FHC U04 1049S</t>
  </si>
  <si>
    <t>5702326277177</t>
  </si>
  <si>
    <t>VELUX Wabenplissee FHC U04 1049S</t>
  </si>
  <si>
    <t>FHC U04 1049SWL</t>
  </si>
  <si>
    <t>5702326277184</t>
  </si>
  <si>
    <t>VELUX Wabenplissee FHC U04 1049SWL</t>
  </si>
  <si>
    <t>FHC U04 1155S</t>
  </si>
  <si>
    <t>5702327393098</t>
  </si>
  <si>
    <t>VELUX Wabenplissee FHC U04 1155S</t>
  </si>
  <si>
    <t>FHC U04 1155SWL</t>
  </si>
  <si>
    <t>5702329136518</t>
  </si>
  <si>
    <t>VELUX Wabenplissee FHC U04 1155SWL</t>
  </si>
  <si>
    <t>FHC U04 1156S</t>
  </si>
  <si>
    <t>5702327393104</t>
  </si>
  <si>
    <t>VELUX Wabenplissee FHC U04 1156S</t>
  </si>
  <si>
    <t>FHC U04 1156SWL</t>
  </si>
  <si>
    <t>5702329136525</t>
  </si>
  <si>
    <t>VELUX Wabenplissee FHC U04 1156SWL</t>
  </si>
  <si>
    <t>FHC U04 1163S</t>
  </si>
  <si>
    <t>5702329127950</t>
  </si>
  <si>
    <t>VELUX Wabenplissee FHC U04 1163S</t>
  </si>
  <si>
    <t>FHC U04 1163SWL</t>
  </si>
  <si>
    <t>5702329136532</t>
  </si>
  <si>
    <t>VELUX Wabenplissee FHC U04 1163SWL</t>
  </si>
  <si>
    <t>FHC U04 1164S</t>
  </si>
  <si>
    <t>5702329127967</t>
  </si>
  <si>
    <t>VELUX Wabenplissee FHC U04 1164S</t>
  </si>
  <si>
    <t>FHC U04 1164SWL</t>
  </si>
  <si>
    <t>5702329136549</t>
  </si>
  <si>
    <t>VELUX Wabenplissee FHC U04 1164SWL</t>
  </si>
  <si>
    <t>FHC U04 1165S</t>
  </si>
  <si>
    <t>5702329127974</t>
  </si>
  <si>
    <t>VELUX Wabenplissee FHC U04 1165S</t>
  </si>
  <si>
    <t>FHC U04 1165SWL</t>
  </si>
  <si>
    <t>5702329136556</t>
  </si>
  <si>
    <t>VELUX Wabenplissee FHC U04 1165SWL</t>
  </si>
  <si>
    <t>FHC U04 1166S</t>
  </si>
  <si>
    <t>5702329127981</t>
  </si>
  <si>
    <t>VELUX Wabenplissee FHC U04 1166S</t>
  </si>
  <si>
    <t>FHC U04 1166SWL</t>
  </si>
  <si>
    <t>5702329136563</t>
  </si>
  <si>
    <t>VELUX Wabenplissee FHC U04 1166SWL</t>
  </si>
  <si>
    <t>FHC U04 1167S</t>
  </si>
  <si>
    <t>5702329127998</t>
  </si>
  <si>
    <t>VELUX Wabenplissee FHC U04 1167S</t>
  </si>
  <si>
    <t>FHC U04 1167SWL</t>
  </si>
  <si>
    <t>5702329136570</t>
  </si>
  <si>
    <t>VELUX Wabenplissee FHC U04 1167SWL</t>
  </si>
  <si>
    <t>FHC U04 1168S</t>
  </si>
  <si>
    <t>5702329128001</t>
  </si>
  <si>
    <t>VELUX Wabenplissee FHC U04 1168S</t>
  </si>
  <si>
    <t>FHC U04 1168SWL</t>
  </si>
  <si>
    <t>5702329136587</t>
  </si>
  <si>
    <t>VELUX Wabenplissee FHC U04 1168SWL</t>
  </si>
  <si>
    <t>FHC U04 1169S</t>
  </si>
  <si>
    <t>5702329128018</t>
  </si>
  <si>
    <t>VELUX Wabenplissee FHC U04 1169S</t>
  </si>
  <si>
    <t>FHC U04 1169SWL</t>
  </si>
  <si>
    <t>5702329136594</t>
  </si>
  <si>
    <t>VELUX Wabenplissee FHC U04 1169SWL</t>
  </si>
  <si>
    <t>FHC U04 1170S</t>
  </si>
  <si>
    <t>5702329128025</t>
  </si>
  <si>
    <t>VELUX Wabenplissee FHC U04 1170S</t>
  </si>
  <si>
    <t>FHC U04 1170SWL</t>
  </si>
  <si>
    <t>5702329136600</t>
  </si>
  <si>
    <t>VELUX Wabenplissee FHC U04 1170SWL</t>
  </si>
  <si>
    <t>FHC U04 1171S</t>
  </si>
  <si>
    <t>5702329128032</t>
  </si>
  <si>
    <t>VELUX Wabenplissee FHC U04 1171S</t>
  </si>
  <si>
    <t>FHC U04 1171SWL</t>
  </si>
  <si>
    <t>5702329136617</t>
  </si>
  <si>
    <t>VELUX Wabenplissee FHC U04 1171SWL</t>
  </si>
  <si>
    <t>FHC U04 1172S</t>
  </si>
  <si>
    <t>5702329128049</t>
  </si>
  <si>
    <t>VELUX Wabenplissee FHC U04 1172S</t>
  </si>
  <si>
    <t>FHC U04 1172SWL</t>
  </si>
  <si>
    <t>5702329136624</t>
  </si>
  <si>
    <t>VELUX Wabenplissee FHC U04 1172SWL</t>
  </si>
  <si>
    <t>FHC U04 1173S</t>
  </si>
  <si>
    <t>5702329128056</t>
  </si>
  <si>
    <t>VELUX Wabenplissee FHC U04 1173S</t>
  </si>
  <si>
    <t>FHC U04 1173SWL</t>
  </si>
  <si>
    <t>5702329136631</t>
  </si>
  <si>
    <t>VELUX Wabenplissee FHC U04 1173SWL</t>
  </si>
  <si>
    <t>FHC U08 1045S</t>
  </si>
  <si>
    <t>5702326277283</t>
  </si>
  <si>
    <t>VELUX Wabenplissee FHC U08 1045S</t>
  </si>
  <si>
    <t>FHC U08 1045SWL</t>
  </si>
  <si>
    <t>5702326277290</t>
  </si>
  <si>
    <t>VELUX Wabenplissee FHC U08 1045SWL</t>
  </si>
  <si>
    <t>FHC U08 1047S</t>
  </si>
  <si>
    <t>5702326277337</t>
  </si>
  <si>
    <t>VELUX Wabenplissee FHC U08 1047S</t>
  </si>
  <si>
    <t>FHC U08 1047SWL</t>
  </si>
  <si>
    <t>5702326277344</t>
  </si>
  <si>
    <t>VELUX Wabenplissee FHC U08 1047SWL</t>
  </si>
  <si>
    <t>FHC U08 1049S</t>
  </si>
  <si>
    <t>5702326277375</t>
  </si>
  <si>
    <t>VELUX Wabenplissee FHC U08 1049S</t>
  </si>
  <si>
    <t>FHC U08 1049SWL</t>
  </si>
  <si>
    <t>5702326277382</t>
  </si>
  <si>
    <t>VELUX Wabenplissee FHC U08 1049SWL</t>
  </si>
  <si>
    <t>FHC U08 1155S</t>
  </si>
  <si>
    <t>5702327393173</t>
  </si>
  <si>
    <t>VELUX Wabenplissee FHC U08 1155S</t>
  </si>
  <si>
    <t>FHC U08 1155SWL</t>
  </si>
  <si>
    <t>5702329136648</t>
  </si>
  <si>
    <t>VELUX Wabenplissee FHC U08 1155SWL</t>
  </si>
  <si>
    <t>FHC U08 1156S</t>
  </si>
  <si>
    <t>5702327393180</t>
  </si>
  <si>
    <t>VELUX Wabenplissee FHC U08 1156S</t>
  </si>
  <si>
    <t>FHC U08 1156SWL</t>
  </si>
  <si>
    <t>5702329136655</t>
  </si>
  <si>
    <t>VELUX Wabenplissee FHC U08 1156SWL</t>
  </si>
  <si>
    <t>FHC U08 1163S</t>
  </si>
  <si>
    <t>5702329128063</t>
  </si>
  <si>
    <t>VELUX Wabenplissee FHC U08 1163S</t>
  </si>
  <si>
    <t>FHC U08 1163SWL</t>
  </si>
  <si>
    <t>5702329136662</t>
  </si>
  <si>
    <t>VELUX Wabenplissee FHC U08 1163SWL</t>
  </si>
  <si>
    <t>FHC U08 1164S</t>
  </si>
  <si>
    <t>5702329128070</t>
  </si>
  <si>
    <t>VELUX Wabenplissee FHC U08 1164S</t>
  </si>
  <si>
    <t>FHC U08 1164SWL</t>
  </si>
  <si>
    <t>5702329136679</t>
  </si>
  <si>
    <t>VELUX Wabenplissee FHC U08 1164SWL</t>
  </si>
  <si>
    <t>FHC U08 1165S</t>
  </si>
  <si>
    <t>5702329128087</t>
  </si>
  <si>
    <t>VELUX Wabenplissee FHC U08 1165S</t>
  </si>
  <si>
    <t>FHC U08 1165SWL</t>
  </si>
  <si>
    <t>5702329136686</t>
  </si>
  <si>
    <t>VELUX Wabenplissee FHC U08 1165SWL</t>
  </si>
  <si>
    <t>FHC U08 1166S</t>
  </si>
  <si>
    <t>5702329128094</t>
  </si>
  <si>
    <t>VELUX Wabenplissee FHC U08 1166S</t>
  </si>
  <si>
    <t>FHC U08 1166SWL</t>
  </si>
  <si>
    <t>5702329136693</t>
  </si>
  <si>
    <t>VELUX Wabenplissee FHC U08 1166SWL</t>
  </si>
  <si>
    <t>FHC U08 1167S</t>
  </si>
  <si>
    <t>5702329128100</t>
  </si>
  <si>
    <t>VELUX Wabenplissee FHC U08 1167S</t>
  </si>
  <si>
    <t>FHC U08 1167SWL</t>
  </si>
  <si>
    <t>5702329136709</t>
  </si>
  <si>
    <t>VELUX Wabenplissee FHC U08 1167SWL</t>
  </si>
  <si>
    <t>FHC U08 1168S</t>
  </si>
  <si>
    <t>5702329128117</t>
  </si>
  <si>
    <t>VELUX Wabenplissee FHC U08 1168S</t>
  </si>
  <si>
    <t>FHC U08 1168SWL</t>
  </si>
  <si>
    <t>5702329136716</t>
  </si>
  <si>
    <t>VELUX Wabenplissee FHC U08 1168SWL</t>
  </si>
  <si>
    <t>FHC U08 1169S</t>
  </si>
  <si>
    <t>5702329128124</t>
  </si>
  <si>
    <t>VELUX Wabenplissee FHC U08 1169S</t>
  </si>
  <si>
    <t>FHC U08 1169SWL</t>
  </si>
  <si>
    <t>5702329136723</t>
  </si>
  <si>
    <t>VELUX Wabenplissee FHC U08 1169SWL</t>
  </si>
  <si>
    <t>FHC U08 1170S</t>
  </si>
  <si>
    <t>5702329128131</t>
  </si>
  <si>
    <t>VELUX Wabenplissee FHC U08 1170S</t>
  </si>
  <si>
    <t>FHC U08 1170SWL</t>
  </si>
  <si>
    <t>5702329136730</t>
  </si>
  <si>
    <t>VELUX Wabenplissee FHC U08 1170SWL</t>
  </si>
  <si>
    <t>FHC U08 1171S</t>
  </si>
  <si>
    <t>5702329128148</t>
  </si>
  <si>
    <t>VELUX Wabenplissee FHC U08 1171S</t>
  </si>
  <si>
    <t>FHC U08 1171SWL</t>
  </si>
  <si>
    <t>5702329136747</t>
  </si>
  <si>
    <t>VELUX Wabenplissee FHC U08 1171SWL</t>
  </si>
  <si>
    <t>FHC U08 1172S</t>
  </si>
  <si>
    <t>5702329128155</t>
  </si>
  <si>
    <t>VELUX Wabenplissee FHC U08 1172S</t>
  </si>
  <si>
    <t>FHC U08 1172SWL</t>
  </si>
  <si>
    <t>5702329136754</t>
  </si>
  <si>
    <t>VELUX Wabenplissee FHC U08 1172SWL</t>
  </si>
  <si>
    <t>FHC U08 1173S</t>
  </si>
  <si>
    <t>5702329128162</t>
  </si>
  <si>
    <t>VELUX Wabenplissee FHC U08 1173S</t>
  </si>
  <si>
    <t>FHC U08 1173SWL</t>
  </si>
  <si>
    <t>5702329136761</t>
  </si>
  <si>
    <t>VELUX Wabenplissee FHC U08 1173SWL</t>
  </si>
  <si>
    <t>FHC U10 1045S</t>
  </si>
  <si>
    <t>5702326277481</t>
  </si>
  <si>
    <t>VELUX Wabenplissee FHC U10 1045S</t>
  </si>
  <si>
    <t>FHC U10 1045SWL</t>
  </si>
  <si>
    <t>5702326277498</t>
  </si>
  <si>
    <t>VELUX Wabenplissee FHC U10 1045SWL</t>
  </si>
  <si>
    <t>FHC U10 1047S</t>
  </si>
  <si>
    <t>5702326277528</t>
  </si>
  <si>
    <t>VELUX Wabenplissee FHC U10 1047S</t>
  </si>
  <si>
    <t>FHC U10 1047SWL</t>
  </si>
  <si>
    <t>5702326277535</t>
  </si>
  <si>
    <t>VELUX Wabenplissee FHC U10 1047SWL</t>
  </si>
  <si>
    <t>FHC U10 1049S</t>
  </si>
  <si>
    <t>5702326277566</t>
  </si>
  <si>
    <t>VELUX Wabenplissee FHC U10 1049S</t>
  </si>
  <si>
    <t>FHC U10 1155S</t>
  </si>
  <si>
    <t>5702327393258</t>
  </si>
  <si>
    <t>VELUX Wabenplissee FHC U10 1155S</t>
  </si>
  <si>
    <t>FHC U10 1155SWL</t>
  </si>
  <si>
    <t>5702329136778</t>
  </si>
  <si>
    <t>VELUX Wabenplissee FHC U10 1155SWL</t>
  </si>
  <si>
    <t>FHC U10 1156S</t>
  </si>
  <si>
    <t>5702327393265</t>
  </si>
  <si>
    <t>VELUX Wabenplissee FHC U10 1156S</t>
  </si>
  <si>
    <t>FHC U10 1156SWL</t>
  </si>
  <si>
    <t>5702329136785</t>
  </si>
  <si>
    <t>VELUX Wabenplissee FHC U10 1156SWL</t>
  </si>
  <si>
    <t>FHC U10 1163S</t>
  </si>
  <si>
    <t>5702329128179</t>
  </si>
  <si>
    <t>VELUX Wabenplissee FHC U10 1163S</t>
  </si>
  <si>
    <t>FHC U10 1163SWL</t>
  </si>
  <si>
    <t>5702329136792</t>
  </si>
  <si>
    <t>VELUX Wabenplissee FHC U10 1163SWL</t>
  </si>
  <si>
    <t>FHC U10 1164S</t>
  </si>
  <si>
    <t>5702329128186</t>
  </si>
  <si>
    <t>VELUX Wabenplissee FHC U10 1164S</t>
  </si>
  <si>
    <t>FHC U10 1165S</t>
  </si>
  <si>
    <t>5702329128193</t>
  </si>
  <si>
    <t>VELUX Wabenplissee FHC U10 1165S</t>
  </si>
  <si>
    <t>FHC U10 1166S</t>
  </si>
  <si>
    <t>5702329128209</t>
  </si>
  <si>
    <t>VELUX Wabenplissee FHC U10 1166S</t>
  </si>
  <si>
    <t>FHC U10 1166SWL</t>
  </si>
  <si>
    <t>5702329136822</t>
  </si>
  <si>
    <t>VELUX Wabenplissee FHC U10 1166SWL</t>
  </si>
  <si>
    <t>FHC U10 1167S</t>
  </si>
  <si>
    <t>5702329128216</t>
  </si>
  <si>
    <t>VELUX Wabenplissee FHC U10 1167S</t>
  </si>
  <si>
    <t>FHC U10 1168S</t>
  </si>
  <si>
    <t>5702329128223</t>
  </si>
  <si>
    <t>VELUX Wabenplissee FHC U10 1168S</t>
  </si>
  <si>
    <t>FHC U10 1169S</t>
  </si>
  <si>
    <t>5702329128230</t>
  </si>
  <si>
    <t>VELUX Wabenplissee FHC U10 1169S</t>
  </si>
  <si>
    <t>FHC U10 1170S</t>
  </si>
  <si>
    <t>5702329128247</t>
  </si>
  <si>
    <t>VELUX Wabenplissee FHC U10 1170S</t>
  </si>
  <si>
    <t>FHC U10 1171S</t>
  </si>
  <si>
    <t>5702329128254</t>
  </si>
  <si>
    <t>VELUX Wabenplissee FHC U10 1171S</t>
  </si>
  <si>
    <t>FHC U10 1172S</t>
  </si>
  <si>
    <t>5702329128261</t>
  </si>
  <si>
    <t>VELUX Wabenplissee FHC U10 1172S</t>
  </si>
  <si>
    <t>FHC U10 1172SWL</t>
  </si>
  <si>
    <t>5702329136884</t>
  </si>
  <si>
    <t>VELUX Wabenplissee FHC U10 1172SWL</t>
  </si>
  <si>
    <t>FHC U10 1173S</t>
  </si>
  <si>
    <t>5702329128278</t>
  </si>
  <si>
    <t>VELUX Wabenplissee FHC U10 1173S</t>
  </si>
  <si>
    <t>FHC U31 1045S</t>
  </si>
  <si>
    <t>5702326277672</t>
  </si>
  <si>
    <t>VELUX Wabenplissee FHC U31 1045S</t>
  </si>
  <si>
    <t>FHC U31 1045SWL</t>
  </si>
  <si>
    <t>5702326277689</t>
  </si>
  <si>
    <t>VELUX Wabenplissee FHC U31 1045SWL</t>
  </si>
  <si>
    <t>FHC U31 1047S</t>
  </si>
  <si>
    <t>5702326277719</t>
  </si>
  <si>
    <t>VELUX Wabenplissee FHC U31 1047S</t>
  </si>
  <si>
    <t>FHC U31 1155S</t>
  </si>
  <si>
    <t>5702327393333</t>
  </si>
  <si>
    <t>VELUX Wabenplissee FHC U31 1155S</t>
  </si>
  <si>
    <t>FHC U31 1172S</t>
  </si>
  <si>
    <t>5702329128377</t>
  </si>
  <si>
    <t>VELUX Wabenplissee FHC U31 1172S</t>
  </si>
  <si>
    <t>FHC U31 1172SWL</t>
  </si>
  <si>
    <t>5702329224666</t>
  </si>
  <si>
    <t>VELUX Wabenplissee FHC U31 1172SWL</t>
  </si>
  <si>
    <t>FHC UK04 1045S</t>
  </si>
  <si>
    <t>5702326330339</t>
  </si>
  <si>
    <t>VELUX Wabenplissee FHC UK04 1045S</t>
  </si>
  <si>
    <t>FHC UK04 1045SWL</t>
  </si>
  <si>
    <t>5702326330346</t>
  </si>
  <si>
    <t>VELUX Wabenplissee FHC UK04 1045SWL</t>
  </si>
  <si>
    <t>FHC UK04 1047S</t>
  </si>
  <si>
    <t>5702326330377</t>
  </si>
  <si>
    <t>VELUX Wabenplissee FHC UK04 1047S</t>
  </si>
  <si>
    <t>FHC UK04 1047SWL</t>
  </si>
  <si>
    <t>5702326330384</t>
  </si>
  <si>
    <t>VELUX Wabenplissee FHC UK04 1047SWL</t>
  </si>
  <si>
    <t>FHC UK04 1049S</t>
  </si>
  <si>
    <t>5702326330421</t>
  </si>
  <si>
    <t>VELUX Wabenplissee FHC UK04 1049S</t>
  </si>
  <si>
    <t>FHC UK04 1049SWL</t>
  </si>
  <si>
    <t>5702326330438</t>
  </si>
  <si>
    <t>VELUX Wabenplissee FHC UK04 1049SWL</t>
  </si>
  <si>
    <t>FHC UK04 1155S</t>
  </si>
  <si>
    <t>5702327393494</t>
  </si>
  <si>
    <t>VELUX Wabenplissee FHC UK04 1155S</t>
  </si>
  <si>
    <t>FHC UK04 1155SWL</t>
  </si>
  <si>
    <t>5702329136907</t>
  </si>
  <si>
    <t>VELUX Wabenplissee FHC UK04 1155SWL</t>
  </si>
  <si>
    <t>FHC UK04 1156S</t>
  </si>
  <si>
    <t>5702327393500</t>
  </si>
  <si>
    <t>VELUX Wabenplissee FHC UK04 1156S</t>
  </si>
  <si>
    <t>FHC UK04 1156SWL</t>
  </si>
  <si>
    <t>5702329136914</t>
  </si>
  <si>
    <t>VELUX Wabenplissee FHC UK04 1156SWL</t>
  </si>
  <si>
    <t>FHC UK04 1163S</t>
  </si>
  <si>
    <t>5702329128506</t>
  </si>
  <si>
    <t>VELUX Wabenplissee FHC UK04 1163S</t>
  </si>
  <si>
    <t>FHC UK04 1163SWL</t>
  </si>
  <si>
    <t>5702329136921</t>
  </si>
  <si>
    <t>VELUX Wabenplissee FHC UK04 1163SWL</t>
  </si>
  <si>
    <t>FHC UK04 1164S</t>
  </si>
  <si>
    <t>5702329128513</t>
  </si>
  <si>
    <t>VELUX Wabenplissee FHC UK04 1164S</t>
  </si>
  <si>
    <t>FHC UK04 1164SWL</t>
  </si>
  <si>
    <t>5702329136938</t>
  </si>
  <si>
    <t>VELUX Wabenplissee FHC UK04 1164SWL</t>
  </si>
  <si>
    <t>FHC UK04 1165S</t>
  </si>
  <si>
    <t>5702329128520</t>
  </si>
  <si>
    <t>VELUX Wabenplissee FHC UK04 1165S</t>
  </si>
  <si>
    <t>FHC UK04 1165SWL</t>
  </si>
  <si>
    <t>5702329136945</t>
  </si>
  <si>
    <t>VELUX Wabenplissee FHC UK04 1165SWL</t>
  </si>
  <si>
    <t>FHC UK04 1166S</t>
  </si>
  <si>
    <t>5702329128537</t>
  </si>
  <si>
    <t>VELUX Wabenplissee FHC UK04 1166S</t>
  </si>
  <si>
    <t>FHC UK04 1166SWL</t>
  </si>
  <si>
    <t>5702329136952</t>
  </si>
  <si>
    <t>VELUX Wabenplissee FHC UK04 1166SWL</t>
  </si>
  <si>
    <t>FHC UK04 1167S</t>
  </si>
  <si>
    <t>5702329128544</t>
  </si>
  <si>
    <t>VELUX Wabenplissee FHC UK04 1167S</t>
  </si>
  <si>
    <t>FHC UK04 1167SWL</t>
  </si>
  <si>
    <t>5702329136969</t>
  </si>
  <si>
    <t>VELUX Wabenplissee FHC UK04 1167SWL</t>
  </si>
  <si>
    <t>FHC UK04 1168S</t>
  </si>
  <si>
    <t>5702329128551</t>
  </si>
  <si>
    <t>VELUX Wabenplissee FHC UK04 1168S</t>
  </si>
  <si>
    <t>FHC UK04 1168SWL</t>
  </si>
  <si>
    <t>5702329136976</t>
  </si>
  <si>
    <t>VELUX Wabenplissee FHC UK04 1168SWL</t>
  </si>
  <si>
    <t>FHC UK04 1169S</t>
  </si>
  <si>
    <t>5702329128568</t>
  </si>
  <si>
    <t>VELUX Wabenplissee FHC UK04 1169S</t>
  </si>
  <si>
    <t>FHC UK04 1169SWL</t>
  </si>
  <si>
    <t>5702329136983</t>
  </si>
  <si>
    <t>VELUX Wabenplissee FHC UK04 1169SWL</t>
  </si>
  <si>
    <t>FHC UK04 1170S</t>
  </si>
  <si>
    <t>5702329128575</t>
  </si>
  <si>
    <t>VELUX Wabenplissee FHC UK04 1170S</t>
  </si>
  <si>
    <t>FHC UK04 1170SWL</t>
  </si>
  <si>
    <t>5702329136990</t>
  </si>
  <si>
    <t>VELUX Wabenplissee FHC UK04 1170SWL</t>
  </si>
  <si>
    <t>FHC UK04 1171S</t>
  </si>
  <si>
    <t>5702329128582</t>
  </si>
  <si>
    <t>VELUX Wabenplissee FHC UK04 1171S</t>
  </si>
  <si>
    <t>FHC UK04 1171SWL</t>
  </si>
  <si>
    <t>5702329137003</t>
  </si>
  <si>
    <t>VELUX Wabenplissee FHC UK04 1171SWL</t>
  </si>
  <si>
    <t>FHC UK04 1172S</t>
  </si>
  <si>
    <t>5702329128599</t>
  </si>
  <si>
    <t>VELUX Wabenplissee FHC UK04 1172S</t>
  </si>
  <si>
    <t>FHC UK04 1172SWL</t>
  </si>
  <si>
    <t>5702329137010</t>
  </si>
  <si>
    <t>VELUX Wabenplissee FHC UK04 1172SWL</t>
  </si>
  <si>
    <t>FHC UK04 1173S</t>
  </si>
  <si>
    <t>5702329128605</t>
  </si>
  <si>
    <t>VELUX Wabenplissee FHC UK04 1173S</t>
  </si>
  <si>
    <t>FHC UK04 1173SWL</t>
  </si>
  <si>
    <t>5702329137027</t>
  </si>
  <si>
    <t>VELUX Wabenplissee FHC UK04 1173SWL</t>
  </si>
  <si>
    <t>FHC UK08 1045S</t>
  </si>
  <si>
    <t>5702326330520</t>
  </si>
  <si>
    <t>VELUX Wabenplissee FHC UK08 1045S</t>
  </si>
  <si>
    <t>FHC UK08 1045SWL</t>
  </si>
  <si>
    <t>5702326330537</t>
  </si>
  <si>
    <t>VELUX Wabenplissee FHC UK08 1045SWL</t>
  </si>
  <si>
    <t>FHC UK08 1047S</t>
  </si>
  <si>
    <t>5702326330568</t>
  </si>
  <si>
    <t>VELUX Wabenplissee FHC UK08 1047S</t>
  </si>
  <si>
    <t>FHC UK08 1047SWL</t>
  </si>
  <si>
    <t>5702326330575</t>
  </si>
  <si>
    <t>VELUX Wabenplissee FHC UK08 1047SWL</t>
  </si>
  <si>
    <t>FHC UK08 1049S</t>
  </si>
  <si>
    <t>5702326330612</t>
  </si>
  <si>
    <t>VELUX Wabenplissee FHC UK08 1049S</t>
  </si>
  <si>
    <t>FHC UK08 1049SWL</t>
  </si>
  <si>
    <t>5702326330629</t>
  </si>
  <si>
    <t>VELUX Wabenplissee FHC UK08 1049SWL</t>
  </si>
  <si>
    <t>FHC UK08 1155S</t>
  </si>
  <si>
    <t>5702327393579</t>
  </si>
  <si>
    <t>VELUX Wabenplissee FHC UK08 1155S</t>
  </si>
  <si>
    <t>FHC UK08 1155SWL</t>
  </si>
  <si>
    <t>5702329137034</t>
  </si>
  <si>
    <t>VELUX Wabenplissee FHC UK08 1155SWL</t>
  </si>
  <si>
    <t>FHC UK08 1156S</t>
  </si>
  <si>
    <t>5702327393586</t>
  </si>
  <si>
    <t>VELUX Wabenplissee FHC UK08 1156S</t>
  </si>
  <si>
    <t>FHC UK08 1156SWL</t>
  </si>
  <si>
    <t>5702329137041</t>
  </si>
  <si>
    <t>VELUX Wabenplissee FHC UK08 1156SWL</t>
  </si>
  <si>
    <t>FHC UK08 1163S</t>
  </si>
  <si>
    <t>5702329128612</t>
  </si>
  <si>
    <t>VELUX Wabenplissee FHC UK08 1163S</t>
  </si>
  <si>
    <t>FHC UK08 1163SWL</t>
  </si>
  <si>
    <t>5702329137058</t>
  </si>
  <si>
    <t>VELUX Wabenplissee FHC UK08 1163SWL</t>
  </si>
  <si>
    <t>FHC UK08 1164S</t>
  </si>
  <si>
    <t>5702329128629</t>
  </si>
  <si>
    <t>VELUX Wabenplissee FHC UK08 1164S</t>
  </si>
  <si>
    <t>FHC UK08 1164SWL</t>
  </si>
  <si>
    <t>5702329137065</t>
  </si>
  <si>
    <t>VELUX Wabenplissee FHC UK08 1164SWL</t>
  </si>
  <si>
    <t>FHC UK08 1165S</t>
  </si>
  <si>
    <t>5702329128636</t>
  </si>
  <si>
    <t>VELUX Wabenplissee FHC UK08 1165S</t>
  </si>
  <si>
    <t>FHC UK08 1165SWL</t>
  </si>
  <si>
    <t>5702329137072</t>
  </si>
  <si>
    <t>VELUX Wabenplissee FHC UK08 1165SWL</t>
  </si>
  <si>
    <t>FHC UK08 1166S</t>
  </si>
  <si>
    <t>5702329128643</t>
  </si>
  <si>
    <t>VELUX Wabenplissee FHC UK08 1166S</t>
  </si>
  <si>
    <t>FHC UK08 1166SWL</t>
  </si>
  <si>
    <t>5702329137089</t>
  </si>
  <si>
    <t>VELUX Wabenplissee FHC UK08 1166SWL</t>
  </si>
  <si>
    <t>FHC UK08 1167S</t>
  </si>
  <si>
    <t>5702329128650</t>
  </si>
  <si>
    <t>VELUX Wabenplissee FHC UK08 1167S</t>
  </si>
  <si>
    <t>FHC UK08 1167SWL</t>
  </si>
  <si>
    <t>5702329137096</t>
  </si>
  <si>
    <t>VELUX Wabenplissee FHC UK08 1167SWL</t>
  </si>
  <si>
    <t>FHC UK08 1168S</t>
  </si>
  <si>
    <t>5702329128667</t>
  </si>
  <si>
    <t>VELUX Wabenplissee FHC UK08 1168S</t>
  </si>
  <si>
    <t>FHC UK08 1168SWL</t>
  </si>
  <si>
    <t>5702329137102</t>
  </si>
  <si>
    <t>VELUX Wabenplissee FHC UK08 1168SWL</t>
  </si>
  <si>
    <t>FHC UK08 1169S</t>
  </si>
  <si>
    <t>5702329128674</t>
  </si>
  <si>
    <t>VELUX Wabenplissee FHC UK08 1169S</t>
  </si>
  <si>
    <t>FHC UK08 1169SWL</t>
  </si>
  <si>
    <t>5702329137119</t>
  </si>
  <si>
    <t>VELUX Wabenplissee FHC UK08 1169SWL</t>
  </si>
  <si>
    <t>FHC UK08 1170S</t>
  </si>
  <si>
    <t>5702329128681</t>
  </si>
  <si>
    <t>VELUX Wabenplissee FHC UK08 1170S</t>
  </si>
  <si>
    <t>FHC UK08 1170SWL</t>
  </si>
  <si>
    <t>5702329137126</t>
  </si>
  <si>
    <t>VELUX Wabenplissee FHC UK08 1170SWL</t>
  </si>
  <si>
    <t>FHC UK08 1171S</t>
  </si>
  <si>
    <t>5702329128698</t>
  </si>
  <si>
    <t>VELUX Wabenplissee FHC UK08 1171S</t>
  </si>
  <si>
    <t>FHC UK08 1171SWL</t>
  </si>
  <si>
    <t>5702329137133</t>
  </si>
  <si>
    <t>VELUX Wabenplissee FHC UK08 1171SWL</t>
  </si>
  <si>
    <t>FHC UK08 1172S</t>
  </si>
  <si>
    <t>5702329128704</t>
  </si>
  <si>
    <t>VELUX Wabenplissee FHC UK08 1172S</t>
  </si>
  <si>
    <t>FHC UK08 1172SWL</t>
  </si>
  <si>
    <t>5702329137140</t>
  </si>
  <si>
    <t>VELUX Wabenplissee FHC UK08 1172SWL</t>
  </si>
  <si>
    <t>FHC UK08 1173S</t>
  </si>
  <si>
    <t>5702329128711</t>
  </si>
  <si>
    <t>VELUX Wabenplissee FHC UK08 1173S</t>
  </si>
  <si>
    <t>FHC UK08 1173SWL</t>
  </si>
  <si>
    <t>5702329137157</t>
  </si>
  <si>
    <t>VELUX Wabenplissee FHC UK08 1173SWL</t>
  </si>
  <si>
    <t>FHC UK10 1045S</t>
  </si>
  <si>
    <t>5702326330711</t>
  </si>
  <si>
    <t>VELUX Wabenplissee FHC UK10 1045S</t>
  </si>
  <si>
    <t>FHC UK10 1045SWL</t>
  </si>
  <si>
    <t>5702326330728</t>
  </si>
  <si>
    <t>VELUX Wabenplissee FHC UK10 1045SWL</t>
  </si>
  <si>
    <t>FHC UK10 1047S</t>
  </si>
  <si>
    <t>5702326330759</t>
  </si>
  <si>
    <t>VELUX Wabenplissee FHC UK10 1047S</t>
  </si>
  <si>
    <t>FHC UK10 1047SWL</t>
  </si>
  <si>
    <t>5702326330766</t>
  </si>
  <si>
    <t>VELUX Wabenplissee FHC UK10 1047SWL</t>
  </si>
  <si>
    <t>FHC UK10 1155S</t>
  </si>
  <si>
    <t>5702327393654</t>
  </si>
  <si>
    <t>VELUX Wabenplissee FHC UK10 1155S</t>
  </si>
  <si>
    <t>FHC UK10 1155SWL</t>
  </si>
  <si>
    <t>5702329137164</t>
  </si>
  <si>
    <t>VELUX Wabenplissee FHC UK10 1155SWL</t>
  </si>
  <si>
    <t>FHC UK10 1156S</t>
  </si>
  <si>
    <t>5702327393661</t>
  </si>
  <si>
    <t>VELUX Wabenplissee FHC UK10 1156S</t>
  </si>
  <si>
    <t>FHC UK10 1156SWL</t>
  </si>
  <si>
    <t>5702329137171</t>
  </si>
  <si>
    <t>VELUX Wabenplissee FHC UK10 1156SWL</t>
  </si>
  <si>
    <t>FHC UK10 1163S</t>
  </si>
  <si>
    <t>5702329128728</t>
  </si>
  <si>
    <t>VELUX Wabenplissee FHC UK10 1163S</t>
  </si>
  <si>
    <t>FHC UK10 1163SWL</t>
  </si>
  <si>
    <t>5702329137188</t>
  </si>
  <si>
    <t>VELUX Wabenplissee FHC UK10 1163SWL</t>
  </si>
  <si>
    <t>FHC UK10 1164S</t>
  </si>
  <si>
    <t>5702329128735</t>
  </si>
  <si>
    <t>VELUX Wabenplissee FHC UK10 1164S</t>
  </si>
  <si>
    <t>FHC UK10 1164SWL</t>
  </si>
  <si>
    <t>5702329137195</t>
  </si>
  <si>
    <t>VELUX Wabenplissee FHC UK10 1164SWL</t>
  </si>
  <si>
    <t>FHC UK10 1165S</t>
  </si>
  <si>
    <t>5702329128742</t>
  </si>
  <si>
    <t>VELUX Wabenplissee FHC UK10 1165S</t>
  </si>
  <si>
    <t>FHC UK10 1165SWL</t>
  </si>
  <si>
    <t>5702329137201</t>
  </si>
  <si>
    <t>VELUX Wabenplissee FHC UK10 1165SWL</t>
  </si>
  <si>
    <t>FHC UK10 1166S</t>
  </si>
  <si>
    <t>5702329128759</t>
  </si>
  <si>
    <t>VELUX Wabenplissee FHC UK10 1166S</t>
  </si>
  <si>
    <t>FHC UK10 1166SWL</t>
  </si>
  <si>
    <t>5702329137218</t>
  </si>
  <si>
    <t>VELUX Wabenplissee FHC UK10 1166SWL</t>
  </si>
  <si>
    <t>FHC UK10 1167S</t>
  </si>
  <si>
    <t>5702329128766</t>
  </si>
  <si>
    <t>VELUX Wabenplissee FHC UK10 1167S</t>
  </si>
  <si>
    <t>FHC UK10 1167SWL</t>
  </si>
  <si>
    <t>5702329137225</t>
  </si>
  <si>
    <t>VELUX Wabenplissee FHC UK10 1167SWL</t>
  </si>
  <si>
    <t>FHC UK10 1168S</t>
  </si>
  <si>
    <t>5702329128773</t>
  </si>
  <si>
    <t>VELUX Wabenplissee FHC UK10 1168S</t>
  </si>
  <si>
    <t>FHC UK10 1168SWL</t>
  </si>
  <si>
    <t>5702329137232</t>
  </si>
  <si>
    <t>VELUX Wabenplissee FHC UK10 1168SWL</t>
  </si>
  <si>
    <t>FHC UK10 1169S</t>
  </si>
  <si>
    <t>5702329128780</t>
  </si>
  <si>
    <t>VELUX Wabenplissee FHC UK10 1169S</t>
  </si>
  <si>
    <t>FHC UK10 1170S</t>
  </si>
  <si>
    <t>5702329128797</t>
  </si>
  <si>
    <t>VELUX Wabenplissee FHC UK10 1170S</t>
  </si>
  <si>
    <t>FHC UK10 1170SWL</t>
  </si>
  <si>
    <t>5702329137256</t>
  </si>
  <si>
    <t>VELUX Wabenplissee FHC UK10 1170SWL</t>
  </si>
  <si>
    <t>FHC UK10 1171S</t>
  </si>
  <si>
    <t>5702329128803</t>
  </si>
  <si>
    <t>VELUX Wabenplissee FHC UK10 1171S</t>
  </si>
  <si>
    <t>FHC UK10 1171SWL</t>
  </si>
  <si>
    <t>5702329137263</t>
  </si>
  <si>
    <t>VELUX Wabenplissee FHC UK10 1171SWL</t>
  </si>
  <si>
    <t>FHC UK10 1172S</t>
  </si>
  <si>
    <t>5702329128810</t>
  </si>
  <si>
    <t>VELUX Wabenplissee FHC UK10 1172S</t>
  </si>
  <si>
    <t>FHC UK10 1172SWL</t>
  </si>
  <si>
    <t>5702329137270</t>
  </si>
  <si>
    <t>VELUX Wabenplissee FHC UK10 1172SWL</t>
  </si>
  <si>
    <t>FHC UK10 1173S</t>
  </si>
  <si>
    <t>5702329128827</t>
  </si>
  <si>
    <t>VELUX Wabenplissee FHC UK10 1173S</t>
  </si>
  <si>
    <t>FHC UK10 1173SWL</t>
  </si>
  <si>
    <t>5702329137287</t>
  </si>
  <si>
    <t>VELUX Wabenplissee FHC UK10 1173SWL</t>
  </si>
  <si>
    <t>FHC Y21 1045S</t>
  </si>
  <si>
    <t>5702326278044</t>
  </si>
  <si>
    <t>VELUX Wabenplissee FHC Y21 1045S</t>
  </si>
  <si>
    <t>FHC Y21 1047S</t>
  </si>
  <si>
    <t>5702326278082</t>
  </si>
  <si>
    <t>VELUX Wabenplissee FHC Y21 1047S</t>
  </si>
  <si>
    <t>FHC Y21 1049S</t>
  </si>
  <si>
    <t>5702326278136</t>
  </si>
  <si>
    <t>VELUX Wabenplissee FHC Y21 1049S</t>
  </si>
  <si>
    <t>FHC Y21 1155S</t>
  </si>
  <si>
    <t>5702327393739</t>
  </si>
  <si>
    <t>VELUX Wabenplissee FHC Y21 1155S</t>
  </si>
  <si>
    <t>FHC Y21 1156S</t>
  </si>
  <si>
    <t>5702327393746</t>
  </si>
  <si>
    <t>VELUX Wabenplissee FHC Y21 1156S</t>
  </si>
  <si>
    <t>FHC Y21 1163S</t>
  </si>
  <si>
    <t>5702329128834</t>
  </si>
  <si>
    <t>VELUX Wabenplissee FHC Y21 1163S</t>
  </si>
  <si>
    <t>FHC Y21 1166S</t>
  </si>
  <si>
    <t>5702329128865</t>
  </si>
  <si>
    <t>VELUX Wabenplissee FHC Y21 1166S</t>
  </si>
  <si>
    <t>FHC Y21 1169S</t>
  </si>
  <si>
    <t>5702329128896</t>
  </si>
  <si>
    <t>VELUX Wabenplissee FHC Y21 1169S</t>
  </si>
  <si>
    <t>FHC Y21 1170S</t>
  </si>
  <si>
    <t>5702329128902</t>
  </si>
  <si>
    <t>VELUX Wabenplissee FHC Y21 1170S</t>
  </si>
  <si>
    <t>FHC Y21 1171S</t>
  </si>
  <si>
    <t>5702329128919</t>
  </si>
  <si>
    <t>VELUX Wabenplissee FHC Y21 1171S</t>
  </si>
  <si>
    <t>FHC Y21 1172S</t>
  </si>
  <si>
    <t>5702329128926</t>
  </si>
  <si>
    <t>VELUX Wabenplissee FHC Y21 1172S</t>
  </si>
  <si>
    <t>FHC Y23 1045S</t>
  </si>
  <si>
    <t>5702326278242</t>
  </si>
  <si>
    <t>VELUX Wabenplissee FHC Y23 1045S</t>
  </si>
  <si>
    <t>FHC Y23 1047S</t>
  </si>
  <si>
    <t>5702326278280</t>
  </si>
  <si>
    <t>VELUX Wabenplissee FHC Y23 1047S</t>
  </si>
  <si>
    <t>FHC Y23 1049S</t>
  </si>
  <si>
    <t>5702326278334</t>
  </si>
  <si>
    <t>VELUX Wabenplissee FHC Y23 1049S</t>
  </si>
  <si>
    <t>FHC Y23 1155S</t>
  </si>
  <si>
    <t>5702327393814</t>
  </si>
  <si>
    <t>VELUX Wabenplissee FHC Y23 1155S</t>
  </si>
  <si>
    <t>FHC Y23 1156S</t>
  </si>
  <si>
    <t>5702327393821</t>
  </si>
  <si>
    <t>VELUX Wabenplissee FHC Y23 1156S</t>
  </si>
  <si>
    <t>FHC Y23 1163S</t>
  </si>
  <si>
    <t>5702329128940</t>
  </si>
  <si>
    <t>VELUX Wabenplissee FHC Y23 1163S</t>
  </si>
  <si>
    <t>FHC Y23 1164S</t>
  </si>
  <si>
    <t>5702329128957</t>
  </si>
  <si>
    <t>VELUX Wabenplissee FHC Y23 1164S</t>
  </si>
  <si>
    <t>FHC Y23 1165S</t>
  </si>
  <si>
    <t>5702329128964</t>
  </si>
  <si>
    <t>VELUX Wabenplissee FHC Y23 1165S</t>
  </si>
  <si>
    <t>FHC Y23 1166S</t>
  </si>
  <si>
    <t>5702329128971</t>
  </si>
  <si>
    <t>VELUX Wabenplissee FHC Y23 1166S</t>
  </si>
  <si>
    <t>FHC Y23 1167S</t>
  </si>
  <si>
    <t>5702329128988</t>
  </si>
  <si>
    <t>VELUX Wabenplissee FHC Y23 1167S</t>
  </si>
  <si>
    <t>FHC Y23 1168S</t>
  </si>
  <si>
    <t>5702329128995</t>
  </si>
  <si>
    <t>VELUX Wabenplissee FHC Y23 1168S</t>
  </si>
  <si>
    <t>FHC Y23 1169S</t>
  </si>
  <si>
    <t>5702329129008</t>
  </si>
  <si>
    <t>VELUX Wabenplissee FHC Y23 1169S</t>
  </si>
  <si>
    <t>FHC Y23 1170S</t>
  </si>
  <si>
    <t>5702329129015</t>
  </si>
  <si>
    <t>VELUX Wabenplissee FHC Y23 1170S</t>
  </si>
  <si>
    <t>FHC Y23 1171S</t>
  </si>
  <si>
    <t>5702329129022</t>
  </si>
  <si>
    <t>VELUX Wabenplissee FHC Y23 1171S</t>
  </si>
  <si>
    <t>FHC Y23 1172S</t>
  </si>
  <si>
    <t>5702329129039</t>
  </si>
  <si>
    <t>VELUX Wabenplissee FHC Y23 1172S</t>
  </si>
  <si>
    <t>FHC Y23 1173S</t>
  </si>
  <si>
    <t>5702329129046</t>
  </si>
  <si>
    <t>VELUX Wabenplissee FHC Y23 1173S</t>
  </si>
  <si>
    <t>FHC Y33 1045S</t>
  </si>
  <si>
    <t>5702326278440</t>
  </si>
  <si>
    <t>VELUX Wabenplissee FHC Y33 1045S</t>
  </si>
  <si>
    <t>FHC Y33 1047S</t>
  </si>
  <si>
    <t>5702326278488</t>
  </si>
  <si>
    <t>VELUX Wabenplissee FHC Y33 1047S</t>
  </si>
  <si>
    <t>FHC Y33 1049S</t>
  </si>
  <si>
    <t>5702326278525</t>
  </si>
  <si>
    <t>VELUX Wabenplissee FHC Y33 1049S</t>
  </si>
  <si>
    <t>FHC Y33 1155S</t>
  </si>
  <si>
    <t>5702327393890</t>
  </si>
  <si>
    <t>VELUX Wabenplissee FHC Y33 1155S</t>
  </si>
  <si>
    <t>FHC Y33 1156S</t>
  </si>
  <si>
    <t>5702327393906</t>
  </si>
  <si>
    <t>VELUX Wabenplissee FHC Y33 1156S</t>
  </si>
  <si>
    <t>FHC Y33 1163S</t>
  </si>
  <si>
    <t>5702329129053</t>
  </si>
  <si>
    <t>VELUX Wabenplissee FHC Y33 1163S</t>
  </si>
  <si>
    <t>FHC Y33 1164S</t>
  </si>
  <si>
    <t>5702329129060</t>
  </si>
  <si>
    <t>VELUX Wabenplissee FHC Y33 1164S</t>
  </si>
  <si>
    <t>FHC Y33 1165S</t>
  </si>
  <si>
    <t>5702329129077</t>
  </si>
  <si>
    <t>VELUX Wabenplissee FHC Y33 1165S</t>
  </si>
  <si>
    <t>FHC Y33 1166S</t>
  </si>
  <si>
    <t>5702329129084</t>
  </si>
  <si>
    <t>VELUX Wabenplissee FHC Y33 1166S</t>
  </si>
  <si>
    <t>FHC Y33 1167S</t>
  </si>
  <si>
    <t>5702329129091</t>
  </si>
  <si>
    <t>VELUX Wabenplissee FHC Y33 1167S</t>
  </si>
  <si>
    <t>FHC Y33 1168S</t>
  </si>
  <si>
    <t>5702329129107</t>
  </si>
  <si>
    <t>VELUX Wabenplissee FHC Y33 1168S</t>
  </si>
  <si>
    <t>FHC Y33 1169S</t>
  </si>
  <si>
    <t>5702329129114</t>
  </si>
  <si>
    <t>VELUX Wabenplissee FHC Y33 1169S</t>
  </si>
  <si>
    <t>FHC Y33 1170S</t>
  </si>
  <si>
    <t>5702329129121</t>
  </si>
  <si>
    <t>VELUX Wabenplissee FHC Y33 1170S</t>
  </si>
  <si>
    <t>FHC Y33 1171S</t>
  </si>
  <si>
    <t>5702329129138</t>
  </si>
  <si>
    <t>VELUX Wabenplissee FHC Y33 1171S</t>
  </si>
  <si>
    <t>FHC Y33 1172S</t>
  </si>
  <si>
    <t>5702329129145</t>
  </si>
  <si>
    <t>VELUX Wabenplissee FHC Y33 1172S</t>
  </si>
  <si>
    <t>FHC Y33 1173S</t>
  </si>
  <si>
    <t>5702329129152</t>
  </si>
  <si>
    <t>VELUX Wabenplissee FHC Y33 1173S</t>
  </si>
  <si>
    <t>FHC Y35 1045S</t>
  </si>
  <si>
    <t>5702326278631</t>
  </si>
  <si>
    <t>VELUX Wabenplissee FHC Y35 1045S</t>
  </si>
  <si>
    <t>FHC Y35 1047S</t>
  </si>
  <si>
    <t>5702326278679</t>
  </si>
  <si>
    <t>VELUX Wabenplissee FHC Y35 1047S</t>
  </si>
  <si>
    <t>FHC Y35 1049S</t>
  </si>
  <si>
    <t>5702326278716</t>
  </si>
  <si>
    <t>VELUX Wabenplissee FHC Y35 1049S</t>
  </si>
  <si>
    <t>FHC Y35 1155S</t>
  </si>
  <si>
    <t>5702327393975</t>
  </si>
  <si>
    <t>VELUX Wabenplissee FHC Y35 1155S</t>
  </si>
  <si>
    <t>FHC Y35 1156S</t>
  </si>
  <si>
    <t>5702327393982</t>
  </si>
  <si>
    <t>VELUX Wabenplissee FHC Y35 1156S</t>
  </si>
  <si>
    <t>FHC Y35 1163S</t>
  </si>
  <si>
    <t>5702329129169</t>
  </si>
  <si>
    <t>VELUX Wabenplissee FHC Y35 1163S</t>
  </si>
  <si>
    <t>FHC Y35 1164S</t>
  </si>
  <si>
    <t>5702329129176</t>
  </si>
  <si>
    <t>VELUX Wabenplissee FHC Y35 1164S</t>
  </si>
  <si>
    <t>FHC Y35 1165S</t>
  </si>
  <si>
    <t>5702329129183</t>
  </si>
  <si>
    <t>VELUX Wabenplissee FHC Y35 1165S</t>
  </si>
  <si>
    <t>FHC Y35 1166S</t>
  </si>
  <si>
    <t>5702329129190</t>
  </si>
  <si>
    <t>VELUX Wabenplissee FHC Y35 1166S</t>
  </si>
  <si>
    <t>FHC Y35 1167S</t>
  </si>
  <si>
    <t>5702329129206</t>
  </si>
  <si>
    <t>VELUX Wabenplissee FHC Y35 1167S</t>
  </si>
  <si>
    <t>FHC Y35 1169S</t>
  </si>
  <si>
    <t>5702329129220</t>
  </si>
  <si>
    <t>VELUX Wabenplissee FHC Y35 1169S</t>
  </si>
  <si>
    <t>FHC Y35 1170S</t>
  </si>
  <si>
    <t>5702329129237</t>
  </si>
  <si>
    <t>VELUX Wabenplissee FHC Y35 1170S</t>
  </si>
  <si>
    <t>FHC Y35 1171S</t>
  </si>
  <si>
    <t>5702329129244</t>
  </si>
  <si>
    <t>VELUX Wabenplissee FHC Y35 1171S</t>
  </si>
  <si>
    <t>FHC Y35 1172S</t>
  </si>
  <si>
    <t>5702329129251</t>
  </si>
  <si>
    <t>VELUX Wabenplissee FHC Y35 1172S</t>
  </si>
  <si>
    <t>FHC Y43 1045S</t>
  </si>
  <si>
    <t>5702326278822</t>
  </si>
  <si>
    <t>VELUX Wabenplissee FHC Y43 1045S</t>
  </si>
  <si>
    <t>FHC Y43 1047S</t>
  </si>
  <si>
    <t>5702326278860</t>
  </si>
  <si>
    <t>VELUX Wabenplissee FHC Y43 1047S</t>
  </si>
  <si>
    <t>FHC Y43 1049S</t>
  </si>
  <si>
    <t>5702326278907</t>
  </si>
  <si>
    <t>VELUX Wabenplissee FHC Y43 1049S</t>
  </si>
  <si>
    <t>FHC Y43 1155S</t>
  </si>
  <si>
    <t>5702327394057</t>
  </si>
  <si>
    <t>VELUX Wabenplissee FHC Y43 1155S</t>
  </si>
  <si>
    <t>FHC Y43 1156S</t>
  </si>
  <si>
    <t>5702327394064</t>
  </si>
  <si>
    <t>VELUX Wabenplissee FHC Y43 1156S</t>
  </si>
  <si>
    <t>FHC Y43 1163S</t>
  </si>
  <si>
    <t>5702329129275</t>
  </si>
  <si>
    <t>VELUX Wabenplissee FHC Y43 1163S</t>
  </si>
  <si>
    <t>FHC Y43 1164S</t>
  </si>
  <si>
    <t>5702329129282</t>
  </si>
  <si>
    <t>VELUX Wabenplissee FHC Y43 1164S</t>
  </si>
  <si>
    <t>FHC Y43 1165S</t>
  </si>
  <si>
    <t>5702329129299</t>
  </si>
  <si>
    <t>VELUX Wabenplissee FHC Y43 1165S</t>
  </si>
  <si>
    <t>FHC Y43 1166S</t>
  </si>
  <si>
    <t>5702329129305</t>
  </si>
  <si>
    <t>VELUX Wabenplissee FHC Y43 1166S</t>
  </si>
  <si>
    <t>FHC Y43 1167S</t>
  </si>
  <si>
    <t>5702329129312</t>
  </si>
  <si>
    <t>VELUX Wabenplissee FHC Y43 1167S</t>
  </si>
  <si>
    <t>FHC Y43 1168S</t>
  </si>
  <si>
    <t>5702329129329</t>
  </si>
  <si>
    <t>VELUX Wabenplissee FHC Y43 1168S</t>
  </si>
  <si>
    <t>FHC Y43 1169S</t>
  </si>
  <si>
    <t>5702329129336</t>
  </si>
  <si>
    <t>VELUX Wabenplissee FHC Y43 1169S</t>
  </si>
  <si>
    <t>FHC Y43 1170S</t>
  </si>
  <si>
    <t>5702329129343</t>
  </si>
  <si>
    <t>VELUX Wabenplissee FHC Y43 1170S</t>
  </si>
  <si>
    <t>FHC Y43 1171S</t>
  </si>
  <si>
    <t>5702329129350</t>
  </si>
  <si>
    <t>VELUX Wabenplissee FHC Y43 1171S</t>
  </si>
  <si>
    <t>FHC Y43 1172S</t>
  </si>
  <si>
    <t>5702329129367</t>
  </si>
  <si>
    <t>VELUX Wabenplissee FHC Y43 1172S</t>
  </si>
  <si>
    <t>FHC Y43 1173S</t>
  </si>
  <si>
    <t>5702329129374</t>
  </si>
  <si>
    <t>VELUX Wabenplissee FHC Y43 1173S</t>
  </si>
  <si>
    <t>FHC Y45 1045S</t>
  </si>
  <si>
    <t>5702326279003</t>
  </si>
  <si>
    <t>VELUX Wabenplissee FHC Y45 1045S</t>
  </si>
  <si>
    <t>FHC Y45 1047S</t>
  </si>
  <si>
    <t>5702326279041</t>
  </si>
  <si>
    <t>VELUX Wabenplissee FHC Y45 1047S</t>
  </si>
  <si>
    <t>FHC Y45 1049S</t>
  </si>
  <si>
    <t>5702326279089</t>
  </si>
  <si>
    <t>VELUX Wabenplissee FHC Y45 1049S</t>
  </si>
  <si>
    <t>FHC Y45 1155S</t>
  </si>
  <si>
    <t>5702327394132</t>
  </si>
  <si>
    <t>VELUX Wabenplissee FHC Y45 1155S</t>
  </si>
  <si>
    <t>FHC Y45 1156S</t>
  </si>
  <si>
    <t>5702327394149</t>
  </si>
  <si>
    <t>VELUX Wabenplissee FHC Y45 1156S</t>
  </si>
  <si>
    <t>FHC Y45 1163S</t>
  </si>
  <si>
    <t>5702329129381</t>
  </si>
  <si>
    <t>VELUX Wabenplissee FHC Y45 1163S</t>
  </si>
  <si>
    <t>FHC Y45 1164S</t>
  </si>
  <si>
    <t>5702329129398</t>
  </si>
  <si>
    <t>VELUX Wabenplissee FHC Y45 1164S</t>
  </si>
  <si>
    <t>FHC Y45 1165S</t>
  </si>
  <si>
    <t>5702329129404</t>
  </si>
  <si>
    <t>VELUX Wabenplissee FHC Y45 1165S</t>
  </si>
  <si>
    <t>FHC Y45 1166S</t>
  </si>
  <si>
    <t>5702329129411</t>
  </si>
  <si>
    <t>VELUX Wabenplissee FHC Y45 1166S</t>
  </si>
  <si>
    <t>FHC Y45 1167S</t>
  </si>
  <si>
    <t>5702329129428</t>
  </si>
  <si>
    <t>VELUX Wabenplissee FHC Y45 1167S</t>
  </si>
  <si>
    <t>FHC Y45 1168S</t>
  </si>
  <si>
    <t>5702329129435</t>
  </si>
  <si>
    <t>VELUX Wabenplissee FHC Y45 1168S</t>
  </si>
  <si>
    <t>FHC Y45 1169S</t>
  </si>
  <si>
    <t>5702329129442</t>
  </si>
  <si>
    <t>VELUX Wabenplissee FHC Y45 1169S</t>
  </si>
  <si>
    <t>FHC Y45 1170S</t>
  </si>
  <si>
    <t>5702329129459</t>
  </si>
  <si>
    <t>VELUX Wabenplissee FHC Y45 1170S</t>
  </si>
  <si>
    <t>FHC Y45 1171S</t>
  </si>
  <si>
    <t>5702329129466</t>
  </si>
  <si>
    <t>VELUX Wabenplissee FHC Y45 1171S</t>
  </si>
  <si>
    <t>FHC Y45 1172S</t>
  </si>
  <si>
    <t>5702329129473</t>
  </si>
  <si>
    <t>VELUX Wabenplissee FHC Y45 1172S</t>
  </si>
  <si>
    <t>FHC Y45 1173S</t>
  </si>
  <si>
    <t>5702329129480</t>
  </si>
  <si>
    <t>VELUX Wabenplissee FHC Y45 1173S</t>
  </si>
  <si>
    <t>FHC Y47 1045S</t>
  </si>
  <si>
    <t>5702326279195</t>
  </si>
  <si>
    <t>VELUX Wabenplissee FHC Y47 1045S</t>
  </si>
  <si>
    <t>FHC Y47 1047S</t>
  </si>
  <si>
    <t>5702326279249</t>
  </si>
  <si>
    <t>VELUX Wabenplissee FHC Y47 1047S</t>
  </si>
  <si>
    <t>FHC Y47 1049S</t>
  </si>
  <si>
    <t>5702326279287</t>
  </si>
  <si>
    <t>VELUX Wabenplissee FHC Y47 1049S</t>
  </si>
  <si>
    <t>FHC Y47 1155S</t>
  </si>
  <si>
    <t>5702327394217</t>
  </si>
  <si>
    <t>VELUX Wabenplissee FHC Y47 1155S</t>
  </si>
  <si>
    <t>FHC Y47 1156S</t>
  </si>
  <si>
    <t>5702327394224</t>
  </si>
  <si>
    <t>VELUX Wabenplissee FHC Y47 1156S</t>
  </si>
  <si>
    <t>FHC Y47 1163S</t>
  </si>
  <si>
    <t>5702329129497</t>
  </si>
  <si>
    <t>VELUX Wabenplissee FHC Y47 1163S</t>
  </si>
  <si>
    <t>FHC Y47 1164S</t>
  </si>
  <si>
    <t>5702329129503</t>
  </si>
  <si>
    <t>VELUX Wabenplissee FHC Y47 1164S</t>
  </si>
  <si>
    <t>FHC Y47 1165S</t>
  </si>
  <si>
    <t>5702329129510</t>
  </si>
  <si>
    <t>VELUX Wabenplissee FHC Y47 1165S</t>
  </si>
  <si>
    <t>FHC Y47 1166S</t>
  </si>
  <si>
    <t>5702329129527</t>
  </si>
  <si>
    <t>VELUX Wabenplissee FHC Y47 1166S</t>
  </si>
  <si>
    <t>FHC Y47 1167S</t>
  </si>
  <si>
    <t>5702329129534</t>
  </si>
  <si>
    <t>VELUX Wabenplissee FHC Y47 1167S</t>
  </si>
  <si>
    <t>FHC Y47 1168S</t>
  </si>
  <si>
    <t>5702329129541</t>
  </si>
  <si>
    <t>VELUX Wabenplissee FHC Y47 1168S</t>
  </si>
  <si>
    <t>FHC Y47 1169S</t>
  </si>
  <si>
    <t>5702329129558</t>
  </si>
  <si>
    <t>VELUX Wabenplissee FHC Y47 1169S</t>
  </si>
  <si>
    <t>FHC Y47 1170S</t>
  </si>
  <si>
    <t>5702329129565</t>
  </si>
  <si>
    <t>VELUX Wabenplissee FHC Y47 1170S</t>
  </si>
  <si>
    <t>FHC Y47 1171S</t>
  </si>
  <si>
    <t>5702329129572</t>
  </si>
  <si>
    <t>VELUX Wabenplissee FHC Y47 1171S</t>
  </si>
  <si>
    <t>FHC Y47 1172S</t>
  </si>
  <si>
    <t>5702329129589</t>
  </si>
  <si>
    <t>VELUX Wabenplissee FHC Y47 1172S</t>
  </si>
  <si>
    <t>FHC Y47 1173S</t>
  </si>
  <si>
    <t>5702329129596</t>
  </si>
  <si>
    <t>VELUX Wabenplissee FHC Y47 1173S</t>
  </si>
  <si>
    <t>FHC Y65 1045S</t>
  </si>
  <si>
    <t>5702326279393</t>
  </si>
  <si>
    <t>VELUX Wabenplissee FHC Y65 1045S</t>
  </si>
  <si>
    <t>FHC Y65 1047S</t>
  </si>
  <si>
    <t>5702326279447</t>
  </si>
  <si>
    <t>VELUX Wabenplissee FHC Y65 1047S</t>
  </si>
  <si>
    <t>FHC Y65 1049S</t>
  </si>
  <si>
    <t>5702326279485</t>
  </si>
  <si>
    <t>VELUX Wabenplissee FHC Y65 1049S</t>
  </si>
  <si>
    <t>FHC Y65 1155S</t>
  </si>
  <si>
    <t>5702327394293</t>
  </si>
  <si>
    <t>VELUX Wabenplissee FHC Y65 1155S</t>
  </si>
  <si>
    <t>FHC Y65 1156S</t>
  </si>
  <si>
    <t>5702327394309</t>
  </si>
  <si>
    <t>VELUX Wabenplissee FHC Y65 1156S</t>
  </si>
  <si>
    <t>FHC Y65 1163S</t>
  </si>
  <si>
    <t>5702329129602</t>
  </si>
  <si>
    <t>VELUX Wabenplissee FHC Y65 1163S</t>
  </si>
  <si>
    <t>FHC Y65 1164S</t>
  </si>
  <si>
    <t>5702329129619</t>
  </si>
  <si>
    <t>VELUX Wabenplissee FHC Y65 1164S</t>
  </si>
  <si>
    <t>FHC Y65 1166S</t>
  </si>
  <si>
    <t>5702329129633</t>
  </si>
  <si>
    <t>VELUX Wabenplissee FHC Y65 1166S</t>
  </si>
  <si>
    <t>FHC Y65 1167S</t>
  </si>
  <si>
    <t>5702329129640</t>
  </si>
  <si>
    <t>VELUX Wabenplissee FHC Y65 1167S</t>
  </si>
  <si>
    <t>FHC Y65 1168S</t>
  </si>
  <si>
    <t>5702329129657</t>
  </si>
  <si>
    <t>VELUX Wabenplissee FHC Y65 1168S</t>
  </si>
  <si>
    <t>FHC Y65 1169S</t>
  </si>
  <si>
    <t>5702329129664</t>
  </si>
  <si>
    <t>VELUX Wabenplissee FHC Y65 1169S</t>
  </si>
  <si>
    <t>FHC Y65 1170S</t>
  </si>
  <si>
    <t>5702329129671</t>
  </si>
  <si>
    <t>VELUX Wabenplissee FHC Y65 1170S</t>
  </si>
  <si>
    <t>FHC Y65 1171S</t>
  </si>
  <si>
    <t>5702329129688</t>
  </si>
  <si>
    <t>VELUX Wabenplissee FHC Y65 1171S</t>
  </si>
  <si>
    <t>FHC Y65 1172S</t>
  </si>
  <si>
    <t>5702329129695</t>
  </si>
  <si>
    <t>VELUX Wabenplissee FHC Y65 1172S</t>
  </si>
  <si>
    <t>FHC Y65 1173S</t>
  </si>
  <si>
    <t>5702329129701</t>
  </si>
  <si>
    <t>VELUX Wabenplissee FHC Y65 1173S</t>
  </si>
  <si>
    <t>FHC Y67 1045S</t>
  </si>
  <si>
    <t>5702326279584</t>
  </si>
  <si>
    <t>VELUX Wabenplissee FHC Y67 1045S</t>
  </si>
  <si>
    <t>FHC Y67 1047S</t>
  </si>
  <si>
    <t>5702326279638</t>
  </si>
  <si>
    <t>VELUX Wabenplissee FHC Y67 1047S</t>
  </si>
  <si>
    <t>FHC Y67 1049S</t>
  </si>
  <si>
    <t>5702326279676</t>
  </si>
  <si>
    <t>VELUX Wabenplissee FHC Y67 1049S</t>
  </si>
  <si>
    <t>FHC Y67 1155S</t>
  </si>
  <si>
    <t>5702327394378</t>
  </si>
  <si>
    <t>VELUX Wabenplissee FHC Y67 1155S</t>
  </si>
  <si>
    <t>FHC Y67 1156S</t>
  </si>
  <si>
    <t>5702327394385</t>
  </si>
  <si>
    <t>VELUX Wabenplissee FHC Y67 1156S</t>
  </si>
  <si>
    <t>FHC Y67 1163S</t>
  </si>
  <si>
    <t>5702329129718</t>
  </si>
  <si>
    <t>VELUX Wabenplissee FHC Y67 1163S</t>
  </si>
  <si>
    <t>FHC Y67 1164S</t>
  </si>
  <si>
    <t>5702329129725</t>
  </si>
  <si>
    <t>VELUX Wabenplissee FHC Y67 1164S</t>
  </si>
  <si>
    <t>FHC Y67 1166S</t>
  </si>
  <si>
    <t>5702329129749</t>
  </si>
  <si>
    <t>VELUX Wabenplissee FHC Y67 1166S</t>
  </si>
  <si>
    <t>FHC Y67 1167S</t>
  </si>
  <si>
    <t>5702329129756</t>
  </si>
  <si>
    <t>VELUX Wabenplissee FHC Y67 1167S</t>
  </si>
  <si>
    <t>FHC Y67 1168S</t>
  </si>
  <si>
    <t>5702329129763</t>
  </si>
  <si>
    <t>VELUX Wabenplissee FHC Y67 1168S</t>
  </si>
  <si>
    <t>FHC Y67 1169S</t>
  </si>
  <si>
    <t>5702329129770</t>
  </si>
  <si>
    <t>VELUX Wabenplissee FHC Y67 1169S</t>
  </si>
  <si>
    <t>FHC Y67 1170S</t>
  </si>
  <si>
    <t>5702329129787</t>
  </si>
  <si>
    <t>VELUX Wabenplissee FHC Y67 1170S</t>
  </si>
  <si>
    <t>FHC Y67 1171S</t>
  </si>
  <si>
    <t>5702329129794</t>
  </si>
  <si>
    <t>VELUX Wabenplissee FHC Y67 1171S</t>
  </si>
  <si>
    <t>FHC Y67 1172S</t>
  </si>
  <si>
    <t>5702329129800</t>
  </si>
  <si>
    <t>VELUX Wabenplissee FHC Y67 1172S</t>
  </si>
  <si>
    <t>FHC Y67 1173S</t>
  </si>
  <si>
    <t>5702329129817</t>
  </si>
  <si>
    <t>VELUX Wabenplissee FHC Y67 1173S</t>
  </si>
  <si>
    <t>FHC Y85 1045S</t>
  </si>
  <si>
    <t>5702326279775</t>
  </si>
  <si>
    <t>VELUX Wabenplissee FHC Y85 1045S</t>
  </si>
  <si>
    <t>FHC Y85 1047S</t>
  </si>
  <si>
    <t>5702326279829</t>
  </si>
  <si>
    <t>VELUX Wabenplissee FHC Y85 1047S</t>
  </si>
  <si>
    <t>FHC Y85 1049S</t>
  </si>
  <si>
    <t>5702326279867</t>
  </si>
  <si>
    <t>VELUX Wabenplissee FHC Y85 1049S</t>
  </si>
  <si>
    <t>FHC Y85 1155S</t>
  </si>
  <si>
    <t>5702327394453</t>
  </si>
  <si>
    <t>VELUX Wabenplissee FHC Y85 1155S</t>
  </si>
  <si>
    <t>FHC Y85 1156S</t>
  </si>
  <si>
    <t>5702327394460</t>
  </si>
  <si>
    <t>VELUX Wabenplissee FHC Y85 1156S</t>
  </si>
  <si>
    <t>FHC Y85 1163S</t>
  </si>
  <si>
    <t>5702329129824</t>
  </si>
  <si>
    <t>VELUX Wabenplissee FHC Y85 1163S</t>
  </si>
  <si>
    <t>FHC Y85 1164S</t>
  </si>
  <si>
    <t>5702329129831</t>
  </si>
  <si>
    <t>VELUX Wabenplissee FHC Y85 1164S</t>
  </si>
  <si>
    <t>FHC Y85 1165S</t>
  </si>
  <si>
    <t>5702329129848</t>
  </si>
  <si>
    <t>VELUX Wabenplissee FHC Y85 1165S</t>
  </si>
  <si>
    <t>FHC Y85 1166S</t>
  </si>
  <si>
    <t>5702329129855</t>
  </si>
  <si>
    <t>VELUX Wabenplissee FHC Y85 1166S</t>
  </si>
  <si>
    <t>FHC Y85 1167S</t>
  </si>
  <si>
    <t>5702329129862</t>
  </si>
  <si>
    <t>VELUX Wabenplissee FHC Y85 1167S</t>
  </si>
  <si>
    <t>FHC Y85 1168S</t>
  </si>
  <si>
    <t>5702329129879</t>
  </si>
  <si>
    <t>VELUX Wabenplissee FHC Y85 1168S</t>
  </si>
  <si>
    <t>FHC Y85 1169S</t>
  </si>
  <si>
    <t>5702329129886</t>
  </si>
  <si>
    <t>VELUX Wabenplissee FHC Y85 1169S</t>
  </si>
  <si>
    <t>FHC Y85 1170S</t>
  </si>
  <si>
    <t>5702329129893</t>
  </si>
  <si>
    <t>VELUX Wabenplissee FHC Y85 1170S</t>
  </si>
  <si>
    <t>FHC Y85 1171S</t>
  </si>
  <si>
    <t>5702329129909</t>
  </si>
  <si>
    <t>VELUX Wabenplissee FHC Y85 1171S</t>
  </si>
  <si>
    <t>FHC Y85 1172S</t>
  </si>
  <si>
    <t>5702329129916</t>
  </si>
  <si>
    <t>VELUX Wabenplissee FHC Y85 1172S</t>
  </si>
  <si>
    <t>FHC Y85 1173S</t>
  </si>
  <si>
    <t>5702329129923</t>
  </si>
  <si>
    <t>VELUX Wabenplissee FHC Y85 1173S</t>
  </si>
  <si>
    <t>FHC Y87 1045S</t>
  </si>
  <si>
    <t>5702326279966</t>
  </si>
  <si>
    <t>VELUX Wabenplissee FHC Y87 1045S</t>
  </si>
  <si>
    <t>FHC Y87 1047S</t>
  </si>
  <si>
    <t>5702326280009</t>
  </si>
  <si>
    <t>VELUX Wabenplissee FHC Y87 1047S</t>
  </si>
  <si>
    <t>FHC Y87 1049S</t>
  </si>
  <si>
    <t>5702326280047</t>
  </si>
  <si>
    <t>VELUX Wabenplissee FHC Y87 1049S</t>
  </si>
  <si>
    <t>FHC Y87 1155S</t>
  </si>
  <si>
    <t>5702327394538</t>
  </si>
  <si>
    <t>VELUX Wabenplissee FHC Y87 1155S</t>
  </si>
  <si>
    <t>FHC Y87 1156S</t>
  </si>
  <si>
    <t>5702327394545</t>
  </si>
  <si>
    <t>VELUX Wabenplissee FHC Y87 1156S</t>
  </si>
  <si>
    <t>FHC Y87 1163S</t>
  </si>
  <si>
    <t>5702329129930</t>
  </si>
  <si>
    <t>VELUX Wabenplissee FHC Y87 1163S</t>
  </si>
  <si>
    <t>FHC Y87 1164S</t>
  </si>
  <si>
    <t>5702329129947</t>
  </si>
  <si>
    <t>VELUX Wabenplissee FHC Y87 1164S</t>
  </si>
  <si>
    <t>FHC Y87 1165S</t>
  </si>
  <si>
    <t>5702329129954</t>
  </si>
  <si>
    <t>VELUX Wabenplissee FHC Y87 1165S</t>
  </si>
  <si>
    <t>FHC Y87 1166S</t>
  </si>
  <si>
    <t>5702329129961</t>
  </si>
  <si>
    <t>VELUX Wabenplissee FHC Y87 1166S</t>
  </si>
  <si>
    <t>FHC Y87 1167S</t>
  </si>
  <si>
    <t>5702329129978</t>
  </si>
  <si>
    <t>VELUX Wabenplissee FHC Y87 1167S</t>
  </si>
  <si>
    <t>FHC Y87 1168S</t>
  </si>
  <si>
    <t>5702329129985</t>
  </si>
  <si>
    <t>VELUX Wabenplissee FHC Y87 1168S</t>
  </si>
  <si>
    <t>FHC Y87 1169S</t>
  </si>
  <si>
    <t>5702329129992</t>
  </si>
  <si>
    <t>VELUX Wabenplissee FHC Y87 1169S</t>
  </si>
  <si>
    <t>FHC Y87 1170S</t>
  </si>
  <si>
    <t>5702329130004</t>
  </si>
  <si>
    <t>VELUX Wabenplissee FHC Y87 1170S</t>
  </si>
  <si>
    <t>FHC Y87 1171S</t>
  </si>
  <si>
    <t>5702329130011</t>
  </si>
  <si>
    <t>VELUX Wabenplissee FHC Y87 1171S</t>
  </si>
  <si>
    <t>FHC Y87 1172S</t>
  </si>
  <si>
    <t>5702329130028</t>
  </si>
  <si>
    <t>VELUX Wabenplissee FHC Y87 1172S</t>
  </si>
  <si>
    <t>FHC Y87 1173S</t>
  </si>
  <si>
    <t>5702329130035</t>
  </si>
  <si>
    <t>VELUX Wabenplissee FHC Y87 1173S</t>
  </si>
  <si>
    <t>FHC Y89 1045S</t>
  </si>
  <si>
    <t>5702326280153</t>
  </si>
  <si>
    <t>VELUX Wabenplissee FHC Y89 1045S</t>
  </si>
  <si>
    <t>FHC Y89 1047S</t>
  </si>
  <si>
    <t>5702326280191</t>
  </si>
  <si>
    <t>VELUX Wabenplissee FHC Y89 1047S</t>
  </si>
  <si>
    <t>FHC Y89 1049S</t>
  </si>
  <si>
    <t>5702326280245</t>
  </si>
  <si>
    <t>VELUX Wabenplissee FHC Y89 1049S</t>
  </si>
  <si>
    <t>FHC Y89 1155S</t>
  </si>
  <si>
    <t>5702327394613</t>
  </si>
  <si>
    <t>VELUX Wabenplissee FHC Y89 1155S</t>
  </si>
  <si>
    <t>FHC Y89 1156S</t>
  </si>
  <si>
    <t>5702327394620</t>
  </si>
  <si>
    <t>VELUX Wabenplissee FHC Y89 1156S</t>
  </si>
  <si>
    <t>FHC Y89 1163S</t>
  </si>
  <si>
    <t>5702329130042</t>
  </si>
  <si>
    <t>VELUX Wabenplissee FHC Y89 1163S</t>
  </si>
  <si>
    <t>FHC Y89 1164S</t>
  </si>
  <si>
    <t>5702329130059</t>
  </si>
  <si>
    <t>VELUX Wabenplissee FHC Y89 1164S</t>
  </si>
  <si>
    <t>FHC Y89 1165S</t>
  </si>
  <si>
    <t>5702329130066</t>
  </si>
  <si>
    <t>VELUX Wabenplissee FHC Y89 1165S</t>
  </si>
  <si>
    <t>FHC Y89 1166S</t>
  </si>
  <si>
    <t>5702329130073</t>
  </si>
  <si>
    <t>VELUX Wabenplissee FHC Y89 1166S</t>
  </si>
  <si>
    <t>FHC Y89 1168S</t>
  </si>
  <si>
    <t>5702329130097</t>
  </si>
  <si>
    <t>VELUX Wabenplissee FHC Y89 1168S</t>
  </si>
  <si>
    <t>FHC Y89 1170S</t>
  </si>
  <si>
    <t>5702329130110</t>
  </si>
  <si>
    <t>VELUX Wabenplissee FHC Y89 1170S</t>
  </si>
  <si>
    <t>FHC Y89 1171S</t>
  </si>
  <si>
    <t>5702329130127</t>
  </si>
  <si>
    <t>VELUX Wabenplissee FHC Y89 1171S</t>
  </si>
  <si>
    <t>FHC Y89 1172S</t>
  </si>
  <si>
    <t>5702329130134</t>
  </si>
  <si>
    <t>VELUX Wabenplissee FHC Y89 1172S</t>
  </si>
  <si>
    <t>FHC Y89 1173S</t>
  </si>
  <si>
    <t>5702329130141</t>
  </si>
  <si>
    <t>VELUX Wabenplissee FHC Y89 1173S</t>
  </si>
  <si>
    <t>FHC Y97 1045S</t>
  </si>
  <si>
    <t>5702326280351</t>
  </si>
  <si>
    <t>VELUX Wabenplissee FHC Y97 1045S</t>
  </si>
  <si>
    <t>FHC Y97 1047S</t>
  </si>
  <si>
    <t>5702326280399</t>
  </si>
  <si>
    <t>VELUX Wabenplissee FHC Y97 1047S</t>
  </si>
  <si>
    <t>FHC Y97 1049S</t>
  </si>
  <si>
    <t>5702326280443</t>
  </si>
  <si>
    <t>VELUX Wabenplissee FHC Y97 1049S</t>
  </si>
  <si>
    <t>FHC Y97 1155S</t>
  </si>
  <si>
    <t>5702327394699</t>
  </si>
  <si>
    <t>VELUX Wabenplissee FHC Y97 1155S</t>
  </si>
  <si>
    <t>FHC Y97 1156S</t>
  </si>
  <si>
    <t>5702327394705</t>
  </si>
  <si>
    <t>VELUX Wabenplissee FHC Y97 1156S</t>
  </si>
  <si>
    <t>FHC Y97 1163S</t>
  </si>
  <si>
    <t>5702329130158</t>
  </si>
  <si>
    <t>VELUX Wabenplissee FHC Y97 1163S</t>
  </si>
  <si>
    <t>FHC Y97 1164S</t>
  </si>
  <si>
    <t>5702329130165</t>
  </si>
  <si>
    <t>VELUX Wabenplissee FHC Y97 1164S</t>
  </si>
  <si>
    <t>FHC Y97 1165S</t>
  </si>
  <si>
    <t>5702329130172</t>
  </si>
  <si>
    <t>VELUX Wabenplissee FHC Y97 1165S</t>
  </si>
  <si>
    <t>FHC Y97 1166S</t>
  </si>
  <si>
    <t>5702329130189</t>
  </si>
  <si>
    <t>VELUX Wabenplissee FHC Y97 1166S</t>
  </si>
  <si>
    <t>FHC Y97 1167S</t>
  </si>
  <si>
    <t>5702329130196</t>
  </si>
  <si>
    <t>VELUX Wabenplissee FHC Y97 1167S</t>
  </si>
  <si>
    <t>FHC Y97 1168S</t>
  </si>
  <si>
    <t>5702329130202</t>
  </si>
  <si>
    <t>VELUX Wabenplissee FHC Y97 1168S</t>
  </si>
  <si>
    <t>FHC Y97 1169S</t>
  </si>
  <si>
    <t>5702329130219</t>
  </si>
  <si>
    <t>VELUX Wabenplissee FHC Y97 1169S</t>
  </si>
  <si>
    <t>FHC Y97 1170S</t>
  </si>
  <si>
    <t>5702329130226</t>
  </si>
  <si>
    <t>VELUX Wabenplissee FHC Y97 1170S</t>
  </si>
  <si>
    <t>FHC Y97 1171S</t>
  </si>
  <si>
    <t>5702329130233</t>
  </si>
  <si>
    <t>VELUX Wabenplissee FHC Y97 1171S</t>
  </si>
  <si>
    <t>FHC Y97 1172S</t>
  </si>
  <si>
    <t>5702329130240</t>
  </si>
  <si>
    <t>VELUX Wabenplissee FHC Y97 1172S</t>
  </si>
  <si>
    <t>FHC Y97 1173S</t>
  </si>
  <si>
    <t>5702329130257</t>
  </si>
  <si>
    <t>VELUX Wabenplissee FHC Y97 1173S</t>
  </si>
  <si>
    <t>FHC Y99 1045S</t>
  </si>
  <si>
    <t>5702326280542</t>
  </si>
  <si>
    <t>VELUX Wabenplissee FHC Y99 1045S</t>
  </si>
  <si>
    <t>FHC Y99 1047S</t>
  </si>
  <si>
    <t>5702326280580</t>
  </si>
  <si>
    <t>VELUX Wabenplissee FHC Y99 1047S</t>
  </si>
  <si>
    <t>FHC Y99 1049S</t>
  </si>
  <si>
    <t>5702326280634</t>
  </si>
  <si>
    <t>VELUX Wabenplissee FHC Y99 1049S</t>
  </si>
  <si>
    <t>FHC Y99 1155S</t>
  </si>
  <si>
    <t>5702327394774</t>
  </si>
  <si>
    <t>VELUX Wabenplissee FHC Y99 1155S</t>
  </si>
  <si>
    <t>FHC Y99 1156S</t>
  </si>
  <si>
    <t>5702327394781</t>
  </si>
  <si>
    <t>VELUX Wabenplissee FHC Y99 1156S</t>
  </si>
  <si>
    <t>FHC Y99 1163S</t>
  </si>
  <si>
    <t>5702329130264</t>
  </si>
  <si>
    <t>VELUX Wabenplissee FHC Y99 1163S</t>
  </si>
  <si>
    <t>FHC Y99 1164S</t>
  </si>
  <si>
    <t>5702329130271</t>
  </si>
  <si>
    <t>VELUX Wabenplissee FHC Y99 1164S</t>
  </si>
  <si>
    <t>FHC Y99 1166S</t>
  </si>
  <si>
    <t>5702329130295</t>
  </si>
  <si>
    <t>VELUX Wabenplissee FHC Y99 1166S</t>
  </si>
  <si>
    <t>FHC Y99 1168S</t>
  </si>
  <si>
    <t>5702329130318</t>
  </si>
  <si>
    <t>VELUX Wabenplissee FHC Y99 1168S</t>
  </si>
  <si>
    <t>FHC Y99 1170S</t>
  </si>
  <si>
    <t>5702329130332</t>
  </si>
  <si>
    <t>VELUX Wabenplissee FHC Y99 1170S</t>
  </si>
  <si>
    <t>FHC Y99 1171S</t>
  </si>
  <si>
    <t>5702329130349</t>
  </si>
  <si>
    <t>VELUX Wabenplissee FHC Y99 1171S</t>
  </si>
  <si>
    <t>FHC Y99 1172S</t>
  </si>
  <si>
    <t>5702329130356</t>
  </si>
  <si>
    <t>VELUX Wabenplissee FHC Y99 1172S</t>
  </si>
  <si>
    <t>FHC Y99 1173S</t>
  </si>
  <si>
    <t>5702329130363</t>
  </si>
  <si>
    <t>VELUX Wabenplissee FHC Y99 1173S</t>
  </si>
  <si>
    <t>FHL C02 1016S</t>
  </si>
  <si>
    <t>5702325156848</t>
  </si>
  <si>
    <t>VELUX Plissee manuell FHL C02 1016S</t>
  </si>
  <si>
    <t>410</t>
  </si>
  <si>
    <t>VELUX-Plissee</t>
  </si>
  <si>
    <t>FHL C02 1016SWL</t>
  </si>
  <si>
    <t>5702325156855</t>
  </si>
  <si>
    <t>VELUX Plissee manuell FHL C02 1016SWL</t>
  </si>
  <si>
    <t>FHL C02 1256S</t>
  </si>
  <si>
    <t>5702327401007</t>
  </si>
  <si>
    <t>VELUX Plissee manuell FHL C02 1256S</t>
  </si>
  <si>
    <t>Weiß gemu., alu Schiene, Premium</t>
  </si>
  <si>
    <t>FHL C02 1256SWL</t>
  </si>
  <si>
    <t>5702329074353</t>
  </si>
  <si>
    <t>VELUX Plissee manuell FHL C02 1256SWL</t>
  </si>
  <si>
    <t>Weiß gemu., weiße Schiene, Premium</t>
  </si>
  <si>
    <t>FHL C02 1259S</t>
  </si>
  <si>
    <t>5702327401038</t>
  </si>
  <si>
    <t>VELUX Plissee manuell FHL C02 1259S</t>
  </si>
  <si>
    <t>FHL C02 1259SWL</t>
  </si>
  <si>
    <t>5702329074360</t>
  </si>
  <si>
    <t>VELUX Plissee manuell FHL C02 1259SWL</t>
  </si>
  <si>
    <t>FHL C02 1274S</t>
  </si>
  <si>
    <t>5702329064415</t>
  </si>
  <si>
    <t>VELUX Plissee manuell FHL C02 1274S</t>
  </si>
  <si>
    <t>FHL C02 1274SWL</t>
  </si>
  <si>
    <t>5702329074377</t>
  </si>
  <si>
    <t>VELUX Plissee manuell FHL C02 1274SWL</t>
  </si>
  <si>
    <t>FHL C02 1275S</t>
  </si>
  <si>
    <t>5702329064422</t>
  </si>
  <si>
    <t>VELUX Plissee manuell FHL C02 1275S</t>
  </si>
  <si>
    <t>Leinen, alu Schiene, Premium</t>
  </si>
  <si>
    <t>FHL C02 1275SWL</t>
  </si>
  <si>
    <t>5702329074384</t>
  </si>
  <si>
    <t>VELUX Plissee manuell FHL C02 1275SWL</t>
  </si>
  <si>
    <t>Leinen, weiße Schiene, Premium</t>
  </si>
  <si>
    <t>FHL C02 1276S</t>
  </si>
  <si>
    <t>5702329064439</t>
  </si>
  <si>
    <t>VELUX Plissee manuell FHL C02 1276S</t>
  </si>
  <si>
    <t>Mokka gep., alu Schiene, Premium</t>
  </si>
  <si>
    <t>FHL C02 1276SWL</t>
  </si>
  <si>
    <t>5702329074391</t>
  </si>
  <si>
    <t>VELUX Plissee manuell FHL C02 1276SWL</t>
  </si>
  <si>
    <t>Mokka gep., weiße Schiene, Premium</t>
  </si>
  <si>
    <t>FHL C02 1277S</t>
  </si>
  <si>
    <t>5702329064446</t>
  </si>
  <si>
    <t>VELUX Plissee manuell FHL C02 1277S</t>
  </si>
  <si>
    <t>FHL C02 1277SWL</t>
  </si>
  <si>
    <t>5702329074407</t>
  </si>
  <si>
    <t>VELUX Plissee manuell FHL C02 1277SWL</t>
  </si>
  <si>
    <t>FHL C02 1278S</t>
  </si>
  <si>
    <t>5702329064453</t>
  </si>
  <si>
    <t>VELUX Plissee manuell FHL C02 1278S</t>
  </si>
  <si>
    <t>Cremebeige, alu Schiene, Premium</t>
  </si>
  <si>
    <t>FHL C02 1278SWL</t>
  </si>
  <si>
    <t>5702329074414</t>
  </si>
  <si>
    <t>VELUX Plissee manuell FHL C02 1278SWL</t>
  </si>
  <si>
    <t>Cremebeige, weiße Schiene, Premium</t>
  </si>
  <si>
    <t>FHL C02 1279S</t>
  </si>
  <si>
    <t>5702329064460</t>
  </si>
  <si>
    <t>VELUX Plissee manuell FHL C02 1279S</t>
  </si>
  <si>
    <t>Weinrot, alu Schiene, Premium</t>
  </si>
  <si>
    <t>FHL C02 1280S</t>
  </si>
  <si>
    <t>5702329064477</t>
  </si>
  <si>
    <t>VELUX Plissee manuell FHL C02 1280S</t>
  </si>
  <si>
    <t>Moosgrün, alu Schiene, Premium</t>
  </si>
  <si>
    <t>FHL C02 1280SWL</t>
  </si>
  <si>
    <t>5702329074438</t>
  </si>
  <si>
    <t>VELUX Plissee manuell FHL C02 1280SWL</t>
  </si>
  <si>
    <t>Moosgrün, weiße Schiene, Premium</t>
  </si>
  <si>
    <t>FHL C02 1281S</t>
  </si>
  <si>
    <t>5702329064484</t>
  </si>
  <si>
    <t>VELUX Plissee manuell FHL C02 1281S</t>
  </si>
  <si>
    <t>Mint, alu Schiene, Premium</t>
  </si>
  <si>
    <t>FHL C02 1281SWL</t>
  </si>
  <si>
    <t>5702329074445</t>
  </si>
  <si>
    <t>VELUX Plissee manuell FHL C02 1281SWL</t>
  </si>
  <si>
    <t>Mint, weiße Schiene, Premium</t>
  </si>
  <si>
    <t>FHL C02 1282S</t>
  </si>
  <si>
    <t>5702329064491</t>
  </si>
  <si>
    <t>VELUX Plissee manuell FHL C02 1282S</t>
  </si>
  <si>
    <t>FHL C02 1282SWL</t>
  </si>
  <si>
    <t>5702329074452</t>
  </si>
  <si>
    <t>VELUX Plissee manuell FHL C02 1282SWL</t>
  </si>
  <si>
    <t>FHL C02 1283S</t>
  </si>
  <si>
    <t>5702329064507</t>
  </si>
  <si>
    <t>VELUX Plissee manuell FHL C02 1283S</t>
  </si>
  <si>
    <t>Champagner, alu Schiene, Premium</t>
  </si>
  <si>
    <t>FHL C02 1283SWL</t>
  </si>
  <si>
    <t>5702329074469</t>
  </si>
  <si>
    <t>VELUX Plissee manuell FHL C02 1283SWL</t>
  </si>
  <si>
    <t>Champagner, weiße Schiene, Premium</t>
  </si>
  <si>
    <t>FHL C02 1284S</t>
  </si>
  <si>
    <t>5702329064514</t>
  </si>
  <si>
    <t>VELUX Plissee manuell FHL C02 1284S</t>
  </si>
  <si>
    <t>Silbergrau, alu Schiene, Premium</t>
  </si>
  <si>
    <t>FHL C02 1284SWL</t>
  </si>
  <si>
    <t>5702329074476</t>
  </si>
  <si>
    <t>VELUX Plissee manuell FHL C02 1284SWL</t>
  </si>
  <si>
    <t>Silbergrau, weiße Schiene, Premium</t>
  </si>
  <si>
    <t>FHL C02 1285S</t>
  </si>
  <si>
    <t>5702329064521</t>
  </si>
  <si>
    <t>VELUX Plissee manuell FHL C02 1285S</t>
  </si>
  <si>
    <t>FHL C02 1285SWL</t>
  </si>
  <si>
    <t>5702329074483</t>
  </si>
  <si>
    <t>VELUX Plissee manuell FHL C02 1285SWL</t>
  </si>
  <si>
    <t>FHL C02 1286S</t>
  </si>
  <si>
    <t>5702329064538</t>
  </si>
  <si>
    <t>VELUX Plissee manuell FHL C02 1286S</t>
  </si>
  <si>
    <t>Denim, alu Schiene, Premium</t>
  </si>
  <si>
    <t>FHL C02 1286SWL</t>
  </si>
  <si>
    <t>5702329074490</t>
  </si>
  <si>
    <t>VELUX Plissee manuell FHL C02 1286SWL</t>
  </si>
  <si>
    <t>Denim, weiße Schiene, Premium</t>
  </si>
  <si>
    <t>FHL C04 1016S</t>
  </si>
  <si>
    <t>5702325157500</t>
  </si>
  <si>
    <t>VELUX Plissee manuell FHL C04 1016S</t>
  </si>
  <si>
    <t>FHL C04 1016SWL</t>
  </si>
  <si>
    <t>5702325157517</t>
  </si>
  <si>
    <t>VELUX Plissee manuell FHL C04 1016SWL</t>
  </si>
  <si>
    <t>FHL C04 1256S</t>
  </si>
  <si>
    <t>5702327401168</t>
  </si>
  <si>
    <t>VELUX Plissee manuell FHL C04 1256S</t>
  </si>
  <si>
    <t>FHL C04 1256SWL</t>
  </si>
  <si>
    <t>5702329074506</t>
  </si>
  <si>
    <t>VELUX Plissee manuell FHL C04 1256SWL</t>
  </si>
  <si>
    <t>FHL C04 1259S</t>
  </si>
  <si>
    <t>5702327401199</t>
  </si>
  <si>
    <t>VELUX Plissee manuell FHL C04 1259S</t>
  </si>
  <si>
    <t>FHL C04 1259SWL</t>
  </si>
  <si>
    <t>5702329074513</t>
  </si>
  <si>
    <t>VELUX Plissee manuell FHL C04 1259SWL</t>
  </si>
  <si>
    <t>FHL C04 1274S</t>
  </si>
  <si>
    <t>5702329064545</t>
  </si>
  <si>
    <t>VELUX Plissee manuell FHL C04 1274S</t>
  </si>
  <si>
    <t>FHL C04 1274SWL</t>
  </si>
  <si>
    <t>5702329074520</t>
  </si>
  <si>
    <t>VELUX Plissee manuell FHL C04 1274SWL</t>
  </si>
  <si>
    <t>FHL C04 1275S</t>
  </si>
  <si>
    <t>5702329064552</t>
  </si>
  <si>
    <t>VELUX Plissee manuell FHL C04 1275S</t>
  </si>
  <si>
    <t>FHL C04 1275SWL</t>
  </si>
  <si>
    <t>5702329074537</t>
  </si>
  <si>
    <t>VELUX Plissee manuell FHL C04 1275SWL</t>
  </si>
  <si>
    <t>FHL C04 1276S</t>
  </si>
  <si>
    <t>5702329064569</t>
  </si>
  <si>
    <t>VELUX Plissee manuell FHL C04 1276S</t>
  </si>
  <si>
    <t>FHL C04 1276SWL</t>
  </si>
  <si>
    <t>5702329074544</t>
  </si>
  <si>
    <t>VELUX Plissee manuell FHL C04 1276SWL</t>
  </si>
  <si>
    <t>FHL C04 1277S</t>
  </si>
  <si>
    <t>5702329064576</t>
  </si>
  <si>
    <t>VELUX Plissee manuell FHL C04 1277S</t>
  </si>
  <si>
    <t>FHL C04 1277SWL</t>
  </si>
  <si>
    <t>5702329074551</t>
  </si>
  <si>
    <t>VELUX Plissee manuell FHL C04 1277SWL</t>
  </si>
  <si>
    <t>FHL C04 1278S</t>
  </si>
  <si>
    <t>5702329064583</t>
  </si>
  <si>
    <t>VELUX Plissee manuell FHL C04 1278S</t>
  </si>
  <si>
    <t>FHL C04 1278SWL</t>
  </si>
  <si>
    <t>5702329074568</t>
  </si>
  <si>
    <t>VELUX Plissee manuell FHL C04 1278SWL</t>
  </si>
  <si>
    <t>FHL C04 1279S</t>
  </si>
  <si>
    <t>5702329064590</t>
  </si>
  <si>
    <t>VELUX Plissee manuell FHL C04 1279S</t>
  </si>
  <si>
    <t>FHL C04 1280S</t>
  </si>
  <si>
    <t>5702329064606</t>
  </si>
  <si>
    <t>VELUX Plissee manuell FHL C04 1280S</t>
  </si>
  <si>
    <t>FHL C04 1280SWL</t>
  </si>
  <si>
    <t>5702329074582</t>
  </si>
  <si>
    <t>VELUX Plissee manuell FHL C04 1280SWL</t>
  </si>
  <si>
    <t>FHL C04 1281S</t>
  </si>
  <si>
    <t>5702329064613</t>
  </si>
  <si>
    <t>VELUX Plissee manuell FHL C04 1281S</t>
  </si>
  <si>
    <t>FHL C04 1281SWL</t>
  </si>
  <si>
    <t>5702329074599</t>
  </si>
  <si>
    <t>VELUX Plissee manuell FHL C04 1281SWL</t>
  </si>
  <si>
    <t>FHL C04 1282S</t>
  </si>
  <si>
    <t>5702329064620</t>
  </si>
  <si>
    <t>VELUX Plissee manuell FHL C04 1282S</t>
  </si>
  <si>
    <t>FHL C04 1282SWL</t>
  </si>
  <si>
    <t>5702329074605</t>
  </si>
  <si>
    <t>VELUX Plissee manuell FHL C04 1282SWL</t>
  </si>
  <si>
    <t>FHL C04 1283S</t>
  </si>
  <si>
    <t>5702329064637</t>
  </si>
  <si>
    <t>VELUX Plissee manuell FHL C04 1283S</t>
  </si>
  <si>
    <t>FHL C04 1283SWL</t>
  </si>
  <si>
    <t>5702329074612</t>
  </si>
  <si>
    <t>VELUX Plissee manuell FHL C04 1283SWL</t>
  </si>
  <si>
    <t>FHL C04 1284S</t>
  </si>
  <si>
    <t>5702329064644</t>
  </si>
  <si>
    <t>VELUX Plissee manuell FHL C04 1284S</t>
  </si>
  <si>
    <t>FHL C04 1284SWL</t>
  </si>
  <si>
    <t>5702329074629</t>
  </si>
  <si>
    <t>VELUX Plissee manuell FHL C04 1284SWL</t>
  </si>
  <si>
    <t>FHL C04 1285S</t>
  </si>
  <si>
    <t>5702329064651</t>
  </si>
  <si>
    <t>VELUX Plissee manuell FHL C04 1285S</t>
  </si>
  <si>
    <t>FHL C04 1285SWL</t>
  </si>
  <si>
    <t>5702329074636</t>
  </si>
  <si>
    <t>VELUX Plissee manuell FHL C04 1285SWL</t>
  </si>
  <si>
    <t>FHL C04 1286S</t>
  </si>
  <si>
    <t>5702329064668</t>
  </si>
  <si>
    <t>VELUX Plissee manuell FHL C04 1286S</t>
  </si>
  <si>
    <t>FHL C04 1286SWL</t>
  </si>
  <si>
    <t>5702329074643</t>
  </si>
  <si>
    <t>VELUX Plissee manuell FHL C04 1286SWL</t>
  </si>
  <si>
    <t>FHL C06 1016S</t>
  </si>
  <si>
    <t>5702325158163</t>
  </si>
  <si>
    <t>VELUX Plissee manuell FHL C06 1016S</t>
  </si>
  <si>
    <t>FHL C06 1016SWL</t>
  </si>
  <si>
    <t>5702325158170</t>
  </si>
  <si>
    <t>VELUX Plissee manuell FHL C06 1016SWL</t>
  </si>
  <si>
    <t>FHL C06 1256S</t>
  </si>
  <si>
    <t>5702327401328</t>
  </si>
  <si>
    <t>VELUX Plissee manuell FHL C06 1256S</t>
  </si>
  <si>
    <t>FHL C06 1256SWL</t>
  </si>
  <si>
    <t>5702329074650</t>
  </si>
  <si>
    <t>VELUX Plissee manuell FHL C06 1256SWL</t>
  </si>
  <si>
    <t>FHL C06 1259S</t>
  </si>
  <si>
    <t>5702327401359</t>
  </si>
  <si>
    <t>VELUX Plissee manuell FHL C06 1259S</t>
  </si>
  <si>
    <t>FHL C06 1259SWL</t>
  </si>
  <si>
    <t>5702329074667</t>
  </si>
  <si>
    <t>VELUX Plissee manuell FHL C06 1259SWL</t>
  </si>
  <si>
    <t>FHL C06 1274S</t>
  </si>
  <si>
    <t>5702329064675</t>
  </si>
  <si>
    <t>VELUX Plissee manuell FHL C06 1274S</t>
  </si>
  <si>
    <t>FHL C06 1274SWL</t>
  </si>
  <si>
    <t>5702329074674</t>
  </si>
  <si>
    <t>VELUX Plissee manuell FHL C06 1274SWL</t>
  </si>
  <si>
    <t>FHL C06 1275SWL</t>
  </si>
  <si>
    <t>5702329074681</t>
  </si>
  <si>
    <t>VELUX Plissee manuell FHL C06 1275SWL</t>
  </si>
  <si>
    <t>FHL C06 1276SWL</t>
  </si>
  <si>
    <t>5702329074698</t>
  </si>
  <si>
    <t>VELUX Plissee manuell FHL C06 1276SWL</t>
  </si>
  <si>
    <t>FHL C06 1277SWL</t>
  </si>
  <si>
    <t>5702329074704</t>
  </si>
  <si>
    <t>VELUX Plissee manuell FHL C06 1277SWL</t>
  </si>
  <si>
    <t>FHL C06 1278S</t>
  </si>
  <si>
    <t>5702329064712</t>
  </si>
  <si>
    <t>VELUX Plissee manuell FHL C06 1278S</t>
  </si>
  <si>
    <t>FHL C06 1278SWL</t>
  </si>
  <si>
    <t>5702329074711</t>
  </si>
  <si>
    <t>VELUX Plissee manuell FHL C06 1278SWL</t>
  </si>
  <si>
    <t>FHL C06 1280SWL</t>
  </si>
  <si>
    <t>5702329074735</t>
  </si>
  <si>
    <t>VELUX Plissee manuell FHL C06 1280SWL</t>
  </si>
  <si>
    <t>FHL C06 1282S</t>
  </si>
  <si>
    <t>5702329064750</t>
  </si>
  <si>
    <t>VELUX Plissee manuell FHL C06 1282S</t>
  </si>
  <si>
    <t>FHL C06 1282SWL</t>
  </si>
  <si>
    <t>5702329074759</t>
  </si>
  <si>
    <t>VELUX Plissee manuell FHL C06 1282SWL</t>
  </si>
  <si>
    <t>FHL C06 1283S</t>
  </si>
  <si>
    <t>5702329064767</t>
  </si>
  <si>
    <t>VELUX Plissee manuell FHL C06 1283S</t>
  </si>
  <si>
    <t>FHL C06 1283SWL</t>
  </si>
  <si>
    <t>5702329074766</t>
  </si>
  <si>
    <t>VELUX Plissee manuell FHL C06 1283SWL</t>
  </si>
  <si>
    <t>FHL C06 1284S</t>
  </si>
  <si>
    <t>5702329064774</t>
  </si>
  <si>
    <t>VELUX Plissee manuell FHL C06 1284S</t>
  </si>
  <si>
    <t>FHL C06 1284SWL</t>
  </si>
  <si>
    <t>5702329074773</t>
  </si>
  <si>
    <t>VELUX Plissee manuell FHL C06 1284SWL</t>
  </si>
  <si>
    <t>FHL C06 1285S</t>
  </si>
  <si>
    <t>5702329064781</t>
  </si>
  <si>
    <t>VELUX Plissee manuell FHL C06 1285S</t>
  </si>
  <si>
    <t>FHL C06 1285SWL</t>
  </si>
  <si>
    <t>5702329074780</t>
  </si>
  <si>
    <t>VELUX Plissee manuell FHL C06 1285SWL</t>
  </si>
  <si>
    <t>FHL C06 1286SWL</t>
  </si>
  <si>
    <t>5702329074797</t>
  </si>
  <si>
    <t>VELUX Plissee manuell FHL C06 1286SWL</t>
  </si>
  <si>
    <t>FHL CK02 1016S</t>
  </si>
  <si>
    <t>5702326778162</t>
  </si>
  <si>
    <t>VELUX Plissee manuell FHL CK02 1016S</t>
  </si>
  <si>
    <t>FHL CK02 1016SWL</t>
  </si>
  <si>
    <t>5702326778179</t>
  </si>
  <si>
    <t>VELUX Plissee manuell FHL CK02 1016SWL</t>
  </si>
  <si>
    <t>FHL CK02 1256S</t>
  </si>
  <si>
    <t>5702327401649</t>
  </si>
  <si>
    <t>VELUX Plissee manuell FHL CK02 1256S</t>
  </si>
  <si>
    <t>Weiß gemu.alu Schiene, Premium</t>
  </si>
  <si>
    <t>FHL CK02 1256SWL</t>
  </si>
  <si>
    <t>5702329074957</t>
  </si>
  <si>
    <t>VELUX Plissee manuell FHL CK02 1256SWL</t>
  </si>
  <si>
    <t>FHL CK02 1259S</t>
  </si>
  <si>
    <t>5702327401670</t>
  </si>
  <si>
    <t>VELUX Plissee manuell FHL CK02 1259S</t>
  </si>
  <si>
    <t>FHL CK02 1259SWL</t>
  </si>
  <si>
    <t>5702329074964</t>
  </si>
  <si>
    <t>VELUX Plissee manuell FHL CK02 1259SWL</t>
  </si>
  <si>
    <t>FHL CK02 1274S</t>
  </si>
  <si>
    <t>5702329064934</t>
  </si>
  <si>
    <t>VELUX Plissee manuell FHL CK02 1274S</t>
  </si>
  <si>
    <t>FHL CK02 1274SWL</t>
  </si>
  <si>
    <t>5702329074971</t>
  </si>
  <si>
    <t>VELUX Plissee manuell FHL CK02 1274SWL</t>
  </si>
  <si>
    <t>FHL CK02 1275S</t>
  </si>
  <si>
    <t>5702329064941</t>
  </si>
  <si>
    <t>VELUX Plissee manuell FHL CK02 1275S</t>
  </si>
  <si>
    <t>FHL CK02 1275SWL</t>
  </si>
  <si>
    <t>5702329074988</t>
  </si>
  <si>
    <t>VELUX Plissee manuell FHL CK02 1275SWL</t>
  </si>
  <si>
    <t>FHL CK02 1276S</t>
  </si>
  <si>
    <t>5702329064958</t>
  </si>
  <si>
    <t>VELUX Plissee manuell FHL CK02 1276S</t>
  </si>
  <si>
    <t>FHL CK02 1276SWL</t>
  </si>
  <si>
    <t>5702329074995</t>
  </si>
  <si>
    <t>VELUX Plissee manuell FHL CK02 1276SWL</t>
  </si>
  <si>
    <t>FHL CK02 1277S</t>
  </si>
  <si>
    <t>5702329064965</t>
  </si>
  <si>
    <t>VELUX Plissee manuell FHL CK02 1277S</t>
  </si>
  <si>
    <t>FHL CK02 1277SWL</t>
  </si>
  <si>
    <t>5702329075008</t>
  </si>
  <si>
    <t>VELUX Plissee manuell FHL CK02 1277SWL</t>
  </si>
  <si>
    <t>FHL CK02 1278S</t>
  </si>
  <si>
    <t>5702329064972</t>
  </si>
  <si>
    <t>VELUX Plissee manuell FHL CK02 1278S</t>
  </si>
  <si>
    <t>FHL CK02 1278SWL</t>
  </si>
  <si>
    <t>5702329075015</t>
  </si>
  <si>
    <t>VELUX Plissee manuell FHL CK02 1278SWL</t>
  </si>
  <si>
    <t>FHL CK02 1279S</t>
  </si>
  <si>
    <t>5702329064989</t>
  </si>
  <si>
    <t>VELUX Plissee manuell FHL CK02 1279S</t>
  </si>
  <si>
    <t>FHL CK02 1279SWL</t>
  </si>
  <si>
    <t>5702329075022</t>
  </si>
  <si>
    <t>VELUX Plissee manuell FHL CK02 1279SWL</t>
  </si>
  <si>
    <t>Weinrot, weiße Schiene, Premium</t>
  </si>
  <si>
    <t>FHL CK02 1280S</t>
  </si>
  <si>
    <t>5702329064996</t>
  </si>
  <si>
    <t>VELUX Plissee manuell FHL CK02 1280S</t>
  </si>
  <si>
    <t>FHL CK02 1280SWL</t>
  </si>
  <si>
    <t>5702329075039</t>
  </si>
  <si>
    <t>VELUX Plissee manuell FHL CK02 1280SWL</t>
  </si>
  <si>
    <t>FHL CK02 1281S</t>
  </si>
  <si>
    <t>5702329065009</t>
  </si>
  <si>
    <t>VELUX Plissee manuell FHL CK02 1281S</t>
  </si>
  <si>
    <t>FHL CK02 1281SWL</t>
  </si>
  <si>
    <t>5702329075046</t>
  </si>
  <si>
    <t>VELUX Plissee manuell FHL CK02 1281SWL</t>
  </si>
  <si>
    <t>FHL CK02 1282S</t>
  </si>
  <si>
    <t>5702329065016</t>
  </si>
  <si>
    <t>VELUX Plissee manuell FHL CK02 1282S</t>
  </si>
  <si>
    <t>FHL CK02 1282SWL</t>
  </si>
  <si>
    <t>5702329075053</t>
  </si>
  <si>
    <t>VELUX Plissee manuell FHL CK02 1282SWL</t>
  </si>
  <si>
    <t>FHL CK02 1283S</t>
  </si>
  <si>
    <t>5702329065023</t>
  </si>
  <si>
    <t>VELUX Plissee manuell FHL CK02 1283S</t>
  </si>
  <si>
    <t>FHL CK02 1283SWL</t>
  </si>
  <si>
    <t>5702329075060</t>
  </si>
  <si>
    <t>VELUX Plissee manuell FHL CK02 1283SWL</t>
  </si>
  <si>
    <t>FHL CK02 1284S</t>
  </si>
  <si>
    <t>5702329065030</t>
  </si>
  <si>
    <t>VELUX Plissee manuell FHL CK02 1284S</t>
  </si>
  <si>
    <t>FHL CK02 1284SWL</t>
  </si>
  <si>
    <t>5702329075077</t>
  </si>
  <si>
    <t>VELUX Plissee manuell FHL CK02 1284SWL</t>
  </si>
  <si>
    <t>FHL CK02 1285S</t>
  </si>
  <si>
    <t>5702329065047</t>
  </si>
  <si>
    <t>VELUX Plissee manuell FHL CK02 1285S</t>
  </si>
  <si>
    <t>FHL CK02 1285SWL</t>
  </si>
  <si>
    <t>5702329075084</t>
  </si>
  <si>
    <t>VELUX Plissee manuell FHL CK02 1285SWL</t>
  </si>
  <si>
    <t>FHL CK02 1286S</t>
  </si>
  <si>
    <t>5702329065054</t>
  </si>
  <si>
    <t>VELUX Plissee manuell FHL CK02 1286S</t>
  </si>
  <si>
    <t>FHL CK02 1286SWL</t>
  </si>
  <si>
    <t>5702329075091</t>
  </si>
  <si>
    <t>VELUX Plissee manuell FHL CK02 1286SWL</t>
  </si>
  <si>
    <t>FHL CK04 1016S</t>
  </si>
  <si>
    <t>5702326778872</t>
  </si>
  <si>
    <t>VELUX Plissee manuell FHL CK04 1016S</t>
  </si>
  <si>
    <t>FHL CK04 1016SWL</t>
  </si>
  <si>
    <t>5702326778889</t>
  </si>
  <si>
    <t>VELUX Plissee manuell FHL CK04 1016SWL</t>
  </si>
  <si>
    <t>FHL CK04 1256S</t>
  </si>
  <si>
    <t>5702327401809</t>
  </si>
  <si>
    <t>VELUX Plissee manuell FHL CK04 1256S</t>
  </si>
  <si>
    <t>FHL CK04 1256SWL</t>
  </si>
  <si>
    <t>5702329075107</t>
  </si>
  <si>
    <t>VELUX Plissee manuell FHL CK04 1256SWL</t>
  </si>
  <si>
    <t>FHL CK04 1259S</t>
  </si>
  <si>
    <t>5702327401830</t>
  </si>
  <si>
    <t>VELUX Plissee manuell FHL CK04 1259S</t>
  </si>
  <si>
    <t>FHL CK04 1259SWL</t>
  </si>
  <si>
    <t>5702329075114</t>
  </si>
  <si>
    <t>VELUX Plissee manuell FHL CK04 1259SWL</t>
  </si>
  <si>
    <t>FHL CK04 1274S</t>
  </si>
  <si>
    <t>5702329065061</t>
  </si>
  <si>
    <t>VELUX Plissee manuell FHL CK04 1274S</t>
  </si>
  <si>
    <t>FHL CK04 1274SWL</t>
  </si>
  <si>
    <t>5702329075121</t>
  </si>
  <si>
    <t>VELUX Plissee manuell FHL CK04 1274SWL</t>
  </si>
  <si>
    <t>FHL CK04 1275S</t>
  </si>
  <si>
    <t>5702329065078</t>
  </si>
  <si>
    <t>VELUX Plissee manuell FHL CK04 1275S</t>
  </si>
  <si>
    <t>FHL CK04 1275SWL</t>
  </si>
  <si>
    <t>5702329075138</t>
  </si>
  <si>
    <t>VELUX Plissee manuell FHL CK04 1275SWL</t>
  </si>
  <si>
    <t>FHL CK04 1276S</t>
  </si>
  <si>
    <t>5702329065085</t>
  </si>
  <si>
    <t>VELUX Plissee manuell FHL CK04 1276S</t>
  </si>
  <si>
    <t>FHL CK04 1276SWL</t>
  </si>
  <si>
    <t>5702329075145</t>
  </si>
  <si>
    <t>VELUX Plissee manuell FHL CK04 1276SWL</t>
  </si>
  <si>
    <t>FHL CK04 1277S</t>
  </si>
  <si>
    <t>5702329065092</t>
  </si>
  <si>
    <t>VELUX Plissee manuell FHL CK04 1277S</t>
  </si>
  <si>
    <t>FHL CK04 1277SWL</t>
  </si>
  <si>
    <t>5702329075152</t>
  </si>
  <si>
    <t>VELUX Plissee manuell FHL CK04 1277SWL</t>
  </si>
  <si>
    <t>FHL CK04 1278S</t>
  </si>
  <si>
    <t>5702329065108</t>
  </si>
  <si>
    <t>VELUX Plissee manuell FHL CK04 1278S</t>
  </si>
  <si>
    <t>FHL CK04 1278SWL</t>
  </si>
  <si>
    <t>5702329075169</t>
  </si>
  <si>
    <t>VELUX Plissee manuell FHL CK04 1278SWL</t>
  </si>
  <si>
    <t>FHL CK04 1279S</t>
  </si>
  <si>
    <t>5702329065115</t>
  </si>
  <si>
    <t>VELUX Plissee manuell FHL CK04 1279S</t>
  </si>
  <si>
    <t>FHL CK04 1279SWL</t>
  </si>
  <si>
    <t>5702329075176</t>
  </si>
  <si>
    <t>VELUX Plissee manuell FHL CK04 1279SWL</t>
  </si>
  <si>
    <t>FHL CK04 1280S</t>
  </si>
  <si>
    <t>5702329065122</t>
  </si>
  <si>
    <t>VELUX Plissee manuell FHL CK04 1280S</t>
  </si>
  <si>
    <t>FHL CK04 1280SWL</t>
  </si>
  <si>
    <t>5702329075183</t>
  </si>
  <si>
    <t>VELUX Plissee manuell FHL CK04 1280SWL</t>
  </si>
  <si>
    <t>FHL CK04 1281S</t>
  </si>
  <si>
    <t>5702329065139</t>
  </si>
  <si>
    <t>VELUX Plissee manuell FHL CK04 1281S</t>
  </si>
  <si>
    <t>FHL CK04 1281SWL</t>
  </si>
  <si>
    <t>5702329075190</t>
  </si>
  <si>
    <t>VELUX Plissee manuell FHL CK04 1281SWL</t>
  </si>
  <si>
    <t>FHL CK04 1282S</t>
  </si>
  <si>
    <t>5702329065146</t>
  </si>
  <si>
    <t>VELUX Plissee manuell FHL CK04 1282S</t>
  </si>
  <si>
    <t>FHL CK04 1282SWL</t>
  </si>
  <si>
    <t>5702329075206</t>
  </si>
  <si>
    <t>VELUX Plissee manuell FHL CK04 1282SWL</t>
  </si>
  <si>
    <t>FHL CK04 1283S</t>
  </si>
  <si>
    <t>5702329065153</t>
  </si>
  <si>
    <t>VELUX Plissee manuell FHL CK04 1283S</t>
  </si>
  <si>
    <t>FHL CK04 1283SWL</t>
  </si>
  <si>
    <t>5702329075213</t>
  </si>
  <si>
    <t>VELUX Plissee manuell FHL CK04 1283SWL</t>
  </si>
  <si>
    <t>FHL CK04 1284S</t>
  </si>
  <si>
    <t>5702329065160</t>
  </si>
  <si>
    <t>VELUX Plissee manuell FHL CK04 1284S</t>
  </si>
  <si>
    <t>FHL CK04 1284SWL</t>
  </si>
  <si>
    <t>5702329075220</t>
  </si>
  <si>
    <t>VELUX Plissee manuell FHL CK04 1284SWL</t>
  </si>
  <si>
    <t>FHL CK04 1285S</t>
  </si>
  <si>
    <t>5702329065177</t>
  </si>
  <si>
    <t>VELUX Plissee manuell FHL CK04 1285S</t>
  </si>
  <si>
    <t>FHL CK04 1285SWL</t>
  </si>
  <si>
    <t>5702329075237</t>
  </si>
  <si>
    <t>VELUX Plissee manuell FHL CK04 1285SWL</t>
  </si>
  <si>
    <t>FHL CK04 1286S</t>
  </si>
  <si>
    <t>5702329065184</t>
  </si>
  <si>
    <t>VELUX Plissee manuell FHL CK04 1286S</t>
  </si>
  <si>
    <t>FHL CK04 1286SWL</t>
  </si>
  <si>
    <t>5702329075244</t>
  </si>
  <si>
    <t>VELUX Plissee manuell FHL CK04 1286SWL</t>
  </si>
  <si>
    <t>FHL CK06 1016S</t>
  </si>
  <si>
    <t>5702326779572</t>
  </si>
  <si>
    <t>VELUX Plissee manuell FHL CK06 1016S</t>
  </si>
  <si>
    <t>FHL CK06 1016SWL</t>
  </si>
  <si>
    <t>5702326779589</t>
  </si>
  <si>
    <t>VELUX Plissee manuell FHL CK06 1016SWL</t>
  </si>
  <si>
    <t>FHL CK06 1256S</t>
  </si>
  <si>
    <t>5702327401960</t>
  </si>
  <si>
    <t>VELUX Plissee manuell FHL CK06 1256S</t>
  </si>
  <si>
    <t>FHL CK06 1256SWL</t>
  </si>
  <si>
    <t>5702329075251</t>
  </si>
  <si>
    <t>VELUX Plissee manuell FHL CK06 1256SWL</t>
  </si>
  <si>
    <t>FHL CK06 1259S</t>
  </si>
  <si>
    <t>5702327401991</t>
  </si>
  <si>
    <t>VELUX Plissee manuell FHL CK06 1259S</t>
  </si>
  <si>
    <t>FHL CK06 1259SWL</t>
  </si>
  <si>
    <t>5702329075268</t>
  </si>
  <si>
    <t>VELUX Plissee manuell FHL CK06 1259SWL</t>
  </si>
  <si>
    <t>FHL CK06 1274S</t>
  </si>
  <si>
    <t>5702329065191</t>
  </si>
  <si>
    <t>VELUX Plissee manuell FHL CK06 1274S</t>
  </si>
  <si>
    <t>FHL CK06 1274SWL</t>
  </si>
  <si>
    <t>5702329075275</t>
  </si>
  <si>
    <t>VELUX Plissee manuell FHL CK06 1274SWL</t>
  </si>
  <si>
    <t>FHL CK06 1275S</t>
  </si>
  <si>
    <t>5702329065207</t>
  </si>
  <si>
    <t>VELUX Plissee manuell FHL CK06 1275S</t>
  </si>
  <si>
    <t>FHL CK06 1275SWL</t>
  </si>
  <si>
    <t>5702329075282</t>
  </si>
  <si>
    <t>VELUX Plissee manuell FHL CK06 1275SWL</t>
  </si>
  <si>
    <t>FHL CK06 1276S</t>
  </si>
  <si>
    <t>5702329065214</t>
  </si>
  <si>
    <t>VELUX Plissee manuell FHL CK06 1276S</t>
  </si>
  <si>
    <t>FHL CK06 1276SWL</t>
  </si>
  <si>
    <t>5702329075299</t>
  </si>
  <si>
    <t>VELUX Plissee manuell FHL CK06 1276SWL</t>
  </si>
  <si>
    <t>FHL CK06 1277S</t>
  </si>
  <si>
    <t>5702329065221</t>
  </si>
  <si>
    <t>VELUX Plissee manuell FHL CK06 1277S</t>
  </si>
  <si>
    <t>FHL CK06 1277SWL</t>
  </si>
  <si>
    <t>5702329075305</t>
  </si>
  <si>
    <t>VELUX Plissee manuell FHL CK06 1277SWL</t>
  </si>
  <si>
    <t>FHL CK06 1278S</t>
  </si>
  <si>
    <t>5702329065238</t>
  </si>
  <si>
    <t>VELUX Plissee manuell FHL CK06 1278S</t>
  </si>
  <si>
    <t>FHL CK06 1278SWL</t>
  </si>
  <si>
    <t>5702329075312</t>
  </si>
  <si>
    <t>VELUX Plissee manuell FHL CK06 1278SWL</t>
  </si>
  <si>
    <t>FHL CK06 1279SWL</t>
  </si>
  <si>
    <t>5702329075329</t>
  </si>
  <si>
    <t>VELUX Plissee manuell FHL CK06 1279SWL</t>
  </si>
  <si>
    <t>FHL CK06 1280SWL</t>
  </si>
  <si>
    <t>5702329075336</t>
  </si>
  <si>
    <t>VELUX Plissee manuell FHL CK06 1280SWL</t>
  </si>
  <si>
    <t>FHL CK06 1281S</t>
  </si>
  <si>
    <t>5702329065269</t>
  </si>
  <si>
    <t>VELUX Plissee manuell FHL CK06 1281S</t>
  </si>
  <si>
    <t>FHL CK06 1281SWL</t>
  </si>
  <si>
    <t>5702329075343</t>
  </si>
  <si>
    <t>VELUX Plissee manuell FHL CK06 1281SWL</t>
  </si>
  <si>
    <t>FHL CK06 1282S</t>
  </si>
  <si>
    <t>5702329065276</t>
  </si>
  <si>
    <t>VELUX Plissee manuell FHL CK06 1282S</t>
  </si>
  <si>
    <t>FHL CK06 1282SWL</t>
  </si>
  <si>
    <t>5702329075350</t>
  </si>
  <si>
    <t>VELUX Plissee manuell FHL CK06 1282SWL</t>
  </si>
  <si>
    <t>FHL CK06 1283S</t>
  </si>
  <si>
    <t>5702329065283</t>
  </si>
  <si>
    <t>VELUX Plissee manuell FHL CK06 1283S</t>
  </si>
  <si>
    <t>FHL CK06 1283SWL</t>
  </si>
  <si>
    <t>5702329075367</t>
  </si>
  <si>
    <t>VELUX Plissee manuell FHL CK06 1283SWL</t>
  </si>
  <si>
    <t>FHL CK06 1284S</t>
  </si>
  <si>
    <t>5702329065290</t>
  </si>
  <si>
    <t>VELUX Plissee manuell FHL CK06 1284S</t>
  </si>
  <si>
    <t>FHL CK06 1284SWL</t>
  </si>
  <si>
    <t>5702329075374</t>
  </si>
  <si>
    <t>VELUX Plissee manuell FHL CK06 1284SWL</t>
  </si>
  <si>
    <t>FHL CK06 1285SWL</t>
  </si>
  <si>
    <t>5702329075381</t>
  </si>
  <si>
    <t>VELUX Plissee manuell FHL CK06 1285SWL</t>
  </si>
  <si>
    <t>FHL CK06 1286S</t>
  </si>
  <si>
    <t>5702329065313</t>
  </si>
  <si>
    <t>VELUX Plissee manuell FHL CK06 1286S</t>
  </si>
  <si>
    <t>FHL CK06 1286SWL</t>
  </si>
  <si>
    <t>5702329075398</t>
  </si>
  <si>
    <t>VELUX Plissee manuell FHL CK06 1286SWL</t>
  </si>
  <si>
    <t>FHL F04 1016S</t>
  </si>
  <si>
    <t>5702325158828</t>
  </si>
  <si>
    <t>VELUX Plissee manuell FHL F04 1016S</t>
  </si>
  <si>
    <t>FHL F04 1016SWL</t>
  </si>
  <si>
    <t>5702325158835</t>
  </si>
  <si>
    <t>VELUX Plissee manuell FHL F04 1016SWL</t>
  </si>
  <si>
    <t>FHL F04 1256S</t>
  </si>
  <si>
    <t>5702327402127</t>
  </si>
  <si>
    <t>VELUX Plissee manuell FHL F04 1256S</t>
  </si>
  <si>
    <t>FHL F04 1256SWL</t>
  </si>
  <si>
    <t>5702329075404</t>
  </si>
  <si>
    <t>VELUX Plissee manuell FHL F04 1256SWL</t>
  </si>
  <si>
    <t>FHL F04 1259S</t>
  </si>
  <si>
    <t>5702327402158</t>
  </si>
  <si>
    <t>VELUX Plissee manuell FHL F04 1259S</t>
  </si>
  <si>
    <t>FHL F04 1259SWL</t>
  </si>
  <si>
    <t>5702329075411</t>
  </si>
  <si>
    <t>VELUX Plissee manuell FHL F04 1259SWL</t>
  </si>
  <si>
    <t>FHL F04 1274S</t>
  </si>
  <si>
    <t>5702329065320</t>
  </si>
  <si>
    <t>VELUX Plissee manuell FHL F04 1274S</t>
  </si>
  <si>
    <t>FHL F04 1274SWL</t>
  </si>
  <si>
    <t>5702329075428</t>
  </si>
  <si>
    <t>VELUX Plissee manuell FHL F04 1274SWL</t>
  </si>
  <si>
    <t>FHL F04 1275S</t>
  </si>
  <si>
    <t>5702329065337</t>
  </si>
  <si>
    <t>VELUX Plissee manuell FHL F04 1275S</t>
  </si>
  <si>
    <t>FHL F04 1275SWL</t>
  </si>
  <si>
    <t>5702329075435</t>
  </si>
  <si>
    <t>VELUX Plissee manuell FHL F04 1275SWL</t>
  </si>
  <si>
    <t>FHL F04 1276SWL</t>
  </si>
  <si>
    <t>5702329075442</t>
  </si>
  <si>
    <t>VELUX Plissee manuell FHL F04 1276SWL</t>
  </si>
  <si>
    <t>FHL F04 1277S</t>
  </si>
  <si>
    <t>5702329065351</t>
  </si>
  <si>
    <t>VELUX Plissee manuell FHL F04 1277S</t>
  </si>
  <si>
    <t>FHL F04 1278S</t>
  </si>
  <si>
    <t>5702329065368</t>
  </si>
  <si>
    <t>VELUX Plissee manuell FHL F04 1278S</t>
  </si>
  <si>
    <t>FHL F04 1278SWL</t>
  </si>
  <si>
    <t>5702329075466</t>
  </si>
  <si>
    <t>VELUX Plissee manuell FHL F04 1278SWL</t>
  </si>
  <si>
    <t>FHL F04 1280S</t>
  </si>
  <si>
    <t>5702329065382</t>
  </si>
  <si>
    <t>VELUX Plissee manuell FHL F04 1280S</t>
  </si>
  <si>
    <t>FHL F04 1280SWL</t>
  </si>
  <si>
    <t>5702329075480</t>
  </si>
  <si>
    <t>VELUX Plissee manuell FHL F04 1280SWL</t>
  </si>
  <si>
    <t>FHL F04 1281S</t>
  </si>
  <si>
    <t>5702329065399</t>
  </si>
  <si>
    <t>VELUX Plissee manuell FHL F04 1281S</t>
  </si>
  <si>
    <t>FHL F04 1281SWL</t>
  </si>
  <si>
    <t>5702329075497</t>
  </si>
  <si>
    <t>VELUX Plissee manuell FHL F04 1281SWL</t>
  </si>
  <si>
    <t>FHL F04 1282S</t>
  </si>
  <si>
    <t>5702329065405</t>
  </si>
  <si>
    <t>VELUX Plissee manuell FHL F04 1282S</t>
  </si>
  <si>
    <t>FHL F04 1282SWL</t>
  </si>
  <si>
    <t>5702329075503</t>
  </si>
  <si>
    <t>VELUX Plissee manuell FHL F04 1282SWL</t>
  </si>
  <si>
    <t>FHL F04 1283S</t>
  </si>
  <si>
    <t>5702329065412</t>
  </si>
  <si>
    <t>VELUX Plissee manuell FHL F04 1283S</t>
  </si>
  <si>
    <t>FHL F04 1283SWL</t>
  </si>
  <si>
    <t>5702329075510</t>
  </si>
  <si>
    <t>VELUX Plissee manuell FHL F04 1283SWL</t>
  </si>
  <si>
    <t>FHL F04 1284S</t>
  </si>
  <si>
    <t>5702329065429</t>
  </si>
  <si>
    <t>VELUX Plissee manuell FHL F04 1284S</t>
  </si>
  <si>
    <t>FHL F04 1284SWL</t>
  </si>
  <si>
    <t>5702329075527</t>
  </si>
  <si>
    <t>VELUX Plissee manuell FHL F04 1284SWL</t>
  </si>
  <si>
    <t>FHL F04 1285SWL</t>
  </si>
  <si>
    <t>5702329075534</t>
  </si>
  <si>
    <t>VELUX Plissee manuell FHL F04 1285SWL</t>
  </si>
  <si>
    <t>FHL F04 1286SWL</t>
  </si>
  <si>
    <t>5702329075541</t>
  </si>
  <si>
    <t>VELUX Plissee manuell FHL F04 1286SWL</t>
  </si>
  <si>
    <t>FHL F06 1016S</t>
  </si>
  <si>
    <t>5702325159481</t>
  </si>
  <si>
    <t>VELUX Plissee manuell FHL F06 1016S</t>
  </si>
  <si>
    <t>FHL F06 1016SWL</t>
  </si>
  <si>
    <t>5702325159498</t>
  </si>
  <si>
    <t>VELUX Plissee manuell FHL F06 1016SWL</t>
  </si>
  <si>
    <t>FHL F06 1256S</t>
  </si>
  <si>
    <t>5702327402288</t>
  </si>
  <si>
    <t>VELUX Plissee manuell FHL F06 1256S</t>
  </si>
  <si>
    <t>FHL F06 1256SWL</t>
  </si>
  <si>
    <t>5702329075558</t>
  </si>
  <si>
    <t>VELUX Plissee manuell FHL F06 1256SWL</t>
  </si>
  <si>
    <t>FHL F06 1259S</t>
  </si>
  <si>
    <t>5702327402318</t>
  </si>
  <si>
    <t>VELUX Plissee manuell FHL F06 1259S</t>
  </si>
  <si>
    <t>FHL F06 1259SWL</t>
  </si>
  <si>
    <t>5702329075565</t>
  </si>
  <si>
    <t>VELUX Plissee manuell FHL F06 1259SWL</t>
  </si>
  <si>
    <t>FHL F06 1274S</t>
  </si>
  <si>
    <t>5702329065450</t>
  </si>
  <si>
    <t>VELUX Plissee manuell FHL F06 1274S</t>
  </si>
  <si>
    <t>FHL F06 1274SWL</t>
  </si>
  <si>
    <t>5702329075572</t>
  </si>
  <si>
    <t>VELUX Plissee manuell FHL F06 1274SWL</t>
  </si>
  <si>
    <t>FHL F06 1275S</t>
  </si>
  <si>
    <t>5702329065467</t>
  </si>
  <si>
    <t>VELUX Plissee manuell FHL F06 1275S</t>
  </si>
  <si>
    <t>FHL F06 1275SWL</t>
  </si>
  <si>
    <t>5702329075589</t>
  </si>
  <si>
    <t>VELUX Plissee manuell FHL F06 1275SWL</t>
  </si>
  <si>
    <t>FHL F06 1276S</t>
  </si>
  <si>
    <t>5702329065474</t>
  </si>
  <si>
    <t>VELUX Plissee manuell FHL F06 1276S</t>
  </si>
  <si>
    <t>FHL F06 1276SWL</t>
  </si>
  <si>
    <t>5702329075596</t>
  </si>
  <si>
    <t>VELUX Plissee manuell FHL F06 1276SWL</t>
  </si>
  <si>
    <t>FHL F06 1277S</t>
  </si>
  <si>
    <t>5702329065481</t>
  </si>
  <si>
    <t>VELUX Plissee manuell FHL F06 1277S</t>
  </si>
  <si>
    <t>FHL F06 1277SWL</t>
  </si>
  <si>
    <t>5702329075602</t>
  </si>
  <si>
    <t>VELUX Plissee manuell FHL F06 1277SWL</t>
  </si>
  <si>
    <t>FHL F06 1278S</t>
  </si>
  <si>
    <t>5702329065498</t>
  </si>
  <si>
    <t>VELUX Plissee manuell FHL F06 1278S</t>
  </si>
  <si>
    <t>FHL F06 1278SWL</t>
  </si>
  <si>
    <t>5702329075619</t>
  </si>
  <si>
    <t>VELUX Plissee manuell FHL F06 1278SWL</t>
  </si>
  <si>
    <t>FHL F06 1279S</t>
  </si>
  <si>
    <t>5702329065504</t>
  </si>
  <si>
    <t>VELUX Plissee manuell FHL F06 1279S</t>
  </si>
  <si>
    <t>FHL F06 1279SWL</t>
  </si>
  <si>
    <t>5702329075626</t>
  </si>
  <si>
    <t>VELUX Plissee manuell FHL F06 1279SWL</t>
  </si>
  <si>
    <t>FHL F06 1280S</t>
  </si>
  <si>
    <t>5702329065511</t>
  </si>
  <si>
    <t>VELUX Plissee manuell FHL F06 1280S</t>
  </si>
  <si>
    <t>FHL F06 1280SWL</t>
  </si>
  <si>
    <t>5702329075633</t>
  </si>
  <si>
    <t>VELUX Plissee manuell FHL F06 1280SWL</t>
  </si>
  <si>
    <t>FHL F06 1281S</t>
  </si>
  <si>
    <t>5702329065528</t>
  </si>
  <si>
    <t>VELUX Plissee manuell FHL F06 1281S</t>
  </si>
  <si>
    <t>FHL F06 1281SWL</t>
  </si>
  <si>
    <t>5702329075640</t>
  </si>
  <si>
    <t>VELUX Plissee manuell FHL F06 1281SWL</t>
  </si>
  <si>
    <t>FHL F06 1282S</t>
  </si>
  <si>
    <t>5702329065535</t>
  </si>
  <si>
    <t>VELUX Plissee manuell FHL F06 1282S</t>
  </si>
  <si>
    <t>FHL F06 1282SWL</t>
  </si>
  <si>
    <t>5702329075657</t>
  </si>
  <si>
    <t>VELUX Plissee manuell FHL F06 1282SWL</t>
  </si>
  <si>
    <t>FHL F06 1283S</t>
  </si>
  <si>
    <t>5702329065542</t>
  </si>
  <si>
    <t>VELUX Plissee manuell FHL F06 1283S</t>
  </si>
  <si>
    <t>FHL F06 1283SWL</t>
  </si>
  <si>
    <t>5702329075664</t>
  </si>
  <si>
    <t>VELUX Plissee manuell FHL F06 1283SWL</t>
  </si>
  <si>
    <t>FHL F06 1284S</t>
  </si>
  <si>
    <t>5702329065559</t>
  </si>
  <si>
    <t>VELUX Plissee manuell FHL F06 1284S</t>
  </si>
  <si>
    <t>FHL F06 1284SWL</t>
  </si>
  <si>
    <t>5702329075671</t>
  </si>
  <si>
    <t>VELUX Plissee manuell FHL F06 1284SWL</t>
  </si>
  <si>
    <t>FHL F06 1285S</t>
  </si>
  <si>
    <t>5702329065566</t>
  </si>
  <si>
    <t>VELUX Plissee manuell FHL F06 1285S</t>
  </si>
  <si>
    <t>FHL F06 1285SWL</t>
  </si>
  <si>
    <t>5702329075688</t>
  </si>
  <si>
    <t>VELUX Plissee manuell FHL F06 1285SWL</t>
  </si>
  <si>
    <t>FHL F06 1286S</t>
  </si>
  <si>
    <t>5702329065573</t>
  </si>
  <si>
    <t>VELUX Plissee manuell FHL F06 1286S</t>
  </si>
  <si>
    <t>FHL F06 1286SWL</t>
  </si>
  <si>
    <t>5702329075695</t>
  </si>
  <si>
    <t>VELUX Plissee manuell FHL F06 1286SWL</t>
  </si>
  <si>
    <t>FHL F08 1016S</t>
  </si>
  <si>
    <t>5702325160142</t>
  </si>
  <si>
    <t>VELUX Plissee manuell FHL F08 1016S</t>
  </si>
  <si>
    <t>FHL F08 1016SWL</t>
  </si>
  <si>
    <t>5702325160159</t>
  </si>
  <si>
    <t>VELUX Plissee manuell FHL F08 1016SWL</t>
  </si>
  <si>
    <t>FHL F08 1256S</t>
  </si>
  <si>
    <t>5702327402448</t>
  </si>
  <si>
    <t>VELUX Plissee manuell FHL F08 1256S</t>
  </si>
  <si>
    <t>FHL F08 1256SWL</t>
  </si>
  <si>
    <t>5702329075701</t>
  </si>
  <si>
    <t>VELUX Plissee manuell FHL F08 1256SWL</t>
  </si>
  <si>
    <t>FHL F08 1259S</t>
  </si>
  <si>
    <t>5702327402479</t>
  </si>
  <si>
    <t>VELUX Plissee manuell FHL F08 1259S</t>
  </si>
  <si>
    <t>FHL F08 1259SWL</t>
  </si>
  <si>
    <t>5702329075718</t>
  </si>
  <si>
    <t>VELUX Plissee manuell FHL F08 1259SWL</t>
  </si>
  <si>
    <t>FHL F08 1274S</t>
  </si>
  <si>
    <t>5702329065580</t>
  </si>
  <si>
    <t>VELUX Plissee manuell FHL F08 1274S</t>
  </si>
  <si>
    <t>FHL F08 1274SWL</t>
  </si>
  <si>
    <t>5702329075725</t>
  </si>
  <si>
    <t>VELUX Plissee manuell FHL F08 1274SWL</t>
  </si>
  <si>
    <t>FHL F08 1275S</t>
  </si>
  <si>
    <t>5702329065597</t>
  </si>
  <si>
    <t>VELUX Plissee manuell FHL F08 1275S</t>
  </si>
  <si>
    <t>FHL F08 1275SWL</t>
  </si>
  <si>
    <t>5702329075732</t>
  </si>
  <si>
    <t>VELUX Plissee manuell FHL F08 1275SWL</t>
  </si>
  <si>
    <t>FHL F08 1276SWL</t>
  </si>
  <si>
    <t>5702329075749</t>
  </si>
  <si>
    <t>VELUX Plissee manuell FHL F08 1276SWL</t>
  </si>
  <si>
    <t>FHL F08 1278S</t>
  </si>
  <si>
    <t>5702329065627</t>
  </si>
  <si>
    <t>VELUX Plissee manuell FHL F08 1278S</t>
  </si>
  <si>
    <t>FHL F08 1278SWL</t>
  </si>
  <si>
    <t>5702329075763</t>
  </si>
  <si>
    <t>VELUX Plissee manuell FHL F08 1278SWL</t>
  </si>
  <si>
    <t>FHL F08 1279S</t>
  </si>
  <si>
    <t>5702329065634</t>
  </si>
  <si>
    <t>VELUX Plissee manuell FHL F08 1279S</t>
  </si>
  <si>
    <t>FHL F08 1279SWL</t>
  </si>
  <si>
    <t>5702329075770</t>
  </si>
  <si>
    <t>VELUX Plissee manuell FHL F08 1279SWL</t>
  </si>
  <si>
    <t>FHL F08 1281S</t>
  </si>
  <si>
    <t>5702329065658</t>
  </si>
  <si>
    <t>VELUX Plissee manuell FHL F08 1281S</t>
  </si>
  <si>
    <t>FHL F08 1281SWL</t>
  </si>
  <si>
    <t>5702329075794</t>
  </si>
  <si>
    <t>VELUX Plissee manuell FHL F08 1281SWL</t>
  </si>
  <si>
    <t>FHL F08 1282S</t>
  </si>
  <si>
    <t>5702329065665</t>
  </si>
  <si>
    <t>VELUX Plissee manuell FHL F08 1282S</t>
  </si>
  <si>
    <t>FHL F08 1282SWL</t>
  </si>
  <si>
    <t>5702329075800</t>
  </si>
  <si>
    <t>VELUX Plissee manuell FHL F08 1282SWL</t>
  </si>
  <si>
    <t>FHL F08 1283S</t>
  </si>
  <si>
    <t>5702329065672</t>
  </si>
  <si>
    <t>VELUX Plissee manuell FHL F08 1283S</t>
  </si>
  <si>
    <t>FHL F08 1283SWL</t>
  </si>
  <si>
    <t>5702329075817</t>
  </si>
  <si>
    <t>VELUX Plissee manuell FHL F08 1283SWL</t>
  </si>
  <si>
    <t>FHL F08 1284S</t>
  </si>
  <si>
    <t>5702329065689</t>
  </si>
  <si>
    <t>VELUX Plissee manuell FHL F08 1284S</t>
  </si>
  <si>
    <t>FHL F08 1284SWL</t>
  </si>
  <si>
    <t>5702329075824</t>
  </si>
  <si>
    <t>VELUX Plissee manuell FHL F08 1284SWL</t>
  </si>
  <si>
    <t>FHL F08 1285SWL</t>
  </si>
  <si>
    <t>5702329075831</t>
  </si>
  <si>
    <t>VELUX Plissee manuell FHL F08 1285SWL</t>
  </si>
  <si>
    <t>FHL FK04 1016S</t>
  </si>
  <si>
    <t>5702326780264</t>
  </si>
  <si>
    <t>VELUX Plissee manuell FHL FK04 1016S</t>
  </si>
  <si>
    <t>FHL FK04 1016SWL</t>
  </si>
  <si>
    <t>5702326780271</t>
  </si>
  <si>
    <t>VELUX Plissee manuell FHL FK04 1016SWL</t>
  </si>
  <si>
    <t>FHL FK04 1256S</t>
  </si>
  <si>
    <t>5702327402608</t>
  </si>
  <si>
    <t>VELUX Plissee manuell FHL FK04 1256S</t>
  </si>
  <si>
    <t>FHL FK04 1256SWL</t>
  </si>
  <si>
    <t>5702329075855</t>
  </si>
  <si>
    <t>VELUX Plissee manuell FHL FK04 1256SWL</t>
  </si>
  <si>
    <t>FHL FK04 1259S</t>
  </si>
  <si>
    <t>5702327402639</t>
  </si>
  <si>
    <t>VELUX Plissee manuell FHL FK04 1259S</t>
  </si>
  <si>
    <t>FHL FK04 1259SWL</t>
  </si>
  <si>
    <t>5702329075862</t>
  </si>
  <si>
    <t>VELUX Plissee manuell FHL FK04 1259SWL</t>
  </si>
  <si>
    <t>FHL FK04 1274S</t>
  </si>
  <si>
    <t>5702329065719</t>
  </si>
  <si>
    <t>VELUX Plissee manuell FHL FK04 1274S</t>
  </si>
  <si>
    <t>FHL FK04 1274SWL</t>
  </si>
  <si>
    <t>5702329075879</t>
  </si>
  <si>
    <t>VELUX Plissee manuell FHL FK04 1274SWL</t>
  </si>
  <si>
    <t>FHL FK04 1275S</t>
  </si>
  <si>
    <t>5702329065726</t>
  </si>
  <si>
    <t>VELUX Plissee manuell FHL FK04 1275S</t>
  </si>
  <si>
    <t>FHL FK04 1275SWL</t>
  </si>
  <si>
    <t>5702329075886</t>
  </si>
  <si>
    <t>VELUX Plissee manuell FHL FK04 1275SWL</t>
  </si>
  <si>
    <t>FHL FK04 1276S</t>
  </si>
  <si>
    <t>5702329065733</t>
  </si>
  <si>
    <t>VELUX Plissee manuell FHL FK04 1276S</t>
  </si>
  <si>
    <t>FHL FK04 1276SWL</t>
  </si>
  <si>
    <t>5702329075893</t>
  </si>
  <si>
    <t>VELUX Plissee manuell FHL FK04 1276SWL</t>
  </si>
  <si>
    <t>FHL FK04 1277S</t>
  </si>
  <si>
    <t>5702329065740</t>
  </si>
  <si>
    <t>VELUX Plissee manuell FHL FK04 1277S</t>
  </si>
  <si>
    <t>FHL FK04 1277SWL</t>
  </si>
  <si>
    <t>5702329075909</t>
  </si>
  <si>
    <t>VELUX Plissee manuell FHL FK04 1277SWL</t>
  </si>
  <si>
    <t>FHL FK04 1278S</t>
  </si>
  <si>
    <t>5702329065757</t>
  </si>
  <si>
    <t>VELUX Plissee manuell FHL FK04 1278S</t>
  </si>
  <si>
    <t>FHL FK04 1278SWL</t>
  </si>
  <si>
    <t>5702329075916</t>
  </si>
  <si>
    <t>VELUX Plissee manuell FHL FK04 1278SWL</t>
  </si>
  <si>
    <t>FHL FK04 1279S</t>
  </si>
  <si>
    <t>5702329065764</t>
  </si>
  <si>
    <t>VELUX Plissee manuell FHL FK04 1279S</t>
  </si>
  <si>
    <t>FHL FK04 1279SWL</t>
  </si>
  <si>
    <t>5702329075923</t>
  </si>
  <si>
    <t>VELUX Plissee manuell FHL FK04 1279SWL</t>
  </si>
  <si>
    <t>FHL FK04 1280S</t>
  </si>
  <si>
    <t>5702329065771</t>
  </si>
  <si>
    <t>VELUX Plissee manuell FHL FK04 1280S</t>
  </si>
  <si>
    <t>FHL FK04 1280SWL</t>
  </si>
  <si>
    <t>5702329075930</t>
  </si>
  <si>
    <t>VELUX Plissee manuell FHL FK04 1280SWL</t>
  </si>
  <si>
    <t>FHL FK04 1281S</t>
  </si>
  <si>
    <t>5702329065788</t>
  </si>
  <si>
    <t>VELUX Plissee manuell FHL FK04 1281S</t>
  </si>
  <si>
    <t>FHL FK04 1281SWL</t>
  </si>
  <si>
    <t>5702329075947</t>
  </si>
  <si>
    <t>VELUX Plissee manuell FHL FK04 1281SWL</t>
  </si>
  <si>
    <t>FHL FK04 1282S</t>
  </si>
  <si>
    <t>5702329065795</t>
  </si>
  <si>
    <t>VELUX Plissee manuell FHL FK04 1282S</t>
  </si>
  <si>
    <t>FHL FK04 1282SWL</t>
  </si>
  <si>
    <t>5702329075954</t>
  </si>
  <si>
    <t>VELUX Plissee manuell FHL FK04 1282SWL</t>
  </si>
  <si>
    <t>FHL FK04 1283S</t>
  </si>
  <si>
    <t>5702329065801</t>
  </si>
  <si>
    <t>VELUX Plissee manuell FHL FK04 1283S</t>
  </si>
  <si>
    <t>FHL FK04 1283SWL</t>
  </si>
  <si>
    <t>5702329075961</t>
  </si>
  <si>
    <t>VELUX Plissee manuell FHL FK04 1283SWL</t>
  </si>
  <si>
    <t>FHL FK04 1284S</t>
  </si>
  <si>
    <t>5702329065818</t>
  </si>
  <si>
    <t>VELUX Plissee manuell FHL FK04 1284S</t>
  </si>
  <si>
    <t>FHL FK04 1284SWL</t>
  </si>
  <si>
    <t>5702329075978</t>
  </si>
  <si>
    <t>VELUX Plissee manuell FHL FK04 1284SWL</t>
  </si>
  <si>
    <t>FHL FK04 1285SWL</t>
  </si>
  <si>
    <t>5702329075985</t>
  </si>
  <si>
    <t>VELUX Plissee manuell FHL FK04 1285SWL</t>
  </si>
  <si>
    <t>FHL FK04 1286S</t>
  </si>
  <si>
    <t>5702329065832</t>
  </si>
  <si>
    <t>VELUX Plissee manuell FHL FK04 1286S</t>
  </si>
  <si>
    <t>FHL FK04 1286SWL</t>
  </si>
  <si>
    <t>5702329075992</t>
  </si>
  <si>
    <t>VELUX Plissee manuell FHL FK04 1286SWL</t>
  </si>
  <si>
    <t>FHL FK06 1016S</t>
  </si>
  <si>
    <t>5702326780974</t>
  </si>
  <si>
    <t>VELUX Plissee manuell FHL FK06 1016S</t>
  </si>
  <si>
    <t>FHL FK06 1016SWL</t>
  </si>
  <si>
    <t>5702326780981</t>
  </si>
  <si>
    <t>VELUX Plissee manuell FHL FK06 1016SWL</t>
  </si>
  <si>
    <t>FHL FK06 1256S</t>
  </si>
  <si>
    <t>5702327402769</t>
  </si>
  <si>
    <t>VELUX Plissee manuell FHL FK06 1256S</t>
  </si>
  <si>
    <t>FHL FK06 1256SWL</t>
  </si>
  <si>
    <t>5702329076005</t>
  </si>
  <si>
    <t>VELUX Plissee manuell FHL FK06 1256SWL</t>
  </si>
  <si>
    <t>FHL FK06 1259S</t>
  </si>
  <si>
    <t>5702327402790</t>
  </si>
  <si>
    <t>VELUX Plissee manuell FHL FK06 1259S</t>
  </si>
  <si>
    <t>FHL FK06 1259SWL</t>
  </si>
  <si>
    <t>5702329076012</t>
  </si>
  <si>
    <t>VELUX Plissee manuell FHL FK06 1259SWL</t>
  </si>
  <si>
    <t>FHL FK06 1274S</t>
  </si>
  <si>
    <t>5702329065849</t>
  </si>
  <si>
    <t>VELUX Plissee manuell FHL FK06 1274S</t>
  </si>
  <si>
    <t>FHL FK06 1274SWL</t>
  </si>
  <si>
    <t>5702329076029</t>
  </si>
  <si>
    <t>VELUX Plissee manuell FHL FK06 1274SWL</t>
  </si>
  <si>
    <t>FHL FK06 1275S</t>
  </si>
  <si>
    <t>5702329065856</t>
  </si>
  <si>
    <t>VELUX Plissee manuell FHL FK06 1275S</t>
  </si>
  <si>
    <t>FHL FK06 1275SWL</t>
  </si>
  <si>
    <t>5702329076036</t>
  </si>
  <si>
    <t>VELUX Plissee manuell FHL FK06 1275SWL</t>
  </si>
  <si>
    <t>FHL FK06 1276S</t>
  </si>
  <si>
    <t>5702329065863</t>
  </si>
  <si>
    <t>VELUX Plissee manuell FHL FK06 1276S</t>
  </si>
  <si>
    <t>FHL FK06 1276SWL</t>
  </si>
  <si>
    <t>5702329076043</t>
  </si>
  <si>
    <t>VELUX Plissee manuell FHL FK06 1276SWL</t>
  </si>
  <si>
    <t>FHL FK06 1277S</t>
  </si>
  <si>
    <t>5702329065870</t>
  </si>
  <si>
    <t>VELUX Plissee manuell FHL FK06 1277S</t>
  </si>
  <si>
    <t>FHL FK06 1277SWL</t>
  </si>
  <si>
    <t>5702329076050</t>
  </si>
  <si>
    <t>VELUX Plissee manuell FHL FK06 1277SWL</t>
  </si>
  <si>
    <t>FHL FK06 1278S</t>
  </si>
  <si>
    <t>5702329065887</t>
  </si>
  <si>
    <t>VELUX Plissee manuell FHL FK06 1278S</t>
  </si>
  <si>
    <t>FHL FK06 1278SWL</t>
  </si>
  <si>
    <t>5702329076067</t>
  </si>
  <si>
    <t>VELUX Plissee manuell FHL FK06 1278SWL</t>
  </si>
  <si>
    <t>FHL FK06 1279S</t>
  </si>
  <si>
    <t>5702329065894</t>
  </si>
  <si>
    <t>VELUX Plissee manuell FHL FK06 1279S</t>
  </si>
  <si>
    <t>FHL FK06 1279SWL</t>
  </si>
  <si>
    <t>5702329076074</t>
  </si>
  <si>
    <t>VELUX Plissee manuell FHL FK06 1279SWL</t>
  </si>
  <si>
    <t>FHL FK06 1280S</t>
  </si>
  <si>
    <t>5702329065900</t>
  </si>
  <si>
    <t>VELUX Plissee manuell FHL FK06 1280S</t>
  </si>
  <si>
    <t>FHL FK06 1280SWL</t>
  </si>
  <si>
    <t>5702329076081</t>
  </si>
  <si>
    <t>VELUX Plissee manuell FHL FK06 1280SWL</t>
  </si>
  <si>
    <t>FHL FK06 1281S</t>
  </si>
  <si>
    <t>5702329065917</t>
  </si>
  <si>
    <t>VELUX Plissee manuell FHL FK06 1281S</t>
  </si>
  <si>
    <t>FHL FK06 1281SWL</t>
  </si>
  <si>
    <t>5702329076098</t>
  </si>
  <si>
    <t>VELUX Plissee manuell FHL FK06 1281SWL</t>
  </si>
  <si>
    <t>FHL FK06 1282S</t>
  </si>
  <si>
    <t>5702329065924</t>
  </si>
  <si>
    <t>VELUX Plissee manuell FHL FK06 1282S</t>
  </si>
  <si>
    <t>FHL FK06 1282SWL</t>
  </si>
  <si>
    <t>5702329076104</t>
  </si>
  <si>
    <t>VELUX Plissee manuell FHL FK06 1282SWL</t>
  </si>
  <si>
    <t>FHL FK06 1283S</t>
  </si>
  <si>
    <t>5702329065931</t>
  </si>
  <si>
    <t>VELUX Plissee manuell FHL FK06 1283S</t>
  </si>
  <si>
    <t>FHL FK06 1283SWL</t>
  </si>
  <si>
    <t>5702329076111</t>
  </si>
  <si>
    <t>VELUX Plissee manuell FHL FK06 1283SWL</t>
  </si>
  <si>
    <t>FHL FK06 1284S</t>
  </si>
  <si>
    <t>5702329065948</t>
  </si>
  <si>
    <t>VELUX Plissee manuell FHL FK06 1284S</t>
  </si>
  <si>
    <t>FHL FK06 1284SWL</t>
  </si>
  <si>
    <t>5702329076128</t>
  </si>
  <si>
    <t>VELUX Plissee manuell FHL FK06 1284SWL</t>
  </si>
  <si>
    <t>FHL FK06 1285S</t>
  </si>
  <si>
    <t>5702329065955</t>
  </si>
  <si>
    <t>VELUX Plissee manuell FHL FK06 1285S</t>
  </si>
  <si>
    <t>FHL FK06 1285SWL</t>
  </si>
  <si>
    <t>5702329076135</t>
  </si>
  <si>
    <t>VELUX Plissee manuell FHL FK06 1285SWL</t>
  </si>
  <si>
    <t>FHL FK06 1286S</t>
  </si>
  <si>
    <t>5702329065962</t>
  </si>
  <si>
    <t>VELUX Plissee manuell FHL FK06 1286S</t>
  </si>
  <si>
    <t>FHL FK06 1286SWL</t>
  </si>
  <si>
    <t>5702329076142</t>
  </si>
  <si>
    <t>VELUX Plissee manuell FHL FK06 1286SWL</t>
  </si>
  <si>
    <t>FHL FK08 1016S</t>
  </si>
  <si>
    <t>5702326781698</t>
  </si>
  <si>
    <t>VELUX Plissee manuell FHL FK08 1016S</t>
  </si>
  <si>
    <t>FHL FK08 1016SWL</t>
  </si>
  <si>
    <t>5702326781704</t>
  </si>
  <si>
    <t>VELUX Plissee manuell FHL FK08 1016SWL</t>
  </si>
  <si>
    <t>FHL FK08 1256S</t>
  </si>
  <si>
    <t>5702327402929</t>
  </si>
  <si>
    <t>VELUX Plissee manuell FHL FK08 1256S</t>
  </si>
  <si>
    <t>FHL FK08 1256SWL</t>
  </si>
  <si>
    <t>5702329076159</t>
  </si>
  <si>
    <t>VELUX Plissee manuell FHL FK08 1256SWL</t>
  </si>
  <si>
    <t>FHL FK08 1259S</t>
  </si>
  <si>
    <t>5702327402950</t>
  </si>
  <si>
    <t>VELUX Plissee manuell FHL FK08 1259S</t>
  </si>
  <si>
    <t>FHL FK08 1259SWL</t>
  </si>
  <si>
    <t>5702329076166</t>
  </si>
  <si>
    <t>VELUX Plissee manuell FHL FK08 1259SWL</t>
  </si>
  <si>
    <t>FHL FK08 1274S</t>
  </si>
  <si>
    <t>5702329065979</t>
  </si>
  <si>
    <t>VELUX Plissee manuell FHL FK08 1274S</t>
  </si>
  <si>
    <t>FHL FK08 1274SWL</t>
  </si>
  <si>
    <t>5702329076173</t>
  </si>
  <si>
    <t>VELUX Plissee manuell FHL FK08 1274SWL</t>
  </si>
  <si>
    <t>FHL FK08 1275S</t>
  </si>
  <si>
    <t>5702329065986</t>
  </si>
  <si>
    <t>VELUX Plissee manuell FHL FK08 1275S</t>
  </si>
  <si>
    <t>FHL FK08 1275SWL</t>
  </si>
  <si>
    <t>5702329076180</t>
  </si>
  <si>
    <t>VELUX Plissee manuell FHL FK08 1275SWL</t>
  </si>
  <si>
    <t>FHL FK08 1276S</t>
  </si>
  <si>
    <t>5702329065993</t>
  </si>
  <si>
    <t>VELUX Plissee manuell FHL FK08 1276S</t>
  </si>
  <si>
    <t>FHL FK08 1276SWL</t>
  </si>
  <si>
    <t>5702329076197</t>
  </si>
  <si>
    <t>VELUX Plissee manuell FHL FK08 1276SWL</t>
  </si>
  <si>
    <t>FHL FK08 1277S</t>
  </si>
  <si>
    <t>5702329066006</t>
  </si>
  <si>
    <t>VELUX Plissee manuell FHL FK08 1277S</t>
  </si>
  <si>
    <t>FHL FK08 1277SWL</t>
  </si>
  <si>
    <t>5702329076203</t>
  </si>
  <si>
    <t>VELUX Plissee manuell FHL FK08 1277SWL</t>
  </si>
  <si>
    <t>FHL FK08 1278S</t>
  </si>
  <si>
    <t>5702329066013</t>
  </si>
  <si>
    <t>VELUX Plissee manuell FHL FK08 1278S</t>
  </si>
  <si>
    <t>FHL FK08 1278SWL</t>
  </si>
  <si>
    <t>5702329076210</t>
  </si>
  <si>
    <t>VELUX Plissee manuell FHL FK08 1278SWL</t>
  </si>
  <si>
    <t>FHL FK08 1279S</t>
  </si>
  <si>
    <t>5702329066020</t>
  </si>
  <si>
    <t>VELUX Plissee manuell FHL FK08 1279S</t>
  </si>
  <si>
    <t>FHL FK08 1279SWL</t>
  </si>
  <si>
    <t>5702329076227</t>
  </si>
  <si>
    <t>VELUX Plissee manuell FHL FK08 1279SWL</t>
  </si>
  <si>
    <t>FHL FK08 1280S</t>
  </si>
  <si>
    <t>5702329066037</t>
  </si>
  <si>
    <t>VELUX Plissee manuell FHL FK08 1280S</t>
  </si>
  <si>
    <t>FHL FK08 1280SWL</t>
  </si>
  <si>
    <t>5702329076234</t>
  </si>
  <si>
    <t>VELUX Plissee manuell FHL FK08 1280SWL</t>
  </si>
  <si>
    <t>FHL FK08 1281S</t>
  </si>
  <si>
    <t>5702329066044</t>
  </si>
  <si>
    <t>VELUX Plissee manuell FHL FK08 1281S</t>
  </si>
  <si>
    <t>FHL FK08 1281SWL</t>
  </si>
  <si>
    <t>5702329076241</t>
  </si>
  <si>
    <t>VELUX Plissee manuell FHL FK08 1281SWL</t>
  </si>
  <si>
    <t>FHL FK08 1282S</t>
  </si>
  <si>
    <t>5702329066051</t>
  </si>
  <si>
    <t>VELUX Plissee manuell FHL FK08 1282S</t>
  </si>
  <si>
    <t>FHL FK08 1282SWL</t>
  </si>
  <si>
    <t>5702329076258</t>
  </si>
  <si>
    <t>VELUX Plissee manuell FHL FK08 1282SWL</t>
  </si>
  <si>
    <t>FHL FK08 1283S</t>
  </si>
  <si>
    <t>5702329066068</t>
  </si>
  <si>
    <t>VELUX Plissee manuell FHL FK08 1283S</t>
  </si>
  <si>
    <t>FHL FK08 1283SWL</t>
  </si>
  <si>
    <t>5702329076265</t>
  </si>
  <si>
    <t>VELUX Plissee manuell FHL FK08 1283SWL</t>
  </si>
  <si>
    <t>FHL FK08 1284S</t>
  </si>
  <si>
    <t>5702329066075</t>
  </si>
  <si>
    <t>VELUX Plissee manuell FHL FK08 1284S</t>
  </si>
  <si>
    <t>FHL FK08 1284SWL</t>
  </si>
  <si>
    <t>5702329076272</t>
  </si>
  <si>
    <t>VELUX Plissee manuell FHL FK08 1284SWL</t>
  </si>
  <si>
    <t>FHL FK08 1285S</t>
  </si>
  <si>
    <t>5702329066082</t>
  </si>
  <si>
    <t>VELUX Plissee manuell FHL FK08 1285S</t>
  </si>
  <si>
    <t>FHL FK08 1285SWL</t>
  </si>
  <si>
    <t>5702329076289</t>
  </si>
  <si>
    <t>VELUX Plissee manuell FHL FK08 1285SWL</t>
  </si>
  <si>
    <t>FHL FK08 1286S</t>
  </si>
  <si>
    <t>5702329066099</t>
  </si>
  <si>
    <t>VELUX Plissee manuell FHL FK08 1286S</t>
  </si>
  <si>
    <t>FHL FK08 1286SWL</t>
  </si>
  <si>
    <t>5702329076296</t>
  </si>
  <si>
    <t>VELUX Plissee manuell FHL FK08 1286SWL</t>
  </si>
  <si>
    <t>FHL M04 1016S</t>
  </si>
  <si>
    <t>5702325160807</t>
  </si>
  <si>
    <t>VELUX Plissee manuell FHL M04 1016S</t>
  </si>
  <si>
    <t>FHL M04 1016SWL</t>
  </si>
  <si>
    <t>5702325160814</t>
  </si>
  <si>
    <t>VELUX Plissee manuell FHL M04 1016SWL</t>
  </si>
  <si>
    <t>FHL M04 1256S</t>
  </si>
  <si>
    <t>5702327403087</t>
  </si>
  <si>
    <t>VELUX Plissee manuell FHL M04 1256S</t>
  </si>
  <si>
    <t>FHL M04 1256SWL</t>
  </si>
  <si>
    <t>5702329076302</t>
  </si>
  <si>
    <t>VELUX Plissee manuell FHL M04 1256SWL</t>
  </si>
  <si>
    <t>FHL M04 1259S</t>
  </si>
  <si>
    <t>5702327403117</t>
  </si>
  <si>
    <t>VELUX Plissee manuell FHL M04 1259S</t>
  </si>
  <si>
    <t>FHL M04 1259SWL</t>
  </si>
  <si>
    <t>5702329076319</t>
  </si>
  <si>
    <t>VELUX Plissee manuell FHL M04 1259SWL</t>
  </si>
  <si>
    <t>FHL M04 1274S</t>
  </si>
  <si>
    <t>5702329066105</t>
  </si>
  <si>
    <t>VELUX Plissee manuell FHL M04 1274S</t>
  </si>
  <si>
    <t>FHL M04 1274SWL</t>
  </si>
  <si>
    <t>5702329076326</t>
  </si>
  <si>
    <t>VELUX Plissee manuell FHL M04 1274SWL</t>
  </si>
  <si>
    <t>FHL M04 1275S</t>
  </si>
  <si>
    <t>5702329066112</t>
  </si>
  <si>
    <t>VELUX Plissee manuell FHL M04 1275S</t>
  </si>
  <si>
    <t>FHL M04 1275SWL</t>
  </si>
  <si>
    <t>5702329076333</t>
  </si>
  <si>
    <t>VELUX Plissee manuell FHL M04 1275SWL</t>
  </si>
  <si>
    <t>FHL M04 1276S</t>
  </si>
  <si>
    <t>5702329066129</t>
  </si>
  <si>
    <t>VELUX Plissee manuell FHL M04 1276S</t>
  </si>
  <si>
    <t>FHL M04 1276SWL</t>
  </si>
  <si>
    <t>5702329076340</t>
  </si>
  <si>
    <t>VELUX Plissee manuell FHL M04 1276SWL</t>
  </si>
  <si>
    <t>FHL M04 1277S</t>
  </si>
  <si>
    <t>5702329066136</t>
  </si>
  <si>
    <t>VELUX Plissee manuell FHL M04 1277S</t>
  </si>
  <si>
    <t>FHL M04 1277SWL</t>
  </si>
  <si>
    <t>5702329076357</t>
  </si>
  <si>
    <t>VELUX Plissee manuell FHL M04 1277SWL</t>
  </si>
  <si>
    <t>FHL M04 1278S</t>
  </si>
  <si>
    <t>5702329066143</t>
  </si>
  <si>
    <t>VELUX Plissee manuell FHL M04 1278S</t>
  </si>
  <si>
    <t>FHL M04 1278SWL</t>
  </si>
  <si>
    <t>5702329076364</t>
  </si>
  <si>
    <t>VELUX Plissee manuell FHL M04 1278SWL</t>
  </si>
  <si>
    <t>FHL M04 1279S</t>
  </si>
  <si>
    <t>5702329066150</t>
  </si>
  <si>
    <t>VELUX Plissee manuell FHL M04 1279S</t>
  </si>
  <si>
    <t>FHL M04 1279SWL</t>
  </si>
  <si>
    <t>5702329076371</t>
  </si>
  <si>
    <t>VELUX Plissee manuell FHL M04 1279SWL</t>
  </si>
  <si>
    <t>FHL M04 1280S</t>
  </si>
  <si>
    <t>5702329066167</t>
  </si>
  <si>
    <t>VELUX Plissee manuell FHL M04 1280S</t>
  </si>
  <si>
    <t>FHL M04 1280SWL</t>
  </si>
  <si>
    <t>5702329076388</t>
  </si>
  <si>
    <t>VELUX Plissee manuell FHL M04 1280SWL</t>
  </si>
  <si>
    <t>FHL M04 1281S</t>
  </si>
  <si>
    <t>5702329066174</t>
  </si>
  <si>
    <t>VELUX Plissee manuell FHL M04 1281S</t>
  </si>
  <si>
    <t>FHL M04 1281SWL</t>
  </si>
  <si>
    <t>5702329076395</t>
  </si>
  <si>
    <t>VELUX Plissee manuell FHL M04 1281SWL</t>
  </si>
  <si>
    <t>FHL M04 1282S</t>
  </si>
  <si>
    <t>5702329066181</t>
  </si>
  <si>
    <t>VELUX Plissee manuell FHL M04 1282S</t>
  </si>
  <si>
    <t>FHL M04 1282SWL</t>
  </si>
  <si>
    <t>5702329076401</t>
  </si>
  <si>
    <t>VELUX Plissee manuell FHL M04 1282SWL</t>
  </si>
  <si>
    <t>FHL M04 1283S</t>
  </si>
  <si>
    <t>5702329066198</t>
  </si>
  <si>
    <t>VELUX Plissee manuell FHL M04 1283S</t>
  </si>
  <si>
    <t>FHL M04 1283SWL</t>
  </si>
  <si>
    <t>5702329076418</t>
  </si>
  <si>
    <t>VELUX Plissee manuell FHL M04 1283SWL</t>
  </si>
  <si>
    <t>FHL M04 1284S</t>
  </si>
  <si>
    <t>5702329066204</t>
  </si>
  <si>
    <t>VELUX Plissee manuell FHL M04 1284S</t>
  </si>
  <si>
    <t>FHL M04 1284SWL</t>
  </si>
  <si>
    <t>5702329076425</t>
  </si>
  <si>
    <t>VELUX Plissee manuell FHL M04 1284SWL</t>
  </si>
  <si>
    <t>FHL M04 1285S</t>
  </si>
  <si>
    <t>5702329066211</t>
  </si>
  <si>
    <t>VELUX Plissee manuell FHL M04 1285S</t>
  </si>
  <si>
    <t>FHL M04 1285SWL</t>
  </si>
  <si>
    <t>5702329076432</t>
  </si>
  <si>
    <t>VELUX Plissee manuell FHL M04 1285SWL</t>
  </si>
  <si>
    <t>FHL M04 1286S</t>
  </si>
  <si>
    <t>5702329066228</t>
  </si>
  <si>
    <t>VELUX Plissee manuell FHL M04 1286S</t>
  </si>
  <si>
    <t>FHL M04 1286SWL</t>
  </si>
  <si>
    <t>5702329076449</t>
  </si>
  <si>
    <t>VELUX Plissee manuell FHL M04 1286SWL</t>
  </si>
  <si>
    <t>FHL M06 1016S</t>
  </si>
  <si>
    <t>5702325161460</t>
  </si>
  <si>
    <t>VELUX Plissee manuell FHL M06 1016S</t>
  </si>
  <si>
    <t>FHL M06 1016SWL</t>
  </si>
  <si>
    <t>5702325161477</t>
  </si>
  <si>
    <t>VELUX Plissee manuell FHL M06 1016SWL</t>
  </si>
  <si>
    <t>FHL M06 1256S</t>
  </si>
  <si>
    <t>5702327403247</t>
  </si>
  <si>
    <t>VELUX Plissee manuell FHL M06 1256S</t>
  </si>
  <si>
    <t>FHL M06 1256SWL</t>
  </si>
  <si>
    <t>5702329076456</t>
  </si>
  <si>
    <t>VELUX Plissee manuell FHL M06 1256SWL</t>
  </si>
  <si>
    <t>FHL M06 1259S</t>
  </si>
  <si>
    <t>5702327403278</t>
  </si>
  <si>
    <t>VELUX Plissee manuell FHL M06 1259S</t>
  </si>
  <si>
    <t>FHL M06 1259SWL</t>
  </si>
  <si>
    <t>5702329076463</t>
  </si>
  <si>
    <t>VELUX Plissee manuell FHL M06 1259SWL</t>
  </si>
  <si>
    <t>FHL M06 1274S</t>
  </si>
  <si>
    <t>5702329066235</t>
  </si>
  <si>
    <t>VELUX Plissee manuell FHL M06 1274S</t>
  </si>
  <si>
    <t>FHL M06 1274SWL</t>
  </si>
  <si>
    <t>5702329076470</t>
  </si>
  <si>
    <t>VELUX Plissee manuell FHL M06 1274SWL</t>
  </si>
  <si>
    <t>FHL M06 1275S</t>
  </si>
  <si>
    <t>5702329066242</t>
  </si>
  <si>
    <t>VELUX Plissee manuell FHL M06 1275S</t>
  </si>
  <si>
    <t>FHL M06 1275SWL</t>
  </si>
  <si>
    <t>5702329076487</t>
  </si>
  <si>
    <t>VELUX Plissee manuell FHL M06 1275SWL</t>
  </si>
  <si>
    <t>FHL M06 1276S</t>
  </si>
  <si>
    <t>5702329066259</t>
  </si>
  <si>
    <t>VELUX Plissee manuell FHL M06 1276S</t>
  </si>
  <si>
    <t>FHL M06 1276SWL</t>
  </si>
  <si>
    <t>5702329076494</t>
  </si>
  <si>
    <t>VELUX Plissee manuell FHL M06 1276SWL</t>
  </si>
  <si>
    <t>FHL M06 1277S</t>
  </si>
  <si>
    <t>5702329066266</t>
  </si>
  <si>
    <t>VELUX Plissee manuell FHL M06 1277S</t>
  </si>
  <si>
    <t>FHL M06 1277SWL</t>
  </si>
  <si>
    <t>5702329076500</t>
  </si>
  <si>
    <t>VELUX Plissee manuell FHL M06 1277SWL</t>
  </si>
  <si>
    <t>FHL M06 1278S</t>
  </si>
  <si>
    <t>5702329066273</t>
  </si>
  <si>
    <t>VELUX Plissee manuell FHL M06 1278S</t>
  </si>
  <si>
    <t>FHL M06 1278SWL</t>
  </si>
  <si>
    <t>5702329076517</t>
  </si>
  <si>
    <t>VELUX Plissee manuell FHL M06 1278SWL</t>
  </si>
  <si>
    <t>FHL M06 1279S</t>
  </si>
  <si>
    <t>5702329066280</t>
  </si>
  <si>
    <t>VELUX Plissee manuell FHL M06 1279S</t>
  </si>
  <si>
    <t>FHL M06 1279SWL</t>
  </si>
  <si>
    <t>5702329076524</t>
  </si>
  <si>
    <t>VELUX Plissee manuell FHL M06 1279SWL</t>
  </si>
  <si>
    <t>FHL M06 1280S</t>
  </si>
  <si>
    <t>5702329066297</t>
  </si>
  <si>
    <t>VELUX Plissee manuell FHL M06 1280S</t>
  </si>
  <si>
    <t>FHL M06 1280SWL</t>
  </si>
  <si>
    <t>5702329076531</t>
  </si>
  <si>
    <t>VELUX Plissee manuell FHL M06 1280SWL</t>
  </si>
  <si>
    <t>FHL M06 1281S</t>
  </si>
  <si>
    <t>5702329066303</t>
  </si>
  <si>
    <t>VELUX Plissee manuell FHL M06 1281S</t>
  </si>
  <si>
    <t>FHL M06 1281SWL</t>
  </si>
  <si>
    <t>5702329076548</t>
  </si>
  <si>
    <t>VELUX Plissee manuell FHL M06 1281SWL</t>
  </si>
  <si>
    <t>FHL M06 1282S</t>
  </si>
  <si>
    <t>5702329066310</t>
  </si>
  <si>
    <t>VELUX Plissee manuell FHL M06 1282S</t>
  </si>
  <si>
    <t>FHL M06 1282SWL</t>
  </si>
  <si>
    <t>5702329076555</t>
  </si>
  <si>
    <t>VELUX Plissee manuell FHL M06 1282SWL</t>
  </si>
  <si>
    <t>FHL M06 1283S</t>
  </si>
  <si>
    <t>5702329066327</t>
  </si>
  <si>
    <t>VELUX Plissee manuell FHL M06 1283S</t>
  </si>
  <si>
    <t>FHL M06 1283SWL</t>
  </si>
  <si>
    <t>5702329076562</t>
  </si>
  <si>
    <t>VELUX Plissee manuell FHL M06 1283SWL</t>
  </si>
  <si>
    <t>FHL M06 1284S</t>
  </si>
  <si>
    <t>5702329066334</t>
  </si>
  <si>
    <t>VELUX Plissee manuell FHL M06 1284S</t>
  </si>
  <si>
    <t>FHL M06 1284SWL</t>
  </si>
  <si>
    <t>5702329076579</t>
  </si>
  <si>
    <t>VELUX Plissee manuell FHL M06 1284SWL</t>
  </si>
  <si>
    <t>FHL M06 1285S</t>
  </si>
  <si>
    <t>5702329066341</t>
  </si>
  <si>
    <t>VELUX Plissee manuell FHL M06 1285S</t>
  </si>
  <si>
    <t>FHL M06 1285SWL</t>
  </si>
  <si>
    <t>5702329076586</t>
  </si>
  <si>
    <t>VELUX Plissee manuell FHL M06 1285SWL</t>
  </si>
  <si>
    <t>FHL M06 1286S</t>
  </si>
  <si>
    <t>5702329066358</t>
  </si>
  <si>
    <t>VELUX Plissee manuell FHL M06 1286S</t>
  </si>
  <si>
    <t>FHL M06 1286SWL</t>
  </si>
  <si>
    <t>5702329076593</t>
  </si>
  <si>
    <t>VELUX Plissee manuell FHL M06 1286SWL</t>
  </si>
  <si>
    <t>FHL M08 1016S</t>
  </si>
  <si>
    <t>5702325162122</t>
  </si>
  <si>
    <t>VELUX Plissee manuell FHL M08 1016S</t>
  </si>
  <si>
    <t>FHL M08 1016SWL</t>
  </si>
  <si>
    <t>5702325162139</t>
  </si>
  <si>
    <t>VELUX Plissee manuell FHL M08 1016SWL</t>
  </si>
  <si>
    <t>FHL M08 1256S</t>
  </si>
  <si>
    <t>5702327403407</t>
  </si>
  <si>
    <t>VELUX Plissee manuell FHL M08 1256S</t>
  </si>
  <si>
    <t>FHL M08 1256SWL</t>
  </si>
  <si>
    <t>5702329076609</t>
  </si>
  <si>
    <t>VELUX Plissee manuell FHL M08 1256SWL</t>
  </si>
  <si>
    <t>FHL M08 1259S</t>
  </si>
  <si>
    <t>5702327403438</t>
  </si>
  <si>
    <t>VELUX Plissee manuell FHL M08 1259S</t>
  </si>
  <si>
    <t>FHL M08 1259SWL</t>
  </si>
  <si>
    <t>5702329076616</t>
  </si>
  <si>
    <t>VELUX Plissee manuell FHL M08 1259SWL</t>
  </si>
  <si>
    <t>FHL M08 1274S</t>
  </si>
  <si>
    <t>5702329066365</t>
  </si>
  <si>
    <t>VELUX Plissee manuell FHL M08 1274S</t>
  </si>
  <si>
    <t>FHL M08 1274SWL</t>
  </si>
  <si>
    <t>5702329076623</t>
  </si>
  <si>
    <t>VELUX Plissee manuell FHL M08 1274SWL</t>
  </si>
  <si>
    <t>FHL M08 1275S</t>
  </si>
  <si>
    <t>5702329066372</t>
  </si>
  <si>
    <t>VELUX Plissee manuell FHL M08 1275S</t>
  </si>
  <si>
    <t>FHL M08 1275SWL</t>
  </si>
  <si>
    <t>5702329076630</t>
  </si>
  <si>
    <t>VELUX Plissee manuell FHL M08 1275SWL</t>
  </si>
  <si>
    <t>FHL M08 1276S</t>
  </si>
  <si>
    <t>5702329066389</t>
  </si>
  <si>
    <t>VELUX Plissee manuell FHL M08 1276S</t>
  </si>
  <si>
    <t>FHL M08 1276SWL</t>
  </si>
  <si>
    <t>5702329076647</t>
  </si>
  <si>
    <t>VELUX Plissee manuell FHL M08 1276SWL</t>
  </si>
  <si>
    <t>FHL M08 1277S</t>
  </si>
  <si>
    <t>5702329066396</t>
  </si>
  <si>
    <t>VELUX Plissee manuell FHL M08 1277S</t>
  </si>
  <si>
    <t>FHL M08 1277SWL</t>
  </si>
  <si>
    <t>5702329076654</t>
  </si>
  <si>
    <t>VELUX Plissee manuell FHL M08 1277SWL</t>
  </si>
  <si>
    <t>FHL M08 1278S</t>
  </si>
  <si>
    <t>5702329066402</t>
  </si>
  <si>
    <t>VELUX Plissee manuell FHL M08 1278S</t>
  </si>
  <si>
    <t>FHL M08 1278SWL</t>
  </si>
  <si>
    <t>5702329076661</t>
  </si>
  <si>
    <t>VELUX Plissee manuell FHL M08 1278SWL</t>
  </si>
  <si>
    <t>FHL M08 1279S</t>
  </si>
  <si>
    <t>5702329066419</t>
  </si>
  <si>
    <t>VELUX Plissee manuell FHL M08 1279S</t>
  </si>
  <si>
    <t>FHL M08 1279SWL</t>
  </si>
  <si>
    <t>5702329076678</t>
  </si>
  <si>
    <t>VELUX Plissee manuell FHL M08 1279SWL</t>
  </si>
  <si>
    <t>FHL M08 1280S</t>
  </si>
  <si>
    <t>5702329066426</t>
  </si>
  <si>
    <t>VELUX Plissee manuell FHL M08 1280S</t>
  </si>
  <si>
    <t>FHL M08 1280SWL</t>
  </si>
  <si>
    <t>5702329076685</t>
  </si>
  <si>
    <t>VELUX Plissee manuell FHL M08 1280SWL</t>
  </si>
  <si>
    <t>FHL M08 1281S</t>
  </si>
  <si>
    <t>5702329066433</t>
  </si>
  <si>
    <t>VELUX Plissee manuell FHL M08 1281S</t>
  </si>
  <si>
    <t>FHL M08 1281SWL</t>
  </si>
  <si>
    <t>5702329076692</t>
  </si>
  <si>
    <t>VELUX Plissee manuell FHL M08 1281SWL</t>
  </si>
  <si>
    <t>FHL M08 1282S</t>
  </si>
  <si>
    <t>5702329066440</t>
  </si>
  <si>
    <t>VELUX Plissee manuell FHL M08 1282S</t>
  </si>
  <si>
    <t>FHL M08 1282SWL</t>
  </si>
  <si>
    <t>5702329076708</t>
  </si>
  <si>
    <t>VELUX Plissee manuell FHL M08 1282SWL</t>
  </si>
  <si>
    <t>FHL M08 1283S</t>
  </si>
  <si>
    <t>5702329066457</t>
  </si>
  <si>
    <t>VELUX Plissee manuell FHL M08 1283S</t>
  </si>
  <si>
    <t>FHL M08 1283SWL</t>
  </si>
  <si>
    <t>5702329076715</t>
  </si>
  <si>
    <t>VELUX Plissee manuell FHL M08 1283SWL</t>
  </si>
  <si>
    <t>FHL M08 1284S</t>
  </si>
  <si>
    <t>5702329066464</t>
  </si>
  <si>
    <t>VELUX Plissee manuell FHL M08 1284S</t>
  </si>
  <si>
    <t>FHL M08 1284SWL</t>
  </si>
  <si>
    <t>5702329076722</t>
  </si>
  <si>
    <t>VELUX Plissee manuell FHL M08 1284SWL</t>
  </si>
  <si>
    <t>FHL M08 1285S</t>
  </si>
  <si>
    <t>5702329066471</t>
  </si>
  <si>
    <t>VELUX Plissee manuell FHL M08 1285S</t>
  </si>
  <si>
    <t>FHL M08 1285SWL</t>
  </si>
  <si>
    <t>5702329076739</t>
  </si>
  <si>
    <t>VELUX Plissee manuell FHL M08 1285SWL</t>
  </si>
  <si>
    <t>FHL M08 1286S</t>
  </si>
  <si>
    <t>5702329066488</t>
  </si>
  <si>
    <t>VELUX Plissee manuell FHL M08 1286S</t>
  </si>
  <si>
    <t>FHL M08 1286SWL</t>
  </si>
  <si>
    <t>5702329076746</t>
  </si>
  <si>
    <t>VELUX Plissee manuell FHL M08 1286SWL</t>
  </si>
  <si>
    <t>FHL M10 1016S</t>
  </si>
  <si>
    <t>5702325162788</t>
  </si>
  <si>
    <t>VELUX Plissee manuell FHL M10 1016S</t>
  </si>
  <si>
    <t>FHL M10 1016SWL</t>
  </si>
  <si>
    <t>5702325162795</t>
  </si>
  <si>
    <t>VELUX Plissee manuell FHL M10 1016SWL</t>
  </si>
  <si>
    <t>FHL M10 1256S</t>
  </si>
  <si>
    <t>5702327403568</t>
  </si>
  <si>
    <t>VELUX Plissee manuell FHL M10 1256S</t>
  </si>
  <si>
    <t>FHL M10 1256SWL</t>
  </si>
  <si>
    <t>5702329076753</t>
  </si>
  <si>
    <t>VELUX Plissee manuell FHL M10 1256SWL</t>
  </si>
  <si>
    <t>FHL M10 1259S</t>
  </si>
  <si>
    <t>5702327403599</t>
  </si>
  <si>
    <t>VELUX Plissee manuell FHL M10 1259S</t>
  </si>
  <si>
    <t>FHL M10 1259SWL</t>
  </si>
  <si>
    <t>5702329076760</t>
  </si>
  <si>
    <t>VELUX Plissee manuell FHL M10 1259SWL</t>
  </si>
  <si>
    <t>FHL M10 1274S</t>
  </si>
  <si>
    <t>5702329066495</t>
  </si>
  <si>
    <t>VELUX Plissee manuell FHL M10 1274S</t>
  </si>
  <si>
    <t>FHL M10 1274SWL</t>
  </si>
  <si>
    <t>5702329076777</t>
  </si>
  <si>
    <t>VELUX Plissee manuell FHL M10 1274SWL</t>
  </si>
  <si>
    <t>FHL M10 1275S</t>
  </si>
  <si>
    <t>5702329066501</t>
  </si>
  <si>
    <t>VELUX Plissee manuell FHL M10 1275S</t>
  </si>
  <si>
    <t>FHL M10 1275SWL</t>
  </si>
  <si>
    <t>5702329076784</t>
  </si>
  <si>
    <t>VELUX Plissee manuell FHL M10 1275SWL</t>
  </si>
  <si>
    <t>FHL M10 1276S</t>
  </si>
  <si>
    <t>5702329066518</t>
  </si>
  <si>
    <t>VELUX Plissee manuell FHL M10 1276S</t>
  </si>
  <si>
    <t>FHL M10 1277S</t>
  </si>
  <si>
    <t>5702329066525</t>
  </si>
  <si>
    <t>VELUX Plissee manuell FHL M10 1277S</t>
  </si>
  <si>
    <t>FHL M10 1277SWL</t>
  </si>
  <si>
    <t>5702329076807</t>
  </si>
  <si>
    <t>VELUX Plissee manuell FHL M10 1277SWL</t>
  </si>
  <si>
    <t>FHL M10 1278S</t>
  </si>
  <si>
    <t>5702329066532</t>
  </si>
  <si>
    <t>VELUX Plissee manuell FHL M10 1278S</t>
  </si>
  <si>
    <t>FHL M10 1278SWL</t>
  </si>
  <si>
    <t>5702329076814</t>
  </si>
  <si>
    <t>VELUX Plissee manuell FHL M10 1278SWL</t>
  </si>
  <si>
    <t>FHL M10 1279S</t>
  </si>
  <si>
    <t>5702329066549</t>
  </si>
  <si>
    <t>VELUX Plissee manuell FHL M10 1279S</t>
  </si>
  <si>
    <t>FHL M10 1280S</t>
  </si>
  <si>
    <t>5702329066556</t>
  </si>
  <si>
    <t>VELUX Plissee manuell FHL M10 1280S</t>
  </si>
  <si>
    <t>FHL M10 1280SWL</t>
  </si>
  <si>
    <t>5702329076838</t>
  </si>
  <si>
    <t>VELUX Plissee manuell FHL M10 1280SWL</t>
  </si>
  <si>
    <t>FHL M10 1281S</t>
  </si>
  <si>
    <t>5702329066563</t>
  </si>
  <si>
    <t>VELUX Plissee manuell FHL M10 1281S</t>
  </si>
  <si>
    <t>FHL M10 1281SWL</t>
  </si>
  <si>
    <t>5702329076845</t>
  </si>
  <si>
    <t>VELUX Plissee manuell FHL M10 1281SWL</t>
  </si>
  <si>
    <t>FHL M10 1282S</t>
  </si>
  <si>
    <t>5702329066570</t>
  </si>
  <si>
    <t>VELUX Plissee manuell FHL M10 1282S</t>
  </si>
  <si>
    <t>FHL M10 1282SWL</t>
  </si>
  <si>
    <t>5702329076852</t>
  </si>
  <si>
    <t>VELUX Plissee manuell FHL M10 1282SWL</t>
  </si>
  <si>
    <t>FHL M10 1283S</t>
  </si>
  <si>
    <t>5702329066587</t>
  </si>
  <si>
    <t>VELUX Plissee manuell FHL M10 1283S</t>
  </si>
  <si>
    <t>FHL M10 1283SWL</t>
  </si>
  <si>
    <t>5702329076869</t>
  </si>
  <si>
    <t>VELUX Plissee manuell FHL M10 1283SWL</t>
  </si>
  <si>
    <t>FHL M10 1284S</t>
  </si>
  <si>
    <t>5702329066594</t>
  </si>
  <si>
    <t>VELUX Plissee manuell FHL M10 1284S</t>
  </si>
  <si>
    <t>FHL M10 1284SWL</t>
  </si>
  <si>
    <t>5702329076876</t>
  </si>
  <si>
    <t>VELUX Plissee manuell FHL M10 1284SWL</t>
  </si>
  <si>
    <t>FHL M10 1285S</t>
  </si>
  <si>
    <t>5702329066600</t>
  </si>
  <si>
    <t>VELUX Plissee manuell FHL M10 1285S</t>
  </si>
  <si>
    <t>FHL M10 1285SWL</t>
  </si>
  <si>
    <t>5702329076883</t>
  </si>
  <si>
    <t>VELUX Plissee manuell FHL M10 1285SWL</t>
  </si>
  <si>
    <t>FHL M10 1286S</t>
  </si>
  <si>
    <t>5702329066617</t>
  </si>
  <si>
    <t>VELUX Plissee manuell FHL M10 1286S</t>
  </si>
  <si>
    <t>FHL M10 1286SWL</t>
  </si>
  <si>
    <t>5702329076890</t>
  </si>
  <si>
    <t>VELUX Plissee manuell FHL M10 1286SWL</t>
  </si>
  <si>
    <t>FHL M31 1016S</t>
  </si>
  <si>
    <t>5702325164768</t>
  </si>
  <si>
    <t>VELUX Plissee manuell FHL M31 1016S</t>
  </si>
  <si>
    <t>FHL M31 1016SWL</t>
  </si>
  <si>
    <t>5702325164775</t>
  </si>
  <si>
    <t>VELUX Plissee manuell FHL M31 1016SWL</t>
  </si>
  <si>
    <t>FHL M31 1256S</t>
  </si>
  <si>
    <t>5702327404046</t>
  </si>
  <si>
    <t>VELUX Plissee manuell FHL M31 1256S</t>
  </si>
  <si>
    <t>FHL M31 1256SWL</t>
  </si>
  <si>
    <t>5702329224826</t>
  </si>
  <si>
    <t>VELUX Plissee manuell FHL M31 1256SWL</t>
  </si>
  <si>
    <t>FHL M31 1259S</t>
  </si>
  <si>
    <t>5702327404077</t>
  </si>
  <si>
    <t>VELUX Plissee manuell FHL M31 1259S</t>
  </si>
  <si>
    <t>FHL M31 1259SWL</t>
  </si>
  <si>
    <t>5702329224833</t>
  </si>
  <si>
    <t>VELUX Plissee manuell FHL M31 1259SWL</t>
  </si>
  <si>
    <t>FHL M31 1274S</t>
  </si>
  <si>
    <t>5702329066884</t>
  </si>
  <si>
    <t>VELUX Plissee manuell FHL M31 1274S</t>
  </si>
  <si>
    <t>FHL M31 1274SWL</t>
  </si>
  <si>
    <t>5702329224840</t>
  </si>
  <si>
    <t>VELUX Plissee manuell FHL M31 1274SWL</t>
  </si>
  <si>
    <t>FHL M31 1275SWL</t>
  </si>
  <si>
    <t>5702329224857</t>
  </si>
  <si>
    <t>VELUX Plissee manuell FHL M31 1275SWL</t>
  </si>
  <si>
    <t>FHL M31 1279SWL</t>
  </si>
  <si>
    <t>5702329224895</t>
  </si>
  <si>
    <t>VELUX Plissee manuell FHL M31 1279SWL</t>
  </si>
  <si>
    <t>FHL M31 1280S</t>
  </si>
  <si>
    <t>5702329066945</t>
  </si>
  <si>
    <t>VELUX Plissee manuell FHL M31 1280S</t>
  </si>
  <si>
    <t>FHL M31 1280SWL</t>
  </si>
  <si>
    <t>5702329224901</t>
  </si>
  <si>
    <t>VELUX Plissee manuell FHL M31 1280SWL</t>
  </si>
  <si>
    <t>FHL M31 1282S</t>
  </si>
  <si>
    <t>5702329066969</t>
  </si>
  <si>
    <t>VELUX Plissee manuell FHL M31 1282S</t>
  </si>
  <si>
    <t>FHL M31 1282SWL</t>
  </si>
  <si>
    <t>5702329224925</t>
  </si>
  <si>
    <t>VELUX Plissee manuell FHL M31 1282SWL</t>
  </si>
  <si>
    <t>FHL M31 1283S</t>
  </si>
  <si>
    <t>5702329066976</t>
  </si>
  <si>
    <t>VELUX Plissee manuell FHL M31 1283S</t>
  </si>
  <si>
    <t>FHL M31 1284S</t>
  </si>
  <si>
    <t>5702329066983</t>
  </si>
  <si>
    <t>VELUX Plissee manuell FHL M31 1284S</t>
  </si>
  <si>
    <t>FHL M31 1284SWL</t>
  </si>
  <si>
    <t>5702329224949</t>
  </si>
  <si>
    <t>VELUX Plissee manuell FHL M31 1284SWL</t>
  </si>
  <si>
    <t>FHL M31 1286S</t>
  </si>
  <si>
    <t>5702329067003</t>
  </si>
  <si>
    <t>VELUX Plissee manuell FHL M31 1286S</t>
  </si>
  <si>
    <t>FHL MK04 1016S</t>
  </si>
  <si>
    <t>5702326782398</t>
  </si>
  <si>
    <t>VELUX Plissee manuell FHL MK04 1016S</t>
  </si>
  <si>
    <t>FHL MK04 1016SWL</t>
  </si>
  <si>
    <t>5702326782404</t>
  </si>
  <si>
    <t>VELUX Plissee manuell FHL MK04 1016SWL</t>
  </si>
  <si>
    <t>FHL MK04 1256S</t>
  </si>
  <si>
    <t>5702327404367</t>
  </si>
  <si>
    <t>VELUX Plissee manuell FHL MK04 1256S</t>
  </si>
  <si>
    <t>FHL MK04 1256SWL</t>
  </si>
  <si>
    <t>5702329077200</t>
  </si>
  <si>
    <t>VELUX Plissee manuell FHL MK04 1256SWL</t>
  </si>
  <si>
    <t>FHL MK04 1259S</t>
  </si>
  <si>
    <t>5702327404398</t>
  </si>
  <si>
    <t>VELUX Plissee manuell FHL MK04 1259S</t>
  </si>
  <si>
    <t>FHL MK04 1259SWL</t>
  </si>
  <si>
    <t>5702329077217</t>
  </si>
  <si>
    <t>VELUX Plissee manuell FHL MK04 1259SWL</t>
  </si>
  <si>
    <t>FHL MK04 1274S</t>
  </si>
  <si>
    <t>5702329067140</t>
  </si>
  <si>
    <t>VELUX Plissee manuell FHL MK04 1274S</t>
  </si>
  <si>
    <t>FHL MK04 1274SWL</t>
  </si>
  <si>
    <t>5702329077224</t>
  </si>
  <si>
    <t>VELUX Plissee manuell FHL MK04 1274SWL</t>
  </si>
  <si>
    <t>FHL MK04 1275S</t>
  </si>
  <si>
    <t>5702329067157</t>
  </si>
  <si>
    <t>VELUX Plissee manuell FHL MK04 1275S</t>
  </si>
  <si>
    <t>FHL MK04 1275SWL</t>
  </si>
  <si>
    <t>5702329077231</t>
  </si>
  <si>
    <t>VELUX Plissee manuell FHL MK04 1275SWL</t>
  </si>
  <si>
    <t>FHL MK04 1276S</t>
  </si>
  <si>
    <t>5702329067164</t>
  </si>
  <si>
    <t>VELUX Plissee manuell FHL MK04 1276S</t>
  </si>
  <si>
    <t>FHL MK04 1276SWL</t>
  </si>
  <si>
    <t>5702329077248</t>
  </si>
  <si>
    <t>VELUX Plissee manuell FHL MK04 1276SWL</t>
  </si>
  <si>
    <t>FHL MK04 1277S</t>
  </si>
  <si>
    <t>5702329067171</t>
  </si>
  <si>
    <t>VELUX Plissee manuell FHL MK04 1277S</t>
  </si>
  <si>
    <t>FHL MK04 1277SWL</t>
  </si>
  <si>
    <t>5702329077255</t>
  </si>
  <si>
    <t>VELUX Plissee manuell FHL MK04 1277SWL</t>
  </si>
  <si>
    <t>FHL MK04 1278S</t>
  </si>
  <si>
    <t>5702329067188</t>
  </si>
  <si>
    <t>VELUX Plissee manuell FHL MK04 1278S</t>
  </si>
  <si>
    <t>FHL MK04 1278SWL</t>
  </si>
  <si>
    <t>5702329077262</t>
  </si>
  <si>
    <t>VELUX Plissee manuell FHL MK04 1278SWL</t>
  </si>
  <si>
    <t>FHL MK04 1279S</t>
  </si>
  <si>
    <t>5702329067195</t>
  </si>
  <si>
    <t>VELUX Plissee manuell FHL MK04 1279S</t>
  </si>
  <si>
    <t>FHL MK04 1279SWL</t>
  </si>
  <si>
    <t>5702329077279</t>
  </si>
  <si>
    <t>VELUX Plissee manuell FHL MK04 1279SWL</t>
  </si>
  <si>
    <t>FHL MK04 1280S</t>
  </si>
  <si>
    <t>5702329067201</t>
  </si>
  <si>
    <t>VELUX Plissee manuell FHL MK04 1280S</t>
  </si>
  <si>
    <t>FHL MK04 1280SWL</t>
  </si>
  <si>
    <t>5702329077286</t>
  </si>
  <si>
    <t>VELUX Plissee manuell FHL MK04 1280SWL</t>
  </si>
  <si>
    <t>FHL MK04 1281S</t>
  </si>
  <si>
    <t>5702329067218</t>
  </si>
  <si>
    <t>VELUX Plissee manuell FHL MK04 1281S</t>
  </si>
  <si>
    <t>FHL MK04 1281SWL</t>
  </si>
  <si>
    <t>5702329077293</t>
  </si>
  <si>
    <t>VELUX Plissee manuell FHL MK04 1281SWL</t>
  </si>
  <si>
    <t>FHL MK04 1282S</t>
  </si>
  <si>
    <t>5702329067225</t>
  </si>
  <si>
    <t>VELUX Plissee manuell FHL MK04 1282S</t>
  </si>
  <si>
    <t>FHL MK04 1282SWL</t>
  </si>
  <si>
    <t>5702329077309</t>
  </si>
  <si>
    <t>VELUX Plissee manuell FHL MK04 1282SWL</t>
  </si>
  <si>
    <t>FHL MK04 1283S</t>
  </si>
  <si>
    <t>5702329067232</t>
  </si>
  <si>
    <t>VELUX Plissee manuell FHL MK04 1283S</t>
  </si>
  <si>
    <t>FHL MK04 1283SWL</t>
  </si>
  <si>
    <t>5702329077316</t>
  </si>
  <si>
    <t>VELUX Plissee manuell FHL MK04 1283SWL</t>
  </si>
  <si>
    <t>FHL MK04 1284S</t>
  </si>
  <si>
    <t>5702329067249</t>
  </si>
  <si>
    <t>VELUX Plissee manuell FHL MK04 1284S</t>
  </si>
  <si>
    <t>FHL MK04 1284SWL</t>
  </si>
  <si>
    <t>5702329077323</t>
  </si>
  <si>
    <t>VELUX Plissee manuell FHL MK04 1284SWL</t>
  </si>
  <si>
    <t>FHL MK04 1285S</t>
  </si>
  <si>
    <t>5702329067256</t>
  </si>
  <si>
    <t>VELUX Plissee manuell FHL MK04 1285S</t>
  </si>
  <si>
    <t>FHL MK04 1285SWL</t>
  </si>
  <si>
    <t>5702329077330</t>
  </si>
  <si>
    <t>VELUX Plissee manuell FHL MK04 1285SWL</t>
  </si>
  <si>
    <t>FHL MK04 1286S</t>
  </si>
  <si>
    <t>5702329067263</t>
  </si>
  <si>
    <t>VELUX Plissee manuell FHL MK04 1286S</t>
  </si>
  <si>
    <t>FHL MK04 1286SWL</t>
  </si>
  <si>
    <t>5702329077347</t>
  </si>
  <si>
    <t>VELUX Plissee manuell FHL MK04 1286SWL</t>
  </si>
  <si>
    <t>FHL MK06 1016S</t>
  </si>
  <si>
    <t>5702326783081</t>
  </si>
  <si>
    <t>VELUX Plissee manuell FHL MK06 1016S</t>
  </si>
  <si>
    <t>FHL MK06 1016SWL</t>
  </si>
  <si>
    <t>5702326783098</t>
  </si>
  <si>
    <t>VELUX Plissee manuell FHL MK06 1016SWL</t>
  </si>
  <si>
    <t>FHL MK06 1256S</t>
  </si>
  <si>
    <t>5702327404527</t>
  </si>
  <si>
    <t>VELUX Plissee manuell FHL MK06 1256S</t>
  </si>
  <si>
    <t>FHL MK06 1256SWL</t>
  </si>
  <si>
    <t>5702329077354</t>
  </si>
  <si>
    <t>VELUX Plissee manuell FHL MK06 1256SWL</t>
  </si>
  <si>
    <t>FHL MK06 1259S</t>
  </si>
  <si>
    <t>5702327404558</t>
  </si>
  <si>
    <t>VELUX Plissee manuell FHL MK06 1259S</t>
  </si>
  <si>
    <t>FHL MK06 1259SWL</t>
  </si>
  <si>
    <t>5702329077361</t>
  </si>
  <si>
    <t>VELUX Plissee manuell FHL MK06 1259SWL</t>
  </si>
  <si>
    <t>FHL MK06 1274S</t>
  </si>
  <si>
    <t>5702329067270</t>
  </si>
  <si>
    <t>VELUX Plissee manuell FHL MK06 1274S</t>
  </si>
  <si>
    <t>FHL MK06 1274SWL</t>
  </si>
  <si>
    <t>5702329077378</t>
  </si>
  <si>
    <t>VELUX Plissee manuell FHL MK06 1274SWL</t>
  </si>
  <si>
    <t>FHL MK06 1275S</t>
  </si>
  <si>
    <t>5702329067287</t>
  </si>
  <si>
    <t>VELUX Plissee manuell FHL MK06 1275S</t>
  </si>
  <si>
    <t>FHL MK06 1275SWL</t>
  </si>
  <si>
    <t>5702329077385</t>
  </si>
  <si>
    <t>VELUX Plissee manuell FHL MK06 1275SWL</t>
  </si>
  <si>
    <t>FHL MK06 1276S</t>
  </si>
  <si>
    <t>5702329067294</t>
  </si>
  <si>
    <t>VELUX Plissee manuell FHL MK06 1276S</t>
  </si>
  <si>
    <t>FHL MK06 1276SWL</t>
  </si>
  <si>
    <t>5702329077392</t>
  </si>
  <si>
    <t>VELUX Plissee manuell FHL MK06 1276SWL</t>
  </si>
  <si>
    <t>FHL MK06 1277S</t>
  </si>
  <si>
    <t>5702329067300</t>
  </si>
  <si>
    <t>VELUX Plissee manuell FHL MK06 1277S</t>
  </si>
  <si>
    <t>FHL MK06 1277SWL</t>
  </si>
  <si>
    <t>5702329077408</t>
  </si>
  <si>
    <t>VELUX Plissee manuell FHL MK06 1277SWL</t>
  </si>
  <si>
    <t>FHL MK06 1278S</t>
  </si>
  <si>
    <t>5702329067317</t>
  </si>
  <si>
    <t>VELUX Plissee manuell FHL MK06 1278S</t>
  </si>
  <si>
    <t>FHL MK06 1278SWL</t>
  </si>
  <si>
    <t>5702329077415</t>
  </si>
  <si>
    <t>VELUX Plissee manuell FHL MK06 1278SWL</t>
  </si>
  <si>
    <t>FHL MK06 1279S</t>
  </si>
  <si>
    <t>5702329067324</t>
  </si>
  <si>
    <t>VELUX Plissee manuell FHL MK06 1279S</t>
  </si>
  <si>
    <t>FHL MK06 1279SWL</t>
  </si>
  <si>
    <t>5702329077422</t>
  </si>
  <si>
    <t>VELUX Plissee manuell FHL MK06 1279SWL</t>
  </si>
  <si>
    <t>FHL MK06 1280S</t>
  </si>
  <si>
    <t>5702329067331</t>
  </si>
  <si>
    <t>VELUX Plissee manuell FHL MK06 1280S</t>
  </si>
  <si>
    <t>FHL MK06 1280SWL</t>
  </si>
  <si>
    <t>5702329077439</t>
  </si>
  <si>
    <t>VELUX Plissee manuell FHL MK06 1280SWL</t>
  </si>
  <si>
    <t>FHL MK06 1281S</t>
  </si>
  <si>
    <t>5702329067348</t>
  </si>
  <si>
    <t>VELUX Plissee manuell FHL MK06 1281S</t>
  </si>
  <si>
    <t>FHL MK06 1281SWL</t>
  </si>
  <si>
    <t>5702329077446</t>
  </si>
  <si>
    <t>VELUX Plissee manuell FHL MK06 1281SWL</t>
  </si>
  <si>
    <t>FHL MK06 1282S</t>
  </si>
  <si>
    <t>5702329067355</t>
  </si>
  <si>
    <t>VELUX Plissee manuell FHL MK06 1282S</t>
  </si>
  <si>
    <t>FHL MK06 1282SWL</t>
  </si>
  <si>
    <t>5702329077453</t>
  </si>
  <si>
    <t>VELUX Plissee manuell FHL MK06 1282SWL</t>
  </si>
  <si>
    <t>FHL MK06 1283S</t>
  </si>
  <si>
    <t>5702329067362</t>
  </si>
  <si>
    <t>VELUX Plissee manuell FHL MK06 1283S</t>
  </si>
  <si>
    <t>FHL MK06 1283SWL</t>
  </si>
  <si>
    <t>5702329077460</t>
  </si>
  <si>
    <t>VELUX Plissee manuell FHL MK06 1283SWL</t>
  </si>
  <si>
    <t>FHL MK06 1284S</t>
  </si>
  <si>
    <t>5702329067379</t>
  </si>
  <si>
    <t>VELUX Plissee manuell FHL MK06 1284S</t>
  </si>
  <si>
    <t>FHL MK06 1284SWL</t>
  </si>
  <si>
    <t>5702329077477</t>
  </si>
  <si>
    <t>VELUX Plissee manuell FHL MK06 1284SWL</t>
  </si>
  <si>
    <t>FHL MK06 1285S</t>
  </si>
  <si>
    <t>5702329067386</t>
  </si>
  <si>
    <t>VELUX Plissee manuell FHL MK06 1285S</t>
  </si>
  <si>
    <t>FHL MK06 1285SWL</t>
  </si>
  <si>
    <t>5702329077484</t>
  </si>
  <si>
    <t>VELUX Plissee manuell FHL MK06 1285SWL</t>
  </si>
  <si>
    <t>FHL MK06 1286S</t>
  </si>
  <si>
    <t>5702329067393</t>
  </si>
  <si>
    <t>VELUX Plissee manuell FHL MK06 1286S</t>
  </si>
  <si>
    <t>FHL MK06 1286SWL</t>
  </si>
  <si>
    <t>5702329077491</t>
  </si>
  <si>
    <t>VELUX Plissee manuell FHL MK06 1286SWL</t>
  </si>
  <si>
    <t>FHL MK08 1016S</t>
  </si>
  <si>
    <t>5702326783791</t>
  </si>
  <si>
    <t>VELUX Plissee manuell FHL MK08 1016S</t>
  </si>
  <si>
    <t>FHL MK08 1016SWL</t>
  </si>
  <si>
    <t>5702326783807</t>
  </si>
  <si>
    <t>VELUX Plissee manuell FHL MK08 1016SWL</t>
  </si>
  <si>
    <t>FHL MK08 1256S</t>
  </si>
  <si>
    <t>5702327404688</t>
  </si>
  <si>
    <t>VELUX Plissee manuell FHL MK08 1256S</t>
  </si>
  <si>
    <t>FHL MK08 1256SWL</t>
  </si>
  <si>
    <t>5702329077507</t>
  </si>
  <si>
    <t>VELUX Plissee manuell FHL MK08 1256SWL</t>
  </si>
  <si>
    <t>FHL MK08 1259S</t>
  </si>
  <si>
    <t>5702327404718</t>
  </si>
  <si>
    <t>VELUX Plissee manuell FHL MK08 1259S</t>
  </si>
  <si>
    <t>FHL MK08 1259SWL</t>
  </si>
  <si>
    <t>5702329077514</t>
  </si>
  <si>
    <t>VELUX Plissee manuell FHL MK08 1259SWL</t>
  </si>
  <si>
    <t>FHL MK08 1274S</t>
  </si>
  <si>
    <t>5702329067409</t>
  </si>
  <si>
    <t>VELUX Plissee manuell FHL MK08 1274S</t>
  </si>
  <si>
    <t>FHL MK08 1274SWL</t>
  </si>
  <si>
    <t>5702329077521</t>
  </si>
  <si>
    <t>VELUX Plissee manuell FHL MK08 1274SWL</t>
  </si>
  <si>
    <t>FHL MK08 1275S</t>
  </si>
  <si>
    <t>5702329067416</t>
  </si>
  <si>
    <t>VELUX Plissee manuell FHL MK08 1275S</t>
  </si>
  <si>
    <t>FHL MK08 1275SWL</t>
  </si>
  <si>
    <t>5702329077538</t>
  </si>
  <si>
    <t>VELUX Plissee manuell FHL MK08 1275SWL</t>
  </si>
  <si>
    <t>FHL MK08 1276S</t>
  </si>
  <si>
    <t>5702329067423</t>
  </si>
  <si>
    <t>VELUX Plissee manuell FHL MK08 1276S</t>
  </si>
  <si>
    <t>FHL MK08 1276SWL</t>
  </si>
  <si>
    <t>5702329077545</t>
  </si>
  <si>
    <t>VELUX Plissee manuell FHL MK08 1276SWL</t>
  </si>
  <si>
    <t>FHL MK08 1277S</t>
  </si>
  <si>
    <t>5702329067430</t>
  </si>
  <si>
    <t>VELUX Plissee manuell FHL MK08 1277S</t>
  </si>
  <si>
    <t>FHL MK08 1277SWL</t>
  </si>
  <si>
    <t>5702329077552</t>
  </si>
  <si>
    <t>VELUX Plissee manuell FHL MK08 1277SWL</t>
  </si>
  <si>
    <t>FHL MK08 1278S</t>
  </si>
  <si>
    <t>5702329067447</t>
  </si>
  <si>
    <t>VELUX Plissee manuell FHL MK08 1278S</t>
  </si>
  <si>
    <t>FHL MK08 1278SWL</t>
  </si>
  <si>
    <t>5702329077569</t>
  </si>
  <si>
    <t>VELUX Plissee manuell FHL MK08 1278SWL</t>
  </si>
  <si>
    <t>FHL MK08 1279S</t>
  </si>
  <si>
    <t>5702329067454</t>
  </si>
  <si>
    <t>VELUX Plissee manuell FHL MK08 1279S</t>
  </si>
  <si>
    <t>FHL MK08 1279SWL</t>
  </si>
  <si>
    <t>5702329077576</t>
  </si>
  <si>
    <t>VELUX Plissee manuell FHL MK08 1279SWL</t>
  </si>
  <si>
    <t>FHL MK08 1280S</t>
  </si>
  <si>
    <t>5702329067461</t>
  </si>
  <si>
    <t>VELUX Plissee manuell FHL MK08 1280S</t>
  </si>
  <si>
    <t>FHL MK08 1280SWL</t>
  </si>
  <si>
    <t>5702329077583</t>
  </si>
  <si>
    <t>VELUX Plissee manuell FHL MK08 1280SWL</t>
  </si>
  <si>
    <t>FHL MK08 1281S</t>
  </si>
  <si>
    <t>5702329067478</t>
  </si>
  <si>
    <t>VELUX Plissee manuell FHL MK08 1281S</t>
  </si>
  <si>
    <t>FHL MK08 1281SWL</t>
  </si>
  <si>
    <t>5702329077590</t>
  </si>
  <si>
    <t>VELUX Plissee manuell FHL MK08 1281SWL</t>
  </si>
  <si>
    <t>FHL MK08 1282S</t>
  </si>
  <si>
    <t>5702329067485</t>
  </si>
  <si>
    <t>VELUX Plissee manuell FHL MK08 1282S</t>
  </si>
  <si>
    <t>FHL MK08 1282SWL</t>
  </si>
  <si>
    <t>5702329077606</t>
  </si>
  <si>
    <t>VELUX Plissee manuell FHL MK08 1282SWL</t>
  </si>
  <si>
    <t>FHL MK08 1283S</t>
  </si>
  <si>
    <t>5702329067492</t>
  </si>
  <si>
    <t>VELUX Plissee manuell FHL MK08 1283S</t>
  </si>
  <si>
    <t>FHL MK08 1283SWL</t>
  </si>
  <si>
    <t>5702329077613</t>
  </si>
  <si>
    <t>VELUX Plissee manuell FHL MK08 1283SWL</t>
  </si>
  <si>
    <t>FHL MK08 1284S</t>
  </si>
  <si>
    <t>5702329067508</t>
  </si>
  <si>
    <t>VELUX Plissee manuell FHL MK08 1284S</t>
  </si>
  <si>
    <t>FHL MK08 1284SWL</t>
  </si>
  <si>
    <t>5702329077620</t>
  </si>
  <si>
    <t>VELUX Plissee manuell FHL MK08 1284SWL</t>
  </si>
  <si>
    <t>FHL MK08 1285S</t>
  </si>
  <si>
    <t>5702329067515</t>
  </si>
  <si>
    <t>VELUX Plissee manuell FHL MK08 1285S</t>
  </si>
  <si>
    <t>FHL MK08 1285SWL</t>
  </si>
  <si>
    <t>5702329077637</t>
  </si>
  <si>
    <t>VELUX Plissee manuell FHL MK08 1285SWL</t>
  </si>
  <si>
    <t>FHL MK08 1286S</t>
  </si>
  <si>
    <t>5702329067522</t>
  </si>
  <si>
    <t>VELUX Plissee manuell FHL MK08 1286S</t>
  </si>
  <si>
    <t>FHL MK08 1286SWL</t>
  </si>
  <si>
    <t>5702329077644</t>
  </si>
  <si>
    <t>VELUX Plissee manuell FHL MK08 1286SWL</t>
  </si>
  <si>
    <t>FHL MK10 1016S</t>
  </si>
  <si>
    <t>5702326784491</t>
  </si>
  <si>
    <t>VELUX Plissee manuell FHL MK10 1016S</t>
  </si>
  <si>
    <t>FHL MK10 1016SWL</t>
  </si>
  <si>
    <t>5702326784507</t>
  </si>
  <si>
    <t>VELUX Plissee manuell FHL MK10 1016SWL</t>
  </si>
  <si>
    <t>FHL MK10 1256S</t>
  </si>
  <si>
    <t>5702327404848</t>
  </si>
  <si>
    <t>VELUX Plissee manuell FHL MK10 1256S</t>
  </si>
  <si>
    <t>FHL MK10 1256SWL</t>
  </si>
  <si>
    <t>5702329077651</t>
  </si>
  <si>
    <t>VELUX Plissee manuell FHL MK10 1256SWL</t>
  </si>
  <si>
    <t>FHL MK10 1259S</t>
  </si>
  <si>
    <t>5702327404879</t>
  </si>
  <si>
    <t>VELUX Plissee manuell FHL MK10 1259S</t>
  </si>
  <si>
    <t>FHL MK10 1259SWL</t>
  </si>
  <si>
    <t>5702329077668</t>
  </si>
  <si>
    <t>VELUX Plissee manuell FHL MK10 1259SWL</t>
  </si>
  <si>
    <t>FHL MK10 1274S</t>
  </si>
  <si>
    <t>5702329067539</t>
  </si>
  <si>
    <t>VELUX Plissee manuell FHL MK10 1274S</t>
  </si>
  <si>
    <t>FHL MK10 1274SWL</t>
  </si>
  <si>
    <t>5702329077675</t>
  </si>
  <si>
    <t>VELUX Plissee manuell FHL MK10 1274SWL</t>
  </si>
  <si>
    <t>FHL MK10 1275S</t>
  </si>
  <si>
    <t>5702329067546</t>
  </si>
  <si>
    <t>VELUX Plissee manuell FHL MK10 1275S</t>
  </si>
  <si>
    <t>FHL MK10 1275SWL</t>
  </si>
  <si>
    <t>5702329077682</t>
  </si>
  <si>
    <t>VELUX Plissee manuell FHL MK10 1275SWL</t>
  </si>
  <si>
    <t>FHL MK10 1276S</t>
  </si>
  <si>
    <t>5702329067553</t>
  </si>
  <si>
    <t>VELUX Plissee manuell FHL MK10 1276S</t>
  </si>
  <si>
    <t>FHL MK10 1276SWL</t>
  </si>
  <si>
    <t>5702329077699</t>
  </si>
  <si>
    <t>VELUX Plissee manuell FHL MK10 1276SWL</t>
  </si>
  <si>
    <t>FHL MK10 1277S</t>
  </si>
  <si>
    <t>5702329067560</t>
  </si>
  <si>
    <t>VELUX Plissee manuell FHL MK10 1277S</t>
  </si>
  <si>
    <t>FHL MK10 1277SWL</t>
  </si>
  <si>
    <t>5702329077705</t>
  </si>
  <si>
    <t>VELUX Plissee manuell FHL MK10 1277SWL</t>
  </si>
  <si>
    <t>FHL MK10 1278S</t>
  </si>
  <si>
    <t>5702329067577</t>
  </si>
  <si>
    <t>VELUX Plissee manuell FHL MK10 1278S</t>
  </si>
  <si>
    <t>FHL MK10 1278SWL</t>
  </si>
  <si>
    <t>5702329077712</t>
  </si>
  <si>
    <t>VELUX Plissee manuell FHL MK10 1278SWL</t>
  </si>
  <si>
    <t>FHL MK10 1279S</t>
  </si>
  <si>
    <t>5702329067584</t>
  </si>
  <si>
    <t>VELUX Plissee manuell FHL MK10 1279S</t>
  </si>
  <si>
    <t>FHL MK10 1279SWL</t>
  </si>
  <si>
    <t>5702329077729</t>
  </si>
  <si>
    <t>VELUX Plissee manuell FHL MK10 1279SWL</t>
  </si>
  <si>
    <t>FHL MK10 1280S</t>
  </si>
  <si>
    <t>5702329067591</t>
  </si>
  <si>
    <t>VELUX Plissee manuell FHL MK10 1280S</t>
  </si>
  <si>
    <t>FHL MK10 1280SWL</t>
  </si>
  <si>
    <t>5702329077736</t>
  </si>
  <si>
    <t>VELUX Plissee manuell FHL MK10 1280SWL</t>
  </si>
  <si>
    <t>FHL MK10 1281S</t>
  </si>
  <si>
    <t>5702329067607</t>
  </si>
  <si>
    <t>VELUX Plissee manuell FHL MK10 1281S</t>
  </si>
  <si>
    <t>FHL MK10 1281SWL</t>
  </si>
  <si>
    <t>5702329077743</t>
  </si>
  <si>
    <t>VELUX Plissee manuell FHL MK10 1281SWL</t>
  </si>
  <si>
    <t>FHL MK10 1282S</t>
  </si>
  <si>
    <t>5702329067614</t>
  </si>
  <si>
    <t>VELUX Plissee manuell FHL MK10 1282S</t>
  </si>
  <si>
    <t>FHL MK10 1282SWL</t>
  </si>
  <si>
    <t>5702329077750</t>
  </si>
  <si>
    <t>VELUX Plissee manuell FHL MK10 1282SWL</t>
  </si>
  <si>
    <t>FHL MK10 1283S</t>
  </si>
  <si>
    <t>5702329067621</t>
  </si>
  <si>
    <t>VELUX Plissee manuell FHL MK10 1283S</t>
  </si>
  <si>
    <t>FHL MK10 1283SWL</t>
  </si>
  <si>
    <t>5702329077767</t>
  </si>
  <si>
    <t>VELUX Plissee manuell FHL MK10 1283SWL</t>
  </si>
  <si>
    <t>FHL MK10 1284S</t>
  </si>
  <si>
    <t>5702329067638</t>
  </si>
  <si>
    <t>VELUX Plissee manuell FHL MK10 1284S</t>
  </si>
  <si>
    <t>FHL MK10 1284SWL</t>
  </si>
  <si>
    <t>5702329077774</t>
  </si>
  <si>
    <t>VELUX Plissee manuell FHL MK10 1284SWL</t>
  </si>
  <si>
    <t>FHL MK10 1285S</t>
  </si>
  <si>
    <t>5702329067645</t>
  </si>
  <si>
    <t>VELUX Plissee manuell FHL MK10 1285S</t>
  </si>
  <si>
    <t>FHL MK10 1285SWL</t>
  </si>
  <si>
    <t>5702329077781</t>
  </si>
  <si>
    <t>VELUX Plissee manuell FHL MK10 1285SWL</t>
  </si>
  <si>
    <t>FHL MK10 1286S</t>
  </si>
  <si>
    <t>5702329067652</t>
  </si>
  <si>
    <t>VELUX Plissee manuell FHL MK10 1286S</t>
  </si>
  <si>
    <t>FHL MK10 1286SWL</t>
  </si>
  <si>
    <t>5702329077798</t>
  </si>
  <si>
    <t>VELUX Plissee manuell FHL MK10 1286SWL</t>
  </si>
  <si>
    <t>FHL MK12 1016S</t>
  </si>
  <si>
    <t>5702326785191</t>
  </si>
  <si>
    <t>VELUX Plissee manuell FHL MK12 1016S</t>
  </si>
  <si>
    <t>FHL MK12 1016SWL</t>
  </si>
  <si>
    <t>5702326785207</t>
  </si>
  <si>
    <t>VELUX Plissee manuell FHL MK12 1016SWL</t>
  </si>
  <si>
    <t>FHL MK12 1256S</t>
  </si>
  <si>
    <t>5702327405005</t>
  </si>
  <si>
    <t>VELUX Plissee manuell FHL MK12 1256S</t>
  </si>
  <si>
    <t>FHL MK12 1256SWL</t>
  </si>
  <si>
    <t>5702329077804</t>
  </si>
  <si>
    <t>VELUX Plissee manuell FHL MK12 1256SWL</t>
  </si>
  <si>
    <t>FHL MK12 1259S</t>
  </si>
  <si>
    <t>5702327405036</t>
  </si>
  <si>
    <t>VELUX Plissee manuell FHL MK12 1259S</t>
  </si>
  <si>
    <t>FHL MK12 1259SWL</t>
  </si>
  <si>
    <t>5702329077811</t>
  </si>
  <si>
    <t>VELUX Plissee manuell FHL MK12 1259SWL</t>
  </si>
  <si>
    <t>FHL MK12 1274S</t>
  </si>
  <si>
    <t>5702329067669</t>
  </si>
  <si>
    <t>VELUX Plissee manuell FHL MK12 1274S</t>
  </si>
  <si>
    <t>FHL MK12 1274SWL</t>
  </si>
  <si>
    <t>5702329077828</t>
  </si>
  <si>
    <t>VELUX Plissee manuell FHL MK12 1274SWL</t>
  </si>
  <si>
    <t>FHL MK12 1275SWL</t>
  </si>
  <si>
    <t>5702329077835</t>
  </si>
  <si>
    <t>VELUX Plissee manuell FHL MK12 1275SWL</t>
  </si>
  <si>
    <t>FHL MK12 1276S</t>
  </si>
  <si>
    <t>5702329067683</t>
  </si>
  <si>
    <t>VELUX Plissee manuell FHL MK12 1276S</t>
  </si>
  <si>
    <t>FHL MK12 1276SWL</t>
  </si>
  <si>
    <t>5702329077842</t>
  </si>
  <si>
    <t>VELUX Plissee manuell FHL MK12 1276SWL</t>
  </si>
  <si>
    <t>FHL MK12 1277S</t>
  </si>
  <si>
    <t>5702329067690</t>
  </si>
  <si>
    <t>VELUX Plissee manuell FHL MK12 1277S</t>
  </si>
  <si>
    <t>FHL MK12 1278S</t>
  </si>
  <si>
    <t>5702329067706</t>
  </si>
  <si>
    <t>VELUX Plissee manuell FHL MK12 1278S</t>
  </si>
  <si>
    <t>FHL MK12 1278SWL</t>
  </si>
  <si>
    <t>5702329077866</t>
  </si>
  <si>
    <t>VELUX Plissee manuell FHL MK12 1278SWL</t>
  </si>
  <si>
    <t>FHL MK12 1279S</t>
  </si>
  <si>
    <t>5702329067713</t>
  </si>
  <si>
    <t>VELUX Plissee manuell FHL MK12 1279S</t>
  </si>
  <si>
    <t>FHL MK12 1280SWL</t>
  </si>
  <si>
    <t>5702329077880</t>
  </si>
  <si>
    <t>VELUX Plissee manuell FHL MK12 1280SWL</t>
  </si>
  <si>
    <t>FHL MK12 1282S</t>
  </si>
  <si>
    <t>5702329067744</t>
  </si>
  <si>
    <t>VELUX Plissee manuell FHL MK12 1282S</t>
  </si>
  <si>
    <t>FHL MK12 1282SWL</t>
  </si>
  <si>
    <t>5702329077903</t>
  </si>
  <si>
    <t>VELUX Plissee manuell FHL MK12 1282SWL</t>
  </si>
  <si>
    <t>FHL MK12 1284S</t>
  </si>
  <si>
    <t>5702329067768</t>
  </si>
  <si>
    <t>VELUX Plissee manuell FHL MK12 1284S</t>
  </si>
  <si>
    <t>FHL MK12 1284SWL</t>
  </si>
  <si>
    <t>5702329077927</t>
  </si>
  <si>
    <t>VELUX Plissee manuell FHL MK12 1284SWL</t>
  </si>
  <si>
    <t>FHL MK12 1285SWL</t>
  </si>
  <si>
    <t>5702329077934</t>
  </si>
  <si>
    <t>VELUX Plissee manuell FHL MK12 1285SWL</t>
  </si>
  <si>
    <t>FHL MK12 1286S</t>
  </si>
  <si>
    <t>5702329067782</t>
  </si>
  <si>
    <t>VELUX Plissee manuell FHL MK12 1286S</t>
  </si>
  <si>
    <t>FHL MK12 1286SWL</t>
  </si>
  <si>
    <t>5702329077941</t>
  </si>
  <si>
    <t>VELUX Plissee manuell FHL MK12 1286SWL</t>
  </si>
  <si>
    <t>FHL P04 1016S</t>
  </si>
  <si>
    <t>5702325166748</t>
  </si>
  <si>
    <t>VELUX Plissee manuell FHL P04 1016S</t>
  </si>
  <si>
    <t>FHL P04 1016SWL</t>
  </si>
  <si>
    <t>5702325166755</t>
  </si>
  <si>
    <t>VELUX Plissee manuell FHL P04 1016SWL</t>
  </si>
  <si>
    <t>FHL P04 1256S</t>
  </si>
  <si>
    <t>5702327405487</t>
  </si>
  <si>
    <t>VELUX Plissee manuell FHL P04 1256S</t>
  </si>
  <si>
    <t>FHL P04 1256SWL</t>
  </si>
  <si>
    <t>5702329078115</t>
  </si>
  <si>
    <t>VELUX Plissee manuell FHL P04 1256SWL</t>
  </si>
  <si>
    <t>FHL P04 1259S</t>
  </si>
  <si>
    <t>5702327405517</t>
  </si>
  <si>
    <t>VELUX Plissee manuell FHL P04 1259S</t>
  </si>
  <si>
    <t>FHL P04 1259SWL</t>
  </si>
  <si>
    <t>5702329078122</t>
  </si>
  <si>
    <t>VELUX Plissee manuell FHL P04 1259SWL</t>
  </si>
  <si>
    <t>FHL P04 1274S</t>
  </si>
  <si>
    <t>5702329068055</t>
  </si>
  <si>
    <t>VELUX Plissee manuell FHL P04 1274S</t>
  </si>
  <si>
    <t>FHL P04 1274SWL</t>
  </si>
  <si>
    <t>5702329078139</t>
  </si>
  <si>
    <t>VELUX Plissee manuell FHL P04 1274SWL</t>
  </si>
  <si>
    <t>FHL P04 1275S</t>
  </si>
  <si>
    <t>5702329068062</t>
  </si>
  <si>
    <t>VELUX Plissee manuell FHL P04 1275S</t>
  </si>
  <si>
    <t>FHL P04 1275SWL</t>
  </si>
  <si>
    <t>5702329078146</t>
  </si>
  <si>
    <t>VELUX Plissee manuell FHL P04 1275SWL</t>
  </si>
  <si>
    <t>FHL P04 1276S</t>
  </si>
  <si>
    <t>5702329068079</t>
  </si>
  <si>
    <t>VELUX Plissee manuell FHL P04 1276S</t>
  </si>
  <si>
    <t>FHL P04 1276SWL</t>
  </si>
  <si>
    <t>5702329078153</t>
  </si>
  <si>
    <t>VELUX Plissee manuell FHL P04 1276SWL</t>
  </si>
  <si>
    <t>FHL P04 1277S</t>
  </si>
  <si>
    <t>5702329068086</t>
  </si>
  <si>
    <t>VELUX Plissee manuell FHL P04 1277S</t>
  </si>
  <si>
    <t>FHL P04 1277SWL</t>
  </si>
  <si>
    <t>5702329078160</t>
  </si>
  <si>
    <t>VELUX Plissee manuell FHL P04 1277SWL</t>
  </si>
  <si>
    <t>FHL P04 1278S</t>
  </si>
  <si>
    <t>5702329068093</t>
  </si>
  <si>
    <t>VELUX Plissee manuell FHL P04 1278S</t>
  </si>
  <si>
    <t>FHL P04 1278SWL</t>
  </si>
  <si>
    <t>5702329078177</t>
  </si>
  <si>
    <t>VELUX Plissee manuell FHL P04 1278SWL</t>
  </si>
  <si>
    <t>FHL P04 1279S</t>
  </si>
  <si>
    <t>5702329068109</t>
  </si>
  <si>
    <t>VELUX Plissee manuell FHL P04 1279S</t>
  </si>
  <si>
    <t>FHL P04 1279SWL</t>
  </si>
  <si>
    <t>5702329078184</t>
  </si>
  <si>
    <t>VELUX Plissee manuell FHL P04 1279SWL</t>
  </si>
  <si>
    <t>FHL P04 1280S</t>
  </si>
  <si>
    <t>5702329068116</t>
  </si>
  <si>
    <t>VELUX Plissee manuell FHL P04 1280S</t>
  </si>
  <si>
    <t>FHL P04 1280SWL</t>
  </si>
  <si>
    <t>5702329078191</t>
  </si>
  <si>
    <t>VELUX Plissee manuell FHL P04 1280SWL</t>
  </si>
  <si>
    <t>FHL P04 1281S</t>
  </si>
  <si>
    <t>5702329068123</t>
  </si>
  <si>
    <t>VELUX Plissee manuell FHL P04 1281S</t>
  </si>
  <si>
    <t>FHL P04 1281SWL</t>
  </si>
  <si>
    <t>5702329078207</t>
  </si>
  <si>
    <t>VELUX Plissee manuell FHL P04 1281SWL</t>
  </si>
  <si>
    <t>FHL P04 1282S</t>
  </si>
  <si>
    <t>5702329068130</t>
  </si>
  <si>
    <t>VELUX Plissee manuell FHL P04 1282S</t>
  </si>
  <si>
    <t>FHL P04 1282SWL</t>
  </si>
  <si>
    <t>5702329078214</t>
  </si>
  <si>
    <t>VELUX Plissee manuell FHL P04 1282SWL</t>
  </si>
  <si>
    <t>FHL P04 1283S</t>
  </si>
  <si>
    <t>5702329068147</t>
  </si>
  <si>
    <t>VELUX Plissee manuell FHL P04 1283S</t>
  </si>
  <si>
    <t>FHL P04 1283SWL</t>
  </si>
  <si>
    <t>5702329078221</t>
  </si>
  <si>
    <t>VELUX Plissee manuell FHL P04 1283SWL</t>
  </si>
  <si>
    <t>FHL P04 1284S</t>
  </si>
  <si>
    <t>5702329068154</t>
  </si>
  <si>
    <t>VELUX Plissee manuell FHL P04 1284S</t>
  </si>
  <si>
    <t>FHL P04 1284SWL</t>
  </si>
  <si>
    <t>5702329078238</t>
  </si>
  <si>
    <t>VELUX Plissee manuell FHL P04 1284SWL</t>
  </si>
  <si>
    <t>FHL P04 1285S</t>
  </si>
  <si>
    <t>5702329068161</t>
  </si>
  <si>
    <t>VELUX Plissee manuell FHL P04 1285S</t>
  </si>
  <si>
    <t>FHL P04 1285SWL</t>
  </si>
  <si>
    <t>5702329078245</t>
  </si>
  <si>
    <t>VELUX Plissee manuell FHL P04 1285SWL</t>
  </si>
  <si>
    <t>FHL P04 1286S</t>
  </si>
  <si>
    <t>5702329068178</t>
  </si>
  <si>
    <t>VELUX Plissee manuell FHL P04 1286S</t>
  </si>
  <si>
    <t>FHL P04 1286SWL</t>
  </si>
  <si>
    <t>5702329078252</t>
  </si>
  <si>
    <t>VELUX Plissee manuell FHL P04 1286SWL</t>
  </si>
  <si>
    <t>FHL P06 1016S</t>
  </si>
  <si>
    <t>5702325167400</t>
  </si>
  <si>
    <t>VELUX Plissee manuell FHL P06 1016S</t>
  </si>
  <si>
    <t>FHL P06 1016SWL</t>
  </si>
  <si>
    <t>5702325167417</t>
  </si>
  <si>
    <t>VELUX Plissee manuell FHL P06 1016SWL</t>
  </si>
  <si>
    <t>FHL P06 1256S</t>
  </si>
  <si>
    <t>5702327405647</t>
  </si>
  <si>
    <t>VELUX Plissee manuell FHL P06 1256S</t>
  </si>
  <si>
    <t>FHL P06 1256SWL</t>
  </si>
  <si>
    <t>5702329078269</t>
  </si>
  <si>
    <t>VELUX Plissee manuell FHL P06 1256SWL</t>
  </si>
  <si>
    <t>FHL P06 1259S</t>
  </si>
  <si>
    <t>5702327405678</t>
  </si>
  <si>
    <t>VELUX Plissee manuell FHL P06 1259S</t>
  </si>
  <si>
    <t>FHL P06 1259SWL</t>
  </si>
  <si>
    <t>5702329078276</t>
  </si>
  <si>
    <t>VELUX Plissee manuell FHL P06 1259SWL</t>
  </si>
  <si>
    <t>FHL P06 1274S</t>
  </si>
  <si>
    <t>5702329068185</t>
  </si>
  <si>
    <t>VELUX Plissee manuell FHL P06 1274S</t>
  </si>
  <si>
    <t>FHL P06 1274SWL</t>
  </si>
  <si>
    <t>5702329078283</t>
  </si>
  <si>
    <t>VELUX Plissee manuell FHL P06 1274SWL</t>
  </si>
  <si>
    <t>FHL P06 1275S</t>
  </si>
  <si>
    <t>5702329068192</t>
  </si>
  <si>
    <t>VELUX Plissee manuell FHL P06 1275S</t>
  </si>
  <si>
    <t>FHL P06 1275SWL</t>
  </si>
  <si>
    <t>5702329078290</t>
  </si>
  <si>
    <t>VELUX Plissee manuell FHL P06 1275SWL</t>
  </si>
  <si>
    <t>FHL P06 1276S</t>
  </si>
  <si>
    <t>5702329068208</t>
  </si>
  <si>
    <t>VELUX Plissee manuell FHL P06 1276S</t>
  </si>
  <si>
    <t>FHL P06 1276SWL</t>
  </si>
  <si>
    <t>5702329078306</t>
  </si>
  <si>
    <t>VELUX Plissee manuell FHL P06 1276SWL</t>
  </si>
  <si>
    <t>FHL P06 1277S</t>
  </si>
  <si>
    <t>5702329068215</t>
  </si>
  <si>
    <t>VELUX Plissee manuell FHL P06 1277S</t>
  </si>
  <si>
    <t>FHL P06 1277SWL</t>
  </si>
  <si>
    <t>5702329078313</t>
  </si>
  <si>
    <t>VELUX Plissee manuell FHL P06 1277SWL</t>
  </si>
  <si>
    <t>FHL P06 1278S</t>
  </si>
  <si>
    <t>5702329068222</t>
  </si>
  <si>
    <t>VELUX Plissee manuell FHL P06 1278S</t>
  </si>
  <si>
    <t>FHL P06 1278SWL</t>
  </si>
  <si>
    <t>5702329078320</t>
  </si>
  <si>
    <t>VELUX Plissee manuell FHL P06 1278SWL</t>
  </si>
  <si>
    <t>FHL P06 1279S</t>
  </si>
  <si>
    <t>5702329068239</t>
  </si>
  <si>
    <t>VELUX Plissee manuell FHL P06 1279S</t>
  </si>
  <si>
    <t>FHL P06 1279SWL</t>
  </si>
  <si>
    <t>5702329078337</t>
  </si>
  <si>
    <t>VELUX Plissee manuell FHL P06 1279SWL</t>
  </si>
  <si>
    <t>FHL P06 1280S</t>
  </si>
  <si>
    <t>5702329068246</t>
  </si>
  <si>
    <t>VELUX Plissee manuell FHL P06 1280S</t>
  </si>
  <si>
    <t>FHL P06 1280SWL</t>
  </si>
  <si>
    <t>5702329078344</t>
  </si>
  <si>
    <t>VELUX Plissee manuell FHL P06 1280SWL</t>
  </si>
  <si>
    <t>FHL P06 1281S</t>
  </si>
  <si>
    <t>5702329068253</t>
  </si>
  <si>
    <t>VELUX Plissee manuell FHL P06 1281S</t>
  </si>
  <si>
    <t>FHL P06 1281SWL</t>
  </si>
  <si>
    <t>5702329078351</t>
  </si>
  <si>
    <t>VELUX Plissee manuell FHL P06 1281SWL</t>
  </si>
  <si>
    <t>FHL P06 1282S</t>
  </si>
  <si>
    <t>5702329068260</t>
  </si>
  <si>
    <t>VELUX Plissee manuell FHL P06 1282S</t>
  </si>
  <si>
    <t>FHL P06 1282SWL</t>
  </si>
  <si>
    <t>5702329078368</t>
  </si>
  <si>
    <t>VELUX Plissee manuell FHL P06 1282SWL</t>
  </si>
  <si>
    <t>FHL P06 1283S</t>
  </si>
  <si>
    <t>5702329068277</t>
  </si>
  <si>
    <t>VELUX Plissee manuell FHL P06 1283S</t>
  </si>
  <si>
    <t>FHL P06 1283SWL</t>
  </si>
  <si>
    <t>5702329078375</t>
  </si>
  <si>
    <t>VELUX Plissee manuell FHL P06 1283SWL</t>
  </si>
  <si>
    <t>FHL P06 1284S</t>
  </si>
  <si>
    <t>5702329068284</t>
  </si>
  <si>
    <t>VELUX Plissee manuell FHL P06 1284S</t>
  </si>
  <si>
    <t>FHL P06 1284SWL</t>
  </si>
  <si>
    <t>5702329078382</t>
  </si>
  <si>
    <t>VELUX Plissee manuell FHL P06 1284SWL</t>
  </si>
  <si>
    <t>FHL P06 1285S</t>
  </si>
  <si>
    <t>5702329068291</t>
  </si>
  <si>
    <t>VELUX Plissee manuell FHL P06 1285S</t>
  </si>
  <si>
    <t>FHL P06 1285SWL</t>
  </si>
  <si>
    <t>5702329078399</t>
  </si>
  <si>
    <t>VELUX Plissee manuell FHL P06 1285SWL</t>
  </si>
  <si>
    <t>FHL P06 1286S</t>
  </si>
  <si>
    <t>5702329068307</t>
  </si>
  <si>
    <t>VELUX Plissee manuell FHL P06 1286S</t>
  </si>
  <si>
    <t>FHL P06 1286SWL</t>
  </si>
  <si>
    <t>5702329078405</t>
  </si>
  <si>
    <t>VELUX Plissee manuell FHL P06 1286SWL</t>
  </si>
  <si>
    <t>FHL P08 1016S</t>
  </si>
  <si>
    <t>5702325168063</t>
  </si>
  <si>
    <t>VELUX Plissee manuell FHL P08 1016S</t>
  </si>
  <si>
    <t>FHL P08 1016SWL</t>
  </si>
  <si>
    <t>5702325168070</t>
  </si>
  <si>
    <t>VELUX Plissee manuell FHL P08 1016SWL</t>
  </si>
  <si>
    <t>FHL P08 1256S</t>
  </si>
  <si>
    <t>5702327405807</t>
  </si>
  <si>
    <t>VELUX Plissee manuell FHL P08 1256S</t>
  </si>
  <si>
    <t>FHL P08 1256SWL</t>
  </si>
  <si>
    <t>5702329078412</t>
  </si>
  <si>
    <t>VELUX Plissee manuell FHL P08 1256SWL</t>
  </si>
  <si>
    <t>FHL P08 1259S</t>
  </si>
  <si>
    <t>5702327405838</t>
  </si>
  <si>
    <t>VELUX Plissee manuell FHL P08 1259S</t>
  </si>
  <si>
    <t>FHL P08 1259SWL</t>
  </si>
  <si>
    <t>5702329078429</t>
  </si>
  <si>
    <t>VELUX Plissee manuell FHL P08 1259SWL</t>
  </si>
  <si>
    <t>FHL P08 1274S</t>
  </si>
  <si>
    <t>5702329068314</t>
  </si>
  <si>
    <t>VELUX Plissee manuell FHL P08 1274S</t>
  </si>
  <si>
    <t>FHL P08 1274SWL</t>
  </si>
  <si>
    <t>5702329078436</t>
  </si>
  <si>
    <t>VELUX Plissee manuell FHL P08 1274SWL</t>
  </si>
  <si>
    <t>FHL P08 1275S</t>
  </si>
  <si>
    <t>5702329068321</t>
  </si>
  <si>
    <t>VELUX Plissee manuell FHL P08 1275S</t>
  </si>
  <si>
    <t>FHL P08 1275SWL</t>
  </si>
  <si>
    <t>5702329078443</t>
  </si>
  <si>
    <t>VELUX Plissee manuell FHL P08 1275SWL</t>
  </si>
  <si>
    <t>FHL P08 1276S</t>
  </si>
  <si>
    <t>5702329068338</t>
  </si>
  <si>
    <t>VELUX Plissee manuell FHL P08 1276S</t>
  </si>
  <si>
    <t>FHL P08 1276SWL</t>
  </si>
  <si>
    <t>5702329078450</t>
  </si>
  <si>
    <t>VELUX Plissee manuell FHL P08 1276SWL</t>
  </si>
  <si>
    <t>FHL P08 1277S</t>
  </si>
  <si>
    <t>5702329068345</t>
  </si>
  <si>
    <t>VELUX Plissee manuell FHL P08 1277S</t>
  </si>
  <si>
    <t>FHL P08 1277SWL</t>
  </si>
  <si>
    <t>5702329078467</t>
  </si>
  <si>
    <t>VELUX Plissee manuell FHL P08 1277SWL</t>
  </si>
  <si>
    <t>FHL P08 1278S</t>
  </si>
  <si>
    <t>5702329068352</t>
  </si>
  <si>
    <t>VELUX Plissee manuell FHL P08 1278S</t>
  </si>
  <si>
    <t>FHL P08 1278SWL</t>
  </si>
  <si>
    <t>5702329078474</t>
  </si>
  <si>
    <t>VELUX Plissee manuell FHL P08 1278SWL</t>
  </si>
  <si>
    <t>FHL P08 1279S</t>
  </si>
  <si>
    <t>5702329068369</t>
  </si>
  <si>
    <t>VELUX Plissee manuell FHL P08 1279S</t>
  </si>
  <si>
    <t>FHL P08 1279SWL</t>
  </si>
  <si>
    <t>5702329078481</t>
  </si>
  <si>
    <t>VELUX Plissee manuell FHL P08 1279SWL</t>
  </si>
  <si>
    <t>FHL P08 1280S</t>
  </si>
  <si>
    <t>5702329068376</t>
  </si>
  <si>
    <t>VELUX Plissee manuell FHL P08 1280S</t>
  </si>
  <si>
    <t>FHL P08 1280SWL</t>
  </si>
  <si>
    <t>5702329078498</t>
  </si>
  <si>
    <t>VELUX Plissee manuell FHL P08 1280SWL</t>
  </si>
  <si>
    <t>FHL P08 1281S</t>
  </si>
  <si>
    <t>5702329068383</t>
  </si>
  <si>
    <t>VELUX Plissee manuell FHL P08 1281S</t>
  </si>
  <si>
    <t>FHL P08 1281SWL</t>
  </si>
  <si>
    <t>5702329078504</t>
  </si>
  <si>
    <t>VELUX Plissee manuell FHL P08 1281SWL</t>
  </si>
  <si>
    <t>FHL P08 1282S</t>
  </si>
  <si>
    <t>5702329068390</t>
  </si>
  <si>
    <t>VELUX Plissee manuell FHL P08 1282S</t>
  </si>
  <si>
    <t>FHL P08 1282SWL</t>
  </si>
  <si>
    <t>5702329078511</t>
  </si>
  <si>
    <t>VELUX Plissee manuell FHL P08 1282SWL</t>
  </si>
  <si>
    <t>FHL P08 1283S</t>
  </si>
  <si>
    <t>5702329068406</t>
  </si>
  <si>
    <t>VELUX Plissee manuell FHL P08 1283S</t>
  </si>
  <si>
    <t>FHL P08 1283SWL</t>
  </si>
  <si>
    <t>5702329078528</t>
  </si>
  <si>
    <t>VELUX Plissee manuell FHL P08 1283SWL</t>
  </si>
  <si>
    <t>FHL P08 1284S</t>
  </si>
  <si>
    <t>5702329068413</t>
  </si>
  <si>
    <t>VELUX Plissee manuell FHL P08 1284S</t>
  </si>
  <si>
    <t>FHL P08 1284SWL</t>
  </si>
  <si>
    <t>5702329078535</t>
  </si>
  <si>
    <t>VELUX Plissee manuell FHL P08 1284SWL</t>
  </si>
  <si>
    <t>FHL P08 1285S</t>
  </si>
  <si>
    <t>5702329068420</t>
  </si>
  <si>
    <t>VELUX Plissee manuell FHL P08 1285S</t>
  </si>
  <si>
    <t>FHL P08 1285SWL</t>
  </si>
  <si>
    <t>5702329078542</t>
  </si>
  <si>
    <t>VELUX Plissee manuell FHL P08 1285SWL</t>
  </si>
  <si>
    <t>FHL P08 1286S</t>
  </si>
  <si>
    <t>5702329068437</t>
  </si>
  <si>
    <t>VELUX Plissee manuell FHL P08 1286S</t>
  </si>
  <si>
    <t>FHL P08 1286SWL</t>
  </si>
  <si>
    <t>5702329078559</t>
  </si>
  <si>
    <t>VELUX Plissee manuell FHL P08 1286SWL</t>
  </si>
  <si>
    <t>FHL P10 1016S</t>
  </si>
  <si>
    <t>5702325168728</t>
  </si>
  <si>
    <t>VELUX Plissee manuell FHL P10 1016S</t>
  </si>
  <si>
    <t>FHL P10 1016SWL</t>
  </si>
  <si>
    <t>5702325168735</t>
  </si>
  <si>
    <t>VELUX Plissee manuell FHL P10 1016SWL</t>
  </si>
  <si>
    <t>FHL P10 1256S</t>
  </si>
  <si>
    <t>5702327405968</t>
  </si>
  <si>
    <t>VELUX Plissee manuell FHL P10 1256S</t>
  </si>
  <si>
    <t>FHL P10 1256SWL</t>
  </si>
  <si>
    <t>5702329078566</t>
  </si>
  <si>
    <t>VELUX Plissee manuell FHL P10 1256SWL</t>
  </si>
  <si>
    <t>FHL P10 1259S</t>
  </si>
  <si>
    <t>5702327405999</t>
  </si>
  <si>
    <t>VELUX Plissee manuell FHL P10 1259S</t>
  </si>
  <si>
    <t>FHL P10 1259SWL</t>
  </si>
  <si>
    <t>5702329078573</t>
  </si>
  <si>
    <t>VELUX Plissee manuell FHL P10 1259SWL</t>
  </si>
  <si>
    <t>FHL P10 1274S</t>
  </si>
  <si>
    <t>5702329068444</t>
  </si>
  <si>
    <t>VELUX Plissee manuell FHL P10 1274S</t>
  </si>
  <si>
    <t>FHL P10 1274SWL</t>
  </si>
  <si>
    <t>5702329078580</t>
  </si>
  <si>
    <t>VELUX Plissee manuell FHL P10 1274SWL</t>
  </si>
  <si>
    <t>FHL P10 1275S</t>
  </si>
  <si>
    <t>5702329068451</t>
  </si>
  <si>
    <t>VELUX Plissee manuell FHL P10 1275S</t>
  </si>
  <si>
    <t>FHL P10 1275SWL</t>
  </si>
  <si>
    <t>5702329078597</t>
  </si>
  <si>
    <t>VELUX Plissee manuell FHL P10 1275SWL</t>
  </si>
  <si>
    <t>FHL P10 1276S</t>
  </si>
  <si>
    <t>5702329068468</t>
  </si>
  <si>
    <t>VELUX Plissee manuell FHL P10 1276S</t>
  </si>
  <si>
    <t>FHL P10 1276SWL</t>
  </si>
  <si>
    <t>5702329078603</t>
  </si>
  <si>
    <t>VELUX Plissee manuell FHL P10 1276SWL</t>
  </si>
  <si>
    <t>FHL P10 1277S</t>
  </si>
  <si>
    <t>5702329068475</t>
  </si>
  <si>
    <t>VELUX Plissee manuell FHL P10 1277S</t>
  </si>
  <si>
    <t>FHL P10 1277SWL</t>
  </si>
  <si>
    <t>5702329078610</t>
  </si>
  <si>
    <t>VELUX Plissee manuell FHL P10 1277SWL</t>
  </si>
  <si>
    <t>FHL P10 1278S</t>
  </si>
  <si>
    <t>5702329068482</t>
  </si>
  <si>
    <t>VELUX Plissee manuell FHL P10 1278S</t>
  </si>
  <si>
    <t>FHL P10 1278SWL</t>
  </si>
  <si>
    <t>5702329078627</t>
  </si>
  <si>
    <t>VELUX Plissee manuell FHL P10 1278SWL</t>
  </si>
  <si>
    <t>FHL P10 1279S</t>
  </si>
  <si>
    <t>5702329068499</t>
  </si>
  <si>
    <t>VELUX Plissee manuell FHL P10 1279S</t>
  </si>
  <si>
    <t>FHL P10 1280S</t>
  </si>
  <si>
    <t>5702329068505</t>
  </si>
  <si>
    <t>VELUX Plissee manuell FHL P10 1280S</t>
  </si>
  <si>
    <t>FHL P10 1280SWL</t>
  </si>
  <si>
    <t>5702329078641</t>
  </si>
  <si>
    <t>VELUX Plissee manuell FHL P10 1280SWL</t>
  </si>
  <si>
    <t>FHL P10 1281S</t>
  </si>
  <si>
    <t>5702329068512</t>
  </si>
  <si>
    <t>VELUX Plissee manuell FHL P10 1281S</t>
  </si>
  <si>
    <t>FHL P10 1281SWL</t>
  </si>
  <si>
    <t>5702329078658</t>
  </si>
  <si>
    <t>VELUX Plissee manuell FHL P10 1281SWL</t>
  </si>
  <si>
    <t>FHL P10 1282S</t>
  </si>
  <si>
    <t>5702329068529</t>
  </si>
  <si>
    <t>VELUX Plissee manuell FHL P10 1282S</t>
  </si>
  <si>
    <t>FHL P10 1282SWL</t>
  </si>
  <si>
    <t>5702329078665</t>
  </si>
  <si>
    <t>VELUX Plissee manuell FHL P10 1282SWL</t>
  </si>
  <si>
    <t>FHL P10 1283S</t>
  </si>
  <si>
    <t>5702329068536</t>
  </si>
  <si>
    <t>VELUX Plissee manuell FHL P10 1283S</t>
  </si>
  <si>
    <t>FHL P10 1283SWL</t>
  </si>
  <si>
    <t>5702329078672</t>
  </si>
  <si>
    <t>VELUX Plissee manuell FHL P10 1283SWL</t>
  </si>
  <si>
    <t>FHL P10 1284S</t>
  </si>
  <si>
    <t>5702329068543</t>
  </si>
  <si>
    <t>VELUX Plissee manuell FHL P10 1284S</t>
  </si>
  <si>
    <t>FHL P10 1284SWL</t>
  </si>
  <si>
    <t>5702329078689</t>
  </si>
  <si>
    <t>VELUX Plissee manuell FHL P10 1284SWL</t>
  </si>
  <si>
    <t>FHL P10 1285S</t>
  </si>
  <si>
    <t>5702329068550</t>
  </si>
  <si>
    <t>VELUX Plissee manuell FHL P10 1285S</t>
  </si>
  <si>
    <t>FHL P10 1285SWL</t>
  </si>
  <si>
    <t>5702329078696</t>
  </si>
  <si>
    <t>VELUX Plissee manuell FHL P10 1285SWL</t>
  </si>
  <si>
    <t>FHL P10 1286S</t>
  </si>
  <si>
    <t>5702329068567</t>
  </si>
  <si>
    <t>VELUX Plissee manuell FHL P10 1286S</t>
  </si>
  <si>
    <t>FHL P10 1286SWL</t>
  </si>
  <si>
    <t>5702329078702</t>
  </si>
  <si>
    <t>VELUX Plissee manuell FHL P10 1286SWL</t>
  </si>
  <si>
    <t>FHL P31 1016S</t>
  </si>
  <si>
    <t>5702325170707</t>
  </si>
  <si>
    <t>VELUX Plissee manuell FHL P31 1016S</t>
  </si>
  <si>
    <t>FHL P31 1016SWL</t>
  </si>
  <si>
    <t>5702325170714</t>
  </si>
  <si>
    <t>VELUX Plissee manuell FHL P31 1016SWL</t>
  </si>
  <si>
    <t>FHL P31 1259S</t>
  </si>
  <si>
    <t>5702327406316</t>
  </si>
  <si>
    <t>VELUX Plissee manuell FHL P31 1259S</t>
  </si>
  <si>
    <t>FHL P31 1259SWL</t>
  </si>
  <si>
    <t>5702329224987</t>
  </si>
  <si>
    <t>VELUX Plissee manuell FHL P31 1259SWL</t>
  </si>
  <si>
    <t>FHL P31 1274S</t>
  </si>
  <si>
    <t>5702329068703</t>
  </si>
  <si>
    <t>VELUX Plissee manuell FHL P31 1274S</t>
  </si>
  <si>
    <t>FHL P31 1274SWL</t>
  </si>
  <si>
    <t>5702329224994</t>
  </si>
  <si>
    <t>VELUX Plissee manuell FHL P31 1274SWL</t>
  </si>
  <si>
    <t>FHL P31 1275S</t>
  </si>
  <si>
    <t>5702329068710</t>
  </si>
  <si>
    <t>VELUX Plissee manuell FHL P31 1275S</t>
  </si>
  <si>
    <t>FHL P31 1275SWL</t>
  </si>
  <si>
    <t>5702329225007</t>
  </si>
  <si>
    <t>VELUX Plissee manuell FHL P31 1275SWL</t>
  </si>
  <si>
    <t>FHL P31 1282S</t>
  </si>
  <si>
    <t>5702329068789</t>
  </si>
  <si>
    <t>VELUX Plissee manuell FHL P31 1282S</t>
  </si>
  <si>
    <t>FHL P31 1282SWL</t>
  </si>
  <si>
    <t>5702329225076</t>
  </si>
  <si>
    <t>VELUX Plissee manuell FHL P31 1282SWL</t>
  </si>
  <si>
    <t>FHL P31 1284S</t>
  </si>
  <si>
    <t>5702329068802</t>
  </si>
  <si>
    <t>VELUX Plissee manuell FHL P31 1284S</t>
  </si>
  <si>
    <t>FHL PK06 1016S</t>
  </si>
  <si>
    <t>5702326787294</t>
  </si>
  <si>
    <t>VELUX Plissee manuell FHL PK06 1016S</t>
  </si>
  <si>
    <t>FHL PK06 1016SWL</t>
  </si>
  <si>
    <t>5702326787300</t>
  </si>
  <si>
    <t>VELUX Plissee manuell FHL PK06 1016SWL</t>
  </si>
  <si>
    <t>FHL PK06 1256S</t>
  </si>
  <si>
    <t>5702327406767</t>
  </si>
  <si>
    <t>VELUX Plissee manuell FHL PK06 1256S</t>
  </si>
  <si>
    <t>FHL PK06 1256SWL</t>
  </si>
  <si>
    <t>5702329079013</t>
  </si>
  <si>
    <t>VELUX Plissee manuell FHL PK06 1256SWL</t>
  </si>
  <si>
    <t>FHL PK06 1259S</t>
  </si>
  <si>
    <t>5702327406798</t>
  </si>
  <si>
    <t>VELUX Plissee manuell FHL PK06 1259S</t>
  </si>
  <si>
    <t>FHL PK06 1259SWL</t>
  </si>
  <si>
    <t>5702329079020</t>
  </si>
  <si>
    <t>VELUX Plissee manuell FHL PK06 1259SWL</t>
  </si>
  <si>
    <t>FHL PK06 1274S</t>
  </si>
  <si>
    <t>5702329069090</t>
  </si>
  <si>
    <t>VELUX Plissee manuell FHL PK06 1274S</t>
  </si>
  <si>
    <t>FHL PK06 1274SWL</t>
  </si>
  <si>
    <t>5702329079037</t>
  </si>
  <si>
    <t>VELUX Plissee manuell FHL PK06 1274SWL</t>
  </si>
  <si>
    <t>FHL PK06 1275S</t>
  </si>
  <si>
    <t>5702329069106</t>
  </si>
  <si>
    <t>VELUX Plissee manuell FHL PK06 1275S</t>
  </si>
  <si>
    <t>FHL PK06 1275SWL</t>
  </si>
  <si>
    <t>5702329079044</t>
  </si>
  <si>
    <t>VELUX Plissee manuell FHL PK06 1275SWL</t>
  </si>
  <si>
    <t>FHL PK06 1276S</t>
  </si>
  <si>
    <t>5702329069113</t>
  </si>
  <si>
    <t>VELUX Plissee manuell FHL PK06 1276S</t>
  </si>
  <si>
    <t>FHL PK06 1276SWL</t>
  </si>
  <si>
    <t>5702329079051</t>
  </si>
  <si>
    <t>VELUX Plissee manuell FHL PK06 1276SWL</t>
  </si>
  <si>
    <t>FHL PK06 1277S</t>
  </si>
  <si>
    <t>5702329069120</t>
  </si>
  <si>
    <t>VELUX Plissee manuell FHL PK06 1277S</t>
  </si>
  <si>
    <t>FHL PK06 1277SWL</t>
  </si>
  <si>
    <t>5702329079068</t>
  </si>
  <si>
    <t>VELUX Plissee manuell FHL PK06 1277SWL</t>
  </si>
  <si>
    <t>FHL PK06 1278S</t>
  </si>
  <si>
    <t>5702329069137</t>
  </si>
  <si>
    <t>VELUX Plissee manuell FHL PK06 1278S</t>
  </si>
  <si>
    <t>FHL PK06 1278SWL</t>
  </si>
  <si>
    <t>5702329079075</t>
  </si>
  <si>
    <t>VELUX Plissee manuell FHL PK06 1278SWL</t>
  </si>
  <si>
    <t>FHL PK06 1279S</t>
  </si>
  <si>
    <t>5702329069144</t>
  </si>
  <si>
    <t>VELUX Plissee manuell FHL PK06 1279S</t>
  </si>
  <si>
    <t>FHL PK06 1279SWL</t>
  </si>
  <si>
    <t>5702329079082</t>
  </si>
  <si>
    <t>VELUX Plissee manuell FHL PK06 1279SWL</t>
  </si>
  <si>
    <t>FHL PK06 1280S</t>
  </si>
  <si>
    <t>5702329069151</t>
  </si>
  <si>
    <t>VELUX Plissee manuell FHL PK06 1280S</t>
  </si>
  <si>
    <t>FHL PK06 1280SWL</t>
  </si>
  <si>
    <t>5702329079099</t>
  </si>
  <si>
    <t>VELUX Plissee manuell FHL PK06 1280SWL</t>
  </si>
  <si>
    <t>FHL PK06 1281S</t>
  </si>
  <si>
    <t>5702329069168</t>
  </si>
  <si>
    <t>VELUX Plissee manuell FHL PK06 1281S</t>
  </si>
  <si>
    <t>FHL PK06 1281SWL</t>
  </si>
  <si>
    <t>5702329079105</t>
  </si>
  <si>
    <t>VELUX Plissee manuell FHL PK06 1281SWL</t>
  </si>
  <si>
    <t>FHL PK06 1282S</t>
  </si>
  <si>
    <t>5702329069175</t>
  </si>
  <si>
    <t>VELUX Plissee manuell FHL PK06 1282S</t>
  </si>
  <si>
    <t>FHL PK06 1282SWL</t>
  </si>
  <si>
    <t>5702329079112</t>
  </si>
  <si>
    <t>VELUX Plissee manuell FHL PK06 1282SWL</t>
  </si>
  <si>
    <t>FHL PK06 1283S</t>
  </si>
  <si>
    <t>5702329069182</t>
  </si>
  <si>
    <t>VELUX Plissee manuell FHL PK06 1283S</t>
  </si>
  <si>
    <t>FHL PK06 1283SWL</t>
  </si>
  <si>
    <t>5702329079129</t>
  </si>
  <si>
    <t>VELUX Plissee manuell FHL PK06 1283SWL</t>
  </si>
  <si>
    <t>FHL PK06 1284S</t>
  </si>
  <si>
    <t>5702329069199</t>
  </si>
  <si>
    <t>VELUX Plissee manuell FHL PK06 1284S</t>
  </si>
  <si>
    <t>FHL PK06 1284SWL</t>
  </si>
  <si>
    <t>5702329079136</t>
  </si>
  <si>
    <t>VELUX Plissee manuell FHL PK06 1284SWL</t>
  </si>
  <si>
    <t>FHL PK06 1285S</t>
  </si>
  <si>
    <t>5702329069205</t>
  </si>
  <si>
    <t>VELUX Plissee manuell FHL PK06 1285S</t>
  </si>
  <si>
    <t>FHL PK06 1285SWL</t>
  </si>
  <si>
    <t>5702329079143</t>
  </si>
  <si>
    <t>VELUX Plissee manuell FHL PK06 1285SWL</t>
  </si>
  <si>
    <t>FHL PK06 1286S</t>
  </si>
  <si>
    <t>5702329069212</t>
  </si>
  <si>
    <t>VELUX Plissee manuell FHL PK06 1286S</t>
  </si>
  <si>
    <t>FHL PK06 1286SWL</t>
  </si>
  <si>
    <t>5702329079150</t>
  </si>
  <si>
    <t>VELUX Plissee manuell FHL PK06 1286SWL</t>
  </si>
  <si>
    <t>FHL PK08 1016S</t>
  </si>
  <si>
    <t>5702326787959</t>
  </si>
  <si>
    <t>VELUX Plissee manuell FHL PK08 1016S</t>
  </si>
  <si>
    <t>FHL PK08 1016SWL</t>
  </si>
  <si>
    <t>5702326787966</t>
  </si>
  <si>
    <t>VELUX Plissee manuell FHL PK08 1016SWL</t>
  </si>
  <si>
    <t>FHL PK08 1256S</t>
  </si>
  <si>
    <t>5702327406927</t>
  </si>
  <si>
    <t>VELUX Plissee manuell FHL PK08 1256S</t>
  </si>
  <si>
    <t>FHL PK08 1256SWL</t>
  </si>
  <si>
    <t>5702329079167</t>
  </si>
  <si>
    <t>VELUX Plissee manuell FHL PK08 1256SWL</t>
  </si>
  <si>
    <t>FHL PK08 1259S</t>
  </si>
  <si>
    <t>5702327406958</t>
  </si>
  <si>
    <t>VELUX Plissee manuell FHL PK08 1259S</t>
  </si>
  <si>
    <t>FHL PK08 1259SWL</t>
  </si>
  <si>
    <t>5702329079174</t>
  </si>
  <si>
    <t>VELUX Plissee manuell FHL PK08 1259SWL</t>
  </si>
  <si>
    <t>FHL PK08 1274S</t>
  </si>
  <si>
    <t>5702329069229</t>
  </si>
  <si>
    <t>VELUX Plissee manuell FHL PK08 1274S</t>
  </si>
  <si>
    <t>FHL PK08 1274SWL</t>
  </si>
  <si>
    <t>5702329079181</t>
  </si>
  <si>
    <t>VELUX Plissee manuell FHL PK08 1274SWL</t>
  </si>
  <si>
    <t>FHL PK08 1275S</t>
  </si>
  <si>
    <t>5702329069236</t>
  </si>
  <si>
    <t>VELUX Plissee manuell FHL PK08 1275S</t>
  </si>
  <si>
    <t>FHL PK08 1275SWL</t>
  </si>
  <si>
    <t>5702329079198</t>
  </si>
  <si>
    <t>VELUX Plissee manuell FHL PK08 1275SWL</t>
  </si>
  <si>
    <t>FHL PK08 1276S</t>
  </si>
  <si>
    <t>5702329069243</t>
  </si>
  <si>
    <t>VELUX Plissee manuell FHL PK08 1276S</t>
  </si>
  <si>
    <t>FHL PK08 1276SWL</t>
  </si>
  <si>
    <t>5702329079204</t>
  </si>
  <si>
    <t>VELUX Plissee manuell FHL PK08 1276SWL</t>
  </si>
  <si>
    <t>FHL PK08 1277S</t>
  </si>
  <si>
    <t>5702329069250</t>
  </si>
  <si>
    <t>VELUX Plissee manuell FHL PK08 1277S</t>
  </si>
  <si>
    <t>FHL PK08 1277SWL</t>
  </si>
  <si>
    <t>5702329079211</t>
  </si>
  <si>
    <t>VELUX Plissee manuell FHL PK08 1277SWL</t>
  </si>
  <si>
    <t>FHL PK08 1278S</t>
  </si>
  <si>
    <t>5702329069267</t>
  </si>
  <si>
    <t>VELUX Plissee manuell FHL PK08 1278S</t>
  </si>
  <si>
    <t>FHL PK08 1278SWL</t>
  </si>
  <si>
    <t>5702329079228</t>
  </si>
  <si>
    <t>VELUX Plissee manuell FHL PK08 1278SWL</t>
  </si>
  <si>
    <t>FHL PK08 1279S</t>
  </si>
  <si>
    <t>5702329069274</t>
  </si>
  <si>
    <t>VELUX Plissee manuell FHL PK08 1279S</t>
  </si>
  <si>
    <t>FHL PK08 1279SWL</t>
  </si>
  <si>
    <t>5702329079235</t>
  </si>
  <si>
    <t>VELUX Plissee manuell FHL PK08 1279SWL</t>
  </si>
  <si>
    <t>FHL PK08 1280S</t>
  </si>
  <si>
    <t>5702329069281</t>
  </si>
  <si>
    <t>VELUX Plissee manuell FHL PK08 1280S</t>
  </si>
  <si>
    <t>FHL PK08 1280SWL</t>
  </si>
  <si>
    <t>5702329079242</t>
  </si>
  <si>
    <t>VELUX Plissee manuell FHL PK08 1280SWL</t>
  </si>
  <si>
    <t>FHL PK08 1281S</t>
  </si>
  <si>
    <t>5702329069298</t>
  </si>
  <si>
    <t>VELUX Plissee manuell FHL PK08 1281S</t>
  </si>
  <si>
    <t>FHL PK08 1281SWL</t>
  </si>
  <si>
    <t>5702329079259</t>
  </si>
  <si>
    <t>VELUX Plissee manuell FHL PK08 1281SWL</t>
  </si>
  <si>
    <t>FHL PK08 1282S</t>
  </si>
  <si>
    <t>5702329069304</t>
  </si>
  <si>
    <t>VELUX Plissee manuell FHL PK08 1282S</t>
  </si>
  <si>
    <t>FHL PK08 1282SWL</t>
  </si>
  <si>
    <t>5702329079266</t>
  </si>
  <si>
    <t>VELUX Plissee manuell FHL PK08 1282SWL</t>
  </si>
  <si>
    <t>FHL PK08 1283S</t>
  </si>
  <si>
    <t>5702329069311</t>
  </si>
  <si>
    <t>VELUX Plissee manuell FHL PK08 1283S</t>
  </si>
  <si>
    <t>FHL PK08 1283SWL</t>
  </si>
  <si>
    <t>5702329079273</t>
  </si>
  <si>
    <t>VELUX Plissee manuell FHL PK08 1283SWL</t>
  </si>
  <si>
    <t>FHL PK08 1284S</t>
  </si>
  <si>
    <t>5702329069328</t>
  </si>
  <si>
    <t>VELUX Plissee manuell FHL PK08 1284S</t>
  </si>
  <si>
    <t>FHL PK08 1284SWL</t>
  </si>
  <si>
    <t>5702329079280</t>
  </si>
  <si>
    <t>VELUX Plissee manuell FHL PK08 1284SWL</t>
  </si>
  <si>
    <t>FHL PK08 1285S</t>
  </si>
  <si>
    <t>5702329069335</t>
  </si>
  <si>
    <t>VELUX Plissee manuell FHL PK08 1285S</t>
  </si>
  <si>
    <t>FHL PK08 1285SWL</t>
  </si>
  <si>
    <t>5702329079297</t>
  </si>
  <si>
    <t>VELUX Plissee manuell FHL PK08 1285SWL</t>
  </si>
  <si>
    <t>FHL PK08 1286S</t>
  </si>
  <si>
    <t>5702329069342</t>
  </si>
  <si>
    <t>VELUX Plissee manuell FHL PK08 1286S</t>
  </si>
  <si>
    <t>FHL PK08 1286SWL</t>
  </si>
  <si>
    <t>5702329079303</t>
  </si>
  <si>
    <t>VELUX Plissee manuell FHL PK08 1286SWL</t>
  </si>
  <si>
    <t>FHL PK10 1016S</t>
  </si>
  <si>
    <t>5702326788611</t>
  </si>
  <si>
    <t>VELUX Plissee manuell FHL PK10 1016S</t>
  </si>
  <si>
    <t>FHL PK10 1016SWL</t>
  </si>
  <si>
    <t>5702326788628</t>
  </si>
  <si>
    <t>VELUX Plissee manuell FHL PK10 1016SWL</t>
  </si>
  <si>
    <t>FHL PK10 1256S</t>
  </si>
  <si>
    <t>5702327407085</t>
  </si>
  <si>
    <t>VELUX Plissee manuell FHL PK10 1256S</t>
  </si>
  <si>
    <t>FHL PK10 1256SWL</t>
  </si>
  <si>
    <t>5702329079310</t>
  </si>
  <si>
    <t>VELUX Plissee manuell FHL PK10 1256SWL</t>
  </si>
  <si>
    <t>FHL PK10 1259S</t>
  </si>
  <si>
    <t>5702327407115</t>
  </si>
  <si>
    <t>VELUX Plissee manuell FHL PK10 1259S</t>
  </si>
  <si>
    <t>FHL PK10 1259SWL</t>
  </si>
  <si>
    <t>5702329079327</t>
  </si>
  <si>
    <t>VELUX Plissee manuell FHL PK10 1259SWL</t>
  </si>
  <si>
    <t>FHL PK10 1274S</t>
  </si>
  <si>
    <t>5702329069359</t>
  </si>
  <si>
    <t>VELUX Plissee manuell FHL PK10 1274S</t>
  </si>
  <si>
    <t>FHL PK10 1274SWL</t>
  </si>
  <si>
    <t>5702329079334</t>
  </si>
  <si>
    <t>VELUX Plissee manuell FHL PK10 1274SWL</t>
  </si>
  <si>
    <t>FHL PK10 1275S</t>
  </si>
  <si>
    <t>5702329069366</t>
  </si>
  <si>
    <t>VELUX Plissee manuell FHL PK10 1275S</t>
  </si>
  <si>
    <t>FHL PK10 1275SWL</t>
  </si>
  <si>
    <t>5702329079341</t>
  </si>
  <si>
    <t>VELUX Plissee manuell FHL PK10 1275SWL</t>
  </si>
  <si>
    <t>FHL PK10 1276SWL</t>
  </si>
  <si>
    <t>5702329079358</t>
  </si>
  <si>
    <t>VELUX Plissee manuell FHL PK10 1276SWL</t>
  </si>
  <si>
    <t>FHL PK10 1277S</t>
  </si>
  <si>
    <t>5702329069380</t>
  </si>
  <si>
    <t>VELUX Plissee manuell FHL PK10 1277S</t>
  </si>
  <si>
    <t>FHL PK10 1277SWL</t>
  </si>
  <si>
    <t>5702329079365</t>
  </si>
  <si>
    <t>VELUX Plissee manuell FHL PK10 1277SWL</t>
  </si>
  <si>
    <t>FHL PK10 1278S</t>
  </si>
  <si>
    <t>5702329069397</t>
  </si>
  <si>
    <t>VELUX Plissee manuell FHL PK10 1278S</t>
  </si>
  <si>
    <t>FHL PK10 1278SWL</t>
  </si>
  <si>
    <t>5702329079372</t>
  </si>
  <si>
    <t>VELUX Plissee manuell FHL PK10 1278SWL</t>
  </si>
  <si>
    <t>FHL PK10 1279S</t>
  </si>
  <si>
    <t>5702329069403</t>
  </si>
  <si>
    <t>VELUX Plissee manuell FHL PK10 1279S</t>
  </si>
  <si>
    <t>FHL PK10 1279SWL</t>
  </si>
  <si>
    <t>5702329079389</t>
  </si>
  <si>
    <t>VELUX Plissee manuell FHL PK10 1279SWL</t>
  </si>
  <si>
    <t>FHL PK10 1280S</t>
  </si>
  <si>
    <t>5702329069410</t>
  </si>
  <si>
    <t>VELUX Plissee manuell FHL PK10 1280S</t>
  </si>
  <si>
    <t>FHL PK10 1280SWL</t>
  </si>
  <si>
    <t>5702329079396</t>
  </si>
  <si>
    <t>VELUX Plissee manuell FHL PK10 1280SWL</t>
  </si>
  <si>
    <t>FHL PK10 1281S</t>
  </si>
  <si>
    <t>5702329069427</t>
  </si>
  <si>
    <t>VELUX Plissee manuell FHL PK10 1281S</t>
  </si>
  <si>
    <t>FHL PK10 1281SWL</t>
  </si>
  <si>
    <t>5702329079402</t>
  </si>
  <si>
    <t>VELUX Plissee manuell FHL PK10 1281SWL</t>
  </si>
  <si>
    <t>FHL PK10 1282S</t>
  </si>
  <si>
    <t>5702329069434</t>
  </si>
  <si>
    <t>VELUX Plissee manuell FHL PK10 1282S</t>
  </si>
  <si>
    <t>FHL PK10 1282SWL</t>
  </si>
  <si>
    <t>5702329079419</t>
  </si>
  <si>
    <t>VELUX Plissee manuell FHL PK10 1282SWL</t>
  </si>
  <si>
    <t>FHL PK10 1283S</t>
  </si>
  <si>
    <t>5702329069441</t>
  </si>
  <si>
    <t>VELUX Plissee manuell FHL PK10 1283S</t>
  </si>
  <si>
    <t>FHL PK10 1283SWL</t>
  </si>
  <si>
    <t>5702329079426</t>
  </si>
  <si>
    <t>VELUX Plissee manuell FHL PK10 1283SWL</t>
  </si>
  <si>
    <t>FHL PK10 1284S</t>
  </si>
  <si>
    <t>5702329069458</t>
  </si>
  <si>
    <t>VELUX Plissee manuell FHL PK10 1284S</t>
  </si>
  <si>
    <t>FHL PK10 1284SWL</t>
  </si>
  <si>
    <t>5702329079433</t>
  </si>
  <si>
    <t>VELUX Plissee manuell FHL PK10 1284SWL</t>
  </si>
  <si>
    <t>FHL PK10 1285S</t>
  </si>
  <si>
    <t>5702329069465</t>
  </si>
  <si>
    <t>VELUX Plissee manuell FHL PK10 1285S</t>
  </si>
  <si>
    <t>FHL PK10 1285SWL</t>
  </si>
  <si>
    <t>5702329079440</t>
  </si>
  <si>
    <t>VELUX Plissee manuell FHL PK10 1285SWL</t>
  </si>
  <si>
    <t>FHL PK10 1286S</t>
  </si>
  <si>
    <t>5702329069472</t>
  </si>
  <si>
    <t>VELUX Plissee manuell FHL PK10 1286S</t>
  </si>
  <si>
    <t>FHL PK10 1286SWL</t>
  </si>
  <si>
    <t>5702329079457</t>
  </si>
  <si>
    <t>VELUX Plissee manuell FHL PK10 1286SWL</t>
  </si>
  <si>
    <t>FHL S04 1016S</t>
  </si>
  <si>
    <t>5702325172688</t>
  </si>
  <si>
    <t>VELUX Plissee manuell FHL S04 1016S</t>
  </si>
  <si>
    <t>FHL S04 1016SWL</t>
  </si>
  <si>
    <t>5702325172695</t>
  </si>
  <si>
    <t>VELUX Plissee manuell FHL S04 1016SWL</t>
  </si>
  <si>
    <t>FHL S04 1256S</t>
  </si>
  <si>
    <t>5702327407566</t>
  </si>
  <si>
    <t>VELUX Plissee manuell FHL S04 1256S</t>
  </si>
  <si>
    <t>FHL S04 1256SWL</t>
  </si>
  <si>
    <t>5702329079761</t>
  </si>
  <si>
    <t>VELUX Plissee manuell FHL S04 1256SWL</t>
  </si>
  <si>
    <t>FHL S04 1259S</t>
  </si>
  <si>
    <t>5702327407597</t>
  </si>
  <si>
    <t>VELUX Plissee manuell FHL S04 1259S</t>
  </si>
  <si>
    <t>FHL S04 1259SWL</t>
  </si>
  <si>
    <t>5702329079778</t>
  </si>
  <si>
    <t>VELUX Plissee manuell FHL S04 1259SWL</t>
  </si>
  <si>
    <t>FHL S04 1274S</t>
  </si>
  <si>
    <t>5702329069748</t>
  </si>
  <si>
    <t>VELUX Plissee manuell FHL S04 1274S</t>
  </si>
  <si>
    <t>FHL S04 1274SWL</t>
  </si>
  <si>
    <t>5702329079785</t>
  </si>
  <si>
    <t>VELUX Plissee manuell FHL S04 1274SWL</t>
  </si>
  <si>
    <t>FHL S04 1275S</t>
  </si>
  <si>
    <t>5702329069755</t>
  </si>
  <si>
    <t>VELUX Plissee manuell FHL S04 1275S</t>
  </si>
  <si>
    <t>FHL S04 1275SWL</t>
  </si>
  <si>
    <t>5702329079792</t>
  </si>
  <si>
    <t>VELUX Plissee manuell FHL S04 1275SWL</t>
  </si>
  <si>
    <t>FHL S04 1277S</t>
  </si>
  <si>
    <t>5702329069779</t>
  </si>
  <si>
    <t>VELUX Plissee manuell FHL S04 1277S</t>
  </si>
  <si>
    <t>FHL S04 1277SWL</t>
  </si>
  <si>
    <t>5702329079815</t>
  </si>
  <si>
    <t>VELUX Plissee manuell FHL S04 1277SWL</t>
  </si>
  <si>
    <t>FHL S04 1278S</t>
  </si>
  <si>
    <t>5702329069786</t>
  </si>
  <si>
    <t>VELUX Plissee manuell FHL S04 1278S</t>
  </si>
  <si>
    <t>FHL S04 1278SWL</t>
  </si>
  <si>
    <t>5702329079822</t>
  </si>
  <si>
    <t>VELUX Plissee manuell FHL S04 1278SWL</t>
  </si>
  <si>
    <t>FHL S04 1279S</t>
  </si>
  <si>
    <t>5702329069793</t>
  </si>
  <si>
    <t>VELUX Plissee manuell FHL S04 1279S</t>
  </si>
  <si>
    <t>FHL S04 1279SWL</t>
  </si>
  <si>
    <t>5702329079839</t>
  </si>
  <si>
    <t>VELUX Plissee manuell FHL S04 1279SWL</t>
  </si>
  <si>
    <t>FHL S04 1280S</t>
  </si>
  <si>
    <t>5702329069809</t>
  </si>
  <si>
    <t>VELUX Plissee manuell FHL S04 1280S</t>
  </si>
  <si>
    <t>FHL S04 1280SWL</t>
  </si>
  <si>
    <t>5702329079846</t>
  </si>
  <si>
    <t>VELUX Plissee manuell FHL S04 1280SWL</t>
  </si>
  <si>
    <t>FHL S04 1281SWL</t>
  </si>
  <si>
    <t>5702329079853</t>
  </si>
  <si>
    <t>VELUX Plissee manuell FHL S04 1281SWL</t>
  </si>
  <si>
    <t>FHL S04 1282S</t>
  </si>
  <si>
    <t>5702329069823</t>
  </si>
  <si>
    <t>VELUX Plissee manuell FHL S04 1282S</t>
  </si>
  <si>
    <t>FHL S04 1282SWL</t>
  </si>
  <si>
    <t>5702329079860</t>
  </si>
  <si>
    <t>VELUX Plissee manuell FHL S04 1282SWL</t>
  </si>
  <si>
    <t>FHL S04 1283S</t>
  </si>
  <si>
    <t>5702329069830</t>
  </si>
  <si>
    <t>VELUX Plissee manuell FHL S04 1283S</t>
  </si>
  <si>
    <t>FHL S04 1283SWL</t>
  </si>
  <si>
    <t>5702329079877</t>
  </si>
  <si>
    <t>VELUX Plissee manuell FHL S04 1283SWL</t>
  </si>
  <si>
    <t>FHL S04 1284S</t>
  </si>
  <si>
    <t>5702329069847</t>
  </si>
  <si>
    <t>VELUX Plissee manuell FHL S04 1284S</t>
  </si>
  <si>
    <t>FHL S04 1284SWL</t>
  </si>
  <si>
    <t>5702329079884</t>
  </si>
  <si>
    <t>VELUX Plissee manuell FHL S04 1284SWL</t>
  </si>
  <si>
    <t>FHL S04 1285S</t>
  </si>
  <si>
    <t>5702329069854</t>
  </si>
  <si>
    <t>VELUX Plissee manuell FHL S04 1285S</t>
  </si>
  <si>
    <t>FHL S04 1285SWL</t>
  </si>
  <si>
    <t>5702329079891</t>
  </si>
  <si>
    <t>VELUX Plissee manuell FHL S04 1285SWL</t>
  </si>
  <si>
    <t>FHL S04 1286S</t>
  </si>
  <si>
    <t>5702329069861</t>
  </si>
  <si>
    <t>VELUX Plissee manuell FHL S04 1286S</t>
  </si>
  <si>
    <t>FHL S04 1286SWL</t>
  </si>
  <si>
    <t>5702329079907</t>
  </si>
  <si>
    <t>VELUX Plissee manuell FHL S04 1286SWL</t>
  </si>
  <si>
    <t>FHL S06 1016S</t>
  </si>
  <si>
    <t>5702325173340</t>
  </si>
  <si>
    <t>VELUX Plissee manuell FHL S06 1016S</t>
  </si>
  <si>
    <t>FHL S06 1016SWL</t>
  </si>
  <si>
    <t>5702325173357</t>
  </si>
  <si>
    <t>VELUX Plissee manuell FHL S06 1016SWL</t>
  </si>
  <si>
    <t>FHL S06 1256S</t>
  </si>
  <si>
    <t>5702327407726</t>
  </si>
  <si>
    <t>VELUX Plissee manuell FHL S06 1256S</t>
  </si>
  <si>
    <t>FHL S06 1256SWL</t>
  </si>
  <si>
    <t>5702329079914</t>
  </si>
  <si>
    <t>VELUX Plissee manuell FHL S06 1256SWL</t>
  </si>
  <si>
    <t>FHL S06 1259S</t>
  </si>
  <si>
    <t>5702327407757</t>
  </si>
  <si>
    <t>VELUX Plissee manuell FHL S06 1259S</t>
  </si>
  <si>
    <t>FHL S06 1259SWL</t>
  </si>
  <si>
    <t>5702329079921</t>
  </si>
  <si>
    <t>VELUX Plissee manuell FHL S06 1259SWL</t>
  </si>
  <si>
    <t>FHL S06 1274S</t>
  </si>
  <si>
    <t>5702329069878</t>
  </si>
  <si>
    <t>VELUX Plissee manuell FHL S06 1274S</t>
  </si>
  <si>
    <t>FHL S06 1274SWL</t>
  </si>
  <si>
    <t>5702329079938</t>
  </si>
  <si>
    <t>VELUX Plissee manuell FHL S06 1274SWL</t>
  </si>
  <si>
    <t>FHL S06 1275S</t>
  </si>
  <si>
    <t>5702329069885</t>
  </si>
  <si>
    <t>VELUX Plissee manuell FHL S06 1275S</t>
  </si>
  <si>
    <t>FHL S06 1275SWL</t>
  </si>
  <si>
    <t>5702329079945</t>
  </si>
  <si>
    <t>VELUX Plissee manuell FHL S06 1275SWL</t>
  </si>
  <si>
    <t>FHL S06 1276S</t>
  </si>
  <si>
    <t>5702329069892</t>
  </si>
  <si>
    <t>VELUX Plissee manuell FHL S06 1276S</t>
  </si>
  <si>
    <t>FHL S06 1276SWL</t>
  </si>
  <si>
    <t>5702329079952</t>
  </si>
  <si>
    <t>VELUX Plissee manuell FHL S06 1276SWL</t>
  </si>
  <si>
    <t>FHL S06 1277S</t>
  </si>
  <si>
    <t>5702329069908</t>
  </si>
  <si>
    <t>VELUX Plissee manuell FHL S06 1277S</t>
  </si>
  <si>
    <t>FHL S06 1277SWL</t>
  </si>
  <si>
    <t>5702329079969</t>
  </si>
  <si>
    <t>VELUX Plissee manuell FHL S06 1277SWL</t>
  </si>
  <si>
    <t>FHL S06 1278S</t>
  </si>
  <si>
    <t>5702329069915</t>
  </si>
  <si>
    <t>VELUX Plissee manuell FHL S06 1278S</t>
  </si>
  <si>
    <t>FHL S06 1278SWL</t>
  </si>
  <si>
    <t>5702329079976</t>
  </si>
  <si>
    <t>VELUX Plissee manuell FHL S06 1278SWL</t>
  </si>
  <si>
    <t>FHL S06 1279S</t>
  </si>
  <si>
    <t>5702329069922</t>
  </si>
  <si>
    <t>VELUX Plissee manuell FHL S06 1279S</t>
  </si>
  <si>
    <t>FHL S06 1279SWL</t>
  </si>
  <si>
    <t>5702329079983</t>
  </si>
  <si>
    <t>VELUX Plissee manuell FHL S06 1279SWL</t>
  </si>
  <si>
    <t>FHL S06 1280S</t>
  </si>
  <si>
    <t>5702329069939</t>
  </si>
  <si>
    <t>VELUX Plissee manuell FHL S06 1280S</t>
  </si>
  <si>
    <t>FHL S06 1280SWL</t>
  </si>
  <si>
    <t>5702329079990</t>
  </si>
  <si>
    <t>VELUX Plissee manuell FHL S06 1280SWL</t>
  </si>
  <si>
    <t>FHL S06 1281S</t>
  </si>
  <si>
    <t>5702329069946</t>
  </si>
  <si>
    <t>VELUX Plissee manuell FHL S06 1281S</t>
  </si>
  <si>
    <t>FHL S06 1281SWL</t>
  </si>
  <si>
    <t>5702329080002</t>
  </si>
  <si>
    <t>VELUX Plissee manuell FHL S06 1281SWL</t>
  </si>
  <si>
    <t>FHL S06 1282S</t>
  </si>
  <si>
    <t>5702329069953</t>
  </si>
  <si>
    <t>VELUX Plissee manuell FHL S06 1282S</t>
  </si>
  <si>
    <t>FHL S06 1282SWL</t>
  </si>
  <si>
    <t>5702329080019</t>
  </si>
  <si>
    <t>VELUX Plissee manuell FHL S06 1282SWL</t>
  </si>
  <si>
    <t>FHL S06 1283S</t>
  </si>
  <si>
    <t>5702329069960</t>
  </si>
  <si>
    <t>VELUX Plissee manuell FHL S06 1283S</t>
  </si>
  <si>
    <t>FHL S06 1283SWL</t>
  </si>
  <si>
    <t>5702329080026</t>
  </si>
  <si>
    <t>VELUX Plissee manuell FHL S06 1283SWL</t>
  </si>
  <si>
    <t>FHL S06 1284S</t>
  </si>
  <si>
    <t>5702329069977</t>
  </si>
  <si>
    <t>VELUX Plissee manuell FHL S06 1284S</t>
  </si>
  <si>
    <t>FHL S06 1284SWL</t>
  </si>
  <si>
    <t>5702329080033</t>
  </si>
  <si>
    <t>VELUX Plissee manuell FHL S06 1284SWL</t>
  </si>
  <si>
    <t>FHL S06 1285S</t>
  </si>
  <si>
    <t>5702329069984</t>
  </si>
  <si>
    <t>VELUX Plissee manuell FHL S06 1285S</t>
  </si>
  <si>
    <t>FHL S06 1285SWL</t>
  </si>
  <si>
    <t>5702329080040</t>
  </si>
  <si>
    <t>VELUX Plissee manuell FHL S06 1285SWL</t>
  </si>
  <si>
    <t>FHL S06 1286S</t>
  </si>
  <si>
    <t>5702329069991</t>
  </si>
  <si>
    <t>VELUX Plissee manuell FHL S06 1286S</t>
  </si>
  <si>
    <t>FHL S06 1286SWL</t>
  </si>
  <si>
    <t>5702329080057</t>
  </si>
  <si>
    <t>VELUX Plissee manuell FHL S06 1286SWL</t>
  </si>
  <si>
    <t>FHL S08 1016S</t>
  </si>
  <si>
    <t>5702325174002</t>
  </si>
  <si>
    <t>VELUX Plissee manuell FHL S08 1016S</t>
  </si>
  <si>
    <t>FHL S08 1016SWL</t>
  </si>
  <si>
    <t>5702325174019</t>
  </si>
  <si>
    <t>VELUX Plissee manuell FHL S08 1016SWL</t>
  </si>
  <si>
    <t>FHL S08 1256S</t>
  </si>
  <si>
    <t>5702327407887</t>
  </si>
  <si>
    <t>VELUX Plissee manuell FHL S08 1256S</t>
  </si>
  <si>
    <t>FHL S08 1256SWL</t>
  </si>
  <si>
    <t>5702329080064</t>
  </si>
  <si>
    <t>VELUX Plissee manuell FHL S08 1256SWL</t>
  </si>
  <si>
    <t>FHL S08 1259S</t>
  </si>
  <si>
    <t>5702327407917</t>
  </si>
  <si>
    <t>VELUX Plissee manuell FHL S08 1259S</t>
  </si>
  <si>
    <t>FHL S08 1259SWL</t>
  </si>
  <si>
    <t>5702329080071</t>
  </si>
  <si>
    <t>VELUX Plissee manuell FHL S08 1259SWL</t>
  </si>
  <si>
    <t>FHL S08 1274S</t>
  </si>
  <si>
    <t>5702329070003</t>
  </si>
  <si>
    <t>VELUX Plissee manuell FHL S08 1274S</t>
  </si>
  <si>
    <t>FHL S08 1274SWL</t>
  </si>
  <si>
    <t>5702329080088</t>
  </si>
  <si>
    <t>VELUX Plissee manuell FHL S08 1274SWL</t>
  </si>
  <si>
    <t>FHL S08 1275S</t>
  </si>
  <si>
    <t>5702329070010</t>
  </si>
  <si>
    <t>VELUX Plissee manuell FHL S08 1275S</t>
  </si>
  <si>
    <t>FHL S08 1275SWL</t>
  </si>
  <si>
    <t>5702329080095</t>
  </si>
  <si>
    <t>VELUX Plissee manuell FHL S08 1275SWL</t>
  </si>
  <si>
    <t>FHL S08 1276S</t>
  </si>
  <si>
    <t>5702329070027</t>
  </si>
  <si>
    <t>VELUX Plissee manuell FHL S08 1276S</t>
  </si>
  <si>
    <t>FHL S08 1276SWL</t>
  </si>
  <si>
    <t>5702329080101</t>
  </si>
  <si>
    <t>VELUX Plissee manuell FHL S08 1276SWL</t>
  </si>
  <si>
    <t>FHL S08 1277S</t>
  </si>
  <si>
    <t>5702329070034</t>
  </si>
  <si>
    <t>VELUX Plissee manuell FHL S08 1277S</t>
  </si>
  <si>
    <t>FHL S08 1277SWL</t>
  </si>
  <si>
    <t>5702329080118</t>
  </si>
  <si>
    <t>VELUX Plissee manuell FHL S08 1277SWL</t>
  </si>
  <si>
    <t>FHL S08 1278S</t>
  </si>
  <si>
    <t>5702329070041</t>
  </si>
  <si>
    <t>VELUX Plissee manuell FHL S08 1278S</t>
  </si>
  <si>
    <t>FHL S08 1278SWL</t>
  </si>
  <si>
    <t>5702329080125</t>
  </si>
  <si>
    <t>VELUX Plissee manuell FHL S08 1278SWL</t>
  </si>
  <si>
    <t>FHL S08 1279S</t>
  </si>
  <si>
    <t>5702329070058</t>
  </si>
  <si>
    <t>VELUX Plissee manuell FHL S08 1279S</t>
  </si>
  <si>
    <t>FHL S08 1279SWL</t>
  </si>
  <si>
    <t>5702329080132</t>
  </si>
  <si>
    <t>VELUX Plissee manuell FHL S08 1279SWL</t>
  </si>
  <si>
    <t>FHL S08 1280S</t>
  </si>
  <si>
    <t>5702329070065</t>
  </si>
  <si>
    <t>VELUX Plissee manuell FHL S08 1280S</t>
  </si>
  <si>
    <t>FHL S08 1280SWL</t>
  </si>
  <si>
    <t>5702329080149</t>
  </si>
  <si>
    <t>VELUX Plissee manuell FHL S08 1280SWL</t>
  </si>
  <si>
    <t>FHL S08 1281S</t>
  </si>
  <si>
    <t>5702329070072</t>
  </si>
  <si>
    <t>VELUX Plissee manuell FHL S08 1281S</t>
  </si>
  <si>
    <t>FHL S08 1281SWL</t>
  </si>
  <si>
    <t>5702329080156</t>
  </si>
  <si>
    <t>VELUX Plissee manuell FHL S08 1281SWL</t>
  </si>
  <si>
    <t>FHL S08 1282S</t>
  </si>
  <si>
    <t>5702329070089</t>
  </si>
  <si>
    <t>VELUX Plissee manuell FHL S08 1282S</t>
  </si>
  <si>
    <t>FHL S08 1282SWL</t>
  </si>
  <si>
    <t>5702329080163</t>
  </si>
  <si>
    <t>VELUX Plissee manuell FHL S08 1282SWL</t>
  </si>
  <si>
    <t>FHL S08 1283S</t>
  </si>
  <si>
    <t>5702329070096</t>
  </si>
  <si>
    <t>VELUX Plissee manuell FHL S08 1283S</t>
  </si>
  <si>
    <t>FHL S08 1283SWL</t>
  </si>
  <si>
    <t>5702329080170</t>
  </si>
  <si>
    <t>VELUX Plissee manuell FHL S08 1283SWL</t>
  </si>
  <si>
    <t>FHL S08 1284S</t>
  </si>
  <si>
    <t>5702329070102</t>
  </si>
  <si>
    <t>VELUX Plissee manuell FHL S08 1284S</t>
  </si>
  <si>
    <t>FHL S08 1284SWL</t>
  </si>
  <si>
    <t>5702329080187</t>
  </si>
  <si>
    <t>VELUX Plissee manuell FHL S08 1284SWL</t>
  </si>
  <si>
    <t>FHL S08 1285S</t>
  </si>
  <si>
    <t>5702329070119</t>
  </si>
  <si>
    <t>VELUX Plissee manuell FHL S08 1285S</t>
  </si>
  <si>
    <t>FHL S08 1285SWL</t>
  </si>
  <si>
    <t>5702329080194</t>
  </si>
  <si>
    <t>VELUX Plissee manuell FHL S08 1285SWL</t>
  </si>
  <si>
    <t>FHL S08 1286S</t>
  </si>
  <si>
    <t>5702329070126</t>
  </si>
  <si>
    <t>VELUX Plissee manuell FHL S08 1286S</t>
  </si>
  <si>
    <t>FHL S08 1286SWL</t>
  </si>
  <si>
    <t>5702329080200</t>
  </si>
  <si>
    <t>VELUX Plissee manuell FHL S08 1286SWL</t>
  </si>
  <si>
    <t>FHL S10 1016S</t>
  </si>
  <si>
    <t>5702325174668</t>
  </si>
  <si>
    <t>VELUX Plissee manuell FHL S10 1016S</t>
  </si>
  <si>
    <t>FHL S10 1016SWL</t>
  </si>
  <si>
    <t>5702325174675</t>
  </si>
  <si>
    <t>VELUX Plissee manuell FHL S10 1016SWL</t>
  </si>
  <si>
    <t>FHL S10 1256S</t>
  </si>
  <si>
    <t>5702327408044</t>
  </si>
  <si>
    <t>VELUX Plissee manuell FHL S10 1256S</t>
  </si>
  <si>
    <t>FHL S10 1256SWL</t>
  </si>
  <si>
    <t>5702329080217</t>
  </si>
  <si>
    <t>VELUX Plissee manuell FHL S10 1256SWL</t>
  </si>
  <si>
    <t>FHL S10 1259S</t>
  </si>
  <si>
    <t>5702327408075</t>
  </si>
  <si>
    <t>VELUX Plissee manuell FHL S10 1259S</t>
  </si>
  <si>
    <t>FHL S10 1259SWL</t>
  </si>
  <si>
    <t>5702329080224</t>
  </si>
  <si>
    <t>VELUX Plissee manuell FHL S10 1259SWL</t>
  </si>
  <si>
    <t>FHL S10 1274S</t>
  </si>
  <si>
    <t>5702329070133</t>
  </si>
  <si>
    <t>VELUX Plissee manuell FHL S10 1274S</t>
  </si>
  <si>
    <t>FHL S10 1274SWL</t>
  </si>
  <si>
    <t>5702329080231</t>
  </si>
  <si>
    <t>VELUX Plissee manuell FHL S10 1274SWL</t>
  </si>
  <si>
    <t>FHL S10 1275S</t>
  </si>
  <si>
    <t>5702329070140</t>
  </si>
  <si>
    <t>VELUX Plissee manuell FHL S10 1275S</t>
  </si>
  <si>
    <t>FHL S10 1275SWL</t>
  </si>
  <si>
    <t>5702329080248</t>
  </si>
  <si>
    <t>VELUX Plissee manuell FHL S10 1275SWL</t>
  </si>
  <si>
    <t>FHL S10 1276S</t>
  </si>
  <si>
    <t>5702329070157</t>
  </si>
  <si>
    <t>VELUX Plissee manuell FHL S10 1276S</t>
  </si>
  <si>
    <t>FHL S10 1278S</t>
  </si>
  <si>
    <t>5702329070171</t>
  </si>
  <si>
    <t>VELUX Plissee manuell FHL S10 1278S</t>
  </si>
  <si>
    <t>FHL S10 1278SWL</t>
  </si>
  <si>
    <t>5702329080279</t>
  </si>
  <si>
    <t>VELUX Plissee manuell FHL S10 1278SWL</t>
  </si>
  <si>
    <t>FHL S10 1279S</t>
  </si>
  <si>
    <t>5702329070188</t>
  </si>
  <si>
    <t>VELUX Plissee manuell FHL S10 1279S</t>
  </si>
  <si>
    <t>FHL S10 1279SWL</t>
  </si>
  <si>
    <t>5702329080286</t>
  </si>
  <si>
    <t>VELUX Plissee manuell FHL S10 1279SWL</t>
  </si>
  <si>
    <t>FHL S10 1280S</t>
  </si>
  <si>
    <t>5702329070195</t>
  </si>
  <si>
    <t>VELUX Plissee manuell FHL S10 1280S</t>
  </si>
  <si>
    <t>FHL S10 1280SWL</t>
  </si>
  <si>
    <t>5702329080293</t>
  </si>
  <si>
    <t>VELUX Plissee manuell FHL S10 1280SWL</t>
  </si>
  <si>
    <t>FHL S10 1281S</t>
  </si>
  <si>
    <t>5702329070201</t>
  </si>
  <si>
    <t>VELUX Plissee manuell FHL S10 1281S</t>
  </si>
  <si>
    <t>FHL S10 1281SWL</t>
  </si>
  <si>
    <t>5702329080309</t>
  </si>
  <si>
    <t>VELUX Plissee manuell FHL S10 1281SWL</t>
  </si>
  <si>
    <t>FHL S10 1282S</t>
  </si>
  <si>
    <t>5702329070218</t>
  </si>
  <si>
    <t>VELUX Plissee manuell FHL S10 1282S</t>
  </si>
  <si>
    <t>FHL S10 1282SWL</t>
  </si>
  <si>
    <t>5702329080316</t>
  </si>
  <si>
    <t>VELUX Plissee manuell FHL S10 1282SWL</t>
  </si>
  <si>
    <t>FHL S10 1283S</t>
  </si>
  <si>
    <t>5702329070225</t>
  </si>
  <si>
    <t>VELUX Plissee manuell FHL S10 1283S</t>
  </si>
  <si>
    <t>FHL S10 1283SWL</t>
  </si>
  <si>
    <t>5702329080323</t>
  </si>
  <si>
    <t>VELUX Plissee manuell FHL S10 1283SWL</t>
  </si>
  <si>
    <t>FHL S10 1284S</t>
  </si>
  <si>
    <t>5702329070232</t>
  </si>
  <si>
    <t>VELUX Plissee manuell FHL S10 1284S</t>
  </si>
  <si>
    <t>FHL S10 1284SWL</t>
  </si>
  <si>
    <t>5702329080330</t>
  </si>
  <si>
    <t>VELUX Plissee manuell FHL S10 1284SWL</t>
  </si>
  <si>
    <t>FHL S10 1285SWL</t>
  </si>
  <si>
    <t>5702329080347</t>
  </si>
  <si>
    <t>VELUX Plissee manuell FHL S10 1285SWL</t>
  </si>
  <si>
    <t>FHL S10 1286S</t>
  </si>
  <si>
    <t>5702329070256</t>
  </si>
  <si>
    <t>VELUX Plissee manuell FHL S10 1286S</t>
  </si>
  <si>
    <t>FHL S10 1286SWL</t>
  </si>
  <si>
    <t>5702329080354</t>
  </si>
  <si>
    <t>VELUX Plissee manuell FHL S10 1286SWL</t>
  </si>
  <si>
    <t>FHL S31 1016S</t>
  </si>
  <si>
    <t>5702325175320</t>
  </si>
  <si>
    <t>VELUX Plissee manuell FHL S31 1016S</t>
  </si>
  <si>
    <t>FHL S31 1016SWL</t>
  </si>
  <si>
    <t>5702325175337</t>
  </si>
  <si>
    <t>VELUX Plissee manuell FHL S31 1016SWL</t>
  </si>
  <si>
    <t>FHL S31 1256S</t>
  </si>
  <si>
    <t>5702327408204</t>
  </si>
  <si>
    <t>VELUX Plissee manuell FHL S31 1256S</t>
  </si>
  <si>
    <t>FHL S31 1256SWL</t>
  </si>
  <si>
    <t>5702329225120</t>
  </si>
  <si>
    <t>VELUX Plissee manuell FHL S31 1256SWL</t>
  </si>
  <si>
    <t>FHL S31 1259S</t>
  </si>
  <si>
    <t>5702327408235</t>
  </si>
  <si>
    <t>VELUX Plissee manuell FHL S31 1259S</t>
  </si>
  <si>
    <t>FHL S31 1259SWL</t>
  </si>
  <si>
    <t>5702329225137</t>
  </si>
  <si>
    <t>VELUX Plissee manuell FHL S31 1259SWL</t>
  </si>
  <si>
    <t>FHL S31 1274SWL</t>
  </si>
  <si>
    <t>5702329225144</t>
  </si>
  <si>
    <t>VELUX Plissee manuell FHL S31 1274SWL</t>
  </si>
  <si>
    <t>FHL S31 1275S</t>
  </si>
  <si>
    <t>5702329070270</t>
  </si>
  <si>
    <t>VELUX Plissee manuell FHL S31 1275S</t>
  </si>
  <si>
    <t>FHL S31 1275SWL</t>
  </si>
  <si>
    <t>5702329225151</t>
  </si>
  <si>
    <t>VELUX Plissee manuell FHL S31 1275SWL</t>
  </si>
  <si>
    <t>FHL S31 1276S</t>
  </si>
  <si>
    <t>5702329070287</t>
  </si>
  <si>
    <t>VELUX Plissee manuell FHL S31 1276S</t>
  </si>
  <si>
    <t>FHL S31 1278S</t>
  </si>
  <si>
    <t>5702329070300</t>
  </si>
  <si>
    <t>VELUX Plissee manuell FHL S31 1278S</t>
  </si>
  <si>
    <t>FHL S31 1281S</t>
  </si>
  <si>
    <t>5702329070331</t>
  </si>
  <si>
    <t>VELUX Plissee manuell FHL S31 1281S</t>
  </si>
  <si>
    <t>FHL S31 1282S</t>
  </si>
  <si>
    <t>5702329070348</t>
  </si>
  <si>
    <t>VELUX Plissee manuell FHL S31 1282S</t>
  </si>
  <si>
    <t>FHL S31 1282SWL</t>
  </si>
  <si>
    <t>5702329225229</t>
  </si>
  <si>
    <t>VELUX Plissee manuell FHL S31 1282SWL</t>
  </si>
  <si>
    <t>FHL S31 1284SWL</t>
  </si>
  <si>
    <t>5702329225243</t>
  </si>
  <si>
    <t>VELUX Plissee manuell FHL S31 1284SWL</t>
  </si>
  <si>
    <t>FHL S31 1286S</t>
  </si>
  <si>
    <t>5702329070386</t>
  </si>
  <si>
    <t>VELUX Plissee manuell FHL S31 1286S</t>
  </si>
  <si>
    <t>FHL SK06 1016S</t>
  </si>
  <si>
    <t>5702326792199</t>
  </si>
  <si>
    <t>VELUX Plissee manuell FHL SK06 1016S</t>
  </si>
  <si>
    <t>FHL SK06 1016SWL</t>
  </si>
  <si>
    <t>5702326792212</t>
  </si>
  <si>
    <t>VELUX Plissee manuell FHL SK06 1016SWL</t>
  </si>
  <si>
    <t>FHL SK06 1256S</t>
  </si>
  <si>
    <t>5702327408686</t>
  </si>
  <si>
    <t>VELUX Plissee manuell FHL SK06 1256S</t>
  </si>
  <si>
    <t>FHL SK06 1256SWL</t>
  </si>
  <si>
    <t>5702329080514</t>
  </si>
  <si>
    <t>VELUX Plissee manuell FHL SK06 1256SWL</t>
  </si>
  <si>
    <t>FHL SK06 1259S</t>
  </si>
  <si>
    <t>5702327408716</t>
  </si>
  <si>
    <t>VELUX Plissee manuell FHL SK06 1259S</t>
  </si>
  <si>
    <t>FHL SK06 1259SWL</t>
  </si>
  <si>
    <t>5702329080521</t>
  </si>
  <si>
    <t>VELUX Plissee manuell FHL SK06 1259SWL</t>
  </si>
  <si>
    <t>FHL SK06 1274S</t>
  </si>
  <si>
    <t>5702329070652</t>
  </si>
  <si>
    <t>VELUX Plissee manuell FHL SK06 1274S</t>
  </si>
  <si>
    <t>FHL SK06 1274SWL</t>
  </si>
  <si>
    <t>5702329080538</t>
  </si>
  <si>
    <t>VELUX Plissee manuell FHL SK06 1274SWL</t>
  </si>
  <si>
    <t>FHL SK06 1275S</t>
  </si>
  <si>
    <t>5702329070669</t>
  </si>
  <si>
    <t>VELUX Plissee manuell FHL SK06 1275S</t>
  </si>
  <si>
    <t>FHL SK06 1275SWL</t>
  </si>
  <si>
    <t>5702329080545</t>
  </si>
  <si>
    <t>VELUX Plissee manuell FHL SK06 1275SWL</t>
  </si>
  <si>
    <t>FHL SK06 1276S</t>
  </si>
  <si>
    <t>5702329070676</t>
  </si>
  <si>
    <t>VELUX Plissee manuell FHL SK06 1276S</t>
  </si>
  <si>
    <t>FHL SK06 1276SWL</t>
  </si>
  <si>
    <t>5702329080552</t>
  </si>
  <si>
    <t>VELUX Plissee manuell FHL SK06 1276SWL</t>
  </si>
  <si>
    <t>FHL SK06 1277S</t>
  </si>
  <si>
    <t>5702329070683</t>
  </si>
  <si>
    <t>VELUX Plissee manuell FHL SK06 1277S</t>
  </si>
  <si>
    <t>FHL SK06 1277SWL</t>
  </si>
  <si>
    <t>5702329080569</t>
  </si>
  <si>
    <t>VELUX Plissee manuell FHL SK06 1277SWL</t>
  </si>
  <si>
    <t>FHL SK06 1278S</t>
  </si>
  <si>
    <t>5702329070690</t>
  </si>
  <si>
    <t>VELUX Plissee manuell FHL SK06 1278S</t>
  </si>
  <si>
    <t>FHL SK06 1278SWL</t>
  </si>
  <si>
    <t>5702329080576</t>
  </si>
  <si>
    <t>VELUX Plissee manuell FHL SK06 1278SWL</t>
  </si>
  <si>
    <t>FHL SK06 1279S</t>
  </si>
  <si>
    <t>5702329070706</t>
  </si>
  <si>
    <t>VELUX Plissee manuell FHL SK06 1279S</t>
  </si>
  <si>
    <t>FHL SK06 1279SWL</t>
  </si>
  <si>
    <t>5702329080583</t>
  </si>
  <si>
    <t>VELUX Plissee manuell FHL SK06 1279SWL</t>
  </si>
  <si>
    <t>FHL SK06 1280S</t>
  </si>
  <si>
    <t>5702329070713</t>
  </si>
  <si>
    <t>VELUX Plissee manuell FHL SK06 1280S</t>
  </si>
  <si>
    <t>FHL SK06 1280SWL</t>
  </si>
  <si>
    <t>5702329080590</t>
  </si>
  <si>
    <t>VELUX Plissee manuell FHL SK06 1280SWL</t>
  </si>
  <si>
    <t>FHL SK06 1281S</t>
  </si>
  <si>
    <t>5702329070720</t>
  </si>
  <si>
    <t>VELUX Plissee manuell FHL SK06 1281S</t>
  </si>
  <si>
    <t>FHL SK06 1281SWL</t>
  </si>
  <si>
    <t>5702329080606</t>
  </si>
  <si>
    <t>VELUX Plissee manuell FHL SK06 1281SWL</t>
  </si>
  <si>
    <t>FHL SK06 1282S</t>
  </si>
  <si>
    <t>5702329070737</t>
  </si>
  <si>
    <t>VELUX Plissee manuell FHL SK06 1282S</t>
  </si>
  <si>
    <t>FHL SK06 1282SWL</t>
  </si>
  <si>
    <t>5702329080613</t>
  </si>
  <si>
    <t>VELUX Plissee manuell FHL SK06 1282SWL</t>
  </si>
  <si>
    <t>FHL SK06 1283S</t>
  </si>
  <si>
    <t>5702329070744</t>
  </si>
  <si>
    <t>VELUX Plissee manuell FHL SK06 1283S</t>
  </si>
  <si>
    <t>FHL SK06 1283SWL</t>
  </si>
  <si>
    <t>5702329080620</t>
  </si>
  <si>
    <t>VELUX Plissee manuell FHL SK06 1283SWL</t>
  </si>
  <si>
    <t>FHL SK06 1284S</t>
  </si>
  <si>
    <t>5702329070751</t>
  </si>
  <si>
    <t>VELUX Plissee manuell FHL SK06 1284S</t>
  </si>
  <si>
    <t>FHL SK06 1284SWL</t>
  </si>
  <si>
    <t>5702329080637</t>
  </si>
  <si>
    <t>VELUX Plissee manuell FHL SK06 1284SWL</t>
  </si>
  <si>
    <t>FHL SK06 1285S</t>
  </si>
  <si>
    <t>5702329070768</t>
  </si>
  <si>
    <t>VELUX Plissee manuell FHL SK06 1285S</t>
  </si>
  <si>
    <t>FHL SK06 1285SWL</t>
  </si>
  <si>
    <t>5702329080644</t>
  </si>
  <si>
    <t>VELUX Plissee manuell FHL SK06 1285SWL</t>
  </si>
  <si>
    <t>FHL SK06 1286S</t>
  </si>
  <si>
    <t>5702329070775</t>
  </si>
  <si>
    <t>VELUX Plissee manuell FHL SK06 1286S</t>
  </si>
  <si>
    <t>FHL SK06 1286SWL</t>
  </si>
  <si>
    <t>5702329080651</t>
  </si>
  <si>
    <t>VELUX Plissee manuell FHL SK06 1286SWL</t>
  </si>
  <si>
    <t>FHL SK08 1016S</t>
  </si>
  <si>
    <t>5702326792922</t>
  </si>
  <si>
    <t>VELUX Plissee manuell FHL SK08 1016S</t>
  </si>
  <si>
    <t>FHL SK08 1016SWL</t>
  </si>
  <si>
    <t>5702326792939</t>
  </si>
  <si>
    <t>VELUX Plissee manuell FHL SK08 1016SWL</t>
  </si>
  <si>
    <t>FHL SK08 1256S</t>
  </si>
  <si>
    <t>5702327408846</t>
  </si>
  <si>
    <t>VELUX Plissee manuell FHL SK08 1256S</t>
  </si>
  <si>
    <t>FHL SK08 1256SWL</t>
  </si>
  <si>
    <t>5702329080668</t>
  </si>
  <si>
    <t>VELUX Plissee manuell FHL SK08 1256SWL</t>
  </si>
  <si>
    <t>FHL SK08 1259S</t>
  </si>
  <si>
    <t>5702327408877</t>
  </si>
  <si>
    <t>VELUX Plissee manuell FHL SK08 1259S</t>
  </si>
  <si>
    <t>FHL SK08 1259SWL</t>
  </si>
  <si>
    <t>5702329080675</t>
  </si>
  <si>
    <t>VELUX Plissee manuell FHL SK08 1259SWL</t>
  </si>
  <si>
    <t>FHL SK08 1274S</t>
  </si>
  <si>
    <t>5702329070782</t>
  </si>
  <si>
    <t>VELUX Plissee manuell FHL SK08 1274S</t>
  </si>
  <si>
    <t>FHL SK08 1274SWL</t>
  </si>
  <si>
    <t>5702329080682</t>
  </si>
  <si>
    <t>VELUX Plissee manuell FHL SK08 1274SWL</t>
  </si>
  <si>
    <t>FHL SK08 1275S</t>
  </si>
  <si>
    <t>5702329070799</t>
  </si>
  <si>
    <t>VELUX Plissee manuell FHL SK08 1275S</t>
  </si>
  <si>
    <t>FHL SK08 1275SWL</t>
  </si>
  <si>
    <t>5702329080699</t>
  </si>
  <si>
    <t>VELUX Plissee manuell FHL SK08 1275SWL</t>
  </si>
  <si>
    <t>FHL SK08 1276S</t>
  </si>
  <si>
    <t>5702329070805</t>
  </si>
  <si>
    <t>VELUX Plissee manuell FHL SK08 1276S</t>
  </si>
  <si>
    <t>FHL SK08 1276SWL</t>
  </si>
  <si>
    <t>5702329080705</t>
  </si>
  <si>
    <t>VELUX Plissee manuell FHL SK08 1276SWL</t>
  </si>
  <si>
    <t>FHL SK08 1277S</t>
  </si>
  <si>
    <t>5702329070812</t>
  </si>
  <si>
    <t>VELUX Plissee manuell FHL SK08 1277S</t>
  </si>
  <si>
    <t>FHL SK08 1277SWL</t>
  </si>
  <si>
    <t>5702329080712</t>
  </si>
  <si>
    <t>VELUX Plissee manuell FHL SK08 1277SWL</t>
  </si>
  <si>
    <t>FHL SK08 1278S</t>
  </si>
  <si>
    <t>5702329070829</t>
  </si>
  <si>
    <t>VELUX Plissee manuell FHL SK08 1278S</t>
  </si>
  <si>
    <t>FHL SK08 1278SWL</t>
  </si>
  <si>
    <t>5702329080729</t>
  </si>
  <si>
    <t>VELUX Plissee manuell FHL SK08 1278SWL</t>
  </si>
  <si>
    <t>FHL SK08 1279S</t>
  </si>
  <si>
    <t>5702329070836</t>
  </si>
  <si>
    <t>VELUX Plissee manuell FHL SK08 1279S</t>
  </si>
  <si>
    <t>FHL SK08 1279SWL</t>
  </si>
  <si>
    <t>5702329080736</t>
  </si>
  <si>
    <t>VELUX Plissee manuell FHL SK08 1279SWL</t>
  </si>
  <si>
    <t>FHL SK08 1280S</t>
  </si>
  <si>
    <t>5702329070843</t>
  </si>
  <si>
    <t>VELUX Plissee manuell FHL SK08 1280S</t>
  </si>
  <si>
    <t>FHL SK08 1280SWL</t>
  </si>
  <si>
    <t>5702329080743</t>
  </si>
  <si>
    <t>VELUX Plissee manuell FHL SK08 1280SWL</t>
  </si>
  <si>
    <t>FHL SK08 1281S</t>
  </si>
  <si>
    <t>5702329070850</t>
  </si>
  <si>
    <t>VELUX Plissee manuell FHL SK08 1281S</t>
  </si>
  <si>
    <t>FHL SK08 1281SWL</t>
  </si>
  <si>
    <t>5702329080750</t>
  </si>
  <si>
    <t>VELUX Plissee manuell FHL SK08 1281SWL</t>
  </si>
  <si>
    <t>FHL SK08 1282S</t>
  </si>
  <si>
    <t>5702329070867</t>
  </si>
  <si>
    <t>VELUX Plissee manuell FHL SK08 1282S</t>
  </si>
  <si>
    <t>FHL SK08 1282SWL</t>
  </si>
  <si>
    <t>5702329080767</t>
  </si>
  <si>
    <t>VELUX Plissee manuell FHL SK08 1282SWL</t>
  </si>
  <si>
    <t>FHL SK08 1283S</t>
  </si>
  <si>
    <t>5702329070874</t>
  </si>
  <si>
    <t>VELUX Plissee manuell FHL SK08 1283S</t>
  </si>
  <si>
    <t>FHL SK08 1283SWL</t>
  </si>
  <si>
    <t>5702329080774</t>
  </si>
  <si>
    <t>VELUX Plissee manuell FHL SK08 1283SWL</t>
  </si>
  <si>
    <t>FHL SK08 1284S</t>
  </si>
  <si>
    <t>5702329070881</t>
  </si>
  <si>
    <t>VELUX Plissee manuell FHL SK08 1284S</t>
  </si>
  <si>
    <t>FHL SK08 1284SWL</t>
  </si>
  <si>
    <t>5702329080781</t>
  </si>
  <si>
    <t>VELUX Plissee manuell FHL SK08 1284SWL</t>
  </si>
  <si>
    <t>FHL SK08 1285S</t>
  </si>
  <si>
    <t>5702329070898</t>
  </si>
  <si>
    <t>VELUX Plissee manuell FHL SK08 1285S</t>
  </si>
  <si>
    <t>FHL SK08 1285SWL</t>
  </si>
  <si>
    <t>5702329080798</t>
  </si>
  <si>
    <t>VELUX Plissee manuell FHL SK08 1285SWL</t>
  </si>
  <si>
    <t>FHL SK08 1286S</t>
  </si>
  <si>
    <t>5702329070904</t>
  </si>
  <si>
    <t>VELUX Plissee manuell FHL SK08 1286S</t>
  </si>
  <si>
    <t>FHL SK08 1286SWL</t>
  </si>
  <si>
    <t>5702329080804</t>
  </si>
  <si>
    <t>VELUX Plissee manuell FHL SK08 1286SWL</t>
  </si>
  <si>
    <t>FHL SK10 1016S</t>
  </si>
  <si>
    <t>5702326793806</t>
  </si>
  <si>
    <t>VELUX Plissee manuell FHL SK10 1016S</t>
  </si>
  <si>
    <t>FHL SK10 1016SWL</t>
  </si>
  <si>
    <t>5702326793813</t>
  </si>
  <si>
    <t>VELUX Plissee manuell FHL SK10 1016SWL</t>
  </si>
  <si>
    <t>FHL SK10 1256S</t>
  </si>
  <si>
    <t>5702327409003</t>
  </si>
  <si>
    <t>VELUX Plissee manuell FHL SK10 1256S</t>
  </si>
  <si>
    <t>FHL SK10 1256SWL</t>
  </si>
  <si>
    <t>5702329080811</t>
  </si>
  <si>
    <t>VELUX Plissee manuell FHL SK10 1256SWL</t>
  </si>
  <si>
    <t>FHL SK10 1259S</t>
  </si>
  <si>
    <t>5702327409034</t>
  </si>
  <si>
    <t>VELUX Plissee manuell FHL SK10 1259S</t>
  </si>
  <si>
    <t>FHL SK10 1259SWL</t>
  </si>
  <si>
    <t>5702329080828</t>
  </si>
  <si>
    <t>VELUX Plissee manuell FHL SK10 1259SWL</t>
  </si>
  <si>
    <t>FHL SK10 1274S</t>
  </si>
  <si>
    <t>5702329070911</t>
  </si>
  <si>
    <t>VELUX Plissee manuell FHL SK10 1274S</t>
  </si>
  <si>
    <t>FHL SK10 1274SWL</t>
  </si>
  <si>
    <t>5702329080835</t>
  </si>
  <si>
    <t>VELUX Plissee manuell FHL SK10 1274SWL</t>
  </si>
  <si>
    <t>FHL SK10 1275S</t>
  </si>
  <si>
    <t>5702329070928</t>
  </si>
  <si>
    <t>VELUX Plissee manuell FHL SK10 1275S</t>
  </si>
  <si>
    <t>FHL SK10 1275SWL</t>
  </si>
  <si>
    <t>5702329080842</t>
  </si>
  <si>
    <t>VELUX Plissee manuell FHL SK10 1275SWL</t>
  </si>
  <si>
    <t>FHL SK10 1276S</t>
  </si>
  <si>
    <t>5702329070935</t>
  </si>
  <si>
    <t>VELUX Plissee manuell FHL SK10 1276S</t>
  </si>
  <si>
    <t>FHL SK10 1276SWL</t>
  </si>
  <si>
    <t>5702329080859</t>
  </si>
  <si>
    <t>VELUX Plissee manuell FHL SK10 1276SWL</t>
  </si>
  <si>
    <t>FHL SK10 1277S</t>
  </si>
  <si>
    <t>5702329070942</t>
  </si>
  <si>
    <t>VELUX Plissee manuell FHL SK10 1277S</t>
  </si>
  <si>
    <t>FHL SK10 1277SWL</t>
  </si>
  <si>
    <t>5702329080866</t>
  </si>
  <si>
    <t>VELUX Plissee manuell FHL SK10 1277SWL</t>
  </si>
  <si>
    <t>FHL SK10 1278S</t>
  </si>
  <si>
    <t>5702329070959</t>
  </si>
  <si>
    <t>VELUX Plissee manuell FHL SK10 1278S</t>
  </si>
  <si>
    <t>FHL SK10 1278SWL</t>
  </si>
  <si>
    <t>5702329080873</t>
  </si>
  <si>
    <t>VELUX Plissee manuell FHL SK10 1278SWL</t>
  </si>
  <si>
    <t>FHL SK10 1279S</t>
  </si>
  <si>
    <t>5702329070966</t>
  </si>
  <si>
    <t>VELUX Plissee manuell FHL SK10 1279S</t>
  </si>
  <si>
    <t>FHL SK10 1279SWL</t>
  </si>
  <si>
    <t>5702329080880</t>
  </si>
  <si>
    <t>VELUX Plissee manuell FHL SK10 1279SWL</t>
  </si>
  <si>
    <t>FHL SK10 1280S</t>
  </si>
  <si>
    <t>5702329070973</t>
  </si>
  <si>
    <t>VELUX Plissee manuell FHL SK10 1280S</t>
  </si>
  <si>
    <t>FHL SK10 1280SWL</t>
  </si>
  <si>
    <t>5702329080897</t>
  </si>
  <si>
    <t>VELUX Plissee manuell FHL SK10 1280SWL</t>
  </si>
  <si>
    <t>FHL SK10 1281S</t>
  </si>
  <si>
    <t>5702329070980</t>
  </si>
  <si>
    <t>VELUX Plissee manuell FHL SK10 1281S</t>
  </si>
  <si>
    <t>FHL SK10 1281SWL</t>
  </si>
  <si>
    <t>5702329080903</t>
  </si>
  <si>
    <t>VELUX Plissee manuell FHL SK10 1281SWL</t>
  </si>
  <si>
    <t>FHL SK10 1282S</t>
  </si>
  <si>
    <t>5702329070997</t>
  </si>
  <si>
    <t>VELUX Plissee manuell FHL SK10 1282S</t>
  </si>
  <si>
    <t>FHL SK10 1282SWL</t>
  </si>
  <si>
    <t>5702329080910</t>
  </si>
  <si>
    <t>VELUX Plissee manuell FHL SK10 1282SWL</t>
  </si>
  <si>
    <t>FHL SK10 1283S</t>
  </si>
  <si>
    <t>5702329071000</t>
  </si>
  <si>
    <t>VELUX Plissee manuell FHL SK10 1283S</t>
  </si>
  <si>
    <t>FHL SK10 1283SWL</t>
  </si>
  <si>
    <t>5702329080927</t>
  </si>
  <si>
    <t>VELUX Plissee manuell FHL SK10 1283SWL</t>
  </si>
  <si>
    <t>FHL SK10 1284S</t>
  </si>
  <si>
    <t>5702329071017</t>
  </si>
  <si>
    <t>VELUX Plissee manuell FHL SK10 1284S</t>
  </si>
  <si>
    <t>FHL SK10 1284SWL</t>
  </si>
  <si>
    <t>5702329080934</t>
  </si>
  <si>
    <t>VELUX Plissee manuell FHL SK10 1284SWL</t>
  </si>
  <si>
    <t>FHL SK10 1285S</t>
  </si>
  <si>
    <t>5702329071024</t>
  </si>
  <si>
    <t>VELUX Plissee manuell FHL SK10 1285S</t>
  </si>
  <si>
    <t>FHL SK10 1285SWL</t>
  </si>
  <si>
    <t>5702329080941</t>
  </si>
  <si>
    <t>VELUX Plissee manuell FHL SK10 1285SWL</t>
  </si>
  <si>
    <t>FHL SK10 1286S</t>
  </si>
  <si>
    <t>5702329071031</t>
  </si>
  <si>
    <t>VELUX Plissee manuell FHL SK10 1286S</t>
  </si>
  <si>
    <t>FHL SK10 1286SWL</t>
  </si>
  <si>
    <t>5702329080958</t>
  </si>
  <si>
    <t>VELUX Plissee manuell FHL SK10 1286SWL</t>
  </si>
  <si>
    <t>FHL U04 1016S</t>
  </si>
  <si>
    <t>5702325176648</t>
  </si>
  <si>
    <t>VELUX Plissee manuell FHL U04 1016S</t>
  </si>
  <si>
    <t>FHL U04 1016SWL</t>
  </si>
  <si>
    <t>5702325176655</t>
  </si>
  <si>
    <t>VELUX Plissee manuell FHL U04 1016SWL</t>
  </si>
  <si>
    <t>FHL U04 1256S</t>
  </si>
  <si>
    <t>5702327409164</t>
  </si>
  <si>
    <t>VELUX Plissee manuell FHL U04 1256S</t>
  </si>
  <si>
    <t>FHL U04 1256SWL</t>
  </si>
  <si>
    <t>5702329080965</t>
  </si>
  <si>
    <t>VELUX Plissee manuell FHL U04 1256SWL</t>
  </si>
  <si>
    <t>FHL U04 1259S</t>
  </si>
  <si>
    <t>5702327409195</t>
  </si>
  <si>
    <t>VELUX Plissee manuell FHL U04 1259S</t>
  </si>
  <si>
    <t>FHL U04 1259SWL</t>
  </si>
  <si>
    <t>5702329080972</t>
  </si>
  <si>
    <t>VELUX Plissee manuell FHL U04 1259SWL</t>
  </si>
  <si>
    <t>FHL U04 1274S</t>
  </si>
  <si>
    <t>5702329071048</t>
  </si>
  <si>
    <t>VELUX Plissee manuell FHL U04 1274S</t>
  </si>
  <si>
    <t>FHL U04 1274SWL</t>
  </si>
  <si>
    <t>5702329080989</t>
  </si>
  <si>
    <t>VELUX Plissee manuell FHL U04 1274SWL</t>
  </si>
  <si>
    <t>FHL U04 1275S</t>
  </si>
  <si>
    <t>5702329071055</t>
  </si>
  <si>
    <t>VELUX Plissee manuell FHL U04 1275S</t>
  </si>
  <si>
    <t>FHL U04 1275SWL</t>
  </si>
  <si>
    <t>5702329080996</t>
  </si>
  <si>
    <t>VELUX Plissee manuell FHL U04 1275SWL</t>
  </si>
  <si>
    <t>FHL U04 1276S</t>
  </si>
  <si>
    <t>5702329071062</t>
  </si>
  <si>
    <t>VELUX Plissee manuell FHL U04 1276S</t>
  </si>
  <si>
    <t>FHL U04 1276SWL</t>
  </si>
  <si>
    <t>5702329081009</t>
  </si>
  <si>
    <t>VELUX Plissee manuell FHL U04 1276SWL</t>
  </si>
  <si>
    <t>FHL U04 1277S</t>
  </si>
  <si>
    <t>5702329071079</t>
  </si>
  <si>
    <t>VELUX Plissee manuell FHL U04 1277S</t>
  </si>
  <si>
    <t>FHL U04 1277SWL</t>
  </si>
  <si>
    <t>5702329081016</t>
  </si>
  <si>
    <t>VELUX Plissee manuell FHL U04 1277SWL</t>
  </si>
  <si>
    <t>FHL U04 1278S</t>
  </si>
  <si>
    <t>5702329071086</t>
  </si>
  <si>
    <t>VELUX Plissee manuell FHL U04 1278S</t>
  </si>
  <si>
    <t>FHL U04 1278SWL</t>
  </si>
  <si>
    <t>5702329081023</t>
  </si>
  <si>
    <t>VELUX Plissee manuell FHL U04 1278SWL</t>
  </si>
  <si>
    <t>FHL U04 1279S</t>
  </si>
  <si>
    <t>5702329071093</t>
  </si>
  <si>
    <t>VELUX Plissee manuell FHL U04 1279S</t>
  </si>
  <si>
    <t>FHL U04 1279SWL</t>
  </si>
  <si>
    <t>5702329081030</t>
  </si>
  <si>
    <t>VELUX Plissee manuell FHL U04 1279SWL</t>
  </si>
  <si>
    <t>FHL U04 1280S</t>
  </si>
  <si>
    <t>5702329071109</t>
  </si>
  <si>
    <t>VELUX Plissee manuell FHL U04 1280S</t>
  </si>
  <si>
    <t>FHL U04 1280SWL</t>
  </si>
  <si>
    <t>5702329081047</t>
  </si>
  <si>
    <t>VELUX Plissee manuell FHL U04 1280SWL</t>
  </si>
  <si>
    <t>FHL U04 1281S</t>
  </si>
  <si>
    <t>5702329071116</t>
  </si>
  <si>
    <t>VELUX Plissee manuell FHL U04 1281S</t>
  </si>
  <si>
    <t>FHL U04 1281SWL</t>
  </si>
  <si>
    <t>5702329081054</t>
  </si>
  <si>
    <t>VELUX Plissee manuell FHL U04 1281SWL</t>
  </si>
  <si>
    <t>FHL U04 1282S</t>
  </si>
  <si>
    <t>5702329071123</t>
  </si>
  <si>
    <t>VELUX Plissee manuell FHL U04 1282S</t>
  </si>
  <si>
    <t>FHL U04 1282SWL</t>
  </si>
  <si>
    <t>5702329081061</t>
  </si>
  <si>
    <t>VELUX Plissee manuell FHL U04 1282SWL</t>
  </si>
  <si>
    <t>FHL U04 1283S</t>
  </si>
  <si>
    <t>5702329071130</t>
  </si>
  <si>
    <t>VELUX Plissee manuell FHL U04 1283S</t>
  </si>
  <si>
    <t>FHL U04 1283SWL</t>
  </si>
  <si>
    <t>5702329081078</t>
  </si>
  <si>
    <t>VELUX Plissee manuell FHL U04 1283SWL</t>
  </si>
  <si>
    <t>FHL U04 1284S</t>
  </si>
  <si>
    <t>5702329071147</t>
  </si>
  <si>
    <t>VELUX Plissee manuell FHL U04 1284S</t>
  </si>
  <si>
    <t>FHL U04 1284SWL</t>
  </si>
  <si>
    <t>5702329081085</t>
  </si>
  <si>
    <t>VELUX Plissee manuell FHL U04 1284SWL</t>
  </si>
  <si>
    <t>FHL U04 1285S</t>
  </si>
  <si>
    <t>5702329071154</t>
  </si>
  <si>
    <t>VELUX Plissee manuell FHL U04 1285S</t>
  </si>
  <si>
    <t>FHL U04 1285SWL</t>
  </si>
  <si>
    <t>5702329081092</t>
  </si>
  <si>
    <t>VELUX Plissee manuell FHL U04 1285SWL</t>
  </si>
  <si>
    <t>FHL U04 1286S</t>
  </si>
  <si>
    <t>5702329071161</t>
  </si>
  <si>
    <t>VELUX Plissee manuell FHL U04 1286S</t>
  </si>
  <si>
    <t>FHL U04 1286SWL</t>
  </si>
  <si>
    <t>5702329081108</t>
  </si>
  <si>
    <t>VELUX Plissee manuell FHL U04 1286SWL</t>
  </si>
  <si>
    <t>FHL U08 1016S</t>
  </si>
  <si>
    <t>5702325177300</t>
  </si>
  <si>
    <t>VELUX Plissee manuell FHL U08 1016S</t>
  </si>
  <si>
    <t>FHL U08 1016SWL</t>
  </si>
  <si>
    <t>5702325177317</t>
  </si>
  <si>
    <t>VELUX Plissee manuell FHL U08 1016SWL</t>
  </si>
  <si>
    <t>FHL U08 1256S</t>
  </si>
  <si>
    <t>5702327409324</t>
  </si>
  <si>
    <t>VELUX Plissee manuell FHL U08 1256S</t>
  </si>
  <si>
    <t>FHL U08 1256SWL</t>
  </si>
  <si>
    <t>5702329081115</t>
  </si>
  <si>
    <t>VELUX Plissee manuell FHL U08 1256SWL</t>
  </si>
  <si>
    <t>FHL U08 1259S</t>
  </si>
  <si>
    <t>5702327409355</t>
  </si>
  <si>
    <t>VELUX Plissee manuell FHL U08 1259S</t>
  </si>
  <si>
    <t>FHL U08 1259SWL</t>
  </si>
  <si>
    <t>5702329081122</t>
  </si>
  <si>
    <t>VELUX Plissee manuell FHL U08 1259SWL</t>
  </si>
  <si>
    <t>FHL U08 1274S</t>
  </si>
  <si>
    <t>5702329071178</t>
  </si>
  <si>
    <t>VELUX Plissee manuell FHL U08 1274S</t>
  </si>
  <si>
    <t>FHL U08 1274SWL</t>
  </si>
  <si>
    <t>5702329081139</t>
  </si>
  <si>
    <t>VELUX Plissee manuell FHL U08 1274SWL</t>
  </si>
  <si>
    <t>FHL U08 1275S</t>
  </si>
  <si>
    <t>5702329071185</t>
  </si>
  <si>
    <t>VELUX Plissee manuell FHL U08 1275S</t>
  </si>
  <si>
    <t>FHL U08 1275SWL</t>
  </si>
  <si>
    <t>5702329081146</t>
  </si>
  <si>
    <t>VELUX Plissee manuell FHL U08 1275SWL</t>
  </si>
  <si>
    <t>FHL U08 1276S</t>
  </si>
  <si>
    <t>5702329071192</t>
  </si>
  <si>
    <t>VELUX Plissee manuell FHL U08 1276S</t>
  </si>
  <si>
    <t>FHL U08 1276SWL</t>
  </si>
  <si>
    <t>5702329081153</t>
  </si>
  <si>
    <t>VELUX Plissee manuell FHL U08 1276SWL</t>
  </si>
  <si>
    <t>FHL U08 1277S</t>
  </si>
  <si>
    <t>5702329071208</t>
  </si>
  <si>
    <t>VELUX Plissee manuell FHL U08 1277S</t>
  </si>
  <si>
    <t>FHL U08 1277SWL</t>
  </si>
  <si>
    <t>5702329081160</t>
  </si>
  <si>
    <t>VELUX Plissee manuell FHL U08 1277SWL</t>
  </si>
  <si>
    <t>FHL U08 1278S</t>
  </si>
  <si>
    <t>5702329071215</t>
  </si>
  <si>
    <t>VELUX Plissee manuell FHL U08 1278S</t>
  </si>
  <si>
    <t>FHL U08 1278SWL</t>
  </si>
  <si>
    <t>5702329081177</t>
  </si>
  <si>
    <t>VELUX Plissee manuell FHL U08 1278SWL</t>
  </si>
  <si>
    <t>FHL U08 1279S</t>
  </si>
  <si>
    <t>5702329071222</t>
  </si>
  <si>
    <t>VELUX Plissee manuell FHL U08 1279S</t>
  </si>
  <si>
    <t>FHL U08 1279SWL</t>
  </si>
  <si>
    <t>5702329081184</t>
  </si>
  <si>
    <t>VELUX Plissee manuell FHL U08 1279SWL</t>
  </si>
  <si>
    <t>FHL U08 1280S</t>
  </si>
  <si>
    <t>5702329071239</t>
  </si>
  <si>
    <t>VELUX Plissee manuell FHL U08 1280S</t>
  </si>
  <si>
    <t>FHL U08 1280SWL</t>
  </si>
  <si>
    <t>5702329081191</t>
  </si>
  <si>
    <t>VELUX Plissee manuell FHL U08 1280SWL</t>
  </si>
  <si>
    <t>FHL U08 1281S</t>
  </si>
  <si>
    <t>5702329071246</t>
  </si>
  <si>
    <t>VELUX Plissee manuell FHL U08 1281S</t>
  </si>
  <si>
    <t>FHL U08 1281SWL</t>
  </si>
  <si>
    <t>5702329081207</t>
  </si>
  <si>
    <t>VELUX Plissee manuell FHL U08 1281SWL</t>
  </si>
  <si>
    <t>FHL U08 1282S</t>
  </si>
  <si>
    <t>5702329071253</t>
  </si>
  <si>
    <t>VELUX Plissee manuell FHL U08 1282S</t>
  </si>
  <si>
    <t>FHL U08 1282SWL</t>
  </si>
  <si>
    <t>5702329081214</t>
  </si>
  <si>
    <t>VELUX Plissee manuell FHL U08 1282SWL</t>
  </si>
  <si>
    <t>FHL U08 1283S</t>
  </si>
  <si>
    <t>5702329071260</t>
  </si>
  <si>
    <t>VELUX Plissee manuell FHL U08 1283S</t>
  </si>
  <si>
    <t>FHL U08 1283SWL</t>
  </si>
  <si>
    <t>5702329081221</t>
  </si>
  <si>
    <t>VELUX Plissee manuell FHL U08 1283SWL</t>
  </si>
  <si>
    <t>FHL U08 1284S</t>
  </si>
  <si>
    <t>5702329071277</t>
  </si>
  <si>
    <t>VELUX Plissee manuell FHL U08 1284S</t>
  </si>
  <si>
    <t>FHL U08 1284SWL</t>
  </si>
  <si>
    <t>5702329081238</t>
  </si>
  <si>
    <t>VELUX Plissee manuell FHL U08 1284SWL</t>
  </si>
  <si>
    <t>FHL U08 1285S</t>
  </si>
  <si>
    <t>5702329071284</t>
  </si>
  <si>
    <t>VELUX Plissee manuell FHL U08 1285S</t>
  </si>
  <si>
    <t>FHL U08 1285SWL</t>
  </si>
  <si>
    <t>5702329081245</t>
  </si>
  <si>
    <t>VELUX Plissee manuell FHL U08 1285SWL</t>
  </si>
  <si>
    <t>FHL U08 1286S</t>
  </si>
  <si>
    <t>5702329071291</t>
  </si>
  <si>
    <t>VELUX Plissee manuell FHL U08 1286S</t>
  </si>
  <si>
    <t>FHL U08 1286SWL</t>
  </si>
  <si>
    <t>5702329081252</t>
  </si>
  <si>
    <t>VELUX Plissee manuell FHL U08 1286SWL</t>
  </si>
  <si>
    <t>FHL U10 1016S</t>
  </si>
  <si>
    <t>5702325177966</t>
  </si>
  <si>
    <t>VELUX Plissee manuell FHL U10 1016S</t>
  </si>
  <si>
    <t>FHL U10 1016SWL</t>
  </si>
  <si>
    <t>5702325177973</t>
  </si>
  <si>
    <t>VELUX Plissee manuell FHL U10 1016SWL</t>
  </si>
  <si>
    <t>FHL U10 1256S</t>
  </si>
  <si>
    <t>5702327409485</t>
  </si>
  <si>
    <t>VELUX Plissee manuell FHL U10 1256S</t>
  </si>
  <si>
    <t>FHL U10 1256SWL</t>
  </si>
  <si>
    <t>5702329081269</t>
  </si>
  <si>
    <t>VELUX Plissee manuell FHL U10 1256SWL</t>
  </si>
  <si>
    <t>FHL U10 1259S</t>
  </si>
  <si>
    <t>5702327409515</t>
  </si>
  <si>
    <t>VELUX Plissee manuell FHL U10 1259S</t>
  </si>
  <si>
    <t>FHL U10 1259SWL</t>
  </si>
  <si>
    <t>5702329081276</t>
  </si>
  <si>
    <t>VELUX Plissee manuell FHL U10 1259SWL</t>
  </si>
  <si>
    <t>FHL U10 1274S</t>
  </si>
  <si>
    <t>5702329071307</t>
  </si>
  <si>
    <t>VELUX Plissee manuell FHL U10 1274S</t>
  </si>
  <si>
    <t>FHL U10 1275S</t>
  </si>
  <si>
    <t>5702329071314</t>
  </si>
  <si>
    <t>VELUX Plissee manuell FHL U10 1275S</t>
  </si>
  <si>
    <t>FHL U10 1276SWL</t>
  </si>
  <si>
    <t>5702329081306</t>
  </si>
  <si>
    <t>VELUX Plissee manuell FHL U10 1276SWL</t>
  </si>
  <si>
    <t>FHL U10 1278S</t>
  </si>
  <si>
    <t>5702329071345</t>
  </si>
  <si>
    <t>VELUX Plissee manuell FHL U10 1278S</t>
  </si>
  <si>
    <t>FHL U10 1279S</t>
  </si>
  <si>
    <t>5702329071352</t>
  </si>
  <si>
    <t>VELUX Plissee manuell FHL U10 1279S</t>
  </si>
  <si>
    <t>FHL U10 1280S</t>
  </si>
  <si>
    <t>5702329071369</t>
  </si>
  <si>
    <t>VELUX Plissee manuell FHL U10 1280S</t>
  </si>
  <si>
    <t>FHL U10 1281S</t>
  </si>
  <si>
    <t>5702329071376</t>
  </si>
  <si>
    <t>VELUX Plissee manuell FHL U10 1281S</t>
  </si>
  <si>
    <t>FHL U10 1282S</t>
  </si>
  <si>
    <t>5702329071383</t>
  </si>
  <si>
    <t>VELUX Plissee manuell FHL U10 1282S</t>
  </si>
  <si>
    <t>FHL U10 1282SWL</t>
  </si>
  <si>
    <t>5702329081368</t>
  </si>
  <si>
    <t>VELUX Plissee manuell FHL U10 1282SWL</t>
  </si>
  <si>
    <t>FHL U10 1283S</t>
  </si>
  <si>
    <t>5702329071390</t>
  </si>
  <si>
    <t>VELUX Plissee manuell FHL U10 1283S</t>
  </si>
  <si>
    <t>FHL U10 1284S</t>
  </si>
  <si>
    <t>5702329071406</t>
  </si>
  <si>
    <t>VELUX Plissee manuell FHL U10 1284S</t>
  </si>
  <si>
    <t>FHL U10 1286S</t>
  </si>
  <si>
    <t>5702329071420</t>
  </si>
  <si>
    <t>VELUX Plissee manuell FHL U10 1286S</t>
  </si>
  <si>
    <t>FHL U10 1286SWL</t>
  </si>
  <si>
    <t>5702329081405</t>
  </si>
  <si>
    <t>VELUX Plissee manuell FHL U10 1286SWL</t>
  </si>
  <si>
    <t>FHL U31 1016S</t>
  </si>
  <si>
    <t>5702325178628</t>
  </si>
  <si>
    <t>VELUX Plissee manuell FHL U31 1016S</t>
  </si>
  <si>
    <t>FHL U31 1016SWL</t>
  </si>
  <si>
    <t>5702325178635</t>
  </si>
  <si>
    <t>VELUX Plissee manuell FHL U31 1016SWL</t>
  </si>
  <si>
    <t>FHL U31 1259S</t>
  </si>
  <si>
    <t>5702327409676</t>
  </si>
  <si>
    <t>VELUX Plissee manuell FHL U31 1259S</t>
  </si>
  <si>
    <t>FHL U31 1274SWL</t>
  </si>
  <si>
    <t>5702329225298</t>
  </si>
  <si>
    <t>VELUX Plissee manuell FHL U31 1274SWL</t>
  </si>
  <si>
    <t>FHL U31 1277S</t>
  </si>
  <si>
    <t>5702329071468</t>
  </si>
  <si>
    <t>VELUX Plissee manuell FHL U31 1277S</t>
  </si>
  <si>
    <t>FHL U31 1281SWL</t>
  </si>
  <si>
    <t>5702329225366</t>
  </si>
  <si>
    <t>VELUX Plissee manuell FHL U31 1281SWL</t>
  </si>
  <si>
    <t>FHL U31 1284SWL</t>
  </si>
  <si>
    <t>5702329225397</t>
  </si>
  <si>
    <t>VELUX Plissee manuell FHL U31 1284SWL</t>
  </si>
  <si>
    <t>FHL UK04 1016S</t>
  </si>
  <si>
    <t>5702326794506</t>
  </si>
  <si>
    <t>VELUX Plissee manuell FHL UK04 1016S</t>
  </si>
  <si>
    <t>FHL UK04 1016SWL</t>
  </si>
  <si>
    <t>5702326794513</t>
  </si>
  <si>
    <t>VELUX Plissee manuell FHL UK04 1016SWL</t>
  </si>
  <si>
    <t>FHL UK04 1256S</t>
  </si>
  <si>
    <t>5702327409966</t>
  </si>
  <si>
    <t>VELUX Plissee manuell FHL UK04 1256S</t>
  </si>
  <si>
    <t>FHL UK04 1256SWL</t>
  </si>
  <si>
    <t>5702329081412</t>
  </si>
  <si>
    <t>VELUX Plissee manuell FHL UK04 1256SWL</t>
  </si>
  <si>
    <t>FHL UK04 1259S</t>
  </si>
  <si>
    <t>5702327409997</t>
  </si>
  <si>
    <t>VELUX Plissee manuell FHL UK04 1259S</t>
  </si>
  <si>
    <t>FHL UK04 1259SWL</t>
  </si>
  <si>
    <t>5702329081429</t>
  </si>
  <si>
    <t>VELUX Plissee manuell FHL UK04 1259SWL</t>
  </si>
  <si>
    <t>FHL UK04 1274S</t>
  </si>
  <si>
    <t>5702329071697</t>
  </si>
  <si>
    <t>VELUX Plissee manuell FHL UK04 1274S</t>
  </si>
  <si>
    <t>FHL UK04 1274SWL</t>
  </si>
  <si>
    <t>5702329081436</t>
  </si>
  <si>
    <t>VELUX Plissee manuell FHL UK04 1274SWL</t>
  </si>
  <si>
    <t>FHL UK04 1275S</t>
  </si>
  <si>
    <t>5702329071703</t>
  </si>
  <si>
    <t>VELUX Plissee manuell FHL UK04 1275S</t>
  </si>
  <si>
    <t>FHL UK04 1275SWL</t>
  </si>
  <si>
    <t>5702329081443</t>
  </si>
  <si>
    <t>VELUX Plissee manuell FHL UK04 1275SWL</t>
  </si>
  <si>
    <t>FHL UK04 1276S</t>
  </si>
  <si>
    <t>5702329071710</t>
  </si>
  <si>
    <t>VELUX Plissee manuell FHL UK04 1276S</t>
  </si>
  <si>
    <t>FHL UK04 1276SWL</t>
  </si>
  <si>
    <t>5702329081450</t>
  </si>
  <si>
    <t>VELUX Plissee manuell FHL UK04 1276SWL</t>
  </si>
  <si>
    <t>FHL UK04 1277S</t>
  </si>
  <si>
    <t>5702329071727</t>
  </si>
  <si>
    <t>VELUX Plissee manuell FHL UK04 1277S</t>
  </si>
  <si>
    <t>FHL UK04 1277SWL</t>
  </si>
  <si>
    <t>5702329081467</t>
  </si>
  <si>
    <t>VELUX Plissee manuell FHL UK04 1277SWL</t>
  </si>
  <si>
    <t>FHL UK04 1278S</t>
  </si>
  <si>
    <t>5702329071734</t>
  </si>
  <si>
    <t>VELUX Plissee manuell FHL UK04 1278S</t>
  </si>
  <si>
    <t>FHL UK04 1278SWL</t>
  </si>
  <si>
    <t>5702329081474</t>
  </si>
  <si>
    <t>VELUX Plissee manuell FHL UK04 1278SWL</t>
  </si>
  <si>
    <t>FHL UK04 1279S</t>
  </si>
  <si>
    <t>5702329071741</t>
  </si>
  <si>
    <t>VELUX Plissee manuell FHL UK04 1279S</t>
  </si>
  <si>
    <t>FHL UK04 1279SWL</t>
  </si>
  <si>
    <t>5702329081481</t>
  </si>
  <si>
    <t>VELUX Plissee manuell FHL UK04 1279SWL</t>
  </si>
  <si>
    <t>FHL UK04 1280S</t>
  </si>
  <si>
    <t>5702329071758</t>
  </si>
  <si>
    <t>VELUX Plissee manuell FHL UK04 1280S</t>
  </si>
  <si>
    <t>FHL UK04 1280SWL</t>
  </si>
  <si>
    <t>5702329081498</t>
  </si>
  <si>
    <t>VELUX Plissee manuell FHL UK04 1280SWL</t>
  </si>
  <si>
    <t>FHL UK04 1281S</t>
  </si>
  <si>
    <t>5702329071765</t>
  </si>
  <si>
    <t>VELUX Plissee manuell FHL UK04 1281S</t>
  </si>
  <si>
    <t>FHL UK04 1281SWL</t>
  </si>
  <si>
    <t>5702329081504</t>
  </si>
  <si>
    <t>VELUX Plissee manuell FHL UK04 1281SWL</t>
  </si>
  <si>
    <t>FHL UK04 1282S</t>
  </si>
  <si>
    <t>5702329071772</t>
  </si>
  <si>
    <t>VELUX Plissee manuell FHL UK04 1282S</t>
  </si>
  <si>
    <t>FHL UK04 1282SWL</t>
  </si>
  <si>
    <t>5702329081511</t>
  </si>
  <si>
    <t>VELUX Plissee manuell FHL UK04 1282SWL</t>
  </si>
  <si>
    <t>FHL UK04 1283S</t>
  </si>
  <si>
    <t>5702329071789</t>
  </si>
  <si>
    <t>VELUX Plissee manuell FHL UK04 1283S</t>
  </si>
  <si>
    <t>FHL UK04 1283SWL</t>
  </si>
  <si>
    <t>5702329081528</t>
  </si>
  <si>
    <t>VELUX Plissee manuell FHL UK04 1283SWL</t>
  </si>
  <si>
    <t>FHL UK04 1284S</t>
  </si>
  <si>
    <t>5702329071796</t>
  </si>
  <si>
    <t>VELUX Plissee manuell FHL UK04 1284S</t>
  </si>
  <si>
    <t>FHL UK04 1284SWL</t>
  </si>
  <si>
    <t>5702329081535</t>
  </si>
  <si>
    <t>VELUX Plissee manuell FHL UK04 1284SWL</t>
  </si>
  <si>
    <t>FHL UK04 1285S</t>
  </si>
  <si>
    <t>5702329071802</t>
  </si>
  <si>
    <t>VELUX Plissee manuell FHL UK04 1285S</t>
  </si>
  <si>
    <t>FHL UK04 1285SWL</t>
  </si>
  <si>
    <t>5702329081542</t>
  </si>
  <si>
    <t>VELUX Plissee manuell FHL UK04 1285SWL</t>
  </si>
  <si>
    <t>FHL UK04 1286S</t>
  </si>
  <si>
    <t>5702329071819</t>
  </si>
  <si>
    <t>VELUX Plissee manuell FHL UK04 1286S</t>
  </si>
  <si>
    <t>FHL UK04 1286SWL</t>
  </si>
  <si>
    <t>5702329081559</t>
  </si>
  <si>
    <t>VELUX Plissee manuell FHL UK04 1286SWL</t>
  </si>
  <si>
    <t>FHL UK08 1016S</t>
  </si>
  <si>
    <t>5702326795190</t>
  </si>
  <si>
    <t>VELUX Plissee manuell FHL UK08 1016S</t>
  </si>
  <si>
    <t>FHL UK08 1016SWL</t>
  </si>
  <si>
    <t>5702326795206</t>
  </si>
  <si>
    <t>VELUX Plissee manuell FHL UK08 1016SWL</t>
  </si>
  <si>
    <t>FHL UK08 1256S</t>
  </si>
  <si>
    <t>5702327410122</t>
  </si>
  <si>
    <t>VELUX Plissee manuell FHL UK08 1256S</t>
  </si>
  <si>
    <t>FHL UK08 1256SWL</t>
  </si>
  <si>
    <t>5702329081566</t>
  </si>
  <si>
    <t>VELUX Plissee manuell FHL UK08 1256SWL</t>
  </si>
  <si>
    <t>FHL UK08 1259S</t>
  </si>
  <si>
    <t>5702327410153</t>
  </si>
  <si>
    <t>VELUX Plissee manuell FHL UK08 1259S</t>
  </si>
  <si>
    <t>FHL UK08 1259SWL</t>
  </si>
  <si>
    <t>5702329081573</t>
  </si>
  <si>
    <t>VELUX Plissee manuell FHL UK08 1259SWL</t>
  </si>
  <si>
    <t>FHL UK08 1274S</t>
  </si>
  <si>
    <t>5702329071826</t>
  </si>
  <si>
    <t>VELUX Plissee manuell FHL UK08 1274S</t>
  </si>
  <si>
    <t>FHL UK08 1274SWL</t>
  </si>
  <si>
    <t>5702329081580</t>
  </si>
  <si>
    <t>VELUX Plissee manuell FHL UK08 1274SWL</t>
  </si>
  <si>
    <t>FHL UK08 1275S</t>
  </si>
  <si>
    <t>5702329071833</t>
  </si>
  <si>
    <t>VELUX Plissee manuell FHL UK08 1275S</t>
  </si>
  <si>
    <t>FHL UK08 1275SWL</t>
  </si>
  <si>
    <t>5702329081597</t>
  </si>
  <si>
    <t>VELUX Plissee manuell FHL UK08 1275SWL</t>
  </si>
  <si>
    <t>FHL UK08 1276S</t>
  </si>
  <si>
    <t>5702329071840</t>
  </si>
  <si>
    <t>VELUX Plissee manuell FHL UK08 1276S</t>
  </si>
  <si>
    <t>FHL UK08 1276SWL</t>
  </si>
  <si>
    <t>5702329081603</t>
  </si>
  <si>
    <t>VELUX Plissee manuell FHL UK08 1276SWL</t>
  </si>
  <si>
    <t>FHL UK08 1277S</t>
  </si>
  <si>
    <t>5702329071857</t>
  </si>
  <si>
    <t>VELUX Plissee manuell FHL UK08 1277S</t>
  </si>
  <si>
    <t>FHL UK08 1277SWL</t>
  </si>
  <si>
    <t>5702329081610</t>
  </si>
  <si>
    <t>VELUX Plissee manuell FHL UK08 1277SWL</t>
  </si>
  <si>
    <t>FHL UK08 1278S</t>
  </si>
  <si>
    <t>5702329071864</t>
  </si>
  <si>
    <t>VELUX Plissee manuell FHL UK08 1278S</t>
  </si>
  <si>
    <t>FHL UK08 1278SWL</t>
  </si>
  <si>
    <t>5702329081627</t>
  </si>
  <si>
    <t>VELUX Plissee manuell FHL UK08 1278SWL</t>
  </si>
  <si>
    <t>FHL UK08 1279S</t>
  </si>
  <si>
    <t>5702329071871</t>
  </si>
  <si>
    <t>VELUX Plissee manuell FHL UK08 1279S</t>
  </si>
  <si>
    <t>FHL UK08 1279SWL</t>
  </si>
  <si>
    <t>5702329081634</t>
  </si>
  <si>
    <t>VELUX Plissee manuell FHL UK08 1279SWL</t>
  </si>
  <si>
    <t>FHL UK08 1280S</t>
  </si>
  <si>
    <t>5702329071888</t>
  </si>
  <si>
    <t>VELUX Plissee manuell FHL UK08 1280S</t>
  </si>
  <si>
    <t>FHL UK08 1280SWL</t>
  </si>
  <si>
    <t>5702329081641</t>
  </si>
  <si>
    <t>VELUX Plissee manuell FHL UK08 1280SWL</t>
  </si>
  <si>
    <t>FHL UK08 1281S</t>
  </si>
  <si>
    <t>5702329071895</t>
  </si>
  <si>
    <t>VELUX Plissee manuell FHL UK08 1281S</t>
  </si>
  <si>
    <t>FHL UK08 1281SWL</t>
  </si>
  <si>
    <t>5702329081658</t>
  </si>
  <si>
    <t>VELUX Plissee manuell FHL UK08 1281SWL</t>
  </si>
  <si>
    <t>FHL UK08 1282S</t>
  </si>
  <si>
    <t>5702329071901</t>
  </si>
  <si>
    <t>VELUX Plissee manuell FHL UK08 1282S</t>
  </si>
  <si>
    <t>FHL UK08 1282SWL</t>
  </si>
  <si>
    <t>5702329081665</t>
  </si>
  <si>
    <t>VELUX Plissee manuell FHL UK08 1282SWL</t>
  </si>
  <si>
    <t>FHL UK08 1283S</t>
  </si>
  <si>
    <t>5702329071918</t>
  </si>
  <si>
    <t>VELUX Plissee manuell FHL UK08 1283S</t>
  </si>
  <si>
    <t>FHL UK08 1283SWL</t>
  </si>
  <si>
    <t>5702329081672</t>
  </si>
  <si>
    <t>VELUX Plissee manuell FHL UK08 1283SWL</t>
  </si>
  <si>
    <t>FHL UK08 1284S</t>
  </si>
  <si>
    <t>5702329071925</t>
  </si>
  <si>
    <t>VELUX Plissee manuell FHL UK08 1284S</t>
  </si>
  <si>
    <t>FHL UK08 1284SWL</t>
  </si>
  <si>
    <t>5702329081689</t>
  </si>
  <si>
    <t>VELUX Plissee manuell FHL UK08 1284SWL</t>
  </si>
  <si>
    <t>FHL UK08 1285S</t>
  </si>
  <si>
    <t>5702329071932</t>
  </si>
  <si>
    <t>VELUX Plissee manuell FHL UK08 1285S</t>
  </si>
  <si>
    <t>FHL UK08 1285SWL</t>
  </si>
  <si>
    <t>5702329081696</t>
  </si>
  <si>
    <t>VELUX Plissee manuell FHL UK08 1285SWL</t>
  </si>
  <si>
    <t>FHL UK08 1286S</t>
  </si>
  <si>
    <t>5702329071949</t>
  </si>
  <si>
    <t>VELUX Plissee manuell FHL UK08 1286S</t>
  </si>
  <si>
    <t>FHL UK08 1286SWL</t>
  </si>
  <si>
    <t>5702329081702</t>
  </si>
  <si>
    <t>VELUX Plissee manuell FHL UK08 1286SWL</t>
  </si>
  <si>
    <t>FHL UK10 1016S</t>
  </si>
  <si>
    <t>5702326795909</t>
  </si>
  <si>
    <t>VELUX Plissee manuell FHL UK10 1016S</t>
  </si>
  <si>
    <t>FHL UK10 1016SWL</t>
  </si>
  <si>
    <t>5702326795916</t>
  </si>
  <si>
    <t>VELUX Plissee manuell FHL UK10 1016SWL</t>
  </si>
  <si>
    <t>FHL UK10 1256S</t>
  </si>
  <si>
    <t>5702327410283</t>
  </si>
  <si>
    <t>VELUX Plissee manuell FHL UK10 1256S</t>
  </si>
  <si>
    <t>FHL UK10 1256SWL</t>
  </si>
  <si>
    <t>5702329081719</t>
  </si>
  <si>
    <t>VELUX Plissee manuell FHL UK10 1256SWL</t>
  </si>
  <si>
    <t>FHL UK10 1259S</t>
  </si>
  <si>
    <t>5702327410313</t>
  </si>
  <si>
    <t>VELUX Plissee manuell FHL UK10 1259S</t>
  </si>
  <si>
    <t>FHL UK10 1259SWL</t>
  </si>
  <si>
    <t>5702329081726</t>
  </si>
  <si>
    <t>VELUX Plissee manuell FHL UK10 1259SWL</t>
  </si>
  <si>
    <t>FHL UK10 1274S</t>
  </si>
  <si>
    <t>5702329071956</t>
  </si>
  <si>
    <t>VELUX Plissee manuell FHL UK10 1274S</t>
  </si>
  <si>
    <t>FHL UK10 1274SWL</t>
  </si>
  <si>
    <t>5702329081733</t>
  </si>
  <si>
    <t>VELUX Plissee manuell FHL UK10 1274SWL</t>
  </si>
  <si>
    <t>FHL UK10 1275S</t>
  </si>
  <si>
    <t>5702329071963</t>
  </si>
  <si>
    <t>VELUX Plissee manuell FHL UK10 1275S</t>
  </si>
  <si>
    <t>FHL UK10 1275SWL</t>
  </si>
  <si>
    <t>5702329081740</t>
  </si>
  <si>
    <t>VELUX Plissee manuell FHL UK10 1275SWL</t>
  </si>
  <si>
    <t>FHL UK10 1276S</t>
  </si>
  <si>
    <t>5702329071970</t>
  </si>
  <si>
    <t>VELUX Plissee manuell FHL UK10 1276S</t>
  </si>
  <si>
    <t>FHL UK10 1277S</t>
  </si>
  <si>
    <t>5702329071987</t>
  </si>
  <si>
    <t>VELUX Plissee manuell FHL UK10 1277S</t>
  </si>
  <si>
    <t>FHL UK10 1277SWL</t>
  </si>
  <si>
    <t>5702329081764</t>
  </si>
  <si>
    <t>VELUX Plissee manuell FHL UK10 1277SWL</t>
  </si>
  <si>
    <t>FHL UK10 1278S</t>
  </si>
  <si>
    <t>5702329071994</t>
  </si>
  <si>
    <t>VELUX Plissee manuell FHL UK10 1278S</t>
  </si>
  <si>
    <t>FHL UK10 1278SWL</t>
  </si>
  <si>
    <t>5702329081771</t>
  </si>
  <si>
    <t>VELUX Plissee manuell FHL UK10 1278SWL</t>
  </si>
  <si>
    <t>FHL UK10 1279SWL</t>
  </si>
  <si>
    <t>5702329081788</t>
  </si>
  <si>
    <t>VELUX Plissee manuell FHL UK10 1279SWL</t>
  </si>
  <si>
    <t>FHL UK10 1280SWL</t>
  </si>
  <si>
    <t>5702329081795</t>
  </si>
  <si>
    <t>VELUX Plissee manuell FHL UK10 1280SWL</t>
  </si>
  <si>
    <t>FHL UK10 1281S</t>
  </si>
  <si>
    <t>5702329072021</t>
  </si>
  <si>
    <t>VELUX Plissee manuell FHL UK10 1281S</t>
  </si>
  <si>
    <t>FHL UK10 1281SWL</t>
  </si>
  <si>
    <t>5702329081801</t>
  </si>
  <si>
    <t>VELUX Plissee manuell FHL UK10 1281SWL</t>
  </si>
  <si>
    <t>FHL UK10 1282S</t>
  </si>
  <si>
    <t>5702329072038</t>
  </si>
  <si>
    <t>VELUX Plissee manuell FHL UK10 1282S</t>
  </si>
  <si>
    <t>FHL UK10 1282SWL</t>
  </si>
  <si>
    <t>5702329081818</t>
  </si>
  <si>
    <t>VELUX Plissee manuell FHL UK10 1282SWL</t>
  </si>
  <si>
    <t>FHL UK10 1283SWL</t>
  </si>
  <si>
    <t>5702329081825</t>
  </si>
  <si>
    <t>VELUX Plissee manuell FHL UK10 1283SWL</t>
  </si>
  <si>
    <t>FHL UK10 1284S</t>
  </si>
  <si>
    <t>5702329072052</t>
  </si>
  <si>
    <t>VELUX Plissee manuell FHL UK10 1284S</t>
  </si>
  <si>
    <t>FHL UK10 1284SWL</t>
  </si>
  <si>
    <t>5702329081832</t>
  </si>
  <si>
    <t>VELUX Plissee manuell FHL UK10 1284SWL</t>
  </si>
  <si>
    <t>FHL UK10 1285S</t>
  </si>
  <si>
    <t>5702329072069</t>
  </si>
  <si>
    <t>VELUX Plissee manuell FHL UK10 1285S</t>
  </si>
  <si>
    <t>FHL UK10 1285SWL</t>
  </si>
  <si>
    <t>5702329081849</t>
  </si>
  <si>
    <t>VELUX Plissee manuell FHL UK10 1285SWL</t>
  </si>
  <si>
    <t>FHL UK10 1286S</t>
  </si>
  <si>
    <t>5702329072076</t>
  </si>
  <si>
    <t>VELUX Plissee manuell FHL UK10 1286S</t>
  </si>
  <si>
    <t>FHL UK10 1286SWL</t>
  </si>
  <si>
    <t>5702329081856</t>
  </si>
  <si>
    <t>VELUX Plissee manuell FHL UK10 1286SWL</t>
  </si>
  <si>
    <t>FHL Y21 1016S</t>
  </si>
  <si>
    <t>5702325179946</t>
  </si>
  <si>
    <t>VELUX Plissee manuell FHL Y21 1016S</t>
  </si>
  <si>
    <t>FHL Y21 1256S</t>
  </si>
  <si>
    <t>5702327410443</t>
  </si>
  <si>
    <t>VELUX Plissee manuell FHL Y21 1256S</t>
  </si>
  <si>
    <t>FHL Y21 1259S</t>
  </si>
  <si>
    <t>5702327410474</t>
  </si>
  <si>
    <t>VELUX Plissee manuell FHL Y21 1259S</t>
  </si>
  <si>
    <t>FHL Y21 1274S</t>
  </si>
  <si>
    <t>5702329072083</t>
  </si>
  <si>
    <t>VELUX Plissee manuell FHL Y21 1274S</t>
  </si>
  <si>
    <t>FHL Y21 1275S</t>
  </si>
  <si>
    <t>5702329072090</t>
  </si>
  <si>
    <t>VELUX Plissee manuell FHL Y21 1275S</t>
  </si>
  <si>
    <t>FHL Y21 1276S</t>
  </si>
  <si>
    <t>5702329072106</t>
  </si>
  <si>
    <t>VELUX Plissee manuell FHL Y21 1276S</t>
  </si>
  <si>
    <t>FHL Y21 1277S</t>
  </si>
  <si>
    <t>5702329072113</t>
  </si>
  <si>
    <t>VELUX Plissee manuell FHL Y21 1277S</t>
  </si>
  <si>
    <t>FHL Y21 1278S</t>
  </si>
  <si>
    <t>5702329072120</t>
  </si>
  <si>
    <t>VELUX Plissee manuell FHL Y21 1278S</t>
  </si>
  <si>
    <t>FHL Y21 1279S</t>
  </si>
  <si>
    <t>5702329072137</t>
  </si>
  <si>
    <t>VELUX Plissee manuell FHL Y21 1279S</t>
  </si>
  <si>
    <t>FHL Y21 1280S</t>
  </si>
  <si>
    <t>5702329072144</t>
  </si>
  <si>
    <t>VELUX Plissee manuell FHL Y21 1280S</t>
  </si>
  <si>
    <t>FHL Y21 1281S</t>
  </si>
  <si>
    <t>5702329072151</t>
  </si>
  <si>
    <t>VELUX Plissee manuell FHL Y21 1281S</t>
  </si>
  <si>
    <t>FHL Y21 1282S</t>
  </si>
  <si>
    <t>5702329072168</t>
  </si>
  <si>
    <t>VELUX Plissee manuell FHL Y21 1282S</t>
  </si>
  <si>
    <t>FHL Y21 1283S</t>
  </si>
  <si>
    <t>5702329072175</t>
  </si>
  <si>
    <t>VELUX Plissee manuell FHL Y21 1283S</t>
  </si>
  <si>
    <t>FHL Y21 1284S</t>
  </si>
  <si>
    <t>5702329072182</t>
  </si>
  <si>
    <t>VELUX Plissee manuell FHL Y21 1284S</t>
  </si>
  <si>
    <t>FHL Y21 1286S</t>
  </si>
  <si>
    <t>5702329072205</t>
  </si>
  <si>
    <t>VELUX Plissee manuell FHL Y21 1286S</t>
  </si>
  <si>
    <t>FHL Y23 1016S</t>
  </si>
  <si>
    <t>5702325180607</t>
  </si>
  <si>
    <t>VELUX Plissee manuell FHL Y23 1016S</t>
  </si>
  <si>
    <t>FHL Y23 1256S</t>
  </si>
  <si>
    <t>5702327410603</t>
  </si>
  <si>
    <t>VELUX Plissee manuell FHL Y23 1256S</t>
  </si>
  <si>
    <t>FHL Y23 1259S</t>
  </si>
  <si>
    <t>5702327410634</t>
  </si>
  <si>
    <t>VELUX Plissee manuell FHL Y23 1259S</t>
  </si>
  <si>
    <t>FHL Y23 1274S</t>
  </si>
  <si>
    <t>5702329072212</t>
  </si>
  <si>
    <t>VELUX Plissee manuell FHL Y23 1274S</t>
  </si>
  <si>
    <t>FHL Y23 1275S</t>
  </si>
  <si>
    <t>5702329072229</t>
  </si>
  <si>
    <t>VELUX Plissee manuell FHL Y23 1275S</t>
  </si>
  <si>
    <t>FHL Y23 1278S</t>
  </si>
  <si>
    <t>5702329072250</t>
  </si>
  <si>
    <t>VELUX Plissee manuell FHL Y23 1278S</t>
  </si>
  <si>
    <t>FHL Y23 1279S</t>
  </si>
  <si>
    <t>5702329072267</t>
  </si>
  <si>
    <t>VELUX Plissee manuell FHL Y23 1279S</t>
  </si>
  <si>
    <t>FHL Y23 1280S</t>
  </si>
  <si>
    <t>5702329072274</t>
  </si>
  <si>
    <t>VELUX Plissee manuell FHL Y23 1280S</t>
  </si>
  <si>
    <t>FHL Y23 1281S</t>
  </si>
  <si>
    <t>5702329072281</t>
  </si>
  <si>
    <t>VELUX Plissee manuell FHL Y23 1281S</t>
  </si>
  <si>
    <t>FHL Y23 1282S</t>
  </si>
  <si>
    <t>5702329072298</t>
  </si>
  <si>
    <t>VELUX Plissee manuell FHL Y23 1282S</t>
  </si>
  <si>
    <t>FHL Y23 1283S</t>
  </si>
  <si>
    <t>5702329072304</t>
  </si>
  <si>
    <t>VELUX Plissee manuell FHL Y23 1283S</t>
  </si>
  <si>
    <t>FHL Y23 1284S</t>
  </si>
  <si>
    <t>5702329072311</t>
  </si>
  <si>
    <t>VELUX Plissee manuell FHL Y23 1284S</t>
  </si>
  <si>
    <t>FHL Y23 1285S</t>
  </si>
  <si>
    <t>5702329072328</t>
  </si>
  <si>
    <t>VELUX Plissee manuell FHL Y23 1285S</t>
  </si>
  <si>
    <t>FHL Y23 1286S</t>
  </si>
  <si>
    <t>5702329072335</t>
  </si>
  <si>
    <t>VELUX Plissee manuell FHL Y23 1286S</t>
  </si>
  <si>
    <t>FHL Y33 1016S</t>
  </si>
  <si>
    <t>5702325181260</t>
  </si>
  <si>
    <t>VELUX Plissee manuell FHL Y33 1016S</t>
  </si>
  <si>
    <t>FHL Y33 1256S</t>
  </si>
  <si>
    <t>5702327410764</t>
  </si>
  <si>
    <t>VELUX Plissee manuell FHL Y33 1256S</t>
  </si>
  <si>
    <t>FHL Y33 1259S</t>
  </si>
  <si>
    <t>5702327410795</t>
  </si>
  <si>
    <t>VELUX Plissee manuell FHL Y33 1259S</t>
  </si>
  <si>
    <t>FHL Y33 1274S</t>
  </si>
  <si>
    <t>5702329072342</t>
  </si>
  <si>
    <t>VELUX Plissee manuell FHL Y33 1274S</t>
  </si>
  <si>
    <t>FHL Y33 1275S</t>
  </si>
  <si>
    <t>5702329072359</t>
  </si>
  <si>
    <t>VELUX Plissee manuell FHL Y33 1275S</t>
  </si>
  <si>
    <t>FHL Y33 1276S</t>
  </si>
  <si>
    <t>5702329072366</t>
  </si>
  <si>
    <t>VELUX Plissee manuell FHL Y33 1276S</t>
  </si>
  <si>
    <t>FHL Y33 1278S</t>
  </si>
  <si>
    <t>5702329072380</t>
  </si>
  <si>
    <t>VELUX Plissee manuell FHL Y33 1278S</t>
  </si>
  <si>
    <t>FHL Y33 1279S</t>
  </si>
  <si>
    <t>5702329072397</t>
  </si>
  <si>
    <t>VELUX Plissee manuell FHL Y33 1279S</t>
  </si>
  <si>
    <t>FHL Y33 1280S</t>
  </si>
  <si>
    <t>5702329072403</t>
  </si>
  <si>
    <t>VELUX Plissee manuell FHL Y33 1280S</t>
  </si>
  <si>
    <t>FHL Y33 1281S</t>
  </si>
  <si>
    <t>5702329072410</t>
  </si>
  <si>
    <t>VELUX Plissee manuell FHL Y33 1281S</t>
  </si>
  <si>
    <t>FHL Y33 1282S</t>
  </si>
  <si>
    <t>5702329072427</t>
  </si>
  <si>
    <t>VELUX Plissee manuell FHL Y33 1282S</t>
  </si>
  <si>
    <t>FHL Y33 1283S</t>
  </si>
  <si>
    <t>5702329072434</t>
  </si>
  <si>
    <t>VELUX Plissee manuell FHL Y33 1283S</t>
  </si>
  <si>
    <t>FHL Y33 1284S</t>
  </si>
  <si>
    <t>5702329072441</t>
  </si>
  <si>
    <t>VELUX Plissee manuell FHL Y33 1284S</t>
  </si>
  <si>
    <t>FHL Y33 1285S</t>
  </si>
  <si>
    <t>5702329072458</t>
  </si>
  <si>
    <t>VELUX Plissee manuell FHL Y33 1285S</t>
  </si>
  <si>
    <t>FHL Y33 1286S</t>
  </si>
  <si>
    <t>5702329072465</t>
  </si>
  <si>
    <t>VELUX Plissee manuell FHL Y33 1286S</t>
  </si>
  <si>
    <t>FHL Y35 1016S</t>
  </si>
  <si>
    <t>5702325181925</t>
  </si>
  <si>
    <t>VELUX Plissee manuell FHL Y35 1016S</t>
  </si>
  <si>
    <t>FHL Y35 1256S</t>
  </si>
  <si>
    <t>5702327410924</t>
  </si>
  <si>
    <t>VELUX Plissee manuell FHL Y35 1256S</t>
  </si>
  <si>
    <t>FHL Y35 1259S</t>
  </si>
  <si>
    <t>5702327410955</t>
  </si>
  <si>
    <t>VELUX Plissee manuell FHL Y35 1259S</t>
  </si>
  <si>
    <t>FHL Y35 1274S</t>
  </si>
  <si>
    <t>5702329072472</t>
  </si>
  <si>
    <t>VELUX Plissee manuell FHL Y35 1274S</t>
  </si>
  <si>
    <t>FHL Y35 1275S</t>
  </si>
  <si>
    <t>5702329072489</t>
  </si>
  <si>
    <t>VELUX Plissee manuell FHL Y35 1275S</t>
  </si>
  <si>
    <t>FHL Y35 1277S</t>
  </si>
  <si>
    <t>5702329072502</t>
  </si>
  <si>
    <t>VELUX Plissee manuell FHL Y35 1277S</t>
  </si>
  <si>
    <t>FHL Y35 1278S</t>
  </si>
  <si>
    <t>5702329072519</t>
  </si>
  <si>
    <t>VELUX Plissee manuell FHL Y35 1278S</t>
  </si>
  <si>
    <t>FHL Y35 1280S</t>
  </si>
  <si>
    <t>5702329072533</t>
  </si>
  <si>
    <t>VELUX Plissee manuell FHL Y35 1280S</t>
  </si>
  <si>
    <t>FHL Y35 1281S</t>
  </si>
  <si>
    <t>5702329072540</t>
  </si>
  <si>
    <t>VELUX Plissee manuell FHL Y35 1281S</t>
  </si>
  <si>
    <t>FHL Y35 1282S</t>
  </si>
  <si>
    <t>5702329072557</t>
  </si>
  <si>
    <t>VELUX Plissee manuell FHL Y35 1282S</t>
  </si>
  <si>
    <t>FHL Y35 1283S</t>
  </si>
  <si>
    <t>5702329072564</t>
  </si>
  <si>
    <t>VELUX Plissee manuell FHL Y35 1283S</t>
  </si>
  <si>
    <t>FHL Y35 1284S</t>
  </si>
  <si>
    <t>5702329072571</t>
  </si>
  <si>
    <t>VELUX Plissee manuell FHL Y35 1284S</t>
  </si>
  <si>
    <t>FHL Y35 1285S</t>
  </si>
  <si>
    <t>5702329072588</t>
  </si>
  <si>
    <t>VELUX Plissee manuell FHL Y35 1285S</t>
  </si>
  <si>
    <t>FHL Y35 1286S</t>
  </si>
  <si>
    <t>5702329072595</t>
  </si>
  <si>
    <t>VELUX Plissee manuell FHL Y35 1286S</t>
  </si>
  <si>
    <t>FHL Y43 1016S</t>
  </si>
  <si>
    <t>5702325182588</t>
  </si>
  <si>
    <t>VELUX Plissee manuell FHL Y43 1016S</t>
  </si>
  <si>
    <t>FHL Y43 1256S</t>
  </si>
  <si>
    <t>5702327411082</t>
  </si>
  <si>
    <t>VELUX Plissee manuell FHL Y43 1256S</t>
  </si>
  <si>
    <t>FHL Y43 1259S</t>
  </si>
  <si>
    <t>5702327411112</t>
  </si>
  <si>
    <t>VELUX Plissee manuell FHL Y43 1259S</t>
  </si>
  <si>
    <t>FHL Y43 1274S</t>
  </si>
  <si>
    <t>5702329072601</t>
  </si>
  <si>
    <t>VELUX Plissee manuell FHL Y43 1274S</t>
  </si>
  <si>
    <t>FHL Y43 1275S</t>
  </si>
  <si>
    <t>5702329072618</t>
  </si>
  <si>
    <t>VELUX Plissee manuell FHL Y43 1275S</t>
  </si>
  <si>
    <t>FHL Y43 1276S</t>
  </si>
  <si>
    <t>5702329072625</t>
  </si>
  <si>
    <t>VELUX Plissee manuell FHL Y43 1276S</t>
  </si>
  <si>
    <t>FHL Y43 1277S</t>
  </si>
  <si>
    <t>5702329072632</t>
  </si>
  <si>
    <t>VELUX Plissee manuell FHL Y43 1277S</t>
  </si>
  <si>
    <t>FHL Y43 1278S</t>
  </si>
  <si>
    <t>5702329072649</t>
  </si>
  <si>
    <t>VELUX Plissee manuell FHL Y43 1278S</t>
  </si>
  <si>
    <t>FHL Y43 1279S</t>
  </si>
  <si>
    <t>5702329072656</t>
  </si>
  <si>
    <t>VELUX Plissee manuell FHL Y43 1279S</t>
  </si>
  <si>
    <t>FHL Y43 1280S</t>
  </si>
  <si>
    <t>5702329072663</t>
  </si>
  <si>
    <t>VELUX Plissee manuell FHL Y43 1280S</t>
  </si>
  <si>
    <t>FHL Y43 1281S</t>
  </si>
  <si>
    <t>5702329072670</t>
  </si>
  <si>
    <t>VELUX Plissee manuell FHL Y43 1281S</t>
  </si>
  <si>
    <t>FHL Y43 1282S</t>
  </si>
  <si>
    <t>5702329072687</t>
  </si>
  <si>
    <t>VELUX Plissee manuell FHL Y43 1282S</t>
  </si>
  <si>
    <t>FHL Y43 1283S</t>
  </si>
  <si>
    <t>5702329072694</t>
  </si>
  <si>
    <t>VELUX Plissee manuell FHL Y43 1283S</t>
  </si>
  <si>
    <t>FHL Y43 1284S</t>
  </si>
  <si>
    <t>5702329072700</t>
  </si>
  <si>
    <t>VELUX Plissee manuell FHL Y43 1284S</t>
  </si>
  <si>
    <t>FHL Y43 1286S</t>
  </si>
  <si>
    <t>5702329072724</t>
  </si>
  <si>
    <t>VELUX Plissee manuell FHL Y43 1286S</t>
  </si>
  <si>
    <t>FHL Y45 1016S</t>
  </si>
  <si>
    <t>5702325183240</t>
  </si>
  <si>
    <t>VELUX Plissee manuell FHL Y45 1016S</t>
  </si>
  <si>
    <t>FHL Y45 1256S</t>
  </si>
  <si>
    <t>5702327411242</t>
  </si>
  <si>
    <t>VELUX Plissee manuell FHL Y45 1256S</t>
  </si>
  <si>
    <t>FHL Y45 1259S</t>
  </si>
  <si>
    <t>5702327411273</t>
  </si>
  <si>
    <t>VELUX Plissee manuell FHL Y45 1259S</t>
  </si>
  <si>
    <t>FHL Y45 1274S</t>
  </si>
  <si>
    <t>5702329072731</t>
  </si>
  <si>
    <t>VELUX Plissee manuell FHL Y45 1274S</t>
  </si>
  <si>
    <t>FHL Y45 1275S</t>
  </si>
  <si>
    <t>5702329072748</t>
  </si>
  <si>
    <t>VELUX Plissee manuell FHL Y45 1275S</t>
  </si>
  <si>
    <t>FHL Y45 1276S</t>
  </si>
  <si>
    <t>5702329072755</t>
  </si>
  <si>
    <t>VELUX Plissee manuell FHL Y45 1276S</t>
  </si>
  <si>
    <t>FHL Y45 1277S</t>
  </si>
  <si>
    <t>5702329072762</t>
  </si>
  <si>
    <t>VELUX Plissee manuell FHL Y45 1277S</t>
  </si>
  <si>
    <t>FHL Y45 1278S</t>
  </si>
  <si>
    <t>5702329072779</t>
  </si>
  <si>
    <t>VELUX Plissee manuell FHL Y45 1278S</t>
  </si>
  <si>
    <t>FHL Y45 1279S</t>
  </si>
  <si>
    <t>5702329072786</t>
  </si>
  <si>
    <t>VELUX Plissee manuell FHL Y45 1279S</t>
  </si>
  <si>
    <t>FHL Y45 1280S</t>
  </si>
  <si>
    <t>5702329072793</t>
  </si>
  <si>
    <t>VELUX Plissee manuell FHL Y45 1280S</t>
  </si>
  <si>
    <t>FHL Y45 1281S</t>
  </si>
  <si>
    <t>5702329072809</t>
  </si>
  <si>
    <t>VELUX Plissee manuell FHL Y45 1281S</t>
  </si>
  <si>
    <t>FHL Y45 1282S</t>
  </si>
  <si>
    <t>5702329072816</t>
  </si>
  <si>
    <t>VELUX Plissee manuell FHL Y45 1282S</t>
  </si>
  <si>
    <t>FHL Y45 1283S</t>
  </si>
  <si>
    <t>5702329072823</t>
  </si>
  <si>
    <t>VELUX Plissee manuell FHL Y45 1283S</t>
  </si>
  <si>
    <t>FHL Y45 1284S</t>
  </si>
  <si>
    <t>5702329072830</t>
  </si>
  <si>
    <t>VELUX Plissee manuell FHL Y45 1284S</t>
  </si>
  <si>
    <t>FHL Y45 1285S</t>
  </si>
  <si>
    <t>5702329072847</t>
  </si>
  <si>
    <t>VELUX Plissee manuell FHL Y45 1285S</t>
  </si>
  <si>
    <t>FHL Y45 1286S</t>
  </si>
  <si>
    <t>5702329072854</t>
  </si>
  <si>
    <t>VELUX Plissee manuell FHL Y45 1286S</t>
  </si>
  <si>
    <t>FHL Y47 1016S</t>
  </si>
  <si>
    <t>5702325183905</t>
  </si>
  <si>
    <t>VELUX Plissee manuell FHL Y47 1016S</t>
  </si>
  <si>
    <t>FHL Y47 1256S</t>
  </si>
  <si>
    <t>5702327411402</t>
  </si>
  <si>
    <t>VELUX Plissee manuell FHL Y47 1256S</t>
  </si>
  <si>
    <t>FHL Y47 1259S</t>
  </si>
  <si>
    <t>5702327411433</t>
  </si>
  <si>
    <t>VELUX Plissee manuell FHL Y47 1259S</t>
  </si>
  <si>
    <t>FHL Y47 1274S</t>
  </si>
  <si>
    <t>5702329072861</t>
  </si>
  <si>
    <t>VELUX Plissee manuell FHL Y47 1274S</t>
  </si>
  <si>
    <t>FHL Y47 1275S</t>
  </si>
  <si>
    <t>5702329072878</t>
  </si>
  <si>
    <t>VELUX Plissee manuell FHL Y47 1275S</t>
  </si>
  <si>
    <t>FHL Y47 1276S</t>
  </si>
  <si>
    <t>5702329072885</t>
  </si>
  <si>
    <t>VELUX Plissee manuell FHL Y47 1276S</t>
  </si>
  <si>
    <t>FHL Y47 1277S</t>
  </si>
  <si>
    <t>5702329072892</t>
  </si>
  <si>
    <t>VELUX Plissee manuell FHL Y47 1277S</t>
  </si>
  <si>
    <t>FHL Y47 1278S</t>
  </si>
  <si>
    <t>5702329072908</t>
  </si>
  <si>
    <t>VELUX Plissee manuell FHL Y47 1278S</t>
  </si>
  <si>
    <t>FHL Y47 1279S</t>
  </si>
  <si>
    <t>5702329072915</t>
  </si>
  <si>
    <t>VELUX Plissee manuell FHL Y47 1279S</t>
  </si>
  <si>
    <t>FHL Y47 1280S</t>
  </si>
  <si>
    <t>5702329072922</t>
  </si>
  <si>
    <t>VELUX Plissee manuell FHL Y47 1280S</t>
  </si>
  <si>
    <t>FHL Y47 1281S</t>
  </si>
  <si>
    <t>5702329072939</t>
  </si>
  <si>
    <t>VELUX Plissee manuell FHL Y47 1281S</t>
  </si>
  <si>
    <t>FHL Y47 1282S</t>
  </si>
  <si>
    <t>5702329072946</t>
  </si>
  <si>
    <t>VELUX Plissee manuell FHL Y47 1282S</t>
  </si>
  <si>
    <t>FHL Y47 1283S</t>
  </si>
  <si>
    <t>5702329072953</t>
  </si>
  <si>
    <t>VELUX Plissee manuell FHL Y47 1283S</t>
  </si>
  <si>
    <t>FHL Y47 1284S</t>
  </si>
  <si>
    <t>5702329072960</t>
  </si>
  <si>
    <t>VELUX Plissee manuell FHL Y47 1284S</t>
  </si>
  <si>
    <t>FHL Y47 1285S</t>
  </si>
  <si>
    <t>5702329072977</t>
  </si>
  <si>
    <t>VELUX Plissee manuell FHL Y47 1285S</t>
  </si>
  <si>
    <t>FHL Y47 1286S</t>
  </si>
  <si>
    <t>5702329072984</t>
  </si>
  <si>
    <t>VELUX Plissee manuell FHL Y47 1286S</t>
  </si>
  <si>
    <t>FHL Y65 1016S</t>
  </si>
  <si>
    <t>5702325184568</t>
  </si>
  <si>
    <t>VELUX Plissee manuell FHL Y65 1016S</t>
  </si>
  <si>
    <t>FHL Y65 1256S</t>
  </si>
  <si>
    <t>5702327411563</t>
  </si>
  <si>
    <t>VELUX Plissee manuell FHL Y65 1256S</t>
  </si>
  <si>
    <t>FHL Y65 1259S</t>
  </si>
  <si>
    <t>5702327411594</t>
  </si>
  <si>
    <t>VELUX Plissee manuell FHL Y65 1259S</t>
  </si>
  <si>
    <t>FHL Y65 1274S</t>
  </si>
  <si>
    <t>5702329072991</t>
  </si>
  <si>
    <t>VELUX Plissee manuell FHL Y65 1274S</t>
  </si>
  <si>
    <t>FHL Y65 1275S</t>
  </si>
  <si>
    <t>5702329073004</t>
  </si>
  <si>
    <t>VELUX Plissee manuell FHL Y65 1275S</t>
  </si>
  <si>
    <t>FHL Y65 1276S</t>
  </si>
  <si>
    <t>5702329073011</t>
  </si>
  <si>
    <t>VELUX Plissee manuell FHL Y65 1276S</t>
  </si>
  <si>
    <t>FHL Y65 1277S</t>
  </si>
  <si>
    <t>5702329073028</t>
  </si>
  <si>
    <t>VELUX Plissee manuell FHL Y65 1277S</t>
  </si>
  <si>
    <t>FHL Y65 1278S</t>
  </si>
  <si>
    <t>5702329073035</t>
  </si>
  <si>
    <t>VELUX Plissee manuell FHL Y65 1278S</t>
  </si>
  <si>
    <t>FHL Y65 1279S</t>
  </si>
  <si>
    <t>5702329073042</t>
  </si>
  <si>
    <t>VELUX Plissee manuell FHL Y65 1279S</t>
  </si>
  <si>
    <t>FHL Y65 1281S</t>
  </si>
  <si>
    <t>5702329073066</t>
  </si>
  <si>
    <t>VELUX Plissee manuell FHL Y65 1281S</t>
  </si>
  <si>
    <t>FHL Y65 1282S</t>
  </si>
  <si>
    <t>5702329073073</t>
  </si>
  <si>
    <t>VELUX Plissee manuell FHL Y65 1282S</t>
  </si>
  <si>
    <t>FHL Y65 1283S</t>
  </si>
  <si>
    <t>5702329073080</t>
  </si>
  <si>
    <t>VELUX Plissee manuell FHL Y65 1283S</t>
  </si>
  <si>
    <t>FHL Y65 1284S</t>
  </si>
  <si>
    <t>5702329073097</t>
  </si>
  <si>
    <t>VELUX Plissee manuell FHL Y65 1284S</t>
  </si>
  <si>
    <t>FHL Y65 1286S</t>
  </si>
  <si>
    <t>5702329073110</t>
  </si>
  <si>
    <t>VELUX Plissee manuell FHL Y65 1286S</t>
  </si>
  <si>
    <t>FHL Y67 1016S</t>
  </si>
  <si>
    <t>5702325185220</t>
  </si>
  <si>
    <t>VELUX Plissee manuell FHL Y67 1016S</t>
  </si>
  <si>
    <t>FHL Y67 1256S</t>
  </si>
  <si>
    <t>5702327411723</t>
  </si>
  <si>
    <t>VELUX Plissee manuell FHL Y67 1256S</t>
  </si>
  <si>
    <t>FHL Y67 1259S</t>
  </si>
  <si>
    <t>5702327411754</t>
  </si>
  <si>
    <t>VELUX Plissee manuell FHL Y67 1259S</t>
  </si>
  <si>
    <t>FHL Y67 1274S</t>
  </si>
  <si>
    <t>5702329073127</t>
  </si>
  <si>
    <t>VELUX Plissee manuell FHL Y67 1274S</t>
  </si>
  <si>
    <t>FHL Y67 1275S</t>
  </si>
  <si>
    <t>5702329073134</t>
  </si>
  <si>
    <t>VELUX Plissee manuell FHL Y67 1275S</t>
  </si>
  <si>
    <t>FHL Y67 1277S</t>
  </si>
  <si>
    <t>5702329073158</t>
  </si>
  <si>
    <t>VELUX Plissee manuell FHL Y67 1277S</t>
  </si>
  <si>
    <t>FHL Y67 1278S</t>
  </si>
  <si>
    <t>5702329073165</t>
  </si>
  <si>
    <t>VELUX Plissee manuell FHL Y67 1278S</t>
  </si>
  <si>
    <t>FHL Y67 1279S</t>
  </si>
  <si>
    <t>5702329073172</t>
  </si>
  <si>
    <t>VELUX Plissee manuell FHL Y67 1279S</t>
  </si>
  <si>
    <t>FHL Y67 1282S</t>
  </si>
  <si>
    <t>5702329073202</t>
  </si>
  <si>
    <t>VELUX Plissee manuell FHL Y67 1282S</t>
  </si>
  <si>
    <t>FHL Y67 1283S</t>
  </si>
  <si>
    <t>5702329073219</t>
  </si>
  <si>
    <t>VELUX Plissee manuell FHL Y67 1283S</t>
  </si>
  <si>
    <t>FHL Y67 1284S</t>
  </si>
  <si>
    <t>5702329073226</t>
  </si>
  <si>
    <t>VELUX Plissee manuell FHL Y67 1284S</t>
  </si>
  <si>
    <t>FHL Y67 1286S</t>
  </si>
  <si>
    <t>5702329073240</t>
  </si>
  <si>
    <t>VELUX Plissee manuell FHL Y67 1286S</t>
  </si>
  <si>
    <t>FHL Y85 1016S</t>
  </si>
  <si>
    <t>5702325185886</t>
  </si>
  <si>
    <t>VELUX Plissee manuell FHL Y85 1016S</t>
  </si>
  <si>
    <t>FHL Y85 1256S</t>
  </si>
  <si>
    <t>5702327411884</t>
  </si>
  <si>
    <t>VELUX Plissee manuell FHL Y85 1256S</t>
  </si>
  <si>
    <t>FHL Y85 1259S</t>
  </si>
  <si>
    <t>5702327411914</t>
  </si>
  <si>
    <t>VELUX Plissee manuell FHL Y85 1259S</t>
  </si>
  <si>
    <t>FHL Y85 1274S</t>
  </si>
  <si>
    <t>5702329073257</t>
  </si>
  <si>
    <t>VELUX Plissee manuell FHL Y85 1274S</t>
  </si>
  <si>
    <t>FHL Y85 1275S</t>
  </si>
  <si>
    <t>5702329073264</t>
  </si>
  <si>
    <t>VELUX Plissee manuell FHL Y85 1275S</t>
  </si>
  <si>
    <t>FHL Y85 1276S</t>
  </si>
  <si>
    <t>5702329073271</t>
  </si>
  <si>
    <t>VELUX Plissee manuell FHL Y85 1276S</t>
  </si>
  <si>
    <t>FHL Y85 1277S</t>
  </si>
  <si>
    <t>5702329073288</t>
  </si>
  <si>
    <t>VELUX Plissee manuell FHL Y85 1277S</t>
  </si>
  <si>
    <t>FHL Y85 1278S</t>
  </si>
  <si>
    <t>5702329073295</t>
  </si>
  <si>
    <t>VELUX Plissee manuell FHL Y85 1278S</t>
  </si>
  <si>
    <t>FHL Y85 1279S</t>
  </si>
  <si>
    <t>5702329073301</t>
  </si>
  <si>
    <t>VELUX Plissee manuell FHL Y85 1279S</t>
  </si>
  <si>
    <t>FHL Y85 1280S</t>
  </si>
  <si>
    <t>5702329073318</t>
  </si>
  <si>
    <t>VELUX Plissee manuell FHL Y85 1280S</t>
  </si>
  <si>
    <t>FHL Y85 1281S</t>
  </si>
  <si>
    <t>5702329073325</t>
  </si>
  <si>
    <t>VELUX Plissee manuell FHL Y85 1281S</t>
  </si>
  <si>
    <t>FHL Y85 1282S</t>
  </si>
  <si>
    <t>5702329073332</t>
  </si>
  <si>
    <t>VELUX Plissee manuell FHL Y85 1282S</t>
  </si>
  <si>
    <t>FHL Y85 1283S</t>
  </si>
  <si>
    <t>5702329073349</t>
  </si>
  <si>
    <t>VELUX Plissee manuell FHL Y85 1283S</t>
  </si>
  <si>
    <t>FHL Y85 1284S</t>
  </si>
  <si>
    <t>5702329073356</t>
  </si>
  <si>
    <t>VELUX Plissee manuell FHL Y85 1284S</t>
  </si>
  <si>
    <t>FHL Y85 1285S</t>
  </si>
  <si>
    <t>5702329073363</t>
  </si>
  <si>
    <t>VELUX Plissee manuell FHL Y85 1285S</t>
  </si>
  <si>
    <t>FHL Y85 1286S</t>
  </si>
  <si>
    <t>5702329073370</t>
  </si>
  <si>
    <t>VELUX Plissee manuell FHL Y85 1286S</t>
  </si>
  <si>
    <t>FHL Y87 1016S</t>
  </si>
  <si>
    <t>5702325186548</t>
  </si>
  <si>
    <t>VELUX Plissee manuell FHL Y87 1016S</t>
  </si>
  <si>
    <t>FHL Y87 1256S</t>
  </si>
  <si>
    <t>5702327412041</t>
  </si>
  <si>
    <t>VELUX Plissee manuell FHL Y87 1256S</t>
  </si>
  <si>
    <t>FHL Y87 1259S</t>
  </si>
  <si>
    <t>5702327412072</t>
  </si>
  <si>
    <t>VELUX Plissee manuell FHL Y87 1259S</t>
  </si>
  <si>
    <t>FHL Y87 1274S</t>
  </si>
  <si>
    <t>5702329073387</t>
  </si>
  <si>
    <t>VELUX Plissee manuell FHL Y87 1274S</t>
  </si>
  <si>
    <t>FHL Y87 1275S</t>
  </si>
  <si>
    <t>5702329073394</t>
  </si>
  <si>
    <t>VELUX Plissee manuell FHL Y87 1275S</t>
  </si>
  <si>
    <t>FHL Y87 1276S</t>
  </si>
  <si>
    <t>5702329073400</t>
  </si>
  <si>
    <t>VELUX Plissee manuell FHL Y87 1276S</t>
  </si>
  <si>
    <t>FHL Y87 1277S</t>
  </si>
  <si>
    <t>5702329073417</t>
  </si>
  <si>
    <t>VELUX Plissee manuell FHL Y87 1277S</t>
  </si>
  <si>
    <t>FHL Y87 1278S</t>
  </si>
  <si>
    <t>5702329073424</t>
  </si>
  <si>
    <t>VELUX Plissee manuell FHL Y87 1278S</t>
  </si>
  <si>
    <t>FHL Y87 1279S</t>
  </si>
  <si>
    <t>5702329073431</t>
  </si>
  <si>
    <t>VELUX Plissee manuell FHL Y87 1279S</t>
  </si>
  <si>
    <t>FHL Y87 1280S</t>
  </si>
  <si>
    <t>5702329073448</t>
  </si>
  <si>
    <t>VELUX Plissee manuell FHL Y87 1280S</t>
  </si>
  <si>
    <t>FHL Y87 1281S</t>
  </si>
  <si>
    <t>5702329073455</t>
  </si>
  <si>
    <t>VELUX Plissee manuell FHL Y87 1281S</t>
  </si>
  <si>
    <t>FHL Y87 1282S</t>
  </si>
  <si>
    <t>5702329073462</t>
  </si>
  <si>
    <t>VELUX Plissee manuell FHL Y87 1282S</t>
  </si>
  <si>
    <t>FHL Y87 1283S</t>
  </si>
  <si>
    <t>5702329073479</t>
  </si>
  <si>
    <t>VELUX Plissee manuell FHL Y87 1283S</t>
  </si>
  <si>
    <t>FHL Y87 1284S</t>
  </si>
  <si>
    <t>5702329073486</t>
  </si>
  <si>
    <t>VELUX Plissee manuell FHL Y87 1284S</t>
  </si>
  <si>
    <t>FHL Y87 1285S</t>
  </si>
  <si>
    <t>5702329073493</t>
  </si>
  <si>
    <t>VELUX Plissee manuell FHL Y87 1285S</t>
  </si>
  <si>
    <t>FHL Y87 1286S</t>
  </si>
  <si>
    <t>5702329073509</t>
  </si>
  <si>
    <t>VELUX Plissee manuell FHL Y87 1286S</t>
  </si>
  <si>
    <t>FHL Y89 1016S</t>
  </si>
  <si>
    <t>5702325187200</t>
  </si>
  <si>
    <t>VELUX Plissee manuell FHL Y89 1016S</t>
  </si>
  <si>
    <t>FHL Y89 1256S</t>
  </si>
  <si>
    <t>5702327412201</t>
  </si>
  <si>
    <t>VELUX Plissee manuell FHL Y89 1256S</t>
  </si>
  <si>
    <t>FHL Y89 1259S</t>
  </si>
  <si>
    <t>5702327412232</t>
  </si>
  <si>
    <t>VELUX Plissee manuell FHL Y89 1259S</t>
  </si>
  <si>
    <t>FHL Y89 1274S</t>
  </si>
  <si>
    <t>5702329073516</t>
  </si>
  <si>
    <t>VELUX Plissee manuell FHL Y89 1274S</t>
  </si>
  <si>
    <t>FHL Y89 1275S</t>
  </si>
  <si>
    <t>5702329073523</t>
  </si>
  <si>
    <t>VELUX Plissee manuell FHL Y89 1275S</t>
  </si>
  <si>
    <t>FHL Y89 1276S</t>
  </si>
  <si>
    <t>5702329073530</t>
  </si>
  <si>
    <t>VELUX Plissee manuell FHL Y89 1276S</t>
  </si>
  <si>
    <t>FHL Y89 1278S</t>
  </si>
  <si>
    <t>5702329073554</t>
  </si>
  <si>
    <t>VELUX Plissee manuell FHL Y89 1278S</t>
  </si>
  <si>
    <t>FHL Y89 1279S</t>
  </si>
  <si>
    <t>5702329073561</t>
  </si>
  <si>
    <t>VELUX Plissee manuell FHL Y89 1279S</t>
  </si>
  <si>
    <t>FHL Y89 1281S</t>
  </si>
  <si>
    <t>5702329073585</t>
  </si>
  <si>
    <t>VELUX Plissee manuell FHL Y89 1281S</t>
  </si>
  <si>
    <t>FHL Y89 1282S</t>
  </si>
  <si>
    <t>5702329073592</t>
  </si>
  <si>
    <t>VELUX Plissee manuell FHL Y89 1282S</t>
  </si>
  <si>
    <t>FHL Y89 1283S</t>
  </si>
  <si>
    <t>5702329073608</t>
  </si>
  <si>
    <t>VELUX Plissee manuell FHL Y89 1283S</t>
  </si>
  <si>
    <t>FHL Y89 1286S</t>
  </si>
  <si>
    <t>5702329073639</t>
  </si>
  <si>
    <t>VELUX Plissee manuell FHL Y89 1286S</t>
  </si>
  <si>
    <t>FHL Y97 1016S</t>
  </si>
  <si>
    <t>5702325187866</t>
  </si>
  <si>
    <t>VELUX Plissee manuell FHL Y97 1016S</t>
  </si>
  <si>
    <t>FHL Y97 1256S</t>
  </si>
  <si>
    <t>5702327412362</t>
  </si>
  <si>
    <t>VELUX Plissee manuell FHL Y97 1256S</t>
  </si>
  <si>
    <t>FHL Y97 1259S</t>
  </si>
  <si>
    <t>5702327412393</t>
  </si>
  <si>
    <t>VELUX Plissee manuell FHL Y97 1259S</t>
  </si>
  <si>
    <t>FHL Y97 1274S</t>
  </si>
  <si>
    <t>5702329073646</t>
  </si>
  <si>
    <t>VELUX Plissee manuell FHL Y97 1274S</t>
  </si>
  <si>
    <t>FHL Y97 1275S</t>
  </si>
  <si>
    <t>5702329073653</t>
  </si>
  <si>
    <t>VELUX Plissee manuell FHL Y97 1275S</t>
  </si>
  <si>
    <t>FHL Y97 1276S</t>
  </si>
  <si>
    <t>5702329073660</t>
  </si>
  <si>
    <t>VELUX Plissee manuell FHL Y97 1276S</t>
  </si>
  <si>
    <t>FHL Y97 1277S</t>
  </si>
  <si>
    <t>5702329073677</t>
  </si>
  <si>
    <t>VELUX Plissee manuell FHL Y97 1277S</t>
  </si>
  <si>
    <t>FHL Y97 1278S</t>
  </si>
  <si>
    <t>5702329073684</t>
  </si>
  <si>
    <t>VELUX Plissee manuell FHL Y97 1278S</t>
  </si>
  <si>
    <t>FHL Y97 1280S</t>
  </si>
  <si>
    <t>5702329073707</t>
  </si>
  <si>
    <t>VELUX Plissee manuell FHL Y97 1280S</t>
  </si>
  <si>
    <t>FHL Y97 1281S</t>
  </si>
  <si>
    <t>5702329073714</t>
  </si>
  <si>
    <t>VELUX Plissee manuell FHL Y97 1281S</t>
  </si>
  <si>
    <t>FHL Y97 1282S</t>
  </si>
  <si>
    <t>5702329073721</t>
  </si>
  <si>
    <t>VELUX Plissee manuell FHL Y97 1282S</t>
  </si>
  <si>
    <t>FHL Y97 1283S</t>
  </si>
  <si>
    <t>5702329073738</t>
  </si>
  <si>
    <t>VELUX Plissee manuell FHL Y97 1283S</t>
  </si>
  <si>
    <t>FHL Y97 1284S</t>
  </si>
  <si>
    <t>5702329073745</t>
  </si>
  <si>
    <t>VELUX Plissee manuell FHL Y97 1284S</t>
  </si>
  <si>
    <t>FHL Y97 1285S</t>
  </si>
  <si>
    <t>5702329073752</t>
  </si>
  <si>
    <t>VELUX Plissee manuell FHL Y97 1285S</t>
  </si>
  <si>
    <t>FHL Y97 1286S</t>
  </si>
  <si>
    <t>5702329073769</t>
  </si>
  <si>
    <t>VELUX Plissee manuell FHL Y97 1286S</t>
  </si>
  <si>
    <t>FHL Y99 1016S</t>
  </si>
  <si>
    <t>5702325188528</t>
  </si>
  <si>
    <t>VELUX Plissee manuell FHL Y99 1016S</t>
  </si>
  <si>
    <t>FHL Y99 1256S</t>
  </si>
  <si>
    <t>5702327412522</t>
  </si>
  <si>
    <t>VELUX Plissee manuell FHL Y99 1256S</t>
  </si>
  <si>
    <t>FHL Y99 1259S</t>
  </si>
  <si>
    <t>5702327412553</t>
  </si>
  <si>
    <t>VELUX Plissee manuell FHL Y99 1259S</t>
  </si>
  <si>
    <t>FHL Y99 1274S</t>
  </si>
  <si>
    <t>5702329073776</t>
  </si>
  <si>
    <t>VELUX Plissee manuell FHL Y99 1274S</t>
  </si>
  <si>
    <t>FHL Y99 1275S</t>
  </si>
  <si>
    <t>5702329073783</t>
  </si>
  <si>
    <t>VELUX Plissee manuell FHL Y99 1275S</t>
  </si>
  <si>
    <t>FHL Y99 1278S</t>
  </si>
  <si>
    <t>5702329073813</t>
  </si>
  <si>
    <t>VELUX Plissee manuell FHL Y99 1278S</t>
  </si>
  <si>
    <t>FHL Y99 1280S</t>
  </si>
  <si>
    <t>5702329073837</t>
  </si>
  <si>
    <t>VELUX Plissee manuell FHL Y99 1280S</t>
  </si>
  <si>
    <t>FHL Y99 1281S</t>
  </si>
  <si>
    <t>5702329073844</t>
  </si>
  <si>
    <t>VELUX Plissee manuell FHL Y99 1281S</t>
  </si>
  <si>
    <t>FHL Y99 1282S</t>
  </si>
  <si>
    <t>5702329073851</t>
  </si>
  <si>
    <t>VELUX Plissee manuell FHL Y99 1282S</t>
  </si>
  <si>
    <t>FHL Y99 1286S</t>
  </si>
  <si>
    <t>5702329073899</t>
  </si>
  <si>
    <t>VELUX Plissee manuell FHL Y99 1286S</t>
  </si>
  <si>
    <t>FMC C02 1155K</t>
  </si>
  <si>
    <t>5702329534680</t>
  </si>
  <si>
    <t>VELUX Wabenpl. el. FMC C02 1155K</t>
  </si>
  <si>
    <t>FMC C02 1166KWL</t>
  </si>
  <si>
    <t>5702329542418</t>
  </si>
  <si>
    <t>VELUX Wabenpl. el. FMC C02 1166KWL</t>
  </si>
  <si>
    <t>FMC C02 1169KWL</t>
  </si>
  <si>
    <t>5702329542449</t>
  </si>
  <si>
    <t>VELUX Wabenpl. el. FMC C02 1169KWL</t>
  </si>
  <si>
    <t>FMC C02 1172K</t>
  </si>
  <si>
    <t>5702329534796</t>
  </si>
  <si>
    <t>VELUX Wabenpl. el. FMC C02 1172K</t>
  </si>
  <si>
    <t>FMC C04 1045K</t>
  </si>
  <si>
    <t>5702329534819</t>
  </si>
  <si>
    <t>VELUX Wabenpl. el. FMC C04 1045K</t>
  </si>
  <si>
    <t>FMC C04 1155K</t>
  </si>
  <si>
    <t>5702329534840</t>
  </si>
  <si>
    <t>VELUX Wabenpl. el. FMC C04 1155K</t>
  </si>
  <si>
    <t>FMC C04 1163K</t>
  </si>
  <si>
    <t>5702329534864</t>
  </si>
  <si>
    <t>VELUX Wabenpl. el. FMC C04 1163K</t>
  </si>
  <si>
    <t>FMC C04 1163KWL</t>
  </si>
  <si>
    <t>5702329542548</t>
  </si>
  <si>
    <t>VELUX Wabenpl. el. FMC C04 1163KWL</t>
  </si>
  <si>
    <t>FMC C06 1045K</t>
  </si>
  <si>
    <t>5702329534970</t>
  </si>
  <si>
    <t>VELUX Wabenpl. el. FMC C06 1045K</t>
  </si>
  <si>
    <t>FMC C06 1047K</t>
  </si>
  <si>
    <t>5702329534987</t>
  </si>
  <si>
    <t>VELUX Wabenpl. el. FMC C06 1047K</t>
  </si>
  <si>
    <t>FMC CK02 1045K</t>
  </si>
  <si>
    <t>5702329535298</t>
  </si>
  <si>
    <t>VELUX Wabenpl. el. FMC CK02 1045K</t>
  </si>
  <si>
    <t>FMC CK02 1045KWL</t>
  </si>
  <si>
    <t>5702329542975</t>
  </si>
  <si>
    <t>VELUX Wabenpl. el. FMC CK02 1045KWL</t>
  </si>
  <si>
    <t>FMC CK02 1047K</t>
  </si>
  <si>
    <t>5702329535304</t>
  </si>
  <si>
    <t>VELUX Wabenpl. el. FMC CK02 1047K</t>
  </si>
  <si>
    <t>FMC CK02 1047KWL</t>
  </si>
  <si>
    <t>5702329542982</t>
  </si>
  <si>
    <t>VELUX Wabenpl. el. FMC CK02 1047KWL</t>
  </si>
  <si>
    <t>FMC CK02 1049K</t>
  </si>
  <si>
    <t>5702329535311</t>
  </si>
  <si>
    <t>VELUX Wabenpl. el. FMC CK02 1049K</t>
  </si>
  <si>
    <t>FMC CK02 1155K</t>
  </si>
  <si>
    <t>5702329535328</t>
  </si>
  <si>
    <t>VELUX Wabenpl. el. FMC CK02 1155K</t>
  </si>
  <si>
    <t>FMC CK02 1155KWL</t>
  </si>
  <si>
    <t>5702329543002</t>
  </si>
  <si>
    <t>VELUX Wabenpl. el. FMC CK02 1155KWL</t>
  </si>
  <si>
    <t>FMC CK02 1156K</t>
  </si>
  <si>
    <t>5702329535335</t>
  </si>
  <si>
    <t>VELUX Wabenpl. el. FMC CK02 1156K</t>
  </si>
  <si>
    <t>FMC CK02 1156KWL</t>
  </si>
  <si>
    <t>5702329543019</t>
  </si>
  <si>
    <t>VELUX Wabenpl. el. FMC CK02 1156KWL</t>
  </si>
  <si>
    <t>FMC CK02 1163K</t>
  </si>
  <si>
    <t>5702329535342</t>
  </si>
  <si>
    <t>VELUX Wabenpl. el. FMC CK02 1163K</t>
  </si>
  <si>
    <t>FMC CK02 1163KWL</t>
  </si>
  <si>
    <t>5702329543026</t>
  </si>
  <si>
    <t>VELUX Wabenpl. el. FMC CK02 1163KWL</t>
  </si>
  <si>
    <t>FMC CK02 1164KWL</t>
  </si>
  <si>
    <t>5702329543033</t>
  </si>
  <si>
    <t>VELUX Wabenpl. el. FMC CK02 1164KWL</t>
  </si>
  <si>
    <t>FMC CK02 1166KWL</t>
  </si>
  <si>
    <t>5702329543057</t>
  </si>
  <si>
    <t>VELUX Wabenpl. el. FMC CK02 1166KWL</t>
  </si>
  <si>
    <t>FMC CK02 1168KWL</t>
  </si>
  <si>
    <t>5702329543071</t>
  </si>
  <si>
    <t>VELUX Wabenpl. el. FMC CK02 1168KWL</t>
  </si>
  <si>
    <t>FMC CK02 1169K</t>
  </si>
  <si>
    <t>5702329535403</t>
  </si>
  <si>
    <t>VELUX Wabenpl. el. FMC CK02 1169K</t>
  </si>
  <si>
    <t>FMC CK02 1169KWL</t>
  </si>
  <si>
    <t>5702329543088</t>
  </si>
  <si>
    <t>VELUX Wabenpl. el. FMC CK02 1169KWL</t>
  </si>
  <si>
    <t>FMC CK02 1170KWL</t>
  </si>
  <si>
    <t>5702329543095</t>
  </si>
  <si>
    <t>VELUX Wabenpl. el. FMC CK02 1170KWL</t>
  </si>
  <si>
    <t>Grau-taupe, weiße Schiene, Premium</t>
  </si>
  <si>
    <t>FMC CK02 1171KWL</t>
  </si>
  <si>
    <t>5702329543101</t>
  </si>
  <si>
    <t>VELUX Wabenpl. el. FMC CK02 1171KWL</t>
  </si>
  <si>
    <t>FMC CK02 1172KWL</t>
  </si>
  <si>
    <t>5702329543118</t>
  </si>
  <si>
    <t>VELUX Wabenpl. el. FMC CK02 1172KWL</t>
  </si>
  <si>
    <t>FMC CK02 1173K</t>
  </si>
  <si>
    <t>5702329535441</t>
  </si>
  <si>
    <t>VELUX Wabenpl. el. FMC CK02 1173K</t>
  </si>
  <si>
    <t>FMC CK02 1173KWL</t>
  </si>
  <si>
    <t>5702329543125</t>
  </si>
  <si>
    <t>VELUX Wabenpl. el. FMC CK02 1173KWL</t>
  </si>
  <si>
    <t>FMC CK04 1045K</t>
  </si>
  <si>
    <t>5702329535458</t>
  </si>
  <si>
    <t>VELUX Wabenpl. el. FMC CK04 1045K</t>
  </si>
  <si>
    <t>FMC CK04 1045KWL</t>
  </si>
  <si>
    <t>5702329543132</t>
  </si>
  <si>
    <t>VELUX Wabenpl. el. FMC CK04 1045KWL</t>
  </si>
  <si>
    <t>FMC CK04 1047K</t>
  </si>
  <si>
    <t>5702329535465</t>
  </si>
  <si>
    <t>VELUX Wabenpl. el. FMC CK04 1047K</t>
  </si>
  <si>
    <t>FMC CK04 1047KWL</t>
  </si>
  <si>
    <t>5702329543149</t>
  </si>
  <si>
    <t>VELUX Wabenpl. el. FMC CK04 1047KWL</t>
  </si>
  <si>
    <t>FMC CK04 1049K</t>
  </si>
  <si>
    <t>5702329535472</t>
  </si>
  <si>
    <t>VELUX Wabenpl. el. FMC CK04 1049K</t>
  </si>
  <si>
    <t>FMC CK04 1155K</t>
  </si>
  <si>
    <t>5702329535489</t>
  </si>
  <si>
    <t>VELUX Wabenpl. el. FMC CK04 1155K</t>
  </si>
  <si>
    <t>FMC CK04 1155KWL</t>
  </si>
  <si>
    <t>5702329543163</t>
  </si>
  <si>
    <t>VELUX Wabenpl. el. FMC CK04 1155KWL</t>
  </si>
  <si>
    <t>FMC CK04 1156K</t>
  </si>
  <si>
    <t>5702329535496</t>
  </si>
  <si>
    <t>VELUX Wabenpl. el. FMC CK04 1156K</t>
  </si>
  <si>
    <t>FMC CK04 1156KWL</t>
  </si>
  <si>
    <t>5702329543170</t>
  </si>
  <si>
    <t>VELUX Wabenpl. el. FMC CK04 1156KWL</t>
  </si>
  <si>
    <t>FMC CK04 1163K</t>
  </si>
  <si>
    <t>5702329535502</t>
  </si>
  <si>
    <t>VELUX Wabenpl. el. FMC CK04 1163K</t>
  </si>
  <si>
    <t>FMC CK04 1163KWL</t>
  </si>
  <si>
    <t>5702329543187</t>
  </si>
  <si>
    <t>VELUX Wabenpl. el. FMC CK04 1163KWL</t>
  </si>
  <si>
    <t>FMC CK04 1164K</t>
  </si>
  <si>
    <t>5702329535519</t>
  </si>
  <si>
    <t>VELUX Wabenpl. el. FMC CK04 1164K</t>
  </si>
  <si>
    <t>FMC CK04 1166K</t>
  </si>
  <si>
    <t>5702329535533</t>
  </si>
  <si>
    <t>VELUX Wabenpl. el. FMC CK04 1166K</t>
  </si>
  <si>
    <t>FMC CK04 1166KWL</t>
  </si>
  <si>
    <t>5702329543217</t>
  </si>
  <si>
    <t>VELUX Wabenpl. el. FMC CK04 1166KWL</t>
  </si>
  <si>
    <t>FMC CK04 1167KWL</t>
  </si>
  <si>
    <t>5702329543224</t>
  </si>
  <si>
    <t>VELUX Wabenpl. el. FMC CK04 1167KWL</t>
  </si>
  <si>
    <t>FMC CK04 1168KWL</t>
  </si>
  <si>
    <t>5702329543231</t>
  </si>
  <si>
    <t>VELUX Wabenpl. el. FMC CK04 1168KWL</t>
  </si>
  <si>
    <t>FMC CK04 1170K</t>
  </si>
  <si>
    <t>5702329535571</t>
  </si>
  <si>
    <t>VELUX Wabenpl. el. FMC CK04 1170K</t>
  </si>
  <si>
    <t>Grau-taupe, alu Schiene, Premium</t>
  </si>
  <si>
    <t>FMC CK04 1171KWL</t>
  </si>
  <si>
    <t>5702329543262</t>
  </si>
  <si>
    <t>VELUX Wabenpl. el. FMC CK04 1171KWL</t>
  </si>
  <si>
    <t>FMC CK04 1172KWL</t>
  </si>
  <si>
    <t>5702329543279</t>
  </si>
  <si>
    <t>VELUX Wabenpl. el. FMC CK04 1172KWL</t>
  </si>
  <si>
    <t>FMC CK04 1173K</t>
  </si>
  <si>
    <t>5702329535601</t>
  </si>
  <si>
    <t>VELUX Wabenpl. el. FMC CK04 1173K</t>
  </si>
  <si>
    <t>FMC CK06 1045K</t>
  </si>
  <si>
    <t>5702329535618</t>
  </si>
  <si>
    <t>VELUX Wabenpl. el. FMC CK06 1045K</t>
  </si>
  <si>
    <t>FMC CK06 1045KWL</t>
  </si>
  <si>
    <t>5702329543293</t>
  </si>
  <si>
    <t>VELUX Wabenpl. el. FMC CK06 1045KWL</t>
  </si>
  <si>
    <t>FMC CK06 1047K</t>
  </si>
  <si>
    <t>5702329535625</t>
  </si>
  <si>
    <t>VELUX Wabenpl. el. FMC CK06 1047K</t>
  </si>
  <si>
    <t>FMC CK06 1047KWL</t>
  </si>
  <si>
    <t>5702329543309</t>
  </si>
  <si>
    <t>VELUX Wabenpl. el. FMC CK06 1047KWL</t>
  </si>
  <si>
    <t>FMC CK06 1049K</t>
  </si>
  <si>
    <t>5702329535632</t>
  </si>
  <si>
    <t>VELUX Wabenpl. el. FMC CK06 1049K</t>
  </si>
  <si>
    <t>FMC CK06 1155K</t>
  </si>
  <si>
    <t>5702329535649</t>
  </si>
  <si>
    <t>VELUX Wabenpl. el. FMC CK06 1155K</t>
  </si>
  <si>
    <t>FMC CK06 1155KWL</t>
  </si>
  <si>
    <t>5702329543323</t>
  </si>
  <si>
    <t>VELUX Wabenpl. el. FMC CK06 1155KWL</t>
  </si>
  <si>
    <t>FMC CK06 1156K</t>
  </si>
  <si>
    <t>5702329535656</t>
  </si>
  <si>
    <t>VELUX Wabenpl. el. FMC CK06 1156K</t>
  </si>
  <si>
    <t>FMC CK06 1163K</t>
  </si>
  <si>
    <t>5702329535663</t>
  </si>
  <si>
    <t>VELUX Wabenpl. el. FMC CK06 1163K</t>
  </si>
  <si>
    <t>FMC CK06 1163KWL</t>
  </si>
  <si>
    <t>5702329543347</t>
  </si>
  <si>
    <t>VELUX Wabenpl. el. FMC CK06 1163KWL</t>
  </si>
  <si>
    <t>FMC CK06 1164KWL</t>
  </si>
  <si>
    <t>5702329543354</t>
  </si>
  <si>
    <t>VELUX Wabenpl. el. FMC CK06 1164KWL</t>
  </si>
  <si>
    <t>FMC CK06 1167K</t>
  </si>
  <si>
    <t>5702329535700</t>
  </si>
  <si>
    <t>VELUX Wabenpl. el. FMC CK06 1167K</t>
  </si>
  <si>
    <t>FMC CK06 1170KWL</t>
  </si>
  <si>
    <t>5702329543415</t>
  </si>
  <si>
    <t>VELUX Wabenpl. el. FMC CK06 1170KWL</t>
  </si>
  <si>
    <t>FMC CK06 1172K</t>
  </si>
  <si>
    <t>5702329535755</t>
  </si>
  <si>
    <t>VELUX Wabenpl. el. FMC CK06 1172K</t>
  </si>
  <si>
    <t>FMC CK06 1172KWL</t>
  </si>
  <si>
    <t>5702329543439</t>
  </si>
  <si>
    <t>VELUX Wabenpl. el. FMC CK06 1172KWL</t>
  </si>
  <si>
    <t>FMC CK06 1173KWL</t>
  </si>
  <si>
    <t>5702329543446</t>
  </si>
  <si>
    <t>VELUX Wabenpl. el. FMC CK06 1173KWL</t>
  </si>
  <si>
    <t>FMC F06 1045K</t>
  </si>
  <si>
    <t>5702329535939</t>
  </si>
  <si>
    <t>VELUX Wabenpl. el. FMC F06 1045K</t>
  </si>
  <si>
    <t>FMC F06 1045KWL</t>
  </si>
  <si>
    <t>5702329543613</t>
  </si>
  <si>
    <t>VELUX Wabenpl. el. FMC F06 1045KWL</t>
  </si>
  <si>
    <t>FMC F06 1047KWL</t>
  </si>
  <si>
    <t>5702329543620</t>
  </si>
  <si>
    <t>VELUX Wabenpl. el. FMC F06 1047KWL</t>
  </si>
  <si>
    <t>FMC F06 1166K</t>
  </si>
  <si>
    <t>5702329536011</t>
  </si>
  <si>
    <t>VELUX Wabenpl. el. FMC F06 1166K</t>
  </si>
  <si>
    <t>FMC F06 1166KWL</t>
  </si>
  <si>
    <t>5702329543699</t>
  </si>
  <si>
    <t>VELUX Wabenpl. el. FMC F06 1166KWL</t>
  </si>
  <si>
    <t>FMC F06 1170K</t>
  </si>
  <si>
    <t>5702329536059</t>
  </si>
  <si>
    <t>VELUX Wabenpl. el. FMC F06 1170K</t>
  </si>
  <si>
    <t>FMC F06 1171K</t>
  </si>
  <si>
    <t>5702329536066</t>
  </si>
  <si>
    <t>VELUX Wabenpl. el. FMC F06 1171K</t>
  </si>
  <si>
    <t>FMC F06 1172K</t>
  </si>
  <si>
    <t>5702329536073</t>
  </si>
  <si>
    <t>VELUX Wabenpl. el. FMC F06 1172K</t>
  </si>
  <si>
    <t>FMC F06 1172KWL</t>
  </si>
  <si>
    <t>5702329543750</t>
  </si>
  <si>
    <t>VELUX Wabenpl. el. FMC F06 1172KWL</t>
  </si>
  <si>
    <t>FMC F08 1170K</t>
  </si>
  <si>
    <t>5702329536219</t>
  </si>
  <si>
    <t>VELUX Wabenpl. el. FMC F08 1170K</t>
  </si>
  <si>
    <t>FMC FK04 1045K</t>
  </si>
  <si>
    <t>5702329536257</t>
  </si>
  <si>
    <t>VELUX Wabenpl. el. FMC FK04 1045K</t>
  </si>
  <si>
    <t>FMC FK04 1045KWL</t>
  </si>
  <si>
    <t>5702329543934</t>
  </si>
  <si>
    <t>VELUX Wabenpl. el. FMC FK04 1045KWL</t>
  </si>
  <si>
    <t>FMC FK04 1047KWL</t>
  </si>
  <si>
    <t>5702329543941</t>
  </si>
  <si>
    <t>VELUX Wabenpl. el. FMC FK04 1047KWL</t>
  </si>
  <si>
    <t>FMC FK04 1049K</t>
  </si>
  <si>
    <t>5702329536271</t>
  </si>
  <si>
    <t>VELUX Wabenpl. el. FMC FK04 1049K</t>
  </si>
  <si>
    <t>FMC FK04 1155KWL</t>
  </si>
  <si>
    <t>5702329543965</t>
  </si>
  <si>
    <t>VELUX Wabenpl. el. FMC FK04 1155KWL</t>
  </si>
  <si>
    <t>FMC FK04 1156K</t>
  </si>
  <si>
    <t>5702329536295</t>
  </si>
  <si>
    <t>VELUX Wabenpl. el. FMC FK04 1156K</t>
  </si>
  <si>
    <t>FMC FK04 1156KWL</t>
  </si>
  <si>
    <t>5702329543972</t>
  </si>
  <si>
    <t>VELUX Wabenpl. el. FMC FK04 1156KWL</t>
  </si>
  <si>
    <t>FMC FK04 1163K</t>
  </si>
  <si>
    <t>5702329536301</t>
  </si>
  <si>
    <t>VELUX Wabenpl. el. FMC FK04 1163K</t>
  </si>
  <si>
    <t>FMC FK04 1166K</t>
  </si>
  <si>
    <t>5702329536332</t>
  </si>
  <si>
    <t>VELUX Wabenpl. el. FMC FK04 1166K</t>
  </si>
  <si>
    <t>FMC FK04 1166KWL</t>
  </si>
  <si>
    <t>5702329544016</t>
  </si>
  <si>
    <t>VELUX Wabenpl. el. FMC FK04 1166KWL</t>
  </si>
  <si>
    <t>FMC FK04 1171K</t>
  </si>
  <si>
    <t>5702329536387</t>
  </si>
  <si>
    <t>VELUX Wabenpl. el. FMC FK04 1171K</t>
  </si>
  <si>
    <t>FMC FK04 1171KWL</t>
  </si>
  <si>
    <t>5702329544061</t>
  </si>
  <si>
    <t>VELUX Wabenpl. el. FMC FK04 1171KWL</t>
  </si>
  <si>
    <t>FMC FK04 1172KWL</t>
  </si>
  <si>
    <t>5702329544078</t>
  </si>
  <si>
    <t>VELUX Wabenpl. el. FMC FK04 1172KWL</t>
  </si>
  <si>
    <t>FMC FK06 1045K</t>
  </si>
  <si>
    <t>5702329536417</t>
  </si>
  <si>
    <t>VELUX Wabenpl. el. FMC FK06 1045K</t>
  </si>
  <si>
    <t>FMC FK06 1045KWL</t>
  </si>
  <si>
    <t>5702329544092</t>
  </si>
  <si>
    <t>VELUX Wabenpl. el. FMC FK06 1045KWL</t>
  </si>
  <si>
    <t>FMC FK06 1047K</t>
  </si>
  <si>
    <t>5702329536424</t>
  </si>
  <si>
    <t>VELUX Wabenpl. el. FMC FK06 1047K</t>
  </si>
  <si>
    <t>FMC FK06 1047KWL</t>
  </si>
  <si>
    <t>5702329544108</t>
  </si>
  <si>
    <t>VELUX Wabenpl. el. FMC FK06 1047KWL</t>
  </si>
  <si>
    <t>FMC FK06 1155K</t>
  </si>
  <si>
    <t>5702329536448</t>
  </si>
  <si>
    <t>VELUX Wabenpl. el. FMC FK06 1155K</t>
  </si>
  <si>
    <t>FMC FK06 1155KWL</t>
  </si>
  <si>
    <t>5702329544122</t>
  </si>
  <si>
    <t>VELUX Wabenpl. el. FMC FK06 1155KWL</t>
  </si>
  <si>
    <t>FMC FK06 1156K</t>
  </si>
  <si>
    <t>5702329536455</t>
  </si>
  <si>
    <t>VELUX Wabenpl. el. FMC FK06 1156K</t>
  </si>
  <si>
    <t>FMC FK06 1156KWL</t>
  </si>
  <si>
    <t>5702329544139</t>
  </si>
  <si>
    <t>VELUX Wabenpl. el. FMC FK06 1156KWL</t>
  </si>
  <si>
    <t>FMC FK06 1163K</t>
  </si>
  <si>
    <t>5702329536462</t>
  </si>
  <si>
    <t>VELUX Wabenpl. el. FMC FK06 1163K</t>
  </si>
  <si>
    <t>FMC FK06 1163KWL</t>
  </si>
  <si>
    <t>5702329544146</t>
  </si>
  <si>
    <t>VELUX Wabenpl. el. FMC FK06 1163KWL</t>
  </si>
  <si>
    <t>FMC FK06 1164K</t>
  </si>
  <si>
    <t>5702329536479</t>
  </si>
  <si>
    <t>VELUX Wabenpl. el. FMC FK06 1164K</t>
  </si>
  <si>
    <t>FMC FK06 1166K</t>
  </si>
  <si>
    <t>5702329536493</t>
  </si>
  <si>
    <t>VELUX Wabenpl. el. FMC FK06 1166K</t>
  </si>
  <si>
    <t>FMC FK06 1166KWL</t>
  </si>
  <si>
    <t>5702329544177</t>
  </si>
  <si>
    <t>VELUX Wabenpl. el. FMC FK06 1166KWL</t>
  </si>
  <si>
    <t>FMC FK06 1167K</t>
  </si>
  <si>
    <t>5702329536509</t>
  </si>
  <si>
    <t>VELUX Wabenpl. el. FMC FK06 1167K</t>
  </si>
  <si>
    <t>FMC FK06 1168K</t>
  </si>
  <si>
    <t>5702329536516</t>
  </si>
  <si>
    <t>VELUX Wabenpl. el. FMC FK06 1168K</t>
  </si>
  <si>
    <t>FMC FK06 1168KWL</t>
  </si>
  <si>
    <t>5702329544191</t>
  </si>
  <si>
    <t>VELUX Wabenpl. el. FMC FK06 1168KWL</t>
  </si>
  <si>
    <t>FMC FK06 1169KWL</t>
  </si>
  <si>
    <t>5702329544207</t>
  </si>
  <si>
    <t>VELUX Wabenpl. el. FMC FK06 1169KWL</t>
  </si>
  <si>
    <t>FMC FK06 1170K</t>
  </si>
  <si>
    <t>5702329536530</t>
  </si>
  <si>
    <t>VELUX Wabenpl. el. FMC FK06 1170K</t>
  </si>
  <si>
    <t>FMC FK06 1170KWL</t>
  </si>
  <si>
    <t>5702329544214</t>
  </si>
  <si>
    <t>VELUX Wabenpl. el. FMC FK06 1170KWL</t>
  </si>
  <si>
    <t>FMC FK06 1171KWL</t>
  </si>
  <si>
    <t>5702329544221</t>
  </si>
  <si>
    <t>VELUX Wabenpl. el. FMC FK06 1171KWL</t>
  </si>
  <si>
    <t>FMC FK06 1172K</t>
  </si>
  <si>
    <t>5702329536554</t>
  </si>
  <si>
    <t>VELUX Wabenpl. el. FMC FK06 1172K</t>
  </si>
  <si>
    <t>FMC FK06 1172KWL</t>
  </si>
  <si>
    <t>5702329544238</t>
  </si>
  <si>
    <t>VELUX Wabenpl. el. FMC FK06 1172KWL</t>
  </si>
  <si>
    <t>FMC FK06 1173K</t>
  </si>
  <si>
    <t>5702329536561</t>
  </si>
  <si>
    <t>VELUX Wabenpl. el. FMC FK06 1173K</t>
  </si>
  <si>
    <t>FMC FK06 1173KWL</t>
  </si>
  <si>
    <t>5702329544245</t>
  </si>
  <si>
    <t>VELUX Wabenpl. el. FMC FK06 1173KWL</t>
  </si>
  <si>
    <t>FMC FK08 1045K</t>
  </si>
  <si>
    <t>5702329536578</t>
  </si>
  <si>
    <t>VELUX Wabenpl. el. FMC FK08 1045K</t>
  </si>
  <si>
    <t>FMC FK08 1045KWL</t>
  </si>
  <si>
    <t>5702329544252</t>
  </si>
  <si>
    <t>VELUX Wabenpl. el. FMC FK08 1045KWL</t>
  </si>
  <si>
    <t>FMC FK08 1047K</t>
  </si>
  <si>
    <t>5702329536585</t>
  </si>
  <si>
    <t>VELUX Wabenpl. el. FMC FK08 1047K</t>
  </si>
  <si>
    <t>FMC FK08 1047KWL</t>
  </si>
  <si>
    <t>5702329544269</t>
  </si>
  <si>
    <t>VELUX Wabenpl. el. FMC FK08 1047KWL</t>
  </si>
  <si>
    <t>FMC FK08 1049K</t>
  </si>
  <si>
    <t>5702329536592</t>
  </si>
  <si>
    <t>VELUX Wabenpl. el. FMC FK08 1049K</t>
  </si>
  <si>
    <t>FMC FK08 1155K</t>
  </si>
  <si>
    <t>5702329536608</t>
  </si>
  <si>
    <t>VELUX Wabenpl. el. FMC FK08 1155K</t>
  </si>
  <si>
    <t>FMC FK08 1155KWL</t>
  </si>
  <si>
    <t>5702329544283</t>
  </si>
  <si>
    <t>VELUX Wabenpl. el. FMC FK08 1155KWL</t>
  </si>
  <si>
    <t>FMC FK08 1163K</t>
  </si>
  <si>
    <t>5702329536622</t>
  </si>
  <si>
    <t>VELUX Wabenpl. el. FMC FK08 1163K</t>
  </si>
  <si>
    <t>FMC FK08 1163KWL</t>
  </si>
  <si>
    <t>5702329544306</t>
  </si>
  <si>
    <t>VELUX Wabenpl. el. FMC FK08 1163KWL</t>
  </si>
  <si>
    <t>FMC FK08 1167KWL</t>
  </si>
  <si>
    <t>5702329544344</t>
  </si>
  <si>
    <t>VELUX Wabenpl. el. FMC FK08 1167KWL</t>
  </si>
  <si>
    <t>FMC FK08 1168KWL</t>
  </si>
  <si>
    <t>5702329544351</t>
  </si>
  <si>
    <t>VELUX Wabenpl. el. FMC FK08 1168KWL</t>
  </si>
  <si>
    <t>FMC FK08 1171K</t>
  </si>
  <si>
    <t>5702329536707</t>
  </si>
  <si>
    <t>VELUX Wabenpl. el. FMC FK08 1171K</t>
  </si>
  <si>
    <t>FMC FK08 1171KWL</t>
  </si>
  <si>
    <t>5702329544382</t>
  </si>
  <si>
    <t>VELUX Wabenpl. el. FMC FK08 1171KWL</t>
  </si>
  <si>
    <t>FMC FK08 1173K</t>
  </si>
  <si>
    <t>5702329536721</t>
  </si>
  <si>
    <t>VELUX Wabenpl. el. FMC FK08 1173K</t>
  </si>
  <si>
    <t>FMC M04 1045K</t>
  </si>
  <si>
    <t>5702329536738</t>
  </si>
  <si>
    <t>VELUX Wabenpl. el. FMC M04 1045K</t>
  </si>
  <si>
    <t>FMC M04 1045KWL</t>
  </si>
  <si>
    <t>5702329544412</t>
  </si>
  <si>
    <t>VELUX Wabenpl. el. FMC M04 1045KWL</t>
  </si>
  <si>
    <t>FMC M04 1047K</t>
  </si>
  <si>
    <t>5702329536745</t>
  </si>
  <si>
    <t>VELUX Wabenpl. el. FMC M04 1047K</t>
  </si>
  <si>
    <t>FMC M04 1047KWL</t>
  </si>
  <si>
    <t>5702329544429</t>
  </si>
  <si>
    <t>VELUX Wabenpl. el. FMC M04 1047KWL</t>
  </si>
  <si>
    <t>FMC M04 1155K</t>
  </si>
  <si>
    <t>5702329536769</t>
  </si>
  <si>
    <t>VELUX Wabenpl. el. FMC M04 1155K</t>
  </si>
  <si>
    <t>FMC M04 1155KWL</t>
  </si>
  <si>
    <t>5702329544443</t>
  </si>
  <si>
    <t>VELUX Wabenpl. el. FMC M04 1155KWL</t>
  </si>
  <si>
    <t>FMC M04 1156K</t>
  </si>
  <si>
    <t>5702329536776</t>
  </si>
  <si>
    <t>VELUX Wabenpl. el. FMC M04 1156K</t>
  </si>
  <si>
    <t>FMC M04 1156KWL</t>
  </si>
  <si>
    <t>5702329544450</t>
  </si>
  <si>
    <t>VELUX Wabenpl. el. FMC M04 1156KWL</t>
  </si>
  <si>
    <t>FMC M04 1163K</t>
  </si>
  <si>
    <t>5702329536783</t>
  </si>
  <si>
    <t>VELUX Wabenpl. el. FMC M04 1163K</t>
  </si>
  <si>
    <t>FMC M04 1166K</t>
  </si>
  <si>
    <t>5702329536813</t>
  </si>
  <si>
    <t>VELUX Wabenpl. el. FMC M04 1166K</t>
  </si>
  <si>
    <t>FMC M04 1166KWL</t>
  </si>
  <si>
    <t>5702329544498</t>
  </si>
  <si>
    <t>VELUX Wabenpl. el. FMC M04 1166KWL</t>
  </si>
  <si>
    <t>FMC M04 1168K</t>
  </si>
  <si>
    <t>5702329536837</t>
  </si>
  <si>
    <t>VELUX Wabenpl. el. FMC M04 1168K</t>
  </si>
  <si>
    <t>FMC M04 1168KWL</t>
  </si>
  <si>
    <t>5702329544511</t>
  </si>
  <si>
    <t>VELUX Wabenpl. el. FMC M04 1168KWL</t>
  </si>
  <si>
    <t>FMC M04 1169K</t>
  </si>
  <si>
    <t>5702329536844</t>
  </si>
  <si>
    <t>VELUX Wabenpl. el. FMC M04 1169K</t>
  </si>
  <si>
    <t>FMC M04 1169KWL</t>
  </si>
  <si>
    <t>5702329544528</t>
  </si>
  <si>
    <t>VELUX Wabenpl. el. FMC M04 1169KWL</t>
  </si>
  <si>
    <t>FMC M04 1171KWL</t>
  </si>
  <si>
    <t>5702329544542</t>
  </si>
  <si>
    <t>VELUX Wabenpl. el. FMC M04 1171KWL</t>
  </si>
  <si>
    <t>FMC M04 1172K</t>
  </si>
  <si>
    <t>5702329536875</t>
  </si>
  <si>
    <t>VELUX Wabenpl. el. FMC M04 1172K</t>
  </si>
  <si>
    <t>FMC M06 1045KWL</t>
  </si>
  <si>
    <t>5702329544573</t>
  </si>
  <si>
    <t>VELUX Wabenpl. el. FMC M06 1045KWL</t>
  </si>
  <si>
    <t>FMC M06 1047K</t>
  </si>
  <si>
    <t>5702329536905</t>
  </si>
  <si>
    <t>VELUX Wabenpl. el. FMC M06 1047K</t>
  </si>
  <si>
    <t>FMC M06 1047KWL</t>
  </si>
  <si>
    <t>5702329544580</t>
  </si>
  <si>
    <t>VELUX Wabenpl. el. FMC M06 1047KWL</t>
  </si>
  <si>
    <t>FMC M06 1049K</t>
  </si>
  <si>
    <t>5702329536912</t>
  </si>
  <si>
    <t>VELUX Wabenpl. el. FMC M06 1049K</t>
  </si>
  <si>
    <t>FMC M06 1155K</t>
  </si>
  <si>
    <t>5702329536929</t>
  </si>
  <si>
    <t>VELUX Wabenpl. el. FMC M06 1155K</t>
  </si>
  <si>
    <t>FMC M06 1165K</t>
  </si>
  <si>
    <t>5702329536967</t>
  </si>
  <si>
    <t>VELUX Wabenpl. el. FMC M06 1165K</t>
  </si>
  <si>
    <t>FMC M06 1166K</t>
  </si>
  <si>
    <t>5702329536974</t>
  </si>
  <si>
    <t>VELUX Wabenpl. el. FMC M06 1166K</t>
  </si>
  <si>
    <t>FMC M06 1168KWL</t>
  </si>
  <si>
    <t>5702329544672</t>
  </si>
  <si>
    <t>VELUX Wabenpl. el. FMC M06 1168KWL</t>
  </si>
  <si>
    <t>FMC M06 1170K</t>
  </si>
  <si>
    <t>5702329537018</t>
  </si>
  <si>
    <t>VELUX Wabenpl. el. FMC M06 1170K</t>
  </si>
  <si>
    <t>FMC M06 1170KWL</t>
  </si>
  <si>
    <t>5702329544696</t>
  </si>
  <si>
    <t>VELUX Wabenpl. el. FMC M06 1170KWL</t>
  </si>
  <si>
    <t>FMC M06 1172K</t>
  </si>
  <si>
    <t>5702329537032</t>
  </si>
  <si>
    <t>VELUX Wabenpl. el. FMC M06 1172K</t>
  </si>
  <si>
    <t>FMC M06 1172KWL</t>
  </si>
  <si>
    <t>5702329544719</t>
  </si>
  <si>
    <t>VELUX Wabenpl. el. FMC M06 1172KWL</t>
  </si>
  <si>
    <t>FMC M08 1045K</t>
  </si>
  <si>
    <t>5702329537056</t>
  </si>
  <si>
    <t>VELUX Wabenpl. el. FMC M08 1045K</t>
  </si>
  <si>
    <t>FMC M08 1045KWL</t>
  </si>
  <si>
    <t>5702329544733</t>
  </si>
  <si>
    <t>VELUX Wabenpl. el. FMC M08 1045KWL</t>
  </si>
  <si>
    <t>FMC M08 1047K</t>
  </si>
  <si>
    <t>5702329537063</t>
  </si>
  <si>
    <t>VELUX Wabenpl. el. FMC M08 1047K</t>
  </si>
  <si>
    <t>FMC M08 1047KWL</t>
  </si>
  <si>
    <t>5702329544740</t>
  </si>
  <si>
    <t>VELUX Wabenpl. el. FMC M08 1047KWL</t>
  </si>
  <si>
    <t>FMC M08 1049K</t>
  </si>
  <si>
    <t>5702329537070</t>
  </si>
  <si>
    <t>VELUX Wabenpl. el. FMC M08 1049K</t>
  </si>
  <si>
    <t>FMC M08 1155K</t>
  </si>
  <si>
    <t>5702329537087</t>
  </si>
  <si>
    <t>VELUX Wabenpl. el. FMC M08 1155K</t>
  </si>
  <si>
    <t>FMC M08 1155KWL</t>
  </si>
  <si>
    <t>5702329544764</t>
  </si>
  <si>
    <t>VELUX Wabenpl. el. FMC M08 1155KWL</t>
  </si>
  <si>
    <t>FMC M08 1163K</t>
  </si>
  <si>
    <t>5702329537100</t>
  </si>
  <si>
    <t>VELUX Wabenpl. el. FMC M08 1163K</t>
  </si>
  <si>
    <t>FMC M08 1163KWL</t>
  </si>
  <si>
    <t>5702329544788</t>
  </si>
  <si>
    <t>VELUX Wabenpl. el. FMC M08 1163KWL</t>
  </si>
  <si>
    <t>FMC M08 1165K</t>
  </si>
  <si>
    <t>5702329537124</t>
  </si>
  <si>
    <t>VELUX Wabenpl. el. FMC M08 1165K</t>
  </si>
  <si>
    <t>FMC M08 1166K</t>
  </si>
  <si>
    <t>5702329537131</t>
  </si>
  <si>
    <t>VELUX Wabenpl. el. FMC M08 1166K</t>
  </si>
  <si>
    <t>FMC M08 1168K</t>
  </si>
  <si>
    <t>5702329537155</t>
  </si>
  <si>
    <t>VELUX Wabenpl. el. FMC M08 1168K</t>
  </si>
  <si>
    <t>FMC M08 1169KWL</t>
  </si>
  <si>
    <t>5702329544849</t>
  </si>
  <si>
    <t>VELUX Wabenpl. el. FMC M08 1169KWL</t>
  </si>
  <si>
    <t>FMC M08 1170KWL</t>
  </si>
  <si>
    <t>5702329544856</t>
  </si>
  <si>
    <t>VELUX Wabenpl. el. FMC M08 1170KWL</t>
  </si>
  <si>
    <t>FMC M08 1172K</t>
  </si>
  <si>
    <t>5702329537193</t>
  </si>
  <si>
    <t>VELUX Wabenpl. el. FMC M08 1172K</t>
  </si>
  <si>
    <t>FMC M08 1172KWL</t>
  </si>
  <si>
    <t>5702329544870</t>
  </si>
  <si>
    <t>VELUX Wabenpl. el. FMC M08 1172KWL</t>
  </si>
  <si>
    <t>FMC M08 1173K</t>
  </si>
  <si>
    <t>5702329537209</t>
  </si>
  <si>
    <t>VELUX Wabenpl. el. FMC M08 1173K</t>
  </si>
  <si>
    <t>FMC M10 1045K</t>
  </si>
  <si>
    <t>5702329537216</t>
  </si>
  <si>
    <t>VELUX Wabenpl. el. FMC M10 1045K</t>
  </si>
  <si>
    <t>FMC M10 1172K</t>
  </si>
  <si>
    <t>5702329537353</t>
  </si>
  <si>
    <t>VELUX Wabenpl. el. FMC M10 1172K</t>
  </si>
  <si>
    <t>FMC MK04 1045K</t>
  </si>
  <si>
    <t>5702329537537</t>
  </si>
  <si>
    <t>VELUX Wabenpl. el. FMC MK04 1045K</t>
  </si>
  <si>
    <t>FMC MK04 1045KWL</t>
  </si>
  <si>
    <t>5702329545211</t>
  </si>
  <si>
    <t>VELUX Wabenpl. el. FMC MK04 1045KWL</t>
  </si>
  <si>
    <t>FMC MK04 1047K</t>
  </si>
  <si>
    <t>5702329537544</t>
  </si>
  <si>
    <t>VELUX Wabenpl. el. FMC MK04 1047K</t>
  </si>
  <si>
    <t>FMC MK04 1047KWL</t>
  </si>
  <si>
    <t>5702329545228</t>
  </si>
  <si>
    <t>VELUX Wabenpl. el. FMC MK04 1047KWL</t>
  </si>
  <si>
    <t>FMC MK04 1049K</t>
  </si>
  <si>
    <t>5702329537551</t>
  </si>
  <si>
    <t>VELUX Wabenpl. el. FMC MK04 1049K</t>
  </si>
  <si>
    <t>FMC MK04 1049KWL</t>
  </si>
  <si>
    <t>5702329545235</t>
  </si>
  <si>
    <t>VELUX Wabenpl. el. FMC MK04 1049KWL</t>
  </si>
  <si>
    <t>FMC MK04 1155K</t>
  </si>
  <si>
    <t>5702329537568</t>
  </si>
  <si>
    <t>VELUX Wabenpl. el. FMC MK04 1155K</t>
  </si>
  <si>
    <t>FMC MK04 1155KWL</t>
  </si>
  <si>
    <t>5702329545242</t>
  </si>
  <si>
    <t>VELUX Wabenpl. el. FMC MK04 1155KWL</t>
  </si>
  <si>
    <t>FMC MK04 1156K</t>
  </si>
  <si>
    <t>5702329537575</t>
  </si>
  <si>
    <t>VELUX Wabenpl. el. FMC MK04 1156K</t>
  </si>
  <si>
    <t>FMC MK04 1156KWL</t>
  </si>
  <si>
    <t>5702329545259</t>
  </si>
  <si>
    <t>VELUX Wabenpl. el. FMC MK04 1156KWL</t>
  </si>
  <si>
    <t>FMC MK04 1163K</t>
  </si>
  <si>
    <t>5702329537582</t>
  </si>
  <si>
    <t>VELUX Wabenpl. el. FMC MK04 1163K</t>
  </si>
  <si>
    <t>FMC MK04 1163KWL</t>
  </si>
  <si>
    <t>5702329545266</t>
  </si>
  <si>
    <t>VELUX Wabenpl. el. FMC MK04 1163KWL</t>
  </si>
  <si>
    <t>FMC MK04 1164K</t>
  </si>
  <si>
    <t>5702329537599</t>
  </si>
  <si>
    <t>VELUX Wabenpl. el. FMC MK04 1164K</t>
  </si>
  <si>
    <t>FMC MK04 1164KWL</t>
  </si>
  <si>
    <t>5702329545273</t>
  </si>
  <si>
    <t>VELUX Wabenpl. el. FMC MK04 1164KWL</t>
  </si>
  <si>
    <t>FMC MK04 1165K</t>
  </si>
  <si>
    <t>5702329537605</t>
  </si>
  <si>
    <t>VELUX Wabenpl. el. FMC MK04 1165K</t>
  </si>
  <si>
    <t>FMC MK04 1165KWL</t>
  </si>
  <si>
    <t>5702329545280</t>
  </si>
  <si>
    <t>VELUX Wabenpl. el. FMC MK04 1165KWL</t>
  </si>
  <si>
    <t>FMC MK04 1166K</t>
  </si>
  <si>
    <t>5702329537612</t>
  </si>
  <si>
    <t>VELUX Wabenpl. el. FMC MK04 1166K</t>
  </si>
  <si>
    <t>FMC MK04 1166KWL</t>
  </si>
  <si>
    <t>5702329545297</t>
  </si>
  <si>
    <t>VELUX Wabenpl. el. FMC MK04 1166KWL</t>
  </si>
  <si>
    <t>FMC MK04 1167K</t>
  </si>
  <si>
    <t>5702329537629</t>
  </si>
  <si>
    <t>VELUX Wabenpl. el. FMC MK04 1167K</t>
  </si>
  <si>
    <t>FMC MK04 1167KWL</t>
  </si>
  <si>
    <t>5702329545303</t>
  </si>
  <si>
    <t>VELUX Wabenpl. el. FMC MK04 1167KWL</t>
  </si>
  <si>
    <t>FMC MK04 1168KWL</t>
  </si>
  <si>
    <t>5702329545310</t>
  </si>
  <si>
    <t>VELUX Wabenpl. el. FMC MK04 1168KWL</t>
  </si>
  <si>
    <t>FMC MK04 1169K</t>
  </si>
  <si>
    <t>5702329537643</t>
  </si>
  <si>
    <t>VELUX Wabenpl. el. FMC MK04 1169K</t>
  </si>
  <si>
    <t>FMC MK04 1169KWL</t>
  </si>
  <si>
    <t>5702329545327</t>
  </si>
  <si>
    <t>VELUX Wabenpl. el. FMC MK04 1169KWL</t>
  </si>
  <si>
    <t>FMC MK04 1170K</t>
  </si>
  <si>
    <t>5702329537650</t>
  </si>
  <si>
    <t>VELUX Wabenpl. el. FMC MK04 1170K</t>
  </si>
  <si>
    <t>FMC MK04 1170KWL</t>
  </si>
  <si>
    <t>5702329545334</t>
  </si>
  <si>
    <t>VELUX Wabenpl. el. FMC MK04 1170KWL</t>
  </si>
  <si>
    <t>FMC MK04 1171K</t>
  </si>
  <si>
    <t>5702329537667</t>
  </si>
  <si>
    <t>VELUX Wabenpl. el. FMC MK04 1171K</t>
  </si>
  <si>
    <t>FMC MK04 1171KWL</t>
  </si>
  <si>
    <t>5702329545341</t>
  </si>
  <si>
    <t>VELUX Wabenpl. el. FMC MK04 1171KWL</t>
  </si>
  <si>
    <t>FMC MK04 1172K</t>
  </si>
  <si>
    <t>5702329537674</t>
  </si>
  <si>
    <t>VELUX Wabenpl. el. FMC MK04 1172K</t>
  </si>
  <si>
    <t>FMC MK04 1172KWL</t>
  </si>
  <si>
    <t>5702329545358</t>
  </si>
  <si>
    <t>VELUX Wabenpl. el. FMC MK04 1172KWL</t>
  </si>
  <si>
    <t>FMC MK04 1173K</t>
  </si>
  <si>
    <t>5702329537681</t>
  </si>
  <si>
    <t>VELUX Wabenpl. el. FMC MK04 1173K</t>
  </si>
  <si>
    <t>FMC MK04 1173KWL</t>
  </si>
  <si>
    <t>5702329545365</t>
  </si>
  <si>
    <t>VELUX Wabenpl. el. FMC MK04 1173KWL</t>
  </si>
  <si>
    <t>FMC MK06 1045K</t>
  </si>
  <si>
    <t>5702329537698</t>
  </si>
  <si>
    <t>VELUX Wabenpl. el. FMC MK06 1045K</t>
  </si>
  <si>
    <t>FMC MK06 1045KWL</t>
  </si>
  <si>
    <t>5702329545372</t>
  </si>
  <si>
    <t>VELUX Wabenpl. el. FMC MK06 1045KWL</t>
  </si>
  <si>
    <t>FMC MK06 1047K</t>
  </si>
  <si>
    <t>5702329537704</t>
  </si>
  <si>
    <t>VELUX Wabenpl. el. FMC MK06 1047K</t>
  </si>
  <si>
    <t>FMC MK06 1047KWL</t>
  </si>
  <si>
    <t>5702329545389</t>
  </si>
  <si>
    <t>VELUX Wabenpl. el. FMC MK06 1047KWL</t>
  </si>
  <si>
    <t>FMC MK06 1049K</t>
  </si>
  <si>
    <t>5702329537711</t>
  </si>
  <si>
    <t>VELUX Wabenpl. el. FMC MK06 1049K</t>
  </si>
  <si>
    <t>FMC MK06 1049KWL</t>
  </si>
  <si>
    <t>5702329545396</t>
  </si>
  <si>
    <t>VELUX Wabenpl. el. FMC MK06 1049KWL</t>
  </si>
  <si>
    <t>FMC MK06 1155K</t>
  </si>
  <si>
    <t>5702329537728</t>
  </si>
  <si>
    <t>VELUX Wabenpl. el. FMC MK06 1155K</t>
  </si>
  <si>
    <t>FMC MK06 1155KWL</t>
  </si>
  <si>
    <t>5702329545402</t>
  </si>
  <si>
    <t>VELUX Wabenpl. el. FMC MK06 1155KWL</t>
  </si>
  <si>
    <t>FMC MK06 1156K</t>
  </si>
  <si>
    <t>5702329537735</t>
  </si>
  <si>
    <t>VELUX Wabenpl. el. FMC MK06 1156K</t>
  </si>
  <si>
    <t>FMC MK06 1156KWL</t>
  </si>
  <si>
    <t>5702329545419</t>
  </si>
  <si>
    <t>VELUX Wabenpl. el. FMC MK06 1156KWL</t>
  </si>
  <si>
    <t>FMC MK06 1163K</t>
  </si>
  <si>
    <t>5702329537742</t>
  </si>
  <si>
    <t>VELUX Wabenpl. el. FMC MK06 1163K</t>
  </si>
  <si>
    <t>FMC MK06 1163KWL</t>
  </si>
  <si>
    <t>5702329545426</t>
  </si>
  <si>
    <t>VELUX Wabenpl. el. FMC MK06 1163KWL</t>
  </si>
  <si>
    <t>FMC MK06 1164K</t>
  </si>
  <si>
    <t>5702329537759</t>
  </si>
  <si>
    <t>VELUX Wabenpl. el. FMC MK06 1164K</t>
  </si>
  <si>
    <t>FMC MK06 1164KWL</t>
  </si>
  <si>
    <t>5702329545433</t>
  </si>
  <si>
    <t>VELUX Wabenpl. el. FMC MK06 1164KWL</t>
  </si>
  <si>
    <t>FMC MK06 1165K</t>
  </si>
  <si>
    <t>5702329537766</t>
  </si>
  <si>
    <t>VELUX Wabenpl. el. FMC MK06 1165K</t>
  </si>
  <si>
    <t>FMC MK06 1166K</t>
  </si>
  <si>
    <t>5702329537773</t>
  </si>
  <si>
    <t>VELUX Wabenpl. el. FMC MK06 1166K</t>
  </si>
  <si>
    <t>FMC MK06 1166KWL</t>
  </si>
  <si>
    <t>5702329545457</t>
  </si>
  <si>
    <t>VELUX Wabenpl. el. FMC MK06 1166KWL</t>
  </si>
  <si>
    <t>FMC MK06 1167KWL</t>
  </si>
  <si>
    <t>5702329545464</t>
  </si>
  <si>
    <t>VELUX Wabenpl. el. FMC MK06 1167KWL</t>
  </si>
  <si>
    <t>FMC MK06 1168K</t>
  </si>
  <si>
    <t>5702329537797</t>
  </si>
  <si>
    <t>VELUX Wabenpl. el. FMC MK06 1168K</t>
  </si>
  <si>
    <t>FMC MK06 1168KWL</t>
  </si>
  <si>
    <t>5702329545471</t>
  </si>
  <si>
    <t>VELUX Wabenpl. el. FMC MK06 1168KWL</t>
  </si>
  <si>
    <t>FMC MK06 1169KWL</t>
  </si>
  <si>
    <t>5702329545488</t>
  </si>
  <si>
    <t>VELUX Wabenpl. el. FMC MK06 1169KWL</t>
  </si>
  <si>
    <t>FMC MK06 1170K</t>
  </si>
  <si>
    <t>5702329537810</t>
  </si>
  <si>
    <t>VELUX Wabenpl. el. FMC MK06 1170K</t>
  </si>
  <si>
    <t>FMC MK06 1170KWL</t>
  </si>
  <si>
    <t>5702329545495</t>
  </si>
  <si>
    <t>VELUX Wabenpl. el. FMC MK06 1170KWL</t>
  </si>
  <si>
    <t>FMC MK06 1171K</t>
  </si>
  <si>
    <t>5702329537827</t>
  </si>
  <si>
    <t>VELUX Wabenpl. el. FMC MK06 1171K</t>
  </si>
  <si>
    <t>FMC MK06 1171KWL</t>
  </si>
  <si>
    <t>5702329545501</t>
  </si>
  <si>
    <t>VELUX Wabenpl. el. FMC MK06 1171KWL</t>
  </si>
  <si>
    <t>FMC MK06 1172K</t>
  </si>
  <si>
    <t>5702329537834</t>
  </si>
  <si>
    <t>VELUX Wabenpl. el. FMC MK06 1172K</t>
  </si>
  <si>
    <t>FMC MK06 1172KWL</t>
  </si>
  <si>
    <t>5702329545518</t>
  </si>
  <si>
    <t>VELUX Wabenpl. el. FMC MK06 1172KWL</t>
  </si>
  <si>
    <t>FMC MK06 1173K</t>
  </si>
  <si>
    <t>5702329537841</t>
  </si>
  <si>
    <t>VELUX Wabenpl. el. FMC MK06 1173K</t>
  </si>
  <si>
    <t>FMC MK06 1173KWL</t>
  </si>
  <si>
    <t>5702329545525</t>
  </si>
  <si>
    <t>VELUX Wabenpl. el. FMC MK06 1173KWL</t>
  </si>
  <si>
    <t>FMC MK08 1045K</t>
  </si>
  <si>
    <t>5702329537858</t>
  </si>
  <si>
    <t>VELUX Wabenpl. el. FMC MK08 1045K</t>
  </si>
  <si>
    <t>FMC MK08 1045KWL</t>
  </si>
  <si>
    <t>5702329545532</t>
  </si>
  <si>
    <t>VELUX Wabenpl. el. FMC MK08 1045KWL</t>
  </si>
  <si>
    <t>FMC MK08 1047K</t>
  </si>
  <si>
    <t>5702329537865</t>
  </si>
  <si>
    <t>VELUX Wabenpl. el. FMC MK08 1047K</t>
  </si>
  <si>
    <t>FMC MK08 1047KWL</t>
  </si>
  <si>
    <t>5702329545549</t>
  </si>
  <si>
    <t>VELUX Wabenpl. el. FMC MK08 1047KWL</t>
  </si>
  <si>
    <t>FMC MK08 1049K</t>
  </si>
  <si>
    <t>5702329537872</t>
  </si>
  <si>
    <t>VELUX Wabenpl. el. FMC MK08 1049K</t>
  </si>
  <si>
    <t>FMC MK08 1049KWL</t>
  </si>
  <si>
    <t>5702329545556</t>
  </si>
  <si>
    <t>VELUX Wabenpl. el. FMC MK08 1049KWL</t>
  </si>
  <si>
    <t>FMC MK08 1155K</t>
  </si>
  <si>
    <t>5702329537889</t>
  </si>
  <si>
    <t>VELUX Wabenpl. el. FMC MK08 1155K</t>
  </si>
  <si>
    <t>FMC MK08 1155KWL</t>
  </si>
  <si>
    <t>5702329545563</t>
  </si>
  <si>
    <t>VELUX Wabenpl. el. FMC MK08 1155KWL</t>
  </si>
  <si>
    <t>FMC MK08 1156K</t>
  </si>
  <si>
    <t>5702329537896</t>
  </si>
  <si>
    <t>VELUX Wabenpl. el. FMC MK08 1156K</t>
  </si>
  <si>
    <t>FMC MK08 1156KWL</t>
  </si>
  <si>
    <t>5702329545570</t>
  </si>
  <si>
    <t>VELUX Wabenpl. el. FMC MK08 1156KWL</t>
  </si>
  <si>
    <t>FMC MK08 1163K</t>
  </si>
  <si>
    <t>5702329537902</t>
  </si>
  <si>
    <t>VELUX Wabenpl. el. FMC MK08 1163K</t>
  </si>
  <si>
    <t>FMC MK08 1163KWL</t>
  </si>
  <si>
    <t>5702329545587</t>
  </si>
  <si>
    <t>VELUX Wabenpl. el. FMC MK08 1163KWL</t>
  </si>
  <si>
    <t>FMC MK08 1164K</t>
  </si>
  <si>
    <t>5702329537919</t>
  </si>
  <si>
    <t>VELUX Wabenpl. el. FMC MK08 1164K</t>
  </si>
  <si>
    <t>FMC MK08 1164KWL</t>
  </si>
  <si>
    <t>5702329545594</t>
  </si>
  <si>
    <t>VELUX Wabenpl. el. FMC MK08 1164KWL</t>
  </si>
  <si>
    <t>FMC MK08 1165KWL</t>
  </si>
  <si>
    <t>5702329545600</t>
  </si>
  <si>
    <t>VELUX Wabenpl. el. FMC MK08 1165KWL</t>
  </si>
  <si>
    <t>FMC MK08 1166K</t>
  </si>
  <si>
    <t>5702329537933</t>
  </si>
  <si>
    <t>VELUX Wabenpl. el. FMC MK08 1166K</t>
  </si>
  <si>
    <t>FMC MK08 1166KWL</t>
  </si>
  <si>
    <t>5702329545617</t>
  </si>
  <si>
    <t>VELUX Wabenpl. el. FMC MK08 1166KWL</t>
  </si>
  <si>
    <t>FMC MK08 1167KWL</t>
  </si>
  <si>
    <t>5702329545624</t>
  </si>
  <si>
    <t>VELUX Wabenpl. el. FMC MK08 1167KWL</t>
  </si>
  <si>
    <t>FMC MK08 1168K</t>
  </si>
  <si>
    <t>5702329537957</t>
  </si>
  <si>
    <t>VELUX Wabenpl. el. FMC MK08 1168K</t>
  </si>
  <si>
    <t>FMC MK08 1168KWL</t>
  </si>
  <si>
    <t>5702329545631</t>
  </si>
  <si>
    <t>VELUX Wabenpl. el. FMC MK08 1168KWL</t>
  </si>
  <si>
    <t>FMC MK08 1169K</t>
  </si>
  <si>
    <t>5702329537964</t>
  </si>
  <si>
    <t>VELUX Wabenpl. el. FMC MK08 1169K</t>
  </si>
  <si>
    <t>FMC MK08 1169KWL</t>
  </si>
  <si>
    <t>5702329545648</t>
  </si>
  <si>
    <t>VELUX Wabenpl. el. FMC MK08 1169KWL</t>
  </si>
  <si>
    <t>FMC MK08 1170K</t>
  </si>
  <si>
    <t>5702329537971</t>
  </si>
  <si>
    <t>VELUX Wabenpl. el. FMC MK08 1170K</t>
  </si>
  <si>
    <t>FMC MK08 1170KWL</t>
  </si>
  <si>
    <t>5702329545655</t>
  </si>
  <si>
    <t>VELUX Wabenpl. el. FMC MK08 1170KWL</t>
  </si>
  <si>
    <t>FMC MK08 1171KWL</t>
  </si>
  <si>
    <t>5702329545662</t>
  </si>
  <si>
    <t>VELUX Wabenpl. el. FMC MK08 1171KWL</t>
  </si>
  <si>
    <t>FMC MK08 1172K</t>
  </si>
  <si>
    <t>5702329537995</t>
  </si>
  <si>
    <t>VELUX Wabenpl. el. FMC MK08 1172K</t>
  </si>
  <si>
    <t>FMC MK08 1172KWL</t>
  </si>
  <si>
    <t>5702329545679</t>
  </si>
  <si>
    <t>VELUX Wabenpl. el. FMC MK08 1172KWL</t>
  </si>
  <si>
    <t>FMC MK08 1173KWL</t>
  </si>
  <si>
    <t>5702329545686</t>
  </si>
  <si>
    <t>VELUX Wabenpl. el. FMC MK08 1173KWL</t>
  </si>
  <si>
    <t>FMC MK10 1045K</t>
  </si>
  <si>
    <t>5702329538015</t>
  </si>
  <si>
    <t>VELUX Wabenpl. el. FMC MK10 1045K</t>
  </si>
  <si>
    <t>FMC MK10 1045KWL</t>
  </si>
  <si>
    <t>5702329545693</t>
  </si>
  <si>
    <t>VELUX Wabenpl. el. FMC MK10 1045KWL</t>
  </si>
  <si>
    <t>FMC MK10 1047KWL</t>
  </si>
  <si>
    <t>5702329545709</t>
  </si>
  <si>
    <t>VELUX Wabenpl. el. FMC MK10 1047KWL</t>
  </si>
  <si>
    <t>FMC MK10 1049K</t>
  </si>
  <si>
    <t>5702329538039</t>
  </si>
  <si>
    <t>VELUX Wabenpl. el. FMC MK10 1049K</t>
  </si>
  <si>
    <t>FMC MK10 1155K</t>
  </si>
  <si>
    <t>5702329538046</t>
  </si>
  <si>
    <t>VELUX Wabenpl. el. FMC MK10 1155K</t>
  </si>
  <si>
    <t>FMC MK10 1155KWL</t>
  </si>
  <si>
    <t>5702329545723</t>
  </si>
  <si>
    <t>VELUX Wabenpl. el. FMC MK10 1155KWL</t>
  </si>
  <si>
    <t>FMC MK10 1156K</t>
  </si>
  <si>
    <t>5702329538053</t>
  </si>
  <si>
    <t>VELUX Wabenpl. el. FMC MK10 1156K</t>
  </si>
  <si>
    <t>FMC MK10 1156KWL</t>
  </si>
  <si>
    <t>5702329545730</t>
  </si>
  <si>
    <t>VELUX Wabenpl. el. FMC MK10 1156KWL</t>
  </si>
  <si>
    <t>FMC MK10 1163K</t>
  </si>
  <si>
    <t>5702329538060</t>
  </si>
  <si>
    <t>VELUX Wabenpl. el. FMC MK10 1163K</t>
  </si>
  <si>
    <t>FMC MK10 1163KWL</t>
  </si>
  <si>
    <t>5702329545747</t>
  </si>
  <si>
    <t>VELUX Wabenpl. el. FMC MK10 1163KWL</t>
  </si>
  <si>
    <t>FMC MK10 1164KWL</t>
  </si>
  <si>
    <t>5702329545754</t>
  </si>
  <si>
    <t>VELUX Wabenpl. el. FMC MK10 1164KWL</t>
  </si>
  <si>
    <t>FMC MK10 1166KWL</t>
  </si>
  <si>
    <t>5702329545778</t>
  </si>
  <si>
    <t>VELUX Wabenpl. el. FMC MK10 1166KWL</t>
  </si>
  <si>
    <t>FMC MK10 1168KWL</t>
  </si>
  <si>
    <t>5702329545792</t>
  </si>
  <si>
    <t>VELUX Wabenpl. el. FMC MK10 1168KWL</t>
  </si>
  <si>
    <t>FMC MK10 1170KWL</t>
  </si>
  <si>
    <t>5702329545815</t>
  </si>
  <si>
    <t>VELUX Wabenpl. el. FMC MK10 1170KWL</t>
  </si>
  <si>
    <t>FMC MK10 1171K</t>
  </si>
  <si>
    <t>5702329538145</t>
  </si>
  <si>
    <t>VELUX Wabenpl. el. FMC MK10 1171K</t>
  </si>
  <si>
    <t>FMC MK10 1171KWL</t>
  </si>
  <si>
    <t>5702329545822</t>
  </si>
  <si>
    <t>VELUX Wabenpl. el. FMC MK10 1171KWL</t>
  </si>
  <si>
    <t>FMC MK10 1172K</t>
  </si>
  <si>
    <t>5702329538152</t>
  </si>
  <si>
    <t>VELUX Wabenpl. el. FMC MK10 1172K</t>
  </si>
  <si>
    <t>FMC MK10 1172KWL</t>
  </si>
  <si>
    <t>5702329545839</t>
  </si>
  <si>
    <t>VELUX Wabenpl. el. FMC MK10 1172KWL</t>
  </si>
  <si>
    <t>FMC MK10 1173KWL</t>
  </si>
  <si>
    <t>5702329545846</t>
  </si>
  <si>
    <t>VELUX Wabenpl. el. FMC MK10 1173KWL</t>
  </si>
  <si>
    <t>FMC MK12 1045K</t>
  </si>
  <si>
    <t>5702329538176</t>
  </si>
  <si>
    <t>VELUX Wabenpl. el. FMC MK12 1045K</t>
  </si>
  <si>
    <t>FMC MK12 1045KWL</t>
  </si>
  <si>
    <t>5702329545853</t>
  </si>
  <si>
    <t>VELUX Wabenpl. el. FMC MK12 1045KWL</t>
  </si>
  <si>
    <t>FMC MK12 1163K</t>
  </si>
  <si>
    <t>5702329538220</t>
  </si>
  <si>
    <t>VELUX Wabenpl. el. FMC MK12 1163K</t>
  </si>
  <si>
    <t>FMC MK12 1163KWL</t>
  </si>
  <si>
    <t>5702329545907</t>
  </si>
  <si>
    <t>VELUX Wabenpl. el. FMC MK12 1163KWL</t>
  </si>
  <si>
    <t>FMC MK12 1168KWL</t>
  </si>
  <si>
    <t>5702329545952</t>
  </si>
  <si>
    <t>VELUX Wabenpl. el. FMC MK12 1168KWL</t>
  </si>
  <si>
    <t>FMC P08 1045K</t>
  </si>
  <si>
    <t>5702329538657</t>
  </si>
  <si>
    <t>VELUX Wabenpl. el. FMC P08 1045K</t>
  </si>
  <si>
    <t>FMC P08 1045KWL</t>
  </si>
  <si>
    <t>5702329546331</t>
  </si>
  <si>
    <t>VELUX Wabenpl. el. FMC P08 1045KWL</t>
  </si>
  <si>
    <t>FMC P08 1172KWL</t>
  </si>
  <si>
    <t>5702329546478</t>
  </si>
  <si>
    <t>VELUX Wabenpl. el. FMC P08 1172KWL</t>
  </si>
  <si>
    <t>FMC P10 1045K</t>
  </si>
  <si>
    <t>5702329538817</t>
  </si>
  <si>
    <t>VELUX Wabenpl. el. FMC P10 1045K</t>
  </si>
  <si>
    <t>FMC P10 1045KWL</t>
  </si>
  <si>
    <t>5702329546492</t>
  </si>
  <si>
    <t>VELUX Wabenpl. el. FMC P10 1045KWL</t>
  </si>
  <si>
    <t>FMC P10 1047KWL</t>
  </si>
  <si>
    <t>5702329546508</t>
  </si>
  <si>
    <t>VELUX Wabenpl. el. FMC P10 1047KWL</t>
  </si>
  <si>
    <t>FMC P10 1155KWL</t>
  </si>
  <si>
    <t>5702329546522</t>
  </si>
  <si>
    <t>VELUX Wabenpl. el. FMC P10 1155KWL</t>
  </si>
  <si>
    <t>FMC P10 1156K</t>
  </si>
  <si>
    <t>5702329538855</t>
  </si>
  <si>
    <t>VELUX Wabenpl. el. FMC P10 1156K</t>
  </si>
  <si>
    <t>FMC P10 1163K</t>
  </si>
  <si>
    <t>5702329538862</t>
  </si>
  <si>
    <t>VELUX Wabenpl. el. FMC P10 1163K</t>
  </si>
  <si>
    <t>FMC P10 1166KWL</t>
  </si>
  <si>
    <t>5702329546577</t>
  </si>
  <si>
    <t>VELUX Wabenpl. el. FMC P10 1166KWL</t>
  </si>
  <si>
    <t>FMC P10 1171K</t>
  </si>
  <si>
    <t>5702329538947</t>
  </si>
  <si>
    <t>VELUX Wabenpl. el. FMC P10 1171K</t>
  </si>
  <si>
    <t>FMC PK06 1045K</t>
  </si>
  <si>
    <t>5702329539296</t>
  </si>
  <si>
    <t>VELUX Wabenpl. el. FMC PK06 1045K</t>
  </si>
  <si>
    <t>FMC PK06 1045KWL</t>
  </si>
  <si>
    <t>5702329546973</t>
  </si>
  <si>
    <t>VELUX Wabenpl. el. FMC PK06 1045KWL</t>
  </si>
  <si>
    <t>FMC PK06 1047K</t>
  </si>
  <si>
    <t>5702329539302</t>
  </si>
  <si>
    <t>VELUX Wabenpl. el. FMC PK06 1047K</t>
  </si>
  <si>
    <t>FMC PK06 1047KWL</t>
  </si>
  <si>
    <t>5702329546980</t>
  </si>
  <si>
    <t>VELUX Wabenpl. el. FMC PK06 1047KWL</t>
  </si>
  <si>
    <t>FMC PK06 1155K</t>
  </si>
  <si>
    <t>5702329539326</t>
  </si>
  <si>
    <t>VELUX Wabenpl. el. FMC PK06 1155K</t>
  </si>
  <si>
    <t>FMC PK06 1155KWL</t>
  </si>
  <si>
    <t>5702329547000</t>
  </si>
  <si>
    <t>VELUX Wabenpl. el. FMC PK06 1155KWL</t>
  </si>
  <si>
    <t>FMC PK06 1156K</t>
  </si>
  <si>
    <t>5702329539333</t>
  </si>
  <si>
    <t>VELUX Wabenpl. el. FMC PK06 1156K</t>
  </si>
  <si>
    <t>FMC PK06 1156KWL</t>
  </si>
  <si>
    <t>5702329547017</t>
  </si>
  <si>
    <t>VELUX Wabenpl. el. FMC PK06 1156KWL</t>
  </si>
  <si>
    <t>FMC PK06 1163K</t>
  </si>
  <si>
    <t>5702329539340</t>
  </si>
  <si>
    <t>VELUX Wabenpl. el. FMC PK06 1163K</t>
  </si>
  <si>
    <t>FMC PK06 1163KWL</t>
  </si>
  <si>
    <t>5702329547024</t>
  </si>
  <si>
    <t>VELUX Wabenpl. el. FMC PK06 1163KWL</t>
  </si>
  <si>
    <t>FMC PK06 1164K</t>
  </si>
  <si>
    <t>5702329539357</t>
  </si>
  <si>
    <t>VELUX Wabenpl. el. FMC PK06 1164K</t>
  </si>
  <si>
    <t>FMC PK06 1166K</t>
  </si>
  <si>
    <t>5702329539371</t>
  </si>
  <si>
    <t>VELUX Wabenpl. el. FMC PK06 1166K</t>
  </si>
  <si>
    <t>FMC PK06 1166KWL</t>
  </si>
  <si>
    <t>5702329547055</t>
  </si>
  <si>
    <t>VELUX Wabenpl. el. FMC PK06 1166KWL</t>
  </si>
  <si>
    <t>FMC PK06 1168K</t>
  </si>
  <si>
    <t>5702329539395</t>
  </si>
  <si>
    <t>VELUX Wabenpl. el. FMC PK06 1168K</t>
  </si>
  <si>
    <t>FMC PK06 1168KWL</t>
  </si>
  <si>
    <t>5702329547079</t>
  </si>
  <si>
    <t>VELUX Wabenpl. el. FMC PK06 1168KWL</t>
  </si>
  <si>
    <t>FMC PK06 1169KWL</t>
  </si>
  <si>
    <t>5702329547086</t>
  </si>
  <si>
    <t>VELUX Wabenpl. el. FMC PK06 1169KWL</t>
  </si>
  <si>
    <t>FMC PK06 1170K</t>
  </si>
  <si>
    <t>5702329539418</t>
  </si>
  <si>
    <t>VELUX Wabenpl. el. FMC PK06 1170K</t>
  </si>
  <si>
    <t>FMC PK06 1170KWL</t>
  </si>
  <si>
    <t>5702329547093</t>
  </si>
  <si>
    <t>VELUX Wabenpl. el. FMC PK06 1170KWL</t>
  </si>
  <si>
    <t>FMC PK06 1171K</t>
  </si>
  <si>
    <t>5702329539425</t>
  </si>
  <si>
    <t>VELUX Wabenpl. el. FMC PK06 1171K</t>
  </si>
  <si>
    <t>FMC PK06 1171KWL</t>
  </si>
  <si>
    <t>5702329547109</t>
  </si>
  <si>
    <t>VELUX Wabenpl. el. FMC PK06 1171KWL</t>
  </si>
  <si>
    <t>FMC PK06 1172K</t>
  </si>
  <si>
    <t>5702329539432</t>
  </si>
  <si>
    <t>VELUX Wabenpl. el. FMC PK06 1172K</t>
  </si>
  <si>
    <t>FMC PK06 1172KWL</t>
  </si>
  <si>
    <t>5702329547116</t>
  </si>
  <si>
    <t>VELUX Wabenpl. el. FMC PK06 1172KWL</t>
  </si>
  <si>
    <t>FMC PK08 1045K</t>
  </si>
  <si>
    <t>5702329539456</t>
  </si>
  <si>
    <t>VELUX Wabenpl. el. FMC PK08 1045K</t>
  </si>
  <si>
    <t>FMC PK08 1045KWL</t>
  </si>
  <si>
    <t>5702329547130</t>
  </si>
  <si>
    <t>VELUX Wabenpl. el. FMC PK08 1045KWL</t>
  </si>
  <si>
    <t>FMC PK08 1047K</t>
  </si>
  <si>
    <t>5702329539463</t>
  </si>
  <si>
    <t>VELUX Wabenpl. el. FMC PK08 1047K</t>
  </si>
  <si>
    <t>FMC PK08 1047KWL</t>
  </si>
  <si>
    <t>5702329547147</t>
  </si>
  <si>
    <t>VELUX Wabenpl. el. FMC PK08 1047KWL</t>
  </si>
  <si>
    <t>FMC PK08 1155K</t>
  </si>
  <si>
    <t>5702329539487</t>
  </si>
  <si>
    <t>VELUX Wabenpl. el. FMC PK08 1155K</t>
  </si>
  <si>
    <t>FMC PK08 1155KWL</t>
  </si>
  <si>
    <t>5702329547161</t>
  </si>
  <si>
    <t>VELUX Wabenpl. el. FMC PK08 1155KWL</t>
  </si>
  <si>
    <t>FMC PK08 1156KWL</t>
  </si>
  <si>
    <t>5702329547178</t>
  </si>
  <si>
    <t>VELUX Wabenpl. el. FMC PK08 1156KWL</t>
  </si>
  <si>
    <t>FMC PK08 1163K</t>
  </si>
  <si>
    <t>5702329539500</t>
  </si>
  <si>
    <t>VELUX Wabenpl. el. FMC PK08 1163K</t>
  </si>
  <si>
    <t>FMC PK08 1163KWL</t>
  </si>
  <si>
    <t>5702329547185</t>
  </si>
  <si>
    <t>VELUX Wabenpl. el. FMC PK08 1163KWL</t>
  </si>
  <si>
    <t>FMC PK08 1164KWL</t>
  </si>
  <si>
    <t>5702329547192</t>
  </si>
  <si>
    <t>VELUX Wabenpl. el. FMC PK08 1164KWL</t>
  </si>
  <si>
    <t>FMC PK08 1166K</t>
  </si>
  <si>
    <t>5702329539531</t>
  </si>
  <si>
    <t>VELUX Wabenpl. el. FMC PK08 1166K</t>
  </si>
  <si>
    <t>FMC PK08 1166KWL</t>
  </si>
  <si>
    <t>5702329547215</t>
  </si>
  <si>
    <t>VELUX Wabenpl. el. FMC PK08 1166KWL</t>
  </si>
  <si>
    <t>FMC PK08 1167KWL</t>
  </si>
  <si>
    <t>5702329547222</t>
  </si>
  <si>
    <t>VELUX Wabenpl. el. FMC PK08 1167KWL</t>
  </si>
  <si>
    <t>FMC PK08 1168K</t>
  </si>
  <si>
    <t>5702329539555</t>
  </si>
  <si>
    <t>VELUX Wabenpl. el. FMC PK08 1168K</t>
  </si>
  <si>
    <t>FMC PK08 1168KWL</t>
  </si>
  <si>
    <t>5702329547239</t>
  </si>
  <si>
    <t>VELUX Wabenpl. el. FMC PK08 1168KWL</t>
  </si>
  <si>
    <t>FMC PK08 1169KWL</t>
  </si>
  <si>
    <t>5702329547246</t>
  </si>
  <si>
    <t>VELUX Wabenpl. el. FMC PK08 1169KWL</t>
  </si>
  <si>
    <t>FMC PK08 1170K</t>
  </si>
  <si>
    <t>5702329539579</t>
  </si>
  <si>
    <t>VELUX Wabenpl. el. FMC PK08 1170K</t>
  </si>
  <si>
    <t>FMC PK08 1170KWL</t>
  </si>
  <si>
    <t>5702329547253</t>
  </si>
  <si>
    <t>VELUX Wabenpl. el. FMC PK08 1170KWL</t>
  </si>
  <si>
    <t>FMC PK08 1171K</t>
  </si>
  <si>
    <t>5702329539586</t>
  </si>
  <si>
    <t>VELUX Wabenpl. el. FMC PK08 1171K</t>
  </si>
  <si>
    <t>FMC PK08 1171KWL</t>
  </si>
  <si>
    <t>5702329547260</t>
  </si>
  <si>
    <t>VELUX Wabenpl. el. FMC PK08 1171KWL</t>
  </si>
  <si>
    <t>FMC PK08 1172K</t>
  </si>
  <si>
    <t>5702329539593</t>
  </si>
  <si>
    <t>VELUX Wabenpl. el. FMC PK08 1172K</t>
  </si>
  <si>
    <t>FMC PK08 1172KWL</t>
  </si>
  <si>
    <t>5702329547277</t>
  </si>
  <si>
    <t>VELUX Wabenpl. el. FMC PK08 1172KWL</t>
  </si>
  <si>
    <t>FMC PK08 1173KWL</t>
  </si>
  <si>
    <t>5702329547284</t>
  </si>
  <si>
    <t>VELUX Wabenpl. el. FMC PK08 1173KWL</t>
  </si>
  <si>
    <t>FMC PK10 1045K</t>
  </si>
  <si>
    <t>5702329539616</t>
  </si>
  <si>
    <t>VELUX Wabenpl. el. FMC PK10 1045K</t>
  </si>
  <si>
    <t>FMC PK10 1045KWL</t>
  </si>
  <si>
    <t>5702329547291</t>
  </si>
  <si>
    <t>VELUX Wabenpl. el. FMC PK10 1045KWL</t>
  </si>
  <si>
    <t>FMC PK10 1047KWL</t>
  </si>
  <si>
    <t>5702329547307</t>
  </si>
  <si>
    <t>VELUX Wabenpl. el. FMC PK10 1047KWL</t>
  </si>
  <si>
    <t>FMC PK10 1049KWL</t>
  </si>
  <si>
    <t>5702329547314</t>
  </si>
  <si>
    <t>VELUX Wabenpl. el. FMC PK10 1049KWL</t>
  </si>
  <si>
    <t>FMC PK10 1155K</t>
  </si>
  <si>
    <t>5702329539647</t>
  </si>
  <si>
    <t>VELUX Wabenpl. el. FMC PK10 1155K</t>
  </si>
  <si>
    <t>FMC PK10 1155KWL</t>
  </si>
  <si>
    <t>5702329547321</t>
  </si>
  <si>
    <t>VELUX Wabenpl. el. FMC PK10 1155KWL</t>
  </si>
  <si>
    <t>FMC PK10 1156K</t>
  </si>
  <si>
    <t>5702329539654</t>
  </si>
  <si>
    <t>VELUX Wabenpl. el. FMC PK10 1156K</t>
  </si>
  <si>
    <t>FMC PK10 1156KWL</t>
  </si>
  <si>
    <t>5702329547338</t>
  </si>
  <si>
    <t>VELUX Wabenpl. el. FMC PK10 1156KWL</t>
  </si>
  <si>
    <t>FMC PK10 1163K</t>
  </si>
  <si>
    <t>5702329539661</t>
  </si>
  <si>
    <t>VELUX Wabenpl. el. FMC PK10 1163K</t>
  </si>
  <si>
    <t>FMC PK10 1163KWL</t>
  </si>
  <si>
    <t>5702329547345</t>
  </si>
  <si>
    <t>VELUX Wabenpl. el. FMC PK10 1163KWL</t>
  </si>
  <si>
    <t>FMC PK10 1166K</t>
  </si>
  <si>
    <t>5702329539692</t>
  </si>
  <si>
    <t>VELUX Wabenpl. el. FMC PK10 1166K</t>
  </si>
  <si>
    <t>FMC PK10 1166KWL</t>
  </si>
  <si>
    <t>5702329547376</t>
  </si>
  <si>
    <t>VELUX Wabenpl. el. FMC PK10 1166KWL</t>
  </si>
  <si>
    <t>FMC PK10 1167KWL</t>
  </si>
  <si>
    <t>5702329547383</t>
  </si>
  <si>
    <t>VELUX Wabenpl. el. FMC PK10 1167KWL</t>
  </si>
  <si>
    <t>FMC PK10 1168K</t>
  </si>
  <si>
    <t>5702329539715</t>
  </si>
  <si>
    <t>VELUX Wabenpl. el. FMC PK10 1168K</t>
  </si>
  <si>
    <t>FMC PK10 1169KWL</t>
  </si>
  <si>
    <t>5702329547406</t>
  </si>
  <si>
    <t>VELUX Wabenpl. el. FMC PK10 1169KWL</t>
  </si>
  <si>
    <t>FMC PK10 1170K</t>
  </si>
  <si>
    <t>5702329539739</t>
  </si>
  <si>
    <t>VELUX Wabenpl. el. FMC PK10 1170K</t>
  </si>
  <si>
    <t>FMC PK10 1170KWL</t>
  </si>
  <si>
    <t>5702329547413</t>
  </si>
  <si>
    <t>VELUX Wabenpl. el. FMC PK10 1170KWL</t>
  </si>
  <si>
    <t>FMC PK10 1171K</t>
  </si>
  <si>
    <t>5702329539746</t>
  </si>
  <si>
    <t>VELUX Wabenpl. el. FMC PK10 1171K</t>
  </si>
  <si>
    <t>FMC PK10 1171KWL</t>
  </si>
  <si>
    <t>5702329547420</t>
  </si>
  <si>
    <t>VELUX Wabenpl. el. FMC PK10 1171KWL</t>
  </si>
  <si>
    <t>FMC PK10 1172KWL</t>
  </si>
  <si>
    <t>5702329547437</t>
  </si>
  <si>
    <t>VELUX Wabenpl. el. FMC PK10 1172KWL</t>
  </si>
  <si>
    <t>FMC PK10 1173K</t>
  </si>
  <si>
    <t>5702329539760</t>
  </si>
  <si>
    <t>VELUX Wabenpl. el. FMC PK10 1173K</t>
  </si>
  <si>
    <t>FMC PK10 1173KWL</t>
  </si>
  <si>
    <t>5702329547444</t>
  </si>
  <si>
    <t>VELUX Wabenpl. el. FMC PK10 1173KWL</t>
  </si>
  <si>
    <t>FMC S06 1045K</t>
  </si>
  <si>
    <t>5702329540094</t>
  </si>
  <si>
    <t>VELUX Wabenpl. el. FMC S06 1045K</t>
  </si>
  <si>
    <t>FMC S06 1045KWL</t>
  </si>
  <si>
    <t>5702329547772</t>
  </si>
  <si>
    <t>VELUX Wabenpl. el. FMC S06 1045KWL</t>
  </si>
  <si>
    <t>FMC S06 1047K</t>
  </si>
  <si>
    <t>5702329540100</t>
  </si>
  <si>
    <t>VELUX Wabenpl. el. FMC S06 1047K</t>
  </si>
  <si>
    <t>FMC S06 1047KWL</t>
  </si>
  <si>
    <t>5702329547789</t>
  </si>
  <si>
    <t>VELUX Wabenpl. el. FMC S06 1047KWL</t>
  </si>
  <si>
    <t>FMC S06 1049K</t>
  </si>
  <si>
    <t>5702329540117</t>
  </si>
  <si>
    <t>VELUX Wabenpl. el. FMC S06 1049K</t>
  </si>
  <si>
    <t>FMC S06 1155K</t>
  </si>
  <si>
    <t>5702329540124</t>
  </si>
  <si>
    <t>VELUX Wabenpl. el. FMC S06 1155K</t>
  </si>
  <si>
    <t>FMC S06 1155KWL</t>
  </si>
  <si>
    <t>5702329547802</t>
  </si>
  <si>
    <t>VELUX Wabenpl. el. FMC S06 1155KWL</t>
  </si>
  <si>
    <t>FMC S06 1156K</t>
  </si>
  <si>
    <t>5702329540131</t>
  </si>
  <si>
    <t>VELUX Wabenpl. el. FMC S06 1156K</t>
  </si>
  <si>
    <t>FMC S06 1156KWL</t>
  </si>
  <si>
    <t>5702329547819</t>
  </si>
  <si>
    <t>VELUX Wabenpl. el. FMC S06 1156KWL</t>
  </si>
  <si>
    <t>FMC S06 1163K</t>
  </si>
  <si>
    <t>5702329540148</t>
  </si>
  <si>
    <t>VELUX Wabenpl. el. FMC S06 1163K</t>
  </si>
  <si>
    <t>FMC S06 1163KWL</t>
  </si>
  <si>
    <t>5702329547826</t>
  </si>
  <si>
    <t>VELUX Wabenpl. el. FMC S06 1163KWL</t>
  </si>
  <si>
    <t>FMC S06 1164KWL</t>
  </si>
  <si>
    <t>5702329547833</t>
  </si>
  <si>
    <t>VELUX Wabenpl. el. FMC S06 1164KWL</t>
  </si>
  <si>
    <t>FMC S06 1166KWL</t>
  </si>
  <si>
    <t>5702329547857</t>
  </si>
  <si>
    <t>VELUX Wabenpl. el. FMC S06 1166KWL</t>
  </si>
  <si>
    <t>FMC S06 1167K</t>
  </si>
  <si>
    <t>5702329540186</t>
  </si>
  <si>
    <t>VELUX Wabenpl. el. FMC S06 1167K</t>
  </si>
  <si>
    <t>FMC S06 1168K</t>
  </si>
  <si>
    <t>5702329540193</t>
  </si>
  <si>
    <t>VELUX Wabenpl. el. FMC S06 1168K</t>
  </si>
  <si>
    <t>FMC S06 1170K</t>
  </si>
  <si>
    <t>5702329540216</t>
  </si>
  <si>
    <t>VELUX Wabenpl. el. FMC S06 1170K</t>
  </si>
  <si>
    <t>FMC S06 1171KWL</t>
  </si>
  <si>
    <t>5702329547901</t>
  </si>
  <si>
    <t>VELUX Wabenpl. el. FMC S06 1171KWL</t>
  </si>
  <si>
    <t>FMC S06 1172K</t>
  </si>
  <si>
    <t>5702329540230</t>
  </si>
  <si>
    <t>VELUX Wabenpl. el. FMC S06 1172K</t>
  </si>
  <si>
    <t>FMC S08 1045KWL</t>
  </si>
  <si>
    <t>5702329547932</t>
  </si>
  <si>
    <t>VELUX Wabenpl. el. FMC S08 1045KWL</t>
  </si>
  <si>
    <t>FMC S08 1047K</t>
  </si>
  <si>
    <t>5702329540261</t>
  </si>
  <si>
    <t>VELUX Wabenpl. el. FMC S08 1047K</t>
  </si>
  <si>
    <t>FMC S08 1049K</t>
  </si>
  <si>
    <t>5702329540278</t>
  </si>
  <si>
    <t>VELUX Wabenpl. el. FMC S08 1049K</t>
  </si>
  <si>
    <t>FMC S08 1156KWL</t>
  </si>
  <si>
    <t>5702329547970</t>
  </si>
  <si>
    <t>VELUX Wabenpl. el. FMC S08 1156KWL</t>
  </si>
  <si>
    <t>FMC S08 1163KWL</t>
  </si>
  <si>
    <t>5702329547987</t>
  </si>
  <si>
    <t>VELUX Wabenpl. el. FMC S08 1163KWL</t>
  </si>
  <si>
    <t>FMC S08 1172K</t>
  </si>
  <si>
    <t>5702329540391</t>
  </si>
  <si>
    <t>VELUX Wabenpl. el. FMC S08 1172K</t>
  </si>
  <si>
    <t>FMC S08 1172KWL</t>
  </si>
  <si>
    <t>5702329548076</t>
  </si>
  <si>
    <t>VELUX Wabenpl. el. FMC S08 1172KWL</t>
  </si>
  <si>
    <t>FMC SK06 1045K</t>
  </si>
  <si>
    <t>5702329540735</t>
  </si>
  <si>
    <t>VELUX Wabenpl. el. FMC SK06 1045K</t>
  </si>
  <si>
    <t>FMC SK06 1045KWL</t>
  </si>
  <si>
    <t>5702329548410</t>
  </si>
  <si>
    <t>VELUX Wabenpl. el. FMC SK06 1045KWL</t>
  </si>
  <si>
    <t>FMC SK06 1047K</t>
  </si>
  <si>
    <t>5702329540742</t>
  </si>
  <si>
    <t>VELUX Wabenpl. el. FMC SK06 1047K</t>
  </si>
  <si>
    <t>FMC SK06 1047KWL</t>
  </si>
  <si>
    <t>5702329548427</t>
  </si>
  <si>
    <t>VELUX Wabenpl. el. FMC SK06 1047KWL</t>
  </si>
  <si>
    <t>FMC SK06 1049K</t>
  </si>
  <si>
    <t>5702329540759</t>
  </si>
  <si>
    <t>VELUX Wabenpl. el. FMC SK06 1049K</t>
  </si>
  <si>
    <t>FMC SK06 1049KWL</t>
  </si>
  <si>
    <t>5702329548434</t>
  </si>
  <si>
    <t>VELUX Wabenpl. el. FMC SK06 1049KWL</t>
  </si>
  <si>
    <t>FMC SK06 1155K</t>
  </si>
  <si>
    <t>5702329540766</t>
  </si>
  <si>
    <t>VELUX Wabenpl. el. FMC SK06 1155K</t>
  </si>
  <si>
    <t>FMC SK06 1155KWL</t>
  </si>
  <si>
    <t>5702329548441</t>
  </si>
  <si>
    <t>VELUX Wabenpl. el. FMC SK06 1155KWL</t>
  </si>
  <si>
    <t>FMC SK06 1156K</t>
  </si>
  <si>
    <t>5702329540773</t>
  </si>
  <si>
    <t>VELUX Wabenpl. el. FMC SK06 1156K</t>
  </si>
  <si>
    <t>FMC SK06 1156KWL</t>
  </si>
  <si>
    <t>5702329548458</t>
  </si>
  <si>
    <t>VELUX Wabenpl. el. FMC SK06 1156KWL</t>
  </si>
  <si>
    <t>FMC SK06 1163K</t>
  </si>
  <si>
    <t>5702329540780</t>
  </si>
  <si>
    <t>VELUX Wabenpl. el. FMC SK06 1163K</t>
  </si>
  <si>
    <t>FMC SK06 1163KWL</t>
  </si>
  <si>
    <t>5702329548465</t>
  </si>
  <si>
    <t>VELUX Wabenpl. el. FMC SK06 1163KWL</t>
  </si>
  <si>
    <t>FMC SK06 1164K</t>
  </si>
  <si>
    <t>5702329540797</t>
  </si>
  <si>
    <t>VELUX Wabenpl. el. FMC SK06 1164K</t>
  </si>
  <si>
    <t>FMC SK06 1164KWL</t>
  </si>
  <si>
    <t>5702329548472</t>
  </si>
  <si>
    <t>VELUX Wabenpl. el. FMC SK06 1164KWL</t>
  </si>
  <si>
    <t>FMC SK06 1165K</t>
  </si>
  <si>
    <t>5702329540803</t>
  </si>
  <si>
    <t>VELUX Wabenpl. el. FMC SK06 1165K</t>
  </si>
  <si>
    <t>FMC SK06 1165KWL</t>
  </si>
  <si>
    <t>5702329548489</t>
  </si>
  <si>
    <t>VELUX Wabenpl. el. FMC SK06 1165KWL</t>
  </si>
  <si>
    <t>FMC SK06 1166K</t>
  </si>
  <si>
    <t>5702329540810</t>
  </si>
  <si>
    <t>VELUX Wabenpl. el. FMC SK06 1166K</t>
  </si>
  <si>
    <t>FMC SK06 1166KWL</t>
  </si>
  <si>
    <t>5702329548496</t>
  </si>
  <si>
    <t>VELUX Wabenpl. el. FMC SK06 1166KWL</t>
  </si>
  <si>
    <t>FMC SK06 1168K</t>
  </si>
  <si>
    <t>5702329540834</t>
  </si>
  <si>
    <t>VELUX Wabenpl. el. FMC SK06 1168K</t>
  </si>
  <si>
    <t>FMC SK06 1168KWL</t>
  </si>
  <si>
    <t>5702329548519</t>
  </si>
  <si>
    <t>VELUX Wabenpl. el. FMC SK06 1168KWL</t>
  </si>
  <si>
    <t>FMC SK06 1169K</t>
  </si>
  <si>
    <t>5702329540841</t>
  </si>
  <si>
    <t>VELUX Wabenpl. el. FMC SK06 1169K</t>
  </si>
  <si>
    <t>FMC SK06 1169KWL</t>
  </si>
  <si>
    <t>5702329548526</t>
  </si>
  <si>
    <t>VELUX Wabenpl. el. FMC SK06 1169KWL</t>
  </si>
  <si>
    <t>FMC SK06 1170K</t>
  </si>
  <si>
    <t>5702329540858</t>
  </si>
  <si>
    <t>VELUX Wabenpl. el. FMC SK06 1170K</t>
  </si>
  <si>
    <t>FMC SK06 1170KWL</t>
  </si>
  <si>
    <t>5702329548533</t>
  </si>
  <si>
    <t>VELUX Wabenpl. el. FMC SK06 1170KWL</t>
  </si>
  <si>
    <t>FMC SK06 1171K</t>
  </si>
  <si>
    <t>5702329540865</t>
  </si>
  <si>
    <t>VELUX Wabenpl. el. FMC SK06 1171K</t>
  </si>
  <si>
    <t>FMC SK06 1171KWL</t>
  </si>
  <si>
    <t>5702329548540</t>
  </si>
  <si>
    <t>VELUX Wabenpl. el. FMC SK06 1171KWL</t>
  </si>
  <si>
    <t>FMC SK06 1172K</t>
  </si>
  <si>
    <t>5702329540872</t>
  </si>
  <si>
    <t>VELUX Wabenpl. el. FMC SK06 1172K</t>
  </si>
  <si>
    <t>FMC SK06 1172KWL</t>
  </si>
  <si>
    <t>5702329548557</t>
  </si>
  <si>
    <t>VELUX Wabenpl. el. FMC SK06 1172KWL</t>
  </si>
  <si>
    <t>FMC SK06 1173K</t>
  </si>
  <si>
    <t>5702329540889</t>
  </si>
  <si>
    <t>VELUX Wabenpl. el. FMC SK06 1173K</t>
  </si>
  <si>
    <t>FMC SK06 1173KWL</t>
  </si>
  <si>
    <t>5702329548564</t>
  </si>
  <si>
    <t>VELUX Wabenpl. el. FMC SK06 1173KWL</t>
  </si>
  <si>
    <t>FMC SK08 1045K</t>
  </si>
  <si>
    <t>5702329540896</t>
  </si>
  <si>
    <t>VELUX Wabenpl. el. FMC SK08 1045K</t>
  </si>
  <si>
    <t>FMC SK08 1045KWL</t>
  </si>
  <si>
    <t>5702329548571</t>
  </si>
  <si>
    <t>VELUX Wabenpl. el. FMC SK08 1045KWL</t>
  </si>
  <si>
    <t>FMC SK08 1047K</t>
  </si>
  <si>
    <t>5702329540902</t>
  </si>
  <si>
    <t>VELUX Wabenpl. el. FMC SK08 1047K</t>
  </si>
  <si>
    <t>FMC SK08 1047KWL</t>
  </si>
  <si>
    <t>5702329548588</t>
  </si>
  <si>
    <t>VELUX Wabenpl. el. FMC SK08 1047KWL</t>
  </si>
  <si>
    <t>FMC SK08 1155K</t>
  </si>
  <si>
    <t>5702329540926</t>
  </si>
  <si>
    <t>VELUX Wabenpl. el. FMC SK08 1155K</t>
  </si>
  <si>
    <t>FMC SK08 1155KWL</t>
  </si>
  <si>
    <t>5702329548601</t>
  </si>
  <si>
    <t>VELUX Wabenpl. el. FMC SK08 1155KWL</t>
  </si>
  <si>
    <t>FMC SK08 1156K</t>
  </si>
  <si>
    <t>5702329540933</t>
  </si>
  <si>
    <t>VELUX Wabenpl. el. FMC SK08 1156K</t>
  </si>
  <si>
    <t>FMC SK08 1163K</t>
  </si>
  <si>
    <t>5702329540940</t>
  </si>
  <si>
    <t>VELUX Wabenpl. el. FMC SK08 1163K</t>
  </si>
  <si>
    <t>FMC SK08 1163KWL</t>
  </si>
  <si>
    <t>5702329548625</t>
  </si>
  <si>
    <t>VELUX Wabenpl. el. FMC SK08 1163KWL</t>
  </si>
  <si>
    <t>FMC SK08 1164K</t>
  </si>
  <si>
    <t>5702329540957</t>
  </si>
  <si>
    <t>VELUX Wabenpl. el. FMC SK08 1164K</t>
  </si>
  <si>
    <t>FMC SK08 1164KWL</t>
  </si>
  <si>
    <t>5702329548632</t>
  </si>
  <si>
    <t>VELUX Wabenpl. el. FMC SK08 1164KWL</t>
  </si>
  <si>
    <t>FMC SK08 1166K</t>
  </si>
  <si>
    <t>5702329540971</t>
  </si>
  <si>
    <t>VELUX Wabenpl. el. FMC SK08 1166K</t>
  </si>
  <si>
    <t>FMC SK08 1166KWL</t>
  </si>
  <si>
    <t>5702329548656</t>
  </si>
  <si>
    <t>VELUX Wabenpl. el. FMC SK08 1166KWL</t>
  </si>
  <si>
    <t>FMC SK08 1167K</t>
  </si>
  <si>
    <t>5702329540988</t>
  </si>
  <si>
    <t>VELUX Wabenpl. el. FMC SK08 1167K</t>
  </si>
  <si>
    <t>FMC SK08 1168K</t>
  </si>
  <si>
    <t>5702329540995</t>
  </si>
  <si>
    <t>VELUX Wabenpl. el. FMC SK08 1168K</t>
  </si>
  <si>
    <t>FMC SK08 1168KWL</t>
  </si>
  <si>
    <t>5702329548670</t>
  </si>
  <si>
    <t>VELUX Wabenpl. el. FMC SK08 1168KWL</t>
  </si>
  <si>
    <t>FMC SK08 1170K</t>
  </si>
  <si>
    <t>5702329541015</t>
  </si>
  <si>
    <t>VELUX Wabenpl. el. FMC SK08 1170K</t>
  </si>
  <si>
    <t>FMC SK08 1170KWL</t>
  </si>
  <si>
    <t>5702329548694</t>
  </si>
  <si>
    <t>VELUX Wabenpl. el. FMC SK08 1170KWL</t>
  </si>
  <si>
    <t>FMC SK08 1171KWL</t>
  </si>
  <si>
    <t>5702329548700</t>
  </si>
  <si>
    <t>VELUX Wabenpl. el. FMC SK08 1171KWL</t>
  </si>
  <si>
    <t>FMC SK08 1172K</t>
  </si>
  <si>
    <t>5702329541039</t>
  </si>
  <si>
    <t>VELUX Wabenpl. el. FMC SK08 1172K</t>
  </si>
  <si>
    <t>FMC SK08 1172KWL</t>
  </si>
  <si>
    <t>5702329548717</t>
  </si>
  <si>
    <t>VELUX Wabenpl. el. FMC SK08 1172KWL</t>
  </si>
  <si>
    <t>FMC SK10 1045K</t>
  </si>
  <si>
    <t>5702329541053</t>
  </si>
  <si>
    <t>VELUX Wabenpl. el. FMC SK10 1045K</t>
  </si>
  <si>
    <t>FMC SK10 1045KWL</t>
  </si>
  <si>
    <t>5702329548731</t>
  </si>
  <si>
    <t>VELUX Wabenpl. el. FMC SK10 1045KWL</t>
  </si>
  <si>
    <t>FMC SK10 1047KWL</t>
  </si>
  <si>
    <t>5702329548748</t>
  </si>
  <si>
    <t>VELUX Wabenpl. el. FMC SK10 1047KWL</t>
  </si>
  <si>
    <t>FMC SK10 1155K</t>
  </si>
  <si>
    <t>5702329541084</t>
  </si>
  <si>
    <t>VELUX Wabenpl. el. FMC SK10 1155K</t>
  </si>
  <si>
    <t>FMC SK10 1155KWL</t>
  </si>
  <si>
    <t>5702329548762</t>
  </si>
  <si>
    <t>VELUX Wabenpl. el. FMC SK10 1155KWL</t>
  </si>
  <si>
    <t>FMC SK10 1156K</t>
  </si>
  <si>
    <t>5702329541091</t>
  </si>
  <si>
    <t>VELUX Wabenpl. el. FMC SK10 1156K</t>
  </si>
  <si>
    <t>FMC SK10 1163K</t>
  </si>
  <si>
    <t>5702329541107</t>
  </si>
  <si>
    <t>VELUX Wabenpl. el. FMC SK10 1163K</t>
  </si>
  <si>
    <t>FMC SK10 1164KWL</t>
  </si>
  <si>
    <t>5702329548793</t>
  </si>
  <si>
    <t>VELUX Wabenpl. el. FMC SK10 1164KWL</t>
  </si>
  <si>
    <t>FMC SK10 1166K</t>
  </si>
  <si>
    <t>5702329541138</t>
  </si>
  <si>
    <t>VELUX Wabenpl. el. FMC SK10 1166K</t>
  </si>
  <si>
    <t>FMC SK10 1166KWL</t>
  </si>
  <si>
    <t>5702329548816</t>
  </si>
  <si>
    <t>VELUX Wabenpl. el. FMC SK10 1166KWL</t>
  </si>
  <si>
    <t>FMC SK10 1170K</t>
  </si>
  <si>
    <t>5702329541176</t>
  </si>
  <si>
    <t>VELUX Wabenpl. el. FMC SK10 1170K</t>
  </si>
  <si>
    <t>FMC SK10 1170KWL</t>
  </si>
  <si>
    <t>5702329548854</t>
  </si>
  <si>
    <t>VELUX Wabenpl. el. FMC SK10 1170KWL</t>
  </si>
  <si>
    <t>FMC SK10 1171KWL</t>
  </si>
  <si>
    <t>5702329548861</t>
  </si>
  <si>
    <t>VELUX Wabenpl. el. FMC SK10 1171KWL</t>
  </si>
  <si>
    <t>FMC SK10 1172K</t>
  </si>
  <si>
    <t>5702329541190</t>
  </si>
  <si>
    <t>VELUX Wabenpl. el. FMC SK10 1172K</t>
  </si>
  <si>
    <t>FMC SK10 1172KWL</t>
  </si>
  <si>
    <t>5702329548878</t>
  </si>
  <si>
    <t>VELUX Wabenpl. el. FMC SK10 1172KWL</t>
  </si>
  <si>
    <t>FMC U04 1045KWL</t>
  </si>
  <si>
    <t>5702329548892</t>
  </si>
  <si>
    <t>VELUX Wabenpl. el. FMC U04 1045KWL</t>
  </si>
  <si>
    <t>FMC U04 1047KWL</t>
  </si>
  <si>
    <t>5702329548908</t>
  </si>
  <si>
    <t>VELUX Wabenpl. el. FMC U04 1047KWL</t>
  </si>
  <si>
    <t>FMC U04 1163K</t>
  </si>
  <si>
    <t>5702329541268</t>
  </si>
  <si>
    <t>VELUX Wabenpl. el. FMC U04 1163K</t>
  </si>
  <si>
    <t>FMC U04 1165K</t>
  </si>
  <si>
    <t>5702329541282</t>
  </si>
  <si>
    <t>VELUX Wabenpl. el. FMC U04 1165K</t>
  </si>
  <si>
    <t>FMC U04 1168K</t>
  </si>
  <si>
    <t>5702329541312</t>
  </si>
  <si>
    <t>VELUX Wabenpl. el. FMC U04 1168K</t>
  </si>
  <si>
    <t>FMC U04 1173K</t>
  </si>
  <si>
    <t>5702329541367</t>
  </si>
  <si>
    <t>VELUX Wabenpl. el. FMC U04 1173K</t>
  </si>
  <si>
    <t>FMC U08 1045K</t>
  </si>
  <si>
    <t>5702329541374</t>
  </si>
  <si>
    <t>VELUX Wabenpl. el. FMC U08 1045K</t>
  </si>
  <si>
    <t>FMC U08 1045KWL</t>
  </si>
  <si>
    <t>5702329549059</t>
  </si>
  <si>
    <t>VELUX Wabenpl. el. FMC U08 1045KWL</t>
  </si>
  <si>
    <t>FMC U08 1156K</t>
  </si>
  <si>
    <t>5702329541411</t>
  </si>
  <si>
    <t>VELUX Wabenpl. el. FMC U08 1156K</t>
  </si>
  <si>
    <t>FMC U08 1163K</t>
  </si>
  <si>
    <t>5702329541428</t>
  </si>
  <si>
    <t>VELUX Wabenpl. el. FMC U08 1163K</t>
  </si>
  <si>
    <t>FMC U08 1167K</t>
  </si>
  <si>
    <t>5702329541466</t>
  </si>
  <si>
    <t>VELUX Wabenpl. el. FMC U08 1167K</t>
  </si>
  <si>
    <t>FMC U08 1170KWL</t>
  </si>
  <si>
    <t>5702329549172</t>
  </si>
  <si>
    <t>VELUX Wabenpl. el. FMC U08 1170KWL</t>
  </si>
  <si>
    <t>FMC U08 1172K</t>
  </si>
  <si>
    <t>5702329541510</t>
  </si>
  <si>
    <t>VELUX Wabenpl. el. FMC U08 1172K</t>
  </si>
  <si>
    <t>FMC U10 1045K</t>
  </si>
  <si>
    <t>5702329541534</t>
  </si>
  <si>
    <t>VELUX Wabenpl. el. FMC U10 1045K</t>
  </si>
  <si>
    <t>FMC U10 1163K</t>
  </si>
  <si>
    <t>5702329541589</t>
  </si>
  <si>
    <t>VELUX Wabenpl. el. FMC U10 1163K</t>
  </si>
  <si>
    <t>FMC U10 1171K</t>
  </si>
  <si>
    <t>5702329541664</t>
  </si>
  <si>
    <t>VELUX Wabenpl. el. FMC U10 1171K</t>
  </si>
  <si>
    <t>FMC UK04 1045K</t>
  </si>
  <si>
    <t>5702329541695</t>
  </si>
  <si>
    <t>VELUX Wabenpl. el. FMC UK04 1045K</t>
  </si>
  <si>
    <t>FMC UK04 1045KWL</t>
  </si>
  <si>
    <t>5702329549370</t>
  </si>
  <si>
    <t>VELUX Wabenpl. el. FMC UK04 1045KWL</t>
  </si>
  <si>
    <t>FMC UK04 1047K</t>
  </si>
  <si>
    <t>5702329541701</t>
  </si>
  <si>
    <t>VELUX Wabenpl. el. FMC UK04 1047K</t>
  </si>
  <si>
    <t>FMC UK04 1047KWL</t>
  </si>
  <si>
    <t>5702329549387</t>
  </si>
  <si>
    <t>VELUX Wabenpl. el. FMC UK04 1047KWL</t>
  </si>
  <si>
    <t>FMC UK04 1155KWL</t>
  </si>
  <si>
    <t>5702329549400</t>
  </si>
  <si>
    <t>VELUX Wabenpl. el. FMC UK04 1155KWL</t>
  </si>
  <si>
    <t>FMC UK04 1156K</t>
  </si>
  <si>
    <t>5702329541732</t>
  </si>
  <si>
    <t>VELUX Wabenpl. el. FMC UK04 1156K</t>
  </si>
  <si>
    <t>FMC UK04 1156KWL</t>
  </si>
  <si>
    <t>5702329549417</t>
  </si>
  <si>
    <t>VELUX Wabenpl. el. FMC UK04 1156KWL</t>
  </si>
  <si>
    <t>FMC UK04 1163K</t>
  </si>
  <si>
    <t>5702329541749</t>
  </si>
  <si>
    <t>VELUX Wabenpl. el. FMC UK04 1163K</t>
  </si>
  <si>
    <t>FMC UK04 1163KWL</t>
  </si>
  <si>
    <t>5702329549424</t>
  </si>
  <si>
    <t>VELUX Wabenpl. el. FMC UK04 1163KWL</t>
  </si>
  <si>
    <t>FMC UK04 1164KWL</t>
  </si>
  <si>
    <t>5702329549431</t>
  </si>
  <si>
    <t>VELUX Wabenpl. el. FMC UK04 1164KWL</t>
  </si>
  <si>
    <t>FMC UK04 1165KWL</t>
  </si>
  <si>
    <t>5702329549448</t>
  </si>
  <si>
    <t>VELUX Wabenpl. el. FMC UK04 1165KWL</t>
  </si>
  <si>
    <t>FMC UK04 1166KWL</t>
  </si>
  <si>
    <t>5702329549455</t>
  </si>
  <si>
    <t>VELUX Wabenpl. el. FMC UK04 1166KWL</t>
  </si>
  <si>
    <t>FMC UK04 1168KWL</t>
  </si>
  <si>
    <t>5702329549479</t>
  </si>
  <si>
    <t>VELUX Wabenpl. el. FMC UK04 1168KWL</t>
  </si>
  <si>
    <t>FMC UK04 1170K</t>
  </si>
  <si>
    <t>5702329541817</t>
  </si>
  <si>
    <t>VELUX Wabenpl. el. FMC UK04 1170K</t>
  </si>
  <si>
    <t>FMC UK04 1170KWL</t>
  </si>
  <si>
    <t>5702329549493</t>
  </si>
  <si>
    <t>VELUX Wabenpl. el. FMC UK04 1170KWL</t>
  </si>
  <si>
    <t>FMC UK04 1171K</t>
  </si>
  <si>
    <t>5702329541824</t>
  </si>
  <si>
    <t>VELUX Wabenpl. el. FMC UK04 1171K</t>
  </si>
  <si>
    <t>FMC UK04 1171KWL</t>
  </si>
  <si>
    <t>5702329549509</t>
  </si>
  <si>
    <t>VELUX Wabenpl. el. FMC UK04 1171KWL</t>
  </si>
  <si>
    <t>FMC UK04 1172K</t>
  </si>
  <si>
    <t>5702329541831</t>
  </si>
  <si>
    <t>VELUX Wabenpl. el. FMC UK04 1172K</t>
  </si>
  <si>
    <t>FMC UK04 1172KWL</t>
  </si>
  <si>
    <t>5702329549516</t>
  </si>
  <si>
    <t>VELUX Wabenpl. el. FMC UK04 1172KWL</t>
  </si>
  <si>
    <t>FMC UK04 1173K</t>
  </si>
  <si>
    <t>5702329541848</t>
  </si>
  <si>
    <t>VELUX Wabenpl. el. FMC UK04 1173K</t>
  </si>
  <si>
    <t>FMC UK04 1173KWL</t>
  </si>
  <si>
    <t>5702329549523</t>
  </si>
  <si>
    <t>VELUX Wabenpl. el. FMC UK04 1173KWL</t>
  </si>
  <si>
    <t>FMC UK08 1045K</t>
  </si>
  <si>
    <t>5702329541855</t>
  </si>
  <si>
    <t>VELUX Wabenpl. el. FMC UK08 1045K</t>
  </si>
  <si>
    <t>FMC UK08 1045KWL</t>
  </si>
  <si>
    <t>5702329549530</t>
  </si>
  <si>
    <t>VELUX Wabenpl. el. FMC UK08 1045KWL</t>
  </si>
  <si>
    <t>FMC UK08 1047K</t>
  </si>
  <si>
    <t>5702329541862</t>
  </si>
  <si>
    <t>VELUX Wabenpl. el. FMC UK08 1047K</t>
  </si>
  <si>
    <t>FMC UK08 1047KWL</t>
  </si>
  <si>
    <t>5702329549547</t>
  </si>
  <si>
    <t>VELUX Wabenpl. el. FMC UK08 1047KWL</t>
  </si>
  <si>
    <t>FMC UK08 1155K</t>
  </si>
  <si>
    <t>5702329541886</t>
  </si>
  <si>
    <t>VELUX Wabenpl. el. FMC UK08 1155K</t>
  </si>
  <si>
    <t>FMC UK08 1155KWL</t>
  </si>
  <si>
    <t>5702329549561</t>
  </si>
  <si>
    <t>VELUX Wabenpl. el. FMC UK08 1155KWL</t>
  </si>
  <si>
    <t>FMC UK08 1156K</t>
  </si>
  <si>
    <t>5702329541893</t>
  </si>
  <si>
    <t>VELUX Wabenpl. el. FMC UK08 1156K</t>
  </si>
  <si>
    <t>FMC UK08 1156KWL</t>
  </si>
  <si>
    <t>5702329549578</t>
  </si>
  <si>
    <t>VELUX Wabenpl. el. FMC UK08 1156KWL</t>
  </si>
  <si>
    <t>FMC UK08 1163K</t>
  </si>
  <si>
    <t>5702329541909</t>
  </si>
  <si>
    <t>VELUX Wabenpl. el. FMC UK08 1163K</t>
  </si>
  <si>
    <t>FMC UK08 1163KWL</t>
  </si>
  <si>
    <t>5702329549585</t>
  </si>
  <si>
    <t>VELUX Wabenpl. el. FMC UK08 1163KWL</t>
  </si>
  <si>
    <t>FMC UK08 1164KWL</t>
  </si>
  <si>
    <t>5702329549592</t>
  </si>
  <si>
    <t>VELUX Wabenpl. el. FMC UK08 1164KWL</t>
  </si>
  <si>
    <t>FMC UK08 1165KWL</t>
  </si>
  <si>
    <t>5702329549608</t>
  </si>
  <si>
    <t>VELUX Wabenpl. el. FMC UK08 1165KWL</t>
  </si>
  <si>
    <t>FMC UK08 1166K</t>
  </si>
  <si>
    <t>5702329541930</t>
  </si>
  <si>
    <t>VELUX Wabenpl. el. FMC UK08 1166K</t>
  </si>
  <si>
    <t>FMC UK08 1166KWL</t>
  </si>
  <si>
    <t>5702329549615</t>
  </si>
  <si>
    <t>VELUX Wabenpl. el. FMC UK08 1166KWL</t>
  </si>
  <si>
    <t>FMC UK08 1167K</t>
  </si>
  <si>
    <t>5702329541947</t>
  </si>
  <si>
    <t>VELUX Wabenpl. el. FMC UK08 1167K</t>
  </si>
  <si>
    <t>FMC UK08 1168K</t>
  </si>
  <si>
    <t>5702329541954</t>
  </si>
  <si>
    <t>VELUX Wabenpl. el. FMC UK08 1168K</t>
  </si>
  <si>
    <t>FMC UK08 1168KWL</t>
  </si>
  <si>
    <t>5702329549639</t>
  </si>
  <si>
    <t>VELUX Wabenpl. el. FMC UK08 1168KWL</t>
  </si>
  <si>
    <t>FMC UK08 1169KWL</t>
  </si>
  <si>
    <t>5702329549646</t>
  </si>
  <si>
    <t>VELUX Wabenpl. el. FMC UK08 1169KWL</t>
  </si>
  <si>
    <t>FMC UK08 1170K</t>
  </si>
  <si>
    <t>5702329541978</t>
  </si>
  <si>
    <t>VELUX Wabenpl. el. FMC UK08 1170K</t>
  </si>
  <si>
    <t>FMC UK08 1170KWL</t>
  </si>
  <si>
    <t>5702329549653</t>
  </si>
  <si>
    <t>VELUX Wabenpl. el. FMC UK08 1170KWL</t>
  </si>
  <si>
    <t>FMC UK08 1171K</t>
  </si>
  <si>
    <t>5702329541985</t>
  </si>
  <si>
    <t>VELUX Wabenpl. el. FMC UK08 1171K</t>
  </si>
  <si>
    <t>FMC UK08 1171KWL</t>
  </si>
  <si>
    <t>5702329549660</t>
  </si>
  <si>
    <t>VELUX Wabenpl. el. FMC UK08 1171KWL</t>
  </si>
  <si>
    <t>FMC UK08 1172K</t>
  </si>
  <si>
    <t>5702329541992</t>
  </si>
  <si>
    <t>VELUX Wabenpl. el. FMC UK08 1172K</t>
  </si>
  <si>
    <t>FMC UK08 1172KWL</t>
  </si>
  <si>
    <t>5702329549677</t>
  </si>
  <si>
    <t>VELUX Wabenpl. el. FMC UK08 1172KWL</t>
  </si>
  <si>
    <t>FMC UK08 1173K</t>
  </si>
  <si>
    <t>5702329542005</t>
  </si>
  <si>
    <t>VELUX Wabenpl. el. FMC UK08 1173K</t>
  </si>
  <si>
    <t>FMC UK08 1173KWL</t>
  </si>
  <si>
    <t>5702329549684</t>
  </si>
  <si>
    <t>VELUX Wabenpl. el. FMC UK08 1173KWL</t>
  </si>
  <si>
    <t>FMC UK10 1045K</t>
  </si>
  <si>
    <t>5702329542012</t>
  </si>
  <si>
    <t>VELUX Wabenpl. el. FMC UK10 1045K</t>
  </si>
  <si>
    <t>FMC UK10 1045KWL</t>
  </si>
  <si>
    <t>5702329549691</t>
  </si>
  <si>
    <t>VELUX Wabenpl. el. FMC UK10 1045KWL</t>
  </si>
  <si>
    <t>FMC UK10 1047K</t>
  </si>
  <si>
    <t>5702329542029</t>
  </si>
  <si>
    <t>VELUX Wabenpl. el. FMC UK10 1047K</t>
  </si>
  <si>
    <t>FMC UK10 1047KWL</t>
  </si>
  <si>
    <t>5702329549707</t>
  </si>
  <si>
    <t>VELUX Wabenpl. el. FMC UK10 1047KWL</t>
  </si>
  <si>
    <t>FMC UK10 1049KWL</t>
  </si>
  <si>
    <t>5702329549714</t>
  </si>
  <si>
    <t>VELUX Wabenpl. el. FMC UK10 1049KWL</t>
  </si>
  <si>
    <t>FMC UK10 1155KWL</t>
  </si>
  <si>
    <t>5702329549721</t>
  </si>
  <si>
    <t>VELUX Wabenpl. el. FMC UK10 1155KWL</t>
  </si>
  <si>
    <t>FMC UK10 1156KWL</t>
  </si>
  <si>
    <t>5702329549738</t>
  </si>
  <si>
    <t>VELUX Wabenpl. el. FMC UK10 1156KWL</t>
  </si>
  <si>
    <t>FMC UK10 1163K</t>
  </si>
  <si>
    <t>5702329542067</t>
  </si>
  <si>
    <t>VELUX Wabenpl. el. FMC UK10 1163K</t>
  </si>
  <si>
    <t>FMC UK10 1163KWL</t>
  </si>
  <si>
    <t>5702329549745</t>
  </si>
  <si>
    <t>VELUX Wabenpl. el. FMC UK10 1163KWL</t>
  </si>
  <si>
    <t>FMC UK10 1164K</t>
  </si>
  <si>
    <t>5702329542074</t>
  </si>
  <si>
    <t>VELUX Wabenpl. el. FMC UK10 1164K</t>
  </si>
  <si>
    <t>FMC UK10 1165KWL</t>
  </si>
  <si>
    <t>5702329549769</t>
  </si>
  <si>
    <t>VELUX Wabenpl. el. FMC UK10 1165KWL</t>
  </si>
  <si>
    <t>FMC UK10 1166K</t>
  </si>
  <si>
    <t>5702329542098</t>
  </si>
  <si>
    <t>VELUX Wabenpl. el. FMC UK10 1166K</t>
  </si>
  <si>
    <t>FMC UK10 1166KWL</t>
  </si>
  <si>
    <t>5702329549776</t>
  </si>
  <si>
    <t>VELUX Wabenpl. el. FMC UK10 1166KWL</t>
  </si>
  <si>
    <t>FMC UK10 1170KWL</t>
  </si>
  <si>
    <t>5702329549813</t>
  </si>
  <si>
    <t>VELUX Wabenpl. el. FMC UK10 1170KWL</t>
  </si>
  <si>
    <t>FMC UK10 1171K</t>
  </si>
  <si>
    <t>5702329542142</t>
  </si>
  <si>
    <t>VELUX Wabenpl. el. FMC UK10 1171K</t>
  </si>
  <si>
    <t>FMC UK10 1171KWL</t>
  </si>
  <si>
    <t>5702329549820</t>
  </si>
  <si>
    <t>VELUX Wabenpl. el. FMC UK10 1171KWL</t>
  </si>
  <si>
    <t>FMC UK10 1172K</t>
  </si>
  <si>
    <t>5702329542159</t>
  </si>
  <si>
    <t>VELUX Wabenpl. el. FMC UK10 1172K</t>
  </si>
  <si>
    <t>FMC UK10 1172KWL</t>
  </si>
  <si>
    <t>5702329549837</t>
  </si>
  <si>
    <t>VELUX Wabenpl. el. FMC UK10 1172KWL</t>
  </si>
  <si>
    <t>FMG 060060 1016KWL</t>
  </si>
  <si>
    <t>5702329632294</t>
  </si>
  <si>
    <t>VELUX El.-Pl.Flachd. FMG 060060 1016KWL</t>
  </si>
  <si>
    <t>FMG 060060 1259KWL</t>
  </si>
  <si>
    <t>5702329632300</t>
  </si>
  <si>
    <t>VELUX El.-Pl.Flachd. FMG 060060 1259KWL</t>
  </si>
  <si>
    <t>FMG 060090 1016KWL</t>
  </si>
  <si>
    <t>5702329632317</t>
  </si>
  <si>
    <t>VELUX El.-Pl.Flachd. FMG 060090 1016KWL</t>
  </si>
  <si>
    <t>FMG 060090 1259KWL</t>
  </si>
  <si>
    <t>5702329632324</t>
  </si>
  <si>
    <t>VELUX El.-Pl.Flachd. FMG 060090 1259KWL</t>
  </si>
  <si>
    <t>FMG 080080 1016KWL</t>
  </si>
  <si>
    <t>5702329632331</t>
  </si>
  <si>
    <t>VELUX El.-Pl.Flachd. FMG 080080 1016KWL</t>
  </si>
  <si>
    <t>FMG 080080 1259KWL</t>
  </si>
  <si>
    <t>5702329632348</t>
  </si>
  <si>
    <t>VELUX El.-Pl.Flachd. FMG 080080 1259KWL</t>
  </si>
  <si>
    <t>FMG 090090 1016KWL</t>
  </si>
  <si>
    <t>5702329632355</t>
  </si>
  <si>
    <t>VELUX El.-Pl.Flachd. FMG 090090 1016KWL</t>
  </si>
  <si>
    <t>FMG 090090 1259KWL</t>
  </si>
  <si>
    <t>5702329632362</t>
  </si>
  <si>
    <t>VELUX El.-Pl.Flachd. FMG 090090 1259KWL</t>
  </si>
  <si>
    <t>FMG 090120 1016KWL</t>
  </si>
  <si>
    <t>5702329632379</t>
  </si>
  <si>
    <t>VELUX El.-Pl.Flachd. FMG 090120 1016KWL</t>
  </si>
  <si>
    <t>FMG 090120 1259KWL</t>
  </si>
  <si>
    <t>5702329632386</t>
  </si>
  <si>
    <t>VELUX El.-Pl.Flachd. FMG 090120 1259KWL</t>
  </si>
  <si>
    <t>FMG 100100 1016KWL</t>
  </si>
  <si>
    <t>5702329632393</t>
  </si>
  <si>
    <t>VELUX El.-Pl.Flachd. FMG 100100 1016KWL</t>
  </si>
  <si>
    <t>FMG 100100 1259KWL</t>
  </si>
  <si>
    <t>5702329632409</t>
  </si>
  <si>
    <t>VELUX El.-Pl.Flachd. FMG 100100 1259KWL</t>
  </si>
  <si>
    <t>FMG 100150 1016KWL</t>
  </si>
  <si>
    <t>5702329632416</t>
  </si>
  <si>
    <t>VELUX El.-Pl.Flachd. FMG 100150 1016KWL</t>
  </si>
  <si>
    <t>FMG 100150 1259KWL</t>
  </si>
  <si>
    <t>5702329632423</t>
  </si>
  <si>
    <t>VELUX El.-Pl.Flachd. FMG 100150 1259KWL</t>
  </si>
  <si>
    <t>FMG 120120 1016KWL</t>
  </si>
  <si>
    <t>5702329632430</t>
  </si>
  <si>
    <t>VELUX El.-Pl.Flachd. FMG 120120 1016KWL</t>
  </si>
  <si>
    <t>FMG 120120 1259KWL</t>
  </si>
  <si>
    <t>5702329632447</t>
  </si>
  <si>
    <t>VELUX El.-Pl.Flachd. FMG 120120 1259KWL</t>
  </si>
  <si>
    <t>FMG 150150 1016KWL</t>
  </si>
  <si>
    <t>5702329632454</t>
  </si>
  <si>
    <t>VELUX El.-Pl.Flachd. FMG 150150 1016KWL</t>
  </si>
  <si>
    <t>FMG 150150 1259KWL</t>
  </si>
  <si>
    <t>5702329632461</t>
  </si>
  <si>
    <t>VELUX El.-Pl.Flachd. FMG 150150 1259KWL</t>
  </si>
  <si>
    <t>FMK 060060 1045KWL</t>
  </si>
  <si>
    <t>5702329632546</t>
  </si>
  <si>
    <t>VELUX El.-W.pl. Fl.d. FMK 060060 1045KWL</t>
  </si>
  <si>
    <t>FMK 060060 1047KWL</t>
  </si>
  <si>
    <t>5702329632553</t>
  </si>
  <si>
    <t>VELUX El.-W.pl. Fl.d. FMK 060060 1047KWL</t>
  </si>
  <si>
    <t>FMK 060090 1045KWL</t>
  </si>
  <si>
    <t>5702329632560</t>
  </si>
  <si>
    <t>VELUX El.-W.pl. Fl.d. FMK 060090 1045KWL</t>
  </si>
  <si>
    <t>FMK 060090 1047KWL</t>
  </si>
  <si>
    <t>5702329632577</t>
  </si>
  <si>
    <t>VELUX El.-W.pl. Fl.d. FMK 060090 1047KWL</t>
  </si>
  <si>
    <t>FMK 080080 1045KWL</t>
  </si>
  <si>
    <t>5702329632584</t>
  </si>
  <si>
    <t>VELUX El.-W.pl. Fl.d. FMK 080080 1045KWL</t>
  </si>
  <si>
    <t>FMK 080080 1047KWL</t>
  </si>
  <si>
    <t>5702329632591</t>
  </si>
  <si>
    <t>VELUX El.-W.pl. Fl.d. FMK 080080 1047KWL</t>
  </si>
  <si>
    <t>FMK 090090 1045KWL</t>
  </si>
  <si>
    <t>5702329632607</t>
  </si>
  <si>
    <t>VELUX El.-W.pl. Fl.d. FMK 090090 1045KWL</t>
  </si>
  <si>
    <t>FMK 090090 1047KWL</t>
  </si>
  <si>
    <t>5702329632614</t>
  </si>
  <si>
    <t>VELUX El.-W.pl. Fl.d. FMK 090090 1047KWL</t>
  </si>
  <si>
    <t>FMK 090120 1045KWL</t>
  </si>
  <si>
    <t>5702329632621</t>
  </si>
  <si>
    <t>VELUX El.-W.pl. Fl.d. FMK 090120 1045KWL</t>
  </si>
  <si>
    <t>FMK 090120 1047KWL</t>
  </si>
  <si>
    <t>5702329632638</t>
  </si>
  <si>
    <t>VELUX El.-W.pl. Fl.d. FMK 090120 1047KWL</t>
  </si>
  <si>
    <t>FMK 100100 1045KWL</t>
  </si>
  <si>
    <t>5702329632645</t>
  </si>
  <si>
    <t>VELUX El.-W.pl. Fl.d. FMK 100100 1045KWL</t>
  </si>
  <si>
    <t>FMK 100100 1047KWL</t>
  </si>
  <si>
    <t>5702329632652</t>
  </si>
  <si>
    <t>VELUX El.-W.pl. Fl.d. FMK 100100 1047KWL</t>
  </si>
  <si>
    <t>FMK 100150 1045KWL</t>
  </si>
  <si>
    <t>5702329632669</t>
  </si>
  <si>
    <t>VELUX El.-W.pl. Fl.d. FMK 100150 1045KWL</t>
  </si>
  <si>
    <t>FMK 100150 1047KWL</t>
  </si>
  <si>
    <t>5702329632676</t>
  </si>
  <si>
    <t>VELUX El.-W.pl. Fl.d. FMK 100150 1047KWL</t>
  </si>
  <si>
    <t>FMK 120120 1045KWL</t>
  </si>
  <si>
    <t>5702329632683</t>
  </si>
  <si>
    <t>VELUX El.-W.pl. Fl.d. FMK 120120 1045KWL</t>
  </si>
  <si>
    <t>FMK 120120 1047KWL</t>
  </si>
  <si>
    <t>5702329632690</t>
  </si>
  <si>
    <t>VELUX El.-W.pl. Fl.d. FMK 120120 1047KWL</t>
  </si>
  <si>
    <t>FMK 150150 1045KWL</t>
  </si>
  <si>
    <t>5702329632706</t>
  </si>
  <si>
    <t>VELUX El.-W.pl. Fl.d. FMK 150150 1045KWL</t>
  </si>
  <si>
    <t>FMK 150150 1047KWL</t>
  </si>
  <si>
    <t>5702329632713</t>
  </si>
  <si>
    <t>VELUX El.-W.pl. Fl.d. FMK 150150 1047KWL</t>
  </si>
  <si>
    <t>FML C02 1016K</t>
  </si>
  <si>
    <t>5702329571227</t>
  </si>
  <si>
    <t>VELUX Plissee elektro FML C02 1016K</t>
  </si>
  <si>
    <t>FML C02 1016KWL</t>
  </si>
  <si>
    <t>5702329569118</t>
  </si>
  <si>
    <t>VELUX Plissee elektro FML C02 1016KWL</t>
  </si>
  <si>
    <t>FML C02 1280K</t>
  </si>
  <si>
    <t>5702329571401</t>
  </si>
  <si>
    <t>VELUX Plissee elektro FML C02 1280K</t>
  </si>
  <si>
    <t>FML C04 1016K</t>
  </si>
  <si>
    <t>5702329571548</t>
  </si>
  <si>
    <t>VELUX Plissee elektro FML C04 1016K</t>
  </si>
  <si>
    <t>FML C04 1016KWL</t>
  </si>
  <si>
    <t>5702329569279</t>
  </si>
  <si>
    <t>VELUX Plissee elektro FML C04 1016KWL</t>
  </si>
  <si>
    <t>FML C04 1256KWL</t>
  </si>
  <si>
    <t>5702329569286</t>
  </si>
  <si>
    <t>VELUX Plissee elektro FML C04 1256KWL</t>
  </si>
  <si>
    <t>Weiß gemustert, weiße Schiene, Premium</t>
  </si>
  <si>
    <t>FML C06 1016K</t>
  </si>
  <si>
    <t>5702329571869</t>
  </si>
  <si>
    <t>VELUX Plissee elektro FML C06 1016K</t>
  </si>
  <si>
    <t>FML CK02 1016K</t>
  </si>
  <si>
    <t>5702329572668</t>
  </si>
  <si>
    <t>VELUX Plissee elektro FML CK02 1016K</t>
  </si>
  <si>
    <t>FML CK02 1016KWL</t>
  </si>
  <si>
    <t>5702329569750</t>
  </si>
  <si>
    <t>VELUX Plissee elektro FML CK02 1016KWL</t>
  </si>
  <si>
    <t>FML CK02 1256KWL</t>
  </si>
  <si>
    <t>5702329569767</t>
  </si>
  <si>
    <t>VELUX Plissee elektro FML CK02 1256KWL</t>
  </si>
  <si>
    <t>FML CK02 1259K</t>
  </si>
  <si>
    <t>5702329572729</t>
  </si>
  <si>
    <t>VELUX Plissee elektro FML CK02 1259K</t>
  </si>
  <si>
    <t>FML CK02 1259KWL</t>
  </si>
  <si>
    <t>5702329569774</t>
  </si>
  <si>
    <t>VELUX Plissee elektro FML CK02 1259KWL</t>
  </si>
  <si>
    <t>FML CK02 1274K</t>
  </si>
  <si>
    <t>5702329572750</t>
  </si>
  <si>
    <t>VELUX Plissee elektro FML CK02 1274K</t>
  </si>
  <si>
    <t>FML CK02 1274KWL</t>
  </si>
  <si>
    <t>5702329569781</t>
  </si>
  <si>
    <t>VELUX Plissee elektro FML CK02 1274KWL</t>
  </si>
  <si>
    <t>FML CK02 1275KWL</t>
  </si>
  <si>
    <t>5702329569798</t>
  </si>
  <si>
    <t>VELUX Plissee elektro FML CK02 1275KWL</t>
  </si>
  <si>
    <t>FML CK02 1276K</t>
  </si>
  <si>
    <t>5702329572811</t>
  </si>
  <si>
    <t>VELUX Plissee elektro FML CK02 1276K</t>
  </si>
  <si>
    <t>Mokka gepunktet, alu Schiene, Premium</t>
  </si>
  <si>
    <t>FML CK02 1277K</t>
  </si>
  <si>
    <t>5702329572842</t>
  </si>
  <si>
    <t>VELUX Plissee elektro FML CK02 1277K</t>
  </si>
  <si>
    <t>FML CK02 1278K</t>
  </si>
  <si>
    <t>5702329572873</t>
  </si>
  <si>
    <t>VELUX Plissee elektro FML CK02 1278K</t>
  </si>
  <si>
    <t>FML CK02 1278KWL</t>
  </si>
  <si>
    <t>5702329569828</t>
  </si>
  <si>
    <t>VELUX Plissee elektro FML CK02 1278KWL</t>
  </si>
  <si>
    <t>FML CK02 1279K</t>
  </si>
  <si>
    <t>5702329572903</t>
  </si>
  <si>
    <t>VELUX Plissee elektro FML CK02 1279K</t>
  </si>
  <si>
    <t>FML CK02 1280K</t>
  </si>
  <si>
    <t>5702329572934</t>
  </si>
  <si>
    <t>VELUX Plissee elektro FML CK02 1280K</t>
  </si>
  <si>
    <t>FML CK02 1282K</t>
  </si>
  <si>
    <t>5702329572996</t>
  </si>
  <si>
    <t>VELUX Plissee elektro FML CK02 1282K</t>
  </si>
  <si>
    <t>FML CK02 1283K</t>
  </si>
  <si>
    <t>5702329573023</t>
  </si>
  <si>
    <t>VELUX Plissee elektro FML CK02 1283K</t>
  </si>
  <si>
    <t>FML CK02 1284KWL</t>
  </si>
  <si>
    <t>5702329569880</t>
  </si>
  <si>
    <t>VELUX Plissee elektro FML CK02 1284KWL</t>
  </si>
  <si>
    <t>FML CK02 1286K</t>
  </si>
  <si>
    <t>5702329573115</t>
  </si>
  <si>
    <t>VELUX Plissee elektro FML CK02 1286K</t>
  </si>
  <si>
    <t>FML CK02 1286KWL</t>
  </si>
  <si>
    <t>5702329569903</t>
  </si>
  <si>
    <t>VELUX Plissee elektro FML CK02 1286KWL</t>
  </si>
  <si>
    <t>FML CK04 1016K</t>
  </si>
  <si>
    <t>5702329573146</t>
  </si>
  <si>
    <t>VELUX Plissee elektro FML CK04 1016K</t>
  </si>
  <si>
    <t>FML CK04 1016KWL</t>
  </si>
  <si>
    <t>5702329569910</t>
  </si>
  <si>
    <t>VELUX Plissee elektro FML CK04 1016KWL</t>
  </si>
  <si>
    <t>FML CK04 1256K</t>
  </si>
  <si>
    <t>5702329573177</t>
  </si>
  <si>
    <t>VELUX Plissee elektro FML CK04 1256K</t>
  </si>
  <si>
    <t>Weiß gemustert, alu Schiene, Premium</t>
  </si>
  <si>
    <t>FML CK04 1256KWL</t>
  </si>
  <si>
    <t>5702329569927</t>
  </si>
  <si>
    <t>VELUX Plissee elektro FML CK04 1256KWL</t>
  </si>
  <si>
    <t>FML CK04 1259K</t>
  </si>
  <si>
    <t>5702329573207</t>
  </si>
  <si>
    <t>VELUX Plissee elektro FML CK04 1259K</t>
  </si>
  <si>
    <t>FML CK04 1259KWL</t>
  </si>
  <si>
    <t>5702329569934</t>
  </si>
  <si>
    <t>VELUX Plissee elektro FML CK04 1259KWL</t>
  </si>
  <si>
    <t>FML CK04 1274K</t>
  </si>
  <si>
    <t>5702329573245</t>
  </si>
  <si>
    <t>VELUX Plissee elektro FML CK04 1274K</t>
  </si>
  <si>
    <t>FML CK04 1274KWL</t>
  </si>
  <si>
    <t>5702329569941</t>
  </si>
  <si>
    <t>VELUX Plissee elektro FML CK04 1274KWL</t>
  </si>
  <si>
    <t>FML CK04 1275K</t>
  </si>
  <si>
    <t>5702329573276</t>
  </si>
  <si>
    <t>VELUX Plissee elektro FML CK04 1275K</t>
  </si>
  <si>
    <t>FML CK04 1275KWL</t>
  </si>
  <si>
    <t>5702329569958</t>
  </si>
  <si>
    <t>VELUX Plissee elektro FML CK04 1275KWL</t>
  </si>
  <si>
    <t>FML CK04 1277KWL</t>
  </si>
  <si>
    <t>5702329569972</t>
  </si>
  <si>
    <t>VELUX Plissee elektro FML CK04 1277KWL</t>
  </si>
  <si>
    <t>FML CK04 1278K</t>
  </si>
  <si>
    <t>5702329573351</t>
  </si>
  <si>
    <t>VELUX Plissee elektro FML CK04 1278K</t>
  </si>
  <si>
    <t>FML CK04 1279KWL</t>
  </si>
  <si>
    <t>5702329569996</t>
  </si>
  <si>
    <t>VELUX Plissee elektro FML CK04 1279KWL</t>
  </si>
  <si>
    <t>FML CK04 1282K</t>
  </si>
  <si>
    <t>5702329573474</t>
  </si>
  <si>
    <t>VELUX Plissee elektro FML CK04 1282K</t>
  </si>
  <si>
    <t>FML CK04 1282KWL</t>
  </si>
  <si>
    <t>5702329570022</t>
  </si>
  <si>
    <t>VELUX Plissee elektro FML CK04 1282KWL</t>
  </si>
  <si>
    <t>FML CK04 1283K</t>
  </si>
  <si>
    <t>5702329573498</t>
  </si>
  <si>
    <t>VELUX Plissee elektro FML CK04 1283K</t>
  </si>
  <si>
    <t>FML CK04 1283KWL</t>
  </si>
  <si>
    <t>5702329570039</t>
  </si>
  <si>
    <t>VELUX Plissee elektro FML CK04 1283KWL</t>
  </si>
  <si>
    <t>FML CK04 1285K</t>
  </si>
  <si>
    <t>5702329573542</t>
  </si>
  <si>
    <t>VELUX Plissee elektro FML CK04 1285K</t>
  </si>
  <si>
    <t>FML CK04 1285KWL</t>
  </si>
  <si>
    <t>5702329570053</t>
  </si>
  <si>
    <t>VELUX Plissee elektro FML CK04 1285KWL</t>
  </si>
  <si>
    <t>FML CK04 1286K</t>
  </si>
  <si>
    <t>5702329573573</t>
  </si>
  <si>
    <t>VELUX Plissee elektro FML CK04 1286K</t>
  </si>
  <si>
    <t>FML CK04 1286KWL</t>
  </si>
  <si>
    <t>5702329570060</t>
  </si>
  <si>
    <t>VELUX Plissee elektro FML CK04 1286KWL</t>
  </si>
  <si>
    <t>FML CK06 1016K</t>
  </si>
  <si>
    <t>5702329573603</t>
  </si>
  <si>
    <t>VELUX Plissee elektro FML CK06 1016K</t>
  </si>
  <si>
    <t>FML CK06 1016KWL</t>
  </si>
  <si>
    <t>5702329570077</t>
  </si>
  <si>
    <t>VELUX Plissee elektro FML CK06 1016KWL</t>
  </si>
  <si>
    <t>FML CK06 1256KWL</t>
  </si>
  <si>
    <t>5702329570084</t>
  </si>
  <si>
    <t>VELUX Plissee elektro FML CK06 1256KWL</t>
  </si>
  <si>
    <t>FML CK06 1259K</t>
  </si>
  <si>
    <t>5702329573665</t>
  </si>
  <si>
    <t>VELUX Plissee elektro FML CK06 1259K</t>
  </si>
  <si>
    <t>FML CK06 1259KWL</t>
  </si>
  <si>
    <t>5702329570091</t>
  </si>
  <si>
    <t>VELUX Plissee elektro FML CK06 1259KWL</t>
  </si>
  <si>
    <t>FML CK06 1280KWL</t>
  </si>
  <si>
    <t>5702329570169</t>
  </si>
  <si>
    <t>VELUX Plissee elektro FML CK06 1280KWL</t>
  </si>
  <si>
    <t>FML CK06 1281K</t>
  </si>
  <si>
    <t>5702329573900</t>
  </si>
  <si>
    <t>VELUX Plissee elektro FML CK06 1281K</t>
  </si>
  <si>
    <t>FML CK06 1282K</t>
  </si>
  <si>
    <t>5702329573931</t>
  </si>
  <si>
    <t>VELUX Plissee elektro FML CK06 1282K</t>
  </si>
  <si>
    <t>FML CK06 1282KWL</t>
  </si>
  <si>
    <t>5702329570183</t>
  </si>
  <si>
    <t>VELUX Plissee elektro FML CK06 1282KWL</t>
  </si>
  <si>
    <t>FML CK06 1284K</t>
  </si>
  <si>
    <t>5702329573993</t>
  </si>
  <si>
    <t>VELUX Plissee elektro FML CK06 1284K</t>
  </si>
  <si>
    <t>FML CK06 1286K</t>
  </si>
  <si>
    <t>5702329574051</t>
  </si>
  <si>
    <t>VELUX Plissee elektro FML CK06 1286K</t>
  </si>
  <si>
    <t>FML CK06 1286KWL</t>
  </si>
  <si>
    <t>5702329570220</t>
  </si>
  <si>
    <t>VELUX Plissee elektro FML CK06 1286KWL</t>
  </si>
  <si>
    <t>FML F06 1016K</t>
  </si>
  <si>
    <t>5702329574563</t>
  </si>
  <si>
    <t>VELUX Plissee elektro FML F06 1016K</t>
  </si>
  <si>
    <t>FML F06 1016KWL</t>
  </si>
  <si>
    <t>5702329570398</t>
  </si>
  <si>
    <t>VELUX Plissee elektro FML F06 1016KWL</t>
  </si>
  <si>
    <t>FML F06 1256K</t>
  </si>
  <si>
    <t>5702329574594</t>
  </si>
  <si>
    <t>VELUX Plissee elektro FML F06 1256K</t>
  </si>
  <si>
    <t>FML F06 1259K</t>
  </si>
  <si>
    <t>5702329574624</t>
  </si>
  <si>
    <t>VELUX Plissee elektro FML F06 1259K</t>
  </si>
  <si>
    <t>FML F06 1275K</t>
  </si>
  <si>
    <t>5702329574686</t>
  </si>
  <si>
    <t>VELUX Plissee elektro FML F06 1275K</t>
  </si>
  <si>
    <t>FML F06 1278K</t>
  </si>
  <si>
    <t>5702329574778</t>
  </si>
  <si>
    <t>VELUX Plissee elektro FML F06 1278K</t>
  </si>
  <si>
    <t>FML F06 1279K</t>
  </si>
  <si>
    <t>5702329574808</t>
  </si>
  <si>
    <t>VELUX Plissee elektro FML F06 1279K</t>
  </si>
  <si>
    <t>FML F06 1286K</t>
  </si>
  <si>
    <t>5702329575003</t>
  </si>
  <si>
    <t>VELUX Plissee elektro FML F06 1286K</t>
  </si>
  <si>
    <t>FML F08 1282KWL</t>
  </si>
  <si>
    <t>5702329570664</t>
  </si>
  <si>
    <t>VELUX Plissee elektro FML F08 1282KWL</t>
  </si>
  <si>
    <t>FML FK04 1016K</t>
  </si>
  <si>
    <t>5702329575508</t>
  </si>
  <si>
    <t>VELUX Plissee elektro FML FK04 1016K</t>
  </si>
  <si>
    <t>FML FK04 1016KWL</t>
  </si>
  <si>
    <t>5702329570718</t>
  </si>
  <si>
    <t>VELUX Plissee elektro FML FK04 1016KWL</t>
  </si>
  <si>
    <t>FML FK04 1259K</t>
  </si>
  <si>
    <t>5702329575577</t>
  </si>
  <si>
    <t>VELUX Plissee elektro FML FK04 1259K</t>
  </si>
  <si>
    <t>FML FK04 1259KWL</t>
  </si>
  <si>
    <t>5702329570732</t>
  </si>
  <si>
    <t>VELUX Plissee elektro FML FK04 1259KWL</t>
  </si>
  <si>
    <t>FML FK04 1275KWL</t>
  </si>
  <si>
    <t>5702329570756</t>
  </si>
  <si>
    <t>VELUX Plissee elektro FML FK04 1275KWL</t>
  </si>
  <si>
    <t>FML FK04 1282KWL</t>
  </si>
  <si>
    <t>5702329570824</t>
  </si>
  <si>
    <t>VELUX Plissee elektro FML FK04 1282KWL</t>
  </si>
  <si>
    <t>FML FK04 1283KWL</t>
  </si>
  <si>
    <t>5702329570831</t>
  </si>
  <si>
    <t>VELUX Plissee elektro FML FK04 1283KWL</t>
  </si>
  <si>
    <t>FML FK04 1285KWL</t>
  </si>
  <si>
    <t>5702329570855</t>
  </si>
  <si>
    <t>VELUX Plissee elektro FML FK04 1285KWL</t>
  </si>
  <si>
    <t>FML FK06 1016K</t>
  </si>
  <si>
    <t>5702329575997</t>
  </si>
  <si>
    <t>VELUX Plissee elektro FML FK06 1016K</t>
  </si>
  <si>
    <t>FML FK06 1016KWL</t>
  </si>
  <si>
    <t>5702329570879</t>
  </si>
  <si>
    <t>VELUX Plissee elektro FML FK06 1016KWL</t>
  </si>
  <si>
    <t>FML FK06 1256K</t>
  </si>
  <si>
    <t>5702329576031</t>
  </si>
  <si>
    <t>VELUX Plissee elektro FML FK06 1256K</t>
  </si>
  <si>
    <t>FML FK06 1256KWL</t>
  </si>
  <si>
    <t>5702329570886</t>
  </si>
  <si>
    <t>VELUX Plissee elektro FML FK06 1256KWL</t>
  </si>
  <si>
    <t>FML FK06 1259K</t>
  </si>
  <si>
    <t>5702329576062</t>
  </si>
  <si>
    <t>VELUX Plissee elektro FML FK06 1259K</t>
  </si>
  <si>
    <t>FML FK06 1259KWL</t>
  </si>
  <si>
    <t>5702329570909</t>
  </si>
  <si>
    <t>VELUX Plissee elektro FML FK06 1259KWL</t>
  </si>
  <si>
    <t>FML FK06 1274K</t>
  </si>
  <si>
    <t>5702329576093</t>
  </si>
  <si>
    <t>VELUX Plissee elektro FML FK06 1274K</t>
  </si>
  <si>
    <t>FML FK06 1274KWL</t>
  </si>
  <si>
    <t>5702329570923</t>
  </si>
  <si>
    <t>VELUX Plissee elektro FML FK06 1274KWL</t>
  </si>
  <si>
    <t>FML FK06 1275K</t>
  </si>
  <si>
    <t>5702329576123</t>
  </si>
  <si>
    <t>VELUX Plissee elektro FML FK06 1275K</t>
  </si>
  <si>
    <t>FML FK06 1275KWL</t>
  </si>
  <si>
    <t>5702329570930</t>
  </si>
  <si>
    <t>VELUX Plissee elektro FML FK06 1275KWL</t>
  </si>
  <si>
    <t>FML FK06 1278K</t>
  </si>
  <si>
    <t>5702329576215</t>
  </si>
  <si>
    <t>VELUX Plissee elektro FML FK06 1278K</t>
  </si>
  <si>
    <t>FML FK06 1278KWL</t>
  </si>
  <si>
    <t>5702329570992</t>
  </si>
  <si>
    <t>VELUX Plissee elektro FML FK06 1278KWL</t>
  </si>
  <si>
    <t>FML FK06 1282K</t>
  </si>
  <si>
    <t>5702329576338</t>
  </si>
  <si>
    <t>VELUX Plissee elektro FML FK06 1282K</t>
  </si>
  <si>
    <t>FML FK06 1282KWL</t>
  </si>
  <si>
    <t>5702329571074</t>
  </si>
  <si>
    <t>VELUX Plissee elektro FML FK06 1282KWL</t>
  </si>
  <si>
    <t>FML FK06 1283K</t>
  </si>
  <si>
    <t>5702329576369</t>
  </si>
  <si>
    <t>VELUX Plissee elektro FML FK06 1283K</t>
  </si>
  <si>
    <t>FML FK06 1283KWL</t>
  </si>
  <si>
    <t>5702329571098</t>
  </si>
  <si>
    <t>VELUX Plissee elektro FML FK06 1283KWL</t>
  </si>
  <si>
    <t>FML FK06 1284KWL</t>
  </si>
  <si>
    <t>5702329571111</t>
  </si>
  <si>
    <t>VELUX Plissee elektro FML FK06 1284KWL</t>
  </si>
  <si>
    <t>FML FK06 1286KWL</t>
  </si>
  <si>
    <t>5702329571159</t>
  </si>
  <si>
    <t>VELUX Plissee elektro FML FK06 1286KWL</t>
  </si>
  <si>
    <t>FML FK08 1016K</t>
  </si>
  <si>
    <t>5702329576475</t>
  </si>
  <si>
    <t>VELUX Plissee elektro FML FK08 1016K</t>
  </si>
  <si>
    <t>FML FK08 1016KWL</t>
  </si>
  <si>
    <t>5702329571173</t>
  </si>
  <si>
    <t>VELUX Plissee elektro FML FK08 1016KWL</t>
  </si>
  <si>
    <t>FML FK08 1256KWL</t>
  </si>
  <si>
    <t>5702329571197</t>
  </si>
  <si>
    <t>VELUX Plissee elektro FML FK08 1256KWL</t>
  </si>
  <si>
    <t>FML FK08 1259K</t>
  </si>
  <si>
    <t>5702329576536</t>
  </si>
  <si>
    <t>VELUX Plissee elektro FML FK08 1259K</t>
  </si>
  <si>
    <t>FML FK08 1259KWL</t>
  </si>
  <si>
    <t>5702329571210</t>
  </si>
  <si>
    <t>VELUX Plissee elektro FML FK08 1259KWL</t>
  </si>
  <si>
    <t>FML FK08 1274K</t>
  </si>
  <si>
    <t>5702329576567</t>
  </si>
  <si>
    <t>VELUX Plissee elektro FML FK08 1274K</t>
  </si>
  <si>
    <t>FML FK08 1275KWL</t>
  </si>
  <si>
    <t>5702329571258</t>
  </si>
  <si>
    <t>VELUX Plissee elektro FML FK08 1275KWL</t>
  </si>
  <si>
    <t>FML FK08 1276K</t>
  </si>
  <si>
    <t>5702329576628</t>
  </si>
  <si>
    <t>VELUX Plissee elektro FML FK08 1276K</t>
  </si>
  <si>
    <t>FML FK08 1278K</t>
  </si>
  <si>
    <t>5702329576680</t>
  </si>
  <si>
    <t>VELUX Plissee elektro FML FK08 1278K</t>
  </si>
  <si>
    <t>FML FK08 1281K</t>
  </si>
  <si>
    <t>5702329576772</t>
  </si>
  <si>
    <t>VELUX Plissee elektro FML FK08 1281K</t>
  </si>
  <si>
    <t>FML FK08 1282K</t>
  </si>
  <si>
    <t>5702329576802</t>
  </si>
  <si>
    <t>VELUX Plissee elektro FML FK08 1282K</t>
  </si>
  <si>
    <t>FML FK08 1282KWL</t>
  </si>
  <si>
    <t>5702329571395</t>
  </si>
  <si>
    <t>VELUX Plissee elektro FML FK08 1282KWL</t>
  </si>
  <si>
    <t>FML FK08 1284KWL</t>
  </si>
  <si>
    <t>5702329571432</t>
  </si>
  <si>
    <t>VELUX Plissee elektro FML FK08 1284KWL</t>
  </si>
  <si>
    <t>FML FK08 1285KWL</t>
  </si>
  <si>
    <t>5702329571456</t>
  </si>
  <si>
    <t>VELUX Plissee elektro FML FK08 1285KWL</t>
  </si>
  <si>
    <t>FML M04 1016K</t>
  </si>
  <si>
    <t>5702329576956</t>
  </si>
  <si>
    <t>VELUX Plissee elektro FML M04 1016K</t>
  </si>
  <si>
    <t>FML M04 1016KWL</t>
  </si>
  <si>
    <t>5702329571494</t>
  </si>
  <si>
    <t>VELUX Plissee elektro FML M04 1016KWL</t>
  </si>
  <si>
    <t>FML M04 1256K</t>
  </si>
  <si>
    <t>5702329576987</t>
  </si>
  <si>
    <t>VELUX Plissee elektro FML M04 1256K</t>
  </si>
  <si>
    <t>FML M04 1259K</t>
  </si>
  <si>
    <t>5702329577014</t>
  </si>
  <si>
    <t>VELUX Plissee elektro FML M04 1259K</t>
  </si>
  <si>
    <t>FML M04 1259KWL</t>
  </si>
  <si>
    <t>5702329571531</t>
  </si>
  <si>
    <t>VELUX Plissee elektro FML M04 1259KWL</t>
  </si>
  <si>
    <t>FML M04 1275KWL</t>
  </si>
  <si>
    <t>5702329571579</t>
  </si>
  <si>
    <t>VELUX Plissee elektro FML M04 1275KWL</t>
  </si>
  <si>
    <t>FML M04 1277K</t>
  </si>
  <si>
    <t>5702329577137</t>
  </si>
  <si>
    <t>VELUX Plissee elektro FML M04 1277K</t>
  </si>
  <si>
    <t>FML M04 1278K</t>
  </si>
  <si>
    <t>5702329577168</t>
  </si>
  <si>
    <t>VELUX Plissee elektro FML M04 1278K</t>
  </si>
  <si>
    <t>FML M04 1278KWL</t>
  </si>
  <si>
    <t>5702329571630</t>
  </si>
  <si>
    <t>VELUX Plissee elektro FML M04 1278KWL</t>
  </si>
  <si>
    <t>FML M04 1279KWL</t>
  </si>
  <si>
    <t>5702329571654</t>
  </si>
  <si>
    <t>VELUX Plissee elektro FML M04 1279KWL</t>
  </si>
  <si>
    <t>FML M04 1284K</t>
  </si>
  <si>
    <t>5702329577342</t>
  </si>
  <si>
    <t>VELUX Plissee elektro FML M04 1284K</t>
  </si>
  <si>
    <t>FML M04 1286K</t>
  </si>
  <si>
    <t>5702329577403</t>
  </si>
  <si>
    <t>VELUX Plissee elektro FML M04 1286K</t>
  </si>
  <si>
    <t>FML M06 1016K</t>
  </si>
  <si>
    <t>5702329577434</t>
  </si>
  <si>
    <t>VELUX Plissee elektro FML M06 1016K</t>
  </si>
  <si>
    <t>FML M06 1016KWL</t>
  </si>
  <si>
    <t>5702329571814</t>
  </si>
  <si>
    <t>VELUX Plissee elektro FML M06 1016KWL</t>
  </si>
  <si>
    <t>FML M06 1259K</t>
  </si>
  <si>
    <t>5702329577496</t>
  </si>
  <si>
    <t>VELUX Plissee elektro FML M06 1259K</t>
  </si>
  <si>
    <t>FML M06 1278K</t>
  </si>
  <si>
    <t>5702329577632</t>
  </si>
  <si>
    <t>VELUX Plissee elektro FML M06 1278K</t>
  </si>
  <si>
    <t>FML M06 1281KWL</t>
  </si>
  <si>
    <t>5702329572019</t>
  </si>
  <si>
    <t>VELUX Plissee elektro FML M06 1281KWL</t>
  </si>
  <si>
    <t>FML M06 1282K</t>
  </si>
  <si>
    <t>5702329577755</t>
  </si>
  <si>
    <t>VELUX Plissee elektro FML M06 1282K</t>
  </si>
  <si>
    <t>FML M06 1284K</t>
  </si>
  <si>
    <t>5702329577823</t>
  </si>
  <si>
    <t>VELUX Plissee elektro FML M06 1284K</t>
  </si>
  <si>
    <t>FML M08 1016K</t>
  </si>
  <si>
    <t>5702329577915</t>
  </si>
  <si>
    <t>VELUX Plissee elektro FML M08 1016K</t>
  </si>
  <si>
    <t>FML M08 1016KWL</t>
  </si>
  <si>
    <t>5702329572132</t>
  </si>
  <si>
    <t>VELUX Plissee elektro FML M08 1016KWL</t>
  </si>
  <si>
    <t>FML M08 1256K</t>
  </si>
  <si>
    <t>5702329577946</t>
  </si>
  <si>
    <t>VELUX Plissee elektro FML M08 1256K</t>
  </si>
  <si>
    <t>FML M08 1259K</t>
  </si>
  <si>
    <t>5702329577977</t>
  </si>
  <si>
    <t>VELUX Plissee elektro FML M08 1259K</t>
  </si>
  <si>
    <t>FML M08 1274K</t>
  </si>
  <si>
    <t>5702329578004</t>
  </si>
  <si>
    <t>VELUX Plissee elektro FML M08 1274K</t>
  </si>
  <si>
    <t>FML M08 1274KWL</t>
  </si>
  <si>
    <t>5702329572217</t>
  </si>
  <si>
    <t>VELUX Plissee elektro FML M08 1274KWL</t>
  </si>
  <si>
    <t>FML M08 1275K</t>
  </si>
  <si>
    <t>5702329578035</t>
  </si>
  <si>
    <t>VELUX Plissee elektro FML M08 1275K</t>
  </si>
  <si>
    <t>FML M08 1275KWL</t>
  </si>
  <si>
    <t>5702329572248</t>
  </si>
  <si>
    <t>VELUX Plissee elektro FML M08 1275KWL</t>
  </si>
  <si>
    <t>FML M08 1276K</t>
  </si>
  <si>
    <t>5702329578066</t>
  </si>
  <si>
    <t>VELUX Plissee elektro FML M08 1276K</t>
  </si>
  <si>
    <t>FML M08 1278K</t>
  </si>
  <si>
    <t>5702329578127</t>
  </si>
  <si>
    <t>VELUX Plissee elektro FML M08 1278K</t>
  </si>
  <si>
    <t>FML M08 1278KWL</t>
  </si>
  <si>
    <t>5702329572330</t>
  </si>
  <si>
    <t>VELUX Plissee elektro FML M08 1278KWL</t>
  </si>
  <si>
    <t>FML M08 1281K</t>
  </si>
  <si>
    <t>5702329578219</t>
  </si>
  <si>
    <t>VELUX Plissee elektro FML M08 1281K</t>
  </si>
  <si>
    <t>FML M08 1282KWL</t>
  </si>
  <si>
    <t>5702329572446</t>
  </si>
  <si>
    <t>VELUX Plissee elektro FML M08 1282KWL</t>
  </si>
  <si>
    <t>FML M08 1283K</t>
  </si>
  <si>
    <t>5702329578271</t>
  </si>
  <si>
    <t>VELUX Plissee elektro FML M08 1283K</t>
  </si>
  <si>
    <t>FML M10 1016KWL</t>
  </si>
  <si>
    <t>5702329572590</t>
  </si>
  <si>
    <t>VELUX Plissee elektro FML M10 1016KWL</t>
  </si>
  <si>
    <t>FML M10 1256K</t>
  </si>
  <si>
    <t>5702329578424</t>
  </si>
  <si>
    <t>VELUX Plissee elektro FML M10 1256K</t>
  </si>
  <si>
    <t>FML M10 1256KWL</t>
  </si>
  <si>
    <t>5702329572620</t>
  </si>
  <si>
    <t>VELUX Plissee elektro FML M10 1256KWL</t>
  </si>
  <si>
    <t>FML M10 1259K</t>
  </si>
  <si>
    <t>5702329578455</t>
  </si>
  <si>
    <t>VELUX Plissee elektro FML M10 1259K</t>
  </si>
  <si>
    <t>FML M10 1274KWL</t>
  </si>
  <si>
    <t>5702329572682</t>
  </si>
  <si>
    <t>VELUX Plissee elektro FML M10 1274KWL</t>
  </si>
  <si>
    <t>FML MK04 1016K</t>
  </si>
  <si>
    <t>5702329579353</t>
  </si>
  <si>
    <t>VELUX Plissee elektro FML MK04 1016K</t>
  </si>
  <si>
    <t>FML MK04 1016KWL</t>
  </si>
  <si>
    <t>5702329573559</t>
  </si>
  <si>
    <t>VELUX Plissee elektro FML MK04 1016KWL</t>
  </si>
  <si>
    <t>FML MK04 1256K</t>
  </si>
  <si>
    <t>5702329579384</t>
  </si>
  <si>
    <t>VELUX Plissee elektro FML MK04 1256K</t>
  </si>
  <si>
    <t>FML MK04 1256KWL</t>
  </si>
  <si>
    <t>5702329573580</t>
  </si>
  <si>
    <t>VELUX Plissee elektro FML MK04 1256KWL</t>
  </si>
  <si>
    <t>FML MK04 1259K</t>
  </si>
  <si>
    <t>5702329579421</t>
  </si>
  <si>
    <t>VELUX Plissee elektro FML MK04 1259K</t>
  </si>
  <si>
    <t>FML MK04 1259KWL</t>
  </si>
  <si>
    <t>5702329573610</t>
  </si>
  <si>
    <t>VELUX Plissee elektro FML MK04 1259KWL</t>
  </si>
  <si>
    <t>FML MK04 1274K</t>
  </si>
  <si>
    <t>5702329579445</t>
  </si>
  <si>
    <t>VELUX Plissee elektro FML MK04 1274K</t>
  </si>
  <si>
    <t>FML MK04 1274KWL</t>
  </si>
  <si>
    <t>5702329573658</t>
  </si>
  <si>
    <t>VELUX Plissee elektro FML MK04 1274KWL</t>
  </si>
  <si>
    <t>FML MK04 1275K</t>
  </si>
  <si>
    <t>5702329579469</t>
  </si>
  <si>
    <t>VELUX Plissee elektro FML MK04 1275K</t>
  </si>
  <si>
    <t>FML MK04 1275KWL</t>
  </si>
  <si>
    <t>5702329573689</t>
  </si>
  <si>
    <t>VELUX Plissee elektro FML MK04 1275KWL</t>
  </si>
  <si>
    <t>FML MK04 1276K</t>
  </si>
  <si>
    <t>5702329579483</t>
  </si>
  <si>
    <t>VELUX Plissee elektro FML MK04 1276K</t>
  </si>
  <si>
    <t>FML MK04 1277K</t>
  </si>
  <si>
    <t>5702329579513</t>
  </si>
  <si>
    <t>VELUX Plissee elektro FML MK04 1277K</t>
  </si>
  <si>
    <t>FML MK04 1278K</t>
  </si>
  <si>
    <t>5702329579544</t>
  </si>
  <si>
    <t>VELUX Plissee elektro FML MK04 1278K</t>
  </si>
  <si>
    <t>FML MK04 1278KWL</t>
  </si>
  <si>
    <t>5702329573771</t>
  </si>
  <si>
    <t>VELUX Plissee elektro FML MK04 1278KWL</t>
  </si>
  <si>
    <t>FML MK04 1279KWL</t>
  </si>
  <si>
    <t>5702329573795</t>
  </si>
  <si>
    <t>VELUX Plissee elektro FML MK04 1279KWL</t>
  </si>
  <si>
    <t>FML MK04 1280KWL</t>
  </si>
  <si>
    <t>5702329573825</t>
  </si>
  <si>
    <t>VELUX Plissee elektro FML MK04 1280KWL</t>
  </si>
  <si>
    <t>FML MK04 1281K</t>
  </si>
  <si>
    <t>5702329579643</t>
  </si>
  <si>
    <t>VELUX Plissee elektro FML MK04 1281K</t>
  </si>
  <si>
    <t>FML MK04 1281KWL</t>
  </si>
  <si>
    <t>5702329573856</t>
  </si>
  <si>
    <t>VELUX Plissee elektro FML MK04 1281KWL</t>
  </si>
  <si>
    <t>FML MK04 1282K</t>
  </si>
  <si>
    <t>5702329579674</t>
  </si>
  <si>
    <t>VELUX Plissee elektro FML MK04 1282K</t>
  </si>
  <si>
    <t>FML MK04 1282KWL</t>
  </si>
  <si>
    <t>5702329573887</t>
  </si>
  <si>
    <t>VELUX Plissee elektro FML MK04 1282KWL</t>
  </si>
  <si>
    <t>FML MK04 1283K</t>
  </si>
  <si>
    <t>5702329579704</t>
  </si>
  <si>
    <t>VELUX Plissee elektro FML MK04 1283K</t>
  </si>
  <si>
    <t>FML MK04 1283KWL</t>
  </si>
  <si>
    <t>5702329573917</t>
  </si>
  <si>
    <t>VELUX Plissee elektro FML MK04 1283KWL</t>
  </si>
  <si>
    <t>FML MK04 1284K</t>
  </si>
  <si>
    <t>5702329579735</t>
  </si>
  <si>
    <t>VELUX Plissee elektro FML MK04 1284K</t>
  </si>
  <si>
    <t>FML MK04 1284KWL</t>
  </si>
  <si>
    <t>5702329573948</t>
  </si>
  <si>
    <t>VELUX Plissee elektro FML MK04 1284KWL</t>
  </si>
  <si>
    <t>FML MK04 1285K</t>
  </si>
  <si>
    <t>5702329579766</t>
  </si>
  <si>
    <t>VELUX Plissee elektro FML MK04 1285K</t>
  </si>
  <si>
    <t>FML MK04 1285KWL</t>
  </si>
  <si>
    <t>5702329573979</t>
  </si>
  <si>
    <t>VELUX Plissee elektro FML MK04 1285KWL</t>
  </si>
  <si>
    <t>FML MK04 1286K</t>
  </si>
  <si>
    <t>5702329579797</t>
  </si>
  <si>
    <t>VELUX Plissee elektro FML MK04 1286K</t>
  </si>
  <si>
    <t>FML MK04 1286KWL</t>
  </si>
  <si>
    <t>5702329574006</t>
  </si>
  <si>
    <t>VELUX Plissee elektro FML MK04 1286KWL</t>
  </si>
  <si>
    <t>FML MK06 1016K</t>
  </si>
  <si>
    <t>5702329579827</t>
  </si>
  <si>
    <t>VELUX Plissee elektro FML MK06 1016K</t>
  </si>
  <si>
    <t>FML MK06 1016KWL</t>
  </si>
  <si>
    <t>5702329574037</t>
  </si>
  <si>
    <t>VELUX Plissee elektro FML MK06 1016KWL</t>
  </si>
  <si>
    <t>FML MK06 1256K</t>
  </si>
  <si>
    <t>5702329579858</t>
  </si>
  <si>
    <t>VELUX Plissee elektro FML MK06 1256K</t>
  </si>
  <si>
    <t>FML MK06 1256KWL</t>
  </si>
  <si>
    <t>5702329574075</t>
  </si>
  <si>
    <t>VELUX Plissee elektro FML MK06 1256KWL</t>
  </si>
  <si>
    <t>FML MK06 1259K</t>
  </si>
  <si>
    <t>5702329579889</t>
  </si>
  <si>
    <t>VELUX Plissee elektro FML MK06 1259K</t>
  </si>
  <si>
    <t>FML MK06 1259KWL</t>
  </si>
  <si>
    <t>5702329574099</t>
  </si>
  <si>
    <t>VELUX Plissee elektro FML MK06 1259KWL</t>
  </si>
  <si>
    <t>FML MK06 1274K</t>
  </si>
  <si>
    <t>5702329579919</t>
  </si>
  <si>
    <t>VELUX Plissee elektro FML MK06 1274K</t>
  </si>
  <si>
    <t>FML MK06 1274KWL</t>
  </si>
  <si>
    <t>5702329574129</t>
  </si>
  <si>
    <t>VELUX Plissee elektro FML MK06 1274KWL</t>
  </si>
  <si>
    <t>FML MK06 1275K</t>
  </si>
  <si>
    <t>5702329579940</t>
  </si>
  <si>
    <t>VELUX Plissee elektro FML MK06 1275K</t>
  </si>
  <si>
    <t>FML MK06 1275KWL</t>
  </si>
  <si>
    <t>5702329574143</t>
  </si>
  <si>
    <t>VELUX Plissee elektro FML MK06 1275KWL</t>
  </si>
  <si>
    <t>FML MK06 1276KWL</t>
  </si>
  <si>
    <t>5702329574174</t>
  </si>
  <si>
    <t>VELUX Plissee elektro FML MK06 1276KWL</t>
  </si>
  <si>
    <t>Mokka gepunktet, weiße Schiene, Premium</t>
  </si>
  <si>
    <t>FML MK06 1278K</t>
  </si>
  <si>
    <t>5702329580038</t>
  </si>
  <si>
    <t>VELUX Plissee elektro FML MK06 1278K</t>
  </si>
  <si>
    <t>FML MK06 1278KWL</t>
  </si>
  <si>
    <t>5702329574235</t>
  </si>
  <si>
    <t>VELUX Plissee elektro FML MK06 1278KWL</t>
  </si>
  <si>
    <t>FML MK06 1279KWL</t>
  </si>
  <si>
    <t>5702329574266</t>
  </si>
  <si>
    <t>VELUX Plissee elektro FML MK06 1279KWL</t>
  </si>
  <si>
    <t>FML MK06 1280K</t>
  </si>
  <si>
    <t>5702329580106</t>
  </si>
  <si>
    <t>VELUX Plissee elektro FML MK06 1280K</t>
  </si>
  <si>
    <t>FML MK06 1280KWL</t>
  </si>
  <si>
    <t>5702329574297</t>
  </si>
  <si>
    <t>VELUX Plissee elektro FML MK06 1280KWL</t>
  </si>
  <si>
    <t>FML MK06 1281K</t>
  </si>
  <si>
    <t>5702329580137</t>
  </si>
  <si>
    <t>VELUX Plissee elektro FML MK06 1281K</t>
  </si>
  <si>
    <t>FML MK06 1281KWL</t>
  </si>
  <si>
    <t>5702329574327</t>
  </si>
  <si>
    <t>VELUX Plissee elektro FML MK06 1281KWL</t>
  </si>
  <si>
    <t>FML MK06 1282K</t>
  </si>
  <si>
    <t>5702329580168</t>
  </si>
  <si>
    <t>VELUX Plissee elektro FML MK06 1282K</t>
  </si>
  <si>
    <t>FML MK06 1282KWL</t>
  </si>
  <si>
    <t>5702329574358</t>
  </si>
  <si>
    <t>VELUX Plissee elektro FML MK06 1282KWL</t>
  </si>
  <si>
    <t>FML MK06 1283K</t>
  </si>
  <si>
    <t>5702329580205</t>
  </si>
  <si>
    <t>VELUX Plissee elektro FML MK06 1283K</t>
  </si>
  <si>
    <t>FML MK06 1283KWL</t>
  </si>
  <si>
    <t>5702329574389</t>
  </si>
  <si>
    <t>VELUX Plissee elektro FML MK06 1283KWL</t>
  </si>
  <si>
    <t>FML MK06 1284K</t>
  </si>
  <si>
    <t>5702329580236</t>
  </si>
  <si>
    <t>VELUX Plissee elektro FML MK06 1284K</t>
  </si>
  <si>
    <t>FML MK06 1284KWL</t>
  </si>
  <si>
    <t>5702329574402</t>
  </si>
  <si>
    <t>VELUX Plissee elektro FML MK06 1284KWL</t>
  </si>
  <si>
    <t>FML MK06 1285K</t>
  </si>
  <si>
    <t>5702329580267</t>
  </si>
  <si>
    <t>VELUX Plissee elektro FML MK06 1285K</t>
  </si>
  <si>
    <t>FML MK06 1285KWL</t>
  </si>
  <si>
    <t>5702329574433</t>
  </si>
  <si>
    <t>VELUX Plissee elektro FML MK06 1285KWL</t>
  </si>
  <si>
    <t>FML MK06 1286K</t>
  </si>
  <si>
    <t>5702329580298</t>
  </si>
  <si>
    <t>VELUX Plissee elektro FML MK06 1286K</t>
  </si>
  <si>
    <t>FML MK06 1286KWL</t>
  </si>
  <si>
    <t>5702329574464</t>
  </si>
  <si>
    <t>VELUX Plissee elektro FML MK06 1286KWL</t>
  </si>
  <si>
    <t>FML MK08 1016K</t>
  </si>
  <si>
    <t>5702329580328</t>
  </si>
  <si>
    <t>VELUX Plissee elektro FML MK08 1016K</t>
  </si>
  <si>
    <t>FML MK08 1016KWL</t>
  </si>
  <si>
    <t>5702329574495</t>
  </si>
  <si>
    <t>VELUX Plissee elektro FML MK08 1016KWL</t>
  </si>
  <si>
    <t>FML MK08 1256K</t>
  </si>
  <si>
    <t>5702329580359</t>
  </si>
  <si>
    <t>VELUX Plissee elektro FML MK08 1256K</t>
  </si>
  <si>
    <t>FML MK08 1256KWL</t>
  </si>
  <si>
    <t>5702329574525</t>
  </si>
  <si>
    <t>VELUX Plissee elektro FML MK08 1256KWL</t>
  </si>
  <si>
    <t>FML MK08 1259K</t>
  </si>
  <si>
    <t>5702329580380</t>
  </si>
  <si>
    <t>VELUX Plissee elektro FML MK08 1259K</t>
  </si>
  <si>
    <t>FML MK08 1259KWL</t>
  </si>
  <si>
    <t>5702329574556</t>
  </si>
  <si>
    <t>VELUX Plissee elektro FML MK08 1259KWL</t>
  </si>
  <si>
    <t>FML MK08 1274K</t>
  </si>
  <si>
    <t>5702329580410</t>
  </si>
  <si>
    <t>VELUX Plissee elektro FML MK08 1274K</t>
  </si>
  <si>
    <t>FML MK08 1274KWL</t>
  </si>
  <si>
    <t>5702329574587</t>
  </si>
  <si>
    <t>VELUX Plissee elektro FML MK08 1274KWL</t>
  </si>
  <si>
    <t>FML MK08 1275KWL</t>
  </si>
  <si>
    <t>5702329574617</t>
  </si>
  <si>
    <t>VELUX Plissee elektro FML MK08 1275KWL</t>
  </si>
  <si>
    <t>FML MK08 1276KWL</t>
  </si>
  <si>
    <t>5702329574648</t>
  </si>
  <si>
    <t>VELUX Plissee elektro FML MK08 1276KWL</t>
  </si>
  <si>
    <t>FML MK08 1277K</t>
  </si>
  <si>
    <t>5702329580502</t>
  </si>
  <si>
    <t>VELUX Plissee elektro FML MK08 1277K</t>
  </si>
  <si>
    <t>FML MK08 1277KWL</t>
  </si>
  <si>
    <t>5702329574679</t>
  </si>
  <si>
    <t>VELUX Plissee elektro FML MK08 1277KWL</t>
  </si>
  <si>
    <t>FML MK08 1278K</t>
  </si>
  <si>
    <t>5702329580533</t>
  </si>
  <si>
    <t>VELUX Plissee elektro FML MK08 1278K</t>
  </si>
  <si>
    <t>FML MK08 1278KWL</t>
  </si>
  <si>
    <t>5702329574709</t>
  </si>
  <si>
    <t>VELUX Plissee elektro FML MK08 1278KWL</t>
  </si>
  <si>
    <t>FML MK08 1279KWL</t>
  </si>
  <si>
    <t>5702329574723</t>
  </si>
  <si>
    <t>VELUX Plissee elektro FML MK08 1279KWL</t>
  </si>
  <si>
    <t>FML MK08 1280KWL</t>
  </si>
  <si>
    <t>5702329574754</t>
  </si>
  <si>
    <t>VELUX Plissee elektro FML MK08 1280KWL</t>
  </si>
  <si>
    <t>FML MK08 1281KWL</t>
  </si>
  <si>
    <t>5702329574785</t>
  </si>
  <si>
    <t>VELUX Plissee elektro FML MK08 1281KWL</t>
  </si>
  <si>
    <t>FML MK08 1282K</t>
  </si>
  <si>
    <t>5702329580656</t>
  </si>
  <si>
    <t>VELUX Plissee elektro FML MK08 1282K</t>
  </si>
  <si>
    <t>FML MK08 1282KWL</t>
  </si>
  <si>
    <t>5702329574815</t>
  </si>
  <si>
    <t>VELUX Plissee elektro FML MK08 1282KWL</t>
  </si>
  <si>
    <t>FML MK08 1283K</t>
  </si>
  <si>
    <t>5702329580687</t>
  </si>
  <si>
    <t>VELUX Plissee elektro FML MK08 1283K</t>
  </si>
  <si>
    <t>FML MK08 1283KWL</t>
  </si>
  <si>
    <t>5702329574846</t>
  </si>
  <si>
    <t>VELUX Plissee elektro FML MK08 1283KWL</t>
  </si>
  <si>
    <t>FML MK08 1284KWL</t>
  </si>
  <si>
    <t>5702329574877</t>
  </si>
  <si>
    <t>VELUX Plissee elektro FML MK08 1284KWL</t>
  </si>
  <si>
    <t>FML MK08 1285KWL</t>
  </si>
  <si>
    <t>5702329574891</t>
  </si>
  <si>
    <t>VELUX Plissee elektro FML MK08 1285KWL</t>
  </si>
  <si>
    <t>FML MK08 1286K</t>
  </si>
  <si>
    <t>5702329580779</t>
  </si>
  <si>
    <t>VELUX Plissee elektro FML MK08 1286K</t>
  </si>
  <si>
    <t>FML MK08 1286KWL</t>
  </si>
  <si>
    <t>5702329574921</t>
  </si>
  <si>
    <t>VELUX Plissee elektro FML MK08 1286KWL</t>
  </si>
  <si>
    <t>FML MK10 1016K</t>
  </si>
  <si>
    <t>5702329580809</t>
  </si>
  <si>
    <t>VELUX Plissee elektro FML MK10 1016K</t>
  </si>
  <si>
    <t>FML MK10 1016KWL</t>
  </si>
  <si>
    <t>5702329574969</t>
  </si>
  <si>
    <t>VELUX Plissee elektro FML MK10 1016KWL</t>
  </si>
  <si>
    <t>FML MK10 1256KWL</t>
  </si>
  <si>
    <t>5702329574990</t>
  </si>
  <si>
    <t>VELUX Plissee elektro FML MK10 1256KWL</t>
  </si>
  <si>
    <t>FML MK10 1259K</t>
  </si>
  <si>
    <t>5702329580861</t>
  </si>
  <si>
    <t>VELUX Plissee elektro FML MK10 1259K</t>
  </si>
  <si>
    <t>FML MK10 1259KWL</t>
  </si>
  <si>
    <t>5702329575027</t>
  </si>
  <si>
    <t>VELUX Plissee elektro FML MK10 1259KWL</t>
  </si>
  <si>
    <t>FML MK10 1274K</t>
  </si>
  <si>
    <t>5702329580892</t>
  </si>
  <si>
    <t>VELUX Plissee elektro FML MK10 1274K</t>
  </si>
  <si>
    <t>FML MK10 1275K</t>
  </si>
  <si>
    <t>5702329580922</t>
  </si>
  <si>
    <t>VELUX Plissee elektro FML MK10 1275K</t>
  </si>
  <si>
    <t>FML MK10 1275KWL</t>
  </si>
  <si>
    <t>5702329575072</t>
  </si>
  <si>
    <t>VELUX Plissee elektro FML MK10 1275KWL</t>
  </si>
  <si>
    <t>FML MK10 1277KWL</t>
  </si>
  <si>
    <t>5702329575133</t>
  </si>
  <si>
    <t>VELUX Plissee elektro FML MK10 1277KWL</t>
  </si>
  <si>
    <t>FML MK10 1278KWL</t>
  </si>
  <si>
    <t>5702329575164</t>
  </si>
  <si>
    <t>VELUX Plissee elektro FML MK10 1278KWL</t>
  </si>
  <si>
    <t>FML MK10 1279KWL</t>
  </si>
  <si>
    <t>5702329575195</t>
  </si>
  <si>
    <t>VELUX Plissee elektro FML MK10 1279KWL</t>
  </si>
  <si>
    <t>FML MK10 1282K</t>
  </si>
  <si>
    <t>5702329581134</t>
  </si>
  <si>
    <t>VELUX Plissee elektro FML MK10 1282K</t>
  </si>
  <si>
    <t>FML MK10 1282KWL</t>
  </si>
  <si>
    <t>5702329575287</t>
  </si>
  <si>
    <t>VELUX Plissee elektro FML MK10 1282KWL</t>
  </si>
  <si>
    <t>FML MK10 1283KWL</t>
  </si>
  <si>
    <t>5702329575317</t>
  </si>
  <si>
    <t>VELUX Plissee elektro FML MK10 1283KWL</t>
  </si>
  <si>
    <t>FML MK10 1284K</t>
  </si>
  <si>
    <t>5702329581196</t>
  </si>
  <si>
    <t>VELUX Plissee elektro FML MK10 1284K</t>
  </si>
  <si>
    <t>FML MK10 1284KWL</t>
  </si>
  <si>
    <t>5702329575348</t>
  </si>
  <si>
    <t>VELUX Plissee elektro FML MK10 1284KWL</t>
  </si>
  <si>
    <t>FML MK12 1016K</t>
  </si>
  <si>
    <t>5702329581288</t>
  </si>
  <si>
    <t>VELUX Plissee elektro FML MK12 1016K</t>
  </si>
  <si>
    <t>FML MK12 1016KWL</t>
  </si>
  <si>
    <t>5702329575430</t>
  </si>
  <si>
    <t>VELUX Plissee elektro FML MK12 1016KWL</t>
  </si>
  <si>
    <t>FML MK12 1256KWL</t>
  </si>
  <si>
    <t>5702329575461</t>
  </si>
  <si>
    <t>VELUX Plissee elektro FML MK12 1256KWL</t>
  </si>
  <si>
    <t>FML MK12 1259KWL</t>
  </si>
  <si>
    <t>5702329575485</t>
  </si>
  <si>
    <t>VELUX Plissee elektro FML MK12 1259KWL</t>
  </si>
  <si>
    <t>FML MK12 1285KWL</t>
  </si>
  <si>
    <t>5702329575829</t>
  </si>
  <si>
    <t>VELUX Plissee elektro FML MK12 1285KWL</t>
  </si>
  <si>
    <t>FML P04 1016K</t>
  </si>
  <si>
    <t>5702329581745</t>
  </si>
  <si>
    <t>VELUX Plissee elektro FML P04 1016K</t>
  </si>
  <si>
    <t>FML P04 1259K</t>
  </si>
  <si>
    <t>5702329581806</t>
  </si>
  <si>
    <t>VELUX Plissee elektro FML P04 1259K</t>
  </si>
  <si>
    <t>FML P04 1281K</t>
  </si>
  <si>
    <t>5702329582056</t>
  </si>
  <si>
    <t>VELUX Plissee elektro FML P04 1281K</t>
  </si>
  <si>
    <t>FML P04 1282K</t>
  </si>
  <si>
    <t>5702329582087</t>
  </si>
  <si>
    <t>VELUX Plissee elektro FML P04 1282K</t>
  </si>
  <si>
    <t>FML P04 1285K</t>
  </si>
  <si>
    <t>5702329582179</t>
  </si>
  <si>
    <t>VELUX Plissee elektro FML P04 1285K</t>
  </si>
  <si>
    <t>FML P04 1286K</t>
  </si>
  <si>
    <t>5702329582209</t>
  </si>
  <si>
    <t>VELUX Plissee elektro FML P04 1286K</t>
  </si>
  <si>
    <t>FML P06 1259K</t>
  </si>
  <si>
    <t>5702329582292</t>
  </si>
  <si>
    <t>VELUX Plissee elektro FML P06 1259K</t>
  </si>
  <si>
    <t>FML P06 1259KWL</t>
  </si>
  <si>
    <t>5702329576413</t>
  </si>
  <si>
    <t>VELUX Plissee elektro FML P06 1259KWL</t>
  </si>
  <si>
    <t>FML P06 1275KWL</t>
  </si>
  <si>
    <t>5702329576499</t>
  </si>
  <si>
    <t>VELUX Plissee elektro FML P06 1275KWL</t>
  </si>
  <si>
    <t>FML P06 1282K</t>
  </si>
  <si>
    <t>5702329582575</t>
  </si>
  <si>
    <t>VELUX Plissee elektro FML P06 1282K</t>
  </si>
  <si>
    <t>FML P08 1016K</t>
  </si>
  <si>
    <t>5702329582728</t>
  </si>
  <si>
    <t>VELUX Plissee elektro FML P08 1016K</t>
  </si>
  <si>
    <t>FML P08 1016KWL</t>
  </si>
  <si>
    <t>5702329576840</t>
  </si>
  <si>
    <t>VELUX Plissee elektro FML P08 1016KWL</t>
  </si>
  <si>
    <t>FML P08 1259KWL</t>
  </si>
  <si>
    <t>5702329576901</t>
  </si>
  <si>
    <t>VELUX Plissee elektro FML P08 1259KWL</t>
  </si>
  <si>
    <t>FML P10 1016K</t>
  </si>
  <si>
    <t>5702329583206</t>
  </si>
  <si>
    <t>VELUX Plissee elektro FML P10 1016K</t>
  </si>
  <si>
    <t>FML P10 1016KWL</t>
  </si>
  <si>
    <t>5702329577328</t>
  </si>
  <si>
    <t>VELUX Plissee elektro FML P10 1016KWL</t>
  </si>
  <si>
    <t>FML P10 1259K</t>
  </si>
  <si>
    <t>5702329583268</t>
  </si>
  <si>
    <t>VELUX Plissee elektro FML P10 1259K</t>
  </si>
  <si>
    <t>FML P10 1259KWL</t>
  </si>
  <si>
    <t>5702329577380</t>
  </si>
  <si>
    <t>VELUX Plissee elektro FML P10 1259KWL</t>
  </si>
  <si>
    <t>FML P10 1274KWL</t>
  </si>
  <si>
    <t>5702329577410</t>
  </si>
  <si>
    <t>VELUX Plissee elektro FML P10 1274KWL</t>
  </si>
  <si>
    <t>FML P10 1279K</t>
  </si>
  <si>
    <t>5702329583442</t>
  </si>
  <si>
    <t>VELUX Plissee elektro FML P10 1279K</t>
  </si>
  <si>
    <t>FML P10 1280K</t>
  </si>
  <si>
    <t>5702329583473</t>
  </si>
  <si>
    <t>VELUX Plissee elektro FML P10 1280K</t>
  </si>
  <si>
    <t>FML P10 1281K</t>
  </si>
  <si>
    <t>5702329583503</t>
  </si>
  <si>
    <t>VELUX Plissee elektro FML P10 1281K</t>
  </si>
  <si>
    <t>FML P10 1282K</t>
  </si>
  <si>
    <t>5702329583534</t>
  </si>
  <si>
    <t>VELUX Plissee elektro FML P10 1282K</t>
  </si>
  <si>
    <t>FML P10 1283KWL</t>
  </si>
  <si>
    <t>5702329577670</t>
  </si>
  <si>
    <t>VELUX Plissee elektro FML P10 1283KWL</t>
  </si>
  <si>
    <t>FML P10 1284K</t>
  </si>
  <si>
    <t>5702329583596</t>
  </si>
  <si>
    <t>VELUX Plissee elektro FML P10 1284K</t>
  </si>
  <si>
    <t>FML P10 1284KWL</t>
  </si>
  <si>
    <t>5702329577700</t>
  </si>
  <si>
    <t>VELUX Plissee elektro FML P10 1284KWL</t>
  </si>
  <si>
    <t>FML PK06 1016K</t>
  </si>
  <si>
    <t>5702329584654</t>
  </si>
  <si>
    <t>VELUX Plissee elektro FML PK06 1016K</t>
  </si>
  <si>
    <t>FML PK06 1016KWL</t>
  </si>
  <si>
    <t>5702329578745</t>
  </si>
  <si>
    <t>VELUX Plissee elektro FML PK06 1016KWL</t>
  </si>
  <si>
    <t>FML PK06 1256K</t>
  </si>
  <si>
    <t>5702329584685</t>
  </si>
  <si>
    <t>VELUX Plissee elektro FML PK06 1256K</t>
  </si>
  <si>
    <t>FML PK06 1256KWL</t>
  </si>
  <si>
    <t>5702329578776</t>
  </si>
  <si>
    <t>VELUX Plissee elektro FML PK06 1256KWL</t>
  </si>
  <si>
    <t>FML PK06 1259K</t>
  </si>
  <si>
    <t>5702329584715</t>
  </si>
  <si>
    <t>VELUX Plissee elektro FML PK06 1259K</t>
  </si>
  <si>
    <t>FML PK06 1259KWL</t>
  </si>
  <si>
    <t>5702329578806</t>
  </si>
  <si>
    <t>VELUX Plissee elektro FML PK06 1259KWL</t>
  </si>
  <si>
    <t>FML PK06 1274K</t>
  </si>
  <si>
    <t>5702329584739</t>
  </si>
  <si>
    <t>VELUX Plissee elektro FML PK06 1274K</t>
  </si>
  <si>
    <t>FML PK06 1274KWL</t>
  </si>
  <si>
    <t>5702329578837</t>
  </si>
  <si>
    <t>VELUX Plissee elektro FML PK06 1274KWL</t>
  </si>
  <si>
    <t>FML PK06 1275KWL</t>
  </si>
  <si>
    <t>5702329578868</t>
  </si>
  <si>
    <t>VELUX Plissee elektro FML PK06 1275KWL</t>
  </si>
  <si>
    <t>FML PK06 1276K</t>
  </si>
  <si>
    <t>5702329584791</t>
  </si>
  <si>
    <t>VELUX Plissee elektro FML PK06 1276K</t>
  </si>
  <si>
    <t>FML PK06 1277K</t>
  </si>
  <si>
    <t>5702329584821</t>
  </si>
  <si>
    <t>VELUX Plissee elektro FML PK06 1277K</t>
  </si>
  <si>
    <t>FML PK06 1278K</t>
  </si>
  <si>
    <t>5702329584852</t>
  </si>
  <si>
    <t>VELUX Plissee elektro FML PK06 1278K</t>
  </si>
  <si>
    <t>FML PK06 1278KWL</t>
  </si>
  <si>
    <t>5702329578950</t>
  </si>
  <si>
    <t>VELUX Plissee elektro FML PK06 1278KWL</t>
  </si>
  <si>
    <t>FML PK06 1279KWL</t>
  </si>
  <si>
    <t>5702329578981</t>
  </si>
  <si>
    <t>VELUX Plissee elektro FML PK06 1279KWL</t>
  </si>
  <si>
    <t>FML PK06 1281KWL</t>
  </si>
  <si>
    <t>5702329579056</t>
  </si>
  <si>
    <t>VELUX Plissee elektro FML PK06 1281KWL</t>
  </si>
  <si>
    <t>FML PK06 1282K</t>
  </si>
  <si>
    <t>5702329584975</t>
  </si>
  <si>
    <t>VELUX Plissee elektro FML PK06 1282K</t>
  </si>
  <si>
    <t>FML PK06 1282KWL</t>
  </si>
  <si>
    <t>5702329579087</t>
  </si>
  <si>
    <t>VELUX Plissee elektro FML PK06 1282KWL</t>
  </si>
  <si>
    <t>FML PK06 1283KWL</t>
  </si>
  <si>
    <t>5702329579117</t>
  </si>
  <si>
    <t>VELUX Plissee elektro FML PK06 1283KWL</t>
  </si>
  <si>
    <t>FML PK06 1284K</t>
  </si>
  <si>
    <t>5702329585026</t>
  </si>
  <si>
    <t>VELUX Plissee elektro FML PK06 1284K</t>
  </si>
  <si>
    <t>FML PK06 1284KWL</t>
  </si>
  <si>
    <t>5702329579131</t>
  </si>
  <si>
    <t>VELUX Plissee elektro FML PK06 1284KWL</t>
  </si>
  <si>
    <t>FML PK06 1285KWL</t>
  </si>
  <si>
    <t>5702329579162</t>
  </si>
  <si>
    <t>VELUX Plissee elektro FML PK06 1285KWL</t>
  </si>
  <si>
    <t>FML PK06 1286KWL</t>
  </si>
  <si>
    <t>5702329579193</t>
  </si>
  <si>
    <t>VELUX Plissee elektro FML PK06 1286KWL</t>
  </si>
  <si>
    <t>FML PK08 1016K</t>
  </si>
  <si>
    <t>5702329585118</t>
  </si>
  <si>
    <t>VELUX Plissee elektro FML PK08 1016K</t>
  </si>
  <si>
    <t>FML PK08 1016KWL</t>
  </si>
  <si>
    <t>5702329579223</t>
  </si>
  <si>
    <t>VELUX Plissee elektro FML PK08 1016KWL</t>
  </si>
  <si>
    <t>FML PK08 1256K</t>
  </si>
  <si>
    <t>5702329585149</t>
  </si>
  <si>
    <t>VELUX Plissee elektro FML PK08 1256K</t>
  </si>
  <si>
    <t>FML PK08 1256KWL</t>
  </si>
  <si>
    <t>5702329579254</t>
  </si>
  <si>
    <t>VELUX Plissee elektro FML PK08 1256KWL</t>
  </si>
  <si>
    <t>FML PK08 1259K</t>
  </si>
  <si>
    <t>5702329585170</t>
  </si>
  <si>
    <t>VELUX Plissee elektro FML PK08 1259K</t>
  </si>
  <si>
    <t>FML PK08 1259KWL</t>
  </si>
  <si>
    <t>5702329579285</t>
  </si>
  <si>
    <t>VELUX Plissee elektro FML PK08 1259KWL</t>
  </si>
  <si>
    <t>FML PK08 1274K</t>
  </si>
  <si>
    <t>5702329585200</t>
  </si>
  <si>
    <t>VELUX Plissee elektro FML PK08 1274K</t>
  </si>
  <si>
    <t>FML PK08 1275KWL</t>
  </si>
  <si>
    <t>5702329579346</t>
  </si>
  <si>
    <t>VELUX Plissee elektro FML PK08 1275KWL</t>
  </si>
  <si>
    <t>FML PK08 1277K</t>
  </si>
  <si>
    <t>5702329585293</t>
  </si>
  <si>
    <t>VELUX Plissee elektro FML PK08 1277K</t>
  </si>
  <si>
    <t>FML PK08 1278K</t>
  </si>
  <si>
    <t>5702329585323</t>
  </si>
  <si>
    <t>VELUX Plissee elektro FML PK08 1278K</t>
  </si>
  <si>
    <t>FML PK08 1282K</t>
  </si>
  <si>
    <t>5702329585446</t>
  </si>
  <si>
    <t>VELUX Plissee elektro FML PK08 1282K</t>
  </si>
  <si>
    <t>FML PK08 1282KWL</t>
  </si>
  <si>
    <t>5702329579575</t>
  </si>
  <si>
    <t>VELUX Plissee elektro FML PK08 1282KWL</t>
  </si>
  <si>
    <t>FML PK08 1283K</t>
  </si>
  <si>
    <t>5702329585477</t>
  </si>
  <si>
    <t>VELUX Plissee elektro FML PK08 1283K</t>
  </si>
  <si>
    <t>FML PK08 1284KWL</t>
  </si>
  <si>
    <t>5702329579636</t>
  </si>
  <si>
    <t>VELUX Plissee elektro FML PK08 1284KWL</t>
  </si>
  <si>
    <t>FML PK08 1285KWL</t>
  </si>
  <si>
    <t>5702329579667</t>
  </si>
  <si>
    <t>VELUX Plissee elektro FML PK08 1285KWL</t>
  </si>
  <si>
    <t>FML PK08 1286K</t>
  </si>
  <si>
    <t>5702329585569</t>
  </si>
  <si>
    <t>VELUX Plissee elektro FML PK08 1286K</t>
  </si>
  <si>
    <t>FML PK08 1286KWL</t>
  </si>
  <si>
    <t>5702329579698</t>
  </si>
  <si>
    <t>VELUX Plissee elektro FML PK08 1286KWL</t>
  </si>
  <si>
    <t>FML PK10 1016K</t>
  </si>
  <si>
    <t>5702329585590</t>
  </si>
  <si>
    <t>VELUX Plissee elektro FML PK10 1016K</t>
  </si>
  <si>
    <t>FML PK10 1016KWL</t>
  </si>
  <si>
    <t>5702329579728</t>
  </si>
  <si>
    <t>VELUX Plissee elektro FML PK10 1016KWL</t>
  </si>
  <si>
    <t>FML PK10 1256KWL</t>
  </si>
  <si>
    <t>5702329579759</t>
  </si>
  <si>
    <t>VELUX Plissee elektro FML PK10 1256KWL</t>
  </si>
  <si>
    <t>FML PK10 1259K</t>
  </si>
  <si>
    <t>5702329585651</t>
  </si>
  <si>
    <t>VELUX Plissee elektro FML PK10 1259K</t>
  </si>
  <si>
    <t>FML PK10 1259KWL</t>
  </si>
  <si>
    <t>5702329579780</t>
  </si>
  <si>
    <t>VELUX Plissee elektro FML PK10 1259KWL</t>
  </si>
  <si>
    <t>FML PK10 1274K</t>
  </si>
  <si>
    <t>5702329585682</t>
  </si>
  <si>
    <t>VELUX Plissee elektro FML PK10 1274K</t>
  </si>
  <si>
    <t>FML PK10 1274KWL</t>
  </si>
  <si>
    <t>5702329579810</t>
  </si>
  <si>
    <t>VELUX Plissee elektro FML PK10 1274KWL</t>
  </si>
  <si>
    <t>FML PK10 1275K</t>
  </si>
  <si>
    <t>5702329585712</t>
  </si>
  <si>
    <t>VELUX Plissee elektro FML PK10 1275K</t>
  </si>
  <si>
    <t>FML PK10 1275KWL</t>
  </si>
  <si>
    <t>5702329579841</t>
  </si>
  <si>
    <t>VELUX Plissee elektro FML PK10 1275KWL</t>
  </si>
  <si>
    <t>FML PK10 1276KWL</t>
  </si>
  <si>
    <t>5702329579872</t>
  </si>
  <si>
    <t>VELUX Plissee elektro FML PK10 1276KWL</t>
  </si>
  <si>
    <t>FML PK10 1277K</t>
  </si>
  <si>
    <t>5702329585774</t>
  </si>
  <si>
    <t>VELUX Plissee elektro FML PK10 1277K</t>
  </si>
  <si>
    <t>FML PK10 1278K</t>
  </si>
  <si>
    <t>5702329585804</t>
  </si>
  <si>
    <t>VELUX Plissee elektro FML PK10 1278K</t>
  </si>
  <si>
    <t>FML PK10 1278KWL</t>
  </si>
  <si>
    <t>5702329579933</t>
  </si>
  <si>
    <t>VELUX Plissee elektro FML PK10 1278KWL</t>
  </si>
  <si>
    <t>FML PK10 1279KWL</t>
  </si>
  <si>
    <t>5702329579964</t>
  </si>
  <si>
    <t>VELUX Plissee elektro FML PK10 1279KWL</t>
  </si>
  <si>
    <t>FML PK10 1281K</t>
  </si>
  <si>
    <t>5702329585897</t>
  </si>
  <si>
    <t>VELUX Plissee elektro FML PK10 1281K</t>
  </si>
  <si>
    <t>FML PK10 1281KWL</t>
  </si>
  <si>
    <t>5702329580021</t>
  </si>
  <si>
    <t>VELUX Plissee elektro FML PK10 1281KWL</t>
  </si>
  <si>
    <t>FML PK10 1282K</t>
  </si>
  <si>
    <t>5702329585927</t>
  </si>
  <si>
    <t>VELUX Plissee elektro FML PK10 1282K</t>
  </si>
  <si>
    <t>FML PK10 1282KWL</t>
  </si>
  <si>
    <t>5702329580052</t>
  </si>
  <si>
    <t>VELUX Plissee elektro FML PK10 1282KWL</t>
  </si>
  <si>
    <t>FML PK10 1283K</t>
  </si>
  <si>
    <t>5702329585958</t>
  </si>
  <si>
    <t>VELUX Plissee elektro FML PK10 1283K</t>
  </si>
  <si>
    <t>FML PK10 1283KWL</t>
  </si>
  <si>
    <t>5702329580083</t>
  </si>
  <si>
    <t>VELUX Plissee elektro FML PK10 1283KWL</t>
  </si>
  <si>
    <t>FML PK10 1284K</t>
  </si>
  <si>
    <t>5702329585989</t>
  </si>
  <si>
    <t>VELUX Plissee elektro FML PK10 1284K</t>
  </si>
  <si>
    <t>FML PK10 1285K</t>
  </si>
  <si>
    <t>5702329586016</t>
  </si>
  <si>
    <t>VELUX Plissee elektro FML PK10 1285K</t>
  </si>
  <si>
    <t>FML PK10 1286K</t>
  </si>
  <si>
    <t>5702329586047</t>
  </si>
  <si>
    <t>VELUX Plissee elektro FML PK10 1286K</t>
  </si>
  <si>
    <t>FML PK10 1286KWL</t>
  </si>
  <si>
    <t>5702329580175</t>
  </si>
  <si>
    <t>VELUX Plissee elektro FML PK10 1286KWL</t>
  </si>
  <si>
    <t>FML S06 1016K</t>
  </si>
  <si>
    <t>5702329587006</t>
  </si>
  <si>
    <t>VELUX Plissee elektro FML S06 1016K</t>
  </si>
  <si>
    <t>FML S06 1016KWL</t>
  </si>
  <si>
    <t>5702329581158</t>
  </si>
  <si>
    <t>VELUX Plissee elektro FML S06 1016KWL</t>
  </si>
  <si>
    <t>FML S06 1256K</t>
  </si>
  <si>
    <t>5702329587037</t>
  </si>
  <si>
    <t>VELUX Plissee elektro FML S06 1256K</t>
  </si>
  <si>
    <t>FML S06 1259K</t>
  </si>
  <si>
    <t>5702329587068</t>
  </si>
  <si>
    <t>VELUX Plissee elektro FML S06 1259K</t>
  </si>
  <si>
    <t>FML S06 1259KWL</t>
  </si>
  <si>
    <t>5702329581219</t>
  </si>
  <si>
    <t>VELUX Plissee elektro FML S06 1259KWL</t>
  </si>
  <si>
    <t>FML S06 1274KWL</t>
  </si>
  <si>
    <t>5702329581240</t>
  </si>
  <si>
    <t>VELUX Plissee elektro FML S06 1274KWL</t>
  </si>
  <si>
    <t>FML S06 1275K</t>
  </si>
  <si>
    <t>5702329587129</t>
  </si>
  <si>
    <t>VELUX Plissee elektro FML S06 1275K</t>
  </si>
  <si>
    <t>FML S06 1275KWL</t>
  </si>
  <si>
    <t>5702329581271</t>
  </si>
  <si>
    <t>VELUX Plissee elektro FML S06 1275KWL</t>
  </si>
  <si>
    <t>FML S06 1277K</t>
  </si>
  <si>
    <t>5702329587181</t>
  </si>
  <si>
    <t>VELUX Plissee elektro FML S06 1277K</t>
  </si>
  <si>
    <t>FML S06 1278K</t>
  </si>
  <si>
    <t>5702329587211</t>
  </si>
  <si>
    <t>VELUX Plissee elektro FML S06 1278K</t>
  </si>
  <si>
    <t>FML S06 1280K</t>
  </si>
  <si>
    <t>5702329587273</t>
  </si>
  <si>
    <t>VELUX Plissee elektro FML S06 1280K</t>
  </si>
  <si>
    <t>FML S06 1281K</t>
  </si>
  <si>
    <t>5702329587297</t>
  </si>
  <si>
    <t>VELUX Plissee elektro FML S06 1281K</t>
  </si>
  <si>
    <t>FML S06 1282K</t>
  </si>
  <si>
    <t>5702329587327</t>
  </si>
  <si>
    <t>VELUX Plissee elektro FML S06 1282K</t>
  </si>
  <si>
    <t>FML S06 1282KWL</t>
  </si>
  <si>
    <t>5702329581493</t>
  </si>
  <si>
    <t>VELUX Plissee elektro FML S06 1282KWL</t>
  </si>
  <si>
    <t>FML S06 1283K</t>
  </si>
  <si>
    <t>5702329587358</t>
  </si>
  <si>
    <t>VELUX Plissee elektro FML S06 1283K</t>
  </si>
  <si>
    <t>FML S06 1284K</t>
  </si>
  <si>
    <t>5702329587372</t>
  </si>
  <si>
    <t>VELUX Plissee elektro FML S06 1284K</t>
  </si>
  <si>
    <t>FML S06 1285K</t>
  </si>
  <si>
    <t>5702329587396</t>
  </si>
  <si>
    <t>VELUX Plissee elektro FML S06 1285K</t>
  </si>
  <si>
    <t>FML S06 1286K</t>
  </si>
  <si>
    <t>5702329587419</t>
  </si>
  <si>
    <t>VELUX Plissee elektro FML S06 1286K</t>
  </si>
  <si>
    <t>FML S08 1016K</t>
  </si>
  <si>
    <t>5702329587433</t>
  </si>
  <si>
    <t>VELUX Plissee elektro FML S08 1016K</t>
  </si>
  <si>
    <t>FML S08 1016KWL</t>
  </si>
  <si>
    <t>5702329581646</t>
  </si>
  <si>
    <t>VELUX Plissee elektro FML S08 1016KWL</t>
  </si>
  <si>
    <t>FML S08 1259K</t>
  </si>
  <si>
    <t>5702329587471</t>
  </si>
  <si>
    <t>VELUX Plissee elektro FML S08 1259K</t>
  </si>
  <si>
    <t>FML S08 1259KWL</t>
  </si>
  <si>
    <t>5702329581707</t>
  </si>
  <si>
    <t>VELUX Plissee elektro FML S08 1259KWL</t>
  </si>
  <si>
    <t>FML S08 1274K</t>
  </si>
  <si>
    <t>5702329587495</t>
  </si>
  <si>
    <t>VELUX Plissee elektro FML S08 1274K</t>
  </si>
  <si>
    <t>FML S08 1275KWL</t>
  </si>
  <si>
    <t>5702329581769</t>
  </si>
  <si>
    <t>VELUX Plissee elektro FML S08 1275KWL</t>
  </si>
  <si>
    <t>FML S08 1278K</t>
  </si>
  <si>
    <t>5702329587570</t>
  </si>
  <si>
    <t>VELUX Plissee elektro FML S08 1278K</t>
  </si>
  <si>
    <t>FML S08 1279K</t>
  </si>
  <si>
    <t>5702329587594</t>
  </si>
  <si>
    <t>VELUX Plissee elektro FML S08 1279K</t>
  </si>
  <si>
    <t>FML S08 1282KWL</t>
  </si>
  <si>
    <t>5702329581974</t>
  </si>
  <si>
    <t>VELUX Plissee elektro FML S08 1282KWL</t>
  </si>
  <si>
    <t>FML S08 1283KWL</t>
  </si>
  <si>
    <t>5702329582001</t>
  </si>
  <si>
    <t>VELUX Plissee elektro FML S08 1283KWL</t>
  </si>
  <si>
    <t>FML SK06 1016K</t>
  </si>
  <si>
    <t>5702329588393</t>
  </si>
  <si>
    <t>VELUX Plissee elektro FML SK06 1016K</t>
  </si>
  <si>
    <t>FML SK06 1016KWL</t>
  </si>
  <si>
    <t>5702329583060</t>
  </si>
  <si>
    <t>VELUX Plissee elektro FML SK06 1016KWL</t>
  </si>
  <si>
    <t>FML SK06 1256K</t>
  </si>
  <si>
    <t>5702329588416</t>
  </si>
  <si>
    <t>VELUX Plissee elektro FML SK06 1256K</t>
  </si>
  <si>
    <t>FML SK06 1256KWL</t>
  </si>
  <si>
    <t>5702329583091</t>
  </si>
  <si>
    <t>VELUX Plissee elektro FML SK06 1256KWL</t>
  </si>
  <si>
    <t>FML SK06 1259K</t>
  </si>
  <si>
    <t>5702329588430</t>
  </si>
  <si>
    <t>VELUX Plissee elektro FML SK06 1259K</t>
  </si>
  <si>
    <t>FML SK06 1259KWL</t>
  </si>
  <si>
    <t>5702329583121</t>
  </si>
  <si>
    <t>VELUX Plissee elektro FML SK06 1259KWL</t>
  </si>
  <si>
    <t>FML SK06 1274K</t>
  </si>
  <si>
    <t>5702329588454</t>
  </si>
  <si>
    <t>VELUX Plissee elektro FML SK06 1274K</t>
  </si>
  <si>
    <t>FML SK06 1274KWL</t>
  </si>
  <si>
    <t>5702329583152</t>
  </si>
  <si>
    <t>VELUX Plissee elektro FML SK06 1274KWL</t>
  </si>
  <si>
    <t>FML SK06 1275K</t>
  </si>
  <si>
    <t>5702329588478</t>
  </si>
  <si>
    <t>VELUX Plissee elektro FML SK06 1275K</t>
  </si>
  <si>
    <t>FML SK06 1275KWL</t>
  </si>
  <si>
    <t>5702329583183</t>
  </si>
  <si>
    <t>VELUX Plissee elektro FML SK06 1275KWL</t>
  </si>
  <si>
    <t>FML SK06 1277K</t>
  </si>
  <si>
    <t>5702329588515</t>
  </si>
  <si>
    <t>VELUX Plissee elektro FML SK06 1277K</t>
  </si>
  <si>
    <t>FML SK06 1278K</t>
  </si>
  <si>
    <t>5702329588539</t>
  </si>
  <si>
    <t>VELUX Plissee elektro FML SK06 1278K</t>
  </si>
  <si>
    <t>FML SK06 1278KWL</t>
  </si>
  <si>
    <t>5702329583282</t>
  </si>
  <si>
    <t>VELUX Plissee elektro FML SK06 1278KWL</t>
  </si>
  <si>
    <t>FML SK06 1279K</t>
  </si>
  <si>
    <t>5702329588553</t>
  </si>
  <si>
    <t>VELUX Plissee elektro FML SK06 1279K</t>
  </si>
  <si>
    <t>FML SK06 1279KWL</t>
  </si>
  <si>
    <t>5702329583312</t>
  </si>
  <si>
    <t>VELUX Plissee elektro FML SK06 1279KWL</t>
  </si>
  <si>
    <t>FML SK06 1280K</t>
  </si>
  <si>
    <t>5702329588577</t>
  </si>
  <si>
    <t>VELUX Plissee elektro FML SK06 1280K</t>
  </si>
  <si>
    <t>FML SK06 1281K</t>
  </si>
  <si>
    <t>5702329588591</t>
  </si>
  <si>
    <t>VELUX Plissee elektro FML SK06 1281K</t>
  </si>
  <si>
    <t>FML SK06 1282K</t>
  </si>
  <si>
    <t>5702329588614</t>
  </si>
  <si>
    <t>VELUX Plissee elektro FML SK06 1282K</t>
  </si>
  <si>
    <t>FML SK06 1282KWL</t>
  </si>
  <si>
    <t>5702329583404</t>
  </si>
  <si>
    <t>VELUX Plissee elektro FML SK06 1282KWL</t>
  </si>
  <si>
    <t>FML SK06 1283K</t>
  </si>
  <si>
    <t>5702329588638</t>
  </si>
  <si>
    <t>VELUX Plissee elektro FML SK06 1283K</t>
  </si>
  <si>
    <t>FML SK06 1283KWL</t>
  </si>
  <si>
    <t>5702329583435</t>
  </si>
  <si>
    <t>VELUX Plissee elektro FML SK06 1283KWL</t>
  </si>
  <si>
    <t>FML SK06 1284K</t>
  </si>
  <si>
    <t>5702329588652</t>
  </si>
  <si>
    <t>VELUX Plissee elektro FML SK06 1284K</t>
  </si>
  <si>
    <t>FML SK06 1284KWL</t>
  </si>
  <si>
    <t>5702329583466</t>
  </si>
  <si>
    <t>VELUX Plissee elektro FML SK06 1284KWL</t>
  </si>
  <si>
    <t>FML SK06 1285KWL</t>
  </si>
  <si>
    <t>5702329583497</t>
  </si>
  <si>
    <t>VELUX Plissee elektro FML SK06 1285KWL</t>
  </si>
  <si>
    <t>FML SK06 1286K</t>
  </si>
  <si>
    <t>5702329588690</t>
  </si>
  <si>
    <t>VELUX Plissee elektro FML SK06 1286K</t>
  </si>
  <si>
    <t>FML SK06 1286KWL</t>
  </si>
  <si>
    <t>5702329583527</t>
  </si>
  <si>
    <t>VELUX Plissee elektro FML SK06 1286KWL</t>
  </si>
  <si>
    <t>FML SK08 1016K</t>
  </si>
  <si>
    <t>5702329588713</t>
  </si>
  <si>
    <t>VELUX Plissee elektro FML SK08 1016K</t>
  </si>
  <si>
    <t>FML SK08 1016KWL</t>
  </si>
  <si>
    <t>5702329583558</t>
  </si>
  <si>
    <t>VELUX Plissee elektro FML SK08 1016KWL</t>
  </si>
  <si>
    <t>FML SK08 1256K</t>
  </si>
  <si>
    <t>5702329588737</t>
  </si>
  <si>
    <t>VELUX Plissee elektro FML SK08 1256K</t>
  </si>
  <si>
    <t>FML SK08 1256KWL</t>
  </si>
  <si>
    <t>5702329583589</t>
  </si>
  <si>
    <t>VELUX Plissee elektro FML SK08 1256KWL</t>
  </si>
  <si>
    <t>FML SK08 1259K</t>
  </si>
  <si>
    <t>5702329588751</t>
  </si>
  <si>
    <t>VELUX Plissee elektro FML SK08 1259K</t>
  </si>
  <si>
    <t>FML SK08 1259KWL</t>
  </si>
  <si>
    <t>5702329583619</t>
  </si>
  <si>
    <t>VELUX Plissee elektro FML SK08 1259KWL</t>
  </si>
  <si>
    <t>FML SK08 1274K</t>
  </si>
  <si>
    <t>5702329588775</t>
  </si>
  <si>
    <t>VELUX Plissee elektro FML SK08 1274K</t>
  </si>
  <si>
    <t>FML SK08 1274KWL</t>
  </si>
  <si>
    <t>5702329583640</t>
  </si>
  <si>
    <t>VELUX Plissee elektro FML SK08 1274KWL</t>
  </si>
  <si>
    <t>FML SK08 1275K</t>
  </si>
  <si>
    <t>5702329588799</t>
  </si>
  <si>
    <t>VELUX Plissee elektro FML SK08 1275K</t>
  </si>
  <si>
    <t>FML SK08 1275KWL</t>
  </si>
  <si>
    <t>5702329583671</t>
  </si>
  <si>
    <t>VELUX Plissee elektro FML SK08 1275KWL</t>
  </si>
  <si>
    <t>FML SK08 1278K</t>
  </si>
  <si>
    <t>5702329588850</t>
  </si>
  <si>
    <t>VELUX Plissee elektro FML SK08 1278K</t>
  </si>
  <si>
    <t>FML SK08 1278KWL</t>
  </si>
  <si>
    <t>5702329583763</t>
  </si>
  <si>
    <t>VELUX Plissee elektro FML SK08 1278KWL</t>
  </si>
  <si>
    <t>FML SK08 1280KWL</t>
  </si>
  <si>
    <t>5702329583824</t>
  </si>
  <si>
    <t>VELUX Plissee elektro FML SK08 1280KWL</t>
  </si>
  <si>
    <t>FML SK08 1281KWL</t>
  </si>
  <si>
    <t>5702329583855</t>
  </si>
  <si>
    <t>VELUX Plissee elektro FML SK08 1281KWL</t>
  </si>
  <si>
    <t>FML SK08 1282K</t>
  </si>
  <si>
    <t>5702329588935</t>
  </si>
  <si>
    <t>VELUX Plissee elektro FML SK08 1282K</t>
  </si>
  <si>
    <t>FML SK08 1282KWL</t>
  </si>
  <si>
    <t>5702329583886</t>
  </si>
  <si>
    <t>VELUX Plissee elektro FML SK08 1282KWL</t>
  </si>
  <si>
    <t>FML SK08 1283K</t>
  </si>
  <si>
    <t>5702329588959</t>
  </si>
  <si>
    <t>VELUX Plissee elektro FML SK08 1283K</t>
  </si>
  <si>
    <t>FML SK08 1283KWL</t>
  </si>
  <si>
    <t>5702329583916</t>
  </si>
  <si>
    <t>VELUX Plissee elektro FML SK08 1283KWL</t>
  </si>
  <si>
    <t>FML SK08 1284K</t>
  </si>
  <si>
    <t>5702329588973</t>
  </si>
  <si>
    <t>VELUX Plissee elektro FML SK08 1284K</t>
  </si>
  <si>
    <t>FML SK08 1284KWL</t>
  </si>
  <si>
    <t>5702329583930</t>
  </si>
  <si>
    <t>VELUX Plissee elektro FML SK08 1284KWL</t>
  </si>
  <si>
    <t>FML SK08 1285KWL</t>
  </si>
  <si>
    <t>5702329583961</t>
  </si>
  <si>
    <t>VELUX Plissee elektro FML SK08 1285KWL</t>
  </si>
  <si>
    <t>FML SK08 1286K</t>
  </si>
  <si>
    <t>5702329589017</t>
  </si>
  <si>
    <t>VELUX Plissee elektro FML SK08 1286K</t>
  </si>
  <si>
    <t>FML SK08 1286KWL</t>
  </si>
  <si>
    <t>5702329583992</t>
  </si>
  <si>
    <t>VELUX Plissee elektro FML SK08 1286KWL</t>
  </si>
  <si>
    <t>FML SK10 1016K</t>
  </si>
  <si>
    <t>5702329589031</t>
  </si>
  <si>
    <t>VELUX Plissee elektro FML SK10 1016K</t>
  </si>
  <si>
    <t>FML SK10 1016KWL</t>
  </si>
  <si>
    <t>5702329584029</t>
  </si>
  <si>
    <t>VELUX Plissee elektro FML SK10 1016KWL</t>
  </si>
  <si>
    <t>FML SK10 1256K</t>
  </si>
  <si>
    <t>5702329589055</t>
  </si>
  <si>
    <t>VELUX Plissee elektro FML SK10 1256K</t>
  </si>
  <si>
    <t>FML SK10 1256KWL</t>
  </si>
  <si>
    <t>5702329584043</t>
  </si>
  <si>
    <t>VELUX Plissee elektro FML SK10 1256KWL</t>
  </si>
  <si>
    <t>FML SK10 1259K</t>
  </si>
  <si>
    <t>5702329589079</t>
  </si>
  <si>
    <t>VELUX Plissee elektro FML SK10 1259K</t>
  </si>
  <si>
    <t>FML SK10 1259KWL</t>
  </si>
  <si>
    <t>5702329584074</t>
  </si>
  <si>
    <t>VELUX Plissee elektro FML SK10 1259KWL</t>
  </si>
  <si>
    <t>FML SK10 1274K</t>
  </si>
  <si>
    <t>5702329589093</t>
  </si>
  <si>
    <t>VELUX Plissee elektro FML SK10 1274K</t>
  </si>
  <si>
    <t>FML SK10 1274KWL</t>
  </si>
  <si>
    <t>5702329584104</t>
  </si>
  <si>
    <t>VELUX Plissee elektro FML SK10 1274KWL</t>
  </si>
  <si>
    <t>FML SK10 1275K</t>
  </si>
  <si>
    <t>5702329589116</t>
  </si>
  <si>
    <t>VELUX Plissee elektro FML SK10 1275K</t>
  </si>
  <si>
    <t>FML SK10 1275KWL</t>
  </si>
  <si>
    <t>5702329584135</t>
  </si>
  <si>
    <t>VELUX Plissee elektro FML SK10 1275KWL</t>
  </si>
  <si>
    <t>FML SK10 1278KWL</t>
  </si>
  <si>
    <t>5702329584227</t>
  </si>
  <si>
    <t>VELUX Plissee elektro FML SK10 1278KWL</t>
  </si>
  <si>
    <t>FML SK10 1282K</t>
  </si>
  <si>
    <t>5702329589253</t>
  </si>
  <si>
    <t>VELUX Plissee elektro FML SK10 1282K</t>
  </si>
  <si>
    <t>FML SK10 1282KWL</t>
  </si>
  <si>
    <t>5702329584340</t>
  </si>
  <si>
    <t>VELUX Plissee elektro FML SK10 1282KWL</t>
  </si>
  <si>
    <t>FML SK10 1283K</t>
  </si>
  <si>
    <t>5702329589277</t>
  </si>
  <si>
    <t>VELUX Plissee elektro FML SK10 1283K</t>
  </si>
  <si>
    <t>FML SK10 1283KWL</t>
  </si>
  <si>
    <t>5702329584371</t>
  </si>
  <si>
    <t>VELUX Plissee elektro FML SK10 1283KWL</t>
  </si>
  <si>
    <t>FML SK10 1284K</t>
  </si>
  <si>
    <t>5702329589291</t>
  </si>
  <si>
    <t>VELUX Plissee elektro FML SK10 1284K</t>
  </si>
  <si>
    <t>FML U04 1016K</t>
  </si>
  <si>
    <t>5702329589352</t>
  </si>
  <si>
    <t>VELUX Plissee elektro FML U04 1016K</t>
  </si>
  <si>
    <t>FML U04 1016KWL</t>
  </si>
  <si>
    <t>5702329584494</t>
  </si>
  <si>
    <t>VELUX Plissee elektro FML U04 1016KWL</t>
  </si>
  <si>
    <t>FML U04 1259K</t>
  </si>
  <si>
    <t>5702329589390</t>
  </si>
  <si>
    <t>VELUX Plissee elektro FML U04 1259K</t>
  </si>
  <si>
    <t>FML U04 1275K</t>
  </si>
  <si>
    <t>5702329589437</t>
  </si>
  <si>
    <t>VELUX Plissee elektro FML U04 1275K</t>
  </si>
  <si>
    <t>FML U04 1275KWL</t>
  </si>
  <si>
    <t>5702329584616</t>
  </si>
  <si>
    <t>VELUX Plissee elektro FML U04 1275KWL</t>
  </si>
  <si>
    <t>FML U04 1286K</t>
  </si>
  <si>
    <t>5702329589659</t>
  </si>
  <si>
    <t>VELUX Plissee elektro FML U04 1286K</t>
  </si>
  <si>
    <t>FML U08 1016K</t>
  </si>
  <si>
    <t>5702329589673</t>
  </si>
  <si>
    <t>VELUX Plissee elektro FML U08 1016K</t>
  </si>
  <si>
    <t>FML U08 1016KWL</t>
  </si>
  <si>
    <t>5702329584982</t>
  </si>
  <si>
    <t>VELUX Plissee elektro FML U08 1016KWL</t>
  </si>
  <si>
    <t>FML U08 1259K</t>
  </si>
  <si>
    <t>5702329589710</t>
  </si>
  <si>
    <t>VELUX Plissee elektro FML U08 1259K</t>
  </si>
  <si>
    <t>FML U08 1274KWL</t>
  </si>
  <si>
    <t>5702329585095</t>
  </si>
  <si>
    <t>VELUX Plissee elektro FML U08 1274KWL</t>
  </si>
  <si>
    <t>FML U08 1275K</t>
  </si>
  <si>
    <t>5702329589758</t>
  </si>
  <si>
    <t>VELUX Plissee elektro FML U08 1275K</t>
  </si>
  <si>
    <t>FML U08 1278K</t>
  </si>
  <si>
    <t>5702329589819</t>
  </si>
  <si>
    <t>VELUX Plissee elektro FML U08 1278K</t>
  </si>
  <si>
    <t>FML U08 1281K</t>
  </si>
  <si>
    <t>5702329589871</t>
  </si>
  <si>
    <t>VELUX Plissee elektro FML U08 1281K</t>
  </si>
  <si>
    <t>FML U08 1283K</t>
  </si>
  <si>
    <t>5702329589918</t>
  </si>
  <si>
    <t>VELUX Plissee elektro FML U08 1283K</t>
  </si>
  <si>
    <t>FML U08 1284K</t>
  </si>
  <si>
    <t>5702329589932</t>
  </si>
  <si>
    <t>VELUX Plissee elektro FML U08 1284K</t>
  </si>
  <si>
    <t>FML U08 1284KWL</t>
  </si>
  <si>
    <t>5702329585392</t>
  </si>
  <si>
    <t>VELUX Plissee elektro FML U08 1284KWL</t>
  </si>
  <si>
    <t>FML U08 1286K</t>
  </si>
  <si>
    <t>5702329589970</t>
  </si>
  <si>
    <t>VELUX Plissee elektro FML U08 1286K</t>
  </si>
  <si>
    <t>FML U10 1016K</t>
  </si>
  <si>
    <t>5702329589994</t>
  </si>
  <si>
    <t>VELUX Plissee elektro FML U10 1016K</t>
  </si>
  <si>
    <t>FML U10 1278K</t>
  </si>
  <si>
    <t>5702329590136</t>
  </si>
  <si>
    <t>VELUX Plissee elektro FML U10 1278K</t>
  </si>
  <si>
    <t>FML U10 1282K</t>
  </si>
  <si>
    <t>5702329590204</t>
  </si>
  <si>
    <t>VELUX Plissee elektro FML U10 1282K</t>
  </si>
  <si>
    <t>FML U10 1283K</t>
  </si>
  <si>
    <t>5702329590228</t>
  </si>
  <si>
    <t>VELUX Plissee elektro FML U10 1283K</t>
  </si>
  <si>
    <t>FML UK04 1016K</t>
  </si>
  <si>
    <t>5702329590303</t>
  </si>
  <si>
    <t>VELUX Plissee elektro FML UK04 1016K</t>
  </si>
  <si>
    <t>FML UK04 1016KWL</t>
  </si>
  <si>
    <t>5702329585965</t>
  </si>
  <si>
    <t>VELUX Plissee elektro FML UK04 1016KWL</t>
  </si>
  <si>
    <t>FML UK04 1256K</t>
  </si>
  <si>
    <t>5702329590327</t>
  </si>
  <si>
    <t>VELUX Plissee elektro FML UK04 1256K</t>
  </si>
  <si>
    <t>FML UK04 1256KWL</t>
  </si>
  <si>
    <t>5702329585996</t>
  </si>
  <si>
    <t>VELUX Plissee elektro FML UK04 1256KWL</t>
  </si>
  <si>
    <t>FML UK04 1259K</t>
  </si>
  <si>
    <t>5702329590341</t>
  </si>
  <si>
    <t>VELUX Plissee elektro FML UK04 1259K</t>
  </si>
  <si>
    <t>FML UK04 1259KWL</t>
  </si>
  <si>
    <t>5702329586023</t>
  </si>
  <si>
    <t>VELUX Plissee elektro FML UK04 1259KWL</t>
  </si>
  <si>
    <t>FML UK04 1274K</t>
  </si>
  <si>
    <t>5702329590365</t>
  </si>
  <si>
    <t>VELUX Plissee elektro FML UK04 1274K</t>
  </si>
  <si>
    <t>FML UK04 1274KWL</t>
  </si>
  <si>
    <t>5702329586054</t>
  </si>
  <si>
    <t>VELUX Plissee elektro FML UK04 1274KWL</t>
  </si>
  <si>
    <t>FML UK04 1275K</t>
  </si>
  <si>
    <t>5702329590389</t>
  </si>
  <si>
    <t>VELUX Plissee elektro FML UK04 1275K</t>
  </si>
  <si>
    <t>FML UK04 1275KWL</t>
  </si>
  <si>
    <t>5702329586085</t>
  </si>
  <si>
    <t>VELUX Plissee elektro FML UK04 1275KWL</t>
  </si>
  <si>
    <t>FML UK04 1277K</t>
  </si>
  <si>
    <t>5702329590426</t>
  </si>
  <si>
    <t>VELUX Plissee elektro FML UK04 1277K</t>
  </si>
  <si>
    <t>FML UK04 1278K</t>
  </si>
  <si>
    <t>5702329590440</t>
  </si>
  <si>
    <t>VELUX Plissee elektro FML UK04 1278K</t>
  </si>
  <si>
    <t>FML UK04 1278KWL</t>
  </si>
  <si>
    <t>5702329586177</t>
  </si>
  <si>
    <t>VELUX Plissee elektro FML UK04 1278KWL</t>
  </si>
  <si>
    <t>FML UK04 1279K</t>
  </si>
  <si>
    <t>5702329590464</t>
  </si>
  <si>
    <t>VELUX Plissee elektro FML UK04 1279K</t>
  </si>
  <si>
    <t>FML UK04 1279KWL</t>
  </si>
  <si>
    <t>5702329586207</t>
  </si>
  <si>
    <t>VELUX Plissee elektro FML UK04 1279KWL</t>
  </si>
  <si>
    <t>FML UK04 1281KWL</t>
  </si>
  <si>
    <t>5702329586269</t>
  </si>
  <si>
    <t>VELUX Plissee elektro FML UK04 1281KWL</t>
  </si>
  <si>
    <t>FML UK04 1282K</t>
  </si>
  <si>
    <t>5702329590525</t>
  </si>
  <si>
    <t>VELUX Plissee elektro FML UK04 1282K</t>
  </si>
  <si>
    <t>FML UK04 1282KWL</t>
  </si>
  <si>
    <t>5702329586290</t>
  </si>
  <si>
    <t>VELUX Plissee elektro FML UK04 1282KWL</t>
  </si>
  <si>
    <t>FML UK04 1283K</t>
  </si>
  <si>
    <t>5702329590549</t>
  </si>
  <si>
    <t>VELUX Plissee elektro FML UK04 1283K</t>
  </si>
  <si>
    <t>FML UK04 1283KWL</t>
  </si>
  <si>
    <t>5702329586320</t>
  </si>
  <si>
    <t>VELUX Plissee elektro FML UK04 1283KWL</t>
  </si>
  <si>
    <t>FML UK04 1284K</t>
  </si>
  <si>
    <t>5702329590563</t>
  </si>
  <si>
    <t>VELUX Plissee elektro FML UK04 1284K</t>
  </si>
  <si>
    <t>FML UK04 1284KWL</t>
  </si>
  <si>
    <t>5702329586351</t>
  </si>
  <si>
    <t>VELUX Plissee elektro FML UK04 1284KWL</t>
  </si>
  <si>
    <t>FML UK04 1285KWL</t>
  </si>
  <si>
    <t>5702329586382</t>
  </si>
  <si>
    <t>VELUX Plissee elektro FML UK04 1285KWL</t>
  </si>
  <si>
    <t>FML UK04 1286K</t>
  </si>
  <si>
    <t>5702329590600</t>
  </si>
  <si>
    <t>VELUX Plissee elektro FML UK04 1286K</t>
  </si>
  <si>
    <t>FML UK04 1286KWL</t>
  </si>
  <si>
    <t>5702329586412</t>
  </si>
  <si>
    <t>VELUX Plissee elektro FML UK04 1286KWL</t>
  </si>
  <si>
    <t>FML UK08 1016K</t>
  </si>
  <si>
    <t>5702329590624</t>
  </si>
  <si>
    <t>VELUX Plissee elektro FML UK08 1016K</t>
  </si>
  <si>
    <t>FML UK08 1016KWL</t>
  </si>
  <si>
    <t>5702329586443</t>
  </si>
  <si>
    <t>VELUX Plissee elektro FML UK08 1016KWL</t>
  </si>
  <si>
    <t>FML UK08 1256K</t>
  </si>
  <si>
    <t>5702329590648</t>
  </si>
  <si>
    <t>VELUX Plissee elektro FML UK08 1256K</t>
  </si>
  <si>
    <t>FML UK08 1256KWL</t>
  </si>
  <si>
    <t>5702329586474</t>
  </si>
  <si>
    <t>VELUX Plissee elektro FML UK08 1256KWL</t>
  </si>
  <si>
    <t>FML UK08 1259K</t>
  </si>
  <si>
    <t>5702329590662</t>
  </si>
  <si>
    <t>VELUX Plissee elektro FML UK08 1259K</t>
  </si>
  <si>
    <t>FML UK08 1259KWL</t>
  </si>
  <si>
    <t>5702329586504</t>
  </si>
  <si>
    <t>VELUX Plissee elektro FML UK08 1259KWL</t>
  </si>
  <si>
    <t>FML UK08 1274K</t>
  </si>
  <si>
    <t>5702329590686</t>
  </si>
  <si>
    <t>VELUX Plissee elektro FML UK08 1274K</t>
  </si>
  <si>
    <t>FML UK08 1274KWL</t>
  </si>
  <si>
    <t>5702329586528</t>
  </si>
  <si>
    <t>VELUX Plissee elektro FML UK08 1274KWL</t>
  </si>
  <si>
    <t>FML UK08 1275K</t>
  </si>
  <si>
    <t>5702329590709</t>
  </si>
  <si>
    <t>VELUX Plissee elektro FML UK08 1275K</t>
  </si>
  <si>
    <t>FML UK08 1275KWL</t>
  </si>
  <si>
    <t>5702329586559</t>
  </si>
  <si>
    <t>VELUX Plissee elektro FML UK08 1275KWL</t>
  </si>
  <si>
    <t>FML UK08 1276KWL</t>
  </si>
  <si>
    <t>5702329586580</t>
  </si>
  <si>
    <t>VELUX Plissee elektro FML UK08 1276KWL</t>
  </si>
  <si>
    <t>FML UK08 1277K</t>
  </si>
  <si>
    <t>5702329590747</t>
  </si>
  <si>
    <t>VELUX Plissee elektro FML UK08 1277K</t>
  </si>
  <si>
    <t>FML UK08 1277KWL</t>
  </si>
  <si>
    <t>5702329586610</t>
  </si>
  <si>
    <t>VELUX Plissee elektro FML UK08 1277KWL</t>
  </si>
  <si>
    <t>FML UK08 1278K</t>
  </si>
  <si>
    <t>5702329590761</t>
  </si>
  <si>
    <t>VELUX Plissee elektro FML UK08 1278K</t>
  </si>
  <si>
    <t>FML UK08 1278KWL</t>
  </si>
  <si>
    <t>5702329586641</t>
  </si>
  <si>
    <t>VELUX Plissee elektro FML UK08 1278KWL</t>
  </si>
  <si>
    <t>FML UK08 1281KWL</t>
  </si>
  <si>
    <t>5702329586733</t>
  </si>
  <si>
    <t>VELUX Plissee elektro FML UK08 1281KWL</t>
  </si>
  <si>
    <t>FML UK08 1282K</t>
  </si>
  <si>
    <t>5702329590846</t>
  </si>
  <si>
    <t>VELUX Plissee elektro FML UK08 1282K</t>
  </si>
  <si>
    <t>FML UK08 1282KWL</t>
  </si>
  <si>
    <t>5702329586764</t>
  </si>
  <si>
    <t>VELUX Plissee elektro FML UK08 1282KWL</t>
  </si>
  <si>
    <t>FML UK08 1283K</t>
  </si>
  <si>
    <t>5702329590860</t>
  </si>
  <si>
    <t>VELUX Plissee elektro FML UK08 1283K</t>
  </si>
  <si>
    <t>FML UK08 1283KWL</t>
  </si>
  <si>
    <t>5702329586795</t>
  </si>
  <si>
    <t>VELUX Plissee elektro FML UK08 1283KWL</t>
  </si>
  <si>
    <t>FML UK08 1284K</t>
  </si>
  <si>
    <t>5702329590884</t>
  </si>
  <si>
    <t>VELUX Plissee elektro FML UK08 1284K</t>
  </si>
  <si>
    <t>FML UK08 1284KWL</t>
  </si>
  <si>
    <t>5702329586818</t>
  </si>
  <si>
    <t>VELUX Plissee elektro FML UK08 1284KWL</t>
  </si>
  <si>
    <t>FML UK08 1286K</t>
  </si>
  <si>
    <t>5702329590921</t>
  </si>
  <si>
    <t>VELUX Plissee elektro FML UK08 1286K</t>
  </si>
  <si>
    <t>FML UK08 1286KWL</t>
  </si>
  <si>
    <t>5702329586870</t>
  </si>
  <si>
    <t>VELUX Plissee elektro FML UK08 1286KWL</t>
  </si>
  <si>
    <t>FML UK10 1016K</t>
  </si>
  <si>
    <t>5702329590945</t>
  </si>
  <si>
    <t>VELUX Plissee elektro FML UK10 1016K</t>
  </si>
  <si>
    <t>FML UK10 1016KWL</t>
  </si>
  <si>
    <t>5702329586900</t>
  </si>
  <si>
    <t>VELUX Plissee elektro FML UK10 1016KWL</t>
  </si>
  <si>
    <t>FML UK10 1256KWL</t>
  </si>
  <si>
    <t>5702329586931</t>
  </si>
  <si>
    <t>VELUX Plissee elektro FML UK10 1256KWL</t>
  </si>
  <si>
    <t>FML UK10 1259K</t>
  </si>
  <si>
    <t>5702329590983</t>
  </si>
  <si>
    <t>VELUX Plissee elektro FML UK10 1259K</t>
  </si>
  <si>
    <t>FML UK10 1259KWL</t>
  </si>
  <si>
    <t>5702329586962</t>
  </si>
  <si>
    <t>VELUX Plissee elektro FML UK10 1259KWL</t>
  </si>
  <si>
    <t>FML UK10 1274K</t>
  </si>
  <si>
    <t>5702329591003</t>
  </si>
  <si>
    <t>VELUX Plissee elektro FML UK10 1274K</t>
  </si>
  <si>
    <t>FML UK10 1274KWL</t>
  </si>
  <si>
    <t>5702329586993</t>
  </si>
  <si>
    <t>VELUX Plissee elektro FML UK10 1274KWL</t>
  </si>
  <si>
    <t>FML UK10 1275KWL</t>
  </si>
  <si>
    <t>5702329587020</t>
  </si>
  <si>
    <t>VELUX Plissee elektro FML UK10 1275KWL</t>
  </si>
  <si>
    <t>FML UK10 1277KWL</t>
  </si>
  <si>
    <t>5702329587082</t>
  </si>
  <si>
    <t>VELUX Plissee elektro FML UK10 1277KWL</t>
  </si>
  <si>
    <t>FML UK10 1278KWL</t>
  </si>
  <si>
    <t>5702329587112</t>
  </si>
  <si>
    <t>VELUX Plissee elektro FML UK10 1278KWL</t>
  </si>
  <si>
    <t>FML UK10 1281KWL</t>
  </si>
  <si>
    <t>5702329587198</t>
  </si>
  <si>
    <t>VELUX Plissee elektro FML UK10 1281KWL</t>
  </si>
  <si>
    <t>FML UK10 1282K</t>
  </si>
  <si>
    <t>5702329591164</t>
  </si>
  <si>
    <t>VELUX Plissee elektro FML UK10 1282K</t>
  </si>
  <si>
    <t>FML UK10 1282KWL</t>
  </si>
  <si>
    <t>5702329587228</t>
  </si>
  <si>
    <t>VELUX Plissee elektro FML UK10 1282KWL</t>
  </si>
  <si>
    <t>FML UK10 1283K</t>
  </si>
  <si>
    <t>5702329591188</t>
  </si>
  <si>
    <t>VELUX Plissee elektro FML UK10 1283K</t>
  </si>
  <si>
    <t>FML UK10 1283KWL</t>
  </si>
  <si>
    <t>5702329587259</t>
  </si>
  <si>
    <t>VELUX Plissee elektro FML UK10 1283KWL</t>
  </si>
  <si>
    <t>FML UK10 1284KWL</t>
  </si>
  <si>
    <t>5702329587280</t>
  </si>
  <si>
    <t>VELUX Plissee elektro FML UK10 1284KWL</t>
  </si>
  <si>
    <t>FML UK10 1286K</t>
  </si>
  <si>
    <t>5702329591249</t>
  </si>
  <si>
    <t>VELUX Plissee elektro FML UK10 1286K</t>
  </si>
  <si>
    <t>FOL C02 1016S</t>
  </si>
  <si>
    <t>5702329994538</t>
  </si>
  <si>
    <t>VELUX Set Ma.+Pl. FOL C02 1016S</t>
  </si>
  <si>
    <t>FOL C02 1016SWL</t>
  </si>
  <si>
    <t>5702329994521</t>
  </si>
  <si>
    <t>VELUX Set Ma.+Pl. FOL C02 1016SWL</t>
  </si>
  <si>
    <t>FOL C02 1259S</t>
  </si>
  <si>
    <t>5702329994552</t>
  </si>
  <si>
    <t>VELUX Set Ma.+Pl. FOL C02 1259S</t>
  </si>
  <si>
    <t>FOL C02 1259SWL</t>
  </si>
  <si>
    <t>5702329994545</t>
  </si>
  <si>
    <t>VELUX Set Ma.+Pl. FOL C02 1259SWL</t>
  </si>
  <si>
    <t>FOL C02 1274S</t>
  </si>
  <si>
    <t>5702329994576</t>
  </si>
  <si>
    <t>VELUX Set Ma.+Pl. FOL C02 1274S</t>
  </si>
  <si>
    <t>FOL C02 1274SWL</t>
  </si>
  <si>
    <t>5702329994569</t>
  </si>
  <si>
    <t>VELUX Set Ma.+Pl. FOL C02 1274SWL</t>
  </si>
  <si>
    <t>FOL C02 1282S</t>
  </si>
  <si>
    <t>5702329994590</t>
  </si>
  <si>
    <t>VELUX Set Ma.+Pl. FOL C02 1282S</t>
  </si>
  <si>
    <t>FOL C02 1282SWL</t>
  </si>
  <si>
    <t>5702329994583</t>
  </si>
  <si>
    <t>VELUX Set Ma.+Pl. FOL C02 1282SWL</t>
  </si>
  <si>
    <t>FOL C04 1016S</t>
  </si>
  <si>
    <t>5702329994613</t>
  </si>
  <si>
    <t>VELUX Set Ma.+Pl. FOL C04 1016S</t>
  </si>
  <si>
    <t>FOL C04 1016SWL</t>
  </si>
  <si>
    <t>5702329994606</t>
  </si>
  <si>
    <t>VELUX Set Ma.+Pl. FOL C04 1016SWL</t>
  </si>
  <si>
    <t>FOL C04 1259S</t>
  </si>
  <si>
    <t>5702329994637</t>
  </si>
  <si>
    <t>VELUX Set Ma.+Pl. FOL C04 1259S</t>
  </si>
  <si>
    <t>FOL C04 1259SWL</t>
  </si>
  <si>
    <t>5702329994620</t>
  </si>
  <si>
    <t>VELUX Set Ma.+Pl. FOL C04 1259SWL</t>
  </si>
  <si>
    <t>FOL C04 1274S</t>
  </si>
  <si>
    <t>5702329994651</t>
  </si>
  <si>
    <t>VELUX Set Ma.+Pl. FOL C04 1274S</t>
  </si>
  <si>
    <t>FOL C04 1274SWL</t>
  </si>
  <si>
    <t>5702329994644</t>
  </si>
  <si>
    <t>VELUX Set Ma.+Pl. FOL C04 1274SWL</t>
  </si>
  <si>
    <t>FOL C04 1282S</t>
  </si>
  <si>
    <t>5702329994675</t>
  </si>
  <si>
    <t>VELUX Set Ma.+Pl. FOL C04 1282S</t>
  </si>
  <si>
    <t>FOL C04 1282SWL</t>
  </si>
  <si>
    <t>5702329994668</t>
  </si>
  <si>
    <t>VELUX Set Ma.+Pl. FOL C04 1282SWL</t>
  </si>
  <si>
    <t>FOL C06 1016S</t>
  </si>
  <si>
    <t>5702329994699</t>
  </si>
  <si>
    <t>VELUX Set Ma.+Pl. FOL C06 1016S</t>
  </si>
  <si>
    <t>FOL C06 1016SWL</t>
  </si>
  <si>
    <t>5702329994682</t>
  </si>
  <si>
    <t>VELUX Set Ma.+Pl. FOL C06 1016SWL</t>
  </si>
  <si>
    <t>FOL C06 1259S</t>
  </si>
  <si>
    <t>5702329994712</t>
  </si>
  <si>
    <t>VELUX Set Ma.+Pl. FOL C06 1259S</t>
  </si>
  <si>
    <t>FOL C06 1259SWL</t>
  </si>
  <si>
    <t>5702329994705</t>
  </si>
  <si>
    <t>VELUX Set Ma.+Pl. FOL C06 1259SWL</t>
  </si>
  <si>
    <t>FOL C06 1274S</t>
  </si>
  <si>
    <t>5702329994736</t>
  </si>
  <si>
    <t>VELUX Set Ma.+Pl. FOL C06 1274S</t>
  </si>
  <si>
    <t>FOL C06 1274SWL</t>
  </si>
  <si>
    <t>5702329994729</t>
  </si>
  <si>
    <t>VELUX Set Ma.+Pl. FOL C06 1274SWL</t>
  </si>
  <si>
    <t>FOL C06 1282S</t>
  </si>
  <si>
    <t>5702329994750</t>
  </si>
  <si>
    <t>VELUX Set Ma.+Pl. FOL C06 1282S</t>
  </si>
  <si>
    <t>FOL C06 1282SWL</t>
  </si>
  <si>
    <t>5702329994743</t>
  </si>
  <si>
    <t>VELUX Set Ma.+Pl. FOL C06 1282SWL</t>
  </si>
  <si>
    <t>FOL CK02 1016S</t>
  </si>
  <si>
    <t>5702329994859</t>
  </si>
  <si>
    <t>VELUX Set Ma.+Pl. FOL CK02 1016S</t>
  </si>
  <si>
    <t>FOL CK02 1016SWL</t>
  </si>
  <si>
    <t>5702329994842</t>
  </si>
  <si>
    <t>VELUX Set Ma.+Pl. FOL CK02 1016SWL</t>
  </si>
  <si>
    <t>FOL CK02 1259S</t>
  </si>
  <si>
    <t>5702329994873</t>
  </si>
  <si>
    <t>VELUX Set Ma.+Pl. FOL CK02 1259S</t>
  </si>
  <si>
    <t>FOL CK02 1259SWL</t>
  </si>
  <si>
    <t>5702329994866</t>
  </si>
  <si>
    <t>VELUX Set Ma.+Pl. FOL CK02 1259SWL</t>
  </si>
  <si>
    <t>FOL CK02 1274S</t>
  </si>
  <si>
    <t>5702329994897</t>
  </si>
  <si>
    <t>VELUX Set Ma.+Pl. FOL CK02 1274S</t>
  </si>
  <si>
    <t>FOL CK02 1274SWL</t>
  </si>
  <si>
    <t>5702329994880</t>
  </si>
  <si>
    <t>VELUX Set Ma.+Pl. FOL CK02 1274SWL</t>
  </si>
  <si>
    <t>FOL CK02 1282S</t>
  </si>
  <si>
    <t>5702329994910</t>
  </si>
  <si>
    <t>VELUX Set Ma.+Pl. FOL CK02 1282S</t>
  </si>
  <si>
    <t>FOL CK02 1282SWL</t>
  </si>
  <si>
    <t>5702329994903</t>
  </si>
  <si>
    <t>VELUX Set Ma.+Pl. FOL CK02 1282SWL</t>
  </si>
  <si>
    <t>FOL CK04 1016S</t>
  </si>
  <si>
    <t>5702329994934</t>
  </si>
  <si>
    <t>VELUX Set Ma.+Pl. FOL CK04 1016S</t>
  </si>
  <si>
    <t>FOL CK04 1016SWL</t>
  </si>
  <si>
    <t>5702329994927</t>
  </si>
  <si>
    <t>VELUX Set Ma.+Pl. FOL CK04 1016SWL</t>
  </si>
  <si>
    <t>FOL CK04 1259S</t>
  </si>
  <si>
    <t>5702329994958</t>
  </si>
  <si>
    <t>VELUX Set Ma.+Pl. FOL CK04 1259S</t>
  </si>
  <si>
    <t>FOL CK04 1259SWL</t>
  </si>
  <si>
    <t>5702329994941</t>
  </si>
  <si>
    <t>VELUX Set Ma.+Pl. FOL CK04 1259SWL</t>
  </si>
  <si>
    <t>FOL CK04 1274S</t>
  </si>
  <si>
    <t>5702329994972</t>
  </si>
  <si>
    <t>VELUX Set Ma.+Pl. FOL CK04 1274S</t>
  </si>
  <si>
    <t>FOL CK04 1274SWL</t>
  </si>
  <si>
    <t>5702329994965</t>
  </si>
  <si>
    <t>VELUX Set Ma.+Pl. FOL CK04 1274SWL</t>
  </si>
  <si>
    <t>FOL CK04 1282S</t>
  </si>
  <si>
    <t>5702329994996</t>
  </si>
  <si>
    <t>VELUX Set Ma.+Pl. FOL CK04 1282S</t>
  </si>
  <si>
    <t>FOL CK04 1282SWL</t>
  </si>
  <si>
    <t>5702329994989</t>
  </si>
  <si>
    <t>VELUX Set Ma.+Pl. FOL CK04 1282SWL</t>
  </si>
  <si>
    <t>FOL CK06 1016S</t>
  </si>
  <si>
    <t>5702329995016</t>
  </si>
  <si>
    <t>VELUX Set Ma.+Pl. FOL CK06 1016S</t>
  </si>
  <si>
    <t>FOL CK06 1016SWL</t>
  </si>
  <si>
    <t>5702329995009</t>
  </si>
  <si>
    <t>VELUX Set Ma.+Pl. FOL CK06 1016SWL</t>
  </si>
  <si>
    <t>FOL CK06 1259S</t>
  </si>
  <si>
    <t>5702329995030</t>
  </si>
  <si>
    <t>VELUX Set Ma.+Pl. FOL CK06 1259S</t>
  </si>
  <si>
    <t>FOL CK06 1259SWL</t>
  </si>
  <si>
    <t>5702329995023</t>
  </si>
  <si>
    <t>VELUX Set Ma.+Pl. FOL CK06 1259SWL</t>
  </si>
  <si>
    <t>FOL CK06 1274S</t>
  </si>
  <si>
    <t>5702329995054</t>
  </si>
  <si>
    <t>VELUX Set Ma.+Pl. FOL CK06 1274S</t>
  </si>
  <si>
    <t>FOL CK06 1274SWL</t>
  </si>
  <si>
    <t>5702329995047</t>
  </si>
  <si>
    <t>VELUX Set Ma.+Pl. FOL CK06 1274SWL</t>
  </si>
  <si>
    <t>FOL CK06 1282S</t>
  </si>
  <si>
    <t>5702329995078</t>
  </si>
  <si>
    <t>VELUX Set Ma.+Pl. FOL CK06 1282S</t>
  </si>
  <si>
    <t>FOL CK06 1282SWL</t>
  </si>
  <si>
    <t>5702329995061</t>
  </si>
  <si>
    <t>VELUX Set Ma.+Pl. FOL CK06 1282SWL</t>
  </si>
  <si>
    <t>FOL F04 1016S</t>
  </si>
  <si>
    <t>5702329995092</t>
  </si>
  <si>
    <t>VELUX Set Ma.+Pl. FOL F04 1016S</t>
  </si>
  <si>
    <t>FOL F04 1016SWL</t>
  </si>
  <si>
    <t>5702329995085</t>
  </si>
  <si>
    <t>VELUX Set Ma.+Pl. FOL F04 1016SWL</t>
  </si>
  <si>
    <t>FOL F04 1259S</t>
  </si>
  <si>
    <t>5702329995115</t>
  </si>
  <si>
    <t>VELUX Set Ma.+Pl. FOL F04 1259S</t>
  </si>
  <si>
    <t>FOL F04 1259SWL</t>
  </si>
  <si>
    <t>5702329995108</t>
  </si>
  <si>
    <t>VELUX Set Ma.+Pl. FOL F04 1259SWL</t>
  </si>
  <si>
    <t>FOL F04 1274S</t>
  </si>
  <si>
    <t>5702329995139</t>
  </si>
  <si>
    <t>VELUX Set Ma.+Pl. FOL F04 1274S</t>
  </si>
  <si>
    <t>FOL F04 1274SWL</t>
  </si>
  <si>
    <t>5702329995122</t>
  </si>
  <si>
    <t>VELUX Set Ma.+Pl. FOL F04 1274SWL</t>
  </si>
  <si>
    <t>FOL F04 1282S</t>
  </si>
  <si>
    <t>5702329995153</t>
  </si>
  <si>
    <t>VELUX Set Ma.+Pl. FOL F04 1282S</t>
  </si>
  <si>
    <t>FOL F04 1282SWL</t>
  </si>
  <si>
    <t>5702329995146</t>
  </si>
  <si>
    <t>VELUX Set Ma.+Pl. FOL F04 1282SWL</t>
  </si>
  <si>
    <t>FOL F06 1016S</t>
  </si>
  <si>
    <t>5702329995177</t>
  </si>
  <si>
    <t>VELUX Set Ma.+Pl. FOL F06 1016S</t>
  </si>
  <si>
    <t>FOL F06 1016SWL</t>
  </si>
  <si>
    <t>5702329995160</t>
  </si>
  <si>
    <t>VELUX Set Ma.+Pl. FOL F06 1016SWL</t>
  </si>
  <si>
    <t>FOL F06 1259S</t>
  </si>
  <si>
    <t>5702329995191</t>
  </si>
  <si>
    <t>VELUX Set Ma.+Pl. FOL F06 1259S</t>
  </si>
  <si>
    <t>FOL F06 1259SWL</t>
  </si>
  <si>
    <t>5702329995184</t>
  </si>
  <si>
    <t>VELUX Set Ma.+Pl. FOL F06 1259SWL</t>
  </si>
  <si>
    <t>FOL F06 1274S</t>
  </si>
  <si>
    <t>5702329995214</t>
  </si>
  <si>
    <t>VELUX Set Ma.+Pl. FOL F06 1274S</t>
  </si>
  <si>
    <t>FOL F06 1274SWL</t>
  </si>
  <si>
    <t>5702329995207</t>
  </si>
  <si>
    <t>VELUX Set Ma.+Pl. FOL F06 1274SWL</t>
  </si>
  <si>
    <t>FOL F06 1282S</t>
  </si>
  <si>
    <t>5702329995238</t>
  </si>
  <si>
    <t>VELUX Set Ma.+Pl. FOL F06 1282S</t>
  </si>
  <si>
    <t>FOL F06 1282SWL</t>
  </si>
  <si>
    <t>5702329995221</t>
  </si>
  <si>
    <t>VELUX Set Ma.+Pl. FOL F06 1282SWL</t>
  </si>
  <si>
    <t>FOL F08 1016S</t>
  </si>
  <si>
    <t>5702329995252</t>
  </si>
  <si>
    <t>VELUX Set Ma.+Pl. FOL F08 1016S</t>
  </si>
  <si>
    <t>FOL F08 1016SWL</t>
  </si>
  <si>
    <t>5702329995245</t>
  </si>
  <si>
    <t>VELUX Set Ma.+Pl. FOL F08 1016SWL</t>
  </si>
  <si>
    <t>FOL F08 1259S</t>
  </si>
  <si>
    <t>5702329995276</t>
  </si>
  <si>
    <t>VELUX Set Ma.+Pl. FOL F08 1259S</t>
  </si>
  <si>
    <t>FOL F08 1259SWL</t>
  </si>
  <si>
    <t>5702329995269</t>
  </si>
  <si>
    <t>VELUX Set Ma.+Pl. FOL F08 1259SWL</t>
  </si>
  <si>
    <t>FOL F08 1274S</t>
  </si>
  <si>
    <t>5702329995290</t>
  </si>
  <si>
    <t>VELUX Set Ma.+Pl. FOL F08 1274S</t>
  </si>
  <si>
    <t>FOL F08 1274SWL</t>
  </si>
  <si>
    <t>5702329995283</t>
  </si>
  <si>
    <t>VELUX Set Ma.+Pl. FOL F08 1274SWL</t>
  </si>
  <si>
    <t>FOL F08 1282S</t>
  </si>
  <si>
    <t>5702329995313</t>
  </si>
  <si>
    <t>VELUX Set Ma.+Pl. FOL F08 1282S</t>
  </si>
  <si>
    <t>FOL F08 1282SWL</t>
  </si>
  <si>
    <t>5702329995306</t>
  </si>
  <si>
    <t>VELUX Set Ma.+Pl. FOL F08 1282SWL</t>
  </si>
  <si>
    <t>FOL FK04 1016S</t>
  </si>
  <si>
    <t>5702329995337</t>
  </si>
  <si>
    <t>VELUX Set Ma.+Pl. FOL FK04 1016S</t>
  </si>
  <si>
    <t>FOL FK04 1016SWL</t>
  </si>
  <si>
    <t>5702329995320</t>
  </si>
  <si>
    <t>VELUX Set Ma.+Pl. FOL FK04 1016SWL</t>
  </si>
  <si>
    <t>FOL FK04 1259S</t>
  </si>
  <si>
    <t>5702329995351</t>
  </si>
  <si>
    <t>VELUX Set Ma.+Pl. FOL FK04 1259S</t>
  </si>
  <si>
    <t>FOL FK04 1259SWL</t>
  </si>
  <si>
    <t>5702329995344</t>
  </si>
  <si>
    <t>VELUX Set Ma.+Pl. FOL FK04 1259SWL</t>
  </si>
  <si>
    <t>FOL FK04 1274S</t>
  </si>
  <si>
    <t>5702329995375</t>
  </si>
  <si>
    <t>VELUX Set Ma.+Pl. FOL FK04 1274S</t>
  </si>
  <si>
    <t>FOL FK04 1274SWL</t>
  </si>
  <si>
    <t>5702329995368</t>
  </si>
  <si>
    <t>VELUX Set Ma.+Pl. FOL FK04 1274SWL</t>
  </si>
  <si>
    <t>FOL FK04 1282S</t>
  </si>
  <si>
    <t>5702329995399</t>
  </si>
  <si>
    <t>VELUX Set Ma.+Pl. FOL FK04 1282S</t>
  </si>
  <si>
    <t>FOL FK04 1282SWL</t>
  </si>
  <si>
    <t>5702329995382</t>
  </si>
  <si>
    <t>VELUX Set Ma.+Pl. FOL FK04 1282SWL</t>
  </si>
  <si>
    <t>FOL FK06 1016S</t>
  </si>
  <si>
    <t>5702329995412</t>
  </si>
  <si>
    <t>VELUX Set Ma.+Pl. FOL FK06 1016S</t>
  </si>
  <si>
    <t>FOL FK06 1016SWL</t>
  </si>
  <si>
    <t>5702329995405</t>
  </si>
  <si>
    <t>VELUX Set Ma.+Pl. FOL FK06 1016SWL</t>
  </si>
  <si>
    <t>FOL FK06 1259S</t>
  </si>
  <si>
    <t>5702329995436</t>
  </si>
  <si>
    <t>VELUX Set Ma.+Pl. FOL FK06 1259S</t>
  </si>
  <si>
    <t>FOL FK06 1259SWL</t>
  </si>
  <si>
    <t>5702329995429</t>
  </si>
  <si>
    <t>VELUX Set Ma.+Pl. FOL FK06 1259SWL</t>
  </si>
  <si>
    <t>FOL FK06 1274S</t>
  </si>
  <si>
    <t>5702329995450</t>
  </si>
  <si>
    <t>VELUX Set Ma.+Pl. FOL FK06 1274S</t>
  </si>
  <si>
    <t>FOL FK06 1274SWL</t>
  </si>
  <si>
    <t>5702329995443</t>
  </si>
  <si>
    <t>VELUX Set Ma.+Pl. FOL FK06 1274SWL</t>
  </si>
  <si>
    <t>FOL FK06 1282S</t>
  </si>
  <si>
    <t>5702329995474</t>
  </si>
  <si>
    <t>VELUX Set Ma.+Pl. FOL FK06 1282S</t>
  </si>
  <si>
    <t>FOL FK06 1282SWL</t>
  </si>
  <si>
    <t>5702329995467</t>
  </si>
  <si>
    <t>VELUX Set Ma.+Pl. FOL FK06 1282SWL</t>
  </si>
  <si>
    <t>FOL FK08 1016S</t>
  </si>
  <si>
    <t>5702329995498</t>
  </si>
  <si>
    <t>VELUX Set Ma.+Pl. FOL FK08 1016S</t>
  </si>
  <si>
    <t>FOL FK08 1016SWL</t>
  </si>
  <si>
    <t>5702329995481</t>
  </si>
  <si>
    <t>VELUX Set Ma.+Pl. FOL FK08 1016SWL</t>
  </si>
  <si>
    <t>FOL FK08 1259S</t>
  </si>
  <si>
    <t>5702329995511</t>
  </si>
  <si>
    <t>VELUX Set Ma.+Pl. FOL FK08 1259S</t>
  </si>
  <si>
    <t>FOL FK08 1259SWL</t>
  </si>
  <si>
    <t>5702329995504</t>
  </si>
  <si>
    <t>VELUX Set Ma.+Pl. FOL FK08 1259SWL</t>
  </si>
  <si>
    <t>FOL FK08 1274S</t>
  </si>
  <si>
    <t>5702329995535</t>
  </si>
  <si>
    <t>VELUX Set Ma.+Pl. FOL FK08 1274S</t>
  </si>
  <si>
    <t>FOL FK08 1274SWL</t>
  </si>
  <si>
    <t>5702329995528</t>
  </si>
  <si>
    <t>VELUX Set Ma.+Pl. FOL FK08 1274SWL</t>
  </si>
  <si>
    <t>FOL FK08 1282S</t>
  </si>
  <si>
    <t>5702329995559</t>
  </si>
  <si>
    <t>VELUX Set Ma.+Pl. FOL FK08 1282S</t>
  </si>
  <si>
    <t>FOL FK08 1282SWL</t>
  </si>
  <si>
    <t>5702329995542</t>
  </si>
  <si>
    <t>VELUX Set Ma.+Pl. FOL FK08 1282SWL</t>
  </si>
  <si>
    <t>FOL M04 1016S</t>
  </si>
  <si>
    <t>5702329995573</t>
  </si>
  <si>
    <t>VELUX Set Ma.+Pl. FOL M04 1016S</t>
  </si>
  <si>
    <t>FOL M04 1016SWL</t>
  </si>
  <si>
    <t>5702329995566</t>
  </si>
  <si>
    <t>VELUX Set Ma.+Pl. FOL M04 1016SWL</t>
  </si>
  <si>
    <t>FOL M04 1259S</t>
  </si>
  <si>
    <t>5702329995597</t>
  </si>
  <si>
    <t>VELUX Set Ma.+Pl. FOL M04 1259S</t>
  </si>
  <si>
    <t>FOL M04 1259SWL</t>
  </si>
  <si>
    <t>5702329995580</t>
  </si>
  <si>
    <t>VELUX Set Ma.+Pl. FOL M04 1259SWL</t>
  </si>
  <si>
    <t>FOL M04 1274S</t>
  </si>
  <si>
    <t>5702329995610</t>
  </si>
  <si>
    <t>VELUX Set Ma.+Pl. FOL M04 1274S</t>
  </si>
  <si>
    <t>FOL M04 1274SWL</t>
  </si>
  <si>
    <t>5702329995603</t>
  </si>
  <si>
    <t>VELUX Set Ma.+Pl. FOL M04 1274SWL</t>
  </si>
  <si>
    <t>FOL M04 1282S</t>
  </si>
  <si>
    <t>5702329995634</t>
  </si>
  <si>
    <t>VELUX Set Ma.+Pl. FOL M04 1282S</t>
  </si>
  <si>
    <t>FOL M04 1282SWL</t>
  </si>
  <si>
    <t>5702329995627</t>
  </si>
  <si>
    <t>VELUX Set Ma.+Pl. FOL M04 1282SWL</t>
  </si>
  <si>
    <t>FOL M06 1016S</t>
  </si>
  <si>
    <t>5702329995658</t>
  </si>
  <si>
    <t>VELUX Set Ma.+Pl. FOL M06 1016S</t>
  </si>
  <si>
    <t>FOL M06 1016SWL</t>
  </si>
  <si>
    <t>5702329995641</t>
  </si>
  <si>
    <t>VELUX Set Ma.+Pl. FOL M06 1016SWL</t>
  </si>
  <si>
    <t>FOL M06 1259S</t>
  </si>
  <si>
    <t>5702329995672</t>
  </si>
  <si>
    <t>VELUX Set Ma.+Pl. FOL M06 1259S</t>
  </si>
  <si>
    <t>FOL M06 1259SWL</t>
  </si>
  <si>
    <t>5702329995665</t>
  </si>
  <si>
    <t>VELUX Set Ma.+Pl. FOL M06 1259SWL</t>
  </si>
  <si>
    <t>FOL M06 1274S</t>
  </si>
  <si>
    <t>5702329995696</t>
  </si>
  <si>
    <t>VELUX Set Ma.+Pl. FOL M06 1274S</t>
  </si>
  <si>
    <t>FOL M06 1274SWL</t>
  </si>
  <si>
    <t>5702329995689</t>
  </si>
  <si>
    <t>VELUX Set Ma.+Pl. FOL M06 1274SWL</t>
  </si>
  <si>
    <t>FOL M06 1282S</t>
  </si>
  <si>
    <t>5702329995719</t>
  </si>
  <si>
    <t>VELUX Set Ma.+Pl. FOL M06 1282S</t>
  </si>
  <si>
    <t>FOL M06 1282SWL</t>
  </si>
  <si>
    <t>5702329995702</t>
  </si>
  <si>
    <t>VELUX Set Ma.+Pl. FOL M06 1282SWL</t>
  </si>
  <si>
    <t>FOL M08 1016S</t>
  </si>
  <si>
    <t>5702329995733</t>
  </si>
  <si>
    <t>VELUX Set Ma.+Pl. FOL M08 1016S</t>
  </si>
  <si>
    <t>FOL M08 1016SWL</t>
  </si>
  <si>
    <t>5702329995726</t>
  </si>
  <si>
    <t>VELUX Set Ma.+Pl. FOL M08 1016SWL</t>
  </si>
  <si>
    <t>FOL M08 1259S</t>
  </si>
  <si>
    <t>5702329995757</t>
  </si>
  <si>
    <t>VELUX Set Ma.+Pl. FOL M08 1259S</t>
  </si>
  <si>
    <t>FOL M08 1259SWL</t>
  </si>
  <si>
    <t>5702329995740</t>
  </si>
  <si>
    <t>VELUX Set Ma.+Pl. FOL M08 1259SWL</t>
  </si>
  <si>
    <t>FOL M08 1274S</t>
  </si>
  <si>
    <t>5702329995771</t>
  </si>
  <si>
    <t>VELUX Set Ma.+Pl. FOL M08 1274S</t>
  </si>
  <si>
    <t>FOL M08 1274SWL</t>
  </si>
  <si>
    <t>5702329995764</t>
  </si>
  <si>
    <t>VELUX Set Ma.+Pl. FOL M08 1274SWL</t>
  </si>
  <si>
    <t>FOL M08 1282S</t>
  </si>
  <si>
    <t>5702329995795</t>
  </si>
  <si>
    <t>VELUX Set Ma.+Pl. FOL M08 1282S</t>
  </si>
  <si>
    <t>FOL M08 1282SWL</t>
  </si>
  <si>
    <t>5702329995788</t>
  </si>
  <si>
    <t>VELUX Set Ma.+Pl. FOL M08 1282SWL</t>
  </si>
  <si>
    <t>FOL M10 1016S</t>
  </si>
  <si>
    <t>5702329995818</t>
  </si>
  <si>
    <t>VELUX Set Ma.+Pl. FOL M10 1016S</t>
  </si>
  <si>
    <t>FOL M10 1016SWL</t>
  </si>
  <si>
    <t>5702329995801</t>
  </si>
  <si>
    <t>VELUX Set Ma.+Pl. FOL M10 1016SWL</t>
  </si>
  <si>
    <t>FOL M10 1259S</t>
  </si>
  <si>
    <t>5702329995832</t>
  </si>
  <si>
    <t>VELUX Set Ma.+Pl. FOL M10 1259S</t>
  </si>
  <si>
    <t>FOL M10 1259SWL</t>
  </si>
  <si>
    <t>5702329995825</t>
  </si>
  <si>
    <t>VELUX Set Ma.+Pl. FOL M10 1259SWL</t>
  </si>
  <si>
    <t>FOL M10 1274S</t>
  </si>
  <si>
    <t>5702329995856</t>
  </si>
  <si>
    <t>VELUX Set Ma.+Pl. FOL M10 1274S</t>
  </si>
  <si>
    <t>FOL M10 1274SWL</t>
  </si>
  <si>
    <t>5702329995849</t>
  </si>
  <si>
    <t>VELUX Set Ma.+Pl. FOL M10 1274SWL</t>
  </si>
  <si>
    <t>FOL M10 1282S</t>
  </si>
  <si>
    <t>5702329995870</t>
  </si>
  <si>
    <t>VELUX Set Ma.+Pl. FOL M10 1282S</t>
  </si>
  <si>
    <t>FOL M10 1282SWL</t>
  </si>
  <si>
    <t>5702329995863</t>
  </si>
  <si>
    <t>VELUX Set Ma.+Pl. FOL M10 1282SWL</t>
  </si>
  <si>
    <t>FOL MK04 1016S</t>
  </si>
  <si>
    <t>5702329995979</t>
  </si>
  <si>
    <t>VELUX Set Ma.+Pl. FOL MK04 1016S</t>
  </si>
  <si>
    <t>FOL MK04 1016SWL</t>
  </si>
  <si>
    <t>5702329995962</t>
  </si>
  <si>
    <t>VELUX Set Ma.+Pl. FOL MK04 1016SWL</t>
  </si>
  <si>
    <t>FOL MK04 1259S</t>
  </si>
  <si>
    <t>5702329995993</t>
  </si>
  <si>
    <t>VELUX Set Ma.+Pl. FOL MK04 1259S</t>
  </si>
  <si>
    <t>FOL MK04 1259SWL</t>
  </si>
  <si>
    <t>5702329995986</t>
  </si>
  <si>
    <t>VELUX Set Ma.+Pl. FOL MK04 1259SWL</t>
  </si>
  <si>
    <t>FOL MK04 1274S</t>
  </si>
  <si>
    <t>5702329996013</t>
  </si>
  <si>
    <t>VELUX Set Ma.+Pl. FOL MK04 1274S</t>
  </si>
  <si>
    <t>FOL MK04 1274SWL</t>
  </si>
  <si>
    <t>5702329996006</t>
  </si>
  <si>
    <t>VELUX Set Ma.+Pl. FOL MK04 1274SWL</t>
  </si>
  <si>
    <t>FOL MK04 1282S</t>
  </si>
  <si>
    <t>5702329996037</t>
  </si>
  <si>
    <t>VELUX Set Ma.+Pl. FOL MK04 1282S</t>
  </si>
  <si>
    <t>FOL MK04 1282SWL</t>
  </si>
  <si>
    <t>5702329996020</t>
  </si>
  <si>
    <t>VELUX Set Ma.+Pl. FOL MK04 1282SWL</t>
  </si>
  <si>
    <t>FOL MK06 1016S</t>
  </si>
  <si>
    <t>5702329996051</t>
  </si>
  <si>
    <t>VELUX Set Ma.+Pl. FOL MK06 1016S</t>
  </si>
  <si>
    <t>FOL MK06 1016SWL</t>
  </si>
  <si>
    <t>5702329996044</t>
  </si>
  <si>
    <t>VELUX Set Ma.+Pl. FOL MK06 1016SWL</t>
  </si>
  <si>
    <t>FOL MK06 1259S</t>
  </si>
  <si>
    <t>5702329996075</t>
  </si>
  <si>
    <t>VELUX Set Ma.+Pl. FOL MK06 1259S</t>
  </si>
  <si>
    <t>FOL MK06 1259SWL</t>
  </si>
  <si>
    <t>5702329996068</t>
  </si>
  <si>
    <t>VELUX Set Ma.+Pl. FOL MK06 1259SWL</t>
  </si>
  <si>
    <t>FOL MK06 1274S</t>
  </si>
  <si>
    <t>5702329996099</t>
  </si>
  <si>
    <t>VELUX Set Ma.+Pl. FOL MK06 1274S</t>
  </si>
  <si>
    <t>FOL MK06 1274SWL</t>
  </si>
  <si>
    <t>5702329996082</t>
  </si>
  <si>
    <t>VELUX Set Ma.+Pl. FOL MK06 1274SWL</t>
  </si>
  <si>
    <t>FOL MK06 1282S</t>
  </si>
  <si>
    <t>5702329996112</t>
  </si>
  <si>
    <t>VELUX Set Ma.+Pl. FOL MK06 1282S</t>
  </si>
  <si>
    <t>FOL MK06 1282SWL</t>
  </si>
  <si>
    <t>5702329996105</t>
  </si>
  <si>
    <t>VELUX Set Ma.+Pl. FOL MK06 1282SWL</t>
  </si>
  <si>
    <t>FOL MK08 1016S</t>
  </si>
  <si>
    <t>5702329996136</t>
  </si>
  <si>
    <t>VELUX Set Ma.+Pl. FOL MK08 1016S</t>
  </si>
  <si>
    <t>FOL MK08 1016SWL</t>
  </si>
  <si>
    <t>5702329996129</t>
  </si>
  <si>
    <t>VELUX Set Ma.+Pl. FOL MK08 1016SWL</t>
  </si>
  <si>
    <t>FOL MK08 1259S</t>
  </si>
  <si>
    <t>5702329996150</t>
  </si>
  <si>
    <t>VELUX Set Ma.+Pl. FOL MK08 1259S</t>
  </si>
  <si>
    <t>FOL MK08 1259SWL</t>
  </si>
  <si>
    <t>5702329996143</t>
  </si>
  <si>
    <t>VELUX Set Ma.+Pl. FOL MK08 1259SWL</t>
  </si>
  <si>
    <t>FOL MK08 1274S</t>
  </si>
  <si>
    <t>5702329996174</t>
  </si>
  <si>
    <t>VELUX Set Ma.+Pl. FOL MK08 1274S</t>
  </si>
  <si>
    <t>FOL MK08 1274SWL</t>
  </si>
  <si>
    <t>5702329996167</t>
  </si>
  <si>
    <t>VELUX Set Ma.+Pl. FOL MK08 1274SWL</t>
  </si>
  <si>
    <t>FOL MK08 1282S</t>
  </si>
  <si>
    <t>5702329996198</t>
  </si>
  <si>
    <t>VELUX Set Ma.+Pl. FOL MK08 1282S</t>
  </si>
  <si>
    <t>FOL MK08 1282SWL</t>
  </si>
  <si>
    <t>5702329996181</t>
  </si>
  <si>
    <t>VELUX Set Ma.+Pl. FOL MK08 1282SWL</t>
  </si>
  <si>
    <t>FOL MK10 1016S</t>
  </si>
  <si>
    <t>5702329996211</t>
  </si>
  <si>
    <t>VELUX Set Ma.+Pl. FOL MK10 1016S</t>
  </si>
  <si>
    <t>FOL MK10 1016SWL</t>
  </si>
  <si>
    <t>5702329996204</t>
  </si>
  <si>
    <t>VELUX Set Ma.+Pl. FOL MK10 1016SWL</t>
  </si>
  <si>
    <t>FOL MK10 1259S</t>
  </si>
  <si>
    <t>5702329996235</t>
  </si>
  <si>
    <t>VELUX Set Ma.+Pl. FOL MK10 1259S</t>
  </si>
  <si>
    <t>FOL MK10 1259SWL</t>
  </si>
  <si>
    <t>5702329996228</t>
  </si>
  <si>
    <t>VELUX Set Ma.+Pl. FOL MK10 1259SWL</t>
  </si>
  <si>
    <t>FOL MK10 1274S</t>
  </si>
  <si>
    <t>5702329996259</t>
  </si>
  <si>
    <t>VELUX Set Ma.+Pl. FOL MK10 1274S</t>
  </si>
  <si>
    <t>FOL MK10 1274SWL</t>
  </si>
  <si>
    <t>5702329996242</t>
  </si>
  <si>
    <t>VELUX Set Ma.+Pl. FOL MK10 1274SWL</t>
  </si>
  <si>
    <t>FOL MK10 1282S</t>
  </si>
  <si>
    <t>5702329996273</t>
  </si>
  <si>
    <t>VELUX Set Ma.+Pl. FOL MK10 1282S</t>
  </si>
  <si>
    <t>FOL MK10 1282SWL</t>
  </si>
  <si>
    <t>5702329996266</t>
  </si>
  <si>
    <t>VELUX Set Ma.+Pl. FOL MK10 1282SWL</t>
  </si>
  <si>
    <t>FOL MK12 1016S</t>
  </si>
  <si>
    <t>5702329996297</t>
  </si>
  <si>
    <t>VELUX Set Ma.+Pl. FOL MK12 1016S</t>
  </si>
  <si>
    <t>FOL MK12 1016SWL</t>
  </si>
  <si>
    <t>5702329996280</t>
  </si>
  <si>
    <t>VELUX Set Ma.+Pl. FOL MK12 1016SWL</t>
  </si>
  <si>
    <t>FOL MK12 1259S</t>
  </si>
  <si>
    <t>5702329996310</t>
  </si>
  <si>
    <t>VELUX Set Ma.+Pl. FOL MK12 1259S</t>
  </si>
  <si>
    <t>FOL MK12 1259SWL</t>
  </si>
  <si>
    <t>5702329996303</t>
  </si>
  <si>
    <t>VELUX Set Ma.+Pl. FOL MK12 1259SWL</t>
  </si>
  <si>
    <t>FOL MK12 1274S</t>
  </si>
  <si>
    <t>5702329996334</t>
  </si>
  <si>
    <t>VELUX Set Ma.+Pl. FOL MK12 1274S</t>
  </si>
  <si>
    <t>FOL MK12 1274SWL</t>
  </si>
  <si>
    <t>5702329996327</t>
  </si>
  <si>
    <t>VELUX Set Ma.+Pl. FOL MK12 1274SWL</t>
  </si>
  <si>
    <t>FOL MK12 1282S</t>
  </si>
  <si>
    <t>5702329996358</t>
  </si>
  <si>
    <t>VELUX Set Ma.+Pl. FOL MK12 1282S</t>
  </si>
  <si>
    <t>FOL MK12 1282SWL</t>
  </si>
  <si>
    <t>5702329996341</t>
  </si>
  <si>
    <t>VELUX Set Ma.+Pl. FOL MK12 1282SWL</t>
  </si>
  <si>
    <t>FOL P06 1016S</t>
  </si>
  <si>
    <t>5702329996457</t>
  </si>
  <si>
    <t>VELUX Set Ma.+Pl. FOL P06 1016S</t>
  </si>
  <si>
    <t>FOL P06 1016SWL</t>
  </si>
  <si>
    <t>5702329996440</t>
  </si>
  <si>
    <t>VELUX Set Ma.+Pl. FOL P06 1016SWL</t>
  </si>
  <si>
    <t>FOL P06 1259S</t>
  </si>
  <si>
    <t>5702329996471</t>
  </si>
  <si>
    <t>VELUX Set Ma.+Pl. FOL P06 1259S</t>
  </si>
  <si>
    <t>FOL P06 1259SWL</t>
  </si>
  <si>
    <t>5702329996464</t>
  </si>
  <si>
    <t>VELUX Set Ma.+Pl. FOL P06 1259SWL</t>
  </si>
  <si>
    <t>FOL P06 1274S</t>
  </si>
  <si>
    <t>5702329996495</t>
  </si>
  <si>
    <t>VELUX Set Ma.+Pl. FOL P06 1274S</t>
  </si>
  <si>
    <t>FOL P06 1274SWL</t>
  </si>
  <si>
    <t>5702329996488</t>
  </si>
  <si>
    <t>VELUX Set Ma.+Pl. FOL P06 1274SWL</t>
  </si>
  <si>
    <t>FOL P06 1282S</t>
  </si>
  <si>
    <t>5702329996518</t>
  </si>
  <si>
    <t>VELUX Set Ma.+Pl. FOL P06 1282S</t>
  </si>
  <si>
    <t>FOL P06 1282SWL</t>
  </si>
  <si>
    <t>5702329996501</t>
  </si>
  <si>
    <t>VELUX Set Ma.+Pl. FOL P06 1282SWL</t>
  </si>
  <si>
    <t>FOL P08 1016S</t>
  </si>
  <si>
    <t>5702329996532</t>
  </si>
  <si>
    <t>VELUX Set Ma.+Pl. FOL P08 1016S</t>
  </si>
  <si>
    <t>FOL P08 1016SWL</t>
  </si>
  <si>
    <t>5702329996525</t>
  </si>
  <si>
    <t>VELUX Set Ma.+Pl. FOL P08 1016SWL</t>
  </si>
  <si>
    <t>FOL P08 1259S</t>
  </si>
  <si>
    <t>5702329996556</t>
  </si>
  <si>
    <t>VELUX Set Ma.+Pl. FOL P08 1259S</t>
  </si>
  <si>
    <t>FOL P08 1259SWL</t>
  </si>
  <si>
    <t>5702329996549</t>
  </si>
  <si>
    <t>VELUX Set Ma.+Pl. FOL P08 1259SWL</t>
  </si>
  <si>
    <t>FOL P08 1274S</t>
  </si>
  <si>
    <t>5702329996570</t>
  </si>
  <si>
    <t>VELUX Set Ma.+Pl. FOL P08 1274S</t>
  </si>
  <si>
    <t>FOL P08 1274SWL</t>
  </si>
  <si>
    <t>5702329996563</t>
  </si>
  <si>
    <t>VELUX Set Ma.+Pl. FOL P08 1274SWL</t>
  </si>
  <si>
    <t>FOL P08 1282S</t>
  </si>
  <si>
    <t>5702329996594</t>
  </si>
  <si>
    <t>VELUX Set Ma.+Pl. FOL P08 1282S</t>
  </si>
  <si>
    <t>FOL P08 1282SWL</t>
  </si>
  <si>
    <t>5702329996587</t>
  </si>
  <si>
    <t>VELUX Set Ma.+Pl. FOL P08 1282SWL</t>
  </si>
  <si>
    <t>FOL P10 1016S</t>
  </si>
  <si>
    <t>5702329996617</t>
  </si>
  <si>
    <t>VELUX Set Ma.+Pl. FOL P10 1016S</t>
  </si>
  <si>
    <t>FOL P10 1016SWL</t>
  </si>
  <si>
    <t>5702329996600</t>
  </si>
  <si>
    <t>VELUX Set Ma.+Pl. FOL P10 1016SWL</t>
  </si>
  <si>
    <t>FOL P10 1259S</t>
  </si>
  <si>
    <t>5702329996631</t>
  </si>
  <si>
    <t>VELUX Set Ma.+Pl. FOL P10 1259S</t>
  </si>
  <si>
    <t>FOL P10 1259SWL</t>
  </si>
  <si>
    <t>5702329996624</t>
  </si>
  <si>
    <t>VELUX Set Ma.+Pl. FOL P10 1259SWL</t>
  </si>
  <si>
    <t>FOL P10 1274S</t>
  </si>
  <si>
    <t>5702329996655</t>
  </si>
  <si>
    <t>VELUX Set Ma.+Pl. FOL P10 1274S</t>
  </si>
  <si>
    <t>FOL P10 1274SWL</t>
  </si>
  <si>
    <t>5702329996648</t>
  </si>
  <si>
    <t>VELUX Set Ma.+Pl. FOL P10 1274SWL</t>
  </si>
  <si>
    <t>FOL P10 1282S</t>
  </si>
  <si>
    <t>5702329996679</t>
  </si>
  <si>
    <t>VELUX Set Ma.+Pl. FOL P10 1282S</t>
  </si>
  <si>
    <t>FOL P10 1282SWL</t>
  </si>
  <si>
    <t>5702329996662</t>
  </si>
  <si>
    <t>VELUX Set Ma.+Pl. FOL P10 1282SWL</t>
  </si>
  <si>
    <t>FOL PK06 1016S</t>
  </si>
  <si>
    <t>5702329996853</t>
  </si>
  <si>
    <t>VELUX Set Ma.+Pl. FOL PK06 1016S</t>
  </si>
  <si>
    <t>FOL PK06 1016SWL</t>
  </si>
  <si>
    <t>5702329996846</t>
  </si>
  <si>
    <t>VELUX Set Ma.+Pl. FOL PK06 1016SWL</t>
  </si>
  <si>
    <t>FOL PK06 1259S</t>
  </si>
  <si>
    <t>5702329996877</t>
  </si>
  <si>
    <t>VELUX Set Ma.+Pl. FOL PK06 1259S</t>
  </si>
  <si>
    <t>FOL PK06 1259SWL</t>
  </si>
  <si>
    <t>5702329996860</t>
  </si>
  <si>
    <t>VELUX Set Ma.+Pl. FOL PK06 1259SWL</t>
  </si>
  <si>
    <t>FOL PK06 1274S</t>
  </si>
  <si>
    <t>5702329996891</t>
  </si>
  <si>
    <t>VELUX Set Ma.+Pl. FOL PK06 1274S</t>
  </si>
  <si>
    <t>FOL PK06 1274SWL</t>
  </si>
  <si>
    <t>5702329996884</t>
  </si>
  <si>
    <t>VELUX Set Ma.+Pl. FOL PK06 1274SWL</t>
  </si>
  <si>
    <t>FOL PK06 1282S</t>
  </si>
  <si>
    <t>5702329996914</t>
  </si>
  <si>
    <t>VELUX Set Ma.+Pl. FOL PK06 1282S</t>
  </si>
  <si>
    <t>FOL PK06 1282SWL</t>
  </si>
  <si>
    <t>5702329996907</t>
  </si>
  <si>
    <t>VELUX Set Ma.+Pl. FOL PK06 1282SWL</t>
  </si>
  <si>
    <t>FOL PK08 1016S</t>
  </si>
  <si>
    <t>5702329996938</t>
  </si>
  <si>
    <t>VELUX Set Ma.+Pl. FOL PK08 1016S</t>
  </si>
  <si>
    <t>FOL PK08 1016SWL</t>
  </si>
  <si>
    <t>5702329996921</t>
  </si>
  <si>
    <t>VELUX Set Ma.+Pl. FOL PK08 1016SWL</t>
  </si>
  <si>
    <t>FOL PK08 1259S</t>
  </si>
  <si>
    <t>5702329996952</t>
  </si>
  <si>
    <t>VELUX Set Ma.+Pl. FOL PK08 1259S</t>
  </si>
  <si>
    <t>FOL PK08 1259SWL</t>
  </si>
  <si>
    <t>5702329996945</t>
  </si>
  <si>
    <t>VELUX Set Ma.+Pl. FOL PK08 1259SWL</t>
  </si>
  <si>
    <t>FOL PK08 1274S</t>
  </si>
  <si>
    <t>5702329996976</t>
  </si>
  <si>
    <t>VELUX Set Ma.+Pl. FOL PK08 1274S</t>
  </si>
  <si>
    <t>FOL PK08 1274SWL</t>
  </si>
  <si>
    <t>5702329996969</t>
  </si>
  <si>
    <t>VELUX Set Ma.+Pl. FOL PK08 1274SWL</t>
  </si>
  <si>
    <t>FOL PK08 1282S</t>
  </si>
  <si>
    <t>5702329996990</t>
  </si>
  <si>
    <t>VELUX Set Ma.+Pl. FOL PK08 1282S</t>
  </si>
  <si>
    <t>FOL PK08 1282SWL</t>
  </si>
  <si>
    <t>5702329996983</t>
  </si>
  <si>
    <t>VELUX Set Ma.+Pl. FOL PK08 1282SWL</t>
  </si>
  <si>
    <t>FOL PK10 1016S</t>
  </si>
  <si>
    <t>5702329997010</t>
  </si>
  <si>
    <t>VELUX Set Ma.+Pl. FOL PK10 1016S</t>
  </si>
  <si>
    <t>FOL PK10 1016SWL</t>
  </si>
  <si>
    <t>5702329997003</t>
  </si>
  <si>
    <t>VELUX Set Ma.+Pl. FOL PK10 1016SWL</t>
  </si>
  <si>
    <t>FOL PK10 1259S</t>
  </si>
  <si>
    <t>5702329997034</t>
  </si>
  <si>
    <t>VELUX Set Ma.+Pl. FOL PK10 1259S</t>
  </si>
  <si>
    <t>FOL PK10 1259SWL</t>
  </si>
  <si>
    <t>5702329997027</t>
  </si>
  <si>
    <t>VELUX Set Ma.+Pl. FOL PK10 1259SWL</t>
  </si>
  <si>
    <t>FOL PK10 1274S</t>
  </si>
  <si>
    <t>5702329997058</t>
  </si>
  <si>
    <t>VELUX Set Ma.+Pl. FOL PK10 1274S</t>
  </si>
  <si>
    <t>FOL PK10 1274SWL</t>
  </si>
  <si>
    <t>5702329997041</t>
  </si>
  <si>
    <t>VELUX Set Ma.+Pl. FOL PK10 1274SWL</t>
  </si>
  <si>
    <t>FOL PK10 1282S</t>
  </si>
  <si>
    <t>5702329997072</t>
  </si>
  <si>
    <t>VELUX Set Ma.+Pl. FOL PK10 1282S</t>
  </si>
  <si>
    <t>FOL PK10 1282SWL</t>
  </si>
  <si>
    <t>5702329997065</t>
  </si>
  <si>
    <t>VELUX Set Ma.+Pl. FOL PK10 1282SWL</t>
  </si>
  <si>
    <t>FOL S06 1016S</t>
  </si>
  <si>
    <t>5702329997331</t>
  </si>
  <si>
    <t>VELUX Set Ma.+Pl. FOL S06 1016S</t>
  </si>
  <si>
    <t>FOL S06 1016SWL</t>
  </si>
  <si>
    <t>5702329997324</t>
  </si>
  <si>
    <t>VELUX Set Ma.+Pl. FOL S06 1016SWL</t>
  </si>
  <si>
    <t>FOL S06 1259S</t>
  </si>
  <si>
    <t>5702329997355</t>
  </si>
  <si>
    <t>VELUX Set Ma.+Pl. FOL S06 1259S</t>
  </si>
  <si>
    <t>FOL S06 1259SWL</t>
  </si>
  <si>
    <t>5702329997348</t>
  </si>
  <si>
    <t>VELUX Set Ma.+Pl. FOL S06 1259SWL</t>
  </si>
  <si>
    <t>FOL S06 1274S</t>
  </si>
  <si>
    <t>5702329997379</t>
  </si>
  <si>
    <t>VELUX Set Ma.+Pl. FOL S06 1274S</t>
  </si>
  <si>
    <t>FOL S06 1274SWL</t>
  </si>
  <si>
    <t>5702329997362</t>
  </si>
  <si>
    <t>VELUX Set Ma.+Pl. FOL S06 1274SWL</t>
  </si>
  <si>
    <t>FOL S06 1282S</t>
  </si>
  <si>
    <t>5702329997393</t>
  </si>
  <si>
    <t>VELUX Set Ma.+Pl. FOL S06 1282S</t>
  </si>
  <si>
    <t>FOL S06 1282SWL</t>
  </si>
  <si>
    <t>5702329997386</t>
  </si>
  <si>
    <t>VELUX Set Ma.+Pl. FOL S06 1282SWL</t>
  </si>
  <si>
    <t>FOL S08 1016S</t>
  </si>
  <si>
    <t>5702329997416</t>
  </si>
  <si>
    <t>VELUX Set Ma.+Pl. FOL S08 1016S</t>
  </si>
  <si>
    <t>FOL S08 1016SWL</t>
  </si>
  <si>
    <t>5702329997409</t>
  </si>
  <si>
    <t>VELUX Set Ma.+Pl. FOL S08 1016SWL</t>
  </si>
  <si>
    <t>FOL S08 1259S</t>
  </si>
  <si>
    <t>5702329997430</t>
  </si>
  <si>
    <t>VELUX Set Ma.+Pl. FOL S08 1259S</t>
  </si>
  <si>
    <t>FOL S08 1259SWL</t>
  </si>
  <si>
    <t>5702329997423</t>
  </si>
  <si>
    <t>VELUX Set Ma.+Pl. FOL S08 1259SWL</t>
  </si>
  <si>
    <t>FOL S08 1274S</t>
  </si>
  <si>
    <t>5702329997454</t>
  </si>
  <si>
    <t>VELUX Set Ma.+Pl. FOL S08 1274S</t>
  </si>
  <si>
    <t>FOL S08 1274SWL</t>
  </si>
  <si>
    <t>5702329997447</t>
  </si>
  <si>
    <t>VELUX Set Ma.+Pl. FOL S08 1274SWL</t>
  </si>
  <si>
    <t>FOL S08 1282S</t>
  </si>
  <si>
    <t>5702329997478</t>
  </si>
  <si>
    <t>VELUX Set Ma.+Pl. FOL S08 1282S</t>
  </si>
  <si>
    <t>FOL S08 1282SWL</t>
  </si>
  <si>
    <t>5702329997461</t>
  </si>
  <si>
    <t>VELUX Set Ma.+Pl. FOL S08 1282SWL</t>
  </si>
  <si>
    <t>FOL S10 1016S</t>
  </si>
  <si>
    <t>5702329997492</t>
  </si>
  <si>
    <t>VELUX Set Ma.+Pl. FOL S10 1016S</t>
  </si>
  <si>
    <t>FOL S10 1016SWL</t>
  </si>
  <si>
    <t>5702329997485</t>
  </si>
  <si>
    <t>VELUX Set Ma.+Pl. FOL S10 1016SWL</t>
  </si>
  <si>
    <t>FOL S10 1259S</t>
  </si>
  <si>
    <t>5702329997515</t>
  </si>
  <si>
    <t>VELUX Set Ma.+Pl. FOL S10 1259S</t>
  </si>
  <si>
    <t>FOL S10 1259SWL</t>
  </si>
  <si>
    <t>5702329997508</t>
  </si>
  <si>
    <t>VELUX Set Ma.+Pl. FOL S10 1259SWL</t>
  </si>
  <si>
    <t>FOL S10 1274S</t>
  </si>
  <si>
    <t>5702329997539</t>
  </si>
  <si>
    <t>VELUX Set Ma.+Pl. FOL S10 1274S</t>
  </si>
  <si>
    <t>FOL S10 1274SWL</t>
  </si>
  <si>
    <t>5702329997522</t>
  </si>
  <si>
    <t>VELUX Set Ma.+Pl. FOL S10 1274SWL</t>
  </si>
  <si>
    <t>FOL S10 1282S</t>
  </si>
  <si>
    <t>5702329997553</t>
  </si>
  <si>
    <t>VELUX Set Ma.+Pl. FOL S10 1282S</t>
  </si>
  <si>
    <t>FOL S10 1282SWL</t>
  </si>
  <si>
    <t>5702329997546</t>
  </si>
  <si>
    <t>VELUX Set Ma.+Pl. FOL S10 1282SWL</t>
  </si>
  <si>
    <t>FOL SK06 1016S</t>
  </si>
  <si>
    <t>5702329997652</t>
  </si>
  <si>
    <t>VELUX Set Ma.+Pl. FOL SK06 1016S</t>
  </si>
  <si>
    <t>FOL SK06 1016SWL</t>
  </si>
  <si>
    <t>5702329997645</t>
  </si>
  <si>
    <t>VELUX Set Ma.+Pl. FOL SK06 1016SWL</t>
  </si>
  <si>
    <t>FOL SK06 1259S</t>
  </si>
  <si>
    <t>5702329997676</t>
  </si>
  <si>
    <t>VELUX Set Ma.+Pl. FOL SK06 1259S</t>
  </si>
  <si>
    <t>FOL SK06 1259SWL</t>
  </si>
  <si>
    <t>5702329997669</t>
  </si>
  <si>
    <t>VELUX Set Ma.+Pl. FOL SK06 1259SWL</t>
  </si>
  <si>
    <t>FOL SK06 1274S</t>
  </si>
  <si>
    <t>5702329997690</t>
  </si>
  <si>
    <t>VELUX Set Ma.+Pl. FOL SK06 1274S</t>
  </si>
  <si>
    <t>FOL SK06 1274SWL</t>
  </si>
  <si>
    <t>5702329997683</t>
  </si>
  <si>
    <t>VELUX Set Ma.+Pl. FOL SK06 1274SWL</t>
  </si>
  <si>
    <t>FOL SK06 1282S</t>
  </si>
  <si>
    <t>5702329997713</t>
  </si>
  <si>
    <t>VELUX Set Ma.+Pl. FOL SK06 1282S</t>
  </si>
  <si>
    <t>FOL SK06 1282SWL</t>
  </si>
  <si>
    <t>5702329997706</t>
  </si>
  <si>
    <t>VELUX Set Ma.+Pl. FOL SK06 1282SWL</t>
  </si>
  <si>
    <t>FOL SK08 1016S</t>
  </si>
  <si>
    <t>5702329997737</t>
  </si>
  <si>
    <t>VELUX Set Ma.+Pl. FOL SK08 1016S</t>
  </si>
  <si>
    <t>FOL SK08 1016SWL</t>
  </si>
  <si>
    <t>5702329997720</t>
  </si>
  <si>
    <t>VELUX Set Ma.+Pl. FOL SK08 1016SWL</t>
  </si>
  <si>
    <t>FOL SK08 1259S</t>
  </si>
  <si>
    <t>5702329997751</t>
  </si>
  <si>
    <t>VELUX Set Ma.+Pl. FOL SK08 1259S</t>
  </si>
  <si>
    <t>FOL SK08 1259SWL</t>
  </si>
  <si>
    <t>5702329997744</t>
  </si>
  <si>
    <t>VELUX Set Ma.+Pl. FOL SK08 1259SWL</t>
  </si>
  <si>
    <t>FOL SK08 1274S</t>
  </si>
  <si>
    <t>5702329997775</t>
  </si>
  <si>
    <t>VELUX Set Ma.+Pl. FOL SK08 1274S</t>
  </si>
  <si>
    <t>FOL SK08 1274SWL</t>
  </si>
  <si>
    <t>5702329997768</t>
  </si>
  <si>
    <t>VELUX Set Ma.+Pl. FOL SK08 1274SWL</t>
  </si>
  <si>
    <t>FOL SK08 1282S</t>
  </si>
  <si>
    <t>5702329997799</t>
  </si>
  <si>
    <t>VELUX Set Ma.+Pl. FOL SK08 1282S</t>
  </si>
  <si>
    <t>FOL SK08 1282SWL</t>
  </si>
  <si>
    <t>5702329997782</t>
  </si>
  <si>
    <t>VELUX Set Ma.+Pl. FOL SK08 1282SWL</t>
  </si>
  <si>
    <t>FOL SK10 1016S</t>
  </si>
  <si>
    <t>5702329997812</t>
  </si>
  <si>
    <t>VELUX Set Ma.+Pl. FOL SK10 1016S</t>
  </si>
  <si>
    <t>FOL SK10 1016SWL</t>
  </si>
  <si>
    <t>5702329997805</t>
  </si>
  <si>
    <t>VELUX Set Ma.+Pl. FOL SK10 1016SWL</t>
  </si>
  <si>
    <t>FOL SK10 1259S</t>
  </si>
  <si>
    <t>5702329997836</t>
  </si>
  <si>
    <t>VELUX Set Ma.+Pl. FOL SK10 1259S</t>
  </si>
  <si>
    <t>FOL SK10 1259SWL</t>
  </si>
  <si>
    <t>5702329997829</t>
  </si>
  <si>
    <t>VELUX Set Ma.+Pl. FOL SK10 1259SWL</t>
  </si>
  <si>
    <t>FOL SK10 1274S</t>
  </si>
  <si>
    <t>5702329997850</t>
  </si>
  <si>
    <t>VELUX Set Ma.+Pl. FOL SK10 1274S</t>
  </si>
  <si>
    <t>FOL SK10 1274SWL</t>
  </si>
  <si>
    <t>5702329997843</t>
  </si>
  <si>
    <t>VELUX Set Ma.+Pl. FOL SK10 1274SWL</t>
  </si>
  <si>
    <t>FOL SK10 1282S</t>
  </si>
  <si>
    <t>5702329997874</t>
  </si>
  <si>
    <t>VELUX Set Ma.+Pl. FOL SK10 1282S</t>
  </si>
  <si>
    <t>FOL SK10 1282SWL</t>
  </si>
  <si>
    <t>5702329997867</t>
  </si>
  <si>
    <t>VELUX Set Ma.+Pl. FOL SK10 1282SWL</t>
  </si>
  <si>
    <t>FOL U04 1016S</t>
  </si>
  <si>
    <t>5702329997898</t>
  </si>
  <si>
    <t>VELUX Set Ma.+Pl. FOL U04 1016S</t>
  </si>
  <si>
    <t>FOL U04 1016SWL</t>
  </si>
  <si>
    <t>5702329997881</t>
  </si>
  <si>
    <t>VELUX Set Ma.+Pl. FOL U04 1016SWL</t>
  </si>
  <si>
    <t>FOL U04 1259S</t>
  </si>
  <si>
    <t>5702329997911</t>
  </si>
  <si>
    <t>VELUX Set Ma.+Pl. FOL U04 1259S</t>
  </si>
  <si>
    <t>FOL U04 1259SWL</t>
  </si>
  <si>
    <t>5702329997904</t>
  </si>
  <si>
    <t>VELUX Set Ma.+Pl. FOL U04 1259SWL</t>
  </si>
  <si>
    <t>FOL U04 1274S</t>
  </si>
  <si>
    <t>5702329997935</t>
  </si>
  <si>
    <t>VELUX Set Ma.+Pl. FOL U04 1274S</t>
  </si>
  <si>
    <t>FOL U04 1274SWL</t>
  </si>
  <si>
    <t>5702329997928</t>
  </si>
  <si>
    <t>VELUX Set Ma.+Pl. FOL U04 1274SWL</t>
  </si>
  <si>
    <t>FOL U04 1282S</t>
  </si>
  <si>
    <t>5702329997959</t>
  </si>
  <si>
    <t>VELUX Set Ma.+Pl. FOL U04 1282S</t>
  </si>
  <si>
    <t>FOL U04 1282SWL</t>
  </si>
  <si>
    <t>5702329997942</t>
  </si>
  <si>
    <t>VELUX Set Ma.+Pl. FOL U04 1282SWL</t>
  </si>
  <si>
    <t>FOL U08 1016S</t>
  </si>
  <si>
    <t>5702329997973</t>
  </si>
  <si>
    <t>VELUX Set Ma.+Pl. FOL U08 1016S</t>
  </si>
  <si>
    <t>FOL U08 1016SWL</t>
  </si>
  <si>
    <t>5702329997966</t>
  </si>
  <si>
    <t>VELUX Set Ma.+Pl. FOL U08 1016SWL</t>
  </si>
  <si>
    <t>FOL U08 1259S</t>
  </si>
  <si>
    <t>5702329997997</t>
  </si>
  <si>
    <t>VELUX Set Ma.+Pl. FOL U08 1259S</t>
  </si>
  <si>
    <t>FOL U08 1259SWL</t>
  </si>
  <si>
    <t>5702329997980</t>
  </si>
  <si>
    <t>VELUX Set Ma.+Pl. FOL U08 1259SWL</t>
  </si>
  <si>
    <t>FOL U08 1274S</t>
  </si>
  <si>
    <t>5702329998017</t>
  </si>
  <si>
    <t>VELUX Set Ma.+Pl. FOL U08 1274S</t>
  </si>
  <si>
    <t>FOL U08 1274SWL</t>
  </si>
  <si>
    <t>5702329998000</t>
  </si>
  <si>
    <t>VELUX Set Ma.+Pl. FOL U08 1274SWL</t>
  </si>
  <si>
    <t>FOL U08 1282S</t>
  </si>
  <si>
    <t>5702329998031</t>
  </si>
  <si>
    <t>VELUX Set Ma.+Pl. FOL U08 1282S</t>
  </si>
  <si>
    <t>FOL U08 1282SWL</t>
  </si>
  <si>
    <t>5702329998024</t>
  </si>
  <si>
    <t>VELUX Set Ma.+Pl. FOL U08 1282SWL</t>
  </si>
  <si>
    <t>FOL U10 1016S</t>
  </si>
  <si>
    <t>5702329998055</t>
  </si>
  <si>
    <t>VELUX Set Ma.+Pl. FOL U10 1016S</t>
  </si>
  <si>
    <t>FOL U10 1016SWL</t>
  </si>
  <si>
    <t>5702329998048</t>
  </si>
  <si>
    <t>VELUX Set Ma.+Pl. FOL U10 1016SWL</t>
  </si>
  <si>
    <t>FOL U10 1259S</t>
  </si>
  <si>
    <t>5702329998079</t>
  </si>
  <si>
    <t>VELUX Set Ma.+Pl. FOL U10 1259S</t>
  </si>
  <si>
    <t>FOL U10 1259SWL</t>
  </si>
  <si>
    <t>5702329998062</t>
  </si>
  <si>
    <t>VELUX Set Ma.+Pl. FOL U10 1259SWL</t>
  </si>
  <si>
    <t>FOL U10 1274S</t>
  </si>
  <si>
    <t>5702329998093</t>
  </si>
  <si>
    <t>VELUX Set Ma.+Pl. FOL U10 1274S</t>
  </si>
  <si>
    <t>FOL U10 1274SWL</t>
  </si>
  <si>
    <t>5702329998086</t>
  </si>
  <si>
    <t>VELUX Set Ma.+Pl. FOL U10 1274SWL</t>
  </si>
  <si>
    <t>FOL U10 1282S</t>
  </si>
  <si>
    <t>5702329998116</t>
  </si>
  <si>
    <t>VELUX Set Ma.+Pl. FOL U10 1282S</t>
  </si>
  <si>
    <t>FOL U10 1282SWL</t>
  </si>
  <si>
    <t>5702329998109</t>
  </si>
  <si>
    <t>VELUX Set Ma.+Pl. FOL U10 1282SWL</t>
  </si>
  <si>
    <t>FOL UK04 1016S</t>
  </si>
  <si>
    <t>5702329998130</t>
  </si>
  <si>
    <t>VELUX Set Ma.+Pl. FOL UK04 1016S</t>
  </si>
  <si>
    <t>FOL UK04 1016SWL</t>
  </si>
  <si>
    <t>5702329998123</t>
  </si>
  <si>
    <t>VELUX Set Ma.+Pl. FOL UK04 1016SWL</t>
  </si>
  <si>
    <t>FOL UK04 1259S</t>
  </si>
  <si>
    <t>5702329998154</t>
  </si>
  <si>
    <t>VELUX Set Ma.+Pl. FOL UK04 1259S</t>
  </si>
  <si>
    <t>FOL UK04 1259SWL</t>
  </si>
  <si>
    <t>5702329998147</t>
  </si>
  <si>
    <t>VELUX Set Ma.+Pl. FOL UK04 1259SWL</t>
  </si>
  <si>
    <t>FOL UK04 1274S</t>
  </si>
  <si>
    <t>5702329998178</t>
  </si>
  <si>
    <t>VELUX Set Ma.+Pl. FOL UK04 1274S</t>
  </si>
  <si>
    <t>FOL UK04 1274SWL</t>
  </si>
  <si>
    <t>5702329998161</t>
  </si>
  <si>
    <t>VELUX Set Ma.+Pl. FOL UK04 1274SWL</t>
  </si>
  <si>
    <t>FOL UK04 1282S</t>
  </si>
  <si>
    <t>5702329998192</t>
  </si>
  <si>
    <t>VELUX Set Ma.+Pl. FOL UK04 1282S</t>
  </si>
  <si>
    <t>FOL UK04 1282SWL</t>
  </si>
  <si>
    <t>5702329998185</t>
  </si>
  <si>
    <t>VELUX Set Ma.+Pl. FOL UK04 1282SWL</t>
  </si>
  <si>
    <t>FOL UK08 1016S</t>
  </si>
  <si>
    <t>5702329998215</t>
  </si>
  <si>
    <t>VELUX Set Ma.+Pl. FOL UK08 1016S</t>
  </si>
  <si>
    <t>FOL UK08 1016SWL</t>
  </si>
  <si>
    <t>5702329998208</t>
  </si>
  <si>
    <t>VELUX Set Ma.+Pl. FOL UK08 1016SWL</t>
  </si>
  <si>
    <t>FOL UK08 1259S</t>
  </si>
  <si>
    <t>5702329998239</t>
  </si>
  <si>
    <t>VELUX Set Ma.+Pl. FOL UK08 1259S</t>
  </si>
  <si>
    <t>FOL UK08 1259SWL</t>
  </si>
  <si>
    <t>5702329998222</t>
  </si>
  <si>
    <t>VELUX Set Ma.+Pl. FOL UK08 1259SWL</t>
  </si>
  <si>
    <t>FOL UK08 1274S</t>
  </si>
  <si>
    <t>5702329998253</t>
  </si>
  <si>
    <t>VELUX Set Ma.+Pl. FOL UK08 1274S</t>
  </si>
  <si>
    <t>FOL UK08 1274SWL</t>
  </si>
  <si>
    <t>5702329998246</t>
  </si>
  <si>
    <t>VELUX Set Ma.+Pl. FOL UK08 1274SWL</t>
  </si>
  <si>
    <t>FOL UK08 1282S</t>
  </si>
  <si>
    <t>5702329998277</t>
  </si>
  <si>
    <t>VELUX Set Ma.+Pl. FOL UK08 1282S</t>
  </si>
  <si>
    <t>FOL UK08 1282SWL</t>
  </si>
  <si>
    <t>5702329998260</t>
  </si>
  <si>
    <t>VELUX Set Ma.+Pl. FOL UK08 1282SWL</t>
  </si>
  <si>
    <t>FOL UK10 1016S</t>
  </si>
  <si>
    <t>5702329998291</t>
  </si>
  <si>
    <t>VELUX Set Ma.+Pl. FOL UK10 1016S</t>
  </si>
  <si>
    <t>FOL UK10 1016SWL</t>
  </si>
  <si>
    <t>5702329998284</t>
  </si>
  <si>
    <t>VELUX Set Ma.+Pl. FOL UK10 1016SWL</t>
  </si>
  <si>
    <t>FOL UK10 1259S</t>
  </si>
  <si>
    <t>5702329998314</t>
  </si>
  <si>
    <t>VELUX Set Ma.+Pl. FOL UK10 1259S</t>
  </si>
  <si>
    <t>FOL UK10 1259SWL</t>
  </si>
  <si>
    <t>5702329998307</t>
  </si>
  <si>
    <t>VELUX Set Ma.+Pl. FOL UK10 1259SWL</t>
  </si>
  <si>
    <t>FOL UK10 1274S</t>
  </si>
  <si>
    <t>5702329998338</t>
  </si>
  <si>
    <t>VELUX Set Ma.+Pl. FOL UK10 1274S</t>
  </si>
  <si>
    <t>FOL UK10 1274SWL</t>
  </si>
  <si>
    <t>5702329998321</t>
  </si>
  <si>
    <t>VELUX Set Ma.+Pl. FOL UK10 1274SWL</t>
  </si>
  <si>
    <t>FOL UK10 1282S</t>
  </si>
  <si>
    <t>5702329998352</t>
  </si>
  <si>
    <t>VELUX Set Ma.+Pl. FOL UK10 1282S</t>
  </si>
  <si>
    <t>FOL UK10 1282SWL</t>
  </si>
  <si>
    <t>5702329998345</t>
  </si>
  <si>
    <t>VELUX Set Ma.+Pl. FOL UK10 1282SWL</t>
  </si>
  <si>
    <t>FOP C02 1045S</t>
  </si>
  <si>
    <t>5702329998611</t>
  </si>
  <si>
    <t>VELUX Set Ma.+W-Pl. FOP C02 1045S</t>
  </si>
  <si>
    <t>VELUX-Wabenplissee</t>
  </si>
  <si>
    <t>FOP C02 1045SWL</t>
  </si>
  <si>
    <t>5702329998604</t>
  </si>
  <si>
    <t>VELUX Set Ma.+W-Pl. FOP C02 1045SWL</t>
  </si>
  <si>
    <t>FOP C02 1047S</t>
  </si>
  <si>
    <t>5702329998635</t>
  </si>
  <si>
    <t>VELUX Set Ma.+W-Pl. FOP C02 1047S</t>
  </si>
  <si>
    <t>FOP C02 1047SWL</t>
  </si>
  <si>
    <t>5702329998628</t>
  </si>
  <si>
    <t>VELUX Set Ma.+W-Pl. FOP C02 1047SWL</t>
  </si>
  <si>
    <t>FOP C02 1156S</t>
  </si>
  <si>
    <t>5702329998659</t>
  </si>
  <si>
    <t>VELUX Set Ma.+W-Pl. FOP C02 1156S</t>
  </si>
  <si>
    <t>FOP C02 1156SWL</t>
  </si>
  <si>
    <t>5702329998642</t>
  </si>
  <si>
    <t>VELUX Set Ma.+W-Pl. FOP C02 1156SWL</t>
  </si>
  <si>
    <t>FOP C02 1163S</t>
  </si>
  <si>
    <t>5702329998673</t>
  </si>
  <si>
    <t>VELUX Set Ma.+W-Pl. FOP C02 1163S</t>
  </si>
  <si>
    <t>FOP C02 1163SWL</t>
  </si>
  <si>
    <t>5702329998666</t>
  </si>
  <si>
    <t>VELUX Set Ma.+W-Pl. FOP C02 1163SWL</t>
  </si>
  <si>
    <t>FOP C04 1045S</t>
  </si>
  <si>
    <t>5702329998697</t>
  </si>
  <si>
    <t>VELUX Set Ma.+W-Pl. FOP C04 1045S</t>
  </si>
  <si>
    <t>FOP C04 1045SWL</t>
  </si>
  <si>
    <t>5702329998680</t>
  </si>
  <si>
    <t>VELUX Set Ma.+W-Pl. FOP C04 1045SWL</t>
  </si>
  <si>
    <t>FOP C04 1047S</t>
  </si>
  <si>
    <t>5702329998710</t>
  </si>
  <si>
    <t>VELUX Set Ma.+W-Pl. FOP C04 1047S</t>
  </si>
  <si>
    <t>FOP C04 1047SWL</t>
  </si>
  <si>
    <t>5702329998703</t>
  </si>
  <si>
    <t>VELUX Set Ma.+W-Pl. FOP C04 1047SWL</t>
  </si>
  <si>
    <t>FOP C04 1156S</t>
  </si>
  <si>
    <t>5702329998734</t>
  </si>
  <si>
    <t>VELUX Set Ma.+W-Pl. FOP C04 1156S</t>
  </si>
  <si>
    <t>FOP C04 1156SWL</t>
  </si>
  <si>
    <t>5702329998727</t>
  </si>
  <si>
    <t>VELUX Set Ma.+W-Pl. FOP C04 1156SWL</t>
  </si>
  <si>
    <t>FOP C04 1163S</t>
  </si>
  <si>
    <t>5702329998758</t>
  </si>
  <si>
    <t>VELUX Set Ma.+W-Pl. FOP C04 1163S</t>
  </si>
  <si>
    <t>FOP C04 1163SWL</t>
  </si>
  <si>
    <t>5702329998741</t>
  </si>
  <si>
    <t>VELUX Set Ma.+W-Pl. FOP C04 1163SWL</t>
  </si>
  <si>
    <t>FOP C06 1045S</t>
  </si>
  <si>
    <t>5702329998772</t>
  </si>
  <si>
    <t>VELUX Set Ma.+W-Pl. FOP C06 1045S</t>
  </si>
  <si>
    <t>FOP C06 1045SWL</t>
  </si>
  <si>
    <t>5702329998765</t>
  </si>
  <si>
    <t>VELUX Set Ma.+W-Pl. FOP C06 1045SWL</t>
  </si>
  <si>
    <t>FOP C06 1047S</t>
  </si>
  <si>
    <t>5702329998796</t>
  </si>
  <si>
    <t>VELUX Set Ma.+W-Pl. FOP C06 1047S</t>
  </si>
  <si>
    <t>FOP C06 1047SWL</t>
  </si>
  <si>
    <t>5702329998789</t>
  </si>
  <si>
    <t>VELUX Set Ma.+W-Pl. FOP C06 1047SWL</t>
  </si>
  <si>
    <t>FOP C06 1156S</t>
  </si>
  <si>
    <t>5702329998819</t>
  </si>
  <si>
    <t>VELUX Set Ma.+W-Pl. FOP C06 1156S</t>
  </si>
  <si>
    <t>FOP C06 1156SWL</t>
  </si>
  <si>
    <t>5702329998802</t>
  </si>
  <si>
    <t>VELUX Set Ma.+W-Pl. FOP C06 1156SWL</t>
  </si>
  <si>
    <t>FOP C06 1163S</t>
  </si>
  <si>
    <t>5702329998833</t>
  </si>
  <si>
    <t>VELUX Set Ma.+W-Pl. FOP C06 1163S</t>
  </si>
  <si>
    <t>FOP C06 1163SWL</t>
  </si>
  <si>
    <t>5702329998826</t>
  </si>
  <si>
    <t>VELUX Set Ma.+W-Pl. FOP C06 1163SWL</t>
  </si>
  <si>
    <t>FOP CK02 1045S</t>
  </si>
  <si>
    <t>5702329998932</t>
  </si>
  <si>
    <t>VELUX Set Ma.+W-Pl. FOP CK02 1045S</t>
  </si>
  <si>
    <t>FOP CK02 1045SWL</t>
  </si>
  <si>
    <t>5702329998925</t>
  </si>
  <si>
    <t>VELUX Set Ma.+W-Pl. FOP CK02 1045SWL</t>
  </si>
  <si>
    <t>FOP CK02 1047S</t>
  </si>
  <si>
    <t>5702329998956</t>
  </si>
  <si>
    <t>VELUX Set Ma.+W-Pl. FOP CK02 1047S</t>
  </si>
  <si>
    <t>FOP CK02 1047SWL</t>
  </si>
  <si>
    <t>5702329998949</t>
  </si>
  <si>
    <t>VELUX Set Ma.+W-Pl. FOP CK02 1047SWL</t>
  </si>
  <si>
    <t>FOP CK02 1156S</t>
  </si>
  <si>
    <t>5702329998970</t>
  </si>
  <si>
    <t>VELUX Set Ma.+W-Pl. FOP CK02 1156S</t>
  </si>
  <si>
    <t>FOP CK02 1156SWL</t>
  </si>
  <si>
    <t>5702329998963</t>
  </si>
  <si>
    <t>VELUX Set Ma.+W-Pl. FOP CK02 1156SWL</t>
  </si>
  <si>
    <t>FOP CK02 1163S</t>
  </si>
  <si>
    <t>5702329998994</t>
  </si>
  <si>
    <t>VELUX Set Ma.+W-Pl. FOP CK02 1163S</t>
  </si>
  <si>
    <t>FOP CK02 1163SWL</t>
  </si>
  <si>
    <t>5702329998987</t>
  </si>
  <si>
    <t>VELUX Set Ma.+W-Pl. FOP CK02 1163SWL</t>
  </si>
  <si>
    <t>FOP CK04 1045S</t>
  </si>
  <si>
    <t>5702329999014</t>
  </si>
  <si>
    <t>VELUX Set Ma.+W-Pl. FOP CK04 1045S</t>
  </si>
  <si>
    <t>FOP CK04 1045SWL</t>
  </si>
  <si>
    <t>5702329999007</t>
  </si>
  <si>
    <t>VELUX Set Ma.+W-Pl. FOP CK04 1045SWL</t>
  </si>
  <si>
    <t>FOP CK04 1047S</t>
  </si>
  <si>
    <t>5702329999038</t>
  </si>
  <si>
    <t>VELUX Set Ma.+W-Pl. FOP CK04 1047S</t>
  </si>
  <si>
    <t>FOP CK04 1047SWL</t>
  </si>
  <si>
    <t>5702329999021</t>
  </si>
  <si>
    <t>VELUX Set Ma.+W-Pl. FOP CK04 1047SWL</t>
  </si>
  <si>
    <t>FOP CK04 1156S</t>
  </si>
  <si>
    <t>5702329999052</t>
  </si>
  <si>
    <t>VELUX Set Ma.+W-Pl. FOP CK04 1156S</t>
  </si>
  <si>
    <t>FOP CK04 1156SWL</t>
  </si>
  <si>
    <t>5702329999045</t>
  </si>
  <si>
    <t>VELUX Set Ma.+W-Pl. FOP CK04 1156SWL</t>
  </si>
  <si>
    <t>FOP CK04 1163S</t>
  </si>
  <si>
    <t>5702329999076</t>
  </si>
  <si>
    <t>VELUX Set Ma.+W-Pl. FOP CK04 1163S</t>
  </si>
  <si>
    <t>FOP CK04 1163SWL</t>
  </si>
  <si>
    <t>5702329999069</t>
  </si>
  <si>
    <t>VELUX Set Ma.+W-Pl. FOP CK04 1163SWL</t>
  </si>
  <si>
    <t>FOP CK06 1045S</t>
  </si>
  <si>
    <t>5702329999090</t>
  </si>
  <si>
    <t>VELUX Set Ma.+W-Pl. FOP CK06 1045S</t>
  </si>
  <si>
    <t>FOP CK06 1045SWL</t>
  </si>
  <si>
    <t>5702329999083</t>
  </si>
  <si>
    <t>VELUX Set Ma.+W-Pl. FOP CK06 1045SWL</t>
  </si>
  <si>
    <t>FOP CK06 1047S</t>
  </si>
  <si>
    <t>5702329999113</t>
  </si>
  <si>
    <t>VELUX Set Ma.+W-Pl. FOP CK06 1047S</t>
  </si>
  <si>
    <t>FOP CK06 1047SWL</t>
  </si>
  <si>
    <t>5702329999106</t>
  </si>
  <si>
    <t>VELUX Set Ma.+W-Pl. FOP CK06 1047SWL</t>
  </si>
  <si>
    <t>FOP CK06 1156S</t>
  </si>
  <si>
    <t>5702329999137</t>
  </si>
  <si>
    <t>VELUX Set Ma.+W-Pl. FOP CK06 1156S</t>
  </si>
  <si>
    <t>FOP CK06 1156SWL</t>
  </si>
  <si>
    <t>5702329999120</t>
  </si>
  <si>
    <t>VELUX Set Ma.+W-Pl. FOP CK06 1156SWL</t>
  </si>
  <si>
    <t>FOP CK06 1163S</t>
  </si>
  <si>
    <t>5702329999151</t>
  </si>
  <si>
    <t>VELUX Set Ma.+W-Pl. FOP CK06 1163S</t>
  </si>
  <si>
    <t>FOP CK06 1163SWL</t>
  </si>
  <si>
    <t>5702329999144</t>
  </si>
  <si>
    <t>VELUX Set Ma.+W-Pl. FOP CK06 1163SWL</t>
  </si>
  <si>
    <t>FOP F04 1045S</t>
  </si>
  <si>
    <t>5702329999175</t>
  </si>
  <si>
    <t>VELUX Set Ma.+W-Pl. FOP F04 1045S</t>
  </si>
  <si>
    <t>FOP F04 1045SWL</t>
  </si>
  <si>
    <t>5702329999168</t>
  </si>
  <si>
    <t>VELUX Set Ma.+W-Pl. FOP F04 1045SWL</t>
  </si>
  <si>
    <t>FOP F04 1047S</t>
  </si>
  <si>
    <t>5702329999199</t>
  </si>
  <si>
    <t>VELUX Set Ma.+W-Pl. FOP F04 1047S</t>
  </si>
  <si>
    <t>FOP F04 1047SWL</t>
  </si>
  <si>
    <t>5702329999182</t>
  </si>
  <si>
    <t>VELUX Set Ma.+W-Pl. FOP F04 1047SWL</t>
  </si>
  <si>
    <t>FOP F04 1156S</t>
  </si>
  <si>
    <t>5702329999212</t>
  </si>
  <si>
    <t>VELUX Set Ma.+W-Pl. FOP F04 1156S</t>
  </si>
  <si>
    <t>FOP F04 1156SWL</t>
  </si>
  <si>
    <t>5702329999205</t>
  </si>
  <si>
    <t>VELUX Set Ma.+W-Pl. FOP F04 1156SWL</t>
  </si>
  <si>
    <t>FOP F04 1163S</t>
  </si>
  <si>
    <t>5702329999236</t>
  </si>
  <si>
    <t>VELUX Set Ma.+W-Pl. FOP F04 1163S</t>
  </si>
  <si>
    <t>FOP F04 1163SWL</t>
  </si>
  <si>
    <t>5702329999229</t>
  </si>
  <si>
    <t>VELUX Set Ma.+W-Pl. FOP F04 1163SWL</t>
  </si>
  <si>
    <t>FOP F06 1045S</t>
  </si>
  <si>
    <t>5702329999250</t>
  </si>
  <si>
    <t>VELUX Set Ma.+W-Pl. FOP F06 1045S</t>
  </si>
  <si>
    <t>FOP F06 1045SWL</t>
  </si>
  <si>
    <t>5702329999243</t>
  </si>
  <si>
    <t>VELUX Set Ma.+W-Pl. FOP F06 1045SWL</t>
  </si>
  <si>
    <t>FOP F06 1047S</t>
  </si>
  <si>
    <t>5702329999274</t>
  </si>
  <si>
    <t>VELUX Set Ma.+W-Pl. FOP F06 1047S</t>
  </si>
  <si>
    <t>FOP F06 1047SWL</t>
  </si>
  <si>
    <t>5702329999267</t>
  </si>
  <si>
    <t>VELUX Set Ma.+W-Pl. FOP F06 1047SWL</t>
  </si>
  <si>
    <t>FOP F06 1156S</t>
  </si>
  <si>
    <t>5702329999298</t>
  </si>
  <si>
    <t>VELUX Set Ma.+W-Pl. FOP F06 1156S</t>
  </si>
  <si>
    <t>FOP F06 1156SWL</t>
  </si>
  <si>
    <t>5702329999281</t>
  </si>
  <si>
    <t>VELUX Set Ma.+W-Pl. FOP F06 1156SWL</t>
  </si>
  <si>
    <t>FOP F06 1163S</t>
  </si>
  <si>
    <t>5702329999311</t>
  </si>
  <si>
    <t>VELUX Set Ma.+W-Pl. FOP F06 1163S</t>
  </si>
  <si>
    <t>FOP F06 1163SWL</t>
  </si>
  <si>
    <t>5702329999304</t>
  </si>
  <si>
    <t>VELUX Set Ma.+W-Pl. FOP F06 1163SWL</t>
  </si>
  <si>
    <t>FOP F08 1045S</t>
  </si>
  <si>
    <t>5702329999335</t>
  </si>
  <si>
    <t>VELUX Set Ma.+W-Pl. FOP F08 1045S</t>
  </si>
  <si>
    <t>FOP F08 1045SWL</t>
  </si>
  <si>
    <t>5702329999328</t>
  </si>
  <si>
    <t>VELUX Set Ma.+W-Pl. FOP F08 1045SWL</t>
  </si>
  <si>
    <t>FOP F08 1047S</t>
  </si>
  <si>
    <t>5702329999359</t>
  </si>
  <si>
    <t>VELUX Set Ma.+W-Pl. FOP F08 1047S</t>
  </si>
  <si>
    <t>FOP F08 1047SWL</t>
  </si>
  <si>
    <t>5702329999342</t>
  </si>
  <si>
    <t>VELUX Set Ma.+W-Pl. FOP F08 1047SWL</t>
  </si>
  <si>
    <t>FOP F08 1156S</t>
  </si>
  <si>
    <t>5702329999373</t>
  </si>
  <si>
    <t>VELUX Set Ma.+W-Pl. FOP F08 1156S</t>
  </si>
  <si>
    <t>FOP F08 1156SWL</t>
  </si>
  <si>
    <t>5702329999366</t>
  </si>
  <si>
    <t>VELUX Set Ma.+W-Pl. FOP F08 1156SWL</t>
  </si>
  <si>
    <t>FOP F08 1163S</t>
  </si>
  <si>
    <t>5702329999397</t>
  </si>
  <si>
    <t>VELUX Set Ma.+W-Pl. FOP F08 1163S</t>
  </si>
  <si>
    <t>FOP F08 1163SWL</t>
  </si>
  <si>
    <t>5702329999380</t>
  </si>
  <si>
    <t>VELUX Set Ma.+W-Pl. FOP F08 1163SWL</t>
  </si>
  <si>
    <t>FOP FK04 1045S</t>
  </si>
  <si>
    <t>5702329999410</t>
  </si>
  <si>
    <t>VELUX Set Ma.+W-Pl. FOP FK04 1045S</t>
  </si>
  <si>
    <t>FOP FK04 1045SWL</t>
  </si>
  <si>
    <t>5702329999403</t>
  </si>
  <si>
    <t>VELUX Set Ma.+W-Pl. FOP FK04 1045SWL</t>
  </si>
  <si>
    <t>FOP FK04 1047S</t>
  </si>
  <si>
    <t>5702329999434</t>
  </si>
  <si>
    <t>VELUX Set Ma.+W-Pl. FOP FK04 1047S</t>
  </si>
  <si>
    <t>FOP FK04 1047SWL</t>
  </si>
  <si>
    <t>5702329999427</t>
  </si>
  <si>
    <t>VELUX Set Ma.+W-Pl. FOP FK04 1047SWL</t>
  </si>
  <si>
    <t>FOP FK04 1156S</t>
  </si>
  <si>
    <t>5702329999458</t>
  </si>
  <si>
    <t>VELUX Set Ma.+W-Pl. FOP FK04 1156S</t>
  </si>
  <si>
    <t>FOP FK04 1156SWL</t>
  </si>
  <si>
    <t>5702329999441</t>
  </si>
  <si>
    <t>VELUX Set Ma.+W-Pl. FOP FK04 1156SWL</t>
  </si>
  <si>
    <t>FOP FK04 1163S</t>
  </si>
  <si>
    <t>5702329999472</t>
  </si>
  <si>
    <t>VELUX Set Ma.+W-Pl. FOP FK04 1163S</t>
  </si>
  <si>
    <t>FOP FK04 1163SWL</t>
  </si>
  <si>
    <t>5702329999465</t>
  </si>
  <si>
    <t>VELUX Set Ma.+W-Pl. FOP FK04 1163SWL</t>
  </si>
  <si>
    <t>FOP FK06 1045S</t>
  </si>
  <si>
    <t>5702329999496</t>
  </si>
  <si>
    <t>VELUX Set Ma.+W-Pl. FOP FK06 1045S</t>
  </si>
  <si>
    <t>FOP FK06 1045SWL</t>
  </si>
  <si>
    <t>5702329999489</t>
  </si>
  <si>
    <t>VELUX Set Ma.+W-Pl. FOP FK06 1045SWL</t>
  </si>
  <si>
    <t>FOP FK06 1047S</t>
  </si>
  <si>
    <t>5702329999519</t>
  </si>
  <si>
    <t>VELUX Set Ma.+W-Pl. FOP FK06 1047S</t>
  </si>
  <si>
    <t>FOP FK06 1047SWL</t>
  </si>
  <si>
    <t>5702329999502</t>
  </si>
  <si>
    <t>VELUX Set Ma.+W-Pl. FOP FK06 1047SWL</t>
  </si>
  <si>
    <t>FOP FK06 1156S</t>
  </si>
  <si>
    <t>5702329999533</t>
  </si>
  <si>
    <t>VELUX Set Ma.+W-Pl. FOP FK06 1156S</t>
  </si>
  <si>
    <t>FOP FK06 1156SWL</t>
  </si>
  <si>
    <t>5702329999526</t>
  </si>
  <si>
    <t>VELUX Set Ma.+W-Pl. FOP FK06 1156SWL</t>
  </si>
  <si>
    <t>FOP FK06 1163S</t>
  </si>
  <si>
    <t>5702329999557</t>
  </si>
  <si>
    <t>VELUX Set Ma.+W-Pl. FOP FK06 1163S</t>
  </si>
  <si>
    <t>FOP FK06 1163SWL</t>
  </si>
  <si>
    <t>5702329999540</t>
  </si>
  <si>
    <t>VELUX Set Ma.+W-Pl. FOP FK06 1163SWL</t>
  </si>
  <si>
    <t>FOP FK08 1045S</t>
  </si>
  <si>
    <t>5702329999571</t>
  </si>
  <si>
    <t>VELUX Set Ma.+W-Pl. FOP FK08 1045S</t>
  </si>
  <si>
    <t>FOP FK08 1045SWL</t>
  </si>
  <si>
    <t>5702329999564</t>
  </si>
  <si>
    <t>VELUX Set Ma.+W-Pl. FOP FK08 1045SWL</t>
  </si>
  <si>
    <t>FOP FK08 1047S</t>
  </si>
  <si>
    <t>5702329999595</t>
  </si>
  <si>
    <t>VELUX Set Ma.+W-Pl. FOP FK08 1047S</t>
  </si>
  <si>
    <t>FOP FK08 1047SWL</t>
  </si>
  <si>
    <t>5702329999588</t>
  </si>
  <si>
    <t>VELUX Set Ma.+W-Pl. FOP FK08 1047SWL</t>
  </si>
  <si>
    <t>FOP FK08 1156S</t>
  </si>
  <si>
    <t>5702329999618</t>
  </si>
  <si>
    <t>VELUX Set Ma.+W-Pl. FOP FK08 1156S</t>
  </si>
  <si>
    <t>FOP FK08 1156SWL</t>
  </si>
  <si>
    <t>5702329999601</t>
  </si>
  <si>
    <t>VELUX Set Ma.+W-Pl. FOP FK08 1156SWL</t>
  </si>
  <si>
    <t>FOP FK08 1163S</t>
  </si>
  <si>
    <t>5702329999632</t>
  </si>
  <si>
    <t>VELUX Set Ma.+W-Pl. FOP FK08 1163S</t>
  </si>
  <si>
    <t>FOP FK08 1163SWL</t>
  </si>
  <si>
    <t>5702329999625</t>
  </si>
  <si>
    <t>VELUX Set Ma.+W-Pl. FOP FK08 1163SWL</t>
  </si>
  <si>
    <t>FOP M04 1045S</t>
  </si>
  <si>
    <t>5702329999656</t>
  </si>
  <si>
    <t>VELUX Set Ma.+W-Pl. FOP M04 1045S</t>
  </si>
  <si>
    <t>FOP M04 1045SWL</t>
  </si>
  <si>
    <t>5702329999649</t>
  </si>
  <si>
    <t>VELUX Set Ma.+W-Pl. FOP M04 1045SWL</t>
  </si>
  <si>
    <t>FOP M04 1047S</t>
  </si>
  <si>
    <t>5702329999670</t>
  </si>
  <si>
    <t>VELUX Set Ma.+W-Pl. FOP M04 1047S</t>
  </si>
  <si>
    <t>FOP M04 1047SWL</t>
  </si>
  <si>
    <t>5702329999663</t>
  </si>
  <si>
    <t>VELUX Set Ma.+W-Pl. FOP M04 1047SWL</t>
  </si>
  <si>
    <t>FOP M04 1156S</t>
  </si>
  <si>
    <t>5702329999694</t>
  </si>
  <si>
    <t>VELUX Set Ma.+W-Pl. FOP M04 1156S</t>
  </si>
  <si>
    <t>FOP M04 1156SWL</t>
  </si>
  <si>
    <t>5702329999687</t>
  </si>
  <si>
    <t>VELUX Set Ma.+W-Pl. FOP M04 1156SWL</t>
  </si>
  <si>
    <t>FOP M04 1163S</t>
  </si>
  <si>
    <t>5702329999717</t>
  </si>
  <si>
    <t>VELUX Set Ma.+W-Pl. FOP M04 1163S</t>
  </si>
  <si>
    <t>FOP M04 1163SWL</t>
  </si>
  <si>
    <t>5702329999700</t>
  </si>
  <si>
    <t>VELUX Set Ma.+W-Pl. FOP M04 1163SWL</t>
  </si>
  <si>
    <t>FOP M06 1045S</t>
  </si>
  <si>
    <t>5702329999731</t>
  </si>
  <si>
    <t>VELUX Set Ma.+W-Pl. FOP M06 1045S</t>
  </si>
  <si>
    <t>FOP M06 1045SWL</t>
  </si>
  <si>
    <t>5702329999724</t>
  </si>
  <si>
    <t>VELUX Set Ma.+W-Pl. FOP M06 1045SWL</t>
  </si>
  <si>
    <t>FOP M06 1047S</t>
  </si>
  <si>
    <t>5702329999755</t>
  </si>
  <si>
    <t>VELUX Set Ma.+W-Pl. FOP M06 1047S</t>
  </si>
  <si>
    <t>FOP M06 1047SWL</t>
  </si>
  <si>
    <t>5702329999748</t>
  </si>
  <si>
    <t>VELUX Set Ma.+W-Pl. FOP M06 1047SWL</t>
  </si>
  <si>
    <t>FOP M06 1156S</t>
  </si>
  <si>
    <t>5702329999779</t>
  </si>
  <si>
    <t>VELUX Set Ma.+W-Pl. FOP M06 1156S</t>
  </si>
  <si>
    <t>FOP M06 1156SWL</t>
  </si>
  <si>
    <t>5702329999762</t>
  </si>
  <si>
    <t>VELUX Set Ma.+W-Pl. FOP M06 1156SWL</t>
  </si>
  <si>
    <t>FOP M06 1163S</t>
  </si>
  <si>
    <t>5702329999793</t>
  </si>
  <si>
    <t>VELUX Set Ma.+W-Pl. FOP M06 1163S</t>
  </si>
  <si>
    <t>FOP M06 1163SWL</t>
  </si>
  <si>
    <t>5702329999786</t>
  </si>
  <si>
    <t>VELUX Set Ma.+W-Pl. FOP M06 1163SWL</t>
  </si>
  <si>
    <t>FOP M08 1045S</t>
  </si>
  <si>
    <t>5702329999816</t>
  </si>
  <si>
    <t>VELUX Set Ma.+W-Pl. FOP M08 1045S</t>
  </si>
  <si>
    <t>FOP M08 1045SWL</t>
  </si>
  <si>
    <t>5702329999809</t>
  </si>
  <si>
    <t>VELUX Set Ma.+W-Pl. FOP M08 1045SWL</t>
  </si>
  <si>
    <t>FOP M08 1047S</t>
  </si>
  <si>
    <t>5702329999830</t>
  </si>
  <si>
    <t>VELUX Set Ma.+W-Pl. FOP M08 1047S</t>
  </si>
  <si>
    <t>FOP M08 1047SWL</t>
  </si>
  <si>
    <t>5702329999823</t>
  </si>
  <si>
    <t>VELUX Set Ma.+W-Pl. FOP M08 1047SWL</t>
  </si>
  <si>
    <t>FOP M08 1156S</t>
  </si>
  <si>
    <t>5702329999854</t>
  </si>
  <si>
    <t>VELUX Set Ma.+W-Pl. FOP M08 1156S</t>
  </si>
  <si>
    <t>FOP M08 1156SWL</t>
  </si>
  <si>
    <t>5702329999847</t>
  </si>
  <si>
    <t>VELUX Set Ma.+W-Pl. FOP M08 1156SWL</t>
  </si>
  <si>
    <t>FOP M08 1163S</t>
  </si>
  <si>
    <t>5702329999878</t>
  </si>
  <si>
    <t>VELUX Set Ma.+W-Pl. FOP M08 1163S</t>
  </si>
  <si>
    <t>FOP M08 1163SWL</t>
  </si>
  <si>
    <t>5702329999861</t>
  </si>
  <si>
    <t>VELUX Set Ma.+W-Pl. FOP M08 1163SWL</t>
  </si>
  <si>
    <t>FOP M10 1045S</t>
  </si>
  <si>
    <t>5702329999892</t>
  </si>
  <si>
    <t>VELUX Set Ma.+W-Pl. FOP M10 1045S</t>
  </si>
  <si>
    <t>FOP M10 1045SWL</t>
  </si>
  <si>
    <t>5702329999885</t>
  </si>
  <si>
    <t>VELUX Set Ma.+W-Pl. FOP M10 1045SWL</t>
  </si>
  <si>
    <t>FOP M10 1047S</t>
  </si>
  <si>
    <t>5702329999915</t>
  </si>
  <si>
    <t>VELUX Set Ma.+W-Pl. FOP M10 1047S</t>
  </si>
  <si>
    <t>FOP M10 1047SWL</t>
  </si>
  <si>
    <t>5702329999908</t>
  </si>
  <si>
    <t>VELUX Set Ma.+W-Pl. FOP M10 1047SWL</t>
  </si>
  <si>
    <t>FOP M10 1156S</t>
  </si>
  <si>
    <t>5702329999939</t>
  </si>
  <si>
    <t>VELUX Set Ma.+W-Pl. FOP M10 1156S</t>
  </si>
  <si>
    <t>FOP M10 1156SWL</t>
  </si>
  <si>
    <t>5702329999922</t>
  </si>
  <si>
    <t>VELUX Set Ma.+W-Pl. FOP M10 1156SWL</t>
  </si>
  <si>
    <t>FOP M10 1163S</t>
  </si>
  <si>
    <t>5702329999953</t>
  </si>
  <si>
    <t>VELUX Set Ma.+W-Pl. FOP M10 1163S</t>
  </si>
  <si>
    <t>FOP M10 1163SWL</t>
  </si>
  <si>
    <t>5702329999946</t>
  </si>
  <si>
    <t>VELUX Set Ma.+W-Pl. FOP M10 1163SWL</t>
  </si>
  <si>
    <t>FOP MK04 1045S</t>
  </si>
  <si>
    <t>5702320000870</t>
  </si>
  <si>
    <t>VELUX Set Ma.+W-Pl. FOP MK04 1045S</t>
  </si>
  <si>
    <t>FOP MK04 1045SWL</t>
  </si>
  <si>
    <t>5702320000832</t>
  </si>
  <si>
    <t>VELUX Set Ma.+W-Pl. FOP MK04 1045SWL</t>
  </si>
  <si>
    <t>FOP MK04 1047S</t>
  </si>
  <si>
    <t>5702320000917</t>
  </si>
  <si>
    <t>VELUX Set Ma.+W-Pl. FOP MK04 1047S</t>
  </si>
  <si>
    <t>FOP MK04 1047SWL</t>
  </si>
  <si>
    <t>5702320000900</t>
  </si>
  <si>
    <t>VELUX Set Ma.+W-Pl. FOP MK04 1047SWL</t>
  </si>
  <si>
    <t>FOP MK04 1156S</t>
  </si>
  <si>
    <t>5702320000955</t>
  </si>
  <si>
    <t>VELUX Set Ma.+W-Pl. FOP MK04 1156S</t>
  </si>
  <si>
    <t>FOP MK04 1156SWL</t>
  </si>
  <si>
    <t>5702320000924</t>
  </si>
  <si>
    <t>VELUX Set Ma.+W-Pl. FOP MK04 1156SWL</t>
  </si>
  <si>
    <t>FOP MK04 1163S</t>
  </si>
  <si>
    <t>5702320000993</t>
  </si>
  <si>
    <t>VELUX Set Ma.+W-Pl. FOP MK04 1163S</t>
  </si>
  <si>
    <t>FOP MK04 1163SWL</t>
  </si>
  <si>
    <t>5702320000962</t>
  </si>
  <si>
    <t>VELUX Set Ma.+W-Pl. FOP MK04 1163SWL</t>
  </si>
  <si>
    <t>FOP MK06 1045S</t>
  </si>
  <si>
    <t>5702320001044</t>
  </si>
  <si>
    <t>VELUX Set Ma.+W-Pl. FOP MK06 1045S</t>
  </si>
  <si>
    <t>FOP MK06 1045SWL</t>
  </si>
  <si>
    <t>5702320001006</t>
  </si>
  <si>
    <t>VELUX Set Ma.+W-Pl. FOP MK06 1045SWL</t>
  </si>
  <si>
    <t>FOP MK06 1047S</t>
  </si>
  <si>
    <t>5702320001082</t>
  </si>
  <si>
    <t>VELUX Set Ma.+W-Pl. FOP MK06 1047S</t>
  </si>
  <si>
    <t>FOP MK06 1047SWL</t>
  </si>
  <si>
    <t>5702320001051</t>
  </si>
  <si>
    <t>VELUX Set Ma.+W-Pl. FOP MK06 1047SWL</t>
  </si>
  <si>
    <t>FOP MK06 1156S</t>
  </si>
  <si>
    <t>5702320001105</t>
  </si>
  <si>
    <t>VELUX Set Ma.+W-Pl. FOP MK06 1156S</t>
  </si>
  <si>
    <t>FOP MK06 1156SWL</t>
  </si>
  <si>
    <t>5702320001099</t>
  </si>
  <si>
    <t>VELUX Set Ma.+W-Pl. FOP MK06 1156SWL</t>
  </si>
  <si>
    <t>FOP MK06 1163S</t>
  </si>
  <si>
    <t>5702320001129</t>
  </si>
  <si>
    <t>VELUX Set Ma.+W-Pl. FOP MK06 1163S</t>
  </si>
  <si>
    <t>FOP MK06 1163SWL</t>
  </si>
  <si>
    <t>5702320001112</t>
  </si>
  <si>
    <t>VELUX Set Ma.+W-Pl. FOP MK06 1163SWL</t>
  </si>
  <si>
    <t>FOP MK08 1045S</t>
  </si>
  <si>
    <t>5702320001488</t>
  </si>
  <si>
    <t>VELUX Set Ma.+W-Pl. FOP MK08 1045S</t>
  </si>
  <si>
    <t>FOP MK08 1045SWL</t>
  </si>
  <si>
    <t>5702320001242</t>
  </si>
  <si>
    <t>VELUX Set Ma.+W-Pl. FOP MK08 1045SWL</t>
  </si>
  <si>
    <t>FOP MK08 1047S</t>
  </si>
  <si>
    <t>5702320001617</t>
  </si>
  <si>
    <t>VELUX Set Ma.+W-Pl. FOP MK08 1047S</t>
  </si>
  <si>
    <t>FOP MK08 1047SWL</t>
  </si>
  <si>
    <t>5702320001600</t>
  </si>
  <si>
    <t>VELUX Set Ma.+W-Pl. FOP MK08 1047SWL</t>
  </si>
  <si>
    <t>FOP MK08 1156S</t>
  </si>
  <si>
    <t>5702320001631</t>
  </si>
  <si>
    <t>VELUX Set Ma.+W-Pl. FOP MK08 1156S</t>
  </si>
  <si>
    <t>FOP MK08 1156SWL</t>
  </si>
  <si>
    <t>5702320001624</t>
  </si>
  <si>
    <t>VELUX Set Ma.+W-Pl. FOP MK08 1156SWL</t>
  </si>
  <si>
    <t>FOP MK08 1163S</t>
  </si>
  <si>
    <t>5702320001679</t>
  </si>
  <si>
    <t>VELUX Set Ma.+W-Pl. FOP MK08 1163S</t>
  </si>
  <si>
    <t>FOP MK08 1163SWL</t>
  </si>
  <si>
    <t>5702320001655</t>
  </si>
  <si>
    <t>VELUX Set Ma.+W-Pl. FOP MK08 1163SWL</t>
  </si>
  <si>
    <t>FOP MK10 1045S</t>
  </si>
  <si>
    <t>5702320001716</t>
  </si>
  <si>
    <t>VELUX Set Ma.+W-Pl. FOP MK10 1045S</t>
  </si>
  <si>
    <t>FOP MK10 1045SWL</t>
  </si>
  <si>
    <t>5702320001693</t>
  </si>
  <si>
    <t>VELUX Set Ma.+W-Pl. FOP MK10 1045SWL</t>
  </si>
  <si>
    <t>FOP MK10 1047S</t>
  </si>
  <si>
    <t>5702320001730</t>
  </si>
  <si>
    <t>VELUX Set Ma.+W-Pl. FOP MK10 1047S</t>
  </si>
  <si>
    <t>FOP MK10 1047SWL</t>
  </si>
  <si>
    <t>5702320001723</t>
  </si>
  <si>
    <t>VELUX Set Ma.+W-Pl. FOP MK10 1047SWL</t>
  </si>
  <si>
    <t>FOP MK10 1156S</t>
  </si>
  <si>
    <t>5702320001754</t>
  </si>
  <si>
    <t>VELUX Set Ma.+W-Pl. FOP MK10 1156S</t>
  </si>
  <si>
    <t>FOP MK10 1156SWL</t>
  </si>
  <si>
    <t>5702320001747</t>
  </si>
  <si>
    <t>VELUX Set Ma.+W-Pl. FOP MK10 1156SWL</t>
  </si>
  <si>
    <t>FOP MK10 1163S</t>
  </si>
  <si>
    <t>5702320001778</t>
  </si>
  <si>
    <t>VELUX Set Ma.+W-Pl. FOP MK10 1163S</t>
  </si>
  <si>
    <t>FOP MK10 1163SWL</t>
  </si>
  <si>
    <t>5702320001761</t>
  </si>
  <si>
    <t>VELUX Set Ma.+W-Pl. FOP MK10 1163SWL</t>
  </si>
  <si>
    <t>FOP MK12 1045S</t>
  </si>
  <si>
    <t>5702320001815</t>
  </si>
  <si>
    <t>VELUX Set Ma.+W-Pl. FOP MK12 1045S</t>
  </si>
  <si>
    <t>FOP MK12 1045SWL</t>
  </si>
  <si>
    <t>5702320001808</t>
  </si>
  <si>
    <t>VELUX Set Ma.+W-Pl. FOP MK12 1045SWL</t>
  </si>
  <si>
    <t>FOP MK12 1047S</t>
  </si>
  <si>
    <t>5702320001839</t>
  </si>
  <si>
    <t>VELUX Set Ma.+W-Pl. FOP MK12 1047S</t>
  </si>
  <si>
    <t>FOP MK12 1047SWL</t>
  </si>
  <si>
    <t>5702320001822</t>
  </si>
  <si>
    <t>VELUX Set Ma.+W-Pl. FOP MK12 1047SWL</t>
  </si>
  <si>
    <t>FOP MK12 1156S</t>
  </si>
  <si>
    <t>5702320001853</t>
  </si>
  <si>
    <t>VELUX Set Ma.+W-Pl. FOP MK12 1156S</t>
  </si>
  <si>
    <t>FOP MK12 1156SWL</t>
  </si>
  <si>
    <t>5702320001846</t>
  </si>
  <si>
    <t>VELUX Set Ma.+W-Pl. FOP MK12 1156SWL</t>
  </si>
  <si>
    <t>FOP MK12 1163S</t>
  </si>
  <si>
    <t>5702320001877</t>
  </si>
  <si>
    <t>VELUX Set Ma.+W-Pl. FOP MK12 1163S</t>
  </si>
  <si>
    <t>FOP MK12 1163SWL</t>
  </si>
  <si>
    <t>5702320001860</t>
  </si>
  <si>
    <t>VELUX Set Ma.+W-Pl. FOP MK12 1163SWL</t>
  </si>
  <si>
    <t>FOP P06 1045S</t>
  </si>
  <si>
    <t>5702320001983</t>
  </si>
  <si>
    <t>VELUX Set Ma.+W-Pl. FOP P06 1045S</t>
  </si>
  <si>
    <t>FOP P06 1045SWL</t>
  </si>
  <si>
    <t>5702320001976</t>
  </si>
  <si>
    <t>VELUX Set Ma.+W-Pl. FOP P06 1045SWL</t>
  </si>
  <si>
    <t>FOP P06 1047S</t>
  </si>
  <si>
    <t>5702320002003</t>
  </si>
  <si>
    <t>VELUX Set Ma.+W-Pl. FOP P06 1047S</t>
  </si>
  <si>
    <t>FOP P06 1047SWL</t>
  </si>
  <si>
    <t>5702320001990</t>
  </si>
  <si>
    <t>VELUX Set Ma.+W-Pl. FOP P06 1047SWL</t>
  </si>
  <si>
    <t>FOP P06 1156S</t>
  </si>
  <si>
    <t>5702320002034</t>
  </si>
  <si>
    <t>VELUX Set Ma.+W-Pl. FOP P06 1156S</t>
  </si>
  <si>
    <t>FOP P06 1156SWL</t>
  </si>
  <si>
    <t>5702320002027</t>
  </si>
  <si>
    <t>VELUX Set Ma.+W-Pl. FOP P06 1156SWL</t>
  </si>
  <si>
    <t>FOP P06 1163S</t>
  </si>
  <si>
    <t>5702320002058</t>
  </si>
  <si>
    <t>VELUX Set Ma.+W-Pl. FOP P06 1163S</t>
  </si>
  <si>
    <t>FOP P06 1163SWL</t>
  </si>
  <si>
    <t>5702320002041</t>
  </si>
  <si>
    <t>VELUX Set Ma.+W-Pl. FOP P06 1163SWL</t>
  </si>
  <si>
    <t>FOP P08 1045S</t>
  </si>
  <si>
    <t>5702320002072</t>
  </si>
  <si>
    <t>VELUX Set Ma.+W-Pl. FOP P08 1045S</t>
  </si>
  <si>
    <t>FOP P08 1045SWL</t>
  </si>
  <si>
    <t>5702320002065</t>
  </si>
  <si>
    <t>VELUX Set Ma.+W-Pl. FOP P08 1045SWL</t>
  </si>
  <si>
    <t>FOP P08 1047S</t>
  </si>
  <si>
    <t>5702320002096</t>
  </si>
  <si>
    <t>VELUX Set Ma.+W-Pl. FOP P08 1047S</t>
  </si>
  <si>
    <t>FOP P08 1047SWL</t>
  </si>
  <si>
    <t>5702320002089</t>
  </si>
  <si>
    <t>VELUX Set Ma.+W-Pl. FOP P08 1047SWL</t>
  </si>
  <si>
    <t>FOP P08 1156S</t>
  </si>
  <si>
    <t>5702320002119</t>
  </si>
  <si>
    <t>VELUX Set Ma.+W-Pl. FOP P08 1156S</t>
  </si>
  <si>
    <t>FOP P08 1156SWL</t>
  </si>
  <si>
    <t>5702320002102</t>
  </si>
  <si>
    <t>VELUX Set Ma.+W-Pl. FOP P08 1156SWL</t>
  </si>
  <si>
    <t>FOP P08 1163S</t>
  </si>
  <si>
    <t>5702320002133</t>
  </si>
  <si>
    <t>VELUX Set Ma.+W-Pl. FOP P08 1163S</t>
  </si>
  <si>
    <t>FOP P08 1163SWL</t>
  </si>
  <si>
    <t>5702320002126</t>
  </si>
  <si>
    <t>VELUX Set Ma.+W-Pl. FOP P08 1163SWL</t>
  </si>
  <si>
    <t>FOP P10 1045S</t>
  </si>
  <si>
    <t>5702320002157</t>
  </si>
  <si>
    <t>VELUX Set Ma.+W-Pl. FOP P10 1045S</t>
  </si>
  <si>
    <t>FOP P10 1045SWL</t>
  </si>
  <si>
    <t>5702320002140</t>
  </si>
  <si>
    <t>VELUX Set Ma.+W-Pl. FOP P10 1045SWL</t>
  </si>
  <si>
    <t>FOP P10 1047S</t>
  </si>
  <si>
    <t>5702320002171</t>
  </si>
  <si>
    <t>VELUX Set Ma.+W-Pl. FOP P10 1047S</t>
  </si>
  <si>
    <t>FOP P10 1047SWL</t>
  </si>
  <si>
    <t>5702320002164</t>
  </si>
  <si>
    <t>VELUX Set Ma.+W-Pl. FOP P10 1047SWL</t>
  </si>
  <si>
    <t>FOP P10 1156S</t>
  </si>
  <si>
    <t>5702320002195</t>
  </si>
  <si>
    <t>VELUX Set Ma.+W-Pl. FOP P10 1156S</t>
  </si>
  <si>
    <t>FOP P10 1156SWL</t>
  </si>
  <si>
    <t>5702320002188</t>
  </si>
  <si>
    <t>VELUX Set Ma.+W-Pl. FOP P10 1156SWL</t>
  </si>
  <si>
    <t>FOP P10 1163S</t>
  </si>
  <si>
    <t>5702320002225</t>
  </si>
  <si>
    <t>VELUX Set Ma.+W-Pl. FOP P10 1163S</t>
  </si>
  <si>
    <t>FOP P10 1163SWL</t>
  </si>
  <si>
    <t>5702320002201</t>
  </si>
  <si>
    <t>VELUX Set Ma.+W-Pl. FOP P10 1163SWL</t>
  </si>
  <si>
    <t>FOP PK06 1045S</t>
  </si>
  <si>
    <t>5702320002454</t>
  </si>
  <si>
    <t>VELUX Set Ma.+W-Pl. FOP PK06 1045S</t>
  </si>
  <si>
    <t>FOP PK06 1045SWL</t>
  </si>
  <si>
    <t>5702320002430</t>
  </si>
  <si>
    <t>VELUX Set Ma.+W-Pl. FOP PK06 1045SWL</t>
  </si>
  <si>
    <t>FOP PK06 1047S</t>
  </si>
  <si>
    <t>5702320002485</t>
  </si>
  <si>
    <t>VELUX Set Ma.+W-Pl. FOP PK06 1047S</t>
  </si>
  <si>
    <t>FOP PK06 1047SWL</t>
  </si>
  <si>
    <t>5702320002478</t>
  </si>
  <si>
    <t>VELUX Set Ma.+W-Pl. FOP PK06 1047SWL</t>
  </si>
  <si>
    <t>FOP PK06 1156S</t>
  </si>
  <si>
    <t>5702320002508</t>
  </si>
  <si>
    <t>VELUX Set Ma.+W-Pl. FOP PK06 1156S</t>
  </si>
  <si>
    <t>FOP PK06 1156SWL</t>
  </si>
  <si>
    <t>5702320002492</t>
  </si>
  <si>
    <t>VELUX Set Ma.+W-Pl. FOP PK06 1156SWL</t>
  </si>
  <si>
    <t>FOP PK06 1163S</t>
  </si>
  <si>
    <t>5702320002522</t>
  </si>
  <si>
    <t>VELUX Set Ma.+W-Pl. FOP PK06 1163S</t>
  </si>
  <si>
    <t>FOP PK06 1163SWL</t>
  </si>
  <si>
    <t>5702320002515</t>
  </si>
  <si>
    <t>VELUX Set Ma.+W-Pl. FOP PK06 1163SWL</t>
  </si>
  <si>
    <t>FOP PK08 1045S</t>
  </si>
  <si>
    <t>5702320002546</t>
  </si>
  <si>
    <t>VELUX Set Ma.+W-Pl. FOP PK08 1045S</t>
  </si>
  <si>
    <t>FOP PK08 1045SWL</t>
  </si>
  <si>
    <t>5702320002539</t>
  </si>
  <si>
    <t>VELUX Set Ma.+W-Pl. FOP PK08 1045SWL</t>
  </si>
  <si>
    <t>FOP PK08 1047S</t>
  </si>
  <si>
    <t>5702320002560</t>
  </si>
  <si>
    <t>VELUX Set Ma.+W-Pl. FOP PK08 1047S</t>
  </si>
  <si>
    <t>FOP PK08 1047SWL</t>
  </si>
  <si>
    <t>5702320002553</t>
  </si>
  <si>
    <t>VELUX Set Ma.+W-Pl. FOP PK08 1047SWL</t>
  </si>
  <si>
    <t>FOP PK08 1156S</t>
  </si>
  <si>
    <t>5702320002584</t>
  </si>
  <si>
    <t>VELUX Set Ma.+W-Pl. FOP PK08 1156S</t>
  </si>
  <si>
    <t>FOP PK08 1156SWL</t>
  </si>
  <si>
    <t>5702320002577</t>
  </si>
  <si>
    <t>VELUX Set Ma.+W-Pl. FOP PK08 1156SWL</t>
  </si>
  <si>
    <t>FOP PK08 1163S</t>
  </si>
  <si>
    <t>5702320002607</t>
  </si>
  <si>
    <t>VELUX Set Ma.+W-Pl. FOP PK08 1163S</t>
  </si>
  <si>
    <t>FOP PK08 1163SWL</t>
  </si>
  <si>
    <t>5702320002591</t>
  </si>
  <si>
    <t>VELUX Set Ma.+W-Pl. FOP PK08 1163SWL</t>
  </si>
  <si>
    <t>FOP PK10 1045S</t>
  </si>
  <si>
    <t>5702320002621</t>
  </si>
  <si>
    <t>VELUX Set Ma.+W-Pl. FOP PK10 1045S</t>
  </si>
  <si>
    <t>FOP PK10 1045SWL</t>
  </si>
  <si>
    <t>5702320002614</t>
  </si>
  <si>
    <t>VELUX Set Ma.+W-Pl. FOP PK10 1045SWL</t>
  </si>
  <si>
    <t>FOP PK10 1047S</t>
  </si>
  <si>
    <t>5702320002645</t>
  </si>
  <si>
    <t>VELUX Set Ma.+W-Pl. FOP PK10 1047S</t>
  </si>
  <si>
    <t>FOP PK10 1047SWL</t>
  </si>
  <si>
    <t>5702320002638</t>
  </si>
  <si>
    <t>VELUX Set Ma.+W-Pl. FOP PK10 1047SWL</t>
  </si>
  <si>
    <t>FOP PK10 1156S</t>
  </si>
  <si>
    <t>5702320002676</t>
  </si>
  <si>
    <t>VELUX Set Ma.+W-Pl. FOP PK10 1156S</t>
  </si>
  <si>
    <t>FOP PK10 1156SWL</t>
  </si>
  <si>
    <t>5702320002652</t>
  </si>
  <si>
    <t>VELUX Set Ma.+W-Pl. FOP PK10 1156SWL</t>
  </si>
  <si>
    <t>FOP PK10 1163S</t>
  </si>
  <si>
    <t>5702320002713</t>
  </si>
  <si>
    <t>VELUX Set Ma.+W-Pl. FOP PK10 1163S</t>
  </si>
  <si>
    <t>FOP PK10 1163SWL</t>
  </si>
  <si>
    <t>5702320002690</t>
  </si>
  <si>
    <t>VELUX Set Ma.+W-Pl. FOP PK10 1163SWL</t>
  </si>
  <si>
    <t>FOP S06 1045S</t>
  </si>
  <si>
    <t>5702320002980</t>
  </si>
  <si>
    <t>VELUX Set Ma.+W-Pl. FOP S06 1045S</t>
  </si>
  <si>
    <t>FOP S06 1045SWL</t>
  </si>
  <si>
    <t>5702320002973</t>
  </si>
  <si>
    <t>VELUX Set Ma.+W-Pl. FOP S06 1045SWL</t>
  </si>
  <si>
    <t>FOP S06 1047S</t>
  </si>
  <si>
    <t>5702320003000</t>
  </si>
  <si>
    <t>VELUX Set Ma.+W-Pl. FOP S06 1047S</t>
  </si>
  <si>
    <t>FOP S06 1047SWL</t>
  </si>
  <si>
    <t>5702320002997</t>
  </si>
  <si>
    <t>VELUX Set Ma.+W-Pl. FOP S06 1047SWL</t>
  </si>
  <si>
    <t>FOP S06 1156S</t>
  </si>
  <si>
    <t>5702320003031</t>
  </si>
  <si>
    <t>VELUX Set Ma.+W-Pl. FOP S06 1156S</t>
  </si>
  <si>
    <t>FOP S06 1156SWL</t>
  </si>
  <si>
    <t>5702320003024</t>
  </si>
  <si>
    <t>VELUX Set Ma.+W-Pl. FOP S06 1156SWL</t>
  </si>
  <si>
    <t>FOP S06 1163S</t>
  </si>
  <si>
    <t>5702320003055</t>
  </si>
  <si>
    <t>VELUX Set Ma.+W-Pl. FOP S06 1163S</t>
  </si>
  <si>
    <t>FOP S06 1163SWL</t>
  </si>
  <si>
    <t>5702320003048</t>
  </si>
  <si>
    <t>VELUX Set Ma.+W-Pl. FOP S06 1163SWL</t>
  </si>
  <si>
    <t>FOP S08 1045S</t>
  </si>
  <si>
    <t>5702320003079</t>
  </si>
  <si>
    <t>VELUX Set Ma.+W-Pl. FOP S08 1045S</t>
  </si>
  <si>
    <t>FOP S08 1045SWL</t>
  </si>
  <si>
    <t>5702320003062</t>
  </si>
  <si>
    <t>VELUX Set Ma.+W-Pl. FOP S08 1045SWL</t>
  </si>
  <si>
    <t>FOP S08 1047S</t>
  </si>
  <si>
    <t>5702320003116</t>
  </si>
  <si>
    <t>VELUX Set Ma.+W-Pl. FOP S08 1047S</t>
  </si>
  <si>
    <t>FOP S08 1047SWL</t>
  </si>
  <si>
    <t>5702320003109</t>
  </si>
  <si>
    <t>VELUX Set Ma.+W-Pl. FOP S08 1047SWL</t>
  </si>
  <si>
    <t>FOP S08 1156S</t>
  </si>
  <si>
    <t>5702320003178</t>
  </si>
  <si>
    <t>VELUX Set Ma.+W-Pl. FOP S08 1156S</t>
  </si>
  <si>
    <t>FOP S08 1156SWL</t>
  </si>
  <si>
    <t>5702320003161</t>
  </si>
  <si>
    <t>VELUX Set Ma.+W-Pl. FOP S08 1156SWL</t>
  </si>
  <si>
    <t>FOP S08 1163S</t>
  </si>
  <si>
    <t>5702320003314</t>
  </si>
  <si>
    <t>VELUX Set Ma.+W-Pl. FOP S08 1163S</t>
  </si>
  <si>
    <t>FOP S08 1163SWL</t>
  </si>
  <si>
    <t>5702320003185</t>
  </si>
  <si>
    <t>VELUX Set Ma.+W-Pl. FOP S08 1163SWL</t>
  </si>
  <si>
    <t>FOP S10 1045S</t>
  </si>
  <si>
    <t>5702320003338</t>
  </si>
  <si>
    <t>VELUX Set Ma.+W-Pl. FOP S10 1045S</t>
  </si>
  <si>
    <t>FOP S10 1045SWL</t>
  </si>
  <si>
    <t>5702320003321</t>
  </si>
  <si>
    <t>VELUX Set Ma.+W-Pl. FOP S10 1045SWL</t>
  </si>
  <si>
    <t>FOP S10 1047S</t>
  </si>
  <si>
    <t>5702320003352</t>
  </si>
  <si>
    <t>VELUX Set Ma.+W-Pl. FOP S10 1047S</t>
  </si>
  <si>
    <t>FOP S10 1047SWL</t>
  </si>
  <si>
    <t>5702320003345</t>
  </si>
  <si>
    <t>VELUX Set Ma.+W-Pl. FOP S10 1047SWL</t>
  </si>
  <si>
    <t>FOP S10 1156S</t>
  </si>
  <si>
    <t>5702320003376</t>
  </si>
  <si>
    <t>VELUX Set Ma.+W-Pl. FOP S10 1156S</t>
  </si>
  <si>
    <t>FOP S10 1156SWL</t>
  </si>
  <si>
    <t>5702320003369</t>
  </si>
  <si>
    <t>VELUX Set Ma.+W-Pl. FOP S10 1156SWL</t>
  </si>
  <si>
    <t>FOP S10 1163S</t>
  </si>
  <si>
    <t>5702320003390</t>
  </si>
  <si>
    <t>VELUX Set Ma.+W-Pl. FOP S10 1163S</t>
  </si>
  <si>
    <t>FOP S10 1163SWL</t>
  </si>
  <si>
    <t>5702320003383</t>
  </si>
  <si>
    <t>VELUX Set Ma.+W-Pl. FOP S10 1163SWL</t>
  </si>
  <si>
    <t>FOP SK06 1045S</t>
  </si>
  <si>
    <t>5702320003499</t>
  </si>
  <si>
    <t>VELUX Set Ma.+W-Pl. FOP SK06 1045S</t>
  </si>
  <si>
    <t>FOP SK06 1045SWL</t>
  </si>
  <si>
    <t>5702320003482</t>
  </si>
  <si>
    <t>VELUX Set Ma.+W-Pl. FOP SK06 1045SWL</t>
  </si>
  <si>
    <t>FOP SK06 1047S</t>
  </si>
  <si>
    <t>5702320003512</t>
  </si>
  <si>
    <t>VELUX Set Ma.+W-Pl. FOP SK06 1047S</t>
  </si>
  <si>
    <t>FOP SK06 1047SWL</t>
  </si>
  <si>
    <t>5702320003505</t>
  </si>
  <si>
    <t>VELUX Set Ma.+W-Pl. FOP SK06 1047SWL</t>
  </si>
  <si>
    <t>FOP SK06 1156S</t>
  </si>
  <si>
    <t>5702320003536</t>
  </si>
  <si>
    <t>VELUX Set Ma.+W-Pl. FOP SK06 1156S</t>
  </si>
  <si>
    <t>FOP SK06 1156SWL</t>
  </si>
  <si>
    <t>5702320003529</t>
  </si>
  <si>
    <t>VELUX Set Ma.+W-Pl. FOP SK06 1156SWL</t>
  </si>
  <si>
    <t>FOP SK06 1163S</t>
  </si>
  <si>
    <t>5702320003574</t>
  </si>
  <si>
    <t>VELUX Set Ma.+W-Pl. FOP SK06 1163S</t>
  </si>
  <si>
    <t>FOP SK06 1163SWL</t>
  </si>
  <si>
    <t>5702320003543</t>
  </si>
  <si>
    <t>VELUX Set Ma.+W-Pl. FOP SK06 1163SWL</t>
  </si>
  <si>
    <t>FOP SK08 1045S</t>
  </si>
  <si>
    <t>5702320003598</t>
  </si>
  <si>
    <t>VELUX Set Ma.+W-Pl. FOP SK08 1045S</t>
  </si>
  <si>
    <t>FOP SK08 1045SWL</t>
  </si>
  <si>
    <t>5702320003581</t>
  </si>
  <si>
    <t>VELUX Set Ma.+W-Pl. FOP SK08 1045SWL</t>
  </si>
  <si>
    <t>FOP SK08 1047S</t>
  </si>
  <si>
    <t>5702320003611</t>
  </si>
  <si>
    <t>VELUX Set Ma.+W-Pl. FOP SK08 1047S</t>
  </si>
  <si>
    <t>FOP SK08 1047SWL</t>
  </si>
  <si>
    <t>5702320003604</t>
  </si>
  <si>
    <t>VELUX Set Ma.+W-Pl. FOP SK08 1047SWL</t>
  </si>
  <si>
    <t>FOP SK08 1156S</t>
  </si>
  <si>
    <t>5702320003635</t>
  </si>
  <si>
    <t>VELUX Set Ma.+W-Pl. FOP SK08 1156S</t>
  </si>
  <si>
    <t>FOP SK08 1156SWL</t>
  </si>
  <si>
    <t>5702320003628</t>
  </si>
  <si>
    <t>VELUX Set Ma.+W-Pl. FOP SK08 1156SWL</t>
  </si>
  <si>
    <t>FOP SK08 1163S</t>
  </si>
  <si>
    <t>5702320003659</t>
  </si>
  <si>
    <t>VELUX Set Ma.+W-Pl. FOP SK08 1163S</t>
  </si>
  <si>
    <t>FOP SK08 1163SWL</t>
  </si>
  <si>
    <t>5702320003642</t>
  </si>
  <si>
    <t>VELUX Set Ma.+W-Pl. FOP SK08 1163SWL</t>
  </si>
  <si>
    <t>FOP SK10 1045S</t>
  </si>
  <si>
    <t>5702320003673</t>
  </si>
  <si>
    <t>VELUX Set Ma.+W-Pl. FOP SK10 1045S</t>
  </si>
  <si>
    <t>FOP SK10 1045SWL</t>
  </si>
  <si>
    <t>5702320003666</t>
  </si>
  <si>
    <t>VELUX Set Ma.+W-Pl. FOP SK10 1045SWL</t>
  </si>
  <si>
    <t>FOP SK10 1047S</t>
  </si>
  <si>
    <t>5702320003697</t>
  </si>
  <si>
    <t>VELUX Set Ma.+W-Pl. FOP SK10 1047S</t>
  </si>
  <si>
    <t>FOP SK10 1047SWL</t>
  </si>
  <si>
    <t>5702320003680</t>
  </si>
  <si>
    <t>VELUX Set Ma.+W-Pl. FOP SK10 1047SWL</t>
  </si>
  <si>
    <t>FOP SK10 1156S</t>
  </si>
  <si>
    <t>5702320003710</t>
  </si>
  <si>
    <t>VELUX Set Ma.+W-Pl. FOP SK10 1156S</t>
  </si>
  <si>
    <t>FOP SK10 1156SWL</t>
  </si>
  <si>
    <t>5702320003703</t>
  </si>
  <si>
    <t>VELUX Set Ma.+W-Pl. FOP SK10 1156SWL</t>
  </si>
  <si>
    <t>FOP SK10 1163S</t>
  </si>
  <si>
    <t>5702320003734</t>
  </si>
  <si>
    <t>VELUX Set Ma.+W-Pl. FOP SK10 1163S</t>
  </si>
  <si>
    <t>FOP SK10 1163SWL</t>
  </si>
  <si>
    <t>5702320003727</t>
  </si>
  <si>
    <t>VELUX Set Ma.+W-Pl. FOP SK10 1163SWL</t>
  </si>
  <si>
    <t>FOP U04 1045S</t>
  </si>
  <si>
    <t>5702320003758</t>
  </si>
  <si>
    <t>VELUX Set Ma.+W-Pl. FOP U04 1045S</t>
  </si>
  <si>
    <t>FOP U04 1045SWL</t>
  </si>
  <si>
    <t>5702320003741</t>
  </si>
  <si>
    <t>VELUX Set Ma.+W-Pl. FOP U04 1045SWL</t>
  </si>
  <si>
    <t>FOP U04 1047S</t>
  </si>
  <si>
    <t>5702320003772</t>
  </si>
  <si>
    <t>VELUX Set Ma.+W-Pl. FOP U04 1047S</t>
  </si>
  <si>
    <t>FOP U04 1047SWL</t>
  </si>
  <si>
    <t>5702320003765</t>
  </si>
  <si>
    <t>VELUX Set Ma.+W-Pl. FOP U04 1047SWL</t>
  </si>
  <si>
    <t>FOP U04 1156S</t>
  </si>
  <si>
    <t>5702320003796</t>
  </si>
  <si>
    <t>VELUX Set Ma.+W-Pl. FOP U04 1156S</t>
  </si>
  <si>
    <t>FOP U04 1156SWL</t>
  </si>
  <si>
    <t>5702320003789</t>
  </si>
  <si>
    <t>VELUX Set Ma.+W-Pl. FOP U04 1156SWL</t>
  </si>
  <si>
    <t>FOP U04 1163S</t>
  </si>
  <si>
    <t>5702320003819</t>
  </si>
  <si>
    <t>VELUX Set Ma.+W-Pl. FOP U04 1163S</t>
  </si>
  <si>
    <t>FOP U04 1163SWL</t>
  </si>
  <si>
    <t>5702320003802</t>
  </si>
  <si>
    <t>VELUX Set Ma.+W-Pl. FOP U04 1163SWL</t>
  </si>
  <si>
    <t>FOP U08 1045S</t>
  </si>
  <si>
    <t>5702320003833</t>
  </si>
  <si>
    <t>VELUX Set Ma.+W-Pl. FOP U08 1045S</t>
  </si>
  <si>
    <t>FOP U08 1045SWL</t>
  </si>
  <si>
    <t>5702320003826</t>
  </si>
  <si>
    <t>VELUX Set Ma.+W-Pl. FOP U08 1045SWL</t>
  </si>
  <si>
    <t>FOP U08 1047S</t>
  </si>
  <si>
    <t>5702320003857</t>
  </si>
  <si>
    <t>VELUX Set Ma.+W-Pl. FOP U08 1047S</t>
  </si>
  <si>
    <t>FOP U08 1047SWL</t>
  </si>
  <si>
    <t>5702320003840</t>
  </si>
  <si>
    <t>VELUX Set Ma.+W-Pl. FOP U08 1047SWL</t>
  </si>
  <si>
    <t>FOP U08 1156S</t>
  </si>
  <si>
    <t>5702320003888</t>
  </si>
  <si>
    <t>VELUX Set Ma.+W-Pl. FOP U08 1156S</t>
  </si>
  <si>
    <t>FOP U08 1156SWL</t>
  </si>
  <si>
    <t>5702320003871</t>
  </si>
  <si>
    <t>VELUX Set Ma.+W-Pl. FOP U08 1156SWL</t>
  </si>
  <si>
    <t>FOP U08 1163S</t>
  </si>
  <si>
    <t>5702320003901</t>
  </si>
  <si>
    <t>VELUX Set Ma.+W-Pl. FOP U08 1163S</t>
  </si>
  <si>
    <t>FOP U08 1163SWL</t>
  </si>
  <si>
    <t>5702320003895</t>
  </si>
  <si>
    <t>VELUX Set Ma.+W-Pl. FOP U08 1163SWL</t>
  </si>
  <si>
    <t>FOP U10 1045S</t>
  </si>
  <si>
    <t>5702320003925</t>
  </si>
  <si>
    <t>VELUX Set Ma.+W-Pl. FOP U10 1045S</t>
  </si>
  <si>
    <t>FOP U10 1045SWL</t>
  </si>
  <si>
    <t>5702320003918</t>
  </si>
  <si>
    <t>VELUX Set Ma.+W-Pl. FOP U10 1045SWL</t>
  </si>
  <si>
    <t>FOP U10 1047S</t>
  </si>
  <si>
    <t>5702320003949</t>
  </si>
  <si>
    <t>VELUX Set Ma.+W-Pl. FOP U10 1047S</t>
  </si>
  <si>
    <t>FOP U10 1047SWL</t>
  </si>
  <si>
    <t>5702320003932</t>
  </si>
  <si>
    <t>VELUX Set Ma.+W-Pl. FOP U10 1047SWL</t>
  </si>
  <si>
    <t>FOP U10 1156S</t>
  </si>
  <si>
    <t>5702320003963</t>
  </si>
  <si>
    <t>VELUX Set Ma.+W-Pl. FOP U10 1156S</t>
  </si>
  <si>
    <t>FOP U10 1156SWL</t>
  </si>
  <si>
    <t>5702320003956</t>
  </si>
  <si>
    <t>VELUX Set Ma.+W-Pl. FOP U10 1156SWL</t>
  </si>
  <si>
    <t>FOP U10 1163S</t>
  </si>
  <si>
    <t>5702320003987</t>
  </si>
  <si>
    <t>VELUX Set Ma.+W-Pl. FOP U10 1163S</t>
  </si>
  <si>
    <t>FOP U10 1163SWL</t>
  </si>
  <si>
    <t>5702320003970</t>
  </si>
  <si>
    <t>VELUX Set Ma.+W-Pl. FOP U10 1163SWL</t>
  </si>
  <si>
    <t>FOP UK04 1045S</t>
  </si>
  <si>
    <t>5702320004007</t>
  </si>
  <si>
    <t>VELUX Set Ma.+W-Pl. FOP UK04 1045S</t>
  </si>
  <si>
    <t>FOP UK04 1045SWL</t>
  </si>
  <si>
    <t>5702320003994</t>
  </si>
  <si>
    <t>VELUX Set Ma.+W-Pl. FOP UK04 1045SWL</t>
  </si>
  <si>
    <t>FOP UK04 1047S</t>
  </si>
  <si>
    <t>5702320004038</t>
  </si>
  <si>
    <t>VELUX Set Ma.+W-Pl. FOP UK04 1047S</t>
  </si>
  <si>
    <t>FOP UK04 1047SWL</t>
  </si>
  <si>
    <t>5702320004021</t>
  </si>
  <si>
    <t>VELUX Set Ma.+W-Pl. FOP UK04 1047SWL</t>
  </si>
  <si>
    <t>FOP UK04 1156S</t>
  </si>
  <si>
    <t>5702320004052</t>
  </si>
  <si>
    <t>VELUX Set Ma.+W-Pl. FOP UK04 1156S</t>
  </si>
  <si>
    <t>FOP UK04 1156SWL</t>
  </si>
  <si>
    <t>5702320004045</t>
  </si>
  <si>
    <t>VELUX Set Ma.+W-Pl. FOP UK04 1156SWL</t>
  </si>
  <si>
    <t>FOP UK04 1163S</t>
  </si>
  <si>
    <t>5702320004076</t>
  </si>
  <si>
    <t>VELUX Set Ma.+W-Pl. FOP UK04 1163S</t>
  </si>
  <si>
    <t>FOP UK04 1163SWL</t>
  </si>
  <si>
    <t>5702320004069</t>
  </si>
  <si>
    <t>VELUX Set Ma.+W-Pl. FOP UK04 1163SWL</t>
  </si>
  <si>
    <t>FOP UK08 1045S</t>
  </si>
  <si>
    <t>5702320004090</t>
  </si>
  <si>
    <t>VELUX Set Ma.+W-Pl. FOP UK08 1045S</t>
  </si>
  <si>
    <t>FOP UK08 1045SWL</t>
  </si>
  <si>
    <t>5702320004083</t>
  </si>
  <si>
    <t>VELUX Set Ma.+W-Pl. FOP UK08 1045SWL</t>
  </si>
  <si>
    <t>FOP UK08 1047S</t>
  </si>
  <si>
    <t>5702320004113</t>
  </si>
  <si>
    <t>VELUX Set Ma.+W-Pl. FOP UK08 1047S</t>
  </si>
  <si>
    <t>FOP UK08 1047SWL</t>
  </si>
  <si>
    <t>5702320004106</t>
  </si>
  <si>
    <t>VELUX Set Ma.+W-Pl. FOP UK08 1047SWL</t>
  </si>
  <si>
    <t>FOP UK08 1156S</t>
  </si>
  <si>
    <t>5702320004137</t>
  </si>
  <si>
    <t>VELUX Set Ma.+W-Pl. FOP UK08 1156S</t>
  </si>
  <si>
    <t>FOP UK08 1156SWL</t>
  </si>
  <si>
    <t>5702320004120</t>
  </si>
  <si>
    <t>VELUX Set Ma.+W-Pl. FOP UK08 1156SWL</t>
  </si>
  <si>
    <t>FOP UK08 1163S</t>
  </si>
  <si>
    <t>5702320004151</t>
  </si>
  <si>
    <t>VELUX Set Ma.+W-Pl. FOP UK08 1163S</t>
  </si>
  <si>
    <t>FOP UK08 1163SWL</t>
  </si>
  <si>
    <t>5702320004144</t>
  </si>
  <si>
    <t>VELUX Set Ma.+W-Pl. FOP UK08 1163SWL</t>
  </si>
  <si>
    <t>FOP UK10 1045S</t>
  </si>
  <si>
    <t>5702320004175</t>
  </si>
  <si>
    <t>VELUX Set Ma.+W-Pl. FOP UK10 1045S</t>
  </si>
  <si>
    <t>FOP UK10 1045SWL</t>
  </si>
  <si>
    <t>5702320004168</t>
  </si>
  <si>
    <t>VELUX Set Ma.+W-Pl. FOP UK10 1045SWL</t>
  </si>
  <si>
    <t>FOP UK10 1047S</t>
  </si>
  <si>
    <t>5702320004410</t>
  </si>
  <si>
    <t>VELUX Set Ma.+W-Pl. FOP UK10 1047S</t>
  </si>
  <si>
    <t>FOP UK10 1047SWL</t>
  </si>
  <si>
    <t>5702320004403</t>
  </si>
  <si>
    <t>VELUX Set Ma.+W-Pl. FOP UK10 1047SWL</t>
  </si>
  <si>
    <t>FOP UK10 1156S</t>
  </si>
  <si>
    <t>5702320004458</t>
  </si>
  <si>
    <t>VELUX Set Ma.+W-Pl. FOP UK10 1156S</t>
  </si>
  <si>
    <t>FOP UK10 1156SWL</t>
  </si>
  <si>
    <t>5702320004434</t>
  </si>
  <si>
    <t>VELUX Set Ma.+W-Pl. FOP UK10 1156SWL</t>
  </si>
  <si>
    <t>FOP UK10 1163S</t>
  </si>
  <si>
    <t>5702320004489</t>
  </si>
  <si>
    <t>VELUX Set Ma.+W-Pl. FOP UK10 1163S</t>
  </si>
  <si>
    <t>FOP UK10 1163SWL</t>
  </si>
  <si>
    <t>5702320004472</t>
  </si>
  <si>
    <t>VELUX Set Ma.+W-Pl. FOP UK10 1163SWL</t>
  </si>
  <si>
    <t>FSC C02 1045K</t>
  </si>
  <si>
    <t>5702329551168</t>
  </si>
  <si>
    <t>VELUX Wabenpl. Sol. FSC C02 1045K</t>
  </si>
  <si>
    <t>FSC C02 1045KWL</t>
  </si>
  <si>
    <t>5702329560603</t>
  </si>
  <si>
    <t>VELUX Wabenpl. Sol. FSC C02 1045KWL</t>
  </si>
  <si>
    <t>FSC C02 1047K</t>
  </si>
  <si>
    <t>5702329551175</t>
  </si>
  <si>
    <t>VELUX Wabenpl. Sol. FSC C02 1047K</t>
  </si>
  <si>
    <t>FSC C02 1047KWL</t>
  </si>
  <si>
    <t>5702329560610</t>
  </si>
  <si>
    <t>VELUX Wabenpl. Sol. FSC C02 1047KWL</t>
  </si>
  <si>
    <t>FSC C02 1155K</t>
  </si>
  <si>
    <t>5702329551199</t>
  </si>
  <si>
    <t>VELUX Wabenpl. Sol. FSC C02 1155K</t>
  </si>
  <si>
    <t>FSC C02 1155KWL</t>
  </si>
  <si>
    <t>5702329560634</t>
  </si>
  <si>
    <t>VELUX Wabenpl. Sol. FSC C02 1155KWL</t>
  </si>
  <si>
    <t>FSC C02 1156K</t>
  </si>
  <si>
    <t>5702329551205</t>
  </si>
  <si>
    <t>VELUX Wabenpl. Sol. FSC C02 1156K</t>
  </si>
  <si>
    <t>FSC C02 1163K</t>
  </si>
  <si>
    <t>5702329551212</t>
  </si>
  <si>
    <t>VELUX Wabenpl. Sol. FSC C02 1163K</t>
  </si>
  <si>
    <t>FSC C02 1163KWL</t>
  </si>
  <si>
    <t>5702329560658</t>
  </si>
  <si>
    <t>VELUX Wabenpl. Sol. FSC C02 1163KWL</t>
  </si>
  <si>
    <t>FSC C02 1164K</t>
  </si>
  <si>
    <t>5702329551229</t>
  </si>
  <si>
    <t>VELUX Wabenpl. Sol. FSC C02 1164K</t>
  </si>
  <si>
    <t>FSC C02 1166K</t>
  </si>
  <si>
    <t>5702329551243</t>
  </si>
  <si>
    <t>VELUX Wabenpl. Sol. FSC C02 1166K</t>
  </si>
  <si>
    <t>FSC C02 1166KWL</t>
  </si>
  <si>
    <t>5702329560689</t>
  </si>
  <si>
    <t>VELUX Wabenpl. Sol. FSC C02 1166KWL</t>
  </si>
  <si>
    <t>FSC C02 1167K</t>
  </si>
  <si>
    <t>5702329551250</t>
  </si>
  <si>
    <t>VELUX Wabenpl. Sol. FSC C02 1167K</t>
  </si>
  <si>
    <t>FSC C02 1168K</t>
  </si>
  <si>
    <t>5702329551267</t>
  </si>
  <si>
    <t>VELUX Wabenpl. Sol. FSC C02 1168K</t>
  </si>
  <si>
    <t>FSC C02 1168KWL</t>
  </si>
  <si>
    <t>5702329560702</t>
  </si>
  <si>
    <t>VELUX Wabenpl. Sol. FSC C02 1168KWL</t>
  </si>
  <si>
    <t>FSC C02 1169K</t>
  </si>
  <si>
    <t>5702329551274</t>
  </si>
  <si>
    <t>VELUX Wabenpl. Sol. FSC C02 1169K</t>
  </si>
  <si>
    <t>FSC C02 1170K</t>
  </si>
  <si>
    <t>5702329551281</t>
  </si>
  <si>
    <t>VELUX Wabenpl. Sol. FSC C02 1170K</t>
  </si>
  <si>
    <t>FSC C02 1170KWL</t>
  </si>
  <si>
    <t>5702329560726</t>
  </si>
  <si>
    <t>VELUX Wabenpl. Sol. FSC C02 1170KWL</t>
  </si>
  <si>
    <t>FSC C02 1171K</t>
  </si>
  <si>
    <t>5702329551298</t>
  </si>
  <si>
    <t>VELUX Wabenpl. Sol. FSC C02 1171K</t>
  </si>
  <si>
    <t>FSC C02 1171KWL</t>
  </si>
  <si>
    <t>5702329560733</t>
  </si>
  <si>
    <t>VELUX Wabenpl. Sol. FSC C02 1171KWL</t>
  </si>
  <si>
    <t>FSC C02 1172K</t>
  </si>
  <si>
    <t>5702329551304</t>
  </si>
  <si>
    <t>VELUX Wabenpl. Sol. FSC C02 1172K</t>
  </si>
  <si>
    <t>FSC C02 1172KWL</t>
  </si>
  <si>
    <t>5702329560740</t>
  </si>
  <si>
    <t>VELUX Wabenpl. Sol. FSC C02 1172KWL</t>
  </si>
  <si>
    <t>FSC C02 1173KWL</t>
  </si>
  <si>
    <t>5702329560757</t>
  </si>
  <si>
    <t>VELUX Wabenpl. Sol. FSC C02 1173KWL</t>
  </si>
  <si>
    <t>FSC C04 1045K</t>
  </si>
  <si>
    <t>5702329551328</t>
  </si>
  <si>
    <t>VELUX Wabenpl. Sol. FSC C04 1045K</t>
  </si>
  <si>
    <t>FSC C04 1045KWL</t>
  </si>
  <si>
    <t>5702329560764</t>
  </si>
  <si>
    <t>VELUX Wabenpl. Sol. FSC C04 1045KWL</t>
  </si>
  <si>
    <t>FSC C04 1047K</t>
  </si>
  <si>
    <t>5702329551335</t>
  </si>
  <si>
    <t>VELUX Wabenpl. Sol. FSC C04 1047K</t>
  </si>
  <si>
    <t>FSC C04 1047KWL</t>
  </si>
  <si>
    <t>5702329560771</t>
  </si>
  <si>
    <t>VELUX Wabenpl. Sol. FSC C04 1047KWL</t>
  </si>
  <si>
    <t>FSC C04 1049K</t>
  </si>
  <si>
    <t>5702329551342</t>
  </si>
  <si>
    <t>VELUX Wabenpl. Sol. FSC C04 1049K</t>
  </si>
  <si>
    <t>FSC C04 1155K</t>
  </si>
  <si>
    <t>5702329551359</t>
  </si>
  <si>
    <t>VELUX Wabenpl. Sol. FSC C04 1155K</t>
  </si>
  <si>
    <t>FSC C04 1155KWL</t>
  </si>
  <si>
    <t>5702329560795</t>
  </si>
  <si>
    <t>VELUX Wabenpl. Sol. FSC C04 1155KWL</t>
  </si>
  <si>
    <t>FSC C04 1156K</t>
  </si>
  <si>
    <t>5702329551366</t>
  </si>
  <si>
    <t>VELUX Wabenpl. Sol. FSC C04 1156K</t>
  </si>
  <si>
    <t>FSC C04 1156KWL</t>
  </si>
  <si>
    <t>5702329560801</t>
  </si>
  <si>
    <t>VELUX Wabenpl. Sol. FSC C04 1156KWL</t>
  </si>
  <si>
    <t>FSC C04 1163K</t>
  </si>
  <si>
    <t>5702329551373</t>
  </si>
  <si>
    <t>VELUX Wabenpl. Sol. FSC C04 1163K</t>
  </si>
  <si>
    <t>FSC C04 1163KWL</t>
  </si>
  <si>
    <t>5702329560818</t>
  </si>
  <si>
    <t>VELUX Wabenpl. Sol. FSC C04 1163KWL</t>
  </si>
  <si>
    <t>FSC C04 1164K</t>
  </si>
  <si>
    <t>5702329551380</t>
  </si>
  <si>
    <t>VELUX Wabenpl. Sol. FSC C04 1164K</t>
  </si>
  <si>
    <t>FSC C04 1164KWL</t>
  </si>
  <si>
    <t>5702329560825</t>
  </si>
  <si>
    <t>VELUX Wabenpl. Sol. FSC C04 1164KWL</t>
  </si>
  <si>
    <t>FSC C04 1165K</t>
  </si>
  <si>
    <t>5702329551397</t>
  </si>
  <si>
    <t>VELUX Wabenpl. Sol. FSC C04 1165K</t>
  </si>
  <si>
    <t>FSC C04 1165KWL</t>
  </si>
  <si>
    <t>5702329560832</t>
  </si>
  <si>
    <t>VELUX Wabenpl. Sol. FSC C04 1165KWL</t>
  </si>
  <si>
    <t>FSC C04 1166K</t>
  </si>
  <si>
    <t>5702329551403</t>
  </si>
  <si>
    <t>VELUX Wabenpl. Sol. FSC C04 1166K</t>
  </si>
  <si>
    <t>FSC C04 1166KWL</t>
  </si>
  <si>
    <t>5702329560849</t>
  </si>
  <si>
    <t>VELUX Wabenpl. Sol. FSC C04 1166KWL</t>
  </si>
  <si>
    <t>FSC C04 1167K</t>
  </si>
  <si>
    <t>5702329551410</t>
  </si>
  <si>
    <t>VELUX Wabenpl. Sol. FSC C04 1167K</t>
  </si>
  <si>
    <t>FSC C04 1168K</t>
  </si>
  <si>
    <t>5702329551427</t>
  </si>
  <si>
    <t>VELUX Wabenpl. Sol. FSC C04 1168K</t>
  </si>
  <si>
    <t>FSC C04 1168KWL</t>
  </si>
  <si>
    <t>5702329560863</t>
  </si>
  <si>
    <t>VELUX Wabenpl. Sol. FSC C04 1168KWL</t>
  </si>
  <si>
    <t>FSC C04 1169K</t>
  </si>
  <si>
    <t>5702329551434</t>
  </si>
  <si>
    <t>VELUX Wabenpl. Sol. FSC C04 1169K</t>
  </si>
  <si>
    <t>FSC C04 1169KWL</t>
  </si>
  <si>
    <t>5702329560870</t>
  </si>
  <si>
    <t>VELUX Wabenpl. Sol. FSC C04 1169KWL</t>
  </si>
  <si>
    <t>FSC C04 1170KWL</t>
  </si>
  <si>
    <t>5702329560887</t>
  </si>
  <si>
    <t>VELUX Wabenpl. Sol. FSC C04 1170KWL</t>
  </si>
  <si>
    <t>FSC C04 1171K</t>
  </si>
  <si>
    <t>5702329551458</t>
  </si>
  <si>
    <t>VELUX Wabenpl. Sol. FSC C04 1171K</t>
  </si>
  <si>
    <t>FSC C04 1171KWL</t>
  </si>
  <si>
    <t>5702329560894</t>
  </si>
  <si>
    <t>VELUX Wabenpl. Sol. FSC C04 1171KWL</t>
  </si>
  <si>
    <t>FSC C04 1172K</t>
  </si>
  <si>
    <t>5702329551465</t>
  </si>
  <si>
    <t>VELUX Wabenpl. Sol. FSC C04 1172K</t>
  </si>
  <si>
    <t>FSC C04 1172KWL</t>
  </si>
  <si>
    <t>5702329560900</t>
  </si>
  <si>
    <t>VELUX Wabenpl. Sol. FSC C04 1172KWL</t>
  </si>
  <si>
    <t>FSC C04 1173K</t>
  </si>
  <si>
    <t>5702329551472</t>
  </si>
  <si>
    <t>VELUX Wabenpl. Sol. FSC C04 1173K</t>
  </si>
  <si>
    <t>FSC C04 1173KWL</t>
  </si>
  <si>
    <t>5702329560917</t>
  </si>
  <si>
    <t>VELUX Wabenpl. Sol. FSC C04 1173KWL</t>
  </si>
  <si>
    <t>FSC C06 1045KWL</t>
  </si>
  <si>
    <t>5702329560924</t>
  </si>
  <si>
    <t>VELUX Wabenpl. Sol. FSC C06 1045KWL</t>
  </si>
  <si>
    <t>FSC C06 1047KWL</t>
  </si>
  <si>
    <t>5702329560931</t>
  </si>
  <si>
    <t>VELUX Wabenpl. Sol. FSC C06 1047KWL</t>
  </si>
  <si>
    <t>FSC C06 1155KWL</t>
  </si>
  <si>
    <t>5702329560955</t>
  </si>
  <si>
    <t>VELUX Wabenpl. Sol. FSC C06 1155KWL</t>
  </si>
  <si>
    <t>FSC C06 1156K</t>
  </si>
  <si>
    <t>5702329551526</t>
  </si>
  <si>
    <t>VELUX Wabenpl. Sol. FSC C06 1156K</t>
  </si>
  <si>
    <t>FSC C06 1156KWL</t>
  </si>
  <si>
    <t>5702329560962</t>
  </si>
  <si>
    <t>VELUX Wabenpl. Sol. FSC C06 1156KWL</t>
  </si>
  <si>
    <t>FSC C06 1166K</t>
  </si>
  <si>
    <t>5702329551564</t>
  </si>
  <si>
    <t>VELUX Wabenpl. Sol. FSC C06 1166K</t>
  </si>
  <si>
    <t>FSC C06 1166KWL</t>
  </si>
  <si>
    <t>5702329561006</t>
  </si>
  <si>
    <t>VELUX Wabenpl. Sol. FSC C06 1166KWL</t>
  </si>
  <si>
    <t>FSC C06 1168KWL</t>
  </si>
  <si>
    <t>5702329561020</t>
  </si>
  <si>
    <t>VELUX Wabenpl. Sol. FSC C06 1168KWL</t>
  </si>
  <si>
    <t>FSC C06 1172KWL</t>
  </si>
  <si>
    <t>5702329561068</t>
  </si>
  <si>
    <t>VELUX Wabenpl. Sol. FSC C06 1172KWL</t>
  </si>
  <si>
    <t>FSC CK02 1045K</t>
  </si>
  <si>
    <t>5702329551809</t>
  </si>
  <si>
    <t>VELUX Wabenpl. Sol. FSC CK02 1045K</t>
  </si>
  <si>
    <t>FSC CK02 1045KWL</t>
  </si>
  <si>
    <t>5702329561242</t>
  </si>
  <si>
    <t>VELUX Wabenpl. Sol. FSC CK02 1045KWL</t>
  </si>
  <si>
    <t>FSC CK02 1047K</t>
  </si>
  <si>
    <t>5702329551816</t>
  </si>
  <si>
    <t>VELUX Wabenpl. Sol. FSC CK02 1047K</t>
  </si>
  <si>
    <t>FSC CK02 1047KWL</t>
  </si>
  <si>
    <t>5702329561259</t>
  </si>
  <si>
    <t>VELUX Wabenpl. Sol. FSC CK02 1047KWL</t>
  </si>
  <si>
    <t>FSC CK02 1155K</t>
  </si>
  <si>
    <t>5702329551830</t>
  </si>
  <si>
    <t>VELUX Wabenpl. Sol. FSC CK02 1155K</t>
  </si>
  <si>
    <t>FSC CK02 1155KWL</t>
  </si>
  <si>
    <t>5702329561273</t>
  </si>
  <si>
    <t>VELUX Wabenpl. Sol. FSC CK02 1155KWL</t>
  </si>
  <si>
    <t>FSC CK02 1156K</t>
  </si>
  <si>
    <t>5702329551847</t>
  </si>
  <si>
    <t>VELUX Wabenpl. Sol. FSC CK02 1156K</t>
  </si>
  <si>
    <t>FSC CK02 1156KWL</t>
  </si>
  <si>
    <t>5702329561280</t>
  </si>
  <si>
    <t>VELUX Wabenpl. Sol. FSC CK02 1156KWL</t>
  </si>
  <si>
    <t>FSC CK02 1163K</t>
  </si>
  <si>
    <t>5702329551854</t>
  </si>
  <si>
    <t>VELUX Wabenpl. Sol. FSC CK02 1163K</t>
  </si>
  <si>
    <t>FSC CK02 1163KWL</t>
  </si>
  <si>
    <t>5702329561297</t>
  </si>
  <si>
    <t>VELUX Wabenpl. Sol. FSC CK02 1163KWL</t>
  </si>
  <si>
    <t>FSC CK02 1164K</t>
  </si>
  <si>
    <t>5702329551861</t>
  </si>
  <si>
    <t>VELUX Wabenpl. Sol. FSC CK02 1164K</t>
  </si>
  <si>
    <t>FSC CK02 1164KWL</t>
  </si>
  <si>
    <t>5702329561303</t>
  </si>
  <si>
    <t>VELUX Wabenpl. Sol. FSC CK02 1164KWL</t>
  </si>
  <si>
    <t>FSC CK02 1165K</t>
  </si>
  <si>
    <t>5702329551878</t>
  </si>
  <si>
    <t>VELUX Wabenpl. Sol. FSC CK02 1165K</t>
  </si>
  <si>
    <t>FSC CK02 1165KWL</t>
  </si>
  <si>
    <t>5702329561310</t>
  </si>
  <si>
    <t>VELUX Wabenpl. Sol. FSC CK02 1165KWL</t>
  </si>
  <si>
    <t>FSC CK02 1166K</t>
  </si>
  <si>
    <t>5702329551885</t>
  </si>
  <si>
    <t>VELUX Wabenpl. Sol. FSC CK02 1166K</t>
  </si>
  <si>
    <t>FSC CK02 1166KWL</t>
  </si>
  <si>
    <t>5702329561327</t>
  </si>
  <si>
    <t>VELUX Wabenpl. Sol. FSC CK02 1166KWL</t>
  </si>
  <si>
    <t>FSC CK02 1167K</t>
  </si>
  <si>
    <t>5702329551892</t>
  </si>
  <si>
    <t>VELUX Wabenpl. Sol. FSC CK02 1167K</t>
  </si>
  <si>
    <t>FSC CK02 1167KWL</t>
  </si>
  <si>
    <t>5702329561334</t>
  </si>
  <si>
    <t>VELUX Wabenpl. Sol. FSC CK02 1167KWL</t>
  </si>
  <si>
    <t>FSC CK02 1168KWL</t>
  </si>
  <si>
    <t>5702329561341</t>
  </si>
  <si>
    <t>VELUX Wabenpl. Sol. FSC CK02 1168KWL</t>
  </si>
  <si>
    <t>FSC CK02 1169KWL</t>
  </si>
  <si>
    <t>5702329561358</t>
  </si>
  <si>
    <t>VELUX Wabenpl. Sol. FSC CK02 1169KWL</t>
  </si>
  <si>
    <t>FSC CK02 1170K</t>
  </si>
  <si>
    <t>5702329551922</t>
  </si>
  <si>
    <t>VELUX Wabenpl. Sol. FSC CK02 1170K</t>
  </si>
  <si>
    <t>FSC CK02 1170KWL</t>
  </si>
  <si>
    <t>5702329561365</t>
  </si>
  <si>
    <t>VELUX Wabenpl. Sol. FSC CK02 1170KWL</t>
  </si>
  <si>
    <t>FSC CK02 1171KWL</t>
  </si>
  <si>
    <t>5702329561372</t>
  </si>
  <si>
    <t>VELUX Wabenpl. Sol. FSC CK02 1171KWL</t>
  </si>
  <si>
    <t>FSC CK02 1172K</t>
  </si>
  <si>
    <t>5702329551946</t>
  </si>
  <si>
    <t>VELUX Wabenpl. Sol. FSC CK02 1172K</t>
  </si>
  <si>
    <t>FSC CK02 1172KWL</t>
  </si>
  <si>
    <t>5702329561389</t>
  </si>
  <si>
    <t>VELUX Wabenpl. Sol. FSC CK02 1172KWL</t>
  </si>
  <si>
    <t>FSC CK02 1173K</t>
  </si>
  <si>
    <t>5702329551953</t>
  </si>
  <si>
    <t>VELUX Wabenpl. Sol. FSC CK02 1173K</t>
  </si>
  <si>
    <t>FSC CK02 1173KWL</t>
  </si>
  <si>
    <t>5702329561396</t>
  </si>
  <si>
    <t>VELUX Wabenpl. Sol. FSC CK02 1173KWL</t>
  </si>
  <si>
    <t>FSC CK04 1045K</t>
  </si>
  <si>
    <t>5702329551960</t>
  </si>
  <si>
    <t>VELUX Wabenpl. Sol. FSC CK04 1045K</t>
  </si>
  <si>
    <t>FSC CK04 1045KWL</t>
  </si>
  <si>
    <t>5702329561402</t>
  </si>
  <si>
    <t>VELUX Wabenpl. Sol. FSC CK04 1045KWL</t>
  </si>
  <si>
    <t>FSC CK04 1047K</t>
  </si>
  <si>
    <t>5702329551977</t>
  </si>
  <si>
    <t>VELUX Wabenpl. Sol. FSC CK04 1047K</t>
  </si>
  <si>
    <t>FSC CK04 1047KWL</t>
  </si>
  <si>
    <t>5702329561419</t>
  </si>
  <si>
    <t>VELUX Wabenpl. Sol. FSC CK04 1047KWL</t>
  </si>
  <si>
    <t>FSC CK04 1049K</t>
  </si>
  <si>
    <t>5702329551984</t>
  </si>
  <si>
    <t>VELUX Wabenpl. Sol. FSC CK04 1049K</t>
  </si>
  <si>
    <t>FSC CK04 1049KWL</t>
  </si>
  <si>
    <t>5702329561426</t>
  </si>
  <si>
    <t>VELUX Wabenpl. Sol. FSC CK04 1049KWL</t>
  </si>
  <si>
    <t>FSC CK04 1155K</t>
  </si>
  <si>
    <t>5702329551991</t>
  </si>
  <si>
    <t>VELUX Wabenpl. Sol. FSC CK04 1155K</t>
  </si>
  <si>
    <t>FSC CK04 1155KWL</t>
  </si>
  <si>
    <t>5702329561433</t>
  </si>
  <si>
    <t>VELUX Wabenpl. Sol. FSC CK04 1155KWL</t>
  </si>
  <si>
    <t>FSC CK04 1156K</t>
  </si>
  <si>
    <t>5702329552004</t>
  </si>
  <si>
    <t>VELUX Wabenpl. Sol. FSC CK04 1156K</t>
  </si>
  <si>
    <t>FSC CK04 1156KWL</t>
  </si>
  <si>
    <t>5702329561440</t>
  </si>
  <si>
    <t>VELUX Wabenpl. Sol. FSC CK04 1156KWL</t>
  </si>
  <si>
    <t>FSC CK04 1163K</t>
  </si>
  <si>
    <t>5702329552011</t>
  </si>
  <si>
    <t>VELUX Wabenpl. Sol. FSC CK04 1163K</t>
  </si>
  <si>
    <t>FSC CK04 1163KWL</t>
  </si>
  <si>
    <t>5702329561457</t>
  </si>
  <si>
    <t>VELUX Wabenpl. Sol. FSC CK04 1163KWL</t>
  </si>
  <si>
    <t>FSC CK04 1164K</t>
  </si>
  <si>
    <t>5702329552028</t>
  </si>
  <si>
    <t>VELUX Wabenpl. Sol. FSC CK04 1164K</t>
  </si>
  <si>
    <t>FSC CK04 1164KWL</t>
  </si>
  <si>
    <t>5702329561464</t>
  </si>
  <si>
    <t>VELUX Wabenpl. Sol. FSC CK04 1164KWL</t>
  </si>
  <si>
    <t>FSC CK04 1165KWL</t>
  </si>
  <si>
    <t>5702329561471</t>
  </si>
  <si>
    <t>VELUX Wabenpl. Sol. FSC CK04 1165KWL</t>
  </si>
  <si>
    <t>FSC CK04 1166K</t>
  </si>
  <si>
    <t>5702329552042</t>
  </si>
  <si>
    <t>VELUX Wabenpl. Sol. FSC CK04 1166K</t>
  </si>
  <si>
    <t>FSC CK04 1166KWL</t>
  </si>
  <si>
    <t>5702329561488</t>
  </si>
  <si>
    <t>VELUX Wabenpl. Sol. FSC CK04 1166KWL</t>
  </si>
  <si>
    <t>FSC CK04 1167K</t>
  </si>
  <si>
    <t>5702329552059</t>
  </si>
  <si>
    <t>VELUX Wabenpl. Sol. FSC CK04 1167K</t>
  </si>
  <si>
    <t>FSC CK04 1167KWL</t>
  </si>
  <si>
    <t>5702329561495</t>
  </si>
  <si>
    <t>VELUX Wabenpl. Sol. FSC CK04 1167KWL</t>
  </si>
  <si>
    <t>FSC CK04 1168K</t>
  </si>
  <si>
    <t>5702329552066</t>
  </si>
  <si>
    <t>VELUX Wabenpl. Sol. FSC CK04 1168K</t>
  </si>
  <si>
    <t>FSC CK04 1168KWL</t>
  </si>
  <si>
    <t>5702329561501</t>
  </si>
  <si>
    <t>VELUX Wabenpl. Sol. FSC CK04 1168KWL</t>
  </si>
  <si>
    <t>FSC CK04 1169K</t>
  </si>
  <si>
    <t>5702329552073</t>
  </si>
  <si>
    <t>VELUX Wabenpl. Sol. FSC CK04 1169K</t>
  </si>
  <si>
    <t>FSC CK04 1169KWL</t>
  </si>
  <si>
    <t>5702329561518</t>
  </si>
  <si>
    <t>VELUX Wabenpl. Sol. FSC CK04 1169KWL</t>
  </si>
  <si>
    <t>FSC CK04 1170K</t>
  </si>
  <si>
    <t>5702329552080</t>
  </si>
  <si>
    <t>VELUX Wabenpl. Sol. FSC CK04 1170K</t>
  </si>
  <si>
    <t>FSC CK04 1170KWL</t>
  </si>
  <si>
    <t>5702329561525</t>
  </si>
  <si>
    <t>VELUX Wabenpl. Sol. FSC CK04 1170KWL</t>
  </si>
  <si>
    <t>FSC CK04 1171K</t>
  </si>
  <si>
    <t>5702329552097</t>
  </si>
  <si>
    <t>VELUX Wabenpl. Sol. FSC CK04 1171K</t>
  </si>
  <si>
    <t>FSC CK04 1171KWL</t>
  </si>
  <si>
    <t>5702329561532</t>
  </si>
  <si>
    <t>VELUX Wabenpl. Sol. FSC CK04 1171KWL</t>
  </si>
  <si>
    <t>FSC CK04 1172K</t>
  </si>
  <si>
    <t>5702329552103</t>
  </si>
  <si>
    <t>VELUX Wabenpl. Sol. FSC CK04 1172K</t>
  </si>
  <si>
    <t>FSC CK04 1172KWL</t>
  </si>
  <si>
    <t>5702329561549</t>
  </si>
  <si>
    <t>VELUX Wabenpl. Sol. FSC CK04 1172KWL</t>
  </si>
  <si>
    <t>FSC CK04 1173K</t>
  </si>
  <si>
    <t>5702329552110</t>
  </si>
  <si>
    <t>VELUX Wabenpl. Sol. FSC CK04 1173K</t>
  </si>
  <si>
    <t>FSC CK04 1173KWL</t>
  </si>
  <si>
    <t>5702329561556</t>
  </si>
  <si>
    <t>VELUX Wabenpl. Sol. FSC CK04 1173KWL</t>
  </si>
  <si>
    <t>FSC CK06 1045K</t>
  </si>
  <si>
    <t>5702329552127</t>
  </si>
  <si>
    <t>VELUX Wabenpl. Sol. FSC CK06 1045K</t>
  </si>
  <si>
    <t>FSC CK06 1045KWL</t>
  </si>
  <si>
    <t>5702329561563</t>
  </si>
  <si>
    <t>VELUX Wabenpl. Sol. FSC CK06 1045KWL</t>
  </si>
  <si>
    <t>FSC CK06 1047K</t>
  </si>
  <si>
    <t>5702329552134</t>
  </si>
  <si>
    <t>VELUX Wabenpl. Sol. FSC CK06 1047K</t>
  </si>
  <si>
    <t>FSC CK06 1047KWL</t>
  </si>
  <si>
    <t>5702329561570</t>
  </si>
  <si>
    <t>VELUX Wabenpl. Sol. FSC CK06 1047KWL</t>
  </si>
  <si>
    <t>FSC CK06 1155K</t>
  </si>
  <si>
    <t>5702329552158</t>
  </si>
  <si>
    <t>VELUX Wabenpl. Sol. FSC CK06 1155K</t>
  </si>
  <si>
    <t>FSC CK06 1155KWL</t>
  </si>
  <si>
    <t>5702329561594</t>
  </si>
  <si>
    <t>VELUX Wabenpl. Sol. FSC CK06 1155KWL</t>
  </si>
  <si>
    <t>FSC CK06 1156KWL</t>
  </si>
  <si>
    <t>5702329561600</t>
  </si>
  <si>
    <t>VELUX Wabenpl. Sol. FSC CK06 1156KWL</t>
  </si>
  <si>
    <t>FSC CK06 1163K</t>
  </si>
  <si>
    <t>5702329552172</t>
  </si>
  <si>
    <t>VELUX Wabenpl. Sol. FSC CK06 1163K</t>
  </si>
  <si>
    <t>FSC CK06 1163KWL</t>
  </si>
  <si>
    <t>5702329561617</t>
  </si>
  <si>
    <t>VELUX Wabenpl. Sol. FSC CK06 1163KWL</t>
  </si>
  <si>
    <t>FSC CK06 1164KWL</t>
  </si>
  <si>
    <t>5702329561624</t>
  </si>
  <si>
    <t>VELUX Wabenpl. Sol. FSC CK06 1164KWL</t>
  </si>
  <si>
    <t>FSC CK06 1165KWL</t>
  </si>
  <si>
    <t>5702329561631</t>
  </si>
  <si>
    <t>VELUX Wabenpl. Sol. FSC CK06 1165KWL</t>
  </si>
  <si>
    <t>FSC CK06 1166K</t>
  </si>
  <si>
    <t>5702329552202</t>
  </si>
  <si>
    <t>VELUX Wabenpl. Sol. FSC CK06 1166K</t>
  </si>
  <si>
    <t>FSC CK06 1166KWL</t>
  </si>
  <si>
    <t>5702329561648</t>
  </si>
  <si>
    <t>VELUX Wabenpl. Sol. FSC CK06 1166KWL</t>
  </si>
  <si>
    <t>FSC CK06 1168KWL</t>
  </si>
  <si>
    <t>5702329561662</t>
  </si>
  <si>
    <t>VELUX Wabenpl. Sol. FSC CK06 1168KWL</t>
  </si>
  <si>
    <t>FSC CK06 1169KWL</t>
  </si>
  <si>
    <t>5702329561679</t>
  </si>
  <si>
    <t>VELUX Wabenpl. Sol. FSC CK06 1169KWL</t>
  </si>
  <si>
    <t>FSC CK06 1170KWL</t>
  </si>
  <si>
    <t>5702329561686</t>
  </si>
  <si>
    <t>VELUX Wabenpl. Sol. FSC CK06 1170KWL</t>
  </si>
  <si>
    <t>FSC CK06 1171K</t>
  </si>
  <si>
    <t>5702329552257</t>
  </si>
  <si>
    <t>VELUX Wabenpl. Sol. FSC CK06 1171K</t>
  </si>
  <si>
    <t>FSC CK06 1171KWL</t>
  </si>
  <si>
    <t>5702329561693</t>
  </si>
  <si>
    <t>VELUX Wabenpl. Sol. FSC CK06 1171KWL</t>
  </si>
  <si>
    <t>FSC CK06 1172K</t>
  </si>
  <si>
    <t>5702329552264</t>
  </si>
  <si>
    <t>VELUX Wabenpl. Sol. FSC CK06 1172K</t>
  </si>
  <si>
    <t>FSC CK06 1172KWL</t>
  </si>
  <si>
    <t>5702329561709</t>
  </si>
  <si>
    <t>VELUX Wabenpl. Sol. FSC CK06 1172KWL</t>
  </si>
  <si>
    <t>FSC CK06 1173K</t>
  </si>
  <si>
    <t>5702329552271</t>
  </si>
  <si>
    <t>VELUX Wabenpl. Sol. FSC CK06 1173K</t>
  </si>
  <si>
    <t>FSC F04 1045K</t>
  </si>
  <si>
    <t>5702329552288</t>
  </si>
  <si>
    <t>VELUX Wabenpl. Sol. FSC F04 1045K</t>
  </si>
  <si>
    <t>FSC F04 1045KWL</t>
  </si>
  <si>
    <t>5702329561723</t>
  </si>
  <si>
    <t>VELUX Wabenpl. Sol. FSC F04 1045KWL</t>
  </si>
  <si>
    <t>FSC F04 1047KWL</t>
  </si>
  <si>
    <t>5702329561730</t>
  </si>
  <si>
    <t>VELUX Wabenpl. Sol. FSC F04 1047KWL</t>
  </si>
  <si>
    <t>FSC F04 1155K</t>
  </si>
  <si>
    <t>5702329552318</t>
  </si>
  <si>
    <t>VELUX Wabenpl. Sol. FSC F04 1155K</t>
  </si>
  <si>
    <t>FSC F04 1155KWL</t>
  </si>
  <si>
    <t>5702329561754</t>
  </si>
  <si>
    <t>VELUX Wabenpl. Sol. FSC F04 1155KWL</t>
  </si>
  <si>
    <t>FSC F04 1168KWL</t>
  </si>
  <si>
    <t>5702329561822</t>
  </si>
  <si>
    <t>VELUX Wabenpl. Sol. FSC F04 1168KWL</t>
  </si>
  <si>
    <t>FSC F04 1172KWL</t>
  </si>
  <si>
    <t>5702329561860</t>
  </si>
  <si>
    <t>VELUX Wabenpl. Sol. FSC F04 1172KWL</t>
  </si>
  <si>
    <t>FSC F06 1045K</t>
  </si>
  <si>
    <t>5702329552448</t>
  </si>
  <si>
    <t>VELUX Wabenpl. Sol. FSC F06 1045K</t>
  </si>
  <si>
    <t>FSC F06 1045KWL</t>
  </si>
  <si>
    <t>5702329561884</t>
  </si>
  <si>
    <t>VELUX Wabenpl. Sol. FSC F06 1045KWL</t>
  </si>
  <si>
    <t>FSC F06 1047K</t>
  </si>
  <si>
    <t>5702329552455</t>
  </si>
  <si>
    <t>VELUX Wabenpl. Sol. FSC F06 1047K</t>
  </si>
  <si>
    <t>FSC F06 1047KWL</t>
  </si>
  <si>
    <t>5702329561891</t>
  </si>
  <si>
    <t>VELUX Wabenpl. Sol. FSC F06 1047KWL</t>
  </si>
  <si>
    <t>FSC F06 1049K</t>
  </si>
  <si>
    <t>5702329552462</t>
  </si>
  <si>
    <t>VELUX Wabenpl. Sol. FSC F06 1049K</t>
  </si>
  <si>
    <t>FSC F06 1155K</t>
  </si>
  <si>
    <t>5702329552479</t>
  </si>
  <si>
    <t>VELUX Wabenpl. Sol. FSC F06 1155K</t>
  </si>
  <si>
    <t>FSC F06 1155KWL</t>
  </si>
  <si>
    <t>5702329561914</t>
  </si>
  <si>
    <t>VELUX Wabenpl. Sol. FSC F06 1155KWL</t>
  </si>
  <si>
    <t>FSC F06 1156K</t>
  </si>
  <si>
    <t>5702329552486</t>
  </si>
  <si>
    <t>VELUX Wabenpl. Sol. FSC F06 1156K</t>
  </si>
  <si>
    <t>FSC F06 1156KWL</t>
  </si>
  <si>
    <t>5702329561921</t>
  </si>
  <si>
    <t>VELUX Wabenpl. Sol. FSC F06 1156KWL</t>
  </si>
  <si>
    <t>FSC F06 1163K</t>
  </si>
  <si>
    <t>5702329552493</t>
  </si>
  <si>
    <t>VELUX Wabenpl. Sol. FSC F06 1163K</t>
  </si>
  <si>
    <t>FSC F06 1163KWL</t>
  </si>
  <si>
    <t>5702329561938</t>
  </si>
  <si>
    <t>VELUX Wabenpl. Sol. FSC F06 1163KWL</t>
  </si>
  <si>
    <t>FSC F06 1164K</t>
  </si>
  <si>
    <t>5702329552509</t>
  </si>
  <si>
    <t>VELUX Wabenpl. Sol. FSC F06 1164K</t>
  </si>
  <si>
    <t>FSC F06 1164KWL</t>
  </si>
  <si>
    <t>5702329561945</t>
  </si>
  <si>
    <t>VELUX Wabenpl. Sol. FSC F06 1164KWL</t>
  </si>
  <si>
    <t>FSC F06 1165K</t>
  </si>
  <si>
    <t>5702329552516</t>
  </si>
  <si>
    <t>VELUX Wabenpl. Sol. FSC F06 1165K</t>
  </si>
  <si>
    <t>FSC F06 1165KWL</t>
  </si>
  <si>
    <t>5702329561952</t>
  </si>
  <si>
    <t>VELUX Wabenpl. Sol. FSC F06 1165KWL</t>
  </si>
  <si>
    <t>FSC F06 1166K</t>
  </si>
  <si>
    <t>5702329552523</t>
  </si>
  <si>
    <t>VELUX Wabenpl. Sol. FSC F06 1166K</t>
  </si>
  <si>
    <t>FSC F06 1166KWL</t>
  </si>
  <si>
    <t>5702329561969</t>
  </si>
  <si>
    <t>VELUX Wabenpl. Sol. FSC F06 1166KWL</t>
  </si>
  <si>
    <t>FSC F06 1167K</t>
  </si>
  <si>
    <t>5702329552530</t>
  </si>
  <si>
    <t>VELUX Wabenpl. Sol. FSC F06 1167K</t>
  </si>
  <si>
    <t>FSC F06 1167KWL</t>
  </si>
  <si>
    <t>5702329561976</t>
  </si>
  <si>
    <t>VELUX Wabenpl. Sol. FSC F06 1167KWL</t>
  </si>
  <si>
    <t>FSC F06 1168K</t>
  </si>
  <si>
    <t>5702329552547</t>
  </si>
  <si>
    <t>VELUX Wabenpl. Sol. FSC F06 1168K</t>
  </si>
  <si>
    <t>FSC F06 1168KWL</t>
  </si>
  <si>
    <t>5702329561983</t>
  </si>
  <si>
    <t>VELUX Wabenpl. Sol. FSC F06 1168KWL</t>
  </si>
  <si>
    <t>FSC F06 1169KWL</t>
  </si>
  <si>
    <t>5702329561990</t>
  </si>
  <si>
    <t>VELUX Wabenpl. Sol. FSC F06 1169KWL</t>
  </si>
  <si>
    <t>FSC F06 1170K</t>
  </si>
  <si>
    <t>5702329552561</t>
  </si>
  <si>
    <t>VELUX Wabenpl. Sol. FSC F06 1170K</t>
  </si>
  <si>
    <t>FSC F06 1170KWL</t>
  </si>
  <si>
    <t>5702329562003</t>
  </si>
  <si>
    <t>VELUX Wabenpl. Sol. FSC F06 1170KWL</t>
  </si>
  <si>
    <t>FSC F06 1171K</t>
  </si>
  <si>
    <t>5702329552578</t>
  </si>
  <si>
    <t>VELUX Wabenpl. Sol. FSC F06 1171K</t>
  </si>
  <si>
    <t>FSC F06 1171KWL</t>
  </si>
  <si>
    <t>5702329562010</t>
  </si>
  <si>
    <t>VELUX Wabenpl. Sol. FSC F06 1171KWL</t>
  </si>
  <si>
    <t>FSC F06 1172K</t>
  </si>
  <si>
    <t>5702329552585</t>
  </si>
  <si>
    <t>VELUX Wabenpl. Sol. FSC F06 1172K</t>
  </si>
  <si>
    <t>FSC F06 1172KWL</t>
  </si>
  <si>
    <t>5702329562027</t>
  </si>
  <si>
    <t>VELUX Wabenpl. Sol. FSC F06 1172KWL</t>
  </si>
  <si>
    <t>FSC F06 1173K</t>
  </si>
  <si>
    <t>5702329552592</t>
  </si>
  <si>
    <t>VELUX Wabenpl. Sol. FSC F06 1173K</t>
  </si>
  <si>
    <t>FSC F08 1045K</t>
  </si>
  <si>
    <t>5702329552608</t>
  </si>
  <si>
    <t>VELUX Wabenpl. Sol. FSC F08 1045K</t>
  </si>
  <si>
    <t>FSC F08 1045KWL</t>
  </si>
  <si>
    <t>5702329562041</t>
  </si>
  <si>
    <t>VELUX Wabenpl. Sol. FSC F08 1045KWL</t>
  </si>
  <si>
    <t>FSC F08 1047KWL</t>
  </si>
  <si>
    <t>5702329562058</t>
  </si>
  <si>
    <t>VELUX Wabenpl. Sol. FSC F08 1047KWL</t>
  </si>
  <si>
    <t>FSC F08 1155KWL</t>
  </si>
  <si>
    <t>5702329562072</t>
  </si>
  <si>
    <t>VELUX Wabenpl. Sol. FSC F08 1155KWL</t>
  </si>
  <si>
    <t>FSC F08 1167KWL</t>
  </si>
  <si>
    <t>5702329562133</t>
  </si>
  <si>
    <t>VELUX Wabenpl. Sol. FSC F08 1167KWL</t>
  </si>
  <si>
    <t>FSC FK04 1045K</t>
  </si>
  <si>
    <t>5702329552769</t>
  </si>
  <si>
    <t>VELUX Wabenpl. Sol. FSC FK04 1045K</t>
  </si>
  <si>
    <t>FSC FK04 1045KWL</t>
  </si>
  <si>
    <t>5702329562201</t>
  </si>
  <si>
    <t>VELUX Wabenpl. Sol. FSC FK04 1045KWL</t>
  </si>
  <si>
    <t>FSC FK04 1047K</t>
  </si>
  <si>
    <t>5702329552776</t>
  </si>
  <si>
    <t>VELUX Wabenpl. Sol. FSC FK04 1047K</t>
  </si>
  <si>
    <t>FSC FK04 1047KWL</t>
  </si>
  <si>
    <t>5702329562218</t>
  </si>
  <si>
    <t>VELUX Wabenpl. Sol. FSC FK04 1047KWL</t>
  </si>
  <si>
    <t>FSC FK04 1155K</t>
  </si>
  <si>
    <t>5702329552790</t>
  </si>
  <si>
    <t>VELUX Wabenpl. Sol. FSC FK04 1155K</t>
  </si>
  <si>
    <t>FSC FK04 1155KWL</t>
  </si>
  <si>
    <t>5702329562232</t>
  </si>
  <si>
    <t>VELUX Wabenpl. Sol. FSC FK04 1155KWL</t>
  </si>
  <si>
    <t>FSC FK04 1156K</t>
  </si>
  <si>
    <t>5702329552806</t>
  </si>
  <si>
    <t>VELUX Wabenpl. Sol. FSC FK04 1156K</t>
  </si>
  <si>
    <t>FSC FK04 1156KWL</t>
  </si>
  <si>
    <t>5702329562249</t>
  </si>
  <si>
    <t>VELUX Wabenpl. Sol. FSC FK04 1156KWL</t>
  </si>
  <si>
    <t>FSC FK04 1163K</t>
  </si>
  <si>
    <t>5702329552813</t>
  </si>
  <si>
    <t>VELUX Wabenpl. Sol. FSC FK04 1163K</t>
  </si>
  <si>
    <t>FSC FK04 1163KWL</t>
  </si>
  <si>
    <t>5702329562256</t>
  </si>
  <si>
    <t>VELUX Wabenpl. Sol. FSC FK04 1163KWL</t>
  </si>
  <si>
    <t>FSC FK04 1164KWL</t>
  </si>
  <si>
    <t>5702329562263</t>
  </si>
  <si>
    <t>VELUX Wabenpl. Sol. FSC FK04 1164KWL</t>
  </si>
  <si>
    <t>FSC FK04 1165KWL</t>
  </si>
  <si>
    <t>5702329562270</t>
  </si>
  <si>
    <t>VELUX Wabenpl. Sol. FSC FK04 1165KWL</t>
  </si>
  <si>
    <t>FSC FK04 1166K</t>
  </si>
  <si>
    <t>5702329552844</t>
  </si>
  <si>
    <t>VELUX Wabenpl. Sol. FSC FK04 1166K</t>
  </si>
  <si>
    <t>FSC FK04 1166KWL</t>
  </si>
  <si>
    <t>5702329562287</t>
  </si>
  <si>
    <t>VELUX Wabenpl. Sol. FSC FK04 1166KWL</t>
  </si>
  <si>
    <t>FSC FK04 1167KWL</t>
  </si>
  <si>
    <t>5702329562294</t>
  </si>
  <si>
    <t>VELUX Wabenpl. Sol. FSC FK04 1167KWL</t>
  </si>
  <si>
    <t>FSC FK04 1169K</t>
  </si>
  <si>
    <t>5702329552875</t>
  </si>
  <si>
    <t>VELUX Wabenpl. Sol. FSC FK04 1169K</t>
  </si>
  <si>
    <t>FSC FK04 1170KWL</t>
  </si>
  <si>
    <t>5702329562324</t>
  </si>
  <si>
    <t>VELUX Wabenpl. Sol. FSC FK04 1170KWL</t>
  </si>
  <si>
    <t>FSC FK04 1171KWL</t>
  </si>
  <si>
    <t>5702329562331</t>
  </si>
  <si>
    <t>VELUX Wabenpl. Sol. FSC FK04 1171KWL</t>
  </si>
  <si>
    <t>FSC FK04 1172K</t>
  </si>
  <si>
    <t>5702329552905</t>
  </si>
  <si>
    <t>VELUX Wabenpl. Sol. FSC FK04 1172K</t>
  </si>
  <si>
    <t>FSC FK04 1172KWL</t>
  </si>
  <si>
    <t>5702329562348</t>
  </si>
  <si>
    <t>VELUX Wabenpl. Sol. FSC FK04 1172KWL</t>
  </si>
  <si>
    <t>FSC FK06 1045K</t>
  </si>
  <si>
    <t>5702329552929</t>
  </si>
  <si>
    <t>VELUX Wabenpl. Sol. FSC FK06 1045K</t>
  </si>
  <si>
    <t>FSC FK06 1045KWL</t>
  </si>
  <si>
    <t>5702329562362</t>
  </si>
  <si>
    <t>VELUX Wabenpl. Sol. FSC FK06 1045KWL</t>
  </si>
  <si>
    <t>FSC FK06 1047K</t>
  </si>
  <si>
    <t>5702329552936</t>
  </si>
  <si>
    <t>VELUX Wabenpl. Sol. FSC FK06 1047K</t>
  </si>
  <si>
    <t>FSC FK06 1047KWL</t>
  </si>
  <si>
    <t>5702329562379</t>
  </si>
  <si>
    <t>VELUX Wabenpl. Sol. FSC FK06 1047KWL</t>
  </si>
  <si>
    <t>FSC FK06 1049KWL</t>
  </si>
  <si>
    <t>5702329562386</t>
  </si>
  <si>
    <t>VELUX Wabenpl. Sol. FSC FK06 1049KWL</t>
  </si>
  <si>
    <t>FSC FK06 1155K</t>
  </si>
  <si>
    <t>5702329552950</t>
  </si>
  <si>
    <t>VELUX Wabenpl. Sol. FSC FK06 1155K</t>
  </si>
  <si>
    <t>FSC FK06 1155KWL</t>
  </si>
  <si>
    <t>5702329562393</t>
  </si>
  <si>
    <t>VELUX Wabenpl. Sol. FSC FK06 1155KWL</t>
  </si>
  <si>
    <t>FSC FK06 1156K</t>
  </si>
  <si>
    <t>5702329552967</t>
  </si>
  <si>
    <t>VELUX Wabenpl. Sol. FSC FK06 1156K</t>
  </si>
  <si>
    <t>FSC FK06 1156KWL</t>
  </si>
  <si>
    <t>5702329562409</t>
  </si>
  <si>
    <t>VELUX Wabenpl. Sol. FSC FK06 1156KWL</t>
  </si>
  <si>
    <t>FSC FK06 1163K</t>
  </si>
  <si>
    <t>5702329552974</t>
  </si>
  <si>
    <t>VELUX Wabenpl. Sol. FSC FK06 1163K</t>
  </si>
  <si>
    <t>FSC FK06 1163KWL</t>
  </si>
  <si>
    <t>5702329562416</t>
  </si>
  <si>
    <t>VELUX Wabenpl. Sol. FSC FK06 1163KWL</t>
  </si>
  <si>
    <t>FSC FK06 1164K</t>
  </si>
  <si>
    <t>5702329552981</t>
  </si>
  <si>
    <t>VELUX Wabenpl. Sol. FSC FK06 1164K</t>
  </si>
  <si>
    <t>FSC FK06 1164KWL</t>
  </si>
  <si>
    <t>5702329562423</t>
  </si>
  <si>
    <t>VELUX Wabenpl. Sol. FSC FK06 1164KWL</t>
  </si>
  <si>
    <t>FSC FK06 1165K</t>
  </si>
  <si>
    <t>5702329552998</t>
  </si>
  <si>
    <t>VELUX Wabenpl. Sol. FSC FK06 1165K</t>
  </si>
  <si>
    <t>FSC FK06 1165KWL</t>
  </si>
  <si>
    <t>5702329562430</t>
  </si>
  <si>
    <t>VELUX Wabenpl. Sol. FSC FK06 1165KWL</t>
  </si>
  <si>
    <t>FSC FK06 1166K</t>
  </si>
  <si>
    <t>5702329553001</t>
  </si>
  <si>
    <t>VELUX Wabenpl. Sol. FSC FK06 1166K</t>
  </si>
  <si>
    <t>FSC FK06 1166KWL</t>
  </si>
  <si>
    <t>5702329562447</t>
  </si>
  <si>
    <t>VELUX Wabenpl. Sol. FSC FK06 1166KWL</t>
  </si>
  <si>
    <t>FSC FK06 1168K</t>
  </si>
  <si>
    <t>5702329553025</t>
  </si>
  <si>
    <t>VELUX Wabenpl. Sol. FSC FK06 1168K</t>
  </si>
  <si>
    <t>FSC FK06 1168KWL</t>
  </si>
  <si>
    <t>5702329562461</t>
  </si>
  <si>
    <t>VELUX Wabenpl. Sol. FSC FK06 1168KWL</t>
  </si>
  <si>
    <t>FSC FK06 1169KWL</t>
  </si>
  <si>
    <t>5702329562478</t>
  </si>
  <si>
    <t>VELUX Wabenpl. Sol. FSC FK06 1169KWL</t>
  </si>
  <si>
    <t>FSC FK06 1170K</t>
  </si>
  <si>
    <t>5702329553049</t>
  </si>
  <si>
    <t>VELUX Wabenpl. Sol. FSC FK06 1170K</t>
  </si>
  <si>
    <t>FSC FK06 1170KWL</t>
  </si>
  <si>
    <t>5702329562485</t>
  </si>
  <si>
    <t>VELUX Wabenpl. Sol. FSC FK06 1170KWL</t>
  </si>
  <si>
    <t>FSC FK06 1171K</t>
  </si>
  <si>
    <t>5702329553056</t>
  </si>
  <si>
    <t>VELUX Wabenpl. Sol. FSC FK06 1171K</t>
  </si>
  <si>
    <t>FSC FK06 1171KWL</t>
  </si>
  <si>
    <t>5702329562492</t>
  </si>
  <si>
    <t>VELUX Wabenpl. Sol. FSC FK06 1171KWL</t>
  </si>
  <si>
    <t>FSC FK06 1172K</t>
  </si>
  <si>
    <t>5702329553063</t>
  </si>
  <si>
    <t>VELUX Wabenpl. Sol. FSC FK06 1172K</t>
  </si>
  <si>
    <t>FSC FK06 1172KWL</t>
  </si>
  <si>
    <t>5702329562508</t>
  </si>
  <si>
    <t>VELUX Wabenpl. Sol. FSC FK06 1172KWL</t>
  </si>
  <si>
    <t>FSC FK06 1173K</t>
  </si>
  <si>
    <t>5702329553070</t>
  </si>
  <si>
    <t>VELUX Wabenpl. Sol. FSC FK06 1173K</t>
  </si>
  <si>
    <t>FSC FK06 1173KWL</t>
  </si>
  <si>
    <t>5702329562515</t>
  </si>
  <si>
    <t>VELUX Wabenpl. Sol. FSC FK06 1173KWL</t>
  </si>
  <si>
    <t>FSC FK08 1045K</t>
  </si>
  <si>
    <t>5702329553087</t>
  </si>
  <si>
    <t>VELUX Wabenpl. Sol. FSC FK08 1045K</t>
  </si>
  <si>
    <t>FSC FK08 1045KWL</t>
  </si>
  <si>
    <t>5702329562522</t>
  </si>
  <si>
    <t>VELUX Wabenpl. Sol. FSC FK08 1045KWL</t>
  </si>
  <si>
    <t>FSC FK08 1047KWL</t>
  </si>
  <si>
    <t>5702329562539</t>
  </si>
  <si>
    <t>VELUX Wabenpl. Sol. FSC FK08 1047KWL</t>
  </si>
  <si>
    <t>FSC FK08 1049KWL</t>
  </si>
  <si>
    <t>5702329562546</t>
  </si>
  <si>
    <t>VELUX Wabenpl. Sol. FSC FK08 1049KWL</t>
  </si>
  <si>
    <t>FSC FK08 1155K</t>
  </si>
  <si>
    <t>5702329553117</t>
  </si>
  <si>
    <t>VELUX Wabenpl. Sol. FSC FK08 1155K</t>
  </si>
  <si>
    <t>FSC FK08 1155KWL</t>
  </si>
  <si>
    <t>5702329562553</t>
  </si>
  <si>
    <t>VELUX Wabenpl. Sol. FSC FK08 1155KWL</t>
  </si>
  <si>
    <t>FSC FK08 1156KWL</t>
  </si>
  <si>
    <t>5702329562560</t>
  </si>
  <si>
    <t>VELUX Wabenpl. Sol. FSC FK08 1156KWL</t>
  </si>
  <si>
    <t>FSC FK08 1163K</t>
  </si>
  <si>
    <t>5702329553131</t>
  </si>
  <si>
    <t>VELUX Wabenpl. Sol. FSC FK08 1163K</t>
  </si>
  <si>
    <t>FSC FK08 1163KWL</t>
  </si>
  <si>
    <t>5702329562577</t>
  </si>
  <si>
    <t>VELUX Wabenpl. Sol. FSC FK08 1163KWL</t>
  </si>
  <si>
    <t>FSC FK08 1164KWL</t>
  </si>
  <si>
    <t>5702329562584</t>
  </si>
  <si>
    <t>VELUX Wabenpl. Sol. FSC FK08 1164KWL</t>
  </si>
  <si>
    <t>FSC FK08 1165KWL</t>
  </si>
  <si>
    <t>5702329562591</t>
  </si>
  <si>
    <t>VELUX Wabenpl. Sol. FSC FK08 1165KWL</t>
  </si>
  <si>
    <t>FSC FK08 1166K</t>
  </si>
  <si>
    <t>5702329553162</t>
  </si>
  <si>
    <t>VELUX Wabenpl. Sol. FSC FK08 1166K</t>
  </si>
  <si>
    <t>FSC FK08 1166KWL</t>
  </si>
  <si>
    <t>5702329562607</t>
  </si>
  <si>
    <t>VELUX Wabenpl. Sol. FSC FK08 1166KWL</t>
  </si>
  <si>
    <t>FSC FK08 1167K</t>
  </si>
  <si>
    <t>5702329553179</t>
  </si>
  <si>
    <t>VELUX Wabenpl. Sol. FSC FK08 1167K</t>
  </si>
  <si>
    <t>FSC FK08 1167KWL</t>
  </si>
  <si>
    <t>5702329562614</t>
  </si>
  <si>
    <t>VELUX Wabenpl. Sol. FSC FK08 1167KWL</t>
  </si>
  <si>
    <t>FSC FK08 1168KWL</t>
  </si>
  <si>
    <t>5702329562621</t>
  </si>
  <si>
    <t>VELUX Wabenpl. Sol. FSC FK08 1168KWL</t>
  </si>
  <si>
    <t>FSC FK08 1170K</t>
  </si>
  <si>
    <t>5702329553209</t>
  </si>
  <si>
    <t>VELUX Wabenpl. Sol. FSC FK08 1170K</t>
  </si>
  <si>
    <t>FSC FK08 1170KWL</t>
  </si>
  <si>
    <t>5702329562645</t>
  </si>
  <si>
    <t>VELUX Wabenpl. Sol. FSC FK08 1170KWL</t>
  </si>
  <si>
    <t>FSC FK08 1171KWL</t>
  </si>
  <si>
    <t>5702329562652</t>
  </si>
  <si>
    <t>VELUX Wabenpl. Sol. FSC FK08 1171KWL</t>
  </si>
  <si>
    <t>FSC FK08 1172K</t>
  </si>
  <si>
    <t>5702329553223</t>
  </si>
  <si>
    <t>VELUX Wabenpl. Sol. FSC FK08 1172K</t>
  </si>
  <si>
    <t>FSC FK08 1172KWL</t>
  </si>
  <si>
    <t>5702329562669</t>
  </si>
  <si>
    <t>VELUX Wabenpl. Sol. FSC FK08 1172KWL</t>
  </si>
  <si>
    <t>FSC FK08 1173K</t>
  </si>
  <si>
    <t>5702329553230</t>
  </si>
  <si>
    <t>VELUX Wabenpl. Sol. FSC FK08 1173K</t>
  </si>
  <si>
    <t>FSC M04 1045K</t>
  </si>
  <si>
    <t>5702329553247</t>
  </si>
  <si>
    <t>VELUX Wabenpl. Sol. FSC M04 1045K</t>
  </si>
  <si>
    <t>FSC M04 1045KWL</t>
  </si>
  <si>
    <t>5702329562683</t>
  </si>
  <si>
    <t>VELUX Wabenpl. Sol. FSC M04 1045KWL</t>
  </si>
  <si>
    <t>FSC M04 1047K</t>
  </si>
  <si>
    <t>5702329553254</t>
  </si>
  <si>
    <t>VELUX Wabenpl. Sol. FSC M04 1047K</t>
  </si>
  <si>
    <t>FSC M04 1047KWL</t>
  </si>
  <si>
    <t>5702329562690</t>
  </si>
  <si>
    <t>VELUX Wabenpl. Sol. FSC M04 1047KWL</t>
  </si>
  <si>
    <t>FSC M04 1049K</t>
  </si>
  <si>
    <t>5702329553261</t>
  </si>
  <si>
    <t>VELUX Wabenpl. Sol. FSC M04 1049K</t>
  </si>
  <si>
    <t>FSC M04 1049KWL</t>
  </si>
  <si>
    <t>5702329562706</t>
  </si>
  <si>
    <t>VELUX Wabenpl. Sol. FSC M04 1049KWL</t>
  </si>
  <si>
    <t>FSC M04 1155K</t>
  </si>
  <si>
    <t>5702329553278</t>
  </si>
  <si>
    <t>VELUX Wabenpl. Sol. FSC M04 1155K</t>
  </si>
  <si>
    <t>FSC M04 1155KWL</t>
  </si>
  <si>
    <t>5702329562713</t>
  </si>
  <si>
    <t>VELUX Wabenpl. Sol. FSC M04 1155KWL</t>
  </si>
  <si>
    <t>FSC M04 1156K</t>
  </si>
  <si>
    <t>5702329553285</t>
  </si>
  <si>
    <t>VELUX Wabenpl. Sol. FSC M04 1156K</t>
  </si>
  <si>
    <t>FSC M04 1156KWL</t>
  </si>
  <si>
    <t>5702329562720</t>
  </si>
  <si>
    <t>VELUX Wabenpl. Sol. FSC M04 1156KWL</t>
  </si>
  <si>
    <t>FSC M04 1163K</t>
  </si>
  <si>
    <t>5702329553292</t>
  </si>
  <si>
    <t>VELUX Wabenpl. Sol. FSC M04 1163K</t>
  </si>
  <si>
    <t>FSC M04 1163KWL</t>
  </si>
  <si>
    <t>5702329562737</t>
  </si>
  <si>
    <t>VELUX Wabenpl. Sol. FSC M04 1163KWL</t>
  </si>
  <si>
    <t>FSC M04 1164K</t>
  </si>
  <si>
    <t>5702329553308</t>
  </si>
  <si>
    <t>VELUX Wabenpl. Sol. FSC M04 1164K</t>
  </si>
  <si>
    <t>FSC M04 1164KWL</t>
  </si>
  <si>
    <t>5702329562744</t>
  </si>
  <si>
    <t>VELUX Wabenpl. Sol. FSC M04 1164KWL</t>
  </si>
  <si>
    <t>FSC M04 1165K</t>
  </si>
  <si>
    <t>5702329553315</t>
  </si>
  <si>
    <t>VELUX Wabenpl. Sol. FSC M04 1165K</t>
  </si>
  <si>
    <t>FSC M04 1166K</t>
  </si>
  <si>
    <t>5702329553322</t>
  </si>
  <si>
    <t>VELUX Wabenpl. Sol. FSC M04 1166K</t>
  </si>
  <si>
    <t>FSC M04 1166KWL</t>
  </si>
  <si>
    <t>5702329562768</t>
  </si>
  <si>
    <t>VELUX Wabenpl. Sol. FSC M04 1166KWL</t>
  </si>
  <si>
    <t>FSC M04 1167K</t>
  </si>
  <si>
    <t>5702329553339</t>
  </si>
  <si>
    <t>VELUX Wabenpl. Sol. FSC M04 1167K</t>
  </si>
  <si>
    <t>FSC M04 1167KWL</t>
  </si>
  <si>
    <t>5702329562775</t>
  </si>
  <si>
    <t>VELUX Wabenpl. Sol. FSC M04 1167KWL</t>
  </si>
  <si>
    <t>FSC M04 1168K</t>
  </si>
  <si>
    <t>5702329553346</t>
  </si>
  <si>
    <t>VELUX Wabenpl. Sol. FSC M04 1168K</t>
  </si>
  <si>
    <t>FSC M04 1168KWL</t>
  </si>
  <si>
    <t>5702329562782</t>
  </si>
  <si>
    <t>VELUX Wabenpl. Sol. FSC M04 1168KWL</t>
  </si>
  <si>
    <t>FSC M04 1169K</t>
  </si>
  <si>
    <t>5702329553353</t>
  </si>
  <si>
    <t>VELUX Wabenpl. Sol. FSC M04 1169K</t>
  </si>
  <si>
    <t>FSC M04 1169KWL</t>
  </si>
  <si>
    <t>5702329562799</t>
  </si>
  <si>
    <t>VELUX Wabenpl. Sol. FSC M04 1169KWL</t>
  </si>
  <si>
    <t>FSC M04 1170K</t>
  </si>
  <si>
    <t>5702329553360</t>
  </si>
  <si>
    <t>VELUX Wabenpl. Sol. FSC M04 1170K</t>
  </si>
  <si>
    <t>FSC M04 1170KWL</t>
  </si>
  <si>
    <t>5702329562805</t>
  </si>
  <si>
    <t>VELUX Wabenpl. Sol. FSC M04 1170KWL</t>
  </si>
  <si>
    <t>FSC M04 1171K</t>
  </si>
  <si>
    <t>5702329553377</t>
  </si>
  <si>
    <t>VELUX Wabenpl. Sol. FSC M04 1171K</t>
  </si>
  <si>
    <t>FSC M04 1171KWL</t>
  </si>
  <si>
    <t>5702329562812</t>
  </si>
  <si>
    <t>VELUX Wabenpl. Sol. FSC M04 1171KWL</t>
  </si>
  <si>
    <t>FSC M04 1172K</t>
  </si>
  <si>
    <t>5702329553384</t>
  </si>
  <si>
    <t>VELUX Wabenpl. Sol. FSC M04 1172K</t>
  </si>
  <si>
    <t>FSC M04 1172KWL</t>
  </si>
  <si>
    <t>5702329562829</t>
  </si>
  <si>
    <t>VELUX Wabenpl. Sol. FSC M04 1172KWL</t>
  </si>
  <si>
    <t>FSC M04 1173K</t>
  </si>
  <si>
    <t>5702329553391</t>
  </si>
  <si>
    <t>VELUX Wabenpl. Sol. FSC M04 1173K</t>
  </si>
  <si>
    <t>FSC M04 1173KWL</t>
  </si>
  <si>
    <t>5702329562836</t>
  </si>
  <si>
    <t>VELUX Wabenpl. Sol. FSC M04 1173KWL</t>
  </si>
  <si>
    <t>FSC M06 1045K</t>
  </si>
  <si>
    <t>5702329553407</t>
  </si>
  <si>
    <t>VELUX Wabenpl. Sol. FSC M06 1045K</t>
  </si>
  <si>
    <t>FSC M06 1045KWL</t>
  </si>
  <si>
    <t>5702329562843</t>
  </si>
  <si>
    <t>VELUX Wabenpl. Sol. FSC M06 1045KWL</t>
  </si>
  <si>
    <t>FSC M06 1047K</t>
  </si>
  <si>
    <t>5702329553414</t>
  </si>
  <si>
    <t>VELUX Wabenpl. Sol. FSC M06 1047K</t>
  </si>
  <si>
    <t>FSC M06 1047KWL</t>
  </si>
  <si>
    <t>5702329562850</t>
  </si>
  <si>
    <t>VELUX Wabenpl. Sol. FSC M06 1047KWL</t>
  </si>
  <si>
    <t>FSC M06 1155K</t>
  </si>
  <si>
    <t>5702329553438</t>
  </si>
  <si>
    <t>VELUX Wabenpl. Sol. FSC M06 1155K</t>
  </si>
  <si>
    <t>FSC M06 1155KWL</t>
  </si>
  <si>
    <t>5702329562874</t>
  </si>
  <si>
    <t>VELUX Wabenpl. Sol. FSC M06 1155KWL</t>
  </si>
  <si>
    <t>FSC M06 1156K</t>
  </si>
  <si>
    <t>5702329553445</t>
  </si>
  <si>
    <t>VELUX Wabenpl. Sol. FSC M06 1156K</t>
  </si>
  <si>
    <t>FSC M06 1156KWL</t>
  </si>
  <si>
    <t>5702329562881</t>
  </si>
  <si>
    <t>VELUX Wabenpl. Sol. FSC M06 1156KWL</t>
  </si>
  <si>
    <t>FSC M06 1163K</t>
  </si>
  <si>
    <t>5702329553452</t>
  </si>
  <si>
    <t>VELUX Wabenpl. Sol. FSC M06 1163K</t>
  </si>
  <si>
    <t>FSC M06 1163KWL</t>
  </si>
  <si>
    <t>5702329562898</t>
  </si>
  <si>
    <t>VELUX Wabenpl. Sol. FSC M06 1163KWL</t>
  </si>
  <si>
    <t>FSC M06 1164K</t>
  </si>
  <si>
    <t>5702329553469</t>
  </si>
  <si>
    <t>VELUX Wabenpl. Sol. FSC M06 1164K</t>
  </si>
  <si>
    <t>FSC M06 1164KWL</t>
  </si>
  <si>
    <t>5702329562904</t>
  </si>
  <si>
    <t>VELUX Wabenpl. Sol. FSC M06 1164KWL</t>
  </si>
  <si>
    <t>FSC M06 1165K</t>
  </si>
  <si>
    <t>5702329553476</t>
  </si>
  <si>
    <t>VELUX Wabenpl. Sol. FSC M06 1165K</t>
  </si>
  <si>
    <t>FSC M06 1165KWL</t>
  </si>
  <si>
    <t>5702329562911</t>
  </si>
  <si>
    <t>VELUX Wabenpl. Sol. FSC M06 1165KWL</t>
  </si>
  <si>
    <t>FSC M06 1166K</t>
  </si>
  <si>
    <t>5702329553483</t>
  </si>
  <si>
    <t>VELUX Wabenpl. Sol. FSC M06 1166K</t>
  </si>
  <si>
    <t>FSC M06 1166KWL</t>
  </si>
  <si>
    <t>5702329562928</t>
  </si>
  <si>
    <t>VELUX Wabenpl. Sol. FSC M06 1166KWL</t>
  </si>
  <si>
    <t>FSC M06 1167K</t>
  </si>
  <si>
    <t>5702329553490</t>
  </si>
  <si>
    <t>VELUX Wabenpl. Sol. FSC M06 1167K</t>
  </si>
  <si>
    <t>FSC M06 1167KWL</t>
  </si>
  <si>
    <t>5702329562935</t>
  </si>
  <si>
    <t>VELUX Wabenpl. Sol. FSC M06 1167KWL</t>
  </si>
  <si>
    <t>FSC M06 1168K</t>
  </si>
  <si>
    <t>5702329553506</t>
  </si>
  <si>
    <t>VELUX Wabenpl. Sol. FSC M06 1168K</t>
  </si>
  <si>
    <t>FSC M06 1168KWL</t>
  </si>
  <si>
    <t>5702329562942</t>
  </si>
  <si>
    <t>VELUX Wabenpl. Sol. FSC M06 1168KWL</t>
  </si>
  <si>
    <t>FSC M06 1169K</t>
  </si>
  <si>
    <t>5702329553513</t>
  </si>
  <si>
    <t>VELUX Wabenpl. Sol. FSC M06 1169K</t>
  </si>
  <si>
    <t>FSC M06 1169KWL</t>
  </si>
  <si>
    <t>5702329562959</t>
  </si>
  <si>
    <t>VELUX Wabenpl. Sol. FSC M06 1169KWL</t>
  </si>
  <si>
    <t>FSC M06 1170K</t>
  </si>
  <si>
    <t>5702329553520</t>
  </si>
  <si>
    <t>VELUX Wabenpl. Sol. FSC M06 1170K</t>
  </si>
  <si>
    <t>FSC M06 1170KWL</t>
  </si>
  <si>
    <t>5702329562966</t>
  </si>
  <si>
    <t>VELUX Wabenpl. Sol. FSC M06 1170KWL</t>
  </si>
  <si>
    <t>FSC M06 1171K</t>
  </si>
  <si>
    <t>5702329553537</t>
  </si>
  <si>
    <t>VELUX Wabenpl. Sol. FSC M06 1171K</t>
  </si>
  <si>
    <t>FSC M06 1171KWL</t>
  </si>
  <si>
    <t>5702329562973</t>
  </si>
  <si>
    <t>VELUX Wabenpl. Sol. FSC M06 1171KWL</t>
  </si>
  <si>
    <t>FSC M06 1172K</t>
  </si>
  <si>
    <t>5702329553544</t>
  </si>
  <si>
    <t>VELUX Wabenpl. Sol. FSC M06 1172K</t>
  </si>
  <si>
    <t>FSC M06 1172KWL</t>
  </si>
  <si>
    <t>5702329562980</t>
  </si>
  <si>
    <t>VELUX Wabenpl. Sol. FSC M06 1172KWL</t>
  </si>
  <si>
    <t>FSC M06 1173K</t>
  </si>
  <si>
    <t>5702329553551</t>
  </si>
  <si>
    <t>VELUX Wabenpl. Sol. FSC M06 1173K</t>
  </si>
  <si>
    <t>FSC M06 1173KWL</t>
  </si>
  <si>
    <t>5702329562997</t>
  </si>
  <si>
    <t>VELUX Wabenpl. Sol. FSC M06 1173KWL</t>
  </si>
  <si>
    <t>FSC M08 1045K</t>
  </si>
  <si>
    <t>5702329553568</t>
  </si>
  <si>
    <t>VELUX Wabenpl. Sol. FSC M08 1045K</t>
  </si>
  <si>
    <t>FSC M08 1045KWL</t>
  </si>
  <si>
    <t>5702329563000</t>
  </si>
  <si>
    <t>VELUX Wabenpl. Sol. FSC M08 1045KWL</t>
  </si>
  <si>
    <t>FSC M08 1047K</t>
  </si>
  <si>
    <t>5702329553575</t>
  </si>
  <si>
    <t>VELUX Wabenpl. Sol. FSC M08 1047K</t>
  </si>
  <si>
    <t>FSC M08 1047KWL</t>
  </si>
  <si>
    <t>5702329563017</t>
  </si>
  <si>
    <t>VELUX Wabenpl. Sol. FSC M08 1047KWL</t>
  </si>
  <si>
    <t>FSC M08 1049K</t>
  </si>
  <si>
    <t>5702329553582</t>
  </si>
  <si>
    <t>VELUX Wabenpl. Sol. FSC M08 1049K</t>
  </si>
  <si>
    <t>FSC M08 1049KWL</t>
  </si>
  <si>
    <t>5702329563024</t>
  </si>
  <si>
    <t>VELUX Wabenpl. Sol. FSC M08 1049KWL</t>
  </si>
  <si>
    <t>FSC M08 1155K</t>
  </si>
  <si>
    <t>5702329553599</t>
  </si>
  <si>
    <t>VELUX Wabenpl. Sol. FSC M08 1155K</t>
  </si>
  <si>
    <t>FSC M08 1155KWL</t>
  </si>
  <si>
    <t>5702329563031</t>
  </si>
  <si>
    <t>VELUX Wabenpl. Sol. FSC M08 1155KWL</t>
  </si>
  <si>
    <t>FSC M08 1156K</t>
  </si>
  <si>
    <t>5702329553605</t>
  </si>
  <si>
    <t>VELUX Wabenpl. Sol. FSC M08 1156K</t>
  </si>
  <si>
    <t>FSC M08 1156KWL</t>
  </si>
  <si>
    <t>5702329563048</t>
  </si>
  <si>
    <t>VELUX Wabenpl. Sol. FSC M08 1156KWL</t>
  </si>
  <si>
    <t>FSC M08 1163K</t>
  </si>
  <si>
    <t>5702329553612</t>
  </si>
  <si>
    <t>VELUX Wabenpl. Sol. FSC M08 1163K</t>
  </si>
  <si>
    <t>FSC M08 1163KWL</t>
  </si>
  <si>
    <t>5702329563055</t>
  </si>
  <si>
    <t>VELUX Wabenpl. Sol. FSC M08 1163KWL</t>
  </si>
  <si>
    <t>FSC M08 1164K</t>
  </si>
  <si>
    <t>5702329553629</t>
  </si>
  <si>
    <t>VELUX Wabenpl. Sol. FSC M08 1164K</t>
  </si>
  <si>
    <t>FSC M08 1164KWL</t>
  </si>
  <si>
    <t>5702329563062</t>
  </si>
  <si>
    <t>VELUX Wabenpl. Sol. FSC M08 1164KWL</t>
  </si>
  <si>
    <t>FSC M08 1165K</t>
  </si>
  <si>
    <t>5702329553636</t>
  </si>
  <si>
    <t>VELUX Wabenpl. Sol. FSC M08 1165K</t>
  </si>
  <si>
    <t>FSC M08 1165KWL</t>
  </si>
  <si>
    <t>5702329563079</t>
  </si>
  <si>
    <t>VELUX Wabenpl. Sol. FSC M08 1165KWL</t>
  </si>
  <si>
    <t>FSC M08 1166K</t>
  </si>
  <si>
    <t>5702329553643</t>
  </si>
  <si>
    <t>VELUX Wabenpl. Sol. FSC M08 1166K</t>
  </si>
  <si>
    <t>FSC M08 1166KWL</t>
  </si>
  <si>
    <t>5702329563086</t>
  </si>
  <si>
    <t>VELUX Wabenpl. Sol. FSC M08 1166KWL</t>
  </si>
  <si>
    <t>FSC M08 1167K</t>
  </si>
  <si>
    <t>5702329553650</t>
  </si>
  <si>
    <t>VELUX Wabenpl. Sol. FSC M08 1167K</t>
  </si>
  <si>
    <t>FSC M08 1167KWL</t>
  </si>
  <si>
    <t>5702329563093</t>
  </si>
  <si>
    <t>VELUX Wabenpl. Sol. FSC M08 1167KWL</t>
  </si>
  <si>
    <t>FSC M08 1168K</t>
  </si>
  <si>
    <t>5702329553667</t>
  </si>
  <si>
    <t>VELUX Wabenpl. Sol. FSC M08 1168K</t>
  </si>
  <si>
    <t>FSC M08 1168KWL</t>
  </si>
  <si>
    <t>5702329563109</t>
  </si>
  <si>
    <t>VELUX Wabenpl. Sol. FSC M08 1168KWL</t>
  </si>
  <si>
    <t>FSC M08 1169K</t>
  </si>
  <si>
    <t>5702329553674</t>
  </si>
  <si>
    <t>VELUX Wabenpl. Sol. FSC M08 1169K</t>
  </si>
  <si>
    <t>FSC M08 1169KWL</t>
  </si>
  <si>
    <t>5702329563116</t>
  </si>
  <si>
    <t>VELUX Wabenpl. Sol. FSC M08 1169KWL</t>
  </si>
  <si>
    <t>FSC M08 1170K</t>
  </si>
  <si>
    <t>5702329553681</t>
  </si>
  <si>
    <t>VELUX Wabenpl. Sol. FSC M08 1170K</t>
  </si>
  <si>
    <t>FSC M08 1170KWL</t>
  </si>
  <si>
    <t>5702329563123</t>
  </si>
  <si>
    <t>VELUX Wabenpl. Sol. FSC M08 1170KWL</t>
  </si>
  <si>
    <t>FSC M08 1171K</t>
  </si>
  <si>
    <t>5702329553698</t>
  </si>
  <si>
    <t>VELUX Wabenpl. Sol. FSC M08 1171K</t>
  </si>
  <si>
    <t>FSC M08 1171KWL</t>
  </si>
  <si>
    <t>5702329563130</t>
  </si>
  <si>
    <t>VELUX Wabenpl. Sol. FSC M08 1171KWL</t>
  </si>
  <si>
    <t>FSC M08 1172K</t>
  </si>
  <si>
    <t>5702329553704</t>
  </si>
  <si>
    <t>VELUX Wabenpl. Sol. FSC M08 1172K</t>
  </si>
  <si>
    <t>FSC M08 1172KWL</t>
  </si>
  <si>
    <t>5702329563147</t>
  </si>
  <si>
    <t>VELUX Wabenpl. Sol. FSC M08 1172KWL</t>
  </si>
  <si>
    <t>FSC M08 1173K</t>
  </si>
  <si>
    <t>5702329553711</t>
  </si>
  <si>
    <t>VELUX Wabenpl. Sol. FSC M08 1173K</t>
  </si>
  <si>
    <t>FSC M08 1173KWL</t>
  </si>
  <si>
    <t>5702329563154</t>
  </si>
  <si>
    <t>VELUX Wabenpl. Sol. FSC M08 1173KWL</t>
  </si>
  <si>
    <t>FSC M10 1045K</t>
  </si>
  <si>
    <t>5702329553728</t>
  </si>
  <si>
    <t>VELUX Wabenpl. Sol. FSC M10 1045K</t>
  </si>
  <si>
    <t>FSC M10 1045KWL</t>
  </si>
  <si>
    <t>5702329563161</t>
  </si>
  <si>
    <t>VELUX Wabenpl. Sol. FSC M10 1045KWL</t>
  </si>
  <si>
    <t>FSC M10 1047K</t>
  </si>
  <si>
    <t>5702329553735</t>
  </si>
  <si>
    <t>VELUX Wabenpl. Sol. FSC M10 1047K</t>
  </si>
  <si>
    <t>FSC M10 1156KWL</t>
  </si>
  <si>
    <t>5702329563208</t>
  </si>
  <si>
    <t>VELUX Wabenpl. Sol. FSC M10 1156KWL</t>
  </si>
  <si>
    <t>FSC M10 1163K</t>
  </si>
  <si>
    <t>5702329553773</t>
  </si>
  <si>
    <t>VELUX Wabenpl. Sol. FSC M10 1163K</t>
  </si>
  <si>
    <t>FSC M10 1163KWL</t>
  </si>
  <si>
    <t>5702329563215</t>
  </si>
  <si>
    <t>VELUX Wabenpl. Sol. FSC M10 1163KWL</t>
  </si>
  <si>
    <t>FSC M10 1166K</t>
  </si>
  <si>
    <t>5702329553803</t>
  </si>
  <si>
    <t>VELUX Wabenpl. Sol. FSC M10 1166K</t>
  </si>
  <si>
    <t>FSC M10 1168KWL</t>
  </si>
  <si>
    <t>5702329563260</t>
  </si>
  <si>
    <t>VELUX Wabenpl. Sol. FSC M10 1168KWL</t>
  </si>
  <si>
    <t>FSC M10 1169K</t>
  </si>
  <si>
    <t>5702329553834</t>
  </si>
  <si>
    <t>VELUX Wabenpl. Sol. FSC M10 1169K</t>
  </si>
  <si>
    <t>FSC M10 1170K</t>
  </si>
  <si>
    <t>5702329553841</t>
  </si>
  <si>
    <t>VELUX Wabenpl. Sol. FSC M10 1170K</t>
  </si>
  <si>
    <t>FSC M10 1171K</t>
  </si>
  <si>
    <t>5702329553858</t>
  </si>
  <si>
    <t>VELUX Wabenpl. Sol. FSC M10 1171K</t>
  </si>
  <si>
    <t>FSC M10 1171KWL</t>
  </si>
  <si>
    <t>5702329563291</t>
  </si>
  <si>
    <t>VELUX Wabenpl. Sol. FSC M10 1171KWL</t>
  </si>
  <si>
    <t>FSC M31 1045KWL</t>
  </si>
  <si>
    <t>5702329563482</t>
  </si>
  <si>
    <t>VELUX Wabenpl. Sol. FSC M31 1045KWL</t>
  </si>
  <si>
    <t>FSC M31 1163KWL</t>
  </si>
  <si>
    <t>5702329563536</t>
  </si>
  <si>
    <t>VELUX Wabenpl. Sol. FSC M31 1163KWL</t>
  </si>
  <si>
    <t>FSC M31 1172K</t>
  </si>
  <si>
    <t>5702329554183</t>
  </si>
  <si>
    <t>VELUX Wabenpl. Sol. FSC M31 1172K</t>
  </si>
  <si>
    <t>FSC MK04 1045K</t>
  </si>
  <si>
    <t>5702329554367</t>
  </si>
  <si>
    <t>VELUX Wabenpl. Sol. FSC MK04 1045K</t>
  </si>
  <si>
    <t>FSC MK04 1045KWL</t>
  </si>
  <si>
    <t>5702329563642</t>
  </si>
  <si>
    <t>VELUX Wabenpl. Sol. FSC MK04 1045KWL</t>
  </si>
  <si>
    <t>FSC MK04 1047K</t>
  </si>
  <si>
    <t>5702329554374</t>
  </si>
  <si>
    <t>VELUX Wabenpl. Sol. FSC MK04 1047K</t>
  </si>
  <si>
    <t>FSC MK04 1047KWL</t>
  </si>
  <si>
    <t>5702329563659</t>
  </si>
  <si>
    <t>VELUX Wabenpl. Sol. FSC MK04 1047KWL</t>
  </si>
  <si>
    <t>FSC MK04 1049K</t>
  </si>
  <si>
    <t>5702329554381</t>
  </si>
  <si>
    <t>VELUX Wabenpl. Sol. FSC MK04 1049K</t>
  </si>
  <si>
    <t>FSC MK04 1049KWL</t>
  </si>
  <si>
    <t>5702329563666</t>
  </si>
  <si>
    <t>VELUX Wabenpl. Sol. FSC MK04 1049KWL</t>
  </si>
  <si>
    <t>FSC MK04 1155K</t>
  </si>
  <si>
    <t>5702329554398</t>
  </si>
  <si>
    <t>VELUX Wabenpl. Sol. FSC MK04 1155K</t>
  </si>
  <si>
    <t>FSC MK04 1155KWL</t>
  </si>
  <si>
    <t>5702329563673</t>
  </si>
  <si>
    <t>VELUX Wabenpl. Sol. FSC MK04 1155KWL</t>
  </si>
  <si>
    <t>FSC MK04 1156K</t>
  </si>
  <si>
    <t>5702329554404</t>
  </si>
  <si>
    <t>VELUX Wabenpl. Sol. FSC MK04 1156K</t>
  </si>
  <si>
    <t>FSC MK04 1156KWL</t>
  </si>
  <si>
    <t>5702329563680</t>
  </si>
  <si>
    <t>VELUX Wabenpl. Sol. FSC MK04 1156KWL</t>
  </si>
  <si>
    <t>FSC MK04 1163K</t>
  </si>
  <si>
    <t>5702329554411</t>
  </si>
  <si>
    <t>VELUX Wabenpl. Sol. FSC MK04 1163K</t>
  </si>
  <si>
    <t>FSC MK04 1163KWL</t>
  </si>
  <si>
    <t>5702329563697</t>
  </si>
  <si>
    <t>VELUX Wabenpl. Sol. FSC MK04 1163KWL</t>
  </si>
  <si>
    <t>FSC MK04 1164K</t>
  </si>
  <si>
    <t>5702329554428</t>
  </si>
  <si>
    <t>VELUX Wabenpl. Sol. FSC MK04 1164K</t>
  </si>
  <si>
    <t>FSC MK04 1164KWL</t>
  </si>
  <si>
    <t>5702329563703</t>
  </si>
  <si>
    <t>VELUX Wabenpl. Sol. FSC MK04 1164KWL</t>
  </si>
  <si>
    <t>FSC MK04 1165K</t>
  </si>
  <si>
    <t>5702329554435</t>
  </si>
  <si>
    <t>VELUX Wabenpl. Sol. FSC MK04 1165K</t>
  </si>
  <si>
    <t>FSC MK04 1165KWL</t>
  </si>
  <si>
    <t>5702329563710</t>
  </si>
  <si>
    <t>VELUX Wabenpl. Sol. FSC MK04 1165KWL</t>
  </si>
  <si>
    <t>FSC MK04 1166K</t>
  </si>
  <si>
    <t>5702329554442</t>
  </si>
  <si>
    <t>VELUX Wabenpl. Sol. FSC MK04 1166K</t>
  </si>
  <si>
    <t>FSC MK04 1166KWL</t>
  </si>
  <si>
    <t>5702329563727</t>
  </si>
  <si>
    <t>VELUX Wabenpl. Sol. FSC MK04 1166KWL</t>
  </si>
  <si>
    <t>FSC MK04 1167K</t>
  </si>
  <si>
    <t>5702329554459</t>
  </si>
  <si>
    <t>VELUX Wabenpl. Sol. FSC MK04 1167K</t>
  </si>
  <si>
    <t>FSC MK04 1167KWL</t>
  </si>
  <si>
    <t>5702329563734</t>
  </si>
  <si>
    <t>VELUX Wabenpl. Sol. FSC MK04 1167KWL</t>
  </si>
  <si>
    <t>FSC MK04 1168K</t>
  </si>
  <si>
    <t>5702329554466</t>
  </si>
  <si>
    <t>VELUX Wabenpl. Sol. FSC MK04 1168K</t>
  </si>
  <si>
    <t>FSC MK04 1168KWL</t>
  </si>
  <si>
    <t>5702329563741</t>
  </si>
  <si>
    <t>VELUX Wabenpl. Sol. FSC MK04 1168KWL</t>
  </si>
  <si>
    <t>FSC MK04 1169K</t>
  </si>
  <si>
    <t>5702329554473</t>
  </si>
  <si>
    <t>VELUX Wabenpl. Sol. FSC MK04 1169K</t>
  </si>
  <si>
    <t>FSC MK04 1169KWL</t>
  </si>
  <si>
    <t>5702329563758</t>
  </si>
  <si>
    <t>VELUX Wabenpl. Sol. FSC MK04 1169KWL</t>
  </si>
  <si>
    <t>FSC MK04 1170K</t>
  </si>
  <si>
    <t>5702329554480</t>
  </si>
  <si>
    <t>VELUX Wabenpl. Sol. FSC MK04 1170K</t>
  </si>
  <si>
    <t>FSC MK04 1170KWL</t>
  </si>
  <si>
    <t>5702329563765</t>
  </si>
  <si>
    <t>VELUX Wabenpl. Sol. FSC MK04 1170KWL</t>
  </si>
  <si>
    <t>FSC MK04 1171K</t>
  </si>
  <si>
    <t>5702329554497</t>
  </si>
  <si>
    <t>VELUX Wabenpl. Sol. FSC MK04 1171K</t>
  </si>
  <si>
    <t>FSC MK04 1171KWL</t>
  </si>
  <si>
    <t>5702329563772</t>
  </si>
  <si>
    <t>VELUX Wabenpl. Sol. FSC MK04 1171KWL</t>
  </si>
  <si>
    <t>FSC MK04 1172K</t>
  </si>
  <si>
    <t>5702329554503</t>
  </si>
  <si>
    <t>VELUX Wabenpl. Sol. FSC MK04 1172K</t>
  </si>
  <si>
    <t>FSC MK04 1172KWL</t>
  </si>
  <si>
    <t>5702329563789</t>
  </si>
  <si>
    <t>VELUX Wabenpl. Sol. FSC MK04 1172KWL</t>
  </si>
  <si>
    <t>FSC MK04 1173K</t>
  </si>
  <si>
    <t>5702329554510</t>
  </si>
  <si>
    <t>VELUX Wabenpl. Sol. FSC MK04 1173K</t>
  </si>
  <si>
    <t>FSC MK04 1173KWL</t>
  </si>
  <si>
    <t>5702329563796</t>
  </si>
  <si>
    <t>VELUX Wabenpl. Sol. FSC MK04 1173KWL</t>
  </si>
  <si>
    <t>FSC MK06 1045K</t>
  </si>
  <si>
    <t>5702329554527</t>
  </si>
  <si>
    <t>VELUX Wabenpl. Sol. FSC MK06 1045K</t>
  </si>
  <si>
    <t>FSC MK06 1045KWL</t>
  </si>
  <si>
    <t>5702329563802</t>
  </si>
  <si>
    <t>VELUX Wabenpl. Sol. FSC MK06 1045KWL</t>
  </si>
  <si>
    <t>FSC MK06 1047K</t>
  </si>
  <si>
    <t>5702329554534</t>
  </si>
  <si>
    <t>VELUX Wabenpl. Sol. FSC MK06 1047K</t>
  </si>
  <si>
    <t>FSC MK06 1047KWL</t>
  </si>
  <si>
    <t>5702329563819</t>
  </si>
  <si>
    <t>VELUX Wabenpl. Sol. FSC MK06 1047KWL</t>
  </si>
  <si>
    <t>FSC MK06 1049K</t>
  </si>
  <si>
    <t>5702329554541</t>
  </si>
  <si>
    <t>VELUX Wabenpl. Sol. FSC MK06 1049K</t>
  </si>
  <si>
    <t>FSC MK06 1049KWL</t>
  </si>
  <si>
    <t>5702329563826</t>
  </si>
  <si>
    <t>VELUX Wabenpl. Sol. FSC MK06 1049KWL</t>
  </si>
  <si>
    <t>FSC MK06 1155K</t>
  </si>
  <si>
    <t>5702329554558</t>
  </si>
  <si>
    <t>VELUX Wabenpl. Sol. FSC MK06 1155K</t>
  </si>
  <si>
    <t>FSC MK06 1155KWL</t>
  </si>
  <si>
    <t>5702329563833</t>
  </si>
  <si>
    <t>VELUX Wabenpl. Sol. FSC MK06 1155KWL</t>
  </si>
  <si>
    <t>FSC MK06 1156K</t>
  </si>
  <si>
    <t>5702329554565</t>
  </si>
  <si>
    <t>VELUX Wabenpl. Sol. FSC MK06 1156K</t>
  </si>
  <si>
    <t>FSC MK06 1156KWL</t>
  </si>
  <si>
    <t>5702329563840</t>
  </si>
  <si>
    <t>VELUX Wabenpl. Sol. FSC MK06 1156KWL</t>
  </si>
  <si>
    <t>FSC MK06 1163K</t>
  </si>
  <si>
    <t>5702329554572</t>
  </si>
  <si>
    <t>VELUX Wabenpl. Sol. FSC MK06 1163K</t>
  </si>
  <si>
    <t>FSC MK06 1163KWL</t>
  </si>
  <si>
    <t>5702329563857</t>
  </si>
  <si>
    <t>VELUX Wabenpl. Sol. FSC MK06 1163KWL</t>
  </si>
  <si>
    <t>FSC MK06 1164K</t>
  </si>
  <si>
    <t>5702329554589</t>
  </si>
  <si>
    <t>VELUX Wabenpl. Sol. FSC MK06 1164K</t>
  </si>
  <si>
    <t>FSC MK06 1164KWL</t>
  </si>
  <si>
    <t>5702329563864</t>
  </si>
  <si>
    <t>VELUX Wabenpl. Sol. FSC MK06 1164KWL</t>
  </si>
  <si>
    <t>FSC MK06 1165K</t>
  </si>
  <si>
    <t>5702329554596</t>
  </si>
  <si>
    <t>VELUX Wabenpl. Sol. FSC MK06 1165K</t>
  </si>
  <si>
    <t>FSC MK06 1165KWL</t>
  </si>
  <si>
    <t>5702329563871</t>
  </si>
  <si>
    <t>VELUX Wabenpl. Sol. FSC MK06 1165KWL</t>
  </si>
  <si>
    <t>FSC MK06 1166K</t>
  </si>
  <si>
    <t>5702329554602</t>
  </si>
  <si>
    <t>VELUX Wabenpl. Sol. FSC MK06 1166K</t>
  </si>
  <si>
    <t>FSC MK06 1166KWL</t>
  </si>
  <si>
    <t>5702329563888</t>
  </si>
  <si>
    <t>VELUX Wabenpl. Sol. FSC MK06 1166KWL</t>
  </si>
  <si>
    <t>FSC MK06 1167K</t>
  </si>
  <si>
    <t>5702329554619</t>
  </si>
  <si>
    <t>VELUX Wabenpl. Sol. FSC MK06 1167K</t>
  </si>
  <si>
    <t>FSC MK06 1167KWL</t>
  </si>
  <si>
    <t>5702329563895</t>
  </si>
  <si>
    <t>VELUX Wabenpl. Sol. FSC MK06 1167KWL</t>
  </si>
  <si>
    <t>FSC MK06 1168K</t>
  </si>
  <si>
    <t>5702329554626</t>
  </si>
  <si>
    <t>VELUX Wabenpl. Sol. FSC MK06 1168K</t>
  </si>
  <si>
    <t>FSC MK06 1168KWL</t>
  </si>
  <si>
    <t>5702329563901</t>
  </si>
  <si>
    <t>VELUX Wabenpl. Sol. FSC MK06 1168KWL</t>
  </si>
  <si>
    <t>FSC MK06 1169K</t>
  </si>
  <si>
    <t>5702329554633</t>
  </si>
  <si>
    <t>VELUX Wabenpl. Sol. FSC MK06 1169K</t>
  </si>
  <si>
    <t>FSC MK06 1169KWL</t>
  </si>
  <si>
    <t>5702329563918</t>
  </si>
  <si>
    <t>VELUX Wabenpl. Sol. FSC MK06 1169KWL</t>
  </si>
  <si>
    <t>FSC MK06 1170K</t>
  </si>
  <si>
    <t>5702329554640</t>
  </si>
  <si>
    <t>VELUX Wabenpl. Sol. FSC MK06 1170K</t>
  </si>
  <si>
    <t>FSC MK06 1170KWL</t>
  </si>
  <si>
    <t>5702329563925</t>
  </si>
  <si>
    <t>VELUX Wabenpl. Sol. FSC MK06 1170KWL</t>
  </si>
  <si>
    <t>FSC MK06 1171K</t>
  </si>
  <si>
    <t>5702329554657</t>
  </si>
  <si>
    <t>VELUX Wabenpl. Sol. FSC MK06 1171K</t>
  </si>
  <si>
    <t>FSC MK06 1171KWL</t>
  </si>
  <si>
    <t>5702329563932</t>
  </si>
  <si>
    <t>VELUX Wabenpl. Sol. FSC MK06 1171KWL</t>
  </si>
  <si>
    <t>FSC MK06 1172K</t>
  </si>
  <si>
    <t>5702329554664</t>
  </si>
  <si>
    <t>VELUX Wabenpl. Sol. FSC MK06 1172K</t>
  </si>
  <si>
    <t>FSC MK06 1172KWL</t>
  </si>
  <si>
    <t>5702329563949</t>
  </si>
  <si>
    <t>VELUX Wabenpl. Sol. FSC MK06 1172KWL</t>
  </si>
  <si>
    <t>FSC MK06 1173KWL</t>
  </si>
  <si>
    <t>5702329563956</t>
  </si>
  <si>
    <t>VELUX Wabenpl. Sol. FSC MK06 1173KWL</t>
  </si>
  <si>
    <t>FSC MK08 1045K</t>
  </si>
  <si>
    <t>5702329554688</t>
  </si>
  <si>
    <t>VELUX Wabenpl. Sol. FSC MK08 1045K</t>
  </si>
  <si>
    <t>FSC MK08 1045KWL</t>
  </si>
  <si>
    <t>5702329563963</t>
  </si>
  <si>
    <t>VELUX Wabenpl. Sol. FSC MK08 1045KWL</t>
  </si>
  <si>
    <t>FSC MK08 1047K</t>
  </si>
  <si>
    <t>5702329554695</t>
  </si>
  <si>
    <t>VELUX Wabenpl. Sol. FSC MK08 1047K</t>
  </si>
  <si>
    <t>FSC MK08 1047KWL</t>
  </si>
  <si>
    <t>5702329563970</t>
  </si>
  <si>
    <t>VELUX Wabenpl. Sol. FSC MK08 1047KWL</t>
  </si>
  <si>
    <t>FSC MK08 1049K</t>
  </si>
  <si>
    <t>5702329554701</t>
  </si>
  <si>
    <t>VELUX Wabenpl. Sol. FSC MK08 1049K</t>
  </si>
  <si>
    <t>FSC MK08 1049KWL</t>
  </si>
  <si>
    <t>5702329563987</t>
  </si>
  <si>
    <t>VELUX Wabenpl. Sol. FSC MK08 1049KWL</t>
  </si>
  <si>
    <t>FSC MK08 1155K</t>
  </si>
  <si>
    <t>5702329554718</t>
  </si>
  <si>
    <t>VELUX Wabenpl. Sol. FSC MK08 1155K</t>
  </si>
  <si>
    <t>FSC MK08 1155KWL</t>
  </si>
  <si>
    <t>5702329563994</t>
  </si>
  <si>
    <t>VELUX Wabenpl. Sol. FSC MK08 1155KWL</t>
  </si>
  <si>
    <t>FSC MK08 1156K</t>
  </si>
  <si>
    <t>5702329554725</t>
  </si>
  <si>
    <t>VELUX Wabenpl. Sol. FSC MK08 1156K</t>
  </si>
  <si>
    <t>FSC MK08 1156KWL</t>
  </si>
  <si>
    <t>5702329564007</t>
  </si>
  <si>
    <t>VELUX Wabenpl. Sol. FSC MK08 1156KWL</t>
  </si>
  <si>
    <t>FSC MK08 1163K</t>
  </si>
  <si>
    <t>5702329554732</t>
  </si>
  <si>
    <t>VELUX Wabenpl. Sol. FSC MK08 1163K</t>
  </si>
  <si>
    <t>FSC MK08 1163KWL</t>
  </si>
  <si>
    <t>5702329564014</t>
  </si>
  <si>
    <t>VELUX Wabenpl. Sol. FSC MK08 1163KWL</t>
  </si>
  <si>
    <t>FSC MK08 1164K</t>
  </si>
  <si>
    <t>5702329554749</t>
  </si>
  <si>
    <t>VELUX Wabenpl. Sol. FSC MK08 1164K</t>
  </si>
  <si>
    <t>FSC MK08 1164KWL</t>
  </si>
  <si>
    <t>5702329564021</t>
  </si>
  <si>
    <t>VELUX Wabenpl. Sol. FSC MK08 1164KWL</t>
  </si>
  <si>
    <t>FSC MK08 1165K</t>
  </si>
  <si>
    <t>5702329554756</t>
  </si>
  <si>
    <t>VELUX Wabenpl. Sol. FSC MK08 1165K</t>
  </si>
  <si>
    <t>FSC MK08 1165KWL</t>
  </si>
  <si>
    <t>5702329564038</t>
  </si>
  <si>
    <t>VELUX Wabenpl. Sol. FSC MK08 1165KWL</t>
  </si>
  <si>
    <t>FSC MK08 1166K</t>
  </si>
  <si>
    <t>5702329554763</t>
  </si>
  <si>
    <t>VELUX Wabenpl. Sol. FSC MK08 1166K</t>
  </si>
  <si>
    <t>FSC MK08 1166KWL</t>
  </si>
  <si>
    <t>5702329564045</t>
  </si>
  <si>
    <t>VELUX Wabenpl. Sol. FSC MK08 1166KWL</t>
  </si>
  <si>
    <t>FSC MK08 1167K</t>
  </si>
  <si>
    <t>5702329554770</t>
  </si>
  <si>
    <t>VELUX Wabenpl. Sol. FSC MK08 1167K</t>
  </si>
  <si>
    <t>FSC MK08 1167KWL</t>
  </si>
  <si>
    <t>5702329564052</t>
  </si>
  <si>
    <t>VELUX Wabenpl. Sol. FSC MK08 1167KWL</t>
  </si>
  <si>
    <t>FSC MK08 1168K</t>
  </si>
  <si>
    <t>5702329554787</t>
  </si>
  <si>
    <t>VELUX Wabenpl. Sol. FSC MK08 1168K</t>
  </si>
  <si>
    <t>FSC MK08 1168KWL</t>
  </si>
  <si>
    <t>5702329564069</t>
  </si>
  <si>
    <t>VELUX Wabenpl. Sol. FSC MK08 1168KWL</t>
  </si>
  <si>
    <t>FSC MK08 1169K</t>
  </si>
  <si>
    <t>5702329554794</t>
  </si>
  <si>
    <t>VELUX Wabenpl. Sol. FSC MK08 1169K</t>
  </si>
  <si>
    <t>FSC MK08 1169KWL</t>
  </si>
  <si>
    <t>5702329564076</t>
  </si>
  <si>
    <t>VELUX Wabenpl. Sol. FSC MK08 1169KWL</t>
  </si>
  <si>
    <t>FSC MK08 1170K</t>
  </si>
  <si>
    <t>5702329554800</t>
  </si>
  <si>
    <t>VELUX Wabenpl. Sol. FSC MK08 1170K</t>
  </si>
  <si>
    <t>FSC MK08 1170KWL</t>
  </si>
  <si>
    <t>5702329564083</t>
  </si>
  <si>
    <t>VELUX Wabenpl. Sol. FSC MK08 1170KWL</t>
  </si>
  <si>
    <t>FSC MK08 1171K</t>
  </si>
  <si>
    <t>5702329554817</t>
  </si>
  <si>
    <t>VELUX Wabenpl. Sol. FSC MK08 1171K</t>
  </si>
  <si>
    <t>FSC MK08 1171KWL</t>
  </si>
  <si>
    <t>5702329564090</t>
  </si>
  <si>
    <t>VELUX Wabenpl. Sol. FSC MK08 1171KWL</t>
  </si>
  <si>
    <t>FSC MK08 1172K</t>
  </si>
  <si>
    <t>5702329554824</t>
  </si>
  <si>
    <t>VELUX Wabenpl. Sol. FSC MK08 1172K</t>
  </si>
  <si>
    <t>FSC MK08 1172KWL</t>
  </si>
  <si>
    <t>5702329564106</t>
  </si>
  <si>
    <t>VELUX Wabenpl. Sol. FSC MK08 1172KWL</t>
  </si>
  <si>
    <t>FSC MK08 1173K</t>
  </si>
  <si>
    <t>5702329554831</t>
  </si>
  <si>
    <t>VELUX Wabenpl. Sol. FSC MK08 1173K</t>
  </si>
  <si>
    <t>FSC MK08 1173KWL</t>
  </si>
  <si>
    <t>5702329564113</t>
  </si>
  <si>
    <t>VELUX Wabenpl. Sol. FSC MK08 1173KWL</t>
  </si>
  <si>
    <t>FSC MK10 1045K</t>
  </si>
  <si>
    <t>5702329554848</t>
  </si>
  <si>
    <t>VELUX Wabenpl. Sol. FSC MK10 1045K</t>
  </si>
  <si>
    <t>FSC MK10 1045KWL</t>
  </si>
  <si>
    <t>5702329564120</t>
  </si>
  <si>
    <t>VELUX Wabenpl. Sol. FSC MK10 1045KWL</t>
  </si>
  <si>
    <t>FSC MK10 1047K</t>
  </si>
  <si>
    <t>5702329554855</t>
  </si>
  <si>
    <t>VELUX Wabenpl. Sol. FSC MK10 1047K</t>
  </si>
  <si>
    <t>FSC MK10 1047KWL</t>
  </si>
  <si>
    <t>5702329564137</t>
  </si>
  <si>
    <t>VELUX Wabenpl. Sol. FSC MK10 1047KWL</t>
  </si>
  <si>
    <t>FSC MK10 1049KWL</t>
  </si>
  <si>
    <t>5702329564144</t>
  </si>
  <si>
    <t>VELUX Wabenpl. Sol. FSC MK10 1049KWL</t>
  </si>
  <si>
    <t>FSC MK10 1155K</t>
  </si>
  <si>
    <t>5702329554879</t>
  </si>
  <si>
    <t>VELUX Wabenpl. Sol. FSC MK10 1155K</t>
  </si>
  <si>
    <t>FSC MK10 1155KWL</t>
  </si>
  <si>
    <t>5702329564151</t>
  </si>
  <si>
    <t>VELUX Wabenpl. Sol. FSC MK10 1155KWL</t>
  </si>
  <si>
    <t>FSC MK10 1156KWL</t>
  </si>
  <si>
    <t>5702329564168</t>
  </si>
  <si>
    <t>VELUX Wabenpl. Sol. FSC MK10 1156KWL</t>
  </si>
  <si>
    <t>FSC MK10 1163K</t>
  </si>
  <si>
    <t>5702329554893</t>
  </si>
  <si>
    <t>VELUX Wabenpl. Sol. FSC MK10 1163K</t>
  </si>
  <si>
    <t>FSC MK10 1163KWL</t>
  </si>
  <si>
    <t>5702329564175</t>
  </si>
  <si>
    <t>VELUX Wabenpl. Sol. FSC MK10 1163KWL</t>
  </si>
  <si>
    <t>FSC MK10 1164KWL</t>
  </si>
  <si>
    <t>5702329564182</t>
  </si>
  <si>
    <t>VELUX Wabenpl. Sol. FSC MK10 1164KWL</t>
  </si>
  <si>
    <t>FSC MK10 1165KWL</t>
  </si>
  <si>
    <t>5702329564199</t>
  </si>
  <si>
    <t>VELUX Wabenpl. Sol. FSC MK10 1165KWL</t>
  </si>
  <si>
    <t>FSC MK10 1166K</t>
  </si>
  <si>
    <t>5702329554923</t>
  </si>
  <si>
    <t>VELUX Wabenpl. Sol. FSC MK10 1166K</t>
  </si>
  <si>
    <t>FSC MK10 1166KWL</t>
  </si>
  <si>
    <t>5702329564205</t>
  </si>
  <si>
    <t>VELUX Wabenpl. Sol. FSC MK10 1166KWL</t>
  </si>
  <si>
    <t>FSC MK10 1168K</t>
  </si>
  <si>
    <t>5702329554947</t>
  </si>
  <si>
    <t>VELUX Wabenpl. Sol. FSC MK10 1168K</t>
  </si>
  <si>
    <t>FSC MK10 1168KWL</t>
  </si>
  <si>
    <t>5702329564229</t>
  </si>
  <si>
    <t>VELUX Wabenpl. Sol. FSC MK10 1168KWL</t>
  </si>
  <si>
    <t>FSC MK10 1169K</t>
  </si>
  <si>
    <t>5702329554954</t>
  </si>
  <si>
    <t>VELUX Wabenpl. Sol. FSC MK10 1169K</t>
  </si>
  <si>
    <t>FSC MK10 1169KWL</t>
  </si>
  <si>
    <t>5702329564236</t>
  </si>
  <si>
    <t>VELUX Wabenpl. Sol. FSC MK10 1169KWL</t>
  </si>
  <si>
    <t>FSC MK10 1170KWL</t>
  </si>
  <si>
    <t>5702329564243</t>
  </si>
  <si>
    <t>VELUX Wabenpl. Sol. FSC MK10 1170KWL</t>
  </si>
  <si>
    <t>FSC MK10 1171K</t>
  </si>
  <si>
    <t>5702329554978</t>
  </si>
  <si>
    <t>VELUX Wabenpl. Sol. FSC MK10 1171K</t>
  </si>
  <si>
    <t>FSC MK10 1171KWL</t>
  </si>
  <si>
    <t>5702329564250</t>
  </si>
  <si>
    <t>VELUX Wabenpl. Sol. FSC MK10 1171KWL</t>
  </si>
  <si>
    <t>FSC MK10 1172K</t>
  </si>
  <si>
    <t>5702329554985</t>
  </si>
  <si>
    <t>VELUX Wabenpl. Sol. FSC MK10 1172K</t>
  </si>
  <si>
    <t>FSC MK10 1172KWL</t>
  </si>
  <si>
    <t>5702329564267</t>
  </si>
  <si>
    <t>VELUX Wabenpl. Sol. FSC MK10 1172KWL</t>
  </si>
  <si>
    <t>FSC MK10 1173K</t>
  </si>
  <si>
    <t>5702329554992</t>
  </si>
  <si>
    <t>VELUX Wabenpl. Sol. FSC MK10 1173K</t>
  </si>
  <si>
    <t>FSC MK10 1173KWL</t>
  </si>
  <si>
    <t>5702329564274</t>
  </si>
  <si>
    <t>VELUX Wabenpl. Sol. FSC MK10 1173KWL</t>
  </si>
  <si>
    <t>FSC MK12 1045K</t>
  </si>
  <si>
    <t>5702329555005</t>
  </si>
  <si>
    <t>VELUX Wabenpl. Sol. FSC MK12 1045K</t>
  </si>
  <si>
    <t>FSC MK12 1045KWL</t>
  </si>
  <si>
    <t>5702329564281</t>
  </si>
  <si>
    <t>VELUX Wabenpl. Sol. FSC MK12 1045KWL</t>
  </si>
  <si>
    <t>FSC MK12 1047KWL</t>
  </si>
  <si>
    <t>5702329564298</t>
  </si>
  <si>
    <t>VELUX Wabenpl. Sol. FSC MK12 1047KWL</t>
  </si>
  <si>
    <t>FSC MK12 1049KWL</t>
  </si>
  <si>
    <t>5702329564304</t>
  </si>
  <si>
    <t>VELUX Wabenpl. Sol. FSC MK12 1049KWL</t>
  </si>
  <si>
    <t>FSC MK12 1155KWL</t>
  </si>
  <si>
    <t>5702329564311</t>
  </si>
  <si>
    <t>VELUX Wabenpl. Sol. FSC MK12 1155KWL</t>
  </si>
  <si>
    <t>FSC MK12 1156KWL</t>
  </si>
  <si>
    <t>5702329564328</t>
  </si>
  <si>
    <t>VELUX Wabenpl. Sol. FSC MK12 1156KWL</t>
  </si>
  <si>
    <t>FSC MK12 1163K</t>
  </si>
  <si>
    <t>5702329555050</t>
  </si>
  <si>
    <t>VELUX Wabenpl. Sol. FSC MK12 1163K</t>
  </si>
  <si>
    <t>FSC MK12 1163KWL</t>
  </si>
  <si>
    <t>5702329564335</t>
  </si>
  <si>
    <t>VELUX Wabenpl. Sol. FSC MK12 1163KWL</t>
  </si>
  <si>
    <t>FSC MK12 1166KWL</t>
  </si>
  <si>
    <t>5702329564366</t>
  </si>
  <si>
    <t>VELUX Wabenpl. Sol. FSC MK12 1166KWL</t>
  </si>
  <si>
    <t>FSC MK12 1168KWL</t>
  </si>
  <si>
    <t>5702329564380</t>
  </si>
  <si>
    <t>VELUX Wabenpl. Sol. FSC MK12 1168KWL</t>
  </si>
  <si>
    <t>FSC MK12 1171K</t>
  </si>
  <si>
    <t>5702329555135</t>
  </si>
  <si>
    <t>VELUX Wabenpl. Sol. FSC MK12 1171K</t>
  </si>
  <si>
    <t>FSC MK12 1171KWL</t>
  </si>
  <si>
    <t>5702329564410</t>
  </si>
  <si>
    <t>VELUX Wabenpl. Sol. FSC MK12 1171KWL</t>
  </si>
  <si>
    <t>FSC MK12 1172K</t>
  </si>
  <si>
    <t>5702329555142</t>
  </si>
  <si>
    <t>VELUX Wabenpl. Sol. FSC MK12 1172K</t>
  </si>
  <si>
    <t>FSC MK12 1172KWL</t>
  </si>
  <si>
    <t>5702329564427</t>
  </si>
  <si>
    <t>VELUX Wabenpl. Sol. FSC MK12 1172KWL</t>
  </si>
  <si>
    <t>FSC MK12 1173KWL</t>
  </si>
  <si>
    <t>5702329564434</t>
  </si>
  <si>
    <t>VELUX Wabenpl. Sol. FSC MK12 1173KWL</t>
  </si>
  <si>
    <t>FSC P04 1045K</t>
  </si>
  <si>
    <t>5702329555166</t>
  </si>
  <si>
    <t>VELUX Wabenpl. Sol. FSC P04 1045K</t>
  </si>
  <si>
    <t>FSC P04 1045KWL</t>
  </si>
  <si>
    <t>5702329564441</t>
  </si>
  <si>
    <t>VELUX Wabenpl. Sol. FSC P04 1045KWL</t>
  </si>
  <si>
    <t>FSC P04 1047K</t>
  </si>
  <si>
    <t>5702329555173</t>
  </si>
  <si>
    <t>VELUX Wabenpl. Sol. FSC P04 1047K</t>
  </si>
  <si>
    <t>FSC P04 1047KWL</t>
  </si>
  <si>
    <t>5702329564458</t>
  </si>
  <si>
    <t>VELUX Wabenpl. Sol. FSC P04 1047KWL</t>
  </si>
  <si>
    <t>FSC P04 1155K</t>
  </si>
  <si>
    <t>5702329555197</t>
  </si>
  <si>
    <t>VELUX Wabenpl. Sol. FSC P04 1155K</t>
  </si>
  <si>
    <t>FSC P04 1155KWL</t>
  </si>
  <si>
    <t>5702329564472</t>
  </si>
  <si>
    <t>VELUX Wabenpl. Sol. FSC P04 1155KWL</t>
  </si>
  <si>
    <t>FSC P04 1156K</t>
  </si>
  <si>
    <t>5702329555203</t>
  </si>
  <si>
    <t>VELUX Wabenpl. Sol. FSC P04 1156K</t>
  </si>
  <si>
    <t>FSC P04 1156KWL</t>
  </si>
  <si>
    <t>5702329564489</t>
  </si>
  <si>
    <t>VELUX Wabenpl. Sol. FSC P04 1156KWL</t>
  </si>
  <si>
    <t>FSC P04 1163K</t>
  </si>
  <si>
    <t>5702329555210</t>
  </si>
  <si>
    <t>VELUX Wabenpl. Sol. FSC P04 1163K</t>
  </si>
  <si>
    <t>FSC P04 1163KWL</t>
  </si>
  <si>
    <t>5702329564496</t>
  </si>
  <si>
    <t>VELUX Wabenpl. Sol. FSC P04 1163KWL</t>
  </si>
  <si>
    <t>FSC P04 1164KWL</t>
  </si>
  <si>
    <t>5702329564502</t>
  </si>
  <si>
    <t>VELUX Wabenpl. Sol. FSC P04 1164KWL</t>
  </si>
  <si>
    <t>FSC P04 1165KWL</t>
  </si>
  <si>
    <t>5702329564519</t>
  </si>
  <si>
    <t>VELUX Wabenpl. Sol. FSC P04 1165KWL</t>
  </si>
  <si>
    <t>FSC P04 1166K</t>
  </si>
  <si>
    <t>5702329555241</t>
  </si>
  <si>
    <t>VELUX Wabenpl. Sol. FSC P04 1166K</t>
  </si>
  <si>
    <t>FSC P04 1166KWL</t>
  </si>
  <si>
    <t>5702329564526</t>
  </si>
  <si>
    <t>VELUX Wabenpl. Sol. FSC P04 1166KWL</t>
  </si>
  <si>
    <t>FSC P04 1168KWL</t>
  </si>
  <si>
    <t>5702329564540</t>
  </si>
  <si>
    <t>VELUX Wabenpl. Sol. FSC P04 1168KWL</t>
  </si>
  <si>
    <t>FSC P04 1169KWL</t>
  </si>
  <si>
    <t>5702329564557</t>
  </si>
  <si>
    <t>VELUX Wabenpl. Sol. FSC P04 1169KWL</t>
  </si>
  <si>
    <t>FSC P04 1170KWL</t>
  </si>
  <si>
    <t>5702329564564</t>
  </si>
  <si>
    <t>VELUX Wabenpl. Sol. FSC P04 1170KWL</t>
  </si>
  <si>
    <t>FSC P04 1171K</t>
  </si>
  <si>
    <t>5702329555296</t>
  </si>
  <si>
    <t>VELUX Wabenpl. Sol. FSC P04 1171K</t>
  </si>
  <si>
    <t>FSC P04 1171KWL</t>
  </si>
  <si>
    <t>5702329564571</t>
  </si>
  <si>
    <t>VELUX Wabenpl. Sol. FSC P04 1171KWL</t>
  </si>
  <si>
    <t>FSC P04 1172K</t>
  </si>
  <si>
    <t>5702329555302</t>
  </si>
  <si>
    <t>VELUX Wabenpl. Sol. FSC P04 1172K</t>
  </si>
  <si>
    <t>FSC P04 1172KWL</t>
  </si>
  <si>
    <t>5702329564588</t>
  </si>
  <si>
    <t>VELUX Wabenpl. Sol. FSC P04 1172KWL</t>
  </si>
  <si>
    <t>FSC P04 1173KWL</t>
  </si>
  <si>
    <t>5702329564595</t>
  </si>
  <si>
    <t>VELUX Wabenpl. Sol. FSC P04 1173KWL</t>
  </si>
  <si>
    <t>FSC P06 1045K</t>
  </si>
  <si>
    <t>5702329555326</t>
  </si>
  <si>
    <t>VELUX Wabenpl. Sol. FSC P06 1045K</t>
  </si>
  <si>
    <t>FSC P06 1045KWL</t>
  </si>
  <si>
    <t>5702329564601</t>
  </si>
  <si>
    <t>VELUX Wabenpl. Sol. FSC P06 1045KWL</t>
  </si>
  <si>
    <t>FSC P06 1047K</t>
  </si>
  <si>
    <t>5702329555333</t>
  </si>
  <si>
    <t>VELUX Wabenpl. Sol. FSC P06 1047K</t>
  </si>
  <si>
    <t>FSC P06 1047KWL</t>
  </si>
  <si>
    <t>5702329564618</t>
  </si>
  <si>
    <t>VELUX Wabenpl. Sol. FSC P06 1047KWL</t>
  </si>
  <si>
    <t>FSC P06 1155K</t>
  </si>
  <si>
    <t>5702329555357</t>
  </si>
  <si>
    <t>VELUX Wabenpl. Sol. FSC P06 1155K</t>
  </si>
  <si>
    <t>FSC P06 1156K</t>
  </si>
  <si>
    <t>5702329555364</t>
  </si>
  <si>
    <t>VELUX Wabenpl. Sol. FSC P06 1156K</t>
  </si>
  <si>
    <t>FSC P06 1156KWL</t>
  </si>
  <si>
    <t>5702329564649</t>
  </si>
  <si>
    <t>VELUX Wabenpl. Sol. FSC P06 1156KWL</t>
  </si>
  <si>
    <t>FSC P06 1163K</t>
  </si>
  <si>
    <t>5702329555371</t>
  </si>
  <si>
    <t>VELUX Wabenpl. Sol. FSC P06 1163K</t>
  </si>
  <si>
    <t>FSC P06 1163KWL</t>
  </si>
  <si>
    <t>5702329564656</t>
  </si>
  <si>
    <t>VELUX Wabenpl. Sol. FSC P06 1163KWL</t>
  </si>
  <si>
    <t>FSC P06 1165K</t>
  </si>
  <si>
    <t>5702329555395</t>
  </si>
  <si>
    <t>VELUX Wabenpl. Sol. FSC P06 1165K</t>
  </si>
  <si>
    <t>FSC P06 1166KWL</t>
  </si>
  <si>
    <t>5702329564687</t>
  </si>
  <si>
    <t>VELUX Wabenpl. Sol. FSC P06 1166KWL</t>
  </si>
  <si>
    <t>FSC P06 1167K</t>
  </si>
  <si>
    <t>5702329555418</t>
  </si>
  <si>
    <t>VELUX Wabenpl. Sol. FSC P06 1167K</t>
  </si>
  <si>
    <t>FSC P06 1168K</t>
  </si>
  <si>
    <t>5702329555425</t>
  </si>
  <si>
    <t>VELUX Wabenpl. Sol. FSC P06 1168K</t>
  </si>
  <si>
    <t>FSC P06 1168KWL</t>
  </si>
  <si>
    <t>5702329564700</t>
  </si>
  <si>
    <t>VELUX Wabenpl. Sol. FSC P06 1168KWL</t>
  </si>
  <si>
    <t>FSC P06 1169KWL</t>
  </si>
  <si>
    <t>5702329564717</t>
  </si>
  <si>
    <t>VELUX Wabenpl. Sol. FSC P06 1169KWL</t>
  </si>
  <si>
    <t>FSC P06 1171K</t>
  </si>
  <si>
    <t>5702329555456</t>
  </si>
  <si>
    <t>VELUX Wabenpl. Sol. FSC P06 1171K</t>
  </si>
  <si>
    <t>FSC P06 1171KWL</t>
  </si>
  <si>
    <t>5702329564731</t>
  </si>
  <si>
    <t>VELUX Wabenpl. Sol. FSC P06 1171KWL</t>
  </si>
  <si>
    <t>FSC P06 1172K</t>
  </si>
  <si>
    <t>5702329555463</t>
  </si>
  <si>
    <t>VELUX Wabenpl. Sol. FSC P06 1172K</t>
  </si>
  <si>
    <t>FSC P06 1172KWL</t>
  </si>
  <si>
    <t>5702329564748</t>
  </si>
  <si>
    <t>VELUX Wabenpl. Sol. FSC P06 1172KWL</t>
  </si>
  <si>
    <t>FSC P06 1173KWL</t>
  </si>
  <si>
    <t>5702329564755</t>
  </si>
  <si>
    <t>VELUX Wabenpl. Sol. FSC P06 1173KWL</t>
  </si>
  <si>
    <t>FSC P08 1045K</t>
  </si>
  <si>
    <t>5702329555487</t>
  </si>
  <si>
    <t>VELUX Wabenpl. Sol. FSC P08 1045K</t>
  </si>
  <si>
    <t>FSC P08 1045KWL</t>
  </si>
  <si>
    <t>5702329564762</t>
  </si>
  <si>
    <t>VELUX Wabenpl. Sol. FSC P08 1045KWL</t>
  </si>
  <si>
    <t>FSC P08 1047K</t>
  </si>
  <si>
    <t>5702329555494</t>
  </si>
  <si>
    <t>VELUX Wabenpl. Sol. FSC P08 1047K</t>
  </si>
  <si>
    <t>FSC P08 1047KWL</t>
  </si>
  <si>
    <t>5702329564779</t>
  </si>
  <si>
    <t>VELUX Wabenpl. Sol. FSC P08 1047KWL</t>
  </si>
  <si>
    <t>FSC P08 1049KWL</t>
  </si>
  <si>
    <t>5702329564786</t>
  </si>
  <si>
    <t>VELUX Wabenpl. Sol. FSC P08 1049KWL</t>
  </si>
  <si>
    <t>FSC P08 1155K</t>
  </si>
  <si>
    <t>5702329555517</t>
  </si>
  <si>
    <t>VELUX Wabenpl. Sol. FSC P08 1155K</t>
  </si>
  <si>
    <t>FSC P08 1155KWL</t>
  </si>
  <si>
    <t>5702329564793</t>
  </si>
  <si>
    <t>VELUX Wabenpl. Sol. FSC P08 1155KWL</t>
  </si>
  <si>
    <t>FSC P08 1156K</t>
  </si>
  <si>
    <t>5702329555524</t>
  </si>
  <si>
    <t>VELUX Wabenpl. Sol. FSC P08 1156K</t>
  </si>
  <si>
    <t>FSC P08 1156KWL</t>
  </si>
  <si>
    <t>5702329564809</t>
  </si>
  <si>
    <t>VELUX Wabenpl. Sol. FSC P08 1156KWL</t>
  </si>
  <si>
    <t>FSC P08 1163K</t>
  </si>
  <si>
    <t>5702329555531</t>
  </si>
  <si>
    <t>VELUX Wabenpl. Sol. FSC P08 1163K</t>
  </si>
  <si>
    <t>FSC P08 1163KWL</t>
  </si>
  <si>
    <t>5702329564816</t>
  </si>
  <si>
    <t>VELUX Wabenpl. Sol. FSC P08 1163KWL</t>
  </si>
  <si>
    <t>FSC P08 1164K</t>
  </si>
  <si>
    <t>5702329555548</t>
  </si>
  <si>
    <t>VELUX Wabenpl. Sol. FSC P08 1164K</t>
  </si>
  <si>
    <t>FSC P08 1166K</t>
  </si>
  <si>
    <t>5702329555562</t>
  </si>
  <si>
    <t>VELUX Wabenpl. Sol. FSC P08 1166K</t>
  </si>
  <si>
    <t>FSC P08 1166KWL</t>
  </si>
  <si>
    <t>5702329564847</t>
  </si>
  <si>
    <t>VELUX Wabenpl. Sol. FSC P08 1166KWL</t>
  </si>
  <si>
    <t>FSC P08 1167K</t>
  </si>
  <si>
    <t>5702329555579</t>
  </si>
  <si>
    <t>VELUX Wabenpl. Sol. FSC P08 1167K</t>
  </si>
  <si>
    <t>FSC P08 1167KWL</t>
  </si>
  <si>
    <t>5702329564854</t>
  </si>
  <si>
    <t>VELUX Wabenpl. Sol. FSC P08 1167KWL</t>
  </si>
  <si>
    <t>FSC P08 1168K</t>
  </si>
  <si>
    <t>5702329555586</t>
  </si>
  <si>
    <t>VELUX Wabenpl. Sol. FSC P08 1168K</t>
  </si>
  <si>
    <t>FSC P08 1168KWL</t>
  </si>
  <si>
    <t>5702329564861</t>
  </si>
  <si>
    <t>VELUX Wabenpl. Sol. FSC P08 1168KWL</t>
  </si>
  <si>
    <t>FSC P08 1170K</t>
  </si>
  <si>
    <t>5702329555609</t>
  </si>
  <si>
    <t>VELUX Wabenpl. Sol. FSC P08 1170K</t>
  </si>
  <si>
    <t>FSC P08 1170KWL</t>
  </si>
  <si>
    <t>5702329564885</t>
  </si>
  <si>
    <t>VELUX Wabenpl. Sol. FSC P08 1170KWL</t>
  </si>
  <si>
    <t>FSC P08 1171KWL</t>
  </si>
  <si>
    <t>5702329564892</t>
  </si>
  <si>
    <t>VELUX Wabenpl. Sol. FSC P08 1171KWL</t>
  </si>
  <si>
    <t>FSC P08 1172K</t>
  </si>
  <si>
    <t>5702329555623</t>
  </si>
  <si>
    <t>VELUX Wabenpl. Sol. FSC P08 1172K</t>
  </si>
  <si>
    <t>FSC P08 1172KWL</t>
  </si>
  <si>
    <t>5702329564908</t>
  </si>
  <si>
    <t>VELUX Wabenpl. Sol. FSC P08 1172KWL</t>
  </si>
  <si>
    <t>FSC P08 1173KWL</t>
  </si>
  <si>
    <t>5702329564915</t>
  </si>
  <si>
    <t>VELUX Wabenpl. Sol. FSC P08 1173KWL</t>
  </si>
  <si>
    <t>FSC P10 1045K</t>
  </si>
  <si>
    <t>5702329555647</t>
  </si>
  <si>
    <t>VELUX Wabenpl. Sol. FSC P10 1045K</t>
  </si>
  <si>
    <t>FSC P10 1045KWL</t>
  </si>
  <si>
    <t>5702329564922</t>
  </si>
  <si>
    <t>VELUX Wabenpl. Sol. FSC P10 1045KWL</t>
  </si>
  <si>
    <t>FSC P10 1047K</t>
  </si>
  <si>
    <t>5702329555654</t>
  </si>
  <si>
    <t>VELUX Wabenpl. Sol. FSC P10 1047K</t>
  </si>
  <si>
    <t>FSC P10 1047KWL</t>
  </si>
  <si>
    <t>5702329564939</t>
  </si>
  <si>
    <t>VELUX Wabenpl. Sol. FSC P10 1047KWL</t>
  </si>
  <si>
    <t>FSC P10 1049K</t>
  </si>
  <si>
    <t>5702329555661</t>
  </si>
  <si>
    <t>VELUX Wabenpl. Sol. FSC P10 1049K</t>
  </si>
  <si>
    <t>FSC P10 1155K</t>
  </si>
  <si>
    <t>5702329555678</t>
  </si>
  <si>
    <t>VELUX Wabenpl. Sol. FSC P10 1155K</t>
  </si>
  <si>
    <t>FSC P10 1155KWL</t>
  </si>
  <si>
    <t>5702329564953</t>
  </si>
  <si>
    <t>VELUX Wabenpl. Sol. FSC P10 1155KWL</t>
  </si>
  <si>
    <t>FSC P10 1156K</t>
  </si>
  <si>
    <t>5702329555685</t>
  </si>
  <si>
    <t>VELUX Wabenpl. Sol. FSC P10 1156K</t>
  </si>
  <si>
    <t>FSC P10 1163K</t>
  </si>
  <si>
    <t>5702329555692</t>
  </si>
  <si>
    <t>VELUX Wabenpl. Sol. FSC P10 1163K</t>
  </si>
  <si>
    <t>FSC P10 1163KWL</t>
  </si>
  <si>
    <t>5702329564977</t>
  </si>
  <si>
    <t>VELUX Wabenpl. Sol. FSC P10 1163KWL</t>
  </si>
  <si>
    <t>FSC P10 1164K</t>
  </si>
  <si>
    <t>5702329555708</t>
  </si>
  <si>
    <t>VELUX Wabenpl. Sol. FSC P10 1164K</t>
  </si>
  <si>
    <t>FSC P10 1165K</t>
  </si>
  <si>
    <t>5702329555715</t>
  </si>
  <si>
    <t>VELUX Wabenpl. Sol. FSC P10 1165K</t>
  </si>
  <si>
    <t>FSC P10 1166K</t>
  </si>
  <si>
    <t>5702329555722</t>
  </si>
  <si>
    <t>VELUX Wabenpl. Sol. FSC P10 1166K</t>
  </si>
  <si>
    <t>FSC P10 1166KWL</t>
  </si>
  <si>
    <t>5702329565004</t>
  </si>
  <si>
    <t>VELUX Wabenpl. Sol. FSC P10 1166KWL</t>
  </si>
  <si>
    <t>FSC P10 1167K</t>
  </si>
  <si>
    <t>5702329555739</t>
  </si>
  <si>
    <t>VELUX Wabenpl. Sol. FSC P10 1167K</t>
  </si>
  <si>
    <t>FSC P10 1168K</t>
  </si>
  <si>
    <t>5702329555746</t>
  </si>
  <si>
    <t>VELUX Wabenpl. Sol. FSC P10 1168K</t>
  </si>
  <si>
    <t>FSC P10 1168KWL</t>
  </si>
  <si>
    <t>5702329565028</t>
  </si>
  <si>
    <t>VELUX Wabenpl. Sol. FSC P10 1168KWL</t>
  </si>
  <si>
    <t>FSC P10 1169K</t>
  </si>
  <si>
    <t>5702329555753</t>
  </si>
  <si>
    <t>VELUX Wabenpl. Sol. FSC P10 1169K</t>
  </si>
  <si>
    <t>FSC P10 1170K</t>
  </si>
  <si>
    <t>5702329555760</t>
  </si>
  <si>
    <t>VELUX Wabenpl. Sol. FSC P10 1170K</t>
  </si>
  <si>
    <t>FSC P10 1171K</t>
  </si>
  <si>
    <t>5702329555777</t>
  </si>
  <si>
    <t>VELUX Wabenpl. Sol. FSC P10 1171K</t>
  </si>
  <si>
    <t>FSC P10 1172K</t>
  </si>
  <si>
    <t>5702329555784</t>
  </si>
  <si>
    <t>VELUX Wabenpl. Sol. FSC P10 1172K</t>
  </si>
  <si>
    <t>FSC P10 1172KWL</t>
  </si>
  <si>
    <t>5702329565066</t>
  </si>
  <si>
    <t>VELUX Wabenpl. Sol. FSC P10 1172KWL</t>
  </si>
  <si>
    <t>FSC P10 1173K</t>
  </si>
  <si>
    <t>5702329555791</t>
  </si>
  <si>
    <t>VELUX Wabenpl. Sol. FSC P10 1173K</t>
  </si>
  <si>
    <t>FSC P31 1045KWL</t>
  </si>
  <si>
    <t>5702329565240</t>
  </si>
  <si>
    <t>VELUX Wabenpl. Sol. FSC P31 1045KWL</t>
  </si>
  <si>
    <t>FSC PK06 1045K</t>
  </si>
  <si>
    <t>5702329556446</t>
  </si>
  <si>
    <t>VELUX Wabenpl. Sol. FSC PK06 1045K</t>
  </si>
  <si>
    <t>FSC PK06 1045KWL</t>
  </si>
  <si>
    <t>5702329565561</t>
  </si>
  <si>
    <t>VELUX Wabenpl. Sol. FSC PK06 1045KWL</t>
  </si>
  <si>
    <t>FSC PK06 1047K</t>
  </si>
  <si>
    <t>5702329556453</t>
  </si>
  <si>
    <t>VELUX Wabenpl. Sol. FSC PK06 1047K</t>
  </si>
  <si>
    <t>FSC PK06 1047KWL</t>
  </si>
  <si>
    <t>5702329565578</t>
  </si>
  <si>
    <t>VELUX Wabenpl. Sol. FSC PK06 1047KWL</t>
  </si>
  <si>
    <t>FSC PK06 1049K</t>
  </si>
  <si>
    <t>5702329556460</t>
  </si>
  <si>
    <t>VELUX Wabenpl. Sol. FSC PK06 1049K</t>
  </si>
  <si>
    <t>FSC PK06 1049KWL</t>
  </si>
  <si>
    <t>5702329565585</t>
  </si>
  <si>
    <t>VELUX Wabenpl. Sol. FSC PK06 1049KWL</t>
  </si>
  <si>
    <t>FSC PK06 1155K</t>
  </si>
  <si>
    <t>5702329556477</t>
  </si>
  <si>
    <t>VELUX Wabenpl. Sol. FSC PK06 1155K</t>
  </si>
  <si>
    <t>FSC PK06 1155KWL</t>
  </si>
  <si>
    <t>5702329565592</t>
  </si>
  <si>
    <t>VELUX Wabenpl. Sol. FSC PK06 1155KWL</t>
  </si>
  <si>
    <t>FSC PK06 1156K</t>
  </si>
  <si>
    <t>5702329556484</t>
  </si>
  <si>
    <t>VELUX Wabenpl. Sol. FSC PK06 1156K</t>
  </si>
  <si>
    <t>FSC PK06 1156KWL</t>
  </si>
  <si>
    <t>5702329565608</t>
  </si>
  <si>
    <t>VELUX Wabenpl. Sol. FSC PK06 1156KWL</t>
  </si>
  <si>
    <t>FSC PK06 1163K</t>
  </si>
  <si>
    <t>5702329556491</t>
  </si>
  <si>
    <t>VELUX Wabenpl. Sol. FSC PK06 1163K</t>
  </si>
  <si>
    <t>FSC PK06 1163KWL</t>
  </si>
  <si>
    <t>5702329565615</t>
  </si>
  <si>
    <t>VELUX Wabenpl. Sol. FSC PK06 1163KWL</t>
  </si>
  <si>
    <t>FSC PK06 1164K</t>
  </si>
  <si>
    <t>5702329556507</t>
  </si>
  <si>
    <t>VELUX Wabenpl. Sol. FSC PK06 1164K</t>
  </si>
  <si>
    <t>FSC PK06 1164KWL</t>
  </si>
  <si>
    <t>5702329565622</t>
  </si>
  <si>
    <t>VELUX Wabenpl. Sol. FSC PK06 1164KWL</t>
  </si>
  <si>
    <t>FSC PK06 1165KWL</t>
  </si>
  <si>
    <t>5702329565639</t>
  </si>
  <si>
    <t>VELUX Wabenpl. Sol. FSC PK06 1165KWL</t>
  </si>
  <si>
    <t>FSC PK06 1166K</t>
  </si>
  <si>
    <t>5702329556521</t>
  </si>
  <si>
    <t>VELUX Wabenpl. Sol. FSC PK06 1166K</t>
  </si>
  <si>
    <t>FSC PK06 1166KWL</t>
  </si>
  <si>
    <t>5702329565646</t>
  </si>
  <si>
    <t>VELUX Wabenpl. Sol. FSC PK06 1166KWL</t>
  </si>
  <si>
    <t>FSC PK06 1168K</t>
  </si>
  <si>
    <t>5702329556545</t>
  </si>
  <si>
    <t>VELUX Wabenpl. Sol. FSC PK06 1168K</t>
  </si>
  <si>
    <t>FSC PK06 1168KWL</t>
  </si>
  <si>
    <t>5702329565660</t>
  </si>
  <si>
    <t>VELUX Wabenpl. Sol. FSC PK06 1168KWL</t>
  </si>
  <si>
    <t>FSC PK06 1169KWL</t>
  </si>
  <si>
    <t>5702329565677</t>
  </si>
  <si>
    <t>VELUX Wabenpl. Sol. FSC PK06 1169KWL</t>
  </si>
  <si>
    <t>FSC PK06 1170K</t>
  </si>
  <si>
    <t>5702329556569</t>
  </si>
  <si>
    <t>VELUX Wabenpl. Sol. FSC PK06 1170K</t>
  </si>
  <si>
    <t>FSC PK06 1170KWL</t>
  </si>
  <si>
    <t>5702329565684</t>
  </si>
  <si>
    <t>VELUX Wabenpl. Sol. FSC PK06 1170KWL</t>
  </si>
  <si>
    <t>FSC PK06 1171K</t>
  </si>
  <si>
    <t>5702329556576</t>
  </si>
  <si>
    <t>VELUX Wabenpl. Sol. FSC PK06 1171K</t>
  </si>
  <si>
    <t>FSC PK06 1171KWL</t>
  </si>
  <si>
    <t>5702329565691</t>
  </si>
  <si>
    <t>VELUX Wabenpl. Sol. FSC PK06 1171KWL</t>
  </si>
  <si>
    <t>FSC PK06 1172K</t>
  </si>
  <si>
    <t>5702329556583</t>
  </si>
  <si>
    <t>VELUX Wabenpl. Sol. FSC PK06 1172K</t>
  </si>
  <si>
    <t>FSC PK06 1172KWL</t>
  </si>
  <si>
    <t>5702329565707</t>
  </si>
  <si>
    <t>VELUX Wabenpl. Sol. FSC PK06 1172KWL</t>
  </si>
  <si>
    <t>FSC PK06 1173K</t>
  </si>
  <si>
    <t>5702329556590</t>
  </si>
  <si>
    <t>VELUX Wabenpl. Sol. FSC PK06 1173K</t>
  </si>
  <si>
    <t>FSC PK06 1173KWL</t>
  </si>
  <si>
    <t>5702329565714</t>
  </si>
  <si>
    <t>VELUX Wabenpl. Sol. FSC PK06 1173KWL</t>
  </si>
  <si>
    <t>FSC PK08 1045K</t>
  </si>
  <si>
    <t>5702329556606</t>
  </si>
  <si>
    <t>VELUX Wabenpl. Sol. FSC PK08 1045K</t>
  </si>
  <si>
    <t>FSC PK08 1045KWL</t>
  </si>
  <si>
    <t>5702329565721</t>
  </si>
  <si>
    <t>VELUX Wabenpl. Sol. FSC PK08 1045KWL</t>
  </si>
  <si>
    <t>FSC PK08 1047K</t>
  </si>
  <si>
    <t>5702329556613</t>
  </si>
  <si>
    <t>VELUX Wabenpl. Sol. FSC PK08 1047K</t>
  </si>
  <si>
    <t>FSC PK08 1047KWL</t>
  </si>
  <si>
    <t>5702329565738</t>
  </si>
  <si>
    <t>VELUX Wabenpl. Sol. FSC PK08 1047KWL</t>
  </si>
  <si>
    <t>FSC PK08 1049KWL</t>
  </si>
  <si>
    <t>5702329565745</t>
  </si>
  <si>
    <t>VELUX Wabenpl. Sol. FSC PK08 1049KWL</t>
  </si>
  <si>
    <t>FSC PK08 1155K</t>
  </si>
  <si>
    <t>5702329556637</t>
  </si>
  <si>
    <t>VELUX Wabenpl. Sol. FSC PK08 1155K</t>
  </si>
  <si>
    <t>FSC PK08 1155KWL</t>
  </si>
  <si>
    <t>5702329565752</t>
  </si>
  <si>
    <t>VELUX Wabenpl. Sol. FSC PK08 1155KWL</t>
  </si>
  <si>
    <t>FSC PK08 1156K</t>
  </si>
  <si>
    <t>5702329556644</t>
  </si>
  <si>
    <t>VELUX Wabenpl. Sol. FSC PK08 1156K</t>
  </si>
  <si>
    <t>FSC PK08 1156KWL</t>
  </si>
  <si>
    <t>5702329565769</t>
  </si>
  <si>
    <t>VELUX Wabenpl. Sol. FSC PK08 1156KWL</t>
  </si>
  <si>
    <t>FSC PK08 1163K</t>
  </si>
  <si>
    <t>5702329556651</t>
  </si>
  <si>
    <t>VELUX Wabenpl. Sol. FSC PK08 1163K</t>
  </si>
  <si>
    <t>FSC PK08 1163KWL</t>
  </si>
  <si>
    <t>5702329565776</t>
  </si>
  <si>
    <t>VELUX Wabenpl. Sol. FSC PK08 1163KWL</t>
  </si>
  <si>
    <t>FSC PK08 1164K</t>
  </si>
  <si>
    <t>5702329556668</t>
  </si>
  <si>
    <t>VELUX Wabenpl. Sol. FSC PK08 1164K</t>
  </si>
  <si>
    <t>FSC PK08 1164KWL</t>
  </si>
  <si>
    <t>5702329565783</t>
  </si>
  <si>
    <t>VELUX Wabenpl. Sol. FSC PK08 1164KWL</t>
  </si>
  <si>
    <t>FSC PK08 1165K</t>
  </si>
  <si>
    <t>5702329556675</t>
  </si>
  <si>
    <t>VELUX Wabenpl. Sol. FSC PK08 1165K</t>
  </si>
  <si>
    <t>FSC PK08 1166K</t>
  </si>
  <si>
    <t>5702329556682</t>
  </si>
  <si>
    <t>VELUX Wabenpl. Sol. FSC PK08 1166K</t>
  </si>
  <si>
    <t>FSC PK08 1166KWL</t>
  </si>
  <si>
    <t>5702329565806</t>
  </si>
  <si>
    <t>VELUX Wabenpl. Sol. FSC PK08 1166KWL</t>
  </si>
  <si>
    <t>FSC PK08 1167KWL</t>
  </si>
  <si>
    <t>5702329565813</t>
  </si>
  <si>
    <t>VELUX Wabenpl. Sol. FSC PK08 1167KWL</t>
  </si>
  <si>
    <t>FSC PK08 1168K</t>
  </si>
  <si>
    <t>5702329556705</t>
  </si>
  <si>
    <t>VELUX Wabenpl. Sol. FSC PK08 1168K</t>
  </si>
  <si>
    <t>FSC PK08 1168KWL</t>
  </si>
  <si>
    <t>5702329565820</t>
  </si>
  <si>
    <t>VELUX Wabenpl. Sol. FSC PK08 1168KWL</t>
  </si>
  <si>
    <t>FSC PK08 1169K</t>
  </si>
  <si>
    <t>5702329556712</t>
  </si>
  <si>
    <t>VELUX Wabenpl. Sol. FSC PK08 1169K</t>
  </si>
  <si>
    <t>FSC PK08 1169KWL</t>
  </si>
  <si>
    <t>5702329565837</t>
  </si>
  <si>
    <t>VELUX Wabenpl. Sol. FSC PK08 1169KWL</t>
  </si>
  <si>
    <t>FSC PK08 1170K</t>
  </si>
  <si>
    <t>5702329556729</t>
  </si>
  <si>
    <t>VELUX Wabenpl. Sol. FSC PK08 1170K</t>
  </si>
  <si>
    <t>FSC PK08 1170KWL</t>
  </si>
  <si>
    <t>5702329565844</t>
  </si>
  <si>
    <t>VELUX Wabenpl. Sol. FSC PK08 1170KWL</t>
  </si>
  <si>
    <t>FSC PK08 1171K</t>
  </si>
  <si>
    <t>5702329556736</t>
  </si>
  <si>
    <t>VELUX Wabenpl. Sol. FSC PK08 1171K</t>
  </si>
  <si>
    <t>FSC PK08 1171KWL</t>
  </si>
  <si>
    <t>5702329565851</t>
  </si>
  <si>
    <t>VELUX Wabenpl. Sol. FSC PK08 1171KWL</t>
  </si>
  <si>
    <t>FSC PK08 1172K</t>
  </si>
  <si>
    <t>5702329556743</t>
  </si>
  <si>
    <t>VELUX Wabenpl. Sol. FSC PK08 1172K</t>
  </si>
  <si>
    <t>FSC PK08 1172KWL</t>
  </si>
  <si>
    <t>5702329565868</t>
  </si>
  <si>
    <t>VELUX Wabenpl. Sol. FSC PK08 1172KWL</t>
  </si>
  <si>
    <t>FSC PK08 1173K</t>
  </si>
  <si>
    <t>5702329556750</t>
  </si>
  <si>
    <t>VELUX Wabenpl. Sol. FSC PK08 1173K</t>
  </si>
  <si>
    <t>FSC PK08 1173KWL</t>
  </si>
  <si>
    <t>5702329565875</t>
  </si>
  <si>
    <t>VELUX Wabenpl. Sol. FSC PK08 1173KWL</t>
  </si>
  <si>
    <t>FSC PK10 1045K</t>
  </si>
  <si>
    <t>5702329556767</t>
  </si>
  <si>
    <t>VELUX Wabenpl. Sol. FSC PK10 1045K</t>
  </si>
  <si>
    <t>FSC PK10 1045KWL</t>
  </si>
  <si>
    <t>5702329565882</t>
  </si>
  <si>
    <t>VELUX Wabenpl. Sol. FSC PK10 1045KWL</t>
  </si>
  <si>
    <t>FSC PK10 1047K</t>
  </si>
  <si>
    <t>5702329556774</t>
  </si>
  <si>
    <t>VELUX Wabenpl. Sol. FSC PK10 1047K</t>
  </si>
  <si>
    <t>FSC PK10 1047KWL</t>
  </si>
  <si>
    <t>5702329565899</t>
  </si>
  <si>
    <t>VELUX Wabenpl. Sol. FSC PK10 1047KWL</t>
  </si>
  <si>
    <t>FSC PK10 1049KWL</t>
  </si>
  <si>
    <t>5702329565905</t>
  </si>
  <si>
    <t>VELUX Wabenpl. Sol. FSC PK10 1049KWL</t>
  </si>
  <si>
    <t>FSC PK10 1155K</t>
  </si>
  <si>
    <t>5702329556798</t>
  </si>
  <si>
    <t>VELUX Wabenpl. Sol. FSC PK10 1155K</t>
  </si>
  <si>
    <t>FSC PK10 1155KWL</t>
  </si>
  <si>
    <t>5702329565912</t>
  </si>
  <si>
    <t>VELUX Wabenpl. Sol. FSC PK10 1155KWL</t>
  </si>
  <si>
    <t>FSC PK10 1156K</t>
  </si>
  <si>
    <t>5702329556804</t>
  </si>
  <si>
    <t>VELUX Wabenpl. Sol. FSC PK10 1156K</t>
  </si>
  <si>
    <t>FSC PK10 1156KWL</t>
  </si>
  <si>
    <t>5702329565929</t>
  </si>
  <si>
    <t>VELUX Wabenpl. Sol. FSC PK10 1156KWL</t>
  </si>
  <si>
    <t>FSC PK10 1163K</t>
  </si>
  <si>
    <t>5702329556811</t>
  </si>
  <si>
    <t>VELUX Wabenpl. Sol. FSC PK10 1163K</t>
  </si>
  <si>
    <t>FSC PK10 1163KWL</t>
  </si>
  <si>
    <t>5702329565936</t>
  </si>
  <si>
    <t>VELUX Wabenpl. Sol. FSC PK10 1163KWL</t>
  </si>
  <si>
    <t>FSC PK10 1164KWL</t>
  </si>
  <si>
    <t>5702329565943</t>
  </si>
  <si>
    <t>VELUX Wabenpl. Sol. FSC PK10 1164KWL</t>
  </si>
  <si>
    <t>FSC PK10 1165KWL</t>
  </si>
  <si>
    <t>5702329565950</t>
  </si>
  <si>
    <t>VELUX Wabenpl. Sol. FSC PK10 1165KWL</t>
  </si>
  <si>
    <t>FSC PK10 1166K</t>
  </si>
  <si>
    <t>5702329556842</t>
  </si>
  <si>
    <t>VELUX Wabenpl. Sol. FSC PK10 1166K</t>
  </si>
  <si>
    <t>FSC PK10 1166KWL</t>
  </si>
  <si>
    <t>5702329565967</t>
  </si>
  <si>
    <t>VELUX Wabenpl. Sol. FSC PK10 1166KWL</t>
  </si>
  <si>
    <t>FSC PK10 1167K</t>
  </si>
  <si>
    <t>5702329556859</t>
  </si>
  <si>
    <t>VELUX Wabenpl. Sol. FSC PK10 1167K</t>
  </si>
  <si>
    <t>FSC PK10 1167KWL</t>
  </si>
  <si>
    <t>5702329565974</t>
  </si>
  <si>
    <t>VELUX Wabenpl. Sol. FSC PK10 1167KWL</t>
  </si>
  <si>
    <t>FSC PK10 1168KWL</t>
  </si>
  <si>
    <t>5702329565981</t>
  </si>
  <si>
    <t>VELUX Wabenpl. Sol. FSC PK10 1168KWL</t>
  </si>
  <si>
    <t>FSC PK10 1169K</t>
  </si>
  <si>
    <t>5702329556873</t>
  </si>
  <si>
    <t>VELUX Wabenpl. Sol. FSC PK10 1169K</t>
  </si>
  <si>
    <t>FSC PK10 1169KWL</t>
  </si>
  <si>
    <t>5702329565998</t>
  </si>
  <si>
    <t>VELUX Wabenpl. Sol. FSC PK10 1169KWL</t>
  </si>
  <si>
    <t>FSC PK10 1170K</t>
  </si>
  <si>
    <t>5702329556880</t>
  </si>
  <si>
    <t>VELUX Wabenpl. Sol. FSC PK10 1170K</t>
  </si>
  <si>
    <t>FSC PK10 1170KWL</t>
  </si>
  <si>
    <t>5702329566001</t>
  </si>
  <si>
    <t>VELUX Wabenpl. Sol. FSC PK10 1170KWL</t>
  </si>
  <si>
    <t>FSC PK10 1171K</t>
  </si>
  <si>
    <t>5702329556897</t>
  </si>
  <si>
    <t>VELUX Wabenpl. Sol. FSC PK10 1171K</t>
  </si>
  <si>
    <t>FSC PK10 1171KWL</t>
  </si>
  <si>
    <t>5702329566018</t>
  </si>
  <si>
    <t>VELUX Wabenpl. Sol. FSC PK10 1171KWL</t>
  </si>
  <si>
    <t>FSC PK10 1172K</t>
  </si>
  <si>
    <t>5702329556903</t>
  </si>
  <si>
    <t>VELUX Wabenpl. Sol. FSC PK10 1172K</t>
  </si>
  <si>
    <t>FSC PK10 1172KWL</t>
  </si>
  <si>
    <t>5702329566025</t>
  </si>
  <si>
    <t>VELUX Wabenpl. Sol. FSC PK10 1172KWL</t>
  </si>
  <si>
    <t>FSC PK10 1173K</t>
  </si>
  <si>
    <t>5702329556910</t>
  </si>
  <si>
    <t>VELUX Wabenpl. Sol. FSC PK10 1173K</t>
  </si>
  <si>
    <t>FSC PK10 1173KWL</t>
  </si>
  <si>
    <t>5702329566032</t>
  </si>
  <si>
    <t>VELUX Wabenpl. Sol. FSC PK10 1173KWL</t>
  </si>
  <si>
    <t>FSC S04 1045K</t>
  </si>
  <si>
    <t>5702329557245</t>
  </si>
  <si>
    <t>VELUX Wabenpl. Sol. FSC S04 1045K</t>
  </si>
  <si>
    <t>FSC S04 1045KWL</t>
  </si>
  <si>
    <t>5702329566360</t>
  </si>
  <si>
    <t>VELUX Wabenpl. Sol. FSC S04 1045KWL</t>
  </si>
  <si>
    <t>FSC S04 1047K</t>
  </si>
  <si>
    <t>5702329557252</t>
  </si>
  <si>
    <t>VELUX Wabenpl. Sol. FSC S04 1047K</t>
  </si>
  <si>
    <t>FSC S04 1047KWL</t>
  </si>
  <si>
    <t>5702329566377</t>
  </si>
  <si>
    <t>VELUX Wabenpl. Sol. FSC S04 1047KWL</t>
  </si>
  <si>
    <t>FSC S04 1155K</t>
  </si>
  <si>
    <t>5702329557276</t>
  </si>
  <si>
    <t>VELUX Wabenpl. Sol. FSC S04 1155K</t>
  </si>
  <si>
    <t>FSC S04 1155KWL</t>
  </si>
  <si>
    <t>5702329566391</t>
  </si>
  <si>
    <t>VELUX Wabenpl. Sol. FSC S04 1155KWL</t>
  </si>
  <si>
    <t>FSC S04 1156K</t>
  </si>
  <si>
    <t>5702329557283</t>
  </si>
  <si>
    <t>VELUX Wabenpl. Sol. FSC S04 1156K</t>
  </si>
  <si>
    <t>FSC S04 1156KWL</t>
  </si>
  <si>
    <t>5702329566407</t>
  </si>
  <si>
    <t>VELUX Wabenpl. Sol. FSC S04 1156KWL</t>
  </si>
  <si>
    <t>FSC S04 1163K</t>
  </si>
  <si>
    <t>5702329557290</t>
  </si>
  <si>
    <t>VELUX Wabenpl. Sol. FSC S04 1163K</t>
  </si>
  <si>
    <t>FSC S04 1163KWL</t>
  </si>
  <si>
    <t>5702329566414</t>
  </si>
  <si>
    <t>VELUX Wabenpl. Sol. FSC S04 1163KWL</t>
  </si>
  <si>
    <t>FSC S04 1164KWL</t>
  </si>
  <si>
    <t>5702329566421</t>
  </si>
  <si>
    <t>VELUX Wabenpl. Sol. FSC S04 1164KWL</t>
  </si>
  <si>
    <t>FSC S04 1165KWL</t>
  </si>
  <si>
    <t>5702329566438</t>
  </si>
  <si>
    <t>VELUX Wabenpl. Sol. FSC S04 1165KWL</t>
  </si>
  <si>
    <t>FSC S04 1166K</t>
  </si>
  <si>
    <t>5702329557320</t>
  </si>
  <si>
    <t>VELUX Wabenpl. Sol. FSC S04 1166K</t>
  </si>
  <si>
    <t>FSC S04 1166KWL</t>
  </si>
  <si>
    <t>5702329566445</t>
  </si>
  <si>
    <t>VELUX Wabenpl. Sol. FSC S04 1166KWL</t>
  </si>
  <si>
    <t>FSC S04 1167K</t>
  </si>
  <si>
    <t>5702329557337</t>
  </si>
  <si>
    <t>VELUX Wabenpl. Sol. FSC S04 1167K</t>
  </si>
  <si>
    <t>FSC S04 1168KWL</t>
  </si>
  <si>
    <t>5702329566469</t>
  </si>
  <si>
    <t>VELUX Wabenpl. Sol. FSC S04 1168KWL</t>
  </si>
  <si>
    <t>FSC S04 1169KWL</t>
  </si>
  <si>
    <t>5702329566476</t>
  </si>
  <si>
    <t>VELUX Wabenpl. Sol. FSC S04 1169KWL</t>
  </si>
  <si>
    <t>FSC S04 1170K</t>
  </si>
  <si>
    <t>5702329557368</t>
  </si>
  <si>
    <t>VELUX Wabenpl. Sol. FSC S04 1170K</t>
  </si>
  <si>
    <t>FSC S04 1171KWL</t>
  </si>
  <si>
    <t>5702329566490</t>
  </si>
  <si>
    <t>VELUX Wabenpl. Sol. FSC S04 1171KWL</t>
  </si>
  <si>
    <t>FSC S04 1172K</t>
  </si>
  <si>
    <t>5702329557382</t>
  </si>
  <si>
    <t>VELUX Wabenpl. Sol. FSC S04 1172K</t>
  </si>
  <si>
    <t>FSC S04 1172KWL</t>
  </si>
  <si>
    <t>5702329566506</t>
  </si>
  <si>
    <t>VELUX Wabenpl. Sol. FSC S04 1172KWL</t>
  </si>
  <si>
    <t>FSC S04 1173K</t>
  </si>
  <si>
    <t>5702329557399</t>
  </si>
  <si>
    <t>VELUX Wabenpl. Sol. FSC S04 1173K</t>
  </si>
  <si>
    <t>FSC S04 1173KWL</t>
  </si>
  <si>
    <t>5702329566513</t>
  </si>
  <si>
    <t>VELUX Wabenpl. Sol. FSC S04 1173KWL</t>
  </si>
  <si>
    <t>FSC S06 1045K</t>
  </si>
  <si>
    <t>5702329557405</t>
  </si>
  <si>
    <t>VELUX Wabenpl. Sol. FSC S06 1045K</t>
  </si>
  <si>
    <t>FSC S06 1045KWL</t>
  </si>
  <si>
    <t>5702329566520</t>
  </si>
  <si>
    <t>VELUX Wabenpl. Sol. FSC S06 1045KWL</t>
  </si>
  <si>
    <t>FSC S06 1047K</t>
  </si>
  <si>
    <t>5702329557412</t>
  </si>
  <si>
    <t>VELUX Wabenpl. Sol. FSC S06 1047K</t>
  </si>
  <si>
    <t>FSC S06 1047KWL</t>
  </si>
  <si>
    <t>5702329566537</t>
  </si>
  <si>
    <t>VELUX Wabenpl. Sol. FSC S06 1047KWL</t>
  </si>
  <si>
    <t>FSC S06 1049K</t>
  </si>
  <si>
    <t>5702329557429</t>
  </si>
  <si>
    <t>VELUX Wabenpl. Sol. FSC S06 1049K</t>
  </si>
  <si>
    <t>FSC S06 1155K</t>
  </si>
  <si>
    <t>5702329557436</t>
  </si>
  <si>
    <t>VELUX Wabenpl. Sol. FSC S06 1155K</t>
  </si>
  <si>
    <t>FSC S06 1155KWL</t>
  </si>
  <si>
    <t>5702329566551</t>
  </si>
  <si>
    <t>VELUX Wabenpl. Sol. FSC S06 1155KWL</t>
  </si>
  <si>
    <t>FSC S06 1156K</t>
  </si>
  <si>
    <t>5702329557443</t>
  </si>
  <si>
    <t>VELUX Wabenpl. Sol. FSC S06 1156K</t>
  </si>
  <si>
    <t>FSC S06 1156KWL</t>
  </si>
  <si>
    <t>5702329566568</t>
  </si>
  <si>
    <t>VELUX Wabenpl. Sol. FSC S06 1156KWL</t>
  </si>
  <si>
    <t>FSC S06 1163K</t>
  </si>
  <si>
    <t>5702329557450</t>
  </si>
  <si>
    <t>VELUX Wabenpl. Sol. FSC S06 1163K</t>
  </si>
  <si>
    <t>FSC S06 1163KWL</t>
  </si>
  <si>
    <t>5702329566575</t>
  </si>
  <si>
    <t>VELUX Wabenpl. Sol. FSC S06 1163KWL</t>
  </si>
  <si>
    <t>FSC S06 1164K</t>
  </si>
  <si>
    <t>5702329557467</t>
  </si>
  <si>
    <t>VELUX Wabenpl. Sol. FSC S06 1164K</t>
  </si>
  <si>
    <t>FSC S06 1164KWL</t>
  </si>
  <si>
    <t>5702329566582</t>
  </si>
  <si>
    <t>VELUX Wabenpl. Sol. FSC S06 1164KWL</t>
  </si>
  <si>
    <t>FSC S06 1165K</t>
  </si>
  <si>
    <t>5702329557474</t>
  </si>
  <si>
    <t>VELUX Wabenpl. Sol. FSC S06 1165K</t>
  </si>
  <si>
    <t>FSC S06 1165KWL</t>
  </si>
  <si>
    <t>5702329566599</t>
  </si>
  <si>
    <t>VELUX Wabenpl. Sol. FSC S06 1165KWL</t>
  </si>
  <si>
    <t>FSC S06 1166K</t>
  </si>
  <si>
    <t>5702329557481</t>
  </si>
  <si>
    <t>VELUX Wabenpl. Sol. FSC S06 1166K</t>
  </si>
  <si>
    <t>FSC S06 1166KWL</t>
  </si>
  <si>
    <t>5702329566605</t>
  </si>
  <si>
    <t>VELUX Wabenpl. Sol. FSC S06 1166KWL</t>
  </si>
  <si>
    <t>FSC S06 1167K</t>
  </si>
  <si>
    <t>5702329557498</t>
  </si>
  <si>
    <t>VELUX Wabenpl. Sol. FSC S06 1167K</t>
  </si>
  <si>
    <t>FSC S06 1168K</t>
  </si>
  <si>
    <t>5702329557504</t>
  </si>
  <si>
    <t>VELUX Wabenpl. Sol. FSC S06 1168K</t>
  </si>
  <si>
    <t>FSC S06 1168KWL</t>
  </si>
  <si>
    <t>5702329566629</t>
  </si>
  <si>
    <t>VELUX Wabenpl. Sol. FSC S06 1168KWL</t>
  </si>
  <si>
    <t>FSC S06 1169K</t>
  </si>
  <si>
    <t>5702329557511</t>
  </si>
  <si>
    <t>VELUX Wabenpl. Sol. FSC S06 1169K</t>
  </si>
  <si>
    <t>FSC S06 1169KWL</t>
  </si>
  <si>
    <t>5702329566636</t>
  </si>
  <si>
    <t>VELUX Wabenpl. Sol. FSC S06 1169KWL</t>
  </si>
  <si>
    <t>FSC S06 1170K</t>
  </si>
  <si>
    <t>5702329557528</t>
  </si>
  <si>
    <t>VELUX Wabenpl. Sol. FSC S06 1170K</t>
  </si>
  <si>
    <t>FSC S06 1170KWL</t>
  </si>
  <si>
    <t>5702329566643</t>
  </si>
  <si>
    <t>VELUX Wabenpl. Sol. FSC S06 1170KWL</t>
  </si>
  <si>
    <t>FSC S06 1171K</t>
  </si>
  <si>
    <t>5702329557535</t>
  </si>
  <si>
    <t>VELUX Wabenpl. Sol. FSC S06 1171K</t>
  </si>
  <si>
    <t>FSC S06 1171KWL</t>
  </si>
  <si>
    <t>5702329566650</t>
  </si>
  <si>
    <t>VELUX Wabenpl. Sol. FSC S06 1171KWL</t>
  </si>
  <si>
    <t>FSC S06 1172K</t>
  </si>
  <si>
    <t>5702329557542</t>
  </si>
  <si>
    <t>VELUX Wabenpl. Sol. FSC S06 1172K</t>
  </si>
  <si>
    <t>FSC S06 1172KWL</t>
  </si>
  <si>
    <t>5702329566667</t>
  </si>
  <si>
    <t>VELUX Wabenpl. Sol. FSC S06 1172KWL</t>
  </si>
  <si>
    <t>FSC S06 1173K</t>
  </si>
  <si>
    <t>5702329557559</t>
  </si>
  <si>
    <t>VELUX Wabenpl. Sol. FSC S06 1173K</t>
  </si>
  <si>
    <t>FSC S06 1173KWL</t>
  </si>
  <si>
    <t>5702329566674</t>
  </si>
  <si>
    <t>VELUX Wabenpl. Sol. FSC S06 1173KWL</t>
  </si>
  <si>
    <t>FSC S08 1045K</t>
  </si>
  <si>
    <t>5702329557566</t>
  </si>
  <si>
    <t>VELUX Wabenpl. Sol. FSC S08 1045K</t>
  </si>
  <si>
    <t>FSC S08 1045KWL</t>
  </si>
  <si>
    <t>5702329566681</t>
  </si>
  <si>
    <t>VELUX Wabenpl. Sol. FSC S08 1045KWL</t>
  </si>
  <si>
    <t>FSC S08 1047K</t>
  </si>
  <si>
    <t>5702329557573</t>
  </si>
  <si>
    <t>VELUX Wabenpl. Sol. FSC S08 1047K</t>
  </si>
  <si>
    <t>FSC S08 1047KWL</t>
  </si>
  <si>
    <t>5702329566698</t>
  </si>
  <si>
    <t>VELUX Wabenpl. Sol. FSC S08 1047KWL</t>
  </si>
  <si>
    <t>FSC S08 1049KWL</t>
  </si>
  <si>
    <t>5702329566704</t>
  </si>
  <si>
    <t>VELUX Wabenpl. Sol. FSC S08 1049KWL</t>
  </si>
  <si>
    <t>FSC S08 1155K</t>
  </si>
  <si>
    <t>5702329557597</t>
  </si>
  <si>
    <t>VELUX Wabenpl. Sol. FSC S08 1155K</t>
  </si>
  <si>
    <t>FSC S08 1155KWL</t>
  </si>
  <si>
    <t>5702329566711</t>
  </si>
  <si>
    <t>VELUX Wabenpl. Sol. FSC S08 1155KWL</t>
  </si>
  <si>
    <t>FSC S08 1156K</t>
  </si>
  <si>
    <t>5702329557603</t>
  </si>
  <si>
    <t>VELUX Wabenpl. Sol. FSC S08 1156K</t>
  </si>
  <si>
    <t>FSC S08 1156KWL</t>
  </si>
  <si>
    <t>5702329566728</t>
  </si>
  <si>
    <t>VELUX Wabenpl. Sol. FSC S08 1156KWL</t>
  </si>
  <si>
    <t>FSC S08 1163K</t>
  </si>
  <si>
    <t>5702329557610</t>
  </si>
  <si>
    <t>VELUX Wabenpl. Sol. FSC S08 1163K</t>
  </si>
  <si>
    <t>FSC S08 1163KWL</t>
  </si>
  <si>
    <t>5702329566735</t>
  </si>
  <si>
    <t>VELUX Wabenpl. Sol. FSC S08 1163KWL</t>
  </si>
  <si>
    <t>FSC S08 1164KWL</t>
  </si>
  <si>
    <t>5702329566742</t>
  </si>
  <si>
    <t>VELUX Wabenpl. Sol. FSC S08 1164KWL</t>
  </si>
  <si>
    <t>FSC S08 1165KWL</t>
  </si>
  <si>
    <t>5702329566759</t>
  </si>
  <si>
    <t>VELUX Wabenpl. Sol. FSC S08 1165KWL</t>
  </si>
  <si>
    <t>FSC S08 1166K</t>
  </si>
  <si>
    <t>5702329557641</t>
  </si>
  <si>
    <t>VELUX Wabenpl. Sol. FSC S08 1166K</t>
  </si>
  <si>
    <t>FSC S08 1166KWL</t>
  </si>
  <si>
    <t>5702329566766</t>
  </si>
  <si>
    <t>VELUX Wabenpl. Sol. FSC S08 1166KWL</t>
  </si>
  <si>
    <t>FSC S08 1167K</t>
  </si>
  <si>
    <t>5702329557658</t>
  </si>
  <si>
    <t>VELUX Wabenpl. Sol. FSC S08 1167K</t>
  </si>
  <si>
    <t>FSC S08 1167KWL</t>
  </si>
  <si>
    <t>5702329566773</t>
  </si>
  <si>
    <t>VELUX Wabenpl. Sol. FSC S08 1167KWL</t>
  </si>
  <si>
    <t>FSC S08 1168K</t>
  </si>
  <si>
    <t>5702329557665</t>
  </si>
  <si>
    <t>VELUX Wabenpl. Sol. FSC S08 1168K</t>
  </si>
  <si>
    <t>FSC S08 1169KWL</t>
  </si>
  <si>
    <t>5702329566797</t>
  </si>
  <si>
    <t>VELUX Wabenpl. Sol. FSC S08 1169KWL</t>
  </si>
  <si>
    <t>FSC S08 1170KWL</t>
  </si>
  <si>
    <t>5702329566803</t>
  </si>
  <si>
    <t>VELUX Wabenpl. Sol. FSC S08 1170KWL</t>
  </si>
  <si>
    <t>FSC S08 1171K</t>
  </si>
  <si>
    <t>5702329557696</t>
  </si>
  <si>
    <t>VELUX Wabenpl. Sol. FSC S08 1171K</t>
  </si>
  <si>
    <t>FSC S08 1171KWL</t>
  </si>
  <si>
    <t>5702329566810</t>
  </si>
  <si>
    <t>VELUX Wabenpl. Sol. FSC S08 1171KWL</t>
  </si>
  <si>
    <t>FSC S08 1172K</t>
  </si>
  <si>
    <t>5702329557702</t>
  </si>
  <si>
    <t>VELUX Wabenpl. Sol. FSC S08 1172K</t>
  </si>
  <si>
    <t>FSC S08 1172KWL</t>
  </si>
  <si>
    <t>5702329566827</t>
  </si>
  <si>
    <t>VELUX Wabenpl. Sol. FSC S08 1172KWL</t>
  </si>
  <si>
    <t>FSC S08 1173K</t>
  </si>
  <si>
    <t>5702329557719</t>
  </si>
  <si>
    <t>VELUX Wabenpl. Sol. FSC S08 1173K</t>
  </si>
  <si>
    <t>FSC S08 1173KWL</t>
  </si>
  <si>
    <t>5702329566834</t>
  </si>
  <si>
    <t>VELUX Wabenpl. Sol. FSC S08 1173KWL</t>
  </si>
  <si>
    <t>FSC S10 1045K</t>
  </si>
  <si>
    <t>5702329557726</t>
  </si>
  <si>
    <t>VELUX Wabenpl. Sol. FSC S10 1045K</t>
  </si>
  <si>
    <t>FSC S10 1045KWL</t>
  </si>
  <si>
    <t>5702329566841</t>
  </si>
  <si>
    <t>VELUX Wabenpl. Sol. FSC S10 1045KWL</t>
  </si>
  <si>
    <t>FSC S10 1047K</t>
  </si>
  <si>
    <t>5702329557733</t>
  </si>
  <si>
    <t>VELUX Wabenpl. Sol. FSC S10 1047K</t>
  </si>
  <si>
    <t>FSC S10 1163K</t>
  </si>
  <si>
    <t>5702329557771</t>
  </si>
  <si>
    <t>VELUX Wabenpl. Sol. FSC S10 1163K</t>
  </si>
  <si>
    <t>FSC S10 1163KWL</t>
  </si>
  <si>
    <t>5702329566896</t>
  </si>
  <si>
    <t>VELUX Wabenpl. Sol. FSC S10 1163KWL</t>
  </si>
  <si>
    <t>FSC S10 1164K</t>
  </si>
  <si>
    <t>5702329557788</t>
  </si>
  <si>
    <t>VELUX Wabenpl. Sol. FSC S10 1164K</t>
  </si>
  <si>
    <t>FSC S10 1165K</t>
  </si>
  <si>
    <t>5702329557795</t>
  </si>
  <si>
    <t>VELUX Wabenpl. Sol. FSC S10 1165K</t>
  </si>
  <si>
    <t>FSC S10 1166K</t>
  </si>
  <si>
    <t>5702329557801</t>
  </si>
  <si>
    <t>VELUX Wabenpl. Sol. FSC S10 1166K</t>
  </si>
  <si>
    <t>FSC S10 1166KWL</t>
  </si>
  <si>
    <t>5702329566926</t>
  </si>
  <si>
    <t>VELUX Wabenpl. Sol. FSC S10 1166KWL</t>
  </si>
  <si>
    <t>FSC S10 1169K</t>
  </si>
  <si>
    <t>5702329557832</t>
  </si>
  <si>
    <t>VELUX Wabenpl. Sol. FSC S10 1169K</t>
  </si>
  <si>
    <t>FSC S10 1172K</t>
  </si>
  <si>
    <t>5702329557863</t>
  </si>
  <si>
    <t>VELUX Wabenpl. Sol. FSC S10 1172K</t>
  </si>
  <si>
    <t>FSC S31 1164KWL</t>
  </si>
  <si>
    <t>5702329567060</t>
  </si>
  <si>
    <t>VELUX Wabenpl. Sol. FSC S31 1164KWL</t>
  </si>
  <si>
    <t>FSC SK06 1045K</t>
  </si>
  <si>
    <t>5702329558365</t>
  </si>
  <si>
    <t>VELUX Wabenpl. Sol. FSC SK06 1045K</t>
  </si>
  <si>
    <t>FSC SK06 1045KWL</t>
  </si>
  <si>
    <t>5702329567329</t>
  </si>
  <si>
    <t>VELUX Wabenpl. Sol. FSC SK06 1045KWL</t>
  </si>
  <si>
    <t>FSC SK06 1047K</t>
  </si>
  <si>
    <t>5702329558372</t>
  </si>
  <si>
    <t>VELUX Wabenpl. Sol. FSC SK06 1047K</t>
  </si>
  <si>
    <t>FSC SK06 1047KWL</t>
  </si>
  <si>
    <t>5702329567336</t>
  </si>
  <si>
    <t>VELUX Wabenpl. Sol. FSC SK06 1047KWL</t>
  </si>
  <si>
    <t>FSC SK06 1049K</t>
  </si>
  <si>
    <t>5702329558389</t>
  </si>
  <si>
    <t>VELUX Wabenpl. Sol. FSC SK06 1049K</t>
  </si>
  <si>
    <t>FSC SK06 1049KWL</t>
  </si>
  <si>
    <t>5702329567343</t>
  </si>
  <si>
    <t>VELUX Wabenpl. Sol. FSC SK06 1049KWL</t>
  </si>
  <si>
    <t>FSC SK06 1155K</t>
  </si>
  <si>
    <t>5702329558396</t>
  </si>
  <si>
    <t>VELUX Wabenpl. Sol. FSC SK06 1155K</t>
  </si>
  <si>
    <t>FSC SK06 1155KWL</t>
  </si>
  <si>
    <t>5702329567350</t>
  </si>
  <si>
    <t>VELUX Wabenpl. Sol. FSC SK06 1155KWL</t>
  </si>
  <si>
    <t>FSC SK06 1156K</t>
  </si>
  <si>
    <t>5702329558402</t>
  </si>
  <si>
    <t>VELUX Wabenpl. Sol. FSC SK06 1156K</t>
  </si>
  <si>
    <t>FSC SK06 1156KWL</t>
  </si>
  <si>
    <t>5702329567367</t>
  </si>
  <si>
    <t>VELUX Wabenpl. Sol. FSC SK06 1156KWL</t>
  </si>
  <si>
    <t>FSC SK06 1163K</t>
  </si>
  <si>
    <t>5702329558419</t>
  </si>
  <si>
    <t>VELUX Wabenpl. Sol. FSC SK06 1163K</t>
  </si>
  <si>
    <t>FSC SK06 1163KWL</t>
  </si>
  <si>
    <t>5702329567374</t>
  </si>
  <si>
    <t>VELUX Wabenpl. Sol. FSC SK06 1163KWL</t>
  </si>
  <si>
    <t>FSC SK06 1164K</t>
  </si>
  <si>
    <t>5702329558426</t>
  </si>
  <si>
    <t>VELUX Wabenpl. Sol. FSC SK06 1164K</t>
  </si>
  <si>
    <t>FSC SK06 1164KWL</t>
  </si>
  <si>
    <t>5702329567381</t>
  </si>
  <si>
    <t>VELUX Wabenpl. Sol. FSC SK06 1164KWL</t>
  </si>
  <si>
    <t>FSC SK06 1165K</t>
  </si>
  <si>
    <t>5702329558433</t>
  </si>
  <si>
    <t>VELUX Wabenpl. Sol. FSC SK06 1165K</t>
  </si>
  <si>
    <t>FSC SK06 1165KWL</t>
  </si>
  <si>
    <t>5702329567398</t>
  </si>
  <si>
    <t>VELUX Wabenpl. Sol. FSC SK06 1165KWL</t>
  </si>
  <si>
    <t>FSC SK06 1166K</t>
  </si>
  <si>
    <t>5702329558440</t>
  </si>
  <si>
    <t>VELUX Wabenpl. Sol. FSC SK06 1166K</t>
  </si>
  <si>
    <t>FSC SK06 1166KWL</t>
  </si>
  <si>
    <t>5702329567404</t>
  </si>
  <si>
    <t>VELUX Wabenpl. Sol. FSC SK06 1166KWL</t>
  </si>
  <si>
    <t>FSC SK06 1167K</t>
  </si>
  <si>
    <t>5702329558457</t>
  </si>
  <si>
    <t>VELUX Wabenpl. Sol. FSC SK06 1167K</t>
  </si>
  <si>
    <t>FSC SK06 1167KWL</t>
  </si>
  <si>
    <t>5702329567411</t>
  </si>
  <si>
    <t>VELUX Wabenpl. Sol. FSC SK06 1167KWL</t>
  </si>
  <si>
    <t>FSC SK06 1168K</t>
  </si>
  <si>
    <t>5702329558464</t>
  </si>
  <si>
    <t>VELUX Wabenpl. Sol. FSC SK06 1168K</t>
  </si>
  <si>
    <t>FSC SK06 1168KWL</t>
  </si>
  <si>
    <t>5702329567428</t>
  </si>
  <si>
    <t>VELUX Wabenpl. Sol. FSC SK06 1168KWL</t>
  </si>
  <si>
    <t>FSC SK06 1169K</t>
  </si>
  <si>
    <t>5702329558471</t>
  </si>
  <si>
    <t>VELUX Wabenpl. Sol. FSC SK06 1169K</t>
  </si>
  <si>
    <t>FSC SK06 1169KWL</t>
  </si>
  <si>
    <t>5702329567435</t>
  </si>
  <si>
    <t>VELUX Wabenpl. Sol. FSC SK06 1169KWL</t>
  </si>
  <si>
    <t>FSC SK06 1170K</t>
  </si>
  <si>
    <t>5702329558488</t>
  </si>
  <si>
    <t>VELUX Wabenpl. Sol. FSC SK06 1170K</t>
  </si>
  <si>
    <t>FSC SK06 1170KWL</t>
  </si>
  <si>
    <t>5702329567442</t>
  </si>
  <si>
    <t>VELUX Wabenpl. Sol. FSC SK06 1170KWL</t>
  </si>
  <si>
    <t>FSC SK06 1171K</t>
  </si>
  <si>
    <t>5702329558495</t>
  </si>
  <si>
    <t>VELUX Wabenpl. Sol. FSC SK06 1171K</t>
  </si>
  <si>
    <t>FSC SK06 1171KWL</t>
  </si>
  <si>
    <t>5702329567459</t>
  </si>
  <si>
    <t>VELUX Wabenpl. Sol. FSC SK06 1171KWL</t>
  </si>
  <si>
    <t>FSC SK06 1172K</t>
  </si>
  <si>
    <t>5702329558501</t>
  </si>
  <si>
    <t>VELUX Wabenpl. Sol. FSC SK06 1172K</t>
  </si>
  <si>
    <t>FSC SK06 1172KWL</t>
  </si>
  <si>
    <t>5702329567466</t>
  </si>
  <si>
    <t>VELUX Wabenpl. Sol. FSC SK06 1172KWL</t>
  </si>
  <si>
    <t>FSC SK06 1173K</t>
  </si>
  <si>
    <t>5702329558518</t>
  </si>
  <si>
    <t>VELUX Wabenpl. Sol. FSC SK06 1173K</t>
  </si>
  <si>
    <t>FSC SK06 1173KWL</t>
  </si>
  <si>
    <t>5702329567473</t>
  </si>
  <si>
    <t>VELUX Wabenpl. Sol. FSC SK06 1173KWL</t>
  </si>
  <si>
    <t>FSC SK08 1045K</t>
  </si>
  <si>
    <t>5702329558525</t>
  </si>
  <si>
    <t>VELUX Wabenpl. Sol. FSC SK08 1045K</t>
  </si>
  <si>
    <t>FSC SK08 1045KWL</t>
  </si>
  <si>
    <t>5702329567480</t>
  </si>
  <si>
    <t>VELUX Wabenpl. Sol. FSC SK08 1045KWL</t>
  </si>
  <si>
    <t>FSC SK08 1047K</t>
  </si>
  <si>
    <t>5702329558532</t>
  </si>
  <si>
    <t>VELUX Wabenpl. Sol. FSC SK08 1047K</t>
  </si>
  <si>
    <t>FSC SK08 1047KWL</t>
  </si>
  <si>
    <t>5702329567497</t>
  </si>
  <si>
    <t>VELUX Wabenpl. Sol. FSC SK08 1047KWL</t>
  </si>
  <si>
    <t>FSC SK08 1049K</t>
  </si>
  <si>
    <t>5702329558549</t>
  </si>
  <si>
    <t>VELUX Wabenpl. Sol. FSC SK08 1049K</t>
  </si>
  <si>
    <t>FSC SK08 1049KWL</t>
  </si>
  <si>
    <t>5702329567503</t>
  </si>
  <si>
    <t>VELUX Wabenpl. Sol. FSC SK08 1049KWL</t>
  </si>
  <si>
    <t>FSC SK08 1155K</t>
  </si>
  <si>
    <t>5702329558556</t>
  </si>
  <si>
    <t>VELUX Wabenpl. Sol. FSC SK08 1155K</t>
  </si>
  <si>
    <t>FSC SK08 1155KWL</t>
  </si>
  <si>
    <t>5702329567510</t>
  </si>
  <si>
    <t>VELUX Wabenpl. Sol. FSC SK08 1155KWL</t>
  </si>
  <si>
    <t>FSC SK08 1156K</t>
  </si>
  <si>
    <t>5702329558563</t>
  </si>
  <si>
    <t>VELUX Wabenpl. Sol. FSC SK08 1156K</t>
  </si>
  <si>
    <t>FSC SK08 1156KWL</t>
  </si>
  <si>
    <t>5702329567527</t>
  </si>
  <si>
    <t>VELUX Wabenpl. Sol. FSC SK08 1156KWL</t>
  </si>
  <si>
    <t>FSC SK08 1163K</t>
  </si>
  <si>
    <t>5702329558570</t>
  </si>
  <si>
    <t>VELUX Wabenpl. Sol. FSC SK08 1163K</t>
  </si>
  <si>
    <t>FSC SK08 1163KWL</t>
  </si>
  <si>
    <t>5702329567534</t>
  </si>
  <si>
    <t>VELUX Wabenpl. Sol. FSC SK08 1163KWL</t>
  </si>
  <si>
    <t>FSC SK08 1164K</t>
  </si>
  <si>
    <t>5702329558587</t>
  </si>
  <si>
    <t>VELUX Wabenpl. Sol. FSC SK08 1164K</t>
  </si>
  <si>
    <t>FSC SK08 1164KWL</t>
  </si>
  <si>
    <t>5702329567541</t>
  </si>
  <si>
    <t>VELUX Wabenpl. Sol. FSC SK08 1164KWL</t>
  </si>
  <si>
    <t>FSC SK08 1165K</t>
  </si>
  <si>
    <t>5702329558594</t>
  </si>
  <si>
    <t>VELUX Wabenpl. Sol. FSC SK08 1165K</t>
  </si>
  <si>
    <t>FSC SK08 1165KWL</t>
  </si>
  <si>
    <t>5702329567558</t>
  </si>
  <si>
    <t>VELUX Wabenpl. Sol. FSC SK08 1165KWL</t>
  </si>
  <si>
    <t>FSC SK08 1166K</t>
  </si>
  <si>
    <t>5702329558600</t>
  </si>
  <si>
    <t>VELUX Wabenpl. Sol. FSC SK08 1166K</t>
  </si>
  <si>
    <t>FSC SK08 1166KWL</t>
  </si>
  <si>
    <t>5702329567565</t>
  </si>
  <si>
    <t>VELUX Wabenpl. Sol. FSC SK08 1166KWL</t>
  </si>
  <si>
    <t>FSC SK08 1167KWL</t>
  </si>
  <si>
    <t>5702329567572</t>
  </si>
  <si>
    <t>VELUX Wabenpl. Sol. FSC SK08 1167KWL</t>
  </si>
  <si>
    <t>FSC SK08 1168K</t>
  </si>
  <si>
    <t>5702329558624</t>
  </si>
  <si>
    <t>VELUX Wabenpl. Sol. FSC SK08 1168K</t>
  </si>
  <si>
    <t>FSC SK08 1168KWL</t>
  </si>
  <si>
    <t>5702329567589</t>
  </si>
  <si>
    <t>VELUX Wabenpl. Sol. FSC SK08 1168KWL</t>
  </si>
  <si>
    <t>FSC SK08 1169K</t>
  </si>
  <si>
    <t>5702329558631</t>
  </si>
  <si>
    <t>VELUX Wabenpl. Sol. FSC SK08 1169K</t>
  </si>
  <si>
    <t>FSC SK08 1169KWL</t>
  </si>
  <si>
    <t>5702329567596</t>
  </si>
  <si>
    <t>VELUX Wabenpl. Sol. FSC SK08 1169KWL</t>
  </si>
  <si>
    <t>FSC SK08 1170K</t>
  </si>
  <si>
    <t>5702329558648</t>
  </si>
  <si>
    <t>VELUX Wabenpl. Sol. FSC SK08 1170K</t>
  </si>
  <si>
    <t>FSC SK08 1170KWL</t>
  </si>
  <si>
    <t>5702329567602</t>
  </si>
  <si>
    <t>VELUX Wabenpl. Sol. FSC SK08 1170KWL</t>
  </si>
  <si>
    <t>FSC SK08 1171K</t>
  </si>
  <si>
    <t>5702329558655</t>
  </si>
  <si>
    <t>VELUX Wabenpl. Sol. FSC SK08 1171K</t>
  </si>
  <si>
    <t>FSC SK08 1171KWL</t>
  </si>
  <si>
    <t>5702329567619</t>
  </si>
  <si>
    <t>VELUX Wabenpl. Sol. FSC SK08 1171KWL</t>
  </si>
  <si>
    <t>FSC SK08 1172K</t>
  </si>
  <si>
    <t>5702329558662</t>
  </si>
  <si>
    <t>VELUX Wabenpl. Sol. FSC SK08 1172K</t>
  </si>
  <si>
    <t>FSC SK08 1172KWL</t>
  </si>
  <si>
    <t>5702329567626</t>
  </si>
  <si>
    <t>VELUX Wabenpl. Sol. FSC SK08 1172KWL</t>
  </si>
  <si>
    <t>FSC SK08 1173K</t>
  </si>
  <si>
    <t>5702329558679</t>
  </si>
  <si>
    <t>VELUX Wabenpl. Sol. FSC SK08 1173K</t>
  </si>
  <si>
    <t>FSC SK08 1173KWL</t>
  </si>
  <si>
    <t>5702329567633</t>
  </si>
  <si>
    <t>VELUX Wabenpl. Sol. FSC SK08 1173KWL</t>
  </si>
  <si>
    <t>FSC SK10 1045K</t>
  </si>
  <si>
    <t>5702329558686</t>
  </si>
  <si>
    <t>VELUX Wabenpl. Sol. FSC SK10 1045K</t>
  </si>
  <si>
    <t>FSC SK10 1045KWL</t>
  </si>
  <si>
    <t>5702329567640</t>
  </si>
  <si>
    <t>VELUX Wabenpl. Sol. FSC SK10 1045KWL</t>
  </si>
  <si>
    <t>FSC SK10 1047K</t>
  </si>
  <si>
    <t>5702329558693</t>
  </si>
  <si>
    <t>VELUX Wabenpl. Sol. FSC SK10 1047K</t>
  </si>
  <si>
    <t>FSC SK10 1047KWL</t>
  </si>
  <si>
    <t>5702329567657</t>
  </si>
  <si>
    <t>VELUX Wabenpl. Sol. FSC SK10 1047KWL</t>
  </si>
  <si>
    <t>FSC SK10 1049K</t>
  </si>
  <si>
    <t>5702329558709</t>
  </si>
  <si>
    <t>VELUX Wabenpl. Sol. FSC SK10 1049K</t>
  </si>
  <si>
    <t>FSC SK10 1049KWL</t>
  </si>
  <si>
    <t>5702329567664</t>
  </si>
  <si>
    <t>VELUX Wabenpl. Sol. FSC SK10 1049KWL</t>
  </si>
  <si>
    <t>FSC SK10 1155K</t>
  </si>
  <si>
    <t>5702329558716</t>
  </si>
  <si>
    <t>VELUX Wabenpl. Sol. FSC SK10 1155K</t>
  </si>
  <si>
    <t>FSC SK10 1155KWL</t>
  </si>
  <si>
    <t>5702329567671</t>
  </si>
  <si>
    <t>VELUX Wabenpl. Sol. FSC SK10 1155KWL</t>
  </si>
  <si>
    <t>FSC SK10 1156K</t>
  </si>
  <si>
    <t>5702329558723</t>
  </si>
  <si>
    <t>VELUX Wabenpl. Sol. FSC SK10 1156K</t>
  </si>
  <si>
    <t>FSC SK10 1156KWL</t>
  </si>
  <si>
    <t>5702329567688</t>
  </si>
  <si>
    <t>VELUX Wabenpl. Sol. FSC SK10 1156KWL</t>
  </si>
  <si>
    <t>FSC SK10 1163K</t>
  </si>
  <si>
    <t>5702329558730</t>
  </si>
  <si>
    <t>VELUX Wabenpl. Sol. FSC SK10 1163K</t>
  </si>
  <si>
    <t>FSC SK10 1163KWL</t>
  </si>
  <si>
    <t>5702329567695</t>
  </si>
  <si>
    <t>VELUX Wabenpl. Sol. FSC SK10 1163KWL</t>
  </si>
  <si>
    <t>FSC SK10 1164KWL</t>
  </si>
  <si>
    <t>5702329567701</t>
  </si>
  <si>
    <t>VELUX Wabenpl. Sol. FSC SK10 1164KWL</t>
  </si>
  <si>
    <t>FSC SK10 1165KWL</t>
  </si>
  <si>
    <t>5702329567718</t>
  </si>
  <si>
    <t>VELUX Wabenpl. Sol. FSC SK10 1165KWL</t>
  </si>
  <si>
    <t>FSC SK10 1166K</t>
  </si>
  <si>
    <t>5702329558761</t>
  </si>
  <si>
    <t>VELUX Wabenpl. Sol. FSC SK10 1166K</t>
  </si>
  <si>
    <t>FSC SK10 1166KWL</t>
  </si>
  <si>
    <t>5702329567725</t>
  </si>
  <si>
    <t>VELUX Wabenpl. Sol. FSC SK10 1166KWL</t>
  </si>
  <si>
    <t>FSC SK10 1167KWL</t>
  </si>
  <si>
    <t>5702329567732</t>
  </si>
  <si>
    <t>VELUX Wabenpl. Sol. FSC SK10 1167KWL</t>
  </si>
  <si>
    <t>FSC SK10 1168K</t>
  </si>
  <si>
    <t>5702329558785</t>
  </si>
  <si>
    <t>VELUX Wabenpl. Sol. FSC SK10 1168K</t>
  </si>
  <si>
    <t>FSC SK10 1168KWL</t>
  </si>
  <si>
    <t>5702329567749</t>
  </si>
  <si>
    <t>VELUX Wabenpl. Sol. FSC SK10 1168KWL</t>
  </si>
  <si>
    <t>FSC SK10 1169KWL</t>
  </si>
  <si>
    <t>5702329567756</t>
  </si>
  <si>
    <t>VELUX Wabenpl. Sol. FSC SK10 1169KWL</t>
  </si>
  <si>
    <t>FSC SK10 1170K</t>
  </si>
  <si>
    <t>5702329558808</t>
  </si>
  <si>
    <t>VELUX Wabenpl. Sol. FSC SK10 1170K</t>
  </si>
  <si>
    <t>FSC SK10 1170KWL</t>
  </si>
  <si>
    <t>5702329567763</t>
  </si>
  <si>
    <t>VELUX Wabenpl. Sol. FSC SK10 1170KWL</t>
  </si>
  <si>
    <t>FSC SK10 1171K</t>
  </si>
  <si>
    <t>5702329558815</t>
  </si>
  <si>
    <t>VELUX Wabenpl. Sol. FSC SK10 1171K</t>
  </si>
  <si>
    <t>FSC SK10 1171KWL</t>
  </si>
  <si>
    <t>5702329567770</t>
  </si>
  <si>
    <t>VELUX Wabenpl. Sol. FSC SK10 1171KWL</t>
  </si>
  <si>
    <t>FSC SK10 1172K</t>
  </si>
  <si>
    <t>5702329558822</t>
  </si>
  <si>
    <t>VELUX Wabenpl. Sol. FSC SK10 1172K</t>
  </si>
  <si>
    <t>FSC SK10 1172KWL</t>
  </si>
  <si>
    <t>5702329567787</t>
  </si>
  <si>
    <t>VELUX Wabenpl. Sol. FSC SK10 1172KWL</t>
  </si>
  <si>
    <t>FSC SK10 1173K</t>
  </si>
  <si>
    <t>5702329558839</t>
  </si>
  <si>
    <t>VELUX Wabenpl. Sol. FSC SK10 1173K</t>
  </si>
  <si>
    <t>FSC SK10 1173KWL</t>
  </si>
  <si>
    <t>5702329567794</t>
  </si>
  <si>
    <t>VELUX Wabenpl. Sol. FSC SK10 1173KWL</t>
  </si>
  <si>
    <t>FSC U04 1045K</t>
  </si>
  <si>
    <t>5702329558846</t>
  </si>
  <si>
    <t>VELUX Wabenpl. Sol. FSC U04 1045K</t>
  </si>
  <si>
    <t>FSC U04 1045KWL</t>
  </si>
  <si>
    <t>5702329567800</t>
  </si>
  <si>
    <t>VELUX Wabenpl. Sol. FSC U04 1045KWL</t>
  </si>
  <si>
    <t>FSC U04 1047K</t>
  </si>
  <si>
    <t>5702329558853</t>
  </si>
  <si>
    <t>VELUX Wabenpl. Sol. FSC U04 1047K</t>
  </si>
  <si>
    <t>FSC U04 1047KWL</t>
  </si>
  <si>
    <t>5702329567817</t>
  </si>
  <si>
    <t>VELUX Wabenpl. Sol. FSC U04 1047KWL</t>
  </si>
  <si>
    <t>FSC U04 1049KWL</t>
  </si>
  <si>
    <t>5702329567824</t>
  </si>
  <si>
    <t>VELUX Wabenpl. Sol. FSC U04 1049KWL</t>
  </si>
  <si>
    <t>FSC U04 1155K</t>
  </si>
  <si>
    <t>5702329558877</t>
  </si>
  <si>
    <t>VELUX Wabenpl. Sol. FSC U04 1155K</t>
  </si>
  <si>
    <t>FSC U04 1155KWL</t>
  </si>
  <si>
    <t>5702329567831</t>
  </si>
  <si>
    <t>VELUX Wabenpl. Sol. FSC U04 1155KWL</t>
  </si>
  <si>
    <t>FSC U04 1156K</t>
  </si>
  <si>
    <t>5702329558884</t>
  </si>
  <si>
    <t>VELUX Wabenpl. Sol. FSC U04 1156K</t>
  </si>
  <si>
    <t>FSC U04 1156KWL</t>
  </si>
  <si>
    <t>5702329567848</t>
  </si>
  <si>
    <t>VELUX Wabenpl. Sol. FSC U04 1156KWL</t>
  </si>
  <si>
    <t>FSC U04 1163K</t>
  </si>
  <si>
    <t>5702329558891</t>
  </si>
  <si>
    <t>VELUX Wabenpl. Sol. FSC U04 1163K</t>
  </si>
  <si>
    <t>FSC U04 1163KWL</t>
  </si>
  <si>
    <t>5702329567855</t>
  </si>
  <si>
    <t>VELUX Wabenpl. Sol. FSC U04 1163KWL</t>
  </si>
  <si>
    <t>FSC U04 1164K</t>
  </si>
  <si>
    <t>5702329558907</t>
  </si>
  <si>
    <t>VELUX Wabenpl. Sol. FSC U04 1164K</t>
  </si>
  <si>
    <t>FSC U04 1164KWL</t>
  </si>
  <si>
    <t>5702329567862</t>
  </si>
  <si>
    <t>VELUX Wabenpl. Sol. FSC U04 1164KWL</t>
  </si>
  <si>
    <t>FSC U04 1165K</t>
  </si>
  <si>
    <t>5702329558914</t>
  </si>
  <si>
    <t>VELUX Wabenpl. Sol. FSC U04 1165K</t>
  </si>
  <si>
    <t>FSC U04 1165KWL</t>
  </si>
  <si>
    <t>5702329567879</t>
  </si>
  <si>
    <t>VELUX Wabenpl. Sol. FSC U04 1165KWL</t>
  </si>
  <si>
    <t>FSC U04 1166K</t>
  </si>
  <si>
    <t>5702329558921</t>
  </si>
  <si>
    <t>VELUX Wabenpl. Sol. FSC U04 1166K</t>
  </si>
  <si>
    <t>FSC U04 1166KWL</t>
  </si>
  <si>
    <t>5702329567886</t>
  </si>
  <si>
    <t>VELUX Wabenpl. Sol. FSC U04 1166KWL</t>
  </si>
  <si>
    <t>FSC U04 1167KWL</t>
  </si>
  <si>
    <t>5702329567893</t>
  </si>
  <si>
    <t>VELUX Wabenpl. Sol. FSC U04 1167KWL</t>
  </si>
  <si>
    <t>FSC U04 1168K</t>
  </si>
  <si>
    <t>5702329558945</t>
  </si>
  <si>
    <t>VELUX Wabenpl. Sol. FSC U04 1168K</t>
  </si>
  <si>
    <t>FSC U04 1168KWL</t>
  </si>
  <si>
    <t>5702329567909</t>
  </si>
  <si>
    <t>VELUX Wabenpl. Sol. FSC U04 1168KWL</t>
  </si>
  <si>
    <t>FSC U04 1169K</t>
  </si>
  <si>
    <t>5702329558952</t>
  </si>
  <si>
    <t>VELUX Wabenpl. Sol. FSC U04 1169K</t>
  </si>
  <si>
    <t>FSC U04 1169KWL</t>
  </si>
  <si>
    <t>5702329567916</t>
  </si>
  <si>
    <t>VELUX Wabenpl. Sol. FSC U04 1169KWL</t>
  </si>
  <si>
    <t>FSC U04 1170K</t>
  </si>
  <si>
    <t>5702329558969</t>
  </si>
  <si>
    <t>VELUX Wabenpl. Sol. FSC U04 1170K</t>
  </si>
  <si>
    <t>FSC U04 1170KWL</t>
  </si>
  <si>
    <t>5702329567923</t>
  </si>
  <si>
    <t>VELUX Wabenpl. Sol. FSC U04 1170KWL</t>
  </si>
  <si>
    <t>FSC U04 1171K</t>
  </si>
  <si>
    <t>5702329558976</t>
  </si>
  <si>
    <t>VELUX Wabenpl. Sol. FSC U04 1171K</t>
  </si>
  <si>
    <t>FSC U04 1171KWL</t>
  </si>
  <si>
    <t>5702329567930</t>
  </si>
  <si>
    <t>VELUX Wabenpl. Sol. FSC U04 1171KWL</t>
  </si>
  <si>
    <t>FSC U04 1172K</t>
  </si>
  <si>
    <t>5702329558983</t>
  </si>
  <si>
    <t>VELUX Wabenpl. Sol. FSC U04 1172K</t>
  </si>
  <si>
    <t>FSC U04 1172KWL</t>
  </si>
  <si>
    <t>5702329567947</t>
  </si>
  <si>
    <t>VELUX Wabenpl. Sol. FSC U04 1172KWL</t>
  </si>
  <si>
    <t>FSC U04 1173K</t>
  </si>
  <si>
    <t>5702329558990</t>
  </si>
  <si>
    <t>VELUX Wabenpl. Sol. FSC U04 1173K</t>
  </si>
  <si>
    <t>FSC U08 1045K</t>
  </si>
  <si>
    <t>5702329559003</t>
  </si>
  <si>
    <t>VELUX Wabenpl. Sol. FSC U08 1045K</t>
  </si>
  <si>
    <t>FSC U08 1045KWL</t>
  </si>
  <si>
    <t>5702329567961</t>
  </si>
  <si>
    <t>VELUX Wabenpl. Sol. FSC U08 1045KWL</t>
  </si>
  <si>
    <t>FSC U08 1047K</t>
  </si>
  <si>
    <t>5702329559010</t>
  </si>
  <si>
    <t>VELUX Wabenpl. Sol. FSC U08 1047K</t>
  </si>
  <si>
    <t>FSC U08 1047KWL</t>
  </si>
  <si>
    <t>5702329567978</t>
  </si>
  <si>
    <t>VELUX Wabenpl. Sol. FSC U08 1047KWL</t>
  </si>
  <si>
    <t>FSC U08 1049K</t>
  </si>
  <si>
    <t>5702329559027</t>
  </si>
  <si>
    <t>VELUX Wabenpl. Sol. FSC U08 1049K</t>
  </si>
  <si>
    <t>FSC U08 1049KWL</t>
  </si>
  <si>
    <t>5702329567985</t>
  </si>
  <si>
    <t>VELUX Wabenpl. Sol. FSC U08 1049KWL</t>
  </si>
  <si>
    <t>FSC U08 1155K</t>
  </si>
  <si>
    <t>5702329559034</t>
  </si>
  <si>
    <t>VELUX Wabenpl. Sol. FSC U08 1155K</t>
  </si>
  <si>
    <t>FSC U08 1155KWL</t>
  </si>
  <si>
    <t>5702329567992</t>
  </si>
  <si>
    <t>VELUX Wabenpl. Sol. FSC U08 1155KWL</t>
  </si>
  <si>
    <t>FSC U08 1156K</t>
  </si>
  <si>
    <t>5702329559041</t>
  </si>
  <si>
    <t>VELUX Wabenpl. Sol. FSC U08 1156K</t>
  </si>
  <si>
    <t>FSC U08 1163K</t>
  </si>
  <si>
    <t>5702329559058</t>
  </si>
  <si>
    <t>VELUX Wabenpl. Sol. FSC U08 1163K</t>
  </si>
  <si>
    <t>FSC U08 1163KWL</t>
  </si>
  <si>
    <t>5702329568012</t>
  </si>
  <si>
    <t>VELUX Wabenpl. Sol. FSC U08 1163KWL</t>
  </si>
  <si>
    <t>FSC U08 1164K</t>
  </si>
  <si>
    <t>5702329559065</t>
  </si>
  <si>
    <t>VELUX Wabenpl. Sol. FSC U08 1164K</t>
  </si>
  <si>
    <t>FSC U08 1164KWL</t>
  </si>
  <si>
    <t>5702329568029</t>
  </si>
  <si>
    <t>VELUX Wabenpl. Sol. FSC U08 1164KWL</t>
  </si>
  <si>
    <t>FSC U08 1165K</t>
  </si>
  <si>
    <t>5702329559072</t>
  </si>
  <si>
    <t>VELUX Wabenpl. Sol. FSC U08 1165K</t>
  </si>
  <si>
    <t>FSC U08 1165KWL</t>
  </si>
  <si>
    <t>5702329568036</t>
  </si>
  <si>
    <t>VELUX Wabenpl. Sol. FSC U08 1165KWL</t>
  </si>
  <si>
    <t>FSC U08 1166K</t>
  </si>
  <si>
    <t>5702329559089</t>
  </si>
  <si>
    <t>VELUX Wabenpl. Sol. FSC U08 1166K</t>
  </si>
  <si>
    <t>FSC U08 1166KWL</t>
  </si>
  <si>
    <t>5702329568043</t>
  </si>
  <si>
    <t>VELUX Wabenpl. Sol. FSC U08 1166KWL</t>
  </si>
  <si>
    <t>FSC U08 1168K</t>
  </si>
  <si>
    <t>5702329559102</t>
  </si>
  <si>
    <t>VELUX Wabenpl. Sol. FSC U08 1168K</t>
  </si>
  <si>
    <t>FSC U08 1168KWL</t>
  </si>
  <si>
    <t>5702329568067</t>
  </si>
  <si>
    <t>VELUX Wabenpl. Sol. FSC U08 1168KWL</t>
  </si>
  <si>
    <t>FSC U08 1169K</t>
  </si>
  <si>
    <t>5702329559119</t>
  </si>
  <si>
    <t>VELUX Wabenpl. Sol. FSC U08 1169K</t>
  </si>
  <si>
    <t>FSC U08 1170K</t>
  </si>
  <si>
    <t>5702329559126</t>
  </si>
  <si>
    <t>VELUX Wabenpl. Sol. FSC U08 1170K</t>
  </si>
  <si>
    <t>FSC U08 1170KWL</t>
  </si>
  <si>
    <t>5702329568081</t>
  </si>
  <si>
    <t>VELUX Wabenpl. Sol. FSC U08 1170KWL</t>
  </si>
  <si>
    <t>FSC U08 1171KWL</t>
  </si>
  <si>
    <t>5702329568098</t>
  </si>
  <si>
    <t>VELUX Wabenpl. Sol. FSC U08 1171KWL</t>
  </si>
  <si>
    <t>FSC U08 1172K</t>
  </si>
  <si>
    <t>5702329559140</t>
  </si>
  <si>
    <t>VELUX Wabenpl. Sol. FSC U08 1172K</t>
  </si>
  <si>
    <t>FSC U08 1172KWL</t>
  </si>
  <si>
    <t>5702329568104</t>
  </si>
  <si>
    <t>VELUX Wabenpl. Sol. FSC U08 1172KWL</t>
  </si>
  <si>
    <t>FSC U08 1173K</t>
  </si>
  <si>
    <t>5702329559157</t>
  </si>
  <si>
    <t>VELUX Wabenpl. Sol. FSC U08 1173K</t>
  </si>
  <si>
    <t>FSC U10 1045K</t>
  </si>
  <si>
    <t>5702329559164</t>
  </si>
  <si>
    <t>VELUX Wabenpl. Sol. FSC U10 1045K</t>
  </si>
  <si>
    <t>FSC U10 1047K</t>
  </si>
  <si>
    <t>5702329559171</t>
  </si>
  <si>
    <t>VELUX Wabenpl. Sol. FSC U10 1047K</t>
  </si>
  <si>
    <t>FSC U10 1155K</t>
  </si>
  <si>
    <t>5702329559195</t>
  </si>
  <si>
    <t>VELUX Wabenpl. Sol. FSC U10 1155K</t>
  </si>
  <si>
    <t>FSC U10 1163K</t>
  </si>
  <si>
    <t>5702329559218</t>
  </si>
  <si>
    <t>VELUX Wabenpl. Sol. FSC U10 1163K</t>
  </si>
  <si>
    <t>FSC U10 1163KWL</t>
  </si>
  <si>
    <t>5702329568173</t>
  </si>
  <si>
    <t>VELUX Wabenpl. Sol. FSC U10 1163KWL</t>
  </si>
  <si>
    <t>FSC U10 1168KWL</t>
  </si>
  <si>
    <t>5702329568227</t>
  </si>
  <si>
    <t>VELUX Wabenpl. Sol. FSC U10 1168KWL</t>
  </si>
  <si>
    <t>FSC U10 1170K</t>
  </si>
  <si>
    <t>5702329559287</t>
  </si>
  <si>
    <t>VELUX Wabenpl. Sol. FSC U10 1170K</t>
  </si>
  <si>
    <t>FSC U10 1172K</t>
  </si>
  <si>
    <t>5702329559300</t>
  </si>
  <si>
    <t>VELUX Wabenpl. Sol. FSC U10 1172K</t>
  </si>
  <si>
    <t>FSC U10 1172KWL</t>
  </si>
  <si>
    <t>5702329568265</t>
  </si>
  <si>
    <t>VELUX Wabenpl. Sol. FSC U10 1172KWL</t>
  </si>
  <si>
    <t>FSC U31 1045KWL</t>
  </si>
  <si>
    <t>5702329568289</t>
  </si>
  <si>
    <t>VELUX Wabenpl. Sol. FSC U31 1045KWL</t>
  </si>
  <si>
    <t>FSC UK04 1045K</t>
  </si>
  <si>
    <t>5702329559645</t>
  </si>
  <si>
    <t>VELUX Wabenpl. Sol. FSC UK04 1045K</t>
  </si>
  <si>
    <t>FSC UK04 1045KWL</t>
  </si>
  <si>
    <t>5702329568449</t>
  </si>
  <si>
    <t>VELUX Wabenpl. Sol. FSC UK04 1045KWL</t>
  </si>
  <si>
    <t>FSC UK04 1047K</t>
  </si>
  <si>
    <t>5702329559652</t>
  </si>
  <si>
    <t>VELUX Wabenpl. Sol. FSC UK04 1047K</t>
  </si>
  <si>
    <t>FSC UK04 1047KWL</t>
  </si>
  <si>
    <t>5702329568456</t>
  </si>
  <si>
    <t>VELUX Wabenpl. Sol. FSC UK04 1047KWL</t>
  </si>
  <si>
    <t>FSC UK04 1049K</t>
  </si>
  <si>
    <t>5702329559669</t>
  </si>
  <si>
    <t>VELUX Wabenpl. Sol. FSC UK04 1049K</t>
  </si>
  <si>
    <t>FSC UK04 1049KWL</t>
  </si>
  <si>
    <t>5702329568463</t>
  </si>
  <si>
    <t>VELUX Wabenpl. Sol. FSC UK04 1049KWL</t>
  </si>
  <si>
    <t>FSC UK04 1155K</t>
  </si>
  <si>
    <t>5702329559676</t>
  </si>
  <si>
    <t>VELUX Wabenpl. Sol. FSC UK04 1155K</t>
  </si>
  <si>
    <t>FSC UK04 1155KWL</t>
  </si>
  <si>
    <t>5702329568470</t>
  </si>
  <si>
    <t>VELUX Wabenpl. Sol. FSC UK04 1155KWL</t>
  </si>
  <si>
    <t>FSC UK04 1156K</t>
  </si>
  <si>
    <t>5702329559683</t>
  </si>
  <si>
    <t>VELUX Wabenpl. Sol. FSC UK04 1156K</t>
  </si>
  <si>
    <t>FSC UK04 1156KWL</t>
  </si>
  <si>
    <t>5702329568487</t>
  </si>
  <si>
    <t>VELUX Wabenpl. Sol. FSC UK04 1156KWL</t>
  </si>
  <si>
    <t>FSC UK04 1163K</t>
  </si>
  <si>
    <t>5702329559690</t>
  </si>
  <si>
    <t>VELUX Wabenpl. Sol. FSC UK04 1163K</t>
  </si>
  <si>
    <t>FSC UK04 1163KWL</t>
  </si>
  <si>
    <t>5702329568494</t>
  </si>
  <si>
    <t>VELUX Wabenpl. Sol. FSC UK04 1163KWL</t>
  </si>
  <si>
    <t>FSC UK04 1164K</t>
  </si>
  <si>
    <t>5702329559706</t>
  </si>
  <si>
    <t>VELUX Wabenpl. Sol. FSC UK04 1164K</t>
  </si>
  <si>
    <t>FSC UK04 1164KWL</t>
  </si>
  <si>
    <t>5702329568500</t>
  </si>
  <si>
    <t>VELUX Wabenpl. Sol. FSC UK04 1164KWL</t>
  </si>
  <si>
    <t>FSC UK04 1165K</t>
  </si>
  <si>
    <t>5702329559713</t>
  </si>
  <si>
    <t>VELUX Wabenpl. Sol. FSC UK04 1165K</t>
  </si>
  <si>
    <t>FSC UK04 1166K</t>
  </si>
  <si>
    <t>5702329559720</t>
  </si>
  <si>
    <t>VELUX Wabenpl. Sol. FSC UK04 1166K</t>
  </si>
  <si>
    <t>FSC UK04 1166KWL</t>
  </si>
  <si>
    <t>5702329568524</t>
  </si>
  <si>
    <t>VELUX Wabenpl. Sol. FSC UK04 1166KWL</t>
  </si>
  <si>
    <t>FSC UK04 1167KWL</t>
  </si>
  <si>
    <t>5702329568531</t>
  </si>
  <si>
    <t>VELUX Wabenpl. Sol. FSC UK04 1167KWL</t>
  </si>
  <si>
    <t>FSC UK04 1168K</t>
  </si>
  <si>
    <t>5702329559744</t>
  </si>
  <si>
    <t>VELUX Wabenpl. Sol. FSC UK04 1168K</t>
  </si>
  <si>
    <t>FSC UK04 1168KWL</t>
  </si>
  <si>
    <t>5702329568548</t>
  </si>
  <si>
    <t>VELUX Wabenpl. Sol. FSC UK04 1168KWL</t>
  </si>
  <si>
    <t>FSC UK04 1169K</t>
  </si>
  <si>
    <t>5702329559751</t>
  </si>
  <si>
    <t>VELUX Wabenpl. Sol. FSC UK04 1169K</t>
  </si>
  <si>
    <t>FSC UK04 1169KWL</t>
  </si>
  <si>
    <t>5702329568555</t>
  </si>
  <si>
    <t>VELUX Wabenpl. Sol. FSC UK04 1169KWL</t>
  </si>
  <si>
    <t>FSC UK04 1170K</t>
  </si>
  <si>
    <t>5702329559768</t>
  </si>
  <si>
    <t>VELUX Wabenpl. Sol. FSC UK04 1170K</t>
  </si>
  <si>
    <t>FSC UK04 1170KWL</t>
  </si>
  <si>
    <t>5702329568562</t>
  </si>
  <si>
    <t>VELUX Wabenpl. Sol. FSC UK04 1170KWL</t>
  </si>
  <si>
    <t>FSC UK04 1171K</t>
  </si>
  <si>
    <t>5702329559775</t>
  </si>
  <si>
    <t>VELUX Wabenpl. Sol. FSC UK04 1171K</t>
  </si>
  <si>
    <t>FSC UK04 1171KWL</t>
  </si>
  <si>
    <t>5702329568579</t>
  </si>
  <si>
    <t>VELUX Wabenpl. Sol. FSC UK04 1171KWL</t>
  </si>
  <si>
    <t>FSC UK04 1172K</t>
  </si>
  <si>
    <t>5702329559782</t>
  </si>
  <si>
    <t>VELUX Wabenpl. Sol. FSC UK04 1172K</t>
  </si>
  <si>
    <t>FSC UK04 1172KWL</t>
  </si>
  <si>
    <t>5702329568586</t>
  </si>
  <si>
    <t>VELUX Wabenpl. Sol. FSC UK04 1172KWL</t>
  </si>
  <si>
    <t>FSC UK04 1173K</t>
  </si>
  <si>
    <t>5702329559799</t>
  </si>
  <si>
    <t>VELUX Wabenpl. Sol. FSC UK04 1173K</t>
  </si>
  <si>
    <t>FSC UK04 1173KWL</t>
  </si>
  <si>
    <t>5702329568593</t>
  </si>
  <si>
    <t>VELUX Wabenpl. Sol. FSC UK04 1173KWL</t>
  </si>
  <si>
    <t>FSC UK08 1045K</t>
  </si>
  <si>
    <t>5702329559805</t>
  </si>
  <si>
    <t>VELUX Wabenpl. Sol. FSC UK08 1045K</t>
  </si>
  <si>
    <t>FSC UK08 1045KWL</t>
  </si>
  <si>
    <t>5702329568609</t>
  </si>
  <si>
    <t>VELUX Wabenpl. Sol. FSC UK08 1045KWL</t>
  </si>
  <si>
    <t>FSC UK08 1047K</t>
  </si>
  <si>
    <t>5702329559812</t>
  </si>
  <si>
    <t>VELUX Wabenpl. Sol. FSC UK08 1047K</t>
  </si>
  <si>
    <t>FSC UK08 1047KWL</t>
  </si>
  <si>
    <t>5702329568616</t>
  </si>
  <si>
    <t>VELUX Wabenpl. Sol. FSC UK08 1047KWL</t>
  </si>
  <si>
    <t>FSC UK08 1049KWL</t>
  </si>
  <si>
    <t>5702329568623</t>
  </si>
  <si>
    <t>VELUX Wabenpl. Sol. FSC UK08 1049KWL</t>
  </si>
  <si>
    <t>FSC UK08 1155K</t>
  </si>
  <si>
    <t>5702329559836</t>
  </si>
  <si>
    <t>VELUX Wabenpl. Sol. FSC UK08 1155K</t>
  </si>
  <si>
    <t>FSC UK08 1155KWL</t>
  </si>
  <si>
    <t>5702329568630</t>
  </si>
  <si>
    <t>VELUX Wabenpl. Sol. FSC UK08 1155KWL</t>
  </si>
  <si>
    <t>FSC UK08 1156K</t>
  </si>
  <si>
    <t>5702329559843</t>
  </si>
  <si>
    <t>VELUX Wabenpl. Sol. FSC UK08 1156K</t>
  </si>
  <si>
    <t>FSC UK08 1156KWL</t>
  </si>
  <si>
    <t>5702329568647</t>
  </si>
  <si>
    <t>VELUX Wabenpl. Sol. FSC UK08 1156KWL</t>
  </si>
  <si>
    <t>FSC UK08 1163K</t>
  </si>
  <si>
    <t>5702329559850</t>
  </si>
  <si>
    <t>VELUX Wabenpl. Sol. FSC UK08 1163K</t>
  </si>
  <si>
    <t>FSC UK08 1163KWL</t>
  </si>
  <si>
    <t>5702329568654</t>
  </si>
  <si>
    <t>VELUX Wabenpl. Sol. FSC UK08 1163KWL</t>
  </si>
  <si>
    <t>FSC UK08 1164K</t>
  </si>
  <si>
    <t>5702329559867</t>
  </si>
  <si>
    <t>VELUX Wabenpl. Sol. FSC UK08 1164K</t>
  </si>
  <si>
    <t>FSC UK08 1164KWL</t>
  </si>
  <si>
    <t>5702329568661</t>
  </si>
  <si>
    <t>VELUX Wabenpl. Sol. FSC UK08 1164KWL</t>
  </si>
  <si>
    <t>FSC UK08 1165KWL</t>
  </si>
  <si>
    <t>5702329568678</t>
  </si>
  <si>
    <t>VELUX Wabenpl. Sol. FSC UK08 1165KWL</t>
  </si>
  <si>
    <t>FSC UK08 1166K</t>
  </si>
  <si>
    <t>5702329559881</t>
  </si>
  <si>
    <t>VELUX Wabenpl. Sol. FSC UK08 1166K</t>
  </si>
  <si>
    <t>FSC UK08 1166KWL</t>
  </si>
  <si>
    <t>5702329568685</t>
  </si>
  <si>
    <t>VELUX Wabenpl. Sol. FSC UK08 1166KWL</t>
  </si>
  <si>
    <t>FSC UK08 1167KWL</t>
  </si>
  <si>
    <t>5702329568692</t>
  </si>
  <si>
    <t>VELUX Wabenpl. Sol. FSC UK08 1167KWL</t>
  </si>
  <si>
    <t>FSC UK08 1168KWL</t>
  </si>
  <si>
    <t>5702329568708</t>
  </si>
  <si>
    <t>VELUX Wabenpl. Sol. FSC UK08 1168KWL</t>
  </si>
  <si>
    <t>FSC UK08 1169K</t>
  </si>
  <si>
    <t>5702329559911</t>
  </si>
  <si>
    <t>VELUX Wabenpl. Sol. FSC UK08 1169K</t>
  </si>
  <si>
    <t>FSC UK08 1169KWL</t>
  </si>
  <si>
    <t>5702329568715</t>
  </si>
  <si>
    <t>VELUX Wabenpl. Sol. FSC UK08 1169KWL</t>
  </si>
  <si>
    <t>FSC UK08 1170K</t>
  </si>
  <si>
    <t>5702329559928</t>
  </si>
  <si>
    <t>VELUX Wabenpl. Sol. FSC UK08 1170K</t>
  </si>
  <si>
    <t>FSC UK08 1170KWL</t>
  </si>
  <si>
    <t>5702329568722</t>
  </si>
  <si>
    <t>VELUX Wabenpl. Sol. FSC UK08 1170KWL</t>
  </si>
  <si>
    <t>FSC UK08 1171K</t>
  </si>
  <si>
    <t>5702329559935</t>
  </si>
  <si>
    <t>VELUX Wabenpl. Sol. FSC UK08 1171K</t>
  </si>
  <si>
    <t>FSC UK08 1171KWL</t>
  </si>
  <si>
    <t>5702329568739</t>
  </si>
  <si>
    <t>VELUX Wabenpl. Sol. FSC UK08 1171KWL</t>
  </si>
  <si>
    <t>FSC UK08 1172K</t>
  </si>
  <si>
    <t>5702329559942</t>
  </si>
  <si>
    <t>VELUX Wabenpl. Sol. FSC UK08 1172K</t>
  </si>
  <si>
    <t>FSC UK08 1172KWL</t>
  </si>
  <si>
    <t>5702329568746</t>
  </si>
  <si>
    <t>VELUX Wabenpl. Sol. FSC UK08 1172KWL</t>
  </si>
  <si>
    <t>FSC UK08 1173K</t>
  </si>
  <si>
    <t>5702329559959</t>
  </si>
  <si>
    <t>VELUX Wabenpl. Sol. FSC UK08 1173K</t>
  </si>
  <si>
    <t>FSC UK08 1173KWL</t>
  </si>
  <si>
    <t>5702329568753</t>
  </si>
  <si>
    <t>VELUX Wabenpl. Sol. FSC UK08 1173KWL</t>
  </si>
  <si>
    <t>FSC UK10 1045K</t>
  </si>
  <si>
    <t>5702329559966</t>
  </si>
  <si>
    <t>VELUX Wabenpl. Sol. FSC UK10 1045K</t>
  </si>
  <si>
    <t>FSC UK10 1045KWL</t>
  </si>
  <si>
    <t>5702329568760</t>
  </si>
  <si>
    <t>VELUX Wabenpl. Sol. FSC UK10 1045KWL</t>
  </si>
  <si>
    <t>FSC UK10 1047K</t>
  </si>
  <si>
    <t>5702329559973</t>
  </si>
  <si>
    <t>VELUX Wabenpl. Sol. FSC UK10 1047K</t>
  </si>
  <si>
    <t>FSC UK10 1047KWL</t>
  </si>
  <si>
    <t>5702329568777</t>
  </si>
  <si>
    <t>VELUX Wabenpl. Sol. FSC UK10 1047KWL</t>
  </si>
  <si>
    <t>FSC UK10 1049KWL</t>
  </si>
  <si>
    <t>5702329568784</t>
  </si>
  <si>
    <t>VELUX Wabenpl. Sol. FSC UK10 1049KWL</t>
  </si>
  <si>
    <t>FSC UK10 1155K</t>
  </si>
  <si>
    <t>5702329559997</t>
  </si>
  <si>
    <t>VELUX Wabenpl. Sol. FSC UK10 1155K</t>
  </si>
  <si>
    <t>FSC UK10 1155KWL</t>
  </si>
  <si>
    <t>5702329568791</t>
  </si>
  <si>
    <t>VELUX Wabenpl. Sol. FSC UK10 1155KWL</t>
  </si>
  <si>
    <t>FSC UK10 1156K</t>
  </si>
  <si>
    <t>5702329560009</t>
  </si>
  <si>
    <t>VELUX Wabenpl. Sol. FSC UK10 1156K</t>
  </si>
  <si>
    <t>FSC UK10 1156KWL</t>
  </si>
  <si>
    <t>5702329568807</t>
  </si>
  <si>
    <t>VELUX Wabenpl. Sol. FSC UK10 1156KWL</t>
  </si>
  <si>
    <t>FSC UK10 1163K</t>
  </si>
  <si>
    <t>5702329560016</t>
  </si>
  <si>
    <t>VELUX Wabenpl. Sol. FSC UK10 1163K</t>
  </si>
  <si>
    <t>FSC UK10 1163KWL</t>
  </si>
  <si>
    <t>5702329568814</t>
  </si>
  <si>
    <t>VELUX Wabenpl. Sol. FSC UK10 1163KWL</t>
  </si>
  <si>
    <t>FSC UK10 1164K</t>
  </si>
  <si>
    <t>5702329560023</t>
  </si>
  <si>
    <t>VELUX Wabenpl. Sol. FSC UK10 1164K</t>
  </si>
  <si>
    <t>FSC UK10 1164KWL</t>
  </si>
  <si>
    <t>5702329568821</t>
  </si>
  <si>
    <t>VELUX Wabenpl. Sol. FSC UK10 1164KWL</t>
  </si>
  <si>
    <t>FSC UK10 1166KWL</t>
  </si>
  <si>
    <t>5702329568845</t>
  </si>
  <si>
    <t>VELUX Wabenpl. Sol. FSC UK10 1166KWL</t>
  </si>
  <si>
    <t>FSC UK10 1168KWL</t>
  </si>
  <si>
    <t>5702329568869</t>
  </si>
  <si>
    <t>VELUX Wabenpl. Sol. FSC UK10 1168KWL</t>
  </si>
  <si>
    <t>FSC UK10 1170KWL</t>
  </si>
  <si>
    <t>5702329568883</t>
  </si>
  <si>
    <t>VELUX Wabenpl. Sol. FSC UK10 1170KWL</t>
  </si>
  <si>
    <t>FSC UK10 1172K</t>
  </si>
  <si>
    <t>5702329560108</t>
  </si>
  <si>
    <t>VELUX Wabenpl. Sol. FSC UK10 1172K</t>
  </si>
  <si>
    <t>FSC UK10 1172KWL</t>
  </si>
  <si>
    <t>5702329568906</t>
  </si>
  <si>
    <t>VELUX Wabenpl. Sol. FSC UK10 1172KWL</t>
  </si>
  <si>
    <t>FSK 060060 1045KWL</t>
  </si>
  <si>
    <t>5702329632720</t>
  </si>
  <si>
    <t>VX Sol.-W-pl. Fl.d. FSK 060060 1045KWL</t>
  </si>
  <si>
    <t>FSK 060060 1047KWL</t>
  </si>
  <si>
    <t>5702329632737</t>
  </si>
  <si>
    <t>VX Sol.-W-pl. Fl.d. FSK 060060 1047KWL</t>
  </si>
  <si>
    <t>FSK 060090 1045KWL</t>
  </si>
  <si>
    <t>5702329632744</t>
  </si>
  <si>
    <t>VX Sol.-W-pl. Fl.d. FSK 060090 1045KWL</t>
  </si>
  <si>
    <t>FSK 060090 1047KWL</t>
  </si>
  <si>
    <t>5702329632751</t>
  </si>
  <si>
    <t>VX Sol.-W-pl. Fl.d. FSK 060090 1047KWL</t>
  </si>
  <si>
    <t>FSK 080080 1045KWL</t>
  </si>
  <si>
    <t>5702329632768</t>
  </si>
  <si>
    <t>VX Sol.-W-pl. Fl.d. FSK 080080 1045KWL</t>
  </si>
  <si>
    <t>FSK 080080 1047KWL</t>
  </si>
  <si>
    <t>5702329632775</t>
  </si>
  <si>
    <t>VX Sol.-W-pl. Fl.d. FSK 080080 1047KWL</t>
  </si>
  <si>
    <t>FSK 090090 1045KWL</t>
  </si>
  <si>
    <t>5702329632782</t>
  </si>
  <si>
    <t>VX Sol.-W-pl. Fl.d. FSK 090090 1045KWL</t>
  </si>
  <si>
    <t>FSK 090090 1047KWL</t>
  </si>
  <si>
    <t>5702329632799</t>
  </si>
  <si>
    <t>VX Sol.-W-pl. Fl.d. FSK 090090 1047KWL</t>
  </si>
  <si>
    <t>FSK 090120 1045KWL</t>
  </si>
  <si>
    <t>5702329632805</t>
  </si>
  <si>
    <t>VX Sol.-W-pl. Fl.d. FSK 090120 1045KWL</t>
  </si>
  <si>
    <t>FSK 090120 1047KWL</t>
  </si>
  <si>
    <t>5702329632812</t>
  </si>
  <si>
    <t>VX Sol.-W-pl. Fl.d. FSK 090120 1047KWL</t>
  </si>
  <si>
    <t>FSK 100100 1045KWL</t>
  </si>
  <si>
    <t>5702329632829</t>
  </si>
  <si>
    <t>VX Sol.-W-pl. Fl.d. FSK 100100 1045KWL</t>
  </si>
  <si>
    <t>FSK 100100 1047KWL</t>
  </si>
  <si>
    <t>5702329632836</t>
  </si>
  <si>
    <t>VX Sol.-W-pl. Fl.d. FSK 100100 1047KWL</t>
  </si>
  <si>
    <t>FSK 100150 1045KWL</t>
  </si>
  <si>
    <t>5702329632843</t>
  </si>
  <si>
    <t>VX Sol.-W-pl. Fl.d. FSK 100150 1045KWL</t>
  </si>
  <si>
    <t>FSK 100150 1047KWL</t>
  </si>
  <si>
    <t>5702329632850</t>
  </si>
  <si>
    <t>VX Sol.-W-pl. Fl.d. FSK 100150 1047KWL</t>
  </si>
  <si>
    <t>FSK 120120 1045KWL</t>
  </si>
  <si>
    <t>5702329632867</t>
  </si>
  <si>
    <t>VX Sol.-W-pl. Fl.d. FSK 120120 1045KWL</t>
  </si>
  <si>
    <t>FSK 120120 1047KWL</t>
  </si>
  <si>
    <t>5702329632874</t>
  </si>
  <si>
    <t>VX Sol.-W-pl. Fl.d. FSK 120120 1047KWL</t>
  </si>
  <si>
    <t>FSK 150150 1045KWL</t>
  </si>
  <si>
    <t>5702329632881</t>
  </si>
  <si>
    <t>VX Sol.-W-pl. Fl.d. FSK 150150 1045KWL</t>
  </si>
  <si>
    <t>FSK 150150 1047KWL</t>
  </si>
  <si>
    <t>5702329632898</t>
  </si>
  <si>
    <t>VX Sol.-W-pl. Fl.d. FSK 150150 1047KWL</t>
  </si>
  <si>
    <t>FSL C02 1016K</t>
  </si>
  <si>
    <t>5702329573641</t>
  </si>
  <si>
    <t>VELUX Plissee solar FSL C02 1016K</t>
  </si>
  <si>
    <t>FSL C02 1016KWL</t>
  </si>
  <si>
    <t>5702329594233</t>
  </si>
  <si>
    <t>VELUX Plissee solar FSL C02 1016KWL</t>
  </si>
  <si>
    <t>FSL C02 1256K</t>
  </si>
  <si>
    <t>5702329573672</t>
  </si>
  <si>
    <t>VELUX Plissee solar FSL C02 1256K</t>
  </si>
  <si>
    <t>FSL C02 1259K</t>
  </si>
  <si>
    <t>5702329573702</t>
  </si>
  <si>
    <t>VELUX Plissee solar FSL C02 1259K</t>
  </si>
  <si>
    <t>FSL C02 1283K</t>
  </si>
  <si>
    <t>5702329574013</t>
  </si>
  <si>
    <t>VELUX Plissee solar FSL C02 1283K</t>
  </si>
  <si>
    <t>FSL C04 1016K</t>
  </si>
  <si>
    <t>5702329574136</t>
  </si>
  <si>
    <t>VELUX Plissee solar FSL C04 1016K</t>
  </si>
  <si>
    <t>FSL C04 1016KWL</t>
  </si>
  <si>
    <t>5702329594394</t>
  </si>
  <si>
    <t>VELUX Plissee solar FSL C04 1016KWL</t>
  </si>
  <si>
    <t>FSL C04 1259K</t>
  </si>
  <si>
    <t>5702329574198</t>
  </si>
  <si>
    <t>VELUX Plissee solar FSL C04 1259K</t>
  </si>
  <si>
    <t>FSL C04 1274K</t>
  </si>
  <si>
    <t>5702329574228</t>
  </si>
  <si>
    <t>VELUX Plissee solar FSL C04 1274K</t>
  </si>
  <si>
    <t>FSL C04 1274KWL</t>
  </si>
  <si>
    <t>5702329594424</t>
  </si>
  <si>
    <t>VELUX Plissee solar FSL C04 1274KWL</t>
  </si>
  <si>
    <t>FSL C04 1275K</t>
  </si>
  <si>
    <t>5702329574259</t>
  </si>
  <si>
    <t>VELUX Plissee solar FSL C04 1275K</t>
  </si>
  <si>
    <t>FSL C04 1276K</t>
  </si>
  <si>
    <t>5702329574280</t>
  </si>
  <si>
    <t>VELUX Plissee solar FSL C04 1276K</t>
  </si>
  <si>
    <t>FSL C04 1278K</t>
  </si>
  <si>
    <t>5702329574341</t>
  </si>
  <si>
    <t>VELUX Plissee solar FSL C04 1278K</t>
  </si>
  <si>
    <t>FSL C04 1281K</t>
  </si>
  <si>
    <t>5702329574440</t>
  </si>
  <si>
    <t>VELUX Plissee solar FSL C04 1281K</t>
  </si>
  <si>
    <t>FSL C04 1282KWL</t>
  </si>
  <si>
    <t>5702329594509</t>
  </si>
  <si>
    <t>VELUX Plissee solar FSL C04 1282KWL</t>
  </si>
  <si>
    <t>FSL C04 1283K</t>
  </si>
  <si>
    <t>5702329574501</t>
  </si>
  <si>
    <t>VELUX Plissee solar FSL C04 1283K</t>
  </si>
  <si>
    <t>FSL C04 1286K</t>
  </si>
  <si>
    <t>5702329574600</t>
  </si>
  <si>
    <t>VELUX Plissee solar FSL C04 1286K</t>
  </si>
  <si>
    <t>FSL CK02 1016K</t>
  </si>
  <si>
    <t>5702329575652</t>
  </si>
  <si>
    <t>VELUX Plissee solar FSL CK02 1016K</t>
  </si>
  <si>
    <t>FSL CK02 1016KWL</t>
  </si>
  <si>
    <t>5702329594875</t>
  </si>
  <si>
    <t>VELUX Plissee solar FSL CK02 1016KWL</t>
  </si>
  <si>
    <t>FSL CK02 1256KWL</t>
  </si>
  <si>
    <t>5702329594882</t>
  </si>
  <si>
    <t>VELUX Plissee solar FSL CK02 1256KWL</t>
  </si>
  <si>
    <t>FSL CK02 1259K</t>
  </si>
  <si>
    <t>5702329575713</t>
  </si>
  <si>
    <t>VELUX Plissee solar FSL CK02 1259K</t>
  </si>
  <si>
    <t>FSL CK02 1259KWL</t>
  </si>
  <si>
    <t>5702329594899</t>
  </si>
  <si>
    <t>VELUX Plissee solar FSL CK02 1259KWL</t>
  </si>
  <si>
    <t>FSL CK02 1274K</t>
  </si>
  <si>
    <t>5702329575744</t>
  </si>
  <si>
    <t>VELUX Plissee solar FSL CK02 1274K</t>
  </si>
  <si>
    <t>FSL CK02 1274KWL</t>
  </si>
  <si>
    <t>5702329594905</t>
  </si>
  <si>
    <t>VELUX Plissee solar FSL CK02 1274KWL</t>
  </si>
  <si>
    <t>FSL CK02 1275K</t>
  </si>
  <si>
    <t>5702329575775</t>
  </si>
  <si>
    <t>VELUX Plissee solar FSL CK02 1275K</t>
  </si>
  <si>
    <t>FSL CK02 1275KWL</t>
  </si>
  <si>
    <t>5702329594912</t>
  </si>
  <si>
    <t>VELUX Plissee solar FSL CK02 1275KWL</t>
  </si>
  <si>
    <t>FSL CK02 1278K</t>
  </si>
  <si>
    <t>5702329575867</t>
  </si>
  <si>
    <t>VELUX Plissee solar FSL CK02 1278K</t>
  </si>
  <si>
    <t>FSL CK02 1278KWL</t>
  </si>
  <si>
    <t>5702329594943</t>
  </si>
  <si>
    <t>VELUX Plissee solar FSL CK02 1278KWL</t>
  </si>
  <si>
    <t>FSL CK02 1280KWL</t>
  </si>
  <si>
    <t>5702329594967</t>
  </si>
  <si>
    <t>VELUX Plissee solar FSL CK02 1280KWL</t>
  </si>
  <si>
    <t>FSL CK02 1282KWL</t>
  </si>
  <si>
    <t>5702329594981</t>
  </si>
  <si>
    <t>VELUX Plissee solar FSL CK02 1282KWL</t>
  </si>
  <si>
    <t>FSL CK02 1283K</t>
  </si>
  <si>
    <t>5702329576017</t>
  </si>
  <si>
    <t>VELUX Plissee solar FSL CK02 1283K</t>
  </si>
  <si>
    <t>FSL CK02 1284K</t>
  </si>
  <si>
    <t>5702329576048</t>
  </si>
  <si>
    <t>VELUX Plissee solar FSL CK02 1284K</t>
  </si>
  <si>
    <t>FSL CK02 1284KWL</t>
  </si>
  <si>
    <t>5702329595001</t>
  </si>
  <si>
    <t>VELUX Plissee solar FSL CK02 1284KWL</t>
  </si>
  <si>
    <t>FSL CK02 1285K</t>
  </si>
  <si>
    <t>5702329576079</t>
  </si>
  <si>
    <t>VELUX Plissee solar FSL CK02 1285K</t>
  </si>
  <si>
    <t>FSL CK02 1286K</t>
  </si>
  <si>
    <t>5702329576109</t>
  </si>
  <si>
    <t>VELUX Plissee solar FSL CK02 1286K</t>
  </si>
  <si>
    <t>FSL CK02 1286KWL</t>
  </si>
  <si>
    <t>5702329595025</t>
  </si>
  <si>
    <t>VELUX Plissee solar FSL CK02 1286KWL</t>
  </si>
  <si>
    <t>FSL CK04 1016K</t>
  </si>
  <si>
    <t>5702329576130</t>
  </si>
  <si>
    <t>VELUX Plissee solar FSL CK04 1016K</t>
  </si>
  <si>
    <t>FSL CK04 1016KWL</t>
  </si>
  <si>
    <t>5702329595032</t>
  </si>
  <si>
    <t>VELUX Plissee solar FSL CK04 1016KWL</t>
  </si>
  <si>
    <t>FSL CK04 1256K</t>
  </si>
  <si>
    <t>5702329576161</t>
  </si>
  <si>
    <t>VELUX Plissee solar FSL CK04 1256K</t>
  </si>
  <si>
    <t>FSL CK04 1256KWL</t>
  </si>
  <si>
    <t>5702329595049</t>
  </si>
  <si>
    <t>VELUX Plissee solar FSL CK04 1256KWL</t>
  </si>
  <si>
    <t>FSL CK04 1259K</t>
  </si>
  <si>
    <t>5702329576192</t>
  </si>
  <si>
    <t>VELUX Plissee solar FSL CK04 1259K</t>
  </si>
  <si>
    <t>FSL CK04 1259KWL</t>
  </si>
  <si>
    <t>5702329595056</t>
  </si>
  <si>
    <t>VELUX Plissee solar FSL CK04 1259KWL</t>
  </si>
  <si>
    <t>FSL CK04 1274KWL</t>
  </si>
  <si>
    <t>5702329595063</t>
  </si>
  <si>
    <t>VELUX Plissee solar FSL CK04 1274KWL</t>
  </si>
  <si>
    <t>FSL CK04 1275KWL</t>
  </si>
  <si>
    <t>5702329595070</t>
  </si>
  <si>
    <t>VELUX Plissee solar FSL CK04 1275KWL</t>
  </si>
  <si>
    <t>FSL CK04 1277K</t>
  </si>
  <si>
    <t>5702329576314</t>
  </si>
  <si>
    <t>VELUX Plissee solar FSL CK04 1277K</t>
  </si>
  <si>
    <t>FSL CK04 1277KWL</t>
  </si>
  <si>
    <t>5702329595094</t>
  </si>
  <si>
    <t>VELUX Plissee solar FSL CK04 1277KWL</t>
  </si>
  <si>
    <t>FSL CK04 1278K</t>
  </si>
  <si>
    <t>5702329576345</t>
  </si>
  <si>
    <t>VELUX Plissee solar FSL CK04 1278K</t>
  </si>
  <si>
    <t>FSL CK04 1278KWL</t>
  </si>
  <si>
    <t>5702329595100</t>
  </si>
  <si>
    <t>VELUX Plissee solar FSL CK04 1278KWL</t>
  </si>
  <si>
    <t>FSL CK04 1279K</t>
  </si>
  <si>
    <t>5702329576376</t>
  </si>
  <si>
    <t>VELUX Plissee solar FSL CK04 1279K</t>
  </si>
  <si>
    <t>FSL CK04 1280KWL</t>
  </si>
  <si>
    <t>5702329595124</t>
  </si>
  <si>
    <t>VELUX Plissee solar FSL CK04 1280KWL</t>
  </si>
  <si>
    <t>FSL CK04 1281K</t>
  </si>
  <si>
    <t>5702329576437</t>
  </si>
  <si>
    <t>VELUX Plissee solar FSL CK04 1281K</t>
  </si>
  <si>
    <t>FSL CK04 1281KWL</t>
  </si>
  <si>
    <t>5702329595131</t>
  </si>
  <si>
    <t>VELUX Plissee solar FSL CK04 1281KWL</t>
  </si>
  <si>
    <t>FSL CK04 1282K</t>
  </si>
  <si>
    <t>5702329576468</t>
  </si>
  <si>
    <t>VELUX Plissee solar FSL CK04 1282K</t>
  </si>
  <si>
    <t>FSL CK04 1282KWL</t>
  </si>
  <si>
    <t>5702329595148</t>
  </si>
  <si>
    <t>VELUX Plissee solar FSL CK04 1282KWL</t>
  </si>
  <si>
    <t>FSL CK04 1283K</t>
  </si>
  <si>
    <t>5702329576482</t>
  </si>
  <si>
    <t>VELUX Plissee solar FSL CK04 1283K</t>
  </si>
  <si>
    <t>FSL CK04 1283KWL</t>
  </si>
  <si>
    <t>5702329595155</t>
  </si>
  <si>
    <t>VELUX Plissee solar FSL CK04 1283KWL</t>
  </si>
  <si>
    <t>FSL CK04 1284KWL</t>
  </si>
  <si>
    <t>5702329595162</t>
  </si>
  <si>
    <t>VELUX Plissee solar FSL CK04 1284KWL</t>
  </si>
  <si>
    <t>FSL CK04 1286K</t>
  </si>
  <si>
    <t>5702329576581</t>
  </si>
  <si>
    <t>VELUX Plissee solar FSL CK04 1286K</t>
  </si>
  <si>
    <t>FSL CK04 1286KWL</t>
  </si>
  <si>
    <t>5702329595186</t>
  </si>
  <si>
    <t>VELUX Plissee solar FSL CK04 1286KWL</t>
  </si>
  <si>
    <t>FSL CK06 1016K</t>
  </si>
  <si>
    <t>5702329576604</t>
  </si>
  <si>
    <t>VELUX Plissee solar FSL CK06 1016K</t>
  </si>
  <si>
    <t>FSL CK06 1016KWL</t>
  </si>
  <si>
    <t>5702329595193</t>
  </si>
  <si>
    <t>VELUX Plissee solar FSL CK06 1016KWL</t>
  </si>
  <si>
    <t>FSL CK06 1256KWL</t>
  </si>
  <si>
    <t>5702329595209</t>
  </si>
  <si>
    <t>VELUX Plissee solar FSL CK06 1256KWL</t>
  </si>
  <si>
    <t>FSL CK06 1259K</t>
  </si>
  <si>
    <t>5702329576666</t>
  </si>
  <si>
    <t>VELUX Plissee solar FSL CK06 1259K</t>
  </si>
  <si>
    <t>FSL CK06 1259KWL</t>
  </si>
  <si>
    <t>5702329595216</t>
  </si>
  <si>
    <t>VELUX Plissee solar FSL CK06 1259KWL</t>
  </si>
  <si>
    <t>FSL CK06 1274KWL</t>
  </si>
  <si>
    <t>5702329595223</t>
  </si>
  <si>
    <t>VELUX Plissee solar FSL CK06 1274KWL</t>
  </si>
  <si>
    <t>FSL CK06 1275KWL</t>
  </si>
  <si>
    <t>5702329595230</t>
  </si>
  <si>
    <t>VELUX Plissee solar FSL CK06 1275KWL</t>
  </si>
  <si>
    <t>FSL CK06 1278K</t>
  </si>
  <si>
    <t>5702329576826</t>
  </si>
  <si>
    <t>VELUX Plissee solar FSL CK06 1278K</t>
  </si>
  <si>
    <t>FSL CK06 1278KWL</t>
  </si>
  <si>
    <t>5702329595261</t>
  </si>
  <si>
    <t>VELUX Plissee solar FSL CK06 1278KWL</t>
  </si>
  <si>
    <t>FSL CK06 1282KWL</t>
  </si>
  <si>
    <t>5702329595308</t>
  </si>
  <si>
    <t>VELUX Plissee solar FSL CK06 1282KWL</t>
  </si>
  <si>
    <t>FSL CK06 1283K</t>
  </si>
  <si>
    <t>5702329576970</t>
  </si>
  <si>
    <t>VELUX Plissee solar FSL CK06 1283K</t>
  </si>
  <si>
    <t>FSL CK06 1284KWL</t>
  </si>
  <si>
    <t>5702329595322</t>
  </si>
  <si>
    <t>VELUX Plissee solar FSL CK06 1284KWL</t>
  </si>
  <si>
    <t>FSL F04 1016KWL</t>
  </si>
  <si>
    <t>5702329595353</t>
  </si>
  <si>
    <t>VELUX Plissee solar FSL F04 1016KWL</t>
  </si>
  <si>
    <t>FSL F06 1016K</t>
  </si>
  <si>
    <t>5702329577588</t>
  </si>
  <si>
    <t>VELUX Plissee solar FSL F06 1016K</t>
  </si>
  <si>
    <t>FSL F06 1016KWL</t>
  </si>
  <si>
    <t>5702329595513</t>
  </si>
  <si>
    <t>VELUX Plissee solar FSL F06 1016KWL</t>
  </si>
  <si>
    <t>FSL F06 1256K</t>
  </si>
  <si>
    <t>5702329577618</t>
  </si>
  <si>
    <t>VELUX Plissee solar FSL F06 1256K</t>
  </si>
  <si>
    <t>FSL F06 1256KWL</t>
  </si>
  <si>
    <t>5702329595520</t>
  </si>
  <si>
    <t>VELUX Plissee solar FSL F06 1256KWL</t>
  </si>
  <si>
    <t>FSL F06 1259K</t>
  </si>
  <si>
    <t>5702329577649</t>
  </si>
  <si>
    <t>VELUX Plissee solar FSL F06 1259K</t>
  </si>
  <si>
    <t>FSL F06 1275K</t>
  </si>
  <si>
    <t>5702329577717</t>
  </si>
  <si>
    <t>VELUX Plissee solar FSL F06 1275K</t>
  </si>
  <si>
    <t>FSL F06 1275KWL</t>
  </si>
  <si>
    <t>5702329595551</t>
  </si>
  <si>
    <t>VELUX Plissee solar FSL F06 1275KWL</t>
  </si>
  <si>
    <t>FSL F06 1278K</t>
  </si>
  <si>
    <t>5702329577809</t>
  </si>
  <si>
    <t>VELUX Plissee solar FSL F06 1278K</t>
  </si>
  <si>
    <t>FSL F06 1278KWL</t>
  </si>
  <si>
    <t>5702329595582</t>
  </si>
  <si>
    <t>VELUX Plissee solar FSL F06 1278KWL</t>
  </si>
  <si>
    <t>FSL F06 1280K</t>
  </si>
  <si>
    <t>5702329577861</t>
  </si>
  <si>
    <t>VELUX Plissee solar FSL F06 1280K</t>
  </si>
  <si>
    <t>FSL F06 1281K</t>
  </si>
  <si>
    <t>5702329577892</t>
  </si>
  <si>
    <t>VELUX Plissee solar FSL F06 1281K</t>
  </si>
  <si>
    <t>FSL F06 1282K</t>
  </si>
  <si>
    <t>5702329577922</t>
  </si>
  <si>
    <t>VELUX Plissee solar FSL F06 1282K</t>
  </si>
  <si>
    <t>FSL F06 1284KWL</t>
  </si>
  <si>
    <t>5702329595643</t>
  </si>
  <si>
    <t>VELUX Plissee solar FSL F06 1284KWL</t>
  </si>
  <si>
    <t>FSL F06 1286K</t>
  </si>
  <si>
    <t>5702329578042</t>
  </si>
  <si>
    <t>VELUX Plissee solar FSL F06 1286K</t>
  </si>
  <si>
    <t>FSL F06 1286KWL</t>
  </si>
  <si>
    <t>5702329595667</t>
  </si>
  <si>
    <t>VELUX Plissee solar FSL F06 1286KWL</t>
  </si>
  <si>
    <t>FSL F08 1016K</t>
  </si>
  <si>
    <t>5702329578073</t>
  </si>
  <si>
    <t>VELUX Plissee solar FSL F08 1016K</t>
  </si>
  <si>
    <t>FSL F08 1016KWL</t>
  </si>
  <si>
    <t>5702329595674</t>
  </si>
  <si>
    <t>VELUX Plissee solar FSL F08 1016KWL</t>
  </si>
  <si>
    <t>FSL F08 1259K</t>
  </si>
  <si>
    <t>5702329578134</t>
  </si>
  <si>
    <t>VELUX Plissee solar FSL F08 1259K</t>
  </si>
  <si>
    <t>FSL FK04 1016K</t>
  </si>
  <si>
    <t>5702329578554</t>
  </si>
  <si>
    <t>VELUX Plissee solar FSL FK04 1016K</t>
  </si>
  <si>
    <t>FSL FK04 1016KWL</t>
  </si>
  <si>
    <t>5702329595834</t>
  </si>
  <si>
    <t>VELUX Plissee solar FSL FK04 1016KWL</t>
  </si>
  <si>
    <t>FSL FK04 1256KWL</t>
  </si>
  <si>
    <t>5702329595841</t>
  </si>
  <si>
    <t>VELUX Plissee solar FSL FK04 1256KWL</t>
  </si>
  <si>
    <t>FSL FK04 1259K</t>
  </si>
  <si>
    <t>5702329578615</t>
  </si>
  <si>
    <t>VELUX Plissee solar FSL FK04 1259K</t>
  </si>
  <si>
    <t>FSL FK04 1259KWL</t>
  </si>
  <si>
    <t>5702329595858</t>
  </si>
  <si>
    <t>VELUX Plissee solar FSL FK04 1259KWL</t>
  </si>
  <si>
    <t>FSL FK04 1274K</t>
  </si>
  <si>
    <t>5702329578646</t>
  </si>
  <si>
    <t>VELUX Plissee solar FSL FK04 1274K</t>
  </si>
  <si>
    <t>FSL FK04 1275KWL</t>
  </si>
  <si>
    <t>5702329595872</t>
  </si>
  <si>
    <t>VELUX Plissee solar FSL FK04 1275KWL</t>
  </si>
  <si>
    <t>FSL FK04 1278KWL</t>
  </si>
  <si>
    <t>5702329595902</t>
  </si>
  <si>
    <t>VELUX Plissee solar FSL FK04 1278KWL</t>
  </si>
  <si>
    <t>FSL FK04 1282KWL</t>
  </si>
  <si>
    <t>5702329595940</t>
  </si>
  <si>
    <t>VELUX Plissee solar FSL FK04 1282KWL</t>
  </si>
  <si>
    <t>FSL FK06 1016K</t>
  </si>
  <si>
    <t>5702329579032</t>
  </si>
  <si>
    <t>VELUX Plissee solar FSL FK06 1016K</t>
  </si>
  <si>
    <t>FSL FK06 1016KWL</t>
  </si>
  <si>
    <t>5702329595995</t>
  </si>
  <si>
    <t>VELUX Plissee solar FSL FK06 1016KWL</t>
  </si>
  <si>
    <t>FSL FK06 1256K</t>
  </si>
  <si>
    <t>5702329579063</t>
  </si>
  <si>
    <t>VELUX Plissee solar FSL FK06 1256K</t>
  </si>
  <si>
    <t>FSL FK06 1256KWL</t>
  </si>
  <si>
    <t>5702329596008</t>
  </si>
  <si>
    <t>VELUX Plissee solar FSL FK06 1256KWL</t>
  </si>
  <si>
    <t>FSL FK06 1259K</t>
  </si>
  <si>
    <t>5702329579094</t>
  </si>
  <si>
    <t>VELUX Plissee solar FSL FK06 1259K</t>
  </si>
  <si>
    <t>FSL FK06 1259KWL</t>
  </si>
  <si>
    <t>5702329596015</t>
  </si>
  <si>
    <t>VELUX Plissee solar FSL FK06 1259KWL</t>
  </si>
  <si>
    <t>FSL FK06 1274KWL</t>
  </si>
  <si>
    <t>5702329596022</t>
  </si>
  <si>
    <t>VELUX Plissee solar FSL FK06 1274KWL</t>
  </si>
  <si>
    <t>FSL FK06 1275K</t>
  </si>
  <si>
    <t>5702329579155</t>
  </si>
  <si>
    <t>VELUX Plissee solar FSL FK06 1275K</t>
  </si>
  <si>
    <t>FSL FK06 1275KWL</t>
  </si>
  <si>
    <t>5702329596039</t>
  </si>
  <si>
    <t>VELUX Plissee solar FSL FK06 1275KWL</t>
  </si>
  <si>
    <t>FSL FK06 1276KWL</t>
  </si>
  <si>
    <t>5702329596046</t>
  </si>
  <si>
    <t>VELUX Plissee solar FSL FK06 1276KWL</t>
  </si>
  <si>
    <t>FSL FK06 1277K</t>
  </si>
  <si>
    <t>5702329579216</t>
  </si>
  <si>
    <t>VELUX Plissee solar FSL FK06 1277K</t>
  </si>
  <si>
    <t>FSL FK06 1277KWL</t>
  </si>
  <si>
    <t>5702329596053</t>
  </si>
  <si>
    <t>VELUX Plissee solar FSL FK06 1277KWL</t>
  </si>
  <si>
    <t>FSL FK06 1278K</t>
  </si>
  <si>
    <t>5702329579247</t>
  </si>
  <si>
    <t>VELUX Plissee solar FSL FK06 1278K</t>
  </si>
  <si>
    <t>FSL FK06 1278KWL</t>
  </si>
  <si>
    <t>5702329596060</t>
  </si>
  <si>
    <t>VELUX Plissee solar FSL FK06 1278KWL</t>
  </si>
  <si>
    <t>FSL FK06 1279K</t>
  </si>
  <si>
    <t>5702329579278</t>
  </si>
  <si>
    <t>VELUX Plissee solar FSL FK06 1279K</t>
  </si>
  <si>
    <t>FSL FK06 1279KWL</t>
  </si>
  <si>
    <t>5702329596077</t>
  </si>
  <si>
    <t>VELUX Plissee solar FSL FK06 1279KWL</t>
  </si>
  <si>
    <t>FSL FK06 1280KWL</t>
  </si>
  <si>
    <t>5702329596084</t>
  </si>
  <si>
    <t>VELUX Plissee solar FSL FK06 1280KWL</t>
  </si>
  <si>
    <t>FSL FK06 1281KWL</t>
  </si>
  <si>
    <t>5702329596091</t>
  </si>
  <si>
    <t>VELUX Plissee solar FSL FK06 1281KWL</t>
  </si>
  <si>
    <t>FSL FK06 1282K</t>
  </si>
  <si>
    <t>5702329579360</t>
  </si>
  <si>
    <t>VELUX Plissee solar FSL FK06 1282K</t>
  </si>
  <si>
    <t>FSL FK06 1282KWL</t>
  </si>
  <si>
    <t>5702329596107</t>
  </si>
  <si>
    <t>VELUX Plissee solar FSL FK06 1282KWL</t>
  </si>
  <si>
    <t>FSL FK06 1284KWL</t>
  </si>
  <si>
    <t>5702329596121</t>
  </si>
  <si>
    <t>VELUX Plissee solar FSL FK06 1284KWL</t>
  </si>
  <si>
    <t>FSL FK06 1285KWL</t>
  </si>
  <si>
    <t>5702329596138</t>
  </si>
  <si>
    <t>VELUX Plissee solar FSL FK06 1285KWL</t>
  </si>
  <si>
    <t>FSL FK06 1286K</t>
  </si>
  <si>
    <t>5702329579476</t>
  </si>
  <si>
    <t>VELUX Plissee solar FSL FK06 1286K</t>
  </si>
  <si>
    <t>FSL FK06 1286KWL</t>
  </si>
  <si>
    <t>5702329596145</t>
  </si>
  <si>
    <t>VELUX Plissee solar FSL FK06 1286KWL</t>
  </si>
  <si>
    <t>FSL FK08 1016K</t>
  </si>
  <si>
    <t>5702329579506</t>
  </si>
  <si>
    <t>VELUX Plissee solar FSL FK08 1016K</t>
  </si>
  <si>
    <t>FSL FK08 1016KWL</t>
  </si>
  <si>
    <t>5702329596152</t>
  </si>
  <si>
    <t>VELUX Plissee solar FSL FK08 1016KWL</t>
  </si>
  <si>
    <t>FSL FK08 1256KWL</t>
  </si>
  <si>
    <t>5702329596169</t>
  </si>
  <si>
    <t>VELUX Plissee solar FSL FK08 1256KWL</t>
  </si>
  <si>
    <t>FSL FK08 1259K</t>
  </si>
  <si>
    <t>5702329579568</t>
  </si>
  <si>
    <t>VELUX Plissee solar FSL FK08 1259K</t>
  </si>
  <si>
    <t>FSL FK08 1259KWL</t>
  </si>
  <si>
    <t>5702329596176</t>
  </si>
  <si>
    <t>VELUX Plissee solar FSL FK08 1259KWL</t>
  </si>
  <si>
    <t>FSL FK08 1274KWL</t>
  </si>
  <si>
    <t>5702329596183</t>
  </si>
  <si>
    <t>VELUX Plissee solar FSL FK08 1274KWL</t>
  </si>
  <si>
    <t>FSL FK08 1275KWL</t>
  </si>
  <si>
    <t>5702329596190</t>
  </si>
  <si>
    <t>VELUX Plissee solar FSL FK08 1275KWL</t>
  </si>
  <si>
    <t>FSL FK08 1276KWL</t>
  </si>
  <si>
    <t>5702329596206</t>
  </si>
  <si>
    <t>VELUX Plissee solar FSL FK08 1276KWL</t>
  </si>
  <si>
    <t>FSL FK08 1277KWL</t>
  </si>
  <si>
    <t>5702329596213</t>
  </si>
  <si>
    <t>VELUX Plissee solar FSL FK08 1277KWL</t>
  </si>
  <si>
    <t>FSL FK08 1278K</t>
  </si>
  <si>
    <t>5702329579711</t>
  </si>
  <si>
    <t>VELUX Plissee solar FSL FK08 1278K</t>
  </si>
  <si>
    <t>FSL FK08 1279KWL</t>
  </si>
  <si>
    <t>5702329596237</t>
  </si>
  <si>
    <t>VELUX Plissee solar FSL FK08 1279KWL</t>
  </si>
  <si>
    <t>FSL FK08 1281K</t>
  </si>
  <si>
    <t>5702329579803</t>
  </si>
  <si>
    <t>VELUX Plissee solar FSL FK08 1281K</t>
  </si>
  <si>
    <t>FSL FK08 1281KWL</t>
  </si>
  <si>
    <t>5702329596251</t>
  </si>
  <si>
    <t>VELUX Plissee solar FSL FK08 1281KWL</t>
  </si>
  <si>
    <t>FSL FK08 1283KWL</t>
  </si>
  <si>
    <t>5702329596275</t>
  </si>
  <si>
    <t>VELUX Plissee solar FSL FK08 1283KWL</t>
  </si>
  <si>
    <t>FSL FK08 1284K</t>
  </si>
  <si>
    <t>5702329579896</t>
  </si>
  <si>
    <t>VELUX Plissee solar FSL FK08 1284K</t>
  </si>
  <si>
    <t>FSL FK08 1285KWL</t>
  </si>
  <si>
    <t>5702329596299</t>
  </si>
  <si>
    <t>VELUX Plissee solar FSL FK08 1285KWL</t>
  </si>
  <si>
    <t>FSL FK08 1286KWL</t>
  </si>
  <si>
    <t>5702329596305</t>
  </si>
  <si>
    <t>VELUX Plissee solar FSL FK08 1286KWL</t>
  </si>
  <si>
    <t>FSL M04 1016K</t>
  </si>
  <si>
    <t>5702329579988</t>
  </si>
  <si>
    <t>VELUX Plissee solar FSL M04 1016K</t>
  </si>
  <si>
    <t>FSL M04 1016KWL</t>
  </si>
  <si>
    <t>5702329596312</t>
  </si>
  <si>
    <t>VELUX Plissee solar FSL M04 1016KWL</t>
  </si>
  <si>
    <t>FSL M04 1256K</t>
  </si>
  <si>
    <t>5702329580014</t>
  </si>
  <si>
    <t>VELUX Plissee solar FSL M04 1256K</t>
  </si>
  <si>
    <t>FSL M04 1256KWL</t>
  </si>
  <si>
    <t>5702329596329</t>
  </si>
  <si>
    <t>VELUX Plissee solar FSL M04 1256KWL</t>
  </si>
  <si>
    <t>FSL M04 1259K</t>
  </si>
  <si>
    <t>5702329580045</t>
  </si>
  <si>
    <t>VELUX Plissee solar FSL M04 1259K</t>
  </si>
  <si>
    <t>FSL M04 1259KWL</t>
  </si>
  <si>
    <t>5702329596336</t>
  </si>
  <si>
    <t>VELUX Plissee solar FSL M04 1259KWL</t>
  </si>
  <si>
    <t>FSL M04 1274K</t>
  </si>
  <si>
    <t>5702329580069</t>
  </si>
  <si>
    <t>VELUX Plissee solar FSL M04 1274K</t>
  </si>
  <si>
    <t>FSL M04 1274KWL</t>
  </si>
  <si>
    <t>5702329596343</t>
  </si>
  <si>
    <t>VELUX Plissee solar FSL M04 1274KWL</t>
  </si>
  <si>
    <t>FSL M04 1275K</t>
  </si>
  <si>
    <t>5702329580090</t>
  </si>
  <si>
    <t>VELUX Plissee solar FSL M04 1275K</t>
  </si>
  <si>
    <t>FSL M04 1275KWL</t>
  </si>
  <si>
    <t>5702329596350</t>
  </si>
  <si>
    <t>VELUX Plissee solar FSL M04 1275KWL</t>
  </si>
  <si>
    <t>FSL M04 1277K</t>
  </si>
  <si>
    <t>5702329580151</t>
  </si>
  <si>
    <t>VELUX Plissee solar FSL M04 1277K</t>
  </si>
  <si>
    <t>FSL M04 1278K</t>
  </si>
  <si>
    <t>5702329580182</t>
  </si>
  <si>
    <t>VELUX Plissee solar FSL M04 1278K</t>
  </si>
  <si>
    <t>FSL M04 1278KWL</t>
  </si>
  <si>
    <t>5702329596381</t>
  </si>
  <si>
    <t>VELUX Plissee solar FSL M04 1278KWL</t>
  </si>
  <si>
    <t>FSL M04 1279K</t>
  </si>
  <si>
    <t>5702329580212</t>
  </si>
  <si>
    <t>VELUX Plissee solar FSL M04 1279K</t>
  </si>
  <si>
    <t>FSL M04 1279KWL</t>
  </si>
  <si>
    <t>5702329596398</t>
  </si>
  <si>
    <t>VELUX Plissee solar FSL M04 1279KWL</t>
  </si>
  <si>
    <t>FSL M04 1280K</t>
  </si>
  <si>
    <t>5702329580243</t>
  </si>
  <si>
    <t>VELUX Plissee solar FSL M04 1280K</t>
  </si>
  <si>
    <t>FSL M04 1281KWL</t>
  </si>
  <si>
    <t>5702329596411</t>
  </si>
  <si>
    <t>VELUX Plissee solar FSL M04 1281KWL</t>
  </si>
  <si>
    <t>FSL M04 1282K</t>
  </si>
  <si>
    <t>5702329580304</t>
  </si>
  <si>
    <t>VELUX Plissee solar FSL M04 1282K</t>
  </si>
  <si>
    <t>FSL M04 1282KWL</t>
  </si>
  <si>
    <t>5702329596428</t>
  </si>
  <si>
    <t>VELUX Plissee solar FSL M04 1282KWL</t>
  </si>
  <si>
    <t>FSL M04 1283K</t>
  </si>
  <si>
    <t>5702329580335</t>
  </si>
  <si>
    <t>VELUX Plissee solar FSL M04 1283K</t>
  </si>
  <si>
    <t>FSL M04 1283KWL</t>
  </si>
  <si>
    <t>5702329596435</t>
  </si>
  <si>
    <t>VELUX Plissee solar FSL M04 1283KWL</t>
  </si>
  <si>
    <t>FSL M04 1284K</t>
  </si>
  <si>
    <t>5702329580366</t>
  </si>
  <si>
    <t>VELUX Plissee solar FSL M04 1284K</t>
  </si>
  <si>
    <t>FSL M04 1285K</t>
  </si>
  <si>
    <t>5702329580397</t>
  </si>
  <si>
    <t>VELUX Plissee solar FSL M04 1285K</t>
  </si>
  <si>
    <t>FSL M04 1285KWL</t>
  </si>
  <si>
    <t>5702329596459</t>
  </si>
  <si>
    <t>VELUX Plissee solar FSL M04 1285KWL</t>
  </si>
  <si>
    <t>FSL M04 1286K</t>
  </si>
  <si>
    <t>5702329580427</t>
  </si>
  <si>
    <t>VELUX Plissee solar FSL M04 1286K</t>
  </si>
  <si>
    <t>FSL M04 1286KWL</t>
  </si>
  <si>
    <t>5702329596466</t>
  </si>
  <si>
    <t>VELUX Plissee solar FSL M04 1286KWL</t>
  </si>
  <si>
    <t>FSL M06 1016K</t>
  </si>
  <si>
    <t>5702329580458</t>
  </si>
  <si>
    <t>VELUX Plissee solar FSL M06 1016K</t>
  </si>
  <si>
    <t>FSL M06 1016KWL</t>
  </si>
  <si>
    <t>5702329596473</t>
  </si>
  <si>
    <t>VELUX Plissee solar FSL M06 1016KWL</t>
  </si>
  <si>
    <t>FSL M06 1256K</t>
  </si>
  <si>
    <t>5702329580489</t>
  </si>
  <si>
    <t>VELUX Plissee solar FSL M06 1256K</t>
  </si>
  <si>
    <t>FSL M06 1256KWL</t>
  </si>
  <si>
    <t>5702329596480</t>
  </si>
  <si>
    <t>VELUX Plissee solar FSL M06 1256KWL</t>
  </si>
  <si>
    <t>FSL M06 1259K</t>
  </si>
  <si>
    <t>5702329580519</t>
  </si>
  <si>
    <t>VELUX Plissee solar FSL M06 1259K</t>
  </si>
  <si>
    <t>FSL M06 1259KWL</t>
  </si>
  <si>
    <t>5702329596497</t>
  </si>
  <si>
    <t>VELUX Plissee solar FSL M06 1259KWL</t>
  </si>
  <si>
    <t>FSL M06 1275K</t>
  </si>
  <si>
    <t>5702329580571</t>
  </si>
  <si>
    <t>VELUX Plissee solar FSL M06 1275K</t>
  </si>
  <si>
    <t>FSL M06 1275KWL</t>
  </si>
  <si>
    <t>5702329596510</t>
  </si>
  <si>
    <t>VELUX Plissee solar FSL M06 1275KWL</t>
  </si>
  <si>
    <t>FSL M06 1276K</t>
  </si>
  <si>
    <t>5702329580601</t>
  </si>
  <si>
    <t>VELUX Plissee solar FSL M06 1276K</t>
  </si>
  <si>
    <t>FSL M06 1278K</t>
  </si>
  <si>
    <t>5702329580663</t>
  </si>
  <si>
    <t>VELUX Plissee solar FSL M06 1278K</t>
  </si>
  <si>
    <t>FSL M06 1278KWL</t>
  </si>
  <si>
    <t>5702329596541</t>
  </si>
  <si>
    <t>VELUX Plissee solar FSL M06 1278KWL</t>
  </si>
  <si>
    <t>FSL M06 1280K</t>
  </si>
  <si>
    <t>5702329580724</t>
  </si>
  <si>
    <t>VELUX Plissee solar FSL M06 1280K</t>
  </si>
  <si>
    <t>FSL M06 1282K</t>
  </si>
  <si>
    <t>5702329580786</t>
  </si>
  <si>
    <t>VELUX Plissee solar FSL M06 1282K</t>
  </si>
  <si>
    <t>FSL M06 1282KWL</t>
  </si>
  <si>
    <t>5702329596589</t>
  </si>
  <si>
    <t>VELUX Plissee solar FSL M06 1282KWL</t>
  </si>
  <si>
    <t>FSL M06 1283K</t>
  </si>
  <si>
    <t>5702329580816</t>
  </si>
  <si>
    <t>VELUX Plissee solar FSL M06 1283K</t>
  </si>
  <si>
    <t>FSL M06 1284K</t>
  </si>
  <si>
    <t>5702329580847</t>
  </si>
  <si>
    <t>VELUX Plissee solar FSL M06 1284K</t>
  </si>
  <si>
    <t>FSL M06 1284KWL</t>
  </si>
  <si>
    <t>5702329596602</t>
  </si>
  <si>
    <t>VELUX Plissee solar FSL M06 1284KWL</t>
  </si>
  <si>
    <t>FSL M06 1286K</t>
  </si>
  <si>
    <t>5702329580908</t>
  </si>
  <si>
    <t>VELUX Plissee solar FSL M06 1286K</t>
  </si>
  <si>
    <t>FSL M08 1016K</t>
  </si>
  <si>
    <t>5702329580939</t>
  </si>
  <si>
    <t>VELUX Plissee solar FSL M08 1016K</t>
  </si>
  <si>
    <t>FSL M08 1016KWL</t>
  </si>
  <si>
    <t>5702329596633</t>
  </si>
  <si>
    <t>VELUX Plissee solar FSL M08 1016KWL</t>
  </si>
  <si>
    <t>FSL M08 1256K</t>
  </si>
  <si>
    <t>5702329580960</t>
  </si>
  <si>
    <t>VELUX Plissee solar FSL M08 1256K</t>
  </si>
  <si>
    <t>FSL M08 1256KWL</t>
  </si>
  <si>
    <t>5702329596640</t>
  </si>
  <si>
    <t>VELUX Plissee solar FSL M08 1256KWL</t>
  </si>
  <si>
    <t>FSL M08 1259K</t>
  </si>
  <si>
    <t>5702329580991</t>
  </si>
  <si>
    <t>VELUX Plissee solar FSL M08 1259K</t>
  </si>
  <si>
    <t>FSL M08 1259KWL</t>
  </si>
  <si>
    <t>5702329596657</t>
  </si>
  <si>
    <t>VELUX Plissee solar FSL M08 1259KWL</t>
  </si>
  <si>
    <t>FSL M08 1274K</t>
  </si>
  <si>
    <t>5702329581028</t>
  </si>
  <si>
    <t>VELUX Plissee solar FSL M08 1274K</t>
  </si>
  <si>
    <t>FSL M08 1274KWL</t>
  </si>
  <si>
    <t>5702329596664</t>
  </si>
  <si>
    <t>VELUX Plissee solar FSL M08 1274KWL</t>
  </si>
  <si>
    <t>FSL M08 1275K</t>
  </si>
  <si>
    <t>5702329581059</t>
  </si>
  <si>
    <t>VELUX Plissee solar FSL M08 1275K</t>
  </si>
  <si>
    <t>FSL M08 1275KWL</t>
  </si>
  <si>
    <t>5702329596671</t>
  </si>
  <si>
    <t>VELUX Plissee solar FSL M08 1275KWL</t>
  </si>
  <si>
    <t>FSL M08 1276KWL</t>
  </si>
  <si>
    <t>5702329596688</t>
  </si>
  <si>
    <t>VELUX Plissee solar FSL M08 1276KWL</t>
  </si>
  <si>
    <t>FSL M08 1277K</t>
  </si>
  <si>
    <t>5702329581110</t>
  </si>
  <si>
    <t>VELUX Plissee solar FSL M08 1277K</t>
  </si>
  <si>
    <t>FSL M08 1277KWL</t>
  </si>
  <si>
    <t>5702329596695</t>
  </si>
  <si>
    <t>VELUX Plissee solar FSL M08 1277KWL</t>
  </si>
  <si>
    <t>FSL M08 1278K</t>
  </si>
  <si>
    <t>5702329581141</t>
  </si>
  <si>
    <t>VELUX Plissee solar FSL M08 1278K</t>
  </si>
  <si>
    <t>FSL M08 1278KWL</t>
  </si>
  <si>
    <t>5702329596701</t>
  </si>
  <si>
    <t>VELUX Plissee solar FSL M08 1278KWL</t>
  </si>
  <si>
    <t>FSL M08 1280K</t>
  </si>
  <si>
    <t>5702329581202</t>
  </si>
  <si>
    <t>VELUX Plissee solar FSL M08 1280K</t>
  </si>
  <si>
    <t>FSL M08 1281K</t>
  </si>
  <si>
    <t>5702329581233</t>
  </si>
  <si>
    <t>VELUX Plissee solar FSL M08 1281K</t>
  </si>
  <si>
    <t>FSL M08 1281KWL</t>
  </si>
  <si>
    <t>5702329596732</t>
  </si>
  <si>
    <t>VELUX Plissee solar FSL M08 1281KWL</t>
  </si>
  <si>
    <t>FSL M08 1282K</t>
  </si>
  <si>
    <t>5702329581264</t>
  </si>
  <si>
    <t>VELUX Plissee solar FSL M08 1282K</t>
  </si>
  <si>
    <t>FSL M08 1282KWL</t>
  </si>
  <si>
    <t>5702329596749</t>
  </si>
  <si>
    <t>VELUX Plissee solar FSL M08 1282KWL</t>
  </si>
  <si>
    <t>FSL M08 1283K</t>
  </si>
  <si>
    <t>5702329581295</t>
  </si>
  <si>
    <t>VELUX Plissee solar FSL M08 1283K</t>
  </si>
  <si>
    <t>FSL M08 1284K</t>
  </si>
  <si>
    <t>5702329581325</t>
  </si>
  <si>
    <t>VELUX Plissee solar FSL M08 1284K</t>
  </si>
  <si>
    <t>FSL M08 1284KWL</t>
  </si>
  <si>
    <t>5702329596763</t>
  </si>
  <si>
    <t>VELUX Plissee solar FSL M08 1284KWL</t>
  </si>
  <si>
    <t>FSL M08 1285K</t>
  </si>
  <si>
    <t>5702329581356</t>
  </si>
  <si>
    <t>VELUX Plissee solar FSL M08 1285K</t>
  </si>
  <si>
    <t>FSL M08 1285KWL</t>
  </si>
  <si>
    <t>5702329596770</t>
  </si>
  <si>
    <t>VELUX Plissee solar FSL M08 1285KWL</t>
  </si>
  <si>
    <t>FSL M08 1286K</t>
  </si>
  <si>
    <t>5702329581387</t>
  </si>
  <si>
    <t>VELUX Plissee solar FSL M08 1286K</t>
  </si>
  <si>
    <t>FSL M08 1286KWL</t>
  </si>
  <si>
    <t>5702329596787</t>
  </si>
  <si>
    <t>VELUX Plissee solar FSL M08 1286KWL</t>
  </si>
  <si>
    <t>FSL M10 1016K</t>
  </si>
  <si>
    <t>5702329581417</t>
  </si>
  <si>
    <t>VELUX Plissee solar FSL M10 1016K</t>
  </si>
  <si>
    <t>FSL M10 1256KWL</t>
  </si>
  <si>
    <t>5702329596800</t>
  </si>
  <si>
    <t>VELUX Plissee solar FSL M10 1256KWL</t>
  </si>
  <si>
    <t>FSL M10 1259KWL</t>
  </si>
  <si>
    <t>5702329596817</t>
  </si>
  <si>
    <t>VELUX Plissee solar FSL M10 1259KWL</t>
  </si>
  <si>
    <t>FSL M10 1274K</t>
  </si>
  <si>
    <t>5702329581509</t>
  </si>
  <si>
    <t>VELUX Plissee solar FSL M10 1274K</t>
  </si>
  <si>
    <t>FSL M10 1283K</t>
  </si>
  <si>
    <t>5702329581783</t>
  </si>
  <si>
    <t>VELUX Plissee solar FSL M10 1283K</t>
  </si>
  <si>
    <t>FSL M10 1285K</t>
  </si>
  <si>
    <t>5702329581844</t>
  </si>
  <si>
    <t>VELUX Plissee solar FSL M10 1285K</t>
  </si>
  <si>
    <t>FSL M31 1016KWL</t>
  </si>
  <si>
    <t>5702329597111</t>
  </si>
  <si>
    <t>VELUX Plissee solar FSL M31 1016KWL</t>
  </si>
  <si>
    <t>FSL M31 1256K</t>
  </si>
  <si>
    <t>5702329582407</t>
  </si>
  <si>
    <t>VELUX Plissee solar FSL M31 1256K</t>
  </si>
  <si>
    <t>FSL M31 1259KWL</t>
  </si>
  <si>
    <t>5702329597135</t>
  </si>
  <si>
    <t>VELUX Plissee solar FSL M31 1259KWL</t>
  </si>
  <si>
    <t>FSL MK04 1016K</t>
  </si>
  <si>
    <t>5702329583336</t>
  </si>
  <si>
    <t>VELUX Plissee solar FSL MK04 1016K</t>
  </si>
  <si>
    <t>FSL MK04 1016KWL</t>
  </si>
  <si>
    <t>5702329597272</t>
  </si>
  <si>
    <t>VELUX Plissee solar FSL MK04 1016KWL</t>
  </si>
  <si>
    <t>FSL MK04 1256K</t>
  </si>
  <si>
    <t>5702329583367</t>
  </si>
  <si>
    <t>VELUX Plissee solar FSL MK04 1256K</t>
  </si>
  <si>
    <t>FSL MK04 1256KWL</t>
  </si>
  <si>
    <t>5702329597289</t>
  </si>
  <si>
    <t>VELUX Plissee solar FSL MK04 1256KWL</t>
  </si>
  <si>
    <t>FSL MK04 1259K</t>
  </si>
  <si>
    <t>5702329583398</t>
  </si>
  <si>
    <t>VELUX Plissee solar FSL MK04 1259K</t>
  </si>
  <si>
    <t>FSL MK04 1259KWL</t>
  </si>
  <si>
    <t>5702329597296</t>
  </si>
  <si>
    <t>VELUX Plissee solar FSL MK04 1259KWL</t>
  </si>
  <si>
    <t>FSL MK04 1274K</t>
  </si>
  <si>
    <t>5702329583428</t>
  </si>
  <si>
    <t>VELUX Plissee solar FSL MK04 1274K</t>
  </si>
  <si>
    <t>FSL MK04 1274KWL</t>
  </si>
  <si>
    <t>5702329597302</t>
  </si>
  <si>
    <t>VELUX Plissee solar FSL MK04 1274KWL</t>
  </si>
  <si>
    <t>FSL MK04 1275K</t>
  </si>
  <si>
    <t>5702329583459</t>
  </si>
  <si>
    <t>VELUX Plissee solar FSL MK04 1275K</t>
  </si>
  <si>
    <t>FSL MK04 1275KWL</t>
  </si>
  <si>
    <t>5702329597319</t>
  </si>
  <si>
    <t>VELUX Plissee solar FSL MK04 1275KWL</t>
  </si>
  <si>
    <t>FSL MK04 1277K</t>
  </si>
  <si>
    <t>5702329583510</t>
  </si>
  <si>
    <t>VELUX Plissee solar FSL MK04 1277K</t>
  </si>
  <si>
    <t>FSL MK04 1278K</t>
  </si>
  <si>
    <t>5702329583541</t>
  </si>
  <si>
    <t>VELUX Plissee solar FSL MK04 1278K</t>
  </si>
  <si>
    <t>FSL MK04 1278KWL</t>
  </si>
  <si>
    <t>5702329597340</t>
  </si>
  <si>
    <t>VELUX Plissee solar FSL MK04 1278KWL</t>
  </si>
  <si>
    <t>FSL MK04 1279K</t>
  </si>
  <si>
    <t>5702329583572</t>
  </si>
  <si>
    <t>VELUX Plissee solar FSL MK04 1279K</t>
  </si>
  <si>
    <t>FSL MK04 1279KWL</t>
  </si>
  <si>
    <t>5702329597357</t>
  </si>
  <si>
    <t>VELUX Plissee solar FSL MK04 1279KWL</t>
  </si>
  <si>
    <t>FSL MK04 1280K</t>
  </si>
  <si>
    <t>5702329583602</t>
  </si>
  <si>
    <t>VELUX Plissee solar FSL MK04 1280K</t>
  </si>
  <si>
    <t>FSL MK04 1280KWL</t>
  </si>
  <si>
    <t>5702329597364</t>
  </si>
  <si>
    <t>VELUX Plissee solar FSL MK04 1280KWL</t>
  </si>
  <si>
    <t>FSL MK04 1281KWL</t>
  </si>
  <si>
    <t>5702329597371</t>
  </si>
  <si>
    <t>VELUX Plissee solar FSL MK04 1281KWL</t>
  </si>
  <si>
    <t>FSL MK04 1282K</t>
  </si>
  <si>
    <t>5702329583664</t>
  </si>
  <si>
    <t>VELUX Plissee solar FSL MK04 1282K</t>
  </si>
  <si>
    <t>FSL MK04 1282KWL</t>
  </si>
  <si>
    <t>5702329597388</t>
  </si>
  <si>
    <t>VELUX Plissee solar FSL MK04 1282KWL</t>
  </si>
  <si>
    <t>FSL MK04 1283K</t>
  </si>
  <si>
    <t>5702329583695</t>
  </si>
  <si>
    <t>VELUX Plissee solar FSL MK04 1283K</t>
  </si>
  <si>
    <t>FSL MK04 1283KWL</t>
  </si>
  <si>
    <t>5702329597395</t>
  </si>
  <si>
    <t>VELUX Plissee solar FSL MK04 1283KWL</t>
  </si>
  <si>
    <t>FSL MK04 1284K</t>
  </si>
  <si>
    <t>5702329583725</t>
  </si>
  <si>
    <t>VELUX Plissee solar FSL MK04 1284K</t>
  </si>
  <si>
    <t>FSL MK04 1284KWL</t>
  </si>
  <si>
    <t>5702329597401</t>
  </si>
  <si>
    <t>VELUX Plissee solar FSL MK04 1284KWL</t>
  </si>
  <si>
    <t>FSL MK04 1285K</t>
  </si>
  <si>
    <t>5702329583756</t>
  </si>
  <si>
    <t>VELUX Plissee solar FSL MK04 1285K</t>
  </si>
  <si>
    <t>FSL MK04 1285KWL</t>
  </si>
  <si>
    <t>5702329597418</t>
  </si>
  <si>
    <t>VELUX Plissee solar FSL MK04 1285KWL</t>
  </si>
  <si>
    <t>FSL MK04 1286K</t>
  </si>
  <si>
    <t>5702329583787</t>
  </si>
  <si>
    <t>VELUX Plissee solar FSL MK04 1286K</t>
  </si>
  <si>
    <t>FSL MK04 1286KWL</t>
  </si>
  <si>
    <t>5702329597425</t>
  </si>
  <si>
    <t>VELUX Plissee solar FSL MK04 1286KWL</t>
  </si>
  <si>
    <t>FSL MK06 1016K</t>
  </si>
  <si>
    <t>5702329583800</t>
  </si>
  <si>
    <t>VELUX Plissee solar FSL MK06 1016K</t>
  </si>
  <si>
    <t>FSL MK06 1016KWL</t>
  </si>
  <si>
    <t>5702329597432</t>
  </si>
  <si>
    <t>VELUX Plissee solar FSL MK06 1016KWL</t>
  </si>
  <si>
    <t>FSL MK06 1256KWL</t>
  </si>
  <si>
    <t>5702329597449</t>
  </si>
  <si>
    <t>VELUX Plissee solar FSL MK06 1256KWL</t>
  </si>
  <si>
    <t>FSL MK06 1259K</t>
  </si>
  <si>
    <t>5702329583862</t>
  </si>
  <si>
    <t>VELUX Plissee solar FSL MK06 1259K</t>
  </si>
  <si>
    <t>FSL MK06 1259KWL</t>
  </si>
  <si>
    <t>5702329597456</t>
  </si>
  <si>
    <t>VELUX Plissee solar FSL MK06 1259KWL</t>
  </si>
  <si>
    <t>FSL MK06 1274K</t>
  </si>
  <si>
    <t>5702329583893</t>
  </si>
  <si>
    <t>VELUX Plissee solar FSL MK06 1274K</t>
  </si>
  <si>
    <t>FSL MK06 1274KWL</t>
  </si>
  <si>
    <t>5702329597463</t>
  </si>
  <si>
    <t>VELUX Plissee solar FSL MK06 1274KWL</t>
  </si>
  <si>
    <t>FSL MK06 1275K</t>
  </si>
  <si>
    <t>5702329583923</t>
  </si>
  <si>
    <t>VELUX Plissee solar FSL MK06 1275K</t>
  </si>
  <si>
    <t>FSL MK06 1275KWL</t>
  </si>
  <si>
    <t>5702329597470</t>
  </si>
  <si>
    <t>VELUX Plissee solar FSL MK06 1275KWL</t>
  </si>
  <si>
    <t>FSL MK06 1277K</t>
  </si>
  <si>
    <t>5702329583978</t>
  </si>
  <si>
    <t>VELUX Plissee solar FSL MK06 1277K</t>
  </si>
  <si>
    <t>FSL MK06 1277KWL</t>
  </si>
  <si>
    <t>5702329597494</t>
  </si>
  <si>
    <t>VELUX Plissee solar FSL MK06 1277KWL</t>
  </si>
  <si>
    <t>FSL MK06 1278K</t>
  </si>
  <si>
    <t>5702329584012</t>
  </si>
  <si>
    <t>VELUX Plissee solar FSL MK06 1278K</t>
  </si>
  <si>
    <t>FSL MK06 1278KWL</t>
  </si>
  <si>
    <t>5702329597500</t>
  </si>
  <si>
    <t>VELUX Plissee solar FSL MK06 1278KWL</t>
  </si>
  <si>
    <t>FSL MK06 1279K</t>
  </si>
  <si>
    <t>5702329584050</t>
  </si>
  <si>
    <t>VELUX Plissee solar FSL MK06 1279K</t>
  </si>
  <si>
    <t>FSL MK06 1279KWL</t>
  </si>
  <si>
    <t>5702329597517</t>
  </si>
  <si>
    <t>VELUX Plissee solar FSL MK06 1279KWL</t>
  </si>
  <si>
    <t>FSL MK06 1280KWL</t>
  </si>
  <si>
    <t>5702329597524</t>
  </si>
  <si>
    <t>VELUX Plissee solar FSL MK06 1280KWL</t>
  </si>
  <si>
    <t>FSL MK06 1281KWL</t>
  </si>
  <si>
    <t>5702329597531</t>
  </si>
  <si>
    <t>VELUX Plissee solar FSL MK06 1281KWL</t>
  </si>
  <si>
    <t>FSL MK06 1282K</t>
  </si>
  <si>
    <t>5702329584142</t>
  </si>
  <si>
    <t>VELUX Plissee solar FSL MK06 1282K</t>
  </si>
  <si>
    <t>FSL MK06 1282KWL</t>
  </si>
  <si>
    <t>5702329597548</t>
  </si>
  <si>
    <t>VELUX Plissee solar FSL MK06 1282KWL</t>
  </si>
  <si>
    <t>FSL MK06 1283K</t>
  </si>
  <si>
    <t>5702329584173</t>
  </si>
  <si>
    <t>VELUX Plissee solar FSL MK06 1283K</t>
  </si>
  <si>
    <t>FSL MK06 1283KWL</t>
  </si>
  <si>
    <t>5702329597555</t>
  </si>
  <si>
    <t>VELUX Plissee solar FSL MK06 1283KWL</t>
  </si>
  <si>
    <t>FSL MK06 1284K</t>
  </si>
  <si>
    <t>5702329584203</t>
  </si>
  <si>
    <t>VELUX Plissee solar FSL MK06 1284K</t>
  </si>
  <si>
    <t>FSL MK06 1284KWL</t>
  </si>
  <si>
    <t>5702329597562</t>
  </si>
  <si>
    <t>VELUX Plissee solar FSL MK06 1284KWL</t>
  </si>
  <si>
    <t>FSL MK06 1285K</t>
  </si>
  <si>
    <t>5702329584234</t>
  </si>
  <si>
    <t>VELUX Plissee solar FSL MK06 1285K</t>
  </si>
  <si>
    <t>FSL MK06 1285KWL</t>
  </si>
  <si>
    <t>5702329597579</t>
  </si>
  <si>
    <t>VELUX Plissee solar FSL MK06 1285KWL</t>
  </si>
  <si>
    <t>FSL MK06 1286K</t>
  </si>
  <si>
    <t>5702329584265</t>
  </si>
  <si>
    <t>VELUX Plissee solar FSL MK06 1286K</t>
  </si>
  <si>
    <t>FSL MK06 1286KWL</t>
  </si>
  <si>
    <t>5702329597586</t>
  </si>
  <si>
    <t>VELUX Plissee solar FSL MK06 1286KWL</t>
  </si>
  <si>
    <t>FSL MK08 1016K</t>
  </si>
  <si>
    <t>5702329584296</t>
  </si>
  <si>
    <t>VELUX Plissee solar FSL MK08 1016K</t>
  </si>
  <si>
    <t>FSL MK08 1016KWL</t>
  </si>
  <si>
    <t>5702329597593</t>
  </si>
  <si>
    <t>VELUX Plissee solar FSL MK08 1016KWL</t>
  </si>
  <si>
    <t>FSL MK08 1256K</t>
  </si>
  <si>
    <t>5702329584319</t>
  </si>
  <si>
    <t>VELUX Plissee solar FSL MK08 1256K</t>
  </si>
  <si>
    <t>FSL MK08 1256KWL</t>
  </si>
  <si>
    <t>5702329597609</t>
  </si>
  <si>
    <t>VELUX Plissee solar FSL MK08 1256KWL</t>
  </si>
  <si>
    <t>FSL MK08 1259K</t>
  </si>
  <si>
    <t>5702329584357</t>
  </si>
  <si>
    <t>VELUX Plissee solar FSL MK08 1259K</t>
  </si>
  <si>
    <t>FSL MK08 1259KWL</t>
  </si>
  <si>
    <t>5702329597616</t>
  </si>
  <si>
    <t>VELUX Plissee solar FSL MK08 1259KWL</t>
  </si>
  <si>
    <t>FSL MK08 1274K</t>
  </si>
  <si>
    <t>5702329584395</t>
  </si>
  <si>
    <t>VELUX Plissee solar FSL MK08 1274K</t>
  </si>
  <si>
    <t>FSL MK08 1274KWL</t>
  </si>
  <si>
    <t>5702329597623</t>
  </si>
  <si>
    <t>VELUX Plissee solar FSL MK08 1274KWL</t>
  </si>
  <si>
    <t>FSL MK08 1275K</t>
  </si>
  <si>
    <t>5702329584425</t>
  </si>
  <si>
    <t>VELUX Plissee solar FSL MK08 1275K</t>
  </si>
  <si>
    <t>FSL MK08 1275KWL</t>
  </si>
  <si>
    <t>5702329597630</t>
  </si>
  <si>
    <t>VELUX Plissee solar FSL MK08 1275KWL</t>
  </si>
  <si>
    <t>FSL MK08 1277KWL</t>
  </si>
  <si>
    <t>5702329597654</t>
  </si>
  <si>
    <t>VELUX Plissee solar FSL MK08 1277KWL</t>
  </si>
  <si>
    <t>FSL MK08 1278K</t>
  </si>
  <si>
    <t>5702329584517</t>
  </si>
  <si>
    <t>VELUX Plissee solar FSL MK08 1278K</t>
  </si>
  <si>
    <t>FSL MK08 1278KWL</t>
  </si>
  <si>
    <t>5702329597661</t>
  </si>
  <si>
    <t>VELUX Plissee solar FSL MK08 1278KWL</t>
  </si>
  <si>
    <t>FSL MK08 1279K</t>
  </si>
  <si>
    <t>5702329584548</t>
  </si>
  <si>
    <t>VELUX Plissee solar FSL MK08 1279K</t>
  </si>
  <si>
    <t>FSL MK08 1280KWL</t>
  </si>
  <si>
    <t>5702329597685</t>
  </si>
  <si>
    <t>VELUX Plissee solar FSL MK08 1280KWL</t>
  </si>
  <si>
    <t>FSL MK08 1281K</t>
  </si>
  <si>
    <t>5702329584609</t>
  </si>
  <si>
    <t>VELUX Plissee solar FSL MK08 1281K</t>
  </si>
  <si>
    <t>FSL MK08 1281KWL</t>
  </si>
  <si>
    <t>5702329597692</t>
  </si>
  <si>
    <t>VELUX Plissee solar FSL MK08 1281KWL</t>
  </si>
  <si>
    <t>FSL MK08 1282K</t>
  </si>
  <si>
    <t>5702329584630</t>
  </si>
  <si>
    <t>VELUX Plissee solar FSL MK08 1282K</t>
  </si>
  <si>
    <t>FSL MK08 1282KWL</t>
  </si>
  <si>
    <t>5702329597708</t>
  </si>
  <si>
    <t>VELUX Plissee solar FSL MK08 1282KWL</t>
  </si>
  <si>
    <t>FSL MK08 1283K</t>
  </si>
  <si>
    <t>5702329584661</t>
  </si>
  <si>
    <t>VELUX Plissee solar FSL MK08 1283K</t>
  </si>
  <si>
    <t>FSL MK08 1283KWL</t>
  </si>
  <si>
    <t>5702329597715</t>
  </si>
  <si>
    <t>VELUX Plissee solar FSL MK08 1283KWL</t>
  </si>
  <si>
    <t>FSL MK08 1284K</t>
  </si>
  <si>
    <t>5702329584692</t>
  </si>
  <si>
    <t>VELUX Plissee solar FSL MK08 1284K</t>
  </si>
  <si>
    <t>FSL MK08 1284KWL</t>
  </si>
  <si>
    <t>5702329597722</t>
  </si>
  <si>
    <t>VELUX Plissee solar FSL MK08 1284KWL</t>
  </si>
  <si>
    <t>FSL MK08 1285K</t>
  </si>
  <si>
    <t>5702329584722</t>
  </si>
  <si>
    <t>VELUX Plissee solar FSL MK08 1285K</t>
  </si>
  <si>
    <t>FSL MK08 1285KWL</t>
  </si>
  <si>
    <t>5702329597739</t>
  </si>
  <si>
    <t>VELUX Plissee solar FSL MK08 1285KWL</t>
  </si>
  <si>
    <t>FSL MK08 1286K</t>
  </si>
  <si>
    <t>5702329584753</t>
  </si>
  <si>
    <t>VELUX Plissee solar FSL MK08 1286K</t>
  </si>
  <si>
    <t>FSL MK08 1286KWL</t>
  </si>
  <si>
    <t>5702329597746</t>
  </si>
  <si>
    <t>VELUX Plissee solar FSL MK08 1286KWL</t>
  </si>
  <si>
    <t>FSL MK10 1016K</t>
  </si>
  <si>
    <t>5702329584784</t>
  </si>
  <si>
    <t>VELUX Plissee solar FSL MK10 1016K</t>
  </si>
  <si>
    <t>FSL MK10 1016KWL</t>
  </si>
  <si>
    <t>5702329597753</t>
  </si>
  <si>
    <t>VELUX Plissee solar FSL MK10 1016KWL</t>
  </si>
  <si>
    <t>FSL MK10 1256KWL</t>
  </si>
  <si>
    <t>5702329597760</t>
  </si>
  <si>
    <t>VELUX Plissee solar FSL MK10 1256KWL</t>
  </si>
  <si>
    <t>FSL MK10 1259K</t>
  </si>
  <si>
    <t>5702329584845</t>
  </si>
  <si>
    <t>VELUX Plissee solar FSL MK10 1259K</t>
  </si>
  <si>
    <t>FSL MK10 1259KWL</t>
  </si>
  <si>
    <t>5702329597777</t>
  </si>
  <si>
    <t>VELUX Plissee solar FSL MK10 1259KWL</t>
  </si>
  <si>
    <t>FSL MK10 1274KWL</t>
  </si>
  <si>
    <t>5702329597784</t>
  </si>
  <si>
    <t>VELUX Plissee solar FSL MK10 1274KWL</t>
  </si>
  <si>
    <t>FSL MK10 1275K</t>
  </si>
  <si>
    <t>5702329584906</t>
  </si>
  <si>
    <t>VELUX Plissee solar FSL MK10 1275K</t>
  </si>
  <si>
    <t>FSL MK10 1275KWL</t>
  </si>
  <si>
    <t>5702329597791</t>
  </si>
  <si>
    <t>VELUX Plissee solar FSL MK10 1275KWL</t>
  </si>
  <si>
    <t>FSL MK10 1276K</t>
  </si>
  <si>
    <t>5702329584937</t>
  </si>
  <si>
    <t>VELUX Plissee solar FSL MK10 1276K</t>
  </si>
  <si>
    <t>FSL MK10 1278KWL</t>
  </si>
  <si>
    <t>5702329597821</t>
  </si>
  <si>
    <t>VELUX Plissee solar FSL MK10 1278KWL</t>
  </si>
  <si>
    <t>FSL MK10 1279KWL</t>
  </si>
  <si>
    <t>5702329597838</t>
  </si>
  <si>
    <t>VELUX Plissee solar FSL MK10 1279KWL</t>
  </si>
  <si>
    <t>FSL MK10 1280KWL</t>
  </si>
  <si>
    <t>5702329597845</t>
  </si>
  <si>
    <t>VELUX Plissee solar FSL MK10 1280KWL</t>
  </si>
  <si>
    <t>FSL MK10 1281KWL</t>
  </si>
  <si>
    <t>5702329597852</t>
  </si>
  <si>
    <t>VELUX Plissee solar FSL MK10 1281KWL</t>
  </si>
  <si>
    <t>FSL MK10 1282K</t>
  </si>
  <si>
    <t>5702329585101</t>
  </si>
  <si>
    <t>VELUX Plissee solar FSL MK10 1282K</t>
  </si>
  <si>
    <t>FSL MK10 1282KWL</t>
  </si>
  <si>
    <t>5702329597869</t>
  </si>
  <si>
    <t>VELUX Plissee solar FSL MK10 1282KWL</t>
  </si>
  <si>
    <t>FSL MK10 1284K</t>
  </si>
  <si>
    <t>5702329585163</t>
  </si>
  <si>
    <t>VELUX Plissee solar FSL MK10 1284K</t>
  </si>
  <si>
    <t>FSL MK10 1284KWL</t>
  </si>
  <si>
    <t>5702329597883</t>
  </si>
  <si>
    <t>VELUX Plissee solar FSL MK10 1284KWL</t>
  </si>
  <si>
    <t>FSL MK10 1285KWL</t>
  </si>
  <si>
    <t>5702329597890</t>
  </si>
  <si>
    <t>VELUX Plissee solar FSL MK10 1285KWL</t>
  </si>
  <si>
    <t>FSL MK10 1286KWL</t>
  </si>
  <si>
    <t>5702329597906</t>
  </si>
  <si>
    <t>VELUX Plissee solar FSL MK10 1286KWL</t>
  </si>
  <si>
    <t>FSL MK12 1016K</t>
  </si>
  <si>
    <t>5702329585255</t>
  </si>
  <si>
    <t>VELUX Plissee solar FSL MK12 1016K</t>
  </si>
  <si>
    <t>FSL MK12 1016KWL</t>
  </si>
  <si>
    <t>5702329597913</t>
  </si>
  <si>
    <t>VELUX Plissee solar FSL MK12 1016KWL</t>
  </si>
  <si>
    <t>FSL MK12 1259K</t>
  </si>
  <si>
    <t>5702329585316</t>
  </si>
  <si>
    <t>VELUX Plissee solar FSL MK12 1259K</t>
  </si>
  <si>
    <t>FSL MK12 1259KWL</t>
  </si>
  <si>
    <t>5702329597937</t>
  </si>
  <si>
    <t>VELUX Plissee solar FSL MK12 1259KWL</t>
  </si>
  <si>
    <t>FSL MK12 1275K</t>
  </si>
  <si>
    <t>5702329585378</t>
  </si>
  <si>
    <t>VELUX Plissee solar FSL MK12 1275K</t>
  </si>
  <si>
    <t>FSL MK12 1275KWL</t>
  </si>
  <si>
    <t>5702329597951</t>
  </si>
  <si>
    <t>VELUX Plissee solar FSL MK12 1275KWL</t>
  </si>
  <si>
    <t>FSL MK12 1283KWL</t>
  </si>
  <si>
    <t>5702329598033</t>
  </si>
  <si>
    <t>VELUX Plissee solar FSL MK12 1283KWL</t>
  </si>
  <si>
    <t>FSL P04 1016K</t>
  </si>
  <si>
    <t>5702329585736</t>
  </si>
  <si>
    <t>VELUX Plissee solar FSL P04 1016K</t>
  </si>
  <si>
    <t>FSL P04 1016KWL</t>
  </si>
  <si>
    <t>5702329598071</t>
  </si>
  <si>
    <t>VELUX Plissee solar FSL P04 1016KWL</t>
  </si>
  <si>
    <t>FSL P04 1259K</t>
  </si>
  <si>
    <t>5702329585781</t>
  </si>
  <si>
    <t>VELUX Plissee solar FSL P04 1259K</t>
  </si>
  <si>
    <t>FSL P04 1259KWL</t>
  </si>
  <si>
    <t>5702329598095</t>
  </si>
  <si>
    <t>VELUX Plissee solar FSL P04 1259KWL</t>
  </si>
  <si>
    <t>FSL P04 1274K</t>
  </si>
  <si>
    <t>5702329585811</t>
  </si>
  <si>
    <t>VELUX Plissee solar FSL P04 1274K</t>
  </si>
  <si>
    <t>FSL P04 1274KWL</t>
  </si>
  <si>
    <t>5702329598101</t>
  </si>
  <si>
    <t>VELUX Plissee solar FSL P04 1274KWL</t>
  </si>
  <si>
    <t>FSL P04 1275K</t>
  </si>
  <si>
    <t>5702329585842</t>
  </si>
  <si>
    <t>VELUX Plissee solar FSL P04 1275K</t>
  </si>
  <si>
    <t>FSL P04 1275KWL</t>
  </si>
  <si>
    <t>5702329598118</t>
  </si>
  <si>
    <t>VELUX Plissee solar FSL P04 1275KWL</t>
  </si>
  <si>
    <t>FSL P04 1278K</t>
  </si>
  <si>
    <t>5702329585941</t>
  </si>
  <si>
    <t>VELUX Plissee solar FSL P04 1278K</t>
  </si>
  <si>
    <t>FSL P04 1278KWL</t>
  </si>
  <si>
    <t>5702329598149</t>
  </si>
  <si>
    <t>VELUX Plissee solar FSL P04 1278KWL</t>
  </si>
  <si>
    <t>FSL P04 1282K</t>
  </si>
  <si>
    <t>5702329586078</t>
  </si>
  <si>
    <t>VELUX Plissee solar FSL P04 1282K</t>
  </si>
  <si>
    <t>FSL P04 1282KWL</t>
  </si>
  <si>
    <t>5702329598187</t>
  </si>
  <si>
    <t>VELUX Plissee solar FSL P04 1282KWL</t>
  </si>
  <si>
    <t>FSL P04 1283K</t>
  </si>
  <si>
    <t>5702329586108</t>
  </si>
  <si>
    <t>VELUX Plissee solar FSL P04 1283K</t>
  </si>
  <si>
    <t>FSL P04 1284K</t>
  </si>
  <si>
    <t>5702329586139</t>
  </si>
  <si>
    <t>VELUX Plissee solar FSL P04 1284K</t>
  </si>
  <si>
    <t>FSL P04 1286K</t>
  </si>
  <si>
    <t>5702329586191</t>
  </si>
  <si>
    <t>VELUX Plissee solar FSL P04 1286K</t>
  </si>
  <si>
    <t>FSL P04 1286KWL</t>
  </si>
  <si>
    <t>5702329598224</t>
  </si>
  <si>
    <t>VELUX Plissee solar FSL P04 1286KWL</t>
  </si>
  <si>
    <t>FSL P06 1016K</t>
  </si>
  <si>
    <t>5702329586221</t>
  </si>
  <si>
    <t>VELUX Plissee solar FSL P06 1016K</t>
  </si>
  <si>
    <t>FSL P06 1016KWL</t>
  </si>
  <si>
    <t>5702329598231</t>
  </si>
  <si>
    <t>VELUX Plissee solar FSL P06 1016KWL</t>
  </si>
  <si>
    <t>FSL P06 1256K</t>
  </si>
  <si>
    <t>5702329586252</t>
  </si>
  <si>
    <t>VELUX Plissee solar FSL P06 1256K</t>
  </si>
  <si>
    <t>FSL P06 1259K</t>
  </si>
  <si>
    <t>5702329586283</t>
  </si>
  <si>
    <t>VELUX Plissee solar FSL P06 1259K</t>
  </si>
  <si>
    <t>FSL P06 1274K</t>
  </si>
  <si>
    <t>5702329586313</t>
  </si>
  <si>
    <t>VELUX Plissee solar FSL P06 1274K</t>
  </si>
  <si>
    <t>FSL P06 1274KWL</t>
  </si>
  <si>
    <t>5702329598262</t>
  </si>
  <si>
    <t>VELUX Plissee solar FSL P06 1274KWL</t>
  </si>
  <si>
    <t>FSL P06 1277KWL</t>
  </si>
  <si>
    <t>5702329598293</t>
  </si>
  <si>
    <t>VELUX Plissee solar FSL P06 1277KWL</t>
  </si>
  <si>
    <t>FSL P06 1278K</t>
  </si>
  <si>
    <t>5702329586436</t>
  </si>
  <si>
    <t>VELUX Plissee solar FSL P06 1278K</t>
  </si>
  <si>
    <t>FSL P06 1282K</t>
  </si>
  <si>
    <t>5702329586566</t>
  </si>
  <si>
    <t>VELUX Plissee solar FSL P06 1282K</t>
  </si>
  <si>
    <t>FSL P06 1282KWL</t>
  </si>
  <si>
    <t>5702329598347</t>
  </si>
  <si>
    <t>VELUX Plissee solar FSL P06 1282KWL</t>
  </si>
  <si>
    <t>FSL P06 1284K</t>
  </si>
  <si>
    <t>5702329586627</t>
  </si>
  <si>
    <t>VELUX Plissee solar FSL P06 1284K</t>
  </si>
  <si>
    <t>FSL P06 1284KWL</t>
  </si>
  <si>
    <t>5702329598361</t>
  </si>
  <si>
    <t>VELUX Plissee solar FSL P06 1284KWL</t>
  </si>
  <si>
    <t>FSL P08 1016K</t>
  </si>
  <si>
    <t>5702329586719</t>
  </si>
  <si>
    <t>VELUX Plissee solar FSL P08 1016K</t>
  </si>
  <si>
    <t>FSL P08 1016KWL</t>
  </si>
  <si>
    <t>5702329598392</t>
  </si>
  <si>
    <t>VELUX Plissee solar FSL P08 1016KWL</t>
  </si>
  <si>
    <t>FSL P08 1256KWL</t>
  </si>
  <si>
    <t>5702329598408</t>
  </si>
  <si>
    <t>VELUX Plissee solar FSL P08 1256KWL</t>
  </si>
  <si>
    <t>FSL P08 1259K</t>
  </si>
  <si>
    <t>5702329586771</t>
  </si>
  <si>
    <t>VELUX Plissee solar FSL P08 1259K</t>
  </si>
  <si>
    <t>FSL P08 1259KWL</t>
  </si>
  <si>
    <t>5702329598415</t>
  </si>
  <si>
    <t>VELUX Plissee solar FSL P08 1259KWL</t>
  </si>
  <si>
    <t>FSL P08 1274K</t>
  </si>
  <si>
    <t>5702329586825</t>
  </si>
  <si>
    <t>VELUX Plissee solar FSL P08 1274K</t>
  </si>
  <si>
    <t>FSL P08 1275K</t>
  </si>
  <si>
    <t>5702329586856</t>
  </si>
  <si>
    <t>VELUX Plissee solar FSL P08 1275K</t>
  </si>
  <si>
    <t>FSL P08 1275KWL</t>
  </si>
  <si>
    <t>5702329598439</t>
  </si>
  <si>
    <t>VELUX Plissee solar FSL P08 1275KWL</t>
  </si>
  <si>
    <t>FSL P08 1276KWL</t>
  </si>
  <si>
    <t>5702329598446</t>
  </si>
  <si>
    <t>VELUX Plissee solar FSL P08 1276KWL</t>
  </si>
  <si>
    <t>FSL P08 1277KWL</t>
  </si>
  <si>
    <t>5702329598453</t>
  </si>
  <si>
    <t>VELUX Plissee solar FSL P08 1277KWL</t>
  </si>
  <si>
    <t>FSL P08 1278K</t>
  </si>
  <si>
    <t>5702329586948</t>
  </si>
  <si>
    <t>VELUX Plissee solar FSL P08 1278K</t>
  </si>
  <si>
    <t>FSL P08 1282K</t>
  </si>
  <si>
    <t>5702329587075</t>
  </si>
  <si>
    <t>VELUX Plissee solar FSL P08 1282K</t>
  </si>
  <si>
    <t>FSL P08 1282KWL</t>
  </si>
  <si>
    <t>5702329598507</t>
  </si>
  <si>
    <t>VELUX Plissee solar FSL P08 1282KWL</t>
  </si>
  <si>
    <t>FSL P10 1016K</t>
  </si>
  <si>
    <t>5702329587235</t>
  </si>
  <si>
    <t>VELUX Plissee solar FSL P10 1016K</t>
  </si>
  <si>
    <t>FSL P10 1016KWL</t>
  </si>
  <si>
    <t>5702329598552</t>
  </si>
  <si>
    <t>VELUX Plissee solar FSL P10 1016KWL</t>
  </si>
  <si>
    <t>FSL P10 1256KWL</t>
  </si>
  <si>
    <t>5702329598569</t>
  </si>
  <si>
    <t>VELUX Plissee solar FSL P10 1256KWL</t>
  </si>
  <si>
    <t>FSL P10 1259K</t>
  </si>
  <si>
    <t>5702329587303</t>
  </si>
  <si>
    <t>VELUX Plissee solar FSL P10 1259K</t>
  </si>
  <si>
    <t>FSL P10 1259KWL</t>
  </si>
  <si>
    <t>5702329598576</t>
  </si>
  <si>
    <t>VELUX Plissee solar FSL P10 1259KWL</t>
  </si>
  <si>
    <t>FSL P10 1274K</t>
  </si>
  <si>
    <t>5702329587334</t>
  </si>
  <si>
    <t>VELUX Plissee solar FSL P10 1274K</t>
  </si>
  <si>
    <t>FSL P10 1274KWL</t>
  </si>
  <si>
    <t>5702329598583</t>
  </si>
  <si>
    <t>VELUX Plissee solar FSL P10 1274KWL</t>
  </si>
  <si>
    <t>FSL P10 1275K</t>
  </si>
  <si>
    <t>5702329587365</t>
  </si>
  <si>
    <t>VELUX Plissee solar FSL P10 1275K</t>
  </si>
  <si>
    <t>FSL P10 1275KWL</t>
  </si>
  <si>
    <t>5702329598590</t>
  </si>
  <si>
    <t>VELUX Plissee solar FSL P10 1275KWL</t>
  </si>
  <si>
    <t>FSL P10 1276K</t>
  </si>
  <si>
    <t>5702329587389</t>
  </si>
  <si>
    <t>VELUX Plissee solar FSL P10 1276K</t>
  </si>
  <si>
    <t>FSL P10 1277K</t>
  </si>
  <si>
    <t>5702329587402</t>
  </si>
  <si>
    <t>VELUX Plissee solar FSL P10 1277K</t>
  </si>
  <si>
    <t>FSL P10 1277KWL</t>
  </si>
  <si>
    <t>5702329598613</t>
  </si>
  <si>
    <t>VELUX Plissee solar FSL P10 1277KWL</t>
  </si>
  <si>
    <t>FSL P10 1278K</t>
  </si>
  <si>
    <t>5702329587426</t>
  </si>
  <si>
    <t>VELUX Plissee solar FSL P10 1278K</t>
  </si>
  <si>
    <t>FSL P10 1282K</t>
  </si>
  <si>
    <t>5702329587501</t>
  </si>
  <si>
    <t>VELUX Plissee solar FSL P10 1282K</t>
  </si>
  <si>
    <t>FSL P10 1282KWL</t>
  </si>
  <si>
    <t>5702329598668</t>
  </si>
  <si>
    <t>VELUX Plissee solar FSL P10 1282KWL</t>
  </si>
  <si>
    <t>FSL P10 1283K</t>
  </si>
  <si>
    <t>5702329587525</t>
  </si>
  <si>
    <t>VELUX Plissee solar FSL P10 1283K</t>
  </si>
  <si>
    <t>FSL P10 1283KWL</t>
  </si>
  <si>
    <t>5702329598675</t>
  </si>
  <si>
    <t>VELUX Plissee solar FSL P10 1283KWL</t>
  </si>
  <si>
    <t>FSL P10 1284K</t>
  </si>
  <si>
    <t>5702329587549</t>
  </si>
  <si>
    <t>VELUX Plissee solar FSL P10 1284K</t>
  </si>
  <si>
    <t>FSL P10 1286K</t>
  </si>
  <si>
    <t>5702329587587</t>
  </si>
  <si>
    <t>VELUX Plissee solar FSL P10 1286K</t>
  </si>
  <si>
    <t>FSL P31 1282KWL</t>
  </si>
  <si>
    <t>5702329598989</t>
  </si>
  <si>
    <t>VELUX Plissee solar FSL P31 1282KWL</t>
  </si>
  <si>
    <t>FSL PK06 1016K</t>
  </si>
  <si>
    <t>5702329588881</t>
  </si>
  <si>
    <t>VELUX Plissee solar FSL PK06 1016K</t>
  </si>
  <si>
    <t>FSL PK06 1016KWL</t>
  </si>
  <si>
    <t>5702329599191</t>
  </si>
  <si>
    <t>VELUX Plissee solar FSL PK06 1016KWL</t>
  </si>
  <si>
    <t>FSL PK06 1256KWL</t>
  </si>
  <si>
    <t>5702329599207</t>
  </si>
  <si>
    <t>VELUX Plissee solar FSL PK06 1256KWL</t>
  </si>
  <si>
    <t>FSL PK06 1259K</t>
  </si>
  <si>
    <t>5702329588928</t>
  </si>
  <si>
    <t>VELUX Plissee solar FSL PK06 1259K</t>
  </si>
  <si>
    <t>FSL PK06 1259KWL</t>
  </si>
  <si>
    <t>5702329599214</t>
  </si>
  <si>
    <t>VELUX Plissee solar FSL PK06 1259KWL</t>
  </si>
  <si>
    <t>FSL PK06 1274KWL</t>
  </si>
  <si>
    <t>5702329599221</t>
  </si>
  <si>
    <t>VELUX Plissee solar FSL PK06 1274KWL</t>
  </si>
  <si>
    <t>FSL PK06 1275K</t>
  </si>
  <si>
    <t>5702329588966</t>
  </si>
  <si>
    <t>VELUX Plissee solar FSL PK06 1275K</t>
  </si>
  <si>
    <t>FSL PK06 1275KWL</t>
  </si>
  <si>
    <t>5702329599238</t>
  </si>
  <si>
    <t>VELUX Plissee solar FSL PK06 1275KWL</t>
  </si>
  <si>
    <t>FSL PK06 1277KWL</t>
  </si>
  <si>
    <t>5702329599252</t>
  </si>
  <si>
    <t>VELUX Plissee solar FSL PK06 1277KWL</t>
  </si>
  <si>
    <t>FSL PK06 1280K</t>
  </si>
  <si>
    <t>5702329589062</t>
  </si>
  <si>
    <t>VELUX Plissee solar FSL PK06 1280K</t>
  </si>
  <si>
    <t>FSL PK06 1281KWL</t>
  </si>
  <si>
    <t>5702329599290</t>
  </si>
  <si>
    <t>VELUX Plissee solar FSL PK06 1281KWL</t>
  </si>
  <si>
    <t>FSL PK06 1282K</t>
  </si>
  <si>
    <t>5702329589109</t>
  </si>
  <si>
    <t>VELUX Plissee solar FSL PK06 1282K</t>
  </si>
  <si>
    <t>FSL PK06 1282KWL</t>
  </si>
  <si>
    <t>5702329599306</t>
  </si>
  <si>
    <t>VELUX Plissee solar FSL PK06 1282KWL</t>
  </si>
  <si>
    <t>FSL PK06 1283K</t>
  </si>
  <si>
    <t>5702329589123</t>
  </si>
  <si>
    <t>VELUX Plissee solar FSL PK06 1283K</t>
  </si>
  <si>
    <t>FSL PK06 1283KWL</t>
  </si>
  <si>
    <t>5702329599313</t>
  </si>
  <si>
    <t>VELUX Plissee solar FSL PK06 1283KWL</t>
  </si>
  <si>
    <t>FSL PK06 1284K</t>
  </si>
  <si>
    <t>5702329589147</t>
  </si>
  <si>
    <t>VELUX Plissee solar FSL PK06 1284K</t>
  </si>
  <si>
    <t>FSL PK06 1284KWL</t>
  </si>
  <si>
    <t>5702329599320</t>
  </si>
  <si>
    <t>VELUX Plissee solar FSL PK06 1284KWL</t>
  </si>
  <si>
    <t>FSL PK06 1285KWL</t>
  </si>
  <si>
    <t>5702329599337</t>
  </si>
  <si>
    <t>VELUX Plissee solar FSL PK06 1285KWL</t>
  </si>
  <si>
    <t>FSL PK06 1286KWL</t>
  </si>
  <si>
    <t>5702329599344</t>
  </si>
  <si>
    <t>VELUX Plissee solar FSL PK06 1286KWL</t>
  </si>
  <si>
    <t>FSL PK08 1016K</t>
  </si>
  <si>
    <t>5702329589208</t>
  </si>
  <si>
    <t>VELUX Plissee solar FSL PK08 1016K</t>
  </si>
  <si>
    <t>FSL PK08 1016KWL</t>
  </si>
  <si>
    <t>5702329599351</t>
  </si>
  <si>
    <t>VELUX Plissee solar FSL PK08 1016KWL</t>
  </si>
  <si>
    <t>FSL PK08 1256K</t>
  </si>
  <si>
    <t>5702329589222</t>
  </si>
  <si>
    <t>VELUX Plissee solar FSL PK08 1256K</t>
  </si>
  <si>
    <t>FSL PK08 1256KWL</t>
  </si>
  <si>
    <t>5702329599368</t>
  </si>
  <si>
    <t>VELUX Plissee solar FSL PK08 1256KWL</t>
  </si>
  <si>
    <t>FSL PK08 1259K</t>
  </si>
  <si>
    <t>5702329589246</t>
  </si>
  <si>
    <t>VELUX Plissee solar FSL PK08 1259K</t>
  </si>
  <si>
    <t>FSL PK08 1259KWL</t>
  </si>
  <si>
    <t>5702329599375</t>
  </si>
  <si>
    <t>VELUX Plissee solar FSL PK08 1259KWL</t>
  </si>
  <si>
    <t>FSL PK08 1274K</t>
  </si>
  <si>
    <t>5702329589260</t>
  </si>
  <si>
    <t>VELUX Plissee solar FSL PK08 1274K</t>
  </si>
  <si>
    <t>FSL PK08 1274KWL</t>
  </si>
  <si>
    <t>5702329599382</t>
  </si>
  <si>
    <t>VELUX Plissee solar FSL PK08 1274KWL</t>
  </si>
  <si>
    <t>FSL PK08 1275KWL</t>
  </si>
  <si>
    <t>5702329599399</t>
  </si>
  <si>
    <t>VELUX Plissee solar FSL PK08 1275KWL</t>
  </si>
  <si>
    <t>FSL PK08 1277K</t>
  </si>
  <si>
    <t>5702329589321</t>
  </si>
  <si>
    <t>VELUX Plissee solar FSL PK08 1277K</t>
  </si>
  <si>
    <t>FSL PK08 1277KWL</t>
  </si>
  <si>
    <t>5702329599412</t>
  </si>
  <si>
    <t>VELUX Plissee solar FSL PK08 1277KWL</t>
  </si>
  <si>
    <t>FSL PK08 1278K</t>
  </si>
  <si>
    <t>5702329589345</t>
  </si>
  <si>
    <t>VELUX Plissee solar FSL PK08 1278K</t>
  </si>
  <si>
    <t>FSL PK08 1278KWL</t>
  </si>
  <si>
    <t>5702329599429</t>
  </si>
  <si>
    <t>VELUX Plissee solar FSL PK08 1278KWL</t>
  </si>
  <si>
    <t>FSL PK08 1279KWL</t>
  </si>
  <si>
    <t>5702329599436</t>
  </si>
  <si>
    <t>VELUX Plissee solar FSL PK08 1279KWL</t>
  </si>
  <si>
    <t>FSL PK08 1282K</t>
  </si>
  <si>
    <t>5702329589420</t>
  </si>
  <si>
    <t>VELUX Plissee solar FSL PK08 1282K</t>
  </si>
  <si>
    <t>FSL PK08 1282KWL</t>
  </si>
  <si>
    <t>5702329599467</t>
  </si>
  <si>
    <t>VELUX Plissee solar FSL PK08 1282KWL</t>
  </si>
  <si>
    <t>FSL PK08 1283K</t>
  </si>
  <si>
    <t>5702329589444</t>
  </si>
  <si>
    <t>VELUX Plissee solar FSL PK08 1283K</t>
  </si>
  <si>
    <t>FSL PK08 1283KWL</t>
  </si>
  <si>
    <t>5702329599474</t>
  </si>
  <si>
    <t>VELUX Plissee solar FSL PK08 1283KWL</t>
  </si>
  <si>
    <t>FSL PK08 1284K</t>
  </si>
  <si>
    <t>5702329589468</t>
  </si>
  <si>
    <t>VELUX Plissee solar FSL PK08 1284K</t>
  </si>
  <si>
    <t>FSL PK08 1284KWL</t>
  </si>
  <si>
    <t>5702329599481</t>
  </si>
  <si>
    <t>VELUX Plissee solar FSL PK08 1284KWL</t>
  </si>
  <si>
    <t>FSL PK08 1285K</t>
  </si>
  <si>
    <t>5702329589482</t>
  </si>
  <si>
    <t>VELUX Plissee solar FSL PK08 1285K</t>
  </si>
  <si>
    <t>FSL PK08 1285KWL</t>
  </si>
  <si>
    <t>5702329599498</t>
  </si>
  <si>
    <t>VELUX Plissee solar FSL PK08 1285KWL</t>
  </si>
  <si>
    <t>FSL PK08 1286K</t>
  </si>
  <si>
    <t>5702329589505</t>
  </si>
  <si>
    <t>VELUX Plissee solar FSL PK08 1286K</t>
  </si>
  <si>
    <t>FSL PK08 1286KWL</t>
  </si>
  <si>
    <t>5702329599504</t>
  </si>
  <si>
    <t>VELUX Plissee solar FSL PK08 1286KWL</t>
  </si>
  <si>
    <t>FSL PK10 1016K</t>
  </si>
  <si>
    <t>5702329589529</t>
  </si>
  <si>
    <t>VELUX Plissee solar FSL PK10 1016K</t>
  </si>
  <si>
    <t>FSL PK10 1016KWL</t>
  </si>
  <si>
    <t>5702329599511</t>
  </si>
  <si>
    <t>VELUX Plissee solar FSL PK10 1016KWL</t>
  </si>
  <si>
    <t>FSL PK10 1256K</t>
  </si>
  <si>
    <t>5702329589543</t>
  </si>
  <si>
    <t>VELUX Plissee solar FSL PK10 1256K</t>
  </si>
  <si>
    <t>FSL PK10 1256KWL</t>
  </si>
  <si>
    <t>5702329599528</t>
  </si>
  <si>
    <t>VELUX Plissee solar FSL PK10 1256KWL</t>
  </si>
  <si>
    <t>FSL PK10 1259K</t>
  </si>
  <si>
    <t>5702329589567</t>
  </si>
  <si>
    <t>VELUX Plissee solar FSL PK10 1259K</t>
  </si>
  <si>
    <t>FSL PK10 1259KWL</t>
  </si>
  <si>
    <t>5702329599535</t>
  </si>
  <si>
    <t>VELUX Plissee solar FSL PK10 1259KWL</t>
  </si>
  <si>
    <t>FSL PK10 1274KWL</t>
  </si>
  <si>
    <t>5702329599542</t>
  </si>
  <si>
    <t>VELUX Plissee solar FSL PK10 1274KWL</t>
  </si>
  <si>
    <t>FSL PK10 1275K</t>
  </si>
  <si>
    <t>5702329589604</t>
  </si>
  <si>
    <t>VELUX Plissee solar FSL PK10 1275K</t>
  </si>
  <si>
    <t>FSL PK10 1275KWL</t>
  </si>
  <si>
    <t>5702329599559</t>
  </si>
  <si>
    <t>VELUX Plissee solar FSL PK10 1275KWL</t>
  </si>
  <si>
    <t>FSL PK10 1277K</t>
  </si>
  <si>
    <t>5702329589642</t>
  </si>
  <si>
    <t>VELUX Plissee solar FSL PK10 1277K</t>
  </si>
  <si>
    <t>FSL PK10 1277KWL</t>
  </si>
  <si>
    <t>5702329599573</t>
  </si>
  <si>
    <t>VELUX Plissee solar FSL PK10 1277KWL</t>
  </si>
  <si>
    <t>FSL PK10 1278K</t>
  </si>
  <si>
    <t>5702329589666</t>
  </si>
  <si>
    <t>VELUX Plissee solar FSL PK10 1278K</t>
  </si>
  <si>
    <t>FSL PK10 1278KWL</t>
  </si>
  <si>
    <t>5702329599580</t>
  </si>
  <si>
    <t>VELUX Plissee solar FSL PK10 1278KWL</t>
  </si>
  <si>
    <t>FSL PK10 1280K</t>
  </si>
  <si>
    <t>5702329589703</t>
  </si>
  <si>
    <t>VELUX Plissee solar FSL PK10 1280K</t>
  </si>
  <si>
    <t>FSL PK10 1280KWL</t>
  </si>
  <si>
    <t>5702329599603</t>
  </si>
  <si>
    <t>VELUX Plissee solar FSL PK10 1280KWL</t>
  </si>
  <si>
    <t>FSL PK10 1282K</t>
  </si>
  <si>
    <t>5702329589741</t>
  </si>
  <si>
    <t>VELUX Plissee solar FSL PK10 1282K</t>
  </si>
  <si>
    <t>FSL PK10 1282KWL</t>
  </si>
  <si>
    <t>5702329599627</t>
  </si>
  <si>
    <t>VELUX Plissee solar FSL PK10 1282KWL</t>
  </si>
  <si>
    <t>FSL PK10 1283K</t>
  </si>
  <si>
    <t>5702329589765</t>
  </si>
  <si>
    <t>VELUX Plissee solar FSL PK10 1283K</t>
  </si>
  <si>
    <t>FSL PK10 1283KWL</t>
  </si>
  <si>
    <t>5702329599634</t>
  </si>
  <si>
    <t>VELUX Plissee solar FSL PK10 1283KWL</t>
  </si>
  <si>
    <t>FSL PK10 1284KWL</t>
  </si>
  <si>
    <t>5702329599641</t>
  </si>
  <si>
    <t>VELUX Plissee solar FSL PK10 1284KWL</t>
  </si>
  <si>
    <t>FSL PK10 1285K</t>
  </si>
  <si>
    <t>5702329589802</t>
  </si>
  <si>
    <t>VELUX Plissee solar FSL PK10 1285K</t>
  </si>
  <si>
    <t>FSL PK10 1285KWL</t>
  </si>
  <si>
    <t>5702329599658</t>
  </si>
  <si>
    <t>VELUX Plissee solar FSL PK10 1285KWL</t>
  </si>
  <si>
    <t>FSL PK10 1286K</t>
  </si>
  <si>
    <t>5702329589826</t>
  </si>
  <si>
    <t>VELUX Plissee solar FSL PK10 1286K</t>
  </si>
  <si>
    <t>FSL PK10 1286KWL</t>
  </si>
  <si>
    <t>5702329599665</t>
  </si>
  <si>
    <t>VELUX Plissee solar FSL PK10 1286KWL</t>
  </si>
  <si>
    <t>FSL S04 1016K</t>
  </si>
  <si>
    <t>5702329590495</t>
  </si>
  <si>
    <t>VELUX Plissee solar FSL S04 1016K</t>
  </si>
  <si>
    <t>FSL S04 1016KWL</t>
  </si>
  <si>
    <t>5702329599993</t>
  </si>
  <si>
    <t>VELUX Plissee solar FSL S04 1016KWL</t>
  </si>
  <si>
    <t>FSL S04 1256KWL</t>
  </si>
  <si>
    <t>5702329600002</t>
  </si>
  <si>
    <t>VELUX Plissee solar FSL S04 1256KWL</t>
  </si>
  <si>
    <t>FSL S04 1259K</t>
  </si>
  <si>
    <t>5702329590532</t>
  </si>
  <si>
    <t>VELUX Plissee solar FSL S04 1259K</t>
  </si>
  <si>
    <t>FSL S04 1259KWL</t>
  </si>
  <si>
    <t>5702329600019</t>
  </si>
  <si>
    <t>VELUX Plissee solar FSL S04 1259KWL</t>
  </si>
  <si>
    <t>FSL S04 1274K</t>
  </si>
  <si>
    <t>5702329590556</t>
  </si>
  <si>
    <t>VELUX Plissee solar FSL S04 1274K</t>
  </si>
  <si>
    <t>FSL S04 1274KWL</t>
  </si>
  <si>
    <t>5702329600026</t>
  </si>
  <si>
    <t>VELUX Plissee solar FSL S04 1274KWL</t>
  </si>
  <si>
    <t>FSL S04 1275KWL</t>
  </si>
  <si>
    <t>5702329600033</t>
  </si>
  <si>
    <t>VELUX Plissee solar FSL S04 1275KWL</t>
  </si>
  <si>
    <t>FSL S04 1278K</t>
  </si>
  <si>
    <t>5702329590631</t>
  </si>
  <si>
    <t>VELUX Plissee solar FSL S04 1278K</t>
  </si>
  <si>
    <t>FSL S04 1281KWL</t>
  </si>
  <si>
    <t>5702329600095</t>
  </si>
  <si>
    <t>VELUX Plissee solar FSL S04 1281KWL</t>
  </si>
  <si>
    <t>FSL S04 1282KWL</t>
  </si>
  <si>
    <t>5702329600101</t>
  </si>
  <si>
    <t>VELUX Plissee solar FSL S04 1282KWL</t>
  </si>
  <si>
    <t>FSL S04 1283KWL</t>
  </si>
  <si>
    <t>5702329600118</t>
  </si>
  <si>
    <t>VELUX Plissee solar FSL S04 1283KWL</t>
  </si>
  <si>
    <t>FSL S04 1284KWL</t>
  </si>
  <si>
    <t>5702329600125</t>
  </si>
  <si>
    <t>VELUX Plissee solar FSL S04 1284KWL</t>
  </si>
  <si>
    <t>FSL S06 1016K</t>
  </si>
  <si>
    <t>5702329590815</t>
  </si>
  <si>
    <t>VELUX Plissee solar FSL S06 1016K</t>
  </si>
  <si>
    <t>FSL S06 1016KWL</t>
  </si>
  <si>
    <t>5702329600156</t>
  </si>
  <si>
    <t>VELUX Plissee solar FSL S06 1016KWL</t>
  </si>
  <si>
    <t>FSL S06 1256K</t>
  </si>
  <si>
    <t>5702329590839</t>
  </si>
  <si>
    <t>VELUX Plissee solar FSL S06 1256K</t>
  </si>
  <si>
    <t>FSL S06 1256KWL</t>
  </si>
  <si>
    <t>5702329600163</t>
  </si>
  <si>
    <t>VELUX Plissee solar FSL S06 1256KWL</t>
  </si>
  <si>
    <t>FSL S06 1259K</t>
  </si>
  <si>
    <t>5702329590853</t>
  </si>
  <si>
    <t>VELUX Plissee solar FSL S06 1259K</t>
  </si>
  <si>
    <t>FSL S06 1259KWL</t>
  </si>
  <si>
    <t>5702329600170</t>
  </si>
  <si>
    <t>VELUX Plissee solar FSL S06 1259KWL</t>
  </si>
  <si>
    <t>FSL S06 1274K</t>
  </si>
  <si>
    <t>5702329590877</t>
  </si>
  <si>
    <t>VELUX Plissee solar FSL S06 1274K</t>
  </si>
  <si>
    <t>FSL S06 1274KWL</t>
  </si>
  <si>
    <t>5702329600187</t>
  </si>
  <si>
    <t>VELUX Plissee solar FSL S06 1274KWL</t>
  </si>
  <si>
    <t>FSL S06 1275K</t>
  </si>
  <si>
    <t>5702329590891</t>
  </si>
  <si>
    <t>VELUX Plissee solar FSL S06 1275K</t>
  </si>
  <si>
    <t>FSL S06 1275KWL</t>
  </si>
  <si>
    <t>5702329600194</t>
  </si>
  <si>
    <t>VELUX Plissee solar FSL S06 1275KWL</t>
  </si>
  <si>
    <t>FSL S06 1277K</t>
  </si>
  <si>
    <t>5702329590938</t>
  </si>
  <si>
    <t>VELUX Plissee solar FSL S06 1277K</t>
  </si>
  <si>
    <t>FSL S06 1278K</t>
  </si>
  <si>
    <t>5702329590952</t>
  </si>
  <si>
    <t>VELUX Plissee solar FSL S06 1278K</t>
  </si>
  <si>
    <t>FSL S06 1278KWL</t>
  </si>
  <si>
    <t>5702329600224</t>
  </si>
  <si>
    <t>VELUX Plissee solar FSL S06 1278KWL</t>
  </si>
  <si>
    <t>FSL S06 1279K</t>
  </si>
  <si>
    <t>5702329590976</t>
  </si>
  <si>
    <t>VELUX Plissee solar FSL S06 1279K</t>
  </si>
  <si>
    <t>FSL S06 1280K</t>
  </si>
  <si>
    <t>5702329590990</t>
  </si>
  <si>
    <t>VELUX Plissee solar FSL S06 1280K</t>
  </si>
  <si>
    <t>FSL S06 1281KWL</t>
  </si>
  <si>
    <t>5702329600255</t>
  </si>
  <si>
    <t>VELUX Plissee solar FSL S06 1281KWL</t>
  </si>
  <si>
    <t>FSL S06 1282K</t>
  </si>
  <si>
    <t>5702329591034</t>
  </si>
  <si>
    <t>VELUX Plissee solar FSL S06 1282K</t>
  </si>
  <si>
    <t>FSL S06 1282KWL</t>
  </si>
  <si>
    <t>5702329600262</t>
  </si>
  <si>
    <t>VELUX Plissee solar FSL S06 1282KWL</t>
  </si>
  <si>
    <t>FSL S06 1283K</t>
  </si>
  <si>
    <t>5702329591058</t>
  </si>
  <si>
    <t>VELUX Plissee solar FSL S06 1283K</t>
  </si>
  <si>
    <t>FSL S06 1283KWL</t>
  </si>
  <si>
    <t>5702329600279</t>
  </si>
  <si>
    <t>VELUX Plissee solar FSL S06 1283KWL</t>
  </si>
  <si>
    <t>FSL S06 1284K</t>
  </si>
  <si>
    <t>5702329591072</t>
  </si>
  <si>
    <t>VELUX Plissee solar FSL S06 1284K</t>
  </si>
  <si>
    <t>FSL S06 1284KWL</t>
  </si>
  <si>
    <t>5702329600286</t>
  </si>
  <si>
    <t>VELUX Plissee solar FSL S06 1284KWL</t>
  </si>
  <si>
    <t>FSL S06 1285K</t>
  </si>
  <si>
    <t>5702329591096</t>
  </si>
  <si>
    <t>VELUX Plissee solar FSL S06 1285K</t>
  </si>
  <si>
    <t>FSL S06 1285KWL</t>
  </si>
  <si>
    <t>5702329600293</t>
  </si>
  <si>
    <t>VELUX Plissee solar FSL S06 1285KWL</t>
  </si>
  <si>
    <t>FSL S06 1286K</t>
  </si>
  <si>
    <t>5702329591119</t>
  </si>
  <si>
    <t>VELUX Plissee solar FSL S06 1286K</t>
  </si>
  <si>
    <t>FSL S06 1286KWL</t>
  </si>
  <si>
    <t>5702329600309</t>
  </si>
  <si>
    <t>VELUX Plissee solar FSL S06 1286KWL</t>
  </si>
  <si>
    <t>FSL S08 1016K</t>
  </si>
  <si>
    <t>5702329591133</t>
  </si>
  <si>
    <t>VELUX Plissee solar FSL S08 1016K</t>
  </si>
  <si>
    <t>FSL S08 1016KWL</t>
  </si>
  <si>
    <t>5702329600316</t>
  </si>
  <si>
    <t>VELUX Plissee solar FSL S08 1016KWL</t>
  </si>
  <si>
    <t>FSL S08 1256KWL</t>
  </si>
  <si>
    <t>5702329600323</t>
  </si>
  <si>
    <t>VELUX Plissee solar FSL S08 1256KWL</t>
  </si>
  <si>
    <t>FSL S08 1259K</t>
  </si>
  <si>
    <t>5702329591171</t>
  </si>
  <si>
    <t>VELUX Plissee solar FSL S08 1259K</t>
  </si>
  <si>
    <t>FSL S08 1274KWL</t>
  </si>
  <si>
    <t>5702329600347</t>
  </si>
  <si>
    <t>VELUX Plissee solar FSL S08 1274KWL</t>
  </si>
  <si>
    <t>FSL S08 1276KWL</t>
  </si>
  <si>
    <t>5702329600361</t>
  </si>
  <si>
    <t>VELUX Plissee solar FSL S08 1276KWL</t>
  </si>
  <si>
    <t>FSL S08 1278K</t>
  </si>
  <si>
    <t>5702329591263</t>
  </si>
  <si>
    <t>VELUX Plissee solar FSL S08 1278K</t>
  </si>
  <si>
    <t>FSL S08 1281KWL</t>
  </si>
  <si>
    <t>5702329600415</t>
  </si>
  <si>
    <t>VELUX Plissee solar FSL S08 1281KWL</t>
  </si>
  <si>
    <t>FSL S08 1282KWL</t>
  </si>
  <si>
    <t>5702329600422</t>
  </si>
  <si>
    <t>VELUX Plissee solar FSL S08 1282KWL</t>
  </si>
  <si>
    <t>FSL S10 1016K</t>
  </si>
  <si>
    <t>5702329591355</t>
  </si>
  <si>
    <t>VELUX Plissee solar FSL S10 1016K</t>
  </si>
  <si>
    <t>FSL S10 1016KWL</t>
  </si>
  <si>
    <t>5702329600477</t>
  </si>
  <si>
    <t>VELUX Plissee solar FSL S10 1016KWL</t>
  </si>
  <si>
    <t>FSL S10 1278K</t>
  </si>
  <si>
    <t>5702329591423</t>
  </si>
  <si>
    <t>VELUX Plissee solar FSL S10 1278K</t>
  </si>
  <si>
    <t>FSL S10 1282KWL</t>
  </si>
  <si>
    <t>5702329600583</t>
  </si>
  <si>
    <t>VELUX Plissee solar FSL S10 1282KWL</t>
  </si>
  <si>
    <t>FSL S10 1284KWL</t>
  </si>
  <si>
    <t>5702329600606</t>
  </si>
  <si>
    <t>VELUX Plissee solar FSL S10 1284KWL</t>
  </si>
  <si>
    <t>FSL S31 1275KWL</t>
  </si>
  <si>
    <t>5702329600675</t>
  </si>
  <si>
    <t>VELUX Plissee solar FSL S31 1275KWL</t>
  </si>
  <si>
    <t>FSL SK06 1016K</t>
  </si>
  <si>
    <t>5702329591997</t>
  </si>
  <si>
    <t>VELUX Plissee solar FSL SK06 1016K</t>
  </si>
  <si>
    <t>FSL SK06 1016KWL</t>
  </si>
  <si>
    <t>5702329600958</t>
  </si>
  <si>
    <t>VELUX Plissee solar FSL SK06 1016KWL</t>
  </si>
  <si>
    <t>FSL SK06 1256K</t>
  </si>
  <si>
    <t>5702329592000</t>
  </si>
  <si>
    <t>VELUX Plissee solar FSL SK06 1256K</t>
  </si>
  <si>
    <t>FSL SK06 1256KWL</t>
  </si>
  <si>
    <t>5702329600965</t>
  </si>
  <si>
    <t>VELUX Plissee solar FSL SK06 1256KWL</t>
  </si>
  <si>
    <t>FSL SK06 1259K</t>
  </si>
  <si>
    <t>5702329592017</t>
  </si>
  <si>
    <t>VELUX Plissee solar FSL SK06 1259K</t>
  </si>
  <si>
    <t>FSL SK06 1259KWL</t>
  </si>
  <si>
    <t>5702329600972</t>
  </si>
  <si>
    <t>VELUX Plissee solar FSL SK06 1259KWL</t>
  </si>
  <si>
    <t>FSL SK06 1274K</t>
  </si>
  <si>
    <t>5702329592024</t>
  </si>
  <si>
    <t>VELUX Plissee solar FSL SK06 1274K</t>
  </si>
  <si>
    <t>FSL SK06 1274KWL</t>
  </si>
  <si>
    <t>5702329600989</t>
  </si>
  <si>
    <t>VELUX Plissee solar FSL SK06 1274KWL</t>
  </si>
  <si>
    <t>FSL SK06 1275K</t>
  </si>
  <si>
    <t>5702329592031</t>
  </si>
  <si>
    <t>VELUX Plissee solar FSL SK06 1275K</t>
  </si>
  <si>
    <t>FSL SK06 1275KWL</t>
  </si>
  <si>
    <t>5702329600996</t>
  </si>
  <si>
    <t>VELUX Plissee solar FSL SK06 1275KWL</t>
  </si>
  <si>
    <t>FSL SK06 1276K</t>
  </si>
  <si>
    <t>5702329592048</t>
  </si>
  <si>
    <t>VELUX Plissee solar FSL SK06 1276K</t>
  </si>
  <si>
    <t>FSL SK06 1276KWL</t>
  </si>
  <si>
    <t>5702329601009</t>
  </si>
  <si>
    <t>VELUX Plissee solar FSL SK06 1276KWL</t>
  </si>
  <si>
    <t>FSL SK06 1277K</t>
  </si>
  <si>
    <t>5702329592055</t>
  </si>
  <si>
    <t>VELUX Plissee solar FSL SK06 1277K</t>
  </si>
  <si>
    <t>FSL SK06 1277KWL</t>
  </si>
  <si>
    <t>5702329601016</t>
  </si>
  <si>
    <t>VELUX Plissee solar FSL SK06 1277KWL</t>
  </si>
  <si>
    <t>FSL SK06 1278K</t>
  </si>
  <si>
    <t>5702329592062</t>
  </si>
  <si>
    <t>VELUX Plissee solar FSL SK06 1278K</t>
  </si>
  <si>
    <t>FSL SK06 1278KWL</t>
  </si>
  <si>
    <t>5702329601023</t>
  </si>
  <si>
    <t>VELUX Plissee solar FSL SK06 1278KWL</t>
  </si>
  <si>
    <t>FSL SK06 1279K</t>
  </si>
  <si>
    <t>5702329592079</t>
  </si>
  <si>
    <t>VELUX Plissee solar FSL SK06 1279K</t>
  </si>
  <si>
    <t>FSL SK06 1279KWL</t>
  </si>
  <si>
    <t>5702329601030</t>
  </si>
  <si>
    <t>VELUX Plissee solar FSL SK06 1279KWL</t>
  </si>
  <si>
    <t>FSL SK06 1280K</t>
  </si>
  <si>
    <t>5702329592086</t>
  </si>
  <si>
    <t>VELUX Plissee solar FSL SK06 1280K</t>
  </si>
  <si>
    <t>FSL SK06 1280KWL</t>
  </si>
  <si>
    <t>5702329601047</t>
  </si>
  <si>
    <t>VELUX Plissee solar FSL SK06 1280KWL</t>
  </si>
  <si>
    <t>FSL SK06 1281K</t>
  </si>
  <si>
    <t>5702329592093</t>
  </si>
  <si>
    <t>VELUX Plissee solar FSL SK06 1281K</t>
  </si>
  <si>
    <t>FSL SK06 1281KWL</t>
  </si>
  <si>
    <t>5702329601054</t>
  </si>
  <si>
    <t>VELUX Plissee solar FSL SK06 1281KWL</t>
  </si>
  <si>
    <t>FSL SK06 1282K</t>
  </si>
  <si>
    <t>5702329592109</t>
  </si>
  <si>
    <t>VELUX Plissee solar FSL SK06 1282K</t>
  </si>
  <si>
    <t>FSL SK06 1282KWL</t>
  </si>
  <si>
    <t>5702329601061</t>
  </si>
  <si>
    <t>VELUX Plissee solar FSL SK06 1282KWL</t>
  </si>
  <si>
    <t>FSL SK06 1283K</t>
  </si>
  <si>
    <t>5702329592116</t>
  </si>
  <si>
    <t>VELUX Plissee solar FSL SK06 1283K</t>
  </si>
  <si>
    <t>FSL SK06 1283KWL</t>
  </si>
  <si>
    <t>5702329601078</t>
  </si>
  <si>
    <t>VELUX Plissee solar FSL SK06 1283KWL</t>
  </si>
  <si>
    <t>FSL SK06 1284K</t>
  </si>
  <si>
    <t>5702329592123</t>
  </si>
  <si>
    <t>VELUX Plissee solar FSL SK06 1284K</t>
  </si>
  <si>
    <t>FSL SK06 1284KWL</t>
  </si>
  <si>
    <t>5702329601085</t>
  </si>
  <si>
    <t>VELUX Plissee solar FSL SK06 1284KWL</t>
  </si>
  <si>
    <t>FSL SK06 1285K</t>
  </si>
  <si>
    <t>5702329592130</t>
  </si>
  <si>
    <t>VELUX Plissee solar FSL SK06 1285K</t>
  </si>
  <si>
    <t>FSL SK06 1285KWL</t>
  </si>
  <si>
    <t>5702329601092</t>
  </si>
  <si>
    <t>VELUX Plissee solar FSL SK06 1285KWL</t>
  </si>
  <si>
    <t>FSL SK06 1286K</t>
  </si>
  <si>
    <t>5702329592147</t>
  </si>
  <si>
    <t>VELUX Plissee solar FSL SK06 1286K</t>
  </si>
  <si>
    <t>FSL SK06 1286KWL</t>
  </si>
  <si>
    <t>5702329601108</t>
  </si>
  <si>
    <t>VELUX Plissee solar FSL SK06 1286KWL</t>
  </si>
  <si>
    <t>FSL SK08 1016K</t>
  </si>
  <si>
    <t>5702329592154</t>
  </si>
  <si>
    <t>VELUX Plissee solar FSL SK08 1016K</t>
  </si>
  <si>
    <t>FSL SK08 1016KWL</t>
  </si>
  <si>
    <t>5702329601115</t>
  </si>
  <si>
    <t>VELUX Plissee solar FSL SK08 1016KWL</t>
  </si>
  <si>
    <t>FSL SK08 1256KWL</t>
  </si>
  <si>
    <t>5702329601122</t>
  </si>
  <si>
    <t>VELUX Plissee solar FSL SK08 1256KWL</t>
  </si>
  <si>
    <t>FSL SK08 1259K</t>
  </si>
  <si>
    <t>5702329592178</t>
  </si>
  <si>
    <t>VELUX Plissee solar FSL SK08 1259K</t>
  </si>
  <si>
    <t>FSL SK08 1259KWL</t>
  </si>
  <si>
    <t>5702329601139</t>
  </si>
  <si>
    <t>VELUX Plissee solar FSL SK08 1259KWL</t>
  </si>
  <si>
    <t>FSL SK08 1274K</t>
  </si>
  <si>
    <t>5702329592185</t>
  </si>
  <si>
    <t>VELUX Plissee solar FSL SK08 1274K</t>
  </si>
  <si>
    <t>FSL SK08 1274KWL</t>
  </si>
  <si>
    <t>5702329601146</t>
  </si>
  <si>
    <t>VELUX Plissee solar FSL SK08 1274KWL</t>
  </si>
  <si>
    <t>FSL SK08 1275K</t>
  </si>
  <si>
    <t>5702329592192</t>
  </si>
  <si>
    <t>VELUX Plissee solar FSL SK08 1275K</t>
  </si>
  <si>
    <t>FSL SK08 1275KWL</t>
  </si>
  <si>
    <t>5702329601153</t>
  </si>
  <si>
    <t>VELUX Plissee solar FSL SK08 1275KWL</t>
  </si>
  <si>
    <t>FSL SK08 1276KWL</t>
  </si>
  <si>
    <t>5702329601160</t>
  </si>
  <si>
    <t>VELUX Plissee solar FSL SK08 1276KWL</t>
  </si>
  <si>
    <t>FSL SK08 1277K</t>
  </si>
  <si>
    <t>5702329592215</t>
  </si>
  <si>
    <t>VELUX Plissee solar FSL SK08 1277K</t>
  </si>
  <si>
    <t>FSL SK08 1277KWL</t>
  </si>
  <si>
    <t>5702329601177</t>
  </si>
  <si>
    <t>VELUX Plissee solar FSL SK08 1277KWL</t>
  </si>
  <si>
    <t>FSL SK08 1278K</t>
  </si>
  <si>
    <t>5702329592222</t>
  </si>
  <si>
    <t>VELUX Plissee solar FSL SK08 1278K</t>
  </si>
  <si>
    <t>FSL SK08 1278KWL</t>
  </si>
  <si>
    <t>5702329601184</t>
  </si>
  <si>
    <t>VELUX Plissee solar FSL SK08 1278KWL</t>
  </si>
  <si>
    <t>FSL SK08 1279KWL</t>
  </si>
  <si>
    <t>5702329601191</t>
  </si>
  <si>
    <t>VELUX Plissee solar FSL SK08 1279KWL</t>
  </si>
  <si>
    <t>FSL SK08 1280K</t>
  </si>
  <si>
    <t>5702329592246</t>
  </si>
  <si>
    <t>VELUX Plissee solar FSL SK08 1280K</t>
  </si>
  <si>
    <t>FSL SK08 1280KWL</t>
  </si>
  <si>
    <t>5702329601207</t>
  </si>
  <si>
    <t>VELUX Plissee solar FSL SK08 1280KWL</t>
  </si>
  <si>
    <t>FSL SK08 1281K</t>
  </si>
  <si>
    <t>5702329592253</t>
  </si>
  <si>
    <t>VELUX Plissee solar FSL SK08 1281K</t>
  </si>
  <si>
    <t>FSL SK08 1281KWL</t>
  </si>
  <si>
    <t>5702329601214</t>
  </si>
  <si>
    <t>VELUX Plissee solar FSL SK08 1281KWL</t>
  </si>
  <si>
    <t>FSL SK08 1282K</t>
  </si>
  <si>
    <t>5702329592260</t>
  </si>
  <si>
    <t>VELUX Plissee solar FSL SK08 1282K</t>
  </si>
  <si>
    <t>FSL SK08 1282KWL</t>
  </si>
  <si>
    <t>5702329601221</t>
  </si>
  <si>
    <t>VELUX Plissee solar FSL SK08 1282KWL</t>
  </si>
  <si>
    <t>FSL SK08 1283K</t>
  </si>
  <si>
    <t>5702329592277</t>
  </si>
  <si>
    <t>VELUX Plissee solar FSL SK08 1283K</t>
  </si>
  <si>
    <t>FSL SK08 1283KWL</t>
  </si>
  <si>
    <t>5702329601238</t>
  </si>
  <si>
    <t>VELUX Plissee solar FSL SK08 1283KWL</t>
  </si>
  <si>
    <t>FSL SK08 1284KWL</t>
  </si>
  <si>
    <t>5702329601245</t>
  </si>
  <si>
    <t>VELUX Plissee solar FSL SK08 1284KWL</t>
  </si>
  <si>
    <t>FSL SK08 1285K</t>
  </si>
  <si>
    <t>5702329592291</t>
  </si>
  <si>
    <t>VELUX Plissee solar FSL SK08 1285K</t>
  </si>
  <si>
    <t>FSL SK08 1285KWL</t>
  </si>
  <si>
    <t>5702329601252</t>
  </si>
  <si>
    <t>VELUX Plissee solar FSL SK08 1285KWL</t>
  </si>
  <si>
    <t>FSL SK08 1286K</t>
  </si>
  <si>
    <t>5702329592307</t>
  </si>
  <si>
    <t>VELUX Plissee solar FSL SK08 1286K</t>
  </si>
  <si>
    <t>FSL SK08 1286KWL</t>
  </si>
  <si>
    <t>5702329601269</t>
  </si>
  <si>
    <t>VELUX Plissee solar FSL SK08 1286KWL</t>
  </si>
  <si>
    <t>FSL SK10 1016K</t>
  </si>
  <si>
    <t>5702329592314</t>
  </si>
  <si>
    <t>VELUX Plissee solar FSL SK10 1016K</t>
  </si>
  <si>
    <t>FSL SK10 1016KWL</t>
  </si>
  <si>
    <t>5702329601276</t>
  </si>
  <si>
    <t>VELUX Plissee solar FSL SK10 1016KWL</t>
  </si>
  <si>
    <t>FSL SK10 1256K</t>
  </si>
  <si>
    <t>5702329592321</t>
  </si>
  <si>
    <t>VELUX Plissee solar FSL SK10 1256K</t>
  </si>
  <si>
    <t>FSL SK10 1256KWL</t>
  </si>
  <si>
    <t>5702329601283</t>
  </si>
  <si>
    <t>VELUX Plissee solar FSL SK10 1256KWL</t>
  </si>
  <si>
    <t>FSL SK10 1259K</t>
  </si>
  <si>
    <t>5702329592338</t>
  </si>
  <si>
    <t>VELUX Plissee solar FSL SK10 1259K</t>
  </si>
  <si>
    <t>FSL SK10 1259KWL</t>
  </si>
  <si>
    <t>5702329601290</t>
  </si>
  <si>
    <t>VELUX Plissee solar FSL SK10 1259KWL</t>
  </si>
  <si>
    <t>FSL SK10 1274K</t>
  </si>
  <si>
    <t>5702329592345</t>
  </si>
  <si>
    <t>VELUX Plissee solar FSL SK10 1274K</t>
  </si>
  <si>
    <t>FSL SK10 1274KWL</t>
  </si>
  <si>
    <t>5702329601306</t>
  </si>
  <si>
    <t>VELUX Plissee solar FSL SK10 1274KWL</t>
  </si>
  <si>
    <t>FSL SK10 1275K</t>
  </si>
  <si>
    <t>5702329592352</t>
  </si>
  <si>
    <t>VELUX Plissee solar FSL SK10 1275K</t>
  </si>
  <si>
    <t>FSL SK10 1275KWL</t>
  </si>
  <si>
    <t>5702329601313</t>
  </si>
  <si>
    <t>VELUX Plissee solar FSL SK10 1275KWL</t>
  </si>
  <si>
    <t>FSL SK10 1277KWL</t>
  </si>
  <si>
    <t>5702329601337</t>
  </si>
  <si>
    <t>VELUX Plissee solar FSL SK10 1277KWL</t>
  </si>
  <si>
    <t>FSL SK10 1278KWL</t>
  </si>
  <si>
    <t>5702329601344</t>
  </si>
  <si>
    <t>VELUX Plissee solar FSL SK10 1278KWL</t>
  </si>
  <si>
    <t>FSL SK10 1279K</t>
  </si>
  <si>
    <t>5702329592390</t>
  </si>
  <si>
    <t>VELUX Plissee solar FSL SK10 1279K</t>
  </si>
  <si>
    <t>FSL SK10 1281KWL</t>
  </si>
  <si>
    <t>5702329601375</t>
  </si>
  <si>
    <t>VELUX Plissee solar FSL SK10 1281KWL</t>
  </si>
  <si>
    <t>FSL SK10 1282K</t>
  </si>
  <si>
    <t>5702329592420</t>
  </si>
  <si>
    <t>VELUX Plissee solar FSL SK10 1282K</t>
  </si>
  <si>
    <t>FSL SK10 1282KWL</t>
  </si>
  <si>
    <t>5702329601382</t>
  </si>
  <si>
    <t>VELUX Plissee solar FSL SK10 1282KWL</t>
  </si>
  <si>
    <t>FSL SK10 1283K</t>
  </si>
  <si>
    <t>5702329592437</t>
  </si>
  <si>
    <t>VELUX Plissee solar FSL SK10 1283K</t>
  </si>
  <si>
    <t>FSL SK10 1283KWL</t>
  </si>
  <si>
    <t>5702329601399</t>
  </si>
  <si>
    <t>VELUX Plissee solar FSL SK10 1283KWL</t>
  </si>
  <si>
    <t>FSL SK10 1284K</t>
  </si>
  <si>
    <t>5702329592444</t>
  </si>
  <si>
    <t>VELUX Plissee solar FSL SK10 1284K</t>
  </si>
  <si>
    <t>FSL SK10 1284KWL</t>
  </si>
  <si>
    <t>5702329601405</t>
  </si>
  <si>
    <t>VELUX Plissee solar FSL SK10 1284KWL</t>
  </si>
  <si>
    <t>FSL U04 1016K</t>
  </si>
  <si>
    <t>5702329592475</t>
  </si>
  <si>
    <t>VELUX Plissee solar FSL U04 1016K</t>
  </si>
  <si>
    <t>FSL U04 1016KWL</t>
  </si>
  <si>
    <t>5702329601436</t>
  </si>
  <si>
    <t>VELUX Plissee solar FSL U04 1016KWL</t>
  </si>
  <si>
    <t>FSL U04 1256K</t>
  </si>
  <si>
    <t>5702329592482</t>
  </si>
  <si>
    <t>VELUX Plissee solar FSL U04 1256K</t>
  </si>
  <si>
    <t>FSL U04 1259K</t>
  </si>
  <si>
    <t>5702329592499</t>
  </si>
  <si>
    <t>VELUX Plissee solar FSL U04 1259K</t>
  </si>
  <si>
    <t>FSL U04 1259KWL</t>
  </si>
  <si>
    <t>5702329601450</t>
  </si>
  <si>
    <t>VELUX Plissee solar FSL U04 1259KWL</t>
  </si>
  <si>
    <t>FSL U04 1274K</t>
  </si>
  <si>
    <t>5702329592505</t>
  </si>
  <si>
    <t>VELUX Plissee solar FSL U04 1274K</t>
  </si>
  <si>
    <t>FSL U04 1274KWL</t>
  </si>
  <si>
    <t>5702329601467</t>
  </si>
  <si>
    <t>VELUX Plissee solar FSL U04 1274KWL</t>
  </si>
  <si>
    <t>FSL U04 1275K</t>
  </si>
  <si>
    <t>5702329592512</t>
  </si>
  <si>
    <t>VELUX Plissee solar FSL U04 1275K</t>
  </si>
  <si>
    <t>FSL U04 1275KWL</t>
  </si>
  <si>
    <t>5702329601474</t>
  </si>
  <si>
    <t>VELUX Plissee solar FSL U04 1275KWL</t>
  </si>
  <si>
    <t>FSL U04 1277K</t>
  </si>
  <si>
    <t>5702329592536</t>
  </si>
  <si>
    <t>VELUX Plissee solar FSL U04 1277K</t>
  </si>
  <si>
    <t>FSL U04 1277KWL</t>
  </si>
  <si>
    <t>5702329601498</t>
  </si>
  <si>
    <t>VELUX Plissee solar FSL U04 1277KWL</t>
  </si>
  <si>
    <t>FSL U04 1280K</t>
  </si>
  <si>
    <t>5702329592567</t>
  </si>
  <si>
    <t>VELUX Plissee solar FSL U04 1280K</t>
  </si>
  <si>
    <t>FSL U04 1282K</t>
  </si>
  <si>
    <t>5702329592581</t>
  </si>
  <si>
    <t>VELUX Plissee solar FSL U04 1282K</t>
  </si>
  <si>
    <t>FSL U04 1284K</t>
  </si>
  <si>
    <t>5702329592604</t>
  </si>
  <si>
    <t>VELUX Plissee solar FSL U04 1284K</t>
  </si>
  <si>
    <t>FSL U04 1284KWL</t>
  </si>
  <si>
    <t>5702329601566</t>
  </si>
  <si>
    <t>VELUX Plissee solar FSL U04 1284KWL</t>
  </si>
  <si>
    <t>FSL U04 1286K</t>
  </si>
  <si>
    <t>5702329592628</t>
  </si>
  <si>
    <t>VELUX Plissee solar FSL U04 1286K</t>
  </si>
  <si>
    <t>FSL U04 1286KWL</t>
  </si>
  <si>
    <t>5702329601580</t>
  </si>
  <si>
    <t>VELUX Plissee solar FSL U04 1286KWL</t>
  </si>
  <si>
    <t>FSL U08 1016K</t>
  </si>
  <si>
    <t>5702329592635</t>
  </si>
  <si>
    <t>VELUX Plissee solar FSL U08 1016K</t>
  </si>
  <si>
    <t>FSL U08 1016KWL</t>
  </si>
  <si>
    <t>5702329601597</t>
  </si>
  <si>
    <t>VELUX Plissee solar FSL U08 1016KWL</t>
  </si>
  <si>
    <t>FSL U08 1256K</t>
  </si>
  <si>
    <t>5702329592642</t>
  </si>
  <si>
    <t>VELUX Plissee solar FSL U08 1256K</t>
  </si>
  <si>
    <t>FSL U08 1256KWL</t>
  </si>
  <si>
    <t>5702329601603</t>
  </si>
  <si>
    <t>VELUX Plissee solar FSL U08 1256KWL</t>
  </si>
  <si>
    <t>FSL U08 1259K</t>
  </si>
  <si>
    <t>5702329592659</t>
  </si>
  <si>
    <t>VELUX Plissee solar FSL U08 1259K</t>
  </si>
  <si>
    <t>FSL U08 1259KWL</t>
  </si>
  <si>
    <t>5702329601610</t>
  </si>
  <si>
    <t>VELUX Plissee solar FSL U08 1259KWL</t>
  </si>
  <si>
    <t>FSL U08 1274K</t>
  </si>
  <si>
    <t>5702329592666</t>
  </si>
  <si>
    <t>VELUX Plissee solar FSL U08 1274K</t>
  </si>
  <si>
    <t>FSL U08 1275K</t>
  </si>
  <si>
    <t>5702329592673</t>
  </si>
  <si>
    <t>VELUX Plissee solar FSL U08 1275K</t>
  </si>
  <si>
    <t>FSL U08 1275KWL</t>
  </si>
  <si>
    <t>5702329601634</t>
  </si>
  <si>
    <t>VELUX Plissee solar FSL U08 1275KWL</t>
  </si>
  <si>
    <t>FSL U08 1277K</t>
  </si>
  <si>
    <t>5702329592697</t>
  </si>
  <si>
    <t>VELUX Plissee solar FSL U08 1277K</t>
  </si>
  <si>
    <t>FSL U08 1278K</t>
  </si>
  <si>
    <t>5702329592703</t>
  </si>
  <si>
    <t>VELUX Plissee solar FSL U08 1278K</t>
  </si>
  <si>
    <t>FSL U08 1278KWL</t>
  </si>
  <si>
    <t>5702329601665</t>
  </si>
  <si>
    <t>VELUX Plissee solar FSL U08 1278KWL</t>
  </si>
  <si>
    <t>FSL U08 1281K</t>
  </si>
  <si>
    <t>5702329592734</t>
  </si>
  <si>
    <t>VELUX Plissee solar FSL U08 1281K</t>
  </si>
  <si>
    <t>FSL U08 1281KWL</t>
  </si>
  <si>
    <t>5702329601696</t>
  </si>
  <si>
    <t>VELUX Plissee solar FSL U08 1281KWL</t>
  </si>
  <si>
    <t>FSL U08 1282K</t>
  </si>
  <si>
    <t>5702329592741</t>
  </si>
  <si>
    <t>VELUX Plissee solar FSL U08 1282K</t>
  </si>
  <si>
    <t>FSL U08 1282KWL</t>
  </si>
  <si>
    <t>5702329601702</t>
  </si>
  <si>
    <t>VELUX Plissee solar FSL U08 1282KWL</t>
  </si>
  <si>
    <t>FSL U08 1283K</t>
  </si>
  <si>
    <t>5702329592758</t>
  </si>
  <si>
    <t>VELUX Plissee solar FSL U08 1283K</t>
  </si>
  <si>
    <t>FSL U08 1284KWL</t>
  </si>
  <si>
    <t>5702329601726</t>
  </si>
  <si>
    <t>VELUX Plissee solar FSL U08 1284KWL</t>
  </si>
  <si>
    <t>FSL U08 1286K</t>
  </si>
  <si>
    <t>5702329592789</t>
  </si>
  <si>
    <t>VELUX Plissee solar FSL U08 1286K</t>
  </si>
  <si>
    <t>FSL U08 1286KWL</t>
  </si>
  <si>
    <t>5702329601740</t>
  </si>
  <si>
    <t>VELUX Plissee solar FSL U08 1286KWL</t>
  </si>
  <si>
    <t>FSL U10 1016K</t>
  </si>
  <si>
    <t>5702329592796</t>
  </si>
  <si>
    <t>VELUX Plissee solar FSL U10 1016K</t>
  </si>
  <si>
    <t>FSL U10 1016KWL</t>
  </si>
  <si>
    <t>5702329601757</t>
  </si>
  <si>
    <t>VELUX Plissee solar FSL U10 1016KWL</t>
  </si>
  <si>
    <t>FSL U10 1256K</t>
  </si>
  <si>
    <t>5702329592802</t>
  </si>
  <si>
    <t>VELUX Plissee solar FSL U10 1256K</t>
  </si>
  <si>
    <t>FSL U10 1259K</t>
  </si>
  <si>
    <t>5702329592819</t>
  </si>
  <si>
    <t>VELUX Plissee solar FSL U10 1259K</t>
  </si>
  <si>
    <t>FSL U10 1274KWL</t>
  </si>
  <si>
    <t>5702329601788</t>
  </si>
  <si>
    <t>VELUX Plissee solar FSL U10 1274KWL</t>
  </si>
  <si>
    <t>FSL U10 1278K</t>
  </si>
  <si>
    <t>5702329592864</t>
  </si>
  <si>
    <t>VELUX Plissee solar FSL U10 1278K</t>
  </si>
  <si>
    <t>FSL U10 1281K</t>
  </si>
  <si>
    <t>5702329592895</t>
  </si>
  <si>
    <t>VELUX Plissee solar FSL U10 1281K</t>
  </si>
  <si>
    <t>FSL U10 1282K</t>
  </si>
  <si>
    <t>5702329592901</t>
  </si>
  <si>
    <t>VELUX Plissee solar FSL U10 1282K</t>
  </si>
  <si>
    <t>FSL U10 1284K</t>
  </si>
  <si>
    <t>5702329592925</t>
  </si>
  <si>
    <t>VELUX Plissee solar FSL U10 1284K</t>
  </si>
  <si>
    <t>FSL UK04 1016K</t>
  </si>
  <si>
    <t>5702329593274</t>
  </si>
  <si>
    <t>VELUX Plissee solar FSL UK04 1016K</t>
  </si>
  <si>
    <t>FSL UK04 1016KWL</t>
  </si>
  <si>
    <t>5702329602075</t>
  </si>
  <si>
    <t>VELUX Plissee solar FSL UK04 1016KWL</t>
  </si>
  <si>
    <t>FSL UK04 1256K</t>
  </si>
  <si>
    <t>5702329593281</t>
  </si>
  <si>
    <t>VELUX Plissee solar FSL UK04 1256K</t>
  </si>
  <si>
    <t>FSL UK04 1256KWL</t>
  </si>
  <si>
    <t>5702329602082</t>
  </si>
  <si>
    <t>VELUX Plissee solar FSL UK04 1256KWL</t>
  </si>
  <si>
    <t>FSL UK04 1259K</t>
  </si>
  <si>
    <t>5702329593298</t>
  </si>
  <si>
    <t>VELUX Plissee solar FSL UK04 1259K</t>
  </si>
  <si>
    <t>FSL UK04 1259KWL</t>
  </si>
  <si>
    <t>5702329602099</t>
  </si>
  <si>
    <t>VELUX Plissee solar FSL UK04 1259KWL</t>
  </si>
  <si>
    <t>FSL UK04 1275K</t>
  </si>
  <si>
    <t>5702329593311</t>
  </si>
  <si>
    <t>VELUX Plissee solar FSL UK04 1275K</t>
  </si>
  <si>
    <t>FSL UK04 1275KWL</t>
  </si>
  <si>
    <t>5702329602112</t>
  </si>
  <si>
    <t>VELUX Plissee solar FSL UK04 1275KWL</t>
  </si>
  <si>
    <t>FSL UK04 1277KWL</t>
  </si>
  <si>
    <t>5702329602136</t>
  </si>
  <si>
    <t>VELUX Plissee solar FSL UK04 1277KWL</t>
  </si>
  <si>
    <t>FSL UK04 1278K</t>
  </si>
  <si>
    <t>5702329593342</t>
  </si>
  <si>
    <t>VELUX Plissee solar FSL UK04 1278K</t>
  </si>
  <si>
    <t>FSL UK04 1278KWL</t>
  </si>
  <si>
    <t>5702329602143</t>
  </si>
  <si>
    <t>VELUX Plissee solar FSL UK04 1278KWL</t>
  </si>
  <si>
    <t>FSL UK04 1280KWL</t>
  </si>
  <si>
    <t>5702329602167</t>
  </si>
  <si>
    <t>VELUX Plissee solar FSL UK04 1280KWL</t>
  </si>
  <si>
    <t>FSL UK04 1281K</t>
  </si>
  <si>
    <t>5702329593373</t>
  </si>
  <si>
    <t>VELUX Plissee solar FSL UK04 1281K</t>
  </si>
  <si>
    <t>FSL UK04 1281KWL</t>
  </si>
  <si>
    <t>5702329602174</t>
  </si>
  <si>
    <t>VELUX Plissee solar FSL UK04 1281KWL</t>
  </si>
  <si>
    <t>FSL UK04 1282K</t>
  </si>
  <si>
    <t>5702329593380</t>
  </si>
  <si>
    <t>VELUX Plissee solar FSL UK04 1282K</t>
  </si>
  <si>
    <t>FSL UK04 1282KWL</t>
  </si>
  <si>
    <t>5702329602181</t>
  </si>
  <si>
    <t>VELUX Plissee solar FSL UK04 1282KWL</t>
  </si>
  <si>
    <t>FSL UK04 1283K</t>
  </si>
  <si>
    <t>5702329593397</t>
  </si>
  <si>
    <t>VELUX Plissee solar FSL UK04 1283K</t>
  </si>
  <si>
    <t>FSL UK04 1283KWL</t>
  </si>
  <si>
    <t>5702329602198</t>
  </si>
  <si>
    <t>VELUX Plissee solar FSL UK04 1283KWL</t>
  </si>
  <si>
    <t>FSL UK04 1284KWL</t>
  </si>
  <si>
    <t>5702329602204</t>
  </si>
  <si>
    <t>VELUX Plissee solar FSL UK04 1284KWL</t>
  </si>
  <si>
    <t>FSL UK04 1285K</t>
  </si>
  <si>
    <t>5702329593410</t>
  </si>
  <si>
    <t>VELUX Plissee solar FSL UK04 1285K</t>
  </si>
  <si>
    <t>FSL UK04 1285KWL</t>
  </si>
  <si>
    <t>5702329602211</t>
  </si>
  <si>
    <t>VELUX Plissee solar FSL UK04 1285KWL</t>
  </si>
  <si>
    <t>FSL UK04 1286KWL</t>
  </si>
  <si>
    <t>5702329602228</t>
  </si>
  <si>
    <t>VELUX Plissee solar FSL UK04 1286KWL</t>
  </si>
  <si>
    <t>FSL UK08 1016K</t>
  </si>
  <si>
    <t>5702329593434</t>
  </si>
  <si>
    <t>VELUX Plissee solar FSL UK08 1016K</t>
  </si>
  <si>
    <t>FSL UK08 1016KWL</t>
  </si>
  <si>
    <t>5702329602235</t>
  </si>
  <si>
    <t>VELUX Plissee solar FSL UK08 1016KWL</t>
  </si>
  <si>
    <t>FSL UK08 1256K</t>
  </si>
  <si>
    <t>5702329593441</t>
  </si>
  <si>
    <t>VELUX Plissee solar FSL UK08 1256K</t>
  </si>
  <si>
    <t>FSL UK08 1256KWL</t>
  </si>
  <si>
    <t>5702329602242</t>
  </si>
  <si>
    <t>VELUX Plissee solar FSL UK08 1256KWL</t>
  </si>
  <si>
    <t>FSL UK08 1259K</t>
  </si>
  <si>
    <t>5702329593458</t>
  </si>
  <si>
    <t>VELUX Plissee solar FSL UK08 1259K</t>
  </si>
  <si>
    <t>FSL UK08 1259KWL</t>
  </si>
  <si>
    <t>5702329602259</t>
  </si>
  <si>
    <t>VELUX Plissee solar FSL UK08 1259KWL</t>
  </si>
  <si>
    <t>FSL UK08 1274K</t>
  </si>
  <si>
    <t>5702329593465</t>
  </si>
  <si>
    <t>VELUX Plissee solar FSL UK08 1274K</t>
  </si>
  <si>
    <t>FSL UK08 1274KWL</t>
  </si>
  <si>
    <t>5702329602266</t>
  </si>
  <si>
    <t>VELUX Plissee solar FSL UK08 1274KWL</t>
  </si>
  <si>
    <t>FSL UK08 1275K</t>
  </si>
  <si>
    <t>5702329593472</t>
  </si>
  <si>
    <t>VELUX Plissee solar FSL UK08 1275K</t>
  </si>
  <si>
    <t>FSL UK08 1275KWL</t>
  </si>
  <si>
    <t>5702329602273</t>
  </si>
  <si>
    <t>VELUX Plissee solar FSL UK08 1275KWL</t>
  </si>
  <si>
    <t>FSL UK08 1277K</t>
  </si>
  <si>
    <t>5702329593496</t>
  </si>
  <si>
    <t>VELUX Plissee solar FSL UK08 1277K</t>
  </si>
  <si>
    <t>FSL UK08 1277KWL</t>
  </si>
  <si>
    <t>5702329602297</t>
  </si>
  <si>
    <t>VELUX Plissee solar FSL UK08 1277KWL</t>
  </si>
  <si>
    <t>FSL UK08 1278K</t>
  </si>
  <si>
    <t>5702329593502</t>
  </si>
  <si>
    <t>VELUX Plissee solar FSL UK08 1278K</t>
  </si>
  <si>
    <t>FSL UK08 1278KWL</t>
  </si>
  <si>
    <t>5702329602303</t>
  </si>
  <si>
    <t>VELUX Plissee solar FSL UK08 1278KWL</t>
  </si>
  <si>
    <t>FSL UK08 1279KWL</t>
  </si>
  <si>
    <t>5702329602310</t>
  </si>
  <si>
    <t>VELUX Plissee solar FSL UK08 1279KWL</t>
  </si>
  <si>
    <t>FSL UK08 1280K</t>
  </si>
  <si>
    <t>5702329593526</t>
  </si>
  <si>
    <t>VELUX Plissee solar FSL UK08 1280K</t>
  </si>
  <si>
    <t>FSL UK08 1282K</t>
  </si>
  <si>
    <t>5702329593540</t>
  </si>
  <si>
    <t>VELUX Plissee solar FSL UK08 1282K</t>
  </si>
  <si>
    <t>FSL UK08 1282KWL</t>
  </si>
  <si>
    <t>5702329602341</t>
  </si>
  <si>
    <t>VELUX Plissee solar FSL UK08 1282KWL</t>
  </si>
  <si>
    <t>FSL UK08 1283K</t>
  </si>
  <si>
    <t>5702329593557</t>
  </si>
  <si>
    <t>VELUX Plissee solar FSL UK08 1283K</t>
  </si>
  <si>
    <t>FSL UK08 1283KWL</t>
  </si>
  <si>
    <t>5702329602358</t>
  </si>
  <si>
    <t>VELUX Plissee solar FSL UK08 1283KWL</t>
  </si>
  <si>
    <t>FSL UK08 1284K</t>
  </si>
  <si>
    <t>5702329593564</t>
  </si>
  <si>
    <t>VELUX Plissee solar FSL UK08 1284K</t>
  </si>
  <si>
    <t>FSL UK08 1284KWL</t>
  </si>
  <si>
    <t>5702329602365</t>
  </si>
  <si>
    <t>VELUX Plissee solar FSL UK08 1284KWL</t>
  </si>
  <si>
    <t>FSL UK08 1285KWL</t>
  </si>
  <si>
    <t>5702329602372</t>
  </si>
  <si>
    <t>VELUX Plissee solar FSL UK08 1285KWL</t>
  </si>
  <si>
    <t>FSL UK08 1286K</t>
  </si>
  <si>
    <t>5702329593588</t>
  </si>
  <si>
    <t>VELUX Plissee solar FSL UK08 1286K</t>
  </si>
  <si>
    <t>FSL UK10 1016K</t>
  </si>
  <si>
    <t>5702329593595</t>
  </si>
  <si>
    <t>VELUX Plissee solar FSL UK10 1016K</t>
  </si>
  <si>
    <t>FSL UK10 1016KWL</t>
  </si>
  <si>
    <t>5702329602396</t>
  </si>
  <si>
    <t>VELUX Plissee solar FSL UK10 1016KWL</t>
  </si>
  <si>
    <t>FSL UK10 1256KWL</t>
  </si>
  <si>
    <t>5702329602402</t>
  </si>
  <si>
    <t>VELUX Plissee solar FSL UK10 1256KWL</t>
  </si>
  <si>
    <t>FSL UK10 1259K</t>
  </si>
  <si>
    <t>5702329593618</t>
  </si>
  <si>
    <t>VELUX Plissee solar FSL UK10 1259K</t>
  </si>
  <si>
    <t>FSL UK10 1259KWL</t>
  </si>
  <si>
    <t>5702329602419</t>
  </si>
  <si>
    <t>VELUX Plissee solar FSL UK10 1259KWL</t>
  </si>
  <si>
    <t>FSL UK10 1274K</t>
  </si>
  <si>
    <t>5702329593625</t>
  </si>
  <si>
    <t>VELUX Plissee solar FSL UK10 1274K</t>
  </si>
  <si>
    <t>FSL UK10 1274KWL</t>
  </si>
  <si>
    <t>5702329602426</t>
  </si>
  <si>
    <t>VELUX Plissee solar FSL UK10 1274KWL</t>
  </si>
  <si>
    <t>FSL UK10 1275KWL</t>
  </si>
  <si>
    <t>5702329602433</t>
  </si>
  <si>
    <t>VELUX Plissee solar FSL UK10 1275KWL</t>
  </si>
  <si>
    <t>FSL UK10 1278K</t>
  </si>
  <si>
    <t>5702329593663</t>
  </si>
  <si>
    <t>VELUX Plissee solar FSL UK10 1278K</t>
  </si>
  <si>
    <t>FSL UK10 1278KWL</t>
  </si>
  <si>
    <t>5702329602464</t>
  </si>
  <si>
    <t>VELUX Plissee solar FSL UK10 1278KWL</t>
  </si>
  <si>
    <t>FSL UK10 1282K</t>
  </si>
  <si>
    <t>5702329593700</t>
  </si>
  <si>
    <t>VELUX Plissee solar FSL UK10 1282K</t>
  </si>
  <si>
    <t>FSL UK10 1282KWL</t>
  </si>
  <si>
    <t>5702329602501</t>
  </si>
  <si>
    <t>VELUX Plissee solar FSL UK10 1282KWL</t>
  </si>
  <si>
    <t>FSL UK10 1283KWL</t>
  </si>
  <si>
    <t>5702329602518</t>
  </si>
  <si>
    <t>VELUX Plissee solar FSL UK10 1283KWL</t>
  </si>
  <si>
    <t>FSL UK10 1284K</t>
  </si>
  <si>
    <t>5702329593724</t>
  </si>
  <si>
    <t>VELUX Plissee solar FSL UK10 1284K</t>
  </si>
  <si>
    <t>FSL UK10 1284KWL</t>
  </si>
  <si>
    <t>5702329602525</t>
  </si>
  <si>
    <t>VELUX Plissee solar FSL UK10 1284KWL</t>
  </si>
  <si>
    <t>FSL UK10 1285K</t>
  </si>
  <si>
    <t>5702329593731</t>
  </si>
  <si>
    <t>VELUX Plissee solar FSL UK10 1285K</t>
  </si>
  <si>
    <t>GDL MK19 2066</t>
  </si>
  <si>
    <t>5702328899858</t>
  </si>
  <si>
    <t>Velux Dachbalkon GDL MK19 2066</t>
  </si>
  <si>
    <t>weiß lack EN. PLUS Alu 78x252</t>
  </si>
  <si>
    <t>170</t>
  </si>
  <si>
    <t>VELUX-Dachbalkon-Elemente,Cabrio</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weißem wasserverdünnbarem,
lösungsmittelfreiem Acryl-Lack.
Trockenschichtstärke gemäß DIN 68 800,
Teil 3: 85 µ.
Außenabdeckung aus Aluminium,
einbrennlackiert, NCS S 7500-N.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MK19 2166</t>
  </si>
  <si>
    <t>5702328899865</t>
  </si>
  <si>
    <t>VELUX Dachbalkon GDL MK19 2166</t>
  </si>
  <si>
    <t>weiß lack EN. PLUS Kupfer 78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weißem wasserverdünnbarem,
lösungsmittelfreiem Acryl-Lack.
Trockenschichtstärke gemäß DIN 68 800,
Teil 3: 85 µ.
Außenabdeckung aus Kupfer.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MK19 3066</t>
  </si>
  <si>
    <t>5702328899889</t>
  </si>
  <si>
    <t>VELUX Dachbalkon GDL MK19 3066</t>
  </si>
  <si>
    <t>klar lack EN. PLUS Alu 78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transparentem, wasserverdünnbarem,
lösungsmittelfreiem Acryl-Lack.
Trockenschichtstärke gemäß DIN 68 800,
Teil 3: 85 µ.
Außenabdeckung aus Aluminium,
einbrennlackiert, NCS S 7500-N.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MK19 3166</t>
  </si>
  <si>
    <t>5702328899896</t>
  </si>
  <si>
    <t>VELUX Dachbalkon GDL MK19 3166</t>
  </si>
  <si>
    <t>klar lack EN. PLUS Kupfer 78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transparentem, wasserverdünnbarem,
lösungsmittelfreiem Acryl-Lack.
Trockenschichtstärke gemäß DIN 68 800,
Teil 3: 85 µ.
Außenabdeckung aus Kupfer.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PK19 2066</t>
  </si>
  <si>
    <t>5702327914040</t>
  </si>
  <si>
    <t>VELUX Dachbalkon GDL PK19 2066</t>
  </si>
  <si>
    <t>weiß lack EN. PLUS Alu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weißem wasserverdünnbarem,
lösungsmittelfreiem Acryl-Lack.
Trockenschichtstärke gemäß DIN 68 800,
Teil 3: 85 µ.
Außenabdeckung aus Aluminium,
einbrennlackiert, NCS S 7500-N.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PK19 2166</t>
  </si>
  <si>
    <t>5702327914057</t>
  </si>
  <si>
    <t>VELUX Dachbalkon GDL PK19 2166</t>
  </si>
  <si>
    <t>weiß lack EN. PLUS Kupfer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weißem wasserverdünnbarem,
lösungsmittelfreiem Acryl-Lack.
Trockenschichtstärke gemäß DIN 68 800,
Teil 3: 85 µ.
Außenabdeckung aus Kupfer.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PK19 3066</t>
  </si>
  <si>
    <t>5702327914071</t>
  </si>
  <si>
    <t>VELUX Dachbalkon GDL PK19 3066</t>
  </si>
  <si>
    <t>klar lack EN. PLUS Alu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transparentem, wasserverdünnbarem,
lösungsmittelfreiem Acryl-Lack.
Trockenschichtstärke gemäß DIN 68 800,
Teil 3: 85 µ.
Außenabdeckung aus Aluminium,
einbrennlackiert, NCS S 7500-N.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PK19 3166</t>
  </si>
  <si>
    <t>5702327914088</t>
  </si>
  <si>
    <t>VELUX Dachbalkon GDL PK19 3166</t>
  </si>
  <si>
    <t>klar lack EN. PLUS Kupfer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transparentem, wasserverdünnbarem,
lösungsmittelfreiem Acryl-Lack.
Trockenschichtstärke gemäß DIN 68 800,
Teil 3: 85 µ.
Außenabdeckung aus Kupfer.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SK19 2066</t>
  </si>
  <si>
    <t>5702327725226</t>
  </si>
  <si>
    <t>VELUX Dachbalkon GDL SK19 2066</t>
  </si>
  <si>
    <t>weiß lack EN. PLUS Alu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weißem wasserverdünnbarem,
lösungsmittelfreiem Acryl-Lack.
Trockenschichtstärke gemäß DIN 68 800,
Teil 3: 85 µ.
Außenabdeckung aus Aluminium,
einbrennlackiert, NCS S 7500-N.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SK19 2166</t>
  </si>
  <si>
    <t>5702327725233</t>
  </si>
  <si>
    <t>VELUX Dachbalkon GDL SK19 2166</t>
  </si>
  <si>
    <t>weiß lack EN. PLUS Kupfer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weißem wasserverdünnbarem,
lösungsmittelfreiem Acryl-Lack.
Trockenschichtstärke gemäß DIN 68 800,
Teil 3: 85 µ.
Außenabdeckung aus Kupfer.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SK19 3066</t>
  </si>
  <si>
    <t>5702327725257</t>
  </si>
  <si>
    <t>VELUX Dachbalkon GDL SK19 3066</t>
  </si>
  <si>
    <t>klar lack EN. PLUS Alu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transparentem, wasserverdünnbarem,
lösungsmittelfreiem Acryl-Lack.
Trockenschichtstärke gemäß DIN 68 800,
Teil 3: 85 µ.
Außenabdeckung aus Aluminium,
einbrennlackiert, NCS S 7500-N.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SK19 3166</t>
  </si>
  <si>
    <t>5702327725264</t>
  </si>
  <si>
    <t>VELUX Dachbalkon GDL SK19 3166</t>
  </si>
  <si>
    <t>klar lack EN. PLUS Kupfer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transparentem, wasserverdünnbarem,
lösungsmittelfreiem Acryl-Lack.
Trockenschichtstärke gemäß DIN 68 800,
Teil 3: 85 µ.
Außenabdeckung aus Kupfer.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EL M08 2065</t>
  </si>
  <si>
    <t>5702327870261</t>
  </si>
  <si>
    <t>VELUX Dachterrasse GEL M08 2065</t>
  </si>
  <si>
    <t>weiß lack EN. PLUS Alu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weiß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EL M08 3065</t>
  </si>
  <si>
    <t>5702327870292</t>
  </si>
  <si>
    <t>VELUX Dachterrasse GEL M08 3065</t>
  </si>
  <si>
    <t>klar lack EN. PLUS Alu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transparent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GL CK02 2062</t>
  </si>
  <si>
    <t>5702328039896</t>
  </si>
  <si>
    <t>VELUX Schwingfenster GGL CK02 2062</t>
  </si>
  <si>
    <t>weiß lack Schallsch Alu 55x78</t>
  </si>
  <si>
    <t>111</t>
  </si>
  <si>
    <t>VELUX-Schwing-Fenster,GGL</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2 206221</t>
  </si>
  <si>
    <t>5702328039902</t>
  </si>
  <si>
    <t>VELUX Elektrofenster GGL CK02 206221</t>
  </si>
  <si>
    <t>weiß lack EN.Schall.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066</t>
  </si>
  <si>
    <t>5702327965929</t>
  </si>
  <si>
    <t>VELUX Schwingfenster GGL CK02 2066</t>
  </si>
  <si>
    <t>weiß lack. EN.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2 206621</t>
  </si>
  <si>
    <t>5702328039919</t>
  </si>
  <si>
    <t>VELUX Elektrofenster GGL CK02 206621</t>
  </si>
  <si>
    <t>weiß lack EN. 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06630</t>
  </si>
  <si>
    <t>5702328039933</t>
  </si>
  <si>
    <t>VELUX Solarfenster GGL CK02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06721</t>
  </si>
  <si>
    <t>5702328932760</t>
  </si>
  <si>
    <t>VELUX Elektrofenster GGL CK02 206721</t>
  </si>
  <si>
    <t>weiß lack EN.WäDämm.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06730</t>
  </si>
  <si>
    <t>5702328932784</t>
  </si>
  <si>
    <t>VELUX Solarfenster GGL CK02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069</t>
  </si>
  <si>
    <t>5702328930049</t>
  </si>
  <si>
    <t>VELUX Schwingfenster GGL CK02 2069</t>
  </si>
  <si>
    <t>weiß lack E.Hitzesch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CK02 206921</t>
  </si>
  <si>
    <t>5702328930056</t>
  </si>
  <si>
    <t>VELUX Elektrofenster GGL CK02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06930</t>
  </si>
  <si>
    <t>5702328930070</t>
  </si>
  <si>
    <t>VELUX Solarfenster GGL CK02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070</t>
  </si>
  <si>
    <t>5702326548185</t>
  </si>
  <si>
    <t>VELUX Schwingfenster GGL CK02 2070</t>
  </si>
  <si>
    <t>weiß lack THERMO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2 207021</t>
  </si>
  <si>
    <t>5702327187215</t>
  </si>
  <si>
    <t>VELUX Elektrofenster GGL CK02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07030</t>
  </si>
  <si>
    <t>5702328039957</t>
  </si>
  <si>
    <t>VELUX Solarfenster GGL CK02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070Q</t>
  </si>
  <si>
    <t>5702327365569</t>
  </si>
  <si>
    <t>VELUX Schwingfenster GGL CK02 2070Q</t>
  </si>
  <si>
    <t>weiß lack Son.Vergl.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CK02 2084</t>
  </si>
  <si>
    <t>5702329837057</t>
  </si>
  <si>
    <t>VELUX Schwingfenster GGL CK02 2084</t>
  </si>
  <si>
    <t>weiß lackiert ENERGIE Alu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2 208421</t>
  </si>
  <si>
    <t>5702329837064</t>
  </si>
  <si>
    <t>VELUX Elektrofenster GGL CK02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08430</t>
  </si>
  <si>
    <t>5702329837088</t>
  </si>
  <si>
    <t>VELUX Solarfenster GGL CK02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16221</t>
  </si>
  <si>
    <t>5702328040038</t>
  </si>
  <si>
    <t>VELUX Elektrofenster GGL CK02 216221</t>
  </si>
  <si>
    <t>weiß lack EN.Schall.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166</t>
  </si>
  <si>
    <t>5702328040045</t>
  </si>
  <si>
    <t>VELUX Schwingfenster GGL CK02 2166</t>
  </si>
  <si>
    <t>weiß lack EN.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2 216621</t>
  </si>
  <si>
    <t>5702328040052</t>
  </si>
  <si>
    <t>VELUX Elektrofenster GGL CK02 216621</t>
  </si>
  <si>
    <t>weiß lack EN. 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16630</t>
  </si>
  <si>
    <t>5702328040069</t>
  </si>
  <si>
    <t>VELUX Solarfenster GGL CK02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170</t>
  </si>
  <si>
    <t>5702327282965</t>
  </si>
  <si>
    <t>VELUX Schwingfenster GGL CK02 2170</t>
  </si>
  <si>
    <t>weiß lack THERMO C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2 217021</t>
  </si>
  <si>
    <t>5702328040076</t>
  </si>
  <si>
    <t>VELUX Elektrofenster GGL CK02 217021</t>
  </si>
  <si>
    <t>weiß lack THERMO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17030</t>
  </si>
  <si>
    <t>5702328040083</t>
  </si>
  <si>
    <t>VELUX Solarfenster GGL CK02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184</t>
  </si>
  <si>
    <t>5702329837101</t>
  </si>
  <si>
    <t>VELUX Schwingfenster GGL CK02 2184</t>
  </si>
  <si>
    <t>weiß lackiert ENERGIE Kupfer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2 218421</t>
  </si>
  <si>
    <t>5702329837118</t>
  </si>
  <si>
    <t>VELUX Elektrofenster GGL CK02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18430</t>
  </si>
  <si>
    <t>5702329837125</t>
  </si>
  <si>
    <t>VELUX Solarfenster GGL CK02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366</t>
  </si>
  <si>
    <t>5702328040168</t>
  </si>
  <si>
    <t>VELUX Schwingfenster GGL CK02 2366</t>
  </si>
  <si>
    <t>weiß lack EN.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2 236621</t>
  </si>
  <si>
    <t>5702328040175</t>
  </si>
  <si>
    <t>VELUX Elektrofenster GGL CK02 236621</t>
  </si>
  <si>
    <t>weiß lack EN. 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36630</t>
  </si>
  <si>
    <t>5702328040182</t>
  </si>
  <si>
    <t>VELUX Solarfenster GGL CK02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370</t>
  </si>
  <si>
    <t>5702327282972</t>
  </si>
  <si>
    <t>VELUX Schwingfenster GGL CK02 2370</t>
  </si>
  <si>
    <t>weiß lack THERMO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2 237021</t>
  </si>
  <si>
    <t>5702328091443</t>
  </si>
  <si>
    <t>VELUX Elektrofenster GGL CK02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237030</t>
  </si>
  <si>
    <t>5702328040199</t>
  </si>
  <si>
    <t>VELUX Solarfenster GGL CK02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2384</t>
  </si>
  <si>
    <t>5702329837132</t>
  </si>
  <si>
    <t>VELUX Schwingfenster GGL CK02 2384</t>
  </si>
  <si>
    <t>weiß lackiert ENERGIE Titanzink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2 238430</t>
  </si>
  <si>
    <t>5702329837149</t>
  </si>
  <si>
    <t>VELUX Solarfenster GGL CK02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3062</t>
  </si>
  <si>
    <t>5702327114129</t>
  </si>
  <si>
    <t>VELUX Schwingfenster GGL CK02 3062</t>
  </si>
  <si>
    <t>klar lack Schallsch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2 306221</t>
  </si>
  <si>
    <t>5702327591524</t>
  </si>
  <si>
    <t>VELUX Elektrofenster GGL CK02 306221</t>
  </si>
  <si>
    <t>klar lack EN.Schall.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066</t>
  </si>
  <si>
    <t>5702326176555</t>
  </si>
  <si>
    <t>VELUX Schwingfenster GGL CK02 3066</t>
  </si>
  <si>
    <t>klar lack EN.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2 306621</t>
  </si>
  <si>
    <t>5702326176562</t>
  </si>
  <si>
    <t>VELUX Elektrofenster GGL CK02 306621</t>
  </si>
  <si>
    <t>klar lack EN. 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06630</t>
  </si>
  <si>
    <t>5702327152701</t>
  </si>
  <si>
    <t>VELUX Solarfenster GGL CK02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3067</t>
  </si>
  <si>
    <t>5702328932791</t>
  </si>
  <si>
    <t>VELUX Schwingfenster GGL CK02 3067</t>
  </si>
  <si>
    <t>klar lack EN.WäDämm.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2 306721</t>
  </si>
  <si>
    <t>5702328932807</t>
  </si>
  <si>
    <t>VELUX Elektrofenster GGL CK02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06730</t>
  </si>
  <si>
    <t>5702328932821</t>
  </si>
  <si>
    <t>VELUX Solarfenster GGL CK02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3069</t>
  </si>
  <si>
    <t>5702328930087</t>
  </si>
  <si>
    <t>VELUX Schwingfenster GGL CK02 3069</t>
  </si>
  <si>
    <t>klar lack E.Hitzesch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CK02 306921</t>
  </si>
  <si>
    <t>5702328930094</t>
  </si>
  <si>
    <t>VELUX Elektrofenster GGL CK02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06930</t>
  </si>
  <si>
    <t>5702328930117</t>
  </si>
  <si>
    <t>VELUX Solarfenster GGL CK02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3070</t>
  </si>
  <si>
    <t>5702326548222</t>
  </si>
  <si>
    <t>VELUX Schwingfenster GGL CK02 3070</t>
  </si>
  <si>
    <t>klar lack THERMO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2 307021</t>
  </si>
  <si>
    <t>5702326548239</t>
  </si>
  <si>
    <t>VELUX Elektrofenster GGL CK02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07030</t>
  </si>
  <si>
    <t>5702327203816</t>
  </si>
  <si>
    <t>VELUX Solarfenster GGL CK02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3070Q</t>
  </si>
  <si>
    <t>5702327007490</t>
  </si>
  <si>
    <t>VELUX Schwingfenster GGL CK02 3070Q</t>
  </si>
  <si>
    <t>klar lack Son.Verg. Alu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CK02 3084</t>
  </si>
  <si>
    <t>5702329837156</t>
  </si>
  <si>
    <t>VELUX Schwingfenster GGL CK02 3084</t>
  </si>
  <si>
    <t>klar lackiert ENERGIE Alu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2 308421</t>
  </si>
  <si>
    <t>5702329837163</t>
  </si>
  <si>
    <t>VELUX Elektrofenster GGL CK02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08430</t>
  </si>
  <si>
    <t>5702329837187</t>
  </si>
  <si>
    <t>VELUX Solarfenster GGL CK02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316221</t>
  </si>
  <si>
    <t>5702327591531</t>
  </si>
  <si>
    <t>VELUX Elektrofenster GGL CK02 316221</t>
  </si>
  <si>
    <t>klar lack EN.Schall.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166</t>
  </si>
  <si>
    <t>5702327001979</t>
  </si>
  <si>
    <t>VELUX Schwingfenster GGL CK02 3166</t>
  </si>
  <si>
    <t>klar lack EN.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2 316621</t>
  </si>
  <si>
    <t>5702327030092</t>
  </si>
  <si>
    <t>VELUX Elektrofenster GGL CK02 316621</t>
  </si>
  <si>
    <t>klar lack EN. 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16630</t>
  </si>
  <si>
    <t>5702327189295</t>
  </si>
  <si>
    <t>VELUX Solarfenster GGL CK02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3184</t>
  </si>
  <si>
    <t>5702329837194</t>
  </si>
  <si>
    <t>VELUX Schwingfenster GGL CK02 3184</t>
  </si>
  <si>
    <t>klar lackiert ENERGIE Kupfer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2 318421</t>
  </si>
  <si>
    <t>5702329837200</t>
  </si>
  <si>
    <t>VELUX Elektrofenster GGL CK02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2 318430</t>
  </si>
  <si>
    <t>5702329837217</t>
  </si>
  <si>
    <t>VELUX Solarfenster GGL CK02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2 3366</t>
  </si>
  <si>
    <t>5702327001986</t>
  </si>
  <si>
    <t>VELUX Schwingfenster GGL CK02 3366</t>
  </si>
  <si>
    <t>klar lack EN.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2 3384</t>
  </si>
  <si>
    <t>5702329837224</t>
  </si>
  <si>
    <t>VELUX Schwingfenster GGL CK02 3384</t>
  </si>
  <si>
    <t>klar lackiert ENERGIE Titanzink 55 x 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2 338430</t>
  </si>
  <si>
    <t>5702329837231</t>
  </si>
  <si>
    <t>VELUX Solarfenster GGL CK02 3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062</t>
  </si>
  <si>
    <t>5702328040243</t>
  </si>
  <si>
    <t>VELUX Schwingfenster GGL CK04 2062</t>
  </si>
  <si>
    <t>weiß lack Schallsch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4 206221</t>
  </si>
  <si>
    <t>5702328040250</t>
  </si>
  <si>
    <t>VELUX Elektrofenster GGL CK04 206221</t>
  </si>
  <si>
    <t>weiß lack EN.Schall.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066</t>
  </si>
  <si>
    <t>5702327965936</t>
  </si>
  <si>
    <t>VELUX Schwingfenster GGL CK04 2066</t>
  </si>
  <si>
    <t>weiß lack. EN.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4 206621</t>
  </si>
  <si>
    <t>5702328040267</t>
  </si>
  <si>
    <t>VELUX Elektrofenster GGL CK04 206621</t>
  </si>
  <si>
    <t>weiß lack EN. 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06630</t>
  </si>
  <si>
    <t>5702328040281</t>
  </si>
  <si>
    <t>VELUX Solarfenster GGL CK04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067</t>
  </si>
  <si>
    <t>5702328932838</t>
  </si>
  <si>
    <t>VELUX Schwingfenster GGL CK04 2067</t>
  </si>
  <si>
    <t>weiß lack EN.WäDämm.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4 206721</t>
  </si>
  <si>
    <t>5702328932845</t>
  </si>
  <si>
    <t>VELUX Elektrofenster GGL C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06730</t>
  </si>
  <si>
    <t>5702328932869</t>
  </si>
  <si>
    <t>VELUX Solarfenster GGL CK04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069</t>
  </si>
  <si>
    <t>5702328930124</t>
  </si>
  <si>
    <t>VELUX Schwingfenster GGL CK04 2069</t>
  </si>
  <si>
    <t>weiß lack E.Hitzesch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CK04 206921</t>
  </si>
  <si>
    <t>5702328930131</t>
  </si>
  <si>
    <t>VELUX Elektrofenster GGL C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06930</t>
  </si>
  <si>
    <t>5702328930155</t>
  </si>
  <si>
    <t>VELUX Solarfenster GGL CK04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070</t>
  </si>
  <si>
    <t>5702326548253</t>
  </si>
  <si>
    <t>VELUX Schwingfenster GGL CK04 2070</t>
  </si>
  <si>
    <t>weiß lack THERMO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4 207021</t>
  </si>
  <si>
    <t>5702327187239</t>
  </si>
  <si>
    <t>VELUX Elektrofenster GGL CK04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07030</t>
  </si>
  <si>
    <t>5702328040304</t>
  </si>
  <si>
    <t>VELUX Solarfenster GGL CK04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070Q</t>
  </si>
  <si>
    <t>5702327187246</t>
  </si>
  <si>
    <t>VELUX Schwingfenster GGL CK04 2070Q</t>
  </si>
  <si>
    <t>weiß lack Son.Vergl.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CK04 2084</t>
  </si>
  <si>
    <t>5702329837248</t>
  </si>
  <si>
    <t>VELUX Schwingfenster GGL CK04 2084</t>
  </si>
  <si>
    <t>weiß lackiert ENERGIE Alu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4 208421</t>
  </si>
  <si>
    <t>5702329837255</t>
  </si>
  <si>
    <t>VELUX Elektrofenster GGL CK04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08430</t>
  </si>
  <si>
    <t>5702329837279</t>
  </si>
  <si>
    <t>VELUX Solarfenster GGL CK04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162</t>
  </si>
  <si>
    <t>5702328040373</t>
  </si>
  <si>
    <t>VELUX Schwingfenster GGL CK04 2162</t>
  </si>
  <si>
    <t>weiß lack Schallsch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4 216221</t>
  </si>
  <si>
    <t>5702328040380</t>
  </si>
  <si>
    <t>VELUX Elektrofenster GGL CK04 216221</t>
  </si>
  <si>
    <t>weiß lack EN.Schall.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166</t>
  </si>
  <si>
    <t>5702328040397</t>
  </si>
  <si>
    <t>VELUX Schwingfenster GGL CK04 2166</t>
  </si>
  <si>
    <t>weiß lack EN.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4 216621</t>
  </si>
  <si>
    <t>5702328040403</t>
  </si>
  <si>
    <t>VELUX Elektrofenster GGL CK04 216621</t>
  </si>
  <si>
    <t>weiß lack EN. 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16630</t>
  </si>
  <si>
    <t>5702328040410</t>
  </si>
  <si>
    <t>VELUX Solarfenster GGL CK04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170</t>
  </si>
  <si>
    <t>5702327282989</t>
  </si>
  <si>
    <t>VELUX Schwingfenster GGL CK04 2170</t>
  </si>
  <si>
    <t>weiß lack THERMO C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4 217021</t>
  </si>
  <si>
    <t>5702328040427</t>
  </si>
  <si>
    <t>VELUX Elektrofenster GGL CK04 217021</t>
  </si>
  <si>
    <t>weiß lack THERMO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17030</t>
  </si>
  <si>
    <t>5702328040434</t>
  </si>
  <si>
    <t>VELUX Solarfenster GGL CK04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184</t>
  </si>
  <si>
    <t>5702329837293</t>
  </si>
  <si>
    <t>VELUX Schwingfenster GGL CK04 2184</t>
  </si>
  <si>
    <t>weiß lackiert ENERGIE Kupfer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4 218421</t>
  </si>
  <si>
    <t>5702329837309</t>
  </si>
  <si>
    <t>VELUX Elektrofenster GGL CK04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18430</t>
  </si>
  <si>
    <t>5702329837316</t>
  </si>
  <si>
    <t>VELUX Solarfenster GGL CK04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366</t>
  </si>
  <si>
    <t>5702328040519</t>
  </si>
  <si>
    <t>VELUX Schwingfenster GGL CK04 2366</t>
  </si>
  <si>
    <t>weiß lack EN.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4 236621</t>
  </si>
  <si>
    <t>5702328040526</t>
  </si>
  <si>
    <t>VELUX Elektrofenster GGL CK04 236621</t>
  </si>
  <si>
    <t>weiß lack EN. 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36630</t>
  </si>
  <si>
    <t>5702328040533</t>
  </si>
  <si>
    <t>VELUX Solarfenster GGL CK04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37021</t>
  </si>
  <si>
    <t>5702328091450</t>
  </si>
  <si>
    <t>VELUX Elektrofenster GGL CK04 237021</t>
  </si>
  <si>
    <t>weiß lack THERMO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237030</t>
  </si>
  <si>
    <t>5702328040540</t>
  </si>
  <si>
    <t>VELUX Solarfenster GGL CK04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2384</t>
  </si>
  <si>
    <t>5702329837323</t>
  </si>
  <si>
    <t>VELUX Schwingfenster GGL CK04 2384</t>
  </si>
  <si>
    <t>weiß lackiert ENERGIE Titanzink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4 238430</t>
  </si>
  <si>
    <t>5702329837330</t>
  </si>
  <si>
    <t>VELUX Solarfenster GGL CK04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3062</t>
  </si>
  <si>
    <t>5702327114150</t>
  </si>
  <si>
    <t>VELUX Schwingfenster GGL CK04 3062</t>
  </si>
  <si>
    <t>klar lack Schallsch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4 306221</t>
  </si>
  <si>
    <t>5702327591548</t>
  </si>
  <si>
    <t>VELUX Elektrofenster GGL CK04 306221</t>
  </si>
  <si>
    <t>klar lack EN.Schall.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066</t>
  </si>
  <si>
    <t>5702326176609</t>
  </si>
  <si>
    <t>VELUX Schwingfenster GGL CK04 3066</t>
  </si>
  <si>
    <t>klar lack EN.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4 306621</t>
  </si>
  <si>
    <t>5702326176616</t>
  </si>
  <si>
    <t>VELUX Elektrofenster GGL CK04 306621</t>
  </si>
  <si>
    <t>klar lack EN. 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06630</t>
  </si>
  <si>
    <t>5702327152749</t>
  </si>
  <si>
    <t>VELUX Solarfenster GGL CK04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3067</t>
  </si>
  <si>
    <t>5702328932876</t>
  </si>
  <si>
    <t>VELUX Schwingfenster GGL CK04 3067</t>
  </si>
  <si>
    <t>klar lack EN.WäDämm.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4 306721</t>
  </si>
  <si>
    <t>5702328932883</t>
  </si>
  <si>
    <t>VELUX Elektrofenster GGL C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06730</t>
  </si>
  <si>
    <t>5702328932906</t>
  </si>
  <si>
    <t>VELUX Solarfenster GGL CK04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3069</t>
  </si>
  <si>
    <t>5702328930162</t>
  </si>
  <si>
    <t>VELUX Schwingfenster GGL CK04 3069</t>
  </si>
  <si>
    <t>klar lack E.Hitzesch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CK04 306921</t>
  </si>
  <si>
    <t>5702328930179</t>
  </si>
  <si>
    <t>VELUX Elektrofenster GGL C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06930</t>
  </si>
  <si>
    <t>5702328930193</t>
  </si>
  <si>
    <t>VELUX Solarfenster GGL CK04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3070</t>
  </si>
  <si>
    <t>5702326548291</t>
  </si>
  <si>
    <t>VELUX Schwingfenster GGL CK04 3070</t>
  </si>
  <si>
    <t>klar lack THERMO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4 307021</t>
  </si>
  <si>
    <t>5702326548307</t>
  </si>
  <si>
    <t>VELUX Elektrofenster GGL CK04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07030</t>
  </si>
  <si>
    <t>5702327203823</t>
  </si>
  <si>
    <t>VELUX Solarfenster GGL CK04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3070Q</t>
  </si>
  <si>
    <t>5702327007506</t>
  </si>
  <si>
    <t>VELUX Schwingfenster GGL CK04 3070Q</t>
  </si>
  <si>
    <t>klar lack Son.Verg. Alu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CK04 3084</t>
  </si>
  <si>
    <t>5702329837347</t>
  </si>
  <si>
    <t>VELUX Schwingfenster GGL CK04 3084</t>
  </si>
  <si>
    <t>klar lackiert ENERGIE Alu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4 308421</t>
  </si>
  <si>
    <t>5702329837354</t>
  </si>
  <si>
    <t>VELUX Elektrofenster GGL CK04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08430</t>
  </si>
  <si>
    <t>5702329837378</t>
  </si>
  <si>
    <t>VELUX Solarfenster GGL CK04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3162</t>
  </si>
  <si>
    <t>5702327114167</t>
  </si>
  <si>
    <t>VELUX Schwingfenster GGL CK04 3162</t>
  </si>
  <si>
    <t>klar lack Schallsch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4 316221</t>
  </si>
  <si>
    <t>5702327591555</t>
  </si>
  <si>
    <t>VELUX Elektrofenster GGL CK04 316221</t>
  </si>
  <si>
    <t>klar lack EN.Schall.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166</t>
  </si>
  <si>
    <t>5702327001993</t>
  </si>
  <si>
    <t>VELUX Schwingfenster GGL CK04 3166</t>
  </si>
  <si>
    <t>klar lack EN.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4 316621</t>
  </si>
  <si>
    <t>5702327030177</t>
  </si>
  <si>
    <t>VELUX Elektrofenster GGL CK04 316621</t>
  </si>
  <si>
    <t>klar lack EN. 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16630</t>
  </si>
  <si>
    <t>5702327189356</t>
  </si>
  <si>
    <t>VELUX Solarfenster GGL CK04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3184</t>
  </si>
  <si>
    <t>5702329837385</t>
  </si>
  <si>
    <t>VELUX Schwingfenster GGL CK04 3184</t>
  </si>
  <si>
    <t>klar lackiert ENERGIE Kupfer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4 318421</t>
  </si>
  <si>
    <t>5702329837392</t>
  </si>
  <si>
    <t>VELUX Elektrofenster GGL CK04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18430</t>
  </si>
  <si>
    <t>5702329837408</t>
  </si>
  <si>
    <t>VELUX Solarfenster GGL CK04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3366</t>
  </si>
  <si>
    <t>5702327002006</t>
  </si>
  <si>
    <t>VELUX Schwingfenster GGL CK04 3366</t>
  </si>
  <si>
    <t>klar lack EN.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4 336621</t>
  </si>
  <si>
    <t>5702327030221</t>
  </si>
  <si>
    <t>VELUX Elektrofenster GGL CK04 336621</t>
  </si>
  <si>
    <t>klar lack EN. 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4 336630</t>
  </si>
  <si>
    <t>5702327189387</t>
  </si>
  <si>
    <t>VELUX Solarfenster GGL CK04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4 3384</t>
  </si>
  <si>
    <t>5702329837415</t>
  </si>
  <si>
    <t>VELUX Schwingfenster GGL CK04 3384</t>
  </si>
  <si>
    <t>klar lackiert ENERGIE Titanzink 55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4 338430</t>
  </si>
  <si>
    <t>5702329837422</t>
  </si>
  <si>
    <t>VELUX Solarfenster GGL CK04 3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2062</t>
  </si>
  <si>
    <t>5702328040601</t>
  </si>
  <si>
    <t>VELUX Schwingfenster GGL CK06 2062</t>
  </si>
  <si>
    <t>weiß lack Schallsch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6 206221</t>
  </si>
  <si>
    <t>5702328040618</t>
  </si>
  <si>
    <t>VELUX Elektrofenster GGL CK06 206221</t>
  </si>
  <si>
    <t>weiß lack EN.Schall.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066</t>
  </si>
  <si>
    <t>5702327965943</t>
  </si>
  <si>
    <t>VELUX Schwingfenster GGL CK06 2066</t>
  </si>
  <si>
    <t>weiß lackiert EN.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206621</t>
  </si>
  <si>
    <t>5702328040625</t>
  </si>
  <si>
    <t>VELUX Elektrofenster GGL CK06 206621</t>
  </si>
  <si>
    <t>weiß lack EN. 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06630</t>
  </si>
  <si>
    <t>5702328040649</t>
  </si>
  <si>
    <t>VELUX Solarfenster GGL CK06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2067</t>
  </si>
  <si>
    <t>5702328932913</t>
  </si>
  <si>
    <t>VELUX Schwingfenster GGL CK06 2067</t>
  </si>
  <si>
    <t>weiß lack EN.WäDämm.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206721</t>
  </si>
  <si>
    <t>5702328932920</t>
  </si>
  <si>
    <t>VELUX Elektrofenster GGL C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06730</t>
  </si>
  <si>
    <t>5702328932944</t>
  </si>
  <si>
    <t>VELUX Solarfenster GGL C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2069</t>
  </si>
  <si>
    <t>5702328930209</t>
  </si>
  <si>
    <t>VELUX Schwingfenster GGL CK06 2069</t>
  </si>
  <si>
    <t>weiß lack E.Hitzesch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CK06 206921</t>
  </si>
  <si>
    <t>5702328930216</t>
  </si>
  <si>
    <t>VELUX Elektrofenster GGL C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06930</t>
  </si>
  <si>
    <t>5702328930230</t>
  </si>
  <si>
    <t>VELUX Solarfenster GGL C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2070</t>
  </si>
  <si>
    <t>5702326548321</t>
  </si>
  <si>
    <t>VELUX Schwingfenster GGL CK06 2070</t>
  </si>
  <si>
    <t>weiß lack THERMO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6 207021</t>
  </si>
  <si>
    <t>5702327187277</t>
  </si>
  <si>
    <t>VELUX Elektrofenster GGL C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07030</t>
  </si>
  <si>
    <t>5702328040663</t>
  </si>
  <si>
    <t>VELUX Solarfenster GGL C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2084</t>
  </si>
  <si>
    <t>5702329837439</t>
  </si>
  <si>
    <t>VELUX Schwingfenster GGL CK06 2084</t>
  </si>
  <si>
    <t>weiß lackiert ENERGIE Alu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6 208421</t>
  </si>
  <si>
    <t>5702329837446</t>
  </si>
  <si>
    <t>VELUX Elektrofenster GGL C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08430</t>
  </si>
  <si>
    <t>5702329837460</t>
  </si>
  <si>
    <t>VELUX Solarfenster GGL C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216221</t>
  </si>
  <si>
    <t>5702328040748</t>
  </si>
  <si>
    <t>VELUX Elektrofenster GGL CK06 216221</t>
  </si>
  <si>
    <t>weiß lack EN.Schall.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166</t>
  </si>
  <si>
    <t>5702328040755</t>
  </si>
  <si>
    <t>VELUX Schwingfenster GGL CK06 2166</t>
  </si>
  <si>
    <t>weiß lack EN.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216621</t>
  </si>
  <si>
    <t>5702328040762</t>
  </si>
  <si>
    <t>VELUX Elektrofenster GGL CK06 216621</t>
  </si>
  <si>
    <t>weiß lack EN. 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170</t>
  </si>
  <si>
    <t>5702327283009</t>
  </si>
  <si>
    <t>VELUX Schwingfenster GGL CK06 2170</t>
  </si>
  <si>
    <t>weiß lack THERMO C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6 217021</t>
  </si>
  <si>
    <t>5702328091467</t>
  </si>
  <si>
    <t>VELUX Elektrofenster GGL CK06 217021</t>
  </si>
  <si>
    <t>weiß lack THERMO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184</t>
  </si>
  <si>
    <t>5702329837484</t>
  </si>
  <si>
    <t>VELUX Schwingfenster GGL CK06 2184</t>
  </si>
  <si>
    <t>weiß lackiert ENERGIE Kupfer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6 218421</t>
  </si>
  <si>
    <t>5702329837491</t>
  </si>
  <si>
    <t>VELUX Elektrofenster GGL C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18430</t>
  </si>
  <si>
    <t>5702329837507</t>
  </si>
  <si>
    <t>VELUX Solarfenster GGL CK06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236621</t>
  </si>
  <si>
    <t>5702328040854</t>
  </si>
  <si>
    <t>VELUX Elektrofenster GGL CK06 236621</t>
  </si>
  <si>
    <t>weiß lack EN. 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2384</t>
  </si>
  <si>
    <t>5702329837514</t>
  </si>
  <si>
    <t>VELUX Schwingfenster GGL CK06 2384</t>
  </si>
  <si>
    <t>weiß lackiert ENERGIE Titanzink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6 238430</t>
  </si>
  <si>
    <t>5702329837521</t>
  </si>
  <si>
    <t>VELUX Solarfenster GGL CK06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3062</t>
  </si>
  <si>
    <t>5702327114181</t>
  </si>
  <si>
    <t>VELUX Schwingfenster GGL CK06 3062</t>
  </si>
  <si>
    <t>klar lack Schallsch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6 306221</t>
  </si>
  <si>
    <t>5702327591562</t>
  </si>
  <si>
    <t>VELUX Elektrofenster GGL CK06 306221</t>
  </si>
  <si>
    <t>klar lack EN.Schall.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066</t>
  </si>
  <si>
    <t>5702327001603</t>
  </si>
  <si>
    <t>VELUX Schwingfenster GGL CK06 3066</t>
  </si>
  <si>
    <t>klar lack EN.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306621</t>
  </si>
  <si>
    <t>5702327219220</t>
  </si>
  <si>
    <t>VELUX Elektrofenster GGL CK06 306621</t>
  </si>
  <si>
    <t>klar lack EN. 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06630</t>
  </si>
  <si>
    <t>5702327694553</t>
  </si>
  <si>
    <t>VELUX Solarfenster GGL CK06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306721</t>
  </si>
  <si>
    <t>5702328932968</t>
  </si>
  <si>
    <t>VELUX Elektrofenster GGL CK06 306721</t>
  </si>
  <si>
    <t>klar lack EN.WäDämm.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06730</t>
  </si>
  <si>
    <t>5702328932982</t>
  </si>
  <si>
    <t>VELUX Solarfenster GGL C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3069</t>
  </si>
  <si>
    <t>5702328930247</t>
  </si>
  <si>
    <t>VELUX Schwingfenster GGL CK06 3069</t>
  </si>
  <si>
    <t>klar lack E.Hitzesch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CK06 3070</t>
  </si>
  <si>
    <t>5702326548345</t>
  </si>
  <si>
    <t>VELUX Schwingfenster GGL CK06 3070</t>
  </si>
  <si>
    <t>klar lack THERMO Alu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6 307021</t>
  </si>
  <si>
    <t>5702326548352</t>
  </si>
  <si>
    <t>VELUX Elektrofenster GGL C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07030</t>
  </si>
  <si>
    <t>5702327203830</t>
  </si>
  <si>
    <t>VELUX Solarfenster GGL C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3084</t>
  </si>
  <si>
    <t>5702329837538</t>
  </si>
  <si>
    <t>VELUX Schwingfenster GGL CK06 3084</t>
  </si>
  <si>
    <t>klar lackiert ENERGIE Alu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6 308421</t>
  </si>
  <si>
    <t>5702329837545</t>
  </si>
  <si>
    <t>VELUX Elektrofenster GGL C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08430</t>
  </si>
  <si>
    <t>5702329837569</t>
  </si>
  <si>
    <t>VELUX Solarfenster GGL C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316221</t>
  </si>
  <si>
    <t>5702327591579</t>
  </si>
  <si>
    <t>VELUX Elektrofenster GGL CK06 316221</t>
  </si>
  <si>
    <t>klar lack EN.Schall.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166</t>
  </si>
  <si>
    <t>5702327002013</t>
  </si>
  <si>
    <t>VELUX Schwingfenster GGL CK06 3166</t>
  </si>
  <si>
    <t>klar lack EN.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316621</t>
  </si>
  <si>
    <t>5702327219237</t>
  </si>
  <si>
    <t>VELUX Elektrofenster GGL CK06 316621</t>
  </si>
  <si>
    <t>klar lack EN. 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184</t>
  </si>
  <si>
    <t>5702329837576</t>
  </si>
  <si>
    <t>VELUX Schwingfenster GGL CK06 3184</t>
  </si>
  <si>
    <t>klar lackiert ENERGIE Kupfer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CK06 318421</t>
  </si>
  <si>
    <t>5702329837583</t>
  </si>
  <si>
    <t>VELUX Elektrofenster GGL C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18430</t>
  </si>
  <si>
    <t>5702329837590</t>
  </si>
  <si>
    <t>VELUX Solarfenster GGL C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3366</t>
  </si>
  <si>
    <t>5702327002020</t>
  </si>
  <si>
    <t>VELUX Schwingfenster GGL CK06 3366</t>
  </si>
  <si>
    <t>klar lack EN.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336621</t>
  </si>
  <si>
    <t>5702327219244</t>
  </si>
  <si>
    <t>VELUX Elektrofenster GGL CK06 336621</t>
  </si>
  <si>
    <t>klar lack EN. 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384</t>
  </si>
  <si>
    <t>5702329837606</t>
  </si>
  <si>
    <t>VELUX Schwingfenster GGL CK06 3384</t>
  </si>
  <si>
    <t>klar lackiert ENERGIE Titanzink 55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4 2062</t>
  </si>
  <si>
    <t>5702328040915</t>
  </si>
  <si>
    <t>VELUX Schwingfenster GGL FK04 2062</t>
  </si>
  <si>
    <t>weiß lack Schallsch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4 206221</t>
  </si>
  <si>
    <t>5702328040922</t>
  </si>
  <si>
    <t>VELUX Elektrofenster GGL FK04 206221</t>
  </si>
  <si>
    <t>weiß lack EN.Schall.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066</t>
  </si>
  <si>
    <t>5702327965950</t>
  </si>
  <si>
    <t>VELUX Schwingfenster GGL FK04 2066</t>
  </si>
  <si>
    <t>weiß lack. EN.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4 206621</t>
  </si>
  <si>
    <t>5702328040939</t>
  </si>
  <si>
    <t>VELUX Elektrofenster GGL FK04 206621</t>
  </si>
  <si>
    <t>weiß lack EN. 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067</t>
  </si>
  <si>
    <t>5702328932999</t>
  </si>
  <si>
    <t>VELUX Schwingfenster GGL FK04 2067</t>
  </si>
  <si>
    <t>weiß lack EN.WäDämm.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4 206721</t>
  </si>
  <si>
    <t>5702328933002</t>
  </si>
  <si>
    <t>VELUX Elektrofenster GGL F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069</t>
  </si>
  <si>
    <t>5702328930285</t>
  </si>
  <si>
    <t>VELUX Schwingfenster GGL FK04 2069</t>
  </si>
  <si>
    <t>weiß lack E.Hitzesch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FK04 206921</t>
  </si>
  <si>
    <t>5702328930292</t>
  </si>
  <si>
    <t>VELUX Elektrofenster GGL F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070</t>
  </si>
  <si>
    <t>5702327062369</t>
  </si>
  <si>
    <t>VELUX Schwingfenster GGL FK04 2070</t>
  </si>
  <si>
    <t>weiß lack THERMO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4 207021</t>
  </si>
  <si>
    <t>5702327187291</t>
  </si>
  <si>
    <t>VELUX Elektrofenster GGL FK04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07030</t>
  </si>
  <si>
    <t>5702328040946</t>
  </si>
  <si>
    <t>VELUX Solarfenster GGL FK04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4 2084</t>
  </si>
  <si>
    <t>5702329837613</t>
  </si>
  <si>
    <t>VELUX Schwingfenster GGL FK04 2084</t>
  </si>
  <si>
    <t>weiß lackiert ENERGIE Alu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4 208421</t>
  </si>
  <si>
    <t>5702329837620</t>
  </si>
  <si>
    <t>VELUX Elektrofenster GGL FK04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08430</t>
  </si>
  <si>
    <t>5702329837644</t>
  </si>
  <si>
    <t>VELUX Solarfenster GGL FK04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4 216221</t>
  </si>
  <si>
    <t>5702328041011</t>
  </si>
  <si>
    <t>VELUX Elektrofenster GGL FK04 216221</t>
  </si>
  <si>
    <t>weiß lack EN.Schall.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166</t>
  </si>
  <si>
    <t>5702328041028</t>
  </si>
  <si>
    <t>VELUX Schwingfenster GGL FK04 2166</t>
  </si>
  <si>
    <t>weiß lack EN.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4 216621</t>
  </si>
  <si>
    <t>5702328041035</t>
  </si>
  <si>
    <t>VELUX Elektrofenster GGL FK04 216621</t>
  </si>
  <si>
    <t>weiß lack EN. 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17021</t>
  </si>
  <si>
    <t>5702328041042</t>
  </si>
  <si>
    <t>VELUX Elektrofenster GGL FK04 217021</t>
  </si>
  <si>
    <t>weiß lack THERMO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184</t>
  </si>
  <si>
    <t>5702329837651</t>
  </si>
  <si>
    <t>VELUX Schwingfenster GGL FK04 2184</t>
  </si>
  <si>
    <t>weiß lackiert ENERGIE Kupfer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4 218421</t>
  </si>
  <si>
    <t>5702329837668</t>
  </si>
  <si>
    <t>VELUX Elektrofenster GGL FK04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2366</t>
  </si>
  <si>
    <t>5702328041103</t>
  </si>
  <si>
    <t>VELUX Schwingfenster GGL FK04 2366</t>
  </si>
  <si>
    <t>weiß lack EN.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4 2384</t>
  </si>
  <si>
    <t>5702329837675</t>
  </si>
  <si>
    <t>VELUX Schwingfenster GGL FK04 2384</t>
  </si>
  <si>
    <t>weiß lackiert ENERGIE Titanzink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4 3062</t>
  </si>
  <si>
    <t>5702327114211</t>
  </si>
  <si>
    <t>VELUX Schwingfenster GGL FK04 3062</t>
  </si>
  <si>
    <t>klar lack Schallsch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4 306221</t>
  </si>
  <si>
    <t>5702327591586</t>
  </si>
  <si>
    <t>VELUX Elektrofenster GGL FK04 306221</t>
  </si>
  <si>
    <t>klar lack EN.Schall.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3066</t>
  </si>
  <si>
    <t>5702326176692</t>
  </si>
  <si>
    <t>VELUX Schwingfenster GGL FK04 3066</t>
  </si>
  <si>
    <t>klar lack EN.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4 306621</t>
  </si>
  <si>
    <t>5702326176708</t>
  </si>
  <si>
    <t>VELUX Elektrofenster GGL FK04 306621</t>
  </si>
  <si>
    <t>klar lack EN. 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3067</t>
  </si>
  <si>
    <t>5702328933019</t>
  </si>
  <si>
    <t>VELUX Schwingfenster GGL FK04 3067</t>
  </si>
  <si>
    <t>klar lack EN.WäDämm.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4 306721</t>
  </si>
  <si>
    <t>5702328933026</t>
  </si>
  <si>
    <t>VELUX Elektrofenster GGL F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3069</t>
  </si>
  <si>
    <t>5702328930308</t>
  </si>
  <si>
    <t>VELUX Schwingfenster GGL FK04 3069</t>
  </si>
  <si>
    <t>klar lack E.Hitzesch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FK04 306921</t>
  </si>
  <si>
    <t>5702328930315</t>
  </si>
  <si>
    <t>VELUX Elektrofenster GGL F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3070</t>
  </si>
  <si>
    <t>5702326997112</t>
  </si>
  <si>
    <t>VELUX Schwingfenster GGL FK04 3070</t>
  </si>
  <si>
    <t>klar lack THERMO Al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4 307021</t>
  </si>
  <si>
    <t>5702327191823</t>
  </si>
  <si>
    <t>VELUX Elektrofenster GGL FK04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307030</t>
  </si>
  <si>
    <t>5702327203847</t>
  </si>
  <si>
    <t>VELUX Solarfenster GGL FK04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4 3084</t>
  </si>
  <si>
    <t>5702329837682</t>
  </si>
  <si>
    <t>VELUX Schwingfenster GGL FK04 3084</t>
  </si>
  <si>
    <t>klar lackiert ENERGIE Alu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4 308421</t>
  </si>
  <si>
    <t>5702329837699</t>
  </si>
  <si>
    <t>VELUX Elektrofenster GGL FK04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308430</t>
  </si>
  <si>
    <t>5702329837705</t>
  </si>
  <si>
    <t>VELUX Solarfenster GGL FK04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4 3166</t>
  </si>
  <si>
    <t>5702327002037</t>
  </si>
  <si>
    <t>VELUX Schwingfenster GGL FK04 3166</t>
  </si>
  <si>
    <t>klar lack EN.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4 316621</t>
  </si>
  <si>
    <t>5702327030269</t>
  </si>
  <si>
    <t>VELUX Elektrofenster GGL FK04 316621</t>
  </si>
  <si>
    <t>klar lack EN. 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4 3184</t>
  </si>
  <si>
    <t>5702329837712</t>
  </si>
  <si>
    <t>VELUX Schwingfenster GGL FK04 3184</t>
  </si>
  <si>
    <t>klar lackiert ENERGIE Kupfer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4 3384</t>
  </si>
  <si>
    <t>5702329837729</t>
  </si>
  <si>
    <t>VELUX Schwingfenster GGL FK04 3384</t>
  </si>
  <si>
    <t>klar lackiert ENERGIE Titanzink 66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6 2062</t>
  </si>
  <si>
    <t>5702328041158</t>
  </si>
  <si>
    <t>VELUX Schwingfenster GGL FK06 2062</t>
  </si>
  <si>
    <t>weiß lack Schallsch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206221</t>
  </si>
  <si>
    <t>5702328041165</t>
  </si>
  <si>
    <t>VELUX Elektrofenster GGL FK06 206221</t>
  </si>
  <si>
    <t>weiß lack EN.Schall.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066</t>
  </si>
  <si>
    <t>5702327965967</t>
  </si>
  <si>
    <t>VELUX Schwingfenster GGL FK06 2066</t>
  </si>
  <si>
    <t>weiß lackiert EN.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206621</t>
  </si>
  <si>
    <t>5702328041172</t>
  </si>
  <si>
    <t>VELUX Elektrofenster GGL FK06 206621</t>
  </si>
  <si>
    <t>weiß lack EN. 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06622</t>
  </si>
  <si>
    <t>5702321101323</t>
  </si>
  <si>
    <t>VELUX Elektro-Schwingf. GGL FK06 206622</t>
  </si>
  <si>
    <t>weiß lack EN. PLUS Alu 66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6 206630</t>
  </si>
  <si>
    <t>5702328041196</t>
  </si>
  <si>
    <t>VELUX Solarfenster GGL FK06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067</t>
  </si>
  <si>
    <t>5702328933033</t>
  </si>
  <si>
    <t>VELUX Schwingfenster GGL FK06 2067</t>
  </si>
  <si>
    <t>weiß lack EN.WäDämm.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206721</t>
  </si>
  <si>
    <t>5702328933040</t>
  </si>
  <si>
    <t>VELUX Elektrofenster GGL F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06730</t>
  </si>
  <si>
    <t>5702328933064</t>
  </si>
  <si>
    <t>VELUX Solarfenster GGL F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069</t>
  </si>
  <si>
    <t>5702328930322</t>
  </si>
  <si>
    <t>VELUX Schwingfenster GGL FK06 2069</t>
  </si>
  <si>
    <t>weiß lack E.Hitzesch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FK06 206921</t>
  </si>
  <si>
    <t>5702328930339</t>
  </si>
  <si>
    <t>VELUX Elektrofenster GGL F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06930</t>
  </si>
  <si>
    <t>5702328930353</t>
  </si>
  <si>
    <t>VELUX Solarfenster GGL F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070</t>
  </si>
  <si>
    <t>5702326548376</t>
  </si>
  <si>
    <t>VELUX Schwingfenster GGL FK06 2070</t>
  </si>
  <si>
    <t>weiß lack THERMO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6 207021</t>
  </si>
  <si>
    <t>5702327187314</t>
  </si>
  <si>
    <t>VELUX Elektrofenster GGL F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07022</t>
  </si>
  <si>
    <t>5702321101330</t>
  </si>
  <si>
    <t>VELUX Elektro-Schwingf. GGL FK06 207022</t>
  </si>
  <si>
    <t>weiß lack THERMO Alu 66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6 207030</t>
  </si>
  <si>
    <t>5702328041219</t>
  </si>
  <si>
    <t>VELUX Solarfenster GGL F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070Q</t>
  </si>
  <si>
    <t>5702327365583</t>
  </si>
  <si>
    <t>VELUX Schwingfenster GGL FK06 2070Q</t>
  </si>
  <si>
    <t>weiß lack Son.Vergl.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FK06 2084</t>
  </si>
  <si>
    <t>5702329837736</t>
  </si>
  <si>
    <t>VELUX Schwingfenster GGL FK06 2084</t>
  </si>
  <si>
    <t>weiß lackiert ENERGIE Alu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6 208421</t>
  </si>
  <si>
    <t>5702329837743</t>
  </si>
  <si>
    <t>VELUX Elektrofenster GGL F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08422</t>
  </si>
  <si>
    <t>5702321101347</t>
  </si>
  <si>
    <t>VELUX Elektro-Schwingf. GGL FK06 208422</t>
  </si>
  <si>
    <t>weiß lackiert ENERGIE Alu 66 x 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6 208430</t>
  </si>
  <si>
    <t>5702329837767</t>
  </si>
  <si>
    <t>VELUX Solarfenster GGL F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16221</t>
  </si>
  <si>
    <t>5702328041295</t>
  </si>
  <si>
    <t>VELUX Elektrofenster GGL FK06 216221</t>
  </si>
  <si>
    <t>weiß lack EN.Schall.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166</t>
  </si>
  <si>
    <t>5702328041301</t>
  </si>
  <si>
    <t>VELUX Schwingfenster GGL FK06 2166</t>
  </si>
  <si>
    <t>weiß lack EN.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216621</t>
  </si>
  <si>
    <t>5702328041318</t>
  </si>
  <si>
    <t>VELUX Elektrofenster GGL FK06 216621</t>
  </si>
  <si>
    <t>weiß lack EN. 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16622</t>
  </si>
  <si>
    <t>5702321101361</t>
  </si>
  <si>
    <t>VELUX Elektro-Schwingf. GGL FK06 216622</t>
  </si>
  <si>
    <t>weiß lack EN. PLUS Kupfer 66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6 216630</t>
  </si>
  <si>
    <t>5702328041325</t>
  </si>
  <si>
    <t>VELUX Solarfenster GGL FK06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170</t>
  </si>
  <si>
    <t>5702327283047</t>
  </si>
  <si>
    <t>VELUX Schwingfenster GGL FK06 2170</t>
  </si>
  <si>
    <t>weiß lack THERMO C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6 217021</t>
  </si>
  <si>
    <t>5702328041332</t>
  </si>
  <si>
    <t>VELUX Elektrofenster GGL FK06 217021</t>
  </si>
  <si>
    <t>weiß lack THERMO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17022</t>
  </si>
  <si>
    <t>5702321101378</t>
  </si>
  <si>
    <t>VELUX Elektro-Schwingf. GGL FK06 217022</t>
  </si>
  <si>
    <t>weiß lack THERMO Kupfer 66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6 217030</t>
  </si>
  <si>
    <t>5702328041349</t>
  </si>
  <si>
    <t>VELUX Solarfenster GGL FK06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184</t>
  </si>
  <si>
    <t>5702329837781</t>
  </si>
  <si>
    <t>VELUX Schwingfenster GGL FK06 2184</t>
  </si>
  <si>
    <t>weiß lackiert ENERGIE Kupfer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6 218421</t>
  </si>
  <si>
    <t>5702329837798</t>
  </si>
  <si>
    <t>VELUX Elektrofenster GGL F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218422</t>
  </si>
  <si>
    <t>5702321101385</t>
  </si>
  <si>
    <t>VELUX Elektro-Schwingf. GGL FK06 218422</t>
  </si>
  <si>
    <t>weiß lack. ENERGIE Kupfer 66 x 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6 218430</t>
  </si>
  <si>
    <t>5702329837804</t>
  </si>
  <si>
    <t>VELUX Solarfenster GGL FK06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366</t>
  </si>
  <si>
    <t>5702328041424</t>
  </si>
  <si>
    <t>VELUX Schwingfenster GGL FK06 2366</t>
  </si>
  <si>
    <t>weiß lack EN.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236630</t>
  </si>
  <si>
    <t>5702328041448</t>
  </si>
  <si>
    <t>VELUX Solarfenster GGL FK06 236630</t>
  </si>
  <si>
    <t>weiß lack EN. 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370</t>
  </si>
  <si>
    <t>5702327283054</t>
  </si>
  <si>
    <t>VELUX Schwingfenster GGL FK06 2370</t>
  </si>
  <si>
    <t>weiß lack THERMO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6 237030</t>
  </si>
  <si>
    <t>5702328041455</t>
  </si>
  <si>
    <t>VELUX Solarfenster GGL FK06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2384</t>
  </si>
  <si>
    <t>5702329837811</t>
  </si>
  <si>
    <t>VELUX Schwingfenster GGL FK06 2384</t>
  </si>
  <si>
    <t>weiß lackiert ENERGIE Titanzink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6 238430</t>
  </si>
  <si>
    <t>5702329837828</t>
  </si>
  <si>
    <t>VELUX Solarfenster GGL FK06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3062</t>
  </si>
  <si>
    <t>5702327114242</t>
  </si>
  <si>
    <t>VELUX Schwingfenster GGL FK06 3062</t>
  </si>
  <si>
    <t>klar lack Schallsch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306221</t>
  </si>
  <si>
    <t>5702327591609</t>
  </si>
  <si>
    <t>VELUX Elektrofenster GGL FK06 306221</t>
  </si>
  <si>
    <t>klar lack EN.Schall.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066</t>
  </si>
  <si>
    <t>5702326176753</t>
  </si>
  <si>
    <t>VELUX Schwingfenster GGL FK06 3066</t>
  </si>
  <si>
    <t>klar lack EN.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306621</t>
  </si>
  <si>
    <t>5702326176760</t>
  </si>
  <si>
    <t>VELUX Elektrofenster GGL FK06 306621</t>
  </si>
  <si>
    <t>klar lack EN. 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06630</t>
  </si>
  <si>
    <t>5702327152817</t>
  </si>
  <si>
    <t>VELUX Solarfenster GGL FK06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3067</t>
  </si>
  <si>
    <t>5702328933071</t>
  </si>
  <si>
    <t>VELUX Schwingfenster GGL FK06 3067</t>
  </si>
  <si>
    <t>klar lack EN.WäDämm.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306721</t>
  </si>
  <si>
    <t>5702328933088</t>
  </si>
  <si>
    <t>VELUX Elektrofenster GGL F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06730</t>
  </si>
  <si>
    <t>5702328933101</t>
  </si>
  <si>
    <t>VELUX Solarfenster GGL F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3069</t>
  </si>
  <si>
    <t>5702328930360</t>
  </si>
  <si>
    <t>VELUX Schwingfenster GGL FK06 3069</t>
  </si>
  <si>
    <t>klar lack E.Hitzesch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FK06 306921</t>
  </si>
  <si>
    <t>5702328930377</t>
  </si>
  <si>
    <t>VELUX Elektrofenster GGL F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06930</t>
  </si>
  <si>
    <t>5702328930391</t>
  </si>
  <si>
    <t>VELUX Solarfenster GGL F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3070</t>
  </si>
  <si>
    <t>5702326548413</t>
  </si>
  <si>
    <t>VELUX Schwingfenster GGL FK06 3070</t>
  </si>
  <si>
    <t>klar lack THERMO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6 307021</t>
  </si>
  <si>
    <t>5702326548420</t>
  </si>
  <si>
    <t>VELUX Elektrofenster GGL F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07030</t>
  </si>
  <si>
    <t>5702327203854</t>
  </si>
  <si>
    <t>VELUX Solarfenster GGL F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3070Q</t>
  </si>
  <si>
    <t>5702327007513</t>
  </si>
  <si>
    <t>VELUX Schwingfenster GGL FK06 3070Q</t>
  </si>
  <si>
    <t>klar lack Son.Verg. Alu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FK06 3084</t>
  </si>
  <si>
    <t>5702329837835</t>
  </si>
  <si>
    <t>VELUX Schwingfenster GGL FK06 3084</t>
  </si>
  <si>
    <t>klar lackiert ENERGIE Alu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6 308421</t>
  </si>
  <si>
    <t>5702329837842</t>
  </si>
  <si>
    <t>VELUX Elektrofenster GGL F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08430</t>
  </si>
  <si>
    <t>5702329837866</t>
  </si>
  <si>
    <t>VELUX Solarfenster GGL F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316221</t>
  </si>
  <si>
    <t>5702327591616</t>
  </si>
  <si>
    <t>VELUX Elektrofenster GGL FK06 316221</t>
  </si>
  <si>
    <t>klar lack EN.Schall.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166</t>
  </si>
  <si>
    <t>5702327002051</t>
  </si>
  <si>
    <t>VELUX Schwingfenster GGL FK06 3166</t>
  </si>
  <si>
    <t>klar lack EN.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316621</t>
  </si>
  <si>
    <t>5702327030306</t>
  </si>
  <si>
    <t>VELUX Elektrofenster GGL FK06 316621</t>
  </si>
  <si>
    <t>klar lack EN. 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16630</t>
  </si>
  <si>
    <t>5702327189479</t>
  </si>
  <si>
    <t>VELUX Solarfenster GGL FK06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3184</t>
  </si>
  <si>
    <t>5702329837873</t>
  </si>
  <si>
    <t>VELUX Schwingfenster GGL FK06 3184</t>
  </si>
  <si>
    <t>klar lackiert ENERGIE Kupfer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6 318421</t>
  </si>
  <si>
    <t>5702329837880</t>
  </si>
  <si>
    <t>VELUX Elektrofenster GGL F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6 318430</t>
  </si>
  <si>
    <t>5702329837897</t>
  </si>
  <si>
    <t>VELUX Solarfenster GGL F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3366</t>
  </si>
  <si>
    <t>5702327002068</t>
  </si>
  <si>
    <t>VELUX Schwingfenster GGL FK06 3366</t>
  </si>
  <si>
    <t>klar lack EN.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336630</t>
  </si>
  <si>
    <t>5702327189509</t>
  </si>
  <si>
    <t>VELUX Solarfenster GGL FK06 336630</t>
  </si>
  <si>
    <t>klar lack EN. 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6 3384</t>
  </si>
  <si>
    <t>5702329837903</t>
  </si>
  <si>
    <t>VELUX Schwingfenster GGL FK06 3384</t>
  </si>
  <si>
    <t>klar lackiert ENERGIE Titanzink 66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8 2062</t>
  </si>
  <si>
    <t>5702328041509</t>
  </si>
  <si>
    <t>VELUX Schwingfenster GGL FK08 2062</t>
  </si>
  <si>
    <t>weiß lack Schallsch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8 206221</t>
  </si>
  <si>
    <t>5702328041516</t>
  </si>
  <si>
    <t>VELUX Elektrofenster GGL FK08 206221</t>
  </si>
  <si>
    <t>weiß lack EN.Schall.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066</t>
  </si>
  <si>
    <t>5702327965974</t>
  </si>
  <si>
    <t>VELUX Schwingfenster GGL FK08 2066</t>
  </si>
  <si>
    <t>weiß lackiert EN.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206621</t>
  </si>
  <si>
    <t>5702328041523</t>
  </si>
  <si>
    <t>VELUX Elektrofenster GGL FK08 206621</t>
  </si>
  <si>
    <t>weiß lack EN. 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06622</t>
  </si>
  <si>
    <t>5702321101408</t>
  </si>
  <si>
    <t>VELUX Elektro-Schwingf. GGL FK08 206622</t>
  </si>
  <si>
    <t>weiß lack EN. PLUS Alu 66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8 206630</t>
  </si>
  <si>
    <t>5702328041530</t>
  </si>
  <si>
    <t>VELUX Solarfenster GGL FK08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06721</t>
  </si>
  <si>
    <t>5702328933125</t>
  </si>
  <si>
    <t>VELUX Elektrofenster GGL FK08 206721</t>
  </si>
  <si>
    <t>weiß lack EN.WäDämm.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069</t>
  </si>
  <si>
    <t>5702328930407</t>
  </si>
  <si>
    <t>VELUX Schwingfenster GGL FK08 2069</t>
  </si>
  <si>
    <t>weiß lack E.Hitzesch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FK08 206921</t>
  </si>
  <si>
    <t>5702328930414</t>
  </si>
  <si>
    <t>VELUX Elektrofenster GGL F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06930</t>
  </si>
  <si>
    <t>5702328930421</t>
  </si>
  <si>
    <t>VELUX Solarfenster GGL F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070</t>
  </si>
  <si>
    <t>5702326548444</t>
  </si>
  <si>
    <t>VELUX Schwingfenster GGL FK08 2070</t>
  </si>
  <si>
    <t>weiß lack THERMO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8 207021</t>
  </si>
  <si>
    <t>5702327187345</t>
  </si>
  <si>
    <t>VELUX Elektrofenster GGL F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07022</t>
  </si>
  <si>
    <t>5702321101415</t>
  </si>
  <si>
    <t>VELUX Elektro-Schwingf. GGL FK08 207022</t>
  </si>
  <si>
    <t>weiß lack THERMO Alu 66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8 207030</t>
  </si>
  <si>
    <t>5702328041547</t>
  </si>
  <si>
    <t>VELUX Solarfenster GGL F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084</t>
  </si>
  <si>
    <t>5702329837910</t>
  </si>
  <si>
    <t>VELUX Schwingfenster GGL FK08 2084</t>
  </si>
  <si>
    <t>weiß lackiert ENERGIE Alu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8 208421</t>
  </si>
  <si>
    <t>5702329837927</t>
  </si>
  <si>
    <t>VELUX Elektrofenster GGL F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08422</t>
  </si>
  <si>
    <t>5702321101422</t>
  </si>
  <si>
    <t>VELUX Elektro-Schwingf. GGL FK08 208422</t>
  </si>
  <si>
    <t>weiß lackiert ENERGIE Alu 66 x 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8 208430</t>
  </si>
  <si>
    <t>5702329837934</t>
  </si>
  <si>
    <t>VELUX Solarfenster GGL F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166</t>
  </si>
  <si>
    <t>5702328041639</t>
  </si>
  <si>
    <t>VELUX Schwingfenster GGL FK08 2166</t>
  </si>
  <si>
    <t>weiß lack EN.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216621</t>
  </si>
  <si>
    <t>5702328041646</t>
  </si>
  <si>
    <t>VELUX Elektrofenster GGL FK08 216621</t>
  </si>
  <si>
    <t>weiß lack EN. 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16622</t>
  </si>
  <si>
    <t>5702321101446</t>
  </si>
  <si>
    <t>VELUX Elektro-Schwingf. GGL FK08 216622</t>
  </si>
  <si>
    <t>weiß lack EN. PLUS Kupfer 66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8 216630</t>
  </si>
  <si>
    <t>5702328041653</t>
  </si>
  <si>
    <t>VELUX Solarfenster GGL FK08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17021</t>
  </si>
  <si>
    <t>5702328041660</t>
  </si>
  <si>
    <t>VELUX Elektrofenster GGL FK08 217021</t>
  </si>
  <si>
    <t>weiß lack THERMO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17022</t>
  </si>
  <si>
    <t>5702321103921</t>
  </si>
  <si>
    <t>VELUX Elektro-Schwingf. GGL FK08 217022</t>
  </si>
  <si>
    <t>weiß lack THERMO Kupfer 66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8 2184</t>
  </si>
  <si>
    <t>5702329837941</t>
  </si>
  <si>
    <t>VELUX Schwingfenster GGL FK08 2184</t>
  </si>
  <si>
    <t>weiß lackiert ENERGIE Kupfer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8 218421</t>
  </si>
  <si>
    <t>5702329837958</t>
  </si>
  <si>
    <t>VELUX Elektrofenster GGL F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18422</t>
  </si>
  <si>
    <t>5702321104027</t>
  </si>
  <si>
    <t>VELUX Elektro-Schwingf. GGL FK08 218422</t>
  </si>
  <si>
    <t>weiß lack. ENERGIE Kupfer 66 x 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FK08 218430</t>
  </si>
  <si>
    <t>5702329837965</t>
  </si>
  <si>
    <t>VELUX Solarfenster GGL FK08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36630</t>
  </si>
  <si>
    <t>5702328041776</t>
  </si>
  <si>
    <t>VELUX Solarfenster GGL FK08 236630</t>
  </si>
  <si>
    <t>weiß lack EN. 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384</t>
  </si>
  <si>
    <t>5702329837972</t>
  </si>
  <si>
    <t>VELUX Schwingfenster GGL FK08 2384</t>
  </si>
  <si>
    <t>weiß lackiert ENERGIE Titanzink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8 238430</t>
  </si>
  <si>
    <t>5702329837989</t>
  </si>
  <si>
    <t>VELUX Solarfenster GGL FK08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062</t>
  </si>
  <si>
    <t>5702327114273</t>
  </si>
  <si>
    <t>VELUX Schwingfenster GGL FK08 3062</t>
  </si>
  <si>
    <t>klar lack Schallsch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8 306221</t>
  </si>
  <si>
    <t>5702327591623</t>
  </si>
  <si>
    <t>VELUX Elektrofenster GGL FK08 306221</t>
  </si>
  <si>
    <t>klar lack EN.Schall.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066</t>
  </si>
  <si>
    <t>5702327001610</t>
  </si>
  <si>
    <t>VELUX Schwingfenster GGL FK08 3066</t>
  </si>
  <si>
    <t>klar lack EN.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306621</t>
  </si>
  <si>
    <t>5702327219251</t>
  </si>
  <si>
    <t>VELUX Elektrofenster GGL FK08 306621</t>
  </si>
  <si>
    <t>klar lack EN. 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06630</t>
  </si>
  <si>
    <t>5702327219695</t>
  </si>
  <si>
    <t>VELUX Solarfenster GGL FK08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06721</t>
  </si>
  <si>
    <t>5702328933156</t>
  </si>
  <si>
    <t>VELUX Elektrofenster GGL FK08 306721</t>
  </si>
  <si>
    <t>klar lack EN.WäDämm.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06921</t>
  </si>
  <si>
    <t>5702328930445</t>
  </si>
  <si>
    <t>VELUX Elektrofenster GGL FK08 306921</t>
  </si>
  <si>
    <t>klar lack E.Hitzesch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06930</t>
  </si>
  <si>
    <t>5702328930452</t>
  </si>
  <si>
    <t>VELUX Solarfenster GGL F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070</t>
  </si>
  <si>
    <t>5702326548468</t>
  </si>
  <si>
    <t>VELUX Schwingfenster GGL FK08 3070</t>
  </si>
  <si>
    <t>klar lack THERMO Al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8 307021</t>
  </si>
  <si>
    <t>5702326548475</t>
  </si>
  <si>
    <t>VELUX Elektrofenster GGL F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07030</t>
  </si>
  <si>
    <t>5702327203861</t>
  </si>
  <si>
    <t>VELUX Solarfenster GGL F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084</t>
  </si>
  <si>
    <t>5702329837996</t>
  </si>
  <si>
    <t>VELUX Schwingfenster GGL FK08 3084</t>
  </si>
  <si>
    <t>klar lackiert ENERGIE Alu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8 308421</t>
  </si>
  <si>
    <t>5702329838009</t>
  </si>
  <si>
    <t>VELUX Elektrofenster GGL F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08430</t>
  </si>
  <si>
    <t>5702329838016</t>
  </si>
  <si>
    <t>VELUX Solarfenster GGL F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16621</t>
  </si>
  <si>
    <t>5702327219268</t>
  </si>
  <si>
    <t>VELUX Elektrofenster GGL FK08 316621</t>
  </si>
  <si>
    <t>klar lack EN. 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16630</t>
  </si>
  <si>
    <t>5702327189530</t>
  </si>
  <si>
    <t>VELUX Solarfenster GGL FK08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184</t>
  </si>
  <si>
    <t>5702329838023</t>
  </si>
  <si>
    <t>VELUX Schwingfenster GGL FK08 3184</t>
  </si>
  <si>
    <t>klar lackiert ENERGIE Kupfer 66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FK08 336621</t>
  </si>
  <si>
    <t>5702327219275</t>
  </si>
  <si>
    <t>VELUX Elektrofenster GGL FK08 336621</t>
  </si>
  <si>
    <t>klar lack EN. 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336630</t>
  </si>
  <si>
    <t>5702327189561</t>
  </si>
  <si>
    <t>VELUX Solarfenster GGL FK08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062</t>
  </si>
  <si>
    <t>5702328041837</t>
  </si>
  <si>
    <t>VELUX Schwingfenster GGL MK04 2062</t>
  </si>
  <si>
    <t>weiß lack Schallsch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4 206221</t>
  </si>
  <si>
    <t>5702328041844</t>
  </si>
  <si>
    <t>VELUX Elektrofenster GGL MK04 206221</t>
  </si>
  <si>
    <t>weiß lack EN.Schall.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066</t>
  </si>
  <si>
    <t>5702327965981</t>
  </si>
  <si>
    <t>VELUX Schwingfenster GGL MK04 2066</t>
  </si>
  <si>
    <t>weiß lackiert EN.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206621</t>
  </si>
  <si>
    <t>5702328041851</t>
  </si>
  <si>
    <t>VELUX Elektrofenster GGL MK04 206621</t>
  </si>
  <si>
    <t>weiß lack EN. 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06630</t>
  </si>
  <si>
    <t>5702328041875</t>
  </si>
  <si>
    <t>VELUX Solarfenster GGL MK04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06640D</t>
  </si>
  <si>
    <t>5702328700338</t>
  </si>
  <si>
    <t>VELUX Rauchabz.-F. GGL MK04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2067</t>
  </si>
  <si>
    <t>5702328933170</t>
  </si>
  <si>
    <t>VELUX Schwingfenster GGL MK04 2067</t>
  </si>
  <si>
    <t>weiß lack EN.WäDämm.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206721</t>
  </si>
  <si>
    <t>5702328933187</t>
  </si>
  <si>
    <t>VELUX Elektrofenster GGL M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06730</t>
  </si>
  <si>
    <t>5702328933200</t>
  </si>
  <si>
    <t>VELUX Solarfenster GGL MK04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069</t>
  </si>
  <si>
    <t>5702328930469</t>
  </si>
  <si>
    <t>VELUX Schwingfenster GGL MK04 2069</t>
  </si>
  <si>
    <t>weiß lack E.Hitzesch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04 206921</t>
  </si>
  <si>
    <t>5702328930476</t>
  </si>
  <si>
    <t>VELUX Elektrofenster GGL M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06930</t>
  </si>
  <si>
    <t>5702328930490</t>
  </si>
  <si>
    <t>VELUX Solarfenster GGL MK04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070</t>
  </si>
  <si>
    <t>5702326548499</t>
  </si>
  <si>
    <t>VELUX Schwingfenster GGL MK04 2070</t>
  </si>
  <si>
    <t>weiß lack THERMO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4 207021</t>
  </si>
  <si>
    <t>5702327187369</t>
  </si>
  <si>
    <t>VELUX Elektrofenster GGL MK04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07030</t>
  </si>
  <si>
    <t>5702328041905</t>
  </si>
  <si>
    <t>VELUX Solarfenster GGL MK04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07040D</t>
  </si>
  <si>
    <t>5702328700345</t>
  </si>
  <si>
    <t>VELUX Rauchabz.-F. GGL MK04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4 2070Q</t>
  </si>
  <si>
    <t>5702327187376</t>
  </si>
  <si>
    <t>VELUX Schwingfenster GGL MK04 2070Q</t>
  </si>
  <si>
    <t>weiß lack Son.Vergl.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04 2084</t>
  </si>
  <si>
    <t>5702329838030</t>
  </si>
  <si>
    <t>VELUX Schwingfenster GGL MK04 2084</t>
  </si>
  <si>
    <t>weiß lackiert ENERGIE Alu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4 208421</t>
  </si>
  <si>
    <t>5702329838047</t>
  </si>
  <si>
    <t>VELUX Elektrofenster GGL MK04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08430</t>
  </si>
  <si>
    <t>5702329838061</t>
  </si>
  <si>
    <t>VELUX Solarfenster GGL MK04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08440D</t>
  </si>
  <si>
    <t>5702329838078</t>
  </si>
  <si>
    <t>VELUX Rauchabzugsfst. GGL MK04 208440D</t>
  </si>
  <si>
    <t>weiß lackiert, ENERGIE, Alu 78x98</t>
  </si>
  <si>
    <t>GGL MK04 216221</t>
  </si>
  <si>
    <t>5702328041998</t>
  </si>
  <si>
    <t>VELUX Elektrofenster GGL MK04 216221</t>
  </si>
  <si>
    <t>weiß lack EN.Schall.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166</t>
  </si>
  <si>
    <t>5702328042001</t>
  </si>
  <si>
    <t>VELUX Schwingfenster GGL MK04 2166</t>
  </si>
  <si>
    <t>weiß lack EN.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216621</t>
  </si>
  <si>
    <t>5702328042018</t>
  </si>
  <si>
    <t>VELUX Elektrofenster GGL MK04 216621</t>
  </si>
  <si>
    <t>weiß lack EN. 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16630</t>
  </si>
  <si>
    <t>5702328042025</t>
  </si>
  <si>
    <t>VELUX Solarfenster GGL MK04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170</t>
  </si>
  <si>
    <t>5702327283085</t>
  </si>
  <si>
    <t>VELUX Schwingfenster GGL MK04 2170</t>
  </si>
  <si>
    <t>weiß lack THERMO C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4 217021</t>
  </si>
  <si>
    <t>5702328042032</t>
  </si>
  <si>
    <t>VELUX Elektrofenster GGL MK04 217021</t>
  </si>
  <si>
    <t>weiß lack THERMO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17030</t>
  </si>
  <si>
    <t>5702328042049</t>
  </si>
  <si>
    <t>VELUX Solarfenster GGL MK04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184</t>
  </si>
  <si>
    <t>5702329838092</t>
  </si>
  <si>
    <t>VELUX Schwingfenster GGL MK04 2184</t>
  </si>
  <si>
    <t>weiß lackiert ENERGIE Kupfer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4 218421</t>
  </si>
  <si>
    <t>5702329838108</t>
  </si>
  <si>
    <t>VELUX Elektrofenster GGL MK04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18430</t>
  </si>
  <si>
    <t>5702329838115</t>
  </si>
  <si>
    <t>VELUX Solarfenster GGL MK04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366</t>
  </si>
  <si>
    <t>5702328042124</t>
  </si>
  <si>
    <t>VELUX Schwingfenster GGL MK04 2366</t>
  </si>
  <si>
    <t>weiß lack EN.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236621</t>
  </si>
  <si>
    <t>5702328042131</t>
  </si>
  <si>
    <t>VELUX Elektrofenster GGL MK04 236621</t>
  </si>
  <si>
    <t>weiß lack EN. 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36630</t>
  </si>
  <si>
    <t>5702328042148</t>
  </si>
  <si>
    <t>VELUX Solarfenster GGL MK04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370</t>
  </si>
  <si>
    <t>5702327283092</t>
  </si>
  <si>
    <t>VELUX Schwingfenster GGL MK04 2370</t>
  </si>
  <si>
    <t>weiß lack THERMO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4 237021</t>
  </si>
  <si>
    <t>5702328091504</t>
  </si>
  <si>
    <t>VELUX Elektrofenster GGL MK04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237030</t>
  </si>
  <si>
    <t>5702328042155</t>
  </si>
  <si>
    <t>VELUX Solarfenster GGL MK04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2384</t>
  </si>
  <si>
    <t>5702329838122</t>
  </si>
  <si>
    <t>VELUX Schwingfenster GGL MK04 2384</t>
  </si>
  <si>
    <t>weiß lackiert ENERGIE Titanzink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4 238430</t>
  </si>
  <si>
    <t>5702329838139</t>
  </si>
  <si>
    <t>VELUX Solarfenster GGL MK04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062</t>
  </si>
  <si>
    <t>5702327114303</t>
  </si>
  <si>
    <t>VELUX Schwingfenster GGL MK04 3062</t>
  </si>
  <si>
    <t>klar lack Schallsch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4 306221</t>
  </si>
  <si>
    <t>5702327591647</t>
  </si>
  <si>
    <t>VELUX Elektrofenster GGL MK04 306221</t>
  </si>
  <si>
    <t>klar lack EN.Schall.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066</t>
  </si>
  <si>
    <t>5702326176838</t>
  </si>
  <si>
    <t>VELUX Schwingfenster GGL MK04 3066</t>
  </si>
  <si>
    <t>klar lack EN.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306621</t>
  </si>
  <si>
    <t>5702326176845</t>
  </si>
  <si>
    <t>VELUX Elektrofenster GGL MK04 306621</t>
  </si>
  <si>
    <t>klar lack EN. 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06630</t>
  </si>
  <si>
    <t>5702327152879</t>
  </si>
  <si>
    <t>VELUX Solarfenster GGL MK04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06640D</t>
  </si>
  <si>
    <t>5702328700352</t>
  </si>
  <si>
    <t>VELUX Rauchabz.-F. GGL MK04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3067</t>
  </si>
  <si>
    <t>5702328933217</t>
  </si>
  <si>
    <t>VELUX Schwingfenster GGL MK04 3067</t>
  </si>
  <si>
    <t>klar lack EN.WäDämm.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306721</t>
  </si>
  <si>
    <t>5702328933224</t>
  </si>
  <si>
    <t>VELUX Elektrofenster GGL M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06730</t>
  </si>
  <si>
    <t>5702328933248</t>
  </si>
  <si>
    <t>VELUX Solarfenster GGL MK04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069</t>
  </si>
  <si>
    <t>5702328930506</t>
  </si>
  <si>
    <t>VELUX Schwingfenster GGL MK04 3069</t>
  </si>
  <si>
    <t>klar lack E.Hitzesch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04 306921</t>
  </si>
  <si>
    <t>5702328930513</t>
  </si>
  <si>
    <t>VELUX Elektrofenster GGL M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06930</t>
  </si>
  <si>
    <t>5702328930537</t>
  </si>
  <si>
    <t>VELUX Solarfenster GGL MK04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070</t>
  </si>
  <si>
    <t>5702326548536</t>
  </si>
  <si>
    <t>VELUX Schwingfenster GGL MK04 3070</t>
  </si>
  <si>
    <t>klar lack THERMO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4 307021</t>
  </si>
  <si>
    <t>5702326548543</t>
  </si>
  <si>
    <t>VELUX Elektrofenster GGL MK04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07030</t>
  </si>
  <si>
    <t>5702327203878</t>
  </si>
  <si>
    <t>VELUX Solarfenster GGL MK04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07040D</t>
  </si>
  <si>
    <t>5702328700369</t>
  </si>
  <si>
    <t>VELUX Rauchabz.-F. GGL MK04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4 3070Q</t>
  </si>
  <si>
    <t>5702327007520</t>
  </si>
  <si>
    <t>VELUX Schwingfenster GGL MK04 3070Q</t>
  </si>
  <si>
    <t>klar lack Son.Verg. Alu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04 3084</t>
  </si>
  <si>
    <t>5702329838146</t>
  </si>
  <si>
    <t>VELUX Schwingfenster GGL MK04 3084</t>
  </si>
  <si>
    <t>klar lackiert ENERGIE Alu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4 308421</t>
  </si>
  <si>
    <t>5702329838153</t>
  </si>
  <si>
    <t>VELUX Elektrofenster GGL MK04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08430</t>
  </si>
  <si>
    <t>5702329838177</t>
  </si>
  <si>
    <t>VELUX Solarfenster GGL MK04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08440D</t>
  </si>
  <si>
    <t>5702329838184</t>
  </si>
  <si>
    <t>VELUX Rauchabzugsfst. GGL MK04 308440D</t>
  </si>
  <si>
    <t>klar lackiert, ENERGIE, Alu 78x98</t>
  </si>
  <si>
    <t>GGL MK04 316221</t>
  </si>
  <si>
    <t>5702327591654</t>
  </si>
  <si>
    <t>VELUX Elektrofenster GGL MK04 316221</t>
  </si>
  <si>
    <t>klar lack EN.Schall.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166</t>
  </si>
  <si>
    <t>5702327002099</t>
  </si>
  <si>
    <t>VELUX Schwingfenster GGL MK04 3166</t>
  </si>
  <si>
    <t>klar lack EN.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316621</t>
  </si>
  <si>
    <t>5702327030412</t>
  </si>
  <si>
    <t>VELUX Elektrofenster GGL MK04 316621</t>
  </si>
  <si>
    <t>klar lack EN. 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16630</t>
  </si>
  <si>
    <t>5702327189592</t>
  </si>
  <si>
    <t>VELUX Solarfenster GGL MK04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184</t>
  </si>
  <si>
    <t>5702329838191</t>
  </si>
  <si>
    <t>VELUX Schwingfenster GGL MK04 3184</t>
  </si>
  <si>
    <t>klar lackiert ENERGIE Kupfer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4 318421</t>
  </si>
  <si>
    <t>5702329838207</t>
  </si>
  <si>
    <t>VELUX Elektrofenster GGL MK04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18430</t>
  </si>
  <si>
    <t>5702329838214</t>
  </si>
  <si>
    <t>VELUX Solarfenster GGL MK04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366</t>
  </si>
  <si>
    <t>5702327002105</t>
  </si>
  <si>
    <t>VELUX Schwingfenster GGL MK04 3366</t>
  </si>
  <si>
    <t>klar lack EN.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336621</t>
  </si>
  <si>
    <t>5702327030467</t>
  </si>
  <si>
    <t>VELUX Elektrofenster GGL MK04 336621</t>
  </si>
  <si>
    <t>klar lack EN. 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4 336630</t>
  </si>
  <si>
    <t>5702327189622</t>
  </si>
  <si>
    <t>VELUX Solarfenster GGL MK04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3384</t>
  </si>
  <si>
    <t>5702329838221</t>
  </si>
  <si>
    <t>VELUX Schwingfenster GGL MK04 3384</t>
  </si>
  <si>
    <t>klar lackiert ENERGIE Titanzink 78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4 338430</t>
  </si>
  <si>
    <t>5702329838238</t>
  </si>
  <si>
    <t>VELUX Solarfenster GGL MK04 3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4 SD00402</t>
  </si>
  <si>
    <t>5702327889171</t>
  </si>
  <si>
    <t>VELUX Rauch-Wärmeabzug GGL MK04 SD00402</t>
  </si>
  <si>
    <t>Kief.end. EN.-STAR Alu 78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SD00403</t>
  </si>
  <si>
    <t>5702327889188</t>
  </si>
  <si>
    <t>VELUX Rauch-Wärmeabzug GGL MK04 SD00403</t>
  </si>
  <si>
    <t>Klar lack THERMO Alu 78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4 SD00404</t>
  </si>
  <si>
    <t>5702328082038</t>
  </si>
  <si>
    <t>VELUX Rauch-Wärmeabzug GGL MK04 SD00404</t>
  </si>
  <si>
    <t>weiß lack EN.-STAR Alu 78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SD00405</t>
  </si>
  <si>
    <t>5702328082045</t>
  </si>
  <si>
    <t>VELUX Rauch-Wärmeabzug GGL MK04 SD00405</t>
  </si>
  <si>
    <t>weiß lack TH.-STAR Alu 78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6 2062</t>
  </si>
  <si>
    <t>5702328042209</t>
  </si>
  <si>
    <t>VELUX Schwingfenster GGL MK06 2062</t>
  </si>
  <si>
    <t>weiß lack Schallsch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6 206221</t>
  </si>
  <si>
    <t>5702328042216</t>
  </si>
  <si>
    <t>VELUX Elektrofenster GGL MK06 206221</t>
  </si>
  <si>
    <t>weiß lack EN.Schall.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066</t>
  </si>
  <si>
    <t>5702327965998</t>
  </si>
  <si>
    <t>VELUX Schwingfenster GGL MK06 2066</t>
  </si>
  <si>
    <t>weiß lack. EN.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206621</t>
  </si>
  <si>
    <t>5702328042223</t>
  </si>
  <si>
    <t>VELUX Elektrofenster GGL MK06 206621</t>
  </si>
  <si>
    <t>weiß lack EN. 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06622</t>
  </si>
  <si>
    <t>5702321106328</t>
  </si>
  <si>
    <t>VELUX Elektro-Schwingf. GGL MK06 206622</t>
  </si>
  <si>
    <t>weiß lack EN. PLUS Alu 78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6 206630</t>
  </si>
  <si>
    <t>5702328042247</t>
  </si>
  <si>
    <t>VELUX Solarfenster GGL MK06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06640D</t>
  </si>
  <si>
    <t>5702328700376</t>
  </si>
  <si>
    <t>VELUX Rauchabz.-F. GGL MK06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2067</t>
  </si>
  <si>
    <t>5702328933255</t>
  </si>
  <si>
    <t>VELUX Schwingfenster GGL MK06 2067</t>
  </si>
  <si>
    <t>weiß lack EN.WäDämm.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206721</t>
  </si>
  <si>
    <t>5702328933262</t>
  </si>
  <si>
    <t>VELUX Elektrofenster GGL M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06730</t>
  </si>
  <si>
    <t>5702328933286</t>
  </si>
  <si>
    <t>VELUX Solarfenster GGL M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069</t>
  </si>
  <si>
    <t>5702328930544</t>
  </si>
  <si>
    <t>VELUX Schwingfenster GGL MK06 2069</t>
  </si>
  <si>
    <t>weiß lack E.Hitzesch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06 206921</t>
  </si>
  <si>
    <t>5702328930551</t>
  </si>
  <si>
    <t>VELUX Elektrofenster GGL M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06930</t>
  </si>
  <si>
    <t>5702328930575</t>
  </si>
  <si>
    <t>VELUX Solarfenster GGL M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070</t>
  </si>
  <si>
    <t>5702326548567</t>
  </si>
  <si>
    <t>VELUX Schwingfenster GGL MK06 2070</t>
  </si>
  <si>
    <t>weiß lack THERMO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6 207021</t>
  </si>
  <si>
    <t>5702327187390</t>
  </si>
  <si>
    <t>VELUX Elektrofenster GGL M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07022</t>
  </si>
  <si>
    <t>5702321107035</t>
  </si>
  <si>
    <t>VELUX Elektro-Schwingf. GGL MK06 207022</t>
  </si>
  <si>
    <t>weiß lack THERMO Alu 78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6 207030</t>
  </si>
  <si>
    <t>5702328042278</t>
  </si>
  <si>
    <t>VELUX Solarfenster GGL M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07040D</t>
  </si>
  <si>
    <t>5702328700383</t>
  </si>
  <si>
    <t>VELUX Rauchabz.-F. GGL MK06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6 2070Q</t>
  </si>
  <si>
    <t>5702327187406</t>
  </si>
  <si>
    <t>VELUX Schwingfenster GGL MK06 2070Q</t>
  </si>
  <si>
    <t>weiß lack Son.Vergl.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06 2084</t>
  </si>
  <si>
    <t>5702329838245</t>
  </si>
  <si>
    <t>VELUX Schwingfenster GGL MK06 2084</t>
  </si>
  <si>
    <t>weiß lackiert ENERGIE Alu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6 208421</t>
  </si>
  <si>
    <t>5702329838252</t>
  </si>
  <si>
    <t>VELUX Elektrofenster GGL M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08422</t>
  </si>
  <si>
    <t>5702321107882</t>
  </si>
  <si>
    <t>VELUX Elektro-Schwingf. GGL MK06 208422</t>
  </si>
  <si>
    <t>weiß lackiert ENERGIE Alu 78 x 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6 208430</t>
  </si>
  <si>
    <t>5702329838276</t>
  </si>
  <si>
    <t>VELUX Solarfenster GGL M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08440D</t>
  </si>
  <si>
    <t>5702329838283</t>
  </si>
  <si>
    <t>VELUX Rauchabzugsfst. GGL MK06 208440D</t>
  </si>
  <si>
    <t>weiß lackiert, ENERGIE, Alu 78x118</t>
  </si>
  <si>
    <t>GGL MK06 216221</t>
  </si>
  <si>
    <t>5702328042360</t>
  </si>
  <si>
    <t>VELUX Elektrofenster GGL MK06 216221</t>
  </si>
  <si>
    <t>weiß lack EN.Schall.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166</t>
  </si>
  <si>
    <t>5702328042377</t>
  </si>
  <si>
    <t>VELUX Schwingfenster GGL MK06 2166</t>
  </si>
  <si>
    <t>weiß lack EN.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216621</t>
  </si>
  <si>
    <t>5702328042384</t>
  </si>
  <si>
    <t>VELUX Elektrofenster GGL MK06 216621</t>
  </si>
  <si>
    <t>weiß lack EN. 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16622</t>
  </si>
  <si>
    <t>5702321108131</t>
  </si>
  <si>
    <t>VELUX Elektro-Schwingf. GGL MK06 216622</t>
  </si>
  <si>
    <t>weiß lack EN. PLUS Kupfer 78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6 216630</t>
  </si>
  <si>
    <t>5702328042391</t>
  </si>
  <si>
    <t>VELUX Solarfenster GGL MK06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170</t>
  </si>
  <si>
    <t>5702327283108</t>
  </si>
  <si>
    <t>VELUX Schwingfenster GGL MK06 2170</t>
  </si>
  <si>
    <t>weiß lack THERMO C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6 217021</t>
  </si>
  <si>
    <t>5702328042407</t>
  </si>
  <si>
    <t>VELUX Elektrofenster GGL MK06 217021</t>
  </si>
  <si>
    <t>weiß lack THERMO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17022</t>
  </si>
  <si>
    <t>5702321108148</t>
  </si>
  <si>
    <t>VELUX Elektro-Schwingf. GGL MK06 217022</t>
  </si>
  <si>
    <t>weiß lack THERMO Kupfer 78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6 217030</t>
  </si>
  <si>
    <t>5702328042414</t>
  </si>
  <si>
    <t>VELUX Solarfenster GGL MK06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184</t>
  </si>
  <si>
    <t>5702329838306</t>
  </si>
  <si>
    <t>VELUX Schwingfenster GGL MK06 2184</t>
  </si>
  <si>
    <t>weiß lackiert ENERGIE Kupfer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6 218421</t>
  </si>
  <si>
    <t>5702329838313</t>
  </si>
  <si>
    <t>VELUX Elektrofenster GGL M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18422</t>
  </si>
  <si>
    <t>5702321108377</t>
  </si>
  <si>
    <t>VELUX Elektro-Schwingf. GGL MK06 218422</t>
  </si>
  <si>
    <t>weiß lack. ENERGIE Kupfer 78 x 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6 218430</t>
  </si>
  <si>
    <t>5702329838320</t>
  </si>
  <si>
    <t>VELUX Solarfenster GGL MK06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366</t>
  </si>
  <si>
    <t>5702328042490</t>
  </si>
  <si>
    <t>VELUX Schwingfenster GGL MK06 2366</t>
  </si>
  <si>
    <t>weiß lack EN.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236621</t>
  </si>
  <si>
    <t>5702328042506</t>
  </si>
  <si>
    <t>VELUX Elektrofenster GGL MK06 236621</t>
  </si>
  <si>
    <t>weiß lack EN. 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36630</t>
  </si>
  <si>
    <t>5702328042513</t>
  </si>
  <si>
    <t>VELUX Solarfenster GGL MK06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37021</t>
  </si>
  <si>
    <t>5702328042520</t>
  </si>
  <si>
    <t>VELUX Elektrofenster GGL MK06 237021</t>
  </si>
  <si>
    <t>weiß lack THERMO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237030</t>
  </si>
  <si>
    <t>5702328042537</t>
  </si>
  <si>
    <t>VELUX Solarfenster GGL MK06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2384</t>
  </si>
  <si>
    <t>5702329838337</t>
  </si>
  <si>
    <t>VELUX Schwingfenster GGL MK06 2384</t>
  </si>
  <si>
    <t>weiß lackiert ENERGIE Titanzink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6 238430</t>
  </si>
  <si>
    <t>5702329838344</t>
  </si>
  <si>
    <t>VELUX Solarfenster GGL MK06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062</t>
  </si>
  <si>
    <t>5702327114334</t>
  </si>
  <si>
    <t>VELUX Schwingfenster GGL MK06 3062</t>
  </si>
  <si>
    <t>klar lack Schallsch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6 306221</t>
  </si>
  <si>
    <t>5702327591661</t>
  </si>
  <si>
    <t>VELUX Elektrofenster GGL MK06 306221</t>
  </si>
  <si>
    <t>klar lack EN.Schall.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066</t>
  </si>
  <si>
    <t>5702326176890</t>
  </si>
  <si>
    <t>VELUX Schwingfenster GGL MK06 3066</t>
  </si>
  <si>
    <t>klar lack EN.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306621</t>
  </si>
  <si>
    <t>5702326176906</t>
  </si>
  <si>
    <t>VELUX Elektrofenster GGL MK06 306621</t>
  </si>
  <si>
    <t>klar lack EN. 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06630</t>
  </si>
  <si>
    <t>5702327152916</t>
  </si>
  <si>
    <t>VELUX Solarfenster GGL MK06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06640D</t>
  </si>
  <si>
    <t>5702328700390</t>
  </si>
  <si>
    <t>VELUX Rauchabz.-F. GGL MK06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3067</t>
  </si>
  <si>
    <t>5702328933293</t>
  </si>
  <si>
    <t>VELUX Schwingfenster GGL MK06 3067</t>
  </si>
  <si>
    <t>klar lack EN.WäDämm.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306721</t>
  </si>
  <si>
    <t>5702328933309</t>
  </si>
  <si>
    <t>VELUX Elektrofenster GGL M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06730</t>
  </si>
  <si>
    <t>5702328933323</t>
  </si>
  <si>
    <t>VELUX Solarfenster GGL M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069</t>
  </si>
  <si>
    <t>5702328930582</t>
  </si>
  <si>
    <t>VELUX Schwingfenster GGL MK06 3069</t>
  </si>
  <si>
    <t>klar lack E.Hitzesch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06 306921</t>
  </si>
  <si>
    <t>5702328930599</t>
  </si>
  <si>
    <t>VELUX Elektrofenster GGL M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06930</t>
  </si>
  <si>
    <t>5702328930612</t>
  </si>
  <si>
    <t>VELUX Solarfenster GGL M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070</t>
  </si>
  <si>
    <t>5702326548604</t>
  </si>
  <si>
    <t>VELUX Schwingfenster GGL MK06 3070</t>
  </si>
  <si>
    <t>klar lack THERMO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6 307021</t>
  </si>
  <si>
    <t>5702326548611</t>
  </si>
  <si>
    <t>VELUX Elektrofenster GGL M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07030</t>
  </si>
  <si>
    <t>5702327203885</t>
  </si>
  <si>
    <t>VELUX Solarfenster GGL M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07040D</t>
  </si>
  <si>
    <t>5702328700406</t>
  </si>
  <si>
    <t>VELUX Rauchabz.-F. GGL MK06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6 3084</t>
  </si>
  <si>
    <t>5702329838351</t>
  </si>
  <si>
    <t>VELUX Schwingfenster GGL MK06 3084</t>
  </si>
  <si>
    <t>klar lackiert ENERGIE Alu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6 308421</t>
  </si>
  <si>
    <t>5702329838368</t>
  </si>
  <si>
    <t>VELUX Elektrofenster GGL M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08430</t>
  </si>
  <si>
    <t>5702329838382</t>
  </si>
  <si>
    <t>VELUX Solarfenster GGL M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08440D</t>
  </si>
  <si>
    <t>5702329838399</t>
  </si>
  <si>
    <t>VELUX Rauchabzugsfst. GGL MK06 308440D</t>
  </si>
  <si>
    <t>klar lackiert, ENERGIE, Alu 78x118</t>
  </si>
  <si>
    <t>GGL MK06 316221</t>
  </si>
  <si>
    <t>5702327591678</t>
  </si>
  <si>
    <t>VELUX Elektrofenster GGL MK06 316221</t>
  </si>
  <si>
    <t>klar lack EN.Schall.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166</t>
  </si>
  <si>
    <t>5702327002112</t>
  </si>
  <si>
    <t>VELUX Schwingfenster GGL MK06 3166</t>
  </si>
  <si>
    <t>klar lack EN.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316621</t>
  </si>
  <si>
    <t>5702327030498</t>
  </si>
  <si>
    <t>VELUX Elektrofenster GGL MK06 316621</t>
  </si>
  <si>
    <t>klar lack EN. 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16630</t>
  </si>
  <si>
    <t>5702327189653</t>
  </si>
  <si>
    <t>VELUX Solarfenster GGL MK06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184</t>
  </si>
  <si>
    <t>5702329838405</t>
  </si>
  <si>
    <t>VELUX Schwingfenster GGL MK06 3184</t>
  </si>
  <si>
    <t>klar lackiert ENERGIE Kupfer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6 318421</t>
  </si>
  <si>
    <t>5702329838412</t>
  </si>
  <si>
    <t>VELUX Elektrofenster GGL M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18430</t>
  </si>
  <si>
    <t>5702329838429</t>
  </si>
  <si>
    <t>VELUX Solarfenster GGL M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6 336621</t>
  </si>
  <si>
    <t>5702327030535</t>
  </si>
  <si>
    <t>VELUX Elektrofenster GGL MK06 336621</t>
  </si>
  <si>
    <t>klar lack EN. 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6 3384</t>
  </si>
  <si>
    <t>5702329838436</t>
  </si>
  <si>
    <t>VELUX Schwingfenster GGL MK06 3384</t>
  </si>
  <si>
    <t>klar lackiert ENERGIE Titanzink 78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6 SD00402</t>
  </si>
  <si>
    <t>5702327889195</t>
  </si>
  <si>
    <t>VELUX Rauch-Wärmeabzug GGL MK06 SD00402</t>
  </si>
  <si>
    <t>Kief.end. EN.-STAR Alu 78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4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6 SD00405</t>
  </si>
  <si>
    <t>5702328082144</t>
  </si>
  <si>
    <t>VELUX Rauch-Wärmeabzug GGL MK06 SD00405</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46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8 2062</t>
  </si>
  <si>
    <t>5702328042605</t>
  </si>
  <si>
    <t>VELUX Schwingfenster GGL MK08 2062</t>
  </si>
  <si>
    <t>weiß lack Schallsch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8 206221</t>
  </si>
  <si>
    <t>5702328042612</t>
  </si>
  <si>
    <t>VELUX Elektrofenster GGL MK08 206221</t>
  </si>
  <si>
    <t>weiß lack EN.Schall.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066</t>
  </si>
  <si>
    <t>5702327966001</t>
  </si>
  <si>
    <t>VELUX Schwingfenster GGL MK08 2066</t>
  </si>
  <si>
    <t>weiß lack. EN.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206621</t>
  </si>
  <si>
    <t>5702328042629</t>
  </si>
  <si>
    <t>VELUX Elektrofenster GGL MK08 206621</t>
  </si>
  <si>
    <t>weiß lack EN. 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06622</t>
  </si>
  <si>
    <t>5702321108438</t>
  </si>
  <si>
    <t>VELUX Elektro-Schwingf. GGL MK08 206622</t>
  </si>
  <si>
    <t>weiß lack EN. PLUS Alu 78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8 206630</t>
  </si>
  <si>
    <t>5702328042643</t>
  </si>
  <si>
    <t>VELUX Solarfenster GGL MK08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06640D</t>
  </si>
  <si>
    <t>5702328700413</t>
  </si>
  <si>
    <t>VELUX Rauchabz.-F. GGL MK08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2067</t>
  </si>
  <si>
    <t>5702328933330</t>
  </si>
  <si>
    <t>VELUX Schwingfenster GGL MK08 2067</t>
  </si>
  <si>
    <t>weiß lack EN.WäDämm.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206721</t>
  </si>
  <si>
    <t>5702328933347</t>
  </si>
  <si>
    <t>VELUX Elektrofenster GGL M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06730</t>
  </si>
  <si>
    <t>5702328933361</t>
  </si>
  <si>
    <t>VELUX Solarfenster GGL M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069</t>
  </si>
  <si>
    <t>5702328930629</t>
  </si>
  <si>
    <t>VELUX Schwingfenster GGL MK08 2069</t>
  </si>
  <si>
    <t>weiß lack E.Hitzesch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08 206921</t>
  </si>
  <si>
    <t>5702328930636</t>
  </si>
  <si>
    <t>VELUX Elektrofenster GGL M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06930</t>
  </si>
  <si>
    <t>5702328930650</t>
  </si>
  <si>
    <t>VELUX Solarfenster GGL M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070</t>
  </si>
  <si>
    <t>5702326548659</t>
  </si>
  <si>
    <t>VELUX Schwingfenster GGL MK08 2070</t>
  </si>
  <si>
    <t>weiß lack THERMO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8 207021</t>
  </si>
  <si>
    <t>5702327187420</t>
  </si>
  <si>
    <t>VELUX Elektrofenster GGL M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07022</t>
  </si>
  <si>
    <t>5702321108445</t>
  </si>
  <si>
    <t>VELUX Elektro-Schwingf. GGL MK08 207022</t>
  </si>
  <si>
    <t>weiß lack THERMO Alu 78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8 207030</t>
  </si>
  <si>
    <t>5702328042674</t>
  </si>
  <si>
    <t>VELUX Solarfenster GGL M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07040D</t>
  </si>
  <si>
    <t>5702328700420</t>
  </si>
  <si>
    <t>VELUX Rauchabz.-F. GGL MK08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8 2070Q</t>
  </si>
  <si>
    <t>5702327187437</t>
  </si>
  <si>
    <t>VELUX Schwingfenster GGL MK08 2070Q</t>
  </si>
  <si>
    <t>weiß lack Son.Vergl.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08 2084</t>
  </si>
  <si>
    <t>5702329838443</t>
  </si>
  <si>
    <t>VELUX Schwingfenster GGL MK08 2084</t>
  </si>
  <si>
    <t>weiß lackiert ENERGIE Alu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8 208421</t>
  </si>
  <si>
    <t>5702329838450</t>
  </si>
  <si>
    <t>VELUX Elektrofenster GGL M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08422</t>
  </si>
  <si>
    <t>5702321108452</t>
  </si>
  <si>
    <t>VELUX Elektro-Schwingf. GGL MK08 208422</t>
  </si>
  <si>
    <t>weiß lackiert ENERGIE Alu 78 x 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8 208430</t>
  </si>
  <si>
    <t>5702329838474</t>
  </si>
  <si>
    <t>VELUX Solarfenster GGL M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08440D</t>
  </si>
  <si>
    <t>5702329838481</t>
  </si>
  <si>
    <t>VELUX Rauchabzugsfst. GGL MK08 208440D</t>
  </si>
  <si>
    <t>weiß lackiert, ENERGIE, Alu 78x140</t>
  </si>
  <si>
    <t>GGL MK08 2162</t>
  </si>
  <si>
    <t>5702328042759</t>
  </si>
  <si>
    <t>VELUX Schwingfenster GGL MK08 2162</t>
  </si>
  <si>
    <t>weiß lack Schallsch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8 216221</t>
  </si>
  <si>
    <t>5702328042766</t>
  </si>
  <si>
    <t>VELUX Elektrofenster GGL MK08 216221</t>
  </si>
  <si>
    <t>weiß lack EN.Schall.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166</t>
  </si>
  <si>
    <t>5702328042773</t>
  </si>
  <si>
    <t>VELUX Schwingfenster GGL MK08 2166</t>
  </si>
  <si>
    <t>weiß lack EN.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216621</t>
  </si>
  <si>
    <t>5702328042780</t>
  </si>
  <si>
    <t>VELUX Elektrofenster GGL MK08 216621</t>
  </si>
  <si>
    <t>weiß lack EN. 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16622</t>
  </si>
  <si>
    <t>5702321108476</t>
  </si>
  <si>
    <t>VELUX Elektro-Schwingf. GGL MK08 216622</t>
  </si>
  <si>
    <t>weiß lack EN. PLUS Kupfer 78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8 216630</t>
  </si>
  <si>
    <t>5702328042797</t>
  </si>
  <si>
    <t>VELUX Solarfenster GGL MK08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170</t>
  </si>
  <si>
    <t>5702327283122</t>
  </si>
  <si>
    <t>VELUX Schwingfenster GGL MK08 2170</t>
  </si>
  <si>
    <t>weiß lack THERMO C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8 217021</t>
  </si>
  <si>
    <t>5702328042803</t>
  </si>
  <si>
    <t>VELUX Elektrofenster GGL MK08 217021</t>
  </si>
  <si>
    <t>weiß lack THERMO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17022</t>
  </si>
  <si>
    <t>5702321108483</t>
  </si>
  <si>
    <t>VELUX Elektro-Schwingf. GGL MK08 217022</t>
  </si>
  <si>
    <t>weiß lack THERMO Kupfer 78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8 217030</t>
  </si>
  <si>
    <t>5702328042810</t>
  </si>
  <si>
    <t>VELUX Solarfenster GGL MK08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184</t>
  </si>
  <si>
    <t>5702329838511</t>
  </si>
  <si>
    <t>VELUX Schwingfenster GGL MK08 2184</t>
  </si>
  <si>
    <t>weiß lackiert ENERGIE Kupfer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8 218421</t>
  </si>
  <si>
    <t>5702329838528</t>
  </si>
  <si>
    <t>VELUX Elektrofenster GGL M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18422</t>
  </si>
  <si>
    <t>5702321108490</t>
  </si>
  <si>
    <t>VELUX Elektro-Schwingf. GGL MK08 218422</t>
  </si>
  <si>
    <t>weiß lack. ENERGIE Kupfer 78 x 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MK08 218430</t>
  </si>
  <si>
    <t>5702329838535</t>
  </si>
  <si>
    <t>VELUX Solarfenster GGL MK08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366</t>
  </si>
  <si>
    <t>5702328042896</t>
  </si>
  <si>
    <t>VELUX Schwingfenster GGL MK08 2366</t>
  </si>
  <si>
    <t>weiß lack EN.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236621</t>
  </si>
  <si>
    <t>5702328042902</t>
  </si>
  <si>
    <t>VELUX Elektrofenster GGL MK08 236621</t>
  </si>
  <si>
    <t>weiß lack EN. 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36630</t>
  </si>
  <si>
    <t>5702328042919</t>
  </si>
  <si>
    <t>VELUX Solarfenster GGL MK08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370</t>
  </si>
  <si>
    <t>5702327283139</t>
  </si>
  <si>
    <t>VELUX Schwingfenster GGL MK08 2370</t>
  </si>
  <si>
    <t>weiß lack THERMO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8 237021</t>
  </si>
  <si>
    <t>5702328042926</t>
  </si>
  <si>
    <t>VELUX Elektrofenster GGL MK08 23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237030</t>
  </si>
  <si>
    <t>5702328042933</t>
  </si>
  <si>
    <t>VELUX Solarfenster GGL MK08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2384</t>
  </si>
  <si>
    <t>5702329838542</t>
  </si>
  <si>
    <t>VELUX Schwingfenster GGL MK08 2384</t>
  </si>
  <si>
    <t>weiß lackiert ENERGIE Titanzink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8 238430</t>
  </si>
  <si>
    <t>5702329838559</t>
  </si>
  <si>
    <t>VELUX Solarfenster GGL MK08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062</t>
  </si>
  <si>
    <t>5702327114365</t>
  </si>
  <si>
    <t>VELUX Schwingfenster GGL MK08 3062</t>
  </si>
  <si>
    <t>klar lack Schallsch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8 306221</t>
  </si>
  <si>
    <t>5702327591685</t>
  </si>
  <si>
    <t>VELUX Elektrofenster GGL MK08 306221</t>
  </si>
  <si>
    <t>klar lack EN.Schall.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066</t>
  </si>
  <si>
    <t>5702326176951</t>
  </si>
  <si>
    <t>VELUX Schwingfenster GGL MK08 3066</t>
  </si>
  <si>
    <t>klar lack EN.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306621</t>
  </si>
  <si>
    <t>5702326176968</t>
  </si>
  <si>
    <t>VELUX Elektrofenster GGL MK08 306621</t>
  </si>
  <si>
    <t>klar lack EN. 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06630</t>
  </si>
  <si>
    <t>5702327152954</t>
  </si>
  <si>
    <t>VELUX Solarfenster GGL MK08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06640D</t>
  </si>
  <si>
    <t>5702328700437</t>
  </si>
  <si>
    <t>VELUX Rauchabz.-F. GGL MK08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3067</t>
  </si>
  <si>
    <t>5702328933378</t>
  </si>
  <si>
    <t>VELUX Schwingfenster GGL MK08 3067</t>
  </si>
  <si>
    <t>klar lack EN.WäDämm.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306721</t>
  </si>
  <si>
    <t>5702328933385</t>
  </si>
  <si>
    <t>VELUX Elektrofenster GGL M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06730</t>
  </si>
  <si>
    <t>5702328933408</t>
  </si>
  <si>
    <t>VELUX Solarfenster GGL M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069</t>
  </si>
  <si>
    <t>5702328930667</t>
  </si>
  <si>
    <t>VELUX Schwingfenster GGL MK08 3069</t>
  </si>
  <si>
    <t>klar lack E.Hitzesch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08 306921</t>
  </si>
  <si>
    <t>5702328930674</t>
  </si>
  <si>
    <t>VELUX Elektrofenster GGL M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06930</t>
  </si>
  <si>
    <t>5702328930698</t>
  </si>
  <si>
    <t>VELUX Solarfenster GGL M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070</t>
  </si>
  <si>
    <t>5702326548710</t>
  </si>
  <si>
    <t>VELUX Schwingfenster GGL MK08 3070</t>
  </si>
  <si>
    <t>klar lack THERMO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8 307021</t>
  </si>
  <si>
    <t>5702326548727</t>
  </si>
  <si>
    <t>VELUX Elektrofenster GGL M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07030</t>
  </si>
  <si>
    <t>5702327203892</t>
  </si>
  <si>
    <t>VELUX Solarfenster GGL M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07040D</t>
  </si>
  <si>
    <t>5702328700444</t>
  </si>
  <si>
    <t>VELUX Rauchabz.-F. GGL MK08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8 3084</t>
  </si>
  <si>
    <t>5702329838566</t>
  </si>
  <si>
    <t>VELUX Schwingfenster GGL MK08 3084</t>
  </si>
  <si>
    <t>klar lackiert ENERGIE Alu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8 308421</t>
  </si>
  <si>
    <t>5702329838573</t>
  </si>
  <si>
    <t>VELUX Elektrofenster GGL M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08430</t>
  </si>
  <si>
    <t>5702329838597</t>
  </si>
  <si>
    <t>VELUX Solarfenster GGL M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08440D</t>
  </si>
  <si>
    <t>5702329838603</t>
  </si>
  <si>
    <t>VELUX Rauchabzugsfst. GGL MK08 308440D</t>
  </si>
  <si>
    <t>klar lackiert, ENERGIE, Alu 78x140</t>
  </si>
  <si>
    <t>GGL MK08 316221</t>
  </si>
  <si>
    <t>5702327591692</t>
  </si>
  <si>
    <t>VELUX Elektrofenster GGL MK08 316221</t>
  </si>
  <si>
    <t>klar lack EN.Schall.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166</t>
  </si>
  <si>
    <t>5702327002136</t>
  </si>
  <si>
    <t>VELUX Schwingfenster GGL MK08 3166</t>
  </si>
  <si>
    <t>klar lack EN.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316621</t>
  </si>
  <si>
    <t>5702327030573</t>
  </si>
  <si>
    <t>VELUX Elektrofenster GGL MK08 316621</t>
  </si>
  <si>
    <t>klar lack EN. 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16630</t>
  </si>
  <si>
    <t>5702327189714</t>
  </si>
  <si>
    <t>VELUX Solarfenster GGL MK08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184</t>
  </si>
  <si>
    <t>5702329838610</t>
  </si>
  <si>
    <t>VELUX Schwingfenster GGL MK08 3184</t>
  </si>
  <si>
    <t>klar lackiert ENERGIE Kupfer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8 318421</t>
  </si>
  <si>
    <t>5702329838627</t>
  </si>
  <si>
    <t>VELUX Elektrofenster GGL MK08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18430</t>
  </si>
  <si>
    <t>5702329838634</t>
  </si>
  <si>
    <t>VELUX Solarfenster GGL MK08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366</t>
  </si>
  <si>
    <t>5702327002143</t>
  </si>
  <si>
    <t>VELUX Schwingfenster GGL MK08 3366</t>
  </si>
  <si>
    <t>klar lack EN.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336621</t>
  </si>
  <si>
    <t>5702327030627</t>
  </si>
  <si>
    <t>VELUX Elektrofenster GGL MK08 336621</t>
  </si>
  <si>
    <t>klar lack EN. 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08 336630</t>
  </si>
  <si>
    <t>5702327189745</t>
  </si>
  <si>
    <t>VELUX Solarfenster GGL MK08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3384</t>
  </si>
  <si>
    <t>5702329838641</t>
  </si>
  <si>
    <t>VELUX Schwingfenster GGL MK08 3384</t>
  </si>
  <si>
    <t>klar lackiert ENERGIE Titanzink 78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08 338430</t>
  </si>
  <si>
    <t>5702329838658</t>
  </si>
  <si>
    <t>VELUX Solarfenster GGL MK08 3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08 SD00402</t>
  </si>
  <si>
    <t>5702327889218</t>
  </si>
  <si>
    <t>VELUX Rauch-Wärmeabzug GGL MK08 SD00402</t>
  </si>
  <si>
    <t>Kief.end. EN.-STAR Alu 78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SD00403</t>
  </si>
  <si>
    <t>5702327889225</t>
  </si>
  <si>
    <t>VELUX Rauch-Wärmeabzug GGL MK08 SD00403</t>
  </si>
  <si>
    <t>Klar lack THERMO Alu 78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8 SD00405</t>
  </si>
  <si>
    <t>5702328082250</t>
  </si>
  <si>
    <t>VELUX Rauch-Wärmeabzug GGL MK08 SD00405</t>
  </si>
  <si>
    <t>weiß lack TH.-STAR Alu 78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10 2062</t>
  </si>
  <si>
    <t>5702328042995</t>
  </si>
  <si>
    <t>VELUX Schwingfenster GGL MK10 2062</t>
  </si>
  <si>
    <t>weiß lack Schallsch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10 206221</t>
  </si>
  <si>
    <t>5702328043008</t>
  </si>
  <si>
    <t>VELUX Elektrofenster GGL MK10 206221</t>
  </si>
  <si>
    <t>weiß lack EN.Schall.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066</t>
  </si>
  <si>
    <t>5702327966018</t>
  </si>
  <si>
    <t>VELUX Schwingfenster GGL MK10 2066</t>
  </si>
  <si>
    <t>weiß lack. EN.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0 206621</t>
  </si>
  <si>
    <t>5702328043015</t>
  </si>
  <si>
    <t>VELUX Elektrofenster GGL MK10 206621</t>
  </si>
  <si>
    <t>weiß lack EN. 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06630</t>
  </si>
  <si>
    <t>5702328043022</t>
  </si>
  <si>
    <t>VELUX Solarfenster GGL MK10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2067</t>
  </si>
  <si>
    <t>5702328933415</t>
  </si>
  <si>
    <t>VELUX Schwingfenster GGL MK10 2067</t>
  </si>
  <si>
    <t>weiß lack EN.WäDämm.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0 206721</t>
  </si>
  <si>
    <t>5702328933422</t>
  </si>
  <si>
    <t>VELUX Elektrofenster GGL MK10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069</t>
  </si>
  <si>
    <t>5702328930704</t>
  </si>
  <si>
    <t>VELUX Schwingfenster GGL MK10 2069</t>
  </si>
  <si>
    <t>weiß lack E.Hitzesch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10 206921</t>
  </si>
  <si>
    <t>5702328930711</t>
  </si>
  <si>
    <t>VELUX Elektrofenster GGL MK10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070</t>
  </si>
  <si>
    <t>5702327062383</t>
  </si>
  <si>
    <t>VELUX Schwingfenster GGL MK10 2070</t>
  </si>
  <si>
    <t>weiß lack THERMO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10 207021</t>
  </si>
  <si>
    <t>5702327187468</t>
  </si>
  <si>
    <t>VELUX Elektrofenster GGL MK10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07030</t>
  </si>
  <si>
    <t>5702328043039</t>
  </si>
  <si>
    <t>VELUX Solarfenster GGL MK10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2070Q</t>
  </si>
  <si>
    <t>5702327187475</t>
  </si>
  <si>
    <t>VELUX Schwingfenster GGL MK10 2070Q</t>
  </si>
  <si>
    <t>weiß lack. Son.Vergl.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10 2084</t>
  </si>
  <si>
    <t>5702329838665</t>
  </si>
  <si>
    <t>VELUX Schwingfenster GGL MK10 2084</t>
  </si>
  <si>
    <t>weiß lackiert ENERGIE Alu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10 208421</t>
  </si>
  <si>
    <t>5702329838672</t>
  </si>
  <si>
    <t>VELUX Elektrofenster GGL MK10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08430</t>
  </si>
  <si>
    <t>5702329838689</t>
  </si>
  <si>
    <t>VELUX Solarfenster GGL MK10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216621</t>
  </si>
  <si>
    <t>5702328043121</t>
  </si>
  <si>
    <t>VELUX Elektrofenster GGL MK10 216621</t>
  </si>
  <si>
    <t>weiß lack EN. 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16630</t>
  </si>
  <si>
    <t>5702328043138</t>
  </si>
  <si>
    <t>VELUX Solarfenster GGL MK10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217021</t>
  </si>
  <si>
    <t>5702328043145</t>
  </si>
  <si>
    <t>VELUX Elektrofenster GGL MK10 217021</t>
  </si>
  <si>
    <t>weiß lack THERMO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184</t>
  </si>
  <si>
    <t>5702329838696</t>
  </si>
  <si>
    <t>VELUX Schwingfenster GGL MK10 2184</t>
  </si>
  <si>
    <t>weiß lackiert ENERGIE Kupfer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10 218421</t>
  </si>
  <si>
    <t>5702329838702</t>
  </si>
  <si>
    <t>VELUX Elektrofenster GGL MK10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18430</t>
  </si>
  <si>
    <t>5702329838719</t>
  </si>
  <si>
    <t>VELUX Solarfenster GGL MK10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2366</t>
  </si>
  <si>
    <t>5702328043220</t>
  </si>
  <si>
    <t>VELUX Schwingfenster GGL MK10 2366</t>
  </si>
  <si>
    <t>weiß lack EN.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0 236621</t>
  </si>
  <si>
    <t>5702328043237</t>
  </si>
  <si>
    <t>VELUX Elektrofenster GGL MK10 236621</t>
  </si>
  <si>
    <t>weiß lack EN. 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236630</t>
  </si>
  <si>
    <t>5702328043244</t>
  </si>
  <si>
    <t>VELUX Solarfenster GGL MK10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2370</t>
  </si>
  <si>
    <t>5702327283153</t>
  </si>
  <si>
    <t>VELUX Schwingfenster GGL MK10 2370</t>
  </si>
  <si>
    <t>weiß lack THERMO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10 2384</t>
  </si>
  <si>
    <t>5702329838726</t>
  </si>
  <si>
    <t>VELUX Schwingfenster GGL MK10 2384</t>
  </si>
  <si>
    <t>weiß lackiert ENERGIE Titanzink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10 238430</t>
  </si>
  <si>
    <t>5702329838733</t>
  </si>
  <si>
    <t>VELUX Solarfenster GGL MK10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3062</t>
  </si>
  <si>
    <t>5702327114396</t>
  </si>
  <si>
    <t>VELUX Schwingfenster GGL MK10 3062</t>
  </si>
  <si>
    <t>klar lack Schallsch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10 306221</t>
  </si>
  <si>
    <t>5702327591708</t>
  </si>
  <si>
    <t>VELUX Elektrofenster GGL MK10 306221</t>
  </si>
  <si>
    <t>klar lack EN.Schall.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3066</t>
  </si>
  <si>
    <t>5702327001658</t>
  </si>
  <si>
    <t>VELUX Schwingfenster GGL MK10 3066</t>
  </si>
  <si>
    <t>klar lack EN.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0 306621</t>
  </si>
  <si>
    <t>5702327219282</t>
  </si>
  <si>
    <t>VELUX Elektrofenster GGL MK10 306621</t>
  </si>
  <si>
    <t>klar lack EN. 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306630</t>
  </si>
  <si>
    <t>5702327219701</t>
  </si>
  <si>
    <t>VELUX Solarfenster GGL MK10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3067</t>
  </si>
  <si>
    <t>5702328933439</t>
  </si>
  <si>
    <t>VELUX Schwingfenster GGL MK10 3067</t>
  </si>
  <si>
    <t>klar lack EN.WäDämm.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0 306721</t>
  </si>
  <si>
    <t>5702328933446</t>
  </si>
  <si>
    <t>VELUX Elektrofenster GGL MK10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3069</t>
  </si>
  <si>
    <t>5702328930728</t>
  </si>
  <si>
    <t>VELUX Schwingfenster GGL MK10 3069</t>
  </si>
  <si>
    <t>klar lack E.Hitzesch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10 306921</t>
  </si>
  <si>
    <t>5702328930735</t>
  </si>
  <si>
    <t>VELUX Elektrofenster GGL MK10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3070</t>
  </si>
  <si>
    <t>5702326997136</t>
  </si>
  <si>
    <t>VELUX Schwingfenster GGL MK10 3070</t>
  </si>
  <si>
    <t>klar lack THERMO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10 307021</t>
  </si>
  <si>
    <t>5702327191830</t>
  </si>
  <si>
    <t>VELUX Elektrofenster GGL MK10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307030</t>
  </si>
  <si>
    <t>5702327203908</t>
  </si>
  <si>
    <t>VELUX Solarfenster GGL MK10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3084</t>
  </si>
  <si>
    <t>5702329838740</t>
  </si>
  <si>
    <t>VELUX Schwingfenster GGL MK10 3084</t>
  </si>
  <si>
    <t>klar lackiert ENERGIE Alu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10 308421</t>
  </si>
  <si>
    <t>5702329838757</t>
  </si>
  <si>
    <t>VELUX Elektrofenster GGL MK10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308430</t>
  </si>
  <si>
    <t>5702329838764</t>
  </si>
  <si>
    <t>VELUX Solarfenster GGL MK10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MK10 3166</t>
  </si>
  <si>
    <t>5702327002150</t>
  </si>
  <si>
    <t>VELUX Schwingfenster GGL MK10 3166</t>
  </si>
  <si>
    <t>klar lack EN.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0 316621</t>
  </si>
  <si>
    <t>5702327219299</t>
  </si>
  <si>
    <t>VELUX Elektrofenster GGL MK10 316621</t>
  </si>
  <si>
    <t>klar lack EN. 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0 3184</t>
  </si>
  <si>
    <t>5702329838771</t>
  </si>
  <si>
    <t>VELUX Schwingfenster GGL MK10 3184</t>
  </si>
  <si>
    <t>klar lackiert ENERGIE Kupfer 78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10 336621</t>
  </si>
  <si>
    <t>5702327219305</t>
  </si>
  <si>
    <t>VELUX Elektrofenster GGL MK10 336621</t>
  </si>
  <si>
    <t>klar lack EN. 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2 2066</t>
  </si>
  <si>
    <t>5702327966025</t>
  </si>
  <si>
    <t>VELUX Schwingfenster GGL MK12 2066</t>
  </si>
  <si>
    <t>weiß lack EN.PLUS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206621</t>
  </si>
  <si>
    <t>5702328897786</t>
  </si>
  <si>
    <t>VELUX Elektrofenster GGL MK12 206621</t>
  </si>
  <si>
    <t>weiß lack EN. PLUS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2 2067</t>
  </si>
  <si>
    <t>5702328933453</t>
  </si>
  <si>
    <t>VELUX Schwingfenster GGL MK12 2067</t>
  </si>
  <si>
    <t>weiß lack EN.WäDämm.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2069</t>
  </si>
  <si>
    <t>5702328930742</t>
  </si>
  <si>
    <t>VELUX Schwingfenster GGL MK12 2069</t>
  </si>
  <si>
    <t>weiß lack E.Hitzesch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12 2070</t>
  </si>
  <si>
    <t>5702326548741</t>
  </si>
  <si>
    <t>VELUX Schwingfenster GGL MK12 2070</t>
  </si>
  <si>
    <t>weiß lack THERMO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12 2084</t>
  </si>
  <si>
    <t>5702329838788</t>
  </si>
  <si>
    <t>VELUX Schwingfenster GGL MK12 2084</t>
  </si>
  <si>
    <t>weiß lackiert ENERGIE Alu 78 x 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MK12 208421</t>
  </si>
  <si>
    <t>5702329838795</t>
  </si>
  <si>
    <t>VELUX Elektrofenster GGL MK12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MK12 2166</t>
  </si>
  <si>
    <t>5702328043282</t>
  </si>
  <si>
    <t>VELUX Schwingfenster GGL MK12 2166</t>
  </si>
  <si>
    <t>weiß lack EN.PLUS Kupfer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2366</t>
  </si>
  <si>
    <t>5702328043299</t>
  </si>
  <si>
    <t>VELUX Schwingfenster GGL MK12 23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3066</t>
  </si>
  <si>
    <t>5702327601841</t>
  </si>
  <si>
    <t>VELUX Schwingfenster GGL MK12 3066</t>
  </si>
  <si>
    <t>klar lack EN.PLUS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3070</t>
  </si>
  <si>
    <t>5702326548765</t>
  </si>
  <si>
    <t>VELUX Schwingfenster GGL MK12 3070</t>
  </si>
  <si>
    <t>klar lack THERMO 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12 3084</t>
  </si>
  <si>
    <t>5702329838801</t>
  </si>
  <si>
    <t>VELUX Schwingfenster GGL MK12 3084</t>
  </si>
  <si>
    <t>klar lackiert ENERGIE Alu 78 x 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6 2062</t>
  </si>
  <si>
    <t>5702328043534</t>
  </si>
  <si>
    <t>VELUX Schwingfenster GGL PK06 2062</t>
  </si>
  <si>
    <t>weiß lack Schallsch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06 206221</t>
  </si>
  <si>
    <t>5702328043541</t>
  </si>
  <si>
    <t>VELUX Elektrofenster GGL PK06 206221</t>
  </si>
  <si>
    <t>weiß lack EN.Schall.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066</t>
  </si>
  <si>
    <t>5702327966032</t>
  </si>
  <si>
    <t>VELUX Schwingfenster GGL PK06 2066</t>
  </si>
  <si>
    <t>weiß lack. EN.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206621</t>
  </si>
  <si>
    <t>5702328043558</t>
  </si>
  <si>
    <t>VELUX Elektrofenster GGL PK06 206621</t>
  </si>
  <si>
    <t>weiß lack EN. 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06622</t>
  </si>
  <si>
    <t>5702321108513</t>
  </si>
  <si>
    <t>VELUX Elektro-Schwingf. GGL PK06 206622</t>
  </si>
  <si>
    <t>weiß lack EN. PLUS Alu 94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6 206640D</t>
  </si>
  <si>
    <t>5702328700451</t>
  </si>
  <si>
    <t>VELUX Rauchabz.-F. GGL PK06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2067</t>
  </si>
  <si>
    <t>5702328933538</t>
  </si>
  <si>
    <t>VELUX Schwingfenster GGL PK06 2067</t>
  </si>
  <si>
    <t>weiß lack EN.WäDämm.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206721</t>
  </si>
  <si>
    <t>5702328933545</t>
  </si>
  <si>
    <t>VELUX Elektrofenster GGL P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06730</t>
  </si>
  <si>
    <t>5702328933552</t>
  </si>
  <si>
    <t>VELUX Solarfenster GGL P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2069</t>
  </si>
  <si>
    <t>5702328930827</t>
  </si>
  <si>
    <t>VELUX Schwingfenster GGL PK06 2069</t>
  </si>
  <si>
    <t>weiß lack E.Hitzesch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PK06 206921</t>
  </si>
  <si>
    <t>5702328930834</t>
  </si>
  <si>
    <t>VELUX Elektrofenster GGL P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06930</t>
  </si>
  <si>
    <t>5702328930841</t>
  </si>
  <si>
    <t>VELUX Solarfenster GGL P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2070</t>
  </si>
  <si>
    <t>5702326548789</t>
  </si>
  <si>
    <t>VELUX Schwingfenster GGL PK06 2070</t>
  </si>
  <si>
    <t>weiß lack THERMO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6 207021</t>
  </si>
  <si>
    <t>5702327187529</t>
  </si>
  <si>
    <t>VELUX Elektrofenster GGL P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07022</t>
  </si>
  <si>
    <t>5702321108520</t>
  </si>
  <si>
    <t>VELUX Elektro-Schwingf. GGL PK06 207022</t>
  </si>
  <si>
    <t>weiß lack THERMO Alu 94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6 207030</t>
  </si>
  <si>
    <t>5702328043565</t>
  </si>
  <si>
    <t>VELUX Solarfenster GGL P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207040D</t>
  </si>
  <si>
    <t>5702328700468</t>
  </si>
  <si>
    <t>VELUX Rauchabz.-F. GGL PK06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6 2070Q</t>
  </si>
  <si>
    <t>5702327187536</t>
  </si>
  <si>
    <t>VELUX Schwingfenster GGL PK06 2070Q</t>
  </si>
  <si>
    <t>weiß lack. Son.Vergl.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PK06 2084</t>
  </si>
  <si>
    <t>5702329838955</t>
  </si>
  <si>
    <t>VELUX Schwingfenster GGL PK06 2084</t>
  </si>
  <si>
    <t>weiß lackiert ENERGIE Alu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6 208421</t>
  </si>
  <si>
    <t>5702329838962</t>
  </si>
  <si>
    <t>VELUX Elektrofenster GGL P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08422</t>
  </si>
  <si>
    <t>5702321108650</t>
  </si>
  <si>
    <t>VELUX Elektro-Schwingf. GGL PK06 208422</t>
  </si>
  <si>
    <t>weiß lackiert ENERGIE Alu 94 x 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6 208430</t>
  </si>
  <si>
    <t>5702329838986</t>
  </si>
  <si>
    <t>VELUX Solarfenster GGL P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208440D</t>
  </si>
  <si>
    <t>5702329838993</t>
  </si>
  <si>
    <t>VELUX Rauchabzugsfst. GGL PK06 208440D</t>
  </si>
  <si>
    <t>weiß lackiert, ENERGIE, Alu 94x118</t>
  </si>
  <si>
    <t>GGL PK06 216221</t>
  </si>
  <si>
    <t>5702328043640</t>
  </si>
  <si>
    <t>VELUX Elektrofenster GGL PK06 216221</t>
  </si>
  <si>
    <t>weiß lack EN.Schall.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16621</t>
  </si>
  <si>
    <t>5702328043664</t>
  </si>
  <si>
    <t>VELUX Elektrofenster GGL PK06 216621</t>
  </si>
  <si>
    <t>weiß lack EN. 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16622</t>
  </si>
  <si>
    <t>5702321108681</t>
  </si>
  <si>
    <t>VELUX Elektro-Schwingf. GGL PK06 216622</t>
  </si>
  <si>
    <t>weiß lack EN. PLUS Kupfer 94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6 217021</t>
  </si>
  <si>
    <t>5702328043671</t>
  </si>
  <si>
    <t>VELUX Elektrofenster GGL PK06 217021</t>
  </si>
  <si>
    <t>weiß lack THERMO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17022</t>
  </si>
  <si>
    <t>5702321108704</t>
  </si>
  <si>
    <t>VELUX Elektro-Schwingf. GGL PK06 217022</t>
  </si>
  <si>
    <t>weiß lack THERMO Kupfer 94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6 2184</t>
  </si>
  <si>
    <t>5702329839013</t>
  </si>
  <si>
    <t>VELUX Schwingfenster GGL PK06 2184</t>
  </si>
  <si>
    <t>weiß lackiert ENERGIE Kupfer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6 218421</t>
  </si>
  <si>
    <t>5702329839020</t>
  </si>
  <si>
    <t>VELUX Elektrofenster GGL P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18422</t>
  </si>
  <si>
    <t>5702321108728</t>
  </si>
  <si>
    <t>VELUX Elektro-Schwingf. GGL PK06 218422</t>
  </si>
  <si>
    <t>weiß lack. ENERGIE Kupfer 94 x 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6 2366</t>
  </si>
  <si>
    <t>5702328043732</t>
  </si>
  <si>
    <t>VELUX Schwingfenster GGL PK06 2366</t>
  </si>
  <si>
    <t>weiß lack EN.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236621</t>
  </si>
  <si>
    <t>5702328043749</t>
  </si>
  <si>
    <t>VELUX Elektrofenster GGL PK06 236621</t>
  </si>
  <si>
    <t>weiß lack EN. 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2384</t>
  </si>
  <si>
    <t>5702329839037</t>
  </si>
  <si>
    <t>VELUX Schwingfenster GGL PK06 2384</t>
  </si>
  <si>
    <t>weiß lackiert ENERGIE Titanzink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6 3062</t>
  </si>
  <si>
    <t>5702327114457</t>
  </si>
  <si>
    <t>VELUX Schwingfenster GGL PK06 3062</t>
  </si>
  <si>
    <t>klar lack Schallsch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06 306221</t>
  </si>
  <si>
    <t>5702327591746</t>
  </si>
  <si>
    <t>VELUX Elektrofenster GGL PK06 306221</t>
  </si>
  <si>
    <t>klar lack EN.Schall.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066</t>
  </si>
  <si>
    <t>5702326177057</t>
  </si>
  <si>
    <t>VELUX Schwingfenster GGL PK06 3066</t>
  </si>
  <si>
    <t>klar lack EN.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306621</t>
  </si>
  <si>
    <t>5702326177064</t>
  </si>
  <si>
    <t>VELUX Elektrofenster GGL PK06 306621</t>
  </si>
  <si>
    <t>klar lack EN. 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06640D</t>
  </si>
  <si>
    <t>5702328700475</t>
  </si>
  <si>
    <t>VELUX Rauchabz.-F. GGL PK06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3067</t>
  </si>
  <si>
    <t>5702328933569</t>
  </si>
  <si>
    <t>VELUX Schwingfenster GGL PK06 3067</t>
  </si>
  <si>
    <t>klar lack EN.WäDämm.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306721</t>
  </si>
  <si>
    <t>5702328933576</t>
  </si>
  <si>
    <t>VELUX Elektrofenster GGL P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06730</t>
  </si>
  <si>
    <t>5702328933583</t>
  </si>
  <si>
    <t>VELUX Solarfenster GGL P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3069</t>
  </si>
  <si>
    <t>5702328930858</t>
  </si>
  <si>
    <t>VELUX Schwingfenster GGL PK06 3069</t>
  </si>
  <si>
    <t>klar lack E.Hitzesch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PK06 306921</t>
  </si>
  <si>
    <t>5702328930865</t>
  </si>
  <si>
    <t>VELUX Elektrofenster GGL P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06930</t>
  </si>
  <si>
    <t>5702328930872</t>
  </si>
  <si>
    <t>VELUX Solarfenster GGL P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3070</t>
  </si>
  <si>
    <t>5702326548826</t>
  </si>
  <si>
    <t>VELUX Schwingfenster GGL PK06 3070</t>
  </si>
  <si>
    <t>klar lack THERMO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6 307021</t>
  </si>
  <si>
    <t>5702326548833</t>
  </si>
  <si>
    <t>VELUX Elektrofenster GGL P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07030</t>
  </si>
  <si>
    <t>5702327203915</t>
  </si>
  <si>
    <t>VELUX Solarfenster GGL P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307040D</t>
  </si>
  <si>
    <t>5702328700482</t>
  </si>
  <si>
    <t>VELUX Rauchabz.-F. GGL PK06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6 3084</t>
  </si>
  <si>
    <t>5702329839044</t>
  </si>
  <si>
    <t>VELUX Schwingfenster GGL PK06 3084</t>
  </si>
  <si>
    <t>klar lackiert ENERGIE Alu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6 308421</t>
  </si>
  <si>
    <t>5702329839051</t>
  </si>
  <si>
    <t>VELUX Elektrofenster GGL P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08430</t>
  </si>
  <si>
    <t>5702329839068</t>
  </si>
  <si>
    <t>VELUX Solarfenster GGL P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308440D</t>
  </si>
  <si>
    <t>5702329839075</t>
  </si>
  <si>
    <t>VELUX Rauchabzugsfst. GGL PK06 308440D</t>
  </si>
  <si>
    <t>klar lackiert, ENERGIE, Alu 94x118</t>
  </si>
  <si>
    <t>GGL PK06 316221</t>
  </si>
  <si>
    <t>5702327591753</t>
  </si>
  <si>
    <t>VELUX Elektrofenster GGL PK06 316221</t>
  </si>
  <si>
    <t>klar lack EN.Schall.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16621</t>
  </si>
  <si>
    <t>5702327030689</t>
  </si>
  <si>
    <t>VELUX Elektrofenster GGL PK06 316621</t>
  </si>
  <si>
    <t>klar lack EN. 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184</t>
  </si>
  <si>
    <t>5702329839082</t>
  </si>
  <si>
    <t>VELUX Schwingfenster GGL PK06 3184</t>
  </si>
  <si>
    <t>klar lackiert ENERGIE Kupfer 9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6 318421</t>
  </si>
  <si>
    <t>5702329839099</t>
  </si>
  <si>
    <t>VELUX Elektrofenster GGL P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6 318430</t>
  </si>
  <si>
    <t>5702329839105</t>
  </si>
  <si>
    <t>VELUX Solarfenster GGL P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6 336621</t>
  </si>
  <si>
    <t>5702327030702</t>
  </si>
  <si>
    <t>VELUX Elektrofenster GGL PK06 336621</t>
  </si>
  <si>
    <t>klar lack EN. 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062</t>
  </si>
  <si>
    <t>5702328043787</t>
  </si>
  <si>
    <t>VELUX Schwingfenster GGL PK08 2062</t>
  </si>
  <si>
    <t>weiß lack Schallsch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08 206221</t>
  </si>
  <si>
    <t>5702328043794</t>
  </si>
  <si>
    <t>VELUX Elektrofenster GGL PK08 206221</t>
  </si>
  <si>
    <t>weiß lack EN.Schall.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066</t>
  </si>
  <si>
    <t>5702327966049</t>
  </si>
  <si>
    <t>VELUX Schwingfenster GGL PK08 2066</t>
  </si>
  <si>
    <t>weiß lack. EN.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206621</t>
  </si>
  <si>
    <t>5702328043800</t>
  </si>
  <si>
    <t>VELUX Elektrofenster GGL PK08 206621</t>
  </si>
  <si>
    <t>weiß lack EN. 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06622</t>
  </si>
  <si>
    <t>5702321108759</t>
  </si>
  <si>
    <t>VELUX Elektro-Schwingf. GGL PK08 206622</t>
  </si>
  <si>
    <t>weiß lack EN. PLUS Alu 94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8 206630</t>
  </si>
  <si>
    <t>5702328043824</t>
  </si>
  <si>
    <t>VELUX Solarfenster GGL PK08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8 206640D</t>
  </si>
  <si>
    <t>5702328700499</t>
  </si>
  <si>
    <t>VELUX Rauchabz.-F. GGL PK08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2067</t>
  </si>
  <si>
    <t>5702328933590</t>
  </si>
  <si>
    <t>VELUX Schwingfenster GGL PK08 2067</t>
  </si>
  <si>
    <t>weiß lack EN.WäDämm.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206721</t>
  </si>
  <si>
    <t>5702328933606</t>
  </si>
  <si>
    <t>VELUX Elektrofenster GGL P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069</t>
  </si>
  <si>
    <t>5702328930889</t>
  </si>
  <si>
    <t>VELUX Schwingfenster GGL PK08 2069</t>
  </si>
  <si>
    <t>weiß lack E.Hitzesch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PK08 206921</t>
  </si>
  <si>
    <t>5702328930896</t>
  </si>
  <si>
    <t>VELUX Elektrofenster GGL P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070</t>
  </si>
  <si>
    <t>5702326548857</t>
  </si>
  <si>
    <t>VELUX Schwingfenster GGL PK08 2070</t>
  </si>
  <si>
    <t>weiß lack THERMO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8 207021</t>
  </si>
  <si>
    <t>5702327187550</t>
  </si>
  <si>
    <t>VELUX Elektrofenster GGL P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07022</t>
  </si>
  <si>
    <t>5702321109329</t>
  </si>
  <si>
    <t>VELUX Elektro-Schwingf. GGL PK08 207022</t>
  </si>
  <si>
    <t>weiß lack THERMO Alu 94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8 207030</t>
  </si>
  <si>
    <t>5702328043848</t>
  </si>
  <si>
    <t>VELUX Solarfenster GGL P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8 207040D</t>
  </si>
  <si>
    <t>5702328700505</t>
  </si>
  <si>
    <t>VELUX Rauchabz.-F. GGL PK08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8 2070Q</t>
  </si>
  <si>
    <t>5702327187567</t>
  </si>
  <si>
    <t>VELUX Schwingfenster GGL PK08 2070Q</t>
  </si>
  <si>
    <t>weiß lack Son.Vergl.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PK08 2084</t>
  </si>
  <si>
    <t>5702329839112</t>
  </si>
  <si>
    <t>VELUX Schwingfenster GGL PK08 2084</t>
  </si>
  <si>
    <t>weiß lackiert ENERGIE Alu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8 208421</t>
  </si>
  <si>
    <t>5702329839129</t>
  </si>
  <si>
    <t>VELUX Elektrofenster GGL P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08422</t>
  </si>
  <si>
    <t>5702321109503</t>
  </si>
  <si>
    <t>VELUX Elektro-Schwingf. GGL PK08 208422</t>
  </si>
  <si>
    <t>weiß lackiert ENERGIE Alu 94 x 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8 208430</t>
  </si>
  <si>
    <t>5702329839143</t>
  </si>
  <si>
    <t>VELUX Solarfenster GGL P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8 208440D</t>
  </si>
  <si>
    <t>5702329839150</t>
  </si>
  <si>
    <t>VELUX Rauchabzugsfst. GGL PK08 208440D</t>
  </si>
  <si>
    <t>weiß lackiert, ENERGIE, Alu 94x140</t>
  </si>
  <si>
    <t>GGL PK08 216621</t>
  </si>
  <si>
    <t>5702328043930</t>
  </si>
  <si>
    <t>VELUX Elektrofenster GGL PK08 216621</t>
  </si>
  <si>
    <t>weiß lack EN. 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16622</t>
  </si>
  <si>
    <t>5702321109763</t>
  </si>
  <si>
    <t>VELUX Elektro-Schwingf. GGL PK08 216622</t>
  </si>
  <si>
    <t>weiß lack EN. PLUS Kupfer 94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8 2170</t>
  </si>
  <si>
    <t>5702327283207</t>
  </si>
  <si>
    <t>VELUX Schwingfenster GGL PK08 2170</t>
  </si>
  <si>
    <t>weiß lack THERMO C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8 217021</t>
  </si>
  <si>
    <t>5702328043947</t>
  </si>
  <si>
    <t>VELUX Elektrofenster GGL PK08 217021</t>
  </si>
  <si>
    <t>weiß lack THERMO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17022</t>
  </si>
  <si>
    <t>5702321110080</t>
  </si>
  <si>
    <t>VELUX Elektro-Schwingf. GGL PK08 217022</t>
  </si>
  <si>
    <t>weiß lack THERMO Kupfer 94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8 2184</t>
  </si>
  <si>
    <t>5702329839174</t>
  </si>
  <si>
    <t>VELUX Schwingfenster GGL PK08 2184</t>
  </si>
  <si>
    <t>weiß lackiert ENERGIE Kupfer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8 218421</t>
  </si>
  <si>
    <t>5702329839181</t>
  </si>
  <si>
    <t>VELUX Elektrofenster GGL P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18422</t>
  </si>
  <si>
    <t>5702321110097</t>
  </si>
  <si>
    <t>VELUX Elektro-Schwingf. GGL PK08 218422</t>
  </si>
  <si>
    <t>weiß lack. ENERGIE Kupfer 94 x 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PK08 2366</t>
  </si>
  <si>
    <t>5702328044005</t>
  </si>
  <si>
    <t>VELUX Schwingfenster GGL PK08 2366</t>
  </si>
  <si>
    <t>weiß lack EN.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236621</t>
  </si>
  <si>
    <t>5702328044012</t>
  </si>
  <si>
    <t>VELUX Elektrofenster GGL PK08 236621</t>
  </si>
  <si>
    <t>weiß lack EN. 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2384</t>
  </si>
  <si>
    <t>5702329839198</t>
  </si>
  <si>
    <t>VELUX Schwingfenster GGL PK08 2384</t>
  </si>
  <si>
    <t>weiß lackiert ENERGIE Titanzink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8 3062</t>
  </si>
  <si>
    <t>5702327114488</t>
  </si>
  <si>
    <t>VELUX Schwingfenster GGL PK08 3062</t>
  </si>
  <si>
    <t>klar lack Schallsch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08 306221</t>
  </si>
  <si>
    <t>5702327591760</t>
  </si>
  <si>
    <t>VELUX Elektrofenster GGL PK08 306221</t>
  </si>
  <si>
    <t>klar lack EN.Schall.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066</t>
  </si>
  <si>
    <t>5702326177101</t>
  </si>
  <si>
    <t>VELUX Schwingfenster GGL PK08 3066</t>
  </si>
  <si>
    <t>klar lack EN.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306621</t>
  </si>
  <si>
    <t>5702326177118</t>
  </si>
  <si>
    <t>VELUX Elektrofenster GGL PK08 306621</t>
  </si>
  <si>
    <t>klar lack EN. 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06630</t>
  </si>
  <si>
    <t>5702327694560</t>
  </si>
  <si>
    <t>VELUX Solarfenster GGL PK08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8 306640D</t>
  </si>
  <si>
    <t>5702328700512</t>
  </si>
  <si>
    <t>VELUX Rauchabz.-F. GGL PK08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3067</t>
  </si>
  <si>
    <t>5702328933620</t>
  </si>
  <si>
    <t>VELUX Schwingfenster GGL PK08 3067</t>
  </si>
  <si>
    <t>klar lack EN.WäDämm.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306721</t>
  </si>
  <si>
    <t>5702328933637</t>
  </si>
  <si>
    <t>VELUX Elektrofenster GGL P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069</t>
  </si>
  <si>
    <t>5702328930919</t>
  </si>
  <si>
    <t>VELUX Schwingfenster GGL PK08 3069</t>
  </si>
  <si>
    <t>klar lack E.Hitzesch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PK08 306921</t>
  </si>
  <si>
    <t>5702328930926</t>
  </si>
  <si>
    <t>VELUX Elektrofenster GGL P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070</t>
  </si>
  <si>
    <t>5702326548895</t>
  </si>
  <si>
    <t>VELUX Schwingfenster GGL PK08 3070</t>
  </si>
  <si>
    <t>klar lack THERMO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8 307021</t>
  </si>
  <si>
    <t>5702326548901</t>
  </si>
  <si>
    <t>VELUX Elektrofenster GGL P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07030</t>
  </si>
  <si>
    <t>5702327203922</t>
  </si>
  <si>
    <t>VELUX Solarfenster GGL P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8 307040D</t>
  </si>
  <si>
    <t>5702328700529</t>
  </si>
  <si>
    <t>VELUX Rauchabz.-F. GGL PK08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8 3084</t>
  </si>
  <si>
    <t>5702329839204</t>
  </si>
  <si>
    <t>VELUX Schwingfenster GGL PK08 3084</t>
  </si>
  <si>
    <t>klar lackiert ENERGIE Alu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8 308421</t>
  </si>
  <si>
    <t>5702329839211</t>
  </si>
  <si>
    <t>VELUX Elektrofenster GGL P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08430</t>
  </si>
  <si>
    <t>5702329839235</t>
  </si>
  <si>
    <t>VELUX Solarfenster GGL P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08 308440D</t>
  </si>
  <si>
    <t>5702329839242</t>
  </si>
  <si>
    <t>VELUX Rauchabzugsfst. GGL PK08 308440D</t>
  </si>
  <si>
    <t>klar lackiert, ENERGIE, Alu 94x140</t>
  </si>
  <si>
    <t>GGL PK08 316221</t>
  </si>
  <si>
    <t>5702327591777</t>
  </si>
  <si>
    <t>VELUX Elektrofenster GGL PK08 316221</t>
  </si>
  <si>
    <t>klar lack EN.Schall.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166</t>
  </si>
  <si>
    <t>5702327002211</t>
  </si>
  <si>
    <t>VELUX Schwingfenster GGL PK08 3166</t>
  </si>
  <si>
    <t>klar lack EN.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316621</t>
  </si>
  <si>
    <t>5702327030719</t>
  </si>
  <si>
    <t>VELUX Elektrofenster GGL PK08 316621</t>
  </si>
  <si>
    <t>klar lack EN. 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3184</t>
  </si>
  <si>
    <t>5702329839259</t>
  </si>
  <si>
    <t>VELUX Schwingfenster GGL PK08 3184</t>
  </si>
  <si>
    <t>klar lackiert ENERGIE Kupfer 9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08 336621</t>
  </si>
  <si>
    <t>5702327030733</t>
  </si>
  <si>
    <t>VELUX Elektrofenster GGL PK08 336621</t>
  </si>
  <si>
    <t>klar lack EN. 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08 SD00402</t>
  </si>
  <si>
    <t>5702328753808</t>
  </si>
  <si>
    <t>VELUX Rauch-Wärmeabzug GGL PK08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SD00403</t>
  </si>
  <si>
    <t>5702328753815</t>
  </si>
  <si>
    <t>VELUX Rauch-Wärmeabzug GGL PK08 SD00403</t>
  </si>
  <si>
    <t>Klar lack THERMO Alu 9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8 SD00404</t>
  </si>
  <si>
    <t>5702328753822</t>
  </si>
  <si>
    <t>VELUX Rauch-Wärmeabzug GGL PK08 SD00404</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SD00405</t>
  </si>
  <si>
    <t>5702328753839</t>
  </si>
  <si>
    <t>VELUX Rauch-Wärmeabzug GGL PK08 SD00405</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10 2062</t>
  </si>
  <si>
    <t>5702328044050</t>
  </si>
  <si>
    <t>VELUX Schwingfenster GGL PK10 2062</t>
  </si>
  <si>
    <t>weiß lack Schallsch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10 206221</t>
  </si>
  <si>
    <t>5702328044067</t>
  </si>
  <si>
    <t>VELUX Elektrofenster GGL PK10 206221</t>
  </si>
  <si>
    <t>weiß lack EN.Schall.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066</t>
  </si>
  <si>
    <t>5702327966056</t>
  </si>
  <si>
    <t>VELUX Schwingfenster GGL PK10 2066</t>
  </si>
  <si>
    <t>weiß lack. EN.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206621</t>
  </si>
  <si>
    <t>5702328044074</t>
  </si>
  <si>
    <t>VELUX Elektrofenster GGL PK10 206621</t>
  </si>
  <si>
    <t>weiß lack EN. 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06630</t>
  </si>
  <si>
    <t>5702328044098</t>
  </si>
  <si>
    <t>VELUX Solarfenster GGL PK10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067</t>
  </si>
  <si>
    <t>5702328933651</t>
  </si>
  <si>
    <t>VELUX Schwingfenster GGL PK10 2067</t>
  </si>
  <si>
    <t>weiß lack EN.WäDämm.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206721</t>
  </si>
  <si>
    <t>5702328933668</t>
  </si>
  <si>
    <t>VELUX Elektrofenster GGL PK10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06730</t>
  </si>
  <si>
    <t>5702328933682</t>
  </si>
  <si>
    <t>VELUX Solarfenster GGL PK10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069</t>
  </si>
  <si>
    <t>5702328930940</t>
  </si>
  <si>
    <t>VELUX Schwingfenster GGL PK10 2069</t>
  </si>
  <si>
    <t>weiß lack E.Hitzesch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PK10 206921</t>
  </si>
  <si>
    <t>5702328930957</t>
  </si>
  <si>
    <t>VELUX Elektrofenster GGL PK10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06930</t>
  </si>
  <si>
    <t>5702328930971</t>
  </si>
  <si>
    <t>VELUX Solarfenster GGL PK10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070</t>
  </si>
  <si>
    <t>5702326548925</t>
  </si>
  <si>
    <t>VELUX Schwingfenster GGL PK10 2070</t>
  </si>
  <si>
    <t>weiß lack THERMO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10 207021</t>
  </si>
  <si>
    <t>5702327187581</t>
  </si>
  <si>
    <t>VELUX Elektrofenster GGL PK10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07030</t>
  </si>
  <si>
    <t>5702328044111</t>
  </si>
  <si>
    <t>VELUX Solarfenster GGL PK10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070Q</t>
  </si>
  <si>
    <t>5702327187598</t>
  </si>
  <si>
    <t>VELUX Schwingfenster GGL PK10 2070Q</t>
  </si>
  <si>
    <t>weiß lack Son.Vergl.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PK10 2084</t>
  </si>
  <si>
    <t>5702329839266</t>
  </si>
  <si>
    <t>VELUX Schwingfenster GGL PK10 2084</t>
  </si>
  <si>
    <t>weiß lackiert ENERGIE Alu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10 208421</t>
  </si>
  <si>
    <t>5702329839273</t>
  </si>
  <si>
    <t>VELUX Elektrofenster GGL PK10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08430</t>
  </si>
  <si>
    <t>5702329839297</t>
  </si>
  <si>
    <t>VELUX Solarfenster GGL PK10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166</t>
  </si>
  <si>
    <t>5702328044203</t>
  </si>
  <si>
    <t>VELUX Schwingfenster GGL PK10 2166</t>
  </si>
  <si>
    <t>weiß lack EN.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216621</t>
  </si>
  <si>
    <t>5702328044210</t>
  </si>
  <si>
    <t>VELUX Elektrofenster GGL PK10 216621</t>
  </si>
  <si>
    <t>weiß lack EN. 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16630</t>
  </si>
  <si>
    <t>5702328044227</t>
  </si>
  <si>
    <t>VELUX Solarfenster GGL PK10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170</t>
  </si>
  <si>
    <t>5702327283221</t>
  </si>
  <si>
    <t>VELUX Schwingfenster GGL PK10 2170</t>
  </si>
  <si>
    <t>weiß lack THERMO C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10 217021</t>
  </si>
  <si>
    <t>5702328044234</t>
  </si>
  <si>
    <t>VELUX Elektrofenster GGL PK10 217021</t>
  </si>
  <si>
    <t>weiß lack THERMO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17030</t>
  </si>
  <si>
    <t>5702328044241</t>
  </si>
  <si>
    <t>VELUX Solarfenster GGL PK10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184</t>
  </si>
  <si>
    <t>5702329839310</t>
  </si>
  <si>
    <t>VELUX Schwingfenster GGL PK10 2184</t>
  </si>
  <si>
    <t>weiß lackiert ENERGIE Kupfer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10 218421</t>
  </si>
  <si>
    <t>5702329839327</t>
  </si>
  <si>
    <t>VELUX Elektrofenster GGL PK10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18430</t>
  </si>
  <si>
    <t>5702329839334</t>
  </si>
  <si>
    <t>VELUX Solarfenster GGL PK10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366</t>
  </si>
  <si>
    <t>5702328044326</t>
  </si>
  <si>
    <t>VELUX Schwingfenster GGL PK10 2366</t>
  </si>
  <si>
    <t>weiß lack EN.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236621</t>
  </si>
  <si>
    <t>5702328044333</t>
  </si>
  <si>
    <t>VELUX Elektrofenster GGL PK10 236621</t>
  </si>
  <si>
    <t>weiß lack EN. 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36630</t>
  </si>
  <si>
    <t>5702328044340</t>
  </si>
  <si>
    <t>VELUX Solarfenster GGL PK10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37021</t>
  </si>
  <si>
    <t>5702328091528</t>
  </si>
  <si>
    <t>VELUX Elektrofenster GGL PK10 237021</t>
  </si>
  <si>
    <t>weiß lack THERMO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237030</t>
  </si>
  <si>
    <t>5702328044357</t>
  </si>
  <si>
    <t>VELUX Solarfenster GGL PK10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2384</t>
  </si>
  <si>
    <t>5702329839341</t>
  </si>
  <si>
    <t>VELUX Schwingfenster GGL PK10 2384</t>
  </si>
  <si>
    <t>weiß lackiert ENERGIE Titanzink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10 238430</t>
  </si>
  <si>
    <t>5702329839358</t>
  </si>
  <si>
    <t>VELUX Solarfenster GGL PK10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3062</t>
  </si>
  <si>
    <t>5702327114518</t>
  </si>
  <si>
    <t>VELUX Schwingfenster GGL PK10 3062</t>
  </si>
  <si>
    <t>klar lack Schallsch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10 306221</t>
  </si>
  <si>
    <t>5702327591784</t>
  </si>
  <si>
    <t>VELUX Elektrofenster GGL PK10 306221</t>
  </si>
  <si>
    <t>klar lack EN.Schall.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066</t>
  </si>
  <si>
    <t>5702327001696</t>
  </si>
  <si>
    <t>VELUX Schwingfenster GGL PK10 3066</t>
  </si>
  <si>
    <t>klar lack EN.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306621</t>
  </si>
  <si>
    <t>5702327030016</t>
  </si>
  <si>
    <t>VELUX Elektrofenster GGL PK10 306621</t>
  </si>
  <si>
    <t>klar lack EN. 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06630</t>
  </si>
  <si>
    <t>5702327153050</t>
  </si>
  <si>
    <t>VELUX Solarfenster GGL PK10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3067</t>
  </si>
  <si>
    <t>5702328933699</t>
  </si>
  <si>
    <t>VELUX Schwingfenster GGL PK10 3067</t>
  </si>
  <si>
    <t>klar lack EN.WäDämm.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306721</t>
  </si>
  <si>
    <t>5702328933705</t>
  </si>
  <si>
    <t>VELUX Elektrofenster GGL PK10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06730</t>
  </si>
  <si>
    <t>5702328933729</t>
  </si>
  <si>
    <t>VELUX Solarfenster GGL PK10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3069</t>
  </si>
  <si>
    <t>5702328930988</t>
  </si>
  <si>
    <t>VELUX Schwingfenster GGL PK10 3069</t>
  </si>
  <si>
    <t>klar lack E.Hitzesch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PK10 306921</t>
  </si>
  <si>
    <t>5702328930995</t>
  </si>
  <si>
    <t>VELUX Elektrofenster GGL PK10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06930</t>
  </si>
  <si>
    <t>5702328931015</t>
  </si>
  <si>
    <t>VELUX Solarfenster GGL PK10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3070</t>
  </si>
  <si>
    <t>5702326548963</t>
  </si>
  <si>
    <t>VELUX Schwingfenster GGL PK10 3070</t>
  </si>
  <si>
    <t>klar lack THERMO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10 307021</t>
  </si>
  <si>
    <t>5702326548970</t>
  </si>
  <si>
    <t>VELUX Elektrofenster GGL PK10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07030</t>
  </si>
  <si>
    <t>5702327203939</t>
  </si>
  <si>
    <t>VELUX Solarfenster GGL PK10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3084</t>
  </si>
  <si>
    <t>5702329839365</t>
  </si>
  <si>
    <t>VELUX Schwingfenster GGL PK10 3084</t>
  </si>
  <si>
    <t>klar lackiert ENERGIE Alu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10 308421</t>
  </si>
  <si>
    <t>5702329839372</t>
  </si>
  <si>
    <t>VELUX Elektrofenster GGL PK10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08430</t>
  </si>
  <si>
    <t>5702329839396</t>
  </si>
  <si>
    <t>VELUX Solarfenster GGL PK10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316221</t>
  </si>
  <si>
    <t>5702327591791</t>
  </si>
  <si>
    <t>VELUX Elektrofenster GGL PK10 316221</t>
  </si>
  <si>
    <t>klar lack EN.Schall.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166</t>
  </si>
  <si>
    <t>5702327002235</t>
  </si>
  <si>
    <t>VELUX Schwingfenster GGL PK10 3166</t>
  </si>
  <si>
    <t>klar lack EN.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316621</t>
  </si>
  <si>
    <t>5702327030757</t>
  </si>
  <si>
    <t>VELUX Elektrofenster GGL PK10 316621</t>
  </si>
  <si>
    <t>klar lack EN. 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16630</t>
  </si>
  <si>
    <t>5702327189837</t>
  </si>
  <si>
    <t>VELUX Solarfenster GGL PK10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3184</t>
  </si>
  <si>
    <t>5702329839402</t>
  </si>
  <si>
    <t>VELUX Schwingfenster GGL PK10 3184</t>
  </si>
  <si>
    <t>klar lackiert ENERGIE Kupfer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PK10 318421</t>
  </si>
  <si>
    <t>5702329839419</t>
  </si>
  <si>
    <t>VELUX Elektrofenster GGL PK10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18430</t>
  </si>
  <si>
    <t>5702329839426</t>
  </si>
  <si>
    <t>VELUX Solarfenster GGL PK10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PK10 3366</t>
  </si>
  <si>
    <t>5702327002242</t>
  </si>
  <si>
    <t>VELUX Schwingfenster GGL PK10 3366</t>
  </si>
  <si>
    <t>klar lack EN.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336621</t>
  </si>
  <si>
    <t>5702327030801</t>
  </si>
  <si>
    <t>VELUX Elektrofenster GGL PK10 336621</t>
  </si>
  <si>
    <t>klar lack EN. 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PK10 3384</t>
  </si>
  <si>
    <t>5702329839433</t>
  </si>
  <si>
    <t>VELUX Schwingfenster GGL PK10 3384</t>
  </si>
  <si>
    <t>klar lackiert ENERGIE Titanzink 9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6 2062</t>
  </si>
  <si>
    <t>5702328044647</t>
  </si>
  <si>
    <t>VELUX Schwingfenster GGL SK06 2062</t>
  </si>
  <si>
    <t>weiß lack Schallsch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6 206221</t>
  </si>
  <si>
    <t>5702328044654</t>
  </si>
  <si>
    <t>VELUX Elektrofenster GGL SK06 206221</t>
  </si>
  <si>
    <t>weiß lack EN.Schall.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066</t>
  </si>
  <si>
    <t>5702327966063</t>
  </si>
  <si>
    <t>VELUX Schwingfenster GGL SK06 2066</t>
  </si>
  <si>
    <t>weiß lackiert EN.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206621</t>
  </si>
  <si>
    <t>5702328044661</t>
  </si>
  <si>
    <t>VELUX Elektrofenster GGL SK06 206621</t>
  </si>
  <si>
    <t>weiß lack EN. 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06622</t>
  </si>
  <si>
    <t>5702321110202</t>
  </si>
  <si>
    <t>VELUX Elektro-Schwingf. GGL SK06 206622</t>
  </si>
  <si>
    <t>weiß lack EN. PLUS Alu 114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6 206630</t>
  </si>
  <si>
    <t>5702328044685</t>
  </si>
  <si>
    <t>VELUX Solarfenster GGL SK06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06640D</t>
  </si>
  <si>
    <t>5702328700536</t>
  </si>
  <si>
    <t>VELUX Rauchabz.-F. GGL SK06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2067</t>
  </si>
  <si>
    <t>5702328933859</t>
  </si>
  <si>
    <t>VELUX Schwingfenster GGL SK06 2067</t>
  </si>
  <si>
    <t>weiß lack EN.WäDämm.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206721</t>
  </si>
  <si>
    <t>5702328933866</t>
  </si>
  <si>
    <t>VELUX Elektrofenster GGL SK06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06730</t>
  </si>
  <si>
    <t>5702328933880</t>
  </si>
  <si>
    <t>VELUX Solarfenster GGL SK06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069</t>
  </si>
  <si>
    <t>5702328931145</t>
  </si>
  <si>
    <t>VELUX Schwingfenster GGL SK06 2069</t>
  </si>
  <si>
    <t>weiß lack E.Hitzesch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SK06 206921</t>
  </si>
  <si>
    <t>5702328931152</t>
  </si>
  <si>
    <t>VELUX Elektrofenster GGL SK06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06930</t>
  </si>
  <si>
    <t>5702328931176</t>
  </si>
  <si>
    <t>VELUX Solarfenster GGL SK06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070</t>
  </si>
  <si>
    <t>5702326548994</t>
  </si>
  <si>
    <t>VELUX Schwingfenster GGL SK06 2070</t>
  </si>
  <si>
    <t>weiß lack THERMO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6 207021</t>
  </si>
  <si>
    <t>5702327187635</t>
  </si>
  <si>
    <t>VELUX Elektrofenster GGL SK06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07022</t>
  </si>
  <si>
    <t>5702321110219</t>
  </si>
  <si>
    <t>VELUX Elektro-Schwingf. GGL SK06 207022</t>
  </si>
  <si>
    <t>weiß lack THERMO Alu 114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6 207030</t>
  </si>
  <si>
    <t>5702328044715</t>
  </si>
  <si>
    <t>VELUX Solarfenster GGL SK06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07040D</t>
  </si>
  <si>
    <t>5702328700543</t>
  </si>
  <si>
    <t>VELUX Rauchabz.-F. GGL SK06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6 2070Q</t>
  </si>
  <si>
    <t>5702327187642</t>
  </si>
  <si>
    <t>VELUX Schwingfenster GGL SK06 2070Q</t>
  </si>
  <si>
    <t>weiß lack Son.Vergl.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SK06 2084</t>
  </si>
  <si>
    <t>5702329839624</t>
  </si>
  <si>
    <t>VELUX Schwingfenster GGL SK06 2084</t>
  </si>
  <si>
    <t>weiß lackiert ENERGIE Alu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6 208421</t>
  </si>
  <si>
    <t>5702329839631</t>
  </si>
  <si>
    <t>VELUX Elektrofenster GGL SK06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08422</t>
  </si>
  <si>
    <t>5702321110226</t>
  </si>
  <si>
    <t>VELUX Elektro-Schwingf. GGL SK06 208422</t>
  </si>
  <si>
    <t>weiß lack. ENERGIE Alu 114 x 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6 208430</t>
  </si>
  <si>
    <t>5702329839655</t>
  </si>
  <si>
    <t>VELUX Solarfenster GGL SK06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08440D</t>
  </si>
  <si>
    <t>5702329839662</t>
  </si>
  <si>
    <t>VELUX Rauchabzugsfst. GGL SK06 208440D</t>
  </si>
  <si>
    <t>weiß lackiert, ENERGIE, Alu 114x118</t>
  </si>
  <si>
    <t>GGL SK06 216221</t>
  </si>
  <si>
    <t>5702328044807</t>
  </si>
  <si>
    <t>VELUX Elektrofenster GGL SK06 216221</t>
  </si>
  <si>
    <t>weiß lack EN.Schall.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166</t>
  </si>
  <si>
    <t>5702328044814</t>
  </si>
  <si>
    <t>VELUX Schwingfenster GGL SK06 2166</t>
  </si>
  <si>
    <t>weiß lack EN.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216621</t>
  </si>
  <si>
    <t>5702328044821</t>
  </si>
  <si>
    <t>VELUX Elektrofenster GGL SK06 216621</t>
  </si>
  <si>
    <t>weiß lack EN. 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16622</t>
  </si>
  <si>
    <t>5702321110660</t>
  </si>
  <si>
    <t>VELUX Elektro-Schwingf. GGL SK06 216622</t>
  </si>
  <si>
    <t>weiß lack EN. PLUS Kupfer 114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6 216630</t>
  </si>
  <si>
    <t>5702328044838</t>
  </si>
  <si>
    <t>VELUX Solarfenster GGL SK06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170</t>
  </si>
  <si>
    <t>5702327283245</t>
  </si>
  <si>
    <t>VELUX Schwingfenster GGL SK06 2170</t>
  </si>
  <si>
    <t>weiß lack THERMO C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6 217021</t>
  </si>
  <si>
    <t>5702328044845</t>
  </si>
  <si>
    <t>VELUX Elektrofenster GGL SK06 217021</t>
  </si>
  <si>
    <t>weiß lack THERMO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17022</t>
  </si>
  <si>
    <t>5702321111131</t>
  </si>
  <si>
    <t>VELUX Elektro-Schwingf. GGL SK06 217022</t>
  </si>
  <si>
    <t>weiß lack THERMO Kupfer 114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6 217030</t>
  </si>
  <si>
    <t>5702328044852</t>
  </si>
  <si>
    <t>VELUX Solarfenster GGL SK06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184</t>
  </si>
  <si>
    <t>5702329839686</t>
  </si>
  <si>
    <t>VELUX Schwingfenster GGL SK06 2184</t>
  </si>
  <si>
    <t>weiß lackiert ENERGIE Kupfer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6 218421</t>
  </si>
  <si>
    <t>5702329839693</t>
  </si>
  <si>
    <t>VELUX Elektrofenster GGL SK06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18422</t>
  </si>
  <si>
    <t>5702321111148</t>
  </si>
  <si>
    <t>VELUX Elektro-Schwingf. GGL SK06 218422</t>
  </si>
  <si>
    <t>weiß lack. ENERGIE Kupfer 114x118,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6 218430</t>
  </si>
  <si>
    <t>5702329839709</t>
  </si>
  <si>
    <t>VELUX Solarfenster GGL SK06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366</t>
  </si>
  <si>
    <t>5702328044937</t>
  </si>
  <si>
    <t>VELUX Schwingfenster GGL SK06 2366</t>
  </si>
  <si>
    <t>weiß lack EN.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236621</t>
  </si>
  <si>
    <t>5702328044944</t>
  </si>
  <si>
    <t>VELUX Elektrofenster GGL SK06 236621</t>
  </si>
  <si>
    <t>weiß lack EN. 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236630</t>
  </si>
  <si>
    <t>5702328044951</t>
  </si>
  <si>
    <t>VELUX Solarfenster GGL SK06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370</t>
  </si>
  <si>
    <t>5702327283252</t>
  </si>
  <si>
    <t>VELUX Schwingfenster GGL SK06 2370</t>
  </si>
  <si>
    <t>weiß lack THERMO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6 237030</t>
  </si>
  <si>
    <t>5702328044968</t>
  </si>
  <si>
    <t>VELUX Solarfenster GGL SK06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2384</t>
  </si>
  <si>
    <t>5702329839716</t>
  </si>
  <si>
    <t>VELUX Schwingfenster GGL SK06 2384</t>
  </si>
  <si>
    <t>weiß lackiert EN Titanzink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6 238430</t>
  </si>
  <si>
    <t>5702329839723</t>
  </si>
  <si>
    <t>VELUX Solarfenster GGL SK06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3062</t>
  </si>
  <si>
    <t>5702327114549</t>
  </si>
  <si>
    <t>VELUX Schwingfenster GGL SK06 3062</t>
  </si>
  <si>
    <t>klar lack Schallsch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6 306221</t>
  </si>
  <si>
    <t>5702327591845</t>
  </si>
  <si>
    <t>VELUX Elektrofenster GGL SK06 306221</t>
  </si>
  <si>
    <t>klar lack EN.Schall.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066</t>
  </si>
  <si>
    <t>5702326177194</t>
  </si>
  <si>
    <t>VELUX Schwingfenster GGL SK06 3066</t>
  </si>
  <si>
    <t>klar lack EN.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306621</t>
  </si>
  <si>
    <t>5702326177200</t>
  </si>
  <si>
    <t>VELUX Elektrofenster GGL SK06 306621</t>
  </si>
  <si>
    <t>klar lack EN. 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06630</t>
  </si>
  <si>
    <t>5702327153098</t>
  </si>
  <si>
    <t>VELUX Solarfenster GGL SK06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306640D</t>
  </si>
  <si>
    <t>5702328700550</t>
  </si>
  <si>
    <t>VELUX Rauchabz.-F. GGL SK06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3067</t>
  </si>
  <si>
    <t>5702328933897</t>
  </si>
  <si>
    <t>VELUX Schwingfenster GGL SK06 3067</t>
  </si>
  <si>
    <t>klar lack EN.WäDämm.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306721</t>
  </si>
  <si>
    <t>5702328933903</t>
  </si>
  <si>
    <t>VELUX Elektrofenster GGL SK06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06730</t>
  </si>
  <si>
    <t>5702328933927</t>
  </si>
  <si>
    <t>VELUX Solarfenster GGL SK06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3069</t>
  </si>
  <si>
    <t>5702328931183</t>
  </si>
  <si>
    <t>VELUX Schwingfenster GGL SK06 3069</t>
  </si>
  <si>
    <t>klar lack E.Hitzesch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SK06 306921</t>
  </si>
  <si>
    <t>5702328931190</t>
  </si>
  <si>
    <t>VELUX Elektrofenster GGL S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06930</t>
  </si>
  <si>
    <t>5702328931213</t>
  </si>
  <si>
    <t>VELUX Solarfenster GGL S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3070</t>
  </si>
  <si>
    <t>5702326549038</t>
  </si>
  <si>
    <t>VELUX Schwingfenster GGL SK06 3070</t>
  </si>
  <si>
    <t>klar lack THERMO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6 307021</t>
  </si>
  <si>
    <t>5702326549045</t>
  </si>
  <si>
    <t>VELUX Elektrofenster GGL SK06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07030</t>
  </si>
  <si>
    <t>5702327203946</t>
  </si>
  <si>
    <t>VELUX Solarfenster GGL SK06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307040D</t>
  </si>
  <si>
    <t>5702328700567</t>
  </si>
  <si>
    <t>VELUX Rauchabz.-F. GGL SK06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6 3070Q</t>
  </si>
  <si>
    <t>5702327007612</t>
  </si>
  <si>
    <t>VELUX Schwingfenster GGL SK06 3070Q</t>
  </si>
  <si>
    <t>klar lack Son.Verg. Alu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SK06 3084</t>
  </si>
  <si>
    <t>5702329839730</t>
  </si>
  <si>
    <t>VELUX Schwingfenster GGL SK06 3084</t>
  </si>
  <si>
    <t>klar lackiert ENERGIE Alu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6 308421</t>
  </si>
  <si>
    <t>5702329839747</t>
  </si>
  <si>
    <t>VELUX Elektrofenster GGL SK06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08430</t>
  </si>
  <si>
    <t>5702329839761</t>
  </si>
  <si>
    <t>VELUX Solarfenster GGL SK06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308440D</t>
  </si>
  <si>
    <t>5702329839778</t>
  </si>
  <si>
    <t>VELUX Rauchabzugsfst. GGL SK06 308440D</t>
  </si>
  <si>
    <t>klar lackiert, ENERGIE, Alu 114x118</t>
  </si>
  <si>
    <t>GGL SK06 3162</t>
  </si>
  <si>
    <t>5702327114556</t>
  </si>
  <si>
    <t>VELUX Schwingfenster GGL SK06 3162</t>
  </si>
  <si>
    <t>klar lack Schallsch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6 316221</t>
  </si>
  <si>
    <t>5702327591852</t>
  </si>
  <si>
    <t>VELUX Elektrofenster GGL SK06 316221</t>
  </si>
  <si>
    <t>klar lack EN.Schall.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166</t>
  </si>
  <si>
    <t>5702327002259</t>
  </si>
  <si>
    <t>VELUX Schwingfenster GGL SK06 3166</t>
  </si>
  <si>
    <t>klar lack EN.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316621</t>
  </si>
  <si>
    <t>5702327030856</t>
  </si>
  <si>
    <t>VELUX Elektrofenster GGL SK06 316621</t>
  </si>
  <si>
    <t>klar lack EN. 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16630</t>
  </si>
  <si>
    <t>5702327189899</t>
  </si>
  <si>
    <t>VELUX Solarfenster GGL SK06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3184</t>
  </si>
  <si>
    <t>5702329839785</t>
  </si>
  <si>
    <t>VELUX Schwingfenster GGL SK06 3184</t>
  </si>
  <si>
    <t>klar lackiert ENERGIE Kupfer 114 x 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6 318421</t>
  </si>
  <si>
    <t>5702329839792</t>
  </si>
  <si>
    <t>VELUX Elektrofenster GGL SK06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18430</t>
  </si>
  <si>
    <t>5702329839808</t>
  </si>
  <si>
    <t>VELUX Solarfenster GGL SK06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3366</t>
  </si>
  <si>
    <t>5702327002266</t>
  </si>
  <si>
    <t>VELUX Schwingfenster GGL SK06 3366</t>
  </si>
  <si>
    <t>klar lack EN.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336621</t>
  </si>
  <si>
    <t>5702327030900</t>
  </si>
  <si>
    <t>VELUX Elektrofenster GGL SK06 336621</t>
  </si>
  <si>
    <t>klar lack EN. 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6 336630</t>
  </si>
  <si>
    <t>5702327189929</t>
  </si>
  <si>
    <t>VELUX Solarfenster GGL SK06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6 SD00402</t>
  </si>
  <si>
    <t>5702327889232</t>
  </si>
  <si>
    <t>VELUX Rauch-Wärmeabzug GGL SK06 SD00402</t>
  </si>
  <si>
    <t>Kief.end. EN.-STAR Alu 11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SD00403</t>
  </si>
  <si>
    <t>5702327889249</t>
  </si>
  <si>
    <t>VELUX Rauch-Wärmeabzug GGL SK06 SD00403</t>
  </si>
  <si>
    <t>Klar lack THERMO Alu 11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6 SD00404</t>
  </si>
  <si>
    <t>5702328082748</t>
  </si>
  <si>
    <t>VELUX Rauch-Wärmeabzug GGL SK06 SD00404</t>
  </si>
  <si>
    <t>weiß lack EN.-STAR Alu 11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6 SD00405</t>
  </si>
  <si>
    <t>5702328082755</t>
  </si>
  <si>
    <t>VELUX Rauch-Wärmeabzug GGL SK06 SD00405</t>
  </si>
  <si>
    <t>weiß lack TH.-STAR Alu 11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8 2062</t>
  </si>
  <si>
    <t>5702328045002</t>
  </si>
  <si>
    <t>VELUX Schwingfenster GGL SK08 2062</t>
  </si>
  <si>
    <t>weiß lack Schallsch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206221</t>
  </si>
  <si>
    <t>5702328045019</t>
  </si>
  <si>
    <t>VELUX Elektrofenster GGL SK08 206221</t>
  </si>
  <si>
    <t>weiß lack EN.Schall.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066</t>
  </si>
  <si>
    <t>5702327966070</t>
  </si>
  <si>
    <t>VELUX Schwingfenster GGL SK08 2066</t>
  </si>
  <si>
    <t>weiß lack. EN.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206621</t>
  </si>
  <si>
    <t>5702328045026</t>
  </si>
  <si>
    <t>VELUX Elektrofenster GGL SK08 206621</t>
  </si>
  <si>
    <t>weiß lack EN. 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06622</t>
  </si>
  <si>
    <t>5702321111162</t>
  </si>
  <si>
    <t>VELUX Elektro-Schwingf. GGL SK08 206622</t>
  </si>
  <si>
    <t>weiß lack EN. PLUS Alu 114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8 206640D</t>
  </si>
  <si>
    <t>5702328700574</t>
  </si>
  <si>
    <t>VELUX Rauchabz.-F. GGL SK08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2067</t>
  </si>
  <si>
    <t>5702328933934</t>
  </si>
  <si>
    <t>VELUX Schwingfenster GGL SK08 2067</t>
  </si>
  <si>
    <t>weiß lack EN.WäDämm.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206721</t>
  </si>
  <si>
    <t>5702328933941</t>
  </si>
  <si>
    <t>VELUX Elektrofenster GGL S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06730</t>
  </si>
  <si>
    <t>5702328933958</t>
  </si>
  <si>
    <t>VELUX Solarfenster GGL S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8 2069</t>
  </si>
  <si>
    <t>5702328931220</t>
  </si>
  <si>
    <t>VELUX Schwingfenster GGL SK08 2069</t>
  </si>
  <si>
    <t>weiß lack E.Hitzesch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SK08 206921</t>
  </si>
  <si>
    <t>5702328931237</t>
  </si>
  <si>
    <t>VELUX Elektrofenster GGL S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06930</t>
  </si>
  <si>
    <t>5702328931244</t>
  </si>
  <si>
    <t>VELUX Solarfenster GGL S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8 2070</t>
  </si>
  <si>
    <t>5702326549069</t>
  </si>
  <si>
    <t>VELUX Schwingfenster GGL SK08 2070</t>
  </si>
  <si>
    <t>weiß lack THERMO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8 207021</t>
  </si>
  <si>
    <t>5702327187666</t>
  </si>
  <si>
    <t>VELUX Elektrofenster GGL S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07022</t>
  </si>
  <si>
    <t>5702321111179</t>
  </si>
  <si>
    <t>VELUX Elektro-Schwingf. GGL SK08 207022</t>
  </si>
  <si>
    <t>weiß lack THERMO Alu 114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8 207030</t>
  </si>
  <si>
    <t>5702328045040</t>
  </si>
  <si>
    <t>VELUX Solarfenster GGL S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8 207040D</t>
  </si>
  <si>
    <t>5702328700581</t>
  </si>
  <si>
    <t>VELUX Rauchabz.-F. GGL SK08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8 2070Q</t>
  </si>
  <si>
    <t>5702327187673</t>
  </si>
  <si>
    <t>VELUX Schwingfenster GGL SK08 2070Q</t>
  </si>
  <si>
    <t>weiß lack Einb.Schu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SK08 2084</t>
  </si>
  <si>
    <t>5702329839815</t>
  </si>
  <si>
    <t>VELUX Schwingfenster GGL SK08 2084</t>
  </si>
  <si>
    <t>weiß lackiert ENERGIE Alu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8 208421</t>
  </si>
  <si>
    <t>5702329839822</t>
  </si>
  <si>
    <t>VELUX Elektrofenster GGL S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08422</t>
  </si>
  <si>
    <t>5702321111186</t>
  </si>
  <si>
    <t>VELUX Elektro-Schwingf. GGL SK08 208422</t>
  </si>
  <si>
    <t>weiß lack. ENERGIE Alu 114 x 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8 208430</t>
  </si>
  <si>
    <t>5702329839846</t>
  </si>
  <si>
    <t>VELUX Solarfenster GGL S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8 208440D</t>
  </si>
  <si>
    <t>5702329839853</t>
  </si>
  <si>
    <t>VELUX Rauchabzugsfst. GGL SK08 208440D</t>
  </si>
  <si>
    <t>weiß lackiert, ENERGIE, Alu 114x140</t>
  </si>
  <si>
    <t>GGL SK08 216221</t>
  </si>
  <si>
    <t>5702328045132</t>
  </si>
  <si>
    <t>VELUX Elektrofenster GGL SK08 216221</t>
  </si>
  <si>
    <t>weiß lack EN.Schall.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16621</t>
  </si>
  <si>
    <t>5702328045156</t>
  </si>
  <si>
    <t>VELUX Elektrofenster GGL SK08 216621</t>
  </si>
  <si>
    <t>weiß lack EN. 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16622</t>
  </si>
  <si>
    <t>5702321111209</t>
  </si>
  <si>
    <t>VELUX Elektro-Schwingf. GGL SK08 216622</t>
  </si>
  <si>
    <t>weiß lack EN. PLUS Kupfer 114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8 217021</t>
  </si>
  <si>
    <t>5702328045163</t>
  </si>
  <si>
    <t>VELUX Elektrofenster GGL SK08 217021</t>
  </si>
  <si>
    <t>weiß lack THERMO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17022</t>
  </si>
  <si>
    <t>5702321111216</t>
  </si>
  <si>
    <t>VELUX Elektro-Schwingf. GGL SK08 217022</t>
  </si>
  <si>
    <t>weiß lack THERMO Kupfer 114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8 2184</t>
  </si>
  <si>
    <t>5702329839877</t>
  </si>
  <si>
    <t>VELUX Schwingfenster GGL SK08 2184</t>
  </si>
  <si>
    <t>weiß lackiert ENERGIE Kupfer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8 218421</t>
  </si>
  <si>
    <t>5702329839884</t>
  </si>
  <si>
    <t>VELUX Elektrofenster GGL S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18422</t>
  </si>
  <si>
    <t>5702321111223</t>
  </si>
  <si>
    <t>VELUX Elektro-Schwingf. GGL SK08 218422</t>
  </si>
  <si>
    <t>weiß lack. ENERGIE Kupfer 114x140, 230V</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L SK08 236621</t>
  </si>
  <si>
    <t>5702328045231</t>
  </si>
  <si>
    <t>VELUX Elektrofenster GGL SK08 236621</t>
  </si>
  <si>
    <t>weiß lack EN. 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2384</t>
  </si>
  <si>
    <t>5702329839891</t>
  </si>
  <si>
    <t>VELUX Schwingfenster GGL SK08 2384</t>
  </si>
  <si>
    <t>weiß lackiert EN Titanzink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8 3062</t>
  </si>
  <si>
    <t>5702327114570</t>
  </si>
  <si>
    <t>VELUX Schwingfenster GGL SK08 3062</t>
  </si>
  <si>
    <t>klar lack Schallsch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306221</t>
  </si>
  <si>
    <t>5702327591869</t>
  </si>
  <si>
    <t>VELUX Elektrofenster GGL SK08 306221</t>
  </si>
  <si>
    <t>klar lack EN.Schall.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066</t>
  </si>
  <si>
    <t>5702326177255</t>
  </si>
  <si>
    <t>VELUX Schwingfenster GGL SK08 3066</t>
  </si>
  <si>
    <t>klar lack EN.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306621</t>
  </si>
  <si>
    <t>5702326177262</t>
  </si>
  <si>
    <t>VELUX Elektrofenster GGL SK08 306621</t>
  </si>
  <si>
    <t>klar lack EN. 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06640D</t>
  </si>
  <si>
    <t>5702328700598</t>
  </si>
  <si>
    <t>VELUX Rauchabz.-F. GGL SK08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3067</t>
  </si>
  <si>
    <t>5702328933965</t>
  </si>
  <si>
    <t>VELUX Schwingfenster GGL SK08 3067</t>
  </si>
  <si>
    <t>klar lack EN.WäDämm.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306721</t>
  </si>
  <si>
    <t>5702328933972</t>
  </si>
  <si>
    <t>VELUX Elektrofenster GGL S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06730</t>
  </si>
  <si>
    <t>5702328933989</t>
  </si>
  <si>
    <t>VELUX Solarfenster GGL S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8 3069</t>
  </si>
  <si>
    <t>5702328931251</t>
  </si>
  <si>
    <t>VELUX Schwingfenster GGL SK08 3069</t>
  </si>
  <si>
    <t>klar lack E.Hitzesch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SK08 306921</t>
  </si>
  <si>
    <t>5702328931268</t>
  </si>
  <si>
    <t>VELUX Elektrofenster GGL S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06930</t>
  </si>
  <si>
    <t>5702328931275</t>
  </si>
  <si>
    <t>VELUX Solarfenster GGL S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8 3070</t>
  </si>
  <si>
    <t>5702326549106</t>
  </si>
  <si>
    <t>VELUX Schwingfenster GGL SK08 3070</t>
  </si>
  <si>
    <t>klar lack THERMO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8 307021</t>
  </si>
  <si>
    <t>5702326549113</t>
  </si>
  <si>
    <t>VELUX Elektrofenster GGL S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07030</t>
  </si>
  <si>
    <t>5702327203953</t>
  </si>
  <si>
    <t>VELUX Solarfenster GGL S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8 307040D</t>
  </si>
  <si>
    <t>5702328700604</t>
  </si>
  <si>
    <t>VELUX Rauchabz.-F. GGL SK08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8 3084</t>
  </si>
  <si>
    <t>5702329839907</t>
  </si>
  <si>
    <t>VELUX Schwingfenster GGL SK08 3084</t>
  </si>
  <si>
    <t>klar lackiert ENERGIE Alu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8 308421</t>
  </si>
  <si>
    <t>5702329839914</t>
  </si>
  <si>
    <t>VELUX Elektrofenster GGL S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08430</t>
  </si>
  <si>
    <t>5702329839921</t>
  </si>
  <si>
    <t>VELUX Solarfenster GGL S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08 308440D</t>
  </si>
  <si>
    <t>5702329839938</t>
  </si>
  <si>
    <t>VELUX Rauchabzugsfst. GGL SK08 308440D</t>
  </si>
  <si>
    <t>klar lackiert, ENERGIE, Alu 114x140</t>
  </si>
  <si>
    <t>GGL SK08 316221</t>
  </si>
  <si>
    <t>5702327591876</t>
  </si>
  <si>
    <t>VELUX Elektrofenster GGL SK08 316221</t>
  </si>
  <si>
    <t>klar lack EN.Schall.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16621</t>
  </si>
  <si>
    <t>5702327030924</t>
  </si>
  <si>
    <t>VELUX Elektrofenster GGL SK08 316621</t>
  </si>
  <si>
    <t>klar lack EN. 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184</t>
  </si>
  <si>
    <t>5702329839945</t>
  </si>
  <si>
    <t>VELUX Schwingfenster GGL SK08 3184</t>
  </si>
  <si>
    <t>klar lackiert ENERGIE Kupfer 11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08 318421</t>
  </si>
  <si>
    <t>5702329839952</t>
  </si>
  <si>
    <t>VELUX Elektrofenster GGL SK08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336621</t>
  </si>
  <si>
    <t>5702327030955</t>
  </si>
  <si>
    <t>VELUX Elektrofenster GGL SK08 336621</t>
  </si>
  <si>
    <t>klar lack EN. 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08 SD00402</t>
  </si>
  <si>
    <t>5702327889256</t>
  </si>
  <si>
    <t>VELUX Rauch-Wärmeabzug GGL SK08 SD00402</t>
  </si>
  <si>
    <t>Kief.end. EN.-STAR Alu 11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SD00403</t>
  </si>
  <si>
    <t>5702327889263</t>
  </si>
  <si>
    <t>VELUX Rauch-Wärmeabzug GGL SK08 SD00403</t>
  </si>
  <si>
    <t>Klar lack THERMO Alu 11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8 SD00404</t>
  </si>
  <si>
    <t>5702328082847</t>
  </si>
  <si>
    <t>VELUX Rauch-Wärmeabzug GGL SK08 SD00404</t>
  </si>
  <si>
    <t>weiß lack EN.-STAR Alu 11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SD00405</t>
  </si>
  <si>
    <t>5702328082854</t>
  </si>
  <si>
    <t>VELUX Rauch-Wärmeabzug GGL SK08 SD00405</t>
  </si>
  <si>
    <t>weiß lack TH.-STAR Alu 11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10 2066</t>
  </si>
  <si>
    <t>5702327966087</t>
  </si>
  <si>
    <t>VELUX Schwingfenster GGL SK10 2066</t>
  </si>
  <si>
    <t>weiß lack. EN.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206621</t>
  </si>
  <si>
    <t>5702328045262</t>
  </si>
  <si>
    <t>VELUX Elektrofenster GGL SK10 206621</t>
  </si>
  <si>
    <t>weiß lack EN. 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2067</t>
  </si>
  <si>
    <t>5702328933996</t>
  </si>
  <si>
    <t>VELUX Schwingfenster GGL SK10 2067</t>
  </si>
  <si>
    <t>weiß lack EN.WäDämm.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206721</t>
  </si>
  <si>
    <t>5702328934009</t>
  </si>
  <si>
    <t>VELUX Elektrofenster GGL SK10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2069</t>
  </si>
  <si>
    <t>5702328931282</t>
  </si>
  <si>
    <t>VELUX Schwingfenster GGL SK10 2069</t>
  </si>
  <si>
    <t>weiß lack E.Hitzesch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SK10 206921</t>
  </si>
  <si>
    <t>5702328931299</t>
  </si>
  <si>
    <t>VELUX Elektrofenster GGL SK10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2070</t>
  </si>
  <si>
    <t>5702327062406</t>
  </si>
  <si>
    <t>VELUX Schwingfenster GGL SK10 2070</t>
  </si>
  <si>
    <t>weiß lack THERMO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10 207021</t>
  </si>
  <si>
    <t>5702327187697</t>
  </si>
  <si>
    <t>VELUX Elektrofenster GGL SK10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207030</t>
  </si>
  <si>
    <t>5702328349100</t>
  </si>
  <si>
    <t>VELUX Solarfenster GGL SK10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10 2070Q</t>
  </si>
  <si>
    <t>5702327187703</t>
  </si>
  <si>
    <t>VELUX Schwingfenster GGL SK10 2070Q</t>
  </si>
  <si>
    <t>weiß lack Son.Vergl.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SK10 2084</t>
  </si>
  <si>
    <t>5702329839969</t>
  </si>
  <si>
    <t>VELUX Schwingfenster GGL SK10 2084</t>
  </si>
  <si>
    <t>weiß lackiert ENERGIE Alu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10 208421</t>
  </si>
  <si>
    <t>5702329839976</t>
  </si>
  <si>
    <t>VELUX Elektrofenster GGL SK10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208430</t>
  </si>
  <si>
    <t>5702329839990</t>
  </si>
  <si>
    <t>VELUX Solarfenster GGL SK10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10 216621</t>
  </si>
  <si>
    <t>5702328045323</t>
  </si>
  <si>
    <t>VELUX Elektrofenster GGL SK10 216621</t>
  </si>
  <si>
    <t>weiß lack EN. 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217021</t>
  </si>
  <si>
    <t>5702328045330</t>
  </si>
  <si>
    <t>VELUX Elektrofenster GGL SK10 217021</t>
  </si>
  <si>
    <t>weiß lack THERMO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2184</t>
  </si>
  <si>
    <t>5702329840002</t>
  </si>
  <si>
    <t>VELUX Schwingfenster GGL SK10 2184</t>
  </si>
  <si>
    <t>weiß lackiert ENERGIE Kupfer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10 218421</t>
  </si>
  <si>
    <t>5702329840019</t>
  </si>
  <si>
    <t>VELUX Elektrofenster GGL SK10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2366</t>
  </si>
  <si>
    <t>5702328045378</t>
  </si>
  <si>
    <t>VELUX Schwingfenster GGL SK10 2366</t>
  </si>
  <si>
    <t>weiß lack EN.PLUS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2384</t>
  </si>
  <si>
    <t>5702329840026</t>
  </si>
  <si>
    <t>VELUX Schwingfenster GGL SK10 2384</t>
  </si>
  <si>
    <t>weiß lackiert EN Titanzink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10 3066</t>
  </si>
  <si>
    <t>5702327601964</t>
  </si>
  <si>
    <t>VELUX Schwingfenster GGL SK10 3066</t>
  </si>
  <si>
    <t>klar lack EN.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306621</t>
  </si>
  <si>
    <t>5702327605863</t>
  </si>
  <si>
    <t>VELUX Elektrofenster GGL SK10 306621</t>
  </si>
  <si>
    <t>klar lack EN. 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306721</t>
  </si>
  <si>
    <t>5702328934023</t>
  </si>
  <si>
    <t>VELUX Elektrofenster GGL SK10 306721</t>
  </si>
  <si>
    <t>klar lack EN.WäDämm.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306921</t>
  </si>
  <si>
    <t>5702328931312</t>
  </si>
  <si>
    <t>VELUX Elektrofenster GGL SK10 306921</t>
  </si>
  <si>
    <t>klar lack E.Hitzesch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3070</t>
  </si>
  <si>
    <t>5702326997310</t>
  </si>
  <si>
    <t>VELUX Schwingfenster GGL SK10 3070</t>
  </si>
  <si>
    <t>klar lack THERMO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10 307021</t>
  </si>
  <si>
    <t>5702327221643</t>
  </si>
  <si>
    <t>VELUX Elektrofenster GGL SK10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307030</t>
  </si>
  <si>
    <t>5702328349117</t>
  </si>
  <si>
    <t>VELUX Solarfenster GGL SK10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10 3084</t>
  </si>
  <si>
    <t>5702329840033</t>
  </si>
  <si>
    <t>VELUX Schwingfenster GGL SK10 3084</t>
  </si>
  <si>
    <t>klar lackiert ENERGIE Alu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10 308421</t>
  </si>
  <si>
    <t>5702329840040</t>
  </si>
  <si>
    <t>VELUX Elektrofenster GGL SK10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308430</t>
  </si>
  <si>
    <t>5702329840057</t>
  </si>
  <si>
    <t>VELUX Solarfenster GGL SK10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SK10 316621</t>
  </si>
  <si>
    <t>5702327605870</t>
  </si>
  <si>
    <t>VELUX Elektrofenster GGL SK10 316621</t>
  </si>
  <si>
    <t>klar lack EN. 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SK10 3184</t>
  </si>
  <si>
    <t>5702329840064</t>
  </si>
  <si>
    <t>VELUX Schwingfenster GGL SK10 3184</t>
  </si>
  <si>
    <t>klar lackiert ENERGIE Kupfer 11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SK10 318421</t>
  </si>
  <si>
    <t>5702329840071</t>
  </si>
  <si>
    <t>VELUX Elektrofenster GGL SK10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066</t>
  </si>
  <si>
    <t>5702327966094</t>
  </si>
  <si>
    <t>VELUX Schwingfenster GGL UK04 2066</t>
  </si>
  <si>
    <t>weiß lackiert EN.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206621</t>
  </si>
  <si>
    <t>5702328045415</t>
  </si>
  <si>
    <t>VELUX Elektrofenster GGL UK04 206621</t>
  </si>
  <si>
    <t>weiß lack EN. 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06630</t>
  </si>
  <si>
    <t>5702328045439</t>
  </si>
  <si>
    <t>VELUX Solarfenster GGL UK04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06640D</t>
  </si>
  <si>
    <t>5702328700611</t>
  </si>
  <si>
    <t>VELUX Rauchabz.-F. GGL UK04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2067</t>
  </si>
  <si>
    <t>5702328934030</t>
  </si>
  <si>
    <t>VELUX Schwingfenster GGL UK04 2067</t>
  </si>
  <si>
    <t>weiß lack EN.WäDämm.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206721</t>
  </si>
  <si>
    <t>5702328934047</t>
  </si>
  <si>
    <t>VELUX Elektrofenster GGL UK04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06730</t>
  </si>
  <si>
    <t>5702328934061</t>
  </si>
  <si>
    <t>VELUX Solarfenster GGL UK04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069</t>
  </si>
  <si>
    <t>5702328931329</t>
  </si>
  <si>
    <t>VELUX Schwingfenster GGL UK04 2069</t>
  </si>
  <si>
    <t>weiß lack E.Hitzesch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UK04 206921</t>
  </si>
  <si>
    <t>5702328931336</t>
  </si>
  <si>
    <t>VELUX Elektrofenster GGL UK04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06930</t>
  </si>
  <si>
    <t>5702328931350</t>
  </si>
  <si>
    <t>VELUX Solarfenster GGL UK04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070</t>
  </si>
  <si>
    <t>5702327187727</t>
  </si>
  <si>
    <t>VELUX Schwingfenster GGL UK04 2070</t>
  </si>
  <si>
    <t>weiß lack THERMO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4 207021</t>
  </si>
  <si>
    <t>5702327187734</t>
  </si>
  <si>
    <t>VELUX Elektrofenster GGL UK04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07030</t>
  </si>
  <si>
    <t>5702328045460</t>
  </si>
  <si>
    <t>VELUX Solarfenster GGL UK04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07040D</t>
  </si>
  <si>
    <t>5702328700628</t>
  </si>
  <si>
    <t>VELUX Rauchabz.-F. GGL UK04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4 2070Q</t>
  </si>
  <si>
    <t>5702327187741</t>
  </si>
  <si>
    <t>VELUX Schwingfenster GGL UK04 2070Q</t>
  </si>
  <si>
    <t>weiß lack Son.Vergl.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UK04 2084</t>
  </si>
  <si>
    <t>5702329840088</t>
  </si>
  <si>
    <t>VELUX Schwingfenster GGL UK04 2084</t>
  </si>
  <si>
    <t>weiß lackiert ENERGIE Alu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4 208421</t>
  </si>
  <si>
    <t>5702329840095</t>
  </si>
  <si>
    <t>VELUX Elektrofenster GGL UK04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08430</t>
  </si>
  <si>
    <t>5702329840118</t>
  </si>
  <si>
    <t>VELUX Solarfenster GGL UK04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08440D</t>
  </si>
  <si>
    <t>5702329840125</t>
  </si>
  <si>
    <t>VELUX Rauchabzugsfst. GGL UK04 208440D</t>
  </si>
  <si>
    <t>weiß lackiert, ENERGIE, Alu 134x98</t>
  </si>
  <si>
    <t>GGL UK04 2166</t>
  </si>
  <si>
    <t>5702328045545</t>
  </si>
  <si>
    <t>VELUX Schwingfenster GGL UK04 2166</t>
  </si>
  <si>
    <t>weiß lack EN.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216621</t>
  </si>
  <si>
    <t>5702328045552</t>
  </si>
  <si>
    <t>VELUX Elektrofenster GGL UK04 216621</t>
  </si>
  <si>
    <t>weiß lack EN. 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16630</t>
  </si>
  <si>
    <t>5702328045569</t>
  </si>
  <si>
    <t>VELUX Solarfenster GGL UK04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170</t>
  </si>
  <si>
    <t>5702327283306</t>
  </si>
  <si>
    <t>VELUX Schwingfenster GGL UK04 2170</t>
  </si>
  <si>
    <t>weiß lack THERMO C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4 217021</t>
  </si>
  <si>
    <t>5702328045576</t>
  </si>
  <si>
    <t>VELUX Elektrofenster GGL UK04 217021</t>
  </si>
  <si>
    <t>weiß lack THERMO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17030</t>
  </si>
  <si>
    <t>5702328045583</t>
  </si>
  <si>
    <t>VELUX Solarfenster GGL UK04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184</t>
  </si>
  <si>
    <t>5702329840149</t>
  </si>
  <si>
    <t>VELUX Schwingfenster GGL UK04 2184</t>
  </si>
  <si>
    <t>weiß lackiert ENERGIE Kupfer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4 218421</t>
  </si>
  <si>
    <t>5702329840156</t>
  </si>
  <si>
    <t>VELUX Elektrofenster GGL UK04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18430</t>
  </si>
  <si>
    <t>5702329840163</t>
  </si>
  <si>
    <t>VELUX Solarfenster GGL UK04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36621</t>
  </si>
  <si>
    <t>5702328045668</t>
  </si>
  <si>
    <t>VELUX Elektrofenster GGL UK04 236621</t>
  </si>
  <si>
    <t>weiß lack EN. 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37021</t>
  </si>
  <si>
    <t>5702328091542</t>
  </si>
  <si>
    <t>VELUX Elektrofenster GGL UK04 237021</t>
  </si>
  <si>
    <t>weiß lack THERMO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237030</t>
  </si>
  <si>
    <t>5702328045682</t>
  </si>
  <si>
    <t>VELUX Solarfenster GGL UK04 23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2384</t>
  </si>
  <si>
    <t>5702329840170</t>
  </si>
  <si>
    <t>VELUX Schwingfenster GGL UK04 2384</t>
  </si>
  <si>
    <t>weiß lackiert ENERGIE Titanzink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4 238430</t>
  </si>
  <si>
    <t>5702329840187</t>
  </si>
  <si>
    <t>VELUX Solarfenster GGL UK04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066</t>
  </si>
  <si>
    <t>5702327001726</t>
  </si>
  <si>
    <t>VELUX Schwingfenster GGL UK04 3066</t>
  </si>
  <si>
    <t>klar lack EN.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306621</t>
  </si>
  <si>
    <t>5702327030023</t>
  </si>
  <si>
    <t>VELUX Elektrofenster GGL UK04 306621</t>
  </si>
  <si>
    <t>klar lack EN. 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06630</t>
  </si>
  <si>
    <t>5702327153180</t>
  </si>
  <si>
    <t>VELUX Solarfenster GGL UK04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06640D</t>
  </si>
  <si>
    <t>5702328700635</t>
  </si>
  <si>
    <t>VELUX Rauchabz.-F. GGL UK04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3067</t>
  </si>
  <si>
    <t>5702328934078</t>
  </si>
  <si>
    <t>VELUX Schwingfenster GGL UK04 3067</t>
  </si>
  <si>
    <t>klar lack EN.WäDämm.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306721</t>
  </si>
  <si>
    <t>5702328934085</t>
  </si>
  <si>
    <t>VELUX Elektrofenster GGL UK04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06730</t>
  </si>
  <si>
    <t>5702328934108</t>
  </si>
  <si>
    <t>VELUX Solarfenster GGL UK04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069</t>
  </si>
  <si>
    <t>5702328931367</t>
  </si>
  <si>
    <t>VELUX Schwingfenster GGL UK04 3069</t>
  </si>
  <si>
    <t>klar lack E.Hitzesch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UK04 306921</t>
  </si>
  <si>
    <t>5702328931374</t>
  </si>
  <si>
    <t>VELUX Elektrofenster GGL UK04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06930</t>
  </si>
  <si>
    <t>5702328931398</t>
  </si>
  <si>
    <t>VELUX Solarfenster GGL UK04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070</t>
  </si>
  <si>
    <t>5702326997358</t>
  </si>
  <si>
    <t>VELUX Schwingfenster GGL UK04 3070</t>
  </si>
  <si>
    <t>klar lack THERMO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4 307021</t>
  </si>
  <si>
    <t>5702327191847</t>
  </si>
  <si>
    <t>VELUX Elektrofenster GGL UK04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07030</t>
  </si>
  <si>
    <t>5702327203960</t>
  </si>
  <si>
    <t>VELUX Solarfenster GGL UK04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07040D</t>
  </si>
  <si>
    <t>5702328700642</t>
  </si>
  <si>
    <t>VELUX Rauchabz.-F. GGL UK04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4 3084</t>
  </si>
  <si>
    <t>5702329840194</t>
  </si>
  <si>
    <t>VELUX Schwingfenster GGL UK04 3084</t>
  </si>
  <si>
    <t>klar lackiert ENERGIE Alu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4 308421</t>
  </si>
  <si>
    <t>5702329840200</t>
  </si>
  <si>
    <t>VELUX Elektrofenster GGL UK04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08430</t>
  </si>
  <si>
    <t>5702329840224</t>
  </si>
  <si>
    <t>VELUX Solarfenster GGL UK04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08440D</t>
  </si>
  <si>
    <t>5702329840231</t>
  </si>
  <si>
    <t>VELUX Rauchabzugsfst. GGL UK04 308440D</t>
  </si>
  <si>
    <t>klar lackiert, ENERGIE, Alu 134x98</t>
  </si>
  <si>
    <t>GGL UK04 3166</t>
  </si>
  <si>
    <t>5702327002297</t>
  </si>
  <si>
    <t>VELUX Schwingfenster GGL UK04 3166</t>
  </si>
  <si>
    <t>klar lack EN.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316621</t>
  </si>
  <si>
    <t>5702327030986</t>
  </si>
  <si>
    <t>VELUX Elektrofenster GGL UK04 316621</t>
  </si>
  <si>
    <t>klar lack EN. 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16630</t>
  </si>
  <si>
    <t>5702327189950</t>
  </si>
  <si>
    <t>VELUX Solarfenster GGL UK04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184</t>
  </si>
  <si>
    <t>5702329840248</t>
  </si>
  <si>
    <t>VELUX Schwingfenster GGL UK04 3184</t>
  </si>
  <si>
    <t>klar lackiert ENERGIE Kupfer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4 318421</t>
  </si>
  <si>
    <t>5702329840255</t>
  </si>
  <si>
    <t>VELUX Elektrofenster GGL UK04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4 318430</t>
  </si>
  <si>
    <t>5702329840262</t>
  </si>
  <si>
    <t>VELUX Solarfenster GGL UK04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36630</t>
  </si>
  <si>
    <t>5702327189981</t>
  </si>
  <si>
    <t>VELUX Solarfenster GGL UK04 336630</t>
  </si>
  <si>
    <t>klar lack EN. 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338430</t>
  </si>
  <si>
    <t>5702329840279</t>
  </si>
  <si>
    <t>VELUX Solarfenster GGL UK04 338430</t>
  </si>
  <si>
    <t>klar lackiert ENERGIE Titanzink 134 x 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4 SD00403</t>
  </si>
  <si>
    <t>5702327889287</t>
  </si>
  <si>
    <t>VELUX Rauch-Wärmeabzug GGL UK04 SD00403</t>
  </si>
  <si>
    <t>Klar lack THERMO Alu 13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4 SD00404</t>
  </si>
  <si>
    <t>5702328083028</t>
  </si>
  <si>
    <t>VELUX Rauch-Wärmeabzug GGL UK04 SD00404</t>
  </si>
  <si>
    <t>weiß lack EN.-STAR Alu 134x9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4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2066</t>
  </si>
  <si>
    <t>5702327966100</t>
  </si>
  <si>
    <t>VELUX Schwingfenster GGL UK08 2066</t>
  </si>
  <si>
    <t>weiß lackiert EN.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206621</t>
  </si>
  <si>
    <t>5702328045743</t>
  </si>
  <si>
    <t>VELUX Elektrofenster GGL UK08 206621</t>
  </si>
  <si>
    <t>weiß lack EN. 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06630</t>
  </si>
  <si>
    <t>5702328045767</t>
  </si>
  <si>
    <t>VELUX Solarfenster GGL UK08 2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06640D</t>
  </si>
  <si>
    <t>5702328700659</t>
  </si>
  <si>
    <t>VELUX Rauchabz.-F. GGL UK08 2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2067</t>
  </si>
  <si>
    <t>5702328934115</t>
  </si>
  <si>
    <t>VELUX Schwingfenster GGL UK08 2067</t>
  </si>
  <si>
    <t>weiß lack EN.WäDämm.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206721</t>
  </si>
  <si>
    <t>5702328934122</t>
  </si>
  <si>
    <t>VELUX Elektrofenster GGL UK08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06730</t>
  </si>
  <si>
    <t>5702328934146</t>
  </si>
  <si>
    <t>VELUX Solarfenster GGL U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069</t>
  </si>
  <si>
    <t>5702328931404</t>
  </si>
  <si>
    <t>VELUX Schwingfenster GGL UK08 2069</t>
  </si>
  <si>
    <t>weiß lack E.Hitzesch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UK08 206921</t>
  </si>
  <si>
    <t>5702328931411</t>
  </si>
  <si>
    <t>VELUX Elektrofenster GGL UK08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06930</t>
  </si>
  <si>
    <t>5702328931435</t>
  </si>
  <si>
    <t>VELUX Solarfenster GGL UK08 2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070</t>
  </si>
  <si>
    <t>5702327187765</t>
  </si>
  <si>
    <t>VELUX Schwingfenster GGL UK08 2070</t>
  </si>
  <si>
    <t>weiß lack THERMO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8 207021</t>
  </si>
  <si>
    <t>5702327187772</t>
  </si>
  <si>
    <t>VELUX Elektrofenster GGL UK08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07030</t>
  </si>
  <si>
    <t>5702328045798</t>
  </si>
  <si>
    <t>VELUX Solarfenster GGL UK08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07040D</t>
  </si>
  <si>
    <t>5702328700666</t>
  </si>
  <si>
    <t>VELUX Rauchabz.-F. GGL UK08 2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8 2070Q</t>
  </si>
  <si>
    <t>5702327187789</t>
  </si>
  <si>
    <t>VELUX Schwingfenster GGL UK08 2070Q</t>
  </si>
  <si>
    <t>weiß lack Son.Vergl.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UK08 2084</t>
  </si>
  <si>
    <t>5702329840309</t>
  </si>
  <si>
    <t>VELUX Schwingfenster GGL UK08 2084</t>
  </si>
  <si>
    <t>weiß lackiert ENERGIE Alu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8 208421</t>
  </si>
  <si>
    <t>5702329840316</t>
  </si>
  <si>
    <t>VELUX Elektrofenster GGL UK08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08430</t>
  </si>
  <si>
    <t>5702329840330</t>
  </si>
  <si>
    <t>VELUX Solarfenster GGL UK08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08440D</t>
  </si>
  <si>
    <t>5702329840347</t>
  </si>
  <si>
    <t>VELUX Rauchabzugsfst. GGL UK08 208440D</t>
  </si>
  <si>
    <t>weiß lackiert, ENERGIE, Alu 134x140</t>
  </si>
  <si>
    <t>GGL UK08 2166</t>
  </si>
  <si>
    <t>5702328045873</t>
  </si>
  <si>
    <t>VELUX Schwingfenster GGL UK08 2166</t>
  </si>
  <si>
    <t>weiß lack EN.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216621</t>
  </si>
  <si>
    <t>5702328045880</t>
  </si>
  <si>
    <t>VELUX Elektrofenster GGL UK08 216621</t>
  </si>
  <si>
    <t>weiß lack EN. 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16630</t>
  </si>
  <si>
    <t>5702328045897</t>
  </si>
  <si>
    <t>VELUX Solarfenster GGL UK08 2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170</t>
  </si>
  <si>
    <t>5702327283320</t>
  </si>
  <si>
    <t>VELUX Schwingfenster GGL UK08 2170</t>
  </si>
  <si>
    <t>weiß lack THERMO C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8 217021</t>
  </si>
  <si>
    <t>5702328045903</t>
  </si>
  <si>
    <t>VELUX Elektrofenster GGL UK08 217021</t>
  </si>
  <si>
    <t>weiß lack THERMO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17030</t>
  </si>
  <si>
    <t>5702328045910</t>
  </si>
  <si>
    <t>VELUX Solarfenster GGL UK08 21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184</t>
  </si>
  <si>
    <t>5702329840361</t>
  </si>
  <si>
    <t>VELUX Schwingfenster GGL UK08 2184</t>
  </si>
  <si>
    <t>weiß lackiert ENERGIE Kupfer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8 218421</t>
  </si>
  <si>
    <t>5702329840378</t>
  </si>
  <si>
    <t>VELUX Elektrofenster GGL UK08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18430</t>
  </si>
  <si>
    <t>5702329840385</t>
  </si>
  <si>
    <t>VELUX Solarfenster GGL UK08 2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366</t>
  </si>
  <si>
    <t>5702328045989</t>
  </si>
  <si>
    <t>VELUX Schwingfenster GGL UK08 2366</t>
  </si>
  <si>
    <t>weiß lack EN.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236621</t>
  </si>
  <si>
    <t>5702328045996</t>
  </si>
  <si>
    <t>VELUX Elektrofenster GGL UK08 236621</t>
  </si>
  <si>
    <t>weiß lack EN. 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236630</t>
  </si>
  <si>
    <t>5702328046009</t>
  </si>
  <si>
    <t>VELUX Solarfenster GGL UK08 2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37030</t>
  </si>
  <si>
    <t>5702328046016</t>
  </si>
  <si>
    <t>VELUX Solarfenster GGL UK08 237030</t>
  </si>
  <si>
    <t>weiß lack THERMO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2384</t>
  </si>
  <si>
    <t>5702329840392</t>
  </si>
  <si>
    <t>VELUX Schwingfenster GGL UK08 2384</t>
  </si>
  <si>
    <t>weiß lackiert EN Titanzink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8 238430</t>
  </si>
  <si>
    <t>5702329840408</t>
  </si>
  <si>
    <t>VELUX Solarfenster GGL UK08 23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066</t>
  </si>
  <si>
    <t>5702327001733</t>
  </si>
  <si>
    <t>VELUX Schwingfenster GGL UK08 3066</t>
  </si>
  <si>
    <t>klar lack EN.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306621</t>
  </si>
  <si>
    <t>5702327030030</t>
  </si>
  <si>
    <t>VELUX Elektrofenster GGL UK08 306621</t>
  </si>
  <si>
    <t>klar lack EN. 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06630</t>
  </si>
  <si>
    <t>5702327153227</t>
  </si>
  <si>
    <t>VELUX Solarfenster GGL UK08 30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06640D</t>
  </si>
  <si>
    <t>5702328700673</t>
  </si>
  <si>
    <t>VELUX Rauchabz.-F. GGL UK08 3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3067</t>
  </si>
  <si>
    <t>5702328934153</t>
  </si>
  <si>
    <t>VELUX Schwingfenster GGL UK08 3067</t>
  </si>
  <si>
    <t>klar lack EN.WäDämm.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306721</t>
  </si>
  <si>
    <t>5702328934160</t>
  </si>
  <si>
    <t>VELUX Elektrofenster GGL UK08 3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06730</t>
  </si>
  <si>
    <t>5702328934184</t>
  </si>
  <si>
    <t>VELUX Solarfenster GGL U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069</t>
  </si>
  <si>
    <t>5702328931442</t>
  </si>
  <si>
    <t>VELUX Schwingfenster GGL UK08 3069</t>
  </si>
  <si>
    <t>klar lack E.Hitzesch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UK08 306921</t>
  </si>
  <si>
    <t>5702328931459</t>
  </si>
  <si>
    <t>VELUX Elektrofenster GGL UK08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06930</t>
  </si>
  <si>
    <t>5702328931473</t>
  </si>
  <si>
    <t>VELUX Solarfenster GGL UK08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070</t>
  </si>
  <si>
    <t>5702326997372</t>
  </si>
  <si>
    <t>VELUX Schwingfenster GGL UK08 3070</t>
  </si>
  <si>
    <t>klar lack THERMO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8 307021</t>
  </si>
  <si>
    <t>5702327191854</t>
  </si>
  <si>
    <t>VELUX Elektrofenster GGL UK08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07030</t>
  </si>
  <si>
    <t>5702327203977</t>
  </si>
  <si>
    <t>VELUX Solarfenster GGL UK08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07040D</t>
  </si>
  <si>
    <t>5702328700680</t>
  </si>
  <si>
    <t>VELUX Rauchabz.-F. GGL UK08 3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8 3084</t>
  </si>
  <si>
    <t>5702329840415</t>
  </si>
  <si>
    <t>VELUX Schwingfenster GGL UK08 3084</t>
  </si>
  <si>
    <t>klar lackiert ENERGIE Alu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8 308421</t>
  </si>
  <si>
    <t>5702329840422</t>
  </si>
  <si>
    <t>VELUX Elektrofenster GGL UK08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08430</t>
  </si>
  <si>
    <t>5702329840446</t>
  </si>
  <si>
    <t>VELUX Solarfenster GGL UK08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08440D</t>
  </si>
  <si>
    <t>5702329840453</t>
  </si>
  <si>
    <t>VELUX Rauchabzugsfst. GGL UK08 308440D</t>
  </si>
  <si>
    <t>klar lackiert, ENERGIE, Alu 134x140</t>
  </si>
  <si>
    <t>GGL UK08 3166</t>
  </si>
  <si>
    <t>5702327002310</t>
  </si>
  <si>
    <t>VELUX Schwingfenster GGL UK08 3166</t>
  </si>
  <si>
    <t>klar lack EN.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316621</t>
  </si>
  <si>
    <t>5702327031068</t>
  </si>
  <si>
    <t>VELUX Elektrofenster GGL UK08 316621</t>
  </si>
  <si>
    <t>klar lack EN. 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16630</t>
  </si>
  <si>
    <t>5702327190017</t>
  </si>
  <si>
    <t>VELUX Solarfenster GGL UK08 31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184</t>
  </si>
  <si>
    <t>5702329840460</t>
  </si>
  <si>
    <t>VELUX Schwingfenster GGL UK08 3184</t>
  </si>
  <si>
    <t>klar lackiert ENERGIE Kupfer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8 318421</t>
  </si>
  <si>
    <t>5702329840477</t>
  </si>
  <si>
    <t>VELUX Elektrofenster GGL UK08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18430</t>
  </si>
  <si>
    <t>5702329840484</t>
  </si>
  <si>
    <t>VELUX Solarfenster GGL UK08 31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36621</t>
  </si>
  <si>
    <t>5702327031112</t>
  </si>
  <si>
    <t>VELUX Elektrofenster GGL UK08 336621</t>
  </si>
  <si>
    <t>klar lack EN. 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08 336630</t>
  </si>
  <si>
    <t>5702327190048</t>
  </si>
  <si>
    <t>VELUX Solarfenster GGL UK08 3366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08 3384</t>
  </si>
  <si>
    <t>5702329840491</t>
  </si>
  <si>
    <t>VELUX Schwingfenster GGL UK08 3384</t>
  </si>
  <si>
    <t>klar lackiert EN Titanzink 134 x 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08 SD00402</t>
  </si>
  <si>
    <t>5702327889294</t>
  </si>
  <si>
    <t>VELUX Rauch-Wärmeabzug GGL UK08 SD00402</t>
  </si>
  <si>
    <t>Kief.end. EN.-STAR Alu 13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SD00404</t>
  </si>
  <si>
    <t>5702328083110</t>
  </si>
  <si>
    <t>VELUX Rauch-Wärmeabzug GGL UK08 SD00404</t>
  </si>
  <si>
    <t>weiß lack EN.-STAR Alu 13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SD00405</t>
  </si>
  <si>
    <t>5702328083127</t>
  </si>
  <si>
    <t>VELUX Rauch-Wärmeabzug GGL UK08 SD00405</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10 2066</t>
  </si>
  <si>
    <t>5702328046054</t>
  </si>
  <si>
    <t>VELUX Schwingfenster GGL UK10 2066</t>
  </si>
  <si>
    <t>weiß lack EN.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206621</t>
  </si>
  <si>
    <t>5702328046061</t>
  </si>
  <si>
    <t>VELUX Elektrofenster GGL UK10 206621</t>
  </si>
  <si>
    <t>weiß lack EN. 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2067</t>
  </si>
  <si>
    <t>5702328934191</t>
  </si>
  <si>
    <t>VELUX Schwingfenster GGL UK10 2067</t>
  </si>
  <si>
    <t>weiß lack EN.WäDämm.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206721</t>
  </si>
  <si>
    <t>5702328934207</t>
  </si>
  <si>
    <t>VELUX Elektrofenster GGL UK10 2067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2069</t>
  </si>
  <si>
    <t>5702328931480</t>
  </si>
  <si>
    <t>VELUX Schwingfenster GGL UK10 2069</t>
  </si>
  <si>
    <t>weiß lack E.Hitzesch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UK10 206921</t>
  </si>
  <si>
    <t>5702328931497</t>
  </si>
  <si>
    <t>VELUX Elektrofenster GGL UK10 2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2070</t>
  </si>
  <si>
    <t>5702327187802</t>
  </si>
  <si>
    <t>VELUX Schwingfenster GGL UK10 2070</t>
  </si>
  <si>
    <t>weiß lack THERMO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10 207021</t>
  </si>
  <si>
    <t>5702327187819</t>
  </si>
  <si>
    <t>VELUX Elektrofenster GGL UK10 2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207030</t>
  </si>
  <si>
    <t>5702328349124</t>
  </si>
  <si>
    <t>VELUX Solarfenster GGL UK10 2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10 2070Q</t>
  </si>
  <si>
    <t>5702327187826</t>
  </si>
  <si>
    <t>VELUX Schwingfenster GGL UK10 2070Q</t>
  </si>
  <si>
    <t>weiß lack Son.Vergl.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UK10 2084</t>
  </si>
  <si>
    <t>5702329840507</t>
  </si>
  <si>
    <t>VELUX Schwingfenster GGL UK10 2084</t>
  </si>
  <si>
    <t>weiß lackiert ENERGIE Alu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10 208421</t>
  </si>
  <si>
    <t>5702329840514</t>
  </si>
  <si>
    <t>VELUX Elektrofenster GGL UK10 2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208430</t>
  </si>
  <si>
    <t>5702329840538</t>
  </si>
  <si>
    <t>VELUX Solarfenster GGL UK10 2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10 217021</t>
  </si>
  <si>
    <t>5702328046139</t>
  </si>
  <si>
    <t>VELUX Elektrofenster GGL UK10 217021</t>
  </si>
  <si>
    <t>weiß lack THERMO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2184</t>
  </si>
  <si>
    <t>5702329840552</t>
  </si>
  <si>
    <t>VELUX Schwingfenster GGL UK10 2184</t>
  </si>
  <si>
    <t>weiß lackiert ENERGIE Kupfer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10 218421</t>
  </si>
  <si>
    <t>5702329840569</t>
  </si>
  <si>
    <t>VELUX Elektrofenster GGL UK10 2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2366</t>
  </si>
  <si>
    <t>5702328046177</t>
  </si>
  <si>
    <t>VELUX Schwingfenster GGL UK10 2366</t>
  </si>
  <si>
    <t>weiß lack EN.PLUS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2384</t>
  </si>
  <si>
    <t>5702329840576</t>
  </si>
  <si>
    <t>VELUX Schwingfenster GGL UK10 2384</t>
  </si>
  <si>
    <t>weiß lackiert EN Titanzink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10 3066</t>
  </si>
  <si>
    <t>5702327601995</t>
  </si>
  <si>
    <t>VELUX Schwingfenster GGL UK10 3066</t>
  </si>
  <si>
    <t>klar lack EN.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306621</t>
  </si>
  <si>
    <t>5702327605887</t>
  </si>
  <si>
    <t>VELUX Elektrofenster GGL UK10 306621</t>
  </si>
  <si>
    <t>klar lack EN. 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306721</t>
  </si>
  <si>
    <t>5702328934221</t>
  </si>
  <si>
    <t>VELUX Elektrofenster GGL UK10 306721</t>
  </si>
  <si>
    <t>klar lack EN.WäDämm.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306921</t>
  </si>
  <si>
    <t>5702328931510</t>
  </si>
  <si>
    <t>VELUX Elektrofenster GGL UK10 306921</t>
  </si>
  <si>
    <t>klar lack E.Hitzesch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3070</t>
  </si>
  <si>
    <t>5702326997402</t>
  </si>
  <si>
    <t>VELUX Schwingfenster GGL UK10 3070</t>
  </si>
  <si>
    <t>klar lack THERMO Al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10 307021</t>
  </si>
  <si>
    <t>5702327221681</t>
  </si>
  <si>
    <t>VELUX Elektrofenster GGL UK10 3070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307030</t>
  </si>
  <si>
    <t>5702328349131</t>
  </si>
  <si>
    <t>VELUX Solarfenster GGL UK10 3070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10 3084</t>
  </si>
  <si>
    <t>5702329840583</t>
  </si>
  <si>
    <t>VELUX Schwingfenster GGL UK10 3084</t>
  </si>
  <si>
    <t>klar lackiert ENERGIE Alu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10 308421</t>
  </si>
  <si>
    <t>5702329840590</t>
  </si>
  <si>
    <t>VELUX Elektrofenster GGL UK10 30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308430</t>
  </si>
  <si>
    <t>5702329840606</t>
  </si>
  <si>
    <t>VELUX Solarfenster GGL UK10 3084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UK10 316621</t>
  </si>
  <si>
    <t>5702327605894</t>
  </si>
  <si>
    <t>VELUX Elektrofenster GGL UK10 316621</t>
  </si>
  <si>
    <t>klar lack EN. 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UK10 3184</t>
  </si>
  <si>
    <t>5702329840613</t>
  </si>
  <si>
    <t>VELUX Schwingfenster GGL UK10 3184</t>
  </si>
  <si>
    <t>klar lackiert ENERGIE Kupfer 134 x 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L UK10 318421</t>
  </si>
  <si>
    <t>5702329840620</t>
  </si>
  <si>
    <t>VELUX Elektrofenster GGL UK10 3184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S FFKF06 2066</t>
  </si>
  <si>
    <t>5702329289757</t>
  </si>
  <si>
    <t>VELUX Lichtlösung GGLS FFKF06 2066</t>
  </si>
  <si>
    <t>weiß lack EN.PLUS Alu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 FFKF06 206630</t>
  </si>
  <si>
    <t>5702329611831</t>
  </si>
  <si>
    <t>VELUX Lichtlösung GGLS FFKF06 206630</t>
  </si>
  <si>
    <t>weiß lack EN.PLUS Alu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 FFKF06 2070</t>
  </si>
  <si>
    <t>5702329289603</t>
  </si>
  <si>
    <t>VELUX Lichtlösung GGLS FFKF06 2070</t>
  </si>
  <si>
    <t>weiß lack THERMO Alu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 FFKF06 207030</t>
  </si>
  <si>
    <t>5702329611848</t>
  </si>
  <si>
    <t>VELUX Lichtlösung GGLS FFKF06 207030</t>
  </si>
  <si>
    <t>weiß lack THERMO Alu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 FFKF06 216630</t>
  </si>
  <si>
    <t>5702329611862</t>
  </si>
  <si>
    <t>VELUX Lichtlösung GGLS FFKF06 216630</t>
  </si>
  <si>
    <t>weiß lack EN. PLUS Kupfer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 FFKF06 2170</t>
  </si>
  <si>
    <t>5702329320184</t>
  </si>
  <si>
    <t>VELUX Lichtlösung GGLS FFKF06 2170</t>
  </si>
  <si>
    <t>weiß lack THERMO Kupfer 3-IN-1</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 FFKF06 217030</t>
  </si>
  <si>
    <t>5702329611879</t>
  </si>
  <si>
    <t>VELUX Lichtlösung GGLS FFKF06 2170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 FFKF08 2066</t>
  </si>
  <si>
    <t>5702329289610</t>
  </si>
  <si>
    <t>VELUX Lichtlösung GGLS FFKF08 2066</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 FFKF08 206630</t>
  </si>
  <si>
    <t>5702329611886</t>
  </si>
  <si>
    <t>VELUX Lichtlösung GGLS FFKF08 2066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 FFKF08 2070</t>
  </si>
  <si>
    <t>5702329289627</t>
  </si>
  <si>
    <t>VELUX Lichtlösung GGLS FFKF08 207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S FFKF08 207030</t>
  </si>
  <si>
    <t>5702329611893</t>
  </si>
  <si>
    <t>VELUX Lichtlösung GGLS FFKF08 2070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 FFKF08 2166</t>
  </si>
  <si>
    <t>5702329320214</t>
  </si>
  <si>
    <t>VELUX Lichtlösung GGLS FFKF08 2166</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S FFKF08 216630</t>
  </si>
  <si>
    <t>5702329611916</t>
  </si>
  <si>
    <t>VELUX Lichtlösung GGLS FFKF08 2166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LS FFKF08 217030</t>
  </si>
  <si>
    <t>5702329611923</t>
  </si>
  <si>
    <t>VELUX Lichtlösung GGLS FFKF08 217030</t>
  </si>
  <si>
    <t>----------------------------------------
VELUX Lichtlösung 3-in-1.
3 Fensterelemente in 1 Blendrahmen.
Die äußeren Fensterelemente sind 
Schwingfenster mit Schwingfunktion
des Flügels bis zum Anschlag.
Mit bequemer Einhandbedienung oben,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la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Apple HomeKit. 
----------------------------------------
Zusätzlich kann ein VELUX Solar-
Rollladen (ab Größe MK04) oder
Solar-Sonnenschutz angeschlossen
werden.
Alle technischen Werte sind normgemäß
im senkrechten Einbau ermittelt und 
beziehen sich auf das Fenster als Ganzes</t>
  </si>
  <si>
    <t>GGU CK02 0062</t>
  </si>
  <si>
    <t>5702327114587</t>
  </si>
  <si>
    <t>VELUX Schwingfenster GGU CK02 0062</t>
  </si>
  <si>
    <t>Polyur. Schallsch Alu 55x78</t>
  </si>
  <si>
    <t>113</t>
  </si>
  <si>
    <t>VELUX-Schwing-Fenster,GGU</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2 006221</t>
  </si>
  <si>
    <t>5702327591883</t>
  </si>
  <si>
    <t>VELUX Elektrofenster GGU CK02 006221</t>
  </si>
  <si>
    <t>Polyur. EN.Schall.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066</t>
  </si>
  <si>
    <t>5702326177347</t>
  </si>
  <si>
    <t>VELUX Schwingfenster GGU CK02 0066</t>
  </si>
  <si>
    <t>Polyur. EN.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2 006621</t>
  </si>
  <si>
    <t>5702326177354</t>
  </si>
  <si>
    <t>VELUX Elektrofenster GGU CK02 006621</t>
  </si>
  <si>
    <t>Polyur. EN. PLUS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06630</t>
  </si>
  <si>
    <t>5702327153272</t>
  </si>
  <si>
    <t>VELUX Solarfenster GGU CK02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067</t>
  </si>
  <si>
    <t>5702327182388</t>
  </si>
  <si>
    <t>VELUX Schwingfenster GGU CK02 0067</t>
  </si>
  <si>
    <t>Polyur. EN.WäDämm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2 006721</t>
  </si>
  <si>
    <t>5702328934238</t>
  </si>
  <si>
    <t>VELUX Elektrofenster GGU CK02 006721</t>
  </si>
  <si>
    <t>Polyur. EN.WäDämm.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06730</t>
  </si>
  <si>
    <t>5702328934245</t>
  </si>
  <si>
    <t>VELUX Solarfenster GGU CK02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069</t>
  </si>
  <si>
    <t>5702328931527</t>
  </si>
  <si>
    <t>VELUX Schwingfenster GGU CK02 0069</t>
  </si>
  <si>
    <t>Polyur. E.Hitzesch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CK02 006921</t>
  </si>
  <si>
    <t>5702328931534</t>
  </si>
  <si>
    <t>VELUX Elektrofenster GGU CK02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06930</t>
  </si>
  <si>
    <t>5702328931541</t>
  </si>
  <si>
    <t>VELUX Solarfenster GGU CK02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070</t>
  </si>
  <si>
    <t>5702326549212</t>
  </si>
  <si>
    <t>VELUX Schwingfenster GGU CK02 0070</t>
  </si>
  <si>
    <t>Polyur. THERMO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CK02 007021</t>
  </si>
  <si>
    <t>5702326549229</t>
  </si>
  <si>
    <t>VELUX Elektrofenster GGU CK02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07030</t>
  </si>
  <si>
    <t>5702327203984</t>
  </si>
  <si>
    <t>VELUX Solarfenster GGU CK02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070Q</t>
  </si>
  <si>
    <t>5702327007674</t>
  </si>
  <si>
    <t>VELUX Schwingfenster GGU CK02 0070Q</t>
  </si>
  <si>
    <t>Polyur. Son.Vergl. Al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CK02 0084</t>
  </si>
  <si>
    <t>5702329840637</t>
  </si>
  <si>
    <t>VELUX Schwingfenster GGU CK02 0084</t>
  </si>
  <si>
    <t>Polyur. ENERGIE Alu 55 x 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CK02 008421</t>
  </si>
  <si>
    <t>5702329840644</t>
  </si>
  <si>
    <t>VELUX Elektrofenster GGU CK02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08430</t>
  </si>
  <si>
    <t>5702329840668</t>
  </si>
  <si>
    <t>VELUX Solarfenster GGU CK02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162</t>
  </si>
  <si>
    <t>5702327114594</t>
  </si>
  <si>
    <t>VELUX Schwingfenster GGU CK02 0162</t>
  </si>
  <si>
    <t>Polyur. Schallsch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2 016221</t>
  </si>
  <si>
    <t>5702327591890</t>
  </si>
  <si>
    <t>VELUX Elektrofenster GGU CK02 016221</t>
  </si>
  <si>
    <t>Polyur. EN.Schall.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166</t>
  </si>
  <si>
    <t>5702327002334</t>
  </si>
  <si>
    <t>VELUX Schwingfenster GGU CK02 0166</t>
  </si>
  <si>
    <t>Polyur. EN.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2 016621</t>
  </si>
  <si>
    <t>5702327031150</t>
  </si>
  <si>
    <t>VELUX Elektrofenster GGU CK02 016621</t>
  </si>
  <si>
    <t>Polyur. EN. PLUS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16630</t>
  </si>
  <si>
    <t>5702327190079</t>
  </si>
  <si>
    <t>VELUX Solarfenster GGU CK02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170</t>
  </si>
  <si>
    <t>5702327164469</t>
  </si>
  <si>
    <t>VELUX Schwingfenster GGU CK02 0170</t>
  </si>
  <si>
    <t>Polyur. THERMO Cu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CK02 017021</t>
  </si>
  <si>
    <t>5702327221704</t>
  </si>
  <si>
    <t>VELUX Elektrofenster GGU CK02 017021</t>
  </si>
  <si>
    <t>Polyur. THERMO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17030</t>
  </si>
  <si>
    <t>5702327190086</t>
  </si>
  <si>
    <t>VELUX Solarfenster GGU CK02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184</t>
  </si>
  <si>
    <t>5702329840682</t>
  </si>
  <si>
    <t>VELUX Schwingfenster GGU CK02 0184</t>
  </si>
  <si>
    <t>Polyur. ENERGIE Kupfer 55 x 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CK02 018421</t>
  </si>
  <si>
    <t>5702329840699</t>
  </si>
  <si>
    <t>VELUX Elektrofenster GGU CK02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18430</t>
  </si>
  <si>
    <t>5702329840705</t>
  </si>
  <si>
    <t>VELUX Solarfenster GGU CK02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366</t>
  </si>
  <si>
    <t>5702327002341</t>
  </si>
  <si>
    <t>VELUX Schwingfenster GGU CK02 0366</t>
  </si>
  <si>
    <t>Polyur. EN.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2 036621</t>
  </si>
  <si>
    <t>5702327219312</t>
  </si>
  <si>
    <t>VELUX Elektrofenster GGU CK02 036621</t>
  </si>
  <si>
    <t>Polyur. EN. PLUS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36630</t>
  </si>
  <si>
    <t>5702327190109</t>
  </si>
  <si>
    <t>VELUX Solarfenster GGU CK02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370</t>
  </si>
  <si>
    <t>5702327164483</t>
  </si>
  <si>
    <t>VELUX Schwingfenster GGU CK02 0370</t>
  </si>
  <si>
    <t>Polyur. THERMO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CK02 037021</t>
  </si>
  <si>
    <t>5702327221711</t>
  </si>
  <si>
    <t>VELUX Elektrofenster GGU CK02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37030</t>
  </si>
  <si>
    <t>5702327190116</t>
  </si>
  <si>
    <t>VELUX Solarfenster GGU CK02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0384</t>
  </si>
  <si>
    <t>5702329840712</t>
  </si>
  <si>
    <t>VELUX Schwingfenster GGU CK02 0384</t>
  </si>
  <si>
    <t>Polyur. ENERGIE Titanzink 55 x 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CK02 038421</t>
  </si>
  <si>
    <t>5702329840729</t>
  </si>
  <si>
    <t>VELUX Elektrofenster GGU CK02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2 038430</t>
  </si>
  <si>
    <t>5702329840736</t>
  </si>
  <si>
    <t>VELUX Solarfenster GGU CK02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2 S10J01</t>
  </si>
  <si>
    <t>5702328957299</t>
  </si>
  <si>
    <t>VELUX Schwingfenster GGU CK02 S10J01</t>
  </si>
  <si>
    <t>Polyur. EN.WäDämm. Alu+EDJ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CK04 0062</t>
  </si>
  <si>
    <t>5702327114617</t>
  </si>
  <si>
    <t>VELUX Schwingfenster GGU CK04 0062</t>
  </si>
  <si>
    <t>Polyur. Schallsch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4 006221</t>
  </si>
  <si>
    <t>5702327591906</t>
  </si>
  <si>
    <t>VELUX Elektrofenster GGU CK04 006221</t>
  </si>
  <si>
    <t>Polyur. EN.Schall.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066</t>
  </si>
  <si>
    <t>5702326177415</t>
  </si>
  <si>
    <t>VELUX Schwingfenster GGU CK04 0066</t>
  </si>
  <si>
    <t>Polyur. EN.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4 006621</t>
  </si>
  <si>
    <t>5702326177422</t>
  </si>
  <si>
    <t>VELUX Elektrofenster GGU CK04 006621</t>
  </si>
  <si>
    <t>Polyur. EN. PLUS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06630</t>
  </si>
  <si>
    <t>5702327153302</t>
  </si>
  <si>
    <t>VELUX Solarfenster GGU CK04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067</t>
  </si>
  <si>
    <t>5702327182418</t>
  </si>
  <si>
    <t>VELUX Schwingfenster GGU CK04 0067</t>
  </si>
  <si>
    <t>Polyur. EN.-STAR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4 006721</t>
  </si>
  <si>
    <t>5702328934252</t>
  </si>
  <si>
    <t>VELUX Elektrofenster GGU CK04 006721</t>
  </si>
  <si>
    <t>Polyur. EN.WäDämm.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06730</t>
  </si>
  <si>
    <t>5702328934269</t>
  </si>
  <si>
    <t>VELUX Solarfenster GGU CK04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069</t>
  </si>
  <si>
    <t>5702328931558</t>
  </si>
  <si>
    <t>VELUX Schwingfenster GGU CK04 0069</t>
  </si>
  <si>
    <t>Polyur. E.Hitzesch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CK04 006921</t>
  </si>
  <si>
    <t>5702328931565</t>
  </si>
  <si>
    <t>VELUX Elektrofenster GGU CK04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06930</t>
  </si>
  <si>
    <t>5702328931572</t>
  </si>
  <si>
    <t>VELUX Solarfenster GGU CK04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070</t>
  </si>
  <si>
    <t>5702326549267</t>
  </si>
  <si>
    <t>VELUX Schwingfenster GGU CK04 0070</t>
  </si>
  <si>
    <t>Polyur. THERMO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CK04 007021</t>
  </si>
  <si>
    <t>5702326549274</t>
  </si>
  <si>
    <t>VELUX Elektrofenster GGU CK04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07030</t>
  </si>
  <si>
    <t>5702327203991</t>
  </si>
  <si>
    <t>VELUX Solarfenster GGU CK04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070Q</t>
  </si>
  <si>
    <t>5702327007681</t>
  </si>
  <si>
    <t>VELUX Schwingfenster GGU CK04 0070Q</t>
  </si>
  <si>
    <t>Polyur. Son.Vergl. Al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CK04 0084</t>
  </si>
  <si>
    <t>5702329840743</t>
  </si>
  <si>
    <t>VELUX Schwingfenster GGU CK04 0084</t>
  </si>
  <si>
    <t>Polyur. ENERGIE Alu 55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CK04 008421</t>
  </si>
  <si>
    <t>5702329840750</t>
  </si>
  <si>
    <t>VELUX Elektrofenster GGU CK04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08430</t>
  </si>
  <si>
    <t>5702329840774</t>
  </si>
  <si>
    <t>VELUX Solarfenster GGU CK04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162</t>
  </si>
  <si>
    <t>5702327114624</t>
  </si>
  <si>
    <t>VELUX Schwingfenster GGU CK04 0162</t>
  </si>
  <si>
    <t>Polyur. Schallsch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4 016221</t>
  </si>
  <si>
    <t>5702327591913</t>
  </si>
  <si>
    <t>VELUX Elektrofenster GGU CK04 016221</t>
  </si>
  <si>
    <t>Polyur. EN.Schall.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166</t>
  </si>
  <si>
    <t>5702327002358</t>
  </si>
  <si>
    <t>VELUX Schwingfenster GGU CK04 0166</t>
  </si>
  <si>
    <t>Polyur. EN.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4 016621</t>
  </si>
  <si>
    <t>5702327031204</t>
  </si>
  <si>
    <t>VELUX Elektrofenster GGU CK04 016621</t>
  </si>
  <si>
    <t>Polyur. EN. PLUS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16630</t>
  </si>
  <si>
    <t>5702327190130</t>
  </si>
  <si>
    <t>VELUX Solarfenster GGU CK04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170</t>
  </si>
  <si>
    <t>5702327164506</t>
  </si>
  <si>
    <t>VELUX Schwingfenster GGU CK04 0170</t>
  </si>
  <si>
    <t>Polyur. THERMO Cu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CK04 017021</t>
  </si>
  <si>
    <t>5702327221728</t>
  </si>
  <si>
    <t>VELUX Elektrofenster GGU CK04 017021</t>
  </si>
  <si>
    <t>Polyur. THERMO Kupfer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17030</t>
  </si>
  <si>
    <t>5702327190147</t>
  </si>
  <si>
    <t>VELUX Solarfenster GGU CK04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184</t>
  </si>
  <si>
    <t>5702329840798</t>
  </si>
  <si>
    <t>VELUX Schwingfenster GGU CK04 0184</t>
  </si>
  <si>
    <t>Polyur. ENERGIE Kupfer 55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CK04 018421</t>
  </si>
  <si>
    <t>5702329840804</t>
  </si>
  <si>
    <t>VELUX Elektrofenster GGU CK04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18430</t>
  </si>
  <si>
    <t>5702329840811</t>
  </si>
  <si>
    <t>VELUX Solarfenster GGU CK04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366</t>
  </si>
  <si>
    <t>5702327002365</t>
  </si>
  <si>
    <t>VELUX Schwingfenster GGU CK04 0366</t>
  </si>
  <si>
    <t>Polyur. EN.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4 036621</t>
  </si>
  <si>
    <t>5702327219329</t>
  </si>
  <si>
    <t>VELUX Elektrofenster GGU CK04 036621</t>
  </si>
  <si>
    <t>Polyur. EN. PLUS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36630</t>
  </si>
  <si>
    <t>5702327190161</t>
  </si>
  <si>
    <t>VELUX Solarfenster GGU CK04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370</t>
  </si>
  <si>
    <t>5702327164520</t>
  </si>
  <si>
    <t>VELUX Schwingfenster GGU CK04 0370</t>
  </si>
  <si>
    <t>Polyur. THERMO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CK04 037021</t>
  </si>
  <si>
    <t>5702327221735</t>
  </si>
  <si>
    <t>VELUX Elektrofenster GGU CK04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37030</t>
  </si>
  <si>
    <t>5702327190178</t>
  </si>
  <si>
    <t>VELUX Solarfenster GGU CK04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0384</t>
  </si>
  <si>
    <t>5702329840828</t>
  </si>
  <si>
    <t>VELUX Schwingfenster GGU CK04 0384</t>
  </si>
  <si>
    <t>Polyur. ENERGIE Titanzink 55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CK04 038421</t>
  </si>
  <si>
    <t>5702329840835</t>
  </si>
  <si>
    <t>VELUX Elektrofenster GGU CK04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4 038430</t>
  </si>
  <si>
    <t>5702329840842</t>
  </si>
  <si>
    <t>VELUX Solarfenster GGU CK04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4 S10J01</t>
  </si>
  <si>
    <t>5702328957305</t>
  </si>
  <si>
    <t>VELUX Schwingfenster GGU CK04 S10J01</t>
  </si>
  <si>
    <t>Polyur. EN.WäDämm. Alu+EDJ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CK06 0062</t>
  </si>
  <si>
    <t>5702327114648</t>
  </si>
  <si>
    <t>VELUX Schwingfenster GGU CK06 0062</t>
  </si>
  <si>
    <t>Polyur. Schallsch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6 006221</t>
  </si>
  <si>
    <t>5702327591920</t>
  </si>
  <si>
    <t>VELUX Elektrofenster GGU CK06 006221</t>
  </si>
  <si>
    <t>Polyur. EN.Schall.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066</t>
  </si>
  <si>
    <t>5702327001740</t>
  </si>
  <si>
    <t>VELUX Schwingfenster GGU CK06 0066</t>
  </si>
  <si>
    <t>Polyur. EN.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6 006621</t>
  </si>
  <si>
    <t>5702327219336</t>
  </si>
  <si>
    <t>VELUX Elektrofenster GGU CK06 006621</t>
  </si>
  <si>
    <t>Polyur. EN. PLUS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06630</t>
  </si>
  <si>
    <t>5702327694577</t>
  </si>
  <si>
    <t>VELUX Solarfenster GGU C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6 0067</t>
  </si>
  <si>
    <t>5702327182449</t>
  </si>
  <si>
    <t>VELUX Schwingfenster GGU CK06 0067</t>
  </si>
  <si>
    <t>Polyur. EN.-STAR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6 006721</t>
  </si>
  <si>
    <t>5702328934276</t>
  </si>
  <si>
    <t>VELUX Elektrofenster GGU CK06 006721</t>
  </si>
  <si>
    <t>Polyur. EN.WäDämm.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06730</t>
  </si>
  <si>
    <t>5702328934283</t>
  </si>
  <si>
    <t>VELUX Solarfenster GGU C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6 0069</t>
  </si>
  <si>
    <t>5702328931589</t>
  </si>
  <si>
    <t>VELUX Schwingfenster GGU CK06 0069</t>
  </si>
  <si>
    <t>Polyur. E.Hitzesch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CK06 006921</t>
  </si>
  <si>
    <t>5702328931596</t>
  </si>
  <si>
    <t>VELUX Elektrofenster GGU C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06930</t>
  </si>
  <si>
    <t>5702328931602</t>
  </si>
  <si>
    <t>VELUX Solarfenster GGU C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6 0070</t>
  </si>
  <si>
    <t>5702326549311</t>
  </si>
  <si>
    <t>VELUX Schwingfenster GGU CK06 0070</t>
  </si>
  <si>
    <t>Polyur. THERMO Al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CK06 007021</t>
  </si>
  <si>
    <t>5702326549328</t>
  </si>
  <si>
    <t>VELUX Elektrofenster GGU C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07030</t>
  </si>
  <si>
    <t>5702327204004</t>
  </si>
  <si>
    <t>VELUX Solarfenster GGU C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6 0084</t>
  </si>
  <si>
    <t>5702329840859</t>
  </si>
  <si>
    <t>VELUX Schwingfenster GGU CK06 0084</t>
  </si>
  <si>
    <t>Polyur. ENERGIE Alu 55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CK06 008421</t>
  </si>
  <si>
    <t>5702329840866</t>
  </si>
  <si>
    <t>VELUX Elektrofenster GGU C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08430</t>
  </si>
  <si>
    <t>5702329840880</t>
  </si>
  <si>
    <t>VELUX Solarfenster GGU C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6 016221</t>
  </si>
  <si>
    <t>5702327591937</t>
  </si>
  <si>
    <t>VELUX Elektrofenster GGU CK06 016221</t>
  </si>
  <si>
    <t>Polyur. EN.Schall.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166</t>
  </si>
  <si>
    <t>5702327002372</t>
  </si>
  <si>
    <t>VELUX Schwingfenster GGU CK06 0166</t>
  </si>
  <si>
    <t>Polyur. EN.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6 016621</t>
  </si>
  <si>
    <t>5702327219343</t>
  </si>
  <si>
    <t>VELUX Elektrofenster GGU CK06 016621</t>
  </si>
  <si>
    <t>Polyur. EN. PLUS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170</t>
  </si>
  <si>
    <t>5702327164544</t>
  </si>
  <si>
    <t>VELUX Schwingfenster GGU CK06 0170</t>
  </si>
  <si>
    <t>Polyur. THERMO Cu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CK06 017021</t>
  </si>
  <si>
    <t>5702327631398</t>
  </si>
  <si>
    <t>VELUX Elektrofenster GGU CK06 017021</t>
  </si>
  <si>
    <t>Polyur. THERMO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184</t>
  </si>
  <si>
    <t>5702329840897</t>
  </si>
  <si>
    <t>VELUX Schwingfenster GGU CK06 0184</t>
  </si>
  <si>
    <t>Polyur. ENERGIE Kupfer 55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CK06 018421</t>
  </si>
  <si>
    <t>5702329840903</t>
  </si>
  <si>
    <t>VELUX Elektrofenster GGU C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18430</t>
  </si>
  <si>
    <t>5702329840910</t>
  </si>
  <si>
    <t>VELUX Solarfenster GGU CK06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6 036621</t>
  </si>
  <si>
    <t>5702327219367</t>
  </si>
  <si>
    <t>VELUX Elektrofenster GGU CK06 036621</t>
  </si>
  <si>
    <t>Polyur. EN. 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37021</t>
  </si>
  <si>
    <t>5702327221742</t>
  </si>
  <si>
    <t>VELUX Elektrofenster GGU CK06 037021</t>
  </si>
  <si>
    <t>Polyur. THERMO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384</t>
  </si>
  <si>
    <t>5702329840927</t>
  </si>
  <si>
    <t>VELUX Schwingfenster GGU CK06 0384</t>
  </si>
  <si>
    <t>Polyur. ENERGIE Titanzink 55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CK06 038421</t>
  </si>
  <si>
    <t>5702329840934</t>
  </si>
  <si>
    <t>VELUX Elektrofenster GGU CK06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CK06 038430</t>
  </si>
  <si>
    <t>5702329840941</t>
  </si>
  <si>
    <t>VELUX Solarfenster GGU CK06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CK06 S10J01</t>
  </si>
  <si>
    <t>5702328957312</t>
  </si>
  <si>
    <t>VELUX Schwingfenster GGU CK06 S10J01</t>
  </si>
  <si>
    <t>Polyur. EN.WäDämm. Alu+EDJ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FK04 0062</t>
  </si>
  <si>
    <t>5702327114679</t>
  </si>
  <si>
    <t>VELUX Schwingfenster GGU FK04 0062</t>
  </si>
  <si>
    <t>Polyur. Schallsch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4 006221</t>
  </si>
  <si>
    <t>5702327591944</t>
  </si>
  <si>
    <t>VELUX Elektrofenster GGU FK04 006221</t>
  </si>
  <si>
    <t>Polyur. EN.Schall.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066</t>
  </si>
  <si>
    <t>5702326177521</t>
  </si>
  <si>
    <t>VELUX Schwingfenster GGU FK04 0066</t>
  </si>
  <si>
    <t>Polyur. EN.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4 006621</t>
  </si>
  <si>
    <t>5702326177538</t>
  </si>
  <si>
    <t>VELUX Elektrofenster GGU FK04 006621</t>
  </si>
  <si>
    <t>Polyur. EN. PLUS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067</t>
  </si>
  <si>
    <t>5702327182470</t>
  </si>
  <si>
    <t>VELUX Schwingfenster GGU FK04 0067</t>
  </si>
  <si>
    <t>Polyur. EN.-STAR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4 006721</t>
  </si>
  <si>
    <t>5702328934290</t>
  </si>
  <si>
    <t>VELUX Elektrofenster GGU FK04 006721</t>
  </si>
  <si>
    <t>Polyur. EN.WäDämm.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069</t>
  </si>
  <si>
    <t>5702328931619</t>
  </si>
  <si>
    <t>VELUX Schwingfenster GGU FK04 0069</t>
  </si>
  <si>
    <t>Polyur. E.Hitzesch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FK04 006921</t>
  </si>
  <si>
    <t>5702328931626</t>
  </si>
  <si>
    <t>VELUX Elektrofenster GGU FK04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070</t>
  </si>
  <si>
    <t>5702327016645</t>
  </si>
  <si>
    <t>VELUX Schwingfenster GGU FK04 0070</t>
  </si>
  <si>
    <t>Polyur. THERMO Al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4 007021</t>
  </si>
  <si>
    <t>5702327191861</t>
  </si>
  <si>
    <t>VELUX Elektrofenster GGU FK04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07030</t>
  </si>
  <si>
    <t>5702327204011</t>
  </si>
  <si>
    <t>VELUX Solarfenster GGU FK04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4 0084</t>
  </si>
  <si>
    <t>5702329840958</t>
  </si>
  <si>
    <t>VELUX Schwingfenster GGU FK04 0084</t>
  </si>
  <si>
    <t>Polyur. ENERGIE Alu 66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FK04 008421</t>
  </si>
  <si>
    <t>5702329840965</t>
  </si>
  <si>
    <t>VELUX Elektrofenster GGU FK04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08430</t>
  </si>
  <si>
    <t>5702329840989</t>
  </si>
  <si>
    <t>VELUX Solarfenster GGU FK04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4 0166</t>
  </si>
  <si>
    <t>5702327002396</t>
  </si>
  <si>
    <t>VELUX Schwingfenster GGU FK04 0166</t>
  </si>
  <si>
    <t>Polyur. EN.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4 016621</t>
  </si>
  <si>
    <t>5702327031303</t>
  </si>
  <si>
    <t>VELUX Elektrofenster GGU FK04 016621</t>
  </si>
  <si>
    <t>Polyur. EN. PLUS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170</t>
  </si>
  <si>
    <t>5702327164582</t>
  </si>
  <si>
    <t>VELUX Schwingfenster GGU FK04 0170</t>
  </si>
  <si>
    <t>Polyur. THERMO Cu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4 0184</t>
  </si>
  <si>
    <t>5702329840996</t>
  </si>
  <si>
    <t>VELUX Schwingfenster GGU FK04 0184</t>
  </si>
  <si>
    <t>Polyur. ENERGIE Kupfer 66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FK04 018421</t>
  </si>
  <si>
    <t>5702329841009</t>
  </si>
  <si>
    <t>VELUX Elektrofenster GGU FK04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36621</t>
  </si>
  <si>
    <t>5702327219374</t>
  </si>
  <si>
    <t>VELUX Elektrofenster GGU FK04 036621</t>
  </si>
  <si>
    <t>Polyur. EN. 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4 0384</t>
  </si>
  <si>
    <t>5702329841016</t>
  </si>
  <si>
    <t>VELUX Schwingfenster GGU FK04 0384</t>
  </si>
  <si>
    <t>Polyur. ENERGIE Titanzink 66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FK04 S10J01</t>
  </si>
  <si>
    <t>5702328957329</t>
  </si>
  <si>
    <t>VELUX Schwingfenster GGU FK04 S10J01</t>
  </si>
  <si>
    <t>Polyur. EN.WäDämm. Alu+EDJ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FK06 0062</t>
  </si>
  <si>
    <t>5702327114709</t>
  </si>
  <si>
    <t>VELUX Schwingfenster GGU FK06 0062</t>
  </si>
  <si>
    <t>Polyur. Schallsch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6 006221</t>
  </si>
  <si>
    <t>5702327591968</t>
  </si>
  <si>
    <t>VELUX Elektrofenster GGU FK06 006221</t>
  </si>
  <si>
    <t>Polyur. EN.Schall.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066</t>
  </si>
  <si>
    <t>5702326177583</t>
  </si>
  <si>
    <t>VELUX Schwingfenster GGU FK06 0066</t>
  </si>
  <si>
    <t>Polyur. EN.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6 006621</t>
  </si>
  <si>
    <t>5702326177590</t>
  </si>
  <si>
    <t>VELUX Elektrofenster GGU FK06 006621</t>
  </si>
  <si>
    <t>Polyur. EN. PLUS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06622</t>
  </si>
  <si>
    <t>5702321111247</t>
  </si>
  <si>
    <t>VELUX Elektro-Schwingf. GGU FK06 006622</t>
  </si>
  <si>
    <t>Polyur. EN. PLUS Alu 66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6 006630</t>
  </si>
  <si>
    <t>5702327153371</t>
  </si>
  <si>
    <t>VELUX Solarfenster GGU F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067</t>
  </si>
  <si>
    <t>5702327182500</t>
  </si>
  <si>
    <t>VELUX Schwingfenster GGU FK06 0067</t>
  </si>
  <si>
    <t>Polyur. EN.-STAR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6 006721</t>
  </si>
  <si>
    <t>5702328934306</t>
  </si>
  <si>
    <t>VELUX Elektrofenster GGU FK06 006721</t>
  </si>
  <si>
    <t>Polyur. EN.WäDämm.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06730</t>
  </si>
  <si>
    <t>5702328934313</t>
  </si>
  <si>
    <t>VELUX Solarfenster GGU F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069</t>
  </si>
  <si>
    <t>5702328931633</t>
  </si>
  <si>
    <t>VELUX Schwingfenster GGU FK06 0069</t>
  </si>
  <si>
    <t>Polyur. E.Hitzesch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FK06 006921</t>
  </si>
  <si>
    <t>5702328931640</t>
  </si>
  <si>
    <t>VELUX Elektrofenster GGU F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06930</t>
  </si>
  <si>
    <t>5702328931657</t>
  </si>
  <si>
    <t>VELUX Solarfenster GGU F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070</t>
  </si>
  <si>
    <t>5702326549342</t>
  </si>
  <si>
    <t>VELUX Schwingfenster GGU FK06 0070</t>
  </si>
  <si>
    <t>Polyur. THERMO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6 007021</t>
  </si>
  <si>
    <t>5702326549359</t>
  </si>
  <si>
    <t>VELUX Elektrofenster GGU F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07022</t>
  </si>
  <si>
    <t>5702321111254</t>
  </si>
  <si>
    <t>VELUX Elektro-Schwingf. GGU FK06 007022</t>
  </si>
  <si>
    <t>Polyur. THERMO Alu 66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6 007030</t>
  </si>
  <si>
    <t>5702327204028</t>
  </si>
  <si>
    <t>VELUX Solarfenster GGU F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070Q</t>
  </si>
  <si>
    <t>5702327007698</t>
  </si>
  <si>
    <t>VELUX Schwingfenster GGU FK06 0070Q</t>
  </si>
  <si>
    <t>Polyur. Son.Vergl. Al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FK06 0084</t>
  </si>
  <si>
    <t>5702329841023</t>
  </si>
  <si>
    <t>VELUX Schwingfenster GGU FK06 0084</t>
  </si>
  <si>
    <t>Polyur. ENERGIE Alu 66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FK06 008421</t>
  </si>
  <si>
    <t>5702329841030</t>
  </si>
  <si>
    <t>VELUX Elektrofenster GGU F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08422</t>
  </si>
  <si>
    <t>5702321111261</t>
  </si>
  <si>
    <t>VELUX Elektro-Schwingf. GGU FK06 008422</t>
  </si>
  <si>
    <t>Polyur. ENERGIE Alu 66 x 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6 008430</t>
  </si>
  <si>
    <t>5702329841054</t>
  </si>
  <si>
    <t>VELUX Solarfenster GGU F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16221</t>
  </si>
  <si>
    <t>5702327591975</t>
  </si>
  <si>
    <t>VELUX Elektrofenster GGU FK06 016221</t>
  </si>
  <si>
    <t>Polyur. EN.Schall.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166</t>
  </si>
  <si>
    <t>5702327002419</t>
  </si>
  <si>
    <t>VELUX Schwingfenster GGU FK06 0166</t>
  </si>
  <si>
    <t>Polyur. EN.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6 016621</t>
  </si>
  <si>
    <t>5702327031334</t>
  </si>
  <si>
    <t>VELUX Elektrofenster GGU FK06 016621</t>
  </si>
  <si>
    <t>Polyur. EN. PLUS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16622</t>
  </si>
  <si>
    <t>5702321111285</t>
  </si>
  <si>
    <t>VELUX Elektro-Schwingf. GGU FK06 016622</t>
  </si>
  <si>
    <t>Polyur. EN. PLUS Kupfer 66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6 016630</t>
  </si>
  <si>
    <t>5702327190253</t>
  </si>
  <si>
    <t>VELUX Solarfenster GGU FK06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170</t>
  </si>
  <si>
    <t>5702327164629</t>
  </si>
  <si>
    <t>VELUX Schwingfenster GGU FK06 0170</t>
  </si>
  <si>
    <t>Polyur. THERMO Cu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6 017021</t>
  </si>
  <si>
    <t>5702327221766</t>
  </si>
  <si>
    <t>VELUX Elektrofenster GGU FK06 017021</t>
  </si>
  <si>
    <t>Polyur. THERMO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17022</t>
  </si>
  <si>
    <t>5702321111292</t>
  </si>
  <si>
    <t>VELUX Elektro-Schwingf. GGU FK06 017022</t>
  </si>
  <si>
    <t>Polyur. THERMO Kupfer 66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6 017030</t>
  </si>
  <si>
    <t>5702327190260</t>
  </si>
  <si>
    <t>VELUX Solarfenster GGU FK06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184</t>
  </si>
  <si>
    <t>5702329841078</t>
  </si>
  <si>
    <t>VELUX Schwingfenster GGU FK06 0184</t>
  </si>
  <si>
    <t>Polyur. ENERGIE Kupfer 66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FK06 018421</t>
  </si>
  <si>
    <t>5702329841085</t>
  </si>
  <si>
    <t>VELUX Elektrofenster GGU F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18422</t>
  </si>
  <si>
    <t>5702321111308</t>
  </si>
  <si>
    <t>VELUX Elektro-Schwingf. GGU FK06 018422</t>
  </si>
  <si>
    <t>Polyur. ENERGIE Kupfer 66 x 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6 018430</t>
  </si>
  <si>
    <t>5702329841092</t>
  </si>
  <si>
    <t>VELUX Solarfenster GGU FK06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366</t>
  </si>
  <si>
    <t>5702327002426</t>
  </si>
  <si>
    <t>VELUX Schwingfenster GGU FK06 0366</t>
  </si>
  <si>
    <t>Polyur. EN.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6 036621</t>
  </si>
  <si>
    <t>5702327219381</t>
  </si>
  <si>
    <t>VELUX Elektrofenster GGU FK06 036621</t>
  </si>
  <si>
    <t>Polyur. EN. PLUS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36630</t>
  </si>
  <si>
    <t>5702327190284</t>
  </si>
  <si>
    <t>VELUX Solarfenster GGU FK06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370</t>
  </si>
  <si>
    <t>5702327164643</t>
  </si>
  <si>
    <t>VELUX Schwingfenster GGU FK06 0370</t>
  </si>
  <si>
    <t>Polyur. THERMO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6 037021</t>
  </si>
  <si>
    <t>5702327221773</t>
  </si>
  <si>
    <t>VELUX Elektrofenster GGU FK06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37030</t>
  </si>
  <si>
    <t>5702327190291</t>
  </si>
  <si>
    <t>VELUX Solarfenster GGU FK06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0384</t>
  </si>
  <si>
    <t>5702329841108</t>
  </si>
  <si>
    <t>VELUX Schwingfenster GGU FK06 0384</t>
  </si>
  <si>
    <t>Polyur. ENERGIE Titanzink 66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FK06 038421</t>
  </si>
  <si>
    <t>5702329841115</t>
  </si>
  <si>
    <t>VELUX Elektrofenster GGU FK06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6 038430</t>
  </si>
  <si>
    <t>5702329841122</t>
  </si>
  <si>
    <t>VELUX Solarfenster GGU FK06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6 S10J01</t>
  </si>
  <si>
    <t>5702328957336</t>
  </si>
  <si>
    <t>VELUX Schwingfenster GGU FK06 S10J01</t>
  </si>
  <si>
    <t>Polyur. EN.WäDämm. Alu+EDJ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FK08 0062</t>
  </si>
  <si>
    <t>5702327114730</t>
  </si>
  <si>
    <t>VELUX Schwingfenster GGU FK08 0062</t>
  </si>
  <si>
    <t>Polyur. Schallsch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8 006221</t>
  </si>
  <si>
    <t>5702327591982</t>
  </si>
  <si>
    <t>VELUX Elektrofenster GGU FK08 006221</t>
  </si>
  <si>
    <t>Polyur. EN.Schall.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066</t>
  </si>
  <si>
    <t>5702327001757</t>
  </si>
  <si>
    <t>VELUX Schwingfenster GGU FK08 0066</t>
  </si>
  <si>
    <t>Polyur. EN.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8 006621</t>
  </si>
  <si>
    <t>5702327219398</t>
  </si>
  <si>
    <t>VELUX Elektrofenster GGU FK08 006621</t>
  </si>
  <si>
    <t>Polyur. EN. PLUS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06622</t>
  </si>
  <si>
    <t>5702321111322</t>
  </si>
  <si>
    <t>VELUX Elektro-Schwingf. GGU FK08 006622</t>
  </si>
  <si>
    <t>Polyur. EN. PLUS Alu 66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8 006630</t>
  </si>
  <si>
    <t>5702327219718</t>
  </si>
  <si>
    <t>VELUX Solarfenster GGU FK08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067</t>
  </si>
  <si>
    <t>5702327182531</t>
  </si>
  <si>
    <t>VELUX Schwingfenster GGU FK08 0067</t>
  </si>
  <si>
    <t>Polyur. EN.-STAR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8 006721</t>
  </si>
  <si>
    <t>5702328934320</t>
  </si>
  <si>
    <t>VELUX Elektrofenster GGU FK08 006721</t>
  </si>
  <si>
    <t>Polyur. EN.WäDämm.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06730</t>
  </si>
  <si>
    <t>5702328934337</t>
  </si>
  <si>
    <t>VELUX Solarfenster GGU FK08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069</t>
  </si>
  <si>
    <t>5702328931664</t>
  </si>
  <si>
    <t>VELUX Schwingfenster GGU FK08 0069</t>
  </si>
  <si>
    <t>Polyur. E.Hitzesch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FK08 006921</t>
  </si>
  <si>
    <t>5702328931671</t>
  </si>
  <si>
    <t>VELUX Elektrofenster GGU F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06930</t>
  </si>
  <si>
    <t>5702328931688</t>
  </si>
  <si>
    <t>VELUX Solarfenster GGU FK08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070</t>
  </si>
  <si>
    <t>5702326549397</t>
  </si>
  <si>
    <t>VELUX Schwingfenster GGU FK08 0070</t>
  </si>
  <si>
    <t>Polyur. THERMO Al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8 007021</t>
  </si>
  <si>
    <t>5702326549403</t>
  </si>
  <si>
    <t>VELUX Elektrofenster GGU F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07022</t>
  </si>
  <si>
    <t>5702321111339</t>
  </si>
  <si>
    <t>VELUX Elektro-Schwingf. GGU FK08 007022</t>
  </si>
  <si>
    <t>Polyur. THERMO Alu 66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8 007030</t>
  </si>
  <si>
    <t>5702327204035</t>
  </si>
  <si>
    <t>VELUX Solarfenster GGU F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084</t>
  </si>
  <si>
    <t>5702329841139</t>
  </si>
  <si>
    <t>VELUX Schwingfenster GGU FK08 0084</t>
  </si>
  <si>
    <t>Polyur. ENERGIE Alu 66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FK08 008421</t>
  </si>
  <si>
    <t>5702329841146</t>
  </si>
  <si>
    <t>VELUX Elektrofenster GGU F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08422</t>
  </si>
  <si>
    <t>5702321111346</t>
  </si>
  <si>
    <t>VELUX Elektro-Schwingf. GGU FK08 008422</t>
  </si>
  <si>
    <t>Polyur. ENERGIE Alu 66 x 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8 008430</t>
  </si>
  <si>
    <t>5702329841160</t>
  </si>
  <si>
    <t>VELUX Solarfenster GGU F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16221</t>
  </si>
  <si>
    <t>5702327591999</t>
  </si>
  <si>
    <t>VELUX Elektrofenster GGU FK08 016221</t>
  </si>
  <si>
    <t>Polyur. EN.Schall.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166</t>
  </si>
  <si>
    <t>5702327002433</t>
  </si>
  <si>
    <t>VELUX Schwingfenster GGU FK08 0166</t>
  </si>
  <si>
    <t>Polyur. EN.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8 016621</t>
  </si>
  <si>
    <t>5702327219404</t>
  </si>
  <si>
    <t>VELUX Elektrofenster GGU FK08 016621</t>
  </si>
  <si>
    <t>Polyur. EN. PLUS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16622</t>
  </si>
  <si>
    <t>5702321111452</t>
  </si>
  <si>
    <t>VELUX Elektro-Schwingf. GGU FK08 016622</t>
  </si>
  <si>
    <t>Polyur. EN. PLUS Kupfer 66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8 016630</t>
  </si>
  <si>
    <t>5702327190314</t>
  </si>
  <si>
    <t>VELUX Solarfenster GGU FK08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17021</t>
  </si>
  <si>
    <t>5702327221780</t>
  </si>
  <si>
    <t>VELUX Elektrofenster GGU FK08 017021</t>
  </si>
  <si>
    <t>Polyur. THERMO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17022</t>
  </si>
  <si>
    <t>5702321111469</t>
  </si>
  <si>
    <t>VELUX Elektro-Schwingf. GGU FK08 017022</t>
  </si>
  <si>
    <t>Polyur. THERMO Kupfer 66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8 017030</t>
  </si>
  <si>
    <t>5702327190321</t>
  </si>
  <si>
    <t>VELUX Solarfenster GGU FK08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184</t>
  </si>
  <si>
    <t>5702329841177</t>
  </si>
  <si>
    <t>VELUX Schwingfenster GGU FK08 0184</t>
  </si>
  <si>
    <t>Polyur. ENERGIE Kupfer 66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FK08 018421</t>
  </si>
  <si>
    <t>5702329841184</t>
  </si>
  <si>
    <t>VELUX Elektrofenster GGU F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18422</t>
  </si>
  <si>
    <t>5702321111506</t>
  </si>
  <si>
    <t>VELUX Elektro-Schwingf. GGU FK08 018422</t>
  </si>
  <si>
    <t>Polyur. ENERGIE Kupfer 66 x 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FK08 018430</t>
  </si>
  <si>
    <t>5702329841191</t>
  </si>
  <si>
    <t>VELUX Solarfenster GGU FK08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366</t>
  </si>
  <si>
    <t>5702327002440</t>
  </si>
  <si>
    <t>VELUX Schwingfenster GGU FK08 0366</t>
  </si>
  <si>
    <t>Polyur. EN.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8 036621</t>
  </si>
  <si>
    <t>5702327219428</t>
  </si>
  <si>
    <t>VELUX Elektrofenster GGU FK08 036621</t>
  </si>
  <si>
    <t>Polyur. EN. 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36630</t>
  </si>
  <si>
    <t>5702327190345</t>
  </si>
  <si>
    <t>VELUX Solarfenster GGU FK08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037021</t>
  </si>
  <si>
    <t>5702327221797</t>
  </si>
  <si>
    <t>VELUX Elektrofenster GGU FK08 037021</t>
  </si>
  <si>
    <t>Polyur. THERMO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384</t>
  </si>
  <si>
    <t>5702329841207</t>
  </si>
  <si>
    <t>VELUX Schwingfenster GGU FK08 0384</t>
  </si>
  <si>
    <t>Polyur. ENERGIE Titanzink 66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FK08 038421</t>
  </si>
  <si>
    <t>5702329841214</t>
  </si>
  <si>
    <t>VELUX Elektrofenster GGU FK08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FK08 038430</t>
  </si>
  <si>
    <t>5702329841221</t>
  </si>
  <si>
    <t>VELUX Solarfenster GGU FK08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FK08 S10J01</t>
  </si>
  <si>
    <t>5702328957343</t>
  </si>
  <si>
    <t>VELUX Schwingfenster GGU FK08 S10J01</t>
  </si>
  <si>
    <t>Polyur. EN.WäDämm. Alu+EDJ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MK04 0062</t>
  </si>
  <si>
    <t>5702327114761</t>
  </si>
  <si>
    <t>VELUX Schwingfenster GGU MK04 0062</t>
  </si>
  <si>
    <t>Polyur. Schallsch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4 006221</t>
  </si>
  <si>
    <t>5702327592002</t>
  </si>
  <si>
    <t>VELUX Elektrofenster GGU MK04 006221</t>
  </si>
  <si>
    <t>Polyur. EN.Schall.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066</t>
  </si>
  <si>
    <t>5702326177699</t>
  </si>
  <si>
    <t>VELUX Schwingfenster GGU MK04 0066</t>
  </si>
  <si>
    <t>Polyur. EN.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4 006621</t>
  </si>
  <si>
    <t>5702326177705</t>
  </si>
  <si>
    <t>VELUX Elektrofenster GGU MK04 006621</t>
  </si>
  <si>
    <t>Polyur. EN. PLUS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06630</t>
  </si>
  <si>
    <t>5702327153432</t>
  </si>
  <si>
    <t>VELUX Solarfenster GGU MK04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06640D</t>
  </si>
  <si>
    <t>5702328700697</t>
  </si>
  <si>
    <t>VELUX Rauchabz.-F. GGU MK04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4 0067</t>
  </si>
  <si>
    <t>5702327182562</t>
  </si>
  <si>
    <t>VELUX Schwingfenster GGU MK04 0067</t>
  </si>
  <si>
    <t>Polyur. EN.-STAR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4 006721</t>
  </si>
  <si>
    <t>5702328934344</t>
  </si>
  <si>
    <t>VELUX Elektrofenster GGU MK04 006721</t>
  </si>
  <si>
    <t>Polyur. EN.WäDämm.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06730</t>
  </si>
  <si>
    <t>5702328934351</t>
  </si>
  <si>
    <t>VELUX Solarfenster GGU MK04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069</t>
  </si>
  <si>
    <t>5702328931695</t>
  </si>
  <si>
    <t>VELUX Schwingfenster GGU MK04 0069</t>
  </si>
  <si>
    <t>Polyur. E.Hitzesch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MK04 006921</t>
  </si>
  <si>
    <t>5702328931701</t>
  </si>
  <si>
    <t>VELUX Elektrofenster GGU MK04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06930</t>
  </si>
  <si>
    <t>5702328931718</t>
  </si>
  <si>
    <t>VELUX Solarfenster GGU MK04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070</t>
  </si>
  <si>
    <t>5702326549427</t>
  </si>
  <si>
    <t>VELUX Schwingfenster GGU MK04 0070</t>
  </si>
  <si>
    <t>Polyur. THERMO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4 007021</t>
  </si>
  <si>
    <t>5702326549434</t>
  </si>
  <si>
    <t>VELUX Elektrofenster GGU MK04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07030</t>
  </si>
  <si>
    <t>5702327204042</t>
  </si>
  <si>
    <t>VELUX Solarfenster GGU MK04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07040D</t>
  </si>
  <si>
    <t>5702328700703</t>
  </si>
  <si>
    <t>VELUX Rauchabz.-F. GGU MK04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6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4 0070Q</t>
  </si>
  <si>
    <t>5702327007704</t>
  </si>
  <si>
    <t>VELUX Schwingfenster GGU MK04 0070Q</t>
  </si>
  <si>
    <t>Polyur. Son.Vergl. Al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MK04 0084</t>
  </si>
  <si>
    <t>5702329841238</t>
  </si>
  <si>
    <t>VELUX Schwingfenster GGU MK04 0084</t>
  </si>
  <si>
    <t>Polyur. ENERGIE Alu 78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04 008421</t>
  </si>
  <si>
    <t>5702329841245</t>
  </si>
  <si>
    <t>VELUX Elektrofenster GGU MK04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08430</t>
  </si>
  <si>
    <t>5702329841269</t>
  </si>
  <si>
    <t>VELUX Solarfenster GGU MK04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08440D</t>
  </si>
  <si>
    <t>5702329841276</t>
  </si>
  <si>
    <t>VELUX Rauchabzugsfst. GGU MK04 008440D</t>
  </si>
  <si>
    <t>Polyur, ENERGIE, Alu 78x98</t>
  </si>
  <si>
    <t>GGU MK04 0162</t>
  </si>
  <si>
    <t>5702327114778</t>
  </si>
  <si>
    <t>VELUX Schwingfenster GGU MK04 0162</t>
  </si>
  <si>
    <t>Polyur. Schallsch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4 016221</t>
  </si>
  <si>
    <t>5702327592019</t>
  </si>
  <si>
    <t>VELUX Elektrofenster GGU MK04 016221</t>
  </si>
  <si>
    <t>Polyur. EN.Schall.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166</t>
  </si>
  <si>
    <t>5702327002457</t>
  </si>
  <si>
    <t>VELUX Schwingfenster GGU MK04 0166</t>
  </si>
  <si>
    <t>Polyur. EN.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4 016621</t>
  </si>
  <si>
    <t>5702327031440</t>
  </si>
  <si>
    <t>VELUX Elektrofenster GGU MK04 016621</t>
  </si>
  <si>
    <t>Polyur. EN. PLUS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16630</t>
  </si>
  <si>
    <t>5702327190376</t>
  </si>
  <si>
    <t>VELUX Solarfenster GGU MK04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170</t>
  </si>
  <si>
    <t>5702327164704</t>
  </si>
  <si>
    <t>VELUX Schwingfenster GGU MK04 0170</t>
  </si>
  <si>
    <t>Polyur. THERMO Cu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4 017021</t>
  </si>
  <si>
    <t>5702327221803</t>
  </si>
  <si>
    <t>VELUX Elektrofenster GGU MK04 017021</t>
  </si>
  <si>
    <t>Polyur. THERMO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17030</t>
  </si>
  <si>
    <t>5702327190383</t>
  </si>
  <si>
    <t>VELUX Solarfenster GGU MK04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184</t>
  </si>
  <si>
    <t>5702329841290</t>
  </si>
  <si>
    <t>VELUX Schwingfenster GGU MK04 0184</t>
  </si>
  <si>
    <t>Polyur. ENERGIE Kupfer 78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04 018421</t>
  </si>
  <si>
    <t>5702329841306</t>
  </si>
  <si>
    <t>VELUX Elektrofenster GGU MK04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18430</t>
  </si>
  <si>
    <t>5702329841313</t>
  </si>
  <si>
    <t>VELUX Solarfenster GGU MK04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366</t>
  </si>
  <si>
    <t>5702327002464</t>
  </si>
  <si>
    <t>VELUX Schwingfenster GGU MK04 0366</t>
  </si>
  <si>
    <t>Polyur. EN.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4 036621</t>
  </si>
  <si>
    <t>5702327219435</t>
  </si>
  <si>
    <t>VELUX Elektrofenster GGU MK04 036621</t>
  </si>
  <si>
    <t>Polyur. EN. PLUS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36630</t>
  </si>
  <si>
    <t>5702327190406</t>
  </si>
  <si>
    <t>VELUX Solarfenster GGU MK04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370</t>
  </si>
  <si>
    <t>5702327164728</t>
  </si>
  <si>
    <t>VELUX Schwingfenster GGU MK04 0370</t>
  </si>
  <si>
    <t>Polyur. THERMO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4 037021</t>
  </si>
  <si>
    <t>5702327221810</t>
  </si>
  <si>
    <t>VELUX Elektrofenster GGU MK04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37030</t>
  </si>
  <si>
    <t>5702327190413</t>
  </si>
  <si>
    <t>VELUX Solarfenster GGU MK04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0384</t>
  </si>
  <si>
    <t>5702329841337</t>
  </si>
  <si>
    <t>VELUX Schwingfenster GGU MK04 0384</t>
  </si>
  <si>
    <t>Polyur. ENERGIE Titanzink 78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04 038421</t>
  </si>
  <si>
    <t>5702329841344</t>
  </si>
  <si>
    <t>VELUX Elektrofenster GGU MK04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4 038430</t>
  </si>
  <si>
    <t>5702329841351</t>
  </si>
  <si>
    <t>VELUX Solarfenster GGU MK04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4 SD00402</t>
  </si>
  <si>
    <t>5702327889317</t>
  </si>
  <si>
    <t>VELUX Rauch-Wärmeabzug GGU MK04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4 SD00403</t>
  </si>
  <si>
    <t>5702327889324</t>
  </si>
  <si>
    <t>VELUX Rauch-Wärmeabzug GGU MK04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36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6 0062</t>
  </si>
  <si>
    <t>5702327114792</t>
  </si>
  <si>
    <t>VELUX Schwingfenster GGU MK06 0062</t>
  </si>
  <si>
    <t>Polyur. Schallsch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6 006221</t>
  </si>
  <si>
    <t>5702327592026</t>
  </si>
  <si>
    <t>VELUX Elektrofenster GGU MK06 006221</t>
  </si>
  <si>
    <t>Polyur. EN.Schall.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066</t>
  </si>
  <si>
    <t>5702326177767</t>
  </si>
  <si>
    <t>VELUX Schwingfenster GGU MK06 0066</t>
  </si>
  <si>
    <t>Polyur. EN.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6 006621</t>
  </si>
  <si>
    <t>5702326177774</t>
  </si>
  <si>
    <t>VELUX Elektrofenster GGU MK06 006621</t>
  </si>
  <si>
    <t>Polyur. EN. PLUS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06622</t>
  </si>
  <si>
    <t>5702321111537</t>
  </si>
  <si>
    <t>VELUX Elektro-Schwingf. GGU MK06 006622</t>
  </si>
  <si>
    <t>Polyur. EN. PLUS Alu 78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6 006630</t>
  </si>
  <si>
    <t>5702327153470</t>
  </si>
  <si>
    <t>VELUX Solarfenster GGU M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06640D</t>
  </si>
  <si>
    <t>5702328700710</t>
  </si>
  <si>
    <t>VELUX Rauchabz.-F. GGU MK06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6 0067</t>
  </si>
  <si>
    <t>5702327182593</t>
  </si>
  <si>
    <t>VELUX Schwingfenster GGU MK06 0067</t>
  </si>
  <si>
    <t>Polyur. EN.-STAR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6 006721</t>
  </si>
  <si>
    <t>5702328934368</t>
  </si>
  <si>
    <t>VELUX Elektrofenster GGU MK06 006721</t>
  </si>
  <si>
    <t>Polyur. EN.WäDämm.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06730</t>
  </si>
  <si>
    <t>5702328934375</t>
  </si>
  <si>
    <t>VELUX Solarfenster GGU M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069</t>
  </si>
  <si>
    <t>5702328931725</t>
  </si>
  <si>
    <t>VELUX Schwingfenster GGU MK06 0069</t>
  </si>
  <si>
    <t>Polyur. E.Hitzesch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MK06 006921</t>
  </si>
  <si>
    <t>5702328931732</t>
  </si>
  <si>
    <t>VELUX Elektrofenster GGU M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06930</t>
  </si>
  <si>
    <t>5702328931749</t>
  </si>
  <si>
    <t>VELUX Solarfenster GGU M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070</t>
  </si>
  <si>
    <t>5702326549472</t>
  </si>
  <si>
    <t>VELUX Schwingfenster GGU MK06 0070</t>
  </si>
  <si>
    <t>Polyur. THERMO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6 007021</t>
  </si>
  <si>
    <t>5702326549489</t>
  </si>
  <si>
    <t>VELUX Elektrofenster GGU M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07022</t>
  </si>
  <si>
    <t>5702321111544</t>
  </si>
  <si>
    <t>VELUX Elektro-Schwingf. GGU MK06 007022</t>
  </si>
  <si>
    <t>Polyur. THERMO Alu 78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6 007030</t>
  </si>
  <si>
    <t>5702327204059</t>
  </si>
  <si>
    <t>VELUX Solarfenster GGU M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07040D</t>
  </si>
  <si>
    <t>5702328700727</t>
  </si>
  <si>
    <t>VELUX Rauchabz.-F. GGU MK06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7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6 0070Q</t>
  </si>
  <si>
    <t>5702327007711</t>
  </si>
  <si>
    <t>VELUX Schwingfenster GGU MK06 0070Q</t>
  </si>
  <si>
    <t>Polyur. Son.Vergl. Al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MK06 0084</t>
  </si>
  <si>
    <t>5702329841368</t>
  </si>
  <si>
    <t>VELUX Schwingfenster GGU MK06 0084</t>
  </si>
  <si>
    <t>Polyur. ENERGIE Alu 78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06 008421</t>
  </si>
  <si>
    <t>5702329841375</t>
  </si>
  <si>
    <t>VELUX Elektrofenster GGU M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08422</t>
  </si>
  <si>
    <t>5702321111551</t>
  </si>
  <si>
    <t>VELUX Elektro-Schwingf. GGU MK06 008422</t>
  </si>
  <si>
    <t>Polyur. ENERGIE Alu 78 x 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6 008430</t>
  </si>
  <si>
    <t>5702329841399</t>
  </si>
  <si>
    <t>VELUX Solarfenster GGU M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08440D</t>
  </si>
  <si>
    <t>5702329841405</t>
  </si>
  <si>
    <t>VELUX Rauchabzugsfst. GGU MK06 008440D</t>
  </si>
  <si>
    <t>Polyur, ENERGIE, Alu 78x118</t>
  </si>
  <si>
    <t>GGU MK06 0162</t>
  </si>
  <si>
    <t>5702327114808</t>
  </si>
  <si>
    <t>VELUX Schwingfenster GGU MK06 0162</t>
  </si>
  <si>
    <t>Polyur. Schallsch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6 016221</t>
  </si>
  <si>
    <t>5702327592033</t>
  </si>
  <si>
    <t>VELUX Elektrofenster GGU MK06 016221</t>
  </si>
  <si>
    <t>Polyur. EN.Schall.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166</t>
  </si>
  <si>
    <t>5702327002471</t>
  </si>
  <si>
    <t>VELUX Schwingfenster GGU MK06 0166</t>
  </si>
  <si>
    <t>Polyur. EN.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6 016621</t>
  </si>
  <si>
    <t>5702327031495</t>
  </si>
  <si>
    <t>VELUX Elektrofenster GGU MK06 016621</t>
  </si>
  <si>
    <t>Polyur. EN. PLUS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16622</t>
  </si>
  <si>
    <t>5702321111605</t>
  </si>
  <si>
    <t>VELUX Elektro-Schwingf. GGU MK06 016622</t>
  </si>
  <si>
    <t>Polyur. EN. PLUS Kupfer 78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6 016630</t>
  </si>
  <si>
    <t>5702327190437</t>
  </si>
  <si>
    <t>VELUX Solarfenster GGU MK06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170</t>
  </si>
  <si>
    <t>5702327164742</t>
  </si>
  <si>
    <t>VELUX Schwingfenster GGU MK06 0170</t>
  </si>
  <si>
    <t>Polyur. THERMO Cu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6 017021</t>
  </si>
  <si>
    <t>5702327221827</t>
  </si>
  <si>
    <t>VELUX Elektrofenster GGU MK06 017021</t>
  </si>
  <si>
    <t>Polyur. THERMO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17022</t>
  </si>
  <si>
    <t>5702321111629</t>
  </si>
  <si>
    <t>VELUX Elektro-Schwingf. GGU MK06 017022</t>
  </si>
  <si>
    <t>Polyur. THERMO Kupfer 78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6 017030</t>
  </si>
  <si>
    <t>5702327190444</t>
  </si>
  <si>
    <t>VELUX Solarfenster GGU MK06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184</t>
  </si>
  <si>
    <t>5702329841429</t>
  </si>
  <si>
    <t>VELUX Schwingfenster GGU MK06 0184</t>
  </si>
  <si>
    <t>Polyur. ENERGIE Kupfer 78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06 018421</t>
  </si>
  <si>
    <t>5702329841436</t>
  </si>
  <si>
    <t>VELUX Elektrofenster GGU M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18422</t>
  </si>
  <si>
    <t>5702321111636</t>
  </si>
  <si>
    <t>VELUX Elektro-Schwingf. GGU MK06 018422</t>
  </si>
  <si>
    <t>Polyur. ENERGIE Kupfer 78 x 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6 018430</t>
  </si>
  <si>
    <t>5702329841443</t>
  </si>
  <si>
    <t>VELUX Solarfenster GGU MK06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366</t>
  </si>
  <si>
    <t>5702327002488</t>
  </si>
  <si>
    <t>VELUX Schwingfenster GGU MK06 0366</t>
  </si>
  <si>
    <t>Polyur. EN.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6 036621</t>
  </si>
  <si>
    <t>5702327219442</t>
  </si>
  <si>
    <t>VELUX Elektrofenster GGU MK06 036621</t>
  </si>
  <si>
    <t>Polyur. EN. 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36630</t>
  </si>
  <si>
    <t>5702327190468</t>
  </si>
  <si>
    <t>VELUX Solarfenster GGU MK06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370</t>
  </si>
  <si>
    <t>5702327164766</t>
  </si>
  <si>
    <t>VELUX Schwingfenster GGU MK06 0370</t>
  </si>
  <si>
    <t>Polyur. THERMO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6 037021</t>
  </si>
  <si>
    <t>5702327221834</t>
  </si>
  <si>
    <t>VELUX Elektrofenster GGU MK06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37030</t>
  </si>
  <si>
    <t>5702327190475</t>
  </si>
  <si>
    <t>VELUX Solarfenster GGU MK06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0384</t>
  </si>
  <si>
    <t>5702329841450</t>
  </si>
  <si>
    <t>VELUX Schwingfenster GGU MK06 0384</t>
  </si>
  <si>
    <t>Polyur. ENERGIE Titanzink 78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06 038421</t>
  </si>
  <si>
    <t>5702329841467</t>
  </si>
  <si>
    <t>VELUX Elektrofenster GGU MK06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6 038430</t>
  </si>
  <si>
    <t>5702329841474</t>
  </si>
  <si>
    <t>VELUX Solarfenster GGU MK06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6 S10J01</t>
  </si>
  <si>
    <t>5702328957367</t>
  </si>
  <si>
    <t>VELUX Schwingfenster GGU MK06 S10J01</t>
  </si>
  <si>
    <t>Polyur. EN.WäDämm. Alu+EDJ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MK06 SD00402</t>
  </si>
  <si>
    <t>5702327889331</t>
  </si>
  <si>
    <t>VELUX Rauch-Wärmeabzug GGU MK06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46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6 SD00403</t>
  </si>
  <si>
    <t>5702327889348</t>
  </si>
  <si>
    <t>VELUX Rauch-Wärmeabzug GGU MK06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46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8 0062</t>
  </si>
  <si>
    <t>5702327114822</t>
  </si>
  <si>
    <t>VELUX Schwingfenster GGU MK08 0062</t>
  </si>
  <si>
    <t>Polyur. Schallsch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8 006221</t>
  </si>
  <si>
    <t>5702327592040</t>
  </si>
  <si>
    <t>VELUX Elektrofenster GGU MK08 006221</t>
  </si>
  <si>
    <t>Polyur. EN.Schall.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066</t>
  </si>
  <si>
    <t>5702326177828</t>
  </si>
  <si>
    <t>VELUX Schwingfenster GGU MK08 0066</t>
  </si>
  <si>
    <t>Polyur. EN.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8 006621</t>
  </si>
  <si>
    <t>5702326177835</t>
  </si>
  <si>
    <t>VELUX Elektrofenster GGU MK08 006621</t>
  </si>
  <si>
    <t>Polyur. EN. PLUS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06622</t>
  </si>
  <si>
    <t>5702321112633</t>
  </si>
  <si>
    <t>VELUX Elektro-Schwingf. GGU MK08 006622</t>
  </si>
  <si>
    <t>Polyur. EN. PLUS Alu 78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8 006630</t>
  </si>
  <si>
    <t>5702327153517</t>
  </si>
  <si>
    <t>VELUX Solarfenster GGU MK08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06640D</t>
  </si>
  <si>
    <t>5702328700734</t>
  </si>
  <si>
    <t>VELUX Rauchabz.-F. GGU MK08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8 0067</t>
  </si>
  <si>
    <t>5702327182623</t>
  </si>
  <si>
    <t>VELUX Schwingfenster GGU MK08 0067</t>
  </si>
  <si>
    <t>Polyur. EN.-STAR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8 006721</t>
  </si>
  <si>
    <t>5702328934382</t>
  </si>
  <si>
    <t>VELUX Elektrofenster GGU MK08 006721</t>
  </si>
  <si>
    <t>Polyur. EN.WäDämm.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06730</t>
  </si>
  <si>
    <t>5702328934399</t>
  </si>
  <si>
    <t>VELUX Solarfenster GGU MK08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069</t>
  </si>
  <si>
    <t>5702328931756</t>
  </si>
  <si>
    <t>VELUX Schwingfenster GGU MK08 0069</t>
  </si>
  <si>
    <t>Polyur. E.Hitzesch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MK08 006921</t>
  </si>
  <si>
    <t>5702328931763</t>
  </si>
  <si>
    <t>VELUX Elektrofenster GGU M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06930</t>
  </si>
  <si>
    <t>5702328931770</t>
  </si>
  <si>
    <t>VELUX Solarfenster GGU MK08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070</t>
  </si>
  <si>
    <t>5702326549526</t>
  </si>
  <si>
    <t>VELUX Schwingfenster GGU MK08 0070</t>
  </si>
  <si>
    <t>Polyur. THERMO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8 007021</t>
  </si>
  <si>
    <t>5702326549533</t>
  </si>
  <si>
    <t>VELUX Elektrofenster GGU M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07022</t>
  </si>
  <si>
    <t>5702321112657</t>
  </si>
  <si>
    <t>VELUX Elektro-Schwingf. GGU MK08 007022</t>
  </si>
  <si>
    <t>Polyur. THERMO Alu 78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8 007030</t>
  </si>
  <si>
    <t>5702327204066</t>
  </si>
  <si>
    <t>VELUX Solarfenster GGU M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07040D</t>
  </si>
  <si>
    <t>5702328700741</t>
  </si>
  <si>
    <t>VELUX Rauchabz.-F. GGU MK08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2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8 0070Q</t>
  </si>
  <si>
    <t>5702327007728</t>
  </si>
  <si>
    <t>VELUX Schwingfenster GGU MK08 0070Q</t>
  </si>
  <si>
    <t>Polyur. Son.Vergl. Al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MK08 0084</t>
  </si>
  <si>
    <t>5702329841481</t>
  </si>
  <si>
    <t>VELUX Schwingfenster GGU MK08 0084</t>
  </si>
  <si>
    <t>Polyur. ENERGIE Alu 78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08 008421</t>
  </si>
  <si>
    <t>5702329841498</t>
  </si>
  <si>
    <t>VELUX Elektrofenster GGU M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08422</t>
  </si>
  <si>
    <t>5702321112664</t>
  </si>
  <si>
    <t>VELUX Elektro-Schwingf. GGU MK08 008422</t>
  </si>
  <si>
    <t>Polyur. ENERGIE Alu 78 x 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8 008430</t>
  </si>
  <si>
    <t>5702329841511</t>
  </si>
  <si>
    <t>VELUX Solarfenster GGU M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08440D</t>
  </si>
  <si>
    <t>5702329841528</t>
  </si>
  <si>
    <t>VELUX Rauchabzugsfst. GGU MK08 008440D</t>
  </si>
  <si>
    <t>Polyur, ENERGIE, Alu 78x140</t>
  </si>
  <si>
    <t>GGU MK08 016221</t>
  </si>
  <si>
    <t>5702327592057</t>
  </si>
  <si>
    <t>VELUX Elektrofenster GGU MK08 016221</t>
  </si>
  <si>
    <t>Polyur. EN.Schall.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166</t>
  </si>
  <si>
    <t>5702327002495</t>
  </si>
  <si>
    <t>VELUX Schwingfenster GGU MK08 0166</t>
  </si>
  <si>
    <t>Polyur. EN.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8 016621</t>
  </si>
  <si>
    <t>5702327031549</t>
  </si>
  <si>
    <t>VELUX Elektrofenster GGU MK08 016621</t>
  </si>
  <si>
    <t>Polyur. EN. PLUS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16622</t>
  </si>
  <si>
    <t>5702321115160</t>
  </si>
  <si>
    <t>VELUX Elektro-Schwingf. GGU MK08 016622</t>
  </si>
  <si>
    <t>Polyur. EN. PLUS Kupfer 78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8 016630</t>
  </si>
  <si>
    <t>5702327190499</t>
  </si>
  <si>
    <t>VELUX Solarfenster GGU MK08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170</t>
  </si>
  <si>
    <t>5702327164780</t>
  </si>
  <si>
    <t>VELUX Schwingfenster GGU MK08 0170</t>
  </si>
  <si>
    <t>Polyur. THERMO Cu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8 017021</t>
  </si>
  <si>
    <t>5702327221841</t>
  </si>
  <si>
    <t>VELUX Elektrofenster GGU MK08 017021</t>
  </si>
  <si>
    <t>Polyur. THERMO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17022</t>
  </si>
  <si>
    <t>5702321115290</t>
  </si>
  <si>
    <t>VELUX Elektro-Schwingf. GGU MK08 017022</t>
  </si>
  <si>
    <t>Polyur. THERMO Kupfer 78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8 017030</t>
  </si>
  <si>
    <t>5702327190505</t>
  </si>
  <si>
    <t>VELUX Solarfenster GGU MK08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184</t>
  </si>
  <si>
    <t>5702329841542</t>
  </si>
  <si>
    <t>VELUX Schwingfenster GGU MK08 0184</t>
  </si>
  <si>
    <t>Polyur. ENERGIE Kupfer 78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08 018421</t>
  </si>
  <si>
    <t>5702329841559</t>
  </si>
  <si>
    <t>VELUX Elektrofenster GGU M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18422</t>
  </si>
  <si>
    <t>5702321115320</t>
  </si>
  <si>
    <t>VELUX Elektro-Schwingf. GGU MK08 018422</t>
  </si>
  <si>
    <t>Polyur. ENERGIE Kupfer 78 x 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MK08 018430</t>
  </si>
  <si>
    <t>5702329841566</t>
  </si>
  <si>
    <t>VELUX Solarfenster GGU MK08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366</t>
  </si>
  <si>
    <t>5702327002501</t>
  </si>
  <si>
    <t>VELUX Schwingfenster GGU MK08 0366</t>
  </si>
  <si>
    <t>Polyur. EN.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8 036621</t>
  </si>
  <si>
    <t>5702327219459</t>
  </si>
  <si>
    <t>VELUX Elektrofenster GGU MK08 036621</t>
  </si>
  <si>
    <t>Polyur. EN. PLUS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36630</t>
  </si>
  <si>
    <t>5702327190529</t>
  </si>
  <si>
    <t>VELUX Solarfenster GGU MK08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370</t>
  </si>
  <si>
    <t>5702327164803</t>
  </si>
  <si>
    <t>VELUX Schwingfenster GGU MK08 0370</t>
  </si>
  <si>
    <t>Polyur. THERMO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8 037021</t>
  </si>
  <si>
    <t>5702327221858</t>
  </si>
  <si>
    <t>VELUX Elektrofenster GGU MK08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37030</t>
  </si>
  <si>
    <t>5702327190536</t>
  </si>
  <si>
    <t>VELUX Solarfenster GGU MK08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0384</t>
  </si>
  <si>
    <t>5702329841573</t>
  </si>
  <si>
    <t>VELUX Schwingfenster GGU MK08 0384</t>
  </si>
  <si>
    <t>Polyur. ENERGIE Titanzink 78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08 038421</t>
  </si>
  <si>
    <t>5702329841580</t>
  </si>
  <si>
    <t>VELUX Elektrofenster GGU MK08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08 038430</t>
  </si>
  <si>
    <t>5702329841597</t>
  </si>
  <si>
    <t>VELUX Solarfenster GGU MK08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08 S10J01</t>
  </si>
  <si>
    <t>5702328957374</t>
  </si>
  <si>
    <t>VELUX Schwingfenster GGU MK08 S10J01</t>
  </si>
  <si>
    <t>Polyur. EN.WäDämm. Alu+EDJ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MK08 SD00402</t>
  </si>
  <si>
    <t>5702327889355</t>
  </si>
  <si>
    <t>VELUX Rauch-Wärmeabzug GGU MK08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08 SD00403</t>
  </si>
  <si>
    <t>5702327889362</t>
  </si>
  <si>
    <t>VELUX Rauch-Wärmeabzug GGU MK08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9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10 0062</t>
  </si>
  <si>
    <t>5702327114853</t>
  </si>
  <si>
    <t>VELUX Schwingfenster GGU MK10 0062</t>
  </si>
  <si>
    <t>Polyur. Schallsch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10 006221</t>
  </si>
  <si>
    <t>5702327592064</t>
  </si>
  <si>
    <t>VELUX Elektrofenster GGU MK10 006221</t>
  </si>
  <si>
    <t>Polyur. EN.Schall.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066</t>
  </si>
  <si>
    <t>5702327001795</t>
  </si>
  <si>
    <t>VELUX Schwingfenster GGU MK10 0066</t>
  </si>
  <si>
    <t>Polyur. EN.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10 006621</t>
  </si>
  <si>
    <t>5702327219466</t>
  </si>
  <si>
    <t>VELUX Elektrofenster GGU MK10 006621</t>
  </si>
  <si>
    <t>Polyur. EN. PLUS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06630</t>
  </si>
  <si>
    <t>5702327219725</t>
  </si>
  <si>
    <t>VELUX Solarfenster GGU MK10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10 0067</t>
  </si>
  <si>
    <t>5702327182654</t>
  </si>
  <si>
    <t>VELUX Schwingfenster GGU MK10 0067</t>
  </si>
  <si>
    <t>Polyur. EN.-STAR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10 006721</t>
  </si>
  <si>
    <t>5702328934405</t>
  </si>
  <si>
    <t>VELUX Elektrofenster GGU MK10 006721</t>
  </si>
  <si>
    <t>Polyur. EN.WäDämm.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069</t>
  </si>
  <si>
    <t>5702328931787</t>
  </si>
  <si>
    <t>VELUX Schwingfenster GGU MK10 0069</t>
  </si>
  <si>
    <t>Polyur. E.Hitzesch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MK10 006921</t>
  </si>
  <si>
    <t>5702328931794</t>
  </si>
  <si>
    <t>VELUX Elektrofenster GGU MK10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070</t>
  </si>
  <si>
    <t>5702327016652</t>
  </si>
  <si>
    <t>VELUX Schwingfenster GGU MK10 0070</t>
  </si>
  <si>
    <t>Polyur. THERMO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10 007021</t>
  </si>
  <si>
    <t>5702327191878</t>
  </si>
  <si>
    <t>VELUX Elektrofenster GGU MK10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07030</t>
  </si>
  <si>
    <t>5702327204073</t>
  </si>
  <si>
    <t>VELUX Solarfenster GGU MK10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10 0084</t>
  </si>
  <si>
    <t>5702329841603</t>
  </si>
  <si>
    <t>VELUX Schwingfenster GGU MK10 0084</t>
  </si>
  <si>
    <t>Polyur. ENERGIE Alu 78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10 008421</t>
  </si>
  <si>
    <t>5702329841610</t>
  </si>
  <si>
    <t>VELUX Elektrofenster GGU MK10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08430</t>
  </si>
  <si>
    <t>5702329841634</t>
  </si>
  <si>
    <t>VELUX Solarfenster GGU MK10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10 016221</t>
  </si>
  <si>
    <t>5702327592071</t>
  </si>
  <si>
    <t>VELUX Elektrofenster GGU MK10 016221</t>
  </si>
  <si>
    <t>Polyur. EN.Schall.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166</t>
  </si>
  <si>
    <t>5702327002518</t>
  </si>
  <si>
    <t>VELUX Schwingfenster GGU MK10 0166</t>
  </si>
  <si>
    <t>Polyur. EN.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10 016621</t>
  </si>
  <si>
    <t>5702327219473</t>
  </si>
  <si>
    <t>VELUX Elektrofenster GGU MK10 016621</t>
  </si>
  <si>
    <t>Polyur. EN. PLUS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16630</t>
  </si>
  <si>
    <t>5702327190550</t>
  </si>
  <si>
    <t>VELUX Solarfenster GGU M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10 017021</t>
  </si>
  <si>
    <t>5702327221865</t>
  </si>
  <si>
    <t>VELUX Elektrofenster GGU MK10 017021</t>
  </si>
  <si>
    <t>Polyur. THERMO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184</t>
  </si>
  <si>
    <t>5702329841641</t>
  </si>
  <si>
    <t>VELUX Schwingfenster GGU MK10 0184</t>
  </si>
  <si>
    <t>Polyur. ENERGIE Kupfer 78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10 018421</t>
  </si>
  <si>
    <t>5702329841658</t>
  </si>
  <si>
    <t>VELUX Elektrofenster GGU MK10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18430</t>
  </si>
  <si>
    <t>5702329841665</t>
  </si>
  <si>
    <t>VELUX Solarfenster GGU MK10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10 0366</t>
  </si>
  <si>
    <t>5702327002525</t>
  </si>
  <si>
    <t>VELUX Schwingfenster GGU MK10 0366</t>
  </si>
  <si>
    <t>Polyur. EN.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MK10 036621</t>
  </si>
  <si>
    <t>5702327219480</t>
  </si>
  <si>
    <t>VELUX Elektrofenster GGU MK10 036621</t>
  </si>
  <si>
    <t>Polyur. EN. 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36630</t>
  </si>
  <si>
    <t>5702327190581</t>
  </si>
  <si>
    <t>VELUX Solarfenster GGU MK10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MK10 0370</t>
  </si>
  <si>
    <t>5702327164841</t>
  </si>
  <si>
    <t>VELUX Schwingfenster GGU MK10 0370</t>
  </si>
  <si>
    <t>Polyur. THERMO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10 037021</t>
  </si>
  <si>
    <t>5702327221872</t>
  </si>
  <si>
    <t>VELUX Elektrofenster GGU MK10 03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384</t>
  </si>
  <si>
    <t>5702329841672</t>
  </si>
  <si>
    <t>VELUX Schwingfenster GGU MK10 0384</t>
  </si>
  <si>
    <t>Polyur. ENERGIE Titanzink 78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MK10 038421</t>
  </si>
  <si>
    <t>5702329841689</t>
  </si>
  <si>
    <t>VELUX Elektrofenster GGU MK10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MK10 038430</t>
  </si>
  <si>
    <t>5702329841696</t>
  </si>
  <si>
    <t>VELUX Solarfenster GGU MK10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06 0062</t>
  </si>
  <si>
    <t>5702327114884</t>
  </si>
  <si>
    <t>VELUX Schwingfenster GGU PK06 0062</t>
  </si>
  <si>
    <t>Polyur. Schallsch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06 006221</t>
  </si>
  <si>
    <t>5702327592088</t>
  </si>
  <si>
    <t>VELUX Elektrofenster GGU PK06 006221</t>
  </si>
  <si>
    <t>Polyur. EN.Schall.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066</t>
  </si>
  <si>
    <t>5702326177927</t>
  </si>
  <si>
    <t>VELUX Schwingfenster GGU PK06 0066</t>
  </si>
  <si>
    <t>Polyur. EN.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6 006621</t>
  </si>
  <si>
    <t>5702326177934</t>
  </si>
  <si>
    <t>VELUX Elektrofenster GGU PK06 006621</t>
  </si>
  <si>
    <t>Polyur. EN. PLUS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06622</t>
  </si>
  <si>
    <t>5702321115351</t>
  </si>
  <si>
    <t>VELUX Elektro-Schwingf. GGU PK06 006622</t>
  </si>
  <si>
    <t>Polyur. EN. PLUS Alu 94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6 006630</t>
  </si>
  <si>
    <t>5702328897960</t>
  </si>
  <si>
    <t>VELUX Solarfenster GGU P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06 006640D</t>
  </si>
  <si>
    <t>5702328700758</t>
  </si>
  <si>
    <t>VELUX Rauchabz.-F. GGU PK06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6 0067</t>
  </si>
  <si>
    <t>5702327182685</t>
  </si>
  <si>
    <t>VELUX Schwingfenster GGU PK06 0067</t>
  </si>
  <si>
    <t>Polyur. EN.-STAR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6 006721</t>
  </si>
  <si>
    <t>5702328934412</t>
  </si>
  <si>
    <t>VELUX Elektrofenster GGU PK06 006721</t>
  </si>
  <si>
    <t>Polyur. EN.WäDämm.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06730</t>
  </si>
  <si>
    <t>5702328934429</t>
  </si>
  <si>
    <t>VELUX Solarfenster GGU P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06 0069</t>
  </si>
  <si>
    <t>5702328931800</t>
  </si>
  <si>
    <t>VELUX Schwingfenster GGU PK06 0069</t>
  </si>
  <si>
    <t>Polyur. E.Hitzesch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PK06 006921</t>
  </si>
  <si>
    <t>5702328931817</t>
  </si>
  <si>
    <t>VELUX Elektrofenster GGU P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06930</t>
  </si>
  <si>
    <t>5702328931824</t>
  </si>
  <si>
    <t>VELUX Solarfenster GGU P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06 0070</t>
  </si>
  <si>
    <t>5702326549571</t>
  </si>
  <si>
    <t>VELUX Schwingfenster GGU PK06 0070</t>
  </si>
  <si>
    <t>Polyur. THERMO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6 007021</t>
  </si>
  <si>
    <t>5702326549588</t>
  </si>
  <si>
    <t>VELUX Elektrofenster GGU P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07022</t>
  </si>
  <si>
    <t>5702321115368</t>
  </si>
  <si>
    <t>VELUX Elektro-Schwingf. GGU PK06 007022</t>
  </si>
  <si>
    <t>Polyur. THERMO Alu 94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6 007030</t>
  </si>
  <si>
    <t>5702327204080</t>
  </si>
  <si>
    <t>VELUX Solarfenster GGU P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06 007040D</t>
  </si>
  <si>
    <t>5702328700765</t>
  </si>
  <si>
    <t>VELUX Rauchabz.-F. GGU PK06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0,95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6 0070Q</t>
  </si>
  <si>
    <t>5702327007742</t>
  </si>
  <si>
    <t>VELUX Schwingfenster GGU PK06 0070Q</t>
  </si>
  <si>
    <t>Polyur. Son.Vergl. Al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PK06 0084</t>
  </si>
  <si>
    <t>5702329841702</t>
  </si>
  <si>
    <t>VELUX Schwingfenster GGU PK06 0084</t>
  </si>
  <si>
    <t>Polyur. ENERGIE Alu 9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PK06 008421</t>
  </si>
  <si>
    <t>5702329841719</t>
  </si>
  <si>
    <t>VELUX Elektrofenster GGU P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08422</t>
  </si>
  <si>
    <t>5702321115375</t>
  </si>
  <si>
    <t>VELUX Elektro-Schwingf. GGU PK06 008422</t>
  </si>
  <si>
    <t>Polyur. ENERGIE Alu 94 x 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6 008430</t>
  </si>
  <si>
    <t>5702329841733</t>
  </si>
  <si>
    <t>VELUX Solarfenster GGU P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06 008440D</t>
  </si>
  <si>
    <t>5702329841740</t>
  </si>
  <si>
    <t>VELUX Rauchabzugsfst. GGU PK06 008440D</t>
  </si>
  <si>
    <t>Polyur, ENERGIE, Alu 94x118</t>
  </si>
  <si>
    <t>GGU PK06 0166</t>
  </si>
  <si>
    <t>5702327002556</t>
  </si>
  <si>
    <t>VELUX Schwingfenster GGU PK06 0166</t>
  </si>
  <si>
    <t>Polyur. EN.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6 016621</t>
  </si>
  <si>
    <t>5702327031631</t>
  </si>
  <si>
    <t>VELUX Elektrofenster GGU PK06 016621</t>
  </si>
  <si>
    <t>Polyur. EN. 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16622</t>
  </si>
  <si>
    <t>5702321115399</t>
  </si>
  <si>
    <t>VELUX Elektro-Schwingf. GGU PK06 016622</t>
  </si>
  <si>
    <t>Polyur. EN. PLUS Kupfer 94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6 0170</t>
  </si>
  <si>
    <t>5702327164865</t>
  </si>
  <si>
    <t>VELUX Schwingfenster GGU PK06 0170</t>
  </si>
  <si>
    <t>Polyur. THERMO Cu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6 017021</t>
  </si>
  <si>
    <t>5702327221902</t>
  </si>
  <si>
    <t>VELUX Elektrofenster GGU PK06 017021</t>
  </si>
  <si>
    <t>Polyur. THERMO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17022</t>
  </si>
  <si>
    <t>5702321115436</t>
  </si>
  <si>
    <t>VELUX Elektro-Schwingf. GGU PK06 017022</t>
  </si>
  <si>
    <t>Polyur. THERMO Kupfer 94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6 0184</t>
  </si>
  <si>
    <t>5702329841764</t>
  </si>
  <si>
    <t>VELUX Schwingfenster GGU PK06 0184</t>
  </si>
  <si>
    <t>Polyur. ENERGIE Kupfer 9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PK06 018421</t>
  </si>
  <si>
    <t>5702329841771</t>
  </si>
  <si>
    <t>VELUX Elektrofenster GGU P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18422</t>
  </si>
  <si>
    <t>5702321115795</t>
  </si>
  <si>
    <t>VELUX Elektro-Schwingf. GGU PK06 018422</t>
  </si>
  <si>
    <t>Polyur. ENERGIE Kupfer 94 x 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6 036621</t>
  </si>
  <si>
    <t>5702327219497</t>
  </si>
  <si>
    <t>VELUX Elektrofenster GGU PK06 036621</t>
  </si>
  <si>
    <t>Polyur. EN. 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6 0370</t>
  </si>
  <si>
    <t>5702327164889</t>
  </si>
  <si>
    <t>VELUX Schwingfenster GGU PK06 0370</t>
  </si>
  <si>
    <t>Polyur. THERMO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6 0384</t>
  </si>
  <si>
    <t>5702329841788</t>
  </si>
  <si>
    <t>VELUX Schwingfenster GGU PK06 0384</t>
  </si>
  <si>
    <t>Polyur. ENERGIE Titanzink 9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PK06 SD00402</t>
  </si>
  <si>
    <t>5702328753846</t>
  </si>
  <si>
    <t>VELUX Rauch-Wärmeabzug GGU PK06 SD00402</t>
  </si>
  <si>
    <t>Polyur. EN.-PLUS Alu 94x118</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3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6 SD00403</t>
  </si>
  <si>
    <t>5702328753853</t>
  </si>
  <si>
    <t>VELUX Rauch-Wärmeabzug GGU PK06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3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8 0062</t>
  </si>
  <si>
    <t>5702327114914</t>
  </si>
  <si>
    <t>VELUX Schwingfenster GGU PK08 0062</t>
  </si>
  <si>
    <t>Polyur. Schallsch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08 006221</t>
  </si>
  <si>
    <t>5702327592101</t>
  </si>
  <si>
    <t>VELUX Elektrofenster GGU PK08 006221</t>
  </si>
  <si>
    <t>Polyur. EN.Schall.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066</t>
  </si>
  <si>
    <t>5702326177996</t>
  </si>
  <si>
    <t>VELUX Schwingfenster GGU PK08 0066</t>
  </si>
  <si>
    <t>Polyur. EN.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8 006621</t>
  </si>
  <si>
    <t>5702326178009</t>
  </si>
  <si>
    <t>VELUX Elektrofenster GGU PK08 006621</t>
  </si>
  <si>
    <t>Polyur. EN. PLUS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06622</t>
  </si>
  <si>
    <t>5702321115894</t>
  </si>
  <si>
    <t>VELUX Elektro-Schwingf. GGU PK08 006622</t>
  </si>
  <si>
    <t>Polyur. EN. PLUS Alu 94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8 006630</t>
  </si>
  <si>
    <t>5702327694584</t>
  </si>
  <si>
    <t>VELUX Solarfenster GGU PK08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08 006640D</t>
  </si>
  <si>
    <t>5702328700772</t>
  </si>
  <si>
    <t>VELUX Rauchabz.-F. GGU PK08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8 0067</t>
  </si>
  <si>
    <t>5702327182715</t>
  </si>
  <si>
    <t>VELUX Schwingfenster GGU PK08 0067</t>
  </si>
  <si>
    <t>Polyur. EN.-STAR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8 006721</t>
  </si>
  <si>
    <t>5702328934436</t>
  </si>
  <si>
    <t>VELUX Elektrofenster GGU PK08 006721</t>
  </si>
  <si>
    <t>Polyur. EN.WäDämm.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069</t>
  </si>
  <si>
    <t>5702328931831</t>
  </si>
  <si>
    <t>VELUX Schwingfenster GGU PK08 0069</t>
  </si>
  <si>
    <t>Polyur. E.Hitzesch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PK08 006921</t>
  </si>
  <si>
    <t>5702328931848</t>
  </si>
  <si>
    <t>VELUX Elektrofenster GGU P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070</t>
  </si>
  <si>
    <t>5702326549625</t>
  </si>
  <si>
    <t>VELUX Schwingfenster GGU PK08 0070</t>
  </si>
  <si>
    <t>Polyur. THERMO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8 007021</t>
  </si>
  <si>
    <t>5702326549656</t>
  </si>
  <si>
    <t>VELUX Elektrofenster GGU P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07022</t>
  </si>
  <si>
    <t>5702321115900</t>
  </si>
  <si>
    <t>VELUX Elektro-Schwingf. GGU PK08 007022</t>
  </si>
  <si>
    <t>Polyur. THERMO Alu 94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8 007030</t>
  </si>
  <si>
    <t>5702327204097</t>
  </si>
  <si>
    <t>VELUX Solarfenster GGU P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08 007040D</t>
  </si>
  <si>
    <t>5702328700789</t>
  </si>
  <si>
    <t>VELUX Rauchabz.-F. GGU PK08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4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8 0070Q</t>
  </si>
  <si>
    <t>5702327007759</t>
  </si>
  <si>
    <t>VELUX Schwingfenster GGU PK08 0070Q</t>
  </si>
  <si>
    <t>Polyur. Son.Vergl. Alu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PK08 0084</t>
  </si>
  <si>
    <t>5702329841795</t>
  </si>
  <si>
    <t>VELUX Schwingfenster GGU PK08 0084</t>
  </si>
  <si>
    <t>Polyur. ENERGIE Alu 9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PK08 008421</t>
  </si>
  <si>
    <t>5702329841801</t>
  </si>
  <si>
    <t>VELUX Elektrofenster GGU P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08422</t>
  </si>
  <si>
    <t>5702321116044</t>
  </si>
  <si>
    <t>VELUX Elektro-Schwingf. GGU PK08 008422</t>
  </si>
  <si>
    <t>Polyur. ENERGIE Alu 94 x 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8 008430</t>
  </si>
  <si>
    <t>5702329841825</t>
  </si>
  <si>
    <t>VELUX Solarfenster GGU P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08 008440D</t>
  </si>
  <si>
    <t>5702329841832</t>
  </si>
  <si>
    <t>VELUX Rauchabzugsfst. GGU PK08 008440D</t>
  </si>
  <si>
    <t>Polyur, ENERGIE, Alu 94x140</t>
  </si>
  <si>
    <t>GGU PK08 0166</t>
  </si>
  <si>
    <t>5702327002570</t>
  </si>
  <si>
    <t>VELUX Schwingfenster GGU PK08 0166</t>
  </si>
  <si>
    <t>Polyur. EN.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8 016621</t>
  </si>
  <si>
    <t>5702327031655</t>
  </si>
  <si>
    <t>VELUX Elektrofenster GGU PK08 016621</t>
  </si>
  <si>
    <t>Polyur. EN. 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16622</t>
  </si>
  <si>
    <t>5702321116372</t>
  </si>
  <si>
    <t>VELUX Elektro-Schwingf. GGU PK08 016622</t>
  </si>
  <si>
    <t>Polyur. EN. PLUS Kupfer 94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8 017021</t>
  </si>
  <si>
    <t>5702327221919</t>
  </si>
  <si>
    <t>VELUX Elektrofenster GGU PK08 017021</t>
  </si>
  <si>
    <t>Polyur. THERMO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17022</t>
  </si>
  <si>
    <t>5702321116389</t>
  </si>
  <si>
    <t>VELUX Elektro-Schwingf. GGU PK08 017022</t>
  </si>
  <si>
    <t>Polyur. THERMO Kupfer 94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8 0184</t>
  </si>
  <si>
    <t>5702329841849</t>
  </si>
  <si>
    <t>VELUX Schwingfenster GGU PK08 0184</t>
  </si>
  <si>
    <t>Polyur. ENERGIE Kupfer 9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PK08 018421</t>
  </si>
  <si>
    <t>5702329841856</t>
  </si>
  <si>
    <t>VELUX Elektrofenster GGU P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18422</t>
  </si>
  <si>
    <t>5702321116488</t>
  </si>
  <si>
    <t>VELUX Elektro-Schwingf. GGU PK08 018422</t>
  </si>
  <si>
    <t>Polyur. ENERGIE Kupfer 94 x 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PK08 0366</t>
  </si>
  <si>
    <t>5702327002587</t>
  </si>
  <si>
    <t>VELUX Schwingfenster GGU PK08 0366</t>
  </si>
  <si>
    <t>Polyur. EN.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8 036621</t>
  </si>
  <si>
    <t>5702327219503</t>
  </si>
  <si>
    <t>VELUX Elektrofenster GGU PK08 036621</t>
  </si>
  <si>
    <t>Polyur. EN. 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08 0384</t>
  </si>
  <si>
    <t>5702329841863</t>
  </si>
  <si>
    <t>VELUX Schwingfenster GGU PK08 0384</t>
  </si>
  <si>
    <t>Polyur. ENERGIE Titanzink 9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PK08 S10J01</t>
  </si>
  <si>
    <t>5702328957404</t>
  </si>
  <si>
    <t>VELUX Schwingfenster GGU PK08 S10J01</t>
  </si>
  <si>
    <t>Polyur. EN.WäDämm. Alu+EDJ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PK08 SD00402</t>
  </si>
  <si>
    <t>5702328753860</t>
  </si>
  <si>
    <t>VELUX Rauch-Wärmeabzug GGU PK08 SD00402</t>
  </si>
  <si>
    <t>Polyur. EN.-PLUS Alu 94x140</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8 SD00403</t>
  </si>
  <si>
    <t>5702328753877</t>
  </si>
  <si>
    <t>VELUX Rauch-Wärmeabzug GGU PK08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8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10 0062</t>
  </si>
  <si>
    <t>5702327114945</t>
  </si>
  <si>
    <t>VELUX Schwingfenster GGU PK10 0062</t>
  </si>
  <si>
    <t>Polyur. Schallsch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10 006221</t>
  </si>
  <si>
    <t>5702327592125</t>
  </si>
  <si>
    <t>VELUX Elektrofenster GGU PK10 006221</t>
  </si>
  <si>
    <t>Polyur. EN.Schall.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066</t>
  </si>
  <si>
    <t>5702327001818</t>
  </si>
  <si>
    <t>VELUX Schwingfenster GGU PK10 0066</t>
  </si>
  <si>
    <t>Polyur. EN.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10 006621</t>
  </si>
  <si>
    <t>5702327030047</t>
  </si>
  <si>
    <t>VELUX Elektrofenster GGU PK10 006621</t>
  </si>
  <si>
    <t>Polyur. EN. PLUS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06630</t>
  </si>
  <si>
    <t>5702327153609</t>
  </si>
  <si>
    <t>VELUX Solarfenster GGU PK10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067</t>
  </si>
  <si>
    <t>5702327182746</t>
  </si>
  <si>
    <t>VELUX Schwingfenster GGU PK10 0067</t>
  </si>
  <si>
    <t>Polyur. EN.-STAR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10 006721</t>
  </si>
  <si>
    <t>5702328934443</t>
  </si>
  <si>
    <t>VELUX Elektrofenster GGU PK10 006721</t>
  </si>
  <si>
    <t>Polyur. EN.WäDämm.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06730</t>
  </si>
  <si>
    <t>5702328934450</t>
  </si>
  <si>
    <t>VELUX Solarfenster GGU PK10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069</t>
  </si>
  <si>
    <t>5702328931855</t>
  </si>
  <si>
    <t>VELUX Schwingfenster GGU PK10 0069</t>
  </si>
  <si>
    <t>Polyur. E.Hitzesch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PK10 006921</t>
  </si>
  <si>
    <t>5702328931862</t>
  </si>
  <si>
    <t>VELUX Elektrofenster GGU PK10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06930</t>
  </si>
  <si>
    <t>5702328931879</t>
  </si>
  <si>
    <t>VELUX Solarfenster GGU PK10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070</t>
  </si>
  <si>
    <t>5702326549717</t>
  </si>
  <si>
    <t>VELUX Schwingfenster GGU PK10 0070</t>
  </si>
  <si>
    <t>Polyur. THERMO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10 007021</t>
  </si>
  <si>
    <t>5702326549724</t>
  </si>
  <si>
    <t>VELUX Elektrofenster GGU PK10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07030</t>
  </si>
  <si>
    <t>5702327204103</t>
  </si>
  <si>
    <t>VELUX Solarfenster GGU PK10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070Q</t>
  </si>
  <si>
    <t>5702327007766</t>
  </si>
  <si>
    <t>VELUX Schwingfenster GGU PK10 0070Q</t>
  </si>
  <si>
    <t>Polyur. Son.Vergl. Al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PK10 0084</t>
  </si>
  <si>
    <t>5702329841870</t>
  </si>
  <si>
    <t>VELUX Schwingfenster GGU PK10 0084</t>
  </si>
  <si>
    <t>Polyur. ENERGIE Alu 9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PK10 008421</t>
  </si>
  <si>
    <t>5702329841887</t>
  </si>
  <si>
    <t>VELUX Elektrofenster GGU PK10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08430</t>
  </si>
  <si>
    <t>5702329841900</t>
  </si>
  <si>
    <t>VELUX Solarfenster GGU PK10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162</t>
  </si>
  <si>
    <t>5702327114952</t>
  </si>
  <si>
    <t>VELUX Schwingfenster GGU PK10 0162</t>
  </si>
  <si>
    <t>Polyur. Schallsch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10 016221</t>
  </si>
  <si>
    <t>5702327592132</t>
  </si>
  <si>
    <t>VELUX Elektrofenster GGU PK10 016221</t>
  </si>
  <si>
    <t>Polyur. EN.Schall.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166</t>
  </si>
  <si>
    <t>5702327002594</t>
  </si>
  <si>
    <t>VELUX Schwingfenster GGU PK10 0166</t>
  </si>
  <si>
    <t>Polyur. EN.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10 016621</t>
  </si>
  <si>
    <t>5702327031693</t>
  </si>
  <si>
    <t>VELUX Elektrofenster GGU PK10 016621</t>
  </si>
  <si>
    <t>Polyur. EN. PLUS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16630</t>
  </si>
  <si>
    <t>5702327190611</t>
  </si>
  <si>
    <t>VELUX Solarfenster GGU P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170</t>
  </si>
  <si>
    <t>5702327164940</t>
  </si>
  <si>
    <t>VELUX Schwingfenster GGU PK10 0170</t>
  </si>
  <si>
    <t>Polyur. THERMO Cu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10 017021</t>
  </si>
  <si>
    <t>5702327221926</t>
  </si>
  <si>
    <t>VELUX Elektrofenster GGU PK10 017021</t>
  </si>
  <si>
    <t>Polyur. THERMO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17030</t>
  </si>
  <si>
    <t>5702327190628</t>
  </si>
  <si>
    <t>VELUX Solarfenster GGU PK10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184</t>
  </si>
  <si>
    <t>5702329841917</t>
  </si>
  <si>
    <t>VELUX Schwingfenster GGU PK10 0184</t>
  </si>
  <si>
    <t>Polyur. ENERGIE Kupfer 9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PK10 018421</t>
  </si>
  <si>
    <t>5702329841924</t>
  </si>
  <si>
    <t>VELUX Elektrofenster GGU PK10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18430</t>
  </si>
  <si>
    <t>5702329841931</t>
  </si>
  <si>
    <t>VELUX Solarfenster GGU PK10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362</t>
  </si>
  <si>
    <t>5702327114969</t>
  </si>
  <si>
    <t>VELUX Schwingfenster GGU PK10 0362</t>
  </si>
  <si>
    <t>Polyur. Schallsch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10 0366</t>
  </si>
  <si>
    <t>5702327002600</t>
  </si>
  <si>
    <t>VELUX Schwingfenster GGU PK10 0366</t>
  </si>
  <si>
    <t>Polyur. EN.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10 036621</t>
  </si>
  <si>
    <t>5702327219510</t>
  </si>
  <si>
    <t>VELUX Elektrofenster GGU PK10 036621</t>
  </si>
  <si>
    <t>Polyur. EN. PLUS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37030</t>
  </si>
  <si>
    <t>5702327190659</t>
  </si>
  <si>
    <t>VELUX Solarfenster GGU PK10 037030</t>
  </si>
  <si>
    <t>Polyur. THERMO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PK10 0384</t>
  </si>
  <si>
    <t>5702329841948</t>
  </si>
  <si>
    <t>VELUX Schwingfenster GGU PK10 0384</t>
  </si>
  <si>
    <t>Polyur. ENERGIE Titanzink 9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PK10 038421</t>
  </si>
  <si>
    <t>5702329841955</t>
  </si>
  <si>
    <t>VELUX Elektrofenster GGU PK10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PK10 038430</t>
  </si>
  <si>
    <t>5702329841962</t>
  </si>
  <si>
    <t>VELUX Solarfenster GGU PK10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062</t>
  </si>
  <si>
    <t>5702327114976</t>
  </si>
  <si>
    <t>VELUX Schwingfenster GGU SK06 0062</t>
  </si>
  <si>
    <t>Polyur. Schallsch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SK06 006221</t>
  </si>
  <si>
    <t>5702327592149</t>
  </si>
  <si>
    <t>VELUX Elektrofenster GGU SK06 006221</t>
  </si>
  <si>
    <t>Polyur. EN.Schall.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066</t>
  </si>
  <si>
    <t>5702326178092</t>
  </si>
  <si>
    <t>VELUX Schwingfenster GGU SK06 0066</t>
  </si>
  <si>
    <t>Polyur. EN.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6 006621</t>
  </si>
  <si>
    <t>5702326178108</t>
  </si>
  <si>
    <t>VELUX Elektrofenster GGU SK06 006621</t>
  </si>
  <si>
    <t>Polyur. EN. PLUS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06622</t>
  </si>
  <si>
    <t>5702321117553</t>
  </si>
  <si>
    <t>VELUX Elektro-Schwingf. GGU SK06 006622</t>
  </si>
  <si>
    <t>Polyur. EN. PLUS Alu 114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6 006630</t>
  </si>
  <si>
    <t>5702327153647</t>
  </si>
  <si>
    <t>VELUX Solarfenster GGU SK06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06640D</t>
  </si>
  <si>
    <t>5702328700796</t>
  </si>
  <si>
    <t>VELUX Rauchabz.-F. GGU SK06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6 0067</t>
  </si>
  <si>
    <t>5702327182777</t>
  </si>
  <si>
    <t>VELUX Schwingfenster GGU SK06 0067</t>
  </si>
  <si>
    <t>Polyur. EN.-STAR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6 006721</t>
  </si>
  <si>
    <t>5702328934467</t>
  </si>
  <si>
    <t>VELUX Elektrofenster GGU SK06 006721</t>
  </si>
  <si>
    <t>Polyur. EN.WäDämm.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06730</t>
  </si>
  <si>
    <t>5702328934474</t>
  </si>
  <si>
    <t>VELUX Solarfenster GGU SK06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069</t>
  </si>
  <si>
    <t>5702328931886</t>
  </si>
  <si>
    <t>VELUX Schwingfenster GGU SK06 0069</t>
  </si>
  <si>
    <t>Polyur. E.Hitzesch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SK06 006921</t>
  </si>
  <si>
    <t>5702328931893</t>
  </si>
  <si>
    <t>VELUX Elektrofenster GGU SK06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06930</t>
  </si>
  <si>
    <t>5702328931909</t>
  </si>
  <si>
    <t>VELUX Solarfenster GGU SK06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070</t>
  </si>
  <si>
    <t>5702326549762</t>
  </si>
  <si>
    <t>VELUX Schwingfenster GGU SK06 0070</t>
  </si>
  <si>
    <t>Polyur. THERMO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6 007021</t>
  </si>
  <si>
    <t>5702326549779</t>
  </si>
  <si>
    <t>VELUX Elektrofenster GGU SK06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07022</t>
  </si>
  <si>
    <t>5702321117645</t>
  </si>
  <si>
    <t>VELUX Elektro-Schwingf. GGU SK06 007022</t>
  </si>
  <si>
    <t>Polyur. THERMO Alu 114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6 007030</t>
  </si>
  <si>
    <t>5702327204110</t>
  </si>
  <si>
    <t>VELUX Solarfenster GGU SK06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07040D</t>
  </si>
  <si>
    <t>5702328700802</t>
  </si>
  <si>
    <t>VELUX Rauchabz.-F. GGU SK06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6 0070Q</t>
  </si>
  <si>
    <t>5702327007773</t>
  </si>
  <si>
    <t>VELUX Schwingfenster GGU SK06 0070Q</t>
  </si>
  <si>
    <t>Polyur. Son.Vergl. Al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SK06 0084</t>
  </si>
  <si>
    <t>5702329841979</t>
  </si>
  <si>
    <t>VELUX Schwingfenster GGU SK06 0084</t>
  </si>
  <si>
    <t>Polyur. ENERGIE Alu 11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SK06 008421</t>
  </si>
  <si>
    <t>5702329841986</t>
  </si>
  <si>
    <t>VELUX Elektrofenster GGU SK06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08422</t>
  </si>
  <si>
    <t>5702321117737</t>
  </si>
  <si>
    <t>VELUX Elektro-Schwingf. GGU SK06 008422</t>
  </si>
  <si>
    <t>Polyur. ENERGIE Alu 114 x 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6 008430</t>
  </si>
  <si>
    <t>5702329842006</t>
  </si>
  <si>
    <t>VELUX Solarfenster GGU SK06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08440D</t>
  </si>
  <si>
    <t>5702329842013</t>
  </si>
  <si>
    <t>VELUX Rauchabzugsfst. GGU SK06 008440D</t>
  </si>
  <si>
    <t>Polyur, ENERGIE, Alu 114x118</t>
  </si>
  <si>
    <t>GGU SK06 016221</t>
  </si>
  <si>
    <t>5702327592156</t>
  </si>
  <si>
    <t>VELUX Elektrofenster GGU SK06 016221</t>
  </si>
  <si>
    <t>Polyur. EN.Schall.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166</t>
  </si>
  <si>
    <t>5702327002617</t>
  </si>
  <si>
    <t>VELUX Schwingfenster GGU SK06 0166</t>
  </si>
  <si>
    <t>Polyur. EN.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6 016621</t>
  </si>
  <si>
    <t>5702327031761</t>
  </si>
  <si>
    <t>VELUX Elektrofenster GGU SK06 016621</t>
  </si>
  <si>
    <t>Polyur. EN. PLUS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16622</t>
  </si>
  <si>
    <t>5702321118031</t>
  </si>
  <si>
    <t>VELUX Elektro-Schwingf. GGU SK06 016622</t>
  </si>
  <si>
    <t>Polyur. EN. PLUS Kupfer 114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6 016630</t>
  </si>
  <si>
    <t>5702327190673</t>
  </si>
  <si>
    <t>VELUX Solarfenster GGU SK06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170</t>
  </si>
  <si>
    <t>5702327164988</t>
  </si>
  <si>
    <t>VELUX Schwingfenster GGU SK06 0170</t>
  </si>
  <si>
    <t>Polyur. THERMO Cu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6 017021</t>
  </si>
  <si>
    <t>5702327221940</t>
  </si>
  <si>
    <t>VELUX Elektrofenster GGU SK06 017021</t>
  </si>
  <si>
    <t>Polyur. THERMO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17022</t>
  </si>
  <si>
    <t>5702321118154</t>
  </si>
  <si>
    <t>VELUX Elektro-Schwingf. GGU SK06 017022</t>
  </si>
  <si>
    <t>Polyur. THERMO Kupfer 114x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6 017030</t>
  </si>
  <si>
    <t>5702327190680</t>
  </si>
  <si>
    <t>VELUX Solarfenster GGU SK06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184</t>
  </si>
  <si>
    <t>5702329842037</t>
  </si>
  <si>
    <t>VELUX Schwingfenster GGU SK06 0184</t>
  </si>
  <si>
    <t>Polyur. ENERGIE Kupfer 11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SK06 018421</t>
  </si>
  <si>
    <t>5702329842044</t>
  </si>
  <si>
    <t>VELUX Elektrofenster GGU SK06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18422</t>
  </si>
  <si>
    <t>5702321118604</t>
  </si>
  <si>
    <t>VELUX Elektro-Schwingf. GGU SK06 018422</t>
  </si>
  <si>
    <t>Polyur. ENERGIE Kupfer 114 x 118,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6 018430</t>
  </si>
  <si>
    <t>5702329842051</t>
  </si>
  <si>
    <t>VELUX Solarfenster GGU SK06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366</t>
  </si>
  <si>
    <t>5702327002624</t>
  </si>
  <si>
    <t>VELUX Schwingfenster GGU SK06 0366</t>
  </si>
  <si>
    <t>Polyur. EN.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6 036621</t>
  </si>
  <si>
    <t>5702327219527</t>
  </si>
  <si>
    <t>VELUX Elektrofenster GGU SK06 036621</t>
  </si>
  <si>
    <t>Polyur. EN. PLUS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36630</t>
  </si>
  <si>
    <t>5702327190703</t>
  </si>
  <si>
    <t>VELUX Solarfenster GGU SK06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37021</t>
  </si>
  <si>
    <t>5702327221957</t>
  </si>
  <si>
    <t>VELUX Elektrofenster GGU SK06 037021</t>
  </si>
  <si>
    <t>Polyur. THERMO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37030</t>
  </si>
  <si>
    <t>5702327190710</t>
  </si>
  <si>
    <t>VELUX Solarfenster GGU SK06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0384</t>
  </si>
  <si>
    <t>5702329842068</t>
  </si>
  <si>
    <t>VELUX Schwingfenster GGU SK06 0384</t>
  </si>
  <si>
    <t>Polyur. ENERGIE Titanzink 114 x 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SK06 038421</t>
  </si>
  <si>
    <t>5702329842075</t>
  </si>
  <si>
    <t>VELUX Elektrofenster GGU SK06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6 038430</t>
  </si>
  <si>
    <t>5702329842082</t>
  </si>
  <si>
    <t>VELUX Solarfenster GGU SK06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6 S10J01</t>
  </si>
  <si>
    <t>5702328957428</t>
  </si>
  <si>
    <t>VELUX Schwingfenster GGU SK06 S10J01</t>
  </si>
  <si>
    <t>Polyur. EN.WäDämm. Alu+EDJ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SK06 SD00402</t>
  </si>
  <si>
    <t>5702327889379</t>
  </si>
  <si>
    <t>VELUX Rauch-Wärmeabzug GGU SK06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6 SD00403</t>
  </si>
  <si>
    <t>5702327889386</t>
  </si>
  <si>
    <t>VELUX Rauch-Wärmeabzug GGU SK06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61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8 0062</t>
  </si>
  <si>
    <t>5702327115003</t>
  </si>
  <si>
    <t>VELUX Schwingfenster GGU SK08 0062</t>
  </si>
  <si>
    <t>Polyur. Schallsch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SK08 006221</t>
  </si>
  <si>
    <t>5702327592163</t>
  </si>
  <si>
    <t>VELUX Elektrofenster GGU SK08 006221</t>
  </si>
  <si>
    <t>Polyur. EN.Schall.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066</t>
  </si>
  <si>
    <t>5702326178153</t>
  </si>
  <si>
    <t>VELUX Schwingfenster GGU SK08 0066</t>
  </si>
  <si>
    <t>Polyur. EN.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8 006621</t>
  </si>
  <si>
    <t>5702326178177</t>
  </si>
  <si>
    <t>VELUX Elektrofenster GGU SK08 006621</t>
  </si>
  <si>
    <t>Polyur. EN. PLUS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06622</t>
  </si>
  <si>
    <t>5702321118956</t>
  </si>
  <si>
    <t>VELUX Elektro-Schwingf. GGU SK08 006622</t>
  </si>
  <si>
    <t>Polyur. EN. PLUS Alu 114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8 006640D</t>
  </si>
  <si>
    <t>5702328700819</t>
  </si>
  <si>
    <t>VELUX Rauchabz.-F. GGU SK08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8 0067</t>
  </si>
  <si>
    <t>5702327182807</t>
  </si>
  <si>
    <t>VELUX Schwingfenster GGU SK08 0067</t>
  </si>
  <si>
    <t>Polyur. EN.-STAR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8 006721</t>
  </si>
  <si>
    <t>5702328934481</t>
  </si>
  <si>
    <t>VELUX Elektrofenster GGU SK08 006721</t>
  </si>
  <si>
    <t>Polyur. EN.WäDämm.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06730</t>
  </si>
  <si>
    <t>5702328934498</t>
  </si>
  <si>
    <t>VELUX Solarfenster GGU SK08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8 0069</t>
  </si>
  <si>
    <t>5702328931916</t>
  </si>
  <si>
    <t>VELUX Schwingfenster GGU SK08 0069</t>
  </si>
  <si>
    <t>Polyur. E.Hitzesch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SK08 006921</t>
  </si>
  <si>
    <t>5702328931923</t>
  </si>
  <si>
    <t>VELUX Elektrofenster GGU S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06930</t>
  </si>
  <si>
    <t>5702328931930</t>
  </si>
  <si>
    <t>VELUX Solarfenster GGU SK08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8 0070</t>
  </si>
  <si>
    <t>5702326549816</t>
  </si>
  <si>
    <t>VELUX Schwingfenster GGU SK08 0070</t>
  </si>
  <si>
    <t>Polyur. THERMO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8 007021</t>
  </si>
  <si>
    <t>5702326549823</t>
  </si>
  <si>
    <t>VELUX Elektrofenster GGU S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07022</t>
  </si>
  <si>
    <t>5702321118987</t>
  </si>
  <si>
    <t>VELUX Elektro-Schwingf. GGU SK08 007022</t>
  </si>
  <si>
    <t>Polyur. THERMO Alu 114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8 007030</t>
  </si>
  <si>
    <t>5702327204127</t>
  </si>
  <si>
    <t>VELUX Solarfenster GGU S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8 007040D</t>
  </si>
  <si>
    <t>5702328700826</t>
  </si>
  <si>
    <t>VELUX Rauchabz.-F. GGU SK08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40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8 0070Q</t>
  </si>
  <si>
    <t>5702327007780</t>
  </si>
  <si>
    <t>VELUX Schwingfenster GGU SK08 0070Q</t>
  </si>
  <si>
    <t>Polyur. Son.Vergl. Al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SK08 0084</t>
  </si>
  <si>
    <t>5702329842105</t>
  </si>
  <si>
    <t>VELUX Schwingfenster GGU SK08 0084</t>
  </si>
  <si>
    <t>Polyur. ENERGIE Alu 11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SK08 008421</t>
  </si>
  <si>
    <t>5702329842112</t>
  </si>
  <si>
    <t>VELUX Elektrofenster GGU S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08422</t>
  </si>
  <si>
    <t>5702321119014</t>
  </si>
  <si>
    <t>VELUX Elektro-Schwingf. GGU SK08 008422</t>
  </si>
  <si>
    <t>Polyur. ENERGIE Alu 114 x 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8 008430</t>
  </si>
  <si>
    <t>5702329842136</t>
  </si>
  <si>
    <t>VELUX Solarfenster GGU S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08 008440D</t>
  </si>
  <si>
    <t>5702329842143</t>
  </si>
  <si>
    <t>VELUX Rauchabzugsfst. GGU SK08 008440D</t>
  </si>
  <si>
    <t>Polyur, ENERGIE, Alu 114x140</t>
  </si>
  <si>
    <t>GGU SK08 016621</t>
  </si>
  <si>
    <t>5702327031808</t>
  </si>
  <si>
    <t>VELUX Elektrofenster GGU SK08 016621</t>
  </si>
  <si>
    <t>Polyur. EN. 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16622</t>
  </si>
  <si>
    <t>5702321119236</t>
  </si>
  <si>
    <t>VELUX Elektro-Schwingf. GGU SK08 016622</t>
  </si>
  <si>
    <t>Polyur. EN. PLUS Kupfer 114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8 0170</t>
  </si>
  <si>
    <t>5702327165022</t>
  </si>
  <si>
    <t>VELUX Schwingfenster GGU SK08 0170</t>
  </si>
  <si>
    <t>Polyur. THERMO Cu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8 017021</t>
  </si>
  <si>
    <t>5702327221964</t>
  </si>
  <si>
    <t>VELUX Elektrofenster GGU SK08 017021</t>
  </si>
  <si>
    <t>Polyur. THERMO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17022</t>
  </si>
  <si>
    <t>5702321119274</t>
  </si>
  <si>
    <t>VELUX Elektro-Schwingf. GGU SK08 017022</t>
  </si>
  <si>
    <t>Polyur. THERMO Kupfer 114x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8 0184</t>
  </si>
  <si>
    <t>5702329842150</t>
  </si>
  <si>
    <t>VELUX Schwingfenster GGU SK08 0184</t>
  </si>
  <si>
    <t>Polyur. ENERGIE Kupfer 11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SK08 018421</t>
  </si>
  <si>
    <t>5702329842167</t>
  </si>
  <si>
    <t>VELUX Elektrofenster GGU S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18422</t>
  </si>
  <si>
    <t>5702321119281</t>
  </si>
  <si>
    <t>VELUX Elektro-Schwingf. GGU SK08 018422</t>
  </si>
  <si>
    <t>Polyur. ENERGIE Kupfer 114 x 140, 230V</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Elektro 230V Dachfenster für
kabelgebundene Integration.
Inklusive ab Werk vormontierten
elektrischen
Fenstermotor und Regensensor
---------------------------------
Die manuelle_x000D_ Bedienung des Fensters
bleibt weiterhin möglich
----------------------------------------
Einfacher Stromanschluss über 230V
----------------------------------------
Einklemmschutz durch das Erkennen von
Hindernissen
während des Schließens
_x000D_---------------------------------
Zugkraft: min. 225 N_x000D_
Druckkraft: max. 150 N_x000D_
Kettenhub: 200 mm_x000D_
korrosionsgeschützte Stahlkette
---------------------------------
Zusätzlich kann ein außenliegendes 230V
Hitzeschutzprodukt angeschlossen
werden.
Alle technischen Werte sind normgemäß
im senkrechten Einbau ermittelt und 
beziehen sich auf das Fenster als Ganzes</t>
  </si>
  <si>
    <t>GGU SK08 0362</t>
  </si>
  <si>
    <t>5702327526113</t>
  </si>
  <si>
    <t>VELUX Schwingfenster GGU SK08 0362</t>
  </si>
  <si>
    <t>Polyur. Schallsch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SK08 0366</t>
  </si>
  <si>
    <t>5702327002648</t>
  </si>
  <si>
    <t>VELUX Schwingfenster GGU SK08 0366</t>
  </si>
  <si>
    <t>Polyur. EN.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8 036621</t>
  </si>
  <si>
    <t>5702327219534</t>
  </si>
  <si>
    <t>VELUX Elektrofenster GGU SK08 036621</t>
  </si>
  <si>
    <t>Polyur. EN. 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08 0370</t>
  </si>
  <si>
    <t>5702327165046</t>
  </si>
  <si>
    <t>VELUX Schwingfenster GGU SK08 0370</t>
  </si>
  <si>
    <t>Polyur. THERMO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8 0384</t>
  </si>
  <si>
    <t>5702329842174</t>
  </si>
  <si>
    <t>VELUX Schwingfenster GGU SK08 0384</t>
  </si>
  <si>
    <t>Polyur. ENERGIE Titanzink 11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SK08 S10J01</t>
  </si>
  <si>
    <t>5702328957435</t>
  </si>
  <si>
    <t>VELUX Schwingfenster GGU SK08 S10J01</t>
  </si>
  <si>
    <t>Polyur. EN.WäDämm. Alu+EDJ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SK08 SD00402</t>
  </si>
  <si>
    <t>5702327889393</t>
  </si>
  <si>
    <t>VELUX Rauch-Wärmeabzug GGU SK08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08 SD00403</t>
  </si>
  <si>
    <t>5702327889409</t>
  </si>
  <si>
    <t>VELUX Rauch-Wärmeabzug GGU SK08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7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10 0066</t>
  </si>
  <si>
    <t>5702328746596</t>
  </si>
  <si>
    <t>VELUX Schwingfenster GGU SK10 0066</t>
  </si>
  <si>
    <t>Polyur. EN. PLUS Alu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10 006621</t>
  </si>
  <si>
    <t>5702328746602</t>
  </si>
  <si>
    <t>VELUX Elektrofenster GGU SK10 0066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06630</t>
  </si>
  <si>
    <t>5702328746619</t>
  </si>
  <si>
    <t>VELUX Solarfenster GGU SK10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067</t>
  </si>
  <si>
    <t>5702328934504</t>
  </si>
  <si>
    <t>VELUX Schwingfenster GGU SK10 0067</t>
  </si>
  <si>
    <t>Polyur. EN.WäDämm.Alu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10 006721</t>
  </si>
  <si>
    <t>5702328934511</t>
  </si>
  <si>
    <t>VELUX Elektrofenster GGU SK10 0067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06730</t>
  </si>
  <si>
    <t>5702328934528</t>
  </si>
  <si>
    <t>VELUX Solarfenster GGU SK10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069</t>
  </si>
  <si>
    <t>5702328931947</t>
  </si>
  <si>
    <t>VELUX Schwingfenster GGU SK10 0069</t>
  </si>
  <si>
    <t>Polyur. E.HitzeschAlu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SK10 006921</t>
  </si>
  <si>
    <t>5702328931954</t>
  </si>
  <si>
    <t>VELUX Elektrofenster GGU SK10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06930</t>
  </si>
  <si>
    <t>5702328931961</t>
  </si>
  <si>
    <t>VELUX Solarfenster GGU SK10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070</t>
  </si>
  <si>
    <t>5702328746657</t>
  </si>
  <si>
    <t>VELUX Schwingfenster GGU SK10 0070</t>
  </si>
  <si>
    <t>Polyur. THERMO Alu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10 007021</t>
  </si>
  <si>
    <t>5702328746664</t>
  </si>
  <si>
    <t>VELUX Elektrofenster GGU SK10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07030</t>
  </si>
  <si>
    <t>5702328746671</t>
  </si>
  <si>
    <t>VELUX Solarfenster GGU SK10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084</t>
  </si>
  <si>
    <t>5702329842181</t>
  </si>
  <si>
    <t>VELUX Schwingfenster GGU SK10 0084</t>
  </si>
  <si>
    <t>Polyur. ENERGIE Alu 11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SK10 008421</t>
  </si>
  <si>
    <t>5702329842198</t>
  </si>
  <si>
    <t>VELUX Elektrofenster GGU SK10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08430</t>
  </si>
  <si>
    <t>5702329842211</t>
  </si>
  <si>
    <t>VELUX Solarfenster GGU SK10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166</t>
  </si>
  <si>
    <t>5702328746688</t>
  </si>
  <si>
    <t>VELUX Schwingfenster GGU SK10 0166</t>
  </si>
  <si>
    <t>Polyur. EN. 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10 016621</t>
  </si>
  <si>
    <t>5702328746695</t>
  </si>
  <si>
    <t>VELUX Elektrofenster GGU SK10 0166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16630</t>
  </si>
  <si>
    <t>5702328746701</t>
  </si>
  <si>
    <t>VELUX Solarfenster GGU S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17021</t>
  </si>
  <si>
    <t>5702328746756</t>
  </si>
  <si>
    <t>VELUX Elektrofenster GGU SK10 017021</t>
  </si>
  <si>
    <t>Polyur. THERMO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184</t>
  </si>
  <si>
    <t>5702329842228</t>
  </si>
  <si>
    <t>VELUX Schwingfenster GGU SK10 0184</t>
  </si>
  <si>
    <t>Polyur. ENERGIE Kupfer 11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SK10 018421</t>
  </si>
  <si>
    <t>5702329842235</t>
  </si>
  <si>
    <t>VELUX Elektrofenster GGU SK10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18430</t>
  </si>
  <si>
    <t>5702329842259</t>
  </si>
  <si>
    <t>VELUX Solarfenster GGU SK10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36621</t>
  </si>
  <si>
    <t>5702328746787</t>
  </si>
  <si>
    <t>VELUX Elektrofenster GGU SK10 036621</t>
  </si>
  <si>
    <t>Polyur. EN. PLUS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36630</t>
  </si>
  <si>
    <t>5702328746794</t>
  </si>
  <si>
    <t>VELUX Solarfenster GGU SK10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037021</t>
  </si>
  <si>
    <t>5702328746848</t>
  </si>
  <si>
    <t>VELUX Elektrofenster GGU SK10 037021</t>
  </si>
  <si>
    <t>Polyur. THERMO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384</t>
  </si>
  <si>
    <t>5702329842266</t>
  </si>
  <si>
    <t>VELUX Schwingfenster GGU SK10 0384</t>
  </si>
  <si>
    <t>klar lackiert EN Titanzink 11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SK10 038421</t>
  </si>
  <si>
    <t>5702329842273</t>
  </si>
  <si>
    <t>VELUX Elektrofenster GGU SK10 038421</t>
  </si>
  <si>
    <t>Polyur. ENERGIE Titanzink 11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SK10 038430</t>
  </si>
  <si>
    <t>5702329842297</t>
  </si>
  <si>
    <t>VELUX Solarfenster GGU SK10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SK10 S10J01</t>
  </si>
  <si>
    <t>5702328957442</t>
  </si>
  <si>
    <t>VELUX Schwingfenster GGU SK10 S10J01</t>
  </si>
  <si>
    <t>Polyur. EN.WäDämm. Alu+EDJ 11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UK04 0066</t>
  </si>
  <si>
    <t>5702327001849</t>
  </si>
  <si>
    <t>VELUX Schwingfenster GGU UK04 0066</t>
  </si>
  <si>
    <t>Polyur. EN.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4 006621</t>
  </si>
  <si>
    <t>5702327030054</t>
  </si>
  <si>
    <t>VELUX Elektrofenster GGU UK04 006621</t>
  </si>
  <si>
    <t>Polyur. EN. PLUS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06630</t>
  </si>
  <si>
    <t>5702327153715</t>
  </si>
  <si>
    <t>VELUX Solarfenster GGU UK04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006640D</t>
  </si>
  <si>
    <t>5702328700833</t>
  </si>
  <si>
    <t>VELUX Rauchabz.-F. GGU UK04 0066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4 0067</t>
  </si>
  <si>
    <t>5702327182838</t>
  </si>
  <si>
    <t>VELUX Schwingfenster GGU UK04 0067</t>
  </si>
  <si>
    <t>Polyur. EN.-STAR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4 006721</t>
  </si>
  <si>
    <t>5702328934535</t>
  </si>
  <si>
    <t>VELUX Elektrofenster GGU UK04 006721</t>
  </si>
  <si>
    <t>Polyur. EN.WäDämm.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06730</t>
  </si>
  <si>
    <t>5702328934542</t>
  </si>
  <si>
    <t>VELUX Solarfenster GGU UK04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0069</t>
  </si>
  <si>
    <t>5702328931978</t>
  </si>
  <si>
    <t>VELUX Schwingfenster GGU UK04 0069</t>
  </si>
  <si>
    <t>Polyur. E.Hitzesch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UK04 006921</t>
  </si>
  <si>
    <t>5702328931985</t>
  </si>
  <si>
    <t>VELUX Elektrofenster GGU UK04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06930</t>
  </si>
  <si>
    <t>5702328931992</t>
  </si>
  <si>
    <t>VELUX Solarfenster GGU UK04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0070</t>
  </si>
  <si>
    <t>5702327016669</t>
  </si>
  <si>
    <t>VELUX Schwingfenster GGU UK04 0070</t>
  </si>
  <si>
    <t>Polyur. THERMO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4 007021</t>
  </si>
  <si>
    <t>5702327191885</t>
  </si>
  <si>
    <t>VELUX Elektrofenster GGU UK04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07030</t>
  </si>
  <si>
    <t>5702327204134</t>
  </si>
  <si>
    <t>VELUX Solarfenster GGU UK04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007040D</t>
  </si>
  <si>
    <t>5702328700840</t>
  </si>
  <si>
    <t>VELUX Rauchabz.-F. GGU UK04 007040D</t>
  </si>
  <si>
    <t>-------------------------------
Rauchabzugsfenster mit vorinstalliertem
Rauchabzugsmotor für geometrische
Rauchabzugsflächen.
-------------------------------
Mit CE-Zeichen entsprechend EN 12101-2. 
Funktionssicherheit : Re 1000 + 10000)
Schneelast : SL 1000
Niedrige Umgebungstemperatur : T (-15) 
Windlast: WL 3000
Wärmebeständigkeit: B 300
---------------------------------
Zum Betrieb ist ein VELUX Steuersystem
KFX210-214, KFC 210 oder KFC 220
erforderlich.
Vorinstallierter Kettenmotor, 24-30
Volt, 2,5 Ampere
-------------------------------
Außenabdeckung aus Aluminium,
einbrennlackiert, NCS S 7500-N
Geometrische Öffnungsfläche Ag: 1,1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4 0070Q</t>
  </si>
  <si>
    <t>5702327007797</t>
  </si>
  <si>
    <t>VELUX Schwingfenster GGU UK04 0070Q</t>
  </si>
  <si>
    <t>Polyur. Son.Vergl. Al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UK04 0084</t>
  </si>
  <si>
    <t>5702329842303</t>
  </si>
  <si>
    <t>VELUX Schwingfenster GGU UK04 0084</t>
  </si>
  <si>
    <t>Polyur. ENERGIE Alu 134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UK04 008421</t>
  </si>
  <si>
    <t>5702329842310</t>
  </si>
  <si>
    <t>VELUX Elektrofenster GGU UK04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08430</t>
  </si>
  <si>
    <t>5702329842334</t>
  </si>
  <si>
    <t>VELUX Solarfenster GGU UK04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008440D</t>
  </si>
  <si>
    <t>5702329842341</t>
  </si>
  <si>
    <t>VELUX Rauchabzugsfst. GGU UK04 008440D</t>
  </si>
  <si>
    <t>Polyur, ENERGIE, Alu 134x98</t>
  </si>
  <si>
    <t>GGU UK04 0166</t>
  </si>
  <si>
    <t>5702327002655</t>
  </si>
  <si>
    <t>VELUX Schwingfenster GGU UK04 0166</t>
  </si>
  <si>
    <t>Polyur. EN.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4 016621</t>
  </si>
  <si>
    <t>5702327031839</t>
  </si>
  <si>
    <t>VELUX Elektrofenster GGU UK04 016621</t>
  </si>
  <si>
    <t>Polyur. EN. PLUS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16630</t>
  </si>
  <si>
    <t>5702327190734</t>
  </si>
  <si>
    <t>VELUX Solarfenster GGU UK04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0170</t>
  </si>
  <si>
    <t>5702327165060</t>
  </si>
  <si>
    <t>VELUX Schwingfenster GGU UK04 0170</t>
  </si>
  <si>
    <t>Polyur. THERMO Cu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4 017021</t>
  </si>
  <si>
    <t>5702327221995</t>
  </si>
  <si>
    <t>VELUX Elektrofenster GGU UK04 017021</t>
  </si>
  <si>
    <t>Polyur. THERMO Kupfer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17030</t>
  </si>
  <si>
    <t>5702327190741</t>
  </si>
  <si>
    <t>VELUX Solarfenster GGU UK04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0184</t>
  </si>
  <si>
    <t>5702329842365</t>
  </si>
  <si>
    <t>VELUX Schwingfenster GGU UK04 0184</t>
  </si>
  <si>
    <t>Polyur. ENERGIE Kupfer 134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UK04 018421</t>
  </si>
  <si>
    <t>5702329842372</t>
  </si>
  <si>
    <t>VELUX Elektrofenster GGU UK04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18430</t>
  </si>
  <si>
    <t>5702329842389</t>
  </si>
  <si>
    <t>VELUX Solarfenster GGU UK04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036621</t>
  </si>
  <si>
    <t>5702327219541</t>
  </si>
  <si>
    <t>VELUX Elektrofenster GGU UK04 036621</t>
  </si>
  <si>
    <t>Polyur. EN. 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37021</t>
  </si>
  <si>
    <t>5702327222008</t>
  </si>
  <si>
    <t>VELUX Elektrofenster GGU UK04 037021</t>
  </si>
  <si>
    <t>Polyur. THERMO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384</t>
  </si>
  <si>
    <t>5702329842396</t>
  </si>
  <si>
    <t>VELUX Schwingfenster GGU UK04 0384</t>
  </si>
  <si>
    <t>Polyur. ENERGIE Titanzink 134 x 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UK04 038421</t>
  </si>
  <si>
    <t>5702329842402</t>
  </si>
  <si>
    <t>VELUX Elektrofenster GGU UK04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4 038430</t>
  </si>
  <si>
    <t>5702329842419</t>
  </si>
  <si>
    <t>VELUX Solarfenster GGU UK04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4 SD00402</t>
  </si>
  <si>
    <t>5702327889416</t>
  </si>
  <si>
    <t>VELUX Rauch-Wärmeabzug GGU UK04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4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4 SD00403</t>
  </si>
  <si>
    <t>5702327889423</t>
  </si>
  <si>
    <t>VELUX Rauch-Wärmeabzug GGU UK04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Aerodynamisch wirksame Öffnungsfläche
Aa: 0,54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8 0066</t>
  </si>
  <si>
    <t>5702327001856</t>
  </si>
  <si>
    <t>VELUX Schwingfenster GGU UK08 0066</t>
  </si>
  <si>
    <t>Polyur. EN.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8 006621</t>
  </si>
  <si>
    <t>5702327030061</t>
  </si>
  <si>
    <t>VELUX Elektrofenster GGU UK08 006621</t>
  </si>
  <si>
    <t>Polyur. EN. PLUS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06630</t>
  </si>
  <si>
    <t>5702327153753</t>
  </si>
  <si>
    <t>VELUX Solarfenster GGU UK08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06640D</t>
  </si>
  <si>
    <t>5702328700857</t>
  </si>
  <si>
    <t>VELUX Rauchabz.-F. GGU UK08 006640D</t>
  </si>
  <si>
    <t>-------------------------------
Rauchabzugsfenster mit vorinstalliertem
Rauchabzugsmotor für geometrische
Rauchabzugsflächen.
-------------------------------
Mit CE-Zeichen entsprechend EN 12101-2. 
Funktionssicherheit : Re 1000 + 10000)
Schneelast : SL 1000
Niedrige Umgebungstemperatur : T (-15) 
Windlast: WL 15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8 0067</t>
  </si>
  <si>
    <t>5702327182869</t>
  </si>
  <si>
    <t>VELUX Schwingfenster GGU UK08 0067</t>
  </si>
  <si>
    <t>Polyur. EN.-STAR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WÄRMEDÄMMUNG Verglasung
Passivhaus tauglich, für besonders
hohen Wärmeschutz: Uw = 0,82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8 006721</t>
  </si>
  <si>
    <t>5702328934559</t>
  </si>
  <si>
    <t>VELUX Elektrofenster GGU UK08 006721</t>
  </si>
  <si>
    <t>Polyur. EN.WäDämm.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06730</t>
  </si>
  <si>
    <t>5702328934566</t>
  </si>
  <si>
    <t>VELUX Solarfenster GGU UK08 0067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069</t>
  </si>
  <si>
    <t>5702328932005</t>
  </si>
  <si>
    <t>VELUX Schwingfenster GGU UK08 0069</t>
  </si>
  <si>
    <t>Polyur. E.Hitzesch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U UK08 006921</t>
  </si>
  <si>
    <t>5702328932012</t>
  </si>
  <si>
    <t>VELUX Elektrofenster GGU UK08 0069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06930</t>
  </si>
  <si>
    <t>5702328932029</t>
  </si>
  <si>
    <t>VELUX Solarfenster GGU UK08 0069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070</t>
  </si>
  <si>
    <t>5702327016676</t>
  </si>
  <si>
    <t>VELUX Schwingfenster GGU UK08 0070</t>
  </si>
  <si>
    <t>Polyur. THERMO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8 007021</t>
  </si>
  <si>
    <t>5702327191892</t>
  </si>
  <si>
    <t>VELUX Elektrofenster GGU UK08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07030</t>
  </si>
  <si>
    <t>5702327204141</t>
  </si>
  <si>
    <t>VELUX Solarfenster GGU UK08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07040D</t>
  </si>
  <si>
    <t>5702328700864</t>
  </si>
  <si>
    <t>VELUX Rauchabz.-F. GGU UK08 007040D</t>
  </si>
  <si>
    <t>-------------------------------
Rauchabzugsfenster mit vorinstalliertem
Rauchabzugsmotor für geometrische
Rauchabzugsflächen.
-------------------------------
Mit CE-Zeichen entsprechend EN 12101-2. 
Funktionssicherheit : Re 1000 + 10000)
Schneelast : SL 1000
Niedrige Umgebungstemperatur : T (-15) 
Windlast: WL 1500
Wärmebeständigkeit: B 300
---------------------------------
Zum Betrieb ist ein VELUX Steuersystem
KFX210-214, KFC 210 oder KFC 220
erforderlich.
Vorinstallierter Kettenmotor, 24-30
Volt, 2,5 Ampere
-------------------------------
Außenabdeckung aus Aluminium,
einbrennlackiert, NCS S 7500-N
Geometrische Öffnungsfläche Ag: 1,67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8 0070Q</t>
  </si>
  <si>
    <t>5702327007810</t>
  </si>
  <si>
    <t>VELUX Schwingfenster GGU UK08 0070Q</t>
  </si>
  <si>
    <t>Polyur. Son.Vergl. Al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UK08 0084</t>
  </si>
  <si>
    <t>5702329842426</t>
  </si>
  <si>
    <t>VELUX Schwingfenster GGU UK08 0084</t>
  </si>
  <si>
    <t>Polyur. ENERGIE Alu 13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UK08 008421</t>
  </si>
  <si>
    <t>5702329842433</t>
  </si>
  <si>
    <t>VELUX Elektrofenster GGU UK08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08430</t>
  </si>
  <si>
    <t>5702329842457</t>
  </si>
  <si>
    <t>VELUX Solarfenster GGU UK08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08440D</t>
  </si>
  <si>
    <t>5702329842464</t>
  </si>
  <si>
    <t>VELUX Rauchabzugsfst. GGU UK08 008440D</t>
  </si>
  <si>
    <t>Polyur, ENERGIE, Alu 134x140</t>
  </si>
  <si>
    <t>GGU UK08 0166</t>
  </si>
  <si>
    <t>5702327002679</t>
  </si>
  <si>
    <t>VELUX Schwingfenster GGU UK08 0166</t>
  </si>
  <si>
    <t>Polyur. EN.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8 016621</t>
  </si>
  <si>
    <t>5702327031891</t>
  </si>
  <si>
    <t>VELUX Elektrofenster GGU UK08 016621</t>
  </si>
  <si>
    <t>Polyur. EN. PLUS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16630</t>
  </si>
  <si>
    <t>5702327190796</t>
  </si>
  <si>
    <t>VELUX Solarfenster GGU UK08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170</t>
  </si>
  <si>
    <t>5702327165107</t>
  </si>
  <si>
    <t>VELUX Schwingfenster GGU UK08 0170</t>
  </si>
  <si>
    <t>Polyur. THERMO Cu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8 017021</t>
  </si>
  <si>
    <t>5702327222015</t>
  </si>
  <si>
    <t>VELUX Elektrofenster GGU UK08 017021</t>
  </si>
  <si>
    <t>Polyur. THERMO Kupfer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17030</t>
  </si>
  <si>
    <t>5702327190802</t>
  </si>
  <si>
    <t>VELUX Solarfenster GGU UK08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184</t>
  </si>
  <si>
    <t>5702329842471</t>
  </si>
  <si>
    <t>VELUX Schwingfenster GGU UK08 0184</t>
  </si>
  <si>
    <t>Polyur. ENERGIE Kupfer 13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UK08 018421</t>
  </si>
  <si>
    <t>5702329842488</t>
  </si>
  <si>
    <t>VELUX Elektrofenster GGU UK08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18430</t>
  </si>
  <si>
    <t>5702329842495</t>
  </si>
  <si>
    <t>VELUX Solarfenster GGU UK08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366</t>
  </si>
  <si>
    <t>5702327002686</t>
  </si>
  <si>
    <t>VELUX Schwingfenster GGU UK08 0366</t>
  </si>
  <si>
    <t>Polyur. EN.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8 036621</t>
  </si>
  <si>
    <t>5702327219558</t>
  </si>
  <si>
    <t>VELUX Elektrofenster GGU UK08 036621</t>
  </si>
  <si>
    <t>Polyur. EN. 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36630</t>
  </si>
  <si>
    <t>5702327190826</t>
  </si>
  <si>
    <t>VELUX Solarfenster GGU UK08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37021</t>
  </si>
  <si>
    <t>5702327222022</t>
  </si>
  <si>
    <t>VELUX Elektrofenster GGU UK08 037021</t>
  </si>
  <si>
    <t>Polyur. THERMO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37030</t>
  </si>
  <si>
    <t>5702327190833</t>
  </si>
  <si>
    <t>VELUX Solarfenster GGU UK08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0384</t>
  </si>
  <si>
    <t>5702329842501</t>
  </si>
  <si>
    <t>VELUX Schwingfenster GGU UK08 0384</t>
  </si>
  <si>
    <t>Polyur. ENERGIE Titanzink 134 x 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UK08 038421</t>
  </si>
  <si>
    <t>5702329842518</t>
  </si>
  <si>
    <t>VELUX Elektrofenster GGU UK08 03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08 038430</t>
  </si>
  <si>
    <t>5702329842525</t>
  </si>
  <si>
    <t>VELUX Solarfenster GGU UK08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08 S10J01</t>
  </si>
  <si>
    <t>5702328957466</t>
  </si>
  <si>
    <t>VELUX Schwingfenster GGU UK08 S10J01</t>
  </si>
  <si>
    <t>Polyur. EN.WäDämm. Alu+EDJ 13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Verglasung VELUX ENERGIE WÄRMEDÄMMUNG,
für hohen Wärmeschutz:Uw = 0,74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GU UK08 SD00402</t>
  </si>
  <si>
    <t>5702327889430</t>
  </si>
  <si>
    <t>VELUX Rauch-Wärmeabzug GGU UK08 SD00402</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1500
 Wärmebeständigkeit B 300_x000D_
_x000D_---------------------------------------
Zum Betrieb ist ein VELUX Steuersystem_x000D_
KFX210-214, KFC 210 oder KFC 220
erforderlich._x000D_
Vorinstallierter Kettenmotor,_x000D_
24-30 Volt (2 Ampere).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8 SD00403</t>
  </si>
  <si>
    <t>5702327889447</t>
  </si>
  <si>
    <t>VELUX Rauch-Wärmeabzug GGU UK08 SD00403</t>
  </si>
  <si>
    <t>----------------------------------------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3000_x000D_
 Wärmebeständigkeit B 300_x000D_
_x000D_---------------------------------------
Zum Betrieb ist ein VELUX Steuersystem_x000D_
KFX210-214, KFC 210 oder KFC 220
erforderlich._x000D_
Vorinstallierter Kettenmotor,_x000D_
24-30 V (2,5 A).
---------------------------------------
Außenabdeckung aus Aluminium,
einbrennlackiert, NCS S 7500-N
---------------------------------------
----------------------------------------
Rauch- und Wärmeabzugsfenster für
aerodynamische Öffnungsflächen 
Mit_x000D_ vorinstalliertem Rauchabzugsmotor
und_x000D_ beiliegenden Windableitblechen._x000D_ 
----------------------------------------
Klassifizierung nach DIN EN 12101-2:_x000D_
_x000D_ Funktionssicherheit Re 1000 + 10.000_x000D_
 Schneelast SL 1000
 Niedrige Umgebungstemperatur T (-15)_x000D_
 Windlast WL 1500
 Wärmebeständigkeit B 300_x000D_
_x000D_---------------------------------------
Zum Betrieb ist ein VELUX Steuersystem_x000D_
KFX210-214, KFC 210 oder KFC 220
erforderlich._x000D_
Vorinstallierter Kettenmotor,_x000D_
24-30 Volt (2 Ampere).
---------------------------------------
Außenabdeckung aus Aluminium,
einbrennlackiert, NCS S 7500-N
---------------------------------------
Aerodynamisch wirksame Öffnungsfläche
Aa: 0,83 m²
----------------------------------------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10 0066</t>
  </si>
  <si>
    <t>5702328963139</t>
  </si>
  <si>
    <t>VELUX Schwingfenster GGU UK10 0066</t>
  </si>
  <si>
    <t>Polyur. EN. PLUS Alu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10 006621</t>
  </si>
  <si>
    <t>5702328963146</t>
  </si>
  <si>
    <t>VELUX Elektrofenster GGU UK10 0066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06630</t>
  </si>
  <si>
    <t>5702328963153</t>
  </si>
  <si>
    <t>VELUX Solarfenster GGU UK10 00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070</t>
  </si>
  <si>
    <t>5702328963191</t>
  </si>
  <si>
    <t>VELUX Schwingfenster GGU UK10 0070</t>
  </si>
  <si>
    <t>Polyur. THERMO Alu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10 007021</t>
  </si>
  <si>
    <t>5702327222039</t>
  </si>
  <si>
    <t>VELUX Elektrofenster GGU UK10 0070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07030</t>
  </si>
  <si>
    <t>5702328963214</t>
  </si>
  <si>
    <t>VELUX Solarfenster GGU UK10 00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084</t>
  </si>
  <si>
    <t>5702329842532</t>
  </si>
  <si>
    <t>VELUX Schwingfenster GGU UK10 0084</t>
  </si>
  <si>
    <t>Polyur. ENERGIE Alu 13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UK10 008421</t>
  </si>
  <si>
    <t>5702329842549</t>
  </si>
  <si>
    <t>VELUX Elektrofenster GGU UK10 00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08430</t>
  </si>
  <si>
    <t>5702329842556</t>
  </si>
  <si>
    <t>VELUX Solarfenster GGU UK10 00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16621</t>
  </si>
  <si>
    <t>5702328963238</t>
  </si>
  <si>
    <t>VELUX Elektrofenster GGU UK10 016621</t>
  </si>
  <si>
    <t>Polyur. EN. 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16630</t>
  </si>
  <si>
    <t>5702328963245</t>
  </si>
  <si>
    <t>VELUX Solarfenster GGU UK10 01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17021</t>
  </si>
  <si>
    <t>5702328963290</t>
  </si>
  <si>
    <t>VELUX Elektrofenster GGU UK10 017021</t>
  </si>
  <si>
    <t>Polyur. THERMO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184</t>
  </si>
  <si>
    <t>5702329842570</t>
  </si>
  <si>
    <t>VELUX Schwingfenster GGU UK10 0184</t>
  </si>
  <si>
    <t>Polyur. ENERGIE Kupfer 13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UK10 018421</t>
  </si>
  <si>
    <t>5702329842587</t>
  </si>
  <si>
    <t>VELUX Elektrofenster GGU UK10 018421</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18430</t>
  </si>
  <si>
    <t>5702329842594</t>
  </si>
  <si>
    <t>VELUX Solarfenster GGU UK10 01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36621</t>
  </si>
  <si>
    <t>5702328963320</t>
  </si>
  <si>
    <t>VELUX Elektrofenster GGU UK10 036621</t>
  </si>
  <si>
    <t>Polyur. EN. PLUS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37021</t>
  </si>
  <si>
    <t>5702328963382</t>
  </si>
  <si>
    <t>VELUX Elektrofenster GGU UK10 037021</t>
  </si>
  <si>
    <t>Polyur. THERMO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37030</t>
  </si>
  <si>
    <t>5702328963399</t>
  </si>
  <si>
    <t>VELUX Solarfenster GGU UK10 03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384</t>
  </si>
  <si>
    <t>5702329842600</t>
  </si>
  <si>
    <t>VELUX Schwingfenster GGU UK10 0384</t>
  </si>
  <si>
    <t>klar lackiert EN Titanzink 13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GU UK10 038421</t>
  </si>
  <si>
    <t>5702329842617</t>
  </si>
  <si>
    <t>VELUX Elektrofenster GGU UK10 038421</t>
  </si>
  <si>
    <t>Polyur. ENERGIE Titanzink 134 x 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U UK10 038430</t>
  </si>
  <si>
    <t>5702329842624</t>
  </si>
  <si>
    <t>VELUX Solarfenster GGU UK10 0384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IL MK34 2062</t>
  </si>
  <si>
    <t>5702328734159</t>
  </si>
  <si>
    <t>VELUX Zusatzelement GIL MK34 2062</t>
  </si>
  <si>
    <t>weiß lack EN.Schall.Alu 78x92</t>
  </si>
  <si>
    <t>150</t>
  </si>
  <si>
    <t>VELUX-Fenster-Zusatzelemente unten</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2066</t>
  </si>
  <si>
    <t>5702327966117</t>
  </si>
  <si>
    <t>VELUX Zus.el. Dachschr. GIL MK34 2066</t>
  </si>
  <si>
    <t>weiß lack. EN.PLUS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MK34 2070</t>
  </si>
  <si>
    <t>5702328349209</t>
  </si>
  <si>
    <t>VELUX Zus.el. Dachschr. GIL MK34 2070</t>
  </si>
  <si>
    <t>weiß lack THERMO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2084</t>
  </si>
  <si>
    <t>5702329842631</t>
  </si>
  <si>
    <t>VELUX Zus.el. Dachschr. GIL MK34 2084</t>
  </si>
  <si>
    <t>weiß lackiert ENERGIE Alu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MK34 2166</t>
  </si>
  <si>
    <t>5702328046184</t>
  </si>
  <si>
    <t>VELUX Zus.el. Dachschr. GIL MK34 2166</t>
  </si>
  <si>
    <t>weiß lack EN.PLUS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MK34 2184</t>
  </si>
  <si>
    <t>5702329842648</t>
  </si>
  <si>
    <t>VELUX Zus.el. Dachschr. GIL MK34 2184</t>
  </si>
  <si>
    <t>weiß lackiert ENERGIE Kupfer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MK34 2384</t>
  </si>
  <si>
    <t>5702329842655</t>
  </si>
  <si>
    <t>VELUX Zus.el. Dachschr. GIL MK34 2384</t>
  </si>
  <si>
    <t>weiß lackiert ENERGIE Titanzink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MK34 3062</t>
  </si>
  <si>
    <t>5702328734180</t>
  </si>
  <si>
    <t>VELUX Zusatzelement GIL MK34 3062</t>
  </si>
  <si>
    <t>klar lack EN.Schall.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3066</t>
  </si>
  <si>
    <t>5702326178252</t>
  </si>
  <si>
    <t>VELUX Zus.el. Dachschr. GIL MK34 3066</t>
  </si>
  <si>
    <t>klar lack EN.PLUS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MK34 3070</t>
  </si>
  <si>
    <t>5702328349230</t>
  </si>
  <si>
    <t>VELUX Zus.el. Dachschr. GIL MK34 3070</t>
  </si>
  <si>
    <t>klar lack THERMO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3084</t>
  </si>
  <si>
    <t>5702329842662</t>
  </si>
  <si>
    <t>VELUX Zus.el. Dachschr. GIL MK34 3084</t>
  </si>
  <si>
    <t>klar lackiert ENERGIE Alu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MK34 3166</t>
  </si>
  <si>
    <t>5702327135179</t>
  </si>
  <si>
    <t>VELUX Zus.el. Dachschr. GIL MK34 3166</t>
  </si>
  <si>
    <t>klar lack EN.PLUS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MK34 3184</t>
  </si>
  <si>
    <t>5702329842679</t>
  </si>
  <si>
    <t>VELUX Zus.el. Dachschr. GIL MK34 3184</t>
  </si>
  <si>
    <t>klar lackiert ENERGIE Kupfer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MK34 3384</t>
  </si>
  <si>
    <t>5702329842686</t>
  </si>
  <si>
    <t>VELUX Zus.el. Dachschr. GIL MK34 3384</t>
  </si>
  <si>
    <t>klar lackiert ENERGIE Titanzink 78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PK34 2062</t>
  </si>
  <si>
    <t>5702328734210</t>
  </si>
  <si>
    <t>VELUX Zusatzelement GIL PK34 2062</t>
  </si>
  <si>
    <t>weiß lack EN.Schall.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2066</t>
  </si>
  <si>
    <t>5702327966124</t>
  </si>
  <si>
    <t>VELUX Zus.el. Dachschr. GIL PK34 2066</t>
  </si>
  <si>
    <t>weiß lack. EN.PLUS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PK34 2070</t>
  </si>
  <si>
    <t>5702328349261</t>
  </si>
  <si>
    <t>VELUX Zus.el. Dachschr. GIL PK34 2070</t>
  </si>
  <si>
    <t>weiß lack THERMO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2084</t>
  </si>
  <si>
    <t>5702329842693</t>
  </si>
  <si>
    <t>VELUX Zus.el. Dachschr. GIL PK34 2084</t>
  </si>
  <si>
    <t>weiß lackiert ENERGIE Alu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PK34 2166</t>
  </si>
  <si>
    <t>5702328046207</t>
  </si>
  <si>
    <t>VELUX Zus.el. Dachschr. GIL PK34 2166</t>
  </si>
  <si>
    <t>weiß lack EN.PLUS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PK34 2184</t>
  </si>
  <si>
    <t>5702329842709</t>
  </si>
  <si>
    <t>VELUX Zus.el. Dachschr. GIL PK34 2184</t>
  </si>
  <si>
    <t>weiß lackiert ENERGIE Kupfer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PK34 2366</t>
  </si>
  <si>
    <t>5702328046214</t>
  </si>
  <si>
    <t>VELUX Zus.el. Dachschr. GIL PK34 2366</t>
  </si>
  <si>
    <t>weiß lack EN.PLUS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PK34 2384</t>
  </si>
  <si>
    <t>5702329842716</t>
  </si>
  <si>
    <t>VELUX Zus.el. Dachschr. GIL PK34 2384</t>
  </si>
  <si>
    <t>weiß lackiert ENERGIE Titanzink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PK34 3062</t>
  </si>
  <si>
    <t>5702328734241</t>
  </si>
  <si>
    <t>VELUX Zusatzelement GIL PK34 3062</t>
  </si>
  <si>
    <t>klar lack EN.Schall.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3066</t>
  </si>
  <si>
    <t>5702326178269</t>
  </si>
  <si>
    <t>VELUX Zus.el. Dachschr. GIL PK34 3066</t>
  </si>
  <si>
    <t>klar lack EN.PLUS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PK34 3070</t>
  </si>
  <si>
    <t>5702328349292</t>
  </si>
  <si>
    <t>VELUX Zus.el. Dachschr. GIL PK34 3070</t>
  </si>
  <si>
    <t>klar lack THERMO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3084</t>
  </si>
  <si>
    <t>5702329842723</t>
  </si>
  <si>
    <t>VELUX Zus.el. Dachschr. GIL PK34 3084</t>
  </si>
  <si>
    <t>klar lackiert ENERGIE Alu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PK34 3166</t>
  </si>
  <si>
    <t>5702327135278</t>
  </si>
  <si>
    <t>VELUX Zus.el. Dachschr. GIL PK34 3166</t>
  </si>
  <si>
    <t>klar lack EN.PLUS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PK34 3184</t>
  </si>
  <si>
    <t>5702329842730</t>
  </si>
  <si>
    <t>VELUX Zus.el. Dachschr. GIL PK34 3184</t>
  </si>
  <si>
    <t>klar lackiert ENERGIE Kupfer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PK34 3384</t>
  </si>
  <si>
    <t>5702329842747</t>
  </si>
  <si>
    <t>VELUX Zus.el. Dachschr. GIL PK34 3384</t>
  </si>
  <si>
    <t>klar lackiert ENERGIE Titanzink 9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SK34 2062</t>
  </si>
  <si>
    <t>5702328734272</t>
  </si>
  <si>
    <t>VELUX Zusatzelement GIL SK34 2062</t>
  </si>
  <si>
    <t>weiß lack EN.Schall.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2066</t>
  </si>
  <si>
    <t>5702327852243</t>
  </si>
  <si>
    <t>VELUX Zus.el. Dachschr. GIL SK34 2066</t>
  </si>
  <si>
    <t>weiß lack. EN.PLUS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SK34 2070</t>
  </si>
  <si>
    <t>5702328349322</t>
  </si>
  <si>
    <t>VELUX Zus.el. Dachschr. GIL SK34 2070</t>
  </si>
  <si>
    <t>weiß lack THERMO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2084</t>
  </si>
  <si>
    <t>5702329842754</t>
  </si>
  <si>
    <t>VELUX Zus.el. Dachschr. GIL SK34 2084</t>
  </si>
  <si>
    <t>weiß lackiert ENERGIE Alu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SK34 2166</t>
  </si>
  <si>
    <t>5702327852250</t>
  </si>
  <si>
    <t>VELUX Zus.el. Dachschr. GIL SK34 2166</t>
  </si>
  <si>
    <t>weiß lack EN.PLUS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SK34 2184</t>
  </si>
  <si>
    <t>5702329842761</t>
  </si>
  <si>
    <t>VELUX Zus.el. Dachschr. GIL SK34 2184</t>
  </si>
  <si>
    <t>weiß lackiert ENERGIE Kupfer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SK34 2384</t>
  </si>
  <si>
    <t>5702329842778</t>
  </si>
  <si>
    <t>VELUX Zus.el. Dachschr. GIL SK34 2384</t>
  </si>
  <si>
    <t>weiß lackiert ENERGIE Titanzink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SK34 3062</t>
  </si>
  <si>
    <t>5702328734302</t>
  </si>
  <si>
    <t>VELUX Zusatzelement GIL SK34 3062</t>
  </si>
  <si>
    <t>klar lack EN.Schall.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3066</t>
  </si>
  <si>
    <t>5702326178276</t>
  </si>
  <si>
    <t>VELUX Zus.el. Dachschr. GIL SK34 3066</t>
  </si>
  <si>
    <t>klar lack EN.PLUS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SK34 3070</t>
  </si>
  <si>
    <t>5702328349353</t>
  </si>
  <si>
    <t>VELUX Zus.el. Dachschr. GIL SK34 3070</t>
  </si>
  <si>
    <t>klar lack THERMO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3084</t>
  </si>
  <si>
    <t>5702329842785</t>
  </si>
  <si>
    <t>VELUX Zus.el. Dachschr. GIL SK34 3084</t>
  </si>
  <si>
    <t>klar lackiert ENERGIE Alu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SK34 3166</t>
  </si>
  <si>
    <t>5702327135377</t>
  </si>
  <si>
    <t>VELUX Zus.el. Dachschr. GIL SK34 3166</t>
  </si>
  <si>
    <t>klar lack EN.PLUS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SK34 3184</t>
  </si>
  <si>
    <t>5702329842792</t>
  </si>
  <si>
    <t>VELUX Zus.el. Dachschr. GIL SK34 3184</t>
  </si>
  <si>
    <t>klar lackiert ENERGIE Kupfer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SK34 3384</t>
  </si>
  <si>
    <t>5702329842808</t>
  </si>
  <si>
    <t>VELUX Zus.el. Dachschr. GIL SK34 3384</t>
  </si>
  <si>
    <t>klar lackiert ENERGIE Titanzink 11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UK34 2066</t>
  </si>
  <si>
    <t>5702327966131</t>
  </si>
  <si>
    <t>VELUX Zus.el. Dachschr. GIL UK34 2066</t>
  </si>
  <si>
    <t>weiß lack. EN.PLUS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UK34 2070</t>
  </si>
  <si>
    <t>5702328349384</t>
  </si>
  <si>
    <t>VELUX Zus.el. Dachschr. GIL UK34 2070</t>
  </si>
  <si>
    <t>weiß lack THERMO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2084</t>
  </si>
  <si>
    <t>5702329842815</t>
  </si>
  <si>
    <t>VELUX Zus.el. Dachschr. GIL UK34 2084</t>
  </si>
  <si>
    <t>weiß lackiert ENERGIE Alu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UK34 2166</t>
  </si>
  <si>
    <t>5702328046221</t>
  </si>
  <si>
    <t>VELUX Zus.el. Dachschr. GIL UK34 2166</t>
  </si>
  <si>
    <t>weiß lack EN.PLUS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UK34 2184</t>
  </si>
  <si>
    <t>5702329842822</t>
  </si>
  <si>
    <t>VELUX Zus.el. Dachschr. GIL UK34 2184</t>
  </si>
  <si>
    <t>weiß lackiert ENERGIE Kupfer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UK34 2384</t>
  </si>
  <si>
    <t>5702329842839</t>
  </si>
  <si>
    <t>VELUX Zus.el. Dachschr. GIL UK34 2384</t>
  </si>
  <si>
    <t>weiß lackiert ENERGIE Titanzink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UK34 3066</t>
  </si>
  <si>
    <t>5702326909924</t>
  </si>
  <si>
    <t>VELUX Zus.el. Dachschr. GIL UK34 3066</t>
  </si>
  <si>
    <t>klar lack EN.PLUS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UK34 3070</t>
  </si>
  <si>
    <t>5702328349414</t>
  </si>
  <si>
    <t>VELUX Zus.el. Dachschr. GIL UK34 3070</t>
  </si>
  <si>
    <t>klar lack THERMO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3084</t>
  </si>
  <si>
    <t>5702329842846</t>
  </si>
  <si>
    <t>VELUX Zus.el. Dachschr. GIL UK34 3084</t>
  </si>
  <si>
    <t>klar lackiert ENERGIE Alu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UK34 3184</t>
  </si>
  <si>
    <t>5702329842853</t>
  </si>
  <si>
    <t>VELUX Zus.el. Dachschr. GIL UK34 3184</t>
  </si>
  <si>
    <t>klar lackiert ENERGIE Kupfer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L UK34 3384</t>
  </si>
  <si>
    <t>5702329842860</t>
  </si>
  <si>
    <t>VELUX Zus.el. Dachschr. GIL UK34 3384</t>
  </si>
  <si>
    <t>klar lackiert ENERGIE Titanzink 134 x 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FK34 0062</t>
  </si>
  <si>
    <t>5702329442688</t>
  </si>
  <si>
    <t>VELUX Zusatzel. Dachschr. GIU FK34 0062</t>
  </si>
  <si>
    <t>Polyur, EN-Schallschutz, Alu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FK34 0066</t>
  </si>
  <si>
    <t>5702329442695</t>
  </si>
  <si>
    <t>VELUX Zusatzel. Dachschr. GIU FK34 0066</t>
  </si>
  <si>
    <t>Polyur, EN-PLUS, Alu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FK34 0070</t>
  </si>
  <si>
    <t>5702329442718</t>
  </si>
  <si>
    <t>VELUX Zusatzel. Dachschr. GIU FK34 0070</t>
  </si>
  <si>
    <t>Polyur, THERMO, Alu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FK34 0084</t>
  </si>
  <si>
    <t>5702329842877</t>
  </si>
  <si>
    <t>VELUX Zusatzel. Dachschr. GIU FK34 0084</t>
  </si>
  <si>
    <t>Polyur, ENERGIE, Alu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FK34 0162</t>
  </si>
  <si>
    <t>5702329442725</t>
  </si>
  <si>
    <t>VELUX Zusatzel. Dachschr. GIU FK34 0162</t>
  </si>
  <si>
    <t>Polyur, EN-Schallschutz, Kupfer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FK34 0166</t>
  </si>
  <si>
    <t>5702329442732</t>
  </si>
  <si>
    <t>VELUX Zusatzel. Dachschr. GIU FK34 0166</t>
  </si>
  <si>
    <t>Polyur, EN-PLUS, Kupfer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FK34 0170</t>
  </si>
  <si>
    <t>5702329442756</t>
  </si>
  <si>
    <t>VELUX Zusatzel. Dachschr. GIU FK34 0170</t>
  </si>
  <si>
    <t>Polyur, THERMO, Kupfer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FK34 0184</t>
  </si>
  <si>
    <t>5702329842884</t>
  </si>
  <si>
    <t>VELUX Zusatzel. Dachschr. GIU FK34 0184</t>
  </si>
  <si>
    <t>Polyur, ENERGIE, Kupfer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FK34 0362</t>
  </si>
  <si>
    <t>5702329442763</t>
  </si>
  <si>
    <t>VELUX Zusatzel. Dachschr. GIU FK34 0362</t>
  </si>
  <si>
    <t>Polyur, EN-Schallschutz, Ti-Zink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FK34 0366</t>
  </si>
  <si>
    <t>5702329442770</t>
  </si>
  <si>
    <t>VELUX Zusatzel. Dachschr. GIU FK34 0366</t>
  </si>
  <si>
    <t>Polyur, EN-PLUS, Ti-Zink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FK34 0370</t>
  </si>
  <si>
    <t>5702329442787</t>
  </si>
  <si>
    <t>VELUX Zusatzel. Dachschr. GIU FK34 0370</t>
  </si>
  <si>
    <t>Polyur, THERMO, Ti-Zink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FK34 0384</t>
  </si>
  <si>
    <t>5702329842891</t>
  </si>
  <si>
    <t>VELUX Zusatzel. Dachschr. GIU FK34 0384</t>
  </si>
  <si>
    <t>Polyur, ENERGIE, Ti-Zink 66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2 cm
Lichtfläche: 0,3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MK34 0062</t>
  </si>
  <si>
    <t>5702328734395</t>
  </si>
  <si>
    <t>VELUX Zusatzel. Dachschr. GIU MK34 0062</t>
  </si>
  <si>
    <t>Polyur, EN-Schallschutz,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MK34 0066</t>
  </si>
  <si>
    <t>5702326178283</t>
  </si>
  <si>
    <t>VELUX Zusatzel. Dachschr. GIU MK34 0066</t>
  </si>
  <si>
    <t>Polyur, EN-PLUS,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MK34 0070</t>
  </si>
  <si>
    <t>5702328349445</t>
  </si>
  <si>
    <t>VELUX Zusatzel. Dachschr. GIU MK34 0070</t>
  </si>
  <si>
    <t>Polyur, THERMO,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MK34 0084</t>
  </si>
  <si>
    <t>5702329842907</t>
  </si>
  <si>
    <t>VELUX Zusatzel. Dachschr. GIU MK34 0084</t>
  </si>
  <si>
    <t>Polyur, ENERGIE, Al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MK34 0166</t>
  </si>
  <si>
    <t>5702327135544</t>
  </si>
  <si>
    <t>VELUX Zusatzel. Dachschr. GIU MK34 0166</t>
  </si>
  <si>
    <t>Polyur, EN-PLUS,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MK34 0184</t>
  </si>
  <si>
    <t>5702329842914</t>
  </si>
  <si>
    <t>VELUX Zusatzel. Dachschr. GIU MK34 0184</t>
  </si>
  <si>
    <t>Polyur, ENERGIE,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MK34 0366</t>
  </si>
  <si>
    <t>5702327135582</t>
  </si>
  <si>
    <t>VELUX Zusatzel. Dachschr. GIU MK34 0366</t>
  </si>
  <si>
    <t>Polyur, EN-PLUS,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MK34 0384</t>
  </si>
  <si>
    <t>5702329842921</t>
  </si>
  <si>
    <t>VELUX Zusatzel. Dachschr. GIU MK34 0384</t>
  </si>
  <si>
    <t>Polyur, ENERGIE,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PK34 0062</t>
  </si>
  <si>
    <t>5702328734425</t>
  </si>
  <si>
    <t>VELUX Zusatzel. Dachschr. GIU PK34 0062</t>
  </si>
  <si>
    <t>Polyur, EN-Schallschutz,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PK34 0066</t>
  </si>
  <si>
    <t>5702326178290</t>
  </si>
  <si>
    <t>VELUX Zusatzel. Dachschr. GIU PK34 0066</t>
  </si>
  <si>
    <t>Polyur, EN-PLUS,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PK34 0070</t>
  </si>
  <si>
    <t>5702328349476</t>
  </si>
  <si>
    <t>VELUX Zusatzel. Dachschr. GIU PK34 0070</t>
  </si>
  <si>
    <t>Polyur, THERMO,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PK34 0084</t>
  </si>
  <si>
    <t>5702329842938</t>
  </si>
  <si>
    <t>VELUX Zusatzel. Dachschr. GIU PK34 0084</t>
  </si>
  <si>
    <t>Polyur, ENERGIE, Al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PK34 0166</t>
  </si>
  <si>
    <t>5702327135629</t>
  </si>
  <si>
    <t>VELUX Zusatzel. Dachschr. GIU PK34 0166</t>
  </si>
  <si>
    <t>Polyur, EN-PLUS,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PK34 0184</t>
  </si>
  <si>
    <t>5702329842945</t>
  </si>
  <si>
    <t>VELUX Zusatzel. Dachschr. GIU PK34 0184</t>
  </si>
  <si>
    <t>Polyur, ENERGIE,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PK34 0384</t>
  </si>
  <si>
    <t>5702329842952</t>
  </si>
  <si>
    <t>VELUX Zusatzel. Dachschr. GIU PK34 0384</t>
  </si>
  <si>
    <t>Polyur, ENERGIE,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SK34 0062</t>
  </si>
  <si>
    <t>5702328734456</t>
  </si>
  <si>
    <t>VELUX Zusatzel. Dachschr. GIU SK34 0062</t>
  </si>
  <si>
    <t>Polyur, EN-Schallschutz,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SK34 0066</t>
  </si>
  <si>
    <t>5702326178306</t>
  </si>
  <si>
    <t>VELUX Zusatzel. Dachschr. GIU SK34 0066</t>
  </si>
  <si>
    <t>Polyur, EN-PLUS,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SK34 0070</t>
  </si>
  <si>
    <t>5702328349506</t>
  </si>
  <si>
    <t>VELUX Zusatzel. Dachschr. GIU SK34 0070</t>
  </si>
  <si>
    <t>Polyur, THERMO,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SK34 0084</t>
  </si>
  <si>
    <t>5702329842969</t>
  </si>
  <si>
    <t>VELUX Zusatzel. Dachschr. GIU SK34 0084</t>
  </si>
  <si>
    <t>Polyur, ENERGIE, Al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SK34 0162</t>
  </si>
  <si>
    <t>5702328734463</t>
  </si>
  <si>
    <t>VELUX Zusatzel. Dachschr. GIU SK34 0162</t>
  </si>
  <si>
    <t>Polyur, EN-Schallschutz,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SK34 0166</t>
  </si>
  <si>
    <t>5702327135704</t>
  </si>
  <si>
    <t>VELUX Zusatzel. Dachschr. GIU SK34 0166</t>
  </si>
  <si>
    <t>Polyur, EN-PLUS,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SK34 0184</t>
  </si>
  <si>
    <t>5702329842976</t>
  </si>
  <si>
    <t>VELUX Zusatzel. Dachschr. GIU SK34 0184</t>
  </si>
  <si>
    <t>Polyur, ENERGIE,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SK34 0362</t>
  </si>
  <si>
    <t>5702328734470</t>
  </si>
  <si>
    <t>VELUX Zusatzel. Dachschr. GIU SK34 0362</t>
  </si>
  <si>
    <t>Polyur, EN-Schallschutz, Ti-Zink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SK34 0366</t>
  </si>
  <si>
    <t>5702327135742</t>
  </si>
  <si>
    <t>VELUX Zusatzel. Dachschr. GIU SK34 0366</t>
  </si>
  <si>
    <t>Polyur, EN-PLUS, Ti-Zink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SK34 0384</t>
  </si>
  <si>
    <t>5702329842983</t>
  </si>
  <si>
    <t>VELUX Zusatzel. Dachschr. GIU SK34 0384</t>
  </si>
  <si>
    <t>Polyur, ENERGIE, Ti-Zink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UK34 0066</t>
  </si>
  <si>
    <t>5702326910104</t>
  </si>
  <si>
    <t>VELUX Zusatzel. Dachschr. GIU UK34 0066</t>
  </si>
  <si>
    <t>Polyur, EN-PLUS,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UK34 0070</t>
  </si>
  <si>
    <t>5702328349537</t>
  </si>
  <si>
    <t>VELUX Zusatzel. Dachschr. GIU UK34 0070</t>
  </si>
  <si>
    <t>Polyur, THERMO,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UK34 0084</t>
  </si>
  <si>
    <t>5702329842990</t>
  </si>
  <si>
    <t>VELUX Zusatzel. Dachschr. GIU UK34 0084</t>
  </si>
  <si>
    <t>Polyur, ENERGIE,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UK34 0166</t>
  </si>
  <si>
    <t>5702327135780</t>
  </si>
  <si>
    <t>VELUX Zusatzel. Dachschr. GIU UK34 0166</t>
  </si>
  <si>
    <t>Polyur, EN-PLUS,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UK34 0184</t>
  </si>
  <si>
    <t>5702329843003</t>
  </si>
  <si>
    <t>VELUX Zusatzel. Dachschr. GIU UK34 0184</t>
  </si>
  <si>
    <t>Polyur, ENERGIE,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IU UK34 0384</t>
  </si>
  <si>
    <t>5702329843010</t>
  </si>
  <si>
    <t>VELUX Zusatzel. Dachschr. GIU UK34 0384</t>
  </si>
  <si>
    <t>Polyur, ENERGIE,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4 2066</t>
  </si>
  <si>
    <t>5702327966148</t>
  </si>
  <si>
    <t>VELUX Klapp-Schw.-Fe. GPL CK04 2066</t>
  </si>
  <si>
    <t>weiß lackiert EN.PLUS Alu 55x98</t>
  </si>
  <si>
    <t>115</t>
  </si>
  <si>
    <t>VELUX-Klapp-Schwing-Fenster,GP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4 2067</t>
  </si>
  <si>
    <t>5702328934573</t>
  </si>
  <si>
    <t>VELUX Klapp-Schw.-Fe. GPL CK04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4 2069</t>
  </si>
  <si>
    <t>5702328932036</t>
  </si>
  <si>
    <t>VELUX Klapp-Schw.-Fe. GPL CK04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CK04 2070</t>
  </si>
  <si>
    <t>5702327187857</t>
  </si>
  <si>
    <t>VELUX Klapp-Schw.-Fe. GPL CK04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4 2084</t>
  </si>
  <si>
    <t>5702329843027</t>
  </si>
  <si>
    <t>VELUX Klapp-Schw.-Fe. GPL CK04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4 2166</t>
  </si>
  <si>
    <t>5702328046269</t>
  </si>
  <si>
    <t>VELUX Klapp-Schw.-Fe. GPL CK04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4 2170</t>
  </si>
  <si>
    <t>5702327283368</t>
  </si>
  <si>
    <t>VELUX Klapp-Schw.-Fe. GPL CK04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4 2184</t>
  </si>
  <si>
    <t>5702329843041</t>
  </si>
  <si>
    <t>VELUX Klapp-Schw.-Fe. GPL CK04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4 2384</t>
  </si>
  <si>
    <t>5702329843058</t>
  </si>
  <si>
    <t>VELUX Klapp-Schw.-Fe. GPL CK04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4 3066</t>
  </si>
  <si>
    <t>5702327001863</t>
  </si>
  <si>
    <t>VELUX Klapp-Schw.-Fe. GPL CK04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4 3067</t>
  </si>
  <si>
    <t>5702328934580</t>
  </si>
  <si>
    <t>VELUX Klapp-Schw.-Fe. GPL CK04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4 3070</t>
  </si>
  <si>
    <t>5702326997495</t>
  </si>
  <si>
    <t>VELUX Klapp-Schw.-Fe. GPL CK04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4 3084</t>
  </si>
  <si>
    <t>5702329843065</t>
  </si>
  <si>
    <t>VELUX Klapp-Schw.-Fe. GPL CK04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4 3166</t>
  </si>
  <si>
    <t>5702327002693</t>
  </si>
  <si>
    <t>VELUX Klapp-Schw.-Fe. GPL CK04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4 3184</t>
  </si>
  <si>
    <t>5702329843072</t>
  </si>
  <si>
    <t>VELUX Klapp-Schw.-Fe. GPL CK04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4 3366</t>
  </si>
  <si>
    <t>5702327002709</t>
  </si>
  <si>
    <t>VELUX Klapp-Schw.-Fe. GPL CK04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4 3384</t>
  </si>
  <si>
    <t>5702329843089</t>
  </si>
  <si>
    <t>VELUX Klapp-Schw.-Fe. GPL CK04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6 2066</t>
  </si>
  <si>
    <t>5702327966155</t>
  </si>
  <si>
    <t>VELUX Klapp-Schw.-Fe. GPL CK06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6 2067</t>
  </si>
  <si>
    <t>5702328934597</t>
  </si>
  <si>
    <t>VELUX Klapp-Schw.-Fe. GPL C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6 2070</t>
  </si>
  <si>
    <t>5702327187888</t>
  </si>
  <si>
    <t>VELUX Klapp-Schw.-Fe. GPL C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6 2084</t>
  </si>
  <si>
    <t>5702329843096</t>
  </si>
  <si>
    <t>VELUX Klapp-Schw.-Fe. GPL C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6 2166</t>
  </si>
  <si>
    <t>5702328046320</t>
  </si>
  <si>
    <t>VELUX Klapp-Schw.-Fe. GPL C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6 2184</t>
  </si>
  <si>
    <t>5702329843119</t>
  </si>
  <si>
    <t>VELUX Klapp-Schw.-Fe. GPL C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6 2384</t>
  </si>
  <si>
    <t>5702329843126</t>
  </si>
  <si>
    <t>VELUX Klapp-Schw.-Fe. GPL C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6 3066</t>
  </si>
  <si>
    <t>5702327001870</t>
  </si>
  <si>
    <t>VELUX Klapp-Schw.-Fe. GPL C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6 3070</t>
  </si>
  <si>
    <t>5702326997532</t>
  </si>
  <si>
    <t>VELUX Klapp-Schw.-Fe. GPL C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6 3084</t>
  </si>
  <si>
    <t>5702329843133</t>
  </si>
  <si>
    <t>VELUX Klapp-Schw.-Fe. GPL C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6 3184</t>
  </si>
  <si>
    <t>5702329843140</t>
  </si>
  <si>
    <t>VELUX Klapp-Schw.-Fe. GPL C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CK06 3384</t>
  </si>
  <si>
    <t>5702329843157</t>
  </si>
  <si>
    <t>VELUX Klapp-Schw.-Fe. GPL CK06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6 2066</t>
  </si>
  <si>
    <t>5702327966162</t>
  </si>
  <si>
    <t>VELUX Klapp-Schw.-Fe. GPL FK06 2066</t>
  </si>
  <si>
    <t>weiß lack. EN.PLUS Alu 66x11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6 2067</t>
  </si>
  <si>
    <t>5702328934610</t>
  </si>
  <si>
    <t>VELUX Klapp-Schw.-Fe. GPL F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6 2069</t>
  </si>
  <si>
    <t>5702328932074</t>
  </si>
  <si>
    <t>VELUX Klapp-Schw.-Fe. GPL F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FK06 2070</t>
  </si>
  <si>
    <t>5702327187918</t>
  </si>
  <si>
    <t>VELUX Klapp-Schw.-Fe. GPL F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FK06 2084</t>
  </si>
  <si>
    <t>5702329843164</t>
  </si>
  <si>
    <t>VELUX Klapp-Schw.-Fe. GPL F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6 2166</t>
  </si>
  <si>
    <t>5702328046382</t>
  </si>
  <si>
    <t>VELUX Klapp-Schw.-Fe. GPL F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6 2170</t>
  </si>
  <si>
    <t>5702327283405</t>
  </si>
  <si>
    <t>VELUX Klapp-Schw.-Fe. GPL F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FK06 2184</t>
  </si>
  <si>
    <t>5702329843188</t>
  </si>
  <si>
    <t>VELUX Klapp-Schw.-Fe. GPL F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6 2366</t>
  </si>
  <si>
    <t>5702328046412</t>
  </si>
  <si>
    <t>VELUX Klapp-Schw.-Fe. GPL F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6 2384</t>
  </si>
  <si>
    <t>5702329843195</t>
  </si>
  <si>
    <t>VELUX Klapp-Schw.-Fe. GPL F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6 3066</t>
  </si>
  <si>
    <t>5702327001887</t>
  </si>
  <si>
    <t>VELUX Klapp-Schw.-Fe. GPL F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6 3067</t>
  </si>
  <si>
    <t>5702328934627</t>
  </si>
  <si>
    <t>VELUX Klapp-Schw.-Fe. GPL F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6 3069</t>
  </si>
  <si>
    <t>5702328932081</t>
  </si>
  <si>
    <t>VELUX Klapp-Schw.-Fe. GPL F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FK06 3070</t>
  </si>
  <si>
    <t>5702326997570</t>
  </si>
  <si>
    <t>VELUX Klapp-Schw.-Fe. GPL F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FK06 3084</t>
  </si>
  <si>
    <t>5702329843201</t>
  </si>
  <si>
    <t>VELUX Klapp-Schw.-Fe. GPL F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6 3166</t>
  </si>
  <si>
    <t>5702327002730</t>
  </si>
  <si>
    <t>VELUX Klapp-Schw.-Fe. GPL F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6 3184</t>
  </si>
  <si>
    <t>5702329843218</t>
  </si>
  <si>
    <t>VELUX Klapp-Schw.-Fe. GPL F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8 2066</t>
  </si>
  <si>
    <t>5702327966179</t>
  </si>
  <si>
    <t>VELUX Klapp-Schw.-Fe. GPL F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2069</t>
  </si>
  <si>
    <t>5702328932098</t>
  </si>
  <si>
    <t>VELUX Klapp-Schw.-Fe. GPL F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FK08 2070</t>
  </si>
  <si>
    <t>5702327187949</t>
  </si>
  <si>
    <t>VELUX Klapp-Schw.-Fe. GPL F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FK08 2084</t>
  </si>
  <si>
    <t>5702329843225</t>
  </si>
  <si>
    <t>VELUX Klapp-Schw.-Fe. GPL F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8 2166</t>
  </si>
  <si>
    <t>5702328046443</t>
  </si>
  <si>
    <t>VELUX Klapp-Schw.-Fe. GPL F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2184</t>
  </si>
  <si>
    <t>5702329843232</t>
  </si>
  <si>
    <t>VELUX Klapp-Schw.-Fe. GPL F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8 2366</t>
  </si>
  <si>
    <t>5702328046474</t>
  </si>
  <si>
    <t>VELUX Klapp-Schw.-Fe. GPL FK08 2366</t>
  </si>
  <si>
    <t>weiß lack EN.PLUS Ti walz 66x14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2384</t>
  </si>
  <si>
    <t>5702329843249</t>
  </si>
  <si>
    <t>VELUX Klapp-Schw.-Fe. GPL F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8 3066</t>
  </si>
  <si>
    <t>5702327001894</t>
  </si>
  <si>
    <t>VELUX Klapp-Schw.-Fe. GPL F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3070</t>
  </si>
  <si>
    <t>5702326997617</t>
  </si>
  <si>
    <t>VELUX Klapp-Schw.-Fe. GPL F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FK08 3084</t>
  </si>
  <si>
    <t>5702329843256</t>
  </si>
  <si>
    <t>VELUX Klapp-Schw.-Fe. GPL F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FK08 3166</t>
  </si>
  <si>
    <t>5702327002754</t>
  </si>
  <si>
    <t>VELUX Klapp-Schw.-Fe. GPL FK08 3166</t>
  </si>
  <si>
    <t>klar lack EN.PLUS Kupfer 66x14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3184</t>
  </si>
  <si>
    <t>5702329843263</t>
  </si>
  <si>
    <t>VELUX Klapp-Schw.-Fe. GPL F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4 2066</t>
  </si>
  <si>
    <t>5702327966186</t>
  </si>
  <si>
    <t>VELUX Klapp-Schw.-Fe. GPL MK04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4 2067</t>
  </si>
  <si>
    <t>5702328934658</t>
  </si>
  <si>
    <t>VELUX Klapp-Schw.-Fe. GPL MK04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4 2069</t>
  </si>
  <si>
    <t>5702328932111</t>
  </si>
  <si>
    <t>VELUX Klapp-Schw.-Fe. GPL MK04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MK04 2070</t>
  </si>
  <si>
    <t>5702327187970</t>
  </si>
  <si>
    <t>VELUX Klapp-Schw.-Fe. GPL MK04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4 2084</t>
  </si>
  <si>
    <t>5702329843270</t>
  </si>
  <si>
    <t>VELUX Klapp-Schw.-Fe. GPL MK04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4 2166</t>
  </si>
  <si>
    <t>5702328046504</t>
  </si>
  <si>
    <t>VELUX Klapp-Schw.-Fe. GPL MK04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4 2170</t>
  </si>
  <si>
    <t>5702327283443</t>
  </si>
  <si>
    <t>VELUX Klapp-Schw.-Fe. GPL MK04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4 2184</t>
  </si>
  <si>
    <t>5702329843294</t>
  </si>
  <si>
    <t>VELUX Klapp-Schw.-Fe. GPL MK04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4 2366</t>
  </si>
  <si>
    <t>5702328046535</t>
  </si>
  <si>
    <t>VELUX Klapp-Schw.-Fe. GPL MK04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4 2384</t>
  </si>
  <si>
    <t>5702329843300</t>
  </si>
  <si>
    <t>VELUX Klapp-Schw.-Fe. GPL MK04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4 3066</t>
  </si>
  <si>
    <t>5702327001900</t>
  </si>
  <si>
    <t>VELUX Klapp-Schw.-Fe. GPL MK04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4 3067</t>
  </si>
  <si>
    <t>5702328934665</t>
  </si>
  <si>
    <t>VELUX Klapp-Schw.-Fe. GPL MK04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4 3070</t>
  </si>
  <si>
    <t>5702326997655</t>
  </si>
  <si>
    <t>VELUX Klapp-Schw.-Fe. GPL MK04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4 3084</t>
  </si>
  <si>
    <t>5702329843317</t>
  </si>
  <si>
    <t>VELUX Klapp-Schw.-Fe. GPL MK04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4 3166</t>
  </si>
  <si>
    <t>5702327002778</t>
  </si>
  <si>
    <t>VELUX Klapp-Schw.-Fe. GPL MK04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4 3184</t>
  </si>
  <si>
    <t>5702329843324</t>
  </si>
  <si>
    <t>VELUX Klapp-Schw.-Fe. GPL MK04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4 3384</t>
  </si>
  <si>
    <t>5702329843331</t>
  </si>
  <si>
    <t>VELUX Klapp-Schw.-Fe. GPL MK04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6 2066</t>
  </si>
  <si>
    <t>5702327966193</t>
  </si>
  <si>
    <t>VELUX Klapp-Schw.-Fe. GPL MK06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6 2067</t>
  </si>
  <si>
    <t>5702328934672</t>
  </si>
  <si>
    <t>VELUX Klapp-Schw.-Fe. GPL M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6 2069</t>
  </si>
  <si>
    <t>5702328932135</t>
  </si>
  <si>
    <t>VELUX Klapp-Schw.-Fe. GPL M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MK06 2070</t>
  </si>
  <si>
    <t>5702326549922</t>
  </si>
  <si>
    <t>VELUX Klapp-Schw.-Fe. GPL M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6 2084</t>
  </si>
  <si>
    <t>5702329843348</t>
  </si>
  <si>
    <t>VELUX Klapp-Schw.-Fe. GPL M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6 2166</t>
  </si>
  <si>
    <t>5702328046566</t>
  </si>
  <si>
    <t>VELUX Klapp-Schw.-Fe. GPL M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6 2170</t>
  </si>
  <si>
    <t>5702327283467</t>
  </si>
  <si>
    <t>VELUX Klapp-Schw.-Fe. GPL M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6 2184</t>
  </si>
  <si>
    <t>5702329843362</t>
  </si>
  <si>
    <t>VELUX Klapp-Schw.-Fe. GPL M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6 2366</t>
  </si>
  <si>
    <t>5702328046597</t>
  </si>
  <si>
    <t>VELUX Klapp-Schw.-Fe. GPL M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6 2384</t>
  </si>
  <si>
    <t>5702329843379</t>
  </si>
  <si>
    <t>VELUX Klapp-Schw.-Fe. GPL M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6 3066</t>
  </si>
  <si>
    <t>5702326178320</t>
  </si>
  <si>
    <t>VELUX Klapp-Schw.-Fe. GPL M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6 3067</t>
  </si>
  <si>
    <t>5702328934689</t>
  </si>
  <si>
    <t>VELUX Klapp-Schw.-Fe. GPL M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6 3069</t>
  </si>
  <si>
    <t>5702328932142</t>
  </si>
  <si>
    <t>VELUX Klapp-Schw.-Fe. GPL M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MK06 3070</t>
  </si>
  <si>
    <t>5702326549953</t>
  </si>
  <si>
    <t>VELUX Klapp-Schw.-Fe. GPL M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6 3084</t>
  </si>
  <si>
    <t>5702329843386</t>
  </si>
  <si>
    <t>VELUX Klapp-Schw.-Fe. GPL M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6 3166</t>
  </si>
  <si>
    <t>5702327002792</t>
  </si>
  <si>
    <t>VELUX Klapp-Schw.-Fe. GPL M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6 3184</t>
  </si>
  <si>
    <t>5702329843393</t>
  </si>
  <si>
    <t>VELUX Klapp-Schw.-Fe. GPL M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6 3384</t>
  </si>
  <si>
    <t>5702329843409</t>
  </si>
  <si>
    <t>VELUX Klapp-Schw.-Fe. GPL MK06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8 2066</t>
  </si>
  <si>
    <t>5702327966209</t>
  </si>
  <si>
    <t>VELUX Klapp-Schw.-Fe. GPL M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8 2067</t>
  </si>
  <si>
    <t>5702328934696</t>
  </si>
  <si>
    <t>VELUX Klapp-Schw.-Fe. GPL M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8 2069</t>
  </si>
  <si>
    <t>5702328932159</t>
  </si>
  <si>
    <t>VELUX Klapp-Schw.-Fe. GPL M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MK08 2070</t>
  </si>
  <si>
    <t>5702326549977</t>
  </si>
  <si>
    <t>VELUX Klapp-Schw.-Fe. GPL M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8 2084</t>
  </si>
  <si>
    <t>5702329843416</t>
  </si>
  <si>
    <t>VELUX Klapp-Schw.-Fe. GPL M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8 2166</t>
  </si>
  <si>
    <t>5702328046627</t>
  </si>
  <si>
    <t>VELUX Klapp-Schw.-Fe. GPL M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8 2170</t>
  </si>
  <si>
    <t>5702327283481</t>
  </si>
  <si>
    <t>VELUX Klapp-Schw.-Fe. GPL M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8 2184</t>
  </si>
  <si>
    <t>5702329843430</t>
  </si>
  <si>
    <t>VELUX Klapp-Schw.-Fe. GPL M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8 2366</t>
  </si>
  <si>
    <t>5702328046658</t>
  </si>
  <si>
    <t>VELUX Klapp-Schw.-Fe. GPL MK08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8 2384</t>
  </si>
  <si>
    <t>5702329843447</t>
  </si>
  <si>
    <t>VELUX Klapp-Schw.-Fe. GPL M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8 3066</t>
  </si>
  <si>
    <t>5702326178351</t>
  </si>
  <si>
    <t>VELUX Klapp-Schw.-Fe. GPL M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8 3067</t>
  </si>
  <si>
    <t>5702328934702</t>
  </si>
  <si>
    <t>VELUX Klapp-Schw.-Fe. GPL M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8 3069</t>
  </si>
  <si>
    <t>5702328932166</t>
  </si>
  <si>
    <t>VELUX Klapp-Schw.-Fe. GPL M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MK08 3070</t>
  </si>
  <si>
    <t>5702326550003</t>
  </si>
  <si>
    <t>VELUX Klapp-Schw.-Fe. GPL M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8 3084</t>
  </si>
  <si>
    <t>5702329843454</t>
  </si>
  <si>
    <t>VELUX Klapp-Schw.-Fe. GPL M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8 3166</t>
  </si>
  <si>
    <t>5702327002815</t>
  </si>
  <si>
    <t>VELUX Klapp-Schw.-Fe. GPL M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8 3184</t>
  </si>
  <si>
    <t>5702329843461</t>
  </si>
  <si>
    <t>VELUX Klapp-Schw.-Fe. GPL M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08 3384</t>
  </si>
  <si>
    <t>5702329843478</t>
  </si>
  <si>
    <t>VELUX Klapp-Schw.-Fe. GPL MK08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10 2066</t>
  </si>
  <si>
    <t>5702327966216</t>
  </si>
  <si>
    <t>VELUX Klapp-Schw.-Fe. GPL MK10 2066</t>
  </si>
  <si>
    <t>weiß lackiert EN.PLUS Alu 78x16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10 2067</t>
  </si>
  <si>
    <t>5702328934719</t>
  </si>
  <si>
    <t>VELUX Klapp-Schw.-Fe. GPL MK10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10 2069</t>
  </si>
  <si>
    <t>5702328932173</t>
  </si>
  <si>
    <t>VELUX Klapp-Schw.-Fe. GPL MK10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MK10 2070</t>
  </si>
  <si>
    <t>5702327062420</t>
  </si>
  <si>
    <t>VELUX Klapp-Schw.-Fe. GPL MK10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10 2084</t>
  </si>
  <si>
    <t>5702329843485</t>
  </si>
  <si>
    <t>VELUX Klapp-Schw.-Fe. GPL MK10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10 2166</t>
  </si>
  <si>
    <t>5702328046696</t>
  </si>
  <si>
    <t>VELUX Klapp-Schw.-Fe. GPL MK10 2166</t>
  </si>
  <si>
    <t>weiß lack EN.PLUS Kupfer 78x16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10 2184</t>
  </si>
  <si>
    <t>5702329843492</t>
  </si>
  <si>
    <t>VELUX Klapp-Schw.-Fe. GPL MK10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10 2366</t>
  </si>
  <si>
    <t>5702328046726</t>
  </si>
  <si>
    <t>VELUX Klapp-Schw.-Fe. GPL MK10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10 2384</t>
  </si>
  <si>
    <t>5702329843508</t>
  </si>
  <si>
    <t>VELUX Klapp-Schw.-Fe. GPL MK10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10 3066</t>
  </si>
  <si>
    <t>5702327001917</t>
  </si>
  <si>
    <t>VELUX Klapp-Schw.-Fe. GPL MK10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10 3067</t>
  </si>
  <si>
    <t>5702328934726</t>
  </si>
  <si>
    <t>VELUX Klapp-Schw.-Fe. GPL MK10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10 3069</t>
  </si>
  <si>
    <t>5702328932180</t>
  </si>
  <si>
    <t>VELUX Klapp-Schw.-Fe. GPL MK10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MK10 3070</t>
  </si>
  <si>
    <t>5702326997709</t>
  </si>
  <si>
    <t>VELUX Klapp-Schw.-Fe. GPL MK10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10 3084</t>
  </si>
  <si>
    <t>5702329843515</t>
  </si>
  <si>
    <t>VELUX Klapp-Schw.-Fe. GPL MK10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MK10 3166</t>
  </si>
  <si>
    <t>5702327002839</t>
  </si>
  <si>
    <t>VELUX Klapp-Schw.-Fe. GPL MK10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10 3184</t>
  </si>
  <si>
    <t>5702329843522</t>
  </si>
  <si>
    <t>VELUX Klapp-Schw.-Fe. GPL MK10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6 2066</t>
  </si>
  <si>
    <t>5702327966223</t>
  </si>
  <si>
    <t>VELUX Klapp-Schw.-Fe. GPL PK06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2067</t>
  </si>
  <si>
    <t>5702328934757</t>
  </si>
  <si>
    <t>VELUX Klapp-Schw.-Fe. GPL P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2069</t>
  </si>
  <si>
    <t>5702328932210</t>
  </si>
  <si>
    <t>VELUX Klapp-Schw.-Fe. GPL P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PK06 2070</t>
  </si>
  <si>
    <t>5702326550027</t>
  </si>
  <si>
    <t>VELUX Klapp-Schw.-Fe. GPL P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6 2084</t>
  </si>
  <si>
    <t>5702329843584</t>
  </si>
  <si>
    <t>VELUX Klapp-Schw.-Fe. GPL P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6 2184</t>
  </si>
  <si>
    <t>5702329843607</t>
  </si>
  <si>
    <t>VELUX Klapp-Schw.-Fe. GPL P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6 2366</t>
  </si>
  <si>
    <t>5702328046849</t>
  </si>
  <si>
    <t>VELUX Klapp-Schw.-Fe. GPL P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2384</t>
  </si>
  <si>
    <t>5702329843614</t>
  </si>
  <si>
    <t>VELUX Klapp-Schw.-Fe. GPL P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6 3066</t>
  </si>
  <si>
    <t>5702326178412</t>
  </si>
  <si>
    <t>VELUX Klapp-Schw.-Fe. GPL P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3067</t>
  </si>
  <si>
    <t>5702328934764</t>
  </si>
  <si>
    <t>VELUX Klapp-Schw.-Fe. GPL P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3069</t>
  </si>
  <si>
    <t>5702328932227</t>
  </si>
  <si>
    <t>VELUX Klapp-Schw.-Fe. GPL P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PK06 3070</t>
  </si>
  <si>
    <t>5702326550058</t>
  </si>
  <si>
    <t>VELUX Klapp-Schw.-Fe. GPL P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6 3084</t>
  </si>
  <si>
    <t>5702329843621</t>
  </si>
  <si>
    <t>VELUX Klapp-Schw.-Fe. GPL P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6 3184</t>
  </si>
  <si>
    <t>5702329843638</t>
  </si>
  <si>
    <t>VELUX Klapp-Schw.-Fe. GPL P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8 2066</t>
  </si>
  <si>
    <t>5702327966230</t>
  </si>
  <si>
    <t>VELUX Klapp-Schw.-Fe. GPL P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2067</t>
  </si>
  <si>
    <t>5702328934771</t>
  </si>
  <si>
    <t>VELUX Klapp-Schw.-Fe. GPL P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2069</t>
  </si>
  <si>
    <t>5702328932234</t>
  </si>
  <si>
    <t>VELUX Klapp-Schw.-Fe. GPL P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PK08 2070</t>
  </si>
  <si>
    <t>5702326550072</t>
  </si>
  <si>
    <t>VELUX Klapp-Schw.-Fe. GPL P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8 2084</t>
  </si>
  <si>
    <t>5702329843645</t>
  </si>
  <si>
    <t>VELUX Klapp-Schw.-Fe. GPL P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8 2184</t>
  </si>
  <si>
    <t>5702329843669</t>
  </si>
  <si>
    <t>VELUX Klapp-Schw.-Fe. GPL P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8 2366</t>
  </si>
  <si>
    <t>5702328046900</t>
  </si>
  <si>
    <t>VELUX Klapp-Schw.-Fe. GPL PK08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2384</t>
  </si>
  <si>
    <t>5702329843676</t>
  </si>
  <si>
    <t>VELUX Klapp-Schw.-Fe. GPL P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8 3066</t>
  </si>
  <si>
    <t>5702326178450</t>
  </si>
  <si>
    <t>VELUX Klapp-Schw.-Fe. GPL P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3067</t>
  </si>
  <si>
    <t>5702328934788</t>
  </si>
  <si>
    <t>VELUX Klapp-Schw.-Fe. GPL P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3069</t>
  </si>
  <si>
    <t>5702328932241</t>
  </si>
  <si>
    <t>VELUX Klapp-Schw.-Fe. GPL P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PK08 3070</t>
  </si>
  <si>
    <t>5702326550102</t>
  </si>
  <si>
    <t>VELUX Klapp-Schw.-Fe. GPL P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8 3084</t>
  </si>
  <si>
    <t>5702329843683</t>
  </si>
  <si>
    <t>VELUX Klapp-Schw.-Fe. GPL P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08 3184</t>
  </si>
  <si>
    <t>5702329843690</t>
  </si>
  <si>
    <t>VELUX Klapp-Schw.-Fe. GPL P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10 2066</t>
  </si>
  <si>
    <t>5702327897015</t>
  </si>
  <si>
    <t>VELUX Klapp-Schw.-Fe. GPL PK10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10 2067</t>
  </si>
  <si>
    <t>5702328934795</t>
  </si>
  <si>
    <t>VELUX Klapp-Schw.-Fe. GPL PK10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10 2069</t>
  </si>
  <si>
    <t>5702328932258</t>
  </si>
  <si>
    <t>VELUX Klapp-Schw.-Fe. GPL PK10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PK10 2070</t>
  </si>
  <si>
    <t>5702326550126</t>
  </si>
  <si>
    <t>VELUX Klapp-Schw.-Fe. GPL PK10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10 2084</t>
  </si>
  <si>
    <t>5702329843706</t>
  </si>
  <si>
    <t>VELUX Klapp-Schw.-Fe. GPL PK10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10 2166</t>
  </si>
  <si>
    <t>5702327939050</t>
  </si>
  <si>
    <t>VELUX Klapp-Schw.-Fe. GPL PK10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10 2170</t>
  </si>
  <si>
    <t>5702327283580</t>
  </si>
  <si>
    <t>VELUX Klapp-Schw.-Fe. GPL PK10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10 2184</t>
  </si>
  <si>
    <t>5702329843720</t>
  </si>
  <si>
    <t>VELUX Klapp-Schw.-Fe. GPL PK10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10 2366</t>
  </si>
  <si>
    <t>5702327939067</t>
  </si>
  <si>
    <t>VELUX Klapp-Schw.-Fe. GPL PK10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10 2384</t>
  </si>
  <si>
    <t>5702329843737</t>
  </si>
  <si>
    <t>VELUX Klapp-Schw.-Fe. GPL PK10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10 3066</t>
  </si>
  <si>
    <t>5702327001924</t>
  </si>
  <si>
    <t>VELUX Klapp-Schw.-Fe. GPL PK10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10 3067</t>
  </si>
  <si>
    <t>5702328934801</t>
  </si>
  <si>
    <t>VELUX Klapp-Schw.-Fe. GPL PK10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10 3070</t>
  </si>
  <si>
    <t>5702326550157</t>
  </si>
  <si>
    <t>VELUX Klapp-Schw.-Fe. GPL PK10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10 3084</t>
  </si>
  <si>
    <t>5702329843744</t>
  </si>
  <si>
    <t>VELUX Klapp-Schw.-Fe. GPL PK10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PK10 3166</t>
  </si>
  <si>
    <t>5702327002891</t>
  </si>
  <si>
    <t>VELUX Klapp-Schw.-Fe. GPL PK10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10 3184</t>
  </si>
  <si>
    <t>5702329843751</t>
  </si>
  <si>
    <t>VELUX Klapp-Schw.-Fe. GPL PK10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6 2066</t>
  </si>
  <si>
    <t>5702327966247</t>
  </si>
  <si>
    <t>VELUX Klapp-Schw.-Fe. GPL SK06 2066</t>
  </si>
  <si>
    <t>weiß lack. EN.PLUS Alu 114x11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6 2067</t>
  </si>
  <si>
    <t>5702328934818</t>
  </si>
  <si>
    <t>VELUX Klapp-Schw.-Fe. GPL SK06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6 2069</t>
  </si>
  <si>
    <t>5702328932272</t>
  </si>
  <si>
    <t>VELUX Klapp-Schw.-Fe. GPL S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SK06 2070</t>
  </si>
  <si>
    <t>5702326550171</t>
  </si>
  <si>
    <t>VELUX Klapp-Schw.-Fe. GPL SK06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06 2084</t>
  </si>
  <si>
    <t>5702329843768</t>
  </si>
  <si>
    <t>VELUX Klapp-Schw.-Fe. GPL SK06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6 2166</t>
  </si>
  <si>
    <t>5702328046979</t>
  </si>
  <si>
    <t>VELUX Klapp-Schw.-Fe. GPL S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6 2170</t>
  </si>
  <si>
    <t>5702327283603</t>
  </si>
  <si>
    <t>VELUX Klapp-Schw.-Fe. GPL S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06 2184</t>
  </si>
  <si>
    <t>5702329843782</t>
  </si>
  <si>
    <t>VELUX Klapp-Schw.-Fe. GPL SK06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6 2366</t>
  </si>
  <si>
    <t>5702328047006</t>
  </si>
  <si>
    <t>VELUX Klapp-Schw.-Fe. GPL S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6 2384</t>
  </si>
  <si>
    <t>5702329843799</t>
  </si>
  <si>
    <t>VELUX Klapp-Schw.-Fe. GPL SK06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6 3066</t>
  </si>
  <si>
    <t>5702326178504</t>
  </si>
  <si>
    <t>VELUX Klapp-Schw.-Fe. GPL SK06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6 3067</t>
  </si>
  <si>
    <t>5702328934825</t>
  </si>
  <si>
    <t>VELUX Klapp-Schw.-Fe. GPL S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6 3069</t>
  </si>
  <si>
    <t>5702328932289</t>
  </si>
  <si>
    <t>VELUX Klapp-Schw.-Fe. GPL S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SK06 3070</t>
  </si>
  <si>
    <t>5702326550201</t>
  </si>
  <si>
    <t>VELUX Klapp-Schw.-Fe. GPL SK06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06 3084</t>
  </si>
  <si>
    <t>5702329843805</t>
  </si>
  <si>
    <t>VELUX Klapp-Schw.-Fe. GPL SK06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6 3166</t>
  </si>
  <si>
    <t>5702327002914</t>
  </si>
  <si>
    <t>VELUX Klapp-Schw.-Fe. GPL S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6 3184</t>
  </si>
  <si>
    <t>5702329843812</t>
  </si>
  <si>
    <t>VELUX Klapp-Schw.-Fe. GPL SK06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6 3384</t>
  </si>
  <si>
    <t>5702329843829</t>
  </si>
  <si>
    <t>VELUX Klapp-Schw.-Fe. GPL SK06 3384</t>
  </si>
  <si>
    <t>klar lackiert EN Titanzink 114 x 11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8 2066</t>
  </si>
  <si>
    <t>5702327966254</t>
  </si>
  <si>
    <t>VELUX Klapp-Schw.-Fe. GPL S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2067</t>
  </si>
  <si>
    <t>5702328934832</t>
  </si>
  <si>
    <t>VELUX Klapp-Schw.-Fe. GPL S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2069</t>
  </si>
  <si>
    <t>5702328932296</t>
  </si>
  <si>
    <t>VELUX Klapp-Schw.-Fe. GPL S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SK08 2070</t>
  </si>
  <si>
    <t>5702326550225</t>
  </si>
  <si>
    <t>VELUX Klapp-Schw.-Fe. GPL S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08 2084</t>
  </si>
  <si>
    <t>5702329843836</t>
  </si>
  <si>
    <t>VELUX Klapp-Schw.-Fe. GPL S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8 2184</t>
  </si>
  <si>
    <t>5702329843850</t>
  </si>
  <si>
    <t>VELUX Klapp-Schw.-Fe. GPL S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8 2366</t>
  </si>
  <si>
    <t>5702328047068</t>
  </si>
  <si>
    <t>VELUX Klapp-Schw.-Fe. GPL SK08 2366</t>
  </si>
  <si>
    <t>weiß lack EN.PLUS Ti walz 114x14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2384</t>
  </si>
  <si>
    <t>5702329843867</t>
  </si>
  <si>
    <t>VELUX Klapp-Schw.-Fe. GPL S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8 3066</t>
  </si>
  <si>
    <t>5702326178535</t>
  </si>
  <si>
    <t>VELUX Klapp-Schw.-Fe. GPL S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3067</t>
  </si>
  <si>
    <t>5702328934849</t>
  </si>
  <si>
    <t>VELUX Klapp-Schw.-Fe. GPL S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3069</t>
  </si>
  <si>
    <t>5702328932302</t>
  </si>
  <si>
    <t>VELUX Klapp-Schw.-Fe. GPL S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SK08 3070</t>
  </si>
  <si>
    <t>5702326550256</t>
  </si>
  <si>
    <t>VELUX Klapp-Schw.-Fe. GPL S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08 3084</t>
  </si>
  <si>
    <t>5702329843874</t>
  </si>
  <si>
    <t>VELUX Klapp-Schw.-Fe. GPL S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08 3184</t>
  </si>
  <si>
    <t>5702329843881</t>
  </si>
  <si>
    <t>VELUX Klapp-Schw.-Fe. GPL S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10 2066</t>
  </si>
  <si>
    <t>5702327939074</t>
  </si>
  <si>
    <t>VELUX Klapp-Schw.-Fe. GPL SK10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2067</t>
  </si>
  <si>
    <t>5702328934856</t>
  </si>
  <si>
    <t>VELUX Klapp-Schw.-Fe. GPL SK10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2069</t>
  </si>
  <si>
    <t>5702328932319</t>
  </si>
  <si>
    <t>VELUX Klapp-Schw.-Fe. GPL SK10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SK10 2070</t>
  </si>
  <si>
    <t>5702327062444</t>
  </si>
  <si>
    <t>VELUX Klapp-Schw.-Fe. GPL SK10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10 2084</t>
  </si>
  <si>
    <t>5702329843898</t>
  </si>
  <si>
    <t>VELUX Klapp-Schw.-Fe. GPL SK10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SK10 2166L</t>
  </si>
  <si>
    <t>5702328047099</t>
  </si>
  <si>
    <t>VELUX Klapp-Schw.-Fe. GPL SK10 2166L</t>
  </si>
  <si>
    <t>Klapp-Schwing-Fenster weiß ENPLUS Cu</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2366L</t>
  </si>
  <si>
    <t>5702328047129</t>
  </si>
  <si>
    <t>VELUX Klapp-Schw.-Fe. GPL SK10 2366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3066</t>
  </si>
  <si>
    <t>5702327602022</t>
  </si>
  <si>
    <t>VELUX Klapp-Schw.-Fe. GPL SK10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3067</t>
  </si>
  <si>
    <t>5702328934863</t>
  </si>
  <si>
    <t>VELUX Klapp-Schw.-Fe. GPL SK10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3069</t>
  </si>
  <si>
    <t>5702328932326</t>
  </si>
  <si>
    <t>VELUX Klapp-Schw.-Fe. GPL SK10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SK10 3070</t>
  </si>
  <si>
    <t>5702326997778</t>
  </si>
  <si>
    <t>VELUX Klapp-Schw.-Fe. GPL SK10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10 3084</t>
  </si>
  <si>
    <t>5702329843928</t>
  </si>
  <si>
    <t>VELUX Klapp-Schw.-Fe. GPL SK10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4 2066</t>
  </si>
  <si>
    <t>5702327966261</t>
  </si>
  <si>
    <t>VELUX Klapp-Schw.-Fe. GPL UK04 2066</t>
  </si>
  <si>
    <t>weiß lack. EN.PLUS Alu 134x9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4 2067</t>
  </si>
  <si>
    <t>5702328934870</t>
  </si>
  <si>
    <t>VELUX Klapp-Schw.-Fe. GPL UK04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4 2069</t>
  </si>
  <si>
    <t>5702328932333</t>
  </si>
  <si>
    <t>VELUX Klapp-Schw.-Fe. GPL UK04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UK04 2070</t>
  </si>
  <si>
    <t>5702327188137</t>
  </si>
  <si>
    <t>VELUX Klapp-Schw.-Fe. GPL UK04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4 2084</t>
  </si>
  <si>
    <t>5702329843942</t>
  </si>
  <si>
    <t>VELUX Klapp-Schw.-Fe. GPL UK04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4 2166</t>
  </si>
  <si>
    <t>5702328047150</t>
  </si>
  <si>
    <t>VELUX Klapp-Schw.-Fe. GPL UK04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4 2170</t>
  </si>
  <si>
    <t>5702327283665</t>
  </si>
  <si>
    <t>VELUX Klapp-Schw.-Fe. GPL UK04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4 2184</t>
  </si>
  <si>
    <t>5702329843966</t>
  </si>
  <si>
    <t>VELUX Klapp-Schw.-Fe. GPL UK04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4 2384</t>
  </si>
  <si>
    <t>5702329843973</t>
  </si>
  <si>
    <t>VELUX Klapp-Schw.-Fe. GPL UK04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4 3066</t>
  </si>
  <si>
    <t>5702327395511</t>
  </si>
  <si>
    <t>VELUX Klapp-Schw.-Fe. GPL UK04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4 3069</t>
  </si>
  <si>
    <t>5702328932340</t>
  </si>
  <si>
    <t>VELUX Klapp-Schw.-Fe. GPL UK04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UK04 3070</t>
  </si>
  <si>
    <t>5702326997808</t>
  </si>
  <si>
    <t>VELUX Klapp-Schw.-Fe. GPL UK04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4 3084</t>
  </si>
  <si>
    <t>5702329843980</t>
  </si>
  <si>
    <t>VELUX Klapp-Schw.-Fe. GPL UK04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4 3166</t>
  </si>
  <si>
    <t>5702327395528</t>
  </si>
  <si>
    <t>VELUX Klapp-Schw.-Fe. GPL UK04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4 3184</t>
  </si>
  <si>
    <t>5702329843997</t>
  </si>
  <si>
    <t>VELUX Klapp-Schw.-Fe. GPL UK04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4 3384</t>
  </si>
  <si>
    <t>5702329844000</t>
  </si>
  <si>
    <t>VELUX Klapp-Schw.-Fe. GPL UK04 3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8 2066</t>
  </si>
  <si>
    <t>5702327966278</t>
  </si>
  <si>
    <t>VELUX Klapp-Schw.-Fe. GPL UK08 2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2067</t>
  </si>
  <si>
    <t>5702328934894</t>
  </si>
  <si>
    <t>VELUX Klapp-Schw.-Fe. GPL U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2069</t>
  </si>
  <si>
    <t>5702328932357</t>
  </si>
  <si>
    <t>VELUX Klapp-Schw.-Fe. GPL UK08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UK08 2070</t>
  </si>
  <si>
    <t>5702327188168</t>
  </si>
  <si>
    <t>VELUX Klapp-Schw.-Fe. GPL UK08 2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8 2084</t>
  </si>
  <si>
    <t>5702329844017</t>
  </si>
  <si>
    <t>VELUX Klapp-Schw.-Fe. GPL UK08 2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8 2166</t>
  </si>
  <si>
    <t>5702328047211</t>
  </si>
  <si>
    <t>VELUX Klapp-Schw.-Fe. GPL U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2170</t>
  </si>
  <si>
    <t>5702327283689</t>
  </si>
  <si>
    <t>VELUX Klapp-Schw.-Fe. GPL U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8 2184</t>
  </si>
  <si>
    <t>5702329844031</t>
  </si>
  <si>
    <t>VELUX Klapp-Schw.-Fe. GPL UK08 2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8 2384</t>
  </si>
  <si>
    <t>5702329844048</t>
  </si>
  <si>
    <t>VELUX Klapp-Schw.-Fe. GPL UK08 23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8 3066</t>
  </si>
  <si>
    <t>5702327395542</t>
  </si>
  <si>
    <t>VELUX Klapp-Schw.-Fe. GPL UK08 30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3067</t>
  </si>
  <si>
    <t>5702328934900</t>
  </si>
  <si>
    <t>VELUX Klapp-Schw.-Fe. GPL U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3069</t>
  </si>
  <si>
    <t>5702328932364</t>
  </si>
  <si>
    <t>VELUX Klapp-Schw.-Fe. GPL U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UK08 3070</t>
  </si>
  <si>
    <t>5702326997846</t>
  </si>
  <si>
    <t>VELUX Klapp-Schw.-Fe. GPL UK08 30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8 3084</t>
  </si>
  <si>
    <t>5702329844055</t>
  </si>
  <si>
    <t>VELUX Klapp-Schw.-Fe. GPL UK08 30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 UK08 3166</t>
  </si>
  <si>
    <t>5702327395559</t>
  </si>
  <si>
    <t>VELUX Klapp-Schw.-Fe. GPL U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3184</t>
  </si>
  <si>
    <t>5702329844062</t>
  </si>
  <si>
    <t>VELUX Klapp-Schw.-Fe. GPL UK08 3184</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LS FFKF06 2066</t>
  </si>
  <si>
    <t>5702329612098</t>
  </si>
  <si>
    <t>VELUX Lichtlösung GPLS FFKF06 2066</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 FFKF06 2070</t>
  </si>
  <si>
    <t>5702329612104</t>
  </si>
  <si>
    <t>VELUX Lichtlösung GPLS FFKF06 2070</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 FFKF06 2166</t>
  </si>
  <si>
    <t>5702329612128</t>
  </si>
  <si>
    <t>VELUX Lichtlösung GPLS FFKF06 2166</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1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 FFKF06 2170</t>
  </si>
  <si>
    <t>5702329612135</t>
  </si>
  <si>
    <t>VELUX Lichtlösung GPLS FFKF06 2170</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18 cm
Lichtfläche: 1,41m²
Endlackierung in zwei Schichten
mit weißem wasserverdünnbarem,
lösungsmittelfreiem Acryl-Lack.
Trockenschichtstärke gemäß DIN 68 800,
Teil 3: 85 µ.
Außenabdeckung aus Kupfer.
----------------------------------------
THERMO Verglasung mit
sehr guten technischen Werten:
Wärmedurchgangswert Uw = 1,4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 FFKF08 2066</t>
  </si>
  <si>
    <t>5702329612142</t>
  </si>
  <si>
    <t>VELUX Lichtlösung GPLS FFKF08 2066</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 FFKF08 2070</t>
  </si>
  <si>
    <t>5702329612159</t>
  </si>
  <si>
    <t>VELUX Lichtlösung GPLS FFKF08 2070</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S FFKF08 2166</t>
  </si>
  <si>
    <t>5702329612173</t>
  </si>
  <si>
    <t>VELUX Lichtlösung GPLS FFKF08 2166</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für besonders
hohen Wärmeschutz: Uw = 1,0 W/(m²K),
Schalldämmwert Rw(C,Ctr)= 36(-1,-5) dB,
Schallschutzklasse 2,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S FFKF08 2170</t>
  </si>
  <si>
    <t>5702329612180</t>
  </si>
  <si>
    <t>VELUX Lichtlösung GPLS FFKF08 2170</t>
  </si>
  <si>
    <t>----------------------------------------
VELUX Lichtlösung 3-in-1.
3 Fensterelemente in 1 Blendrahmen.
Die äußeren Fensterelemente sind 
Klapp-Schwing-Fenster mit 45°
Öffnungswinkel.
Mit Bedienungsgriff unten und
Lüftungsklappe und Luftfilter.
Das mittlere Element ist feststehend.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88x140 cm
Lichtfläche: 1,7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4(-1,-4)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CK04 0062</t>
  </si>
  <si>
    <t>5702327115010</t>
  </si>
  <si>
    <t>VELUX Klapp-Schw.-Fe. GPU CK04 0062</t>
  </si>
  <si>
    <t>117</t>
  </si>
  <si>
    <t>VELUX-Klapp-Schwing-Fenster,GPU</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CK04 0066</t>
  </si>
  <si>
    <t>5702326178573</t>
  </si>
  <si>
    <t>VELUX Klapp-Schw.-Fe. GPU CK04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4 0067</t>
  </si>
  <si>
    <t>5702327182890</t>
  </si>
  <si>
    <t>VELUX Klapp-Schw.-Fe. GPU CK04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4 0069</t>
  </si>
  <si>
    <t>5702328932371</t>
  </si>
  <si>
    <t>VELUX Klapp-Schw.-Fe. GPU CK04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CK04 0070</t>
  </si>
  <si>
    <t>5702326550300</t>
  </si>
  <si>
    <t>VELUX Klapp-Schw.-Fe. GPU CK04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CK04 0084</t>
  </si>
  <si>
    <t>5702329844079</t>
  </si>
  <si>
    <t>VELUX Klapp-Schw.-Fe. GPU CK04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CK04 0166</t>
  </si>
  <si>
    <t>5702327002952</t>
  </si>
  <si>
    <t>VELUX Klapp-Schw.-Fe. GPU CK04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4 0170</t>
  </si>
  <si>
    <t>5702327165787</t>
  </si>
  <si>
    <t>VELUX Klapp-Schw.-Fe. GPU CK04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CK04 0184</t>
  </si>
  <si>
    <t>5702329844086</t>
  </si>
  <si>
    <t>VELUX Klapp-Schw.-Fe. GPU CK04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CK04 0366</t>
  </si>
  <si>
    <t>5702327002969</t>
  </si>
  <si>
    <t>VELUX Klapp-Schw.-Fe. GPU CK04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4 0370</t>
  </si>
  <si>
    <t>5702327165800</t>
  </si>
  <si>
    <t>VELUX Klapp-Schw.-Fe. GPU CK04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CK04 0384</t>
  </si>
  <si>
    <t>5702329844093</t>
  </si>
  <si>
    <t>VELUX Klapp-Schw.-Fe. GPU CK04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CK04 S10J01</t>
  </si>
  <si>
    <t>5702328957473</t>
  </si>
  <si>
    <t>VELUX Klapp-Schw.-Fe. GPU CK04 S10J01</t>
  </si>
  <si>
    <t>Blendrahmen-Außenmaße (BxL): 55 x 98 cm
Lichtfläche: 0,29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CK06 0062</t>
  </si>
  <si>
    <t>5702327115041</t>
  </si>
  <si>
    <t>VELUX Klapp-Schw.-Fe. GPU C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CK06 0066</t>
  </si>
  <si>
    <t>5702327001931</t>
  </si>
  <si>
    <t>VELUX Klapp-Schw.-Fe. GPU C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6 0067</t>
  </si>
  <si>
    <t>5702327182920</t>
  </si>
  <si>
    <t>VELUX Klapp-Schw.-Fe. GPU C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6 0069</t>
  </si>
  <si>
    <t>5702328932388</t>
  </si>
  <si>
    <t>VELUX Klapp-Schw.-Fe. GPU C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CK06 0070</t>
  </si>
  <si>
    <t>5702326550362</t>
  </si>
  <si>
    <t>VELUX Klapp-Schw.-Fe. GPU C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CK06 0084</t>
  </si>
  <si>
    <t>5702329844109</t>
  </si>
  <si>
    <t>VELUX Klapp-Schw.-Fe. GPU C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CK06 0166</t>
  </si>
  <si>
    <t>5702327002976</t>
  </si>
  <si>
    <t>VELUX Klapp-Schw.-Fe. GPU C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6 0170</t>
  </si>
  <si>
    <t>5702327165824</t>
  </si>
  <si>
    <t>VELUX Klapp-Schw.-Fe. GPU C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CK06 0184</t>
  </si>
  <si>
    <t>5702329844116</t>
  </si>
  <si>
    <t>VELUX Klapp-Schw.-Fe. GPU C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CK06 0384</t>
  </si>
  <si>
    <t>5702329844123</t>
  </si>
  <si>
    <t>VELUX Klapp-Schw.-Fe. GPU C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CK06 S10J01</t>
  </si>
  <si>
    <t>5702328957480</t>
  </si>
  <si>
    <t>VELUX Klapp-Schw.-Fe. GPU CK06 S10J01</t>
  </si>
  <si>
    <t>Blendrahmen-Außenmaße (BxL): 55 x 118 cm
Lichtfläche: 0,36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FK06 0062</t>
  </si>
  <si>
    <t>5702327115072</t>
  </si>
  <si>
    <t>VELUX Klapp-Schw.-Fe. GPU F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FK06 0066</t>
  </si>
  <si>
    <t>5702326178641</t>
  </si>
  <si>
    <t>VELUX Klapp-Schw.-Fe. GPU F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FK06 006621</t>
  </si>
  <si>
    <t>5702328713819</t>
  </si>
  <si>
    <t>VELUX Elektrofenster GPU FK06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FK06 0067</t>
  </si>
  <si>
    <t>5702327182951</t>
  </si>
  <si>
    <t>VELUX Klapp-Schw.-Fe. GPU F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FK06 0069</t>
  </si>
  <si>
    <t>5702328932395</t>
  </si>
  <si>
    <t>VELUX Klapp-Schw.-Fe. GPU F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FK06 0070</t>
  </si>
  <si>
    <t>5702326550409</t>
  </si>
  <si>
    <t>VELUX Klapp-Schw.-Fe. GPU F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FK06 007021</t>
  </si>
  <si>
    <t>5702328713826</t>
  </si>
  <si>
    <t>VELUX Elektrofenster GPU FK06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FK06 0084</t>
  </si>
  <si>
    <t>5702329844130</t>
  </si>
  <si>
    <t>VELUX Klapp-Schw.-Fe. GPU F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FK06 0166</t>
  </si>
  <si>
    <t>5702327002990</t>
  </si>
  <si>
    <t>VELUX Klapp-Schw.-Fe. GPU F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FK06 0170</t>
  </si>
  <si>
    <t>5702327165862</t>
  </si>
  <si>
    <t>VELUX Klapp-Schw.-Fe. GPU F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FK06 0184</t>
  </si>
  <si>
    <t>5702329844161</t>
  </si>
  <si>
    <t>VELUX Klapp-Schw.-Fe. GPU F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FK06 0366</t>
  </si>
  <si>
    <t>5702327003003</t>
  </si>
  <si>
    <t>VELUX Klapp-Schw.-Fe. GPU F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FK06 0370</t>
  </si>
  <si>
    <t>5702327165886</t>
  </si>
  <si>
    <t>VELUX Klapp-Schw.-Fe. GPU F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FK06 0384</t>
  </si>
  <si>
    <t>5702329844178</t>
  </si>
  <si>
    <t>VELUX Klapp-Schw.-Fe. GPU F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FK06 S10J01</t>
  </si>
  <si>
    <t>5702328957497</t>
  </si>
  <si>
    <t>VELUX Klapp-Schw.-Fe. GPU FK06 S10J01</t>
  </si>
  <si>
    <t>Blendrahmen-Außenmaße (BxL): 66 x 118 cm
Lichtfläche: 0,47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FK08 0062</t>
  </si>
  <si>
    <t>5702327115102</t>
  </si>
  <si>
    <t>VELUX Klapp-Schw.-Fe. GPU FK08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FK08 0066</t>
  </si>
  <si>
    <t>5702327001948</t>
  </si>
  <si>
    <t>VELUX Klapp-Schw.-Fe. GPU F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FK08 006621</t>
  </si>
  <si>
    <t>5702328713857</t>
  </si>
  <si>
    <t>VELUX Elektrofenster GPU FK08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FK08 0067</t>
  </si>
  <si>
    <t>5702327182982</t>
  </si>
  <si>
    <t>VELUX Klapp-Schw.-Fe. GPU F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FK08 0069</t>
  </si>
  <si>
    <t>5702328932401</t>
  </si>
  <si>
    <t>VELUX Klapp-Schw.-Fe. GPU F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FK08 0070</t>
  </si>
  <si>
    <t>5702326550461</t>
  </si>
  <si>
    <t>VELUX Klapp-Schw.-Fe. GPU F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FK08 007021</t>
  </si>
  <si>
    <t>5702328713864</t>
  </si>
  <si>
    <t>VELUX Elektrofenster GPU FK08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FK08 0084</t>
  </si>
  <si>
    <t>5702329844185</t>
  </si>
  <si>
    <t>VELUX Klapp-Schw.-Fe. GPU F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FK08 0166</t>
  </si>
  <si>
    <t>5702327003010</t>
  </si>
  <si>
    <t>VELUX Klapp-Schw.-Fe. GPU FK08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FK08 0184</t>
  </si>
  <si>
    <t>5702329844215</t>
  </si>
  <si>
    <t>VELUX Klapp-Schw.-Fe. GPU F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FK08 0384</t>
  </si>
  <si>
    <t>5702329844222</t>
  </si>
  <si>
    <t>VELUX Klapp-Schw.-Fe. GPU F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FK08 S10J01</t>
  </si>
  <si>
    <t>5702328957503</t>
  </si>
  <si>
    <t>VELUX Klapp-Schw.-Fe. GPU FK08 S10J01</t>
  </si>
  <si>
    <t>Blendrahmen-Außenmaße (BxL): 66 x 140 cm
Lichtfläche: 0,58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MK04 0062</t>
  </si>
  <si>
    <t>5702327115133</t>
  </si>
  <si>
    <t>VELUX Klapp-Schw.-Fe. GPU MK04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MK04 0066</t>
  </si>
  <si>
    <t>5702326178719</t>
  </si>
  <si>
    <t>VELUX Klapp-Schw.-Fe. GPU MK04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4 0067</t>
  </si>
  <si>
    <t>5702327183019</t>
  </si>
  <si>
    <t>VELUX Klapp-Schw.-Fe. GPU MK04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4 0069</t>
  </si>
  <si>
    <t>5702328932418</t>
  </si>
  <si>
    <t>VELUX Klapp-Schw.-Fe. GPU MK04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MK04 0070</t>
  </si>
  <si>
    <t>5702326550508</t>
  </si>
  <si>
    <t>VELUX Klapp-Schw.-Fe. GPU MK04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4 0084</t>
  </si>
  <si>
    <t>5702329844239</t>
  </si>
  <si>
    <t>VELUX Klapp-Schw.-Fe. GPU MK04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04 0162</t>
  </si>
  <si>
    <t>5702327115140</t>
  </si>
  <si>
    <t>VELUX Klapp-Schw.-Fe. GPU MK04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MK04 0166</t>
  </si>
  <si>
    <t>5702327003041</t>
  </si>
  <si>
    <t>VELUX Klapp-Schw.-Fe. GPU MK04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4 0170</t>
  </si>
  <si>
    <t>5702327165947</t>
  </si>
  <si>
    <t>VELUX Klapp-Schw.-Fe. GPU MK04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4 0184</t>
  </si>
  <si>
    <t>5702329844246</t>
  </si>
  <si>
    <t>VELUX Klapp-Schw.-Fe. GPU MK04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04 0384</t>
  </si>
  <si>
    <t>5702329844253</t>
  </si>
  <si>
    <t>VELUX Klapp-Schw.-Fe. GPU MK04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06 0062</t>
  </si>
  <si>
    <t>5702327115164</t>
  </si>
  <si>
    <t>VELUX Klapp-Schw.-Fe. GPU M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MK06 0066</t>
  </si>
  <si>
    <t>5702326178764</t>
  </si>
  <si>
    <t>VELUX Klapp-Schw.-Fe. GPU M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6 006621</t>
  </si>
  <si>
    <t>5702328713895</t>
  </si>
  <si>
    <t>VELUX Elektrofenster GPU MK06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MK06 0067</t>
  </si>
  <si>
    <t>5702327183040</t>
  </si>
  <si>
    <t>VELUX Klapp-Schw.-Fe. GPU M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6 0069</t>
  </si>
  <si>
    <t>5702328932425</t>
  </si>
  <si>
    <t>VELUX Klapp-Schw.-Fe. GPU M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MK06 0070</t>
  </si>
  <si>
    <t>5702326550560</t>
  </si>
  <si>
    <t>VELUX Klapp-Schw.-Fe. GPU M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6 007021</t>
  </si>
  <si>
    <t>5702328713901</t>
  </si>
  <si>
    <t>VELUX Elektrofenster GPU MK06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MK06 0084</t>
  </si>
  <si>
    <t>5702329844260</t>
  </si>
  <si>
    <t>VELUX Klapp-Schw.-Fe. GPU M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06 0162</t>
  </si>
  <si>
    <t>5702327115171</t>
  </si>
  <si>
    <t>VELUX Klapp-Schw.-Fe. GPU M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MK06 0166</t>
  </si>
  <si>
    <t>5702327003065</t>
  </si>
  <si>
    <t>VELUX Klapp-Schw.-Fe. GPU M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6 0170</t>
  </si>
  <si>
    <t>5702327165985</t>
  </si>
  <si>
    <t>VELUX Klapp-Schw.-Fe. GPU M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6 0184</t>
  </si>
  <si>
    <t>5702329844307</t>
  </si>
  <si>
    <t>VELUX Klapp-Schw.-Fe. GPU M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06 0366</t>
  </si>
  <si>
    <t>5702327003072</t>
  </si>
  <si>
    <t>VELUX Klapp-Schw.-Fe. GPU M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6 0370</t>
  </si>
  <si>
    <t>5702327166005</t>
  </si>
  <si>
    <t>VELUX Klapp-Schw.-Fe. GPU M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6 0384</t>
  </si>
  <si>
    <t>5702329844314</t>
  </si>
  <si>
    <t>VELUX Klapp-Schw.-Fe. GPU M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06 S10J01</t>
  </si>
  <si>
    <t>5702328957527</t>
  </si>
  <si>
    <t>VELUX Klapp-Schw.-Fe. GPU MK06 S10J01</t>
  </si>
  <si>
    <t>Blendrahmen-Außenmaße (BxL): 78 x 118 cm
Lichtfläche: 0,59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MK08 0062</t>
  </si>
  <si>
    <t>5702327115195</t>
  </si>
  <si>
    <t>VELUX Klapp-Schw.-Fe. GPU MK08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MK08 0066</t>
  </si>
  <si>
    <t>5702326178801</t>
  </si>
  <si>
    <t>VELUX Klapp-Schw.-Fe. GPU M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8 006621</t>
  </si>
  <si>
    <t>5702328713932</t>
  </si>
  <si>
    <t>VELUX Elektrofenster GPU MK08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MK08 0067</t>
  </si>
  <si>
    <t>5702327183071</t>
  </si>
  <si>
    <t>VELUX Klapp-Schw.-Fe. GPU M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8 0069</t>
  </si>
  <si>
    <t>5702328932432</t>
  </si>
  <si>
    <t>VELUX Klapp-Schw.-Fe. GPU M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MK08 0070</t>
  </si>
  <si>
    <t>5702326550607</t>
  </si>
  <si>
    <t>VELUX Klapp-Schw.-Fe. GPU M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8 007021</t>
  </si>
  <si>
    <t>5702328713949</t>
  </si>
  <si>
    <t>VELUX Elektrofenster GPU MK08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MK08 0084</t>
  </si>
  <si>
    <t>5702329844321</t>
  </si>
  <si>
    <t>VELUX Klapp-Schw.-Fe. GPU M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08 0166</t>
  </si>
  <si>
    <t>5702327003089</t>
  </si>
  <si>
    <t>VELUX Klapp-Schw.-Fe. GPU MK08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8 0170</t>
  </si>
  <si>
    <t>5702327166029</t>
  </si>
  <si>
    <t>VELUX Klapp-Schw.-Fe. GPU M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8 0184</t>
  </si>
  <si>
    <t>5702329844369</t>
  </si>
  <si>
    <t>VELUX Klapp-Schw.-Fe. GPU M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08 0366</t>
  </si>
  <si>
    <t>5702327003096</t>
  </si>
  <si>
    <t>VELUX Klapp-Schw.-Fe. GPU MK08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8 0370</t>
  </si>
  <si>
    <t>5702327166043</t>
  </si>
  <si>
    <t>VELUX Klapp-Schw.-Fe. GPU M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8 0384</t>
  </si>
  <si>
    <t>5702329844376</t>
  </si>
  <si>
    <t>VELUX Klapp-Schw.-Fe. GPU M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08 S10J01</t>
  </si>
  <si>
    <t>5702328957534</t>
  </si>
  <si>
    <t>VELUX Klapp-Schw.-Fe. GPU MK08 S10J01</t>
  </si>
  <si>
    <t>Blendrahmen-Außenmaße (BxL): 78 x 140 cm
Lichtfläche: 0,72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MK10 0062</t>
  </si>
  <si>
    <t>5702327115225</t>
  </si>
  <si>
    <t>VELUX Klapp-Schw.-Fe. GPU MK10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MK10 0066</t>
  </si>
  <si>
    <t>5702327001955</t>
  </si>
  <si>
    <t>VELUX Klapp-Schw.-Fe. GPU MK10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10 0067</t>
  </si>
  <si>
    <t>5702327183101</t>
  </si>
  <si>
    <t>VELUX Klapp-Schw.-Fe. GPU MK10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10 0069</t>
  </si>
  <si>
    <t>5702328932449</t>
  </si>
  <si>
    <t>VELUX Klapp-Schw.-Fe. GPU MK10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MK10 0070</t>
  </si>
  <si>
    <t>5702326997877</t>
  </si>
  <si>
    <t>VELUX Klapp-Schw.-Fe. GPU MK10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10 0084</t>
  </si>
  <si>
    <t>5702329844383</t>
  </si>
  <si>
    <t>VELUX Klapp-Schw.-Fe. GPU MK10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10 0166</t>
  </si>
  <si>
    <t>5702327003102</t>
  </si>
  <si>
    <t>VELUX Klapp-Schw.-Fe. GPU MK10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10 0170</t>
  </si>
  <si>
    <t>5702327166067</t>
  </si>
  <si>
    <t>VELUX Klapp-Schw.-Fe. GPU MK10 0170</t>
  </si>
  <si>
    <t>Polyur. THERMO Cu 78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10 0184</t>
  </si>
  <si>
    <t>5702329844390</t>
  </si>
  <si>
    <t>VELUX Klapp-Schw.-Fe. GPU MK10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MK10 0366</t>
  </si>
  <si>
    <t>5702327003119</t>
  </si>
  <si>
    <t>VELUX Klapp-Schw.-Fe. GPU MK10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10 0384</t>
  </si>
  <si>
    <t>5702329844406</t>
  </si>
  <si>
    <t>VELUX Klapp-Schw.-Fe. GPU MK10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06 0062</t>
  </si>
  <si>
    <t>5702327115256</t>
  </si>
  <si>
    <t>VELUX Klapp-Schw.-Fe. GPU P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PK06 0066</t>
  </si>
  <si>
    <t>5702326178887</t>
  </si>
  <si>
    <t>VELUX Klapp-Schw.-Fe. GPU P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06 006621</t>
  </si>
  <si>
    <t>5702328713970</t>
  </si>
  <si>
    <t>VELUX Elektrofenster GPU PK06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PK06 0067</t>
  </si>
  <si>
    <t>5702327183132</t>
  </si>
  <si>
    <t>VELUX Klapp-Schw.-Fe. GPU P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06 0069</t>
  </si>
  <si>
    <t>5702328932456</t>
  </si>
  <si>
    <t>VELUX Klapp-Schw.-Fe. GPU P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PK06 0070</t>
  </si>
  <si>
    <t>5702326550706</t>
  </si>
  <si>
    <t>VELUX Klapp-Schw.-Fe. GPU P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06 007021</t>
  </si>
  <si>
    <t>5702328713987</t>
  </si>
  <si>
    <t>VELUX Elektrofenster GPU PK06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PK06 0084</t>
  </si>
  <si>
    <t>5702329844413</t>
  </si>
  <si>
    <t>VELUX Klapp-Schw.-Fe. GPU P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06 0166</t>
  </si>
  <si>
    <t>5702327003126</t>
  </si>
  <si>
    <t>VELUX Klapp-Schw.-Fe. GPU P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06 0170</t>
  </si>
  <si>
    <t>5702327166104</t>
  </si>
  <si>
    <t>VELUX Klapp-Schw.-Fe. GPU P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06 0184</t>
  </si>
  <si>
    <t>5702329844451</t>
  </si>
  <si>
    <t>VELUX Klapp-Schw.-Fe. GPU P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06 0384</t>
  </si>
  <si>
    <t>5702329844468</t>
  </si>
  <si>
    <t>VELUX Klapp-Schw.-Fe. GPU P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06 S10J01</t>
  </si>
  <si>
    <t>5702328957558</t>
  </si>
  <si>
    <t>VELUX Klapp-Schw.-Fe. GPU PK06 S10J01</t>
  </si>
  <si>
    <t>Polyur. EN.WäDämm. Alu+EDJ 94x118</t>
  </si>
  <si>
    <t>Blendrahmen-Außenmaße (BxL): 94 x 118 cm
Lichtfläche: 0,75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PK08 0062</t>
  </si>
  <si>
    <t>5702327115287</t>
  </si>
  <si>
    <t>VELUX Klapp-Schw.-Fe. GPU PK08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PK08 0066</t>
  </si>
  <si>
    <t>5702326178924</t>
  </si>
  <si>
    <t>VELUX Klapp-Schw.-Fe. GPU P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08 006621</t>
  </si>
  <si>
    <t>5702328714014</t>
  </si>
  <si>
    <t>VELUX Elektrofenster GPU PK08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PK08 0067</t>
  </si>
  <si>
    <t>5702327183163</t>
  </si>
  <si>
    <t>VELUX Klapp-Schw.-Fe. GPU P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08 0069</t>
  </si>
  <si>
    <t>5702328932463</t>
  </si>
  <si>
    <t>VELUX Klapp-Schw.-Fe. GPU P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PK08 0070</t>
  </si>
  <si>
    <t>5702326550768</t>
  </si>
  <si>
    <t>VELUX Klapp-Schw.-Fe. GPU P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08 007021</t>
  </si>
  <si>
    <t>5702328714021</t>
  </si>
  <si>
    <t>VELUX Elektrofenster GPU PK08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PK08 0084</t>
  </si>
  <si>
    <t>5702329844475</t>
  </si>
  <si>
    <t>VELUX Klapp-Schw.-Fe. GPU P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08 0166</t>
  </si>
  <si>
    <t>5702327003140</t>
  </si>
  <si>
    <t>VELUX Klapp-Schw.-Fe. GPU PK08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08 0170</t>
  </si>
  <si>
    <t>5702327166142</t>
  </si>
  <si>
    <t>VELUX Klapp-Schw.-Fe. GPU PK08 0170</t>
  </si>
  <si>
    <t>Polyur. THERMO Cu 94x14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08 0184</t>
  </si>
  <si>
    <t>5702329844505</t>
  </si>
  <si>
    <t>VELUX Klapp-Schw.-Fe. GPU P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08 0366</t>
  </si>
  <si>
    <t>5702327003157</t>
  </si>
  <si>
    <t>VELUX Klapp-Schw.-Fe. GPU PK08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08 0370</t>
  </si>
  <si>
    <t>5702327166166</t>
  </si>
  <si>
    <t>VELUX Klapp-Schw.-Fe. GPU PK08 0370</t>
  </si>
  <si>
    <t>Polyur. THERMO Ti walz 94x14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08 0384</t>
  </si>
  <si>
    <t>5702329844512</t>
  </si>
  <si>
    <t>VELUX Klapp-Schw.-Fe. GPU P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08 S10J01</t>
  </si>
  <si>
    <t>5702328957565</t>
  </si>
  <si>
    <t>VELUX Klapp-Schw.-Fe. GPU PK08 S10J01</t>
  </si>
  <si>
    <t>Blendrahmen-Außenmaße (BxL): 94 x 140 cm
Lichtfläche: 0,92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PK10 0062</t>
  </si>
  <si>
    <t>5702327115317</t>
  </si>
  <si>
    <t>VELUX Klapp-Schw.-Fe. GPU PK10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PK10 0066</t>
  </si>
  <si>
    <t>5702327001962</t>
  </si>
  <si>
    <t>VELUX Klapp-Schw.-Fe. GPU PK10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10 0067</t>
  </si>
  <si>
    <t>5702327183194</t>
  </si>
  <si>
    <t>VELUX Klapp-Schw.-Fe. GPU PK10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10 0069</t>
  </si>
  <si>
    <t>5702328932470</t>
  </si>
  <si>
    <t>VELUX Klapp-Schw.-Fe. GPU PK10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PK10 0070</t>
  </si>
  <si>
    <t>5702326550829</t>
  </si>
  <si>
    <t>VELUX Klapp-Schw.-Fe. GPU PK10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10 0084</t>
  </si>
  <si>
    <t>5702329844529</t>
  </si>
  <si>
    <t>VELUX Klapp-Schw.-Fe. GPU PK10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10 0166</t>
  </si>
  <si>
    <t>5702327003171</t>
  </si>
  <si>
    <t>VELUX Klapp-Schw.-Fe. GPU PK10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10 0170</t>
  </si>
  <si>
    <t>5702327166180</t>
  </si>
  <si>
    <t>VELUX Klapp-Schw.-Fe. GPU PK10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10 0184</t>
  </si>
  <si>
    <t>5702329844536</t>
  </si>
  <si>
    <t>VELUX Klapp-Schw.-Fe. GPU PK10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10 0366</t>
  </si>
  <si>
    <t>5702327003188</t>
  </si>
  <si>
    <t>VELUX Klapp-Schw.-Fe. GPU PK10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10 0370</t>
  </si>
  <si>
    <t>5702327166203</t>
  </si>
  <si>
    <t>VELUX Klapp-Schw.-Fe. GPU PK10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10 0384</t>
  </si>
  <si>
    <t>5702329844543</t>
  </si>
  <si>
    <t>VELUX Klapp-Schw.-Fe. GPU PK10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PK10 S10J01</t>
  </si>
  <si>
    <t>5702328957572</t>
  </si>
  <si>
    <t>VELUX Klapp-Schw.-Fe. GPU PK10 S10J01</t>
  </si>
  <si>
    <t>Polyur. EN.WäDämm. Alu+EDJ 94x160</t>
  </si>
  <si>
    <t>Blendrahmen-Außenmaße (BxL): 94 x 160 cm
Lichtfläche: 1,07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SK06 0062</t>
  </si>
  <si>
    <t>5702327115324</t>
  </si>
  <si>
    <t>VELUX Klapp-Schw.-Fe. GPU SK06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SK06 0066</t>
  </si>
  <si>
    <t>5702326179006</t>
  </si>
  <si>
    <t>VELUX Klapp-Schw.-Fe. GPU SK06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06 006621</t>
  </si>
  <si>
    <t>5702328714052</t>
  </si>
  <si>
    <t>VELUX Elektrofenster GPU SK06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SK06 0067</t>
  </si>
  <si>
    <t>5702327183224</t>
  </si>
  <si>
    <t>VELUX Klapp-Schw.-Fe. GPU SK06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06 0069</t>
  </si>
  <si>
    <t>5702328932487</t>
  </si>
  <si>
    <t>VELUX Klapp-Schw.-Fe. GPU SK06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SK06 0070</t>
  </si>
  <si>
    <t>5702326550881</t>
  </si>
  <si>
    <t>VELUX Klapp-Schw.-Fe. GPU SK06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06 007021</t>
  </si>
  <si>
    <t>5702328714069</t>
  </si>
  <si>
    <t>VELUX Elektrofenster GPU SK06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SK06 0084</t>
  </si>
  <si>
    <t>5702329844550</t>
  </si>
  <si>
    <t>VELUX Klapp-Schw.-Fe. GPU SK06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SK06 0162</t>
  </si>
  <si>
    <t>5702327115331</t>
  </si>
  <si>
    <t>VELUX Klapp-Schw.-Fe. GPU SK06 0162</t>
  </si>
  <si>
    <t>Polyur. Schallsch Kupfer 114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SK06 0166</t>
  </si>
  <si>
    <t>5702327003195</t>
  </si>
  <si>
    <t>VELUX Klapp-Schw.-Fe. GPU SK06 01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06 0170</t>
  </si>
  <si>
    <t>5702327166227</t>
  </si>
  <si>
    <t>VELUX Klapp-Schw.-Fe. GPU SK06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06 0184</t>
  </si>
  <si>
    <t>5702329844598</t>
  </si>
  <si>
    <t>VELUX Klapp-Schw.-Fe. GPU SK06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SK06 0366</t>
  </si>
  <si>
    <t>5702327003201</t>
  </si>
  <si>
    <t>VELUX Klapp-Schw.-Fe. GPU S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06 0384</t>
  </si>
  <si>
    <t>5702329844604</t>
  </si>
  <si>
    <t>VELUX Klapp-Schw.-Fe. GPU SK06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SK06 S10J01</t>
  </si>
  <si>
    <t>5702328957589</t>
  </si>
  <si>
    <t>VELUX Klapp-Schw.-Fe. GPU SK06 S10J01</t>
  </si>
  <si>
    <t>Blendrahmen-Außenmaße (BxL): 114x118 cm
Lichtfläche: 0,95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SK08 0062</t>
  </si>
  <si>
    <t>5702327115355</t>
  </si>
  <si>
    <t>VELUX Klapp-Schw.-Fe. GPU SK08 00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0,96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PU SK08 0066</t>
  </si>
  <si>
    <t>5702326179044</t>
  </si>
  <si>
    <t>VELUX Klapp-Schw.-Fe. GPU S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08 006621</t>
  </si>
  <si>
    <t>5702328714090</t>
  </si>
  <si>
    <t>VELUX Elektrofenster GPU SK08 0066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SK08 0067</t>
  </si>
  <si>
    <t>5702327183255</t>
  </si>
  <si>
    <t>VELUX Klapp-Schw.-Fe. GPU S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08 0069</t>
  </si>
  <si>
    <t>5702328932494</t>
  </si>
  <si>
    <t>VELUX Klapp-Schw.-Fe. GPU S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SK08 0070</t>
  </si>
  <si>
    <t>5702326550942</t>
  </si>
  <si>
    <t>VELUX Klapp-Schw.-Fe. GPU S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08 007021</t>
  </si>
  <si>
    <t>5702328714106</t>
  </si>
  <si>
    <t>VELUX Elektrofenster GPU SK08 007021</t>
  </si>
  <si>
    <t>----------------------------------------
Elektrisches Klapp-Schwing-Fenster mit
45°-Öffnungswinkel und manueller
Schwing-
funktion bis zum Anschlag.
Manuelle Lüftungsklappe inkl.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einheit, in den Rahmen integrierte
elektrische
Fenstermotoren , Gasdruckfedern, 
Regensensor
und vorprogrammierten Funk-Wandschalter
zum komfortablen Öffnen und Schließen. 
----------------------------------------
Einfacher Stromanschluss über 230V
----------------------------------------
Einklemmschutz durch das Erkennen von
Hindernissen
während des Schließens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PU SK08 0084</t>
  </si>
  <si>
    <t>5702329844611</t>
  </si>
  <si>
    <t>VELUX Klapp-Schw.-Fe. GPU S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SK08 0166</t>
  </si>
  <si>
    <t>5702327003218</t>
  </si>
  <si>
    <t>VELUX Klapp-Schw.-Fe. GPU SK08 0166</t>
  </si>
  <si>
    <t>Polyur. EN.PLUS Kupfer 114x14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08 0170</t>
  </si>
  <si>
    <t>5702327166265</t>
  </si>
  <si>
    <t>VELUX Klapp-Schw.-Fe. GPU S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08 0184</t>
  </si>
  <si>
    <t>5702329844659</t>
  </si>
  <si>
    <t>VELUX Klapp-Schw.-Fe. GPU S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SK08 0366</t>
  </si>
  <si>
    <t>5702327003225</t>
  </si>
  <si>
    <t>VELUX Klapp-Schw.-Fe. GPU SK08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08 0384</t>
  </si>
  <si>
    <t>5702329844666</t>
  </si>
  <si>
    <t>VELUX Klapp-Schw.-Fe. GPU S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SK08 S10J01</t>
  </si>
  <si>
    <t>5702328957596</t>
  </si>
  <si>
    <t>VELUX Klapp-Schw.-Fe. GPU SK08 S10J01</t>
  </si>
  <si>
    <t>Blendrahmen-Außenmaße (BxL): 114x140 cm
Lichtfläche: 1,16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PU SK10 0066</t>
  </si>
  <si>
    <t>5702327602039</t>
  </si>
  <si>
    <t>VELUX Klapp-Schw.-Fe. GPU SK10 0066</t>
  </si>
  <si>
    <t>Klapp-Schwing-Fenster PU ENPLUS Al</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10 0067</t>
  </si>
  <si>
    <t>5702327602046</t>
  </si>
  <si>
    <t>VELUX Klapp-Schw.-Fe. GPU SK10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10 0069</t>
  </si>
  <si>
    <t>5702328932500</t>
  </si>
  <si>
    <t>VELUX Klapp-Schw.-Fe. GPU SK10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SK10 0070</t>
  </si>
  <si>
    <t>5702326997907</t>
  </si>
  <si>
    <t>VELUX Klapp-Schw.-Fe. GPU SK10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10 0084</t>
  </si>
  <si>
    <t>5702329844673</t>
  </si>
  <si>
    <t>VELUX Klapp-Schw.-Fe. GPU SK10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SK10 0166L</t>
  </si>
  <si>
    <t>5702327897046</t>
  </si>
  <si>
    <t>VELUX Klapp-Schw.-Fe. GPU SK10 0166L</t>
  </si>
  <si>
    <t>Polyur. EN.PLUS Kupfer 114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SK10 0170</t>
  </si>
  <si>
    <t>5702327166302</t>
  </si>
  <si>
    <t>VELUX Klapp-Schw.-Fe. GPU SK10 0170</t>
  </si>
  <si>
    <t>Polyur. THERMO Cu 114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10 0366L</t>
  </si>
  <si>
    <t>5702327897053</t>
  </si>
  <si>
    <t>VELUX Klapp-Schw.-Fe. GPU SK10 0366L</t>
  </si>
  <si>
    <t>Polyur. EN.PLUS Ti walz 114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UK08 0066</t>
  </si>
  <si>
    <t>5702327395573</t>
  </si>
  <si>
    <t>VELUX Klapp-Schw.-Fe. GPU UK08 00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UK08 0067</t>
  </si>
  <si>
    <t>5702327395580</t>
  </si>
  <si>
    <t>VELUX Klapp-Schw.-Fe. GPU UK08 0067</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WÄRMEDÄMMUNG Verglasung
Passivhaus tauglich, für besonders
hohen Wärmeschutz: Uw = 0,88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UK08 0069</t>
  </si>
  <si>
    <t>5702328932517</t>
  </si>
  <si>
    <t>VELUX Klapp-Schw.-Fe. GPU UK08 0069</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U UK08 0070</t>
  </si>
  <si>
    <t>5702326997938</t>
  </si>
  <si>
    <t>VELUX Klapp-Schw.-Fe. GPU UK08 00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UK08 0084</t>
  </si>
  <si>
    <t>5702329844703</t>
  </si>
  <si>
    <t>VELUX Klapp-Schw.-Fe. GPU UK08 00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UK08 0166</t>
  </si>
  <si>
    <t>5702327395597</t>
  </si>
  <si>
    <t>VELUX Klapp-Schw.-Fe. GPU UK08 0166</t>
  </si>
  <si>
    <t>Klapp-Schwing-Fenster PU ENPLUS Cu</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UK08 0170</t>
  </si>
  <si>
    <t>5702327166340</t>
  </si>
  <si>
    <t>VELUX Klapp-Schw.-Fe. GPU U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UK08 0184</t>
  </si>
  <si>
    <t>5702329844710</t>
  </si>
  <si>
    <t>VELUX Klapp-Schw.-Fe. GPU UK08 01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UK08 0366</t>
  </si>
  <si>
    <t>5702327395610</t>
  </si>
  <si>
    <t>VELUX Klapp-Schw.-Fe. GPU UK08 0366</t>
  </si>
  <si>
    <t>Klapp-Schwing-Fenster PU ENPLUS Tw</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UK08 0370</t>
  </si>
  <si>
    <t>5702327166364</t>
  </si>
  <si>
    <t>VELUX Klapp-Schw.-Fe. GPU U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UK08 0384</t>
  </si>
  <si>
    <t>5702329844727</t>
  </si>
  <si>
    <t>VELUX Klapp-Schw.-Fe. GPU UK08 0384</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PU UK08 S10J01</t>
  </si>
  <si>
    <t>5702328957619</t>
  </si>
  <si>
    <t>VELUX Klapp-Schw.-Fe. GPU UK08 S10J01</t>
  </si>
  <si>
    <t>Blendrahmen-Außenmaße (BxL): 134x140 cm
Lichtfläche: 1,40m²
Oberfläche fertig lackiert mit
Zwei-Komponenten-PU-Lack, weiß,
seidenmatt, NCS S 0500-N.
Oberfläche fertig lackiert mit
Zwei-Komponenten-PU-Lack, weiß,
seidenmatt, NCS S 0500-N.
Außenabdeckung aus Aluminium,
einbrennlackiert, NCS S 7500-N.
----------------------------------------
Verglasung VELUX ENERGIE WÄRMEDÄMMUNG,
für hohen Wärmeschutz: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teilvorgespanntes Einscheiben-
Sicherheitsglas in der Mitte.
4mm Einscheibensicherheitsglas nach DIN
EN 12150 mit Anti-Taueffekt, natürlichen
Reinigungseffekt und
Anti-Regengeräusch-Effekt.
----------------------------------------
Komplettangebot bestehend aus Dach-
fenster,Eindeckrahmen und Dämm-
und Anschluss-Set.
----------------------------------------
Eindeckrahmen für vertieften Einbau.
Geeignet für Dächer mit flachem oder
profiliertem Eindeckmaterial
von 1,5 bis 9,0 cm Höhe.
Seitenteile mit doppelten
Wasser-Ableitfalzen und Schaumstoff-
Dichtungs-Profil.
----------------------------------------
Seitliche und untere Blendrahmen-
verblechung.
----------------------------------------
Material: Aluminium. Schürze des
Unterteils aus plissiertem Aluminium.
Farbton: wie Fenster-Abdeck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Alle technischen Werte sind normgemäß
im senkrechten Einbau ermittelt und 
beziehen sich auf das Fenster als Ganzes</t>
  </si>
  <si>
    <t>GTL MK08 2066</t>
  </si>
  <si>
    <t>5702328047280</t>
  </si>
  <si>
    <t>VELUX Wohn- u. Aus.Fe. GTL MK08 2066</t>
  </si>
  <si>
    <t>weiß lack EN.PLUS Alu 78x140</t>
  </si>
  <si>
    <t>130</t>
  </si>
  <si>
    <t>VELUX-Wohn/Ausstiegs-Fen.GTU,GTL,GXU,GXL</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MK08 2070</t>
  </si>
  <si>
    <t>5702328047297</t>
  </si>
  <si>
    <t>VELUX Wohn- u. Aus.Fe. GTL MK08 2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MK08 2084</t>
  </si>
  <si>
    <t>5702329844734</t>
  </si>
  <si>
    <t>VELUX Wohn- u. Aus.Fe. GTL MK08 2084</t>
  </si>
  <si>
    <t>ENERGIE, 78x140, Holz weiß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MK08 2184</t>
  </si>
  <si>
    <t>5702329844741</t>
  </si>
  <si>
    <t>VELUX Wohn- u. Aus.Fe. GTL MK08 2184</t>
  </si>
  <si>
    <t>ENERGIE, 78x140, Holz weiß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MK08 2384</t>
  </si>
  <si>
    <t>5702329844758</t>
  </si>
  <si>
    <t>VELUX Wohn- u. Aus.Fe. GTL MK08 2384</t>
  </si>
  <si>
    <t>ENERGIE, 78x140, Holz weiß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MK08 3066</t>
  </si>
  <si>
    <t>5702326998355</t>
  </si>
  <si>
    <t>VELUX Wohn- u. Aus.Fe. GTL MK08 30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MK08 3070</t>
  </si>
  <si>
    <t>5702327224392</t>
  </si>
  <si>
    <t>VELUX Wohn- u. Aus.Fe. GTL MK08 3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MK08 3084</t>
  </si>
  <si>
    <t>5702329844765</t>
  </si>
  <si>
    <t>VELUX Wohn- u. Aus.Fe. GTL MK08 3084</t>
  </si>
  <si>
    <t>ENERGIE, 78x140, Holz klar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MK08 3184</t>
  </si>
  <si>
    <t>5702329844772</t>
  </si>
  <si>
    <t>VELUX Wohn- u. Aus.Fe. GTL MK08 3184</t>
  </si>
  <si>
    <t>ENERGIE, 78x140, Holz klar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MK08 3384</t>
  </si>
  <si>
    <t>5702329844789</t>
  </si>
  <si>
    <t>VELUX Wohn- u. Aus.Fe. GTL MK08 3384</t>
  </si>
  <si>
    <t>ENERGIE, 78x140, Holz klar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SK08 2066</t>
  </si>
  <si>
    <t>5702328047433</t>
  </si>
  <si>
    <t>VELUX Wohn- u. Aus.Fe. GTL SK08 2066</t>
  </si>
  <si>
    <t>weiß lack EN.PLUS Alu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2070</t>
  </si>
  <si>
    <t>5702328047440</t>
  </si>
  <si>
    <t>VELUX Wohn- u. Aus.Fe. GTL SK08 2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2084</t>
  </si>
  <si>
    <t>5702329844796</t>
  </si>
  <si>
    <t>VELUX Wohn- u. Aus.Fe. GTL SK08 2084</t>
  </si>
  <si>
    <t>ENERGIE, 114x140, Holz weiß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SK08 2184</t>
  </si>
  <si>
    <t>5702329844802</t>
  </si>
  <si>
    <t>VELUX Wohn- u. Aus.Fe. GTL SK08 2184</t>
  </si>
  <si>
    <t>ENERGIE, 114x140, Holz weiß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SK08 2384</t>
  </si>
  <si>
    <t>5702329844819</t>
  </si>
  <si>
    <t>VELUX Wohn- u. Aus.Fe. GTL SK08 2384</t>
  </si>
  <si>
    <t>ENERGIE, 114x140, Holz weiß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SK08 3066</t>
  </si>
  <si>
    <t>5702326998478</t>
  </si>
  <si>
    <t>VELUX Wohn- u. Aus.Fe. GTL SK08 30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3070</t>
  </si>
  <si>
    <t>5702327224453</t>
  </si>
  <si>
    <t>VELUX Wohn- u. Aus.Fe. GTL SK08 3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3084</t>
  </si>
  <si>
    <t>5702329844826</t>
  </si>
  <si>
    <t>VELUX Wohn- u. Aus.Fe. GTL SK08 3084</t>
  </si>
  <si>
    <t>ENERGIE, 114x140, Holz klar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SK08 3184</t>
  </si>
  <si>
    <t>5702329844833</t>
  </si>
  <si>
    <t>VELUX Wohn- u. Aus.Fe. GTL SK08 3184</t>
  </si>
  <si>
    <t>ENERGIE, 114x140, Holz klar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L SK08 3384</t>
  </si>
  <si>
    <t>5702329844840</t>
  </si>
  <si>
    <t>VELUX Wohn- u. Aus.Fe. GTL SK08 3384</t>
  </si>
  <si>
    <t>ENERGIE, 114x140, Holz klar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 MK08 0066</t>
  </si>
  <si>
    <t>5702326998591</t>
  </si>
  <si>
    <t>VELUX Wohn- u. Aus.Fe. GTU MK08 00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MK08 0070</t>
  </si>
  <si>
    <t>5702327224514</t>
  </si>
  <si>
    <t>VELUX Wohn- u. Aus.Fe. GTU MK08 0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MK08 0084</t>
  </si>
  <si>
    <t>5702329844857</t>
  </si>
  <si>
    <t>VELUX Wohn- u. Aus.Fe. GTU MK08 0084</t>
  </si>
  <si>
    <t>ENERGIE, 78x140, Polyur.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 MK08 0184</t>
  </si>
  <si>
    <t>5702329844864</t>
  </si>
  <si>
    <t>VELUX Wohn- u. Aus.Fe. GTU MK08 0184</t>
  </si>
  <si>
    <t>ENERGIE, 78x140, Polyur.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 MK08 0384</t>
  </si>
  <si>
    <t>5702329844871</t>
  </si>
  <si>
    <t>VELUX Wohn- u. Aus.Fe. GTU MK08 0384</t>
  </si>
  <si>
    <t>ENERGIE, 78x140, Polyur.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 SK08 0066</t>
  </si>
  <si>
    <t>5702326998713</t>
  </si>
  <si>
    <t>VELUX Wohn- u. Aus.Fe. GTU SK08 00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SK08 0070</t>
  </si>
  <si>
    <t>5702327224576</t>
  </si>
  <si>
    <t>VELUX Wohn- u. Aus.Fe. GTU SK08 0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SK08 0084</t>
  </si>
  <si>
    <t>5702329844888</t>
  </si>
  <si>
    <t>VELUX Wohn- u. Aus.Fe. GTU SK08 0084</t>
  </si>
  <si>
    <t>ENERGIE, 114x140, Polyur. Al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 SK08 0184</t>
  </si>
  <si>
    <t>5702329844895</t>
  </si>
  <si>
    <t>VELUX Wohn- u. Aus.Fe. GTU SK08 0184</t>
  </si>
  <si>
    <t>ENERGIE, 114x140, Polyur. Cu</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 SK08 0384</t>
  </si>
  <si>
    <t>5702329844901</t>
  </si>
  <si>
    <t>VELUX Wohn- u. Aus.Fe. GTU SK08 0384</t>
  </si>
  <si>
    <t>ENERGIE, 114x140, Polyur. Ti-Zink</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TU SK10 0066L</t>
  </si>
  <si>
    <t>5702328411371</t>
  </si>
  <si>
    <t>VELUX Wohn- u. Aus.Fe. GTU SK10 0066L</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ENERGIE PLUS Verglasung
Passivhaus tauglich, für besonders
hohen Wärmeschutz: Uw = 1,1 W/(m²K),
Gesamtenergiedurchlasswert g = 0,44.
Erhöhter Schallschutz:
Rw(C,Ctr)= 37(-2,-4) dB
Schallschutzklasse 3,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SK10 0070</t>
  </si>
  <si>
    <t>5702328411388</t>
  </si>
  <si>
    <t>VELUX Wohn- u. Aus.Fe. GTU SK10 00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VK 0000Z</t>
  </si>
  <si>
    <t>5702324789825</t>
  </si>
  <si>
    <t>VELUX Dachausstieg GVK 0000Z</t>
  </si>
  <si>
    <t>Polyeurethan, schwarz, isoliervegl.</t>
  </si>
  <si>
    <t>132</t>
  </si>
  <si>
    <t>VELUX-Kaltraum-Fenster,GVT,GVK,GVR</t>
  </si>
  <si>
    <t>15020101</t>
  </si>
  <si>
    <t>76101000</t>
  </si>
  <si>
    <t>----------------------------------------
Isolierverglastes Ausstiegsfenster
aus Polyurethan für nicht beheizte und
ungedämmte Dachräume ohne Dampfsperre
(Kalträume).
Für Handwerker und Schornsteinfeger.
Mit patentierter Sicherheits-Öffnungs-
schere gegen ungewolltes Zuschlagen des
geöffneten Fensterflügels.
Flügelanschlag DIN links, beim Einbau 
umsetzbar auf DIN rechts (jeweils von
außen gesehen).
Blendrahmen aus wartungsfreiem,
schwarz durchgefärbtem Polyurethan, mit
integriertem Eindeckrahmen für flache
und profilierte Dacheindeckungen bis
6 cm Höhe. Nicht für Metall-Stehfalz-
Dächer.
Flügel aus Aluminium eloxiert
NCS S 8505-B20 G,RAL 9011.
Blendrahmen-Außenmaße (B x H): 46 x 61cm
Ausstiegsöffnung: 40,7 x 55,3 cm.
Technische Werte:
Ug = 3,0 W/(m²K)
g = 0,78
Tv = 0,82
Tuv = 0,55</t>
  </si>
  <si>
    <t>GVR 3K2 2159PS</t>
  </si>
  <si>
    <t>5702327915634</t>
  </si>
  <si>
    <t>VELUX Kaltraum-Fenster GVR 3K2 2159PS</t>
  </si>
  <si>
    <t>weiß lack Isolierv. Kupfer 49,5x55</t>
  </si>
  <si>
    <t>----------------------------------------
Isolierverglastes Dachfenster aus
Holz
mit Flügelanschlag oben für nicht
beheizte und 
ungedämmte Dachräume ohne Dampfsperre
(Kalträume).
Das Dachfenster ist besonders geeignet
für den Einsatz im Denkmalschutz.
Öffnen und schließen des Fensters
mittels Stellstange und Sperrdübel.
Fenster kann  über drei Löcher in der
Stellstange in drei Lüftungspositionen 
geöffnet und gesichert werden. 
Stellstange aus Metall 
lackiert, Graphitschwarz
NCS Standardfarbe: S 8505-B20G,
nächste RAL-Standardfarbe: 9011
Luftdichtheitsklasse: 3
Blendrahmen-Außenmaße (B x L):
49,5 x55cm
Endlackierung in zwei Schichten
mit weißem wasserverdünnbarem,
lösungsmittelfreiem Acryl-Lack.
Trockenschichtstärke gemäß DIN 68 800,
Teil 3: 85 µ.
Außenabdeckung aus Kupfer.
----------------------------------------
Isolierverglasung mit:
Wärmedurchgangswert Uw = 1,8 W/(m²K),
Gesamtenergiedurchlasswert g = 0,63,
3 mm Floatglas mit Edelmetall-
beschichtung innen.
3 mm gehärtetes Einscheiben-
sicherheitsglas nach DIN EN 12150 für
erhöhte Hagelsicherheit außen.
Alle technischen Werte sind normgemäß
im senkrechten Einbau ermittelt und 
beziehen sich auf das Fenster als Ganzes</t>
  </si>
  <si>
    <t>GVR 3K2 2359PS</t>
  </si>
  <si>
    <t>5702327915641</t>
  </si>
  <si>
    <t>VELUX Historik-Dachf. GVR 3K2 2359PS</t>
  </si>
  <si>
    <t>weiß lack TH.-STAR Ti walz 49,5x55</t>
  </si>
  <si>
    <t>----------------------------------------
Isolierverglastes Dachfenster aus
Holz
mit Flügelanschlag oben für nicht
beheizte und 
ungedämmte Dachräume ohne Dampfsperre
(Kalträume).
Das Dachfenster ist besonders geeignet
für den Einsatz im Denkmalschutz.
Öffnen und schließen des Fensters
mittels Stellstange und Sperrdübel.
Fenster kann  über drei Löcher in der
Stellstange in drei Lüftungspositionen 
geöffnet und gesichert werden. 
Stellstange aus Metall 
lackiert, Graphitschwarz
NCS Standardfarbe: S 8505-B20G,
nächste RAL-Standardfarbe: 9011
Luftdichtheitsklasse: 3
Blendrahmen-Außenmaße (B x L):
49,5 x55cm
Endlackierung in zwei Schichten
mit weißem wasserverdünnbarem,
lösungsmittelfreiem Acryl-Lack.
Trockenschichtstärke gemäß DIN 68 800,
Teil 3: 85 µ.
Außenabdeckung aus Titanzink walzblank.
----------------------------------------
Isolierverglasung mit:
Wärmedurchgangswert Uw = 1,8 W/(m²K),
Gesamtenergiedurchlasswert g = 0,63,
3 mm Floatglas mit Edelmetall-
beschichtung innen.
3 mm gehärtetes Einscheiben-
sicherheitsglas nach DIN EN 12150 für
erhöhte Hagelsicherheit außen.
Alle technischen Werte sind normgemäß
im senkrechten Einbau ermittelt und 
beziehen sich auf das Fenster als Ganzes</t>
  </si>
  <si>
    <t>GVR 3K3 2159PS</t>
  </si>
  <si>
    <t>5702327915672</t>
  </si>
  <si>
    <t>VELUX Kaltraum-Fenster GVR 3K3 2159PS</t>
  </si>
  <si>
    <t>weiß lack Isolierv. Kupfer 49,5x80</t>
  </si>
  <si>
    <t>----------------------------------------
Isolierverglastes Dachfenster aus
Holz
mit Flügelanschlag oben für nicht
beheizte und 
ungedämmte Dachräume ohne Dampfsperre
(Kalträume).
Das Dachfenster ist besonders geeignet
für den Einsatz im Denkmalschutz.
Öffnen und schließen des Fensters
mittels Stellstange und Sperrdübel.
Fenster kann  über drei Löcher in der
Stellstange in drei Lüftungspositionen 
geöffnet und gesichert werden. 
Stellstange aus Metall 
lackiert, Graphitschwarz
NCS Standardfarbe: S 8505-B20G,
nächste RAL-Standardfarbe: 9011
Luftdichtheitsklasse: 3
Blendrahmen-Außenmaße (B x L):
49,5 x80cm
Endlackierung in zwei Schichten
mit weißem wasserverdünnbarem,
lösungsmittelfreiem Acryl-Lack.
Trockenschichtstärke gemäß DIN 68 800,
Teil 3: 85 µ.
Außenabdeckung aus Kupfer.
----------------------------------------
Isolierverglasung mit:
Wärmedurchgangswert Uw = 1,8 W/(m²K),
Gesamtenergiedurchlasswert g = 0,63,
3 mm Floatglas mit Edelmetall-
beschichtung innen.
3 mm gehärtetes Einscheiben-
sicherheitsglas nach DIN EN 12150 für
erhöhte Hagelsicherheit außen.
Alle technischen Werte sind normgemäß
im senkrechten Einbau ermittelt und 
beziehen sich auf das Fenster als Ganzes</t>
  </si>
  <si>
    <t>GVR 3K3 2359PS</t>
  </si>
  <si>
    <t>5702327915689</t>
  </si>
  <si>
    <t>VELUX Kaltraum-Fenster GVR 3K3 2359PS</t>
  </si>
  <si>
    <t>weiß lack Isolierv. Ti walz 49,5x80</t>
  </si>
  <si>
    <t>----------------------------------------
Isolierverglastes Dachfenster aus
Holz
mit Flügelanschlag oben für nicht
beheizte und 
ungedämmte Dachräume ohne Dampfsperre
(Kalträume).
Das Dachfenster ist besonders geeignet
für den Einsatz im Denkmalschutz.
Öffnen und schließen des Fensters
mittels Stellstange und Sperrdübel.
Fenster kann  über drei Löcher in der
Stellstange in drei Lüftungspositionen 
geöffnet und gesichert werden. 
Stellstange aus Metall 
lackiert, Graphitschwarz
NCS Standardfarbe: S 8505-B20G,
nächste RAL-Standardfarbe: 9011
Luftdichtheitsklasse: 3
Blendrahmen-Außenmaße (B x L):
49,5 x80cm
Endlackierung in zwei Schichten
mit weißem wasserverdünnbarem,
lösungsmittelfreiem Acryl-Lack.
Trockenschichtstärke gemäß DIN 68 800,
Teil 3: 85 µ.
Außenabdeckung aus Titanzink walzblank.
----------------------------------------
Isolierverglasung mit:
Wärmedurchgangswert Uw = 1,8 W/(m²K),
Gesamtenergiedurchlasswert g = 0,63,
3 mm Floatglas mit Edelmetall-
beschichtung innen.
3 mm gehärtetes Einscheiben-
sicherheitsglas nach DIN EN 12150 für
erhöhte Hagelsicherheit außen.
Alle technischen Werte sind normgemäß
im senkrechten Einbau ermittelt und 
beziehen sich auf das Fenster als Ganzes</t>
  </si>
  <si>
    <t>GVT 103 0059Z</t>
  </si>
  <si>
    <t>5702324353330</t>
  </si>
  <si>
    <t>VELUX Dachausstieg GVT 103 0059Z</t>
  </si>
  <si>
    <t>Polyeurethan, schwarz, wärmegedämmt</t>
  </si>
  <si>
    <t>----------------------------------------
Isolierverglastes Ausstiegsfenster	
aus Polyurethan für nicht beheizte und	
ungedämmte Dachräume ohne Dampfsperre	
(Kalträume).	
Für Handwerker und Schornsteinfeger.	
Mit patentierter Sicherheits-Öffnungs-	
schere gegen ungewolltes Zuschlagen des	
geöffneten Fensterflügels.	
Flügelanschlag DIN links, beim Einbau 	
umsetzbar auf DIN rechts (jeweils von	
außen gesehen).	
Profilierte rutschsichere Trittfläche.	
Zugelassen vom Fachausschuss Bau bis 55°
Technische Werte:
Uw = 3,1 W/(m²K)
Ug = 1,4 W/(m²K)
Rw(C,Ctr)= 24(0;-2) dB
g = 0,62
Tv = 0,80
Tuv = 0,40
Blendrahmen aus wartungsfreiem,
schwarz durchgefärbtem Polyurethan, mit
integriertem Eindeckrahmen für flache
und profilierte Dacheindeckungen bis
6 cm Höhe. Nicht für Metall-Stehfalz-
Dächer.
Flügel aus Aluminium eloxiert
NCS S 8505-B20 G,RAL 9011.</t>
  </si>
  <si>
    <t>GVT 103 7759Z</t>
  </si>
  <si>
    <t>5702324633906</t>
  </si>
  <si>
    <t>VELUX Dachausstieg GVT 103 7759Z</t>
  </si>
  <si>
    <t>Polyeurethan, ziegelrot, wärmegedämmt</t>
  </si>
  <si>
    <t>----------------------------------------
Isolierverglastes Ausstiegsfenster	
aus Polyurethan für nicht beheizte und	
ungedämmte Dachräume ohne Dampfsperre	
(Kalträume).	
Für Handwerker und Schornsteinfeger.	
Mit patentierter Sicherheits-Öffnungs-	
schere gegen ungewolltes Zuschlagen des	
geöffneten Fensterflügels.	
Flügelanschlag DIN links, beim Einbau 	
umsetzbar auf DIN rechts (jeweils von	
außen gesehen).	
Profilierte rutschsichere Trittfläche.	
Zugelassen vom Fachausschuss Bau bis 55°
Technische Werte:
Uw = 3,1 W/(m²K)
Ug = 1,4 W/(m²K)
Rw(C,Ctr)= 24(0;-2) dB
g = 0,62
Tv = 0,80
Tuv = 0,40
Blendrahmen aus wartungsfreiem, ziegel-
rot durchgefärbtem Polyurethan, mit
integriertem Eindeckrahmen für flache
und profilierte Dacheindeckungen bis
6 cm Höhe. Nicht für Metall-Stehfalz-
Dächer.
Flügel aus Aluminium eloxiert
ziegelrot NCS 3848-Y60R, RAL 8023</t>
  </si>
  <si>
    <t>GXLA FK06 2066</t>
  </si>
  <si>
    <t>5702329871433</t>
  </si>
  <si>
    <t>VELUX W- u. A.-Fe. li. GXLA FK06 2066</t>
  </si>
  <si>
    <t>weiß lackiert EN. PLUS Alu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 FK06 2070</t>
  </si>
  <si>
    <t>5702329871440</t>
  </si>
  <si>
    <t>VELUX W- u. A.-Fe. li. GXLA FK06 2070</t>
  </si>
  <si>
    <t>weiß lackiert THERMO Alu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 FK06 2166</t>
  </si>
  <si>
    <t>5702329871457</t>
  </si>
  <si>
    <t>VELUX W- u. A.-Fe. li. GXLA FK06 2166</t>
  </si>
  <si>
    <t>weiß lackiert EN. PLUS Kupfer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 FK06 2170</t>
  </si>
  <si>
    <t>5702329871464</t>
  </si>
  <si>
    <t>VELUX W- u. A.-Fe. li. GXLA FK06 2170</t>
  </si>
  <si>
    <t>weiß lackiert THERMO Kupfer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 FK06 3066</t>
  </si>
  <si>
    <t>5702329871495</t>
  </si>
  <si>
    <t>VELUX W- u. A.-Fe. li. GXLA FK06 3066</t>
  </si>
  <si>
    <t>klar lackiert EN. PLUS Alu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 FK06 3070</t>
  </si>
  <si>
    <t>5702329871501</t>
  </si>
  <si>
    <t>VELUX W- u. A.-Fe. li. GXLA FK06 3070</t>
  </si>
  <si>
    <t>klar lackiert THERMO Alu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 FK06 3166</t>
  </si>
  <si>
    <t>5702329871518</t>
  </si>
  <si>
    <t>VELUX W- u. A.-Fe. li. GXLA FK06 3166</t>
  </si>
  <si>
    <t>klar lackiert EN. PLUS Kupfer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 FK06 3170</t>
  </si>
  <si>
    <t>5702329871525</t>
  </si>
  <si>
    <t>VELUX W- u. A.-Fe. li. GXLA FK06 3170</t>
  </si>
  <si>
    <t>klar lackiert THERMO Kupfer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 FK06 2066</t>
  </si>
  <si>
    <t>5702329871570</t>
  </si>
  <si>
    <t>VELUX W- u. A.-Fe. re. GXLB FK06 20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 FK06 2070</t>
  </si>
  <si>
    <t>5702329871587</t>
  </si>
  <si>
    <t>VELUX W- u. A.-Fe. re. GXLB FK06 20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 FK06 2166</t>
  </si>
  <si>
    <t>5702329871594</t>
  </si>
  <si>
    <t>VELUX W- u. A.-Fe. re. GXLB FK06 21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 FK06 2170</t>
  </si>
  <si>
    <t>5702329871600</t>
  </si>
  <si>
    <t>VELUX W- u. A.-Fe. re. GXLB FK06 21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 FK06 3066</t>
  </si>
  <si>
    <t>5702329871631</t>
  </si>
  <si>
    <t>VELUX W- u. A.-Fe. re. GXLB FK06 30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 FK06 3070</t>
  </si>
  <si>
    <t>5702329871648</t>
  </si>
  <si>
    <t>VELUX W- u. A.-Fe. re. GXLB FK06 30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 FK06 3166</t>
  </si>
  <si>
    <t>5702329871655</t>
  </si>
  <si>
    <t>VELUX W- u. A.-Fe. re. GXLB FK06 31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 FK06 3170</t>
  </si>
  <si>
    <t>5702329871662</t>
  </si>
  <si>
    <t>VELUX W- u. A.-Fe. re. GXLB FK06 31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 CK04 0066</t>
  </si>
  <si>
    <t>5702328722057</t>
  </si>
  <si>
    <t>VELUX Wohn- u. Aus.Fe. GXU CK04 00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 CK04 0070</t>
  </si>
  <si>
    <t>5702328722064</t>
  </si>
  <si>
    <t>VELUX Wohn- u. Aus.Fe. GXU CK04 00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 CK04 0084</t>
  </si>
  <si>
    <t>5702329845014</t>
  </si>
  <si>
    <t>VELUX Wohn- u. Aus.Fe. GXU CK04 0084</t>
  </si>
  <si>
    <t>ENERGIE, 55x98, Polyur. Alu</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 CK06 0066</t>
  </si>
  <si>
    <t>5702326998119</t>
  </si>
  <si>
    <t>VELUX Wohn- u. Aus.Fe. GXU CK06 00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 CK06 0070</t>
  </si>
  <si>
    <t>5702327224699</t>
  </si>
  <si>
    <t>VELUX Wohn- u. Aus.Fe. GXU CK06 00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 CK06 0084</t>
  </si>
  <si>
    <t>5702329845021</t>
  </si>
  <si>
    <t>VELUX Wohn- u. Aus.Fe. GXU CK06 0084</t>
  </si>
  <si>
    <t>ENERGIE, 55x118, Polyur. Alu</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 CK06 0166</t>
  </si>
  <si>
    <t>5702326998157</t>
  </si>
  <si>
    <t>VELUX Wohn- u. Aus.Fe. GXU CK06 01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 CK06 0170</t>
  </si>
  <si>
    <t>5702327224712</t>
  </si>
  <si>
    <t>VELUX Wohn- u. Aus.Fe. GXU CK06 01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 CK06 0184</t>
  </si>
  <si>
    <t>5702329845038</t>
  </si>
  <si>
    <t>VELUX Wohn- u. Aus.Fe. GXU CK06 0184</t>
  </si>
  <si>
    <t>ENERGIE, 55x118, Polyur. Kupfer</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 FK06 0066</t>
  </si>
  <si>
    <t>5702326998232</t>
  </si>
  <si>
    <t>VELUX Wohn- u. Aus.Fe. GXU FK06 00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 FK06 0070</t>
  </si>
  <si>
    <t>5702327224750</t>
  </si>
  <si>
    <t>VELUX Wohn- u. Aus.Fe. GXU FK06 00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 FK06 0084</t>
  </si>
  <si>
    <t>5702329845052</t>
  </si>
  <si>
    <t>VELUX Wohn- u. Aus.Fe. GXU FK06 0084</t>
  </si>
  <si>
    <t>ENERGIE, 66x118, Polyur. Alu</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 FK06 0166</t>
  </si>
  <si>
    <t>5702326998270</t>
  </si>
  <si>
    <t>VELUX Wohn- u. Aus.Fe. GXU FK06 0166</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U FK06 0170</t>
  </si>
  <si>
    <t>5702327224774</t>
  </si>
  <si>
    <t>VELUX Wohn- u. Aus.Fe. GXU FK06 0170</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 FK06 0184</t>
  </si>
  <si>
    <t>5702329845069</t>
  </si>
  <si>
    <t>VELUX Wohn- u. Aus.Fe. GXU FK06 0184</t>
  </si>
  <si>
    <t>ENERGIE, 66x118, Polyur. Kupfer</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ISD 060060 0000</t>
  </si>
  <si>
    <t>5702325428747</t>
  </si>
  <si>
    <t>VELUX KUPPEL ISD 060060 0000</t>
  </si>
  <si>
    <t>klar, aus kratzfest. Acrylglas</t>
  </si>
  <si>
    <t>----------------------------------------
Oberelement klare Kuppel für Flachdach-
Fenster Basiselement CFP, CVP, CXP, CSP.
Kuppel aus klarem Acryl.
Hitzeschutz: g= 0,53
Dachneigungsbereich 0°-15°</t>
  </si>
  <si>
    <t>ISD 060060 0100</t>
  </si>
  <si>
    <t>5702325428808</t>
  </si>
  <si>
    <t>VELUX KUPPEL ISD 060060 0100</t>
  </si>
  <si>
    <t>undurchs., aus kratzfest. Acrylglas</t>
  </si>
  <si>
    <t>----------------------------------------
Oberelement  undurchsichtige Kuppel für
Flachdach-Fenster Basiselement  
CFP, CVP, CXP, CSP.
Kuppel aus undurchsichtigem Acryl.
Hitzeschutz: g= 0,20
Dachneigungsbereich 0°-15°</t>
  </si>
  <si>
    <t>ISD 060090 0000</t>
  </si>
  <si>
    <t>5702325428754</t>
  </si>
  <si>
    <t>VELUX KUPPEL ISD 060090 0000</t>
  </si>
  <si>
    <t>ISD 060090 0100</t>
  </si>
  <si>
    <t>5702325428815</t>
  </si>
  <si>
    <t>VELUX KUPPEL ISD 060090 0100</t>
  </si>
  <si>
    <t>ISD 080080 0000</t>
  </si>
  <si>
    <t>5702325428761</t>
  </si>
  <si>
    <t>VELUX KUPPEL ISD 080080 0000</t>
  </si>
  <si>
    <t>ISD 080080 0100</t>
  </si>
  <si>
    <t>5702325428822</t>
  </si>
  <si>
    <t>VELUX KUPPEL ISD 080080 0100</t>
  </si>
  <si>
    <t>ISD 090090 0000</t>
  </si>
  <si>
    <t>5702325428778</t>
  </si>
  <si>
    <t>VELUX KUPPEL ISD 090090 0000</t>
  </si>
  <si>
    <t>ISD 090090 0100</t>
  </si>
  <si>
    <t>5702325428839</t>
  </si>
  <si>
    <t>VELUX KUPPEL ISD 090090 0100</t>
  </si>
  <si>
    <t>ISD 090120 0000</t>
  </si>
  <si>
    <t>5702326593369</t>
  </si>
  <si>
    <t>VELUX KUPPEL ISD 090120 0000</t>
  </si>
  <si>
    <t>ISD 090120 0100</t>
  </si>
  <si>
    <t>5702326593383</t>
  </si>
  <si>
    <t>VELUX KUPPEL ISD 090120 0100</t>
  </si>
  <si>
    <t>ISD 100100 0000</t>
  </si>
  <si>
    <t>5702325428785</t>
  </si>
  <si>
    <t>VELUX KUPPEL ISD 100100 0000</t>
  </si>
  <si>
    <t>ISD 100100 0100</t>
  </si>
  <si>
    <t>5702325428846</t>
  </si>
  <si>
    <t>VELUX KUPPEL ISD 100100 0100</t>
  </si>
  <si>
    <t>ISD 100150 0000</t>
  </si>
  <si>
    <t>5702326593413</t>
  </si>
  <si>
    <t>VELUX KUPPEL ISD 100150 0000</t>
  </si>
  <si>
    <t>ISD 100150 0100</t>
  </si>
  <si>
    <t>5702326593451</t>
  </si>
  <si>
    <t>VELUX KUPPEL ISD 100150 0100</t>
  </si>
  <si>
    <t>ISD 120120 0000</t>
  </si>
  <si>
    <t>5702325428792</t>
  </si>
  <si>
    <t>VELUX KUPPEL ISD 120120 0000</t>
  </si>
  <si>
    <t>ISD 120120 0100</t>
  </si>
  <si>
    <t>5702325428853</t>
  </si>
  <si>
    <t>VELUX KUPPEL ISD 120120 0100</t>
  </si>
  <si>
    <t>ISD 150150 0000</t>
  </si>
  <si>
    <t>5702327132178</t>
  </si>
  <si>
    <t>VELUX KUPPEL ISD 150150 0000</t>
  </si>
  <si>
    <t>ISD 150150 0100</t>
  </si>
  <si>
    <t>5702327132192</t>
  </si>
  <si>
    <t>VELUX KUPPEL ISD 150150 0100</t>
  </si>
  <si>
    <t>ISG 060060 2093</t>
  </si>
  <si>
    <t>5702320066791</t>
  </si>
  <si>
    <t>VELUX Flach-Glas ISG 060060 2093</t>
  </si>
  <si>
    <t>----------------------------------------
Oberelement aus Glas für Flachdach-
Fenster Basiselement CFP und CVP
Hitzeschutz: g= 0,52
Dachneigungsbereich 0°-15°</t>
  </si>
  <si>
    <t>ISG 060090 2093</t>
  </si>
  <si>
    <t>5702320066807</t>
  </si>
  <si>
    <t>VELUX Flach-Glas ISG 060090 2093</t>
  </si>
  <si>
    <t>ISG 080080 2093</t>
  </si>
  <si>
    <t>5702320066814</t>
  </si>
  <si>
    <t>VELUX Flach-Glas ISG 080080 2093</t>
  </si>
  <si>
    <t>ISG 090090 2093</t>
  </si>
  <si>
    <t>5702320066821</t>
  </si>
  <si>
    <t>VELUX Flach-Glas ISG 090090 2093</t>
  </si>
  <si>
    <t>ISG 090120 2093</t>
  </si>
  <si>
    <t>5702320066838</t>
  </si>
  <si>
    <t>VELUX Flach-Glas ISG 090120 2093</t>
  </si>
  <si>
    <t>ISG 100100 2093</t>
  </si>
  <si>
    <t>5702320066845</t>
  </si>
  <si>
    <t>VELUX Flach-Glas ISG 100100 2093</t>
  </si>
  <si>
    <t>ISG 100150 2093</t>
  </si>
  <si>
    <t>5702320066852</t>
  </si>
  <si>
    <t>VELUX Flach-Glas ISG 100150 2093</t>
  </si>
  <si>
    <t>ISG 120120 2093</t>
  </si>
  <si>
    <t>5702320066869</t>
  </si>
  <si>
    <t>VELUX Flach-Glas ISG 120120 2093</t>
  </si>
  <si>
    <t>ISJ 060060 0102</t>
  </si>
  <si>
    <t>5702329250986</t>
  </si>
  <si>
    <t>VELUX Oberelement ISJ 060060 0102</t>
  </si>
  <si>
    <t>opal, Acryl, 2-schalig</t>
  </si>
  <si>
    <t>----------------------------------------
Lichtkuppel Oberelement 
2-schalig für Basiselemente CFJ, CVJ.
Opale Ausführung, Acryl.
Dachneigungsbereich 0°-15°</t>
  </si>
  <si>
    <t>ISJ 060060 0103</t>
  </si>
  <si>
    <t>5702329250993</t>
  </si>
  <si>
    <t>VELUX Oberelement ISJ 060060 0103</t>
  </si>
  <si>
    <t>opal, Acryl, 3-schalig</t>
  </si>
  <si>
    <t>----------------------------------------
Lichtkuppel Oberelement
3-schalig für Basiselemente CFJ, CVJ.
Opale Ausführung, Acryl.
Dachneigungsbereich 0°-15°</t>
  </si>
  <si>
    <t>ISJ 080080 0102</t>
  </si>
  <si>
    <t>5702329251006</t>
  </si>
  <si>
    <t>VELUX Oberelement ISJ 080080 0102</t>
  </si>
  <si>
    <t>ISJ 080080 0103</t>
  </si>
  <si>
    <t>5702329251013</t>
  </si>
  <si>
    <t>VELUX Oberelement ISJ 080080 0103</t>
  </si>
  <si>
    <t>ISJ 090060 0102</t>
  </si>
  <si>
    <t>5702329251020</t>
  </si>
  <si>
    <t>VELUX Oberelement ISJ 090060 0102</t>
  </si>
  <si>
    <t>ISJ 090060 0103</t>
  </si>
  <si>
    <t>5702329251037</t>
  </si>
  <si>
    <t>VELUX Oberelement ISJ 090060 0103</t>
  </si>
  <si>
    <t>ISJ 090090 0102</t>
  </si>
  <si>
    <t>5702329251044</t>
  </si>
  <si>
    <t>VELUX Oberelement ISJ 090090 0102</t>
  </si>
  <si>
    <t>ISJ 090090 0103</t>
  </si>
  <si>
    <t>5702329251051</t>
  </si>
  <si>
    <t>VELUX Oberelement ISJ 090090 0103</t>
  </si>
  <si>
    <t>ISJ 100100 0102</t>
  </si>
  <si>
    <t>5702329251068</t>
  </si>
  <si>
    <t>VELUX Oberelement ISJ 100100 0102</t>
  </si>
  <si>
    <t>ISJ 100100 0103</t>
  </si>
  <si>
    <t>5702329251075</t>
  </si>
  <si>
    <t>VELUX Oberelement ISJ 100100 0103</t>
  </si>
  <si>
    <t>ISJ 120090 0102</t>
  </si>
  <si>
    <t>5702329251082</t>
  </si>
  <si>
    <t>VELUX Oberelement ISJ 120090 0102</t>
  </si>
  <si>
    <t>ISJ 120090 0103</t>
  </si>
  <si>
    <t>5702329251099</t>
  </si>
  <si>
    <t>VELUX Oberelement ISJ 120090 0103</t>
  </si>
  <si>
    <t>ISJ 120120 0102</t>
  </si>
  <si>
    <t>5702329251105</t>
  </si>
  <si>
    <t>VELUX Oberelement ISJ 120120 0102</t>
  </si>
  <si>
    <t>ISJ 120120 0103</t>
  </si>
  <si>
    <t>5702329251112</t>
  </si>
  <si>
    <t>VELUX Oberelement ISJ 120120 0103</t>
  </si>
  <si>
    <t>ISJ 150100 0102</t>
  </si>
  <si>
    <t>5702329251129</t>
  </si>
  <si>
    <t>VELUX Oberelement ISJ 150100 0102</t>
  </si>
  <si>
    <t>ISJ 150100 0103</t>
  </si>
  <si>
    <t>5702329251136</t>
  </si>
  <si>
    <t>VELUX Oberelement ISJ 150100 0103</t>
  </si>
  <si>
    <t>ISJ 150150 0102</t>
  </si>
  <si>
    <t>5702329251143</t>
  </si>
  <si>
    <t>VELUX Oberelement ISJ 150150 0102</t>
  </si>
  <si>
    <t>ISJ 150150 0103</t>
  </si>
  <si>
    <t>5702329251150</t>
  </si>
  <si>
    <t>VELUX Oberelement ISJ 150150 0103</t>
  </si>
  <si>
    <t>ISJ 200100 0102</t>
  </si>
  <si>
    <t>5702329291842</t>
  </si>
  <si>
    <t>VELUX Oberelement ISJ 200100 0102</t>
  </si>
  <si>
    <t>ISJ 200100 0103</t>
  </si>
  <si>
    <t>5702329291859</t>
  </si>
  <si>
    <t>VELUX Oberelement ISJ 200100 0103</t>
  </si>
  <si>
    <t>ISU 060060 1093</t>
  </si>
  <si>
    <t>5702329186964</t>
  </si>
  <si>
    <t>VELUX KONVEX-GLAS ISU 060060 1093</t>
  </si>
  <si>
    <t>Oberelement für CFU/CVU</t>
  </si>
  <si>
    <t>----------------------------------------
Oberelement KONVEX-GLAS für Flachdach-
Fenster Basiselemente CFU,CVU. 
Zugelassener Dachneigungsbereich: 0°-15°
Mit 5 mm gehärtetem Einscheiben-
Sicherheitsglas und Hochleistungs-
versiegelung. Gebogene Verglasung und 
randlose Oberfläche für ungehindertes 
Ablaufen von Regenwasser und Schmutz.</t>
  </si>
  <si>
    <t>ISU 060060 2093</t>
  </si>
  <si>
    <t>5702329186971</t>
  </si>
  <si>
    <t>VELUX FLACH-GLAS ISU 060060 2093</t>
  </si>
  <si>
    <t>----------------------------------------
Oberelement FLACH-GLAS für Flachdach-
Fenster Basiselemente CFU,CVU. 
Zugelassener Dachneigungsbereich: 2°-15°
Bis zu 6 mm gehärtetes Einscheiben-
Sicherheitsglas mit Hochleistungs- 
versiegelung. Randlose Oberfläche für 
ungehindertes Ablaufen von Regenwasser 
und Schmutz.</t>
  </si>
  <si>
    <t>ISU 080080 1093</t>
  </si>
  <si>
    <t>5702329186988</t>
  </si>
  <si>
    <t>VELUX KONVEX-GLAS ISU 080080 1093</t>
  </si>
  <si>
    <t>ISU 080080 2093</t>
  </si>
  <si>
    <t>5702329186995</t>
  </si>
  <si>
    <t>VELUX FLACH-GLAS ISU 080080 2093</t>
  </si>
  <si>
    <t>ISU 090060 1093</t>
  </si>
  <si>
    <t>5702329187008</t>
  </si>
  <si>
    <t>VELUX KONVEX-GLAS ISU 090060 1093</t>
  </si>
  <si>
    <t>ISU 090060 2093</t>
  </si>
  <si>
    <t>5702329187015</t>
  </si>
  <si>
    <t>VELUX FLACH-GLAS ISU 090060 2093</t>
  </si>
  <si>
    <t>ISU 090090 1093</t>
  </si>
  <si>
    <t>5702329187022</t>
  </si>
  <si>
    <t>VELUX KONVEX-GLAS ISU 090090 1093</t>
  </si>
  <si>
    <t>ISU 090090 2093</t>
  </si>
  <si>
    <t>5702329187039</t>
  </si>
  <si>
    <t>VELUX FLACH-GLAS ISU 090090 2093</t>
  </si>
  <si>
    <t>ISU 100100 1093</t>
  </si>
  <si>
    <t>5702329187046</t>
  </si>
  <si>
    <t>VELUX KONVEX-GLAS ISU 100100 1093</t>
  </si>
  <si>
    <t>ISU 100100 2093</t>
  </si>
  <si>
    <t>5702329187053</t>
  </si>
  <si>
    <t>VELUX FLACH-GLAS ISU 100100 2093</t>
  </si>
  <si>
    <t>Oberelement, klare Scheibe</t>
  </si>
  <si>
    <t>ISU 120090 1093</t>
  </si>
  <si>
    <t>5702329187060</t>
  </si>
  <si>
    <t>VELUX KONVEX-GLAS ISU 120090 1093</t>
  </si>
  <si>
    <t>ISU 120090 2093</t>
  </si>
  <si>
    <t>5702329187077</t>
  </si>
  <si>
    <t>VELUX FLACH-GLAS ISU 120090 2093</t>
  </si>
  <si>
    <t>ISU 120120 1093</t>
  </si>
  <si>
    <t>5702329187084</t>
  </si>
  <si>
    <t>VELUX KONVEX-GLAS ISU 120120 1093</t>
  </si>
  <si>
    <t>ISU 120120 2093</t>
  </si>
  <si>
    <t>5702329187091</t>
  </si>
  <si>
    <t>VELUX FLACH-GLAS ISU 120120 2093</t>
  </si>
  <si>
    <t>ISU 150080 1093</t>
  </si>
  <si>
    <t>5702329685863</t>
  </si>
  <si>
    <t>VELUX KONVEX-GLAS ISU 150080 1093</t>
  </si>
  <si>
    <t>ISU 150080 2093</t>
  </si>
  <si>
    <t>5702329685870</t>
  </si>
  <si>
    <t>VELUX FLACH-GLAS ISU 150080 2093</t>
  </si>
  <si>
    <t>ISU 150100 1093</t>
  </si>
  <si>
    <t>5702329265683</t>
  </si>
  <si>
    <t>VELUX KONVEX-GLAS ISU 150100 1093</t>
  </si>
  <si>
    <t>ISU 150100 2093</t>
  </si>
  <si>
    <t>5702329265690</t>
  </si>
  <si>
    <t>VELUX FLACH-GLAS ISU 150100 2093</t>
  </si>
  <si>
    <t>ISU 150120 1093</t>
  </si>
  <si>
    <t>5702329685887</t>
  </si>
  <si>
    <t>VELUX KONVEX-GLAS ISU 150120 1093</t>
  </si>
  <si>
    <t>ISU 150120 2093</t>
  </si>
  <si>
    <t>5702329685894</t>
  </si>
  <si>
    <t>VELUX FLACH-GLAS ISU 150120 2093</t>
  </si>
  <si>
    <t>ISU 150150 1093</t>
  </si>
  <si>
    <t>5702329265706</t>
  </si>
  <si>
    <t>VELUX KONVEX-GLAS ISU 150150 1093</t>
  </si>
  <si>
    <t>ISU 150150 2093</t>
  </si>
  <si>
    <t>5702329265713</t>
  </si>
  <si>
    <t>VELUX FLACH-GLAS ISU 150150 2093</t>
  </si>
  <si>
    <t>ISU 200060 1093</t>
  </si>
  <si>
    <t>5702329685900</t>
  </si>
  <si>
    <t>VELUX KONVEX-GLAS ISU 200060 1093</t>
  </si>
  <si>
    <t>ISU 200060 2093</t>
  </si>
  <si>
    <t>5702329685917</t>
  </si>
  <si>
    <t>VELUX FLACH-GLAS ISU 200060 2093</t>
  </si>
  <si>
    <t>ISU 200100 1093</t>
  </si>
  <si>
    <t>5702329265720</t>
  </si>
  <si>
    <t>VELUX KONVEX-GLAS ISU 200100 1093</t>
  </si>
  <si>
    <t>ISU 200100 2093</t>
  </si>
  <si>
    <t>5702329265737</t>
  </si>
  <si>
    <t>VELUX FLACH-GLAS ISU 200100 2093</t>
  </si>
  <si>
    <t>KES 305</t>
  </si>
  <si>
    <t>5702320720822</t>
  </si>
  <si>
    <t>VELUX Steuereinheit KES 305</t>
  </si>
  <si>
    <t>620</t>
  </si>
  <si>
    <t>VELUX-Elektro-Zubehör,RWA</t>
  </si>
  <si>
    <t>22010201</t>
  </si>
  <si>
    <t>85371098</t>
  </si>
  <si>
    <t>VELUX Steuereinheit (5A) für das
Ansteuern der Ausstiegsfunktion eines
CXU Flachdach-Fensters, welches nur 
als Ausstieg genutzt wird, immer für
den Betrieb erforderlich.
KES 305 wird nicht benötigt, wenn das
CXU Flachdach-Fenster für Rauchableitung
gemeinsam mit einer RWA-Steuerzentrale
verwendet wird.</t>
  </si>
  <si>
    <t>KFA 100 WW</t>
  </si>
  <si>
    <t>5702325400118</t>
  </si>
  <si>
    <t>VELUX Streulicht-Rauchmelder KFA 100 WW</t>
  </si>
  <si>
    <t>weiß</t>
  </si>
  <si>
    <t>32010701</t>
  </si>
  <si>
    <t>85365019</t>
  </si>
  <si>
    <t>----------------------------------------
_x000D_Streulicht-Rauchmelder zur_x000D_
Brandfrüherkennung mit optischer
Anzeige_x000D_
bei Auslösung, Lieferung inkl. _x000D_
Montagesockel._x000D_
Gehäuse: Kunststoff, rund, weiß._x000D_
Technische Daten:_x000D_
Anschlussspannung   : 24V/DC_x000D_
Stromaufnahme (Ruhe): 0,1 mA</t>
  </si>
  <si>
    <t>KFC 305</t>
  </si>
  <si>
    <t>5702320799903</t>
  </si>
  <si>
    <t>VELUX RWA-Steuerzentrale KFC 305</t>
  </si>
  <si>
    <t>5A</t>
  </si>
  <si>
    <t xml:space="preserve">620_x000D_
</t>
  </si>
  <si>
    <t xml:space="preserve">VELUX-Elektro-Zubehör,RWA_x000D_
</t>
  </si>
  <si>
    <t xml:space="preserve">22010201_x000D_
</t>
  </si>
  <si>
    <t>85311030</t>
  </si>
  <si>
    <t>----------------------------------------
VELUX RWA-Steuerzentrale (5A) mit 
eingebauter Notstromversorgung für
72 Stunden
---------------------------------------
Ausführung im Aufputz-Gehäuse
AP-Montage mit beiliegenden Rahmen
----------------------------------------
Funktionsmerkmale:
 - Leitungsüberwachung RWA-Taster und
RWA-Melder
 - Störungsanzeige über Diagnose-LEDs
 - Alarmauslösung bei Temperatur
innerhalb der Zentrale ab 73°C
 - Lüftungseinstellung
 - Alarm- und Störungsweiterleitung
----------------------------------------
Anschlussmöglichkeiten:
 - Max. 2 GGU/GGL RWA-Fenster Steildach 
oder 1 CXU Flachdach-Fenster für
Ausstieg
und Rauchableitung
oder 5 CSJ 1210 Lichtkuppeln
Rauchableitung 
oder 2 CSJ 1211 Kombi-Lichtkuppeln
Rauchableitung und Ausstieg
 - 10 Stück RWA-Hauptbedienstellen KFK
 - 10 Stück RWA-Rauchmelder KFA 100
 - 10 Stück Lüftungstaster
 - Auslösung durch BMA über
potentialfreie Kontakte
 - Regenmelder KLA 200 für
GGU/GGL RWA-Fenster Steildach und
CXU Flachdach-Fenster für Ausstieg und
Rauchableitung ohne Zusatzmodul
anschließbar
238 x 113 x 286 mm / 7,5 kg
mm (BxHxT)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C 310</t>
  </si>
  <si>
    <t>5702320799910</t>
  </si>
  <si>
    <t>VELUX RWA-Steuerzentrale KFC 310</t>
  </si>
  <si>
    <t>10A</t>
  </si>
  <si>
    <t>VELUX RWA-Steuerzentrale (10A) mit 
eingebauter Notstromversorgung für
72 Stunden
---------------------------------------
Ausführung im Aufputz-Gehäuse,
AP-Montage mit beiliegenden Rahmen
----------------------------------------
Funktionsmerkmale:
 - Leitungsüberwachung RWA-Taster und
RWA-Melder
 - Störungsanzeige über Diagnose-LEDs
 - Alarmauslösung bei Temperatur
innerhalb der Zentrale ab 73°C
 - Lüftungseinstellung
 - Alarm- und Störungsweiterleitung
----------------------------------------
Anschlussmöglichkeiten:
 - Max. 4 GGU/GGL RWA-Fenster Steildach
oder 1 CSP RWA-Fenster Flachdach 
oder 2 CXU Flachdach-Fenster für
Ausstieg
und Rauchableitung
oder 5 CSJ 1210 Lichtkuppeln
Rauchableitung 
oder 2 CSJ 1211 Kombi-Lichtkuppeln
Rauchableitung und Ausstieg
 - 10 Stück RWA-Hauptbedienstellen KFK
 - 10 Stück RWA-Rauchmelder KFA 100
 - 10 Stück Lüftungstaster
 - Auslösung durch BMA über
potentialfreie Kontakte
 - Regenmelder KLA 200 für
GGU/GGL RWA-Fenster Steildach und
CXU Flachdach-Fenster für Ausstieg und
Rauchableitung ohne Zusatzmodul
anschließbar
238 x 113 x 286 mm / 7,5 kg
mm (BxHxT)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K 200 WW</t>
  </si>
  <si>
    <t>5702325120863</t>
  </si>
  <si>
    <t>VELUX Lüftungstaster KFK 200 WW</t>
  </si>
  <si>
    <t>unter Putz, perlweiß</t>
  </si>
  <si>
    <t>85365011</t>
  </si>
  <si>
    <t>----------------------------------------
_x000D_Lüftungstaster für VELUX RWA-Zentralen_x000D_
zur Unterputzmontage._x000D_
Der Lüftungstaster ist zum manuellen_x000D_
Öffnen bzw. Schließen elektromotorisch_x000D_
betätigter VELUX Dachfenster _x000D_
geeignet._x000D_
Das Signal des Lüftungstasters ist in_x000D_
RWA-Anlagen zweitrangig, Signale von_x000D_
Rauchmeldern, DIN-Tastern und externen_x000D_
Brandmeldeanlagen haben ungeachtet des_x000D_
vom Lüftungstaster ausgelösten
Betriebszustandes Vorrang._x000D_
Der Lüftungstaster ist an alle VELUX _x000D_
RWA-Anlagen anzuschließen. Er_x000D_ ist zur
Unterputz-Montage geeignet._x000D__x000D_
Abmessungen: 81 x 81 x 11 mm (HxBxT).</t>
  </si>
  <si>
    <t>KFK 300</t>
  </si>
  <si>
    <t>5702320799927</t>
  </si>
  <si>
    <t>VELUX RWA-Hauptbedienstelle KFK 300</t>
  </si>
  <si>
    <t>Grau</t>
  </si>
  <si>
    <t>----------------------------------------
RWA-Taster (DIN EN54), (Grau)
Hauptbedienstelle mit akustischer
Störungsanzeige. Für die manuelle
Betätigung von RWA-Anlagen im
Notfall sowie als Anzeigeelement über
den Zustand der Gesamtanlage mit
Anzeigeleuchten.
Gehäuseausführung nach DIN EN 54
Abmessungen:(BxHxT) 125 x 125 x 36 mm
Funktionsmerkmale:
            : Taste   RWA-AUF
            : Taste   RWA-Zu
            : Anzeige RWA-Auf
            : Anzeige Betrieb
            : Anzeige Störung
            : Signalgeber Störung
            : Signalgeber Auslösung
            : Zustand Anzeige Blau</t>
  </si>
  <si>
    <t>KFK 301</t>
  </si>
  <si>
    <t>5702320799934</t>
  </si>
  <si>
    <t>VELUX RWA-Hauptbedienstelle KFK 301</t>
  </si>
  <si>
    <t>Rot</t>
  </si>
  <si>
    <t>KFK 302</t>
  </si>
  <si>
    <t>5702320799941</t>
  </si>
  <si>
    <t>VELUX RWA-Hauptbedienstelle KFK 302</t>
  </si>
  <si>
    <t>Gelb</t>
  </si>
  <si>
    <t>----------------------------------------
RWA-Taster (DIN EN54), (Gelb)
Hauptbedienstelle mit akustischer
Störungsanzeige. Für die manuelle
Betätigung von RWA-Anlagen im
Notfall sowie als Anzeigeelement über
den Zustand der Gesamtanlage mit
Anzeigeleuchten.
Gehäuseausführung nach DIN EN 54
Abmessungen:(BxHxT) 125 x 125 x 36 mm
Funktionsmerkmale:
            : Taste   RWA-AUF
            : Taste   RWA-Zu
            : Anzeige RWA-Auf
            : Anzeige Betrieb
            : Anzeige Störung
            : Signalgeber Störung
            : Signalgeber Auslösung
            : Zustand Anzeige Blau</t>
  </si>
  <si>
    <t>KFK 303</t>
  </si>
  <si>
    <t>5702320799958</t>
  </si>
  <si>
    <t>VELUX RWA-Hauptbedienstelle KFK 303</t>
  </si>
  <si>
    <t>Blau</t>
  </si>
  <si>
    <t>----------------------------------------
RWA-Taster (DIN EN54), (Blau)
Hauptbedienstelle mit akustischer
Störungsanzeige. Für die manuelle
Betätigung von RWA-Anlagen im
Notfall sowie als Anzeigeelement über
den Zustand der Gesamtanlage mit
Anzeigeleuchten.
Gehäuseausführung nach DIN EN 54
Abmessungen:(BxHxT) 125 x 125 x 36 mm
Funktionsmerkmale:
            : Taste   RWA-AUF
            : Taste   RWA-Zu
            : Anzeige RWA-Auf
            : Anzeige Betrieb
            : Anzeige Störung
            : Signalgeber Störung
            : Signalgeber Auslösung
            : Zustand Anzeige Blau</t>
  </si>
  <si>
    <t>KFK 304</t>
  </si>
  <si>
    <t>5702320799965</t>
  </si>
  <si>
    <t>VELUX RWA-Hauptbedienstelle KFK 304</t>
  </si>
  <si>
    <t>Orange</t>
  </si>
  <si>
    <t>----------------------------------------
RWA-Taster (DIN EN54), (Orange)
Hauptbedienstelle mit akustischer
Störungsanzeige. Für die manuelle
Betätigung von RWA-Anlagen im
Notfall sowie als Anzeigeelement über
den Zustand der Gesamtanlage mit
Anzeigeleuchten.
Gehäuseausführung nach DIN EN 54
Abmessungen:(BxHxT) 125 x 125 x 36 mm
Funktionsmerkmale:
            : Taste   RWA-AUF
            : Taste   RWA-Zu
            : Anzeige RWA-Auf
            : Anzeige Betrieb
            : Anzeige Störung
            : Signalgeber Störung
            : Signalgeber Auslösung
            : Zustand Anzeige Blau</t>
  </si>
  <si>
    <t>KFS 300</t>
  </si>
  <si>
    <t>5702320799972</t>
  </si>
  <si>
    <t>VELUX Lüftungst. f. Komfortvent. KFS 300</t>
  </si>
  <si>
    <t>Weiß</t>
  </si>
  <si>
    <t>KFX S3050 EU</t>
  </si>
  <si>
    <t>5702320859584</t>
  </si>
  <si>
    <t>VELUX Steuerungssystem KFX S3050 EU</t>
  </si>
  <si>
    <t>5A, grau</t>
  </si>
  <si>
    <t>----------------------------------------
VELUX RWA-Steuersystem bestehend aus:
 - einer RWA-Steuerzentrale (5A) KFC 305
  und
- zwei Hauptbedienstellen KFK 300 (Grau)
 - einem Rauchmelder KFA 100
 - eingebaute Notstromversorgung für
72h
Ausführung im Aufputz-Gehäuse,
AP-Montage mit beiliegenden Rahmen
Funktionsmerkmale:
 - Leitungsüberwachung RWA-Taster und
RWA-Melder
 - Störungsanzeige über Diagnose-LEDs
 - Alarmauslösung bei Temperatur
innerhalb der Zentrale ab 72°C
 - Lüftungseinstellung
 - Alarm- und Störungsweiterleitung
Anschlussmöglichkeiten:
 - Max. 4 GGU/GGL RWA-Fenster Steildach
oder 1 CSP RWA-Fenster Flachdach 
oder 2 CXU Flachdach-Fenster für
Ausstieg
und Rauchableitung
oder 5 CSJ 1210 Lichtkuppeln
Rauchableitung 
oder 2 CSJ 1211 Kombi-Lichtkuppeln
 - 10 Stück RWA-Hauptbedienstellen KFK
 - 10 Stück RWA-Rauchmelder KFA 100
 - 10  Lüftungstaster
 - Auslösung durch BMA über potential-
   freie Kontakte
 - Regenmelder KLA 200 für 
GGU/GGL RWA-Fenster Steildach und
CXU Flachdach-Fenster für Ausstieg und
Rauchableitung ohne Zusatzmodul
anschließbar
----------------------------------------
RWA-Taster (DIN EN 54),
Hauptbedienstelle
(Grau) mit akustischer Störungsanzeige.
Für die
manuelle Betätigung von RWA-Anlagen im
Notfall sowie als Anzeigeelement über
den 
Zustand der Gesamtanlage mit
Anzeigeleuchten. 
Gehäuseausführung nach DIN EN 54.
Abmessungen:(BxHxT) 125 x 125 x 36 mm
Verwendung für alle Systeme KFX
Funktionsmerkmale:
            : Taste   RWA-AUF
            : Taste   RWA-Zu
            : Anzeige RWA-Auf
            : Anzeige Betrieb
            : Anzeige Störung
            : Signalgeber Störung
            : Signalgeber Auslösung
            : Zustand Anzeige Blau 
----------------------------------------
Streulicht-Rauchmelder zur
Brandfrüherkennung mit optischer Anzeige
bei Auslösung, Lieferung inkl.
Montagesockel.
Gehäuse: Kunststoff, rund, weiß.
Technische Daten:
Anschlussspannung:24V/DC
Stromaufnahme (Ruhe): maximal 20mA 
Fabrikat: VELUX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X S3052 EU</t>
  </si>
  <si>
    <t>5702320859607</t>
  </si>
  <si>
    <t>VELUX Steuerungssystem KFX S3052 EU</t>
  </si>
  <si>
    <t>5A, gelb</t>
  </si>
  <si>
    <t>----------------------------------------
VELUX RWA-Steuersystem bestehend aus:
 - einer RWA-Steuerzentrale (5A) KFC 305
  und
- zwei Hauptbedienstellen KFK 300 (Gelb)
 - einem Rauchmelder KFA 100
 - eingebaute Notstromversorgung für
72h
Ausführung im Aufputz-Gehäuse,
AP-Montage mit beiliegenden Rahmen
Funktionsmerkmale:
 - Leitungsüberwachung RWA-Taster und
RWA-Melder
 - Störungsanzeige über Diagnose-LEDs
 - Alarmauslösung bei Temperatur
innerhalb der Zentrale ab 72°C
 - Lüftungseinstellung
 - Alarm- und Störungsweiterleitung
Anschlussmöglichkeiten:
 - Max. 4 GGU/GGL RWA-Fenster Steildach
oder 1 CSP RWA-Fenster Flachdach 
oder 2 CXU Flachdach-Fenster für
Ausstieg
und Rauchableitung
oder 5 CSJ 1210 Lichtkuppeln
Rauchableitung 
oder 2 CSJ 1211 Kombi-Lichtkuppeln
 - 10 Stück RWA-Hauptbedienstellen KFK
 - 10 Stück RWA-Rauchmelder KFA 100
 - 10  Lüftungstaster
 - Auslösung durch BMA über potential-
   freie Kontakte
 - Regenmelder KLA 200 für 
GGU/GGL RWA-Fenster Steildach und
CXU Flachdach-Fenster für Ausstieg und
Rauchableitung ohne Zusatzmodul
anschließbar
----------------------------------------
RWA-Taster (DIN EN 54),
Hauptbedienstelle
(Gelb) mit akustischer Störungsanzeige.
Für die
manuelle Betätigung von RWA-Anlagen im
Notfall sowie als Anzeigeelement über
den 
Zustand der Gesamtanlage mit
Anzeigeleuchten. 
Gehäuseausführung nach DIN EN 54.
Abmessungen:(BxHxT) 125 x 125 x 36 mm
Verwendung für alle Systeme KFX
Funktionsmerkmale:
            : Taste   RWA-AUF
            : Taste   RWA-Zu
            : Anzeige RWA-Auf
            : Anzeige Betrieb
            : Anzeige Störung
            : Signalgeber Störung
            : Signalgeber Auslösung
            : Zustand Anzeige Blau 
----------------------------------------
Streulicht-Rauchmelder zur
Brandfrüherkennung mit optischer Anzeige
bei Auslösung, Lieferung inkl.
Montagesockel.
Gehäuse: Kunststoff, rund, weiß.
Technische Daten:
Anschlussspannung:24V/DC
Stromaufnahme (Ruhe): maximal 20mA 
Fabrikat: VELUX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X S3053 EU</t>
  </si>
  <si>
    <t>5702320859614</t>
  </si>
  <si>
    <t>VELUX Steuerungssystem KFX S3053 EU</t>
  </si>
  <si>
    <t>5A, blau</t>
  </si>
  <si>
    <t>----------------------------------------
VELUX RWA-Steuersystem bestehend aus:
 - einer RWA-Steuerzentrale (5A) KFC 305
  und
- zwei Hauptbedienstellen KFK 300 (Blau)
 - einem Rauchmelder KFA 100
 - eingebaute Notstromversorgung für
72h
Ausführung im Aufputz-Gehäuse,
AP-Montage mit beiliegenden Rahmen
Funktionsmerkmale:
 - Leitungsüberwachung RWA-Taster und
RWA-Melder
 - Störungsanzeige über Diagnose-LEDs
 - Alarmauslösung bei Temperatur
innerhalb der Zentrale ab 72°C
 - Lüftungseinstellung
 - Alarm- und Störungsweiterleitung
Anschlussmöglichkeiten:
 - Max. 4 GGU/GGL RWA-Fenster Steildach
oder 1 CSP RWA-Fenster Flachdach 
oder 2 CXU Flachdach-Fenster für
Ausstieg
und Rauchableitung
oder 5 CSJ 1210 Lichtkuppeln
Rauchableitung 
oder 2 CSJ 1211 Kombi-Lichtkuppeln
 - 10 Stück RWA-Hauptbedienstellen KFK
 - 10 Stück RWA-Rauchmelder KFA 100
 - 10  Lüftungstaster
 - Auslösung durch BMA über potential-
   freie Kontakte
 - Regenmelder KLA 200 für 
GGU/GGL RWA-Fenster Steildach und
CXU Flachdach-Fenster für Ausstieg und
Rauchableitung ohne Zusatzmodul
anschließbar
----------------------------------------
RWA-Taster (DIN EN 54),
Hauptbedienstelle
(Blau) mit akustischer Störungsanzeige.
Für die
manuelle Betätigung von RWA-Anlagen im
Notfall sowie als Anzeigeelement über
den 
Zustand der Gesamtanlage mit
Anzeigeleuchten. 
Gehäuseausführung nach DIN EN 54.
Abmessungen:(BxHxT) 125 x 125 x 36 mm
Verwendung für alle Systeme KFX
Funktionsmerkmale:
            : Taste   RWA-AUF
            : Taste   RWA-Zu
            : Anzeige RWA-Auf
            : Anzeige Betrieb
            : Anzeige Störung
            : Signalgeber Störung
            : Signalgeber Auslösung
            : Zustand Anzeige Blau 
----------------------------------------
Streulicht-Rauchmelder zur
Brandfrüherkennung mit optischer Anzeige
bei Auslösung, Lieferung inkl.
Montagesockel.
Gehäuse: Kunststoff, rund, weiß.
Technische Daten:
Anschlussspannung:24V/DC
Stromaufnahme (Ruhe): maximal 20mA 
Fabrikat: VELUX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FX S3054 EU</t>
  </si>
  <si>
    <t>5702320859621</t>
  </si>
  <si>
    <t>VELUX Steuerungssystem KFX S3054 EU</t>
  </si>
  <si>
    <t>5A, orange</t>
  </si>
  <si>
    <t>----------------------------------------
VELUX RWA-Steuersystem bestehend aus:
 - einer RWA-Steuerzentrale (5A) KFC 305
  und
- zwei Hauptbedienstellen KFK 300
(Orange)
 - einem Rauchmelder KFA 100
 - eingebaute Notstromversorgung für
72h
Ausführung im Aufputz-Gehäuse,
AP-Montage mit beiliegenden Rahmen
Funktionsmerkmale:
 - Leitungsüberwachung RWA-Taster und
RWA-Melder
 - Störungsanzeige über Diagnose-LEDs
 - Alarmauslösung bei Temperatur
innerhalb der Zentrale ab 72°C
 - Lüftungseinstellung
 - Alarm- und Störungsweiterleitung
Anschlussmöglichkeiten:
 - Max. 4 GGU/GGL RWA-Fenster Steildach
oder 1 CSP RWA-Fenster Flachdach 
oder 2 CXU Flachdach-Fenster für
Ausstieg
und Rauchableitung
oder 5 CSJ 1210 Lichtkuppeln
Rauchableitung 
oder 2 CSJ 1211 Kombi-Lichtkuppeln
 - 10 Stück RWA-Hauptbedienstellen KFK
 - 10 Stück RWA-Rauchmelder KFA 100
 - 10  Lüftungstaster
 - Auslösung durch BMA über potential-
   freie Kontakte
 - Regenmelder KLA 200 für 
GGU/GGL RWA-Fenster Steildach und
CXU Flachdach-Fenster für Ausstieg und
Rauchableitung ohne Zusatzmodul
anschließbar
----------------------------------------
RWA-Taster (DIN EN 54),
Hauptbedienstelle
(Orange) mit akustischer
Störungsanzeige. Für die
manuelle Betätigung von RWA-Anlagen im
Notfall sowie als Anzeigeelement über
den 
Zustand der Gesamtanlage mit
Anzeigeleuchten. 
Gehäuseausführung nach DIN EN 54.
Abmessungen:(BxHxT) 125 x 125 x 36 mm
Verwendung für alle Systeme KFX
Funktionsmerkmale:
            : Taste   RWA-AUF
            : Taste   RWA-Zu
            : Anzeige RWA-Auf
            : Anzeige Betrieb
            : Anzeige Störung
            : Signalgeber Störung
            : Signalgeber Auslösung
            : Zustand Anzeige Blau 
----------------------------------------
Streulicht-Rauchmelder zur
Brandfrüherkennung mit optischer Anzeige
bei Auslösung, Lieferung inkl.
Montagesockel.
Gehäuse: Kunststoff, rund, weiß.
Technische Daten:
Anschlussspannung:24V/DC
Stromaufnahme (Ruhe): maximal 20mA 
Fabrikat: VELUX
---------------------------------------
Aus Sicherheitsgründen
Installation/Inbetriebnahme nur von
zugelassenen Elektro-/RWA-Fachbetrieben
----------------------------------------
Wartung:
Eine Wartung muss gemäß DIN 18 232, 
der Musterbauordnung und den 
Herstellerrichtlinien im jährlichen
Abstand 
ausgeführt werden. 
Die Wartung darf nur von qualifizierten
Fachfirmen durchgeführt werden.</t>
  </si>
  <si>
    <t>KIG 300</t>
  </si>
  <si>
    <t>5702329268530</t>
  </si>
  <si>
    <t>VELUX App Control KIG 300</t>
  </si>
  <si>
    <t>85371091</t>
  </si>
  <si>
    <t>----------------------------------------
VELUX App Control
Ermöglicht die Bedienung aller VELUX
Solar-/Elektro-Produkte von überall per
Smartphone oder per Sprachsteuerung
durch Kompatibilität zu dem
Sprachassistenten Google Assistant oder
Apple Home-Kit®.
Lieferumfang: 1 Internet Gateway. 
Mit Raumklima-Sensor KLA 300 und
Abwesenheitsschalter KLN 300 (beides
separat erhältlich) nachträglich
aufrüstbar zu einer VELUX ACTIVE
Raumklima-Steuerung.</t>
  </si>
  <si>
    <t>KIX 300</t>
  </si>
  <si>
    <t>5702328559448</t>
  </si>
  <si>
    <t>VELUX ACTIVE System KIX 300</t>
  </si>
  <si>
    <t>Intelligente Sensorsteuerung</t>
  </si>
  <si>
    <t>90328900</t>
  </si>
  <si>
    <t>----------------------------------------
VELUX ACTIVE with NETATMO - intelligente
Sensorsteuerung der automatischen
Fenster, Rollläden und
Sonnenschutzprodukte für ein optimales
Innenraumklima und Ansteuerung per
Smartphone und Sprachsteuerung 
Besteht aus:
- Raumklima-Sensor zur Messung von CO2,
Temperatur und Luftfeuchtigkeit 
- Internet Gateway zur intelligenten
Steuerung der VELUX
Solar-/Elektro-Produkte
auf Basis der Raumklima-Werte und
externen Wetterdaten
- Schalter für Abwesenheit zum manuellen
Schließen aller VELUX
Solar-/Elektro-Fenster,
so dass die Belüftung nur noch über die
Lüftungsklappen erfolgt
Kompatibel mit:
Apple HomeKit
Ausgewählten elektrischen SOMFY 
Fassadenprodukten
Google Assistant und Google Home</t>
  </si>
  <si>
    <t>KLA 200 WW</t>
  </si>
  <si>
    <t>5702327699411</t>
  </si>
  <si>
    <t>VELUX Regensensor KLA 200 WW</t>
  </si>
  <si>
    <t>----------------------------------------
_x000D_Regensensor zum Anschluss an VELUX
RWA-_x000D_Steuerzentralen mit VELUX
Steildach-Rauch- und Wärmeabzugsfenster 
GGL/GGU.
_x000D_KLA 200 ist nicht mit den
Steuerzentralen KFX 100/110/120 oder
früheren Versionen kompatibel sowie 
mit dem Flachdach-Fenster CSP.
Regensensor mit beheizter, vergoldeter_x000D_
Messfläche _x000D_
Stromversorgung : 24 V DC von den
Steuerzentralen KFC 210/220
Stromaufnahme: Standby 0W und bei Regen
5W
Abmessungen : 40x70x13mm (BxHxT)_x000D_
Material : Kunststoff Gehäuse           
         _x000D_                 
    _x000D_
Farbe : Dunkelgrau NCS S 7500-N_x000D_
Wartung: Es wird empfohlen die Sensor-_x000D_
flächen alle 3 - 6 Monate mit einem_x000D_
weichen, feuchten Tuch und mildem_x000D_
Reinigungsmittel zu reinigen.</t>
  </si>
  <si>
    <t>KLA 300</t>
  </si>
  <si>
    <t>5702328465855</t>
  </si>
  <si>
    <t>VELUX ACTIVE Raumklima-Sensor KLA 300</t>
  </si>
  <si>
    <t>Zur Erweiterung von VELUX ACTIVE</t>
  </si>
  <si>
    <t>90258040</t>
  </si>
  <si>
    <t>--------------------------------------
VELUX ACTIVE Raumklima-Sensor
Zusätzlicher Raumklima-Sensor für die
intelligente Steuerung weiterer Räume
einer VELUX ACTIVE Raumklima-Steuerung.
Enthält
Sensorik zur Messung der Feuchtigkeit,
Temperatur und des CO2-Gehaltes der
Raumluft.
Der Raumklima-Sensor kann kabellos
an einer Wand angebracht werden.
Eine VELUX ACTIVE Raumklima-Steuerung
kann auf
maximal 10 Raumluft-Sensoren erweitert
werden.</t>
  </si>
  <si>
    <t>KLB 100</t>
  </si>
  <si>
    <t>5702324633913</t>
  </si>
  <si>
    <t>VELUX Notstromversorgung KLB 100</t>
  </si>
  <si>
    <t>für Elektro,KMX 100,KMX 200,KUX 100</t>
  </si>
  <si>
    <t>85044095</t>
  </si>
  <si>
    <t>----------------------------------------
_x000D_Die Notstromversorgung ist geeignet
zum_x000D_
Anschluss an Elektrofenster und
Elektro-Flachdachfenster  sowie_x000D_
KMX 100, KMX 200 und KUX 110._x000D_
Die Notstromversorgung kann jeweils_x000D_
eine Steuereinheit versorgen._x000D_
Betriebsspannung: 24 V/DC, der
NiMH-Akku_x000D_
wird von der Steuerzentrale aufgeladen._x000D_
_x000D__x000D_
Abmessungen:180 x 85 x 67 (BxHxT)._x000D_
Material: Stoßfestes Plastik
Farbe: Weiß, NCS 1000</t>
  </si>
  <si>
    <t>KLF 050</t>
  </si>
  <si>
    <t>5702326332074</t>
  </si>
  <si>
    <t>VELUX Schalter-Interface KLF 050</t>
  </si>
  <si>
    <t>zum Anschluß von Doppeltastern</t>
  </si>
  <si>
    <t>----------------------------------------
Interface zum Anschluss  von VELUX
Solar-/Elektro-Produkten
(io-homecontrol-kompatibel) über
potentialfreie Kontakte an
unverriegelte Doppeltaster gängiger
Schalterprogramme oder BUS-Systeme
 Standard-Montage in vertiefter_x000D_
Unterputzdose durch Elektriker_x000D_ (230
V-Anschluss)._x000D_ Einfache
Auf-Stopp-Zu-Ansteuerung.
Eingangsleitungen zum Anschluss sind 12
cm lang und dürfen nicht verlängert
werden</t>
  </si>
  <si>
    <t>KLF 150</t>
  </si>
  <si>
    <t>VELUX Interface,programm. KLF 150</t>
  </si>
  <si>
    <t>für VELUX Elektro-Produkte</t>
  </si>
  <si>
    <t>KLI 310</t>
  </si>
  <si>
    <t>5702328469846</t>
  </si>
  <si>
    <t>VELUX Funk-Wandschalter KLI 310</t>
  </si>
  <si>
    <t>universell für alle VELUX Produkte</t>
  </si>
  <si>
    <t>85269200</t>
  </si>
  <si>
    <t>----------------------------------------
_x000D_VELUX Funk-Wandschalter
Universell einsetzbar für alle VELUX
Solar-/Elektro-Produkte
(io-homecontrol®).
Zur kabellosen Ansteuerung
eines io-homecontrol®-Produkts oder
einer Produktgruppe. 
Abmessungen: 82 mm x 82 mm x 12.5 mm
(BxHxT)
Farbe Gehäuse : weiß</t>
  </si>
  <si>
    <t>KLI 311</t>
  </si>
  <si>
    <t>5702328469853</t>
  </si>
  <si>
    <t>VELUX Funk-Wandschalter KLI 311</t>
  </si>
  <si>
    <t>für VELUX Fenster</t>
  </si>
  <si>
    <t>----------------------------------------
VELUX Funk-Wandschalter
für VELUX  Solar-/Elektro-Fenstermotoren
(io-homecontrol®).
Zur kabellosen Ansteuerung
eines Fensters oder einer Fenstergruppe
----------------------------------------
Abmessungen: 82 mm x 82 mm x 12.5 mm
(BxHxT)
Farbe Gehäuse : weiß</t>
  </si>
  <si>
    <t>KLI 312</t>
  </si>
  <si>
    <t>5702328469860</t>
  </si>
  <si>
    <t>VELUX Funk-Wandschalter KLI 312</t>
  </si>
  <si>
    <t>für innenliegenden Sonnenschutz</t>
  </si>
  <si>
    <t>----------------------------------------
VELUX Funk-Wandschalter
für VELUX innenliegende Solar-/Elektro-
Sonnenschutzprodukte (io-homecontrol®).
Zur kabellosen Ansteuerung eines innen
liegenden Sonnenschutzprodukts oder
einer Gruppe mit innen liegenden
Sonnenschutzprodukten
----------------------------------------
Abmessungen: 82 mm x 82 mm x 12.5 mm
(BxHxT)
Farbe Gehäuse : weiß</t>
  </si>
  <si>
    <t>KLI 313</t>
  </si>
  <si>
    <t>5702328469877</t>
  </si>
  <si>
    <t>VELUX Funk-Wandschalter KLI 313</t>
  </si>
  <si>
    <t>für außenliegenden Sonnenschutz</t>
  </si>
  <si>
    <t>----------------------------------------
VELUX Funk-Wandschalter
für VELUX Solar-/Elektro-Rollläden und
Markisen (io-homecontrol®). Zur
kabellosen Ansteuerung eines außen
liegenden Sonnenschutzprodukts oder
einer Gruppe mit außen liegenden
Sonnenschutzprodukten.
----------------------------------------
Abmessungen: 82 mm x 82 mm x 12.5 mm
(BxHxT)
Farbe Gehäuse : weiß</t>
  </si>
  <si>
    <t>KLN 300</t>
  </si>
  <si>
    <t>5702328465879</t>
  </si>
  <si>
    <t>VELUX ACTIVE Sch. für Abw. KLN 300</t>
  </si>
  <si>
    <t>--------------------------------------
VELUX ACTIVE Schalter für
Abwesenheit
Zusätzlicher Schalter für ein VELUX
ACTIVE Raumklima-Steuerung. Mit dem
Schalter für
Abwesenheit können die
Lüftungsalgorithmen
von VELUX ACTIVE ausgeschaltet
werden und VELUX ACTIVE
belüftet nur über die VELUX
Lüftungsklappe.
Bei Betätigung schließen alle
VELUX Solar-/Elektro- Fenster
automatisch
Eine VELUX ACTIVE Raumklima-Steuerung
kann auf maximal
5 Schalter für Abwesenheit erweitert
werden.</t>
  </si>
  <si>
    <t>KLR 300</t>
  </si>
  <si>
    <t>5702329439428</t>
  </si>
  <si>
    <t>VELUX Touch KLR 300</t>
  </si>
  <si>
    <t>----------------------------------------
VELUX Touch - Komfortable
Touchscreen-Fernbedienung.
Einfache Steuerung mehrerer VELUX
Solar-/Elektro-Dachfenster, Rollläden,
Hitzeschutz-Markisen und innen liegender
Sonnenschutzprodukte.
Produktgruppierung und Timerfunktion.
Kein WLAN notwendig.
Lieferumfang: 1x
Touchscreen-Fernbedienung inkl.
Wandhalterung</t>
  </si>
  <si>
    <t>KMG 100K</t>
  </si>
  <si>
    <t>5702327597571</t>
  </si>
  <si>
    <t>VELUX Fenstermotor KMG 100K</t>
  </si>
  <si>
    <t>für GGU/GGL CK04-UK10</t>
  </si>
  <si>
    <t>85011099</t>
  </si>
  <si>
    <t>----------------------------------------
_x000D_Elektrischer Fensterantrieb mit_x000D_
Regensensor und vorprogrammiertem
Funk-Wandschalter, passend zu
VELUX Dachfenstern Typ GGU, GGL,_x000D_
 ab Größe CK04._x000D_
_x000D_
Verdeckter Einbau des Kettenantriebs_x000D_
hinter der Lüftungsklappe. Die manuelle_x000D_
Bedienung des Fensters bleibt weiterhin_x000D_
möglich._x000D_
_x000D_
Betriebsspannung: 24 V/DC
Abmessungen: 362 x 50 x 110 mm (BxHxT)._x000D_
_x000D_
Zugkraft: min. 225 N_x000D_
Druckkraft: max. 150 N_x000D_
Kettenhub: 200 mm_x000D_
korrosionsgeschützte Stahlkette, _x000D_
glasfaserverstärktes Kunststoffgehäuse,_x000D_
Farbe: Schwarz, NCS 9000</t>
  </si>
  <si>
    <t>KSX 100</t>
  </si>
  <si>
    <t>5702325010065</t>
  </si>
  <si>
    <t>VELUX Solar-Nachrüst-Set KSX 100</t>
  </si>
  <si>
    <t>für GGU/GGL 102/C02-810/U10</t>
  </si>
  <si>
    <t>85017100</t>
  </si>
  <si>
    <t>----------------------------------------
VELUX Solar-Nachrüst-Set
für Schwingfenster GGU/GGL 102/
C02 – 810/U10 sowie VL Y und VU Y.
Bestehend aus Fenstermotor mit max.
20 cm Hub, integrierter Batterie,
Solarmodul,
mit Regensensor und  vorprogrammiertem
VELUX 
Funk-Wandschalter für das
einfache Öffnen und Schließen, sowie das
Gruppieren von Produkten</t>
  </si>
  <si>
    <t>KSX 100K WW</t>
  </si>
  <si>
    <t>5702327310538</t>
  </si>
  <si>
    <t>VELUX Solar-Nachrüst-Set KSX 100K WW</t>
  </si>
  <si>
    <t>----------------------------------------
VELUX Solar-Nachrüst-Set
für Schwingfenster GGU/GGL CK04 –
UK10. Bestehend aus sehr leisem
Fenstermotor mit max. 20 cm Hub,
integrierter Batterie, Solarmodul, mit
Regensensor und vorprogrammiertem VELUX 
Funk-Wandschalter für das
einfache Öffnen und Schließen, sowie das
Gruppieren von Produkten</t>
  </si>
  <si>
    <t>KUX 110</t>
  </si>
  <si>
    <t>5702327730121</t>
  </si>
  <si>
    <t>VELUX Steuereinheit KUX 110</t>
  </si>
  <si>
    <t>zur Ansteuerung eines Produkts</t>
  </si>
  <si>
    <t>UA</t>
  </si>
  <si>
    <t>----------------------------------------
VELUX Elektro-Steuereinheit
 zur Ansteuerung
eines Motors (VELUX
KMG 100 WW/KMG 100K WW,
Elektro-Rollladen,
Elektro-Sonnenschutz). 
Io-homecontrol®-kompatibel.
----------------------------------------
Steuereinheit:_x000D_
Primärspannung: 200 - 240 V/AC_x000D_
Sekundärspannung: 24 V/DC_x000D_
_x000D_
Spannungsversorgung über 1,2 m Leitung_x000D_
mit Netzstecker._x000D_
Abmessungen: 94 x 94 x 44 mm (BxHxT)._x000D_
Material: Gehäuse aus feuerhemmendem_x000D_
Polykarbonat, laut UL 94-5V,_x000D_
Farbe: Weiß, NCS 1000</t>
  </si>
  <si>
    <t>LAI FK00 2000</t>
  </si>
  <si>
    <t>5702327307538</t>
  </si>
  <si>
    <t>VELUX Innenf.-Zus. Aufk. LAI FK00 2000</t>
  </si>
  <si>
    <t>Kunststoff, weiß, inkl. BBX</t>
  </si>
  <si>
    <t>260</t>
  </si>
  <si>
    <t>VELUX-Innenfutter</t>
  </si>
  <si>
    <t>----------------------------------------
Das Innenfutter-Zusatzelement
gleicht den durch den Aufkeilrahmen
entstandenen zusätzlichen
Neigungsbereich von 10° aus.
Ausführung wie Innenfutter-Grundelement.
Neigungsbereich des Dachfensters:
25°-50°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AI MK00 2000</t>
  </si>
  <si>
    <t>5702327307545</t>
  </si>
  <si>
    <t>VELUX Innenf.-Zus. Aufk. LAI MK00 2000</t>
  </si>
  <si>
    <t>LAI PK00 2000</t>
  </si>
  <si>
    <t>5702327307552</t>
  </si>
  <si>
    <t>VELUX Innenf.-Zus. Aufk. LAI PK00 2000</t>
  </si>
  <si>
    <t>LAI SK00 2000</t>
  </si>
  <si>
    <t>5702327307569</t>
  </si>
  <si>
    <t>VELUX Innenf.-Zus. Aufk. LAI SK00 2000</t>
  </si>
  <si>
    <t>LAI UK00 2000</t>
  </si>
  <si>
    <t>5702327307576</t>
  </si>
  <si>
    <t>VELUX Innenf.-Zus. Aufk. LAI UK00 2000</t>
  </si>
  <si>
    <t>LEI CK00 2000</t>
  </si>
  <si>
    <t>5702327250360</t>
  </si>
  <si>
    <t>VELUX Innenf.-Zus. Abs. LEI CK00 2000</t>
  </si>
  <si>
    <t>----------------------------------------
Das Innenfutter-Zusatzelement
gleicht den Raum zur Abseite aus und
enthält eine Fensterbank bis 50 cm Tiefe
Ausführung wie Innenfutter-Grundelement.
Zugelassener Dachneigungsbereich:
30°-60°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t>
  </si>
  <si>
    <t>LEI FK00 2000</t>
  </si>
  <si>
    <t>5702327250377</t>
  </si>
  <si>
    <t>VELUX Innenf.-Zus. Abs. LEI FK00 2000</t>
  </si>
  <si>
    <t>LEI MK00 2000</t>
  </si>
  <si>
    <t>5702327250384</t>
  </si>
  <si>
    <t>VELUX Innenf.-Zus. Abs. LEI MK00 2000</t>
  </si>
  <si>
    <t>LEI PK00 2000</t>
  </si>
  <si>
    <t>5702327250391</t>
  </si>
  <si>
    <t>VELUX Innenf.-Zus. Abs. LEI PK00 2000</t>
  </si>
  <si>
    <t>LEI SK00 2000</t>
  </si>
  <si>
    <t>5702327250407</t>
  </si>
  <si>
    <t>VELUX Innenf.-Zus. Abs. LEI SK00 2000</t>
  </si>
  <si>
    <t>LEI UK00 2000</t>
  </si>
  <si>
    <t>5702327250414</t>
  </si>
  <si>
    <t>VELUX Innenf.-Zus. Abs. LEI UK00 2000</t>
  </si>
  <si>
    <t>LFI CK00 2000</t>
  </si>
  <si>
    <t>5702327250421</t>
  </si>
  <si>
    <t>VELUX Fensterbank LFI CK00 2000</t>
  </si>
  <si>
    <t>für Dächer ohne Abseite, weiß</t>
  </si>
  <si>
    <t>17050799</t>
  </si>
  <si>
    <t>----------------------------------------
Fensterbank zur Ergänzung der
Innenfutter LSB/LSC/LSD bei Fenstern
in Dachbereichen ohne Abseite.
Fensterbanktiefe 27 cm.
Ausführung wie Innenfutter-Grundelement.
Oberflächen aus weißem, seidenmatten
Kunststoff, NCS S 0500-N.</t>
  </si>
  <si>
    <t>LFI FK00 2000</t>
  </si>
  <si>
    <t>5702327250438</t>
  </si>
  <si>
    <t>VELUX Fensterbank LFI FK00 2000</t>
  </si>
  <si>
    <t>LFI MK00 2000</t>
  </si>
  <si>
    <t>5702327250445</t>
  </si>
  <si>
    <t>VELUX Fensterbank LFI MK00 2000</t>
  </si>
  <si>
    <t>LFI PK00 2000</t>
  </si>
  <si>
    <t>5702327250452</t>
  </si>
  <si>
    <t>VELUX Fensterbank LFI PK00 2000</t>
  </si>
  <si>
    <t>LFI SK00 2000</t>
  </si>
  <si>
    <t>5702327250469</t>
  </si>
  <si>
    <t>VELUX Fensterbank LFI SK00 2000</t>
  </si>
  <si>
    <t>LFI UK00 2000</t>
  </si>
  <si>
    <t>5702327250476</t>
  </si>
  <si>
    <t>VELUX Fensterbank LFI UK00 2000</t>
  </si>
  <si>
    <t>LLB WK04 2000</t>
  </si>
  <si>
    <t>5702327250483</t>
  </si>
  <si>
    <t>VELUX Inn.-Zus.D.schr.30cm LLB WK04 2000</t>
  </si>
  <si>
    <t>für GIU/GIL/GDL, Kunststoff, weiß</t>
  </si>
  <si>
    <t>----------------------------------------
Das Zusatzelement verlängert die
Seitenteile des Grundelements nach
unten.
Ausführung wie Innenfutter-Grundelement.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LC WK04 2000</t>
  </si>
  <si>
    <t>5702327250490</t>
  </si>
  <si>
    <t>VELUX Inn.-Zus.D.schr.40cm LLC WK04 2000</t>
  </si>
  <si>
    <t>LLD WK04 2000</t>
  </si>
  <si>
    <t>5702328359499</t>
  </si>
  <si>
    <t>VELUX Inn.-Zus.D.schr.50cm LLD WK04 2000</t>
  </si>
  <si>
    <t>LSB CK02 2000</t>
  </si>
  <si>
    <t>5702327250506</t>
  </si>
  <si>
    <t>VELUX Inn.-Gr.El. 30cm LSB CK02 2000</t>
  </si>
  <si>
    <t>----------------------------------------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 CK04 2000</t>
  </si>
  <si>
    <t>5702327250513</t>
  </si>
  <si>
    <t>VELUX Inn.-Gr.El. 30cm LSB CK04 2000</t>
  </si>
  <si>
    <t>LSB CK06 2000</t>
  </si>
  <si>
    <t>5702327250520</t>
  </si>
  <si>
    <t>VELUX Inn.-Gr.El. 30cm LSB CK06 2000</t>
  </si>
  <si>
    <t>LSB FK04 2000</t>
  </si>
  <si>
    <t>5702327250537</t>
  </si>
  <si>
    <t>VELUX Inn.-Gr.El. 30cm LSB FK04 2000</t>
  </si>
  <si>
    <t>LSB FK06 2000</t>
  </si>
  <si>
    <t>5702327250544</t>
  </si>
  <si>
    <t>VELUX Inn.-Gr.El. 30cm LSB FK06 2000</t>
  </si>
  <si>
    <t>LSB FK08 2000</t>
  </si>
  <si>
    <t>5702327250551</t>
  </si>
  <si>
    <t>VELUX Inn.-Gr.El. 30cm LSB FK08 2000</t>
  </si>
  <si>
    <t>LSB MK04 2000</t>
  </si>
  <si>
    <t>5702327250568</t>
  </si>
  <si>
    <t>VELUX Inn.-Gr.El. 30cm LSB MK04 2000</t>
  </si>
  <si>
    <t>LSB MK04 2222E</t>
  </si>
  <si>
    <t>5702328078574</t>
  </si>
  <si>
    <t>VELUX Inn.-Gr.El. 30cm LSB MK04 2222E</t>
  </si>
  <si>
    <t>Spezial, 4 Packstücke</t>
  </si>
  <si>
    <t>Innenfutter für 2 Fenster nebeneinander
eingebaut mit Zusatzelementen GIU/GIL
als Lichtlösung QUARTETT mit
Kombi-Eindeckrahmen
unter Verwendung des
Hilfssparrens EKY, Blendrahmen-Abstand
10 cm
----------------------------------------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 MK06 2000</t>
  </si>
  <si>
    <t>5702327250575</t>
  </si>
  <si>
    <t>VELUX Inn.-Gr.El. 30cm LSB MK06 2000</t>
  </si>
  <si>
    <t>LSB MK08 2000</t>
  </si>
  <si>
    <t>5702327250582</t>
  </si>
  <si>
    <t>VELUX Inn.-Gr.El. 30cm LSB MK08 2000</t>
  </si>
  <si>
    <t>LSB MK10 2000</t>
  </si>
  <si>
    <t>5702327250599</t>
  </si>
  <si>
    <t>VELUX Inn.-Gr.El. 30cm LSB MK10 2000</t>
  </si>
  <si>
    <t>LSB MK10 2222E</t>
  </si>
  <si>
    <t>5702328078840</t>
  </si>
  <si>
    <t>VELUX Inn.-Gr.El. 30cm LSB MK10 2222E</t>
  </si>
  <si>
    <t>LSB MK12 2000</t>
  </si>
  <si>
    <t>5702327250605</t>
  </si>
  <si>
    <t>VELUX Innenfutter LSB MK12 2000</t>
  </si>
  <si>
    <t>Grundelement 30 weiß</t>
  </si>
  <si>
    <t>LSB MK12 2222E</t>
  </si>
  <si>
    <t>5702328078925</t>
  </si>
  <si>
    <t>VELUX Inn.-Gr.El. 30cm LSB MK12 2222E</t>
  </si>
  <si>
    <t>LSB PK06 2000</t>
  </si>
  <si>
    <t>5702327250629</t>
  </si>
  <si>
    <t>VELUX Inn.-Gr.El. 30cm LSB PK06 2000</t>
  </si>
  <si>
    <t>LSB PK08 2000</t>
  </si>
  <si>
    <t>5702327250636</t>
  </si>
  <si>
    <t>VELUX Inn.-Gr.El. 30cm LSB PK08 2000</t>
  </si>
  <si>
    <t>LSB PK10 2000</t>
  </si>
  <si>
    <t>5702327250643</t>
  </si>
  <si>
    <t>VELUX Inn.-Gr.El. 30cm LSB PK10 2000</t>
  </si>
  <si>
    <t>LSB SK06 2000</t>
  </si>
  <si>
    <t>5702327250650</t>
  </si>
  <si>
    <t>VELUX Inn.-Gr.El. 30cm LSB SK06 2000</t>
  </si>
  <si>
    <t>LSB SK06 2222E</t>
  </si>
  <si>
    <t>5702328079182</t>
  </si>
  <si>
    <t>VELUX Inn.-Gr.El. 30cm LSB SK06 2222E</t>
  </si>
  <si>
    <t>LSB SK08 2000</t>
  </si>
  <si>
    <t>5702327250667</t>
  </si>
  <si>
    <t>VELUX Inn.-Gr.El. 30cm LSB SK08 2000</t>
  </si>
  <si>
    <t>LSB SK08 2222E</t>
  </si>
  <si>
    <t>5702328079236</t>
  </si>
  <si>
    <t>VELUX Inn.-Gr.El. 30cm LSB SK08 2222E</t>
  </si>
  <si>
    <t>LSB SK10 2000</t>
  </si>
  <si>
    <t>5702327250674</t>
  </si>
  <si>
    <t>VELUX Inn.-Gr.El. 30cm LSB SK10 2000</t>
  </si>
  <si>
    <t>LSB UK04 2000</t>
  </si>
  <si>
    <t>5702327250681</t>
  </si>
  <si>
    <t>VELUX Inn.-Gr.El. 30cm LSB UK04 2000</t>
  </si>
  <si>
    <t>LSB UK04 2222E</t>
  </si>
  <si>
    <t>5702328079335</t>
  </si>
  <si>
    <t>VELUX Inn.-Gr.El. 30cm LSB UK04 2222E</t>
  </si>
  <si>
    <t>LSB UK08 2000</t>
  </si>
  <si>
    <t>5702327250698</t>
  </si>
  <si>
    <t>VELUX Inn.-Gr.El. 30cm LSB UK08 2000</t>
  </si>
  <si>
    <t>LSB UK10 2000</t>
  </si>
  <si>
    <t>5702327250704</t>
  </si>
  <si>
    <t>VELUX Inn.-Gr.El. 30cm LSB UK10 2000</t>
  </si>
  <si>
    <t>LSC CK02 2000</t>
  </si>
  <si>
    <t>5702327250711</t>
  </si>
  <si>
    <t>VELUX Inn.-Gr.El. 40cm LSC CK02 2000</t>
  </si>
  <si>
    <t>----------------------------------------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C CK02 2021B</t>
  </si>
  <si>
    <t>5702328079458</t>
  </si>
  <si>
    <t>VELUX Inn.-Gr.El. 40 cm LSC CK02 2021B</t>
  </si>
  <si>
    <t>Innenfutter für 2 Fenster nebeneinander
eingebaut als Lichtlösung DUO oder
eingebaut mit Kombi-Eindeckrahmen
unter Verwendung des Hilfssparrens
EKY, Blendrahmen-Abstand 10 cm
----------------------------------------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C CK02 2021E</t>
  </si>
  <si>
    <t>5702328079465</t>
  </si>
  <si>
    <t>VELUX Inn.-Gr.El. 40cm LSC CK02 2021E</t>
  </si>
  <si>
    <t>Spezial, 3 Packstücke</t>
  </si>
  <si>
    <t>LSC CK02 2031B</t>
  </si>
  <si>
    <t>5702328079472</t>
  </si>
  <si>
    <t>VELUX Inn.-Gr.El. 40 cm LSC CK02 2031B</t>
  </si>
  <si>
    <t>für TRIO 1,8cm</t>
  </si>
  <si>
    <t>Innenfutter für 3 Fenster nebeneinander
eingebaut als Lichtlösung TRIO oder
eingebaut mit Kombi-Eindeckrahmen
unter Verwendung des Hilfssparrens
EKY, Blendrahmen-Abstand 10 cm
----------------------------------------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C CK02 2031E</t>
  </si>
  <si>
    <t>5702328079489</t>
  </si>
  <si>
    <t>Innenv. Kmb-Einb. a=10 LSC CK02 2031E</t>
  </si>
  <si>
    <t>LSC CK04 2000</t>
  </si>
  <si>
    <t>5702327250728</t>
  </si>
  <si>
    <t>VELUX Inn.-Gr.El. 40cm LSC CK04 2000</t>
  </si>
  <si>
    <t>LSC CK04 2021B</t>
  </si>
  <si>
    <t>5702328079496</t>
  </si>
  <si>
    <t>VELUX Inn.-Gr.El. 40 cm LSC CK04 2021B</t>
  </si>
  <si>
    <t>LSC CK04 2021E</t>
  </si>
  <si>
    <t>5702328079502</t>
  </si>
  <si>
    <t>VELUX Inn.-Gr.El. 40cm LSC CK04 2021E</t>
  </si>
  <si>
    <t>LSC CK04 2031B</t>
  </si>
  <si>
    <t>5702328079519</t>
  </si>
  <si>
    <t>VELUX Inn.-Gr.El. 40 cm LSC CK04 2031B</t>
  </si>
  <si>
    <t>LSC CK04 2031E</t>
  </si>
  <si>
    <t>5702328079526</t>
  </si>
  <si>
    <t>VELUX Inn.-Gr.El. 40cm LSC CK04 2031E</t>
  </si>
  <si>
    <t>LSC CK06 2000</t>
  </si>
  <si>
    <t>5702327250735</t>
  </si>
  <si>
    <t>VELUX Inn.-Gr.El. 40cm LSC CK06 2000</t>
  </si>
  <si>
    <t>LSC CK06 2021B</t>
  </si>
  <si>
    <t>5702328079533</t>
  </si>
  <si>
    <t>VELUX Inn.-Gr.El. 40 cm LSC CK06 2021B</t>
  </si>
  <si>
    <t>LSC CK06 2021E</t>
  </si>
  <si>
    <t>5702328079540</t>
  </si>
  <si>
    <t>VELUX Inn.-Gr.El. 40cm LSC CK06 2021E</t>
  </si>
  <si>
    <t>LSC CK06 2031B</t>
  </si>
  <si>
    <t>5702328079557</t>
  </si>
  <si>
    <t>VELUX Inn.-Gr.El. 40 cm LSC CK06 2031B</t>
  </si>
  <si>
    <t>LSC CK06 2031E</t>
  </si>
  <si>
    <t>5702328079564</t>
  </si>
  <si>
    <t>Innenv. Kmb-Einb. a=10 LSC CK06 2031E</t>
  </si>
  <si>
    <t>LSC FK04 2000</t>
  </si>
  <si>
    <t>5702327250742</t>
  </si>
  <si>
    <t>VELUX Inn.-Gr.El. 40cm LSC FK04 2000</t>
  </si>
  <si>
    <t>LSC FK04 2021B</t>
  </si>
  <si>
    <t>5702328079571</t>
  </si>
  <si>
    <t>VELUX Inn.-Gr.El. 40 cm LSC FK04 2021B</t>
  </si>
  <si>
    <t>LSC FK04 2021E</t>
  </si>
  <si>
    <t>5702328079588</t>
  </si>
  <si>
    <t>VELUX Inn.-Gr.El. 40cm LSC FK04 2021E</t>
  </si>
  <si>
    <t>LSC FK04 2031B</t>
  </si>
  <si>
    <t>5702328079595</t>
  </si>
  <si>
    <t>VELUX Inn.-Gr.El. 40 cm LSC FK04 2031B</t>
  </si>
  <si>
    <t>LSC FK04 2031E</t>
  </si>
  <si>
    <t>5702328079601</t>
  </si>
  <si>
    <t>Innenv. Kmb-Einb. a=10 LSC FK04 2031E</t>
  </si>
  <si>
    <t>LSC FK06 2000</t>
  </si>
  <si>
    <t>5702327250759</t>
  </si>
  <si>
    <t>VELUX Inn.-Gr.El. 40cm LSC FK06 2000</t>
  </si>
  <si>
    <t>LSC FK06 2021B</t>
  </si>
  <si>
    <t>5702328079618</t>
  </si>
  <si>
    <t>VELUX Inn.-Gr.El. 40 cm LSC FK06 2021B</t>
  </si>
  <si>
    <t>LSC FK06 2021E</t>
  </si>
  <si>
    <t>5702328079625</t>
  </si>
  <si>
    <t>VELUX Inn.-Gr.El. 40cm LSC FK06 2021E</t>
  </si>
  <si>
    <t>LSC FK06 2031B</t>
  </si>
  <si>
    <t>5702328079632</t>
  </si>
  <si>
    <t>VELUX Inn.-Gr.El. 40 cm LSC FK06 2031B</t>
  </si>
  <si>
    <t>LSC FK06 2031E</t>
  </si>
  <si>
    <t>5702328079649</t>
  </si>
  <si>
    <t>Innenv. Kmb-Einb. a=10 LSC FK06 2031E</t>
  </si>
  <si>
    <t>LSC FK08 2000</t>
  </si>
  <si>
    <t>5702327250766</t>
  </si>
  <si>
    <t>VELUX Inn.-Gr.El. 40cm LSC FK08 2000</t>
  </si>
  <si>
    <t>LSC FK08 2021B</t>
  </si>
  <si>
    <t>5702328079656</t>
  </si>
  <si>
    <t>VELUX Inn.-Gr.El. 40 cm LSC FK08 2021B</t>
  </si>
  <si>
    <t>LSC FK08 2021E</t>
  </si>
  <si>
    <t>5702328079663</t>
  </si>
  <si>
    <t>VELUX Inn.-Gr.El. 40cm LSC FK08 2021E</t>
  </si>
  <si>
    <t>LSC FK08 2031B</t>
  </si>
  <si>
    <t>5702328079670</t>
  </si>
  <si>
    <t>VELUX Inn.-Gr.El. 40 cm LSC FK08 2031B</t>
  </si>
  <si>
    <t>LSC FK08 2031E</t>
  </si>
  <si>
    <t>5702328079687</t>
  </si>
  <si>
    <t>VELUX Inn.-Gr.El. 40cm LSC FK08 2031E</t>
  </si>
  <si>
    <t>LSC MK04 2000</t>
  </si>
  <si>
    <t>5702327250773</t>
  </si>
  <si>
    <t>VELUX Inn.-Gr.El. 40cm LSC MK04 2000</t>
  </si>
  <si>
    <t>LSC MK04 2021B</t>
  </si>
  <si>
    <t>5702328079694</t>
  </si>
  <si>
    <t>VELUX Inn.-Gr.El. 40 cm LSC MK04 2021B</t>
  </si>
  <si>
    <t>LSC MK04 2021E</t>
  </si>
  <si>
    <t>5702328079700</t>
  </si>
  <si>
    <t>VELUX Inn.-Gr.El. 40cm LSC MK04 2021E</t>
  </si>
  <si>
    <t>LSC MK04 2031B</t>
  </si>
  <si>
    <t>5702328079717</t>
  </si>
  <si>
    <t>VELUX Inn.-Gr.El. 40 cm LSC MK04 2031B</t>
  </si>
  <si>
    <t>LSC MK04 2031E</t>
  </si>
  <si>
    <t>5702328079724</t>
  </si>
  <si>
    <t>Innenv. Kmb-Einb. a=10 LSC MK04 2031E</t>
  </si>
  <si>
    <t>LSC MK04 2222E</t>
  </si>
  <si>
    <t>5702328079748</t>
  </si>
  <si>
    <t>VELUX Inn.-Gr.El. 40cm LSC MK04 2222E</t>
  </si>
  <si>
    <t>Innenfutter für 2 Fenster nebeneinander
eingebaut mit Zusatzelementen GIU/GIL
als Lichtlösung QUARTETT mit
Kombi-Eindeckrahmen
unter Verwendung des
Hilfssparrens EKY, Blendrahmen-Abstand
10 cm
----------------------------------------
Für Fenster in Dachbereichen ohne
Abseite oder als Grundelement für andere
Einbausituationen.
Für Dachdicken von 17 bis 4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C MK06 2000</t>
  </si>
  <si>
    <t>5702327250780</t>
  </si>
  <si>
    <t>VELUX Inn.-Gr.El. 40cm LSC MK06 2000</t>
  </si>
  <si>
    <t>LSC MK06 2021B</t>
  </si>
  <si>
    <t>5702328079779</t>
  </si>
  <si>
    <t>VELUX Inn.-Gr.El. 40 cm LSC MK06 2021B</t>
  </si>
  <si>
    <t>LSC MK06 2021E</t>
  </si>
  <si>
    <t>5702328079786</t>
  </si>
  <si>
    <t>VELUX Inn.-Gr.El. 40cm LSC MK06 2021E</t>
  </si>
  <si>
    <t>LSC MK06 2031B</t>
  </si>
  <si>
    <t>5702328079793</t>
  </si>
  <si>
    <t>VELUX Inn.-Gr.El. 40 cm LSC MK06 2031B</t>
  </si>
  <si>
    <t>LSC MK06 2031E</t>
  </si>
  <si>
    <t>5702328079809</t>
  </si>
  <si>
    <t>VELUX Innenfutter LSC MK06 2031E</t>
  </si>
  <si>
    <t>Kombi-Einbau</t>
  </si>
  <si>
    <t>LSC MK08 2000</t>
  </si>
  <si>
    <t>5702327250797</t>
  </si>
  <si>
    <t>VELUX Inn.-Gr.El. 40cm LSC MK08 2000</t>
  </si>
  <si>
    <t>LSC MK08 2021B</t>
  </si>
  <si>
    <t>5702328079854</t>
  </si>
  <si>
    <t>VELUX Inn.-Gr.El. 40 cm LSC MK08 2021B</t>
  </si>
  <si>
    <t>LSC MK08 2021E</t>
  </si>
  <si>
    <t>5702328079861</t>
  </si>
  <si>
    <t>VELUX Inn.-Gr.El. 40cm LSC MK08 2021E</t>
  </si>
  <si>
    <t>LSC MK08 2031B</t>
  </si>
  <si>
    <t>5702328079878</t>
  </si>
  <si>
    <t>VELUX Inn.-Gr.El. 40 cm LSC MK08 2031B</t>
  </si>
  <si>
    <t>LSC MK08 2031E</t>
  </si>
  <si>
    <t>5702328079885</t>
  </si>
  <si>
    <t>VELUX Inn.-Gr.El. 40cm LSC MK08 2031E</t>
  </si>
  <si>
    <t>LSC MK10 2000</t>
  </si>
  <si>
    <t>5702327250803</t>
  </si>
  <si>
    <t>VELUX Inn.-Gr.El. 40cm LSC MK10 2000</t>
  </si>
  <si>
    <t>LSC MK10 2021B</t>
  </si>
  <si>
    <t>5702328079960</t>
  </si>
  <si>
    <t>VELUX Inn.-Gr.El. 40 cm LSC MK10 2021B</t>
  </si>
  <si>
    <t>LSC MK10 2021E</t>
  </si>
  <si>
    <t>5702328079977</t>
  </si>
  <si>
    <t>VELUX Inn.-Gr.El. 40cm LSC MK10 2021E</t>
  </si>
  <si>
    <t>LSC MK10 2031B</t>
  </si>
  <si>
    <t>5702328079984</t>
  </si>
  <si>
    <t>VELUX Inn.-Gr.El. 40 cm LSC MK10 2031B</t>
  </si>
  <si>
    <t>LSC MK10 2031E</t>
  </si>
  <si>
    <t>5702328079991</t>
  </si>
  <si>
    <t>VELUX Inn.-Gr.El. 40cm LSC MK10 2031E</t>
  </si>
  <si>
    <t>LSC MK12 2000</t>
  </si>
  <si>
    <t>5702327250810</t>
  </si>
  <si>
    <t>VELUX Inn.-Gr.El. 40cm LSC MK12 2000</t>
  </si>
  <si>
    <t>LSC MK12 2021E</t>
  </si>
  <si>
    <t>5702328080058</t>
  </si>
  <si>
    <t>Innenv. Kmb-Einb. a=10 LSC MK12 2021E</t>
  </si>
  <si>
    <t>LSC MK12 2222E</t>
  </si>
  <si>
    <t>5702328080096</t>
  </si>
  <si>
    <t>VELUX Inn.-Gr.El. LSC MK12 2222E</t>
  </si>
  <si>
    <t>LSC PK06 2000</t>
  </si>
  <si>
    <t>5702327250834</t>
  </si>
  <si>
    <t>VELUX Inn.-Gr.El. 40cm LSC PK06 2000</t>
  </si>
  <si>
    <t>LSC PK06 2021B</t>
  </si>
  <si>
    <t>5702328080171</t>
  </si>
  <si>
    <t>VELUX Inn.-Gr.El. 40 cm LSC PK06 2021B</t>
  </si>
  <si>
    <t>LSC PK06 2021E</t>
  </si>
  <si>
    <t>5702328080188</t>
  </si>
  <si>
    <t>VELUX Inn.-Gr.El. 40cm LSC PK06 2021E</t>
  </si>
  <si>
    <t>LSC PK06 2222E</t>
  </si>
  <si>
    <t>5702328080201</t>
  </si>
  <si>
    <t>VELUX Inn.-Gr.El. 40cm LSC PK06 2222E</t>
  </si>
  <si>
    <t>LSC PK08 2000</t>
  </si>
  <si>
    <t>5702327250841</t>
  </si>
  <si>
    <t>VELUX Inn.-Gr.El. 40cm LSC PK08 2000</t>
  </si>
  <si>
    <t>LSC PK08 2021B</t>
  </si>
  <si>
    <t>5702328080225</t>
  </si>
  <si>
    <t>VELUX Inn.-Gr.El. 40 cm LSC PK08 2021B</t>
  </si>
  <si>
    <t>LSC PK08 2021E</t>
  </si>
  <si>
    <t>5702328080232</t>
  </si>
  <si>
    <t>VELUX Inn.-Gr.El. 40cm LSC PK08 2021E</t>
  </si>
  <si>
    <t>LSC PK10 2000</t>
  </si>
  <si>
    <t>5702327250858</t>
  </si>
  <si>
    <t>VELUX Inn.-Gr.El. 40cm LSC PK10 2000</t>
  </si>
  <si>
    <t>LSC PK10 2021B</t>
  </si>
  <si>
    <t>5702328080270</t>
  </si>
  <si>
    <t>VELUX Inn.-Gr.El. 40 cm LSC PK10 2021B</t>
  </si>
  <si>
    <t>LSC PK10 2021E</t>
  </si>
  <si>
    <t>5702328080287</t>
  </si>
  <si>
    <t>VELUX Inn.-Gr.El. 40cm LSC PK10 2021E</t>
  </si>
  <si>
    <t>LSC SK06 2000</t>
  </si>
  <si>
    <t>5702327250865</t>
  </si>
  <si>
    <t>VELUX Inn.-Gr.El. 40cm LSC SK06 2000</t>
  </si>
  <si>
    <t>LSC SK06 2021B</t>
  </si>
  <si>
    <t>5702328080324</t>
  </si>
  <si>
    <t>VELUX Inn.-Gr.El. 40 cm LSC SK06 2021B</t>
  </si>
  <si>
    <t>LSC SK06 2021E</t>
  </si>
  <si>
    <t>5702328080331</t>
  </si>
  <si>
    <t>VELUX Inn.-Gr.El. 40cm LSC SK06 2021E</t>
  </si>
  <si>
    <t>LSC SK08 2000</t>
  </si>
  <si>
    <t>5702327250872</t>
  </si>
  <si>
    <t>VELUX Inn.-Gr.El. 40cm LSC SK08 2000</t>
  </si>
  <si>
    <t>LSC SK08 2021B</t>
  </si>
  <si>
    <t>5702328080379</t>
  </si>
  <si>
    <t>VELUX Inn.-Gr.El. 40 cm LSC SK08 2021B</t>
  </si>
  <si>
    <t>LSC SK08 2021E</t>
  </si>
  <si>
    <t>5702328080386</t>
  </si>
  <si>
    <t>VELUX Inn.-Gr.El. 40cm LSC SK08 2021E</t>
  </si>
  <si>
    <t>LSC SK10 2000</t>
  </si>
  <si>
    <t>5702327250889</t>
  </si>
  <si>
    <t>VELUX Inn.-Gr.El. 40cm LSC SK10 2000</t>
  </si>
  <si>
    <t>LSC SK10 2021B</t>
  </si>
  <si>
    <t>5702328080423</t>
  </si>
  <si>
    <t>VELUX Inn.-Gr.El. 40 cm LSC SK10 2021B</t>
  </si>
  <si>
    <t>LSC SK10 2021E</t>
  </si>
  <si>
    <t>5702328080430</t>
  </si>
  <si>
    <t>VELUX Inn.-Gr.El. 40cm LSC SK10 2021E</t>
  </si>
  <si>
    <t>LSC SK10 2222E</t>
  </si>
  <si>
    <t>5702328080454</t>
  </si>
  <si>
    <t>VELUX Inn.-Gr.El. 40cm LSC SK10 2222E</t>
  </si>
  <si>
    <t>LSC UK04 2000</t>
  </si>
  <si>
    <t>5702327250896</t>
  </si>
  <si>
    <t>VELUX Inn.-Gr.El. 40cm LSC UK04 2000</t>
  </si>
  <si>
    <t>LSC UK04 2021B</t>
  </si>
  <si>
    <t>5702328080478</t>
  </si>
  <si>
    <t>VELUX Inn.-Gr.El. 40 cm LSC UK04 2021B</t>
  </si>
  <si>
    <t>LSC UK04 2021E</t>
  </si>
  <si>
    <t>5702328080485</t>
  </si>
  <si>
    <t>VELUX Inn.-Gr.El. 40cm LSC UK04 2021E</t>
  </si>
  <si>
    <t>LSC UK04 2222E</t>
  </si>
  <si>
    <t>5702328080508</t>
  </si>
  <si>
    <t>VELUX Inn.-Gr.El. 40cm LSC UK04 2222E</t>
  </si>
  <si>
    <t>LSC UK08 2000</t>
  </si>
  <si>
    <t>5702327250902</t>
  </si>
  <si>
    <t>VELUX Inn.-Gr.El. 40cm LSC UK08 2000</t>
  </si>
  <si>
    <t>LSC UK08 2021B</t>
  </si>
  <si>
    <t>5702328080522</t>
  </si>
  <si>
    <t>VELUX Inn.-Gr.El. 40 cm LSC UK08 2021B</t>
  </si>
  <si>
    <t>LSC UK08 2021E</t>
  </si>
  <si>
    <t>5702328080539</t>
  </si>
  <si>
    <t>VELUX Inn.-Gr.El. 40cm LSC UK08 2021E</t>
  </si>
  <si>
    <t>LSC UK10 2000</t>
  </si>
  <si>
    <t>5702327250919</t>
  </si>
  <si>
    <t>VELUX Inn.-Gr.El. 40cm LSC UK10 2000</t>
  </si>
  <si>
    <t>LSC UK10 2021B</t>
  </si>
  <si>
    <t>5702328080577</t>
  </si>
  <si>
    <t>VELUX Inn.-Gr.El. 40 cm LSC UK10 2021B</t>
  </si>
  <si>
    <t>LSC UK10 2021E</t>
  </si>
  <si>
    <t>5702328080584</t>
  </si>
  <si>
    <t>VELUX Inn.-Gr.El. 40cm LSC UK10 2021E</t>
  </si>
  <si>
    <t>LSC UK10 2222E</t>
  </si>
  <si>
    <t>5702328080607</t>
  </si>
  <si>
    <t>VELUX Inn.-Gr.El. 40cm LSC UK10 2222E</t>
  </si>
  <si>
    <t>LSC Y21 2000</t>
  </si>
  <si>
    <t>5702328124158</t>
  </si>
  <si>
    <t>VELUX Inn.-Gr.El. 40cm LSC Y21 2000</t>
  </si>
  <si>
    <t>Kunststoff, weiß</t>
  </si>
  <si>
    <t>LSC Y23 2000</t>
  </si>
  <si>
    <t>5702328124165</t>
  </si>
  <si>
    <t>VELUX Inn.-Gr.El. 40cm LSC Y23 2000</t>
  </si>
  <si>
    <t>LSC Y33 2000</t>
  </si>
  <si>
    <t>5702328124172</t>
  </si>
  <si>
    <t>VELUX Inn.-Gr.El. 40cm LSC Y33 2000</t>
  </si>
  <si>
    <t>LSC Y35 2000</t>
  </si>
  <si>
    <t>5702328124189</t>
  </si>
  <si>
    <t>VELUX Inn.-Gr.El. 40cm LSC Y35 2000</t>
  </si>
  <si>
    <t>LSC Y43 2000</t>
  </si>
  <si>
    <t>5702328124196</t>
  </si>
  <si>
    <t>VELUX Inn.-Gr.El. 40cm LSC Y43 2000</t>
  </si>
  <si>
    <t>LSC Y45 2000</t>
  </si>
  <si>
    <t>5702328124202</t>
  </si>
  <si>
    <t>VELUX Inn.-Gr.El. 40cm LSC Y45 2000</t>
  </si>
  <si>
    <t>LSC Y47 2000</t>
  </si>
  <si>
    <t>5702328124219</t>
  </si>
  <si>
    <t>VELUX Inn.-Gr.El. 40cm LSC Y47 2000</t>
  </si>
  <si>
    <t>LSC Y65 2000</t>
  </si>
  <si>
    <t>5702328124226</t>
  </si>
  <si>
    <t>VELUX Inn.-Gr.El. 40cm LSC Y65 2000</t>
  </si>
  <si>
    <t>LSC Y85 2000</t>
  </si>
  <si>
    <t>5702328124240</t>
  </si>
  <si>
    <t>VELUX Inn.-Gr.El. 40cm LSC Y85 2000</t>
  </si>
  <si>
    <t>LSC Y87 2000</t>
  </si>
  <si>
    <t>5702328124257</t>
  </si>
  <si>
    <t>VELUX Inn.-Gr.El. 40cm LSC Y87 2000</t>
  </si>
  <si>
    <t>LSC Y97 2000</t>
  </si>
  <si>
    <t>5702328124271</t>
  </si>
  <si>
    <t>VELUX Inn.-Gr.El. 40cm LSC Y97 2000</t>
  </si>
  <si>
    <t>LSD CK02 2000</t>
  </si>
  <si>
    <t>5702327306173</t>
  </si>
  <si>
    <t>VELUX Inn.-Gr.El. 50cm LSD CK02 2000</t>
  </si>
  <si>
    <t>----------------------------------------
Für Fenster in Dachbereichen ohne
Abseite oder als Grundelement für andere
Einbausituationen.
Für Dachdicken von 17 bis 5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D CK04 2000</t>
  </si>
  <si>
    <t>5702327306180</t>
  </si>
  <si>
    <t>VELUX Inn.-Gr.El. 50cm LSD CK04 2000</t>
  </si>
  <si>
    <t>LSD CK06 2000</t>
  </si>
  <si>
    <t>5702327306197</t>
  </si>
  <si>
    <t>VELUX Inn.-Gr.El. 50cm LSD CK06 2000</t>
  </si>
  <si>
    <t>LSD FK04 2000</t>
  </si>
  <si>
    <t>5702327306203</t>
  </si>
  <si>
    <t>VELUX Inn.-Gr.El. 50cm LSD FK04 2000</t>
  </si>
  <si>
    <t>LSD FK06 2000</t>
  </si>
  <si>
    <t>5702327306210</t>
  </si>
  <si>
    <t>VELUX Inn.-Gr.El. 50cm LSD FK06 2000</t>
  </si>
  <si>
    <t>LSD FK08 2000</t>
  </si>
  <si>
    <t>5702327306227</t>
  </si>
  <si>
    <t>VELUX Inn.-Gr.El. 50cm LSD FK08 2000</t>
  </si>
  <si>
    <t>LSD MK04 2000</t>
  </si>
  <si>
    <t>5702327306234</t>
  </si>
  <si>
    <t>VELUX Inn.-Gr.El. 50cm LSD MK04 2000</t>
  </si>
  <si>
    <t>LSD MK06 2000</t>
  </si>
  <si>
    <t>5702327306241</t>
  </si>
  <si>
    <t>VELUX Inn.-Gr.El. 50cm LSD MK06 2000</t>
  </si>
  <si>
    <t>LSD MK08 2000</t>
  </si>
  <si>
    <t>5702327306258</t>
  </si>
  <si>
    <t>VELUX Inn.-Gr.El. 50cm LSD MK08 2000</t>
  </si>
  <si>
    <t>LSD MK10 2000</t>
  </si>
  <si>
    <t>5702327306265</t>
  </si>
  <si>
    <t>VELUX Inn.-Gr.El. 50cm LSD MK10 2000</t>
  </si>
  <si>
    <t>LSD MK12 2000</t>
  </si>
  <si>
    <t>5702327306272</t>
  </si>
  <si>
    <t>VELUX Inn.-Gr.El. 50cm LSD MK12 2000</t>
  </si>
  <si>
    <t>LSD PK06 2000</t>
  </si>
  <si>
    <t>5702327306296</t>
  </si>
  <si>
    <t>VELUX Inn.-Gr.El. 50cm LSD PK06 2000</t>
  </si>
  <si>
    <t>LSD PK08 2000</t>
  </si>
  <si>
    <t>5702327306302</t>
  </si>
  <si>
    <t>VELUX Inn.-Gr.El. 50cm LSD PK08 2000</t>
  </si>
  <si>
    <t>LSD PK10 2000</t>
  </si>
  <si>
    <t>5702327306319</t>
  </si>
  <si>
    <t>VELUX Inn.-Gr.El. 50cm LSD PK10 2000</t>
  </si>
  <si>
    <t>LSD SK06 2000</t>
  </si>
  <si>
    <t>5702327306326</t>
  </si>
  <si>
    <t>VELUX Inn.-Gr.El. 50cm LSD SK06 2000</t>
  </si>
  <si>
    <t>LSD SK08 2000</t>
  </si>
  <si>
    <t>5702327306333</t>
  </si>
  <si>
    <t>VELUX Inn.-Gr.El. 50cm LSD SK08 2000</t>
  </si>
  <si>
    <t>LSD SK10 2000</t>
  </si>
  <si>
    <t>5702327306340</t>
  </si>
  <si>
    <t>VELUX Inn.-Gr.El. 50cm LSD SK10 2000</t>
  </si>
  <si>
    <t>LSD UK04 2000</t>
  </si>
  <si>
    <t>5702327306357</t>
  </si>
  <si>
    <t>VELUX Inn.-Gr.El. 50cm LSD UK04 2000</t>
  </si>
  <si>
    <t>LSD UK08 2000</t>
  </si>
  <si>
    <t>5702327306364</t>
  </si>
  <si>
    <t>VELUX Inn.-Gr.El. 50cm LSD UK08 2000</t>
  </si>
  <si>
    <t>LSD UK10 2000</t>
  </si>
  <si>
    <t>5702327306371</t>
  </si>
  <si>
    <t>VELUX Inn.-Gr.El. 50cm LSD UK10 2000</t>
  </si>
  <si>
    <t>LSF 060060 2000</t>
  </si>
  <si>
    <t>5702328958784</t>
  </si>
  <si>
    <t>VELUX Innenfutter LSF 060060 2000</t>
  </si>
  <si>
    <t>inkl. Abdeckleisten/BBX weiß,675 mm</t>
  </si>
  <si>
    <t>----------------------------------------
Hochwertiges Flachdach-Innenfutter
für vertikale Schachttiefen bis 67,5 cm
inkl. breiten Abdeckleisten (87 mm) und
BBX Dampfsperrschürze
Für Flachdach-Fenster CFP,CVP,CXP,
CSP,CFU,CVU.
Oberflächen aus weißem, seidenmatten
Kunststoff, NCS S 0500-N,
Abdeckleisten weiß foliert.</t>
  </si>
  <si>
    <t>LSF 060090 2000</t>
  </si>
  <si>
    <t>5702328958791</t>
  </si>
  <si>
    <t>VELUX Innenfutter LSF 060090 2000</t>
  </si>
  <si>
    <t>LSF 080080 2000</t>
  </si>
  <si>
    <t>5702328958807</t>
  </si>
  <si>
    <t>VELUX Innenfutter LSF 080080 2000</t>
  </si>
  <si>
    <t>LSF 090090 2000</t>
  </si>
  <si>
    <t>5702328958814</t>
  </si>
  <si>
    <t>VELUX Innenfutter LSF 090090 2000</t>
  </si>
  <si>
    <t>LSF 090120 2000</t>
  </si>
  <si>
    <t>5702328958821</t>
  </si>
  <si>
    <t>VELUX Innenfutter LSF 090120 2000</t>
  </si>
  <si>
    <t>LSF 100100 2000</t>
  </si>
  <si>
    <t>5702328958838</t>
  </si>
  <si>
    <t>VELUX Innenfutter LSF 100100 2000</t>
  </si>
  <si>
    <t>LSF 100150 2000</t>
  </si>
  <si>
    <t>5702328958845</t>
  </si>
  <si>
    <t>VELUX Innenfutter LSF 100150 2000</t>
  </si>
  <si>
    <t>LSF 120120 2000</t>
  </si>
  <si>
    <t>5702328958852</t>
  </si>
  <si>
    <t>VELUX Innenfutter LSF 120120 2000</t>
  </si>
  <si>
    <t>LSF 150080 2000</t>
  </si>
  <si>
    <t>5702329685986</t>
  </si>
  <si>
    <t>VELUX Innenfutter LSF 150080 2000</t>
  </si>
  <si>
    <t>LSF 150120 2000</t>
  </si>
  <si>
    <t>5702329685993</t>
  </si>
  <si>
    <t>VELUX Innenfutter LSF 150120 2000</t>
  </si>
  <si>
    <t>LSF 150150 2000</t>
  </si>
  <si>
    <t>5702328958869</t>
  </si>
  <si>
    <t>VELUX Innenfutter LSF 150150 2000</t>
  </si>
  <si>
    <t>LSF 200060 2000</t>
  </si>
  <si>
    <t>5702329686006</t>
  </si>
  <si>
    <t>VELUX Innenfutter LSF 200060 2000</t>
  </si>
  <si>
    <t>LSF 200100 2000</t>
  </si>
  <si>
    <t>5702329705110</t>
  </si>
  <si>
    <t>VELUX Innenfutter LSF 200100 2000</t>
  </si>
  <si>
    <t>LSW CK188 2000</t>
  </si>
  <si>
    <t>5702328722101</t>
  </si>
  <si>
    <t>VELUX Renov.-kit Innenf. LSW CK188 2000</t>
  </si>
  <si>
    <t>zusätzliche Abdeckleisten 87 mm</t>
  </si>
  <si>
    <t>----------------------------------------
Zusätzliche Abdeckleisten für
Innenfutter-Grundelemente:
LSB, LSC und LSD
Abdeckleistenbreite = 87mm
Abdeckleisten weiß foliert.
Passend für Fenstergrößen mit:
Breite = 55cm
Höhe = 78cm - 118cm</t>
  </si>
  <si>
    <t>LSW CK235 2000</t>
  </si>
  <si>
    <t>5702328722118</t>
  </si>
  <si>
    <t>VELUX Renov.-kit Innenf. LSW CK235 2000</t>
  </si>
  <si>
    <t>LSW FK208 2000</t>
  </si>
  <si>
    <t>5702328722125</t>
  </si>
  <si>
    <t>VELUX Renov.-kit Innenf. LSW FK208 2000</t>
  </si>
  <si>
    <t>----------------------------------------
Zusätzliche Abdeckleisten für
Innenfutter-Grundelemente:
LSB, LSC und LSD
Abdeckleistenbreite = 87mm
Abdeckleisten weiß foliert.
Passend für Fenstergrößen mit:
Breite = 66cm
Höhe = 98cm - 140cm</t>
  </si>
  <si>
    <t>LSW FK257 2000</t>
  </si>
  <si>
    <t>5702328722132</t>
  </si>
  <si>
    <t>VELUX Renov.-kit Innenf. LSW FK257 2000</t>
  </si>
  <si>
    <t>LSW MK181 2000</t>
  </si>
  <si>
    <t>5702328722149</t>
  </si>
  <si>
    <t>VELUX Renov.-kit Innenf. LSW MK181 2000</t>
  </si>
  <si>
    <t>----------------------------------------
Zusätzliche Abdeckleisten für
Innenfutter-Grundelemente:
LSB, LSC und LSD
Abdeckleistenbreite = 87mm
Abdeckleisten weiß foliert.
Passend für Fenstergrößen mit:
Breite = 78cm
Höhe = 98cm - 118cm</t>
  </si>
  <si>
    <t>LSW MK298 2000</t>
  </si>
  <si>
    <t>5702328722156</t>
  </si>
  <si>
    <t>VELUX Renov.-kit Innenf. LSW MK298 2000</t>
  </si>
  <si>
    <t>----------------------------------------
Zusätzliche Abdeckleisten für
Innenfutter-Grundelemente:
LSB, LSC und LSD
Abdeckleistenbreite = 87mm
Abdeckleisten weiß foliert.
Passend für Fenstergrößen mit:
Breite = 78cm
Höhe = 98cm - 180cm</t>
  </si>
  <si>
    <t>LSW PK208 2000</t>
  </si>
  <si>
    <t>5702328722163</t>
  </si>
  <si>
    <t>VELUX Renov.-kit Innenf. LSW PK208 2000</t>
  </si>
  <si>
    <t>----------------------------------------
Zusätzliche Abdeckleisten für
Innenfutter-Grundelemente:
LSB, LSC und LSD
Abdeckleistenbreite = 87mm
Abdeckleisten weiß foliert.
Passend für Fenstergrößen mit:
Breite = 94cm
Höhe = 118cm - 140cm</t>
  </si>
  <si>
    <t>LSW PK278 2000</t>
  </si>
  <si>
    <t>5702328722170</t>
  </si>
  <si>
    <t>VELUX Renov.-kit Innenf. LSW PK278 2000</t>
  </si>
  <si>
    <t>----------------------------------------
Zusätzliche Abdeckleisten für
Innenfutter-Grundelemente:
LSB, LSC und LSD
Abdeckleistenbreite = 87mm
Abdeckleisten weiß foliert.
Passend für Fenstergrößen mit:
Breite = 94cm
Höhe = 118cm - 160cm</t>
  </si>
  <si>
    <t>LSW SK203 2000</t>
  </si>
  <si>
    <t>5702328722187</t>
  </si>
  <si>
    <t>VELUX Renov.-kit Innenf. LSW SK203 2000</t>
  </si>
  <si>
    <t>----------------------------------------
Zusätzliche Abdeckleisten für
Innenfutter-Grundelemente:
LSB, LSC und LSD
Abdeckleistenbreite = 87mm
Abdeckleisten weiß foliert.
Passend für Fenstergrößen mit:
Breite = 114cm
Höhe = 118cm - 140cm</t>
  </si>
  <si>
    <t>LSW SK278 2000</t>
  </si>
  <si>
    <t>5702328722194</t>
  </si>
  <si>
    <t>VELUX Renov.-kit Innenf. LSW SK278 2000</t>
  </si>
  <si>
    <t>----------------------------------------
Zusätzliche Abdeckleisten für
Innenfutter-Grundelemente:
LSB, LSC und LSD
Abdeckleistenbreite = 87mm
Abdeckleisten weiß foliert.
Passend für Fenstergrößen mit:
Breite = 114cm
Höhe = 118cm - 160cm</t>
  </si>
  <si>
    <t>LSW UK230 2000</t>
  </si>
  <si>
    <t>5702328722200</t>
  </si>
  <si>
    <t>VELUX Renov.-kit Innenf. LSW UK230 2000</t>
  </si>
  <si>
    <t>----------------------------------------
Zusätzliche Abdeckleisten für
Innenfutter-Grundelemente:
LSB, LSC und LSD
Abdeckleistenbreite = 87mm
Abdeckleisten weiß foliert.
Passend für Fenstergrößen mit:
Breite = 134cm
Höhe =  98cm - 160cm</t>
  </si>
  <si>
    <t>LSW UK278 2000</t>
  </si>
  <si>
    <t>5702328722217</t>
  </si>
  <si>
    <t>VELUX Renov.-kit Innenf. LSW UK278 2000</t>
  </si>
  <si>
    <t>----------------------------------------
Zusätzliche Abdeckleisten für
Innenfutter-Grundelemente:
LSB, LSC und LSD
Abdeckleistenbreite = 87mm
Abdeckleisten weiß foliert.
Passend für Fenstergrößen mit:
Breite = 134cm
Höhe =  140cm - 160cm</t>
  </si>
  <si>
    <t>LVI MK00 2000</t>
  </si>
  <si>
    <t>5702327251190</t>
  </si>
  <si>
    <t>VX Innenf.-Zus. Wand 40cm LVI MK00 2000</t>
  </si>
  <si>
    <t>für VIU/VFE, Kunstst.weiß inkl. BBX</t>
  </si>
  <si>
    <t>----------------------------------------
Dachneigungen von 15° bis 55°.
Das Zusatzelement verlängert die
Seitenteile des Grundelements nach
unten und enthält eine Fensterbank
bis 30 cm Tiefe.
(Bei 15° bis 30° mit leicht schräg
verlaufendem Oberteil.)
Die Seitenteile des Zusatzelementes sind
anpassbar auf jeweilige Fensterlänge.
Ausführung wie Innenfutter-Grundelement.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VI PK00 2000</t>
  </si>
  <si>
    <t>5702327251206</t>
  </si>
  <si>
    <t>VX Innenf.-Zus. Wand 40cm LVI PK00 2000</t>
  </si>
  <si>
    <t>LVI SK00 2000</t>
  </si>
  <si>
    <t>5702327251213</t>
  </si>
  <si>
    <t>VX Innenf.-Zus. Wand 40cm LVI SK00 2000</t>
  </si>
  <si>
    <t>MAD MK04 5060</t>
  </si>
  <si>
    <t>5702329410281</t>
  </si>
  <si>
    <t>VELUX Markise Schnurzug MAD MK04 5060</t>
  </si>
  <si>
    <t>320</t>
  </si>
  <si>
    <t>VELUX-Markisen</t>
  </si>
  <si>
    <t>63061200</t>
  </si>
  <si>
    <t>MAD SK04 5060</t>
  </si>
  <si>
    <t>5702329410304</t>
  </si>
  <si>
    <t>VELUX Markise Schnurzug MAD SK04 5060</t>
  </si>
  <si>
    <t>MAG FK34 5060</t>
  </si>
  <si>
    <t>5702329624930</t>
  </si>
  <si>
    <t>VELUX Tageslicht-Markise MAG FK34 5060</t>
  </si>
  <si>
    <t>Markise Schnurzug für Untenele. GIU/GIL</t>
  </si>
  <si>
    <t>MAG MK34 5060</t>
  </si>
  <si>
    <t>5702327708373</t>
  </si>
  <si>
    <t>VELUX Tageslicht-Markise MAG MK34 5060</t>
  </si>
  <si>
    <t>MAG PK34 5060</t>
  </si>
  <si>
    <t>5702327708380</t>
  </si>
  <si>
    <t>VELUX Tageslicht-Markise MAG PK34 5060</t>
  </si>
  <si>
    <t>MAG SK34 5060</t>
  </si>
  <si>
    <t>5702327708397</t>
  </si>
  <si>
    <t>VELUX Tageslicht-Markise MAG SK34 5060</t>
  </si>
  <si>
    <t>MAG UK34 5060</t>
  </si>
  <si>
    <t>5702327708403</t>
  </si>
  <si>
    <t>VELUX Tageslicht-Markise MAG UK34 5060</t>
  </si>
  <si>
    <t>MHL 100 5060</t>
  </si>
  <si>
    <t>5702326005107</t>
  </si>
  <si>
    <t>VELUX Mark. mit Haltekr. MHL 100 5060</t>
  </si>
  <si>
    <t>Uni Schwarz, Standard</t>
  </si>
  <si>
    <t>MHL 200 5060</t>
  </si>
  <si>
    <t>5702326005206</t>
  </si>
  <si>
    <t>VELUX Mark. mit Haltekr. MHL 200 5060</t>
  </si>
  <si>
    <t>MHL CK00 5060</t>
  </si>
  <si>
    <t>5702320104820</t>
  </si>
  <si>
    <t>VELUX Mark. mit Haltekr. MHL CK00 5060</t>
  </si>
  <si>
    <t>MHL FK00 5060</t>
  </si>
  <si>
    <t>5702322519479</t>
  </si>
  <si>
    <t>VELUX Mark. mit Haltekr. MHL FK00 5060</t>
  </si>
  <si>
    <t>MHL MK00 5060</t>
  </si>
  <si>
    <t>5702326005305</t>
  </si>
  <si>
    <t>VELUX Mark. mit Haltekr. MHL MK00 5060</t>
  </si>
  <si>
    <t>MHL MK12 5060</t>
  </si>
  <si>
    <t>5702320104561</t>
  </si>
  <si>
    <t>VELUX Markise H-Krallen MHL MK12 5060</t>
  </si>
  <si>
    <t>MHL PK00 5060</t>
  </si>
  <si>
    <t>5702326005404</t>
  </si>
  <si>
    <t>VELUX Mark. mit Haltekr. MHL PK00 5060</t>
  </si>
  <si>
    <t>MHL SK00 5060</t>
  </si>
  <si>
    <t>5702326005602</t>
  </si>
  <si>
    <t>VELUX Mark. mit Haltekr. MHL SK00 5060</t>
  </si>
  <si>
    <t>MHL UK00 5060</t>
  </si>
  <si>
    <t>5702326005800</t>
  </si>
  <si>
    <t>VELUX Mark. mit Haltekr. MHL UK00 5060</t>
  </si>
  <si>
    <t>MHL Y30 5060</t>
  </si>
  <si>
    <t>5702322685662</t>
  </si>
  <si>
    <t>VELUX Markise Haltekrallen MHL Y30 5060</t>
  </si>
  <si>
    <t>MHL Y40 5060</t>
  </si>
  <si>
    <t>5702322685709</t>
  </si>
  <si>
    <t>VELUX Markise Haltekrallen MHL Y40 5060</t>
  </si>
  <si>
    <t>MHL Y60 5060</t>
  </si>
  <si>
    <t>5702322685747</t>
  </si>
  <si>
    <t>VELUX Markise Haltekrallen MHL Y60 5060</t>
  </si>
  <si>
    <t>MHL Y80 5060</t>
  </si>
  <si>
    <t>5702322685785</t>
  </si>
  <si>
    <t>VELUX Markise Haltekrallen MHL Y80 5060</t>
  </si>
  <si>
    <t>MHL Y90 5060</t>
  </si>
  <si>
    <t>5702322685822</t>
  </si>
  <si>
    <t>VELUX Markise Haltekrallen MHL Y90 5060</t>
  </si>
  <si>
    <t>MIE MK00 5060</t>
  </si>
  <si>
    <t>5702320129519</t>
  </si>
  <si>
    <t>VELUX Markise H-Krallen MIE MK00 5060</t>
  </si>
  <si>
    <t>MIE PK00 5060</t>
  </si>
  <si>
    <t>5702320129526</t>
  </si>
  <si>
    <t>VELUX Markise H-Krallen MIE PK00 5060</t>
  </si>
  <si>
    <t>MIE SK00 5060</t>
  </si>
  <si>
    <t>5702320129533</t>
  </si>
  <si>
    <t>VELUX Markise H-Krallen MIE SK00 5060</t>
  </si>
  <si>
    <t>MIE UK00 5060</t>
  </si>
  <si>
    <t>5702320129540</t>
  </si>
  <si>
    <t>VELUX Markise H-Krallen MIE UK00 5060</t>
  </si>
  <si>
    <t>MML CK02 5060S</t>
  </si>
  <si>
    <t>5702328848962</t>
  </si>
  <si>
    <t>VELUX Markise elektro MML CK02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Elektrobedienung
der Markise über den  Anschluss an ein
VELUX Elektrofenster oder über eine
Steuereinheit KUX 110. 
Die Hitzeschutz-Markisen sind
io-homecontrol-kompatibel.
Antriebsmechanismus mit elektrischer
Überlastsicherung.
Nennspannung der Motoreinheit 24 V/DC. 
Keine Behinderung der Fensterfunktion,
ganz unabhängig von der Ausfahrposition
der Markise.
Bitte prüfen Sie vorab Kompatibilitäten
und zusätzlich erforderliches
Montagezubehör:
Montage möglich auf VELUX
Elektro-Fenster GGU/GGL sowie GPU.
Für die Montage auf VELUX GPU
Elektrofenster
werden zusätzliche seitliche Beschläge
ZOZ 229S benötigt.
Für die Montage auf VELUX Fenster mit
Außenabdeckung Kupfer ist ein
zusätzliches Kupferprofil ZOZ _K 240
erforderlich.</t>
  </si>
  <si>
    <t>MML CK04 5060S</t>
  </si>
  <si>
    <t>5702328848979</t>
  </si>
  <si>
    <t>VELUX Markise elektro MML CK04 5060S</t>
  </si>
  <si>
    <t>MML CK06 5060S</t>
  </si>
  <si>
    <t>5702328848986</t>
  </si>
  <si>
    <t>VELUX Markise elektro MML CK06 5060S</t>
  </si>
  <si>
    <t>MML FK04 5060S</t>
  </si>
  <si>
    <t>5702328848993</t>
  </si>
  <si>
    <t>VELUX Markise elektro MML FK04 5060S</t>
  </si>
  <si>
    <t>MML FK06 5060S</t>
  </si>
  <si>
    <t>5702328849006</t>
  </si>
  <si>
    <t>VELUX Markise elektro MML FK06 5060S</t>
  </si>
  <si>
    <t>MML FK08 5060S</t>
  </si>
  <si>
    <t>5702328849013</t>
  </si>
  <si>
    <t>VELUX Markise elektro MML FK08 5060S</t>
  </si>
  <si>
    <t>MML MK04 5060S</t>
  </si>
  <si>
    <t>5702328849020</t>
  </si>
  <si>
    <t>VELUX Markise elektro MML MK04 5060S</t>
  </si>
  <si>
    <t>MML MK06 5060S</t>
  </si>
  <si>
    <t>5702328849037</t>
  </si>
  <si>
    <t>VELUX Markise elektro MML MK06 5060S</t>
  </si>
  <si>
    <t>MML MK08 5060S</t>
  </si>
  <si>
    <t>5702328849044</t>
  </si>
  <si>
    <t>VELUX Markise elektro MML MK08 5060S</t>
  </si>
  <si>
    <t>MML MK10 5060S</t>
  </si>
  <si>
    <t>5702328849051</t>
  </si>
  <si>
    <t>VELUX Markise elektro MML MK10 5060S</t>
  </si>
  <si>
    <t>MML MK12 5060S</t>
  </si>
  <si>
    <t>5702328849068</t>
  </si>
  <si>
    <t>VELUX Markise elektro MML MK12 5060S</t>
  </si>
  <si>
    <t>MML PK06 5060S</t>
  </si>
  <si>
    <t>5702328849099</t>
  </si>
  <si>
    <t>VELUX Markise elektro MML PK06 5060S</t>
  </si>
  <si>
    <t>MML PK08 5060S</t>
  </si>
  <si>
    <t>5702328849105</t>
  </si>
  <si>
    <t>VELUX Markise elektro MML PK08 5060S</t>
  </si>
  <si>
    <t>MML PK10 5060S</t>
  </si>
  <si>
    <t>5702328849112</t>
  </si>
  <si>
    <t>VELUX Markise elektro MML PK10 5060S</t>
  </si>
  <si>
    <t>MML SK06 5060S</t>
  </si>
  <si>
    <t>5702328849143</t>
  </si>
  <si>
    <t>VELUX Markise elektro MML SK06 5060S</t>
  </si>
  <si>
    <t>MML SK08 5060S</t>
  </si>
  <si>
    <t>5702328849150</t>
  </si>
  <si>
    <t>VELUX Markise elektro MML SK08 5060S</t>
  </si>
  <si>
    <t>MML SK10 5060S</t>
  </si>
  <si>
    <t>5702328849167</t>
  </si>
  <si>
    <t>VELUX Markise elektro MML SK10 5060S</t>
  </si>
  <si>
    <t>MML UK04 5060S</t>
  </si>
  <si>
    <t>5702328849174</t>
  </si>
  <si>
    <t>VELUX Markise elektro MML UK04 5060S</t>
  </si>
  <si>
    <t>MML UK08 5060S</t>
  </si>
  <si>
    <t>5702328849181</t>
  </si>
  <si>
    <t>VELUX Markise elektro MML UK08 5060S</t>
  </si>
  <si>
    <t>MML UK10 5060S</t>
  </si>
  <si>
    <t>5702328849198</t>
  </si>
  <si>
    <t>VELUX Markise elektro MML UK10 5060S</t>
  </si>
  <si>
    <t>MML YK45 5060S</t>
  </si>
  <si>
    <t>5702328849259</t>
  </si>
  <si>
    <t>VELUX Markise elektro MML YK45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Elektrobedienung
der Markise über den  Anschluss an ein
VELUX Elektrofenster oder über eine
Steuereinheit KUX 110. 
Die Hitzeschutz-Markisen sind
io-homecontrol-kompatibel.
Antriebsmechanismus mit elektrischer
Überlastsicherung.
Nennspannung der Motoreinheit 24 V/DC. 
Keine Behinderung der Fensterfunktion,
ganz unabhängig von der Ausfahrposition
der Markise.
Bitte prüfen Sie vorab Kompatibilitäten
und zusätzlich erforderliches
Montagezubehör:
Montage möglich auf VELUX
Elektro-Fenster GGU/GGL sowie GPU.
Für die Montage auf VELUX GPU
Elektrofenster
werden zusätzliche seitliche Beschläge
ZOZ 229S benötigt.</t>
  </si>
  <si>
    <t>MSG 060060 6090KWL</t>
  </si>
  <si>
    <t>5702329632904</t>
  </si>
  <si>
    <t>Sol.-Hi.sch.-M. Fl.d. MSG 060060 6090KWL</t>
  </si>
  <si>
    <t>weiß, weiße Schiene</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ist über einen Akku
sichergestellt, der von einer auf dem
Ausfahrprofil befindlichen Solarzelle
versorgt wird. 
Die Hitzeschutz-Markise ist 
io-homecontrol-kompatibel.
Antriebsmechanismus mit elektrischer
Überlastsicherung.
Für Flachdach-Fenster KUPPEL und
KONVEX-GLAS CVP/CFP. Montage zwischen
dem unteren Basiselement und dem
Oberelement.
Nur für Ausführungen mit klarer Kuppel
geeignet.
Nach Abstimmung mit den örtlichen
Brandschutz-Behörden auch kombinierbar
mit dem Rauch- und Wärmeabzugfenster
Flachdach CSP.
Keine Behinderung der Fensterfunktion,
ganz unabhängig von der Ausfahrposition
der Markise.
Markisenstoff aus transparentem
Glasfasergewebe,
Farbton 6090, weiß.
Schienen und Kunststoff-Teile im Farbton
weiß.</t>
  </si>
  <si>
    <t>MSG 060090 6090KWL</t>
  </si>
  <si>
    <t>5702329632911</t>
  </si>
  <si>
    <t>Sol.-Hi.sch.-M. Fl.d. MSG 060090 6090KWL</t>
  </si>
  <si>
    <t>MSG 080080 6090KWL</t>
  </si>
  <si>
    <t>5702329632928</t>
  </si>
  <si>
    <t>Sol.-Hi.sch.-M. Fl.d. MSG 080080 6090KWL</t>
  </si>
  <si>
    <t>MSG 090090 6090KWL</t>
  </si>
  <si>
    <t>5702329632935</t>
  </si>
  <si>
    <t>Sol.-Hi.sch.-M. Fl.d. MSG 090090 6090KWL</t>
  </si>
  <si>
    <t>MSG 090120 6090KWL</t>
  </si>
  <si>
    <t>5702329632942</t>
  </si>
  <si>
    <t>Sol.-Hi.sch.-M. Fl.d. MSG 090120 6090KWL</t>
  </si>
  <si>
    <t>MSG 100100 6090KWL</t>
  </si>
  <si>
    <t>5702329632959</t>
  </si>
  <si>
    <t>Sol.-Hi.sch.-M. Fl.d. MSG 100100 6090KWL</t>
  </si>
  <si>
    <t>MSG 100150 6090KWL</t>
  </si>
  <si>
    <t>5702329632966</t>
  </si>
  <si>
    <t>Sol.-Hi.sch.-M. Fl.d. MSG 100150 6090KWL</t>
  </si>
  <si>
    <t>MSG 120120 6090KWL</t>
  </si>
  <si>
    <t>5702329632973</t>
  </si>
  <si>
    <t>Sol.-Hi.sch.-M. Fl.d. MSG 120120 6090KWL</t>
  </si>
  <si>
    <t>MSI FK04 5060S</t>
  </si>
  <si>
    <t>5702329625043</t>
  </si>
  <si>
    <t>VELUX Tagesl.Markise MSI FK04 5060S</t>
  </si>
  <si>
    <t>für LICHTBAND, Solar</t>
  </si>
  <si>
    <t>----------------------------------------
Markise zum Schutz vor Hitze und grellem
Licht. 
Effektiver Hitzeschutz wird
gewährleistet, indem die
Sonnenstrahlen gestoppt
werden, bevor sie die Fensterscheiben
erreichen. 
Dank des transparenten Gewebes gelangt
dennoch ausreichend Tageslicht in den
Raum.
Für Fensterkombinationen
bestehend aus Schwing- bzw. Klapp-
Schwingfenster jeweils verlängert nach
unten durch feststehendes Zusatzelement
GIU bzw. GIL.
Bei Dachneigungen über ca. 65° wird der
Ausblick aus dem Fenster-Untenelement
geringfügig eingeschränkt.
Im Lieferumfang sind zwei VELUX
Solar-Hitzeschutz-Markisen enthalten.
Eine für das obere Dachfenster GPU/GPL 
oder GGU/GGL und eine für das
Untenelement GIU/GIL. Vorprogrammierte
Funk-Wandschalter sind im Lieferumfang
enthalten. 
Die Hitzeschutz-Markisen sind
io-homecontrol-kompatibel.
Antriebsmechanismus mit elektrischer
Überlastsicherung.
Nennspannung der Motoreinheit 24 V/DC. 
Keine Behinderung der Fensterfunktion,
ganz unabhängig von der Ausfahrposition
der Markise.
Markisenstoff aus wetter-
beständigem, transparentem
Glasfasergewebe,
Farbton 5060, schwarz.
Aluminium- und Kunststoff-Teile im
Farbton NCS S 7500-N, grau.
Für die Montage auf GPU Elektrofenster
ist ein zusätzliches Montagekit ZOZ 229S
erforderlich.
Bei Montage auf Solarfenster in den
Größen FK/F wird zusätzlich ein
Solarregler ZOZ 246 benötigt.</t>
  </si>
  <si>
    <t>MSI FK06 5060S</t>
  </si>
  <si>
    <t>5702329625050</t>
  </si>
  <si>
    <t>VELUX Tagesl.Markise MSI FK06 5060S</t>
  </si>
  <si>
    <t>MSI FK08 5060S</t>
  </si>
  <si>
    <t>5702329625067</t>
  </si>
  <si>
    <t>VELUX Tagesl.Markise MSI FK08 5060S</t>
  </si>
  <si>
    <t>MSI MK04 5060S</t>
  </si>
  <si>
    <t>5702329259132</t>
  </si>
  <si>
    <t>VELUX Tagesl.Markise MSI MK04 5060S</t>
  </si>
  <si>
    <t>MSI MK06 5060S</t>
  </si>
  <si>
    <t>5702329259149</t>
  </si>
  <si>
    <t>VELUX Tagesl.Markise MSI MK06 5060S</t>
  </si>
  <si>
    <t>MSI MK08 5060S</t>
  </si>
  <si>
    <t>5702329259156</t>
  </si>
  <si>
    <t>VELUX Tagesl.Markise MSI MK08 5060S</t>
  </si>
  <si>
    <t>MSI MK10 5060S</t>
  </si>
  <si>
    <t>5702329259163</t>
  </si>
  <si>
    <t>VELUX Tagesl.Markise MSI MK10 5060S</t>
  </si>
  <si>
    <t>MSI PK06 5060S</t>
  </si>
  <si>
    <t>5702329259187</t>
  </si>
  <si>
    <t>VELUX Tagesl.Markise MSI PK06 5060S</t>
  </si>
  <si>
    <t>MSI PK08 5060S</t>
  </si>
  <si>
    <t>5702329259194</t>
  </si>
  <si>
    <t>VELUX Tagesl.Markise MSI PK08 5060S</t>
  </si>
  <si>
    <t>MSI PK10 5060S</t>
  </si>
  <si>
    <t>5702329259200</t>
  </si>
  <si>
    <t>VELUX Tagesl.Markise MSI PK10 5060S</t>
  </si>
  <si>
    <t>MSI SK06 5060S</t>
  </si>
  <si>
    <t>5702329259217</t>
  </si>
  <si>
    <t>VELUX Tagesl.Markise MSI SK06 5060S</t>
  </si>
  <si>
    <t>MSI SK08 5060S</t>
  </si>
  <si>
    <t>5702329259224</t>
  </si>
  <si>
    <t>VELUX Tagesl.Markise MSI SK08 5060S</t>
  </si>
  <si>
    <t>MSI SK10 5060S</t>
  </si>
  <si>
    <t>5702329259231</t>
  </si>
  <si>
    <t>VELUX Tagesl.Markise MSI SK10 5060S</t>
  </si>
  <si>
    <t>MSI UK04 5060S</t>
  </si>
  <si>
    <t>5702329259248</t>
  </si>
  <si>
    <t>VELUX Tagesl.Markise MSI UK04 5060S</t>
  </si>
  <si>
    <t>MSI UK08 5060S</t>
  </si>
  <si>
    <t>5702329259255</t>
  </si>
  <si>
    <t>VELUX Tagesl.Markise MSI UK08 5060S</t>
  </si>
  <si>
    <t>MSI UK10 5060S</t>
  </si>
  <si>
    <t>5702329259262</t>
  </si>
  <si>
    <t>VELUX Tagesl.Markise MSI UK10 5060S</t>
  </si>
  <si>
    <t>MSL CK02 5060S</t>
  </si>
  <si>
    <t>5702328853249</t>
  </si>
  <si>
    <t>VELUX Markise solar MSL CK02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ist über einen Akku
sichergestellt, der von einer auf dem
Markisenkasten befindlichen Solarzelle
versorgt wird. 
Die Hitzeschutz-Markise ist 
io-homecontrol-kompatibel.
Antriebsmechanismus mit elektrischer
Überlastsicherung.
Keine Behinderung der Fensterfunktion,
ganz unabhängig von der Ausfahrposition
der Markise.
Bitte prüfen Sie vorab Kompatibilitäten
und zusätzlich erforderliches
Montagezubehör:
Montage möglich auf manuelle Fenster
GGU/GGL sowie GPU/GPL (der aktuellen und
Vorgänger-Fenstergeneration). 
Montage möglich auf VELUX Solar-Fenster
GGU/GGL in den Größen der
aktuellen Fenstergeneration (CK-UK),
sowie der Vorgängergeneration (C-U).
Für die Montage auf VELUX
Solarfenster in den Größen CK02-FK08,
sowie C02-U10 wird zusätzlich ein
Solarregler ZOZ 246
benötigt.
Für die Montage auf VELUX Fenster mit
Außenabdeckung Kupfer ist ein
zusätzliches Kupferprofil ZOZ _K 240
erforderlich.</t>
  </si>
  <si>
    <t>MSL CK04 5060S</t>
  </si>
  <si>
    <t>5702328853256</t>
  </si>
  <si>
    <t>VELUX Markise solar MSL CK04 5060S</t>
  </si>
  <si>
    <t>MSL CK06 5060S</t>
  </si>
  <si>
    <t>5702328853263</t>
  </si>
  <si>
    <t>VELUX Markise solar MSL CK06 5060S</t>
  </si>
  <si>
    <t>MSL FK04 5060S</t>
  </si>
  <si>
    <t>5702328853270</t>
  </si>
  <si>
    <t>VELUX Markise solar MSL FK04 5060S</t>
  </si>
  <si>
    <t>MSL FK06 5060S</t>
  </si>
  <si>
    <t>5702328853287</t>
  </si>
  <si>
    <t>VELUX Markise solar MSL FK06 5060S</t>
  </si>
  <si>
    <t>MSL FK08 5060S</t>
  </si>
  <si>
    <t>5702328853294</t>
  </si>
  <si>
    <t>VELUX Markise solar MSL FK08 5060S</t>
  </si>
  <si>
    <t>MSL MK04 5060S</t>
  </si>
  <si>
    <t>5702328853300</t>
  </si>
  <si>
    <t>VELUX Markise solar MSL MK04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ist über einen Akku
sichergestellt, der von einer auf dem
Markisenkasten befindlichen Solarzelle
versorgt wird. 
Die Hitzeschutz-Markise ist 
io-homecontrol-kompatibel.
Antriebsmechanismus mit elektrischer
Überlastsicherung.
Keine Behinderung der Fensterfunktion,
ganz unabhängig von der Ausfahrposition
der Markise.
Bitte prüfen Sie vorab Kompatibilitäten
und zusätzlich erforderliches
Montagezubehör:
Montage möglich auf manuelle Fenster
GGU/GGL sowie GPU/GPL (der aktuellen und
Vorgänger-Fenstergeneration). 
Montage möglich auf VELUX Solar-Fenster
GGU/GGL in den Größen der
aktuellen Fenstergeneration (CK-UK),
sowie der Vorgängergeneration (C-U).
Für die Montage auf VELUX Fenster mit
Außenabdeckung Kupfer ist ein
zusätzliches Kupferprofil ZOZ _K 240
erforderlich.</t>
  </si>
  <si>
    <t>MSL MK06 5060S</t>
  </si>
  <si>
    <t>5702328853317</t>
  </si>
  <si>
    <t>VELUX Markise solar MSL MK06 5060S</t>
  </si>
  <si>
    <t>MSL MK08 5060S</t>
  </si>
  <si>
    <t>5702328853324</t>
  </si>
  <si>
    <t>VELUX Markise solar MSL MK08 5060S</t>
  </si>
  <si>
    <t>MSL MK10 5060S</t>
  </si>
  <si>
    <t>5702328853331</t>
  </si>
  <si>
    <t>VELUX Markise solar MSL MK10 5060S</t>
  </si>
  <si>
    <t>MSL MK12 5060S</t>
  </si>
  <si>
    <t>5702328853348</t>
  </si>
  <si>
    <t>VELUX Markise solar MSL MK12 5060S</t>
  </si>
  <si>
    <t>MSL PK06 5060S</t>
  </si>
  <si>
    <t>5702328853379</t>
  </si>
  <si>
    <t>VELUX Markise solar MSL PK06 5060S</t>
  </si>
  <si>
    <t>MSL PK08 5060S</t>
  </si>
  <si>
    <t>5702328853386</t>
  </si>
  <si>
    <t>VELUX Markise solar MSL PK08 5060S</t>
  </si>
  <si>
    <t>MSL PK10 5060S</t>
  </si>
  <si>
    <t>5702328853393</t>
  </si>
  <si>
    <t>VELUX Markise solar MSL PK10 5060S</t>
  </si>
  <si>
    <t>MSL SK06 5060S</t>
  </si>
  <si>
    <t>5702328853423</t>
  </si>
  <si>
    <t>VELUX Markise solar MSL SK06 5060S</t>
  </si>
  <si>
    <t>MSL SK08 5060S</t>
  </si>
  <si>
    <t>5702328853430</t>
  </si>
  <si>
    <t>VELUX Markise solar MSL SK08 5060S</t>
  </si>
  <si>
    <t>MSL SK10 5060S</t>
  </si>
  <si>
    <t>5702328853447</t>
  </si>
  <si>
    <t>VELUX Markise solar MSL SK10 5060S</t>
  </si>
  <si>
    <t>MSL UK04 5060S</t>
  </si>
  <si>
    <t>5702328853454</t>
  </si>
  <si>
    <t>VELUX Markise solar MSL UK04 5060S</t>
  </si>
  <si>
    <t>MSL UK08 5060S</t>
  </si>
  <si>
    <t>5702328853461</t>
  </si>
  <si>
    <t>VELUX Markise solar MSL UK08 5060S</t>
  </si>
  <si>
    <t>MSL UK10 5060S</t>
  </si>
  <si>
    <t>5702328853478</t>
  </si>
  <si>
    <t>VELUX Markise solar MSL UK10 5060S</t>
  </si>
  <si>
    <t>MSL YK21 5060S</t>
  </si>
  <si>
    <t>5702328853485</t>
  </si>
  <si>
    <t>VELUX Markise solar MSL YK21 5060S</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ist über einen Akku
sichergestellt, der von einer auf dem
Markisenkasten befindlichen Solarzelle
versorgt wird. 
Die Hitzeschutz-Markise ist 
io-homecontrol-kompatibel.
Antriebsmechanismus mit elektrischer
Überlastsicherung.
Keine Behinderung der Fensterfunktion,
ganz unabhängig von der Ausfahrposition
der Markise.</t>
  </si>
  <si>
    <t>MSL YK23 5060S</t>
  </si>
  <si>
    <t>5702328853492</t>
  </si>
  <si>
    <t>VELUX Markise solar MSL YK23 5060S</t>
  </si>
  <si>
    <t>MSL YK33 5060S</t>
  </si>
  <si>
    <t>5702328853508</t>
  </si>
  <si>
    <t>VELUX Markise solar MSL YK33 5060S</t>
  </si>
  <si>
    <t>MSL YK35 5060S</t>
  </si>
  <si>
    <t>5702328853515</t>
  </si>
  <si>
    <t>VELUX Markise solar MSL YK35 5060S</t>
  </si>
  <si>
    <t>MSL YK43 5060S</t>
  </si>
  <si>
    <t>5702328853522</t>
  </si>
  <si>
    <t>VELUX Markise solar MSL YK43 5060S</t>
  </si>
  <si>
    <t>MSL YK45 5060S</t>
  </si>
  <si>
    <t>5702328853539</t>
  </si>
  <si>
    <t>VELUX Markise solar MSL YK45 5060S</t>
  </si>
  <si>
    <t>MSL YK47 5060S</t>
  </si>
  <si>
    <t>5702328853546</t>
  </si>
  <si>
    <t>VELUX Markise solar MSL YK47 5060S</t>
  </si>
  <si>
    <t>MSL YK65 5060S</t>
  </si>
  <si>
    <t>5702328853553</t>
  </si>
  <si>
    <t>VELUX Markise solar MSL YK65 5060S</t>
  </si>
  <si>
    <t>MSL YK67 5060S</t>
  </si>
  <si>
    <t>5702328853560</t>
  </si>
  <si>
    <t>VELUX Markise solar MSL YK67 5060S</t>
  </si>
  <si>
    <t>MSL YK85 5060S</t>
  </si>
  <si>
    <t>5702328853577</t>
  </si>
  <si>
    <t>VELUX Markise solar MSL YK85 5060S</t>
  </si>
  <si>
    <t>MSL YK87 5060S</t>
  </si>
  <si>
    <t>5702328853584</t>
  </si>
  <si>
    <t>VELUX Markise solar MSL YK87 5060S</t>
  </si>
  <si>
    <t>MSL YK89 5060S</t>
  </si>
  <si>
    <t>5702328853591</t>
  </si>
  <si>
    <t>VELUX Markise solar MSL YK89 5060S</t>
  </si>
  <si>
    <t>MSL YK97 5060S</t>
  </si>
  <si>
    <t>5702328853607</t>
  </si>
  <si>
    <t>VELUX Markise solar MSL YK97 5060S</t>
  </si>
  <si>
    <t>MSL YK99 5060S</t>
  </si>
  <si>
    <t>5702328853614</t>
  </si>
  <si>
    <t>VELUX Markise solar MSL YK99 5060S</t>
  </si>
  <si>
    <t>MSLS FFKF06 5060S</t>
  </si>
  <si>
    <t>5702329264082</t>
  </si>
  <si>
    <t>VELUX Tagesl.Markise MSLS FFKF06 5060S</t>
  </si>
  <si>
    <t>solar für Lichtlösung 3 in 1</t>
  </si>
  <si>
    <t>----------------------------------------
Markisen zum Schutz vor Hitze und
grellem Licht. Effektiver Hitzeschutz
wird
gewährleistet, indem die
Sonnenstrahlen gestoppt
werden, bevor sie die Fensterscheiben
erreichen. 
Dank des transparenten Gewebes gelangt
dennoch ausreichend Tageslicht in den
Raum.
3 vorprogrammierte Funk-Wandschalter im
Lieferumfang enthalten.
Steuerzentralen und Verkabelungen werden
nicht benötigt. 
Die Bedienbarkeit ist über einen Akku
sichergestellt, der von einer auf dem
Markisenkasten befindlichen Solarzelle
versorgt wird. 
Die Hitzeschutz-Markisen sind 
io-homecontrol-kompatibel.
Antriebsmechanismus mit elektrischer
Überlastsicherung.
Das Set beinhaltet 3 Markisen für die 3
Fensterelemente. Jede Markise ist
individuell steuerbar. Keine Behinderung
der Fensterfunktion,
ganz unabhängig von der Ausfahrposition
der Markisen.
Bei Montage auf Solarfenster ist jeweils
ein Solarregler ZOZ 246 erforderlich.
Bei Montage auf Kupferfenster ist
zusätzlich ein Kupferset ZOZ FFKF06/F08
251 erforderlich.</t>
  </si>
  <si>
    <t>MSLS FFKF08 5060S</t>
  </si>
  <si>
    <t>5702329264099</t>
  </si>
  <si>
    <t>VELUX Tagesl.Markise MSLS FFKF08 5060S</t>
  </si>
  <si>
    <t>MSU 060060 5070WL</t>
  </si>
  <si>
    <t>5702328963436</t>
  </si>
  <si>
    <t>VELUX Hitzesch.Markise MSU 060060 5070WL</t>
  </si>
  <si>
    <t>für CFU/CVU,weiß transp., Solar</t>
  </si>
  <si>
    <t>----------------------------------------
Markise zum Schutz vor Hitze und grellem
Licht. 
Effektiver Hitzeschutz wird
gewährleistet, indem die
Sonnenstrahlen gestoppt
werden, bevor sie die Fensterscheiben
erreichen. 
Dank des transparenten Gewebes gelangt
dennoch ausreichend Tageslicht in den
Raum.
Vorprogrammierter Funk-Wandschalter im
Lieferumfang enthalten.
Steuerzentralen und Verkabelungen werden
nicht benötigt. 
Die Bedienbarkeit wird über einen Akku
sichergestellt, der von einer auf dem
Ausfahrprofil befindlichen Solarzelle
versorgt wird. 
Die Hitzeschutz-Markise ist 
io-homecontrol-kompatibel.
Antriebsmechanismus mit elektrischer
Überlastsicherung.
Für Flachdach-Fenster KONVEX- und
FLACH-GLAS CVU/CFU. Die Montage erfolgt
zwischen
dem unteren Basis-Element und dem
Ober-Element, dezent integriert im
Rahmen. Ein direkter Einbau
zusammen mit dem Fenster wird empfohlen.
Markisenstoff aus transparentem
Glasfasergewebe,
Farbton 5070, weiß.
Schienen und Kunststoff-Teile im Farbton
weiß.</t>
  </si>
  <si>
    <t>MSU 080080 5070WL</t>
  </si>
  <si>
    <t>5702328963443</t>
  </si>
  <si>
    <t>VELUX Hitzesch.Markise MSU 080080 5070WL</t>
  </si>
  <si>
    <t>MSU 090060 5070WL</t>
  </si>
  <si>
    <t>5702328963450</t>
  </si>
  <si>
    <t>VELUX Hitzesch.Markise MSU 090060 5070WL</t>
  </si>
  <si>
    <t>MSU 090090 5070WL</t>
  </si>
  <si>
    <t>5702328963467</t>
  </si>
  <si>
    <t>VELUX Hitzesch.Markise MSU 090090 5070WL</t>
  </si>
  <si>
    <t>MSU 100100 5070WL</t>
  </si>
  <si>
    <t>5702328963474</t>
  </si>
  <si>
    <t>VELUX Hitzesch.Markise MSU 100100 5070WL</t>
  </si>
  <si>
    <t>MSU 120090 5070WL</t>
  </si>
  <si>
    <t>5702328963481</t>
  </si>
  <si>
    <t>VELUX Hitzesch.Markise MSU 120090 5070WL</t>
  </si>
  <si>
    <t>MSU 120120 5070WL</t>
  </si>
  <si>
    <t>5702328963498</t>
  </si>
  <si>
    <t>VELUX Hitzesch.Markise MSU 120120 5070WL</t>
  </si>
  <si>
    <t>MSU 150080 5070WL</t>
  </si>
  <si>
    <t>5702329789141</t>
  </si>
  <si>
    <t>VELUX Hitzesch.Markise MSU 150080 5070WL</t>
  </si>
  <si>
    <t>MSU 150100 5070WL</t>
  </si>
  <si>
    <t>5702328963504</t>
  </si>
  <si>
    <t>VELUX Hitzesch.Markise MSU 150100 5070WL</t>
  </si>
  <si>
    <t>MSU 150120 5070WL</t>
  </si>
  <si>
    <t>5702329789158</t>
  </si>
  <si>
    <t>VELUX Hitzesch.Markise MSU 150120 5070WL</t>
  </si>
  <si>
    <t>MSU 150150 5070WL</t>
  </si>
  <si>
    <t>5702328963511</t>
  </si>
  <si>
    <t>VELUX Hitzesch.Markise MSU 150150 5070WL</t>
  </si>
  <si>
    <t>MSU 200060 5070WL</t>
  </si>
  <si>
    <t>5702329789165</t>
  </si>
  <si>
    <t>VELUX Hitzesch.Markise MSU 200060 5070WL</t>
  </si>
  <si>
    <t>MSU 200100 5070WL</t>
  </si>
  <si>
    <t>5702328963528</t>
  </si>
  <si>
    <t>VELUX Hitzesch.Markise MSU 200100 5070WL</t>
  </si>
  <si>
    <t>ODL MK06 2000</t>
  </si>
  <si>
    <t>5702320819755</t>
  </si>
  <si>
    <t>VELUX Einzel-Eindeckrahmen ODL MK06 2000</t>
  </si>
  <si>
    <t>ENNOGIE, Creaton/GSE, Homiji, Viridian</t>
  </si>
  <si>
    <t>----------------------------------------
Eindeckrahmen für die Einbindung von
VELUX Dachfenstern in Indach PV-Module
folgender Hersteller:
GSE, Ennogie, Homij und Veridia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m Farbton der
Fenster-Abdeckung.</t>
  </si>
  <si>
    <t>ODL MK06 2500</t>
  </si>
  <si>
    <t>5702320819762</t>
  </si>
  <si>
    <t>VELUX Einzel-Eindeckrahmen ODL MK06 2500</t>
  </si>
  <si>
    <t>Alu schwarz 78x118cm</t>
  </si>
  <si>
    <t>----------------------------------------
Eindeckrahmen für die Einbindung von
VELUX Dachfenstern in Indach PV-Module
folgender Hersteller:
GSE, Ennogie, Homij und Veridia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n Schwarz</t>
  </si>
  <si>
    <t>ODL MK08 2000</t>
  </si>
  <si>
    <t>5702320819786</t>
  </si>
  <si>
    <t>VELUX Einzel-Eindeckrahmen ODL MK08 2000</t>
  </si>
  <si>
    <t>Alu grau 78x140cm</t>
  </si>
  <si>
    <t>ODL MK08 2500</t>
  </si>
  <si>
    <t>5702320819793</t>
  </si>
  <si>
    <t>VELUX Einzel-Eindeckrahmen ODL MK08 2500</t>
  </si>
  <si>
    <t>Alu schwarz 78x140cm</t>
  </si>
  <si>
    <t>ODL MK10 2000</t>
  </si>
  <si>
    <t>5702320819946</t>
  </si>
  <si>
    <t>VELUX Einzel-Eindeckrahmen ODL MK10 2000</t>
  </si>
  <si>
    <t>Alu grau 78x160cm</t>
  </si>
  <si>
    <t>ODL MK10 2500</t>
  </si>
  <si>
    <t>5702320819953</t>
  </si>
  <si>
    <t>VELUX Einzel-Eindeckrahmen ODL MK10 2500</t>
  </si>
  <si>
    <t xml:space="preserve">Alu schwarz 78x160cm </t>
  </si>
  <si>
    <t>ODL PK06 2000</t>
  </si>
  <si>
    <t>5702320819977</t>
  </si>
  <si>
    <t>VELUX Einzel-Eindeckrahmen ODL PK06 2000</t>
  </si>
  <si>
    <t>Alu grau 94x118cm</t>
  </si>
  <si>
    <t>ODL PK06 2500</t>
  </si>
  <si>
    <t>5702320819984</t>
  </si>
  <si>
    <t>VELUX Einzel-Eindeckrahmen ODL PK06 2500</t>
  </si>
  <si>
    <t>Alu schwarz 94x118cm</t>
  </si>
  <si>
    <t>ODL PK08 2000</t>
  </si>
  <si>
    <t>5702320820003</t>
  </si>
  <si>
    <t>VELUX Einzel-Eindeckrahmen ODL PK08 2000</t>
  </si>
  <si>
    <t>Alu grau 94x140cm</t>
  </si>
  <si>
    <t>ODL PK08 2500</t>
  </si>
  <si>
    <t>5702320820225</t>
  </si>
  <si>
    <t>VELUX Einzel-Eindeckrahmen ODL PK08 2500</t>
  </si>
  <si>
    <t>Alu schwarz 94x140cm</t>
  </si>
  <si>
    <t>ODL PK10 2000</t>
  </si>
  <si>
    <t>5702320820249</t>
  </si>
  <si>
    <t>VELUX Einzel-Eindeckrahmen ODL PK10 2000</t>
  </si>
  <si>
    <t>Alu grau 94x160cm</t>
  </si>
  <si>
    <t>ODL PK10 2500</t>
  </si>
  <si>
    <t>5702320820256</t>
  </si>
  <si>
    <t>VELUX Einzel-Eindeckrahmen ODL PK10 2500</t>
  </si>
  <si>
    <t>Alu schwarz 94x160cm</t>
  </si>
  <si>
    <t>ODL SK10 2000</t>
  </si>
  <si>
    <t>5702320820270</t>
  </si>
  <si>
    <t>VELUX Einzel-Eindeckrahmen ODL SK10 2000</t>
  </si>
  <si>
    <t>Alu grau 114x160cm</t>
  </si>
  <si>
    <t>ODL SK10 2500</t>
  </si>
  <si>
    <t>5702320820287</t>
  </si>
  <si>
    <t>VELUX Einzel-Eindeckrahmen ODL SK10 2500</t>
  </si>
  <si>
    <t>Alu schwarz 114x160cm</t>
  </si>
  <si>
    <t>OKL MK06 2521M</t>
  </si>
  <si>
    <t>5702320820294</t>
  </si>
  <si>
    <t>VELUX Kombi-Eindeckrahmen OKL MK06 2521M</t>
  </si>
  <si>
    <t>----------------------------------------
Kombi-Eindeckrahmen für die Einbindung
von 2 VELUX Dachfenstern
nebeneinander  in Indach PV-Module
folgender Hersteller:
GSE, Ennogie, Homij und Veridian
----------------------------------------
Mit flexibel einstellbarer Mittelrinne
zwischen 10 und 16cm als Abstand zum
rechts danebenliegenden Fenster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n Schwarz
Mit flexibel einstellbarer Mittelrinne
zwischen 10 und 16cm als Abstand zum
rechts danebenliegenden Fenster</t>
  </si>
  <si>
    <t>OKL MK08 2521M</t>
  </si>
  <si>
    <t>5702320826647</t>
  </si>
  <si>
    <t>VELUX Kombi-Eindeckrahmen OKL MK08 2521M</t>
  </si>
  <si>
    <t>OKL MK10 2521M</t>
  </si>
  <si>
    <t>5702320826913</t>
  </si>
  <si>
    <t>VELUX Kombi-Eindeckrahmen OKL MK10 2521M</t>
  </si>
  <si>
    <t>OKL PK06 2521M</t>
  </si>
  <si>
    <t>5702320827378</t>
  </si>
  <si>
    <t>VELUX Kombi-Eindeckrahmen OKL PK06 2521M</t>
  </si>
  <si>
    <t>OKL PK08 2521M</t>
  </si>
  <si>
    <t>5702320827415</t>
  </si>
  <si>
    <t>VELUX Kombi-Eindeckrahmen OKL PK08 2521M</t>
  </si>
  <si>
    <t>OKL PK10 2521M</t>
  </si>
  <si>
    <t>5702320827989</t>
  </si>
  <si>
    <t>VELUX Kombi-Eindeckrahmen OKL PK10 2521M</t>
  </si>
  <si>
    <t>OKL SK10 2521M</t>
  </si>
  <si>
    <t>5702320828276</t>
  </si>
  <si>
    <t>VELUX Kombi-Eindeckrahmen OKL SK10 2521M</t>
  </si>
  <si>
    <t>PAL C02 7001S</t>
  </si>
  <si>
    <t>5702325597801</t>
  </si>
  <si>
    <t>VELUX Jalousie manuell PAL C02 7001S</t>
  </si>
  <si>
    <t>440</t>
  </si>
  <si>
    <t>VELUX-Jalousien</t>
  </si>
  <si>
    <t>76169990</t>
  </si>
  <si>
    <t>PAL C02 7001SWL</t>
  </si>
  <si>
    <t>5702325597825</t>
  </si>
  <si>
    <t>VELUX Jalousie manuell PAL C02 7001SWL</t>
  </si>
  <si>
    <t>PAL C02 7057S</t>
  </si>
  <si>
    <t>5702327435101</t>
  </si>
  <si>
    <t>VELUX Jalousie manuell PAL C02 7057S</t>
  </si>
  <si>
    <t>Silber gebürstet, alu Schiene, Standard</t>
  </si>
  <si>
    <t>PAL C02 7057SWL</t>
  </si>
  <si>
    <t>5702329182911</t>
  </si>
  <si>
    <t>VELUX Jalousie manuell PAL C02 7057SWL</t>
  </si>
  <si>
    <t>Silber gebürstet, weiße Sch.Standard</t>
  </si>
  <si>
    <t>PAL C04 7001S</t>
  </si>
  <si>
    <t>5702325597993</t>
  </si>
  <si>
    <t>VELUX Jalousie manuell PAL C04 7001S</t>
  </si>
  <si>
    <t>PAL C04 7001SWL</t>
  </si>
  <si>
    <t>5702325598006</t>
  </si>
  <si>
    <t>VELUX Jalousie manuell PAL C04 7001SWL</t>
  </si>
  <si>
    <t>PAL C04 7057S</t>
  </si>
  <si>
    <t>5702327435170</t>
  </si>
  <si>
    <t>VELUX Jalousie manuell PAL C04 7057S</t>
  </si>
  <si>
    <t>PAL C04 7057SWL</t>
  </si>
  <si>
    <t>5702329182966</t>
  </si>
  <si>
    <t>VELUX Jalousie manuell PAL C04 7057SWL</t>
  </si>
  <si>
    <t>PAL C06 7001S</t>
  </si>
  <si>
    <t>5702325598174</t>
  </si>
  <si>
    <t>VELUX Jalousie manuell PAL C06 7001S</t>
  </si>
  <si>
    <t>PAL C06 7001SWL</t>
  </si>
  <si>
    <t>5702325598181</t>
  </si>
  <si>
    <t>VELUX Jalousie manuell PAL C06 7001SWL</t>
  </si>
  <si>
    <t>PAL C06 7057S</t>
  </si>
  <si>
    <t>5702327435248</t>
  </si>
  <si>
    <t>VELUX Jalousie manuell PAL C06 7057S</t>
  </si>
  <si>
    <t>PAL C06 7057SWL</t>
  </si>
  <si>
    <t>5702329183017</t>
  </si>
  <si>
    <t>VELUX Jalousie manuell PAL C06 7057SWL</t>
  </si>
  <si>
    <t>PAL CK02 7001S</t>
  </si>
  <si>
    <t>5702326771521</t>
  </si>
  <si>
    <t>VELUX Jalousie manuell PAL CK02 7001S</t>
  </si>
  <si>
    <t>PAL CK02 7001SWL</t>
  </si>
  <si>
    <t>5702326771545</t>
  </si>
  <si>
    <t>VELUX Jalousie manuell PAL CK02 7001SWL</t>
  </si>
  <si>
    <t>PAL CK02 7057S</t>
  </si>
  <si>
    <t>5702327435385</t>
  </si>
  <si>
    <t>VELUX Jalousie manuell PAL CK02 7057S</t>
  </si>
  <si>
    <t>PAL CK02 7057SWL</t>
  </si>
  <si>
    <t>5702329183116</t>
  </si>
  <si>
    <t>VELUX Jalousie manuell PAL CK02 7057SWL</t>
  </si>
  <si>
    <t>PAL CK04 7001S</t>
  </si>
  <si>
    <t>5702326771736</t>
  </si>
  <si>
    <t>VELUX Jalousie manuell PAL CK04 7001S</t>
  </si>
  <si>
    <t>PAL CK04 7001SWL</t>
  </si>
  <si>
    <t>5702326771743</t>
  </si>
  <si>
    <t>VELUX Jalousie manuell PAL CK04 7001SWL</t>
  </si>
  <si>
    <t>PAL CK04 7057S</t>
  </si>
  <si>
    <t>5702327435453</t>
  </si>
  <si>
    <t>VELUX Jalousie manuell PAL CK04 7057S</t>
  </si>
  <si>
    <t>PAL CK04 7057SWL</t>
  </si>
  <si>
    <t>5702329183161</t>
  </si>
  <si>
    <t>VELUX Jalousie manuell PAL CK04 7057SWL</t>
  </si>
  <si>
    <t>PAL CK06 7001S</t>
  </si>
  <si>
    <t>5702326771910</t>
  </si>
  <si>
    <t>VELUX Jalousie manuell PAL CK06 7001S</t>
  </si>
  <si>
    <t>PAL CK06 7001SWL</t>
  </si>
  <si>
    <t>5702326771927</t>
  </si>
  <si>
    <t>VELUX Jalousie manuell PAL CK06 7001SWL</t>
  </si>
  <si>
    <t>PAL CK06 7057S</t>
  </si>
  <si>
    <t>5702327435521</t>
  </si>
  <si>
    <t>VELUX Jalousie manuell PAL CK06 7057S</t>
  </si>
  <si>
    <t>PAL CK06 7057SWL</t>
  </si>
  <si>
    <t>5702329183215</t>
  </si>
  <si>
    <t>VELUX Jalousie manuell PAL CK06 7057SWL</t>
  </si>
  <si>
    <t>PAL F04 7001S</t>
  </si>
  <si>
    <t>5702325598358</t>
  </si>
  <si>
    <t>VELUX Jalousie manuell PAL F04 7001S</t>
  </si>
  <si>
    <t>PAL F04 7001SWL</t>
  </si>
  <si>
    <t>5702325598365</t>
  </si>
  <si>
    <t>VELUX Jalousie manuell PAL F04 7001SWL</t>
  </si>
  <si>
    <t>PAL F04 7057S</t>
  </si>
  <si>
    <t>5702327435590</t>
  </si>
  <si>
    <t>VELUX Jalousie manuell PAL F04 7057S</t>
  </si>
  <si>
    <t>PAL F04 7057SWL</t>
  </si>
  <si>
    <t>5702329183260</t>
  </si>
  <si>
    <t>VELUX Jalousie manuell PAL F04 7057SWL</t>
  </si>
  <si>
    <t>PAL F06 7001S</t>
  </si>
  <si>
    <t>5702325598532</t>
  </si>
  <si>
    <t>VELUX Jalousie manuell PAL F06 7001S</t>
  </si>
  <si>
    <t>PAL F06 7001SWL</t>
  </si>
  <si>
    <t>5702325598556</t>
  </si>
  <si>
    <t>VELUX Jalousie manuell PAL F06 7001SWL</t>
  </si>
  <si>
    <t>PAL F06 7057S</t>
  </si>
  <si>
    <t>5702327435668</t>
  </si>
  <si>
    <t>VELUX Jalousie manuell PAL F06 7057S</t>
  </si>
  <si>
    <t>PAL F06 7057SWL</t>
  </si>
  <si>
    <t>5702329183314</t>
  </si>
  <si>
    <t>VELUX Jalousie manuell PAL F06 7057SWL</t>
  </si>
  <si>
    <t>PAL F08 7001S</t>
  </si>
  <si>
    <t>5702325598723</t>
  </si>
  <si>
    <t>VELUX Jalousie manuell PAL F08 7001S</t>
  </si>
  <si>
    <t>PAL F08 7001SWL</t>
  </si>
  <si>
    <t>5702325598730</t>
  </si>
  <si>
    <t>VELUX Jalousie manuell PAL F08 7001SWL</t>
  </si>
  <si>
    <t>PAL F08 7057S</t>
  </si>
  <si>
    <t>5702327435736</t>
  </si>
  <si>
    <t>VELUX Jalousie manuell PAL F08 7057S</t>
  </si>
  <si>
    <t>PAL F08 7057SWL</t>
  </si>
  <si>
    <t>5702329183369</t>
  </si>
  <si>
    <t>VELUX Jalousie manuell PAL F08 7057SWL</t>
  </si>
  <si>
    <t>PAL FK04 7001S</t>
  </si>
  <si>
    <t>5702326772108</t>
  </si>
  <si>
    <t>VELUX Jalousie manuell PAL FK04 7001S</t>
  </si>
  <si>
    <t>PAL FK04 7001SWL</t>
  </si>
  <si>
    <t>5702326772115</t>
  </si>
  <si>
    <t>VELUX Jalousie manuell PAL FK04 7001SWL</t>
  </si>
  <si>
    <t>PAL FK04 7057S</t>
  </si>
  <si>
    <t>5702327435804</t>
  </si>
  <si>
    <t>VELUX Jalousie manuell PAL FK04 7057S</t>
  </si>
  <si>
    <t>PAL FK04 7057SWL</t>
  </si>
  <si>
    <t>5702329183413</t>
  </si>
  <si>
    <t>VELUX Jalousie manuell PAL FK04 7057SWL</t>
  </si>
  <si>
    <t>PAL FK06 7001S</t>
  </si>
  <si>
    <t>5702326651502</t>
  </si>
  <si>
    <t>VELUX Jalousie manuell PAL FK06 7001S</t>
  </si>
  <si>
    <t>PAL FK06 7001SWL</t>
  </si>
  <si>
    <t>5702326772337</t>
  </si>
  <si>
    <t>VELUX Jalousie manuell PAL FK06 7001SWL</t>
  </si>
  <si>
    <t>PAL FK06 7057S</t>
  </si>
  <si>
    <t>5702327435873</t>
  </si>
  <si>
    <t>VELUX Jalousie manuell PAL FK06 7057S</t>
  </si>
  <si>
    <t>PAL FK06 7057SWL</t>
  </si>
  <si>
    <t>5702329183468</t>
  </si>
  <si>
    <t>VELUX Jalousie manuell PAL FK06 7057SWL</t>
  </si>
  <si>
    <t>PAL FK08 7001S</t>
  </si>
  <si>
    <t>5702326772504</t>
  </si>
  <si>
    <t>VELUX Jalousie manuell PAL FK08 7001S</t>
  </si>
  <si>
    <t>PAL FK08 7001SWL</t>
  </si>
  <si>
    <t>5702326772511</t>
  </si>
  <si>
    <t>VELUX Jalousie manuell PAL FK08 7001SWL</t>
  </si>
  <si>
    <t>PAL FK08 7057S</t>
  </si>
  <si>
    <t>5702327435941</t>
  </si>
  <si>
    <t>VELUX Jalousie manuell PAL FK08 7057S</t>
  </si>
  <si>
    <t>PAL FK08 7057SWL</t>
  </si>
  <si>
    <t>5702329183512</t>
  </si>
  <si>
    <t>VELUX Jalousie manuell PAL FK08 7057SWL</t>
  </si>
  <si>
    <t>PAL M04 7001S</t>
  </si>
  <si>
    <t>5702325598921</t>
  </si>
  <si>
    <t>VELUX Jalousie manuell PAL M04 7001S</t>
  </si>
  <si>
    <t>PAL M04 7001SWL</t>
  </si>
  <si>
    <t>5702325598945</t>
  </si>
  <si>
    <t>VELUX Jalousie manuell PAL M04 7001SWL</t>
  </si>
  <si>
    <t>PAL M04 7057S</t>
  </si>
  <si>
    <t>5702327436016</t>
  </si>
  <si>
    <t>VELUX Jalousie manuell PAL M04 7057S</t>
  </si>
  <si>
    <t>PAL M04 7057SWL</t>
  </si>
  <si>
    <t>5702329183567</t>
  </si>
  <si>
    <t>VELUX Jalousie manuell PAL M04 7057SWL</t>
  </si>
  <si>
    <t>PAL M06 7001S</t>
  </si>
  <si>
    <t>5702325599119</t>
  </si>
  <si>
    <t>VELUX Jalousie manuell PAL M06 7001S</t>
  </si>
  <si>
    <t>PAL M06 7001SWL</t>
  </si>
  <si>
    <t>5702325599133</t>
  </si>
  <si>
    <t>VELUX Jalousie manuell PAL M06 7001SWL</t>
  </si>
  <si>
    <t>PAL M06 7057S</t>
  </si>
  <si>
    <t>5702327436085</t>
  </si>
  <si>
    <t>VELUX Jalousie manuell PAL M06 7057S</t>
  </si>
  <si>
    <t>PAL M06 7057SWL</t>
  </si>
  <si>
    <t>5702329183611</t>
  </si>
  <si>
    <t>VELUX Jalousie manuell PAL M06 7057SWL</t>
  </si>
  <si>
    <t>PAL M08 7001S</t>
  </si>
  <si>
    <t>5702325599300</t>
  </si>
  <si>
    <t>VELUX Jalousie manuell PAL M08 7001S</t>
  </si>
  <si>
    <t>PAL M08 7001SWL</t>
  </si>
  <si>
    <t>5702325599324</t>
  </si>
  <si>
    <t>VELUX Jalousie manuell PAL M08 7001SWL</t>
  </si>
  <si>
    <t>PAL M08 7057S</t>
  </si>
  <si>
    <t>5702327436153</t>
  </si>
  <si>
    <t>VELUX Jalousie manuell PAL M08 7057S</t>
  </si>
  <si>
    <t>PAL M08 7057SWL</t>
  </si>
  <si>
    <t>5702329183666</t>
  </si>
  <si>
    <t>VELUX Jalousie manuell PAL M08 7057SWL</t>
  </si>
  <si>
    <t>PAL M10 7001S</t>
  </si>
  <si>
    <t>5702325599492</t>
  </si>
  <si>
    <t>VELUX Jalousie manuell PAL M10 7001S</t>
  </si>
  <si>
    <t>PAL M10 7001SWL</t>
  </si>
  <si>
    <t>5702325599508</t>
  </si>
  <si>
    <t>VELUX Jalousie manuell PAL M10 7001SWL</t>
  </si>
  <si>
    <t>PAL M10 7057S</t>
  </si>
  <si>
    <t>5702327436221</t>
  </si>
  <si>
    <t>VELUX Jalousie manuell PAL M10 7057S</t>
  </si>
  <si>
    <t>PAL M10 7057SWL</t>
  </si>
  <si>
    <t>5702329183710</t>
  </si>
  <si>
    <t>VELUX Jalousie manuell PAL M10 7057SWL</t>
  </si>
  <si>
    <t>PAL M31 7001S</t>
  </si>
  <si>
    <t>5702325600037</t>
  </si>
  <si>
    <t>VELUX Jalousie manuell PAL M31 7001S</t>
  </si>
  <si>
    <t>PAL M31 7001SWL</t>
  </si>
  <si>
    <t>5702325600044</t>
  </si>
  <si>
    <t>VELUX Jalousie manuell PAL M31 7001SWL</t>
  </si>
  <si>
    <t>PAL M31 7057S</t>
  </si>
  <si>
    <t>5702327436436</t>
  </si>
  <si>
    <t>VELUX Jalousie manuell PAL M31 7057S</t>
  </si>
  <si>
    <t>PAL M31 7057SWL</t>
  </si>
  <si>
    <t>5702329226981</t>
  </si>
  <si>
    <t>VELUX Jalousie manuell PAL M31 7057SWL</t>
  </si>
  <si>
    <t>PAL MK04 7001S</t>
  </si>
  <si>
    <t>5702326772702</t>
  </si>
  <si>
    <t>VELUX Jalousie manuell PAL MK04 7001S</t>
  </si>
  <si>
    <t>PAL MK04 7001SWL</t>
  </si>
  <si>
    <t>5702326772726</t>
  </si>
  <si>
    <t>VELUX Jalousie manuell PAL MK04 7001SWL</t>
  </si>
  <si>
    <t>PAL MK04 7057S</t>
  </si>
  <si>
    <t>5702327436573</t>
  </si>
  <si>
    <t>VELUX Jalousie manuell PAL MK04 7057S</t>
  </si>
  <si>
    <t>PAL MK04 7057SWL</t>
  </si>
  <si>
    <t>5702329183864</t>
  </si>
  <si>
    <t>VELUX Jalousie manuell PAL MK04 7057SWL</t>
  </si>
  <si>
    <t>PAL MK06 7001S</t>
  </si>
  <si>
    <t>5702326772894</t>
  </si>
  <si>
    <t>VELUX Jalousie manuell PAL MK06 7001S</t>
  </si>
  <si>
    <t>PAL MK06 7001SWL</t>
  </si>
  <si>
    <t>5702326772917</t>
  </si>
  <si>
    <t>VELUX Jalousie manuell PAL MK06 7001SWL</t>
  </si>
  <si>
    <t>PAL MK06 7057S</t>
  </si>
  <si>
    <t>5702327436641</t>
  </si>
  <si>
    <t>VELUX Jalousie manuell PAL MK06 7057S</t>
  </si>
  <si>
    <t>PAL MK06 7057SWL</t>
  </si>
  <si>
    <t>5702329183918</t>
  </si>
  <si>
    <t>VELUX Jalousie manuell PAL MK06 7057SWL</t>
  </si>
  <si>
    <t>PAL MK08 7001S</t>
  </si>
  <si>
    <t>5702327917713</t>
  </si>
  <si>
    <t>VELUX Jalousie manuell PAL MK08 7001S</t>
  </si>
  <si>
    <t>PAL MK08 7001SWL</t>
  </si>
  <si>
    <t>5702326773112</t>
  </si>
  <si>
    <t>VELUX Jalousie manuell PAL MK08 7001SWL</t>
  </si>
  <si>
    <t>PAL MK08 7057S</t>
  </si>
  <si>
    <t>5702327436719</t>
  </si>
  <si>
    <t>VELUX Jalousie manuell PAL MK08 7057S</t>
  </si>
  <si>
    <t>PAL MK08 7057SWL</t>
  </si>
  <si>
    <t>5702329183963</t>
  </si>
  <si>
    <t>VELUX Jalousie manuell PAL MK08 7057SWL</t>
  </si>
  <si>
    <t>PAL MK10 7001S</t>
  </si>
  <si>
    <t>5702326773297</t>
  </si>
  <si>
    <t>VELUX Jalousie manuell PAL MK10 7001S</t>
  </si>
  <si>
    <t>PAL MK10 7001SWL</t>
  </si>
  <si>
    <t>5702326773310</t>
  </si>
  <si>
    <t>VELUX Jalousie manuell PAL MK10 7001SWL</t>
  </si>
  <si>
    <t>PAL MK10 7057S</t>
  </si>
  <si>
    <t>5702327436788</t>
  </si>
  <si>
    <t>VELUX Jalousie manuell PAL MK10 7057S</t>
  </si>
  <si>
    <t>PAL MK10 7057SWL</t>
  </si>
  <si>
    <t>5702329184014</t>
  </si>
  <si>
    <t>VELUX Jalousie manuell PAL MK10 7057SWL</t>
  </si>
  <si>
    <t>PAL MK12 7001S</t>
  </si>
  <si>
    <t>5702326773495</t>
  </si>
  <si>
    <t>VELUX Jalousie manuell PAL MK12 7001S</t>
  </si>
  <si>
    <t>PAL MK12 7001SWL</t>
  </si>
  <si>
    <t>5702326773501</t>
  </si>
  <si>
    <t>VELUX Jalousie manuell PAL MK12 7001SWL</t>
  </si>
  <si>
    <t>PAL MK12 7057S</t>
  </si>
  <si>
    <t>5702327436856</t>
  </si>
  <si>
    <t>VELUX Jalousie manuell PAL MK12 7057S</t>
  </si>
  <si>
    <t>PAL MK12 7057SWL</t>
  </si>
  <si>
    <t>5702329184069</t>
  </si>
  <si>
    <t>VELUX Jalousie manuell PAL MK12 7057SWL</t>
  </si>
  <si>
    <t>PAL P04 7001S</t>
  </si>
  <si>
    <t>5702325600570</t>
  </si>
  <si>
    <t>VELUX Jalousie manuell PAL P04 7001S</t>
  </si>
  <si>
    <t>PAL P04 7001SWL</t>
  </si>
  <si>
    <t>5702325600587</t>
  </si>
  <si>
    <t>VELUX Jalousie manuell PAL P04 7001SWL</t>
  </si>
  <si>
    <t>PAL P04 7057S</t>
  </si>
  <si>
    <t>5702327437068</t>
  </si>
  <si>
    <t>VELUX Jalousie manuell PAL P04 7057S</t>
  </si>
  <si>
    <t>PAL P04 7057SWL</t>
  </si>
  <si>
    <t>5702329184175</t>
  </si>
  <si>
    <t>VELUX Jalousie manuell PAL P04 7057SWL</t>
  </si>
  <si>
    <t>PAL P06 7001S</t>
  </si>
  <si>
    <t>5702325600754</t>
  </si>
  <si>
    <t>VELUX Jalousie manuell PAL P06 7001S</t>
  </si>
  <si>
    <t>PAL P06 7001SWL</t>
  </si>
  <si>
    <t>5702325600761</t>
  </si>
  <si>
    <t>VELUX Jalousie manuell PAL P06 7001SWL</t>
  </si>
  <si>
    <t>PAL P06 7057S</t>
  </si>
  <si>
    <t>5702327437136</t>
  </si>
  <si>
    <t>VELUX Jalousie manuell PAL P06 7057S</t>
  </si>
  <si>
    <t>PAL P06 7057SWL</t>
  </si>
  <si>
    <t>5702329184229</t>
  </si>
  <si>
    <t>VELUX Jalousie manuell PAL P06 7057SWL</t>
  </si>
  <si>
    <t>PAL P08 7001S</t>
  </si>
  <si>
    <t>5702325600938</t>
  </si>
  <si>
    <t>VELUX Jalousie manuell PAL P08 7001S</t>
  </si>
  <si>
    <t>PAL P08 7001SWL</t>
  </si>
  <si>
    <t>5702325600945</t>
  </si>
  <si>
    <t>VELUX Jalousie manuell PAL P08 7001SWL</t>
  </si>
  <si>
    <t>PAL P08 7057S</t>
  </si>
  <si>
    <t>5702327437204</t>
  </si>
  <si>
    <t>VELUX Jalousie manuell PAL P08 7057S</t>
  </si>
  <si>
    <t>PAL P08 7057SWL</t>
  </si>
  <si>
    <t>5702329184274</t>
  </si>
  <si>
    <t>VELUX Jalousie manuell PAL P08 7057SWL</t>
  </si>
  <si>
    <t>PAL P10 7001S</t>
  </si>
  <si>
    <t>5702325601119</t>
  </si>
  <si>
    <t>VELUX Jalousie manuell PAL P10 7001S</t>
  </si>
  <si>
    <t>PAL P10 7001SWL</t>
  </si>
  <si>
    <t>5702325601126</t>
  </si>
  <si>
    <t>VELUX Jalousie manuell PAL P10 7001SWL</t>
  </si>
  <si>
    <t>PAL P10 7057S</t>
  </si>
  <si>
    <t>5702327437273</t>
  </si>
  <si>
    <t>VELUX Jalousie manuell PAL P10 7057S</t>
  </si>
  <si>
    <t>PAL P10 7057SWL</t>
  </si>
  <si>
    <t>5702329184328</t>
  </si>
  <si>
    <t>VELUX Jalousie manuell PAL P10 7057SWL</t>
  </si>
  <si>
    <t>PAL P31 7001S</t>
  </si>
  <si>
    <t>5702325601560</t>
  </si>
  <si>
    <t>VELUX Jalousie manuell PAL P31 7001S</t>
  </si>
  <si>
    <t>PAL P31 7001SWL</t>
  </si>
  <si>
    <t>5702325601577</t>
  </si>
  <si>
    <t>VELUX Jalousie manuell PAL P31 7001SWL</t>
  </si>
  <si>
    <t>PAL P31 7057S</t>
  </si>
  <si>
    <t>5702327437419</t>
  </si>
  <si>
    <t>VELUX Jalousie manuell PAL P31 7057S</t>
  </si>
  <si>
    <t>PAL P31 7057SWL</t>
  </si>
  <si>
    <t>5702329227032</t>
  </si>
  <si>
    <t>VELUX Jalousie manuell PAL P31 7057SWL</t>
  </si>
  <si>
    <t>PAL PK06 7001S</t>
  </si>
  <si>
    <t>5702326774065</t>
  </si>
  <si>
    <t>VELUX Jalousie manuell PAL PK06 7001S</t>
  </si>
  <si>
    <t>PAL PK06 7001SWL</t>
  </si>
  <si>
    <t>5702326774072</t>
  </si>
  <si>
    <t>VELUX Jalousie manuell PAL PK06 7001SWL</t>
  </si>
  <si>
    <t>PAL PK06 7057S</t>
  </si>
  <si>
    <t>5702327437624</t>
  </si>
  <si>
    <t>VELUX Jalousie manuell PAL PK06 7057S</t>
  </si>
  <si>
    <t>PAL PK06 7057SWL</t>
  </si>
  <si>
    <t>5702329184472</t>
  </si>
  <si>
    <t>VELUX Jalousie manuell PAL PK06 7057SWL</t>
  </si>
  <si>
    <t>PAL PK08 7001S</t>
  </si>
  <si>
    <t>5702326774249</t>
  </si>
  <si>
    <t>VELUX Jalousie manuell PAL PK08 7001S</t>
  </si>
  <si>
    <t>PAL PK08 7001SWL</t>
  </si>
  <si>
    <t>5702326774256</t>
  </si>
  <si>
    <t>VELUX Jalousie manuell PAL PK08 7001SWL</t>
  </si>
  <si>
    <t>PAL PK08 7057S</t>
  </si>
  <si>
    <t>5702327437693</t>
  </si>
  <si>
    <t>VELUX Jalousie manuell PAL PK08 7057S</t>
  </si>
  <si>
    <t>PAL PK08 7057SWL</t>
  </si>
  <si>
    <t>5702329184526</t>
  </si>
  <si>
    <t>VELUX Jalousie manuell PAL PK08 7057SWL</t>
  </si>
  <si>
    <t>PAL PK10 7001S</t>
  </si>
  <si>
    <t>5702326774454</t>
  </si>
  <si>
    <t>VELUX Jalousie manuell PAL PK10 7001S</t>
  </si>
  <si>
    <t>PAL PK10 7001SWL</t>
  </si>
  <si>
    <t>5702326774461</t>
  </si>
  <si>
    <t>VELUX Jalousie manuell PAL PK10 7001SWL</t>
  </si>
  <si>
    <t>PAL PK10 7057S</t>
  </si>
  <si>
    <t>5702327437761</t>
  </si>
  <si>
    <t>VELUX Jalousie manuell PAL PK10 7057S</t>
  </si>
  <si>
    <t>PAL PK10 7057SWL</t>
  </si>
  <si>
    <t>5702329184571</t>
  </si>
  <si>
    <t>VELUX Jalousie manuell PAL PK10 7057SWL</t>
  </si>
  <si>
    <t>PAL S04 7001S</t>
  </si>
  <si>
    <t>5702325602109</t>
  </si>
  <si>
    <t>VELUX Jalousie manuell PAL S04 7001S</t>
  </si>
  <si>
    <t>PAL S04 7001SWL</t>
  </si>
  <si>
    <t>5702325602116</t>
  </si>
  <si>
    <t>VELUX Jalousie manuell PAL S04 7001SWL</t>
  </si>
  <si>
    <t>PAL S04 7057S</t>
  </si>
  <si>
    <t>5702327437976</t>
  </si>
  <si>
    <t>VELUX Jalousie manuell PAL S04 7057S</t>
  </si>
  <si>
    <t>PAL S04 7057SWL</t>
  </si>
  <si>
    <t>5702329184724</t>
  </si>
  <si>
    <t>VELUX Jalousie manuell PAL S04 7057SWL</t>
  </si>
  <si>
    <t>PAL S06 7001S</t>
  </si>
  <si>
    <t>5702325602284</t>
  </si>
  <si>
    <t>VELUX Jalousie manuell PAL S06 7001S</t>
  </si>
  <si>
    <t>PAL S06 7001SWL</t>
  </si>
  <si>
    <t>5702325602307</t>
  </si>
  <si>
    <t>VELUX Jalousie manuell PAL S06 7001SWL</t>
  </si>
  <si>
    <t>PAL S06 7057S</t>
  </si>
  <si>
    <t>5702327438041</t>
  </si>
  <si>
    <t>VELUX Jalousie manuell PAL S06 7057S</t>
  </si>
  <si>
    <t>PAL S06 7057SWL</t>
  </si>
  <si>
    <t>5702329184779</t>
  </si>
  <si>
    <t>VELUX Jalousie manuell PAL S06 7057SWL</t>
  </si>
  <si>
    <t>PAL S08 7001S</t>
  </si>
  <si>
    <t>5702325602475</t>
  </si>
  <si>
    <t>VELUX Jalousie manuell PAL S08 7001S</t>
  </si>
  <si>
    <t>PAL S08 7001SWL</t>
  </si>
  <si>
    <t>5702325602499</t>
  </si>
  <si>
    <t>VELUX Jalousie manuell PAL S08 7001SWL</t>
  </si>
  <si>
    <t>PAL S08 7057S</t>
  </si>
  <si>
    <t>5702327438119</t>
  </si>
  <si>
    <t>VELUX Jalousie manuell PAL S08 7057S</t>
  </si>
  <si>
    <t>PAL S08 7057SWL</t>
  </si>
  <si>
    <t>5702329184823</t>
  </si>
  <si>
    <t>VELUX Jalousie manuell PAL S08 7057SWL</t>
  </si>
  <si>
    <t>PAL S10 7001S</t>
  </si>
  <si>
    <t>5702325602666</t>
  </si>
  <si>
    <t>VELUX Jalousie manuell PAL S10 7001S</t>
  </si>
  <si>
    <t>PAL S10 7001SWL</t>
  </si>
  <si>
    <t>5702325602673</t>
  </si>
  <si>
    <t>VELUX Jalousie manuell PAL S10 7001SWL</t>
  </si>
  <si>
    <t>PAL S10 7057S</t>
  </si>
  <si>
    <t>5702327438188</t>
  </si>
  <si>
    <t>VELUX Jalousie manuell PAL S10 7057S</t>
  </si>
  <si>
    <t>PAL S10 7057SWL</t>
  </si>
  <si>
    <t>5702329184878</t>
  </si>
  <si>
    <t>VELUX Jalousie manuell PAL S10 7057SWL</t>
  </si>
  <si>
    <t>PAL S31 7001S</t>
  </si>
  <si>
    <t>5702325602840</t>
  </si>
  <si>
    <t>VELUX Jalousie manuell PAL S31 7001S</t>
  </si>
  <si>
    <t>PAL S31 7001SWL</t>
  </si>
  <si>
    <t>5702325602857</t>
  </si>
  <si>
    <t>VELUX Jalousie manuell PAL S31 7001SWL</t>
  </si>
  <si>
    <t>PAL S31 7057S</t>
  </si>
  <si>
    <t>5702327438256</t>
  </si>
  <si>
    <t>VELUX Jalousie manuell PAL S31 7057S</t>
  </si>
  <si>
    <t>PAL S31 7057SWL</t>
  </si>
  <si>
    <t>5702329227087</t>
  </si>
  <si>
    <t>VELUX Jalousie manuell PAL S31 7057SWL</t>
  </si>
  <si>
    <t>PAL SK06 7001S</t>
  </si>
  <si>
    <t>5702326775413</t>
  </si>
  <si>
    <t>VELUX Jalousie manuell PAL SK06 7001S</t>
  </si>
  <si>
    <t>PAL SK06 7001SWL</t>
  </si>
  <si>
    <t>5702326775437</t>
  </si>
  <si>
    <t>VELUX Jalousie manuell PAL SK06 7001SWL</t>
  </si>
  <si>
    <t>PAL SK06 7057S</t>
  </si>
  <si>
    <t>5702327438461</t>
  </si>
  <si>
    <t>VELUX Jalousie manuell PAL SK06 7057S</t>
  </si>
  <si>
    <t>PAL SK06 7057SWL</t>
  </si>
  <si>
    <t>5702329184977</t>
  </si>
  <si>
    <t>VELUX Jalousie manuell PAL SK06 7057SWL</t>
  </si>
  <si>
    <t>PAL SK08 7001S</t>
  </si>
  <si>
    <t>5702326651519</t>
  </si>
  <si>
    <t>VELUX Jalousie manuell PAL SK08 7001S</t>
  </si>
  <si>
    <t>PAL SK08 7001SWL</t>
  </si>
  <si>
    <t>5702326775628</t>
  </si>
  <si>
    <t>VELUX Jalousie manuell PAL SK08 7001SWL</t>
  </si>
  <si>
    <t>PAL SK08 7057S</t>
  </si>
  <si>
    <t>5702327438539</t>
  </si>
  <si>
    <t>VELUX Jalousie manuell PAL SK08 7057S</t>
  </si>
  <si>
    <t>PAL SK08 7057SWL</t>
  </si>
  <si>
    <t>5702329185028</t>
  </si>
  <si>
    <t>VELUX Jalousie manuell PAL SK08 7057SWL</t>
  </si>
  <si>
    <t>PAL SK10 7001S</t>
  </si>
  <si>
    <t>5702326775819</t>
  </si>
  <si>
    <t>VELUX Jalousie manuell PAL SK10 7001S</t>
  </si>
  <si>
    <t>PAL SK10 7001SWL</t>
  </si>
  <si>
    <t>5702326775826</t>
  </si>
  <si>
    <t>VELUX Jalousie manuell PAL SK10 7001SWL</t>
  </si>
  <si>
    <t>PAL SK10 7057S</t>
  </si>
  <si>
    <t>5702327438607</t>
  </si>
  <si>
    <t>VELUX Jalousie manuell PAL SK10 7057S</t>
  </si>
  <si>
    <t>PAL SK10 7057SWL</t>
  </si>
  <si>
    <t>5702329185073</t>
  </si>
  <si>
    <t>VELUX Jalousie manuell PAL SK10 7057SWL</t>
  </si>
  <si>
    <t>PAL U04 7001S</t>
  </si>
  <si>
    <t>5702325603205</t>
  </si>
  <si>
    <t>VELUX Jalousie manuell PAL U04 7001S</t>
  </si>
  <si>
    <t>PAL U04 7001SWL</t>
  </si>
  <si>
    <t>5702325603229</t>
  </si>
  <si>
    <t>VELUX Jalousie manuell PAL U04 7001SWL</t>
  </si>
  <si>
    <t>PAL U04 7057S</t>
  </si>
  <si>
    <t>5702327438676</t>
  </si>
  <si>
    <t>VELUX Jalousie manuell PAL U04 7057S</t>
  </si>
  <si>
    <t>PAL U04 7057SWL</t>
  </si>
  <si>
    <t>5702329185127</t>
  </si>
  <si>
    <t>VELUX Jalousie manuell PAL U04 7057SWL</t>
  </si>
  <si>
    <t>PAL U08 7001S</t>
  </si>
  <si>
    <t>5702325603397</t>
  </si>
  <si>
    <t>VELUX Jalousie manuell PAL U08 7001S</t>
  </si>
  <si>
    <t>PAL U08 7001SWL</t>
  </si>
  <si>
    <t>5702325603403</t>
  </si>
  <si>
    <t>VELUX Jalousie manuell PAL U08 7001SWL</t>
  </si>
  <si>
    <t>PAL U08 7057S</t>
  </si>
  <si>
    <t>5702327438744</t>
  </si>
  <si>
    <t>VELUX Jalousie manuell PAL U08 7057S</t>
  </si>
  <si>
    <t>PAL U08 7057SWL</t>
  </si>
  <si>
    <t>5702329185172</t>
  </si>
  <si>
    <t>VELUX Jalousie manuell PAL U08 7057SWL</t>
  </si>
  <si>
    <t>PAL U10 7001S</t>
  </si>
  <si>
    <t>5702325603571</t>
  </si>
  <si>
    <t>VELUX Jalousie manuell PAL U10 7001S</t>
  </si>
  <si>
    <t>PAL U10 7001SWL</t>
  </si>
  <si>
    <t>5702325603588</t>
  </si>
  <si>
    <t>VELUX Jalousie manuell PAL U10 7001SWL</t>
  </si>
  <si>
    <t>PAL U10 7057S</t>
  </si>
  <si>
    <t>5702327438812</t>
  </si>
  <si>
    <t>VELUX Jalousie manuell PAL U10 7057S</t>
  </si>
  <si>
    <t>PAL U31 7001S</t>
  </si>
  <si>
    <t>5702325603755</t>
  </si>
  <si>
    <t>VELUX Jalousie manuell PAL U31 7001S</t>
  </si>
  <si>
    <t>PAL U31 7001SWL</t>
  </si>
  <si>
    <t>5702325603762</t>
  </si>
  <si>
    <t>VELUX Jalousie manuell PAL U31 7001SWL</t>
  </si>
  <si>
    <t>PAL U31 7057S</t>
  </si>
  <si>
    <t>5702327438881</t>
  </si>
  <si>
    <t>VELUX Jalousie manuell PAL U31 7057S</t>
  </si>
  <si>
    <t>PAL U31 7057SWL</t>
  </si>
  <si>
    <t>5702329227131</t>
  </si>
  <si>
    <t>VELUX Jalousie manuell PAL U31 7057SWL</t>
  </si>
  <si>
    <t>PAL UK04 7001S</t>
  </si>
  <si>
    <t>5702326775994</t>
  </si>
  <si>
    <t>VELUX Jalousie manuell PAL UK04 7001S</t>
  </si>
  <si>
    <t>PAL UK04 7001SWL</t>
  </si>
  <si>
    <t>5702326776014</t>
  </si>
  <si>
    <t>VELUX Jalousie manuell PAL UK04 7001SWL</t>
  </si>
  <si>
    <t>PAL UK04 7057S</t>
  </si>
  <si>
    <t>5702327439024</t>
  </si>
  <si>
    <t>VELUX Jalousie manuell PAL UK04 7057S</t>
  </si>
  <si>
    <t>PAL UK04 7057SWL</t>
  </si>
  <si>
    <t>5702329185271</t>
  </si>
  <si>
    <t>VELUX Jalousie manuell PAL UK04 7057SWL</t>
  </si>
  <si>
    <t>PAL UK08 7001S</t>
  </si>
  <si>
    <t>5702326776199</t>
  </si>
  <si>
    <t>VELUX Jalousie manuell PAL UK08 7001S</t>
  </si>
  <si>
    <t>PAL UK08 7001SWL</t>
  </si>
  <si>
    <t>5702326776205</t>
  </si>
  <si>
    <t>VELUX Jalousie manuell PAL UK08 7001SWL</t>
  </si>
  <si>
    <t>PAL UK08 7057S</t>
  </si>
  <si>
    <t>5702327439093</t>
  </si>
  <si>
    <t>VELUX Jalousie manuell PAL UK08 7057S</t>
  </si>
  <si>
    <t>PAL UK08 7057SWL</t>
  </si>
  <si>
    <t>5702329185325</t>
  </si>
  <si>
    <t>VELUX Jalousie manuell PAL UK08 7057SWL</t>
  </si>
  <si>
    <t>Silber gebürstet, weiße Schiene, Premium</t>
  </si>
  <si>
    <t>PAL UK10 7001S</t>
  </si>
  <si>
    <t>5702326776403</t>
  </si>
  <si>
    <t>VELUX Jalousie manuell PAL UK10 7001S</t>
  </si>
  <si>
    <t>PAL UK10 7001SWL</t>
  </si>
  <si>
    <t>5702326776410</t>
  </si>
  <si>
    <t>VELUX Jalousie manuell PAL UK10 7001SWL</t>
  </si>
  <si>
    <t>PAL UK10 7057S</t>
  </si>
  <si>
    <t>5702327439161</t>
  </si>
  <si>
    <t>VELUX Jalousie manuell PAL UK10 7057S</t>
  </si>
  <si>
    <t>PAL UK10 7057SWL</t>
  </si>
  <si>
    <t>5702329185370</t>
  </si>
  <si>
    <t>VELUX Jalousie manuell PAL UK10 7057SWL</t>
  </si>
  <si>
    <t>PAL Y21 7001S</t>
  </si>
  <si>
    <t>5702325604110</t>
  </si>
  <si>
    <t>VELUX Jalousie manuell PAL Y21 7001S</t>
  </si>
  <si>
    <t>PAL Y21 7057S</t>
  </si>
  <si>
    <t>5702327439239</t>
  </si>
  <si>
    <t>VELUX Jalousie manuell PAL Y21 7057S</t>
  </si>
  <si>
    <t>PAL Y23 7001S</t>
  </si>
  <si>
    <t>5702325604295</t>
  </si>
  <si>
    <t>VELUX Jalousie manuell PAL Y23 7001S</t>
  </si>
  <si>
    <t>PAL Y23 7057S</t>
  </si>
  <si>
    <t>5702327439307</t>
  </si>
  <si>
    <t>VELUX Jalousie manuell PAL Y23 7057S</t>
  </si>
  <si>
    <t>PAL Y33 7001S</t>
  </si>
  <si>
    <t>5702325604479</t>
  </si>
  <si>
    <t>VELUX Jalousie manuell PAL Y33 7001S</t>
  </si>
  <si>
    <t>PAL Y33 7057S</t>
  </si>
  <si>
    <t>5702327439376</t>
  </si>
  <si>
    <t>VELUX Jalousie manuell PAL Y33 7057S</t>
  </si>
  <si>
    <t>PAL Y35 7001S</t>
  </si>
  <si>
    <t>5702325604653</t>
  </si>
  <si>
    <t>VELUX Jalousie manuell PAL Y35 7001S</t>
  </si>
  <si>
    <t>PAL Y35 7057S</t>
  </si>
  <si>
    <t>5702327439444</t>
  </si>
  <si>
    <t>VELUX Jalousie manuell PAL Y35 7057S</t>
  </si>
  <si>
    <t>PAL Y43 7001S</t>
  </si>
  <si>
    <t>5702325604837</t>
  </si>
  <si>
    <t>VELUX Jalousie manuell PAL Y43 7001S</t>
  </si>
  <si>
    <t>PAL Y43 7057S</t>
  </si>
  <si>
    <t>5702327439512</t>
  </si>
  <si>
    <t>VELUX Jalousie manuell PAL Y43 7057S</t>
  </si>
  <si>
    <t>PAL Y45 7001S</t>
  </si>
  <si>
    <t>5702325605018</t>
  </si>
  <si>
    <t>VELUX Jalousie manuell PAL Y45 7001S</t>
  </si>
  <si>
    <t>PAL Y45 7057S</t>
  </si>
  <si>
    <t>5702327439581</t>
  </si>
  <si>
    <t>VELUX Jalousie manuell PAL Y45 7057S</t>
  </si>
  <si>
    <t>PAL Y47 7001S</t>
  </si>
  <si>
    <t>5702325605193</t>
  </si>
  <si>
    <t>VELUX Jalousie manuell PAL Y47 7001S</t>
  </si>
  <si>
    <t>PAL Y47 7057S</t>
  </si>
  <si>
    <t>5702327439659</t>
  </si>
  <si>
    <t>VELUX Jalousie manuell PAL Y47 7057S</t>
  </si>
  <si>
    <t>PAL Y65 7001S</t>
  </si>
  <si>
    <t>5702325605377</t>
  </si>
  <si>
    <t>VELUX Jalousie manuell PAL Y65 7001S</t>
  </si>
  <si>
    <t>PAL Y65 7057S</t>
  </si>
  <si>
    <t>5702327439727</t>
  </si>
  <si>
    <t>VELUX Jalousie manuell PAL Y65 7057S</t>
  </si>
  <si>
    <t>PAL Y67 7001S</t>
  </si>
  <si>
    <t>5702325605551</t>
  </si>
  <si>
    <t>VELUX Jalousie manuell PAL Y67 7001S</t>
  </si>
  <si>
    <t>PAL Y67 7057S</t>
  </si>
  <si>
    <t>5702327439796</t>
  </si>
  <si>
    <t>VELUX Jalousie manuell PAL Y67 7057S</t>
  </si>
  <si>
    <t>PAL Y85 7001S</t>
  </si>
  <si>
    <t>5702325605735</t>
  </si>
  <si>
    <t>VELUX Jalousie manuell PAL Y85 7001S</t>
  </si>
  <si>
    <t>PAL Y85 7057S</t>
  </si>
  <si>
    <t>5702327439864</t>
  </si>
  <si>
    <t>VELUX Jalousie manuell PAL Y85 7057S</t>
  </si>
  <si>
    <t>PAL Y87 7001S</t>
  </si>
  <si>
    <t>5702325605919</t>
  </si>
  <si>
    <t>VELUX Jalousie manuell PAL Y87 7001S</t>
  </si>
  <si>
    <t>PAL Y87 7057S</t>
  </si>
  <si>
    <t>5702327439932</t>
  </si>
  <si>
    <t>VELUX Jalousie manuell PAL Y87 7057S</t>
  </si>
  <si>
    <t>PAL Y89 7001S</t>
  </si>
  <si>
    <t>5702325606091</t>
  </si>
  <si>
    <t>VELUX Jalousie manuell PAL Y89 7001S</t>
  </si>
  <si>
    <t>PAL Y89 7057S</t>
  </si>
  <si>
    <t>5702327440006</t>
  </si>
  <si>
    <t>VELUX Jalousie manuell PAL Y89 7057S</t>
  </si>
  <si>
    <t>PAL Y97 7001S</t>
  </si>
  <si>
    <t>5702325606275</t>
  </si>
  <si>
    <t>VELUX Jalousie manuell PAL Y97 7001S</t>
  </si>
  <si>
    <t>PAL Y97 7057S</t>
  </si>
  <si>
    <t>5702327440075</t>
  </si>
  <si>
    <t>VELUX Jalousie manuell PAL Y97 7057S</t>
  </si>
  <si>
    <t>PAL Y99 7001S</t>
  </si>
  <si>
    <t>5702325606459</t>
  </si>
  <si>
    <t>VELUX Jalousie manuell PAL Y99 7001S</t>
  </si>
  <si>
    <t>PAL Y99 7057S</t>
  </si>
  <si>
    <t>5702327440143</t>
  </si>
  <si>
    <t>VELUX Jalousie manuell PAL Y99 7057S</t>
  </si>
  <si>
    <t>RFL 102 1028S</t>
  </si>
  <si>
    <t>5702326072871</t>
  </si>
  <si>
    <t>VELUX Rollo manuell RFL 102 1028S</t>
  </si>
  <si>
    <t>420</t>
  </si>
  <si>
    <t>VELUX-Rollos,Raff-Rollos mit Wechselstoff</t>
  </si>
  <si>
    <t>RFL 102 1086S</t>
  </si>
  <si>
    <t>5702326072901</t>
  </si>
  <si>
    <t>VELUX Rollo manuell RFL 102 1086S</t>
  </si>
  <si>
    <t>RFL 102 4161S</t>
  </si>
  <si>
    <t>5702329019125</t>
  </si>
  <si>
    <t>VELUX Rollo manuell RFL 102 4161S</t>
  </si>
  <si>
    <t>RFL 102 9050S</t>
  </si>
  <si>
    <t>5702326073724</t>
  </si>
  <si>
    <t>VELUX Rollo manuell RFL 102 9050S</t>
  </si>
  <si>
    <t>RFL 104 1028S</t>
  </si>
  <si>
    <t>5702326073809</t>
  </si>
  <si>
    <t>VELUX Rollo manuell RFL 104 1028S</t>
  </si>
  <si>
    <t>RFL 104 1086S</t>
  </si>
  <si>
    <t>5702326073823</t>
  </si>
  <si>
    <t>VELUX Rollo manuell RFL 104 1086S</t>
  </si>
  <si>
    <t>RFL 104 4161S</t>
  </si>
  <si>
    <t>5702329019231</t>
  </si>
  <si>
    <t>VELUX Rollo manuell RFL 104 4161S</t>
  </si>
  <si>
    <t>RFL 104 9050S</t>
  </si>
  <si>
    <t>5702326074615</t>
  </si>
  <si>
    <t>VELUX Rollo manuell RFL 104 9050S</t>
  </si>
  <si>
    <t>RFL 204 1028S</t>
  </si>
  <si>
    <t>5702326074738</t>
  </si>
  <si>
    <t>VELUX Rollo manuell RFL 204 1028S</t>
  </si>
  <si>
    <t>RFL 204 1086S</t>
  </si>
  <si>
    <t>5702326074752</t>
  </si>
  <si>
    <t>VELUX Rollo manuell RFL 204 1086S</t>
  </si>
  <si>
    <t>RFL 204 4161S</t>
  </si>
  <si>
    <t>5702329019347</t>
  </si>
  <si>
    <t>VELUX Rollo manuell RFL 204 4161S</t>
  </si>
  <si>
    <t>RFL 204 9050S</t>
  </si>
  <si>
    <t>5702326075544</t>
  </si>
  <si>
    <t>VELUX Rollo manuell RFL 204 9050S</t>
  </si>
  <si>
    <t>RFL 206 1028S</t>
  </si>
  <si>
    <t>5702326075629</t>
  </si>
  <si>
    <t>VELUX Rollo manuell RFL 206 1028S</t>
  </si>
  <si>
    <t>RFL 206 1086S</t>
  </si>
  <si>
    <t>5702326075650</t>
  </si>
  <si>
    <t>VELUX Rollo manuell RFL 206 1086S</t>
  </si>
  <si>
    <t>RFL 206 4161S</t>
  </si>
  <si>
    <t>5702329019453</t>
  </si>
  <si>
    <t>VELUX Rollo manuell RFL 206 4161S</t>
  </si>
  <si>
    <t>RFL 206 9050S</t>
  </si>
  <si>
    <t>5702326076473</t>
  </si>
  <si>
    <t>VELUX Rollo manuell RFL 206 9050S</t>
  </si>
  <si>
    <t>RFL C02 1028S</t>
  </si>
  <si>
    <t>5702326028472</t>
  </si>
  <si>
    <t>VELUX Rollo manuell RFL C02 1028S</t>
  </si>
  <si>
    <t>RFL C02 1028SWL</t>
  </si>
  <si>
    <t>5702326028489</t>
  </si>
  <si>
    <t>VELUX Rollo manuell RFL C02 1028SWL</t>
  </si>
  <si>
    <t>RFL C02 1086S</t>
  </si>
  <si>
    <t>5702326028496</t>
  </si>
  <si>
    <t>VELUX Rollo manuell RFL C02 1086S</t>
  </si>
  <si>
    <t>RFL C02 1086SWL</t>
  </si>
  <si>
    <t>5702326028502</t>
  </si>
  <si>
    <t>VELUX Rollo manuell RFL C02 1086SWL</t>
  </si>
  <si>
    <t>RFL C02 4069S</t>
  </si>
  <si>
    <t>5702326028632</t>
  </si>
  <si>
    <t>VELUX Rollo manuell RFL C02 4069S</t>
  </si>
  <si>
    <t>RFL C02 4155S</t>
  </si>
  <si>
    <t>5702327429797</t>
  </si>
  <si>
    <t>VELUX Rollo manuell RFL C02 4155S</t>
  </si>
  <si>
    <t>RFL C02 4155SWL</t>
  </si>
  <si>
    <t>5702329099486</t>
  </si>
  <si>
    <t>VELUX Rollo manuell RFL C02 4155SWL</t>
  </si>
  <si>
    <t>RFL C02 4161S</t>
  </si>
  <si>
    <t>5702329020442</t>
  </si>
  <si>
    <t>VELUX Rollo manuell RFL C02 4161S</t>
  </si>
  <si>
    <t>RFL C02 4161SWL</t>
  </si>
  <si>
    <t>5702329099493</t>
  </si>
  <si>
    <t>VELUX Rollo manuell RFL C02 4161SWL</t>
  </si>
  <si>
    <t>Grau,, weiße Schiene, Standard</t>
  </si>
  <si>
    <t>RFL C02 4163S</t>
  </si>
  <si>
    <t>5702329020466</t>
  </si>
  <si>
    <t>VELUX Rollo manuell RFL C02 4163S</t>
  </si>
  <si>
    <t>RFL C02 4164S</t>
  </si>
  <si>
    <t>5702329020473</t>
  </si>
  <si>
    <t>VELUX Rollo manuell RFL C02 4164S</t>
  </si>
  <si>
    <t>RFL C02 4166S</t>
  </si>
  <si>
    <t>5702329020497</t>
  </si>
  <si>
    <t>VELUX Rollo manuell RFL C02 4166S</t>
  </si>
  <si>
    <t>RFL C02 4169S</t>
  </si>
  <si>
    <t>5702329020527</t>
  </si>
  <si>
    <t>VELUX Rollo manuell RFL C02 4169S</t>
  </si>
  <si>
    <t>RFL C02 4170S</t>
  </si>
  <si>
    <t>5702329020534</t>
  </si>
  <si>
    <t>VELUX Rollo manuell RFL C02 4170S</t>
  </si>
  <si>
    <t>RFL C02 9050S</t>
  </si>
  <si>
    <t>5702326029240</t>
  </si>
  <si>
    <t>VELUX Rollo manuell RFL C02 9050S</t>
  </si>
  <si>
    <t>RFL C02 CBYS</t>
  </si>
  <si>
    <t>5702329271035</t>
  </si>
  <si>
    <t>VELUX Rollo manuell RFL C02 CBYS</t>
  </si>
  <si>
    <t>RFL C02 CBYSWL</t>
  </si>
  <si>
    <t>5702329271042</t>
  </si>
  <si>
    <t>VELUX Rollo manuell RFL C02 CBYSWL</t>
  </si>
  <si>
    <t>RFL C04 1028S</t>
  </si>
  <si>
    <t>5702326029363</t>
  </si>
  <si>
    <t>VELUX Rollo manuell RFL C04 1028S</t>
  </si>
  <si>
    <t>RFL C04 1028SWL</t>
  </si>
  <si>
    <t>5702326029370</t>
  </si>
  <si>
    <t>VELUX Rollo manuell RFL C04 1028SWL</t>
  </si>
  <si>
    <t>RFL C04 1086S</t>
  </si>
  <si>
    <t>5702326029387</t>
  </si>
  <si>
    <t>VELUX Rollo manuell RFL C04 1086S</t>
  </si>
  <si>
    <t>RFL C04 1086SWL</t>
  </si>
  <si>
    <t>5702326029394</t>
  </si>
  <si>
    <t>VELUX Rollo manuell RFL C04 1086SWL</t>
  </si>
  <si>
    <t>RFL C04 4069S</t>
  </si>
  <si>
    <t>5702326029561</t>
  </si>
  <si>
    <t>VELUX Rollo manuell RFL C04 4069S</t>
  </si>
  <si>
    <t>RFL C04 4069SWL</t>
  </si>
  <si>
    <t>5702326029578</t>
  </si>
  <si>
    <t>VELUX Rollo manuell RFL C04 4069SWL</t>
  </si>
  <si>
    <t>RFL C04 4155S</t>
  </si>
  <si>
    <t>5702327429858</t>
  </si>
  <si>
    <t>VELUX Rollo manuell RFL C04 4155S</t>
  </si>
  <si>
    <t>RFL C04 4155SWL</t>
  </si>
  <si>
    <t>5702329099608</t>
  </si>
  <si>
    <t>VELUX Rollo manuell RFL C04 4155SWL</t>
  </si>
  <si>
    <t>RFL C04 4161S</t>
  </si>
  <si>
    <t>5702329020558</t>
  </si>
  <si>
    <t>VELUX Rollo manuell RFL C04 4161S</t>
  </si>
  <si>
    <t>RFL C04 4161SWL</t>
  </si>
  <si>
    <t>5702329099615</t>
  </si>
  <si>
    <t>VELUX Rollo manuell RFL C04 4161SWL</t>
  </si>
  <si>
    <t>RFL C04 4162S</t>
  </si>
  <si>
    <t>5702329020565</t>
  </si>
  <si>
    <t>VELUX Rollo manuell RFL C04 4162S</t>
  </si>
  <si>
    <t>RFL C04 4163S</t>
  </si>
  <si>
    <t>5702329020572</t>
  </si>
  <si>
    <t>VELUX Rollo manuell RFL C04 4163S</t>
  </si>
  <si>
    <t>RFL C04 4164S</t>
  </si>
  <si>
    <t>5702329020589</t>
  </si>
  <si>
    <t>VELUX Rollo manuell RFL C04 4164S</t>
  </si>
  <si>
    <t>RFL C04 4166S</t>
  </si>
  <si>
    <t>5702329020602</t>
  </si>
  <si>
    <t>VELUX Rollo manuell RFL C04 4166S</t>
  </si>
  <si>
    <t>RFL C04 4166SWL</t>
  </si>
  <si>
    <t>5702329099660</t>
  </si>
  <si>
    <t>VELUX Rollo manuell RFL C04 4166SWL</t>
  </si>
  <si>
    <t>RFL C04 4168S</t>
  </si>
  <si>
    <t>5702329020626</t>
  </si>
  <si>
    <t>VELUX Rollo manuell RFL C04 4168S</t>
  </si>
  <si>
    <t>RFL C04 4169S</t>
  </si>
  <si>
    <t>5702329020633</t>
  </si>
  <si>
    <t>VELUX Rollo manuell RFL C04 4169S</t>
  </si>
  <si>
    <t>RFL C04 4169SWL</t>
  </si>
  <si>
    <t>5702329099691</t>
  </si>
  <si>
    <t>VELUX Rollo manuell RFL C04 4169SWL</t>
  </si>
  <si>
    <t>RFL C04 4170S</t>
  </si>
  <si>
    <t>5702329020640</t>
  </si>
  <si>
    <t>VELUX Rollo manuell RFL C04 4170S</t>
  </si>
  <si>
    <t>RFL C04 4170SWL</t>
  </si>
  <si>
    <t>5702329099707</t>
  </si>
  <si>
    <t>VELUX Rollo manuell RFL C04 4170SWL</t>
  </si>
  <si>
    <t>RFL C04 4171S</t>
  </si>
  <si>
    <t>5702329020657</t>
  </si>
  <si>
    <t>VELUX Rollo manuell RFL C04 4171S</t>
  </si>
  <si>
    <t>RFL C04 9050S</t>
  </si>
  <si>
    <t>5702326030154</t>
  </si>
  <si>
    <t>VELUX Rollo manuell RFL C04 9050S</t>
  </si>
  <si>
    <t>RFL C04 9050SWL</t>
  </si>
  <si>
    <t>5702326030178</t>
  </si>
  <si>
    <t>VELUX Rollo manuell RFL C04 9050SWL</t>
  </si>
  <si>
    <t>RFL C04 CBYS</t>
  </si>
  <si>
    <t>5702329271059</t>
  </si>
  <si>
    <t>VELUX Rollo manuell RFL C04 CBYS</t>
  </si>
  <si>
    <t>RFL C04 CBYSWL</t>
  </si>
  <si>
    <t>5702329271066</t>
  </si>
  <si>
    <t>VELUX Rollo manuell RFL C04 CBYSWL</t>
  </si>
  <si>
    <t>RFL C06 1028S</t>
  </si>
  <si>
    <t>5702326030253</t>
  </si>
  <si>
    <t>VELUX Rollo manuell RFL C06 1028S</t>
  </si>
  <si>
    <t>RFL C06 1028SWL</t>
  </si>
  <si>
    <t>5702326030260</t>
  </si>
  <si>
    <t>VELUX Rollo manuell RFL C06 1028SWL</t>
  </si>
  <si>
    <t>RFL C06 CBYS</t>
  </si>
  <si>
    <t>5702329271073</t>
  </si>
  <si>
    <t>VELUX Rollo manuell RFL C06 CBYS</t>
  </si>
  <si>
    <t>RFL C06 CBYSWL</t>
  </si>
  <si>
    <t>5702329271080</t>
  </si>
  <si>
    <t>VELUX Rollo manuell RFL C06 CBYSWL</t>
  </si>
  <si>
    <t>RFL CK02 1028S</t>
  </si>
  <si>
    <t>5702326798061</t>
  </si>
  <si>
    <t>VELUX Rollo manuell RFL CK02 1028S</t>
  </si>
  <si>
    <t>RFL CK02 1028SWL</t>
  </si>
  <si>
    <t>5702326798085</t>
  </si>
  <si>
    <t>VELUX Rollo manuell RFL CK02 1028SWL</t>
  </si>
  <si>
    <t>RFL CK02 1086S</t>
  </si>
  <si>
    <t>5702326798092</t>
  </si>
  <si>
    <t>VELUX Rollo manuell RFL CK02 1086S</t>
  </si>
  <si>
    <t>RFL CK02 1086SWL</t>
  </si>
  <si>
    <t>5702326798115</t>
  </si>
  <si>
    <t>VELUX Rollo manuell RFL CK02 1086SWL</t>
  </si>
  <si>
    <t>RFL CK02 4069S</t>
  </si>
  <si>
    <t>5702326798252</t>
  </si>
  <si>
    <t>VELUX Rollo manuell RFL CK02 4069S</t>
  </si>
  <si>
    <t>RFL CK02 4069SWL</t>
  </si>
  <si>
    <t>5702326798269</t>
  </si>
  <si>
    <t>VELUX Rollo manuell RFL CK02 4069SWL</t>
  </si>
  <si>
    <t>RFL CK02 4155S</t>
  </si>
  <si>
    <t>5702327430038</t>
  </si>
  <si>
    <t>VELUX Rollo manuell RFL CK02 4155S</t>
  </si>
  <si>
    <t>RFL CK02 4155SWL</t>
  </si>
  <si>
    <t>5702329099967</t>
  </si>
  <si>
    <t>VELUX Rollo manuell RFL CK02 4155SWL</t>
  </si>
  <si>
    <t>RFL CK02 4161S</t>
  </si>
  <si>
    <t>5702329020886</t>
  </si>
  <si>
    <t>VELUX Rollo manuell RFL CK02 4161S</t>
  </si>
  <si>
    <t>RFL CK02 4161SWL</t>
  </si>
  <si>
    <t>5702329099974</t>
  </si>
  <si>
    <t>VELUX Rollo manuell RFL CK02 4161SWL</t>
  </si>
  <si>
    <t>RFL CK02 4163S</t>
  </si>
  <si>
    <t>5702329020909</t>
  </si>
  <si>
    <t>VELUX Rollo manuell RFL CK02 4163S</t>
  </si>
  <si>
    <t>RFL CK02 4163SWL</t>
  </si>
  <si>
    <t>5702329099998</t>
  </si>
  <si>
    <t>VELUX Rollo manuell RFL CK02 4163SWL</t>
  </si>
  <si>
    <t>RFL CK02 4164S</t>
  </si>
  <si>
    <t>5702329020916</t>
  </si>
  <si>
    <t>VELUX Rollo manuell RFL CK02 4164S</t>
  </si>
  <si>
    <t>RFL CK02 4165SWL</t>
  </si>
  <si>
    <t>5702329100014</t>
  </si>
  <si>
    <t>VELUX Rollo manuell RFL CK02 4165SWL</t>
  </si>
  <si>
    <t>RFL CK02 4166S</t>
  </si>
  <si>
    <t>5702329020930</t>
  </si>
  <si>
    <t>VELUX Rollo manuell RFL CK02 4166S</t>
  </si>
  <si>
    <t>RFL CK02 4166SWL</t>
  </si>
  <si>
    <t>5702329100021</t>
  </si>
  <si>
    <t>VELUX Rollo manuell RFL CK02 4166SWL</t>
  </si>
  <si>
    <t>RFL CK02 4168SWL</t>
  </si>
  <si>
    <t>5702329100045</t>
  </si>
  <si>
    <t>VELUX Rollo manuell RFL CK02 4168SWL</t>
  </si>
  <si>
    <t>RFL CK02 4169S</t>
  </si>
  <si>
    <t>5702329020961</t>
  </si>
  <si>
    <t>VELUX Rollo manuell RFL CK02 4169S</t>
  </si>
  <si>
    <t>RFL CK02 4169SWL</t>
  </si>
  <si>
    <t>5702329100052</t>
  </si>
  <si>
    <t>VELUX Rollo manuell RFL CK02 4169SWL</t>
  </si>
  <si>
    <t>RFL CK02 4170SWL</t>
  </si>
  <si>
    <t>5702329100069</t>
  </si>
  <si>
    <t>VELUX Rollo manuell RFL CK02 4170SWL</t>
  </si>
  <si>
    <t>RFL CK02 4171S</t>
  </si>
  <si>
    <t>5702329020985</t>
  </si>
  <si>
    <t>VELUX Rollo manuell RFL CK02 4171S</t>
  </si>
  <si>
    <t>RFL CK02 4171SWL</t>
  </si>
  <si>
    <t>5702329100076</t>
  </si>
  <si>
    <t>VELUX Rollo manuell RFL CK02 4171SWL</t>
  </si>
  <si>
    <t>RFL CK02 9050S</t>
  </si>
  <si>
    <t>5702326798788</t>
  </si>
  <si>
    <t>VELUX Rollo manuell RFL CK02 9050S</t>
  </si>
  <si>
    <t>RFL CK02 9050SWL</t>
  </si>
  <si>
    <t>5702326798795</t>
  </si>
  <si>
    <t>VELUX Rollo manuell RFL CK02 9050SWL</t>
  </si>
  <si>
    <t>RFL CK02 CBYS</t>
  </si>
  <si>
    <t>5702329271110</t>
  </si>
  <si>
    <t>VELUX Rollo manuell RFL CK02 CBYS</t>
  </si>
  <si>
    <t>RFL CK02 CBYSWL</t>
  </si>
  <si>
    <t>5702329271127</t>
  </si>
  <si>
    <t>VELUX Rollo manuell RFL CK02 CBYSWL</t>
  </si>
  <si>
    <t>RFL CK04 1028S</t>
  </si>
  <si>
    <t>5702326798870</t>
  </si>
  <si>
    <t>VELUX Rollo manuell RFL CK04 1028S</t>
  </si>
  <si>
    <t>RFL CK04 1028SWL</t>
  </si>
  <si>
    <t>5702326798887</t>
  </si>
  <si>
    <t>VELUX Rollo manuell RFL CK04 1028SWL</t>
  </si>
  <si>
    <t>RFL CK04 1086S</t>
  </si>
  <si>
    <t>5702326798894</t>
  </si>
  <si>
    <t>VELUX Rollo manuell RFL CK04 1086S</t>
  </si>
  <si>
    <t>RFL CK04 1086SWL</t>
  </si>
  <si>
    <t>5702326798900</t>
  </si>
  <si>
    <t>VELUX Rollo manuell RFL CK04 1086SWL</t>
  </si>
  <si>
    <t>RFL CK04 4069S</t>
  </si>
  <si>
    <t>5702326799037</t>
  </si>
  <si>
    <t>VELUX Rollo manuell RFL CK04 4069S</t>
  </si>
  <si>
    <t>RFL CK04 4069SWL</t>
  </si>
  <si>
    <t>5702326799044</t>
  </si>
  <si>
    <t>VELUX Rollo manuell RFL CK04 4069SWL</t>
  </si>
  <si>
    <t>RFL CK04 4155S</t>
  </si>
  <si>
    <t>5702327430090</t>
  </si>
  <si>
    <t>VELUX Rollo manuell RFL CK04 4155S</t>
  </si>
  <si>
    <t>RFL CK04 4155SWL</t>
  </si>
  <si>
    <t>5702329100083</t>
  </si>
  <si>
    <t>VELUX Rollo manuell RFL CK04 4155SWL</t>
  </si>
  <si>
    <t>RFL CK04 4161S</t>
  </si>
  <si>
    <t>5702329020992</t>
  </si>
  <si>
    <t>VELUX Rollo manuell RFL CK04 4161S</t>
  </si>
  <si>
    <t>RFL CK04 4161SWL</t>
  </si>
  <si>
    <t>5702329100090</t>
  </si>
  <si>
    <t>VELUX Rollo manuell RFL CK04 4161SWL</t>
  </si>
  <si>
    <t>RFL CK04 4163S</t>
  </si>
  <si>
    <t>5702329021012</t>
  </si>
  <si>
    <t>VELUX Rollo manuell RFL CK04 4163S</t>
  </si>
  <si>
    <t>RFL CK04 4163SWL</t>
  </si>
  <si>
    <t>5702329100113</t>
  </si>
  <si>
    <t>VELUX Rollo manuell RFL CK04 4163SWL</t>
  </si>
  <si>
    <t>RFL CK04 4164S</t>
  </si>
  <si>
    <t>5702329021029</t>
  </si>
  <si>
    <t>VELUX Rollo manuell RFL CK04 4164S</t>
  </si>
  <si>
    <t>RFL CK04 4164SWL</t>
  </si>
  <si>
    <t>5702329100120</t>
  </si>
  <si>
    <t>VELUX Rollo manuell RFL CK04 4164SWL</t>
  </si>
  <si>
    <t>RFL CK04 4165S</t>
  </si>
  <si>
    <t>5702329021036</t>
  </si>
  <si>
    <t>VELUX Rollo manuell RFL CK04 4165S</t>
  </si>
  <si>
    <t>RFL CK04 4166S</t>
  </si>
  <si>
    <t>5702329021043</t>
  </si>
  <si>
    <t>VELUX Rollo manuell RFL CK04 4166S</t>
  </si>
  <si>
    <t>RFL CK04 4166SWL</t>
  </si>
  <si>
    <t>5702329100144</t>
  </si>
  <si>
    <t>VELUX Rollo manuell RFL CK04 4166SWL</t>
  </si>
  <si>
    <t>RFL CK04 4167SWL</t>
  </si>
  <si>
    <t>5702329100151</t>
  </si>
  <si>
    <t>VELUX Rollo manuell RFL CK04 4167SWL</t>
  </si>
  <si>
    <t>RFL CK04 4169S</t>
  </si>
  <si>
    <t>5702329021074</t>
  </si>
  <si>
    <t>VELUX Rollo manuell RFL CK04 4169S</t>
  </si>
  <si>
    <t>RFL CK04 4169SWL</t>
  </si>
  <si>
    <t>5702329100175</t>
  </si>
  <si>
    <t>VELUX Rollo manuell RFL CK04 4169SWL</t>
  </si>
  <si>
    <t>RFL CK04 4170S</t>
  </si>
  <si>
    <t>5702329021081</t>
  </si>
  <si>
    <t>VELUX Rollo manuell RFL CK04 4170S</t>
  </si>
  <si>
    <t>RFL CK04 4170SWL</t>
  </si>
  <si>
    <t>5702329100182</t>
  </si>
  <si>
    <t>VELUX Rollo manuell RFL CK04 4170SWL</t>
  </si>
  <si>
    <t>RFL CK04 4171S</t>
  </si>
  <si>
    <t>5702329021098</t>
  </si>
  <si>
    <t>VELUX Rollo manuell RFL CK04 4171S</t>
  </si>
  <si>
    <t>RFL CK04 4171SWL</t>
  </si>
  <si>
    <t>5702329100199</t>
  </si>
  <si>
    <t>VELUX Rollo manuell RFL CK04 4171SWL</t>
  </si>
  <si>
    <t>RFL CK04 9050S</t>
  </si>
  <si>
    <t>5702326799594</t>
  </si>
  <si>
    <t>VELUX Rollo manuell RFL CK04 9050S</t>
  </si>
  <si>
    <t>RFL CK04 9050SWL</t>
  </si>
  <si>
    <t>5702326799617</t>
  </si>
  <si>
    <t>VELUX Rollo manuell RFL CK04 9050SWL</t>
  </si>
  <si>
    <t>RFL CK04 CBYS</t>
  </si>
  <si>
    <t>5702329271134</t>
  </si>
  <si>
    <t>VELUX Rollo manuell RFL CK04 CBYS</t>
  </si>
  <si>
    <t>RFL CK04 CBYSWL</t>
  </si>
  <si>
    <t>5702329271141</t>
  </si>
  <si>
    <t>VELUX Rollo manuell RFL CK04 CBYSWL</t>
  </si>
  <si>
    <t>RFL CK06 1028S</t>
  </si>
  <si>
    <t>5702326799686</t>
  </si>
  <si>
    <t>VELUX Rollo manuell RFL CK06 1028S</t>
  </si>
  <si>
    <t>RFL CK06 1028SWL</t>
  </si>
  <si>
    <t>5702326799693</t>
  </si>
  <si>
    <t>VELUX Rollo manuell RFL CK06 1028SWL</t>
  </si>
  <si>
    <t>RFL CK06 1086S</t>
  </si>
  <si>
    <t>5702326799709</t>
  </si>
  <si>
    <t>VELUX Rollo manuell RFL CK06 1086S</t>
  </si>
  <si>
    <t>RFL CK06 1086SWL</t>
  </si>
  <si>
    <t>5702326799716</t>
  </si>
  <si>
    <t>VELUX Rollo manuell RFL CK06 1086SWL</t>
  </si>
  <si>
    <t>RFL CK06 4069SWL</t>
  </si>
  <si>
    <t>5702326799860</t>
  </si>
  <si>
    <t>VELUX Rollo manuell RFL CK06 4069SWL</t>
  </si>
  <si>
    <t>RFL CK06 4155S</t>
  </si>
  <si>
    <t>5702327430151</t>
  </si>
  <si>
    <t>VELUX Rollo manuell RFL CK06 4155S</t>
  </si>
  <si>
    <t>RFL CK06 4155SWL</t>
  </si>
  <si>
    <t>5702329100205</t>
  </si>
  <si>
    <t>VELUX Rollo manuell RFL CK06 4155SWL</t>
  </si>
  <si>
    <t>RFL CK06 4161S</t>
  </si>
  <si>
    <t>5702329021104</t>
  </si>
  <si>
    <t>VELUX Rollo manuell RFL CK06 4161S</t>
  </si>
  <si>
    <t>RFL CK06 4161SWL</t>
  </si>
  <si>
    <t>5702329100212</t>
  </si>
  <si>
    <t>VELUX Rollo manuell RFL CK06 4161SWL</t>
  </si>
  <si>
    <t>RFL CK06 4166SWL</t>
  </si>
  <si>
    <t>5702329100267</t>
  </si>
  <si>
    <t>VELUX Rollo manuell RFL CK06 4166SWL</t>
  </si>
  <si>
    <t>RFL CK06 4169SWL</t>
  </si>
  <si>
    <t>5702329100298</t>
  </si>
  <si>
    <t>VELUX Rollo manuell RFL CK06 4169SWL</t>
  </si>
  <si>
    <t>RFL CK06 4170SWL</t>
  </si>
  <si>
    <t>5702329100304</t>
  </si>
  <si>
    <t>VELUX Rollo manuell RFL CK06 4170SWL</t>
  </si>
  <si>
    <t>RFL CK06 9050S</t>
  </si>
  <si>
    <t>5702326800405</t>
  </si>
  <si>
    <t>VELUX Rollo manuell RFL CK06 9050S</t>
  </si>
  <si>
    <t>RFL CK06 9050SWL</t>
  </si>
  <si>
    <t>5702326800412</t>
  </si>
  <si>
    <t>VELUX Rollo manuell RFL CK06 9050SWL</t>
  </si>
  <si>
    <t>RFL CK06 CBYS</t>
  </si>
  <si>
    <t>5702329271158</t>
  </si>
  <si>
    <t>VELUX Rollo manuell RFL CK06 CBYS</t>
  </si>
  <si>
    <t>RFL CK06 CBYSWL</t>
  </si>
  <si>
    <t>5702329271165</t>
  </si>
  <si>
    <t>VELUX Rollo manuell RFL CK06 CBYSWL</t>
  </si>
  <si>
    <t>RFL F04 1028S</t>
  </si>
  <si>
    <t>5702326031175</t>
  </si>
  <si>
    <t>VELUX Rollo manuell RFL F04 1028S</t>
  </si>
  <si>
    <t>RFL F04 1028SWL</t>
  </si>
  <si>
    <t>5702326031199</t>
  </si>
  <si>
    <t>VELUX Rollo manuell RFL F04 1028SWL</t>
  </si>
  <si>
    <t>RFL F04 1086S</t>
  </si>
  <si>
    <t>5702326031205</t>
  </si>
  <si>
    <t>VELUX Rollo manuell RFL F04 1086S</t>
  </si>
  <si>
    <t>RFL F04 1086SWL</t>
  </si>
  <si>
    <t>5702326031212</t>
  </si>
  <si>
    <t>VELUX Rollo manuell RFL F04 1086SWL</t>
  </si>
  <si>
    <t>RFL F04 4161S</t>
  </si>
  <si>
    <t>5702329021210</t>
  </si>
  <si>
    <t>VELUX Rollo manuell RFL F04 4161S</t>
  </si>
  <si>
    <t>RFL F04 4161SWL</t>
  </si>
  <si>
    <t>5702329100335</t>
  </si>
  <si>
    <t>VELUX Rollo manuell RFL F04 4161SWL</t>
  </si>
  <si>
    <t>RFL F04 CBYS</t>
  </si>
  <si>
    <t>5702329271172</t>
  </si>
  <si>
    <t>VELUX Rollo manuell RFL F04 CBYS</t>
  </si>
  <si>
    <t>RFL F04 CBYSWL</t>
  </si>
  <si>
    <t>5702329271189</t>
  </si>
  <si>
    <t>VELUX Rollo manuell RFL F04 CBYSWL</t>
  </si>
  <si>
    <t>RFL F06 1028S</t>
  </si>
  <si>
    <t>5702326032097</t>
  </si>
  <si>
    <t>VELUX Rollo manuell RFL F06 1028S</t>
  </si>
  <si>
    <t>RFL F06 1028SWL</t>
  </si>
  <si>
    <t>5702326032103</t>
  </si>
  <si>
    <t>VELUX Rollo manuell RFL F06 1028SWL</t>
  </si>
  <si>
    <t>RFL F06 1086S</t>
  </si>
  <si>
    <t>5702326032110</t>
  </si>
  <si>
    <t>VELUX Rollo manuell RFL F06 1086S</t>
  </si>
  <si>
    <t>RFL F06 1086SWL</t>
  </si>
  <si>
    <t>5702326032127</t>
  </si>
  <si>
    <t>VELUX Rollo manuell RFL F06 1086SWL</t>
  </si>
  <si>
    <t>RFL F06 4069S</t>
  </si>
  <si>
    <t>5702326032271</t>
  </si>
  <si>
    <t>VELUX Rollo manuell RFL F06 4069S</t>
  </si>
  <si>
    <t>RFL F06 4155S</t>
  </si>
  <si>
    <t>5702327430274</t>
  </si>
  <si>
    <t>VELUX Rollo manuell RFL F06 4155S</t>
  </si>
  <si>
    <t>RFL F06 4155SWL</t>
  </si>
  <si>
    <t>5702329100441</t>
  </si>
  <si>
    <t>VELUX Rollo manuell RFL F06 4155SWL</t>
  </si>
  <si>
    <t>RFL F06 4161S</t>
  </si>
  <si>
    <t>5702329021326</t>
  </si>
  <si>
    <t>VELUX Rollo manuell RFL F06 4161S</t>
  </si>
  <si>
    <t>RFL F06 4161SWL</t>
  </si>
  <si>
    <t>5702329100458</t>
  </si>
  <si>
    <t>VELUX Rollo manuell RFL F06 4161SWL</t>
  </si>
  <si>
    <t>RFL F06 4163S</t>
  </si>
  <si>
    <t>5702329021340</t>
  </si>
  <si>
    <t>VELUX Rollo manuell RFL F06 4163S</t>
  </si>
  <si>
    <t>RFL F06 4164S</t>
  </si>
  <si>
    <t>5702329021357</t>
  </si>
  <si>
    <t>VELUX Rollo manuell RFL F06 4164S</t>
  </si>
  <si>
    <t>RFL F06 4164SWL</t>
  </si>
  <si>
    <t>5702329100489</t>
  </si>
  <si>
    <t>VELUX Rollo manuell RFL F06 4164SWL</t>
  </si>
  <si>
    <t>RFL F06 4166S</t>
  </si>
  <si>
    <t>5702329021371</t>
  </si>
  <si>
    <t>VELUX Rollo manuell RFL F06 4166S</t>
  </si>
  <si>
    <t>RFL F06 4166SWL</t>
  </si>
  <si>
    <t>5702329100502</t>
  </si>
  <si>
    <t>VELUX Rollo manuell RFL F06 4166SWL</t>
  </si>
  <si>
    <t>RFL F06 4167S</t>
  </si>
  <si>
    <t>5702329021388</t>
  </si>
  <si>
    <t>VELUX Rollo manuell RFL F06 4167S</t>
  </si>
  <si>
    <t>RFL F06 4168S</t>
  </si>
  <si>
    <t>5702329021395</t>
  </si>
  <si>
    <t>VELUX Rollo manuell RFL F06 4168S</t>
  </si>
  <si>
    <t>RFL F06 4169S</t>
  </si>
  <si>
    <t>5702329021401</t>
  </si>
  <si>
    <t>VELUX Rollo manuell RFL F06 4169S</t>
  </si>
  <si>
    <t>RFL F06 4169SWL</t>
  </si>
  <si>
    <t>5702329100533</t>
  </si>
  <si>
    <t>VELUX Rollo manuell RFL F06 4169SWL</t>
  </si>
  <si>
    <t>RFL F06 4170S</t>
  </si>
  <si>
    <t>5702329021418</t>
  </si>
  <si>
    <t>VELUX Rollo manuell RFL F06 4170S</t>
  </si>
  <si>
    <t>RFL F06 4170SWL</t>
  </si>
  <si>
    <t>5702329100540</t>
  </si>
  <si>
    <t>VELUX Rollo manuell RFL F06 4170SWL</t>
  </si>
  <si>
    <t>RFL F06 4171S</t>
  </si>
  <si>
    <t>5702329021425</t>
  </si>
  <si>
    <t>VELUX Rollo manuell RFL F06 4171S</t>
  </si>
  <si>
    <t>RFL F06 9050S</t>
  </si>
  <si>
    <t>5702326032905</t>
  </si>
  <si>
    <t>VELUX Rollo manuell RFL F06 9050S</t>
  </si>
  <si>
    <t>RFL F06 9050SWL</t>
  </si>
  <si>
    <t>5702326032912</t>
  </si>
  <si>
    <t>VELUX Rollo manuell RFL F06 9050SWL</t>
  </si>
  <si>
    <t>RFL F06 CBYS</t>
  </si>
  <si>
    <t>5702329271196</t>
  </si>
  <si>
    <t>VELUX Rollo manuell RFL F06 CBYS</t>
  </si>
  <si>
    <t>RFL F06 CBYSWL</t>
  </si>
  <si>
    <t>5702329271202</t>
  </si>
  <si>
    <t>VELUX Rollo manuell RFL F06 CBYSWL</t>
  </si>
  <si>
    <t>RFL F08 1028S</t>
  </si>
  <si>
    <t>5702326033001</t>
  </si>
  <si>
    <t>VELUX Rollo manuell RFL F08 1028S</t>
  </si>
  <si>
    <t>RFL F08 1028SWL</t>
  </si>
  <si>
    <t>5702326033018</t>
  </si>
  <si>
    <t>VELUX Rollo manuell RFL F08 1028SWL</t>
  </si>
  <si>
    <t>RFL F08 1086S</t>
  </si>
  <si>
    <t>5702326033032</t>
  </si>
  <si>
    <t>VELUX Rollo manuell RFL F08 1086S</t>
  </si>
  <si>
    <t>RFL F08 CBYS</t>
  </si>
  <si>
    <t>5702329271219</t>
  </si>
  <si>
    <t>VELUX Rollo manuell RFL F08 CBYS</t>
  </si>
  <si>
    <t>RFL F08 CBYSWL</t>
  </si>
  <si>
    <t>5702329271226</t>
  </si>
  <si>
    <t>VELUX Rollo manuell RFL F08 CBYSWL</t>
  </si>
  <si>
    <t>RFL FK04 1028S</t>
  </si>
  <si>
    <t>5702326800481</t>
  </si>
  <si>
    <t>VELUX Rollo manuell RFL FK04 1028S</t>
  </si>
  <si>
    <t>RFL FK04 1028SWL</t>
  </si>
  <si>
    <t>5702326800498</t>
  </si>
  <si>
    <t>VELUX Rollo manuell RFL FK04 1028SWL</t>
  </si>
  <si>
    <t>RFL FK04 1086S</t>
  </si>
  <si>
    <t>5702326800504</t>
  </si>
  <si>
    <t>VELUX Rollo manuell RFL FK04 1086S</t>
  </si>
  <si>
    <t>RFL FK04 1086SWL</t>
  </si>
  <si>
    <t>5702326800511</t>
  </si>
  <si>
    <t>VELUX Rollo manuell RFL FK04 1086SWL</t>
  </si>
  <si>
    <t>RFL FK04 4155S</t>
  </si>
  <si>
    <t>5702327430397</t>
  </si>
  <si>
    <t>VELUX Rollo manuell RFL FK04 4155S</t>
  </si>
  <si>
    <t>RFL FK04 4155SWL</t>
  </si>
  <si>
    <t>5702329100687</t>
  </si>
  <si>
    <t>VELUX Rollo manuell RFL FK04 4155SWL</t>
  </si>
  <si>
    <t>RFL FK04 4161S</t>
  </si>
  <si>
    <t>5702329021548</t>
  </si>
  <si>
    <t>VELUX Rollo manuell RFL FK04 4161S</t>
  </si>
  <si>
    <t>RFL FK04 4161SWL</t>
  </si>
  <si>
    <t>5702329100694</t>
  </si>
  <si>
    <t>VELUX Rollo manuell RFL FK04 4161SWL</t>
  </si>
  <si>
    <t>RFL FK04 4166SWL</t>
  </si>
  <si>
    <t>5702329100748</t>
  </si>
  <si>
    <t>VELUX Rollo manuell RFL FK04 4166SWL</t>
  </si>
  <si>
    <t>RFL FK04 4169SWL</t>
  </si>
  <si>
    <t>5702329100779</t>
  </si>
  <si>
    <t>VELUX Rollo manuell RFL FK04 4169SWL</t>
  </si>
  <si>
    <t>RFL FK04 9050S</t>
  </si>
  <si>
    <t>5702326801273</t>
  </si>
  <si>
    <t>VELUX Rollo manuell RFL FK04 9050S</t>
  </si>
  <si>
    <t>RFL FK04 9050SWL</t>
  </si>
  <si>
    <t>5702326801280</t>
  </si>
  <si>
    <t>VELUX Rollo manuell RFL FK04 9050SWL</t>
  </si>
  <si>
    <t>RFL FK04 CBYS</t>
  </si>
  <si>
    <t>5702329271233</t>
  </si>
  <si>
    <t>VELUX Rollo manuell RFL FK04 CBYS</t>
  </si>
  <si>
    <t>RFL FK04 CBYSWL</t>
  </si>
  <si>
    <t>5702329271240</t>
  </si>
  <si>
    <t>VELUX Rollo manuell RFL FK04 CBYSWL</t>
  </si>
  <si>
    <t>RFL FK06 1028S</t>
  </si>
  <si>
    <t>5702326801372</t>
  </si>
  <si>
    <t>VELUX Rollo manuell RFL FK06 1028S</t>
  </si>
  <si>
    <t>RFL FK06 1028SWL</t>
  </si>
  <si>
    <t>5702326801389</t>
  </si>
  <si>
    <t>VELUX Rollo manuell RFL FK06 1028SWL</t>
  </si>
  <si>
    <t>RFL FK06 1086S</t>
  </si>
  <si>
    <t>5702326801396</t>
  </si>
  <si>
    <t>VELUX Rollo manuell RFL FK06 1086S</t>
  </si>
  <si>
    <t>RFL FK06 1086SWL</t>
  </si>
  <si>
    <t>5702326801419</t>
  </si>
  <si>
    <t>VELUX Rollo manuell RFL FK06 1086SWL</t>
  </si>
  <si>
    <t>RFL FK06 4069S</t>
  </si>
  <si>
    <t>5702326801549</t>
  </si>
  <si>
    <t>VELUX Rollo manuell RFL FK06 4069S</t>
  </si>
  <si>
    <t>RFL FK06 4069SWL</t>
  </si>
  <si>
    <t>5702326801556</t>
  </si>
  <si>
    <t>VELUX Rollo manuell RFL FK06 4069SWL</t>
  </si>
  <si>
    <t>RFL FK06 4155S</t>
  </si>
  <si>
    <t>5702327430458</t>
  </si>
  <si>
    <t>VELUX Rollo manuell RFL FK06 4155S</t>
  </si>
  <si>
    <t>RFL FK06 4155SWL</t>
  </si>
  <si>
    <t>5702329100809</t>
  </si>
  <si>
    <t>VELUX Rollo manuell RFL FK06 4155SWL</t>
  </si>
  <si>
    <t>RFL FK06 4161S</t>
  </si>
  <si>
    <t>5702329021654</t>
  </si>
  <si>
    <t>VELUX Rollo manuell RFL FK06 4161S</t>
  </si>
  <si>
    <t>RFL FK06 4161SWL</t>
  </si>
  <si>
    <t>5702329100816</t>
  </si>
  <si>
    <t>VELUX Rollo manuell RFL FK06 4161SWL</t>
  </si>
  <si>
    <t>RFL FK06 4162S</t>
  </si>
  <si>
    <t>5702329021661</t>
  </si>
  <si>
    <t>VELUX Rollo manuell RFL FK06 4162S</t>
  </si>
  <si>
    <t>RFL FK06 4162SWL</t>
  </si>
  <si>
    <t>5702329100823</t>
  </si>
  <si>
    <t>VELUX Rollo manuell RFL FK06 4162SWL</t>
  </si>
  <si>
    <t>RFL FK06 4163S</t>
  </si>
  <si>
    <t>5702329021678</t>
  </si>
  <si>
    <t>VELUX Rollo manuell RFL FK06 4163S</t>
  </si>
  <si>
    <t>RFL FK06 4163SWL</t>
  </si>
  <si>
    <t>5702329100830</t>
  </si>
  <si>
    <t>VELUX Rollo manuell RFL FK06 4163SWL</t>
  </si>
  <si>
    <t>RFL FK06 4164S</t>
  </si>
  <si>
    <t>5702329021685</t>
  </si>
  <si>
    <t>VELUX Rollo manuell RFL FK06 4164S</t>
  </si>
  <si>
    <t>RFL FK06 4164SWL</t>
  </si>
  <si>
    <t>5702329100847</t>
  </si>
  <si>
    <t>VELUX Rollo manuell RFL FK06 4164SWL</t>
  </si>
  <si>
    <t>RFL FK06 4165SWL</t>
  </si>
  <si>
    <t>5702329100854</t>
  </si>
  <si>
    <t>VELUX Rollo manuell RFL FK06 4165SWL</t>
  </si>
  <si>
    <t>RFL FK06 4166S</t>
  </si>
  <si>
    <t>5702329021708</t>
  </si>
  <si>
    <t>VELUX Rollo manuell RFL FK06 4166S</t>
  </si>
  <si>
    <t>RFL FK06 4166SWL</t>
  </si>
  <si>
    <t>5702329100861</t>
  </si>
  <si>
    <t>VELUX Rollo manuell RFL FK06 4166SWL</t>
  </si>
  <si>
    <t>RFL FK06 4167S</t>
  </si>
  <si>
    <t>5702329021715</t>
  </si>
  <si>
    <t>VELUX Rollo manuell RFL FK06 4167S</t>
  </si>
  <si>
    <t>RFL FK06 4167SWL</t>
  </si>
  <si>
    <t>5702329100878</t>
  </si>
  <si>
    <t>VELUX Rollo manuell RFL FK06 4167SWL</t>
  </si>
  <si>
    <t>RFL FK06 4168S</t>
  </si>
  <si>
    <t>5702329021722</t>
  </si>
  <si>
    <t>VELUX Rollo manuell RFL FK06 4168S</t>
  </si>
  <si>
    <t>RFL FK06 4168SWL</t>
  </si>
  <si>
    <t>5702329100885</t>
  </si>
  <si>
    <t>VELUX Rollo manuell RFL FK06 4168SWL</t>
  </si>
  <si>
    <t>RFL FK06 4169S</t>
  </si>
  <si>
    <t>5702329021739</t>
  </si>
  <si>
    <t>VELUX Rollo manuell RFL FK06 4169S</t>
  </si>
  <si>
    <t>RFL FK06 4169SWL</t>
  </si>
  <si>
    <t>5702329100892</t>
  </si>
  <si>
    <t>VELUX Rollo manuell RFL FK06 4169SWL</t>
  </si>
  <si>
    <t>RFL FK06 4170S</t>
  </si>
  <si>
    <t>5702329021746</t>
  </si>
  <si>
    <t>VELUX Rollo manuell RFL FK06 4170S</t>
  </si>
  <si>
    <t>RFL FK06 4170SWL</t>
  </si>
  <si>
    <t>5702329100908</t>
  </si>
  <si>
    <t>VELUX Rollo manuell RFL FK06 4170SWL</t>
  </si>
  <si>
    <t>RFL FK06 4171S</t>
  </si>
  <si>
    <t>5702329021753</t>
  </si>
  <si>
    <t>VELUX Rollo manuell RFL FK06 4171S</t>
  </si>
  <si>
    <t>RFL FK06 4171SWL</t>
  </si>
  <si>
    <t>5702329100915</t>
  </si>
  <si>
    <t>VELUX Rollo manuell RFL FK06 4171SWL</t>
  </si>
  <si>
    <t>RFL FK06 9050S</t>
  </si>
  <si>
    <t>5702326802126</t>
  </si>
  <si>
    <t>VELUX Rollo manuell RFL FK06 9050S</t>
  </si>
  <si>
    <t>RFL FK06 9050SWL</t>
  </si>
  <si>
    <t>5702326802133</t>
  </si>
  <si>
    <t>VELUX Rollo manuell RFL FK06 9050SWL</t>
  </si>
  <si>
    <t>RFL FK06 CBYS</t>
  </si>
  <si>
    <t>5702329271257</t>
  </si>
  <si>
    <t>VELUX Rollo manuell RFL FK06 CBYS</t>
  </si>
  <si>
    <t>RFL FK06 CBYSWL</t>
  </si>
  <si>
    <t>5702329271264</t>
  </si>
  <si>
    <t>VELUX Rollo manuell RFL FK06 CBYSWL</t>
  </si>
  <si>
    <t>RFL FK08 1028S</t>
  </si>
  <si>
    <t>5702326802218</t>
  </si>
  <si>
    <t>VELUX Rollo manuell RFL FK08 1028S</t>
  </si>
  <si>
    <t>RFL FK08 1028SWL</t>
  </si>
  <si>
    <t>5702326802225</t>
  </si>
  <si>
    <t>VELUX Rollo manuell RFL FK08 1028SWL</t>
  </si>
  <si>
    <t>RFL FK08 1086S</t>
  </si>
  <si>
    <t>5702326802232</t>
  </si>
  <si>
    <t>VELUX Rollo manuell RFL FK08 1086S</t>
  </si>
  <si>
    <t>RFL FK08 1086SWL</t>
  </si>
  <si>
    <t>5702326802249</t>
  </si>
  <si>
    <t>VELUX Rollo manuell RFL FK08 1086SWL</t>
  </si>
  <si>
    <t>RFL FK08 4069S</t>
  </si>
  <si>
    <t>5702326802423</t>
  </si>
  <si>
    <t>VELUX Rollo manuell RFL FK08 4069S</t>
  </si>
  <si>
    <t>RFL FK08 4155S</t>
  </si>
  <si>
    <t>5702327430519</t>
  </si>
  <si>
    <t>VELUX Rollo manuell RFL FK08 4155S</t>
  </si>
  <si>
    <t>RFL FK08 4155SWL</t>
  </si>
  <si>
    <t>5702329100922</t>
  </si>
  <si>
    <t>VELUX Rollo manuell RFL FK08 4155SWL</t>
  </si>
  <si>
    <t>RFL FK08 4161S</t>
  </si>
  <si>
    <t>5702329021760</t>
  </si>
  <si>
    <t>VELUX Rollo manuell RFL FK08 4161S</t>
  </si>
  <si>
    <t>RFL FK08 4161SWL</t>
  </si>
  <si>
    <t>5702329100939</t>
  </si>
  <si>
    <t>VELUX Rollo manuell RFL FK08 4161SWL</t>
  </si>
  <si>
    <t>RFL FK08 4166SWL</t>
  </si>
  <si>
    <t>5702329100984</t>
  </si>
  <si>
    <t>VELUX Rollo manuell RFL FK08 4166SWL</t>
  </si>
  <si>
    <t>RFL FK08 4167SWL</t>
  </si>
  <si>
    <t>5702329100991</t>
  </si>
  <si>
    <t>VELUX Rollo manuell RFL FK08 4167SWL</t>
  </si>
  <si>
    <t>RFL FK08 4169S</t>
  </si>
  <si>
    <t>5702329021845</t>
  </si>
  <si>
    <t>VELUX Rollo manuell RFL FK08 4169S</t>
  </si>
  <si>
    <t>RFL FK08 4169SWL</t>
  </si>
  <si>
    <t>5702329101011</t>
  </si>
  <si>
    <t>VELUX Rollo manuell RFL FK08 4169SWL</t>
  </si>
  <si>
    <t>RFL FK08 9050S</t>
  </si>
  <si>
    <t>5702326802980</t>
  </si>
  <si>
    <t>VELUX Rollo manuell RFL FK08 9050S</t>
  </si>
  <si>
    <t>RFL FK08 9050SWL</t>
  </si>
  <si>
    <t>5702326802997</t>
  </si>
  <si>
    <t>VELUX Rollo manuell RFL FK08 9050SWL</t>
  </si>
  <si>
    <t>RFL FK08 CBYS</t>
  </si>
  <si>
    <t>5702329271271</t>
  </si>
  <si>
    <t>VELUX Rollo manuell RFL FK08 CBYS</t>
  </si>
  <si>
    <t>RFL FK08 CBYSWL</t>
  </si>
  <si>
    <t>5702329271288</t>
  </si>
  <si>
    <t>VELUX Rollo manuell RFL FK08 CBYSWL</t>
  </si>
  <si>
    <t>RFL M04 1028S</t>
  </si>
  <si>
    <t>5702326033933</t>
  </si>
  <si>
    <t>VELUX Rollo manuell RFL M04 1028S</t>
  </si>
  <si>
    <t>RFL M04 1028SWL</t>
  </si>
  <si>
    <t>5702326033957</t>
  </si>
  <si>
    <t>VELUX Rollo manuell RFL M04 1028SWL</t>
  </si>
  <si>
    <t>RFL M04 1086S</t>
  </si>
  <si>
    <t>5702326033971</t>
  </si>
  <si>
    <t>VELUX Rollo manuell RFL M04 1086S</t>
  </si>
  <si>
    <t>RFL M04 1086SWL</t>
  </si>
  <si>
    <t>5702326033988</t>
  </si>
  <si>
    <t>VELUX Rollo manuell RFL M04 1086SWL</t>
  </si>
  <si>
    <t>RFL M04 4069S</t>
  </si>
  <si>
    <t>5702326034145</t>
  </si>
  <si>
    <t>VELUX Rollo manuell RFL M04 4069S</t>
  </si>
  <si>
    <t>RFL M04 4069SWL</t>
  </si>
  <si>
    <t>5702326034152</t>
  </si>
  <si>
    <t>VELUX Rollo manuell RFL M04 4069SWL</t>
  </si>
  <si>
    <t>RFL M04 4155S</t>
  </si>
  <si>
    <t>5702327430571</t>
  </si>
  <si>
    <t>VELUX Rollo manuell RFL M04 4155S</t>
  </si>
  <si>
    <t>RFL M04 4155SWL</t>
  </si>
  <si>
    <t>5702329101042</t>
  </si>
  <si>
    <t>VELUX Rollo manuell RFL M04 4155SWL</t>
  </si>
  <si>
    <t>RFL M04 4161S</t>
  </si>
  <si>
    <t>5702329021876</t>
  </si>
  <si>
    <t>VELUX Rollo manuell RFL M04 4161S</t>
  </si>
  <si>
    <t>RFL M04 4161SWL</t>
  </si>
  <si>
    <t>5702329101059</t>
  </si>
  <si>
    <t>VELUX Rollo manuell RFL M04 4161SWL</t>
  </si>
  <si>
    <t>RFL M04 4162S</t>
  </si>
  <si>
    <t>5702329021883</t>
  </si>
  <si>
    <t>VELUX Rollo manuell RFL M04 4162S</t>
  </si>
  <si>
    <t>RFL M04 4163S</t>
  </si>
  <si>
    <t>5702329021890</t>
  </si>
  <si>
    <t>VELUX Rollo manuell RFL M04 4163S</t>
  </si>
  <si>
    <t>RFL M04 4163SWL</t>
  </si>
  <si>
    <t>5702329101073</t>
  </si>
  <si>
    <t>VELUX Rollo manuell RFL M04 4163SWL</t>
  </si>
  <si>
    <t>RFL M04 4164S</t>
  </si>
  <si>
    <t>5702329021906</t>
  </si>
  <si>
    <t>VELUX Rollo manuell RFL M04 4164S</t>
  </si>
  <si>
    <t>RFL M04 4164SWL</t>
  </si>
  <si>
    <t>5702329101080</t>
  </si>
  <si>
    <t>VELUX Rollo manuell RFL M04 4164SWL</t>
  </si>
  <si>
    <t>RFL M04 4165S</t>
  </si>
  <si>
    <t>5702329021913</t>
  </si>
  <si>
    <t>VELUX Rollo manuell RFL M04 4165S</t>
  </si>
  <si>
    <t>RFL M04 4166S</t>
  </si>
  <si>
    <t>5702329021920</t>
  </si>
  <si>
    <t>VELUX Rollo manuell RFL M04 4166S</t>
  </si>
  <si>
    <t>RFL M04 4166SWL</t>
  </si>
  <si>
    <t>5702329101103</t>
  </si>
  <si>
    <t>VELUX Rollo manuell RFL M04 4166SWL</t>
  </si>
  <si>
    <t>RFL M04 4167S</t>
  </si>
  <si>
    <t>5702329021937</t>
  </si>
  <si>
    <t>VELUX Rollo manuell RFL M04 4167S</t>
  </si>
  <si>
    <t>RFL M04 4167SWL</t>
  </si>
  <si>
    <t>5702329101110</t>
  </si>
  <si>
    <t>VELUX Rollo manuell RFL M04 4167SWL</t>
  </si>
  <si>
    <t>RFL M04 4168S</t>
  </si>
  <si>
    <t>5702329021944</t>
  </si>
  <si>
    <t>VELUX Rollo manuell RFL M04 4168S</t>
  </si>
  <si>
    <t>RFL M04 4168SWL</t>
  </si>
  <si>
    <t>5702329101127</t>
  </si>
  <si>
    <t>VELUX Rollo manuell RFL M04 4168SWL</t>
  </si>
  <si>
    <t>RFL M04 4169S</t>
  </si>
  <si>
    <t>5702329021951</t>
  </si>
  <si>
    <t>VELUX Rollo manuell RFL M04 4169S</t>
  </si>
  <si>
    <t>RFL M04 4169SWL</t>
  </si>
  <si>
    <t>5702329101134</t>
  </si>
  <si>
    <t>VELUX Rollo manuell RFL M04 4169SWL</t>
  </si>
  <si>
    <t>RFL M04 4170S</t>
  </si>
  <si>
    <t>5702329021968</t>
  </si>
  <si>
    <t>VELUX Rollo manuell RFL M04 4170S</t>
  </si>
  <si>
    <t>RFL M04 4170SWL</t>
  </si>
  <si>
    <t>5702329101141</t>
  </si>
  <si>
    <t>VELUX Rollo manuell RFL M04 4170SWL</t>
  </si>
  <si>
    <t>RFL M04 4171S</t>
  </si>
  <si>
    <t>5702329021975</t>
  </si>
  <si>
    <t>VELUX Rollo manuell RFL M04 4171S</t>
  </si>
  <si>
    <t>RFL M04 4171SWL</t>
  </si>
  <si>
    <t>5702329101158</t>
  </si>
  <si>
    <t>VELUX Rollo manuell RFL M04 4171SWL</t>
  </si>
  <si>
    <t>RFL M04 9050S</t>
  </si>
  <si>
    <t>5702326034794</t>
  </si>
  <si>
    <t>VELUX Rollo manuell RFL M04 9050S</t>
  </si>
  <si>
    <t>RFL M04 9050SWL</t>
  </si>
  <si>
    <t>5702326034800</t>
  </si>
  <si>
    <t>VELUX Rollo manuell RFL M04 9050SWL</t>
  </si>
  <si>
    <t>RFL M04 CBYS</t>
  </si>
  <si>
    <t>5702329271295</t>
  </si>
  <si>
    <t>VELUX Rollo manuell RFL M04 CBYS</t>
  </si>
  <si>
    <t>RFL M04 CBYSWL</t>
  </si>
  <si>
    <t>5702329271301</t>
  </si>
  <si>
    <t>VELUX Rollo manuell RFL M04 CBYSWL</t>
  </si>
  <si>
    <t>RFL M06 1028S</t>
  </si>
  <si>
    <t>5702326034879</t>
  </si>
  <si>
    <t>VELUX Rollo manuell RFL M06 1028S</t>
  </si>
  <si>
    <t>RFL M06 1028SWL</t>
  </si>
  <si>
    <t>5702326034893</t>
  </si>
  <si>
    <t>VELUX Rollo manuell RFL M06 1028SWL</t>
  </si>
  <si>
    <t>RFL M06 1086S</t>
  </si>
  <si>
    <t>5702326034909</t>
  </si>
  <si>
    <t>VELUX Rollo manuell RFL M06 1086S</t>
  </si>
  <si>
    <t>RFL M06 1086SWL</t>
  </si>
  <si>
    <t>5702326034916</t>
  </si>
  <si>
    <t>VELUX Rollo manuell RFL M06 1086SWL</t>
  </si>
  <si>
    <t>RFL M06 4069S</t>
  </si>
  <si>
    <t>5702326035081</t>
  </si>
  <si>
    <t>VELUX Rollo manuell RFL M06 4069S</t>
  </si>
  <si>
    <t>RFL M06 4069SWL</t>
  </si>
  <si>
    <t>5702326035098</t>
  </si>
  <si>
    <t>VELUX Rollo manuell RFL M06 4069SWL</t>
  </si>
  <si>
    <t>RFL M06 4155S</t>
  </si>
  <si>
    <t>5702327430632</t>
  </si>
  <si>
    <t>VELUX Rollo manuell RFL M06 4155S</t>
  </si>
  <si>
    <t>RFL M06 4155SWL</t>
  </si>
  <si>
    <t>5702329101165</t>
  </si>
  <si>
    <t>VELUX Rollo manuell RFL M06 4155SWL</t>
  </si>
  <si>
    <t>RFL M06 4161S</t>
  </si>
  <si>
    <t>5702329021982</t>
  </si>
  <si>
    <t>VELUX Rollo manuell RFL M06 4161S</t>
  </si>
  <si>
    <t>RFL M06 4161SWL</t>
  </si>
  <si>
    <t>5702329101172</t>
  </si>
  <si>
    <t>VELUX Rollo manuell RFL M06 4161SWL</t>
  </si>
  <si>
    <t>RFL M06 4162S</t>
  </si>
  <si>
    <t>5702329021999</t>
  </si>
  <si>
    <t>VELUX Rollo manuell RFL M06 4162S</t>
  </si>
  <si>
    <t>RFL M06 4163S</t>
  </si>
  <si>
    <t>5702329022002</t>
  </si>
  <si>
    <t>VELUX Rollo manuell RFL M06 4163S</t>
  </si>
  <si>
    <t>RFL M06 4163SWL</t>
  </si>
  <si>
    <t>5702329101196</t>
  </si>
  <si>
    <t>VELUX Rollo manuell RFL M06 4163SWL</t>
  </si>
  <si>
    <t>RFL M06 4164S</t>
  </si>
  <si>
    <t>5702329022019</t>
  </si>
  <si>
    <t>VELUX Rollo manuell RFL M06 4164S</t>
  </si>
  <si>
    <t>RFL M06 4164SWL</t>
  </si>
  <si>
    <t>5702329101202</t>
  </si>
  <si>
    <t>VELUX Rollo manuell RFL M06 4164SWL</t>
  </si>
  <si>
    <t>RFL M06 4165S</t>
  </si>
  <si>
    <t>5702329022026</t>
  </si>
  <si>
    <t>VELUX Rollo manuell RFL M06 4165S</t>
  </si>
  <si>
    <t>RFL M06 4166S</t>
  </si>
  <si>
    <t>5702329022033</t>
  </si>
  <si>
    <t>VELUX Rollo manuell RFL M06 4166S</t>
  </si>
  <si>
    <t>RFL M06 4166SWL</t>
  </si>
  <si>
    <t>5702329101226</t>
  </si>
  <si>
    <t>VELUX Rollo manuell RFL M06 4166SWL</t>
  </si>
  <si>
    <t>RFL M06 4167S</t>
  </si>
  <si>
    <t>5702329022040</t>
  </si>
  <si>
    <t>VELUX Rollo manuell RFL M06 4167S</t>
  </si>
  <si>
    <t>RFL M06 4167SWL</t>
  </si>
  <si>
    <t>5702329101233</t>
  </si>
  <si>
    <t>VELUX Rollo manuell RFL M06 4167SWL</t>
  </si>
  <si>
    <t>RFL M06 4168S</t>
  </si>
  <si>
    <t>5702329022057</t>
  </si>
  <si>
    <t>VELUX Rollo manuell RFL M06 4168S</t>
  </si>
  <si>
    <t>RFL M06 4169S</t>
  </si>
  <si>
    <t>5702329022064</t>
  </si>
  <si>
    <t>VELUX Rollo manuell RFL M06 4169S</t>
  </si>
  <si>
    <t>RFL M06 4169SWL</t>
  </si>
  <si>
    <t>5702329101257</t>
  </si>
  <si>
    <t>VELUX Rollo manuell RFL M06 4169SWL</t>
  </si>
  <si>
    <t>RFL M06 4170S</t>
  </si>
  <si>
    <t>5702329022071</t>
  </si>
  <si>
    <t>VELUX Rollo manuell RFL M06 4170S</t>
  </si>
  <si>
    <t>RFL M06 4170SWL</t>
  </si>
  <si>
    <t>5702329101264</t>
  </si>
  <si>
    <t>VELUX Rollo manuell RFL M06 4170SWL</t>
  </si>
  <si>
    <t>RFL M06 4171S</t>
  </si>
  <si>
    <t>5702329022088</t>
  </si>
  <si>
    <t>VELUX Rollo manuell RFL M06 4171S</t>
  </si>
  <si>
    <t>RFL M06 4171SWL</t>
  </si>
  <si>
    <t>5702329101271</t>
  </si>
  <si>
    <t>VELUX Rollo manuell RFL M06 4171SWL</t>
  </si>
  <si>
    <t>RFL M06 9050S</t>
  </si>
  <si>
    <t>5702326035722</t>
  </si>
  <si>
    <t>VELUX Rollo manuell RFL M06 9050S</t>
  </si>
  <si>
    <t>RFL M06 9050SWL</t>
  </si>
  <si>
    <t>5702326035739</t>
  </si>
  <si>
    <t>VELUX Rollo manuell RFL M06 9050SWL</t>
  </si>
  <si>
    <t>RFL M06 CBYS</t>
  </si>
  <si>
    <t>5702329271318</t>
  </si>
  <si>
    <t>VELUX Rollo manuell RFL M06 CBYS</t>
  </si>
  <si>
    <t>RFL M06 CBYSWL</t>
  </si>
  <si>
    <t>5702329271325</t>
  </si>
  <si>
    <t>VELUX Rollo manuell RFL M06 CBYSWL</t>
  </si>
  <si>
    <t>RFL M08 1028S</t>
  </si>
  <si>
    <t>5702326035814</t>
  </si>
  <si>
    <t>VELUX Rollo manuell RFL M08 1028S</t>
  </si>
  <si>
    <t>RFL M08 1028SWL</t>
  </si>
  <si>
    <t>5702326035821</t>
  </si>
  <si>
    <t>VELUX Rollo manuell RFL M08 1028SWL</t>
  </si>
  <si>
    <t>RFL M08 1086S</t>
  </si>
  <si>
    <t>5702326035845</t>
  </si>
  <si>
    <t>VELUX Rollo manuell RFL M08 1086S</t>
  </si>
  <si>
    <t>RFL M08 1086SWL</t>
  </si>
  <si>
    <t>5702326035852</t>
  </si>
  <si>
    <t>VELUX Rollo manuell RFL M08 1086SWL</t>
  </si>
  <si>
    <t>RFL M08 4069S</t>
  </si>
  <si>
    <t>5702326036033</t>
  </si>
  <si>
    <t>VELUX Rollo manuell RFL M08 4069S</t>
  </si>
  <si>
    <t>RFL M08 4069SWL</t>
  </si>
  <si>
    <t>5702326036057</t>
  </si>
  <si>
    <t>VELUX Rollo manuell RFL M08 4069SWL</t>
  </si>
  <si>
    <t>RFL M08 4155S</t>
  </si>
  <si>
    <t>5702327430694</t>
  </si>
  <si>
    <t>VELUX Rollo manuell RFL M08 4155S</t>
  </si>
  <si>
    <t>RFL M08 4155SWL</t>
  </si>
  <si>
    <t>5702329101288</t>
  </si>
  <si>
    <t>VELUX Rollo manuell RFL M08 4155SWL</t>
  </si>
  <si>
    <t>RFL M08 4161S</t>
  </si>
  <si>
    <t>5702329022095</t>
  </si>
  <si>
    <t>VELUX Rollo manuell RFL M08 4161S</t>
  </si>
  <si>
    <t>RFL M08 4161SWL</t>
  </si>
  <si>
    <t>5702329101295</t>
  </si>
  <si>
    <t>VELUX Rollo manuell RFL M08 4161SWL</t>
  </si>
  <si>
    <t>RFL M08 4162S</t>
  </si>
  <si>
    <t>5702329022101</t>
  </si>
  <si>
    <t>VELUX Rollo manuell RFL M08 4162S</t>
  </si>
  <si>
    <t>RFL M08 4162SWL</t>
  </si>
  <si>
    <t>5702329101301</t>
  </si>
  <si>
    <t>VELUX Rollo manuell RFL M08 4162SWL</t>
  </si>
  <si>
    <t>RFL M08 4163S</t>
  </si>
  <si>
    <t>5702329022118</t>
  </si>
  <si>
    <t>VELUX Rollo manuell RFL M08 4163S</t>
  </si>
  <si>
    <t>RFL M08 4163SWL</t>
  </si>
  <si>
    <t>5702329101318</t>
  </si>
  <si>
    <t>VELUX Rollo manuell RFL M08 4163SWL</t>
  </si>
  <si>
    <t>RFL M08 4164S</t>
  </si>
  <si>
    <t>5702329022125</t>
  </si>
  <si>
    <t>VELUX Rollo manuell RFL M08 4164S</t>
  </si>
  <si>
    <t>RFL M08 4164SWL</t>
  </si>
  <si>
    <t>5702329101325</t>
  </si>
  <si>
    <t>VELUX Rollo manuell RFL M08 4164SWL</t>
  </si>
  <si>
    <t>RFL M08 4165S</t>
  </si>
  <si>
    <t>5702329022132</t>
  </si>
  <si>
    <t>VELUX Rollo manuell RFL M08 4165S</t>
  </si>
  <si>
    <t>RFL M08 4165SWL</t>
  </si>
  <si>
    <t>5702329101332</t>
  </si>
  <si>
    <t>VELUX Rollo manuell RFL M08 4165SWL</t>
  </si>
  <si>
    <t>RFL M08 4166S</t>
  </si>
  <si>
    <t>5702329022149</t>
  </si>
  <si>
    <t>VELUX Rollo manuell RFL M08 4166S</t>
  </si>
  <si>
    <t>RFL M08 4166SWL</t>
  </si>
  <si>
    <t>5702329101349</t>
  </si>
  <si>
    <t>VELUX Rollo manuell RFL M08 4166SWL</t>
  </si>
  <si>
    <t>RFL M08 4167S</t>
  </si>
  <si>
    <t>5702329022156</t>
  </si>
  <si>
    <t>VELUX Rollo manuell RFL M08 4167S</t>
  </si>
  <si>
    <t>RFL M08 4167SWL</t>
  </si>
  <si>
    <t>5702329101356</t>
  </si>
  <si>
    <t>VELUX Rollo manuell RFL M08 4167SWL</t>
  </si>
  <si>
    <t>RFL M08 4168S</t>
  </si>
  <si>
    <t>5702329022163</t>
  </si>
  <si>
    <t>VELUX Rollo manuell RFL M08 4168S</t>
  </si>
  <si>
    <t>RFL M08 4168SWL</t>
  </si>
  <si>
    <t>5702329101363</t>
  </si>
  <si>
    <t>VELUX Rollo manuell RFL M08 4168SWL</t>
  </si>
  <si>
    <t>RFL M08 4169S</t>
  </si>
  <si>
    <t>5702329022170</t>
  </si>
  <si>
    <t>VELUX Rollo manuell RFL M08 4169S</t>
  </si>
  <si>
    <t>RFL M08 4169SWL</t>
  </si>
  <si>
    <t>5702329101370</t>
  </si>
  <si>
    <t>VELUX Rollo manuell RFL M08 4169SWL</t>
  </si>
  <si>
    <t>RFL M08 4170S</t>
  </si>
  <si>
    <t>5702329022187</t>
  </si>
  <si>
    <t>VELUX Rollo manuell RFL M08 4170S</t>
  </si>
  <si>
    <t>RFL M08 4170SWL</t>
  </si>
  <si>
    <t>5702329101387</t>
  </si>
  <si>
    <t>VELUX Rollo manuell RFL M08 4170SWL</t>
  </si>
  <si>
    <t>RFL M08 4171S</t>
  </si>
  <si>
    <t>5702329022194</t>
  </si>
  <si>
    <t>VELUX Rollo manuell RFL M08 4171S</t>
  </si>
  <si>
    <t>RFL M08 4171SWL</t>
  </si>
  <si>
    <t>5702329101394</t>
  </si>
  <si>
    <t>VELUX Rollo manuell RFL M08 4171SWL</t>
  </si>
  <si>
    <t>RFL M08 9050S</t>
  </si>
  <si>
    <t>5702326036675</t>
  </si>
  <si>
    <t>VELUX Rollo manuell RFL M08 9050S</t>
  </si>
  <si>
    <t>RFL M08 9050SWL</t>
  </si>
  <si>
    <t>5702326036699</t>
  </si>
  <si>
    <t>VELUX Rollo manuell RFL M08 9050SWL</t>
  </si>
  <si>
    <t>RFL M08 CBYS</t>
  </si>
  <si>
    <t>5702329271332</t>
  </si>
  <si>
    <t>VELUX Rollo manuell RFL M08 CBYS</t>
  </si>
  <si>
    <t>RFL M08 CBYSWL</t>
  </si>
  <si>
    <t>5702329271349</t>
  </si>
  <si>
    <t>VELUX Rollo manuell RFL M08 CBYSWL</t>
  </si>
  <si>
    <t>RFL M10 1028S</t>
  </si>
  <si>
    <t>5702326036774</t>
  </si>
  <si>
    <t>VELUX Rollo manuell RFL M10 1028S</t>
  </si>
  <si>
    <t>RFL M10 1028SWL</t>
  </si>
  <si>
    <t>5702326036781</t>
  </si>
  <si>
    <t>VELUX Rollo manuell RFL M10 1028SWL</t>
  </si>
  <si>
    <t>RFL M10 1086S</t>
  </si>
  <si>
    <t>5702326036798</t>
  </si>
  <si>
    <t>VELUX Rollo manuell RFL M10 1086S</t>
  </si>
  <si>
    <t>RFL M10 1086SWL</t>
  </si>
  <si>
    <t>5702326036804</t>
  </si>
  <si>
    <t>VELUX Rollo manuell RFL M10 1086SWL</t>
  </si>
  <si>
    <t>RFL M10 4155S</t>
  </si>
  <si>
    <t>5702327430755</t>
  </si>
  <si>
    <t>VELUX Rollo manuell RFL M10 4155S</t>
  </si>
  <si>
    <t>RFL M10 4161S</t>
  </si>
  <si>
    <t>5702329022200</t>
  </si>
  <si>
    <t>VELUX Rollo manuell RFL M10 4161S</t>
  </si>
  <si>
    <t>RFL M10 4161SWL</t>
  </si>
  <si>
    <t>5702329101417</t>
  </si>
  <si>
    <t>VELUX Rollo manuell RFL M10 4161SWL</t>
  </si>
  <si>
    <t>RFL M10 4163S</t>
  </si>
  <si>
    <t>5702329022224</t>
  </si>
  <si>
    <t>VELUX Rollo manuell RFL M10 4163S</t>
  </si>
  <si>
    <t>RFL M10 4166S</t>
  </si>
  <si>
    <t>5702329022255</t>
  </si>
  <si>
    <t>VELUX Rollo manuell RFL M10 4166S</t>
  </si>
  <si>
    <t>RFL M10 4171S</t>
  </si>
  <si>
    <t>5702329022309</t>
  </si>
  <si>
    <t>VELUX Rollo manuell RFL M10 4171S</t>
  </si>
  <si>
    <t>RFL M10 9050S</t>
  </si>
  <si>
    <t>5702326037580</t>
  </si>
  <si>
    <t>VELUX Rollo manuell RFL M10 9050S</t>
  </si>
  <si>
    <t>RFL M10 CBYS</t>
  </si>
  <si>
    <t>5702329271356</t>
  </si>
  <si>
    <t>VELUX Rollo manuell RFL M10 CBYS</t>
  </si>
  <si>
    <t>RFL M10 CBYSWL</t>
  </si>
  <si>
    <t>5702329271363</t>
  </si>
  <si>
    <t>VELUX Rollo manuell RFL M10 CBYSWL</t>
  </si>
  <si>
    <t>RFL M31 1028S</t>
  </si>
  <si>
    <t>5702326039522</t>
  </si>
  <si>
    <t>VELUX Rollo manuell RFL M31 1028S</t>
  </si>
  <si>
    <t>RFL M31 1028SWL</t>
  </si>
  <si>
    <t>5702326039539</t>
  </si>
  <si>
    <t>VELUX Rollo manuell RFL M31 1028SWL</t>
  </si>
  <si>
    <t>RFL M31 1086S</t>
  </si>
  <si>
    <t>5702326039546</t>
  </si>
  <si>
    <t>VELUX Rollo manuell RFL M31 1086S</t>
  </si>
  <si>
    <t>RFL M31 CBYS</t>
  </si>
  <si>
    <t>5702329271394</t>
  </si>
  <si>
    <t>VELUX Rollo manuell RFL M31 CBYS</t>
  </si>
  <si>
    <t>RFL M31 CBYSWL</t>
  </si>
  <si>
    <t>5702329271400</t>
  </si>
  <si>
    <t>VELUX Rollo manuell RFL M31 CBYSWL</t>
  </si>
  <si>
    <t>RFL MK04 1028S</t>
  </si>
  <si>
    <t>5702326642456</t>
  </si>
  <si>
    <t>VELUX Rollo manuell RFL MK04 1028S</t>
  </si>
  <si>
    <t>RFL MK04 1028SWL</t>
  </si>
  <si>
    <t>5702326803123</t>
  </si>
  <si>
    <t>VELUX Rollo manuell RFL MK04 1028SWL</t>
  </si>
  <si>
    <t>RFL MK04 1086S</t>
  </si>
  <si>
    <t>5702326642463</t>
  </si>
  <si>
    <t>VELUX Rollo manuell RFL MK04 1086S</t>
  </si>
  <si>
    <t>RFL MK04 1086SWL</t>
  </si>
  <si>
    <t>5702326803130</t>
  </si>
  <si>
    <t>VELUX Rollo manuell RFL MK04 1086SWL</t>
  </si>
  <si>
    <t>RFL MK04 4069S</t>
  </si>
  <si>
    <t>5702326803260</t>
  </si>
  <si>
    <t>VELUX Rollo manuell RFL MK04 4069S</t>
  </si>
  <si>
    <t>RFL MK04 4069SWL</t>
  </si>
  <si>
    <t>5702326803277</t>
  </si>
  <si>
    <t>VELUX Rollo manuell RFL MK04 4069SWL</t>
  </si>
  <si>
    <t>RFL MK04 4155S</t>
  </si>
  <si>
    <t>5702327431059</t>
  </si>
  <si>
    <t>VELUX Rollo manuell RFL MK04 4155S</t>
  </si>
  <si>
    <t>RFL MK04 4155SWL</t>
  </si>
  <si>
    <t>5702329101769</t>
  </si>
  <si>
    <t>VELUX Rollo manuell RFL MK04 4155SWL</t>
  </si>
  <si>
    <t>RFL MK04 4161S</t>
  </si>
  <si>
    <t>5702329022750</t>
  </si>
  <si>
    <t>VELUX Rollo manuell RFL MK04 4161S</t>
  </si>
  <si>
    <t>RFL MK04 4161SWL</t>
  </si>
  <si>
    <t>5702329101776</t>
  </si>
  <si>
    <t>VELUX Rollo manuell RFL MK04 4161SWL</t>
  </si>
  <si>
    <t>RFL MK04 4162S</t>
  </si>
  <si>
    <t>5702329022767</t>
  </si>
  <si>
    <t>VELUX Rollo manuell RFL MK04 4162S</t>
  </si>
  <si>
    <t>RFL MK04 4162SWL</t>
  </si>
  <si>
    <t>5702329101783</t>
  </si>
  <si>
    <t>VELUX Rollo manuell RFL MK04 4162SWL</t>
  </si>
  <si>
    <t>RFL MK04 4163S</t>
  </si>
  <si>
    <t>5702329022774</t>
  </si>
  <si>
    <t>VELUX Rollo manuell RFL MK04 4163S</t>
  </si>
  <si>
    <t>RFL MK04 4163SWL</t>
  </si>
  <si>
    <t>5702329101790</t>
  </si>
  <si>
    <t>VELUX Rollo manuell RFL MK04 4163SWL</t>
  </si>
  <si>
    <t>RFL MK04 4164S</t>
  </si>
  <si>
    <t>5702329022781</t>
  </si>
  <si>
    <t>VELUX Rollo manuell RFL MK04 4164S</t>
  </si>
  <si>
    <t>RFL MK04 4164SWL</t>
  </si>
  <si>
    <t>5702329101806</t>
  </si>
  <si>
    <t>VELUX Rollo manuell RFL MK04 4164SWL</t>
  </si>
  <si>
    <t>RFL MK04 4165S</t>
  </si>
  <si>
    <t>5702329022798</t>
  </si>
  <si>
    <t>VELUX Rollo manuell RFL MK04 4165S</t>
  </si>
  <si>
    <t>RFL MK04 4165SWL</t>
  </si>
  <si>
    <t>5702329101813</t>
  </si>
  <si>
    <t>VELUX Rollo manuell RFL MK04 4165SWL</t>
  </si>
  <si>
    <t>RFL MK04 4166S</t>
  </si>
  <si>
    <t>5702329022804</t>
  </si>
  <si>
    <t>VELUX Rollo manuell RFL MK04 4166S</t>
  </si>
  <si>
    <t>RFL MK04 4166SWL</t>
  </si>
  <si>
    <t>5702329101820</t>
  </si>
  <si>
    <t>VELUX Rollo manuell RFL MK04 4166SWL</t>
  </si>
  <si>
    <t>RFL MK04 4167S</t>
  </si>
  <si>
    <t>5702329022811</t>
  </si>
  <si>
    <t>VELUX Rollo manuell RFL MK04 4167S</t>
  </si>
  <si>
    <t>RFL MK04 4167SWL</t>
  </si>
  <si>
    <t>5702329101837</t>
  </si>
  <si>
    <t>VELUX Rollo manuell RFL MK04 4167SWL</t>
  </si>
  <si>
    <t>RFL MK04 4168S</t>
  </si>
  <si>
    <t>5702329022828</t>
  </si>
  <si>
    <t>VELUX Rollo manuell RFL MK04 4168S</t>
  </si>
  <si>
    <t>RFL MK04 4168SWL</t>
  </si>
  <si>
    <t>5702329101844</t>
  </si>
  <si>
    <t>VELUX Rollo manuell RFL MK04 4168SWL</t>
  </si>
  <si>
    <t>RFL MK04 4169S</t>
  </si>
  <si>
    <t>5702329022835</t>
  </si>
  <si>
    <t>VELUX Rollo manuell RFL MK04 4169S</t>
  </si>
  <si>
    <t>RFL MK04 4169SWL</t>
  </si>
  <si>
    <t>5702329101851</t>
  </si>
  <si>
    <t>VELUX Rollo manuell RFL MK04 4169SWL</t>
  </si>
  <si>
    <t>RFL MK04 4170S</t>
  </si>
  <si>
    <t>5702329022842</t>
  </si>
  <si>
    <t>VELUX Rollo manuell RFL MK04 4170S</t>
  </si>
  <si>
    <t>RFL MK04 4170SWL</t>
  </si>
  <si>
    <t>5702329101868</t>
  </si>
  <si>
    <t>VELUX Rollo manuell RFL MK04 4170SWL</t>
  </si>
  <si>
    <t>RFL MK04 4171S</t>
  </si>
  <si>
    <t>5702329022859</t>
  </si>
  <si>
    <t>VELUX Rollo manuell RFL MK04 4171S</t>
  </si>
  <si>
    <t>RFL MK04 4171SWL</t>
  </si>
  <si>
    <t>5702329101875</t>
  </si>
  <si>
    <t>VELUX Rollo manuell RFL MK04 4171SWL</t>
  </si>
  <si>
    <t>RFL MK04 9050S</t>
  </si>
  <si>
    <t>5702326642487</t>
  </si>
  <si>
    <t>VELUX Rollo manuell RFL MK04 9050S</t>
  </si>
  <si>
    <t>RFL MK04 9050SWL</t>
  </si>
  <si>
    <t>5702326803864</t>
  </si>
  <si>
    <t>VELUX Rollo manuell RFL MK04 9050SWL</t>
  </si>
  <si>
    <t>RFL MK04 CBYS</t>
  </si>
  <si>
    <t>5702329271417</t>
  </si>
  <si>
    <t>VELUX Rollo manuell RFL MK04 CBYS</t>
  </si>
  <si>
    <t>RFL MK04 CBYSWL</t>
  </si>
  <si>
    <t>5702329271424</t>
  </si>
  <si>
    <t>VELUX Rollo manuell RFL MK04 CBYSWL</t>
  </si>
  <si>
    <t>RFL MK06 1028S</t>
  </si>
  <si>
    <t>5702326803956</t>
  </si>
  <si>
    <t>VELUX Rollo manuell RFL MK06 1028S</t>
  </si>
  <si>
    <t>RFL MK06 1028SWL</t>
  </si>
  <si>
    <t>5702326803963</t>
  </si>
  <si>
    <t>VELUX Rollo manuell RFL MK06 1028SWL</t>
  </si>
  <si>
    <t>RFL MK06 1086S</t>
  </si>
  <si>
    <t>5702326803970</t>
  </si>
  <si>
    <t>VELUX Rollo manuell RFL MK06 1086S</t>
  </si>
  <si>
    <t>RFL MK06 1086SWL</t>
  </si>
  <si>
    <t>5702326803987</t>
  </si>
  <si>
    <t>VELUX Rollo manuell RFL MK06 1086SWL</t>
  </si>
  <si>
    <t>RFL MK06 4069S</t>
  </si>
  <si>
    <t>5702326804175</t>
  </si>
  <si>
    <t>VELUX Rollo manuell RFL MK06 4069S</t>
  </si>
  <si>
    <t>RFL MK06 4069SWL</t>
  </si>
  <si>
    <t>5702326804199</t>
  </si>
  <si>
    <t>VELUX Rollo manuell RFL MK06 4069SWL</t>
  </si>
  <si>
    <t>RFL MK06 4155S</t>
  </si>
  <si>
    <t>5702327431110</t>
  </si>
  <si>
    <t>VELUX Rollo manuell RFL MK06 4155S</t>
  </si>
  <si>
    <t>RFL MK06 4155SWL</t>
  </si>
  <si>
    <t>5702329101882</t>
  </si>
  <si>
    <t>VELUX Rollo manuell RFL MK06 4155SWL</t>
  </si>
  <si>
    <t>RFL MK06 4161S</t>
  </si>
  <si>
    <t>5702329022866</t>
  </si>
  <si>
    <t>VELUX Rollo manuell RFL MK06 4161S</t>
  </si>
  <si>
    <t>RFL MK06 4161SWL</t>
  </si>
  <si>
    <t>5702329101899</t>
  </si>
  <si>
    <t>VELUX Rollo manuell RFL MK06 4161SWL</t>
  </si>
  <si>
    <t>RFL MK06 4162S</t>
  </si>
  <si>
    <t>5702329022873</t>
  </si>
  <si>
    <t>VELUX Rollo manuell RFL MK06 4162S</t>
  </si>
  <si>
    <t>RFL MK06 4162SWL</t>
  </si>
  <si>
    <t>5702329101905</t>
  </si>
  <si>
    <t>VELUX Rollo manuell RFL MK06 4162SWL</t>
  </si>
  <si>
    <t>RFL MK06 4163S</t>
  </si>
  <si>
    <t>5702329022880</t>
  </si>
  <si>
    <t>VELUX Rollo manuell RFL MK06 4163S</t>
  </si>
  <si>
    <t>RFL MK06 4163SWL</t>
  </si>
  <si>
    <t>5702329101912</t>
  </si>
  <si>
    <t>VELUX Rollo manuell RFL MK06 4163SWL</t>
  </si>
  <si>
    <t>RFL MK06 4164S</t>
  </si>
  <si>
    <t>5702329022897</t>
  </si>
  <si>
    <t>VELUX Rollo manuell RFL MK06 4164S</t>
  </si>
  <si>
    <t>RFL MK06 4164SWL</t>
  </si>
  <si>
    <t>5702329101929</t>
  </si>
  <si>
    <t>VELUX Rollo manuell RFL MK06 4164SWL</t>
  </si>
  <si>
    <t>RFL MK06 4165S</t>
  </si>
  <si>
    <t>5702329022903</t>
  </si>
  <si>
    <t>VELUX Rollo manuell RFL MK06 4165S</t>
  </si>
  <si>
    <t>RFL MK06 4165SWL</t>
  </si>
  <si>
    <t>5702329101936</t>
  </si>
  <si>
    <t>VELUX Rollo manuell RFL MK06 4165SWL</t>
  </si>
  <si>
    <t>RFL MK06 4166S</t>
  </si>
  <si>
    <t>5702329022910</t>
  </si>
  <si>
    <t>VELUX Rollo manuell RFL MK06 4166S</t>
  </si>
  <si>
    <t>RFL MK06 4166SWL</t>
  </si>
  <si>
    <t>5702329101943</t>
  </si>
  <si>
    <t>VELUX Rollo manuell RFL MK06 4166SWL</t>
  </si>
  <si>
    <t>RFL MK06 4167S</t>
  </si>
  <si>
    <t>5702329022927</t>
  </si>
  <si>
    <t>VELUX Rollo manuell RFL MK06 4167S</t>
  </si>
  <si>
    <t>RFL MK06 4167SWL</t>
  </si>
  <si>
    <t>5702329101950</t>
  </si>
  <si>
    <t>VELUX Rollo manuell RFL MK06 4167SWL</t>
  </si>
  <si>
    <t>RFL MK06 4168S</t>
  </si>
  <si>
    <t>5702329022934</t>
  </si>
  <si>
    <t>VELUX Rollo manuell RFL MK06 4168S</t>
  </si>
  <si>
    <t>RFL MK06 4168SWL</t>
  </si>
  <si>
    <t>5702329101967</t>
  </si>
  <si>
    <t>VELUX Rollo manuell RFL MK06 4168SWL</t>
  </si>
  <si>
    <t>RFL MK06 4169S</t>
  </si>
  <si>
    <t>5702329022941</t>
  </si>
  <si>
    <t>VELUX Rollo manuell RFL MK06 4169S</t>
  </si>
  <si>
    <t>RFL MK06 4169SWL</t>
  </si>
  <si>
    <t>5702329101974</t>
  </si>
  <si>
    <t>VELUX Rollo manuell RFL MK06 4169SWL</t>
  </si>
  <si>
    <t>RFL MK06 4170S</t>
  </si>
  <si>
    <t>5702329022958</t>
  </si>
  <si>
    <t>VELUX Rollo manuell RFL MK06 4170S</t>
  </si>
  <si>
    <t>RFL MK06 4170SWL</t>
  </si>
  <si>
    <t>5702329101981</t>
  </si>
  <si>
    <t>VELUX Rollo manuell RFL MK06 4170SWL</t>
  </si>
  <si>
    <t>RFL MK06 4171S</t>
  </si>
  <si>
    <t>5702329022965</t>
  </si>
  <si>
    <t>VELUX Rollo manuell RFL MK06 4171S</t>
  </si>
  <si>
    <t>RFL MK06 4171SWL</t>
  </si>
  <si>
    <t>5702329101998</t>
  </si>
  <si>
    <t>VELUX Rollo manuell RFL MK06 4171SWL</t>
  </si>
  <si>
    <t>RFL MK06 9050S</t>
  </si>
  <si>
    <t>5702326804779</t>
  </si>
  <si>
    <t>VELUX Rollo manuell RFL MK06 9050S</t>
  </si>
  <si>
    <t>RFL MK06 9050SWL</t>
  </si>
  <si>
    <t>5702326804786</t>
  </si>
  <si>
    <t>VELUX Rollo manuell RFL MK06 9050SWL</t>
  </si>
  <si>
    <t>RFL MK06 CBYS</t>
  </si>
  <si>
    <t>5702329271431</t>
  </si>
  <si>
    <t>VELUX Rollo manuell RFL MK06 CBYS</t>
  </si>
  <si>
    <t>RFL MK06 CBYSWL</t>
  </si>
  <si>
    <t>5702329271448</t>
  </si>
  <si>
    <t>VELUX Rollo manuell RFL MK06 CBYSWL</t>
  </si>
  <si>
    <t>RFL MK08 1028S</t>
  </si>
  <si>
    <t>5702326642494</t>
  </si>
  <si>
    <t>VELUX Rollo manuell RFL MK08 1028S</t>
  </si>
  <si>
    <t>RFL MK08 1028SWL</t>
  </si>
  <si>
    <t>5702326804854</t>
  </si>
  <si>
    <t>VELUX Rollo manuell RFL MK08 1028SWL</t>
  </si>
  <si>
    <t>RFL MK08 1086S</t>
  </si>
  <si>
    <t>5702326804861</t>
  </si>
  <si>
    <t>VELUX Rollo manuell RFL MK08 1086S</t>
  </si>
  <si>
    <t>RFL MK08 1086SWL</t>
  </si>
  <si>
    <t>5702326804892</t>
  </si>
  <si>
    <t>VELUX Rollo manuell RFL MK08 1086SWL</t>
  </si>
  <si>
    <t>RFL MK08 4069S</t>
  </si>
  <si>
    <t>5702326805103</t>
  </si>
  <si>
    <t>VELUX Rollo manuell RFL MK08 4069S</t>
  </si>
  <si>
    <t>RFL MK08 4069SWL</t>
  </si>
  <si>
    <t>5702326805110</t>
  </si>
  <si>
    <t>VELUX Rollo manuell RFL MK08 4069SWL</t>
  </si>
  <si>
    <t>RFL MK08 4155S</t>
  </si>
  <si>
    <t>5702327431172</t>
  </si>
  <si>
    <t>VELUX Rollo manuell RFL MK08 4155S</t>
  </si>
  <si>
    <t>RFL MK08 4155SWL</t>
  </si>
  <si>
    <t>5702329102001</t>
  </si>
  <si>
    <t>VELUX Rollo manuell RFL MK08 4155SWL</t>
  </si>
  <si>
    <t>RFL MK08 4161S</t>
  </si>
  <si>
    <t>5702329022972</t>
  </si>
  <si>
    <t>VELUX Rollo manuell RFL MK08 4161S</t>
  </si>
  <si>
    <t>RFL MK08 4161SWL</t>
  </si>
  <si>
    <t>5702329102018</t>
  </si>
  <si>
    <t>VELUX Rollo manuell RFL MK08 4161SWL</t>
  </si>
  <si>
    <t>RFL MK08 4162S</t>
  </si>
  <si>
    <t>5702329022989</t>
  </si>
  <si>
    <t>VELUX Rollo manuell RFL MK08 4162S</t>
  </si>
  <si>
    <t>RFL MK08 4162SWL</t>
  </si>
  <si>
    <t>5702329102025</t>
  </si>
  <si>
    <t>VELUX Rollo manuell RFL MK08 4162SWL</t>
  </si>
  <si>
    <t>RFL MK08 4163S</t>
  </si>
  <si>
    <t>5702329022996</t>
  </si>
  <si>
    <t>VELUX Rollo manuell RFL MK08 4163S</t>
  </si>
  <si>
    <t>RFL MK08 4163SWL</t>
  </si>
  <si>
    <t>5702329102032</t>
  </si>
  <si>
    <t>VELUX Rollo manuell RFL MK08 4163SWL</t>
  </si>
  <si>
    <t>RFL MK08 4164S</t>
  </si>
  <si>
    <t>5702329023009</t>
  </si>
  <si>
    <t>VELUX Rollo manuell RFL MK08 4164S</t>
  </si>
  <si>
    <t>RFL MK08 4164SWL</t>
  </si>
  <si>
    <t>5702329102049</t>
  </si>
  <si>
    <t>VELUX Rollo manuell RFL MK08 4164SWL</t>
  </si>
  <si>
    <t>RFL MK08 4165S</t>
  </si>
  <si>
    <t>5702329023016</t>
  </si>
  <si>
    <t>VELUX Rollo manuell RFL MK08 4165S</t>
  </si>
  <si>
    <t>RFL MK08 4165SWL</t>
  </si>
  <si>
    <t>5702329102056</t>
  </si>
  <si>
    <t>VELUX Rollo manuell RFL MK08 4165SWL</t>
  </si>
  <si>
    <t>RFL MK08 4166S</t>
  </si>
  <si>
    <t>5702329023023</t>
  </si>
  <si>
    <t>VELUX Rollo manuell RFL MK08 4166S</t>
  </si>
  <si>
    <t>RFL MK08 4166SWL</t>
  </si>
  <si>
    <t>5702329102063</t>
  </si>
  <si>
    <t>VELUX Rollo manuell RFL MK08 4166SWL</t>
  </si>
  <si>
    <t>RFL MK08 4167S</t>
  </si>
  <si>
    <t>5702329023030</t>
  </si>
  <si>
    <t>VELUX Rollo manuell RFL MK08 4167S</t>
  </si>
  <si>
    <t>RFL MK08 4167SWL</t>
  </si>
  <si>
    <t>5702329102070</t>
  </si>
  <si>
    <t>VELUX Rollo manuell RFL MK08 4167SWL</t>
  </si>
  <si>
    <t>RFL MK08 4168S</t>
  </si>
  <si>
    <t>5702329023047</t>
  </si>
  <si>
    <t>VELUX Rollo manuell RFL MK08 4168S</t>
  </si>
  <si>
    <t>RFL MK08 4168SWL</t>
  </si>
  <si>
    <t>5702329102087</t>
  </si>
  <si>
    <t>VELUX Rollo manuell RFL MK08 4168SWL</t>
  </si>
  <si>
    <t>RFL MK08 4169S</t>
  </si>
  <si>
    <t>5702329023054</t>
  </si>
  <si>
    <t>VELUX Rollo manuell RFL MK08 4169S</t>
  </si>
  <si>
    <t>RFL MK08 4169SWL</t>
  </si>
  <si>
    <t>5702329102094</t>
  </si>
  <si>
    <t>VELUX Rollo manuell RFL MK08 4169SWL</t>
  </si>
  <si>
    <t>RFL MK08 4170S</t>
  </si>
  <si>
    <t>5702329023061</t>
  </si>
  <si>
    <t>VELUX Rollo manuell RFL MK08 4170S</t>
  </si>
  <si>
    <t>RFL MK08 4170SWL</t>
  </si>
  <si>
    <t>5702329102100</t>
  </si>
  <si>
    <t>VELUX Rollo manuell RFL MK08 4170SWL</t>
  </si>
  <si>
    <t>RFL MK08 4171S</t>
  </si>
  <si>
    <t>5702329023078</t>
  </si>
  <si>
    <t>VELUX Rollo manuell RFL MK08 4171S</t>
  </si>
  <si>
    <t>RFL MK08 4171SWL</t>
  </si>
  <si>
    <t>5702329102117</t>
  </si>
  <si>
    <t>VELUX Rollo manuell RFL MK08 4171SWL</t>
  </si>
  <si>
    <t>RFL MK08 9050S</t>
  </si>
  <si>
    <t>5702326805691</t>
  </si>
  <si>
    <t>VELUX Rollo manuell RFL MK08 9050S</t>
  </si>
  <si>
    <t>RFL MK08 9050SWL</t>
  </si>
  <si>
    <t>5702326805714</t>
  </si>
  <si>
    <t>VELUX Rollo manuell RFL MK08 9050SWL</t>
  </si>
  <si>
    <t>RFL MK08 CBYS</t>
  </si>
  <si>
    <t>5702329271455</t>
  </si>
  <si>
    <t>VELUX Rollo manuell RFL MK08 CBYS</t>
  </si>
  <si>
    <t>RFL MK08 CBYSWL</t>
  </si>
  <si>
    <t>5702329271462</t>
  </si>
  <si>
    <t>VELUX Rollo manuell RFL MK08 CBYSWL</t>
  </si>
  <si>
    <t>RFL MK10 1028S</t>
  </si>
  <si>
    <t>5702326805783</t>
  </si>
  <si>
    <t>VELUX Rollo manuell RFL MK10 1028S</t>
  </si>
  <si>
    <t>RFL MK10 1028SWL</t>
  </si>
  <si>
    <t>5702326805790</t>
  </si>
  <si>
    <t>VELUX Rollo manuell RFL MK10 1028SWL</t>
  </si>
  <si>
    <t>RFL MK10 1086S</t>
  </si>
  <si>
    <t>5702326805806</t>
  </si>
  <si>
    <t>VELUX Rollo manuell RFL MK10 1086S</t>
  </si>
  <si>
    <t>RFL MK10 1086SWL</t>
  </si>
  <si>
    <t>5702326805813</t>
  </si>
  <si>
    <t>VELUX Rollo manuell RFL MK10 1086SWL</t>
  </si>
  <si>
    <t>RFL MK10 4069S</t>
  </si>
  <si>
    <t>5702326805967</t>
  </si>
  <si>
    <t>VELUX Rollo manuell RFL MK10 4069S</t>
  </si>
  <si>
    <t>RFL MK10 4069SWL</t>
  </si>
  <si>
    <t>5702326805974</t>
  </si>
  <si>
    <t>VELUX Rollo manuell RFL MK10 4069SWL</t>
  </si>
  <si>
    <t>RFL MK10 4155S</t>
  </si>
  <si>
    <t>5702327431233</t>
  </si>
  <si>
    <t>VELUX Rollo manuell RFL MK10 4155S</t>
  </si>
  <si>
    <t>RFL MK10 4155SWL</t>
  </si>
  <si>
    <t>5702329102124</t>
  </si>
  <si>
    <t>VELUX Rollo manuell RFL MK10 4155SWL</t>
  </si>
  <si>
    <t>RFL MK10 4161S</t>
  </si>
  <si>
    <t>5702329023085</t>
  </si>
  <si>
    <t>VELUX Rollo manuell RFL MK10 4161S</t>
  </si>
  <si>
    <t>RFL MK10 4161SWL</t>
  </si>
  <si>
    <t>5702329102131</t>
  </si>
  <si>
    <t>VELUX Rollo manuell RFL MK10 4161SWL</t>
  </si>
  <si>
    <t>RFL MK10 4163S</t>
  </si>
  <si>
    <t>5702329023108</t>
  </si>
  <si>
    <t>VELUX Rollo manuell RFL MK10 4163S</t>
  </si>
  <si>
    <t>RFL MK10 4163SWL</t>
  </si>
  <si>
    <t>5702329102155</t>
  </si>
  <si>
    <t>VELUX Rollo manuell RFL MK10 4163SWL</t>
  </si>
  <si>
    <t>RFL MK10 4166S</t>
  </si>
  <si>
    <t>5702329023139</t>
  </si>
  <si>
    <t>VELUX Rollo manuell RFL MK10 4166S</t>
  </si>
  <si>
    <t>RFL MK10 4166SWL</t>
  </si>
  <si>
    <t>5702329102186</t>
  </si>
  <si>
    <t>VELUX Rollo manuell RFL MK10 4166SWL</t>
  </si>
  <si>
    <t>RFL MK10 4167SWL</t>
  </si>
  <si>
    <t>5702329102193</t>
  </si>
  <si>
    <t>VELUX Rollo manuell RFL MK10 4167SWL</t>
  </si>
  <si>
    <t>RFL MK10 4169S</t>
  </si>
  <si>
    <t>5702329023160</t>
  </si>
  <si>
    <t>VELUX Rollo manuell RFL MK10 4169S</t>
  </si>
  <si>
    <t>RFL MK10 4169SWL</t>
  </si>
  <si>
    <t>5702329102216</t>
  </si>
  <si>
    <t>VELUX Rollo manuell RFL MK10 4169SWL</t>
  </si>
  <si>
    <t>RFL MK10 4170SWL</t>
  </si>
  <si>
    <t>5702329102223</t>
  </si>
  <si>
    <t>VELUX Rollo manuell RFL MK10 4170SWL</t>
  </si>
  <si>
    <t>RFL MK10 9050S</t>
  </si>
  <si>
    <t>5702326806582</t>
  </si>
  <si>
    <t>VELUX Rollo manuell RFL MK10 9050S</t>
  </si>
  <si>
    <t>RFL MK10 9050SWL</t>
  </si>
  <si>
    <t>5702326806599</t>
  </si>
  <si>
    <t>VELUX Rollo manuell RFL MK10 9050SWL</t>
  </si>
  <si>
    <t>RFL MK10 CBYS</t>
  </si>
  <si>
    <t>5702329271479</t>
  </si>
  <si>
    <t>VELUX Rollo manuell RFL MK10 CBYS</t>
  </si>
  <si>
    <t>RFL MK10 CBYSWL</t>
  </si>
  <si>
    <t>5702329271486</t>
  </si>
  <si>
    <t>VELUX Rollo manuell RFL MK10 CBYSWL</t>
  </si>
  <si>
    <t>RFL MK12 1028S</t>
  </si>
  <si>
    <t>5702326806698</t>
  </si>
  <si>
    <t>VELUX Rollo manuell RFL MK12 1028S</t>
  </si>
  <si>
    <t>RFL MK12 1028SWL</t>
  </si>
  <si>
    <t>5702326806704</t>
  </si>
  <si>
    <t>VELUX Rollo manuell RFL MK12 1028SWL</t>
  </si>
  <si>
    <t>RFL MK12 1086S</t>
  </si>
  <si>
    <t>5702326806711</t>
  </si>
  <si>
    <t>VELUX Rollo manuell RFL MK12 1086S</t>
  </si>
  <si>
    <t>RFL MK12 4161SWL</t>
  </si>
  <si>
    <t>5702329102254</t>
  </si>
  <si>
    <t>VELUX Rollo manuell RFL MK12 4161SWL</t>
  </si>
  <si>
    <t>RFL MK12 4169SWL</t>
  </si>
  <si>
    <t>5702329102339</t>
  </si>
  <si>
    <t>VELUX Rollo manuell RFL MK12 4169SWL</t>
  </si>
  <si>
    <t>RFL MK12 CBYS</t>
  </si>
  <si>
    <t>5702329271493</t>
  </si>
  <si>
    <t>VELUX Rollo manuell RFL MK12 CBYS</t>
  </si>
  <si>
    <t>RFL MK12 CBYSWL</t>
  </si>
  <si>
    <t>5702329271509</t>
  </si>
  <si>
    <t>VELUX Rollo manuell RFL MK12 CBYSWL</t>
  </si>
  <si>
    <t>RFL P04 1028S</t>
  </si>
  <si>
    <t>5702326042232</t>
  </si>
  <si>
    <t>VELUX Rollo manuell RFL P04 1028S</t>
  </si>
  <si>
    <t>RFL P04 1028SWL</t>
  </si>
  <si>
    <t>5702326042249</t>
  </si>
  <si>
    <t>VELUX Rollo manuell RFL P04 1028SWL</t>
  </si>
  <si>
    <t>RFL P04 1086S</t>
  </si>
  <si>
    <t>5702326042256</t>
  </si>
  <si>
    <t>VELUX Rollo manuell RFL P04 1086S</t>
  </si>
  <si>
    <t>RFL P04 1086SWL</t>
  </si>
  <si>
    <t>5702326042263</t>
  </si>
  <si>
    <t>VELUX Rollo manuell RFL P04 1086SWL</t>
  </si>
  <si>
    <t>RFL P04 4155S</t>
  </si>
  <si>
    <t>5702327431479</t>
  </si>
  <si>
    <t>VELUX Rollo manuell RFL P04 4155S</t>
  </si>
  <si>
    <t>RFL P04 4155SWL</t>
  </si>
  <si>
    <t>5702329102520</t>
  </si>
  <si>
    <t>VELUX Rollo manuell RFL P04 4155SWL</t>
  </si>
  <si>
    <t>RFL P04 4161S</t>
  </si>
  <si>
    <t>5702329023528</t>
  </si>
  <si>
    <t>VELUX Rollo manuell RFL P04 4161S</t>
  </si>
  <si>
    <t>RFL P04 4161SWL</t>
  </si>
  <si>
    <t>5702329102537</t>
  </si>
  <si>
    <t>VELUX Rollo manuell RFL P04 4161SWL</t>
  </si>
  <si>
    <t>RFL P04 4169S</t>
  </si>
  <si>
    <t>5702329023603</t>
  </si>
  <si>
    <t>VELUX Rollo manuell RFL P04 4169S</t>
  </si>
  <si>
    <t>RFL P04 4170S</t>
  </si>
  <si>
    <t>5702329023610</t>
  </si>
  <si>
    <t>VELUX Rollo manuell RFL P04 4170S</t>
  </si>
  <si>
    <t>RFL P04 9050S</t>
  </si>
  <si>
    <t>5702326043062</t>
  </si>
  <si>
    <t>VELUX Rollo manuell RFL P04 9050S</t>
  </si>
  <si>
    <t>RFL P04 9050SWL</t>
  </si>
  <si>
    <t>5702326043079</t>
  </si>
  <si>
    <t>VELUX Rollo manuell RFL P04 9050SWL</t>
  </si>
  <si>
    <t>RFL P04 CBYS</t>
  </si>
  <si>
    <t>5702329271530</t>
  </si>
  <si>
    <t>VELUX Rollo manuell RFL P04 CBYS</t>
  </si>
  <si>
    <t>RFL P04 CBYSWL</t>
  </si>
  <si>
    <t>5702329271547</t>
  </si>
  <si>
    <t>VELUX Rollo manuell RFL P04 CBYSWL</t>
  </si>
  <si>
    <t>RFL P06 1028S</t>
  </si>
  <si>
    <t>5702326043147</t>
  </si>
  <si>
    <t>VELUX Rollo manuell RFL P06 1028S</t>
  </si>
  <si>
    <t>RFL P06 1028SWL</t>
  </si>
  <si>
    <t>5702326043154</t>
  </si>
  <si>
    <t>VELUX Rollo manuell RFL P06 1028SWL</t>
  </si>
  <si>
    <t>RFL P06 1086S</t>
  </si>
  <si>
    <t>5702326043178</t>
  </si>
  <si>
    <t>VELUX Rollo manuell RFL P06 1086S</t>
  </si>
  <si>
    <t>RFL P06 1086SWL</t>
  </si>
  <si>
    <t>5702326043192</t>
  </si>
  <si>
    <t>VELUX Rollo manuell RFL P06 1086SWL</t>
  </si>
  <si>
    <t>RFL P06 4069S</t>
  </si>
  <si>
    <t>5702326043369</t>
  </si>
  <si>
    <t>VELUX Rollo manuell RFL P06 4069S</t>
  </si>
  <si>
    <t>RFL P06 4155S</t>
  </si>
  <si>
    <t>5702327431530</t>
  </si>
  <si>
    <t>VELUX Rollo manuell RFL P06 4155S</t>
  </si>
  <si>
    <t>RFL P06 4155SWL</t>
  </si>
  <si>
    <t>5702329102643</t>
  </si>
  <si>
    <t>VELUX Rollo manuell RFL P06 4155SWL</t>
  </si>
  <si>
    <t>RFL P06 4161S</t>
  </si>
  <si>
    <t>5702329023634</t>
  </si>
  <si>
    <t>VELUX Rollo manuell RFL P06 4161S</t>
  </si>
  <si>
    <t>RFL P06 4161SWL</t>
  </si>
  <si>
    <t>5702329102650</t>
  </si>
  <si>
    <t>VELUX Rollo manuell RFL P06 4161SWL</t>
  </si>
  <si>
    <t>RFL P06 4166SWL</t>
  </si>
  <si>
    <t>5702329102704</t>
  </si>
  <si>
    <t>VELUX Rollo manuell RFL P06 4166SWL</t>
  </si>
  <si>
    <t>RFL P06 4169S</t>
  </si>
  <si>
    <t>5702329023719</t>
  </si>
  <si>
    <t>VELUX Rollo manuell RFL P06 4169S</t>
  </si>
  <si>
    <t>RFL P06 4169SWL</t>
  </si>
  <si>
    <t>5702329102735</t>
  </si>
  <si>
    <t>VELUX Rollo manuell RFL P06 4169SWL</t>
  </si>
  <si>
    <t>RFL P06 4170S</t>
  </si>
  <si>
    <t>5702329023726</t>
  </si>
  <si>
    <t>VELUX Rollo manuell RFL P06 4170S</t>
  </si>
  <si>
    <t>RFL P06 4170SWL</t>
  </si>
  <si>
    <t>5702329102742</t>
  </si>
  <si>
    <t>VELUX Rollo manuell RFL P06 4170SWL</t>
  </si>
  <si>
    <t>RFL P06 4171S</t>
  </si>
  <si>
    <t>5702329023733</t>
  </si>
  <si>
    <t>VELUX Rollo manuell RFL P06 4171S</t>
  </si>
  <si>
    <t>RFL P06 9050S</t>
  </si>
  <si>
    <t>5702326043970</t>
  </si>
  <si>
    <t>VELUX Rollo manuell RFL P06 9050S</t>
  </si>
  <si>
    <t>RFL P06 9050SWL</t>
  </si>
  <si>
    <t>5702326043987</t>
  </si>
  <si>
    <t>VELUX Rollo manuell RFL P06 9050SWL</t>
  </si>
  <si>
    <t>RFL P06 CBYS</t>
  </si>
  <si>
    <t>5702329271554</t>
  </si>
  <si>
    <t>VELUX Rollo manuell RFL P06 CBYS</t>
  </si>
  <si>
    <t>RFL P06 CBYSWL</t>
  </si>
  <si>
    <t>5702329271561</t>
  </si>
  <si>
    <t>VELUX Rollo manuell RFL P06 CBYSWL</t>
  </si>
  <si>
    <t>RFL P08 1028S</t>
  </si>
  <si>
    <t>5702326044076</t>
  </si>
  <si>
    <t>VELUX Rollo manuell RFL P08 1028S</t>
  </si>
  <si>
    <t>RFL P08 1028SWL</t>
  </si>
  <si>
    <t>5702326044083</t>
  </si>
  <si>
    <t>VELUX Rollo manuell RFL P08 1028SWL</t>
  </si>
  <si>
    <t>RFL P08 1086S</t>
  </si>
  <si>
    <t>5702326044090</t>
  </si>
  <si>
    <t>VELUX Rollo manuell RFL P08 1086S</t>
  </si>
  <si>
    <t>RFL P08 1086SWL</t>
  </si>
  <si>
    <t>5702326044106</t>
  </si>
  <si>
    <t>VELUX Rollo manuell RFL P08 1086SWL</t>
  </si>
  <si>
    <t>RFL P08 4069S</t>
  </si>
  <si>
    <t>5702326044250</t>
  </si>
  <si>
    <t>VELUX Rollo manuell RFL P08 4069S</t>
  </si>
  <si>
    <t>RFL P08 4155S</t>
  </si>
  <si>
    <t>5702327431592</t>
  </si>
  <si>
    <t>VELUX Rollo manuell RFL P08 4155S</t>
  </si>
  <si>
    <t>RFL P08 4155SWL</t>
  </si>
  <si>
    <t>5702329102766</t>
  </si>
  <si>
    <t>VELUX Rollo manuell RFL P08 4155SWL</t>
  </si>
  <si>
    <t>RFL P08 4161S</t>
  </si>
  <si>
    <t>5702329023740</t>
  </si>
  <si>
    <t>VELUX Rollo manuell RFL P08 4161S</t>
  </si>
  <si>
    <t>RFL P08 4161SWL</t>
  </si>
  <si>
    <t>5702329102773</t>
  </si>
  <si>
    <t>VELUX Rollo manuell RFL P08 4161SWL</t>
  </si>
  <si>
    <t>RFL P08 4163S</t>
  </si>
  <si>
    <t>5702329023764</t>
  </si>
  <si>
    <t>VELUX Rollo manuell RFL P08 4163S</t>
  </si>
  <si>
    <t>RFL P08 4164S</t>
  </si>
  <si>
    <t>5702329023771</t>
  </si>
  <si>
    <t>VELUX Rollo manuell RFL P08 4164S</t>
  </si>
  <si>
    <t>RFL P08 4166S</t>
  </si>
  <si>
    <t>5702329023795</t>
  </si>
  <si>
    <t>VELUX Rollo manuell RFL P08 4166S</t>
  </si>
  <si>
    <t>RFL P08 4167S</t>
  </si>
  <si>
    <t>5702329023801</t>
  </si>
  <si>
    <t>VELUX Rollo manuell RFL P08 4167S</t>
  </si>
  <si>
    <t>RFL P08 4169S</t>
  </si>
  <si>
    <t>5702329023825</t>
  </si>
  <si>
    <t>VELUX Rollo manuell RFL P08 4169S</t>
  </si>
  <si>
    <t>RFL P08 4169SWL</t>
  </si>
  <si>
    <t>5702329102858</t>
  </si>
  <si>
    <t>VELUX Rollo manuell RFL P08 4169SWL</t>
  </si>
  <si>
    <t>RFL P08 4170S</t>
  </si>
  <si>
    <t>5702329023832</t>
  </si>
  <si>
    <t>VELUX Rollo manuell RFL P08 4170S</t>
  </si>
  <si>
    <t>RFL P08 4171S</t>
  </si>
  <si>
    <t>5702329023849</t>
  </si>
  <si>
    <t>VELUX Rollo manuell RFL P08 4171S</t>
  </si>
  <si>
    <t>RFL P08 4171SWL</t>
  </si>
  <si>
    <t>5702329102872</t>
  </si>
  <si>
    <t>VELUX Rollo manuell RFL P08 4171SWL</t>
  </si>
  <si>
    <t>RFL P08 9050S</t>
  </si>
  <si>
    <t>5702326044878</t>
  </si>
  <si>
    <t>VELUX Rollo manuell RFL P08 9050S</t>
  </si>
  <si>
    <t>RFL P08 9050SWL</t>
  </si>
  <si>
    <t>5702326044892</t>
  </si>
  <si>
    <t>VELUX Rollo manuell RFL P08 9050SWL</t>
  </si>
  <si>
    <t>RFL P08 CBYS</t>
  </si>
  <si>
    <t>5702329271578</t>
  </si>
  <si>
    <t>VELUX Rollo manuell RFL P08 CBYS</t>
  </si>
  <si>
    <t>RFL P08 CBYSWL</t>
  </si>
  <si>
    <t>5702329271585</t>
  </si>
  <si>
    <t>VELUX Rollo manuell RFL P08 CBYSWL</t>
  </si>
  <si>
    <t>RFL P10 1028S</t>
  </si>
  <si>
    <t>5702326044984</t>
  </si>
  <si>
    <t>VELUX Rollo manuell RFL P10 1028S</t>
  </si>
  <si>
    <t>RFL P10 1028SWL</t>
  </si>
  <si>
    <t>5702326044991</t>
  </si>
  <si>
    <t>VELUX Rollo manuell RFL P10 1028SWL</t>
  </si>
  <si>
    <t>RFL P10 1086S</t>
  </si>
  <si>
    <t>5702326045004</t>
  </si>
  <si>
    <t>VELUX Rollo manuell RFL P10 1086S</t>
  </si>
  <si>
    <t>RFL P10 1086SWL</t>
  </si>
  <si>
    <t>5702326045011</t>
  </si>
  <si>
    <t>VELUX Rollo manuell RFL P10 1086SWL</t>
  </si>
  <si>
    <t>RFL P10 4069S</t>
  </si>
  <si>
    <t>5702326045172</t>
  </si>
  <si>
    <t>VELUX Rollo manuell RFL P10 4069S</t>
  </si>
  <si>
    <t>RFL P10 4069SWL</t>
  </si>
  <si>
    <t>5702326045196</t>
  </si>
  <si>
    <t>VELUX Rollo manuell RFL P10 4069SWL</t>
  </si>
  <si>
    <t>RFL P10 4155S</t>
  </si>
  <si>
    <t>5702327431653</t>
  </si>
  <si>
    <t>VELUX Rollo manuell RFL P10 4155S</t>
  </si>
  <si>
    <t>RFL P10 4155SWL</t>
  </si>
  <si>
    <t>5702329102889</t>
  </si>
  <si>
    <t>VELUX Rollo manuell RFL P10 4155SWL</t>
  </si>
  <si>
    <t>RFL P10 4161S</t>
  </si>
  <si>
    <t>5702329023856</t>
  </si>
  <si>
    <t>VELUX Rollo manuell RFL P10 4161S</t>
  </si>
  <si>
    <t>RFL P10 4161SWL</t>
  </si>
  <si>
    <t>5702329102896</t>
  </si>
  <si>
    <t>VELUX Rollo manuell RFL P10 4161SWL</t>
  </si>
  <si>
    <t>RFL P10 4163S</t>
  </si>
  <si>
    <t>5702329023870</t>
  </si>
  <si>
    <t>VELUX Rollo manuell RFL P10 4163S</t>
  </si>
  <si>
    <t>RFL P10 4164S</t>
  </si>
  <si>
    <t>5702329023887</t>
  </si>
  <si>
    <t>VELUX Rollo manuell RFL P10 4164S</t>
  </si>
  <si>
    <t>RFL P10 4166S</t>
  </si>
  <si>
    <t>5702329023900</t>
  </si>
  <si>
    <t>VELUX Rollo manuell RFL P10 4166S</t>
  </si>
  <si>
    <t>RFL P10 4166SWL</t>
  </si>
  <si>
    <t>5702329102940</t>
  </si>
  <si>
    <t>VELUX Rollo manuell RFL P10 4166SWL</t>
  </si>
  <si>
    <t>RFL P10 4167S</t>
  </si>
  <si>
    <t>5702329023917</t>
  </si>
  <si>
    <t>VELUX Rollo manuell RFL P10 4167S</t>
  </si>
  <si>
    <t>RFL P10 4169S</t>
  </si>
  <si>
    <t>5702329023931</t>
  </si>
  <si>
    <t>VELUX Rollo manuell RFL P10 4169S</t>
  </si>
  <si>
    <t>RFL P10 4169SWL</t>
  </si>
  <si>
    <t>5702329102971</t>
  </si>
  <si>
    <t>VELUX Rollo manuell RFL P10 4169SWL</t>
  </si>
  <si>
    <t>RFL P10 4170S</t>
  </si>
  <si>
    <t>5702329023948</t>
  </si>
  <si>
    <t>VELUX Rollo manuell RFL P10 4170S</t>
  </si>
  <si>
    <t>RFL P10 4171S</t>
  </si>
  <si>
    <t>5702329023955</t>
  </si>
  <si>
    <t>VELUX Rollo manuell RFL P10 4171S</t>
  </si>
  <si>
    <t>RFL P10 9050S</t>
  </si>
  <si>
    <t>5702326045806</t>
  </si>
  <si>
    <t>VELUX Rollo manuell RFL P10 9050S</t>
  </si>
  <si>
    <t>RFL P10 9050SWL</t>
  </si>
  <si>
    <t>5702326045813</t>
  </si>
  <si>
    <t>VELUX Rollo manuell RFL P10 9050SWL</t>
  </si>
  <si>
    <t>RFL P10 CBYS</t>
  </si>
  <si>
    <t>5702329271592</t>
  </si>
  <si>
    <t>VELUX Rollo manuell RFL P10 CBYS</t>
  </si>
  <si>
    <t>RFL P10 CBYSWL</t>
  </si>
  <si>
    <t>5702329271608</t>
  </si>
  <si>
    <t>VELUX Rollo manuell RFL P10 CBYSWL</t>
  </si>
  <si>
    <t>RFL P31 1028S</t>
  </si>
  <si>
    <t>5702326046810</t>
  </si>
  <si>
    <t>VELUX Rollo manuell RFL P31 1028S</t>
  </si>
  <si>
    <t>RFL P31 1028SWL</t>
  </si>
  <si>
    <t>5702326046827</t>
  </si>
  <si>
    <t>VELUX Rollo manuell RFL P31 1028SWL</t>
  </si>
  <si>
    <t>RFL P31 CBYS</t>
  </si>
  <si>
    <t>5702329271639</t>
  </si>
  <si>
    <t>VELUX Rollo manuell RFL P31 CBYS</t>
  </si>
  <si>
    <t>RFL P31 CBYSWL</t>
  </si>
  <si>
    <t>5702329271646</t>
  </si>
  <si>
    <t>VELUX Rollo manuell RFL P31 CBYSWL</t>
  </si>
  <si>
    <t>RFL PK06 1028S</t>
  </si>
  <si>
    <t>5702326809385</t>
  </si>
  <si>
    <t>VELUX Rollo manuell RFL PK06 1028S</t>
  </si>
  <si>
    <t>RFL PK06 1028SWL</t>
  </si>
  <si>
    <t>5702326809392</t>
  </si>
  <si>
    <t>VELUX Rollo manuell RFL PK06 1028SWL</t>
  </si>
  <si>
    <t>RFL PK06 1086S</t>
  </si>
  <si>
    <t>5702326809415</t>
  </si>
  <si>
    <t>VELUX Rollo manuell RFL PK06 1086S</t>
  </si>
  <si>
    <t>RFL PK06 1086SWL</t>
  </si>
  <si>
    <t>5702326809422</t>
  </si>
  <si>
    <t>VELUX Rollo manuell RFL PK06 1086SWL</t>
  </si>
  <si>
    <t>RFL PK06 4069SWL</t>
  </si>
  <si>
    <t>5702326809576</t>
  </si>
  <si>
    <t>VELUX Rollo manuell RFL PK06 4069SWL</t>
  </si>
  <si>
    <t>RFL PK06 4155S</t>
  </si>
  <si>
    <t>5702327431950</t>
  </si>
  <si>
    <t>VELUX Rollo manuell RFL PK06 4155S</t>
  </si>
  <si>
    <t>RFL PK06 4155SWL</t>
  </si>
  <si>
    <t>5702329103282</t>
  </si>
  <si>
    <t>VELUX Rollo manuell RFL PK06 4155SWL</t>
  </si>
  <si>
    <t>RFL PK06 4161S</t>
  </si>
  <si>
    <t>5702329024402</t>
  </si>
  <si>
    <t>VELUX Rollo manuell RFL PK06 4161S</t>
  </si>
  <si>
    <t>RFL PK06 4161SWL</t>
  </si>
  <si>
    <t>5702329103299</t>
  </si>
  <si>
    <t>VELUX Rollo manuell RFL PK06 4161SWL</t>
  </si>
  <si>
    <t>RFL PK06 4163SWL</t>
  </si>
  <si>
    <t>5702329103312</t>
  </si>
  <si>
    <t>VELUX Rollo manuell RFL PK06 4163SWL</t>
  </si>
  <si>
    <t>RFL PK06 4164SWL</t>
  </si>
  <si>
    <t>5702329103329</t>
  </si>
  <si>
    <t>VELUX Rollo manuell RFL PK06 4164SWL</t>
  </si>
  <si>
    <t>RFL PK06 4165SWL</t>
  </si>
  <si>
    <t>5702329103336</t>
  </si>
  <si>
    <t>VELUX Rollo manuell RFL PK06 4165SWL</t>
  </si>
  <si>
    <t>RFL PK06 4166S</t>
  </si>
  <si>
    <t>5702329024457</t>
  </si>
  <si>
    <t>VELUX Rollo manuell RFL PK06 4166S</t>
  </si>
  <si>
    <t>RFL PK06 4166SWL</t>
  </si>
  <si>
    <t>5702329103343</t>
  </si>
  <si>
    <t>VELUX Rollo manuell RFL PK06 4166SWL</t>
  </si>
  <si>
    <t>RFL PK06 4167SWL</t>
  </si>
  <si>
    <t>5702329103350</t>
  </si>
  <si>
    <t>VELUX Rollo manuell RFL PK06 4167SWL</t>
  </si>
  <si>
    <t>RFL PK06 4169S</t>
  </si>
  <si>
    <t>5702329024488</t>
  </si>
  <si>
    <t>VELUX Rollo manuell RFL PK06 4169S</t>
  </si>
  <si>
    <t>RFL PK06 4169SWL</t>
  </si>
  <si>
    <t>5702329103374</t>
  </si>
  <si>
    <t>VELUX Rollo manuell RFL PK06 4169SWL</t>
  </si>
  <si>
    <t>RFL PK06 4170S</t>
  </si>
  <si>
    <t>5702329024495</t>
  </si>
  <si>
    <t>VELUX Rollo manuell RFL PK06 4170S</t>
  </si>
  <si>
    <t>RFL PK06 4170SWL</t>
  </si>
  <si>
    <t>5702329103381</t>
  </si>
  <si>
    <t>VELUX Rollo manuell RFL PK06 4170SWL</t>
  </si>
  <si>
    <t>RFL PK06 4171S</t>
  </si>
  <si>
    <t>5702329024501</t>
  </si>
  <si>
    <t>VELUX Rollo manuell RFL PK06 4171S</t>
  </si>
  <si>
    <t>RFL PK06 4171SWL</t>
  </si>
  <si>
    <t>5702329103398</t>
  </si>
  <si>
    <t>VELUX Rollo manuell RFL PK06 4171SWL</t>
  </si>
  <si>
    <t>RFL PK06 9050S</t>
  </si>
  <si>
    <t>5702326810169</t>
  </si>
  <si>
    <t>VELUX Rollo manuell RFL PK06 9050S</t>
  </si>
  <si>
    <t>RFL PK06 9050SWL</t>
  </si>
  <si>
    <t>5702326810176</t>
  </si>
  <si>
    <t>VELUX Rollo manuell RFL PK06 9050SWL</t>
  </si>
  <si>
    <t>RFL PK06 CBYS</t>
  </si>
  <si>
    <t>5702329271677</t>
  </si>
  <si>
    <t>VELUX Rollo manuell RFL PK06 CBYS</t>
  </si>
  <si>
    <t>RFL PK06 CBYSWL</t>
  </si>
  <si>
    <t>5702329271684</t>
  </si>
  <si>
    <t>VELUX Rollo manuell RFL PK06 CBYSWL</t>
  </si>
  <si>
    <t>RFL PK08 1028S</t>
  </si>
  <si>
    <t>5702326810251</t>
  </si>
  <si>
    <t>VELUX Rollo manuell RFL PK08 1028S</t>
  </si>
  <si>
    <t>RFL PK08 1028SWL</t>
  </si>
  <si>
    <t>5702326810268</t>
  </si>
  <si>
    <t>VELUX Rollo manuell RFL PK08 1028SWL</t>
  </si>
  <si>
    <t>RFL PK08 1086S</t>
  </si>
  <si>
    <t>5702326810275</t>
  </si>
  <si>
    <t>VELUX Rollo manuell RFL PK08 1086S</t>
  </si>
  <si>
    <t>RFL PK08 1086SWL</t>
  </si>
  <si>
    <t>5702326810299</t>
  </si>
  <si>
    <t>VELUX Rollo manuell RFL PK08 1086SWL</t>
  </si>
  <si>
    <t>RFL PK08 4069S</t>
  </si>
  <si>
    <t>5702326810473</t>
  </si>
  <si>
    <t>VELUX Rollo manuell RFL PK08 4069S</t>
  </si>
  <si>
    <t>RFL PK08 4069SWL</t>
  </si>
  <si>
    <t>5702326810480</t>
  </si>
  <si>
    <t>VELUX Rollo manuell RFL PK08 4069SWL</t>
  </si>
  <si>
    <t>RFL PK08 4155S</t>
  </si>
  <si>
    <t>5702327432018</t>
  </si>
  <si>
    <t>VELUX Rollo manuell RFL PK08 4155S</t>
  </si>
  <si>
    <t>RFL PK08 4155SWL</t>
  </si>
  <si>
    <t>5702329103404</t>
  </si>
  <si>
    <t>VELUX Rollo manuell RFL PK08 4155SWL</t>
  </si>
  <si>
    <t>RFL PK08 4161S</t>
  </si>
  <si>
    <t>5702329024518</t>
  </si>
  <si>
    <t>VELUX Rollo manuell RFL PK08 4161S</t>
  </si>
  <si>
    <t>RFL PK08 4161SWL</t>
  </si>
  <si>
    <t>5702329103411</t>
  </si>
  <si>
    <t>VELUX Rollo manuell RFL PK08 4161SWL</t>
  </si>
  <si>
    <t>RFL PK08 4163S</t>
  </si>
  <si>
    <t>5702329024532</t>
  </si>
  <si>
    <t>VELUX Rollo manuell RFL PK08 4163S</t>
  </si>
  <si>
    <t>RFL PK08 4163SWL</t>
  </si>
  <si>
    <t>5702329103435</t>
  </si>
  <si>
    <t>VELUX Rollo manuell RFL PK08 4163SWL</t>
  </si>
  <si>
    <t>RFL PK08 4164SWL</t>
  </si>
  <si>
    <t>5702329103442</t>
  </si>
  <si>
    <t>VELUX Rollo manuell RFL PK08 4164SWL</t>
  </si>
  <si>
    <t>RFL PK08 4165SWL</t>
  </si>
  <si>
    <t>5702329103459</t>
  </si>
  <si>
    <t>VELUX Rollo manuell RFL PK08 4165SWL</t>
  </si>
  <si>
    <t>RFL PK08 4166S</t>
  </si>
  <si>
    <t>5702329024563</t>
  </si>
  <si>
    <t>VELUX Rollo manuell RFL PK08 4166S</t>
  </si>
  <si>
    <t>RFL PK08 4166SWL</t>
  </si>
  <si>
    <t>5702329103466</t>
  </si>
  <si>
    <t>VELUX Rollo manuell RFL PK08 4166SWL</t>
  </si>
  <si>
    <t>RFL PK08 4167S</t>
  </si>
  <si>
    <t>5702329024570</t>
  </si>
  <si>
    <t>VELUX Rollo manuell RFL PK08 4167S</t>
  </si>
  <si>
    <t>RFL PK08 4167SWL</t>
  </si>
  <si>
    <t>5702329103473</t>
  </si>
  <si>
    <t>VELUX Rollo manuell RFL PK08 4167SWL</t>
  </si>
  <si>
    <t>RFL PK08 4169S</t>
  </si>
  <si>
    <t>5702329024594</t>
  </si>
  <si>
    <t>VELUX Rollo manuell RFL PK08 4169S</t>
  </si>
  <si>
    <t>RFL PK08 4169SWL</t>
  </si>
  <si>
    <t>5702329103497</t>
  </si>
  <si>
    <t>VELUX Rollo manuell RFL PK08 4169SWL</t>
  </si>
  <si>
    <t>RFL PK08 4170S</t>
  </si>
  <si>
    <t>5702329024600</t>
  </si>
  <si>
    <t>VELUX Rollo manuell RFL PK08 4170S</t>
  </si>
  <si>
    <t>RFL PK08 4170SWL</t>
  </si>
  <si>
    <t>5702329103503</t>
  </si>
  <si>
    <t>VELUX Rollo manuell RFL PK08 4170SWL</t>
  </si>
  <si>
    <t>RFL PK08 4171SWL</t>
  </si>
  <si>
    <t>5702329103510</t>
  </si>
  <si>
    <t>VELUX Rollo manuell RFL PK08 4171SWL</t>
  </si>
  <si>
    <t>RFL PK08 9050S</t>
  </si>
  <si>
    <t>5702326811036</t>
  </si>
  <si>
    <t>VELUX Rollo manuell RFL PK08 9050S</t>
  </si>
  <si>
    <t>RFL PK08 9050SWL</t>
  </si>
  <si>
    <t>5702326811067</t>
  </si>
  <si>
    <t>VELUX Rollo manuell RFL PK08 9050SWL</t>
  </si>
  <si>
    <t>RFL PK08 CBYS</t>
  </si>
  <si>
    <t>5702329271691</t>
  </si>
  <si>
    <t>VELUX Rollo manuell RFL PK08 CBYS</t>
  </si>
  <si>
    <t>RFL PK08 CBYSWL</t>
  </si>
  <si>
    <t>5702329271707</t>
  </si>
  <si>
    <t>VELUX Rollo manuell RFL PK08 CBYSWL</t>
  </si>
  <si>
    <t>RFL PK10 1028S</t>
  </si>
  <si>
    <t>5702326811159</t>
  </si>
  <si>
    <t>VELUX Rollo manuell RFL PK10 1028S</t>
  </si>
  <si>
    <t>RFL PK10 1028SWL</t>
  </si>
  <si>
    <t>5702326811166</t>
  </si>
  <si>
    <t>VELUX Rollo manuell RFL PK10 1028SWL</t>
  </si>
  <si>
    <t>RFL PK10 1086S</t>
  </si>
  <si>
    <t>5702326811173</t>
  </si>
  <si>
    <t>VELUX Rollo manuell RFL PK10 1086S</t>
  </si>
  <si>
    <t>RFL PK10 1086SWL</t>
  </si>
  <si>
    <t>5702326811197</t>
  </si>
  <si>
    <t>VELUX Rollo manuell RFL PK10 1086SWL</t>
  </si>
  <si>
    <t>RFL PK10 4069SWL</t>
  </si>
  <si>
    <t>5702326811371</t>
  </si>
  <si>
    <t>VELUX Rollo manuell RFL PK10 4069SWL</t>
  </si>
  <si>
    <t>RFL PK10 4155S</t>
  </si>
  <si>
    <t>5702327432070</t>
  </si>
  <si>
    <t>VELUX Rollo manuell RFL PK10 4155S</t>
  </si>
  <si>
    <t>RFL PK10 4155SWL</t>
  </si>
  <si>
    <t>5702329103527</t>
  </si>
  <si>
    <t>VELUX Rollo manuell RFL PK10 4155SWL</t>
  </si>
  <si>
    <t>RFL PK10 4161S</t>
  </si>
  <si>
    <t>5702329024624</t>
  </si>
  <si>
    <t>VELUX Rollo manuell RFL PK10 4161S</t>
  </si>
  <si>
    <t>RFL PK10 4161SWL</t>
  </si>
  <si>
    <t>5702329103534</t>
  </si>
  <si>
    <t>VELUX Rollo manuell RFL PK10 4161SWL</t>
  </si>
  <si>
    <t>RFL PK10 4163S</t>
  </si>
  <si>
    <t>5702329024648</t>
  </si>
  <si>
    <t>VELUX Rollo manuell RFL PK10 4163S</t>
  </si>
  <si>
    <t>RFL PK10 4163SWL</t>
  </si>
  <si>
    <t>5702329103558</t>
  </si>
  <si>
    <t>VELUX Rollo manuell RFL PK10 4163SWL</t>
  </si>
  <si>
    <t>RFL PK10 4164S</t>
  </si>
  <si>
    <t>5702329024655</t>
  </si>
  <si>
    <t>VELUX Rollo manuell RFL PK10 4164S</t>
  </si>
  <si>
    <t>RFL PK10 4164SWL</t>
  </si>
  <si>
    <t>5702329103565</t>
  </si>
  <si>
    <t>VELUX Rollo manuell RFL PK10 4164SWL</t>
  </si>
  <si>
    <t>RFL PK10 4165SWL</t>
  </si>
  <si>
    <t>5702329103572</t>
  </si>
  <si>
    <t>VELUX Rollo manuell RFL PK10 4165SWL</t>
  </si>
  <si>
    <t>RFL PK10 4166S</t>
  </si>
  <si>
    <t>5702329024679</t>
  </si>
  <si>
    <t>VELUX Rollo manuell RFL PK10 4166S</t>
  </si>
  <si>
    <t>RFL PK10 4166SWL</t>
  </si>
  <si>
    <t>5702329103589</t>
  </si>
  <si>
    <t>VELUX Rollo manuell RFL PK10 4166SWL</t>
  </si>
  <si>
    <t>RFL PK10 4167SWL</t>
  </si>
  <si>
    <t>5702329103596</t>
  </si>
  <si>
    <t>VELUX Rollo manuell RFL PK10 4167SWL</t>
  </si>
  <si>
    <t>RFL PK10 4168SWL</t>
  </si>
  <si>
    <t>5702329103602</t>
  </si>
  <si>
    <t>VELUX Rollo manuell RFL PK10 4168SWL</t>
  </si>
  <si>
    <t>RFL PK10 4169S</t>
  </si>
  <si>
    <t>5702329024709</t>
  </si>
  <si>
    <t>VELUX Rollo manuell RFL PK10 4169S</t>
  </si>
  <si>
    <t>RFL PK10 4169SWL</t>
  </si>
  <si>
    <t>5702329103619</t>
  </si>
  <si>
    <t>VELUX Rollo manuell RFL PK10 4169SWL</t>
  </si>
  <si>
    <t>RFL PK10 4170S</t>
  </si>
  <si>
    <t>5702329024716</t>
  </si>
  <si>
    <t>VELUX Rollo manuell RFL PK10 4170S</t>
  </si>
  <si>
    <t>RFL PK10 4170SWL</t>
  </si>
  <si>
    <t>5702329103626</t>
  </si>
  <si>
    <t>VELUX Rollo manuell RFL PK10 4170SWL</t>
  </si>
  <si>
    <t>RFL PK10 4171SWL</t>
  </si>
  <si>
    <t>5702329103633</t>
  </si>
  <si>
    <t>VELUX Rollo manuell RFL PK10 4171SWL</t>
  </si>
  <si>
    <t>RFL PK10 9050S</t>
  </si>
  <si>
    <t>5702326811937</t>
  </si>
  <si>
    <t>VELUX Rollo manuell RFL PK10 9050S</t>
  </si>
  <si>
    <t>RFL PK10 9050SWL</t>
  </si>
  <si>
    <t>5702326811944</t>
  </si>
  <si>
    <t>VELUX Rollo manuell RFL PK10 9050SWL</t>
  </si>
  <si>
    <t>RFL PK10 CBYS</t>
  </si>
  <si>
    <t>5702329271714</t>
  </si>
  <si>
    <t>VELUX Rollo manuell RFL PK10 CBYS</t>
  </si>
  <si>
    <t>RFL PK10 CBYSWL</t>
  </si>
  <si>
    <t>5702329271721</t>
  </si>
  <si>
    <t>VELUX Rollo manuell RFL PK10 CBYSWL</t>
  </si>
  <si>
    <t>RFL S04 1028S</t>
  </si>
  <si>
    <t>5702326049095</t>
  </si>
  <si>
    <t>VELUX Rollo manuell RFL S04 1028S</t>
  </si>
  <si>
    <t>RFL S04 1028SWL</t>
  </si>
  <si>
    <t>5702326049101</t>
  </si>
  <si>
    <t>VELUX Rollo manuell RFL S04 1028SWL</t>
  </si>
  <si>
    <t>RFL S04 1086S</t>
  </si>
  <si>
    <t>5702326049118</t>
  </si>
  <si>
    <t>VELUX Rollo manuell RFL S04 1086S</t>
  </si>
  <si>
    <t>RFL S04 1086SWL</t>
  </si>
  <si>
    <t>5702326049125</t>
  </si>
  <si>
    <t>VELUX Rollo manuell RFL S04 1086SWL</t>
  </si>
  <si>
    <t>RFL S04 4155SWL</t>
  </si>
  <si>
    <t>5702329103961</t>
  </si>
  <si>
    <t>VELUX Rollo manuell RFL S04 4155SWL</t>
  </si>
  <si>
    <t>RFL S04 4161S</t>
  </si>
  <si>
    <t>5702329024952</t>
  </si>
  <si>
    <t>VELUX Rollo manuell RFL S04 4161S</t>
  </si>
  <si>
    <t>RFL S04 4161SWL</t>
  </si>
  <si>
    <t>5702329103978</t>
  </si>
  <si>
    <t>VELUX Rollo manuell RFL S04 4161SWL</t>
  </si>
  <si>
    <t>RFL S04 CBYS</t>
  </si>
  <si>
    <t>5702329271776</t>
  </si>
  <si>
    <t>VELUX Rollo manuell RFL S04 CBYS</t>
  </si>
  <si>
    <t>RFL S04 CBYSWL</t>
  </si>
  <si>
    <t>5702329271783</t>
  </si>
  <si>
    <t>VELUX Rollo manuell RFL S04 CBYSWL</t>
  </si>
  <si>
    <t>RFL S06 1028S</t>
  </si>
  <si>
    <t>5702326050015</t>
  </si>
  <si>
    <t>VELUX Rollo manuell RFL S06 1028S</t>
  </si>
  <si>
    <t>RFL S06 1028SWL</t>
  </si>
  <si>
    <t>5702326050039</t>
  </si>
  <si>
    <t>VELUX Rollo manuell RFL S06 1028SWL</t>
  </si>
  <si>
    <t>RFL S06 1086S</t>
  </si>
  <si>
    <t>5702326050060</t>
  </si>
  <si>
    <t>VELUX Rollo manuell RFL S06 1086S</t>
  </si>
  <si>
    <t>RFL S06 1086SWL</t>
  </si>
  <si>
    <t>5702326050077</t>
  </si>
  <si>
    <t>VELUX Rollo manuell RFL S06 1086SWL</t>
  </si>
  <si>
    <t>RFL S06 4069S</t>
  </si>
  <si>
    <t>5702326050237</t>
  </si>
  <si>
    <t>VELUX Rollo manuell RFL S06 4069S</t>
  </si>
  <si>
    <t>RFL S06 4069SWL</t>
  </si>
  <si>
    <t>5702326050244</t>
  </si>
  <si>
    <t>VELUX Rollo manuell RFL S06 4069SWL</t>
  </si>
  <si>
    <t>RFL S06 4155S</t>
  </si>
  <si>
    <t>5702327432315</t>
  </si>
  <si>
    <t>VELUX Rollo manuell RFL S06 4155S</t>
  </si>
  <si>
    <t>RFL S06 4155SWL</t>
  </si>
  <si>
    <t>5702329104081</t>
  </si>
  <si>
    <t>VELUX Rollo manuell RFL S06 4155SWL</t>
  </si>
  <si>
    <t>RFL S06 4161S</t>
  </si>
  <si>
    <t>5702329025065</t>
  </si>
  <si>
    <t>VELUX Rollo manuell RFL S06 4161S</t>
  </si>
  <si>
    <t>RFL S06 4161SWL</t>
  </si>
  <si>
    <t>5702329104098</t>
  </si>
  <si>
    <t>VELUX Rollo manuell RFL S06 4161SWL</t>
  </si>
  <si>
    <t>RFL S06 4162S</t>
  </si>
  <si>
    <t>5702329025072</t>
  </si>
  <si>
    <t>VELUX Rollo manuell RFL S06 4162S</t>
  </si>
  <si>
    <t>RFL S06 4163S</t>
  </si>
  <si>
    <t>5702329025089</t>
  </si>
  <si>
    <t>VELUX Rollo manuell RFL S06 4163S</t>
  </si>
  <si>
    <t>RFL S06 4163SWL</t>
  </si>
  <si>
    <t>5702329104111</t>
  </si>
  <si>
    <t>VELUX Rollo manuell RFL S06 4163SWL</t>
  </si>
  <si>
    <t>RFL S06 4164S</t>
  </si>
  <si>
    <t>5702329025096</t>
  </si>
  <si>
    <t>VELUX Rollo manuell RFL S06 4164S</t>
  </si>
  <si>
    <t>RFL S06 4164SWL</t>
  </si>
  <si>
    <t>5702329104128</t>
  </si>
  <si>
    <t>VELUX Rollo manuell RFL S06 4164SWL</t>
  </si>
  <si>
    <t>RFL S06 4165S</t>
  </si>
  <si>
    <t>5702329025102</t>
  </si>
  <si>
    <t>VELUX Rollo manuell RFL S06 4165S</t>
  </si>
  <si>
    <t>RFL S06 4166S</t>
  </si>
  <si>
    <t>5702329025119</t>
  </si>
  <si>
    <t>VELUX Rollo manuell RFL S06 4166S</t>
  </si>
  <si>
    <t>RFL S06 4166SWL</t>
  </si>
  <si>
    <t>5702329104142</t>
  </si>
  <si>
    <t>VELUX Rollo manuell RFL S06 4166SWL</t>
  </si>
  <si>
    <t>RFL S06 4167S</t>
  </si>
  <si>
    <t>5702329025126</t>
  </si>
  <si>
    <t>VELUX Rollo manuell RFL S06 4167S</t>
  </si>
  <si>
    <t>RFL S06 4167SWL</t>
  </si>
  <si>
    <t>5702329104159</t>
  </si>
  <si>
    <t>VELUX Rollo manuell RFL S06 4167SWL</t>
  </si>
  <si>
    <t>RFL S06 4168S</t>
  </si>
  <si>
    <t>5702329025133</t>
  </si>
  <si>
    <t>VELUX Rollo manuell RFL S06 4168S</t>
  </si>
  <si>
    <t>RFL S06 4169S</t>
  </si>
  <si>
    <t>5702329025140</t>
  </si>
  <si>
    <t>VELUX Rollo manuell RFL S06 4169S</t>
  </si>
  <si>
    <t>RFL S06 4169SWL</t>
  </si>
  <si>
    <t>5702329104173</t>
  </si>
  <si>
    <t>VELUX Rollo manuell RFL S06 4169SWL</t>
  </si>
  <si>
    <t>RFL S06 4170S</t>
  </si>
  <si>
    <t>5702329025157</t>
  </si>
  <si>
    <t>VELUX Rollo manuell RFL S06 4170S</t>
  </si>
  <si>
    <t>RFL S06 4170SWL</t>
  </si>
  <si>
    <t>5702329104180</t>
  </si>
  <si>
    <t>VELUX Rollo manuell RFL S06 4170SWL</t>
  </si>
  <si>
    <t>RFL S06 4171S</t>
  </si>
  <si>
    <t>5702329025164</t>
  </si>
  <si>
    <t>VELUX Rollo manuell RFL S06 4171S</t>
  </si>
  <si>
    <t>RFL S06 4171SWL</t>
  </si>
  <si>
    <t>5702329104197</t>
  </si>
  <si>
    <t>VELUX Rollo manuell RFL S06 4171SWL</t>
  </si>
  <si>
    <t>RFL S06 9050S</t>
  </si>
  <si>
    <t>5702326050862</t>
  </si>
  <si>
    <t>VELUX Rollo manuell RFL S06 9050S</t>
  </si>
  <si>
    <t>RFL S06 9050SWL</t>
  </si>
  <si>
    <t>5702326050879</t>
  </si>
  <si>
    <t>VELUX Rollo manuell RFL S06 9050SWL</t>
  </si>
  <si>
    <t>RFL S06 CBYS</t>
  </si>
  <si>
    <t>5702329271790</t>
  </si>
  <si>
    <t>VELUX Rollo manuell RFL S06 CBYS</t>
  </si>
  <si>
    <t>RFL S06 CBYSWL</t>
  </si>
  <si>
    <t>5702329271806</t>
  </si>
  <si>
    <t>VELUX Rollo manuell RFL S06 CBYSWL</t>
  </si>
  <si>
    <t>RFL S08 1028S</t>
  </si>
  <si>
    <t>5702326050978</t>
  </si>
  <si>
    <t>VELUX Rollo manuell RFL S08 1028S</t>
  </si>
  <si>
    <t>RFL S08 1028SWL</t>
  </si>
  <si>
    <t>5702326050985</t>
  </si>
  <si>
    <t>VELUX Rollo manuell RFL S08 1028SWL</t>
  </si>
  <si>
    <t>RFL S08 1086S</t>
  </si>
  <si>
    <t>5702326050992</t>
  </si>
  <si>
    <t>VELUX Rollo manuell RFL S08 1086S</t>
  </si>
  <si>
    <t>RFL S08 1086SWL</t>
  </si>
  <si>
    <t>5702326051005</t>
  </si>
  <si>
    <t>VELUX Rollo manuell RFL S08 1086SWL</t>
  </si>
  <si>
    <t>RFL S08 4069S</t>
  </si>
  <si>
    <t>5702326051159</t>
  </si>
  <si>
    <t>VELUX Rollo manuell RFL S08 4069S</t>
  </si>
  <si>
    <t>RFL S08 4069SWL</t>
  </si>
  <si>
    <t>5702326051173</t>
  </si>
  <si>
    <t>VELUX Rollo manuell RFL S08 4069SWL</t>
  </si>
  <si>
    <t>RFL S08 4155S</t>
  </si>
  <si>
    <t>5702327432377</t>
  </si>
  <si>
    <t>VELUX Rollo manuell RFL S08 4155S</t>
  </si>
  <si>
    <t>RFL S08 4155SWL</t>
  </si>
  <si>
    <t>5702329104203</t>
  </si>
  <si>
    <t>VELUX Rollo manuell RFL S08 4155SWL</t>
  </si>
  <si>
    <t>RFL S08 4161S</t>
  </si>
  <si>
    <t>5702329025171</t>
  </si>
  <si>
    <t>VELUX Rollo manuell RFL S08 4161S</t>
  </si>
  <si>
    <t>RFL S08 4161SWL</t>
  </si>
  <si>
    <t>5702329104210</t>
  </si>
  <si>
    <t>VELUX Rollo manuell RFL S08 4161SWL</t>
  </si>
  <si>
    <t>RFL S08 4163S</t>
  </si>
  <si>
    <t>5702329025195</t>
  </si>
  <si>
    <t>VELUX Rollo manuell RFL S08 4163S</t>
  </si>
  <si>
    <t>RFL S08 4163SWL</t>
  </si>
  <si>
    <t>5702329104234</t>
  </si>
  <si>
    <t>VELUX Rollo manuell RFL S08 4163SWL</t>
  </si>
  <si>
    <t>RFL S08 4164S</t>
  </si>
  <si>
    <t>5702329025201</t>
  </si>
  <si>
    <t>VELUX Rollo manuell RFL S08 4164S</t>
  </si>
  <si>
    <t>RFL S08 4166S</t>
  </si>
  <si>
    <t>5702329025225</t>
  </si>
  <si>
    <t>VELUX Rollo manuell RFL S08 4166S</t>
  </si>
  <si>
    <t>RFL S08 4166SWL</t>
  </si>
  <si>
    <t>5702329104265</t>
  </si>
  <si>
    <t>VELUX Rollo manuell RFL S08 4166SWL</t>
  </si>
  <si>
    <t>RFL S08 4169S</t>
  </si>
  <si>
    <t>5702329025256</t>
  </si>
  <si>
    <t>VELUX Rollo manuell RFL S08 4169S</t>
  </si>
  <si>
    <t>RFL S08 4169SWL</t>
  </si>
  <si>
    <t>5702329104296</t>
  </si>
  <si>
    <t>VELUX Rollo manuell RFL S08 4169SWL</t>
  </si>
  <si>
    <t>RFL S08 4170S</t>
  </si>
  <si>
    <t>5702329025263</t>
  </si>
  <si>
    <t>VELUX Rollo manuell RFL S08 4170S</t>
  </si>
  <si>
    <t>RFL S08 4170SWL</t>
  </si>
  <si>
    <t>5702329104302</t>
  </si>
  <si>
    <t>VELUX Rollo manuell RFL S08 4170SWL</t>
  </si>
  <si>
    <t>RFL S08 4171S</t>
  </si>
  <si>
    <t>5702329025270</t>
  </si>
  <si>
    <t>VELUX Rollo manuell RFL S08 4171S</t>
  </si>
  <si>
    <t>RFL S08 4171SWL</t>
  </si>
  <si>
    <t>5702329104319</t>
  </si>
  <si>
    <t>VELUX Rollo manuell RFL S08 4171SWL</t>
  </si>
  <si>
    <t>RFL S08 9050S</t>
  </si>
  <si>
    <t>5702326051791</t>
  </si>
  <si>
    <t>VELUX Rollo manuell RFL S08 9050S</t>
  </si>
  <si>
    <t>RFL S08 9050SWL</t>
  </si>
  <si>
    <t>5702326051807</t>
  </si>
  <si>
    <t>VELUX Rollo manuell RFL S08 9050SWL</t>
  </si>
  <si>
    <t>RFL S08 CBYS</t>
  </si>
  <si>
    <t>5702329271813</t>
  </si>
  <si>
    <t>VELUX Rollo manuell RFL S08 CBYS</t>
  </si>
  <si>
    <t>RFL S08 CBYSWL</t>
  </si>
  <si>
    <t>5702329271820</t>
  </si>
  <si>
    <t>VELUX Rollo manuell RFL S08 CBYSWL</t>
  </si>
  <si>
    <t>RFL S10 1028S</t>
  </si>
  <si>
    <t>5702326051876</t>
  </si>
  <si>
    <t>VELUX Rollo manuell RFL S10 1028S</t>
  </si>
  <si>
    <t>RFL S10 1028SWL</t>
  </si>
  <si>
    <t>5702326051890</t>
  </si>
  <si>
    <t>VELUX Rollo manuell RFL S10 1028SWL</t>
  </si>
  <si>
    <t>RFL S10 1086S</t>
  </si>
  <si>
    <t>5702326051906</t>
  </si>
  <si>
    <t>VELUX Rollo manuell RFL S10 1086S</t>
  </si>
  <si>
    <t>RFL S10 1086SWL</t>
  </si>
  <si>
    <t>5702326051913</t>
  </si>
  <si>
    <t>VELUX Rollo manuell RFL S10 1086SWL</t>
  </si>
  <si>
    <t>RFL S10 4161S</t>
  </si>
  <si>
    <t>5702329025287</t>
  </si>
  <si>
    <t>VELUX Rollo manuell RFL S10 4161S</t>
  </si>
  <si>
    <t>RFL S10 4161SWL</t>
  </si>
  <si>
    <t>5702329104333</t>
  </si>
  <si>
    <t>VELUX Rollo manuell RFL S10 4161SWL</t>
  </si>
  <si>
    <t>RFL S10 CBYS</t>
  </si>
  <si>
    <t>5702329271837</t>
  </si>
  <si>
    <t>VELUX Rollo manuell RFL S10 CBYS</t>
  </si>
  <si>
    <t>RFL S10 CBYSWL</t>
  </si>
  <si>
    <t>5702329271844</t>
  </si>
  <si>
    <t>VELUX Rollo manuell RFL S10 CBYSWL</t>
  </si>
  <si>
    <t>RFL S31 1028SWL</t>
  </si>
  <si>
    <t>5702326052811</t>
  </si>
  <si>
    <t>VELUX Rollo manuell RFL S31 1028SWL</t>
  </si>
  <si>
    <t>RFL S31 CBYS</t>
  </si>
  <si>
    <t>5702329271851</t>
  </si>
  <si>
    <t>VELUX Rollo manuell RFL S31 CBYS</t>
  </si>
  <si>
    <t>RFL S31 CBYSWL</t>
  </si>
  <si>
    <t>5702329271868</t>
  </si>
  <si>
    <t>VELUX Rollo manuell RFL S31 CBYSWL</t>
  </si>
  <si>
    <t>RFL SK06 1028S</t>
  </si>
  <si>
    <t>5702326651458</t>
  </si>
  <si>
    <t>VELUX Rollo manuell RFL SK06 1028S</t>
  </si>
  <si>
    <t>RFL SK06 1028SWL</t>
  </si>
  <si>
    <t>5702326814273</t>
  </si>
  <si>
    <t>VELUX Rollo manuell RFL SK06 1028SWL</t>
  </si>
  <si>
    <t>RFL SK06 1086S</t>
  </si>
  <si>
    <t>5702326642500</t>
  </si>
  <si>
    <t>VELUX Rollo manuell RFL SK06 1086S</t>
  </si>
  <si>
    <t>RFL SK06 1086SWL</t>
  </si>
  <si>
    <t>5702326814297</t>
  </si>
  <si>
    <t>VELUX Rollo manuell RFL SK06 1086SWL</t>
  </si>
  <si>
    <t>RFL SK06 4069S</t>
  </si>
  <si>
    <t>5702326814457</t>
  </si>
  <si>
    <t>VELUX Rollo manuell RFL SK06 4069S</t>
  </si>
  <si>
    <t>RFL SK06 4069SWL</t>
  </si>
  <si>
    <t>5702326814471</t>
  </si>
  <si>
    <t>VELUX Rollo manuell RFL SK06 4069SWL</t>
  </si>
  <si>
    <t>RFL SK06 4155S</t>
  </si>
  <si>
    <t>5702327432674</t>
  </si>
  <si>
    <t>VELUX Rollo manuell RFL SK06 4155S</t>
  </si>
  <si>
    <t>RFL SK06 4155SWL</t>
  </si>
  <si>
    <t>5702329104609</t>
  </si>
  <si>
    <t>VELUX Rollo manuell RFL SK06 4155SWL</t>
  </si>
  <si>
    <t>RFL SK06 4161S</t>
  </si>
  <si>
    <t>5702329025720</t>
  </si>
  <si>
    <t>VELUX Rollo manuell RFL SK06 4161S</t>
  </si>
  <si>
    <t>RFL SK06 4161SWL</t>
  </si>
  <si>
    <t>5702329104616</t>
  </si>
  <si>
    <t>VELUX Rollo manuell RFL SK06 4161SWL</t>
  </si>
  <si>
    <t>RFL SK06 4163S</t>
  </si>
  <si>
    <t>5702329025744</t>
  </si>
  <si>
    <t>VELUX Rollo manuell RFL SK06 4163S</t>
  </si>
  <si>
    <t>RFL SK06 4163SWL</t>
  </si>
  <si>
    <t>5702329104630</t>
  </si>
  <si>
    <t>VELUX Rollo manuell RFL SK06 4163SWL</t>
  </si>
  <si>
    <t>RFL SK06 4164S</t>
  </si>
  <si>
    <t>5702329025751</t>
  </si>
  <si>
    <t>VELUX Rollo manuell RFL SK06 4164S</t>
  </si>
  <si>
    <t>RFL SK06 4164SWL</t>
  </si>
  <si>
    <t>5702329104647</t>
  </si>
  <si>
    <t>VELUX Rollo manuell RFL SK06 4164SWL</t>
  </si>
  <si>
    <t>RFL SK06 4165S</t>
  </si>
  <si>
    <t>5702329025768</t>
  </si>
  <si>
    <t>VELUX Rollo manuell RFL SK06 4165S</t>
  </si>
  <si>
    <t>RFL SK06 4165SWL</t>
  </si>
  <si>
    <t>5702329104654</t>
  </si>
  <si>
    <t>VELUX Rollo manuell RFL SK06 4165SWL</t>
  </si>
  <si>
    <t>RFL SK06 4166S</t>
  </si>
  <si>
    <t>5702329025775</t>
  </si>
  <si>
    <t>VELUX Rollo manuell RFL SK06 4166S</t>
  </si>
  <si>
    <t>RFL SK06 4166SWL</t>
  </si>
  <si>
    <t>5702329104661</t>
  </si>
  <si>
    <t>VELUX Rollo manuell RFL SK06 4166SWL</t>
  </si>
  <si>
    <t>RFL SK06 4167S</t>
  </si>
  <si>
    <t>5702329025782</t>
  </si>
  <si>
    <t>VELUX Rollo manuell RFL SK06 4167S</t>
  </si>
  <si>
    <t>RFL SK06 4167SWL</t>
  </si>
  <si>
    <t>5702329104678</t>
  </si>
  <si>
    <t>VELUX Rollo manuell RFL SK06 4167SWL</t>
  </si>
  <si>
    <t>RFL SK06 4168S</t>
  </si>
  <si>
    <t>5702329025799</t>
  </si>
  <si>
    <t>VELUX Rollo manuell RFL SK06 4168S</t>
  </si>
  <si>
    <t>RFL SK06 4168SWL</t>
  </si>
  <si>
    <t>5702329104685</t>
  </si>
  <si>
    <t>VELUX Rollo manuell RFL SK06 4168SWL</t>
  </si>
  <si>
    <t>RFL SK06 4169S</t>
  </si>
  <si>
    <t>5702329025805</t>
  </si>
  <si>
    <t>VELUX Rollo manuell RFL SK06 4169S</t>
  </si>
  <si>
    <t>RFL SK06 4169SWL</t>
  </si>
  <si>
    <t>5702329104692</t>
  </si>
  <si>
    <t>VELUX Rollo manuell RFL SK06 4169SWL</t>
  </si>
  <si>
    <t>RFL SK06 4170S</t>
  </si>
  <si>
    <t>5702329025812</t>
  </si>
  <si>
    <t>VELUX Rollo manuell RFL SK06 4170S</t>
  </si>
  <si>
    <t>RFL SK06 4170SWL</t>
  </si>
  <si>
    <t>5702329104708</t>
  </si>
  <si>
    <t>VELUX Rollo manuell RFL SK06 4170SWL</t>
  </si>
  <si>
    <t>RFL SK06 4171S</t>
  </si>
  <si>
    <t>5702329025829</t>
  </si>
  <si>
    <t>VELUX Rollo manuell RFL SK06 4171S</t>
  </si>
  <si>
    <t>RFL SK06 4171SWL</t>
  </si>
  <si>
    <t>5702329104715</t>
  </si>
  <si>
    <t>VELUX Rollo manuell RFL SK06 4171SWL</t>
  </si>
  <si>
    <t>RFL SK06 9050S</t>
  </si>
  <si>
    <t>5702326642524</t>
  </si>
  <si>
    <t>VELUX Rollo manuell RFL SK06 9050S</t>
  </si>
  <si>
    <t>RFL SK06 9050SWL</t>
  </si>
  <si>
    <t>5702326815010</t>
  </si>
  <si>
    <t>VELUX Rollo manuell RFL SK06 9050SWL</t>
  </si>
  <si>
    <t>RFL SK06 CBYS</t>
  </si>
  <si>
    <t>5702329271899</t>
  </si>
  <si>
    <t>VELUX Rollo manuell RFL SK06 CBYS</t>
  </si>
  <si>
    <t>RFL SK06 CBYSWL</t>
  </si>
  <si>
    <t>5702329271905</t>
  </si>
  <si>
    <t>VELUX Rollo manuell RFL SK06 CBYSWL</t>
  </si>
  <si>
    <t>RFL SK08 1028S</t>
  </si>
  <si>
    <t>5702326815119</t>
  </si>
  <si>
    <t>VELUX Rollo manuell RFL SK08 1028S</t>
  </si>
  <si>
    <t>RFL SK08 1028SWL</t>
  </si>
  <si>
    <t>5702326815126</t>
  </si>
  <si>
    <t>VELUX Rollo manuell RFL SK08 1028SWL</t>
  </si>
  <si>
    <t>RFL SK08 1086S</t>
  </si>
  <si>
    <t>5702326815133</t>
  </si>
  <si>
    <t>VELUX Rollo manuell RFL SK08 1086S</t>
  </si>
  <si>
    <t>RFL SK08 1086SWL</t>
  </si>
  <si>
    <t>5702326815140</t>
  </si>
  <si>
    <t>VELUX Rollo manuell RFL SK08 1086SWL</t>
  </si>
  <si>
    <t>RFL SK08 4069S</t>
  </si>
  <si>
    <t>5702326815287</t>
  </si>
  <si>
    <t>VELUX Rollo manuell RFL SK08 4069S</t>
  </si>
  <si>
    <t>RFL SK08 4069SWL</t>
  </si>
  <si>
    <t>5702326815294</t>
  </si>
  <si>
    <t>VELUX Rollo manuell RFL SK08 4069SWL</t>
  </si>
  <si>
    <t>RFL SK08 4155S</t>
  </si>
  <si>
    <t>5702327432735</t>
  </si>
  <si>
    <t>VELUX Rollo manuell RFL SK08 4155S</t>
  </si>
  <si>
    <t>RFL SK08 4155SWL</t>
  </si>
  <si>
    <t>5702329104722</t>
  </si>
  <si>
    <t>VELUX Rollo manuell RFL SK08 4155SWL</t>
  </si>
  <si>
    <t>RFL SK08 4161S</t>
  </si>
  <si>
    <t>5702329025836</t>
  </si>
  <si>
    <t>VELUX Rollo manuell RFL SK08 4161S</t>
  </si>
  <si>
    <t>RFL SK08 4161SWL</t>
  </si>
  <si>
    <t>5702329104739</t>
  </si>
  <si>
    <t>VELUX Rollo manuell RFL SK08 4161SWL</t>
  </si>
  <si>
    <t>RFL SK08 4163S</t>
  </si>
  <si>
    <t>5702329025850</t>
  </si>
  <si>
    <t>VELUX Rollo manuell RFL SK08 4163S</t>
  </si>
  <si>
    <t>RFL SK08 4163SWL</t>
  </si>
  <si>
    <t>5702329104753</t>
  </si>
  <si>
    <t>VELUX Rollo manuell RFL SK08 4163SWL</t>
  </si>
  <si>
    <t>RFL SK08 4164S</t>
  </si>
  <si>
    <t>5702329025867</t>
  </si>
  <si>
    <t>VELUX Rollo manuell RFL SK08 4164S</t>
  </si>
  <si>
    <t>RFL SK08 4164SWL</t>
  </si>
  <si>
    <t>5702329104760</t>
  </si>
  <si>
    <t>VELUX Rollo manuell RFL SK08 4164SWL</t>
  </si>
  <si>
    <t>RFL SK08 4166S</t>
  </si>
  <si>
    <t>5702329025881</t>
  </si>
  <si>
    <t>VELUX Rollo manuell RFL SK08 4166S</t>
  </si>
  <si>
    <t>RFL SK08 4166SWL</t>
  </si>
  <si>
    <t>5702329104784</t>
  </si>
  <si>
    <t>VELUX Rollo manuell RFL SK08 4166SWL</t>
  </si>
  <si>
    <t>RFL SK08 4167SWL</t>
  </si>
  <si>
    <t>5702329104791</t>
  </si>
  <si>
    <t>VELUX Rollo manuell RFL SK08 4167SWL</t>
  </si>
  <si>
    <t>RFL SK08 4168SWL</t>
  </si>
  <si>
    <t>5702329104807</t>
  </si>
  <si>
    <t>VELUX Rollo manuell RFL SK08 4168SWL</t>
  </si>
  <si>
    <t>RFL SK08 4169S</t>
  </si>
  <si>
    <t>5702329025911</t>
  </si>
  <si>
    <t>VELUX Rollo manuell RFL SK08 4169S</t>
  </si>
  <si>
    <t>RFL SK08 4169SWL</t>
  </si>
  <si>
    <t>5702329104814</t>
  </si>
  <si>
    <t>VELUX Rollo manuell RFL SK08 4169SWL</t>
  </si>
  <si>
    <t>RFL SK08 4170S</t>
  </si>
  <si>
    <t>5702329025928</t>
  </si>
  <si>
    <t>VELUX Rollo manuell RFL SK08 4170S</t>
  </si>
  <si>
    <t>RFL SK08 4170SWL</t>
  </si>
  <si>
    <t>5702329104821</t>
  </si>
  <si>
    <t>VELUX Rollo manuell RFL SK08 4170SWL</t>
  </si>
  <si>
    <t>RFL SK08 4171SWL</t>
  </si>
  <si>
    <t>5702329104838</t>
  </si>
  <si>
    <t>VELUX Rollo manuell RFL SK08 4171SWL</t>
  </si>
  <si>
    <t>RFL SK08 9050S</t>
  </si>
  <si>
    <t>5702326815829</t>
  </si>
  <si>
    <t>VELUX Rollo manuell RFL SK08 9050S</t>
  </si>
  <si>
    <t>RFL SK08 9050SWL</t>
  </si>
  <si>
    <t>5702326815836</t>
  </si>
  <si>
    <t>VELUX Rollo manuell RFL SK08 9050SWL</t>
  </si>
  <si>
    <t>RFL SK08 CBYS</t>
  </si>
  <si>
    <t>5702329271912</t>
  </si>
  <si>
    <t>VELUX Rollo manuell RFL SK08 CBYS</t>
  </si>
  <si>
    <t>RFL SK08 CBYSWL</t>
  </si>
  <si>
    <t>5702329271929</t>
  </si>
  <si>
    <t>VELUX Rollo manuell RFL SK08 CBYSWL</t>
  </si>
  <si>
    <t>RFL SK10 1028S</t>
  </si>
  <si>
    <t>5702326815904</t>
  </si>
  <si>
    <t>VELUX Rollo manuell RFL SK10 1028S</t>
  </si>
  <si>
    <t>RFL SK10 1028SWL</t>
  </si>
  <si>
    <t>5702326815911</t>
  </si>
  <si>
    <t>VELUX Rollo manuell RFL SK10 1028SWL</t>
  </si>
  <si>
    <t>RFL SK10 1086S</t>
  </si>
  <si>
    <t>5702326815928</t>
  </si>
  <si>
    <t>VELUX Rollo manuell RFL SK10 1086S</t>
  </si>
  <si>
    <t>RFL SK10 1086SWL</t>
  </si>
  <si>
    <t>5702326815935</t>
  </si>
  <si>
    <t>VELUX Rollo manuell RFL SK10 1086SWL</t>
  </si>
  <si>
    <t>RFL SK10 4155SWL</t>
  </si>
  <si>
    <t>5702329104845</t>
  </si>
  <si>
    <t>VELUX Rollo manuell RFL SK10 4155SWL</t>
  </si>
  <si>
    <t>RFL SK10 4161S</t>
  </si>
  <si>
    <t>5702329025942</t>
  </si>
  <si>
    <t>VELUX Rollo manuell RFL SK10 4161S</t>
  </si>
  <si>
    <t>RFL SK10 4161SWL</t>
  </si>
  <si>
    <t>5702329104852</t>
  </si>
  <si>
    <t>VELUX Rollo manuell RFL SK10 4161SWL</t>
  </si>
  <si>
    <t>RFL SK10 4163S</t>
  </si>
  <si>
    <t>5702329025966</t>
  </si>
  <si>
    <t>VELUX Rollo manuell RFL SK10 4163S</t>
  </si>
  <si>
    <t>RFL SK10 4166SWL</t>
  </si>
  <si>
    <t>5702329104906</t>
  </si>
  <si>
    <t>VELUX Rollo manuell RFL SK10 4166SWL</t>
  </si>
  <si>
    <t>RFL SK10 4169SWL</t>
  </si>
  <si>
    <t>5702329104937</t>
  </si>
  <si>
    <t>VELUX Rollo manuell RFL SK10 4169SWL</t>
  </si>
  <si>
    <t>RFL SK10 4170SWL</t>
  </si>
  <si>
    <t>5702329104944</t>
  </si>
  <si>
    <t>VELUX Rollo manuell RFL SK10 4170SWL</t>
  </si>
  <si>
    <t>RFL SK10 9050SWL</t>
  </si>
  <si>
    <t>5702326816642</t>
  </si>
  <si>
    <t>VELUX Rollo manuell RFL SK10 9050SWL</t>
  </si>
  <si>
    <t>RFL SK10 CBYS</t>
  </si>
  <si>
    <t>5702329271936</t>
  </si>
  <si>
    <t>VELUX Rollo manuell RFL SK10 CBYS</t>
  </si>
  <si>
    <t>RFL SK10 CBYSWL</t>
  </si>
  <si>
    <t>5702329271943</t>
  </si>
  <si>
    <t>VELUX Rollo manuell RFL SK10 CBYSWL</t>
  </si>
  <si>
    <t>RFL U04 1028S</t>
  </si>
  <si>
    <t>5702326054624</t>
  </si>
  <si>
    <t>VELUX Rollo manuell RFL U04 1028S</t>
  </si>
  <si>
    <t>RFL U04 1028SWL</t>
  </si>
  <si>
    <t>5702326054631</t>
  </si>
  <si>
    <t>VELUX Rollo manuell RFL U04 1028SWL</t>
  </si>
  <si>
    <t>RFL U04 1086S</t>
  </si>
  <si>
    <t>5702326054655</t>
  </si>
  <si>
    <t>VELUX Rollo manuell RFL U04 1086S</t>
  </si>
  <si>
    <t>RFL U04 1086SWL</t>
  </si>
  <si>
    <t>5702326054679</t>
  </si>
  <si>
    <t>VELUX Rollo manuell RFL U04 1086SWL</t>
  </si>
  <si>
    <t>RFL U04 4069S</t>
  </si>
  <si>
    <t>5702326054822</t>
  </si>
  <si>
    <t>VELUX Rollo manuell RFL U04 4069S</t>
  </si>
  <si>
    <t>RFL U04 4155S</t>
  </si>
  <si>
    <t>5702327432858</t>
  </si>
  <si>
    <t>VELUX Rollo manuell RFL U04 4155S</t>
  </si>
  <si>
    <t>RFL U04 4155SWL</t>
  </si>
  <si>
    <t>5702329104968</t>
  </si>
  <si>
    <t>VELUX Rollo manuell RFL U04 4155SWL</t>
  </si>
  <si>
    <t>RFL U04 4161S</t>
  </si>
  <si>
    <t>5702329026055</t>
  </si>
  <si>
    <t>VELUX Rollo manuell RFL U04 4161S</t>
  </si>
  <si>
    <t>RFL U04 4161SWL</t>
  </si>
  <si>
    <t>5702329104975</t>
  </si>
  <si>
    <t>VELUX Rollo manuell RFL U04 4161SWL</t>
  </si>
  <si>
    <t>RFL U04 4163S</t>
  </si>
  <si>
    <t>5702329026079</t>
  </si>
  <si>
    <t>VELUX Rollo manuell RFL U04 4163S</t>
  </si>
  <si>
    <t>RFL U04 4164S</t>
  </si>
  <si>
    <t>5702329026086</t>
  </si>
  <si>
    <t>VELUX Rollo manuell RFL U04 4164S</t>
  </si>
  <si>
    <t>RFL U04 4166S</t>
  </si>
  <si>
    <t>5702329026109</t>
  </si>
  <si>
    <t>VELUX Rollo manuell RFL U04 4166S</t>
  </si>
  <si>
    <t>RFL U04 4167S</t>
  </si>
  <si>
    <t>5702329026116</t>
  </si>
  <si>
    <t>VELUX Rollo manuell RFL U04 4167S</t>
  </si>
  <si>
    <t>RFL U04 4169S</t>
  </si>
  <si>
    <t>5702329026130</t>
  </si>
  <si>
    <t>VELUX Rollo manuell RFL U04 4169S</t>
  </si>
  <si>
    <t>RFL U04 4170S</t>
  </si>
  <si>
    <t>5702329026147</t>
  </si>
  <si>
    <t>VELUX Rollo manuell RFL U04 4170S</t>
  </si>
  <si>
    <t>RFL U04 4171S</t>
  </si>
  <si>
    <t>5702329026154</t>
  </si>
  <si>
    <t>VELUX Rollo manuell RFL U04 4171S</t>
  </si>
  <si>
    <t>RFL U04 9050S</t>
  </si>
  <si>
    <t>5702326055478</t>
  </si>
  <si>
    <t>VELUX Rollo manuell RFL U04 9050S</t>
  </si>
  <si>
    <t>RFL U04 9050SWL</t>
  </si>
  <si>
    <t>5702326055485</t>
  </si>
  <si>
    <t>VELUX Rollo manuell RFL U04 9050SWL</t>
  </si>
  <si>
    <t>RFL U04 CBYS</t>
  </si>
  <si>
    <t>5702329271950</t>
  </si>
  <si>
    <t>VELUX Rollo manuell RFL U04 CBYS</t>
  </si>
  <si>
    <t>RFL U04 CBYSWL</t>
  </si>
  <si>
    <t>5702329271967</t>
  </si>
  <si>
    <t>VELUX Rollo manuell RFL U04 CBYSWL</t>
  </si>
  <si>
    <t>RFL U08 1028S</t>
  </si>
  <si>
    <t>5702326055553</t>
  </si>
  <si>
    <t>VELUX Rollo manuell RFL U08 1028S</t>
  </si>
  <si>
    <t>RFL U08 1028SWL</t>
  </si>
  <si>
    <t>5702326055560</t>
  </si>
  <si>
    <t>VELUX Rollo manuell RFL U08 1028SWL</t>
  </si>
  <si>
    <t>RFL U08 1086S</t>
  </si>
  <si>
    <t>5702326055577</t>
  </si>
  <si>
    <t>VELUX Rollo manuell RFL U08 1086S</t>
  </si>
  <si>
    <t>RFL U08 1086SWL</t>
  </si>
  <si>
    <t>5702326055584</t>
  </si>
  <si>
    <t>VELUX Rollo manuell RFL U08 1086SWL</t>
  </si>
  <si>
    <t>RFL U08 4069S</t>
  </si>
  <si>
    <t>5702326055751</t>
  </si>
  <si>
    <t>VELUX Rollo manuell RFL U08 4069S</t>
  </si>
  <si>
    <t>RFL U08 4155S</t>
  </si>
  <si>
    <t>5702327432919</t>
  </si>
  <si>
    <t>VELUX Rollo manuell RFL U08 4155S</t>
  </si>
  <si>
    <t>RFL U08 4155SWL</t>
  </si>
  <si>
    <t>5702329105088</t>
  </si>
  <si>
    <t>VELUX Rollo manuell RFL U08 4155SWL</t>
  </si>
  <si>
    <t>RFL U08 4161S</t>
  </si>
  <si>
    <t>5702329026161</t>
  </si>
  <si>
    <t>VELUX Rollo manuell RFL U08 4161S</t>
  </si>
  <si>
    <t>RFL U08 4161SWL</t>
  </si>
  <si>
    <t>5702329105095</t>
  </si>
  <si>
    <t>VELUX Rollo manuell RFL U08 4161SWL</t>
  </si>
  <si>
    <t>RFL U08 4163S</t>
  </si>
  <si>
    <t>5702329026185</t>
  </si>
  <si>
    <t>VELUX Rollo manuell RFL U08 4163S</t>
  </si>
  <si>
    <t>RFL U08 4164S</t>
  </si>
  <si>
    <t>5702329026192</t>
  </si>
  <si>
    <t>VELUX Rollo manuell RFL U08 4164S</t>
  </si>
  <si>
    <t>RFL U08 4166S</t>
  </si>
  <si>
    <t>5702329026215</t>
  </si>
  <si>
    <t>VELUX Rollo manuell RFL U08 4166S</t>
  </si>
  <si>
    <t>RFL U08 4167S</t>
  </si>
  <si>
    <t>5702329026222</t>
  </si>
  <si>
    <t>VELUX Rollo manuell RFL U08 4167S</t>
  </si>
  <si>
    <t>RFL U08 4168S</t>
  </si>
  <si>
    <t>5702329026239</t>
  </si>
  <si>
    <t>VELUX Rollo manuell RFL U08 4168S</t>
  </si>
  <si>
    <t>RFL U08 4169S</t>
  </si>
  <si>
    <t>5702329026246</t>
  </si>
  <si>
    <t>VELUX Rollo manuell RFL U08 4169S</t>
  </si>
  <si>
    <t>RFL U08 4169SWL</t>
  </si>
  <si>
    <t>5702329105170</t>
  </si>
  <si>
    <t>VELUX Rollo manuell RFL U08 4169SWL</t>
  </si>
  <si>
    <t>RFL U08 4170S</t>
  </si>
  <si>
    <t>5702329026253</t>
  </si>
  <si>
    <t>VELUX Rollo manuell RFL U08 4170S</t>
  </si>
  <si>
    <t>RFL U08 4171S</t>
  </si>
  <si>
    <t>5702329026260</t>
  </si>
  <si>
    <t>VELUX Rollo manuell RFL U08 4171S</t>
  </si>
  <si>
    <t>RFL U08 9050S</t>
  </si>
  <si>
    <t>5702326056369</t>
  </si>
  <si>
    <t>VELUX Rollo manuell RFL U08 9050S</t>
  </si>
  <si>
    <t>RFL U08 9050SWL</t>
  </si>
  <si>
    <t>5702326056376</t>
  </si>
  <si>
    <t>VELUX Rollo manuell RFL U08 9050SWL</t>
  </si>
  <si>
    <t>RFL U08 CBYS</t>
  </si>
  <si>
    <t>5702329271974</t>
  </si>
  <si>
    <t>VELUX Rollo manuell RFL U08 CBYS</t>
  </si>
  <si>
    <t>RFL U08 CBYSWL</t>
  </si>
  <si>
    <t>5702329271981</t>
  </si>
  <si>
    <t>VELUX Rollo manuell RFL U08 CBYSWL</t>
  </si>
  <si>
    <t>RFL U10 1028S</t>
  </si>
  <si>
    <t>5702326056482</t>
  </si>
  <si>
    <t>VELUX Rollo manuell RFL U10 1028S</t>
  </si>
  <si>
    <t>RFL U10 CBYS</t>
  </si>
  <si>
    <t>5702329271998</t>
  </si>
  <si>
    <t>VELUX Rollo manuell RFL U10 CBYS</t>
  </si>
  <si>
    <t>RFL U10 CBYSWL</t>
  </si>
  <si>
    <t>5702329272001</t>
  </si>
  <si>
    <t>VELUX Rollo manuell RFL U10 CBYSWL</t>
  </si>
  <si>
    <t>RFL U31 CBYS</t>
  </si>
  <si>
    <t>5702329272018</t>
  </si>
  <si>
    <t>VELUX Rollo manuell RFL U31 CBYS</t>
  </si>
  <si>
    <t>RFL U31 CBYSWL</t>
  </si>
  <si>
    <t>5702329272025</t>
  </si>
  <si>
    <t>VELUX Rollo manuell RFL U31 CBYSWL</t>
  </si>
  <si>
    <t>RFL UK04 1028S</t>
  </si>
  <si>
    <t>5702326816710</t>
  </si>
  <si>
    <t>VELUX Rollo manuell RFL UK04 1028S</t>
  </si>
  <si>
    <t>RFL UK04 1028SWL</t>
  </si>
  <si>
    <t>5702326816727</t>
  </si>
  <si>
    <t>VELUX Rollo manuell RFL UK04 1028SWL</t>
  </si>
  <si>
    <t>RFL UK04 1086S</t>
  </si>
  <si>
    <t>5702326816734</t>
  </si>
  <si>
    <t>VELUX Rollo manuell RFL UK04 1086S</t>
  </si>
  <si>
    <t>RFL UK04 1086SWL</t>
  </si>
  <si>
    <t>5702326816741</t>
  </si>
  <si>
    <t>VELUX Rollo manuell RFL UK04 1086SWL</t>
  </si>
  <si>
    <t>RFL UK04 4069S</t>
  </si>
  <si>
    <t>5702326816888</t>
  </si>
  <si>
    <t>VELUX Rollo manuell RFL UK04 4069S</t>
  </si>
  <si>
    <t>RFL UK04 4069SWL</t>
  </si>
  <si>
    <t>5702326816895</t>
  </si>
  <si>
    <t>VELUX Rollo manuell RFL UK04 4069SWL</t>
  </si>
  <si>
    <t>RFL UK04 4155S</t>
  </si>
  <si>
    <t>5702327433152</t>
  </si>
  <si>
    <t>VELUX Rollo manuell RFL UK04 4155S</t>
  </si>
  <si>
    <t>RFL UK04 4155SWL</t>
  </si>
  <si>
    <t>5702329105323</t>
  </si>
  <si>
    <t>VELUX Rollo manuell RFL UK04 4155SWL</t>
  </si>
  <si>
    <t>RFL UK04 4161S</t>
  </si>
  <si>
    <t>5702329026604</t>
  </si>
  <si>
    <t>VELUX Rollo manuell RFL UK04 4161S</t>
  </si>
  <si>
    <t>RFL UK04 4161SWL</t>
  </si>
  <si>
    <t>5702329105330</t>
  </si>
  <si>
    <t>VELUX Rollo manuell RFL UK04 4161SWL</t>
  </si>
  <si>
    <t>RFL UK04 4163SWL</t>
  </si>
  <si>
    <t>5702329105354</t>
  </si>
  <si>
    <t>VELUX Rollo manuell RFL UK04 4163SWL</t>
  </si>
  <si>
    <t>RFL UK04 4164S</t>
  </si>
  <si>
    <t>5702329026635</t>
  </si>
  <si>
    <t>VELUX Rollo manuell RFL UK04 4164S</t>
  </si>
  <si>
    <t>RFL UK04 4164SWL</t>
  </si>
  <si>
    <t>5702329105361</t>
  </si>
  <si>
    <t>VELUX Rollo manuell RFL UK04 4164SWL</t>
  </si>
  <si>
    <t>RFL UK04 4166S</t>
  </si>
  <si>
    <t>5702329026659</t>
  </si>
  <si>
    <t>VELUX Rollo manuell RFL UK04 4166S</t>
  </si>
  <si>
    <t>RFL UK04 4166SWL</t>
  </si>
  <si>
    <t>5702329105385</t>
  </si>
  <si>
    <t>VELUX Rollo manuell RFL UK04 4166SWL</t>
  </si>
  <si>
    <t>RFL UK04 4167SWL</t>
  </si>
  <si>
    <t>5702329105392</t>
  </si>
  <si>
    <t>VELUX Rollo manuell RFL UK04 4167SWL</t>
  </si>
  <si>
    <t>RFL UK04 4168SWL</t>
  </si>
  <si>
    <t>5702329105408</t>
  </si>
  <si>
    <t>VELUX Rollo manuell RFL UK04 4168SWL</t>
  </si>
  <si>
    <t>RFL UK04 4169S</t>
  </si>
  <si>
    <t>5702329026680</t>
  </si>
  <si>
    <t>VELUX Rollo manuell RFL UK04 4169S</t>
  </si>
  <si>
    <t>RFL UK04 4169SWL</t>
  </si>
  <si>
    <t>5702329105415</t>
  </si>
  <si>
    <t>VELUX Rollo manuell RFL UK04 4169SWL</t>
  </si>
  <si>
    <t>RFL UK04 4170S</t>
  </si>
  <si>
    <t>5702329026697</t>
  </si>
  <si>
    <t>VELUX Rollo manuell RFL UK04 4170S</t>
  </si>
  <si>
    <t>RFL UK04 4170SWL</t>
  </si>
  <si>
    <t>5702329105422</t>
  </si>
  <si>
    <t>VELUX Rollo manuell RFL UK04 4170SWL</t>
  </si>
  <si>
    <t>RFL UK04 9050S</t>
  </si>
  <si>
    <t>5702326817441</t>
  </si>
  <si>
    <t>VELUX Rollo manuell RFL UK04 9050S</t>
  </si>
  <si>
    <t>RFL UK04 9050SWL</t>
  </si>
  <si>
    <t>5702326817458</t>
  </si>
  <si>
    <t>VELUX Rollo manuell RFL UK04 9050SWL</t>
  </si>
  <si>
    <t>RFL UK04 CBYS</t>
  </si>
  <si>
    <t>5702329272032</t>
  </si>
  <si>
    <t>VELUX Rollo manuell RFL UK04 CBYS</t>
  </si>
  <si>
    <t>RFL UK04 CBYSWL</t>
  </si>
  <si>
    <t>5702329272049</t>
  </si>
  <si>
    <t>VELUX Rollo manuell RFL UK04 CBYSWL</t>
  </si>
  <si>
    <t>RFL UK08 1028S</t>
  </si>
  <si>
    <t>5702326817526</t>
  </si>
  <si>
    <t>VELUX Rollo manuell RFL UK08 1028S</t>
  </si>
  <si>
    <t>RFL UK08 1028SWL</t>
  </si>
  <si>
    <t>5702326817533</t>
  </si>
  <si>
    <t>VELUX Rollo manuell RFL UK08 1028SWL</t>
  </si>
  <si>
    <t>RFL UK08 1086S</t>
  </si>
  <si>
    <t>5702326817540</t>
  </si>
  <si>
    <t>VELUX Rollo manuell RFL UK08 1086S</t>
  </si>
  <si>
    <t>RFL UK08 1086SWL</t>
  </si>
  <si>
    <t>5702326817557</t>
  </si>
  <si>
    <t>VELUX Rollo manuell RFL UK08 1086SWL</t>
  </si>
  <si>
    <t>RFL UK08 4069S</t>
  </si>
  <si>
    <t>5702326817694</t>
  </si>
  <si>
    <t>VELUX Rollo manuell RFL UK08 4069S</t>
  </si>
  <si>
    <t>RFL UK08 4069SWL</t>
  </si>
  <si>
    <t>5702326817700</t>
  </si>
  <si>
    <t>VELUX Rollo manuell RFL UK08 4069SWL</t>
  </si>
  <si>
    <t>RFL UK08 4155S</t>
  </si>
  <si>
    <t>5702327433213</t>
  </si>
  <si>
    <t>VELUX Rollo manuell RFL UK08 4155S</t>
  </si>
  <si>
    <t>RFL UK08 4155SWL</t>
  </si>
  <si>
    <t>5702329105446</t>
  </si>
  <si>
    <t>VELUX Rollo manuell RFL UK08 4155SWL</t>
  </si>
  <si>
    <t>RFL UK08 4161S</t>
  </si>
  <si>
    <t>5702329026710</t>
  </si>
  <si>
    <t>VELUX Rollo manuell RFL UK08 4161S</t>
  </si>
  <si>
    <t>RFL UK08 4161SWL</t>
  </si>
  <si>
    <t>5702329105453</t>
  </si>
  <si>
    <t>VELUX Rollo manuell RFL UK08 4161SWL</t>
  </si>
  <si>
    <t>RFL UK08 4163SWL</t>
  </si>
  <si>
    <t>5702329105477</t>
  </si>
  <si>
    <t>VELUX Rollo manuell RFL UK08 4163SWL</t>
  </si>
  <si>
    <t>RFL UK08 4164S</t>
  </si>
  <si>
    <t>5702329026741</t>
  </si>
  <si>
    <t>VELUX Rollo manuell RFL UK08 4164S</t>
  </si>
  <si>
    <t>RFL UK08 4166S</t>
  </si>
  <si>
    <t>5702329026765</t>
  </si>
  <si>
    <t>VELUX Rollo manuell RFL UK08 4166S</t>
  </si>
  <si>
    <t>RFL UK08 4166SWL</t>
  </si>
  <si>
    <t>5702329105507</t>
  </si>
  <si>
    <t>VELUX Rollo manuell RFL UK08 4166SWL</t>
  </si>
  <si>
    <t>RFL UK08 4167SWL</t>
  </si>
  <si>
    <t>5702329105514</t>
  </si>
  <si>
    <t>VELUX Rollo manuell RFL UK08 4167SWL</t>
  </si>
  <si>
    <t>RFL UK08 4168SWL</t>
  </si>
  <si>
    <t>5702329105521</t>
  </si>
  <si>
    <t>VELUX Rollo manuell RFL UK08 4168SWL</t>
  </si>
  <si>
    <t>RFL UK08 4169S</t>
  </si>
  <si>
    <t>5702329026796</t>
  </si>
  <si>
    <t>VELUX Rollo manuell RFL UK08 4169S</t>
  </si>
  <si>
    <t>RFL UK08 4169SWL</t>
  </si>
  <si>
    <t>5702329105538</t>
  </si>
  <si>
    <t>VELUX Rollo manuell RFL UK08 4169SWL</t>
  </si>
  <si>
    <t>RFL UK08 4170S</t>
  </si>
  <si>
    <t>5702329026802</t>
  </si>
  <si>
    <t>VELUX Rollo manuell RFL UK08 4170S</t>
  </si>
  <si>
    <t>RFL UK08 4170SWL</t>
  </si>
  <si>
    <t>5702329105545</t>
  </si>
  <si>
    <t>VELUX Rollo manuell RFL UK08 4170SWL</t>
  </si>
  <si>
    <t>RFL UK08 4171SWL</t>
  </si>
  <si>
    <t>5702329105552</t>
  </si>
  <si>
    <t>VELUX Rollo manuell RFL UK08 4171SWL</t>
  </si>
  <si>
    <t>RFL UK08 9050S</t>
  </si>
  <si>
    <t>5702326818240</t>
  </si>
  <si>
    <t>VELUX Rollo manuell RFL UK08 9050S</t>
  </si>
  <si>
    <t>RFL UK08 9050SWL</t>
  </si>
  <si>
    <t>5702326818257</t>
  </si>
  <si>
    <t>VELUX Rollo manuell RFL UK08 9050SWL</t>
  </si>
  <si>
    <t>RFL UK08 CBYS</t>
  </si>
  <si>
    <t>5702329272056</t>
  </si>
  <si>
    <t>VELUX Rollo manuell RFL UK08 CBYS</t>
  </si>
  <si>
    <t>RFL UK08 CBYSWL</t>
  </si>
  <si>
    <t>5702329272063</t>
  </si>
  <si>
    <t>VELUX Rollo manuell RFL UK08 CBYSWL</t>
  </si>
  <si>
    <t>RFL UK10 1028S</t>
  </si>
  <si>
    <t>5702326818332</t>
  </si>
  <si>
    <t>VELUX Rollo manuell RFL UK10 1028S</t>
  </si>
  <si>
    <t>RFL UK10 1028SWL</t>
  </si>
  <si>
    <t>5702326818349</t>
  </si>
  <si>
    <t>VELUX Rollo manuell RFL UK10 1028SWL</t>
  </si>
  <si>
    <t>RFL UK10 1086S</t>
  </si>
  <si>
    <t>5702326818356</t>
  </si>
  <si>
    <t>VELUX Rollo manuell RFL UK10 1086S</t>
  </si>
  <si>
    <t>RFL UK10 1086SWL</t>
  </si>
  <si>
    <t>5702326818363</t>
  </si>
  <si>
    <t>VELUX Rollo manuell RFL UK10 1086SWL</t>
  </si>
  <si>
    <t>RFL UK10 4161S</t>
  </si>
  <si>
    <t>5702329026826</t>
  </si>
  <si>
    <t>VELUX Rollo manuell RFL UK10 4161S</t>
  </si>
  <si>
    <t>RFL UK10 4161SWL</t>
  </si>
  <si>
    <t>5702329105576</t>
  </si>
  <si>
    <t>VELUX Rollo manuell RFL UK10 4161SWL</t>
  </si>
  <si>
    <t>RFL UK10 CBYS</t>
  </si>
  <si>
    <t>5702329272070</t>
  </si>
  <si>
    <t>VELUX Rollo manuell RFL UK10 CBYS</t>
  </si>
  <si>
    <t>RFL UK10 CBYSWL</t>
  </si>
  <si>
    <t>5702329272087</t>
  </si>
  <si>
    <t>VELUX Rollo manuell RFL UK10 CBYSWL</t>
  </si>
  <si>
    <t>RFL Y21 1028S</t>
  </si>
  <si>
    <t>5702326059193</t>
  </si>
  <si>
    <t>VELUX Rollo manuell RFL Y21 1028S</t>
  </si>
  <si>
    <t>RFL Y21 1086S</t>
  </si>
  <si>
    <t>5702326059216</t>
  </si>
  <si>
    <t>VELUX Rollo manuell RFL Y21 1086S</t>
  </si>
  <si>
    <t>RFL Y21 4161S</t>
  </si>
  <si>
    <t>5702329026932</t>
  </si>
  <si>
    <t>VELUX Rollo manuell RFL Y21 4161S</t>
  </si>
  <si>
    <t>RFL Y21 9050S</t>
  </si>
  <si>
    <t>5702326060007</t>
  </si>
  <si>
    <t>VELUX Rollo manuell RFL Y21 9050S</t>
  </si>
  <si>
    <t>RFL Y23 1028S</t>
  </si>
  <si>
    <t>5702326060106</t>
  </si>
  <si>
    <t>VELUX Rollo manuell RFL Y23 1028S</t>
  </si>
  <si>
    <t>RFL Y23 1086S</t>
  </si>
  <si>
    <t>5702326060120</t>
  </si>
  <si>
    <t>VELUX Rollo manuell RFL Y23 1086S</t>
  </si>
  <si>
    <t>RFL Y23 4155S</t>
  </si>
  <si>
    <t>5702327433398</t>
  </si>
  <si>
    <t>VELUX Rollo manuell RFL Y23 4155S</t>
  </si>
  <si>
    <t>RFL Y23 4161S</t>
  </si>
  <si>
    <t>5702329027045</t>
  </si>
  <si>
    <t>VELUX Rollo manuell RFL Y23 4161S</t>
  </si>
  <si>
    <t>RFL Y23 4170S</t>
  </si>
  <si>
    <t>5702329027137</t>
  </si>
  <si>
    <t>VELUX Rollo manuell RFL Y23 4170S</t>
  </si>
  <si>
    <t>RFL Y23 9050S</t>
  </si>
  <si>
    <t>5702326060915</t>
  </si>
  <si>
    <t>VELUX Rollo manuell RFL Y23 9050S</t>
  </si>
  <si>
    <t>RFL Y33 1028S</t>
  </si>
  <si>
    <t>5702326061011</t>
  </si>
  <si>
    <t>VELUX Rollo manuell RFL Y33 1028S</t>
  </si>
  <si>
    <t>RFL Y33 1086S</t>
  </si>
  <si>
    <t>5702326061059</t>
  </si>
  <si>
    <t>VELUX Rollo manuell RFL Y33 1086S</t>
  </si>
  <si>
    <t>RFL Y33 4155S</t>
  </si>
  <si>
    <t>5702327433459</t>
  </si>
  <si>
    <t>VELUX Rollo manuell RFL Y33 4155S</t>
  </si>
  <si>
    <t>RFL Y33 4161S</t>
  </si>
  <si>
    <t>5702329027151</t>
  </si>
  <si>
    <t>VELUX Rollo manuell RFL Y33 4161S</t>
  </si>
  <si>
    <t>RFL Y33 9050S</t>
  </si>
  <si>
    <t>5702326061837</t>
  </si>
  <si>
    <t>VELUX Rollo manuell RFL Y33 9050S</t>
  </si>
  <si>
    <t>RFL Y35 1028S</t>
  </si>
  <si>
    <t>5702326061936</t>
  </si>
  <si>
    <t>VELUX Rollo manuell RFL Y35 1028S</t>
  </si>
  <si>
    <t>RFL Y35 1086S</t>
  </si>
  <si>
    <t>5702326061967</t>
  </si>
  <si>
    <t>VELUX Rollo manuell RFL Y35 1086S</t>
  </si>
  <si>
    <t>RFL Y35 4161S</t>
  </si>
  <si>
    <t>5702329027267</t>
  </si>
  <si>
    <t>VELUX Rollo manuell RFL Y35 4161S</t>
  </si>
  <si>
    <t>RFL Y43 1028S</t>
  </si>
  <si>
    <t>5702326062841</t>
  </si>
  <si>
    <t>VELUX Rollo manuell RFL Y43 1028S</t>
  </si>
  <si>
    <t>RFL Y43 1086S</t>
  </si>
  <si>
    <t>5702326062865</t>
  </si>
  <si>
    <t>VELUX Rollo manuell RFL Y43 1086S</t>
  </si>
  <si>
    <t>RFL Y43 4155S</t>
  </si>
  <si>
    <t>5702327433572</t>
  </si>
  <si>
    <t>VELUX Rollo manuell RFL Y43 4155S</t>
  </si>
  <si>
    <t>RFL Y43 4161S</t>
  </si>
  <si>
    <t>5702329027373</t>
  </si>
  <si>
    <t>VELUX Rollo manuell RFL Y43 4161S</t>
  </si>
  <si>
    <t>RFL Y43 4166S</t>
  </si>
  <si>
    <t>5702329027427</t>
  </si>
  <si>
    <t>VELUX Rollo manuell RFL Y43 4166S</t>
  </si>
  <si>
    <t>RFL Y43 9050S</t>
  </si>
  <si>
    <t>5702326063657</t>
  </si>
  <si>
    <t>VELUX Rollo manuell RFL Y43 9050S</t>
  </si>
  <si>
    <t>RFL Y45 1028S</t>
  </si>
  <si>
    <t>5702326063763</t>
  </si>
  <si>
    <t>VELUX Rollo manuell RFL Y45 1028S</t>
  </si>
  <si>
    <t>RFL Y45 1086S</t>
  </si>
  <si>
    <t>5702326063787</t>
  </si>
  <si>
    <t>VELUX Rollo manuell RFL Y45 1086S</t>
  </si>
  <si>
    <t>RFL Y45 4155S</t>
  </si>
  <si>
    <t>5702327433633</t>
  </si>
  <si>
    <t>VELUX Rollo manuell RFL Y45 4155S</t>
  </si>
  <si>
    <t>RFL Y45 4161S</t>
  </si>
  <si>
    <t>5702329027489</t>
  </si>
  <si>
    <t>VELUX Rollo manuell RFL Y45 4161S</t>
  </si>
  <si>
    <t>RFL Y45 4164S</t>
  </si>
  <si>
    <t>5702329027519</t>
  </si>
  <si>
    <t>VELUX Rollo manuell RFL Y45 4164S</t>
  </si>
  <si>
    <t>RFL Y45 4166S</t>
  </si>
  <si>
    <t>5702329027533</t>
  </si>
  <si>
    <t>VELUX Rollo manuell RFL Y45 4166S</t>
  </si>
  <si>
    <t>RFL Y45 4167S</t>
  </si>
  <si>
    <t>5702329027540</t>
  </si>
  <si>
    <t>VELUX Rollo manuell RFL Y45 4167S</t>
  </si>
  <si>
    <t>RFL Y45 4169S</t>
  </si>
  <si>
    <t>5702329027564</t>
  </si>
  <si>
    <t>VELUX Rollo manuell RFL Y45 4169S</t>
  </si>
  <si>
    <t>RFL Y45 4170S</t>
  </si>
  <si>
    <t>5702329027571</t>
  </si>
  <si>
    <t>VELUX Rollo manuell RFL Y45 4170S</t>
  </si>
  <si>
    <t>RFL Y45 4171S</t>
  </si>
  <si>
    <t>5702329027588</t>
  </si>
  <si>
    <t>VELUX Rollo manuell RFL Y45 4171S</t>
  </si>
  <si>
    <t>RFL Y45 9050S</t>
  </si>
  <si>
    <t>5702326064579</t>
  </si>
  <si>
    <t>VELUX Rollo manuell RFL Y45 9050S</t>
  </si>
  <si>
    <t>RFL Y47 1028S</t>
  </si>
  <si>
    <t>5702326064678</t>
  </si>
  <si>
    <t>VELUX Rollo manuell RFL Y47 1028S</t>
  </si>
  <si>
    <t>RFL Y47 1086S</t>
  </si>
  <si>
    <t>5702326064715</t>
  </si>
  <si>
    <t>VELUX Rollo manuell RFL Y47 1086S</t>
  </si>
  <si>
    <t>RFL Y47 4155S</t>
  </si>
  <si>
    <t>5702327433695</t>
  </si>
  <si>
    <t>VELUX Rollo manuell RFL Y47 4155S</t>
  </si>
  <si>
    <t>RFL Y47 4161S</t>
  </si>
  <si>
    <t>5702329027595</t>
  </si>
  <si>
    <t>VELUX Rollo manuell RFL Y47 4161S</t>
  </si>
  <si>
    <t>RFL Y47 4164S</t>
  </si>
  <si>
    <t>5702329027625</t>
  </si>
  <si>
    <t>VELUX Rollo manuell RFL Y47 4164S</t>
  </si>
  <si>
    <t>RFL Y47 4166S</t>
  </si>
  <si>
    <t>5702329027649</t>
  </si>
  <si>
    <t>VELUX Rollo manuell RFL Y47 4166S</t>
  </si>
  <si>
    <t>RFL Y47 4169S</t>
  </si>
  <si>
    <t>5702329027670</t>
  </si>
  <si>
    <t>VELUX Rollo manuell RFL Y47 4169S</t>
  </si>
  <si>
    <t>RFL Y47 4170S</t>
  </si>
  <si>
    <t>5702329027687</t>
  </si>
  <si>
    <t>VELUX Rollo manuell RFL Y47 4170S</t>
  </si>
  <si>
    <t>RFL Y47 9050S</t>
  </si>
  <si>
    <t>5702326065507</t>
  </si>
  <si>
    <t>VELUX Rollo manuell RFL Y47 9050S</t>
  </si>
  <si>
    <t>RFL Y65 1028S</t>
  </si>
  <si>
    <t>5702326065583</t>
  </si>
  <si>
    <t>VELUX Rollo manuell RFL Y65 1028S</t>
  </si>
  <si>
    <t>RFL Y65 1086S</t>
  </si>
  <si>
    <t>5702326065606</t>
  </si>
  <si>
    <t>VELUX Rollo manuell RFL Y65 1086S</t>
  </si>
  <si>
    <t>RFL Y65 4161S</t>
  </si>
  <si>
    <t>5702329027700</t>
  </si>
  <si>
    <t>VELUX Rollo manuell RFL Y65 4161S</t>
  </si>
  <si>
    <t>RFL Y67 1028S</t>
  </si>
  <si>
    <t>5702326066511</t>
  </si>
  <si>
    <t>VELUX Rollo manuell RFL Y67 1028S</t>
  </si>
  <si>
    <t>RFL Y67 1086S</t>
  </si>
  <si>
    <t>5702326066535</t>
  </si>
  <si>
    <t>VELUX Rollo manuell RFL Y67 1086S</t>
  </si>
  <si>
    <t>RFL Y67 4161S</t>
  </si>
  <si>
    <t>5702329027816</t>
  </si>
  <si>
    <t>VELUX Rollo manuell RFL Y67 4161S</t>
  </si>
  <si>
    <t>RFL Y85 1028S</t>
  </si>
  <si>
    <t>5702326067419</t>
  </si>
  <si>
    <t>VELUX Rollo manuell RFL Y85 1028S</t>
  </si>
  <si>
    <t>RFL Y85 1086S</t>
  </si>
  <si>
    <t>5702326067457</t>
  </si>
  <si>
    <t>VELUX Rollo manuell RFL Y85 1086S</t>
  </si>
  <si>
    <t>RFL Y85 4069S</t>
  </si>
  <si>
    <t>5702326067600</t>
  </si>
  <si>
    <t>VELUX Rollo manuell RFL Y85 4069S</t>
  </si>
  <si>
    <t>RFL Y85 4155S</t>
  </si>
  <si>
    <t>5702327433879</t>
  </si>
  <si>
    <t>VELUX Rollo manuell RFL Y85 4155S</t>
  </si>
  <si>
    <t>RFL Y85 4161S</t>
  </si>
  <si>
    <t>5702329027922</t>
  </si>
  <si>
    <t>VELUX Rollo manuell RFL Y85 4161S</t>
  </si>
  <si>
    <t>RFL Y85 4163S</t>
  </si>
  <si>
    <t>5702329027946</t>
  </si>
  <si>
    <t>VELUX Rollo manuell RFL Y85 4163S</t>
  </si>
  <si>
    <t>RFL Y85 4164S</t>
  </si>
  <si>
    <t>5702329027953</t>
  </si>
  <si>
    <t>VELUX Rollo manuell RFL Y85 4164S</t>
  </si>
  <si>
    <t>RFL Y85 4166S</t>
  </si>
  <si>
    <t>5702329027977</t>
  </si>
  <si>
    <t>VELUX Rollo manuell RFL Y85 4166S</t>
  </si>
  <si>
    <t>RFL Y85 4167S</t>
  </si>
  <si>
    <t>5702329027984</t>
  </si>
  <si>
    <t>VELUX Rollo manuell RFL Y85 4167S</t>
  </si>
  <si>
    <t>RFL Y85 4169S</t>
  </si>
  <si>
    <t>5702329028004</t>
  </si>
  <si>
    <t>VELUX Rollo manuell RFL Y85 4169S</t>
  </si>
  <si>
    <t>RFL Y85 4170S</t>
  </si>
  <si>
    <t>5702329028011</t>
  </si>
  <si>
    <t>VELUX Rollo manuell RFL Y85 4170S</t>
  </si>
  <si>
    <t>RFL Y85 4171S</t>
  </si>
  <si>
    <t>5702329028028</t>
  </si>
  <si>
    <t>VELUX Rollo manuell RFL Y85 4171S</t>
  </si>
  <si>
    <t>RFL Y85 9050S</t>
  </si>
  <si>
    <t>5702326068218</t>
  </si>
  <si>
    <t>VELUX Rollo manuell RFL Y85 9050S</t>
  </si>
  <si>
    <t>RFL Y87 1028S</t>
  </si>
  <si>
    <t>5702326068317</t>
  </si>
  <si>
    <t>VELUX Rollo manuell RFL Y87 1028S</t>
  </si>
  <si>
    <t>RFL Y87 1086S</t>
  </si>
  <si>
    <t>5702326068355</t>
  </si>
  <si>
    <t>VELUX Rollo manuell RFL Y87 1086S</t>
  </si>
  <si>
    <t>RFL Y87 4155S</t>
  </si>
  <si>
    <t>5702327433930</t>
  </si>
  <si>
    <t>VELUX Rollo manuell RFL Y87 4155S</t>
  </si>
  <si>
    <t>RFL Y87 4161S</t>
  </si>
  <si>
    <t>5702329028035</t>
  </si>
  <si>
    <t>VELUX Rollo manuell RFL Y87 4161S</t>
  </si>
  <si>
    <t>RFL Y87 4169S</t>
  </si>
  <si>
    <t>5702329028110</t>
  </si>
  <si>
    <t>VELUX Rollo manuell RFL Y87 4169S</t>
  </si>
  <si>
    <t>RFL Y87 4170S</t>
  </si>
  <si>
    <t>5702329028127</t>
  </si>
  <si>
    <t>VELUX Rollo manuell RFL Y87 4170S</t>
  </si>
  <si>
    <t>RFL Y87 4171S</t>
  </si>
  <si>
    <t>5702329028134</t>
  </si>
  <si>
    <t>VELUX Rollo manuell RFL Y87 4171S</t>
  </si>
  <si>
    <t>RFL Y87 9050S</t>
  </si>
  <si>
    <t>5702326069123</t>
  </si>
  <si>
    <t>VELUX Rollo manuell RFL Y87 9050S</t>
  </si>
  <si>
    <t>RFL Y89 1028S</t>
  </si>
  <si>
    <t>5702326069222</t>
  </si>
  <si>
    <t>VELUX Rollo manuell RFL Y89 1028S</t>
  </si>
  <si>
    <t>RFL Y97 1028S</t>
  </si>
  <si>
    <t>5702326070136</t>
  </si>
  <si>
    <t>VELUX Rollo manuell RFL Y97 1028S</t>
  </si>
  <si>
    <t>RFL Y97 1086S</t>
  </si>
  <si>
    <t>5702326070150</t>
  </si>
  <si>
    <t>VELUX Rollo manuell RFL Y97 1086S</t>
  </si>
  <si>
    <t>RFL Y97 4155S</t>
  </si>
  <si>
    <t>5702327434050</t>
  </si>
  <si>
    <t>VELUX Rollo manuell RFL Y97 4155S</t>
  </si>
  <si>
    <t>RFL Y97 4161S</t>
  </si>
  <si>
    <t>5702329028257</t>
  </si>
  <si>
    <t>VELUX Rollo manuell RFL Y97 4161S</t>
  </si>
  <si>
    <t>RFL Y99 1028S</t>
  </si>
  <si>
    <t>5702326071065</t>
  </si>
  <si>
    <t>VELUX Rollo manuell RFL Y99 1028S</t>
  </si>
  <si>
    <t>RFY C02 4951S</t>
  </si>
  <si>
    <t>5702329669856</t>
  </si>
  <si>
    <t>VELUX Rollo manuell RFY C02 4951S</t>
  </si>
  <si>
    <t>Nature, Clouds</t>
  </si>
  <si>
    <t>RFY C02 4951SWL</t>
  </si>
  <si>
    <t>5702329669863</t>
  </si>
  <si>
    <t>VELUX Rollo manuell RFY C02 4951SWL</t>
  </si>
  <si>
    <t>Nature, Clouds, WL</t>
  </si>
  <si>
    <t>RFY C02 4952S</t>
  </si>
  <si>
    <t>5702329669870</t>
  </si>
  <si>
    <t>VELUX Rollo manuell RFY C02 4952S</t>
  </si>
  <si>
    <t>Nature, Dunes</t>
  </si>
  <si>
    <t>RFY C02 4952SWL</t>
  </si>
  <si>
    <t>5702329669887</t>
  </si>
  <si>
    <t>VELUX Rollo manuell RFY C02 4952SWL</t>
  </si>
  <si>
    <t>Nature, Dunes, WL</t>
  </si>
  <si>
    <t>RFY C02 4953S</t>
  </si>
  <si>
    <t>5702329669894</t>
  </si>
  <si>
    <t>VELUX Rollo manuell RFY C02 4953S</t>
  </si>
  <si>
    <t>Nature, Woods</t>
  </si>
  <si>
    <t>RFY C02 4953SWL</t>
  </si>
  <si>
    <t>5702329669900</t>
  </si>
  <si>
    <t>VELUX Rollo manuell RFY C02 4953SWL</t>
  </si>
  <si>
    <t>Nature, Woods, WL</t>
  </si>
  <si>
    <t>RFY C02 4954S</t>
  </si>
  <si>
    <t>5702329669917</t>
  </si>
  <si>
    <t>VELUX Rollo manuell RFY C02 4954S</t>
  </si>
  <si>
    <t>Nature, Cliffs</t>
  </si>
  <si>
    <t>RFY C02 4954SWL</t>
  </si>
  <si>
    <t>5702329669924</t>
  </si>
  <si>
    <t>VELUX Rollo manuell RFY C02 4954SWL</t>
  </si>
  <si>
    <t>Nature, Cliffs, WL</t>
  </si>
  <si>
    <t>RFY C04 4951S</t>
  </si>
  <si>
    <t>5702329669931</t>
  </si>
  <si>
    <t>VELUX Rollo manuell RFY C04 4951S</t>
  </si>
  <si>
    <t>RFY C04 4951SWL</t>
  </si>
  <si>
    <t>5702329669948</t>
  </si>
  <si>
    <t>VELUX Rollo manuell RFY C04 4951SWL</t>
  </si>
  <si>
    <t>RFY C04 4952S</t>
  </si>
  <si>
    <t>5702329669955</t>
  </si>
  <si>
    <t>VELUX Rollo manuell RFY C04 4952S</t>
  </si>
  <si>
    <t>RFY C04 4952SWL</t>
  </si>
  <si>
    <t>5702329669962</t>
  </si>
  <si>
    <t>VELUX Rollo manuell RFY C04 4952SWL</t>
  </si>
  <si>
    <t>RFY C04 4953S</t>
  </si>
  <si>
    <t>5702329669979</t>
  </si>
  <si>
    <t>VELUX Rollo manuell RFY C04 4953S</t>
  </si>
  <si>
    <t>RFY C04 4953SWL</t>
  </si>
  <si>
    <t>5702329669986</t>
  </si>
  <si>
    <t>VELUX Rollo manuell RFY C04 4953SWL</t>
  </si>
  <si>
    <t>RFY C04 4954S</t>
  </si>
  <si>
    <t>5702329669993</t>
  </si>
  <si>
    <t>VELUX Rollo manuell RFY C04 4954S</t>
  </si>
  <si>
    <t>RFY C04 4954SWL</t>
  </si>
  <si>
    <t>5702329670005</t>
  </si>
  <si>
    <t>VELUX Rollo manuell RFY C04 4954SWL</t>
  </si>
  <si>
    <t>RFY C06 4951S</t>
  </si>
  <si>
    <t>5702329670012</t>
  </si>
  <si>
    <t>VELUX Rollo manuell RFY C06 4951S</t>
  </si>
  <si>
    <t>RFY C06 4951SWL</t>
  </si>
  <si>
    <t>5702329670029</t>
  </si>
  <si>
    <t>VELUX Rollo manuell RFY C06 4951SWL</t>
  </si>
  <si>
    <t>RFY C06 4952S</t>
  </si>
  <si>
    <t>5702329670036</t>
  </si>
  <si>
    <t>VELUX Rollo manuell RFY C06 4952S</t>
  </si>
  <si>
    <t>RFY C06 4952SWL</t>
  </si>
  <si>
    <t>5702329670043</t>
  </si>
  <si>
    <t>VELUX Rollo manuell RFY C06 4952SWL</t>
  </si>
  <si>
    <t>RFY C06 4953S</t>
  </si>
  <si>
    <t>5702329670050</t>
  </si>
  <si>
    <t>VELUX Rollo manuell RFY C06 4953S</t>
  </si>
  <si>
    <t>RFY C06 4953SWL</t>
  </si>
  <si>
    <t>5702329670067</t>
  </si>
  <si>
    <t>VELUX Rollo manuell RFY C06 4953SWL</t>
  </si>
  <si>
    <t>RFY C06 4954S</t>
  </si>
  <si>
    <t>5702329670074</t>
  </si>
  <si>
    <t>VELUX Rollo manuell RFY C06 4954S</t>
  </si>
  <si>
    <t>RFY C06 4954SWL</t>
  </si>
  <si>
    <t>5702329670081</t>
  </si>
  <si>
    <t>VELUX Rollo manuell RFY C06 4954SWL</t>
  </si>
  <si>
    <t>RFY CK02 4951S</t>
  </si>
  <si>
    <t>5702329670173</t>
  </si>
  <si>
    <t>VELUX Rollo manuell RFY CK02 4951S</t>
  </si>
  <si>
    <t>RFY CK02 4951SWL</t>
  </si>
  <si>
    <t>5702329670180</t>
  </si>
  <si>
    <t>VELUX Rollo manuell RFY CK02 4951SWL</t>
  </si>
  <si>
    <t>RFY CK02 4952S</t>
  </si>
  <si>
    <t>5702329670197</t>
  </si>
  <si>
    <t>VELUX Rollo manuell RFY CK02 4952S</t>
  </si>
  <si>
    <t>RFY CK02 4952SWL</t>
  </si>
  <si>
    <t>5702329670203</t>
  </si>
  <si>
    <t>VELUX Rollo manuell RFY CK02 4952SWL</t>
  </si>
  <si>
    <t>RFY CK02 4953S</t>
  </si>
  <si>
    <t>5702329670210</t>
  </si>
  <si>
    <t>VELUX Rollo manuell RFY CK02 4953S</t>
  </si>
  <si>
    <t>RFY CK02 4953SWL</t>
  </si>
  <si>
    <t>5702329670227</t>
  </si>
  <si>
    <t>VELUX Rollo manuell RFY CK02 4953SWL</t>
  </si>
  <si>
    <t>RFY CK02 4954S</t>
  </si>
  <si>
    <t>5702329670234</t>
  </si>
  <si>
    <t>VELUX Rollo manuell RFY CK02 4954S</t>
  </si>
  <si>
    <t>RFY CK02 4954SWL</t>
  </si>
  <si>
    <t>5702329670241</t>
  </si>
  <si>
    <t>VELUX Rollo manuell RFY CK02 4954SWL</t>
  </si>
  <si>
    <t>RFY CK04 4951S</t>
  </si>
  <si>
    <t>5702329670258</t>
  </si>
  <si>
    <t>VELUX Rollo manuell RFY CK04 4951S</t>
  </si>
  <si>
    <t>RFY CK04 4951SWL</t>
  </si>
  <si>
    <t>5702329670265</t>
  </si>
  <si>
    <t>VELUX Rollo manuell RFY CK04 4951SWL</t>
  </si>
  <si>
    <t>RFY CK04 4952S</t>
  </si>
  <si>
    <t>5702329670272</t>
  </si>
  <si>
    <t>VELUX Rollo manuell RFY CK04 4952S</t>
  </si>
  <si>
    <t>RFY CK04 4952SWL</t>
  </si>
  <si>
    <t>5702329670289</t>
  </si>
  <si>
    <t>VELUX Rollo manuell RFY CK04 4952SWL</t>
  </si>
  <si>
    <t>RFY CK04 4953S</t>
  </si>
  <si>
    <t>5702329670296</t>
  </si>
  <si>
    <t>VELUX Rollo manuell RFY CK04 4953S</t>
  </si>
  <si>
    <t>RFY CK04 4953SWL</t>
  </si>
  <si>
    <t>5702329670302</t>
  </si>
  <si>
    <t>VELUX Rollo manuell RFY CK04 4953SWL</t>
  </si>
  <si>
    <t>RFY CK04 4954S</t>
  </si>
  <si>
    <t>5702329670319</t>
  </si>
  <si>
    <t>VELUX Rollo manuell RFY CK04 4954S</t>
  </si>
  <si>
    <t>RFY CK04 4954SWL</t>
  </si>
  <si>
    <t>5702329670326</t>
  </si>
  <si>
    <t>VELUX Rollo manuell RFY CK04 4954SWL</t>
  </si>
  <si>
    <t>RFY CK06 4951S</t>
  </si>
  <si>
    <t>5702329670333</t>
  </si>
  <si>
    <t>VELUX Rollo manuell RFY CK06 4951S</t>
  </si>
  <si>
    <t>RFY CK06 4951SWL</t>
  </si>
  <si>
    <t>5702329670340</t>
  </si>
  <si>
    <t>VELUX Rollo manuell RFY CK06 4951SWL</t>
  </si>
  <si>
    <t>RFY CK06 4952S</t>
  </si>
  <si>
    <t>5702329670357</t>
  </si>
  <si>
    <t>VELUX Rollo manuell RFY CK06 4952S</t>
  </si>
  <si>
    <t>RFY CK06 4952SWL</t>
  </si>
  <si>
    <t>5702329670364</t>
  </si>
  <si>
    <t>VELUX Rollo manuell RFY CK06 4952SWL</t>
  </si>
  <si>
    <t>RFY CK06 4953S</t>
  </si>
  <si>
    <t>5702329670371</t>
  </si>
  <si>
    <t>VELUX Rollo manuell RFY CK06 4953S</t>
  </si>
  <si>
    <t>RFY CK06 4953SWL</t>
  </si>
  <si>
    <t>5702329670388</t>
  </si>
  <si>
    <t>VELUX Rollo manuell RFY CK06 4953SWL</t>
  </si>
  <si>
    <t>RFY CK06 4954S</t>
  </si>
  <si>
    <t>5702329670395</t>
  </si>
  <si>
    <t>VELUX Rollo manuell RFY CK06 4954S</t>
  </si>
  <si>
    <t>RFY CK06 4954SWL</t>
  </si>
  <si>
    <t>5702329670401</t>
  </si>
  <si>
    <t>VELUX Rollo manuell RFY CK06 4954SWL</t>
  </si>
  <si>
    <t>RFY F04 4951S</t>
  </si>
  <si>
    <t>5702329670418</t>
  </si>
  <si>
    <t>VELUX Rollo manuell RFY F04 4951S</t>
  </si>
  <si>
    <t>RFY F04 4951SWL</t>
  </si>
  <si>
    <t>5702329670425</t>
  </si>
  <si>
    <t>VELUX Rollo manuell RFY F04 4951SWL</t>
  </si>
  <si>
    <t>RFY F04 4952S</t>
  </si>
  <si>
    <t>5702329670432</t>
  </si>
  <si>
    <t>VELUX Rollo manuell RFY F04 4952S</t>
  </si>
  <si>
    <t>RFY F04 4952SWL</t>
  </si>
  <si>
    <t>5702329670449</t>
  </si>
  <si>
    <t>VELUX Rollo manuell RFY F04 4952SWL</t>
  </si>
  <si>
    <t>RFY F04 4953S</t>
  </si>
  <si>
    <t>5702329670456</t>
  </si>
  <si>
    <t>VELUX Rollo manuell RFY F04 4953S</t>
  </si>
  <si>
    <t>RFY F04 4953SWL</t>
  </si>
  <si>
    <t>5702329670463</t>
  </si>
  <si>
    <t>VELUX Rollo manuell RFY F04 4953SWL</t>
  </si>
  <si>
    <t>RFY F04 4954S</t>
  </si>
  <si>
    <t>5702329670470</t>
  </si>
  <si>
    <t>VELUX Rollo manuell RFY F04 4954S</t>
  </si>
  <si>
    <t>RFY F04 4954SWL</t>
  </si>
  <si>
    <t>5702329670487</t>
  </si>
  <si>
    <t>VELUX Rollo manuell RFY F04 4954SWL</t>
  </si>
  <si>
    <t>RFY F06 4951S</t>
  </si>
  <si>
    <t>5702329670494</t>
  </si>
  <si>
    <t>VELUX Rollo manuell RFY F06 4951S</t>
  </si>
  <si>
    <t>RFY F06 4951SWL</t>
  </si>
  <si>
    <t>5702329670500</t>
  </si>
  <si>
    <t>VELUX Rollo manuell RFY F06 4951SWL</t>
  </si>
  <si>
    <t>RFY F06 4952S</t>
  </si>
  <si>
    <t>5702329670517</t>
  </si>
  <si>
    <t>VELUX Rollo manuell RFY F06 4952S</t>
  </si>
  <si>
    <t>RFY F06 4952SWL</t>
  </si>
  <si>
    <t>5702329670524</t>
  </si>
  <si>
    <t>VELUX Rollo manuell RFY F06 4952SWL</t>
  </si>
  <si>
    <t>RFY F06 4953S</t>
  </si>
  <si>
    <t>5702329670531</t>
  </si>
  <si>
    <t>VELUX Rollo manuell RFY F06 4953S</t>
  </si>
  <si>
    <t>RFY F06 4953SWL</t>
  </si>
  <si>
    <t>5702329670548</t>
  </si>
  <si>
    <t>VELUX Rollo manuell RFY F06 4953SWL</t>
  </si>
  <si>
    <t>RFY F06 4954S</t>
  </si>
  <si>
    <t>5702329670555</t>
  </si>
  <si>
    <t>VELUX Rollo manuell RFY F06 4954S</t>
  </si>
  <si>
    <t>RFY F06 4954SWL</t>
  </si>
  <si>
    <t>5702329670562</t>
  </si>
  <si>
    <t>VELUX Rollo manuell RFY F06 4954SWL</t>
  </si>
  <si>
    <t>RFY F08 4951S</t>
  </si>
  <si>
    <t>5702329670579</t>
  </si>
  <si>
    <t>VELUX Rollo manuell RFY F08 4951S</t>
  </si>
  <si>
    <t>RFY F08 4951SWL</t>
  </si>
  <si>
    <t>5702329670586</t>
  </si>
  <si>
    <t>VELUX Rollo manuell RFY F08 4951SWL</t>
  </si>
  <si>
    <t>RFY F08 4952S</t>
  </si>
  <si>
    <t>5702329670593</t>
  </si>
  <si>
    <t>VELUX Rollo manuell RFY F08 4952S</t>
  </si>
  <si>
    <t>RFY F08 4952SWL</t>
  </si>
  <si>
    <t>5702329670609</t>
  </si>
  <si>
    <t>VELUX Rollo manuell RFY F08 4952SWL</t>
  </si>
  <si>
    <t>RFY F08 4953S</t>
  </si>
  <si>
    <t>5702329670616</t>
  </si>
  <si>
    <t>VELUX Rollo manuell RFY F08 4953S</t>
  </si>
  <si>
    <t>RFY F08 4953SWL</t>
  </si>
  <si>
    <t>5702329670623</t>
  </si>
  <si>
    <t>VELUX Rollo manuell RFY F08 4953SWL</t>
  </si>
  <si>
    <t>RFY F08 4954S</t>
  </si>
  <si>
    <t>5702329670630</t>
  </si>
  <si>
    <t>VELUX Rollo manuell RFY F08 4954S</t>
  </si>
  <si>
    <t>RFY F08 4954SWL</t>
  </si>
  <si>
    <t>5702329670647</t>
  </si>
  <si>
    <t>VELUX Rollo manuell RFY F08 4954SWL</t>
  </si>
  <si>
    <t>RFY FK04 4951S</t>
  </si>
  <si>
    <t>5702329670654</t>
  </si>
  <si>
    <t>VELUX Rollo manuell RFY FK04 4951S</t>
  </si>
  <si>
    <t>RFY FK04 4951SWL</t>
  </si>
  <si>
    <t>5702329670661</t>
  </si>
  <si>
    <t>VELUX Rollo manuell RFY FK04 4951SWL</t>
  </si>
  <si>
    <t>RFY FK04 4952S</t>
  </si>
  <si>
    <t>5702329670678</t>
  </si>
  <si>
    <t>VELUX Rollo manuell RFY FK04 4952S</t>
  </si>
  <si>
    <t>RFY FK04 4952SWL</t>
  </si>
  <si>
    <t>5702329670685</t>
  </si>
  <si>
    <t>VELUX Rollo manuell RFY FK04 4952SWL</t>
  </si>
  <si>
    <t>RFY FK04 4953S</t>
  </si>
  <si>
    <t>5702329670692</t>
  </si>
  <si>
    <t>VELUX Rollo manuell RFY FK04 4953S</t>
  </si>
  <si>
    <t>RFY FK04 4953SWL</t>
  </si>
  <si>
    <t>5702329670708</t>
  </si>
  <si>
    <t>VELUX Rollo manuell RFY FK04 4953SWL</t>
  </si>
  <si>
    <t>RFY FK04 4954S</t>
  </si>
  <si>
    <t>5702329670715</t>
  </si>
  <si>
    <t>VELUX Rollo manuell RFY FK04 4954S</t>
  </si>
  <si>
    <t>RFY FK04 4954SWL</t>
  </si>
  <si>
    <t>5702329670722</t>
  </si>
  <si>
    <t>VELUX Rollo manuell RFY FK04 4954SWL</t>
  </si>
  <si>
    <t>RFY FK06 4951S</t>
  </si>
  <si>
    <t>5702329670739</t>
  </si>
  <si>
    <t>VELUX Rollo manuell RFY FK06 4951S</t>
  </si>
  <si>
    <t>RFY FK06 4951SWL</t>
  </si>
  <si>
    <t>5702329670746</t>
  </si>
  <si>
    <t>VELUX Rollo manuell RFY FK06 4951SWL</t>
  </si>
  <si>
    <t>RFY FK06 4952S</t>
  </si>
  <si>
    <t>5702329670753</t>
  </si>
  <si>
    <t>VELUX Rollo manuell RFY FK06 4952S</t>
  </si>
  <si>
    <t>RFY FK06 4952SWL</t>
  </si>
  <si>
    <t>5702329670760</t>
  </si>
  <si>
    <t>VELUX Rollo manuell RFY FK06 4952SWL</t>
  </si>
  <si>
    <t>RFY FK06 4953S</t>
  </si>
  <si>
    <t>5702329670777</t>
  </si>
  <si>
    <t>VELUX Rollo manuell RFY FK06 4953S</t>
  </si>
  <si>
    <t>RFY FK06 4953SWL</t>
  </si>
  <si>
    <t>5702329670784</t>
  </si>
  <si>
    <t>VELUX Rollo manuell RFY FK06 4953SWL</t>
  </si>
  <si>
    <t>RFY FK06 4954S</t>
  </si>
  <si>
    <t>5702329670791</t>
  </si>
  <si>
    <t>VELUX Rollo manuell RFY FK06 4954S</t>
  </si>
  <si>
    <t>RFY FK06 4954SWL</t>
  </si>
  <si>
    <t>5702329670807</t>
  </si>
  <si>
    <t>VELUX Rollo manuell RFY FK06 4954SWL</t>
  </si>
  <si>
    <t>RFY FK08 4951S</t>
  </si>
  <si>
    <t>5702329670814</t>
  </si>
  <si>
    <t>VELUX Rollo manuell RFY FK08 4951S</t>
  </si>
  <si>
    <t>RFY FK08 4951SWL</t>
  </si>
  <si>
    <t>5702329670821</t>
  </si>
  <si>
    <t>VELUX Rollo manuell RFY FK08 4951SWL</t>
  </si>
  <si>
    <t>RFY FK08 4952S</t>
  </si>
  <si>
    <t>5702329670838</t>
  </si>
  <si>
    <t>VELUX Rollo manuell RFY FK08 4952S</t>
  </si>
  <si>
    <t>RFY FK08 4952SWL</t>
  </si>
  <si>
    <t>5702329670845</t>
  </si>
  <si>
    <t>VELUX Rollo manuell RFY FK08 4952SWL</t>
  </si>
  <si>
    <t>RFY FK08 4953S</t>
  </si>
  <si>
    <t>5702329670852</t>
  </si>
  <si>
    <t>VELUX Rollo manuell RFY FK08 4953S</t>
  </si>
  <si>
    <t>RFY FK08 4953SWL</t>
  </si>
  <si>
    <t>5702329670869</t>
  </si>
  <si>
    <t>VELUX Rollo manuell RFY FK08 4953SWL</t>
  </si>
  <si>
    <t>RFY FK08 4954S</t>
  </si>
  <si>
    <t>5702329670876</t>
  </si>
  <si>
    <t>VELUX Rollo manuell RFY FK08 4954S</t>
  </si>
  <si>
    <t>RFY FK08 4954SWL</t>
  </si>
  <si>
    <t>5702329670883</t>
  </si>
  <si>
    <t>VELUX Rollo manuell RFY FK08 4954SWL</t>
  </si>
  <si>
    <t>RFY M04 4951S</t>
  </si>
  <si>
    <t>5702329670890</t>
  </si>
  <si>
    <t>VELUX Rollo manuell RFY M04 4951S</t>
  </si>
  <si>
    <t>RFY M04 4951SWL</t>
  </si>
  <si>
    <t>5702329670906</t>
  </si>
  <si>
    <t>VELUX Rollo manuell RFY M04 4951SWL</t>
  </si>
  <si>
    <t>RFY M04 4952S</t>
  </si>
  <si>
    <t>5702329670913</t>
  </si>
  <si>
    <t>VELUX Rollo manuell RFY M04 4952S</t>
  </si>
  <si>
    <t>RFY M04 4952SWL</t>
  </si>
  <si>
    <t>5702329670920</t>
  </si>
  <si>
    <t>VELUX Rollo manuell RFY M04 4952SWL</t>
  </si>
  <si>
    <t>RFY M04 4953S</t>
  </si>
  <si>
    <t>5702329670937</t>
  </si>
  <si>
    <t>VELUX Rollo manuell RFY M04 4953S</t>
  </si>
  <si>
    <t>RFY M04 4953SWL</t>
  </si>
  <si>
    <t>5702329670944</t>
  </si>
  <si>
    <t>VELUX Rollo manuell RFY M04 4953SWL</t>
  </si>
  <si>
    <t>RFY M04 4954S</t>
  </si>
  <si>
    <t>5702329670951</t>
  </si>
  <si>
    <t>VELUX Rollo manuell RFY M04 4954S</t>
  </si>
  <si>
    <t>RFY M04 4954SWL</t>
  </si>
  <si>
    <t>5702329670968</t>
  </si>
  <si>
    <t>VELUX Rollo manuell RFY M04 4954SWL</t>
  </si>
  <si>
    <t>RFY M06 4951S</t>
  </si>
  <si>
    <t>5702329670975</t>
  </si>
  <si>
    <t>VELUX Rollo manuell RFY M06 4951S</t>
  </si>
  <si>
    <t>RFY M06 4951SWL</t>
  </si>
  <si>
    <t>5702329670982</t>
  </si>
  <si>
    <t>VELUX Rollo manuell RFY M06 4951SWL</t>
  </si>
  <si>
    <t>RFY M06 4952S</t>
  </si>
  <si>
    <t>5702329670999</t>
  </si>
  <si>
    <t>VELUX Rollo manuell RFY M06 4952S</t>
  </si>
  <si>
    <t>RFY M06 4952SWL</t>
  </si>
  <si>
    <t>5702329671002</t>
  </si>
  <si>
    <t>VELUX Rollo manuell RFY M06 4952SWL</t>
  </si>
  <si>
    <t>RFY M06 4953S</t>
  </si>
  <si>
    <t>5702329671019</t>
  </si>
  <si>
    <t>VELUX Rollo manuell RFY M06 4953S</t>
  </si>
  <si>
    <t>RFY M06 4953SWL</t>
  </si>
  <si>
    <t>5702329671026</t>
  </si>
  <si>
    <t>VELUX Rollo manuell RFY M06 4953SWL</t>
  </si>
  <si>
    <t>RFY M06 4954S</t>
  </si>
  <si>
    <t>5702329671033</t>
  </si>
  <si>
    <t>VELUX Rollo manuell RFY M06 4954S</t>
  </si>
  <si>
    <t>RFY M06 4954SWL</t>
  </si>
  <si>
    <t>5702329671040</t>
  </si>
  <si>
    <t>VELUX Rollo manuell RFY M06 4954SWL</t>
  </si>
  <si>
    <t>RFY M08 4951S</t>
  </si>
  <si>
    <t>5702329671057</t>
  </si>
  <si>
    <t>VELUX Rollo manuell RFY M08 4951S</t>
  </si>
  <si>
    <t>RFY M08 4951SWL</t>
  </si>
  <si>
    <t>5702329671064</t>
  </si>
  <si>
    <t>VELUX Rollo manuell RFY M08 4951SWL</t>
  </si>
  <si>
    <t>RFY M08 4952S</t>
  </si>
  <si>
    <t>5702329671071</t>
  </si>
  <si>
    <t>VELUX Rollo manuell RFY M08 4952S</t>
  </si>
  <si>
    <t>RFY M08 4952SWL</t>
  </si>
  <si>
    <t>5702329671088</t>
  </si>
  <si>
    <t>VELUX Rollo manuell RFY M08 4952SWL</t>
  </si>
  <si>
    <t>RFY M08 4953S</t>
  </si>
  <si>
    <t>5702329671095</t>
  </si>
  <si>
    <t>VELUX Rollo manuell RFY M08 4953S</t>
  </si>
  <si>
    <t>RFY M08 4953SWL</t>
  </si>
  <si>
    <t>5702329671101</t>
  </si>
  <si>
    <t>VELUX Rollo manuell RFY M08 4953SWL</t>
  </si>
  <si>
    <t>RFY M08 4954S</t>
  </si>
  <si>
    <t>5702329671118</t>
  </si>
  <si>
    <t>VELUX Rollo manuell RFY M08 4954S</t>
  </si>
  <si>
    <t>RFY M08 4954SWL</t>
  </si>
  <si>
    <t>5702329671125</t>
  </si>
  <si>
    <t>VELUX Rollo manuell RFY M08 4954SWL</t>
  </si>
  <si>
    <t>RFY M10 4951S</t>
  </si>
  <si>
    <t>5702329671132</t>
  </si>
  <si>
    <t>VELUX Rollo manuell RFY M10 4951S</t>
  </si>
  <si>
    <t>RFY M10 4951SWL</t>
  </si>
  <si>
    <t>5702329671149</t>
  </si>
  <si>
    <t>VELUX Rollo manuell RFY M10 4951SWL</t>
  </si>
  <si>
    <t>RFY M10 4952S</t>
  </si>
  <si>
    <t>5702329671156</t>
  </si>
  <si>
    <t>VELUX Rollo manuell RFY M10 4952S</t>
  </si>
  <si>
    <t>RFY M10 4952SWL</t>
  </si>
  <si>
    <t>5702329671163</t>
  </si>
  <si>
    <t>VELUX Rollo manuell RFY M10 4952SWL</t>
  </si>
  <si>
    <t>RFY M10 4953S</t>
  </si>
  <si>
    <t>5702329671170</t>
  </si>
  <si>
    <t>VELUX Rollo manuell RFY M10 4953S</t>
  </si>
  <si>
    <t>RFY M10 4953SWL</t>
  </si>
  <si>
    <t>5702329671187</t>
  </si>
  <si>
    <t>VELUX Rollo manuell RFY M10 4953SWL</t>
  </si>
  <si>
    <t>RFY M10 4954S</t>
  </si>
  <si>
    <t>5702329671194</t>
  </si>
  <si>
    <t>VELUX Rollo manuell RFY M10 4954S</t>
  </si>
  <si>
    <t>RFY M10 4954SWL</t>
  </si>
  <si>
    <t>5702329671200</t>
  </si>
  <si>
    <t>VELUX Rollo manuell RFY M10 4954SWL</t>
  </si>
  <si>
    <t>RFY M31 4951S</t>
  </si>
  <si>
    <t>5702329671293</t>
  </si>
  <si>
    <t>VELUX Rollo manuell RFY M31 4951S</t>
  </si>
  <si>
    <t>RFY M31 4951SWL</t>
  </si>
  <si>
    <t>5702329671309</t>
  </si>
  <si>
    <t>VELUX Rollo manuell RFY M31 4951SWL</t>
  </si>
  <si>
    <t>RFY M31 4952S</t>
  </si>
  <si>
    <t>5702329671316</t>
  </si>
  <si>
    <t>VELUX Rollo manuell RFY M31 4952S</t>
  </si>
  <si>
    <t>RFY M31 4952SWL</t>
  </si>
  <si>
    <t>5702329671323</t>
  </si>
  <si>
    <t>VELUX Rollo manuell RFY M31 4952SWL</t>
  </si>
  <si>
    <t>RFY M31 4953S</t>
  </si>
  <si>
    <t>5702329671330</t>
  </si>
  <si>
    <t>VELUX Rollo manuell RFY M31 4953S</t>
  </si>
  <si>
    <t>RFY M31 4953SWL</t>
  </si>
  <si>
    <t>5702329671347</t>
  </si>
  <si>
    <t>VELUX Rollo manuell RFY M31 4953SWL</t>
  </si>
  <si>
    <t>RFY M31 4954S</t>
  </si>
  <si>
    <t>5702329671354</t>
  </si>
  <si>
    <t>VELUX Rollo manuell RFY M31 4954S</t>
  </si>
  <si>
    <t>RFY M31 4954SWL</t>
  </si>
  <si>
    <t>5702329671361</t>
  </si>
  <si>
    <t>VELUX Rollo manuell RFY M31 4954SWL</t>
  </si>
  <si>
    <t>RFY MK04 4951S</t>
  </si>
  <si>
    <t>5702329671378</t>
  </si>
  <si>
    <t>VELUX Rollo manuell RFY MK04 4951S</t>
  </si>
  <si>
    <t>RFY MK04 4951SWL</t>
  </si>
  <si>
    <t>5702329671385</t>
  </si>
  <si>
    <t>VELUX Rollo manuell RFY MK04 4951SWL</t>
  </si>
  <si>
    <t>RFY MK04 4952S</t>
  </si>
  <si>
    <t>5702329671392</t>
  </si>
  <si>
    <t>VELUX Rollo manuell RFY MK04 4952S</t>
  </si>
  <si>
    <t>RFY MK04 4952SWL</t>
  </si>
  <si>
    <t>5702329671408</t>
  </si>
  <si>
    <t>VELUX Rollo manuell RFY MK04 4952SWL</t>
  </si>
  <si>
    <t>RFY MK04 4953S</t>
  </si>
  <si>
    <t>5702329671415</t>
  </si>
  <si>
    <t>VELUX Rollo manuell RFY MK04 4953S</t>
  </si>
  <si>
    <t>RFY MK04 4953SWL</t>
  </si>
  <si>
    <t>5702329671422</t>
  </si>
  <si>
    <t>VELUX Rollo manuell RFY MK04 4953SWL</t>
  </si>
  <si>
    <t>RFY MK04 4954S</t>
  </si>
  <si>
    <t>5702329671439</t>
  </si>
  <si>
    <t>VELUX Rollo manuell RFY MK04 4954S</t>
  </si>
  <si>
    <t>RFY MK04 4954SWL</t>
  </si>
  <si>
    <t>5702329671446</t>
  </si>
  <si>
    <t>VELUX Rollo manuell RFY MK04 4954SWL</t>
  </si>
  <si>
    <t>RFY MK06 4951S</t>
  </si>
  <si>
    <t>5702329671453</t>
  </si>
  <si>
    <t>VELUX Rollo manuell RFY MK06 4951S</t>
  </si>
  <si>
    <t>RFY MK06 4951SWL</t>
  </si>
  <si>
    <t>5702329671460</t>
  </si>
  <si>
    <t>VELUX Rollo manuell RFY MK06 4951SWL</t>
  </si>
  <si>
    <t>RFY MK06 4952S</t>
  </si>
  <si>
    <t>5702329671477</t>
  </si>
  <si>
    <t>VELUX Rollo manuell RFY MK06 4952S</t>
  </si>
  <si>
    <t>RFY MK06 4952SWL</t>
  </si>
  <si>
    <t>5702329671484</t>
  </si>
  <si>
    <t>VELUX Rollo manuell RFY MK06 4952SWL</t>
  </si>
  <si>
    <t>RFY MK06 4953S</t>
  </si>
  <si>
    <t>5702329671491</t>
  </si>
  <si>
    <t>VELUX Rollo manuell RFY MK06 4953S</t>
  </si>
  <si>
    <t>RFY MK06 4953SWL</t>
  </si>
  <si>
    <t>5702329671507</t>
  </si>
  <si>
    <t>VELUX Rollo manuell RFY MK06 4953SWL</t>
  </si>
  <si>
    <t>RFY MK06 4954S</t>
  </si>
  <si>
    <t>5702329671514</t>
  </si>
  <si>
    <t>VELUX Rollo manuell RFY MK06 4954S</t>
  </si>
  <si>
    <t>RFY MK06 4954SWL</t>
  </si>
  <si>
    <t>5702329671521</t>
  </si>
  <si>
    <t>VELUX Rollo manuell RFY MK06 4954SWL</t>
  </si>
  <si>
    <t>RFY MK08 4951S</t>
  </si>
  <si>
    <t>5702329671538</t>
  </si>
  <si>
    <t>VELUX Rollo manuell RFY MK08 4951S</t>
  </si>
  <si>
    <t>RFY MK08 4951SWL</t>
  </si>
  <si>
    <t>5702329671545</t>
  </si>
  <si>
    <t>VELUX Rollo manuell RFY MK08 4951SWL</t>
  </si>
  <si>
    <t>RFY MK08 4952S</t>
  </si>
  <si>
    <t>5702329671552</t>
  </si>
  <si>
    <t>VELUX Rollo manuell RFY MK08 4952S</t>
  </si>
  <si>
    <t>RFY MK08 4952SWL</t>
  </si>
  <si>
    <t>5702329671569</t>
  </si>
  <si>
    <t>VELUX Rollo manuell RFY MK08 4952SWL</t>
  </si>
  <si>
    <t>RFY MK08 4953S</t>
  </si>
  <si>
    <t>5702329671576</t>
  </si>
  <si>
    <t>VELUX Rollo manuell RFY MK08 4953S</t>
  </si>
  <si>
    <t>RFY MK08 4953SWL</t>
  </si>
  <si>
    <t>5702329671583</t>
  </si>
  <si>
    <t>VELUX Rollo manuell RFY MK08 4953SWL</t>
  </si>
  <si>
    <t>RFY MK08 4954S</t>
  </si>
  <si>
    <t>5702329671590</t>
  </si>
  <si>
    <t>VELUX Rollo manuell RFY MK08 4954S</t>
  </si>
  <si>
    <t>RFY MK08 4954SWL</t>
  </si>
  <si>
    <t>5702329671606</t>
  </si>
  <si>
    <t>VELUX Rollo manuell RFY MK08 4954SWL</t>
  </si>
  <si>
    <t>RFY MK10 4951S</t>
  </si>
  <si>
    <t>5702329671613</t>
  </si>
  <si>
    <t>VELUX Rollo manuell RFY MK10 4951S</t>
  </si>
  <si>
    <t>RFY MK10 4951SWL</t>
  </si>
  <si>
    <t>5702329671620</t>
  </si>
  <si>
    <t>VELUX Rollo manuell RFY MK10 4951SWL</t>
  </si>
  <si>
    <t>RFY MK10 4952S</t>
  </si>
  <si>
    <t>5702329671637</t>
  </si>
  <si>
    <t>VELUX Rollo manuell RFY MK10 4952S</t>
  </si>
  <si>
    <t>RFY MK10 4952SWL</t>
  </si>
  <si>
    <t>5702329671644</t>
  </si>
  <si>
    <t>VELUX Rollo manuell RFY MK10 4952SWL</t>
  </si>
  <si>
    <t>RFY MK10 4953S</t>
  </si>
  <si>
    <t>5702329671651</t>
  </si>
  <si>
    <t>VELUX Rollo manuell RFY MK10 4953S</t>
  </si>
  <si>
    <t>RFY MK10 4953SWL</t>
  </si>
  <si>
    <t>5702329671668</t>
  </si>
  <si>
    <t>VELUX Rollo manuell RFY MK10 4953SWL</t>
  </si>
  <si>
    <t>RFY MK10 4954S</t>
  </si>
  <si>
    <t>5702329671675</t>
  </si>
  <si>
    <t>VELUX Rollo manuell RFY MK10 4954S</t>
  </si>
  <si>
    <t>RFY MK10 4954SWL</t>
  </si>
  <si>
    <t>5702329671682</t>
  </si>
  <si>
    <t>VELUX Rollo manuell RFY MK10 4954SWL</t>
  </si>
  <si>
    <t>RFY MK12 4951S</t>
  </si>
  <si>
    <t>5702329671699</t>
  </si>
  <si>
    <t>VELUX Rollo manuell RFY MK12 4951S</t>
  </si>
  <si>
    <t>RFY MK12 4951SWL</t>
  </si>
  <si>
    <t>5702329671705</t>
  </si>
  <si>
    <t>VELUX Rollo manuell RFY MK12 4951SWL</t>
  </si>
  <si>
    <t>RFY MK12 4952S</t>
  </si>
  <si>
    <t>5702329671712</t>
  </si>
  <si>
    <t>VELUX Rollo manuell RFY MK12 4952S</t>
  </si>
  <si>
    <t>RFY MK12 4952SWL</t>
  </si>
  <si>
    <t>5702329671729</t>
  </si>
  <si>
    <t>VELUX Rollo manuell RFY MK12 4952SWL</t>
  </si>
  <si>
    <t>RFY MK12 4953S</t>
  </si>
  <si>
    <t>5702329671736</t>
  </si>
  <si>
    <t>VELUX Rollo manuell RFY MK12 4953S</t>
  </si>
  <si>
    <t>RFY MK12 4953SWL</t>
  </si>
  <si>
    <t>5702329671743</t>
  </si>
  <si>
    <t>VELUX Rollo manuell RFY MK12 4953SWL</t>
  </si>
  <si>
    <t>RFY MK12 4954S</t>
  </si>
  <si>
    <t>5702329671750</t>
  </si>
  <si>
    <t>VELUX Rollo manuell RFY MK12 4954S</t>
  </si>
  <si>
    <t>RFY MK12 4954SWL</t>
  </si>
  <si>
    <t>5702329671767</t>
  </si>
  <si>
    <t>VELUX Rollo manuell RFY MK12 4954SWL</t>
  </si>
  <si>
    <t>RFY P04 4951S</t>
  </si>
  <si>
    <t>5702329671859</t>
  </si>
  <si>
    <t>VELUX Rollo manuell RFY P04 4951S</t>
  </si>
  <si>
    <t>RFY P04 4951SWL</t>
  </si>
  <si>
    <t>5702329671866</t>
  </si>
  <si>
    <t>VELUX Rollo manuell RFY P04 4951SWL</t>
  </si>
  <si>
    <t>RFY P04 4952S</t>
  </si>
  <si>
    <t>5702329671873</t>
  </si>
  <si>
    <t>VELUX Rollo manuell RFY P04 4952S</t>
  </si>
  <si>
    <t>RFY P04 4952SWL</t>
  </si>
  <si>
    <t>5702329671880</t>
  </si>
  <si>
    <t>VELUX Rollo manuell RFY P04 4952SWL</t>
  </si>
  <si>
    <t>RFY P04 4953S</t>
  </si>
  <si>
    <t>5702329671897</t>
  </si>
  <si>
    <t>VELUX Rollo manuell RFY P04 4953S</t>
  </si>
  <si>
    <t>RFY P04 4953SWL</t>
  </si>
  <si>
    <t>5702329671903</t>
  </si>
  <si>
    <t>VELUX Rollo manuell RFY P04 4953SWL</t>
  </si>
  <si>
    <t>RFY P04 4954S</t>
  </si>
  <si>
    <t>5702329671910</t>
  </si>
  <si>
    <t>VELUX Rollo manuell RFY P04 4954S</t>
  </si>
  <si>
    <t>RFY P04 4954SWL</t>
  </si>
  <si>
    <t>5702329671927</t>
  </si>
  <si>
    <t>VELUX Rollo manuell RFY P04 4954SWL</t>
  </si>
  <si>
    <t>RFY P06 4951S</t>
  </si>
  <si>
    <t>5702329671934</t>
  </si>
  <si>
    <t>VELUX Rollo manuell RFY P06 4951S</t>
  </si>
  <si>
    <t>RFY P06 4951SWL</t>
  </si>
  <si>
    <t>5702329671941</t>
  </si>
  <si>
    <t>VELUX Rollo manuell RFY P06 4951SWL</t>
  </si>
  <si>
    <t>RFY P06 4952S</t>
  </si>
  <si>
    <t>5702329671958</t>
  </si>
  <si>
    <t>VELUX Rollo manuell RFY P06 4952S</t>
  </si>
  <si>
    <t>RFY P06 4952SWL</t>
  </si>
  <si>
    <t>5702329671965</t>
  </si>
  <si>
    <t>VELUX Rollo manuell RFY P06 4952SWL</t>
  </si>
  <si>
    <t>RFY P06 4953S</t>
  </si>
  <si>
    <t>5702329671972</t>
  </si>
  <si>
    <t>VELUX Rollo manuell RFY P06 4953S</t>
  </si>
  <si>
    <t>RFY P06 4953SWL</t>
  </si>
  <si>
    <t>5702329671989</t>
  </si>
  <si>
    <t>VELUX Rollo manuell RFY P06 4953SWL</t>
  </si>
  <si>
    <t>RFY P06 4954S</t>
  </si>
  <si>
    <t>5702329671996</t>
  </si>
  <si>
    <t>VELUX Rollo manuell RFY P06 4954S</t>
  </si>
  <si>
    <t>RFY P06 4954SWL</t>
  </si>
  <si>
    <t>5702329672009</t>
  </si>
  <si>
    <t>VELUX Rollo manuell RFY P06 4954SWL</t>
  </si>
  <si>
    <t>RFY P08 4951S</t>
  </si>
  <si>
    <t>5702329672016</t>
  </si>
  <si>
    <t>VELUX Rollo manuell RFY P08 4951S</t>
  </si>
  <si>
    <t>RFY P08 4951SWL</t>
  </si>
  <si>
    <t>5702329672023</t>
  </si>
  <si>
    <t>VELUX Rollo manuell RFY P08 4951SWL</t>
  </si>
  <si>
    <t>RFY P08 4952S</t>
  </si>
  <si>
    <t>5702329672030</t>
  </si>
  <si>
    <t>VELUX Rollo manuell RFY P08 4952S</t>
  </si>
  <si>
    <t>RFY P08 4952SWL</t>
  </si>
  <si>
    <t>5702329672047</t>
  </si>
  <si>
    <t>VELUX Rollo manuell RFY P08 4952SWL</t>
  </si>
  <si>
    <t>RFY P08 4953S</t>
  </si>
  <si>
    <t>5702329672054</t>
  </si>
  <si>
    <t>VELUX Rollo manuell RFY P08 4953S</t>
  </si>
  <si>
    <t>RFY P08 4953SWL</t>
  </si>
  <si>
    <t>5702329672061</t>
  </si>
  <si>
    <t>VELUX Rollo manuell RFY P08 4953SWL</t>
  </si>
  <si>
    <t>RFY P08 4954S</t>
  </si>
  <si>
    <t>5702329672078</t>
  </si>
  <si>
    <t>VELUX Rollo manuell RFY P08 4954S</t>
  </si>
  <si>
    <t>RFY P08 4954SWL</t>
  </si>
  <si>
    <t>5702329672085</t>
  </si>
  <si>
    <t>VELUX Rollo manuell RFY P08 4954SWL</t>
  </si>
  <si>
    <t>RFY P10 4951S</t>
  </si>
  <si>
    <t>5702329672092</t>
  </si>
  <si>
    <t>VELUX Rollo manuell RFY P10 4951S</t>
  </si>
  <si>
    <t>RFY P10 4951SWL</t>
  </si>
  <si>
    <t>5702329672108</t>
  </si>
  <si>
    <t>VELUX Rollo manuell RFY P10 4951SWL</t>
  </si>
  <si>
    <t>RFY P10 4952S</t>
  </si>
  <si>
    <t>5702329672115</t>
  </si>
  <si>
    <t>VELUX Rollo manuell RFY P10 4952S</t>
  </si>
  <si>
    <t>RFY P10 4952SWL</t>
  </si>
  <si>
    <t>5702329672122</t>
  </si>
  <si>
    <t>VELUX Rollo manuell RFY P10 4952SWL</t>
  </si>
  <si>
    <t>RFY P10 4953S</t>
  </si>
  <si>
    <t>5702329672139</t>
  </si>
  <si>
    <t>VELUX Rollo manuell RFY P10 4953S</t>
  </si>
  <si>
    <t>RFY P10 4953SWL</t>
  </si>
  <si>
    <t>5702329672146</t>
  </si>
  <si>
    <t>VELUX Rollo manuell RFY P10 4953SWL</t>
  </si>
  <si>
    <t>RFY P10 4954S</t>
  </si>
  <si>
    <t>5702329672153</t>
  </si>
  <si>
    <t>VELUX Rollo manuell RFY P10 4954S</t>
  </si>
  <si>
    <t>RFY P10 4954SWL</t>
  </si>
  <si>
    <t>5702329672160</t>
  </si>
  <si>
    <t>VELUX Rollo manuell RFY P10 4954SWL</t>
  </si>
  <si>
    <t>RFY P31 4951S</t>
  </si>
  <si>
    <t>5702329672252</t>
  </si>
  <si>
    <t>VELUX Rollo manuell RFY P31 4951S</t>
  </si>
  <si>
    <t>RFY P31 4951SWL</t>
  </si>
  <si>
    <t>5702329672269</t>
  </si>
  <si>
    <t>VELUX Rollo manuell RFY P31 4951SWL</t>
  </si>
  <si>
    <t>RFY P31 4952S</t>
  </si>
  <si>
    <t>5702329672276</t>
  </si>
  <si>
    <t>VELUX Rollo manuell RFY P31 4952S</t>
  </si>
  <si>
    <t>RFY P31 4952SWL</t>
  </si>
  <si>
    <t>5702329672283</t>
  </si>
  <si>
    <t>VELUX Rollo manuell RFY P31 4952SWL</t>
  </si>
  <si>
    <t>RFY P31 4953S</t>
  </si>
  <si>
    <t>5702329672290</t>
  </si>
  <si>
    <t>VELUX Rollo manuell RFY P31 4953S</t>
  </si>
  <si>
    <t>RFY P31 4953SWL</t>
  </si>
  <si>
    <t>5702329672306</t>
  </si>
  <si>
    <t>VELUX Rollo manuell RFY P31 4953SWL</t>
  </si>
  <si>
    <t>RFY P31 4954S</t>
  </si>
  <si>
    <t>5702329672313</t>
  </si>
  <si>
    <t>VELUX Rollo manuell RFY P31 4954S</t>
  </si>
  <si>
    <t>RFY P31 4954SWL</t>
  </si>
  <si>
    <t>5702329672320</t>
  </si>
  <si>
    <t>VELUX Rollo manuell RFY P31 4954SWL</t>
  </si>
  <si>
    <t>RFY PK06 4951S</t>
  </si>
  <si>
    <t>5702329672412</t>
  </si>
  <si>
    <t>VELUX Rollo manuell RFY PK06 4951S</t>
  </si>
  <si>
    <t>RFY PK06 4951SWL</t>
  </si>
  <si>
    <t>5702329672429</t>
  </si>
  <si>
    <t>VELUX Rollo manuell RFY PK06 4951SWL</t>
  </si>
  <si>
    <t>RFY PK06 4952S</t>
  </si>
  <si>
    <t>5702329672436</t>
  </si>
  <si>
    <t>VELUX Rollo manuell RFY PK06 4952S</t>
  </si>
  <si>
    <t>RFY PK06 4952SWL</t>
  </si>
  <si>
    <t>5702329672443</t>
  </si>
  <si>
    <t>VELUX Rollo manuell RFY PK06 4952SWL</t>
  </si>
  <si>
    <t>RFY PK06 4953S</t>
  </si>
  <si>
    <t>5702329672450</t>
  </si>
  <si>
    <t>VELUX Rollo manuell RFY PK06 4953S</t>
  </si>
  <si>
    <t>RFY PK06 4953SWL</t>
  </si>
  <si>
    <t>5702329672467</t>
  </si>
  <si>
    <t>VELUX Rollo manuell RFY PK06 4953SWL</t>
  </si>
  <si>
    <t>RFY PK06 4954S</t>
  </si>
  <si>
    <t>5702329672474</t>
  </si>
  <si>
    <t>VELUX Rollo manuell RFY PK06 4954S</t>
  </si>
  <si>
    <t>RFY PK06 4954SWL</t>
  </si>
  <si>
    <t>5702329672481</t>
  </si>
  <si>
    <t>VELUX Rollo manuell RFY PK06 4954SWL</t>
  </si>
  <si>
    <t>RFY PK08 4951S</t>
  </si>
  <si>
    <t>5702329672498</t>
  </si>
  <si>
    <t>VELUX Rollo manuell RFY PK08 4951S</t>
  </si>
  <si>
    <t>RFY PK08 4951SWL</t>
  </si>
  <si>
    <t>5702329672504</t>
  </si>
  <si>
    <t>VELUX Rollo manuell RFY PK08 4951SWL</t>
  </si>
  <si>
    <t>RFY PK08 4952S</t>
  </si>
  <si>
    <t>5702329672511</t>
  </si>
  <si>
    <t>VELUX Rollo manuell RFY PK08 4952S</t>
  </si>
  <si>
    <t>RFY PK08 4952SWL</t>
  </si>
  <si>
    <t>5702329672528</t>
  </si>
  <si>
    <t>VELUX Rollo manuell RFY PK08 4952SWL</t>
  </si>
  <si>
    <t>RFY PK08 4953S</t>
  </si>
  <si>
    <t>5702329672535</t>
  </si>
  <si>
    <t>VELUX Rollo manuell RFY PK08 4953S</t>
  </si>
  <si>
    <t>RFY PK08 4953SWL</t>
  </si>
  <si>
    <t>5702329672542</t>
  </si>
  <si>
    <t>VELUX Rollo manuell RFY PK08 4953SWL</t>
  </si>
  <si>
    <t>RFY PK08 4954S</t>
  </si>
  <si>
    <t>5702329672559</t>
  </si>
  <si>
    <t>VELUX Rollo manuell RFY PK08 4954S</t>
  </si>
  <si>
    <t>RFY PK08 4954SWL</t>
  </si>
  <si>
    <t>5702329672566</t>
  </si>
  <si>
    <t>VELUX Rollo manuell RFY PK08 4954SWL</t>
  </si>
  <si>
    <t>RFY PK10 4951S</t>
  </si>
  <si>
    <t>5702329672573</t>
  </si>
  <si>
    <t>VELUX Rollo manuell RFY PK10 4951S</t>
  </si>
  <si>
    <t>RFY PK10 4951SWL</t>
  </si>
  <si>
    <t>5702329672580</t>
  </si>
  <si>
    <t>VELUX Rollo manuell RFY PK10 4951SWL</t>
  </si>
  <si>
    <t>RFY PK10 4952S</t>
  </si>
  <si>
    <t>5702329672597</t>
  </si>
  <si>
    <t>VELUX Rollo manuell RFY PK10 4952S</t>
  </si>
  <si>
    <t>RFY PK10 4952SWL</t>
  </si>
  <si>
    <t>5702329672603</t>
  </si>
  <si>
    <t>VELUX Rollo manuell RFY PK10 4952SWL</t>
  </si>
  <si>
    <t>RFY PK10 4953S</t>
  </si>
  <si>
    <t>5702329672610</t>
  </si>
  <si>
    <t>VELUX Rollo manuell RFY PK10 4953S</t>
  </si>
  <si>
    <t>RFY PK10 4953SWL</t>
  </si>
  <si>
    <t>5702329672627</t>
  </si>
  <si>
    <t>VELUX Rollo manuell RFY PK10 4953SWL</t>
  </si>
  <si>
    <t>RFY PK10 4954S</t>
  </si>
  <si>
    <t>5702329672634</t>
  </si>
  <si>
    <t>VELUX Rollo manuell RFY PK10 4954S</t>
  </si>
  <si>
    <t>RFY PK10 4954SWL</t>
  </si>
  <si>
    <t>5702329672641</t>
  </si>
  <si>
    <t>VELUX Rollo manuell RFY PK10 4954SWL</t>
  </si>
  <si>
    <t>RFY S04 4951S</t>
  </si>
  <si>
    <t>5702329672818</t>
  </si>
  <si>
    <t>VELUX Rollo manuell RFY S04 4951S</t>
  </si>
  <si>
    <t>RFY S04 4951SWL</t>
  </si>
  <si>
    <t>5702329672825</t>
  </si>
  <si>
    <t>VELUX Rollo manuell RFY S04 4951SWL</t>
  </si>
  <si>
    <t>RFY S04 4952S</t>
  </si>
  <si>
    <t>5702329672832</t>
  </si>
  <si>
    <t>VELUX Rollo manuell RFY S04 4952S</t>
  </si>
  <si>
    <t>RFY S04 4952SWL</t>
  </si>
  <si>
    <t>5702329672849</t>
  </si>
  <si>
    <t>VELUX Rollo manuell RFY S04 4952SWL</t>
  </si>
  <si>
    <t>RFY S04 4953S</t>
  </si>
  <si>
    <t>5702329672856</t>
  </si>
  <si>
    <t>VELUX Rollo manuell RFY S04 4953S</t>
  </si>
  <si>
    <t>RFY S04 4953SWL</t>
  </si>
  <si>
    <t>5702329672863</t>
  </si>
  <si>
    <t>VELUX Rollo manuell RFY S04 4953SWL</t>
  </si>
  <si>
    <t>RFY S04 4954S</t>
  </si>
  <si>
    <t>5702329672870</t>
  </si>
  <si>
    <t>VELUX Rollo manuell RFY S04 4954S</t>
  </si>
  <si>
    <t>RFY S04 4954SWL</t>
  </si>
  <si>
    <t>5702329672887</t>
  </si>
  <si>
    <t>VELUX Rollo manuell RFY S04 4954SWL</t>
  </si>
  <si>
    <t>RFY S06 4951S</t>
  </si>
  <si>
    <t>5702329672894</t>
  </si>
  <si>
    <t>VELUX Rollo manuell RFY S06 4951S</t>
  </si>
  <si>
    <t>RFY S06 4951SWL</t>
  </si>
  <si>
    <t>5702329672900</t>
  </si>
  <si>
    <t>VELUX Rollo manuell RFY S06 4951SWL</t>
  </si>
  <si>
    <t>RFY S06 4952S</t>
  </si>
  <si>
    <t>5702329672917</t>
  </si>
  <si>
    <t>VELUX Rollo manuell RFY S06 4952S</t>
  </si>
  <si>
    <t>RFY S06 4952SWL</t>
  </si>
  <si>
    <t>5702329672924</t>
  </si>
  <si>
    <t>VELUX Rollo manuell RFY S06 4952SWL</t>
  </si>
  <si>
    <t>RFY S06 4953S</t>
  </si>
  <si>
    <t>5702329672931</t>
  </si>
  <si>
    <t>VELUX Rollo manuell RFY S06 4953S</t>
  </si>
  <si>
    <t>RFY S06 4953SWL</t>
  </si>
  <si>
    <t>5702329672948</t>
  </si>
  <si>
    <t>VELUX Rollo manuell RFY S06 4953SWL</t>
  </si>
  <si>
    <t>RFY S06 4954S</t>
  </si>
  <si>
    <t>5702329672955</t>
  </si>
  <si>
    <t>VELUX Rollo manuell RFY S06 4954S</t>
  </si>
  <si>
    <t>RFY S06 4954SWL</t>
  </si>
  <si>
    <t>5702329672962</t>
  </si>
  <si>
    <t>VELUX Rollo manuell RFY S06 4954SWL</t>
  </si>
  <si>
    <t>RFY S08 4951S</t>
  </si>
  <si>
    <t>5702329672979</t>
  </si>
  <si>
    <t>VELUX Rollo manuell RFY S08 4951S</t>
  </si>
  <si>
    <t>RFY S08 4951SWL</t>
  </si>
  <si>
    <t>5702329672986</t>
  </si>
  <si>
    <t>VELUX Rollo manuell RFY S08 4951SWL</t>
  </si>
  <si>
    <t>RFY S08 4952S</t>
  </si>
  <si>
    <t>5702329672993</t>
  </si>
  <si>
    <t>VELUX Rollo manuell RFY S08 4952S</t>
  </si>
  <si>
    <t>RFY S08 4952SWL</t>
  </si>
  <si>
    <t>5702329673006</t>
  </si>
  <si>
    <t>VELUX Rollo manuell RFY S08 4952SWL</t>
  </si>
  <si>
    <t>RFY S08 4953S</t>
  </si>
  <si>
    <t>5702329673013</t>
  </si>
  <si>
    <t>VELUX Rollo manuell RFY S08 4953S</t>
  </si>
  <si>
    <t>RFY S08 4953SWL</t>
  </si>
  <si>
    <t>5702329673020</t>
  </si>
  <si>
    <t>VELUX Rollo manuell RFY S08 4953SWL</t>
  </si>
  <si>
    <t>RFY S08 4954S</t>
  </si>
  <si>
    <t>5702329673037</t>
  </si>
  <si>
    <t>VELUX Rollo manuell RFY S08 4954S</t>
  </si>
  <si>
    <t>RFY S08 4954SWL</t>
  </si>
  <si>
    <t>5702329673044</t>
  </si>
  <si>
    <t>VELUX Rollo manuell RFY S08 4954SWL</t>
  </si>
  <si>
    <t>RFY S10 4951S</t>
  </si>
  <si>
    <t>5702329673051</t>
  </si>
  <si>
    <t>VELUX Rollo manuell RFY S10 4951S</t>
  </si>
  <si>
    <t>RFY S10 4951SWL</t>
  </si>
  <si>
    <t>5702329673068</t>
  </si>
  <si>
    <t>VELUX Rollo manuell RFY S10 4951SWL</t>
  </si>
  <si>
    <t>RFY S10 4952S</t>
  </si>
  <si>
    <t>5702329673075</t>
  </si>
  <si>
    <t>VELUX Rollo manuell RFY S10 4952S</t>
  </si>
  <si>
    <t>RFY S10 4952SWL</t>
  </si>
  <si>
    <t>5702329673082</t>
  </si>
  <si>
    <t>VELUX Rollo manuell RFY S10 4952SWL</t>
  </si>
  <si>
    <t>RFY S10 4953S</t>
  </si>
  <si>
    <t>5702329673099</t>
  </si>
  <si>
    <t>VELUX Rollo manuell RFY S10 4953S</t>
  </si>
  <si>
    <t>RFY S10 4953SWL</t>
  </si>
  <si>
    <t>5702329673105</t>
  </si>
  <si>
    <t>VELUX Rollo manuell RFY S10 4953SWL</t>
  </si>
  <si>
    <t>RFY S10 4954S</t>
  </si>
  <si>
    <t>5702329673112</t>
  </si>
  <si>
    <t>VELUX Rollo manuell RFY S10 4954S</t>
  </si>
  <si>
    <t>RFY S10 4954SWL</t>
  </si>
  <si>
    <t>5702329673129</t>
  </si>
  <si>
    <t>VELUX Rollo manuell RFY S10 4954SWL</t>
  </si>
  <si>
    <t>RFY S31 4951S</t>
  </si>
  <si>
    <t>5702329673136</t>
  </si>
  <si>
    <t>VELUX Rollo manuell RFY S31 4951S</t>
  </si>
  <si>
    <t>RFY S31 4951SWL</t>
  </si>
  <si>
    <t>5702329673143</t>
  </si>
  <si>
    <t>VELUX Rollo manuell RFY S31 4951SWL</t>
  </si>
  <si>
    <t>RFY S31 4952S</t>
  </si>
  <si>
    <t>5702329673150</t>
  </si>
  <si>
    <t>VELUX Rollo manuell RFY S31 4952S</t>
  </si>
  <si>
    <t>RFY S31 4952SWL</t>
  </si>
  <si>
    <t>5702329673167</t>
  </si>
  <si>
    <t>VELUX Rollo manuell RFY S31 4952SWL</t>
  </si>
  <si>
    <t>RFY S31 4953S</t>
  </si>
  <si>
    <t>5702329673174</t>
  </si>
  <si>
    <t>VELUX Rollo manuell RFY S31 4953S</t>
  </si>
  <si>
    <t>RFY S31 4953SWL</t>
  </si>
  <si>
    <t>5702329673181</t>
  </si>
  <si>
    <t>VELUX Rollo manuell RFY S31 4953SWL</t>
  </si>
  <si>
    <t>RFY S31 4954S</t>
  </si>
  <si>
    <t>5702329673198</t>
  </si>
  <si>
    <t>VELUX Rollo manuell RFY S31 4954S</t>
  </si>
  <si>
    <t>RFY S31 4954SWL</t>
  </si>
  <si>
    <t>5702329673204</t>
  </si>
  <si>
    <t>VELUX Rollo manuell RFY S31 4954SWL</t>
  </si>
  <si>
    <t>RFY SK06 4951S</t>
  </si>
  <si>
    <t>5702329673297</t>
  </si>
  <si>
    <t>VELUX Rollo manuell RFY SK06 4951S</t>
  </si>
  <si>
    <t>RFY SK06 4951SWL</t>
  </si>
  <si>
    <t>5702329673303</t>
  </si>
  <si>
    <t>VELUX Rollo manuell RFY SK06 4951SWL</t>
  </si>
  <si>
    <t>RFY SK06 4952S</t>
  </si>
  <si>
    <t>5702329673310</t>
  </si>
  <si>
    <t>VELUX Rollo manuell RFY SK06 4952S</t>
  </si>
  <si>
    <t>RFY SK06 4952SWL</t>
  </si>
  <si>
    <t>5702329673327</t>
  </si>
  <si>
    <t>VELUX Rollo manuell RFY SK06 4952SWL</t>
  </si>
  <si>
    <t>RFY SK06 4953S</t>
  </si>
  <si>
    <t>5702329673334</t>
  </si>
  <si>
    <t>VELUX Rollo manuell RFY SK06 4953S</t>
  </si>
  <si>
    <t>RFY SK06 4953SWL</t>
  </si>
  <si>
    <t>5702329673341</t>
  </si>
  <si>
    <t>VELUX Rollo manuell RFY SK06 4953SWL</t>
  </si>
  <si>
    <t>RFY SK06 4954S</t>
  </si>
  <si>
    <t>5702329673358</t>
  </si>
  <si>
    <t>VELUX Rollo manuell RFY SK06 4954S</t>
  </si>
  <si>
    <t>RFY SK06 4954SWL</t>
  </si>
  <si>
    <t>5702329673365</t>
  </si>
  <si>
    <t>VELUX Rollo manuell RFY SK06 4954SWL</t>
  </si>
  <si>
    <t>RFY SK08 4951S</t>
  </si>
  <si>
    <t>5702329673372</t>
  </si>
  <si>
    <t>VELUX Rollo manuell RFY SK08 4951S</t>
  </si>
  <si>
    <t>RFY SK08 4951SWL</t>
  </si>
  <si>
    <t>5702329673389</t>
  </si>
  <si>
    <t>VELUX Rollo manuell RFY SK08 4951SWL</t>
  </si>
  <si>
    <t>RFY SK08 4952S</t>
  </si>
  <si>
    <t>5702329673396</t>
  </si>
  <si>
    <t>VELUX Rollo manuell RFY SK08 4952S</t>
  </si>
  <si>
    <t>RFY SK08 4952SWL</t>
  </si>
  <si>
    <t>5702329673402</t>
  </si>
  <si>
    <t>VELUX Rollo manuell RFY SK08 4952SWL</t>
  </si>
  <si>
    <t>RFY SK08 4953S</t>
  </si>
  <si>
    <t>5702329673419</t>
  </si>
  <si>
    <t>VELUX Rollo manuell RFY SK08 4953S</t>
  </si>
  <si>
    <t>RFY SK08 4953SWL</t>
  </si>
  <si>
    <t>5702329673426</t>
  </si>
  <si>
    <t>VELUX Rollo manuell RFY SK08 4953SWL</t>
  </si>
  <si>
    <t>RFY SK08 4954S</t>
  </si>
  <si>
    <t>5702329673433</t>
  </si>
  <si>
    <t>VELUX Rollo manuell RFY SK08 4954S</t>
  </si>
  <si>
    <t>RFY SK08 4954SWL</t>
  </si>
  <si>
    <t>5702329673440</t>
  </si>
  <si>
    <t>VELUX Rollo manuell RFY SK08 4954SWL</t>
  </si>
  <si>
    <t>RFY SK10 4951S</t>
  </si>
  <si>
    <t>5702329673457</t>
  </si>
  <si>
    <t>VELUX Rollo manuell RFY SK10 4951S</t>
  </si>
  <si>
    <t>RFY SK10 4951SWL</t>
  </si>
  <si>
    <t>5702329673464</t>
  </si>
  <si>
    <t>VELUX Rollo manuell RFY SK10 4951SWL</t>
  </si>
  <si>
    <t>RFY SK10 4952S</t>
  </si>
  <si>
    <t>5702329673471</t>
  </si>
  <si>
    <t>VELUX Rollo manuell RFY SK10 4952S</t>
  </si>
  <si>
    <t>RFY SK10 4952SWL</t>
  </si>
  <si>
    <t>5702329673488</t>
  </si>
  <si>
    <t>VELUX Rollo manuell RFY SK10 4952SWL</t>
  </si>
  <si>
    <t>RFY SK10 4953S</t>
  </si>
  <si>
    <t>5702329673495</t>
  </si>
  <si>
    <t>VELUX Rollo manuell RFY SK10 4953S</t>
  </si>
  <si>
    <t>RFY SK10 4953SWL</t>
  </si>
  <si>
    <t>5702329673501</t>
  </si>
  <si>
    <t>VELUX Rollo manuell RFY SK10 4953SWL</t>
  </si>
  <si>
    <t>RFY SK10 4954S</t>
  </si>
  <si>
    <t>5702329673518</t>
  </si>
  <si>
    <t>VELUX Rollo manuell RFY SK10 4954S</t>
  </si>
  <si>
    <t>RFY SK10 4954SWL</t>
  </si>
  <si>
    <t>5702329673525</t>
  </si>
  <si>
    <t>VELUX Rollo manuell RFY SK10 4954SWL</t>
  </si>
  <si>
    <t>RFY U04 4951S</t>
  </si>
  <si>
    <t>5702329673532</t>
  </si>
  <si>
    <t>VELUX Rollo manuell RFY U04 4951S</t>
  </si>
  <si>
    <t>RFY U04 4951SWL</t>
  </si>
  <si>
    <t>5702329673549</t>
  </si>
  <si>
    <t>VELUX Rollo manuell RFY U04 4951SWL</t>
  </si>
  <si>
    <t>RFY U04 4952S</t>
  </si>
  <si>
    <t>5702329673556</t>
  </si>
  <si>
    <t>VELUX Rollo manuell RFY U04 4952S</t>
  </si>
  <si>
    <t>RFY U04 4952SWL</t>
  </si>
  <si>
    <t>5702329673563</t>
  </si>
  <si>
    <t>VELUX Rollo manuell RFY U04 4952SWL</t>
  </si>
  <si>
    <t>RFY U04 4953S</t>
  </si>
  <si>
    <t>5702329673570</t>
  </si>
  <si>
    <t>VELUX Rollo manuell RFY U04 4953S</t>
  </si>
  <si>
    <t>RFY U04 4953SWL</t>
  </si>
  <si>
    <t>5702329673587</t>
  </si>
  <si>
    <t>VELUX Rollo manuell RFY U04 4953SWL</t>
  </si>
  <si>
    <t>RFY U04 4954S</t>
  </si>
  <si>
    <t>5702329673594</t>
  </si>
  <si>
    <t>VELUX Rollo manuell RFY U04 4954S</t>
  </si>
  <si>
    <t>RFY U04 4954SWL</t>
  </si>
  <si>
    <t>5702329673600</t>
  </si>
  <si>
    <t>VELUX Rollo manuell RFY U04 4954SWL</t>
  </si>
  <si>
    <t>RFY U08 4951S</t>
  </si>
  <si>
    <t>5702329673617</t>
  </si>
  <si>
    <t>VELUX Rollo manuell RFY U08 4951S</t>
  </si>
  <si>
    <t>RFY U08 4951SWL</t>
  </si>
  <si>
    <t>5702329673624</t>
  </si>
  <si>
    <t>VELUX Rollo manuell RFY U08 4951SWL</t>
  </si>
  <si>
    <t>RFY U08 4952S</t>
  </si>
  <si>
    <t>5702329673631</t>
  </si>
  <si>
    <t>VELUX Rollo manuell RFY U08 4952S</t>
  </si>
  <si>
    <t>RFY U08 4952SWL</t>
  </si>
  <si>
    <t>5702329673648</t>
  </si>
  <si>
    <t>VELUX Rollo manuell RFY U08 4952SWL</t>
  </si>
  <si>
    <t>RFY U08 4953S</t>
  </si>
  <si>
    <t>5702329673655</t>
  </si>
  <si>
    <t>VELUX Rollo manuell RFY U08 4953S</t>
  </si>
  <si>
    <t>RFY U08 4953SWL</t>
  </si>
  <si>
    <t>5702329673662</t>
  </si>
  <si>
    <t>VELUX Rollo manuell RFY U08 4953SWL</t>
  </si>
  <si>
    <t>RFY U08 4954S</t>
  </si>
  <si>
    <t>5702329673679</t>
  </si>
  <si>
    <t>VELUX Rollo manuell RFY U08 4954S</t>
  </si>
  <si>
    <t>RFY U08 4954SWL</t>
  </si>
  <si>
    <t>5702329673686</t>
  </si>
  <si>
    <t>VELUX Rollo manuell RFY U08 4954SWL</t>
  </si>
  <si>
    <t>RFY U10 4951S</t>
  </si>
  <si>
    <t>5702329673693</t>
  </si>
  <si>
    <t>VELUX Rollo manuell RFY U10 4951S</t>
  </si>
  <si>
    <t>RFY U10 4951SWL</t>
  </si>
  <si>
    <t>5702329673709</t>
  </si>
  <si>
    <t>VELUX Rollo manuell RFY U10 4951SWL</t>
  </si>
  <si>
    <t>RFY U10 4952S</t>
  </si>
  <si>
    <t>5702329673716</t>
  </si>
  <si>
    <t>VELUX Rollo manuell RFY U10 4952S</t>
  </si>
  <si>
    <t>RFY U10 4952SWL</t>
  </si>
  <si>
    <t>5702329673723</t>
  </si>
  <si>
    <t>VELUX Rollo manuell RFY U10 4952SWL</t>
  </si>
  <si>
    <t>RFY U10 4953S</t>
  </si>
  <si>
    <t>5702329673730</t>
  </si>
  <si>
    <t>VELUX Rollo manuell RFY U10 4953S</t>
  </si>
  <si>
    <t>RFY U10 4953SWL</t>
  </si>
  <si>
    <t>5702329673747</t>
  </si>
  <si>
    <t>VELUX Rollo manuell RFY U10 4953SWL</t>
  </si>
  <si>
    <t>RFY U10 4954S</t>
  </si>
  <si>
    <t>5702329673754</t>
  </si>
  <si>
    <t>VELUX Rollo manuell RFY U10 4954S</t>
  </si>
  <si>
    <t>RFY U10 4954SWL</t>
  </si>
  <si>
    <t>5702329673761</t>
  </si>
  <si>
    <t>VELUX Rollo manuell RFY U10 4954SWL</t>
  </si>
  <si>
    <t>RFY U31 4951S</t>
  </si>
  <si>
    <t>5702329673778</t>
  </si>
  <si>
    <t>VELUX Rollo manuell RFY U31 4951S</t>
  </si>
  <si>
    <t>RFY U31 4951SWL</t>
  </si>
  <si>
    <t>5702329673785</t>
  </si>
  <si>
    <t>VELUX Rollo manuell RFY U31 4951SWL</t>
  </si>
  <si>
    <t>RFY U31 4952S</t>
  </si>
  <si>
    <t>5702329673792</t>
  </si>
  <si>
    <t>VELUX Rollo manuell RFY U31 4952S</t>
  </si>
  <si>
    <t>RFY U31 4952SWL</t>
  </si>
  <si>
    <t>5702329673808</t>
  </si>
  <si>
    <t>VELUX Rollo manuell RFY U31 4952SWL</t>
  </si>
  <si>
    <t>RFY U31 4953S</t>
  </si>
  <si>
    <t>5702329673815</t>
  </si>
  <si>
    <t>VELUX Rollo manuell RFY U31 4953S</t>
  </si>
  <si>
    <t>RFY U31 4953SWL</t>
  </si>
  <si>
    <t>5702329673822</t>
  </si>
  <si>
    <t>VELUX Rollo manuell RFY U31 4953SWL</t>
  </si>
  <si>
    <t>RFY U31 4954S</t>
  </si>
  <si>
    <t>5702329673839</t>
  </si>
  <si>
    <t>VELUX Rollo manuell RFY U31 4954S</t>
  </si>
  <si>
    <t>RFY U31 4954SWL</t>
  </si>
  <si>
    <t>5702329673846</t>
  </si>
  <si>
    <t>VELUX Rollo manuell RFY U31 4954SWL</t>
  </si>
  <si>
    <t>RFY UK04 4951S</t>
  </si>
  <si>
    <t>5702329673853</t>
  </si>
  <si>
    <t>VELUX Rollo manuell RFY UK04 4951S</t>
  </si>
  <si>
    <t>RFY UK04 4951SWL</t>
  </si>
  <si>
    <t>5702329673860</t>
  </si>
  <si>
    <t>VELUX Rollo manuell RFY UK04 4951SWL</t>
  </si>
  <si>
    <t>RFY UK04 4952S</t>
  </si>
  <si>
    <t>5702329673877</t>
  </si>
  <si>
    <t>VELUX Rollo manuell RFY UK04 4952S</t>
  </si>
  <si>
    <t>RFY UK04 4952SWL</t>
  </si>
  <si>
    <t>5702329673884</t>
  </si>
  <si>
    <t>VELUX Rollo manuell RFY UK04 4952SWL</t>
  </si>
  <si>
    <t>RFY UK04 4953S</t>
  </si>
  <si>
    <t>5702329673891</t>
  </si>
  <si>
    <t>VELUX Rollo manuell RFY UK04 4953S</t>
  </si>
  <si>
    <t>RFY UK04 4953SWL</t>
  </si>
  <si>
    <t>5702329673907</t>
  </si>
  <si>
    <t>VELUX Rollo manuell RFY UK04 4953SWL</t>
  </si>
  <si>
    <t>RFY UK04 4954S</t>
  </si>
  <si>
    <t>5702329673914</t>
  </si>
  <si>
    <t>VELUX Rollo manuell RFY UK04 4954S</t>
  </si>
  <si>
    <t>RFY UK04 4954SWL</t>
  </si>
  <si>
    <t>5702329673921</t>
  </si>
  <si>
    <t>VELUX Rollo manuell RFY UK04 4954SWL</t>
  </si>
  <si>
    <t>RFY UK08 4951S</t>
  </si>
  <si>
    <t>5702329673938</t>
  </si>
  <si>
    <t>VELUX Rollo manuell RFY UK08 4951S</t>
  </si>
  <si>
    <t>RFY UK08 4951SWL</t>
  </si>
  <si>
    <t>5702329673945</t>
  </si>
  <si>
    <t>VELUX Rollo manuell RFY UK08 4951SWL</t>
  </si>
  <si>
    <t>RFY UK08 4952S</t>
  </si>
  <si>
    <t>5702329673952</t>
  </si>
  <si>
    <t>VELUX Rollo manuell RFY UK08 4952S</t>
  </si>
  <si>
    <t>RFY UK08 4952SWL</t>
  </si>
  <si>
    <t>5702329673969</t>
  </si>
  <si>
    <t>VELUX Rollo manuell RFY UK08 4952SWL</t>
  </si>
  <si>
    <t>RFY UK08 4953S</t>
  </si>
  <si>
    <t>5702329673976</t>
  </si>
  <si>
    <t>VELUX Rollo manuell RFY UK08 4953S</t>
  </si>
  <si>
    <t>RFY UK08 4953SWL</t>
  </si>
  <si>
    <t>5702329673983</t>
  </si>
  <si>
    <t>VELUX Rollo manuell RFY UK08 4953SWL</t>
  </si>
  <si>
    <t>RFY UK08 4954S</t>
  </si>
  <si>
    <t>5702329673990</t>
  </si>
  <si>
    <t>VELUX Rollo manuell RFY UK08 4954S</t>
  </si>
  <si>
    <t>RFY UK08 4954SWL</t>
  </si>
  <si>
    <t>5702329674003</t>
  </si>
  <si>
    <t>VELUX Rollo manuell RFY UK08 4954SWL</t>
  </si>
  <si>
    <t>RFY UK10 4951S</t>
  </si>
  <si>
    <t>5702329674010</t>
  </si>
  <si>
    <t>VELUX Rollo manuell RFY UK10 4951S</t>
  </si>
  <si>
    <t>RFY UK10 4951SWL</t>
  </si>
  <si>
    <t>5702329674027</t>
  </si>
  <si>
    <t>VELUX Rollo manuell RFY UK10 4951SWL</t>
  </si>
  <si>
    <t>RFY UK10 4952S</t>
  </si>
  <si>
    <t>5702329674034</t>
  </si>
  <si>
    <t>VELUX Rollo manuell RFY UK10 4952S</t>
  </si>
  <si>
    <t>RFY UK10 4952SWL</t>
  </si>
  <si>
    <t>5702329674041</t>
  </si>
  <si>
    <t>VELUX Rollo manuell RFY UK10 4952SWL</t>
  </si>
  <si>
    <t>RFY UK10 4953S</t>
  </si>
  <si>
    <t>5702329674058</t>
  </si>
  <si>
    <t>VELUX Rollo manuell RFY UK10 4953S</t>
  </si>
  <si>
    <t>RFY UK10 4953SWL</t>
  </si>
  <si>
    <t>5702329674065</t>
  </si>
  <si>
    <t>VELUX Rollo manuell RFY UK10 4953SWL</t>
  </si>
  <si>
    <t>RFY UK10 4954S</t>
  </si>
  <si>
    <t>5702329674072</t>
  </si>
  <si>
    <t>VELUX Rollo manuell RFY UK10 4954S</t>
  </si>
  <si>
    <t>RFY UK10 4954SWL</t>
  </si>
  <si>
    <t>5702329674089</t>
  </si>
  <si>
    <t>VELUX Rollo manuell RFY UK10 4954SWL</t>
  </si>
  <si>
    <t>RHL 100 1028</t>
  </si>
  <si>
    <t>5702324337637</t>
  </si>
  <si>
    <t>VELUX Rollo mit Haltekr. RHL 100 1028</t>
  </si>
  <si>
    <t>RHL 100 1086</t>
  </si>
  <si>
    <t>5702324236954</t>
  </si>
  <si>
    <t>VELUX Rollo mit Haltekr. RHL 100 1086</t>
  </si>
  <si>
    <t>RHL 100 4161</t>
  </si>
  <si>
    <t>5702329186193</t>
  </si>
  <si>
    <t>VELUX Rollo mit Haltekr. RHL 100 4161</t>
  </si>
  <si>
    <t>RHL 100 9050</t>
  </si>
  <si>
    <t>5702324237289</t>
  </si>
  <si>
    <t>VELUX Rollo mit Haltekr. RHL 100 9050</t>
  </si>
  <si>
    <t>RHL 200 1028</t>
  </si>
  <si>
    <t>5702324337712</t>
  </si>
  <si>
    <t>VELUX Rollo mit Haltekr. RHL 200 1028</t>
  </si>
  <si>
    <t>RHL 200 1086</t>
  </si>
  <si>
    <t>5702324237302</t>
  </si>
  <si>
    <t>VELUX Rollo mit Haltekr. RHL 200 1086</t>
  </si>
  <si>
    <t>RHL 200 4161</t>
  </si>
  <si>
    <t>5702329186209</t>
  </si>
  <si>
    <t>VELUX Rollo mit Haltekr. RHL 200 4161</t>
  </si>
  <si>
    <t>RHL 200 9050</t>
  </si>
  <si>
    <t>5702324237630</t>
  </si>
  <si>
    <t>VELUX Rollo mit Haltekr. RHL 200 9050</t>
  </si>
  <si>
    <t>RHL CK00 1028</t>
  </si>
  <si>
    <t>5702324336524</t>
  </si>
  <si>
    <t>VELUX Rollo mit Haltekr. RHL CK00 1028</t>
  </si>
  <si>
    <t>CZ</t>
  </si>
  <si>
    <t>RHL CK00 1086</t>
  </si>
  <si>
    <t>5702324232390</t>
  </si>
  <si>
    <t>VELUX Rollo mit Haltekr. RHL CK00 1086</t>
  </si>
  <si>
    <t>RHL CK00 4161</t>
  </si>
  <si>
    <t>5702329186230</t>
  </si>
  <si>
    <t>VELUX Rollo H-Krallen RHL CK00 4161</t>
  </si>
  <si>
    <t>RHL CK00 9050</t>
  </si>
  <si>
    <t>5702324232727</t>
  </si>
  <si>
    <t>VELUX Rollo mit Haltekr. RHL CK00 9050</t>
  </si>
  <si>
    <t>RHL FK00 1028</t>
  </si>
  <si>
    <t>5702324336609</t>
  </si>
  <si>
    <t>VELUX Rollo mit Haltekr. RHL FK00 1028</t>
  </si>
  <si>
    <t>RHL FK00 1086</t>
  </si>
  <si>
    <t>5702324232741</t>
  </si>
  <si>
    <t>VELUX Rollo mit Haltekr. RHL FK00 1086</t>
  </si>
  <si>
    <t>RHL FK00 4161</t>
  </si>
  <si>
    <t>5702329186247</t>
  </si>
  <si>
    <t>VELUX Rollo H-Krallen RHL FK00 4161</t>
  </si>
  <si>
    <t>RHL FK00 9050</t>
  </si>
  <si>
    <t>5702324233076</t>
  </si>
  <si>
    <t>VELUX Rollo mit Haltekr. RHL FK00 9050</t>
  </si>
  <si>
    <t>RHL MK00 1028</t>
  </si>
  <si>
    <t>5702324336685</t>
  </si>
  <si>
    <t>VELUX Rollo mit Haltekr. RHL MK00 1028</t>
  </si>
  <si>
    <t>RHL MK00 1086</t>
  </si>
  <si>
    <t>5702324233090</t>
  </si>
  <si>
    <t>VELUX Rollo mit Haltekr. RHL MK00 1086</t>
  </si>
  <si>
    <t>RHL MK00 4161</t>
  </si>
  <si>
    <t>5702329186254</t>
  </si>
  <si>
    <t>VELUX Rollo H-Krallen RHL MK00 4161</t>
  </si>
  <si>
    <t>RHL MK00 9050</t>
  </si>
  <si>
    <t>5702324233434</t>
  </si>
  <si>
    <t>VELUX Rollo mit Haltekr. RHL MK00 9050</t>
  </si>
  <si>
    <t>RHL MK12 1028</t>
  </si>
  <si>
    <t>5702324336760</t>
  </si>
  <si>
    <t>VELUX Rollo mit Haltekr. RHL MK12 1028</t>
  </si>
  <si>
    <t>RHL MK12 4161</t>
  </si>
  <si>
    <t>5702329186261</t>
  </si>
  <si>
    <t>VELUX Rollo H-Krallen RHL MK12 4161</t>
  </si>
  <si>
    <t>RHL MK12 9050</t>
  </si>
  <si>
    <t>5702324233786</t>
  </si>
  <si>
    <t>VELUX Rollo mit Haltekr. RHL MK12 9050</t>
  </si>
  <si>
    <t>RHL PK00 1028</t>
  </si>
  <si>
    <t>5702324336944</t>
  </si>
  <si>
    <t>VELUX Rollo mit Haltekr. RHL PK00 1028</t>
  </si>
  <si>
    <t>RHL PK00 1086</t>
  </si>
  <si>
    <t>5702324234158</t>
  </si>
  <si>
    <t>VELUX Rollo mit Haltekr. RHL PK00 1086</t>
  </si>
  <si>
    <t>RHL PK00 4161</t>
  </si>
  <si>
    <t>5702329186285</t>
  </si>
  <si>
    <t>VELUX Rollo H-Krallen RHL PK00 4161</t>
  </si>
  <si>
    <t>RHL PK00 9050</t>
  </si>
  <si>
    <t>5702324234486</t>
  </si>
  <si>
    <t>VELUX Rollo mit Haltekr. RHL PK00 9050</t>
  </si>
  <si>
    <t>RHL SK00 1028</t>
  </si>
  <si>
    <t>5702324337026</t>
  </si>
  <si>
    <t>VELUX Rollo mit Haltekr. RHL SK00 1028</t>
  </si>
  <si>
    <t>RHL SK00 1086</t>
  </si>
  <si>
    <t>5702324234509</t>
  </si>
  <si>
    <t>VELUX Rollo mit Haltekr. RHL SK00 1086</t>
  </si>
  <si>
    <t>RHL SK00 4161</t>
  </si>
  <si>
    <t>5702329186292</t>
  </si>
  <si>
    <t>VELUX Rollo H-Krallen RHL SK00 4161</t>
  </si>
  <si>
    <t>RHL SK00 9050</t>
  </si>
  <si>
    <t>5702324234837</t>
  </si>
  <si>
    <t>VELUX Rollo mit Haltekr. RHL SK00 9050</t>
  </si>
  <si>
    <t>RHL UK00 1028</t>
  </si>
  <si>
    <t>5702324337101</t>
  </si>
  <si>
    <t>VELUX Rollo mit Haltekr. RHL UK00 1028</t>
  </si>
  <si>
    <t>RHL UK00 1086</t>
  </si>
  <si>
    <t>5702324234851</t>
  </si>
  <si>
    <t>VELUX Rollo mit Haltekr. RHL UK00 1086</t>
  </si>
  <si>
    <t>RHL UK00 4161</t>
  </si>
  <si>
    <t>5702329186308</t>
  </si>
  <si>
    <t>VELUX Rollo H-Krallen RHL UK00 4161</t>
  </si>
  <si>
    <t>RHL UK00 9050</t>
  </si>
  <si>
    <t>5702324235186</t>
  </si>
  <si>
    <t>VELUX Rollo mit Haltekr. RHL UK00 9050</t>
  </si>
  <si>
    <t>RHL Y30 1028</t>
  </si>
  <si>
    <t>5702324337187</t>
  </si>
  <si>
    <t>VELUX Rollo mit Haltekr. RHL Y30 1028</t>
  </si>
  <si>
    <t>RHL Y30 1086</t>
  </si>
  <si>
    <t>5702324235209</t>
  </si>
  <si>
    <t>VELUX Rollo mit Haltekr. RHL Y30 1086</t>
  </si>
  <si>
    <t>RHL Y30 4161</t>
  </si>
  <si>
    <t>5702329186315</t>
  </si>
  <si>
    <t>VELUX Rollo mit Haltekr. RHL Y30 4161</t>
  </si>
  <si>
    <t>RHL Y30 9050</t>
  </si>
  <si>
    <t>5702324235537</t>
  </si>
  <si>
    <t>VELUX Rollo mit Haltekr. RHL Y30 9050</t>
  </si>
  <si>
    <t>RHL Y40 1028</t>
  </si>
  <si>
    <t>5702324337279</t>
  </si>
  <si>
    <t>VELUX Rollo mit Haltekr. RHL Y40 1028</t>
  </si>
  <si>
    <t>RHL Y40 1086</t>
  </si>
  <si>
    <t>5702324235551</t>
  </si>
  <si>
    <t>VELUX Rollo mit Haltekr. RHL Y40 1086</t>
  </si>
  <si>
    <t>RHL Y40 4161</t>
  </si>
  <si>
    <t>5702329186322</t>
  </si>
  <si>
    <t>VELUX Rollo mit Haltekr. RHL Y40 4161</t>
  </si>
  <si>
    <t>RHL Y40 9050</t>
  </si>
  <si>
    <t>5702324235889</t>
  </si>
  <si>
    <t>VELUX Rollo mit Haltekr. RHL Y40 9050</t>
  </si>
  <si>
    <t>RHL Y60 1028</t>
  </si>
  <si>
    <t>5702324337361</t>
  </si>
  <si>
    <t>VELUX Rollo mit Haltekr. RHL Y60 1028</t>
  </si>
  <si>
    <t>RHL Y60 1086</t>
  </si>
  <si>
    <t>5702324235902</t>
  </si>
  <si>
    <t>VELUX Rollo mit Haltekr. RHL Y60 1086</t>
  </si>
  <si>
    <t>RHL Y60 4161</t>
  </si>
  <si>
    <t>5702329186339</t>
  </si>
  <si>
    <t>VELUX Rollo mit Haltekr. RHL Y60 4161</t>
  </si>
  <si>
    <t>RHL Y60 9050</t>
  </si>
  <si>
    <t>5702324236237</t>
  </si>
  <si>
    <t>VELUX Rollo mit Haltekr. RHL Y60 9050</t>
  </si>
  <si>
    <t>RHL Y80 1028</t>
  </si>
  <si>
    <t>5702324337453</t>
  </si>
  <si>
    <t>VELUX Rollo mit Haltekr. RHL Y80 1028</t>
  </si>
  <si>
    <t>RHL Y80 1086</t>
  </si>
  <si>
    <t>5702324236251</t>
  </si>
  <si>
    <t>VELUX Rollo mit Haltekr. RHL Y80 1086</t>
  </si>
  <si>
    <t>RHL Y80 4161</t>
  </si>
  <si>
    <t>5702329186346</t>
  </si>
  <si>
    <t>VELUX Rollo mit Haltekr. RHL Y80 4161</t>
  </si>
  <si>
    <t>RHL Y80 9050</t>
  </si>
  <si>
    <t>5702324236589</t>
  </si>
  <si>
    <t>VELUX Rollo mit Haltekr. RHL Y80 9050</t>
  </si>
  <si>
    <t>RHL Y90 1028</t>
  </si>
  <si>
    <t>5702324337545</t>
  </si>
  <si>
    <t>VELUX Rollo mit Haltekr. RHL Y90 1028</t>
  </si>
  <si>
    <t>RHL Y90 1086</t>
  </si>
  <si>
    <t>5702324236602</t>
  </si>
  <si>
    <t>VELUX Rollo mit Haltekr. RHL Y90 1086</t>
  </si>
  <si>
    <t>RHL Y90 4161</t>
  </si>
  <si>
    <t>5702329186353</t>
  </si>
  <si>
    <t>VELUX Rollo mit Haltekr. RHL Y90 4161</t>
  </si>
  <si>
    <t>RHL Y90 9050</t>
  </si>
  <si>
    <t>5702324236930</t>
  </si>
  <si>
    <t>VELUX Rollo mit Haltekr. RHL Y90 9050</t>
  </si>
  <si>
    <t>RLT 103 1086</t>
  </si>
  <si>
    <t>5702324242047</t>
  </si>
  <si>
    <t>VELUX Rollo mit Haltekr. RLT 103 1086</t>
  </si>
  <si>
    <t>RLT 103 9050</t>
  </si>
  <si>
    <t>5702324242054</t>
  </si>
  <si>
    <t>VELUX Rollo mit Haltekr. RLT 103 9050</t>
  </si>
  <si>
    <t>RML C02 1028K</t>
  </si>
  <si>
    <t>5702329498333</t>
  </si>
  <si>
    <t>VELUX Sichts.-Rollo el. RML C02 1028K</t>
  </si>
  <si>
    <t>RML C02 1028KWL</t>
  </si>
  <si>
    <t>5702329506496</t>
  </si>
  <si>
    <t>VELUX Sichts.-Rollo el. RML C02 1028KWL</t>
  </si>
  <si>
    <t>RML C02 1086K</t>
  </si>
  <si>
    <t>5702329498340</t>
  </si>
  <si>
    <t>VELUX Sichts.-Rollo el. RML C02 1086K</t>
  </si>
  <si>
    <t>RML C02 4155K</t>
  </si>
  <si>
    <t>5702329498364</t>
  </si>
  <si>
    <t>VELUX Sichts.-Rollo el. RML C02 4155K</t>
  </si>
  <si>
    <t>RML C02 4161K</t>
  </si>
  <si>
    <t>5702329498371</t>
  </si>
  <si>
    <t>VELUX Sichts.-Rollo el. RML C02 4161K</t>
  </si>
  <si>
    <t>RML C02 4166KWL</t>
  </si>
  <si>
    <t>5702329506588</t>
  </si>
  <si>
    <t>VELUX Sichts.-Rollo el. RML C02 4166KWL</t>
  </si>
  <si>
    <t>RML C02 4170K</t>
  </si>
  <si>
    <t>5702329498463</t>
  </si>
  <si>
    <t>VELUX Sichts.-Rollo el. RML C02 4170K</t>
  </si>
  <si>
    <t>RML C02 9050K</t>
  </si>
  <si>
    <t>5702329498487</t>
  </si>
  <si>
    <t>VELUX Sichts.-Rollo el. RML C02 9050K</t>
  </si>
  <si>
    <t>RML C02 CBYK</t>
  </si>
  <si>
    <t>5702329498494</t>
  </si>
  <si>
    <t>VELUX Sichts.-Rollo el. RML C02 CBYK</t>
  </si>
  <si>
    <t>RML C02 CBYKWL</t>
  </si>
  <si>
    <t>5702329506656</t>
  </si>
  <si>
    <t>VELUX Sichts.-Rollo el. RML C02 CBYKWL</t>
  </si>
  <si>
    <t>RML C04 1028K</t>
  </si>
  <si>
    <t>5702329498500</t>
  </si>
  <si>
    <t>VELUX Sichts.-Rollo el. RML C04 1028K</t>
  </si>
  <si>
    <t>RML C04 1028KWL</t>
  </si>
  <si>
    <t>5702329506663</t>
  </si>
  <si>
    <t>VELUX Sichts.-Rollo el. RML C04 1028KWL</t>
  </si>
  <si>
    <t>RML C04 1086K</t>
  </si>
  <si>
    <t>5702329498517</t>
  </si>
  <si>
    <t>VELUX Sichts.-Rollo el. RML C04 1086K</t>
  </si>
  <si>
    <t>RML C04 4069K</t>
  </si>
  <si>
    <t>5702329498524</t>
  </si>
  <si>
    <t>VELUX Sichts.-Rollo el. RML C04 4069K</t>
  </si>
  <si>
    <t>RML C04 4155K</t>
  </si>
  <si>
    <t>5702329498531</t>
  </si>
  <si>
    <t>VELUX Sichts.-Rollo el. RML C04 4155K</t>
  </si>
  <si>
    <t>RML C04 4155KWL</t>
  </si>
  <si>
    <t>5702329506694</t>
  </si>
  <si>
    <t>VELUX Sichts.-Rollo el. RML C04 4155KWL</t>
  </si>
  <si>
    <t>RML C04 4161K</t>
  </si>
  <si>
    <t>5702329498548</t>
  </si>
  <si>
    <t>VELUX Sichts.-Rollo el. RML C04 4161K</t>
  </si>
  <si>
    <t>RML C04 4161KWL</t>
  </si>
  <si>
    <t>5702329506700</t>
  </si>
  <si>
    <t>VELUX Sichts.-Rollo el. RML C04 4161KWL</t>
  </si>
  <si>
    <t>RML C04 4163K</t>
  </si>
  <si>
    <t>5702329498562</t>
  </si>
  <si>
    <t>VELUX Sichts.-Rollo el. RML C04 4163K</t>
  </si>
  <si>
    <t>RML C04 4167K</t>
  </si>
  <si>
    <t>5702329498609</t>
  </si>
  <si>
    <t>VELUX Sichts.-Rollo el. RML C04 4167K</t>
  </si>
  <si>
    <t>RML C04 4170K</t>
  </si>
  <si>
    <t>5702329498630</t>
  </si>
  <si>
    <t>VELUX Sichts.-Rollo el. RML C04 4170K</t>
  </si>
  <si>
    <t>RML C04 4171K</t>
  </si>
  <si>
    <t>5702329498647</t>
  </si>
  <si>
    <t>VELUX Sichts.-Rollo el. RML C04 4171K</t>
  </si>
  <si>
    <t>RML C04 9050K</t>
  </si>
  <si>
    <t>5702329498654</t>
  </si>
  <si>
    <t>VELUX Sichts.-Rollo el. RML C04 9050K</t>
  </si>
  <si>
    <t>RML C04 CBYK</t>
  </si>
  <si>
    <t>5702329498661</t>
  </si>
  <si>
    <t>VELUX Sichts.-Rollo el. RML C04 CBYK</t>
  </si>
  <si>
    <t>RML C04 CBYKWL</t>
  </si>
  <si>
    <t>5702329506823</t>
  </si>
  <si>
    <t>VELUX Sichts.-Rollo el. RML C04 CBYKWL</t>
  </si>
  <si>
    <t>RML C06 1028KWL</t>
  </si>
  <si>
    <t>5702329506830</t>
  </si>
  <si>
    <t>VELUX Sichts.-Rollo el. RML C06 1028KWL</t>
  </si>
  <si>
    <t>RML C06 4165KWL</t>
  </si>
  <si>
    <t>5702329506915</t>
  </si>
  <si>
    <t>VELUX Sichts.-Rollo el. RML C06 4165KWL</t>
  </si>
  <si>
    <t>RML C06 CBYK</t>
  </si>
  <si>
    <t>5702329498838</t>
  </si>
  <si>
    <t>VELUX Sichts.-Rollo el. RML C06 CBYK</t>
  </si>
  <si>
    <t>RML C06 CBYKWL</t>
  </si>
  <si>
    <t>5702329506991</t>
  </si>
  <si>
    <t>VELUX Sichts.-Rollo el. RML C06 CBYKWL</t>
  </si>
  <si>
    <t>RML CK02 1028K</t>
  </si>
  <si>
    <t>5702329499019</t>
  </si>
  <si>
    <t>VELUX Sichts.-Rollo el. RML CK02 1028K</t>
  </si>
  <si>
    <t>RML CK02 1028KWL</t>
  </si>
  <si>
    <t>5702329507172</t>
  </si>
  <si>
    <t>VELUX Sichts.-Rollo el. RML CK02 1028KWL</t>
  </si>
  <si>
    <t>RML CK02 1086K</t>
  </si>
  <si>
    <t>5702329499026</t>
  </si>
  <si>
    <t>VELUX Sichts.-Rollo el. RML CK02 1086K</t>
  </si>
  <si>
    <t>RML CK02 1086KWL</t>
  </si>
  <si>
    <t>5702329507189</t>
  </si>
  <si>
    <t>VELUX Sichts.-Rollo el. RML CK02 1086KWL</t>
  </si>
  <si>
    <t>RML CK02 4069K</t>
  </si>
  <si>
    <t>5702329499033</t>
  </si>
  <si>
    <t>VELUX Sichts.-Rollo el. RML CK02 4069K</t>
  </si>
  <si>
    <t>RML CK02 4155K</t>
  </si>
  <si>
    <t>5702329499040</t>
  </si>
  <si>
    <t>VELUX Sichts.-Rollo el. RML CK02 4155K</t>
  </si>
  <si>
    <t>RML CK02 4155KWL</t>
  </si>
  <si>
    <t>5702329507202</t>
  </si>
  <si>
    <t>VELUX Sichts.-Rollo el. RML CK02 4155KWL</t>
  </si>
  <si>
    <t>RML CK02 4161K</t>
  </si>
  <si>
    <t>5702329499057</t>
  </si>
  <si>
    <t>VELUX Sichts.-Rollo el. RML CK02 4161K</t>
  </si>
  <si>
    <t>RML CK02 4161KWL</t>
  </si>
  <si>
    <t>5702329507219</t>
  </si>
  <si>
    <t>VELUX Sichts.-Rollo el. RML CK02 4161KWL</t>
  </si>
  <si>
    <t>RML CK02 4162KWL</t>
  </si>
  <si>
    <t>5702329507226</t>
  </si>
  <si>
    <t>VELUX Sichts.-Rollo el. RML CK02 4162KWL</t>
  </si>
  <si>
    <t>RML CK02 4163KWL</t>
  </si>
  <si>
    <t>5702329507233</t>
  </si>
  <si>
    <t>VELUX Sichts.-Rollo el. RML CK02 4163KWL</t>
  </si>
  <si>
    <t>RML CK02 4164K</t>
  </si>
  <si>
    <t>5702329499088</t>
  </si>
  <si>
    <t>VELUX Sichts.-Rollo el. RML CK02 4164K</t>
  </si>
  <si>
    <t>RML CK02 4164KWL</t>
  </si>
  <si>
    <t>5702329507240</t>
  </si>
  <si>
    <t>VELUX Sichts.-Rollo el. RML CK02 4164KWL</t>
  </si>
  <si>
    <t>RML CK02 4165KWL</t>
  </si>
  <si>
    <t>5702329507257</t>
  </si>
  <si>
    <t>VELUX Sichts.-Rollo el. RML CK02 4165KWL</t>
  </si>
  <si>
    <t>RML CK02 4166K</t>
  </si>
  <si>
    <t>5702329499101</t>
  </si>
  <si>
    <t>VELUX Sichts.-Rollo el. RML CK02 4166K</t>
  </si>
  <si>
    <t>RML CK02 4166KWL</t>
  </si>
  <si>
    <t>5702329507264</t>
  </si>
  <si>
    <t>VELUX Sichts.-Rollo el. RML CK02 4166KWL</t>
  </si>
  <si>
    <t>RML CK02 4167K</t>
  </si>
  <si>
    <t>5702329499118</t>
  </si>
  <si>
    <t>VELUX Sichts.-Rollo el. RML CK02 4167K</t>
  </si>
  <si>
    <t>RML CK02 4167KWL</t>
  </si>
  <si>
    <t>5702329507271</t>
  </si>
  <si>
    <t>VELUX Sichts.-Rollo el. RML CK02 4167KWL</t>
  </si>
  <si>
    <t>RML CK02 4169K</t>
  </si>
  <si>
    <t>5702329499132</t>
  </si>
  <si>
    <t>VELUX Sichts.-Rollo el. RML CK02 4169K</t>
  </si>
  <si>
    <t>Hell-Taupe, alu Schiene, Premium</t>
  </si>
  <si>
    <t>RML CK02 4169KWL</t>
  </si>
  <si>
    <t>5702329507295</t>
  </si>
  <si>
    <t>VELUX Sichts.-Rollo el. RML CK02 4169KWL</t>
  </si>
  <si>
    <t>Hell-Taupe, weiße Schiene, Premium</t>
  </si>
  <si>
    <t>RML CK02 4170K</t>
  </si>
  <si>
    <t>5702329499149</t>
  </si>
  <si>
    <t>VELUX Sichts.-Rollo el. RML CK02 4170K</t>
  </si>
  <si>
    <t>RML CK02 4170KWL</t>
  </si>
  <si>
    <t>5702329507301</t>
  </si>
  <si>
    <t>VELUX Sichts.-Rollo el. RML CK02 4170KWL</t>
  </si>
  <si>
    <t>RML CK02 4171K</t>
  </si>
  <si>
    <t>5702329499156</t>
  </si>
  <si>
    <t>VELUX Sichts.-Rollo el. RML CK02 4171K</t>
  </si>
  <si>
    <t>RML CK02 4171KWL</t>
  </si>
  <si>
    <t>5702329507318</t>
  </si>
  <si>
    <t>VELUX Sichts.-Rollo el. RML CK02 4171KWL</t>
  </si>
  <si>
    <t>RML CK02 9050K</t>
  </si>
  <si>
    <t>5702329499163</t>
  </si>
  <si>
    <t>VELUX Sichts.-Rollo el. RML CK02 9050K</t>
  </si>
  <si>
    <t>RML CK02 9050KWL</t>
  </si>
  <si>
    <t>5702329507325</t>
  </si>
  <si>
    <t>VELUX Sichts.-Rollo el. RML CK02 9050KWL</t>
  </si>
  <si>
    <t>RML CK02 CBYK</t>
  </si>
  <si>
    <t>5702329499170</t>
  </si>
  <si>
    <t>VELUX Sichts.-Rollo el. RML CK02 CBYK</t>
  </si>
  <si>
    <t>RML CK02 CBYKWL</t>
  </si>
  <si>
    <t>5702329507332</t>
  </si>
  <si>
    <t>VELUX Sichts.-Rollo el. RML CK02 CBYKWL</t>
  </si>
  <si>
    <t>RML CK04 1028K</t>
  </si>
  <si>
    <t>5702329499187</t>
  </si>
  <si>
    <t>VELUX Sichts.-Rollo el. RML CK04 1028K</t>
  </si>
  <si>
    <t>RML CK04 1028KWL</t>
  </si>
  <si>
    <t>5702329507349</t>
  </si>
  <si>
    <t>VELUX Sichts.-Rollo el. RML CK04 1028KWL</t>
  </si>
  <si>
    <t>RML CK04 1086K</t>
  </si>
  <si>
    <t>5702329499194</t>
  </si>
  <si>
    <t>VELUX Sichts.-Rollo el. RML CK04 1086K</t>
  </si>
  <si>
    <t>RML CK04 1086KWL</t>
  </si>
  <si>
    <t>5702329507356</t>
  </si>
  <si>
    <t>VELUX Sichts.-Rollo el. RML CK04 1086KWL</t>
  </si>
  <si>
    <t>RML CK04 4069K</t>
  </si>
  <si>
    <t>5702329499200</t>
  </si>
  <si>
    <t>VELUX Sichts.-Rollo el. RML CK04 4069K</t>
  </si>
  <si>
    <t>RML CK04 4069KWL</t>
  </si>
  <si>
    <t>5702329507363</t>
  </si>
  <si>
    <t>VELUX Sichts.-Rollo el. RML CK04 4069KWL</t>
  </si>
  <si>
    <t>RML CK04 4155K</t>
  </si>
  <si>
    <t>5702329499217</t>
  </si>
  <si>
    <t>VELUX Sichts.-Rollo el. RML CK04 4155K</t>
  </si>
  <si>
    <t>RML CK04 4155KWL</t>
  </si>
  <si>
    <t>5702329507370</t>
  </si>
  <si>
    <t>VELUX Sichts.-Rollo el. RML CK04 4155KWL</t>
  </si>
  <si>
    <t>RML CK04 4161K</t>
  </si>
  <si>
    <t>5702329499224</t>
  </si>
  <si>
    <t>VELUX Sichts.-Rollo el. RML CK04 4161K</t>
  </si>
  <si>
    <t>RML CK04 4161KWL</t>
  </si>
  <si>
    <t>5702329507387</t>
  </si>
  <si>
    <t>VELUX Sichts.-Rollo el. RML CK04 4161KWL</t>
  </si>
  <si>
    <t>RML CK04 4163K</t>
  </si>
  <si>
    <t>5702329499248</t>
  </si>
  <si>
    <t>VELUX Sichts.-Rollo el. RML CK04 4163K</t>
  </si>
  <si>
    <t>RML CK04 4163KWL</t>
  </si>
  <si>
    <t>5702329507400</t>
  </si>
  <si>
    <t>VELUX Sichts.-Rollo el. RML CK04 4163KWL</t>
  </si>
  <si>
    <t>RML CK04 4164K</t>
  </si>
  <si>
    <t>5702329499255</t>
  </si>
  <si>
    <t>VELUX Sichts.-Rollo el. RML CK04 4164K</t>
  </si>
  <si>
    <t>RML CK04 4164KWL</t>
  </si>
  <si>
    <t>5702329507417</t>
  </si>
  <si>
    <t>VELUX Sichts.-Rollo el. RML CK04 4164KWL</t>
  </si>
  <si>
    <t>RML CK04 4165K</t>
  </si>
  <si>
    <t>5702329499262</t>
  </si>
  <si>
    <t>VELUX Sichts.-Rollo el. RML CK04 4165K</t>
  </si>
  <si>
    <t>RML CK04 4165KWL</t>
  </si>
  <si>
    <t>5702329507424</t>
  </si>
  <si>
    <t>VELUX Sichts.-Rollo el. RML CK04 4165KWL</t>
  </si>
  <si>
    <t>RML CK04 4166K</t>
  </si>
  <si>
    <t>5702329499279</t>
  </si>
  <si>
    <t>VELUX Sichts.-Rollo el. RML CK04 4166K</t>
  </si>
  <si>
    <t>RML CK04 4166KWL</t>
  </si>
  <si>
    <t>5702329507431</t>
  </si>
  <si>
    <t>VELUX Sichts.-Rollo el. RML CK04 4166KWL</t>
  </si>
  <si>
    <t>RML CK04 4167K</t>
  </si>
  <si>
    <t>5702329499286</t>
  </si>
  <si>
    <t>VELUX Sichts.-Rollo el. RML CK04 4167K</t>
  </si>
  <si>
    <t>RML CK04 4168K</t>
  </si>
  <si>
    <t>5702329499293</t>
  </si>
  <si>
    <t>VELUX Sichts.-Rollo el. RML CK04 4168K</t>
  </si>
  <si>
    <t>RML CK04 4169K</t>
  </si>
  <si>
    <t>5702329499309</t>
  </si>
  <si>
    <t>VELUX Sichts.-Rollo el. RML CK04 4169K</t>
  </si>
  <si>
    <t>RML CK04 4169KWL</t>
  </si>
  <si>
    <t>5702329507462</t>
  </si>
  <si>
    <t>VELUX Sichts.-Rollo el. RML CK04 4169KWL</t>
  </si>
  <si>
    <t>RML CK04 4170K</t>
  </si>
  <si>
    <t>5702329499316</t>
  </si>
  <si>
    <t>VELUX Sichts.-Rollo el. RML CK04 4170K</t>
  </si>
  <si>
    <t>RML CK04 4170KWL</t>
  </si>
  <si>
    <t>5702329507479</t>
  </si>
  <si>
    <t>VELUX Sichts.-Rollo el. RML CK04 4170KWL</t>
  </si>
  <si>
    <t>RML CK04 4171K</t>
  </si>
  <si>
    <t>5702329499323</t>
  </si>
  <si>
    <t>VELUX Sichts.-Rollo el. RML CK04 4171K</t>
  </si>
  <si>
    <t>RML CK04 9050K</t>
  </si>
  <si>
    <t>5702329499330</t>
  </si>
  <si>
    <t>VELUX Sichts.-Rollo el. RML CK04 9050K</t>
  </si>
  <si>
    <t>RML CK04 9050KWL</t>
  </si>
  <si>
    <t>5702329507493</t>
  </si>
  <si>
    <t>VELUX Sichts.-Rollo el. RML CK04 9050KWL</t>
  </si>
  <si>
    <t>RML CK04 CBYK</t>
  </si>
  <si>
    <t>5702329499347</t>
  </si>
  <si>
    <t>VELUX Sichts.-Rollo el. RML CK04 CBYK</t>
  </si>
  <si>
    <t>RML CK04 CBYKWL</t>
  </si>
  <si>
    <t>5702329507509</t>
  </si>
  <si>
    <t>VELUX Sichts.-Rollo el. RML CK04 CBYKWL</t>
  </si>
  <si>
    <t>RML CK06 1028K</t>
  </si>
  <si>
    <t>5702329499354</t>
  </si>
  <si>
    <t>VELUX Sichts.-Rollo el. RML CK06 1028K</t>
  </si>
  <si>
    <t>RML CK06 1028KWL</t>
  </si>
  <si>
    <t>5702329507516</t>
  </si>
  <si>
    <t>VELUX Sichts.-Rollo el. RML CK06 1028KWL</t>
  </si>
  <si>
    <t>RML CK06 1086K</t>
  </si>
  <si>
    <t>5702329499361</t>
  </si>
  <si>
    <t>VELUX Sichts.-Rollo el. RML CK06 1086K</t>
  </si>
  <si>
    <t>RML CK06 1086KWL</t>
  </si>
  <si>
    <t>5702329507523</t>
  </si>
  <si>
    <t>VELUX Sichts.-Rollo el. RML CK06 1086KWL</t>
  </si>
  <si>
    <t>RML CK06 4155K</t>
  </si>
  <si>
    <t>5702329499385</t>
  </si>
  <si>
    <t>VELUX Sichts.-Rollo el. RML CK06 4155K</t>
  </si>
  <si>
    <t>RML CK06 4155KWL</t>
  </si>
  <si>
    <t>5702329507547</t>
  </si>
  <si>
    <t>VELUX Sichts.-Rollo el. RML CK06 4155KWL</t>
  </si>
  <si>
    <t>RML CK06 4161K</t>
  </si>
  <si>
    <t>5702329499392</t>
  </si>
  <si>
    <t>VELUX Sichts.-Rollo el. RML CK06 4161K</t>
  </si>
  <si>
    <t>RML CK06 4161KWL</t>
  </si>
  <si>
    <t>5702329507554</t>
  </si>
  <si>
    <t>VELUX Sichts.-Rollo el. RML CK06 4161KWL</t>
  </si>
  <si>
    <t>RML CK06 4163K</t>
  </si>
  <si>
    <t>5702329499415</t>
  </si>
  <si>
    <t>VELUX Sichts.-Rollo el. RML CK06 4163K</t>
  </si>
  <si>
    <t>RML CK06 4163KWL</t>
  </si>
  <si>
    <t>5702329507578</t>
  </si>
  <si>
    <t>VELUX Sichts.-Rollo el. RML CK06 4163KWL</t>
  </si>
  <si>
    <t>RML CK06 4164K</t>
  </si>
  <si>
    <t>5702329499422</t>
  </si>
  <si>
    <t>VELUX Sichts.-Rollo el. RML CK06 4164K</t>
  </si>
  <si>
    <t>RML CK06 4166K</t>
  </si>
  <si>
    <t>5702329499446</t>
  </si>
  <si>
    <t>VELUX Sichts.-Rollo el. RML CK06 4166K</t>
  </si>
  <si>
    <t>RML CK06 4167K</t>
  </si>
  <si>
    <t>5702329499453</t>
  </si>
  <si>
    <t>VELUX Sichts.-Rollo el. RML CK06 4167K</t>
  </si>
  <si>
    <t>RML CK06 4169K</t>
  </si>
  <si>
    <t>5702329499477</t>
  </si>
  <si>
    <t>VELUX Sichts.-Rollo el. RML CK06 4169K</t>
  </si>
  <si>
    <t>RML CK06 4169KWL</t>
  </si>
  <si>
    <t>5702329507639</t>
  </si>
  <si>
    <t>VELUX Sichts.-Rollo el. RML CK06 4169KWL</t>
  </si>
  <si>
    <t>RML CK06 4170KWL</t>
  </si>
  <si>
    <t>5702329507646</t>
  </si>
  <si>
    <t>VELUX Sichts.-Rollo el. RML CK06 4170KWL</t>
  </si>
  <si>
    <t>RML CK06 4171K</t>
  </si>
  <si>
    <t>5702329499491</t>
  </si>
  <si>
    <t>VELUX Sichts.-Rollo el. RML CK06 4171K</t>
  </si>
  <si>
    <t>RML CK06 9050K</t>
  </si>
  <si>
    <t>5702329499507</t>
  </si>
  <si>
    <t>VELUX Sichts.-Rollo el. RML CK06 9050K</t>
  </si>
  <si>
    <t>RML CK06 9050KWL</t>
  </si>
  <si>
    <t>5702329507660</t>
  </si>
  <si>
    <t>VELUX Sichts.-Rollo el. RML CK06 9050KWL</t>
  </si>
  <si>
    <t>RML CK06 CBYK</t>
  </si>
  <si>
    <t>5702329499514</t>
  </si>
  <si>
    <t>VELUX Sichts.-Rollo el. RML CK06 CBYK</t>
  </si>
  <si>
    <t>RML CK06 CBYKWL</t>
  </si>
  <si>
    <t>5702329507677</t>
  </si>
  <si>
    <t>VELUX Sichts.-Rollo el. RML CK06 CBYKWL</t>
  </si>
  <si>
    <t>RML F04 1028K</t>
  </si>
  <si>
    <t>5702329499521</t>
  </si>
  <si>
    <t>VELUX Sichts.-Rollo el. RML F04 1028K</t>
  </si>
  <si>
    <t>RML F04 CBYK</t>
  </si>
  <si>
    <t>5702329499682</t>
  </si>
  <si>
    <t>VELUX Sichts.-Rollo el. RML F04 CBYK</t>
  </si>
  <si>
    <t>RML F04 CBYKWL</t>
  </si>
  <si>
    <t>5702329507844</t>
  </si>
  <si>
    <t>VELUX Sichts.-Rollo el. RML F04 CBYKWL</t>
  </si>
  <si>
    <t>RML F06 1028K</t>
  </si>
  <si>
    <t>5702329499699</t>
  </si>
  <si>
    <t>VELUX Sichts.-Rollo el. RML F06 1028K</t>
  </si>
  <si>
    <t>RML F06 1028KWL</t>
  </si>
  <si>
    <t>5702329507851</t>
  </si>
  <si>
    <t>VELUX Sichts.-Rollo el. RML F06 1028KWL</t>
  </si>
  <si>
    <t>RML F06 1086K</t>
  </si>
  <si>
    <t>5702329499705</t>
  </si>
  <si>
    <t>VELUX Sichts.-Rollo el. RML F06 1086K</t>
  </si>
  <si>
    <t>RML F06 1086KWL</t>
  </si>
  <si>
    <t>5702329507868</t>
  </si>
  <si>
    <t>VELUX Sichts.-Rollo el. RML F06 1086KWL</t>
  </si>
  <si>
    <t>RML F06 4155K</t>
  </si>
  <si>
    <t>5702329499729</t>
  </si>
  <si>
    <t>VELUX Sichts.-Rollo el. RML F06 4155K</t>
  </si>
  <si>
    <t>RML F06 4155KWL</t>
  </si>
  <si>
    <t>5702329507882</t>
  </si>
  <si>
    <t>VELUX Sichts.-Rollo el. RML F06 4155KWL</t>
  </si>
  <si>
    <t>RML F06 4161K</t>
  </si>
  <si>
    <t>5702329499736</t>
  </si>
  <si>
    <t>VELUX Sichts.-Rollo el. RML F06 4161K</t>
  </si>
  <si>
    <t>RML F06 4161KWL</t>
  </si>
  <si>
    <t>5702329507899</t>
  </si>
  <si>
    <t>VELUX Sichts.-Rollo el. RML F06 4161KWL</t>
  </si>
  <si>
    <t>RML F06 4162K</t>
  </si>
  <si>
    <t>5702329499743</t>
  </si>
  <si>
    <t>VELUX Sichts.-Rollo el. RML F06 4162K</t>
  </si>
  <si>
    <t>RML F06 4164K</t>
  </si>
  <si>
    <t>5702329499767</t>
  </si>
  <si>
    <t>VELUX Sichts.-Rollo el. RML F06 4164K</t>
  </si>
  <si>
    <t>RML F06 4166K</t>
  </si>
  <si>
    <t>5702329499781</t>
  </si>
  <si>
    <t>VELUX Sichts.-Rollo el. RML F06 4166K</t>
  </si>
  <si>
    <t>RML F06 4167K</t>
  </si>
  <si>
    <t>5702329499798</t>
  </si>
  <si>
    <t>VELUX Sichts.-Rollo el. RML F06 4167K</t>
  </si>
  <si>
    <t>RML F06 4168K</t>
  </si>
  <si>
    <t>5702329499804</t>
  </si>
  <si>
    <t>VELUX Sichts.-Rollo el. RML F06 4168K</t>
  </si>
  <si>
    <t>RML F06 4169K</t>
  </si>
  <si>
    <t>5702329499811</t>
  </si>
  <si>
    <t>VELUX Sichts.-Rollo el. RML F06 4169K</t>
  </si>
  <si>
    <t>RML F06 9050K</t>
  </si>
  <si>
    <t>5702329499842</t>
  </si>
  <si>
    <t>VELUX Sichts.-Rollo el. RML F06 9050K</t>
  </si>
  <si>
    <t>RML F06 CBYK</t>
  </si>
  <si>
    <t>5702329499859</t>
  </si>
  <si>
    <t>VELUX Sichts.-Rollo el. RML F06 CBYK</t>
  </si>
  <si>
    <t>RML F06 CBYKWL</t>
  </si>
  <si>
    <t>5702329508018</t>
  </si>
  <si>
    <t>VELUX Sichts.-Rollo el. RML F06 CBYKWL</t>
  </si>
  <si>
    <t>RML F08 1028K</t>
  </si>
  <si>
    <t>5702329499866</t>
  </si>
  <si>
    <t>VELUX Sichts.-Rollo el. RML F08 1028K</t>
  </si>
  <si>
    <t>RML F08 1028KWL</t>
  </si>
  <si>
    <t>5702329508025</t>
  </si>
  <si>
    <t>VELUX Sichts.-Rollo el. RML F08 1028KWL</t>
  </si>
  <si>
    <t>RML F08 1086K</t>
  </si>
  <si>
    <t>5702329499873</t>
  </si>
  <si>
    <t>VELUX Sichts.-Rollo el. RML F08 1086K</t>
  </si>
  <si>
    <t>RML F08 1086KWL</t>
  </si>
  <si>
    <t>5702329508032</t>
  </si>
  <si>
    <t>VELUX Sichts.-Rollo el. RML F08 1086KWL</t>
  </si>
  <si>
    <t>RML F08 9050KWL</t>
  </si>
  <si>
    <t>5702329508179</t>
  </si>
  <si>
    <t>VELUX Sichts.-Rollo el. RML F08 9050KWL</t>
  </si>
  <si>
    <t>RML F08 CBYK</t>
  </si>
  <si>
    <t>5702329500029</t>
  </si>
  <si>
    <t>VELUX Sichts.-Rollo el. RML F08 CBYK</t>
  </si>
  <si>
    <t>RML F08 CBYKWL</t>
  </si>
  <si>
    <t>5702329508186</t>
  </si>
  <si>
    <t>VELUX Sichts.-Rollo el. RML F08 CBYKWL</t>
  </si>
  <si>
    <t>RML FK04 1028K</t>
  </si>
  <si>
    <t>5702329500036</t>
  </si>
  <si>
    <t>VELUX Sichts.-Rollo el. RML FK04 1028K</t>
  </si>
  <si>
    <t>RML FK04 1028KWL</t>
  </si>
  <si>
    <t>5702329508193</t>
  </si>
  <si>
    <t>VELUX Sichts.-Rollo el. RML FK04 1028KWL</t>
  </si>
  <si>
    <t>RML FK04 1086K</t>
  </si>
  <si>
    <t>5702329500043</t>
  </si>
  <si>
    <t>VELUX Sichts.-Rollo el. RML FK04 1086K</t>
  </si>
  <si>
    <t>RML FK04 1086KWL</t>
  </si>
  <si>
    <t>5702329508209</t>
  </si>
  <si>
    <t>VELUX Sichts.-Rollo el. RML FK04 1086KWL</t>
  </si>
  <si>
    <t>RML FK04 4069K</t>
  </si>
  <si>
    <t>5702329500050</t>
  </si>
  <si>
    <t>VELUX Sichts.-Rollo el. RML FK04 4069K</t>
  </si>
  <si>
    <t>RML FK04 4069KWL</t>
  </si>
  <si>
    <t>5702329508216</t>
  </si>
  <si>
    <t>VELUX Sichts.-Rollo el. RML FK04 4069KWL</t>
  </si>
  <si>
    <t>RML FK04 4155K</t>
  </si>
  <si>
    <t>5702329500067</t>
  </si>
  <si>
    <t>VELUX Sichts.-Rollo el. RML FK04 4155K</t>
  </si>
  <si>
    <t>RML FK04 4155KWL</t>
  </si>
  <si>
    <t>5702329508223</t>
  </si>
  <si>
    <t>VELUX Sichts.-Rollo el. RML FK04 4155KWL</t>
  </si>
  <si>
    <t>RML FK04 4161K</t>
  </si>
  <si>
    <t>5702329500074</t>
  </si>
  <si>
    <t>VELUX Sichts.-Rollo el. RML FK04 4161K</t>
  </si>
  <si>
    <t>RML FK04 4161KWL</t>
  </si>
  <si>
    <t>5702329508230</t>
  </si>
  <si>
    <t>VELUX Sichts.-Rollo el. RML FK04 4161KWL</t>
  </si>
  <si>
    <t>RML FK04 4163KWL</t>
  </si>
  <si>
    <t>5702329508254</t>
  </si>
  <si>
    <t>VELUX Sichts.-Rollo el. RML FK04 4163KWL</t>
  </si>
  <si>
    <t>RML FK04 4166K</t>
  </si>
  <si>
    <t>5702329500128</t>
  </si>
  <si>
    <t>VELUX Sichts.-Rollo el. RML FK04 4166K</t>
  </si>
  <si>
    <t>RML FK04 4166KWL</t>
  </si>
  <si>
    <t>5702329508285</t>
  </si>
  <si>
    <t>VELUX Sichts.-Rollo el. RML FK04 4166KWL</t>
  </si>
  <si>
    <t>RML FK04 4169K</t>
  </si>
  <si>
    <t>5702329500159</t>
  </si>
  <si>
    <t>VELUX Sichts.-Rollo el. RML FK04 4169K</t>
  </si>
  <si>
    <t>RML FK04 4170K</t>
  </si>
  <si>
    <t>5702329500166</t>
  </si>
  <si>
    <t>VELUX Sichts.-Rollo el. RML FK04 4170K</t>
  </si>
  <si>
    <t>RML FK04 CBYK</t>
  </si>
  <si>
    <t>5702329500197</t>
  </si>
  <si>
    <t>VELUX Sichts.-Rollo el. RML FK04 CBYK</t>
  </si>
  <si>
    <t>RML FK04 CBYKWL</t>
  </si>
  <si>
    <t>5702329508353</t>
  </si>
  <si>
    <t>VELUX Sichts.-Rollo el. RML FK04 CBYKWL</t>
  </si>
  <si>
    <t>RML FK06 1028K</t>
  </si>
  <si>
    <t>5702329500203</t>
  </si>
  <si>
    <t>VELUX Sichts.-Rollo el. RML FK06 1028K</t>
  </si>
  <si>
    <t>RML FK06 1028KWL</t>
  </si>
  <si>
    <t>5702329508360</t>
  </si>
  <si>
    <t>VELUX Sichts.-Rollo el. RML FK06 1028KWL</t>
  </si>
  <si>
    <t>RML FK06 1086K</t>
  </si>
  <si>
    <t>5702329500210</t>
  </si>
  <si>
    <t>VELUX Sichts.-Rollo el. RML FK06 1086K</t>
  </si>
  <si>
    <t>RML FK06 1086KWL</t>
  </si>
  <si>
    <t>5702329508377</t>
  </si>
  <si>
    <t>VELUX Sichts.-Rollo el. RML FK06 1086KWL</t>
  </si>
  <si>
    <t>RML FK06 4069K</t>
  </si>
  <si>
    <t>5702329500227</t>
  </si>
  <si>
    <t>VELUX Sichts.-Rollo el. RML FK06 4069K</t>
  </si>
  <si>
    <t>RML FK06 4069KWL</t>
  </si>
  <si>
    <t>5702329508384</t>
  </si>
  <si>
    <t>VELUX Sichts.-Rollo el. RML FK06 4069KWL</t>
  </si>
  <si>
    <t>RML FK06 4155K</t>
  </si>
  <si>
    <t>5702329500234</t>
  </si>
  <si>
    <t>VELUX Sichts.-Rollo el. RML FK06 4155K</t>
  </si>
  <si>
    <t>RML FK06 4155KWL</t>
  </si>
  <si>
    <t>5702329508391</t>
  </si>
  <si>
    <t>VELUX Sichts.-Rollo el. RML FK06 4155KWL</t>
  </si>
  <si>
    <t>RML FK06 4161K</t>
  </si>
  <si>
    <t>5702329500241</t>
  </si>
  <si>
    <t>VELUX Sichts.-Rollo el. RML FK06 4161K</t>
  </si>
  <si>
    <t>RML FK06 4161KWL</t>
  </si>
  <si>
    <t>5702329508407</t>
  </si>
  <si>
    <t>VELUX Sichts.-Rollo el. RML FK06 4161KWL</t>
  </si>
  <si>
    <t>RML FK06 4162K</t>
  </si>
  <si>
    <t>5702329500258</t>
  </si>
  <si>
    <t>VELUX Sichts.-Rollo el. RML FK06 4162K</t>
  </si>
  <si>
    <t>RML FK06 4163K</t>
  </si>
  <si>
    <t>5702329500265</t>
  </si>
  <si>
    <t>VELUX Sichts.-Rollo el. RML FK06 4163K</t>
  </si>
  <si>
    <t>RML FK06 4163KWL</t>
  </si>
  <si>
    <t>5702329508421</t>
  </si>
  <si>
    <t>VELUX Sichts.-Rollo el. RML FK06 4163KWL</t>
  </si>
  <si>
    <t>RML FK06 4164K</t>
  </si>
  <si>
    <t>5702329500272</t>
  </si>
  <si>
    <t>VELUX Sichts.-Rollo el. RML FK06 4164K</t>
  </si>
  <si>
    <t>RML FK06 4164KWL</t>
  </si>
  <si>
    <t>5702329508438</t>
  </si>
  <si>
    <t>VELUX Sichts.-Rollo el. RML FK06 4164KWL</t>
  </si>
  <si>
    <t>RML FK06 4165K</t>
  </si>
  <si>
    <t>5702329500289</t>
  </si>
  <si>
    <t>VELUX Sichts.-Rollo el. RML FK06 4165K</t>
  </si>
  <si>
    <t>RML FK06 4165KWL</t>
  </si>
  <si>
    <t>5702329508445</t>
  </si>
  <si>
    <t>VELUX Sichts.-Rollo el. RML FK06 4165KWL</t>
  </si>
  <si>
    <t>RML FK06 4166K</t>
  </si>
  <si>
    <t>5702329500296</t>
  </si>
  <si>
    <t>VELUX Sichts.-Rollo el. RML FK06 4166K</t>
  </si>
  <si>
    <t>RML FK06 4166KWL</t>
  </si>
  <si>
    <t>5702329508452</t>
  </si>
  <si>
    <t>VELUX Sichts.-Rollo el. RML FK06 4166KWL</t>
  </si>
  <si>
    <t>RML FK06 4167KWL</t>
  </si>
  <si>
    <t>5702329508469</t>
  </si>
  <si>
    <t>VELUX Sichts.-Rollo el. RML FK06 4167KWL</t>
  </si>
  <si>
    <t>RML FK06 4168KWL</t>
  </si>
  <si>
    <t>5702329508476</t>
  </si>
  <si>
    <t>VELUX Sichts.-Rollo el. RML FK06 4168KWL</t>
  </si>
  <si>
    <t>RML FK06 4169K</t>
  </si>
  <si>
    <t>5702329500326</t>
  </si>
  <si>
    <t>VELUX Sichts.-Rollo el. RML FK06 4169K</t>
  </si>
  <si>
    <t>RML FK06 4169KWL</t>
  </si>
  <si>
    <t>5702329508483</t>
  </si>
  <si>
    <t>VELUX Sichts.-Rollo el. RML FK06 4169KWL</t>
  </si>
  <si>
    <t>RML FK06 4170K</t>
  </si>
  <si>
    <t>5702329500333</t>
  </si>
  <si>
    <t>VELUX Sichts.-Rollo el. RML FK06 4170K</t>
  </si>
  <si>
    <t>RML FK06 4170KWL</t>
  </si>
  <si>
    <t>5702329508490</t>
  </si>
  <si>
    <t>VELUX Sichts.-Rollo el. RML FK06 4170KWL</t>
  </si>
  <si>
    <t>RML FK06 4171K</t>
  </si>
  <si>
    <t>5702329500340</t>
  </si>
  <si>
    <t>VELUX Sichts.-Rollo el. RML FK06 4171K</t>
  </si>
  <si>
    <t>RML FK06 4171KWL</t>
  </si>
  <si>
    <t>5702329508506</t>
  </si>
  <si>
    <t>VELUX Sichts.-Rollo el. RML FK06 4171KWL</t>
  </si>
  <si>
    <t>RML FK06 9050K</t>
  </si>
  <si>
    <t>5702329500357</t>
  </si>
  <si>
    <t>VELUX Sichts.-Rollo el. RML FK06 9050K</t>
  </si>
  <si>
    <t>RML FK06 9050KWL</t>
  </si>
  <si>
    <t>5702329508513</t>
  </si>
  <si>
    <t>VELUX Sichts.-Rollo el. RML FK06 9050KWL</t>
  </si>
  <si>
    <t>RML FK06 CBYK</t>
  </si>
  <si>
    <t>5702329500364</t>
  </si>
  <si>
    <t>VELUX Sichts.-Rollo el. RML FK06 CBYK</t>
  </si>
  <si>
    <t>RML FK06 CBYKWL</t>
  </si>
  <si>
    <t>5702329508520</t>
  </si>
  <si>
    <t>VELUX Sichts.-Rollo el. RML FK06 CBYKWL</t>
  </si>
  <si>
    <t>RML FK08 1028K</t>
  </si>
  <si>
    <t>5702329500371</t>
  </si>
  <si>
    <t>VELUX Sichts.-Rollo el. RML FK08 1028K</t>
  </si>
  <si>
    <t>RML FK08 1028KWL</t>
  </si>
  <si>
    <t>5702329508537</t>
  </si>
  <si>
    <t>VELUX Sichts.-Rollo el. RML FK08 1028KWL</t>
  </si>
  <si>
    <t>RML FK08 1086K</t>
  </si>
  <si>
    <t>5702329500388</t>
  </si>
  <si>
    <t>VELUX Sichts.-Rollo el. RML FK08 1086K</t>
  </si>
  <si>
    <t>RML FK08 1086KWL</t>
  </si>
  <si>
    <t>5702329508544</t>
  </si>
  <si>
    <t>VELUX Sichts.-Rollo el. RML FK08 1086KWL</t>
  </si>
  <si>
    <t>RML FK08 4069K</t>
  </si>
  <si>
    <t>5702329500395</t>
  </si>
  <si>
    <t>VELUX Sichts.-Rollo el. RML FK08 4069K</t>
  </si>
  <si>
    <t>RML FK08 4069KWL</t>
  </si>
  <si>
    <t>5702329508551</t>
  </si>
  <si>
    <t>VELUX Sichts.-Rollo el. RML FK08 4069KWL</t>
  </si>
  <si>
    <t>RML FK08 4155K</t>
  </si>
  <si>
    <t>5702329500401</t>
  </si>
  <si>
    <t>VELUX Sichts.-Rollo el. RML FK08 4155K</t>
  </si>
  <si>
    <t>RML FK08 4155KWL</t>
  </si>
  <si>
    <t>5702329508568</t>
  </si>
  <si>
    <t>VELUX Sichts.-Rollo el. RML FK08 4155KWL</t>
  </si>
  <si>
    <t>RML FK08 4161K</t>
  </si>
  <si>
    <t>5702329500418</t>
  </si>
  <si>
    <t>VELUX Sichts.-Rollo el. RML FK08 4161K</t>
  </si>
  <si>
    <t>RML FK08 4161KWL</t>
  </si>
  <si>
    <t>5702329508575</t>
  </si>
  <si>
    <t>VELUX Sichts.-Rollo el. RML FK08 4161KWL</t>
  </si>
  <si>
    <t>RML FK08 4163K</t>
  </si>
  <si>
    <t>5702329500432</t>
  </si>
  <si>
    <t>VELUX Sichts.-Rollo el. RML FK08 4163K</t>
  </si>
  <si>
    <t>RML FK08 4163KWL</t>
  </si>
  <si>
    <t>5702329508599</t>
  </si>
  <si>
    <t>VELUX Sichts.-Rollo el. RML FK08 4163KWL</t>
  </si>
  <si>
    <t>RML FK08 4167K</t>
  </si>
  <si>
    <t>5702329500470</t>
  </si>
  <si>
    <t>VELUX Sichts.-Rollo el. RML FK08 4167K</t>
  </si>
  <si>
    <t>RML FK08 4167KWL</t>
  </si>
  <si>
    <t>5702329508636</t>
  </si>
  <si>
    <t>VELUX Sichts.-Rollo el. RML FK08 4167KWL</t>
  </si>
  <si>
    <t>RML FK08 4168K</t>
  </si>
  <si>
    <t>5702329500487</t>
  </si>
  <si>
    <t>VELUX Sichts.-Rollo el. RML FK08 4168K</t>
  </si>
  <si>
    <t>RML FK08 4169K</t>
  </si>
  <si>
    <t>5702329500494</t>
  </si>
  <si>
    <t>VELUX Sichts.-Rollo el. RML FK08 4169K</t>
  </si>
  <si>
    <t>RML FK08 4169KWL</t>
  </si>
  <si>
    <t>5702329508650</t>
  </si>
  <si>
    <t>VELUX Sichts.-Rollo el. RML FK08 4169KWL</t>
  </si>
  <si>
    <t>RML FK08 4170K</t>
  </si>
  <si>
    <t>5702329500500</t>
  </si>
  <si>
    <t>VELUX Sichts.-Rollo el. RML FK08 4170K</t>
  </si>
  <si>
    <t>RML FK08 4170KWL</t>
  </si>
  <si>
    <t>5702329508667</t>
  </si>
  <si>
    <t>VELUX Sichts.-Rollo el. RML FK08 4170KWL</t>
  </si>
  <si>
    <t>RML FK08 4171K</t>
  </si>
  <si>
    <t>5702329500517</t>
  </si>
  <si>
    <t>VELUX Sichts.-Rollo el. RML FK08 4171K</t>
  </si>
  <si>
    <t>RML FK08 9050K</t>
  </si>
  <si>
    <t>5702329500524</t>
  </si>
  <si>
    <t>VELUX Sichts.-Rollo el. RML FK08 9050K</t>
  </si>
  <si>
    <t>RML FK08 9050KWL</t>
  </si>
  <si>
    <t>5702329508681</t>
  </si>
  <si>
    <t>VELUX Sichts.-Rollo el. RML FK08 9050KWL</t>
  </si>
  <si>
    <t>RML FK08 CBYK</t>
  </si>
  <si>
    <t>5702329500531</t>
  </si>
  <si>
    <t>VELUX Sichts.-Rollo el. RML FK08 CBYK</t>
  </si>
  <si>
    <t>RML FK08 CBYKWL</t>
  </si>
  <si>
    <t>5702329508698</t>
  </si>
  <si>
    <t>VELUX Sichts.-Rollo el. RML FK08 CBYKWL</t>
  </si>
  <si>
    <t>RML M04 1028K</t>
  </si>
  <si>
    <t>5702329500548</t>
  </si>
  <si>
    <t>VELUX Sichts.-Rollo el. RML M04 1028K</t>
  </si>
  <si>
    <t>RML M04 1028KWL</t>
  </si>
  <si>
    <t>5702329508704</t>
  </si>
  <si>
    <t>VELUX Sichts.-Rollo el. RML M04 1028KWL</t>
  </si>
  <si>
    <t>RML M04 1086K</t>
  </si>
  <si>
    <t>5702329500555</t>
  </si>
  <si>
    <t>VELUX Sichts.-Rollo el. RML M04 1086K</t>
  </si>
  <si>
    <t>RML M04 1086KWL</t>
  </si>
  <si>
    <t>5702329508711</t>
  </si>
  <si>
    <t>VELUX Sichts.-Rollo el. RML M04 1086KWL</t>
  </si>
  <si>
    <t>RML M04 4069K</t>
  </si>
  <si>
    <t>5702329500562</t>
  </si>
  <si>
    <t>VELUX Sichts.-Rollo el. RML M04 4069K</t>
  </si>
  <si>
    <t>RML M04 4155K</t>
  </si>
  <si>
    <t>5702329500579</t>
  </si>
  <si>
    <t>VELUX Sichts.-Rollo el. RML M04 4155K</t>
  </si>
  <si>
    <t>RML M04 4155KWL</t>
  </si>
  <si>
    <t>5702329508735</t>
  </si>
  <si>
    <t>VELUX Sichts.-Rollo el. RML M04 4155KWL</t>
  </si>
  <si>
    <t>RML M04 4161K</t>
  </si>
  <si>
    <t>5702329500586</t>
  </si>
  <si>
    <t>VELUX Sichts.-Rollo el. RML M04 4161K</t>
  </si>
  <si>
    <t>RML M04 4161KWL</t>
  </si>
  <si>
    <t>5702329508742</t>
  </si>
  <si>
    <t>VELUX Sichts.-Rollo el. RML M04 4161KWL</t>
  </si>
  <si>
    <t>RML M04 4163K</t>
  </si>
  <si>
    <t>5702329500609</t>
  </si>
  <si>
    <t>VELUX Sichts.-Rollo el. RML M04 4163K</t>
  </si>
  <si>
    <t>RML M04 4163KWL</t>
  </si>
  <si>
    <t>5702329508766</t>
  </si>
  <si>
    <t>VELUX Sichts.-Rollo el. RML M04 4163KWL</t>
  </si>
  <si>
    <t>RML M04 4168K</t>
  </si>
  <si>
    <t>5702329500654</t>
  </si>
  <si>
    <t>VELUX Sichts.-Rollo el. RML M04 4168K</t>
  </si>
  <si>
    <t>RML M04 4169K</t>
  </si>
  <si>
    <t>5702329500661</t>
  </si>
  <si>
    <t>VELUX Sichts.-Rollo el. RML M04 4169K</t>
  </si>
  <si>
    <t>RML M04 4169KWL</t>
  </si>
  <si>
    <t>5702329508827</t>
  </si>
  <si>
    <t>VELUX Sichts.-Rollo el. RML M04 4169KWL</t>
  </si>
  <si>
    <t>RML M04 4170KWL</t>
  </si>
  <si>
    <t>5702329508834</t>
  </si>
  <si>
    <t>VELUX Sichts.-Rollo el. RML M04 4170KWL</t>
  </si>
  <si>
    <t>RML M04 4171K</t>
  </si>
  <si>
    <t>5702329500685</t>
  </si>
  <si>
    <t>VELUX Sichts.-Rollo el. RML M04 4171K</t>
  </si>
  <si>
    <t>RML M04 4171KWL</t>
  </si>
  <si>
    <t>5702329508841</t>
  </si>
  <si>
    <t>VELUX Sichts.-Rollo el. RML M04 4171KWL</t>
  </si>
  <si>
    <t>RML M04 9050K</t>
  </si>
  <si>
    <t>5702329500692</t>
  </si>
  <si>
    <t>VELUX Sichts.-Rollo el. RML M04 9050K</t>
  </si>
  <si>
    <t>RML M04 9050KWL</t>
  </si>
  <si>
    <t>5702329508858</t>
  </si>
  <si>
    <t>VELUX Sichts.-Rollo el. RML M04 9050KWL</t>
  </si>
  <si>
    <t>RML M04 CBYK</t>
  </si>
  <si>
    <t>5702329500708</t>
  </si>
  <si>
    <t>VELUX Sichts.-Rollo el. RML M04 CBYK</t>
  </si>
  <si>
    <t>RML M04 CBYKWL</t>
  </si>
  <si>
    <t>5702329508865</t>
  </si>
  <si>
    <t>VELUX Sichts.-Rollo el. RML M04 CBYKWL</t>
  </si>
  <si>
    <t>RML M06 1028K</t>
  </si>
  <si>
    <t>5702329500715</t>
  </si>
  <si>
    <t>VELUX Sichts.-Rollo el. RML M06 1028K</t>
  </si>
  <si>
    <t>RML M06 1028KWL</t>
  </si>
  <si>
    <t>5702329508872</t>
  </si>
  <si>
    <t>VELUX Sichts.-Rollo el. RML M06 1028KWL</t>
  </si>
  <si>
    <t>RML M06 1086K</t>
  </si>
  <si>
    <t>5702329500722</t>
  </si>
  <si>
    <t>VELUX Sichts.-Rollo el. RML M06 1086K</t>
  </si>
  <si>
    <t>RML M06 1086KWL</t>
  </si>
  <si>
    <t>5702329508889</t>
  </si>
  <si>
    <t>VELUX Sichts.-Rollo el. RML M06 1086KWL</t>
  </si>
  <si>
    <t>RML M06 4069KWL</t>
  </si>
  <si>
    <t>5702329508896</t>
  </si>
  <si>
    <t>VELUX Sichts.-Rollo el. RML M06 4069KWL</t>
  </si>
  <si>
    <t>RML M06 4155K</t>
  </si>
  <si>
    <t>5702329500746</t>
  </si>
  <si>
    <t>VELUX Sichts.-Rollo el. RML M06 4155K</t>
  </si>
  <si>
    <t>RML M06 4161K</t>
  </si>
  <si>
    <t>5702329500753</t>
  </si>
  <si>
    <t>VELUX Sichts.-Rollo el. RML M06 4161K</t>
  </si>
  <si>
    <t>RML M06 4161KWL</t>
  </si>
  <si>
    <t>5702329508919</t>
  </si>
  <si>
    <t>VELUX Sichts.-Rollo el. RML M06 4161KWL</t>
  </si>
  <si>
    <t>RML M06 4163KWL</t>
  </si>
  <si>
    <t>5702329508933</t>
  </si>
  <si>
    <t>VELUX Sichts.-Rollo el. RML M06 4163KWL</t>
  </si>
  <si>
    <t>RML M06 4165K</t>
  </si>
  <si>
    <t>5702329500791</t>
  </si>
  <si>
    <t>VELUX Sichts.-Rollo el. RML M06 4165K</t>
  </si>
  <si>
    <t>RML M06 4167K</t>
  </si>
  <si>
    <t>5702329500814</t>
  </si>
  <si>
    <t>VELUX Sichts.-Rollo el. RML M06 4167K</t>
  </si>
  <si>
    <t>RML M06 4169K</t>
  </si>
  <si>
    <t>5702329500838</t>
  </si>
  <si>
    <t>VELUX Sichts.-Rollo el. RML M06 4169K</t>
  </si>
  <si>
    <t>RML M06 4169KWL</t>
  </si>
  <si>
    <t>5702329508995</t>
  </si>
  <si>
    <t>VELUX Sichts.-Rollo el. RML M06 4169KWL</t>
  </si>
  <si>
    <t>RML M06 4171K</t>
  </si>
  <si>
    <t>5702329500852</t>
  </si>
  <si>
    <t>VELUX Sichts.-Rollo el. RML M06 4171K</t>
  </si>
  <si>
    <t>RML M06 CBYK</t>
  </si>
  <si>
    <t>5702329500876</t>
  </si>
  <si>
    <t>VELUX Sichts.-Rollo el. RML M06 CBYK</t>
  </si>
  <si>
    <t>RML M06 CBYKWL</t>
  </si>
  <si>
    <t>5702329509039</t>
  </si>
  <si>
    <t>VELUX Sichts.-Rollo el. RML M06 CBYKWL</t>
  </si>
  <si>
    <t>RML M08 1028K</t>
  </si>
  <si>
    <t>5702329500883</t>
  </si>
  <si>
    <t>VELUX Sichts.-Rollo el. RML M08 1028K</t>
  </si>
  <si>
    <t>RML M08 1028KWL</t>
  </si>
  <si>
    <t>5702329509046</t>
  </si>
  <si>
    <t>VELUX Sichts.-Rollo el. RML M08 1028KWL</t>
  </si>
  <si>
    <t>RML M08 1086K</t>
  </si>
  <si>
    <t>5702329500890</t>
  </si>
  <si>
    <t>VELUX Sichts.-Rollo el. RML M08 1086K</t>
  </si>
  <si>
    <t>RML M08 1086KWL</t>
  </si>
  <si>
    <t>5702329509053</t>
  </si>
  <si>
    <t>VELUX Sichts.-Rollo el. RML M08 1086KWL</t>
  </si>
  <si>
    <t>RML M08 4069K</t>
  </si>
  <si>
    <t>5702329500906</t>
  </si>
  <si>
    <t>VELUX Sichts.-Rollo el. RML M08 4069K</t>
  </si>
  <si>
    <t>RML M08 4069KWL</t>
  </si>
  <si>
    <t>5702329509060</t>
  </si>
  <si>
    <t>VELUX Sichts.-Rollo el. RML M08 4069KWL</t>
  </si>
  <si>
    <t>RML M08 4155K</t>
  </si>
  <si>
    <t>5702329500913</t>
  </si>
  <si>
    <t>VELUX Sichts.-Rollo el. RML M08 4155K</t>
  </si>
  <si>
    <t>RML M08 4155KWL</t>
  </si>
  <si>
    <t>5702329509077</t>
  </si>
  <si>
    <t>VELUX Sichts.-Rollo el. RML M08 4155KWL</t>
  </si>
  <si>
    <t>RML M08 4161K</t>
  </si>
  <si>
    <t>5702329500920</t>
  </si>
  <si>
    <t>VELUX Sichts.-Rollo el. RML M08 4161K</t>
  </si>
  <si>
    <t>RML M08 4161KWL</t>
  </si>
  <si>
    <t>5702329509084</t>
  </si>
  <si>
    <t>VELUX Sichts.-Rollo el. RML M08 4161KWL</t>
  </si>
  <si>
    <t>RML M08 4163K</t>
  </si>
  <si>
    <t>5702329500944</t>
  </si>
  <si>
    <t>VELUX Sichts.-Rollo el. RML M08 4163K</t>
  </si>
  <si>
    <t>RML M08 4163KWL</t>
  </si>
  <si>
    <t>5702329509107</t>
  </si>
  <si>
    <t>VELUX Sichts.-Rollo el. RML M08 4163KWL</t>
  </si>
  <si>
    <t>RML M08 4164K</t>
  </si>
  <si>
    <t>5702329500951</t>
  </si>
  <si>
    <t>VELUX Sichts.-Rollo el. RML M08 4164K</t>
  </si>
  <si>
    <t>RML M08 4165K</t>
  </si>
  <si>
    <t>5702329500968</t>
  </si>
  <si>
    <t>VELUX Sichts.-Rollo el. RML M08 4165K</t>
  </si>
  <si>
    <t>RML M08 4165KWL</t>
  </si>
  <si>
    <t>5702329509121</t>
  </si>
  <si>
    <t>VELUX Sichts.-Rollo el. RML M08 4165KWL</t>
  </si>
  <si>
    <t>RML M08 4166K</t>
  </si>
  <si>
    <t>5702329500975</t>
  </si>
  <si>
    <t>VELUX Sichts.-Rollo el. RML M08 4166K</t>
  </si>
  <si>
    <t>RML M08 4166KWL</t>
  </si>
  <si>
    <t>5702329509138</t>
  </si>
  <si>
    <t>VELUX Sichts.-Rollo el. RML M08 4166KWL</t>
  </si>
  <si>
    <t>RML M08 4167K</t>
  </si>
  <si>
    <t>5702329500982</t>
  </si>
  <si>
    <t>VELUX Sichts.-Rollo el. RML M08 4167K</t>
  </si>
  <si>
    <t>RML M08 4169K</t>
  </si>
  <si>
    <t>5702329501002</t>
  </si>
  <si>
    <t>VELUX Sichts.-Rollo el. RML M08 4169K</t>
  </si>
  <si>
    <t>RML M08 4169KWL</t>
  </si>
  <si>
    <t>5702329509169</t>
  </si>
  <si>
    <t>VELUX Sichts.-Rollo el. RML M08 4169KWL</t>
  </si>
  <si>
    <t>RML M08 4170K</t>
  </si>
  <si>
    <t>5702329501019</t>
  </si>
  <si>
    <t>VELUX Sichts.-Rollo el. RML M08 4170K</t>
  </si>
  <si>
    <t>RML M08 4170KWL</t>
  </si>
  <si>
    <t>5702329509176</t>
  </si>
  <si>
    <t>VELUX Sichts.-Rollo el. RML M08 4170KWL</t>
  </si>
  <si>
    <t>RML M08 4171K</t>
  </si>
  <si>
    <t>5702329501026</t>
  </si>
  <si>
    <t>VELUX Sichts.-Rollo el. RML M08 4171K</t>
  </si>
  <si>
    <t>RML M08 4171KWL</t>
  </si>
  <si>
    <t>5702329509183</t>
  </si>
  <si>
    <t>VELUX Sichts.-Rollo el. RML M08 4171KWL</t>
  </si>
  <si>
    <t>RML M08 9050K</t>
  </si>
  <si>
    <t>5702329501033</t>
  </si>
  <si>
    <t>VELUX Sichts.-Rollo el. RML M08 9050K</t>
  </si>
  <si>
    <t>RML M08 9050KWL</t>
  </si>
  <si>
    <t>5702329509190</t>
  </si>
  <si>
    <t>VELUX Sichts.-Rollo el. RML M08 9050KWL</t>
  </si>
  <si>
    <t>RML M08 CBYK</t>
  </si>
  <si>
    <t>5702329501040</t>
  </si>
  <si>
    <t>VELUX Sichts.-Rollo el. RML M08 CBYK</t>
  </si>
  <si>
    <t>RML M08 CBYKWL</t>
  </si>
  <si>
    <t>5702329509206</t>
  </si>
  <si>
    <t>VELUX Sichts.-Rollo el. RML M08 CBYKWL</t>
  </si>
  <si>
    <t>RML M10 1028K</t>
  </si>
  <si>
    <t>5702329501057</t>
  </si>
  <si>
    <t>VELUX Sichts.-Rollo el. RML M10 1028K</t>
  </si>
  <si>
    <t>RML M10 1028KWL</t>
  </si>
  <si>
    <t>5702329509213</t>
  </si>
  <si>
    <t>VELUX Sichts.-Rollo el. RML M10 1028KWL</t>
  </si>
  <si>
    <t>RML M10 1086K</t>
  </si>
  <si>
    <t>5702329501064</t>
  </si>
  <si>
    <t>VELUX Sichts.-Rollo el. RML M10 1086K</t>
  </si>
  <si>
    <t>RML M10 1086KWL</t>
  </si>
  <si>
    <t>5702329509220</t>
  </si>
  <si>
    <t>VELUX Sichts.-Rollo el. RML M10 1086KWL</t>
  </si>
  <si>
    <t>RML M10 4161KWL</t>
  </si>
  <si>
    <t>5702329509251</t>
  </si>
  <si>
    <t>VELUX Sichts.-Rollo el. RML M10 4161KWL</t>
  </si>
  <si>
    <t>RML M10 CBYK</t>
  </si>
  <si>
    <t>5702329501217</t>
  </si>
  <si>
    <t>VELUX Sichts.-Rollo el. RML M10 CBYK</t>
  </si>
  <si>
    <t>RML M10 CBYKWL</t>
  </si>
  <si>
    <t>5702329509374</t>
  </si>
  <si>
    <t>VELUX Sichts.-Rollo el. RML M10 CBYKWL</t>
  </si>
  <si>
    <t>RML MK04 1028K</t>
  </si>
  <si>
    <t>5702329501392</t>
  </si>
  <si>
    <t>VELUX Sichts.-Rollo el. RML MK04 1028K</t>
  </si>
  <si>
    <t>RML MK04 1028KWL</t>
  </si>
  <si>
    <t>5702329509558</t>
  </si>
  <si>
    <t>VELUX Sichts.-Rollo el. RML MK04 1028KWL</t>
  </si>
  <si>
    <t>RML MK04 1086K</t>
  </si>
  <si>
    <t>5702329501408</t>
  </si>
  <si>
    <t>VELUX Sichts.-Rollo el. RML MK04 1086K</t>
  </si>
  <si>
    <t>RML MK04 1086KWL</t>
  </si>
  <si>
    <t>5702329509565</t>
  </si>
  <si>
    <t>VELUX Sichts.-Rollo el. RML MK04 1086KWL</t>
  </si>
  <si>
    <t>RML MK04 4069K</t>
  </si>
  <si>
    <t>5702329501415</t>
  </si>
  <si>
    <t>VELUX Sichts.-Rollo el. RML MK04 4069K</t>
  </si>
  <si>
    <t>RML MK04 4069KWL</t>
  </si>
  <si>
    <t>5702329509572</t>
  </si>
  <si>
    <t>VELUX Sichts.-Rollo el. RML MK04 4069KWL</t>
  </si>
  <si>
    <t>RML MK04 4155K</t>
  </si>
  <si>
    <t>5702329501422</t>
  </si>
  <si>
    <t>VELUX Sichts.-Rollo el. RML MK04 4155K</t>
  </si>
  <si>
    <t>RML MK04 4155KWL</t>
  </si>
  <si>
    <t>5702329509589</t>
  </si>
  <si>
    <t>VELUX Sichts.-Rollo el. RML MK04 4155KWL</t>
  </si>
  <si>
    <t>RML MK04 4161K</t>
  </si>
  <si>
    <t>5702329501439</t>
  </si>
  <si>
    <t>VELUX Sichts.-Rollo el. RML MK04 4161K</t>
  </si>
  <si>
    <t>RML MK04 4161KWL</t>
  </si>
  <si>
    <t>5702329509596</t>
  </si>
  <si>
    <t>VELUX Sichts.-Rollo el. RML MK04 4161KWL</t>
  </si>
  <si>
    <t>RML MK04 4162K</t>
  </si>
  <si>
    <t>5702329501446</t>
  </si>
  <si>
    <t>VELUX Sichts.-Rollo el. RML MK04 4162K</t>
  </si>
  <si>
    <t>RML MK04 4163K</t>
  </si>
  <si>
    <t>5702329501453</t>
  </si>
  <si>
    <t>VELUX Sichts.-Rollo el. RML MK04 4163K</t>
  </si>
  <si>
    <t>RML MK04 4163KWL</t>
  </si>
  <si>
    <t>5702329509619</t>
  </si>
  <si>
    <t>VELUX Sichts.-Rollo el. RML MK04 4163KWL</t>
  </si>
  <si>
    <t>RML MK04 4164K</t>
  </si>
  <si>
    <t>5702329501460</t>
  </si>
  <si>
    <t>VELUX Sichts.-Rollo el. RML MK04 4164K</t>
  </si>
  <si>
    <t>RML MK04 4164KWL</t>
  </si>
  <si>
    <t>5702329509626</t>
  </si>
  <si>
    <t>VELUX Sichts.-Rollo el. RML MK04 4164KWL</t>
  </si>
  <si>
    <t>RML MK04 4165K</t>
  </si>
  <si>
    <t>5702329501477</t>
  </si>
  <si>
    <t>VELUX Sichts.-Rollo el. RML MK04 4165K</t>
  </si>
  <si>
    <t>RML MK04 4165KWL</t>
  </si>
  <si>
    <t>5702329509633</t>
  </si>
  <si>
    <t>VELUX Sichts.-Rollo el. RML MK04 4165KWL</t>
  </si>
  <si>
    <t>RML MK04 4166K</t>
  </si>
  <si>
    <t>5702329501484</t>
  </si>
  <si>
    <t>VELUX Sichts.-Rollo el. RML MK04 4166K</t>
  </si>
  <si>
    <t>RML MK04 4166KWL</t>
  </si>
  <si>
    <t>5702329509640</t>
  </si>
  <si>
    <t>VELUX Sichts.-Rollo el. RML MK04 4166KWL</t>
  </si>
  <si>
    <t>RML MK04 4167K</t>
  </si>
  <si>
    <t>5702329501491</t>
  </si>
  <si>
    <t>VELUX Sichts.-Rollo el. RML MK04 4167K</t>
  </si>
  <si>
    <t>RML MK04 4167KWL</t>
  </si>
  <si>
    <t>5702329509657</t>
  </si>
  <si>
    <t>VELUX Sichts.-Rollo el. RML MK04 4167KWL</t>
  </si>
  <si>
    <t>RML MK04 4168K</t>
  </si>
  <si>
    <t>5702329501507</t>
  </si>
  <si>
    <t>VELUX Sichts.-Rollo el. RML MK04 4168K</t>
  </si>
  <si>
    <t>RML MK04 4168KWL</t>
  </si>
  <si>
    <t>5702329509664</t>
  </si>
  <si>
    <t>VELUX Sichts.-Rollo el. RML MK04 4168KWL</t>
  </si>
  <si>
    <t>RML MK04 4169K</t>
  </si>
  <si>
    <t>5702329501514</t>
  </si>
  <si>
    <t>VELUX Sichts.-Rollo el. RML MK04 4169K</t>
  </si>
  <si>
    <t>RML MK04 4169KWL</t>
  </si>
  <si>
    <t>5702329509671</t>
  </si>
  <si>
    <t>VELUX Sichts.-Rollo el. RML MK04 4169KWL</t>
  </si>
  <si>
    <t>RML MK04 4170K</t>
  </si>
  <si>
    <t>5702329501521</t>
  </si>
  <si>
    <t>VELUX Sichts.-Rollo el. RML MK04 4170K</t>
  </si>
  <si>
    <t>RML MK04 4170KWL</t>
  </si>
  <si>
    <t>5702329509688</t>
  </si>
  <si>
    <t>VELUX Sichts.-Rollo el. RML MK04 4170KWL</t>
  </si>
  <si>
    <t>RML MK04 4171K</t>
  </si>
  <si>
    <t>5702329501538</t>
  </si>
  <si>
    <t>VELUX Sichts.-Rollo el. RML MK04 4171K</t>
  </si>
  <si>
    <t>RML MK04 4171KWL</t>
  </si>
  <si>
    <t>5702329509695</t>
  </si>
  <si>
    <t>VELUX Sichts.-Rollo el. RML MK04 4171KWL</t>
  </si>
  <si>
    <t>RML MK04 9050K</t>
  </si>
  <si>
    <t>5702329501545</t>
  </si>
  <si>
    <t>VELUX Sichts.-Rollo el. RML MK04 9050K</t>
  </si>
  <si>
    <t>RML MK04 9050KWL</t>
  </si>
  <si>
    <t>5702329509701</t>
  </si>
  <si>
    <t>VELUX Sichts.-Rollo el. RML MK04 9050KWL</t>
  </si>
  <si>
    <t>RML MK04 CBYK</t>
  </si>
  <si>
    <t>5702329501552</t>
  </si>
  <si>
    <t>VELUX Sichts.-Rollo el. RML MK04 CBYK</t>
  </si>
  <si>
    <t>RML MK04 CBYKWL</t>
  </si>
  <si>
    <t>5702329509718</t>
  </si>
  <si>
    <t>VELUX Sichts.-Rollo el. RML MK04 CBYKWL</t>
  </si>
  <si>
    <t>RML MK06 1028K</t>
  </si>
  <si>
    <t>5702329501569</t>
  </si>
  <si>
    <t>VELUX Sichts.-Rollo el. RML MK06 1028K</t>
  </si>
  <si>
    <t>RML MK06 1028KWL</t>
  </si>
  <si>
    <t>5702329509725</t>
  </si>
  <si>
    <t>VELUX Sichts.-Rollo el. RML MK06 1028KWL</t>
  </si>
  <si>
    <t>RML MK06 1086K</t>
  </si>
  <si>
    <t>5702329501576</t>
  </si>
  <si>
    <t>VELUX Sichts.-Rollo el. RML MK06 1086K</t>
  </si>
  <si>
    <t>RML MK06 1086KWL</t>
  </si>
  <si>
    <t>5702329509732</t>
  </si>
  <si>
    <t>VELUX Sichts.-Rollo el. RML MK06 1086KWL</t>
  </si>
  <si>
    <t>RML MK06 4069K</t>
  </si>
  <si>
    <t>5702329501583</t>
  </si>
  <si>
    <t>VELUX Sichts.-Rollo el. RML MK06 4069K</t>
  </si>
  <si>
    <t>RML MK06 4069KWL</t>
  </si>
  <si>
    <t>5702329509749</t>
  </si>
  <si>
    <t>VELUX Sichts.-Rollo el. RML MK06 4069KWL</t>
  </si>
  <si>
    <t>RML MK06 4155K</t>
  </si>
  <si>
    <t>5702329501590</t>
  </si>
  <si>
    <t>VELUX Sichts.-Rollo el. RML MK06 4155K</t>
  </si>
  <si>
    <t>RML MK06 4155KWL</t>
  </si>
  <si>
    <t>5702329509756</t>
  </si>
  <si>
    <t>VELUX Sichts.-Rollo el. RML MK06 4155KWL</t>
  </si>
  <si>
    <t>RML MK06 4161K</t>
  </si>
  <si>
    <t>5702329501606</t>
  </si>
  <si>
    <t>VELUX Sichts.-Rollo el. RML MK06 4161K</t>
  </si>
  <si>
    <t>RML MK06 4161KWL</t>
  </si>
  <si>
    <t>5702329509763</t>
  </si>
  <si>
    <t>VELUX Sichts.-Rollo el. RML MK06 4161KWL</t>
  </si>
  <si>
    <t>RML MK06 4162K</t>
  </si>
  <si>
    <t>5702329501613</t>
  </si>
  <si>
    <t>VELUX Sichts.-Rollo el. RML MK06 4162K</t>
  </si>
  <si>
    <t>RML MK06 4162KWL</t>
  </si>
  <si>
    <t>5702329509770</t>
  </si>
  <si>
    <t>VELUX Sichts.-Rollo el. RML MK06 4162KWL</t>
  </si>
  <si>
    <t>RML MK06 4163K</t>
  </si>
  <si>
    <t>5702329501620</t>
  </si>
  <si>
    <t>VELUX Sichts.-Rollo el. RML MK06 4163K</t>
  </si>
  <si>
    <t>RML MK06 4163KWL</t>
  </si>
  <si>
    <t>5702329509787</t>
  </si>
  <si>
    <t>VELUX Sichts.-Rollo el. RML MK06 4163KWL</t>
  </si>
  <si>
    <t>RML MK06 4164K</t>
  </si>
  <si>
    <t>5702329501637</t>
  </si>
  <si>
    <t>VELUX Sichts.-Rollo el. RML MK06 4164K</t>
  </si>
  <si>
    <t>RML MK06 4164KWL</t>
  </si>
  <si>
    <t>5702329509794</t>
  </si>
  <si>
    <t>VELUX Sichts.-Rollo el. RML MK06 4164KWL</t>
  </si>
  <si>
    <t>RML MK06 4165K</t>
  </si>
  <si>
    <t>5702329501644</t>
  </si>
  <si>
    <t>VELUX Sichts.-Rollo el. RML MK06 4165K</t>
  </si>
  <si>
    <t>RML MK06 4165KWL</t>
  </si>
  <si>
    <t>5702329509800</t>
  </si>
  <si>
    <t>VELUX Sichts.-Rollo el. RML MK06 4165KWL</t>
  </si>
  <si>
    <t>RML MK06 4166K</t>
  </si>
  <si>
    <t>5702329501651</t>
  </si>
  <si>
    <t>VELUX Sichts.-Rollo el. RML MK06 4166K</t>
  </si>
  <si>
    <t>RML MK06 4166KWL</t>
  </si>
  <si>
    <t>5702329509817</t>
  </si>
  <si>
    <t>VELUX Sichts.-Rollo el. RML MK06 4166KWL</t>
  </si>
  <si>
    <t>RML MK06 4167K</t>
  </si>
  <si>
    <t>5702329501668</t>
  </si>
  <si>
    <t>VELUX Sichts.-Rollo el. RML MK06 4167K</t>
  </si>
  <si>
    <t>RML MK06 4167KWL</t>
  </si>
  <si>
    <t>5702329509824</t>
  </si>
  <si>
    <t>VELUX Sichts.-Rollo el. RML MK06 4167KWL</t>
  </si>
  <si>
    <t>RML MK06 4168KWL</t>
  </si>
  <si>
    <t>5702329509831</t>
  </si>
  <si>
    <t>VELUX Sichts.-Rollo el. RML MK06 4168KWL</t>
  </si>
  <si>
    <t>RML MK06 4169K</t>
  </si>
  <si>
    <t>5702329501682</t>
  </si>
  <si>
    <t>VELUX Sichts.-Rollo el. RML MK06 4169K</t>
  </si>
  <si>
    <t>RML MK06 4169KWL</t>
  </si>
  <si>
    <t>5702329509848</t>
  </si>
  <si>
    <t>VELUX Sichts.-Rollo el. RML MK06 4169KWL</t>
  </si>
  <si>
    <t>RML MK06 4170K</t>
  </si>
  <si>
    <t>5702329501699</t>
  </si>
  <si>
    <t>VELUX Sichts.-Rollo el. RML MK06 4170K</t>
  </si>
  <si>
    <t>RML MK06 4170KWL</t>
  </si>
  <si>
    <t>5702329509855</t>
  </si>
  <si>
    <t>VELUX Sichts.-Rollo el. RML MK06 4170KWL</t>
  </si>
  <si>
    <t>RML MK06 4171K</t>
  </si>
  <si>
    <t>5702329501705</t>
  </si>
  <si>
    <t>VELUX Sichts.-Rollo el. RML MK06 4171K</t>
  </si>
  <si>
    <t>RML MK06 4171KWL</t>
  </si>
  <si>
    <t>5702329509862</t>
  </si>
  <si>
    <t>VELUX Sichts.-Rollo el. RML MK06 4171KWL</t>
  </si>
  <si>
    <t>RML MK06 9050K</t>
  </si>
  <si>
    <t>5702329501712</t>
  </si>
  <si>
    <t>VELUX Sichts.-Rollo el. RML MK06 9050K</t>
  </si>
  <si>
    <t>RML MK06 9050KWL</t>
  </si>
  <si>
    <t>5702329509879</t>
  </si>
  <si>
    <t>VELUX Sichts.-Rollo el. RML MK06 9050KWL</t>
  </si>
  <si>
    <t>RML MK06 CBYK</t>
  </si>
  <si>
    <t>5702329501729</t>
  </si>
  <si>
    <t>VELUX Sichts.-Rollo el. RML MK06 CBYK</t>
  </si>
  <si>
    <t>RML MK06 CBYKWL</t>
  </si>
  <si>
    <t>5702329509886</t>
  </si>
  <si>
    <t>VELUX Sichts.-Rollo el. RML MK06 CBYKWL</t>
  </si>
  <si>
    <t>RML MK08 1028K</t>
  </si>
  <si>
    <t>5702329501736</t>
  </si>
  <si>
    <t>VELUX Sichts.-Rollo el. RML MK08 1028K</t>
  </si>
  <si>
    <t>RML MK08 1028KWL</t>
  </si>
  <si>
    <t>5702329509893</t>
  </si>
  <si>
    <t>VELUX Sichts.-Rollo el. RML MK08 1028KWL</t>
  </si>
  <si>
    <t>RML MK08 1086K</t>
  </si>
  <si>
    <t>5702329501743</t>
  </si>
  <si>
    <t>VELUX Sichts.-Rollo el. RML MK08 1086K</t>
  </si>
  <si>
    <t>RML MK08 1086KWL</t>
  </si>
  <si>
    <t>5702329509909</t>
  </si>
  <si>
    <t>VELUX Sichts.-Rollo el. RML MK08 1086KWL</t>
  </si>
  <si>
    <t>RML MK08 4069K</t>
  </si>
  <si>
    <t>5702329501750</t>
  </si>
  <si>
    <t>VELUX Sichts.-Rollo el. RML MK08 4069K</t>
  </si>
  <si>
    <t>RML MK08 4069KWL</t>
  </si>
  <si>
    <t>5702329509916</t>
  </si>
  <si>
    <t>VELUX Sichts.-Rollo el. RML MK08 4069KWL</t>
  </si>
  <si>
    <t>RML MK08 4155K</t>
  </si>
  <si>
    <t>5702329501767</t>
  </si>
  <si>
    <t>VELUX Sichts.-Rollo el. RML MK08 4155K</t>
  </si>
  <si>
    <t>RML MK08 4155KWL</t>
  </si>
  <si>
    <t>5702329509923</t>
  </si>
  <si>
    <t>VELUX Sichts.-Rollo el. RML MK08 4155KWL</t>
  </si>
  <si>
    <t>RML MK08 4161K</t>
  </si>
  <si>
    <t>5702329501774</t>
  </si>
  <si>
    <t>VELUX Sichts.-Rollo el. RML MK08 4161K</t>
  </si>
  <si>
    <t>RML MK08 4161KWL</t>
  </si>
  <si>
    <t>5702329509930</t>
  </si>
  <si>
    <t>VELUX Sichts.-Rollo el. RML MK08 4161KWL</t>
  </si>
  <si>
    <t>RML MK08 4162K</t>
  </si>
  <si>
    <t>5702329501781</t>
  </si>
  <si>
    <t>VELUX Sichts.-Rollo el. RML MK08 4162K</t>
  </si>
  <si>
    <t>RML MK08 4163K</t>
  </si>
  <si>
    <t>5702329501798</t>
  </si>
  <si>
    <t>VELUX Sichts.-Rollo el. RML MK08 4163K</t>
  </si>
  <si>
    <t>RML MK08 4163KWL</t>
  </si>
  <si>
    <t>5702329509954</t>
  </si>
  <si>
    <t>VELUX Sichts.-Rollo el. RML MK08 4163KWL</t>
  </si>
  <si>
    <t>RML MK08 4164KWL</t>
  </si>
  <si>
    <t>5702329509961</t>
  </si>
  <si>
    <t>VELUX Sichts.-Rollo el. RML MK08 4164KWL</t>
  </si>
  <si>
    <t>RML MK08 4165K</t>
  </si>
  <si>
    <t>5702329501811</t>
  </si>
  <si>
    <t>VELUX Sichts.-Rollo el. RML MK08 4165K</t>
  </si>
  <si>
    <t>RML MK08 4165KWL</t>
  </si>
  <si>
    <t>5702329509978</t>
  </si>
  <si>
    <t>VELUX Sichts.-Rollo el. RML MK08 4165KWL</t>
  </si>
  <si>
    <t>RML MK08 4166K</t>
  </si>
  <si>
    <t>5702329501828</t>
  </si>
  <si>
    <t>VELUX Sichts.-Rollo el. RML MK08 4166K</t>
  </si>
  <si>
    <t>RML MK08 4166KWL</t>
  </si>
  <si>
    <t>5702329509985</t>
  </si>
  <si>
    <t>VELUX Sichts.-Rollo el. RML MK08 4166KWL</t>
  </si>
  <si>
    <t>RML MK08 4167K</t>
  </si>
  <si>
    <t>5702329501835</t>
  </si>
  <si>
    <t>VELUX Sichts.-Rollo el. RML MK08 4167K</t>
  </si>
  <si>
    <t>RML MK08 4167KWL</t>
  </si>
  <si>
    <t>5702329509992</t>
  </si>
  <si>
    <t>VELUX Sichts.-Rollo el. RML MK08 4167KWL</t>
  </si>
  <si>
    <t>RML MK08 4168K</t>
  </si>
  <si>
    <t>5702329501842</t>
  </si>
  <si>
    <t>VELUX Sichts.-Rollo el. RML MK08 4168K</t>
  </si>
  <si>
    <t>RML MK08 4168KWL</t>
  </si>
  <si>
    <t>5702329510004</t>
  </si>
  <si>
    <t>VELUX Sichts.-Rollo el. RML MK08 4168KWL</t>
  </si>
  <si>
    <t>RML MK08 4169K</t>
  </si>
  <si>
    <t>5702329501859</t>
  </si>
  <si>
    <t>VELUX Sichts.-Rollo el. RML MK08 4169K</t>
  </si>
  <si>
    <t>RML MK08 4169KWL</t>
  </si>
  <si>
    <t>5702329510011</t>
  </si>
  <si>
    <t>VELUX Sichts.-Rollo el. RML MK08 4169KWL</t>
  </si>
  <si>
    <t>RML MK08 4170K</t>
  </si>
  <si>
    <t>5702329501866</t>
  </si>
  <si>
    <t>VELUX Sichts.-Rollo el. RML MK08 4170K</t>
  </si>
  <si>
    <t>RML MK08 4170KWL</t>
  </si>
  <si>
    <t>5702329510028</t>
  </si>
  <si>
    <t>VELUX Sichts.-Rollo el. RML MK08 4170KWL</t>
  </si>
  <si>
    <t>RML MK08 4171KWL</t>
  </si>
  <si>
    <t>5702329510035</t>
  </si>
  <si>
    <t>VELUX Sichts.-Rollo el. RML MK08 4171KWL</t>
  </si>
  <si>
    <t>RML MK08 9050K</t>
  </si>
  <si>
    <t>5702329501880</t>
  </si>
  <si>
    <t>VELUX Sichts.-Rollo el. RML MK08 9050K</t>
  </si>
  <si>
    <t>RML MK08 9050KWL</t>
  </si>
  <si>
    <t>5702329510042</t>
  </si>
  <si>
    <t>VELUX Sichts.-Rollo el. RML MK08 9050KWL</t>
  </si>
  <si>
    <t>RML MK08 CBYK</t>
  </si>
  <si>
    <t>5702329501897</t>
  </si>
  <si>
    <t>VELUX Sichts.-Rollo el. RML MK08 CBYK</t>
  </si>
  <si>
    <t>RML MK08 CBYKWL</t>
  </si>
  <si>
    <t>5702329510059</t>
  </si>
  <si>
    <t>VELUX Sichts.-Rollo el. RML MK08 CBYKWL</t>
  </si>
  <si>
    <t>RML MK10 1028K</t>
  </si>
  <si>
    <t>5702329501903</t>
  </si>
  <si>
    <t>VELUX Sichts.-Rollo el. RML MK10 1028K</t>
  </si>
  <si>
    <t>RML MK10 1028KWL</t>
  </si>
  <si>
    <t>5702329510066</t>
  </si>
  <si>
    <t>VELUX Sichts.-Rollo el. RML MK10 1028KWL</t>
  </si>
  <si>
    <t>RML MK10 1086K</t>
  </si>
  <si>
    <t>5702329501910</t>
  </si>
  <si>
    <t>VELUX Sichts.-Rollo el. RML MK10 1086K</t>
  </si>
  <si>
    <t>RML MK10 1086KWL</t>
  </si>
  <si>
    <t>5702329510073</t>
  </si>
  <si>
    <t>VELUX Sichts.-Rollo el. RML MK10 1086KWL</t>
  </si>
  <si>
    <t>RML MK10 4069K</t>
  </si>
  <si>
    <t>5702329501927</t>
  </si>
  <si>
    <t>VELUX Sichts.-Rollo el. RML MK10 4069K</t>
  </si>
  <si>
    <t>RML MK10 4069KWL</t>
  </si>
  <si>
    <t>5702329510080</t>
  </si>
  <si>
    <t>VELUX Sichts.-Rollo el. RML MK10 4069KWL</t>
  </si>
  <si>
    <t>RML MK10 4155K</t>
  </si>
  <si>
    <t>5702329501934</t>
  </si>
  <si>
    <t>VELUX Sichts.-Rollo el. RML MK10 4155K</t>
  </si>
  <si>
    <t>RML MK10 4155KWL</t>
  </si>
  <si>
    <t>5702329510097</t>
  </si>
  <si>
    <t>VELUX Sichts.-Rollo el. RML MK10 4155KWL</t>
  </si>
  <si>
    <t>RML MK10 4161K</t>
  </si>
  <si>
    <t>5702329501941</t>
  </si>
  <si>
    <t>VELUX Sichts.-Rollo el. RML MK10 4161K</t>
  </si>
  <si>
    <t>RML MK10 4161KWL</t>
  </si>
  <si>
    <t>5702329510103</t>
  </si>
  <si>
    <t>VELUX Sichts.-Rollo el. RML MK10 4161KWL</t>
  </si>
  <si>
    <t>RML MK10 4163K</t>
  </si>
  <si>
    <t>5702329501965</t>
  </si>
  <si>
    <t>VELUX Sichts.-Rollo el. RML MK10 4163K</t>
  </si>
  <si>
    <t>RML MK10 4163KWL</t>
  </si>
  <si>
    <t>5702329510127</t>
  </si>
  <si>
    <t>VELUX Sichts.-Rollo el. RML MK10 4163KWL</t>
  </si>
  <si>
    <t>RML MK10 4165KWL</t>
  </si>
  <si>
    <t>5702329510141</t>
  </si>
  <si>
    <t>VELUX Sichts.-Rollo el. RML MK10 4165KWL</t>
  </si>
  <si>
    <t>RML MK10 4166KWL</t>
  </si>
  <si>
    <t>5702329510158</t>
  </si>
  <si>
    <t>VELUX Sichts.-Rollo el. RML MK10 4166KWL</t>
  </si>
  <si>
    <t>RML MK10 4167KWL</t>
  </si>
  <si>
    <t>5702329510165</t>
  </si>
  <si>
    <t>VELUX Sichts.-Rollo el. RML MK10 4167KWL</t>
  </si>
  <si>
    <t>RML MK10 4169K</t>
  </si>
  <si>
    <t>5702329502023</t>
  </si>
  <si>
    <t>VELUX Sichts.-Rollo el. RML MK10 4169K</t>
  </si>
  <si>
    <t>RML MK10 4170K</t>
  </si>
  <si>
    <t>5702329502030</t>
  </si>
  <si>
    <t>VELUX Sichts.-Rollo el. RML MK10 4170K</t>
  </si>
  <si>
    <t>RML MK10 4170KWL</t>
  </si>
  <si>
    <t>5702329510196</t>
  </si>
  <si>
    <t>VELUX Sichts.-Rollo el. RML MK10 4170KWL</t>
  </si>
  <si>
    <t>RML MK10 4171KWL</t>
  </si>
  <si>
    <t>5702329510202</t>
  </si>
  <si>
    <t>VELUX Sichts.-Rollo el. RML MK10 4171KWL</t>
  </si>
  <si>
    <t>RML MK10 9050KWL</t>
  </si>
  <si>
    <t>5702329510219</t>
  </si>
  <si>
    <t>VELUX Sichts.-Rollo el. RML MK10 9050KWL</t>
  </si>
  <si>
    <t>RML MK10 CBYK</t>
  </si>
  <si>
    <t>5702329502061</t>
  </si>
  <si>
    <t>VELUX Sichts.-Rollo el. RML MK10 CBYK</t>
  </si>
  <si>
    <t>RML MK10 CBYKWL</t>
  </si>
  <si>
    <t>5702329510226</t>
  </si>
  <si>
    <t>VELUX Sichts.-Rollo el. RML MK10 CBYKWL</t>
  </si>
  <si>
    <t>RML MK12 1028K</t>
  </si>
  <si>
    <t>5702329502078</t>
  </si>
  <si>
    <t>VELUX Sichts.-Rollo el. RML MK12 1028K</t>
  </si>
  <si>
    <t>RML MK12 1028KWL</t>
  </si>
  <si>
    <t>5702329510233</t>
  </si>
  <si>
    <t>VELUX Sichts.-Rollo el. RML MK12 1028KWL</t>
  </si>
  <si>
    <t>RML MK12 1086K</t>
  </si>
  <si>
    <t>5702329502085</t>
  </si>
  <si>
    <t>VELUX Sichts.-Rollo el. RML MK12 1086K</t>
  </si>
  <si>
    <t>RML MK12 1086KWL</t>
  </si>
  <si>
    <t>5702329510240</t>
  </si>
  <si>
    <t>VELUX Sichts.-Rollo el. RML MK12 1086KWL</t>
  </si>
  <si>
    <t>RML MK12 4069KWL</t>
  </si>
  <si>
    <t>5702329510257</t>
  </si>
  <si>
    <t>VELUX Sichts.-Rollo el. RML MK12 4069KWL</t>
  </si>
  <si>
    <t>RML MK12 4155K</t>
  </si>
  <si>
    <t>5702329502108</t>
  </si>
  <si>
    <t>VELUX Sichts.-Rollo el. RML MK12 4155K</t>
  </si>
  <si>
    <t>RML MK12 4155KWL</t>
  </si>
  <si>
    <t>5702329510264</t>
  </si>
  <si>
    <t>VELUX Sichts.-Rollo el. RML MK12 4155KWL</t>
  </si>
  <si>
    <t>RML MK12 4161K</t>
  </si>
  <si>
    <t>5702329502115</t>
  </si>
  <si>
    <t>VELUX Sichts.-Rollo el. RML MK12 4161K</t>
  </si>
  <si>
    <t>RML MK12 4161KWL</t>
  </si>
  <si>
    <t>5702329510271</t>
  </si>
  <si>
    <t>VELUX Sichts.-Rollo el. RML MK12 4161KWL</t>
  </si>
  <si>
    <t>RML MK12 4163KWL</t>
  </si>
  <si>
    <t>5702329510295</t>
  </si>
  <si>
    <t>VELUX Sichts.-Rollo el. RML MK12 4163KWL</t>
  </si>
  <si>
    <t>RML MK12 4169K</t>
  </si>
  <si>
    <t>5702329502191</t>
  </si>
  <si>
    <t>VELUX Sichts.-Rollo el. RML MK12 4169K</t>
  </si>
  <si>
    <t>RML MK12 4169KWL</t>
  </si>
  <si>
    <t>5702329510356</t>
  </si>
  <si>
    <t>VELUX Sichts.-Rollo el. RML MK12 4169KWL</t>
  </si>
  <si>
    <t>RML MK12 4170KWL</t>
  </si>
  <si>
    <t>5702329510363</t>
  </si>
  <si>
    <t>VELUX Sichts.-Rollo el. RML MK12 4170KWL</t>
  </si>
  <si>
    <t>RML MK12 CBYK</t>
  </si>
  <si>
    <t>5702329502238</t>
  </si>
  <si>
    <t>VELUX Sichts.-Rollo el. RML MK12 CBYK</t>
  </si>
  <si>
    <t>RML MK12 CBYKWL</t>
  </si>
  <si>
    <t>5702329510394</t>
  </si>
  <si>
    <t>VELUX Sichts.-Rollo el. RML MK12 CBYKWL</t>
  </si>
  <si>
    <t>RML P04 1028K</t>
  </si>
  <si>
    <t>5702329502245</t>
  </si>
  <si>
    <t>VELUX Sichts.-Rollo el. RML P04 1028K</t>
  </si>
  <si>
    <t>RML P04 1028KWL</t>
  </si>
  <si>
    <t>5702329510400</t>
  </si>
  <si>
    <t>VELUX Sichts.-Rollo el. RML P04 1028KWL</t>
  </si>
  <si>
    <t>RML P04 1086K</t>
  </si>
  <si>
    <t>5702329502252</t>
  </si>
  <si>
    <t>VELUX Sichts.-Rollo el. RML P04 1086K</t>
  </si>
  <si>
    <t>RML P04 4155K</t>
  </si>
  <si>
    <t>5702329502276</t>
  </si>
  <si>
    <t>VELUX Sichts.-Rollo el. RML P04 4155K</t>
  </si>
  <si>
    <t>RML P04 4161K</t>
  </si>
  <si>
    <t>5702329502283</t>
  </si>
  <si>
    <t>VELUX Sichts.-Rollo el. RML P04 4161K</t>
  </si>
  <si>
    <t>RML P04 4163K</t>
  </si>
  <si>
    <t>5702329502306</t>
  </si>
  <si>
    <t>VELUX Sichts.-Rollo el. RML P04 4163K</t>
  </si>
  <si>
    <t>RML P04 4164K</t>
  </si>
  <si>
    <t>5702329502313</t>
  </si>
  <si>
    <t>VELUX Sichts.-Rollo el. RML P04 4164K</t>
  </si>
  <si>
    <t>RML P04 4166K</t>
  </si>
  <si>
    <t>5702329502337</t>
  </si>
  <si>
    <t>VELUX Sichts.-Rollo el. RML P04 4166K</t>
  </si>
  <si>
    <t>RML P04 4167K</t>
  </si>
  <si>
    <t>5702329502344</t>
  </si>
  <si>
    <t>VELUX Sichts.-Rollo el. RML P04 4167K</t>
  </si>
  <si>
    <t>RML P04 4171K</t>
  </si>
  <si>
    <t>5702329502382</t>
  </si>
  <si>
    <t>VELUX Sichts.-Rollo el. RML P04 4171K</t>
  </si>
  <si>
    <t>RML P04 9050K</t>
  </si>
  <si>
    <t>5702329502399</t>
  </si>
  <si>
    <t>VELUX Sichts.-Rollo el. RML P04 9050K</t>
  </si>
  <si>
    <t>RML P04 CBYK</t>
  </si>
  <si>
    <t>5702329502405</t>
  </si>
  <si>
    <t>VELUX Sichts.-Rollo el. RML P04 CBYK</t>
  </si>
  <si>
    <t>RML P04 CBYKWL</t>
  </si>
  <si>
    <t>5702329510561</t>
  </si>
  <si>
    <t>VELUX Sichts.-Rollo el. RML P04 CBYKWL</t>
  </si>
  <si>
    <t>RML P06 1028K</t>
  </si>
  <si>
    <t>5702329502412</t>
  </si>
  <si>
    <t>VELUX Sichts.-Rollo el. RML P06 1028K</t>
  </si>
  <si>
    <t>RML P06 1028KWL</t>
  </si>
  <si>
    <t>5702329510578</t>
  </si>
  <si>
    <t>VELUX Sichts.-Rollo el. RML P06 1028KWL</t>
  </si>
  <si>
    <t>RML P06 1086K</t>
  </si>
  <si>
    <t>5702329502429</t>
  </si>
  <si>
    <t>VELUX Sichts.-Rollo el. RML P06 1086K</t>
  </si>
  <si>
    <t>RML P06 1086KWL</t>
  </si>
  <si>
    <t>5702329510585</t>
  </si>
  <si>
    <t>VELUX Sichts.-Rollo el. RML P06 1086KWL</t>
  </si>
  <si>
    <t>RML P06 4155K</t>
  </si>
  <si>
    <t>5702329502443</t>
  </si>
  <si>
    <t>VELUX Sichts.-Rollo el. RML P06 4155K</t>
  </si>
  <si>
    <t>RML P06 4161KWL</t>
  </si>
  <si>
    <t>5702329510615</t>
  </si>
  <si>
    <t>VELUX Sichts.-Rollo el. RML P06 4161KWL</t>
  </si>
  <si>
    <t>RML P06 4163K</t>
  </si>
  <si>
    <t>5702329502474</t>
  </si>
  <si>
    <t>VELUX Sichts.-Rollo el. RML P06 4163K</t>
  </si>
  <si>
    <t>RML P06 4169K</t>
  </si>
  <si>
    <t>5702329502535</t>
  </si>
  <si>
    <t>VELUX Sichts.-Rollo el. RML P06 4169K</t>
  </si>
  <si>
    <t>RML P06 4170KWL</t>
  </si>
  <si>
    <t>5702329510707</t>
  </si>
  <si>
    <t>VELUX Sichts.-Rollo el. RML P06 4170KWL</t>
  </si>
  <si>
    <t>RML P06 CBYK</t>
  </si>
  <si>
    <t>5702329502573</t>
  </si>
  <si>
    <t>VELUX Sichts.-Rollo el. RML P06 CBYK</t>
  </si>
  <si>
    <t>RML P06 CBYKWL</t>
  </si>
  <si>
    <t>5702329510738</t>
  </si>
  <si>
    <t>VELUX Sichts.-Rollo el. RML P06 CBYKWL</t>
  </si>
  <si>
    <t>RML P08 1028K</t>
  </si>
  <si>
    <t>5702329502580</t>
  </si>
  <si>
    <t>VELUX Sichts.-Rollo el. RML P08 1028K</t>
  </si>
  <si>
    <t>RML P08 1028KWL</t>
  </si>
  <si>
    <t>5702329510745</t>
  </si>
  <si>
    <t>VELUX Sichts.-Rollo el. RML P08 1028KWL</t>
  </si>
  <si>
    <t>RML P08 4161K</t>
  </si>
  <si>
    <t>5702329502627</t>
  </si>
  <si>
    <t>VELUX Sichts.-Rollo el. RML P08 4161K</t>
  </si>
  <si>
    <t>RML P08 4161KWL</t>
  </si>
  <si>
    <t>5702329510783</t>
  </si>
  <si>
    <t>VELUX Sichts.-Rollo el. RML P08 4161KWL</t>
  </si>
  <si>
    <t>RML P08 4165KWL</t>
  </si>
  <si>
    <t>5702329510820</t>
  </si>
  <si>
    <t>VELUX Sichts.-Rollo el. RML P08 4165KWL</t>
  </si>
  <si>
    <t>RML P08 4167K</t>
  </si>
  <si>
    <t>5702329502689</t>
  </si>
  <si>
    <t>VELUX Sichts.-Rollo el. RML P08 4167K</t>
  </si>
  <si>
    <t>RML P08 4167KWL</t>
  </si>
  <si>
    <t>5702329510844</t>
  </si>
  <si>
    <t>VELUX Sichts.-Rollo el. RML P08 4167KWL</t>
  </si>
  <si>
    <t>RML P08 4170K</t>
  </si>
  <si>
    <t>5702329502719</t>
  </si>
  <si>
    <t>VELUX Sichts.-Rollo el. RML P08 4170K</t>
  </si>
  <si>
    <t>RML P08 4171K</t>
  </si>
  <si>
    <t>5702329502726</t>
  </si>
  <si>
    <t>VELUX Sichts.-Rollo el. RML P08 4171K</t>
  </si>
  <si>
    <t>RML P08 CBYK</t>
  </si>
  <si>
    <t>5702329502740</t>
  </si>
  <si>
    <t>VELUX Sichts.-Rollo el. RML P08 CBYK</t>
  </si>
  <si>
    <t>RML P08 CBYKWL</t>
  </si>
  <si>
    <t>5702329510905</t>
  </si>
  <si>
    <t>VELUX Sichts.-Rollo el. RML P08 CBYKWL</t>
  </si>
  <si>
    <t>RML P10 1028K</t>
  </si>
  <si>
    <t>5702329502757</t>
  </si>
  <si>
    <t>VELUX Sichts.-Rollo el. RML P10 1028K</t>
  </si>
  <si>
    <t>RML P10 1028KWL</t>
  </si>
  <si>
    <t>5702329510912</t>
  </si>
  <si>
    <t>VELUX Sichts.-Rollo el. RML P10 1028KWL</t>
  </si>
  <si>
    <t>RML P10 1086K</t>
  </si>
  <si>
    <t>5702329502764</t>
  </si>
  <si>
    <t>VELUX Sichts.-Rollo el. RML P10 1086K</t>
  </si>
  <si>
    <t>RML P10 1086KWL</t>
  </si>
  <si>
    <t>5702329510929</t>
  </si>
  <si>
    <t>VELUX Sichts.-Rollo el. RML P10 1086KWL</t>
  </si>
  <si>
    <t>RML P10 4155K</t>
  </si>
  <si>
    <t>5702329502788</t>
  </si>
  <si>
    <t>VELUX Sichts.-Rollo el. RML P10 4155K</t>
  </si>
  <si>
    <t>RML P10 4155KWL</t>
  </si>
  <si>
    <t>5702329510943</t>
  </si>
  <si>
    <t>VELUX Sichts.-Rollo el. RML P10 4155KWL</t>
  </si>
  <si>
    <t>RML P10 4161K</t>
  </si>
  <si>
    <t>5702329502795</t>
  </si>
  <si>
    <t>VELUX Sichts.-Rollo el. RML P10 4161K</t>
  </si>
  <si>
    <t>RML P10 4161KWL</t>
  </si>
  <si>
    <t>5702329510950</t>
  </si>
  <si>
    <t>VELUX Sichts.-Rollo el. RML P10 4161KWL</t>
  </si>
  <si>
    <t>RML P10 4163KWL</t>
  </si>
  <si>
    <t>5702329510974</t>
  </si>
  <si>
    <t>VELUX Sichts.-Rollo el. RML P10 4163KWL</t>
  </si>
  <si>
    <t>RML P10 4166K</t>
  </si>
  <si>
    <t>5702329502849</t>
  </si>
  <si>
    <t>VELUX Sichts.-Rollo el. RML P10 4166K</t>
  </si>
  <si>
    <t>RML P10 4166KWL</t>
  </si>
  <si>
    <t>5702329511001</t>
  </si>
  <si>
    <t>VELUX Sichts.-Rollo el. RML P10 4166KWL</t>
  </si>
  <si>
    <t>RML P10 4168K</t>
  </si>
  <si>
    <t>5702329502863</t>
  </si>
  <si>
    <t>VELUX Sichts.-Rollo el. RML P10 4168K</t>
  </si>
  <si>
    <t>RML P10 4169K</t>
  </si>
  <si>
    <t>5702329502870</t>
  </si>
  <si>
    <t>VELUX Sichts.-Rollo el. RML P10 4169K</t>
  </si>
  <si>
    <t>RML P10 4169KWL</t>
  </si>
  <si>
    <t>5702329511032</t>
  </si>
  <si>
    <t>VELUX Sichts.-Rollo el. RML P10 4169KWL</t>
  </si>
  <si>
    <t>RML P10 4170K</t>
  </si>
  <si>
    <t>5702329502887</t>
  </si>
  <si>
    <t>VELUX Sichts.-Rollo el. RML P10 4170K</t>
  </si>
  <si>
    <t>RML P10 4170KWL</t>
  </si>
  <si>
    <t>5702329511049</t>
  </si>
  <si>
    <t>VELUX Sichts.-Rollo el. RML P10 4170KWL</t>
  </si>
  <si>
    <t>RML P10 4171KWL</t>
  </si>
  <si>
    <t>5702329511056</t>
  </si>
  <si>
    <t>VELUX Sichts.-Rollo el. RML P10 4171KWL</t>
  </si>
  <si>
    <t>RML P10 9050K</t>
  </si>
  <si>
    <t>5702329502900</t>
  </si>
  <si>
    <t>VELUX Sichts.-Rollo el. RML P10 9050K</t>
  </si>
  <si>
    <t>RML P10 CBYK</t>
  </si>
  <si>
    <t>5702329502917</t>
  </si>
  <si>
    <t>VELUX Sichts.-Rollo el. RML P10 CBYK</t>
  </si>
  <si>
    <t>RML P10 CBYKWL</t>
  </si>
  <si>
    <t>5702329511070</t>
  </si>
  <si>
    <t>VELUX Sichts.-Rollo el. RML P10 CBYKWL</t>
  </si>
  <si>
    <t>RML PK06 1028K</t>
  </si>
  <si>
    <t>5702329503266</t>
  </si>
  <si>
    <t>VELUX Sichts.-Rollo el. RML PK06 1028K</t>
  </si>
  <si>
    <t>RML PK06 1028KWL</t>
  </si>
  <si>
    <t>5702329511421</t>
  </si>
  <si>
    <t>VELUX Sichts.-Rollo el. RML PK06 1028KWL</t>
  </si>
  <si>
    <t>RML PK06 1086K</t>
  </si>
  <si>
    <t>5702329503273</t>
  </si>
  <si>
    <t>VELUX Sichts.-Rollo el. RML PK06 1086K</t>
  </si>
  <si>
    <t>RML PK06 1086KWL</t>
  </si>
  <si>
    <t>5702329511438</t>
  </si>
  <si>
    <t>VELUX Sichts.-Rollo el. RML PK06 1086KWL</t>
  </si>
  <si>
    <t>RML PK06 4069K</t>
  </si>
  <si>
    <t>5702329503280</t>
  </si>
  <si>
    <t>VELUX Sichts.-Rollo el. RML PK06 4069K</t>
  </si>
  <si>
    <t>RML PK06 4069KWL</t>
  </si>
  <si>
    <t>5702329511445</t>
  </si>
  <si>
    <t>VELUX Sichts.-Rollo el. RML PK06 4069KWL</t>
  </si>
  <si>
    <t>RML PK06 4155K</t>
  </si>
  <si>
    <t>5702329503297</t>
  </si>
  <si>
    <t>VELUX Sichts.-Rollo el. RML PK06 4155K</t>
  </si>
  <si>
    <t>RML PK06 4155KWL</t>
  </si>
  <si>
    <t>5702329511452</t>
  </si>
  <si>
    <t>VELUX Sichts.-Rollo el. RML PK06 4155KWL</t>
  </si>
  <si>
    <t>RML PK06 4161K</t>
  </si>
  <si>
    <t>5702329503303</t>
  </si>
  <si>
    <t>VELUX Sichts.-Rollo el. RML PK06 4161K</t>
  </si>
  <si>
    <t>RML PK06 4161KWL</t>
  </si>
  <si>
    <t>5702329511469</t>
  </si>
  <si>
    <t>VELUX Sichts.-Rollo el. RML PK06 4161KWL</t>
  </si>
  <si>
    <t>RML PK06 4162K</t>
  </si>
  <si>
    <t>5702329503310</t>
  </si>
  <si>
    <t>VELUX Sichts.-Rollo el. RML PK06 4162K</t>
  </si>
  <si>
    <t>RML PK06 4163K</t>
  </si>
  <si>
    <t>5702329503327</t>
  </si>
  <si>
    <t>VELUX Sichts.-Rollo el. RML PK06 4163K</t>
  </si>
  <si>
    <t>RML PK06 4163KWL</t>
  </si>
  <si>
    <t>5702329511483</t>
  </si>
  <si>
    <t>VELUX Sichts.-Rollo el. RML PK06 4163KWL</t>
  </si>
  <si>
    <t>RML PK06 4164K</t>
  </si>
  <si>
    <t>5702329503334</t>
  </si>
  <si>
    <t>VELUX Sichts.-Rollo el. RML PK06 4164K</t>
  </si>
  <si>
    <t>RML PK06 4164KWL</t>
  </si>
  <si>
    <t>5702329511490</t>
  </si>
  <si>
    <t>VELUX Sichts.-Rollo el. RML PK06 4164KWL</t>
  </si>
  <si>
    <t>RML PK06 4165KWL</t>
  </si>
  <si>
    <t>5702329511506</t>
  </si>
  <si>
    <t>VELUX Sichts.-Rollo el. RML PK06 4165KWL</t>
  </si>
  <si>
    <t>RML PK06 4166K</t>
  </si>
  <si>
    <t>5702329503358</t>
  </si>
  <si>
    <t>VELUX Sichts.-Rollo el. RML PK06 4166K</t>
  </si>
  <si>
    <t>RML PK06 4166KWL</t>
  </si>
  <si>
    <t>5702329511513</t>
  </si>
  <si>
    <t>VELUX Sichts.-Rollo el. RML PK06 4166KWL</t>
  </si>
  <si>
    <t>RML PK06 4167K</t>
  </si>
  <si>
    <t>5702329503365</t>
  </si>
  <si>
    <t>VELUX Sichts.-Rollo el. RML PK06 4167K</t>
  </si>
  <si>
    <t>RML PK06 4167KWL</t>
  </si>
  <si>
    <t>5702329511520</t>
  </si>
  <si>
    <t>VELUX Sichts.-Rollo el. RML PK06 4167KWL</t>
  </si>
  <si>
    <t>RML PK06 4168K</t>
  </si>
  <si>
    <t>5702329503372</t>
  </si>
  <si>
    <t>VELUX Sichts.-Rollo el. RML PK06 4168K</t>
  </si>
  <si>
    <t>RML PK06 4168KWL</t>
  </si>
  <si>
    <t>5702329511537</t>
  </si>
  <si>
    <t>VELUX Sichts.-Rollo el. RML PK06 4168KWL</t>
  </si>
  <si>
    <t>RML PK06 4169K</t>
  </si>
  <si>
    <t>5702329503389</t>
  </si>
  <si>
    <t>VELUX Sichts.-Rollo el. RML PK06 4169K</t>
  </si>
  <si>
    <t>RML PK06 4169KWL</t>
  </si>
  <si>
    <t>5702329511544</t>
  </si>
  <si>
    <t>VELUX Sichts.-Rollo el. RML PK06 4169KWL</t>
  </si>
  <si>
    <t>RML PK06 4170K</t>
  </si>
  <si>
    <t>5702329503396</t>
  </si>
  <si>
    <t>VELUX Sichts.-Rollo el. RML PK06 4170K</t>
  </si>
  <si>
    <t>RML PK06 4170KWL</t>
  </si>
  <si>
    <t>5702329511551</t>
  </si>
  <si>
    <t>VELUX Sichts.-Rollo el. RML PK06 4170KWL</t>
  </si>
  <si>
    <t>RML PK06 4171K</t>
  </si>
  <si>
    <t>5702329503402</t>
  </si>
  <si>
    <t>VELUX Sichts.-Rollo el. RML PK06 4171K</t>
  </si>
  <si>
    <t>RML PK06 4171KWL</t>
  </si>
  <si>
    <t>5702329511568</t>
  </si>
  <si>
    <t>VELUX Sichts.-Rollo el. RML PK06 4171KWL</t>
  </si>
  <si>
    <t>RML PK06 9050K</t>
  </si>
  <si>
    <t>5702329503419</t>
  </si>
  <si>
    <t>VELUX Sichts.-Rollo el. RML PK06 9050K</t>
  </si>
  <si>
    <t>RML PK06 9050KWL</t>
  </si>
  <si>
    <t>5702329511575</t>
  </si>
  <si>
    <t>VELUX Sichts.-Rollo el. RML PK06 9050KWL</t>
  </si>
  <si>
    <t>RML PK06 CBYK</t>
  </si>
  <si>
    <t>5702329503426</t>
  </si>
  <si>
    <t>VELUX Sichts.-Rollo el. RML PK06 CBYK</t>
  </si>
  <si>
    <t>RML PK06 CBYKWL</t>
  </si>
  <si>
    <t>5702329511582</t>
  </si>
  <si>
    <t>VELUX Sichts.-Rollo el. RML PK06 CBYKWL</t>
  </si>
  <si>
    <t>RML PK08 1028K</t>
  </si>
  <si>
    <t>5702329503433</t>
  </si>
  <si>
    <t>VELUX Sichts.-Rollo el. RML PK08 1028K</t>
  </si>
  <si>
    <t>RML PK08 1028KWL</t>
  </si>
  <si>
    <t>5702329511599</t>
  </si>
  <si>
    <t>VELUX Sichts.-Rollo el. RML PK08 1028KWL</t>
  </si>
  <si>
    <t>RML PK08 1086K</t>
  </si>
  <si>
    <t>5702329503440</t>
  </si>
  <si>
    <t>VELUX Sichts.-Rollo el. RML PK08 1086K</t>
  </si>
  <si>
    <t>RML PK08 1086KWL</t>
  </si>
  <si>
    <t>5702329511605</t>
  </si>
  <si>
    <t>VELUX Sichts.-Rollo el. RML PK08 1086KWL</t>
  </si>
  <si>
    <t>RML PK08 4069K</t>
  </si>
  <si>
    <t>5702329503457</t>
  </si>
  <si>
    <t>VELUX Sichts.-Rollo el. RML PK08 4069K</t>
  </si>
  <si>
    <t>RML PK08 4069KWL</t>
  </si>
  <si>
    <t>5702329511612</t>
  </si>
  <si>
    <t>VELUX Sichts.-Rollo el. RML PK08 4069KWL</t>
  </si>
  <si>
    <t>RML PK08 4155K</t>
  </si>
  <si>
    <t>5702329503464</t>
  </si>
  <si>
    <t>VELUX Sichts.-Rollo el. RML PK08 4155K</t>
  </si>
  <si>
    <t>RML PK08 4155KWL</t>
  </si>
  <si>
    <t>5702329511629</t>
  </si>
  <si>
    <t>VELUX Sichts.-Rollo el. RML PK08 4155KWL</t>
  </si>
  <si>
    <t>RML PK08 4161K</t>
  </si>
  <si>
    <t>5702329503471</t>
  </si>
  <si>
    <t>VELUX Sichts.-Rollo el. RML PK08 4161K</t>
  </si>
  <si>
    <t>RML PK08 4161KWL</t>
  </si>
  <si>
    <t>5702329511636</t>
  </si>
  <si>
    <t>VELUX Sichts.-Rollo el. RML PK08 4161KWL</t>
  </si>
  <si>
    <t>RML PK08 4163K</t>
  </si>
  <si>
    <t>5702329503495</t>
  </si>
  <si>
    <t>VELUX Sichts.-Rollo el. RML PK08 4163K</t>
  </si>
  <si>
    <t>RML PK08 4163KWL</t>
  </si>
  <si>
    <t>5702329511650</t>
  </si>
  <si>
    <t>VELUX Sichts.-Rollo el. RML PK08 4163KWL</t>
  </si>
  <si>
    <t>RML PK08 4166KWL</t>
  </si>
  <si>
    <t>5702329511681</t>
  </si>
  <si>
    <t>VELUX Sichts.-Rollo el. RML PK08 4166KWL</t>
  </si>
  <si>
    <t>RML PK08 4167K</t>
  </si>
  <si>
    <t>5702329503532</t>
  </si>
  <si>
    <t>VELUX Sichts.-Rollo el. RML PK08 4167K</t>
  </si>
  <si>
    <t>RML PK08 4167KWL</t>
  </si>
  <si>
    <t>5702329511698</t>
  </si>
  <si>
    <t>VELUX Sichts.-Rollo el. RML PK08 4167KWL</t>
  </si>
  <si>
    <t>RML PK08 4168K</t>
  </si>
  <si>
    <t>5702329503549</t>
  </si>
  <si>
    <t>VELUX Sichts.-Rollo el. RML PK08 4168K</t>
  </si>
  <si>
    <t>RML PK08 4168KWL</t>
  </si>
  <si>
    <t>5702329511704</t>
  </si>
  <si>
    <t>VELUX Sichts.-Rollo el. RML PK08 4168KWL</t>
  </si>
  <si>
    <t>RML PK08 4169K</t>
  </si>
  <si>
    <t>5702329503556</t>
  </si>
  <si>
    <t>VELUX Sichts.-Rollo el. RML PK08 4169K</t>
  </si>
  <si>
    <t>RML PK08 4169KWL</t>
  </si>
  <si>
    <t>5702329511711</t>
  </si>
  <si>
    <t>VELUX Sichts.-Rollo el. RML PK08 4169KWL</t>
  </si>
  <si>
    <t>RML PK08 4170KWL</t>
  </si>
  <si>
    <t>5702329511728</t>
  </si>
  <si>
    <t>VELUX Sichts.-Rollo el. RML PK08 4170KWL</t>
  </si>
  <si>
    <t>RML PK08 4171KWL</t>
  </si>
  <si>
    <t>5702329511735</t>
  </si>
  <si>
    <t>VELUX Sichts.-Rollo el. RML PK08 4171KWL</t>
  </si>
  <si>
    <t>RML PK08 9050K</t>
  </si>
  <si>
    <t>5702329503587</t>
  </si>
  <si>
    <t>VELUX Sichts.-Rollo el. RML PK08 9050K</t>
  </si>
  <si>
    <t>RML PK08 9050KWL</t>
  </si>
  <si>
    <t>5702329511742</t>
  </si>
  <si>
    <t>VELUX Sichts.-Rollo el. RML PK08 9050KWL</t>
  </si>
  <si>
    <t>RML PK08 CBYK</t>
  </si>
  <si>
    <t>5702329503594</t>
  </si>
  <si>
    <t>VELUX Sichts.-Rollo el. RML PK08 CBYK</t>
  </si>
  <si>
    <t>RML PK08 CBYKWL</t>
  </si>
  <si>
    <t>5702329511759</t>
  </si>
  <si>
    <t>VELUX Sichts.-Rollo el. RML PK08 CBYKWL</t>
  </si>
  <si>
    <t>RML PK10 1028K</t>
  </si>
  <si>
    <t>5702329503600</t>
  </si>
  <si>
    <t>VELUX Sichts.-Rollo el. RML PK10 1028K</t>
  </si>
  <si>
    <t>RML PK10 1028KWL</t>
  </si>
  <si>
    <t>5702329511766</t>
  </si>
  <si>
    <t>VELUX Sichts.-Rollo el. RML PK10 1028KWL</t>
  </si>
  <si>
    <t>RML PK10 1086K</t>
  </si>
  <si>
    <t>5702329503617</t>
  </si>
  <si>
    <t>VELUX Sichts.-Rollo el. RML PK10 1086K</t>
  </si>
  <si>
    <t>RML PK10 1086KWL</t>
  </si>
  <si>
    <t>5702329511773</t>
  </si>
  <si>
    <t>VELUX Sichts.-Rollo el. RML PK10 1086KWL</t>
  </si>
  <si>
    <t>RML PK10 4069K</t>
  </si>
  <si>
    <t>5702329503624</t>
  </si>
  <si>
    <t>VELUX Sichts.-Rollo el. RML PK10 4069K</t>
  </si>
  <si>
    <t>RML PK10 4069KWL</t>
  </si>
  <si>
    <t>5702329511780</t>
  </si>
  <si>
    <t>VELUX Sichts.-Rollo el. RML PK10 4069KWL</t>
  </si>
  <si>
    <t>RML PK10 4155K</t>
  </si>
  <si>
    <t>5702329503631</t>
  </si>
  <si>
    <t>VELUX Sichts.-Rollo el. RML PK10 4155K</t>
  </si>
  <si>
    <t>RML PK10 4155KWL</t>
  </si>
  <si>
    <t>5702329511797</t>
  </si>
  <si>
    <t>VELUX Sichts.-Rollo el. RML PK10 4155KWL</t>
  </si>
  <si>
    <t>RML PK10 4161K</t>
  </si>
  <si>
    <t>5702329503648</t>
  </si>
  <si>
    <t>VELUX Sichts.-Rollo el. RML PK10 4161K</t>
  </si>
  <si>
    <t>RML PK10 4161KWL</t>
  </si>
  <si>
    <t>5702329511803</t>
  </si>
  <si>
    <t>VELUX Sichts.-Rollo el. RML PK10 4161KWL</t>
  </si>
  <si>
    <t>RML PK10 4162K</t>
  </si>
  <si>
    <t>5702329503655</t>
  </si>
  <si>
    <t>VELUX Sichts.-Rollo el. RML PK10 4162K</t>
  </si>
  <si>
    <t>RML PK10 4163K</t>
  </si>
  <si>
    <t>5702329503662</t>
  </si>
  <si>
    <t>VELUX Sichts.-Rollo el. RML PK10 4163K</t>
  </si>
  <si>
    <t>RML PK10 4163KWL</t>
  </si>
  <si>
    <t>5702329511827</t>
  </si>
  <si>
    <t>VELUX Sichts.-Rollo el. RML PK10 4163KWL</t>
  </si>
  <si>
    <t>RML PK10 4164KWL</t>
  </si>
  <si>
    <t>5702329511834</t>
  </si>
  <si>
    <t>VELUX Sichts.-Rollo el. RML PK10 4164KWL</t>
  </si>
  <si>
    <t>RML PK10 4165K</t>
  </si>
  <si>
    <t>5702329503686</t>
  </si>
  <si>
    <t>VELUX Sichts.-Rollo el. RML PK10 4165K</t>
  </si>
  <si>
    <t>RML PK10 4165KWL</t>
  </si>
  <si>
    <t>5702329511841</t>
  </si>
  <si>
    <t>VELUX Sichts.-Rollo el. RML PK10 4165KWL</t>
  </si>
  <si>
    <t>RML PK10 4166K</t>
  </si>
  <si>
    <t>5702329503693</t>
  </si>
  <si>
    <t>VELUX Sichts.-Rollo el. RML PK10 4166K</t>
  </si>
  <si>
    <t>RML PK10 4166KWL</t>
  </si>
  <si>
    <t>5702329511858</t>
  </si>
  <si>
    <t>VELUX Sichts.-Rollo el. RML PK10 4166KWL</t>
  </si>
  <si>
    <t>RML PK10 4167K</t>
  </si>
  <si>
    <t>5702329503709</t>
  </si>
  <si>
    <t>VELUX Sichts.-Rollo el. RML PK10 4167K</t>
  </si>
  <si>
    <t>RML PK10 4167KWL</t>
  </si>
  <si>
    <t>5702329511865</t>
  </si>
  <si>
    <t>VELUX Sichts.-Rollo el. RML PK10 4167KWL</t>
  </si>
  <si>
    <t>RML PK10 4168KWL</t>
  </si>
  <si>
    <t>5702329511872</t>
  </si>
  <si>
    <t>VELUX Sichts.-Rollo el. RML PK10 4168KWL</t>
  </si>
  <si>
    <t>RML PK10 4169K</t>
  </si>
  <si>
    <t>5702329503723</t>
  </si>
  <si>
    <t>VELUX Sichts.-Rollo el. RML PK10 4169K</t>
  </si>
  <si>
    <t>RML PK10 4169KWL</t>
  </si>
  <si>
    <t>5702329511889</t>
  </si>
  <si>
    <t>VELUX Sichts.-Rollo el. RML PK10 4169KWL</t>
  </si>
  <si>
    <t>RML PK10 4170K</t>
  </si>
  <si>
    <t>5702329503730</t>
  </si>
  <si>
    <t>VELUX Sichts.-Rollo el. RML PK10 4170K</t>
  </si>
  <si>
    <t>RML PK10 4170KWL</t>
  </si>
  <si>
    <t>5702329511896</t>
  </si>
  <si>
    <t>VELUX Sichts.-Rollo el. RML PK10 4170KWL</t>
  </si>
  <si>
    <t>RML PK10 4171K</t>
  </si>
  <si>
    <t>5702329503747</t>
  </si>
  <si>
    <t>VELUX Sichts.-Rollo el. RML PK10 4171K</t>
  </si>
  <si>
    <t>RML PK10 4171KWL</t>
  </si>
  <si>
    <t>5702329511902</t>
  </si>
  <si>
    <t>VELUX Sichts.-Rollo el. RML PK10 4171KWL</t>
  </si>
  <si>
    <t>RML PK10 9050K</t>
  </si>
  <si>
    <t>5702329503754</t>
  </si>
  <si>
    <t>VELUX Sichts.-Rollo el. RML PK10 9050K</t>
  </si>
  <si>
    <t>RML PK10 9050KWL</t>
  </si>
  <si>
    <t>5702329511919</t>
  </si>
  <si>
    <t>VELUX Sichts.-Rollo el. RML PK10 9050KWL</t>
  </si>
  <si>
    <t>RML PK10 CBYK</t>
  </si>
  <si>
    <t>5702329503761</t>
  </si>
  <si>
    <t>VELUX Sichts.-Rollo el. RML PK10 CBYK</t>
  </si>
  <si>
    <t>RML PK10 CBYKWL</t>
  </si>
  <si>
    <t>5702329511926</t>
  </si>
  <si>
    <t>VELUX Sichts.-Rollo el. RML PK10 CBYKWL</t>
  </si>
  <si>
    <t>RML S06 1028K</t>
  </si>
  <si>
    <t>5702329504119</t>
  </si>
  <si>
    <t>VELUX Sichts.-Rollo el. RML S06 1028K</t>
  </si>
  <si>
    <t>RML S06 1028KWL</t>
  </si>
  <si>
    <t>5702329512275</t>
  </si>
  <si>
    <t>VELUX Sichts.-Rollo el. RML S06 1028KWL</t>
  </si>
  <si>
    <t>RML S06 1086K</t>
  </si>
  <si>
    <t>5702329504126</t>
  </si>
  <si>
    <t>VELUX Sichts.-Rollo el. RML S06 1086K</t>
  </si>
  <si>
    <t>RML S06 1086KWL</t>
  </si>
  <si>
    <t>5702329512282</t>
  </si>
  <si>
    <t>VELUX Sichts.-Rollo el. RML S06 1086KWL</t>
  </si>
  <si>
    <t>RML S06 4155K</t>
  </si>
  <si>
    <t>5702329504140</t>
  </si>
  <si>
    <t>VELUX Sichts.-Rollo el. RML S06 4155K</t>
  </si>
  <si>
    <t>RML S06 4155KWL</t>
  </si>
  <si>
    <t>5702329512305</t>
  </si>
  <si>
    <t>VELUX Sichts.-Rollo el. RML S06 4155KWL</t>
  </si>
  <si>
    <t>RML S06 4161K</t>
  </si>
  <si>
    <t>5702329504157</t>
  </si>
  <si>
    <t>VELUX Sichts.-Rollo el. RML S06 4161K</t>
  </si>
  <si>
    <t>RML S06 4161KWL</t>
  </si>
  <si>
    <t>5702329512312</t>
  </si>
  <si>
    <t>VELUX Sichts.-Rollo el. RML S06 4161KWL</t>
  </si>
  <si>
    <t>RML S06 4163K</t>
  </si>
  <si>
    <t>5702329504171</t>
  </si>
  <si>
    <t>VELUX Sichts.-Rollo el. RML S06 4163K</t>
  </si>
  <si>
    <t>RML S06 4163KWL</t>
  </si>
  <si>
    <t>5702329512336</t>
  </si>
  <si>
    <t>VELUX Sichts.-Rollo el. RML S06 4163KWL</t>
  </si>
  <si>
    <t>RML S06 4164K</t>
  </si>
  <si>
    <t>5702329504188</t>
  </si>
  <si>
    <t>VELUX Sichts.-Rollo el. RML S06 4164K</t>
  </si>
  <si>
    <t>RML S06 4165KWL</t>
  </si>
  <si>
    <t>5702329512350</t>
  </si>
  <si>
    <t>VELUX Sichts.-Rollo el. RML S06 4165KWL</t>
  </si>
  <si>
    <t>RML S06 4166K</t>
  </si>
  <si>
    <t>5702329504201</t>
  </si>
  <si>
    <t>VELUX Sichts.-Rollo el. RML S06 4166K</t>
  </si>
  <si>
    <t>RML S06 4167K</t>
  </si>
  <si>
    <t>5702329504218</t>
  </si>
  <si>
    <t>VELUX Sichts.-Rollo el. RML S06 4167K</t>
  </si>
  <si>
    <t>RML S06 4168K</t>
  </si>
  <si>
    <t>5702329504225</t>
  </si>
  <si>
    <t>VELUX Sichts.-Rollo el. RML S06 4168K</t>
  </si>
  <si>
    <t>RML S06 4169K</t>
  </si>
  <si>
    <t>5702329504232</t>
  </si>
  <si>
    <t>VELUX Sichts.-Rollo el. RML S06 4169K</t>
  </si>
  <si>
    <t>RML S06 4169KWL</t>
  </si>
  <si>
    <t>5702329512398</t>
  </si>
  <si>
    <t>VELUX Sichts.-Rollo el. RML S06 4169KWL</t>
  </si>
  <si>
    <t>RML S06 4170K</t>
  </si>
  <si>
    <t>5702329504249</t>
  </si>
  <si>
    <t>VELUX Sichts.-Rollo el. RML S06 4170K</t>
  </si>
  <si>
    <t>RML S06 4170KWL</t>
  </si>
  <si>
    <t>5702329512404</t>
  </si>
  <si>
    <t>VELUX Sichts.-Rollo el. RML S06 4170KWL</t>
  </si>
  <si>
    <t>RML S06 4171K</t>
  </si>
  <si>
    <t>5702329504256</t>
  </si>
  <si>
    <t>VELUX Sichts.-Rollo el. RML S06 4171K</t>
  </si>
  <si>
    <t>RML S06 4171KWL</t>
  </si>
  <si>
    <t>5702329512411</t>
  </si>
  <si>
    <t>VELUX Sichts.-Rollo el. RML S06 4171KWL</t>
  </si>
  <si>
    <t>RML S06 9050K</t>
  </si>
  <si>
    <t>5702329504263</t>
  </si>
  <si>
    <t>VELUX Sichts.-Rollo el. RML S06 9050K</t>
  </si>
  <si>
    <t>RML S06 9050KWL</t>
  </si>
  <si>
    <t>5702329512428</t>
  </si>
  <si>
    <t>VELUX Sichts.-Rollo el. RML S06 9050KWL</t>
  </si>
  <si>
    <t>RML S06 CBYK</t>
  </si>
  <si>
    <t>5702329504270</t>
  </si>
  <si>
    <t>VELUX Sichts.-Rollo el. RML S06 CBYK</t>
  </si>
  <si>
    <t>RML S06 CBYKWL</t>
  </si>
  <si>
    <t>5702329512435</t>
  </si>
  <si>
    <t>VELUX Sichts.-Rollo el. RML S06 CBYKWL</t>
  </si>
  <si>
    <t>RML S08 1028K</t>
  </si>
  <si>
    <t>5702329504287</t>
  </si>
  <si>
    <t>VELUX Sichts.-Rollo el. RML S08 1028K</t>
  </si>
  <si>
    <t>RML S08 1028KWL</t>
  </si>
  <si>
    <t>5702329512442</t>
  </si>
  <si>
    <t>VELUX Sichts.-Rollo el. RML S08 1028KWL</t>
  </si>
  <si>
    <t>RML S08 1086K</t>
  </si>
  <si>
    <t>5702329504294</t>
  </si>
  <si>
    <t>VELUX Sichts.-Rollo el. RML S08 1086K</t>
  </si>
  <si>
    <t>RML S08 1086KWL</t>
  </si>
  <si>
    <t>5702329512459</t>
  </si>
  <si>
    <t>VELUX Sichts.-Rollo el. RML S08 1086KWL</t>
  </si>
  <si>
    <t>RML S08 4069K</t>
  </si>
  <si>
    <t>5702329504300</t>
  </si>
  <si>
    <t>VELUX Sichts.-Rollo el. RML S08 4069K</t>
  </si>
  <si>
    <t>RML S08 4155K</t>
  </si>
  <si>
    <t>5702329504317</t>
  </si>
  <si>
    <t>VELUX Sichts.-Rollo el. RML S08 4155K</t>
  </si>
  <si>
    <t>RML S08 4161K</t>
  </si>
  <si>
    <t>5702329504324</t>
  </si>
  <si>
    <t>VELUX Sichts.-Rollo el. RML S08 4161K</t>
  </si>
  <si>
    <t>RML S08 4161KWL</t>
  </si>
  <si>
    <t>5702329512480</t>
  </si>
  <si>
    <t>VELUX Sichts.-Rollo el. RML S08 4161KWL</t>
  </si>
  <si>
    <t>RML S08 4163K</t>
  </si>
  <si>
    <t>5702329504348</t>
  </si>
  <si>
    <t>VELUX Sichts.-Rollo el. RML S08 4163K</t>
  </si>
  <si>
    <t>RML S08 4164K</t>
  </si>
  <si>
    <t>5702329504355</t>
  </si>
  <si>
    <t>VELUX Sichts.-Rollo el. RML S08 4164K</t>
  </si>
  <si>
    <t>RML S08 4166K</t>
  </si>
  <si>
    <t>5702329504379</t>
  </si>
  <si>
    <t>VELUX Sichts.-Rollo el. RML S08 4166K</t>
  </si>
  <si>
    <t>RML S08 4167K</t>
  </si>
  <si>
    <t>5702329504386</t>
  </si>
  <si>
    <t>VELUX Sichts.-Rollo el. RML S08 4167K</t>
  </si>
  <si>
    <t>RML S08 4167KWL</t>
  </si>
  <si>
    <t>5702329512541</t>
  </si>
  <si>
    <t>VELUX Sichts.-Rollo el. RML S08 4167KWL</t>
  </si>
  <si>
    <t>RML S08 4169KWL</t>
  </si>
  <si>
    <t>5702329512565</t>
  </si>
  <si>
    <t>VELUX Sichts.-Rollo el. RML S08 4169KWL</t>
  </si>
  <si>
    <t>RML S08 4171K</t>
  </si>
  <si>
    <t>5702329504423</t>
  </si>
  <si>
    <t>VELUX Sichts.-Rollo el. RML S08 4171K</t>
  </si>
  <si>
    <t>RML S08 9050K</t>
  </si>
  <si>
    <t>5702329504430</t>
  </si>
  <si>
    <t>VELUX Sichts.-Rollo el. RML S08 9050K</t>
  </si>
  <si>
    <t>RML S08 9050KWL</t>
  </si>
  <si>
    <t>5702329512596</t>
  </si>
  <si>
    <t>VELUX Sichts.-Rollo el. RML S08 9050KWL</t>
  </si>
  <si>
    <t>RML S08 CBYK</t>
  </si>
  <si>
    <t>5702329504447</t>
  </si>
  <si>
    <t>VELUX Sichts.-Rollo el. RML S08 CBYK</t>
  </si>
  <si>
    <t>RML S08 CBYKWL</t>
  </si>
  <si>
    <t>5702329512602</t>
  </si>
  <si>
    <t>VELUX Sichts.-Rollo el. RML S08 CBYKWL</t>
  </si>
  <si>
    <t>RML S10 1086K</t>
  </si>
  <si>
    <t>5702329504461</t>
  </si>
  <si>
    <t>VELUX Sichts.-Rollo el. RML S10 1086K</t>
  </si>
  <si>
    <t>RML S10 9050K</t>
  </si>
  <si>
    <t>5702329504607</t>
  </si>
  <si>
    <t>VELUX Sichts.-Rollo el. RML S10 9050K</t>
  </si>
  <si>
    <t>RML S10 CBYK</t>
  </si>
  <si>
    <t>5702329504614</t>
  </si>
  <si>
    <t>VELUX Sichts.-Rollo el. RML S10 CBYK</t>
  </si>
  <si>
    <t>RML S10 CBYKWL</t>
  </si>
  <si>
    <t>5702329512770</t>
  </si>
  <si>
    <t>VELUX Sichts.-Rollo el. RML S10 CBYKWL</t>
  </si>
  <si>
    <t>RML SK06 1028K</t>
  </si>
  <si>
    <t>5702329504799</t>
  </si>
  <si>
    <t>VELUX Sichts.-Rollo el. RML SK06 1028K</t>
  </si>
  <si>
    <t>RML SK06 1028KWL</t>
  </si>
  <si>
    <t>5702329512954</t>
  </si>
  <si>
    <t>VELUX Sichts.-Rollo el. RML SK06 1028KWL</t>
  </si>
  <si>
    <t>RML SK06 1086K</t>
  </si>
  <si>
    <t>5702329504805</t>
  </si>
  <si>
    <t>VELUX Sichts.-Rollo el. RML SK06 1086K</t>
  </si>
  <si>
    <t>RML SK06 1086KWL</t>
  </si>
  <si>
    <t>5702329512961</t>
  </si>
  <si>
    <t>VELUX Sichts.-Rollo el. RML SK06 1086KWL</t>
  </si>
  <si>
    <t>RML SK06 4069K</t>
  </si>
  <si>
    <t>5702329504812</t>
  </si>
  <si>
    <t>VELUX Sichts.-Rollo el. RML SK06 4069K</t>
  </si>
  <si>
    <t>RML SK06 4069KWL</t>
  </si>
  <si>
    <t>5702329512978</t>
  </si>
  <si>
    <t>VELUX Sichts.-Rollo el. RML SK06 4069KWL</t>
  </si>
  <si>
    <t>RML SK06 4155K</t>
  </si>
  <si>
    <t>5702329504829</t>
  </si>
  <si>
    <t>VELUX Sichts.-Rollo el. RML SK06 4155K</t>
  </si>
  <si>
    <t>RML SK06 4155KWL</t>
  </si>
  <si>
    <t>5702329512985</t>
  </si>
  <si>
    <t>VELUX Sichts.-Rollo el. RML SK06 4155KWL</t>
  </si>
  <si>
    <t>RML SK06 4161K</t>
  </si>
  <si>
    <t>5702329504836</t>
  </si>
  <si>
    <t>VELUX Sichts.-Rollo el. RML SK06 4161K</t>
  </si>
  <si>
    <t>RML SK06 4161KWL</t>
  </si>
  <si>
    <t>5702329512992</t>
  </si>
  <si>
    <t>VELUX Sichts.-Rollo el. RML SK06 4161KWL</t>
  </si>
  <si>
    <t>RML SK06 4162K</t>
  </si>
  <si>
    <t>5702329504843</t>
  </si>
  <si>
    <t>VELUX Sichts.-Rollo el. RML SK06 4162K</t>
  </si>
  <si>
    <t>RML SK06 4163K</t>
  </si>
  <si>
    <t>5702329504850</t>
  </si>
  <si>
    <t>VELUX Sichts.-Rollo el. RML SK06 4163K</t>
  </si>
  <si>
    <t>RML SK06 4163KWL</t>
  </si>
  <si>
    <t>5702329513012</t>
  </si>
  <si>
    <t>VELUX Sichts.-Rollo el. RML SK06 4163KWL</t>
  </si>
  <si>
    <t>RML SK06 4164K</t>
  </si>
  <si>
    <t>5702329504867</t>
  </si>
  <si>
    <t>VELUX Sichts.-Rollo el. RML SK06 4164K</t>
  </si>
  <si>
    <t>RML SK06 4164KWL</t>
  </si>
  <si>
    <t>5702329513029</t>
  </si>
  <si>
    <t>VELUX Sichts.-Rollo el. RML SK06 4164KWL</t>
  </si>
  <si>
    <t>RML SK06 4165K</t>
  </si>
  <si>
    <t>5702329504874</t>
  </si>
  <si>
    <t>VELUX Sichts.-Rollo el. RML SK06 4165K</t>
  </si>
  <si>
    <t>RML SK06 4165KWL</t>
  </si>
  <si>
    <t>5702329513036</t>
  </si>
  <si>
    <t>VELUX Sichts.-Rollo el. RML SK06 4165KWL</t>
  </si>
  <si>
    <t>RML SK06 4166K</t>
  </si>
  <si>
    <t>5702329504881</t>
  </si>
  <si>
    <t>VELUX Sichts.-Rollo el. RML SK06 4166K</t>
  </si>
  <si>
    <t>RML SK06 4166KWL</t>
  </si>
  <si>
    <t>5702329513043</t>
  </si>
  <si>
    <t>VELUX Sichts.-Rollo el. RML SK06 4166KWL</t>
  </si>
  <si>
    <t>RML SK06 4167K</t>
  </si>
  <si>
    <t>5702329504898</t>
  </si>
  <si>
    <t>VELUX Sichts.-Rollo el. RML SK06 4167K</t>
  </si>
  <si>
    <t>RML SK06 4167KWL</t>
  </si>
  <si>
    <t>5702329513050</t>
  </si>
  <si>
    <t>VELUX Sichts.-Rollo el. RML SK06 4167KWL</t>
  </si>
  <si>
    <t>RML SK06 4168K</t>
  </si>
  <si>
    <t>5702329504904</t>
  </si>
  <si>
    <t>VELUX Sichts.-Rollo el. RML SK06 4168K</t>
  </si>
  <si>
    <t>RML SK06 4168KWL</t>
  </si>
  <si>
    <t>5702329513067</t>
  </si>
  <si>
    <t>VELUX Sichts.-Rollo el. RML SK06 4168KWL</t>
  </si>
  <si>
    <t>RML SK06 4169K</t>
  </si>
  <si>
    <t>5702329504911</t>
  </si>
  <si>
    <t>VELUX Sichts.-Rollo el. RML SK06 4169K</t>
  </si>
  <si>
    <t>RML SK06 4169KWL</t>
  </si>
  <si>
    <t>5702329513074</t>
  </si>
  <si>
    <t>VELUX Sichts.-Rollo el. RML SK06 4169KWL</t>
  </si>
  <si>
    <t>RML SK06 4170K</t>
  </si>
  <si>
    <t>5702329504928</t>
  </si>
  <si>
    <t>VELUX Sichts.-Rollo el. RML SK06 4170K</t>
  </si>
  <si>
    <t>RML SK06 4170KWL</t>
  </si>
  <si>
    <t>5702329513081</t>
  </si>
  <si>
    <t>VELUX Sichts.-Rollo el. RML SK06 4170KWL</t>
  </si>
  <si>
    <t>RML SK06 4171K</t>
  </si>
  <si>
    <t>5702329504935</t>
  </si>
  <si>
    <t>VELUX Sichts.-Rollo el. RML SK06 4171K</t>
  </si>
  <si>
    <t>RML SK06 4171KWL</t>
  </si>
  <si>
    <t>5702329513098</t>
  </si>
  <si>
    <t>VELUX Sichts.-Rollo el. RML SK06 4171KWL</t>
  </si>
  <si>
    <t>RML SK06 9050K</t>
  </si>
  <si>
    <t>5702329504942</t>
  </si>
  <si>
    <t>VELUX Sichts.-Rollo el. RML SK06 9050K</t>
  </si>
  <si>
    <t>RML SK06 9050KWL</t>
  </si>
  <si>
    <t>5702329513104</t>
  </si>
  <si>
    <t>VELUX Sichts.-Rollo el. RML SK06 9050KWL</t>
  </si>
  <si>
    <t>RML SK06 CBYK</t>
  </si>
  <si>
    <t>5702329504959</t>
  </si>
  <si>
    <t>VELUX Sichts.-Rollo el. RML SK06 CBYK</t>
  </si>
  <si>
    <t>RML SK06 CBYKWL</t>
  </si>
  <si>
    <t>5702329513111</t>
  </si>
  <si>
    <t>VELUX Sichts.-Rollo el. RML SK06 CBYKWL</t>
  </si>
  <si>
    <t>RML SK08 1028K</t>
  </si>
  <si>
    <t>5702329504966</t>
  </si>
  <si>
    <t>VELUX Sichts.-Rollo el. RML SK08 1028K</t>
  </si>
  <si>
    <t>RML SK08 1028KWL</t>
  </si>
  <si>
    <t>5702329513128</t>
  </si>
  <si>
    <t>VELUX Sichts.-Rollo el. RML SK08 1028KWL</t>
  </si>
  <si>
    <t>RML SK08 1086K</t>
  </si>
  <si>
    <t>5702329504973</t>
  </si>
  <si>
    <t>VELUX Sichts.-Rollo el. RML SK08 1086K</t>
  </si>
  <si>
    <t>RML SK08 1086KWL</t>
  </si>
  <si>
    <t>5702329513135</t>
  </si>
  <si>
    <t>VELUX Sichts.-Rollo el. RML SK08 1086KWL</t>
  </si>
  <si>
    <t>RML SK08 4069K</t>
  </si>
  <si>
    <t>5702329504980</t>
  </si>
  <si>
    <t>VELUX Sichts.-Rollo el. RML SK08 4069K</t>
  </si>
  <si>
    <t>RML SK08 4069KWL</t>
  </si>
  <si>
    <t>5702329513142</t>
  </si>
  <si>
    <t>VELUX Sichts.-Rollo el. RML SK08 4069KWL</t>
  </si>
  <si>
    <t>RML SK08 4155K</t>
  </si>
  <si>
    <t>5702329504997</t>
  </si>
  <si>
    <t>VELUX Sichts.-Rollo el. RML SK08 4155K</t>
  </si>
  <si>
    <t>RML SK08 4155KWL</t>
  </si>
  <si>
    <t>5702329513159</t>
  </si>
  <si>
    <t>VELUX Sichts.-Rollo el. RML SK08 4155KWL</t>
  </si>
  <si>
    <t>RML SK08 4161K</t>
  </si>
  <si>
    <t>5702329505000</t>
  </si>
  <si>
    <t>VELUX Sichts.-Rollo el. RML SK08 4161K</t>
  </si>
  <si>
    <t>RML SK08 4161KWL</t>
  </si>
  <si>
    <t>5702329513166</t>
  </si>
  <si>
    <t>VELUX Sichts.-Rollo el. RML SK08 4161KWL</t>
  </si>
  <si>
    <t>RML SK08 4162KWL</t>
  </si>
  <si>
    <t>5702329513173</t>
  </si>
  <si>
    <t>VELUX Sichts.-Rollo el. RML SK08 4162KWL</t>
  </si>
  <si>
    <t>RML SK08 4163K</t>
  </si>
  <si>
    <t>5702329505024</t>
  </si>
  <si>
    <t>VELUX Sichts.-Rollo el. RML SK08 4163K</t>
  </si>
  <si>
    <t>RML SK08 4163KWL</t>
  </si>
  <si>
    <t>5702329513180</t>
  </si>
  <si>
    <t>VELUX Sichts.-Rollo el. RML SK08 4163KWL</t>
  </si>
  <si>
    <t>RML SK08 4164KWL</t>
  </si>
  <si>
    <t>5702329513197</t>
  </si>
  <si>
    <t>VELUX Sichts.-Rollo el. RML SK08 4164KWL</t>
  </si>
  <si>
    <t>RML SK08 4165K</t>
  </si>
  <si>
    <t>5702329505048</t>
  </si>
  <si>
    <t>VELUX Sichts.-Rollo el. RML SK08 4165K</t>
  </si>
  <si>
    <t>RML SK08 4166K</t>
  </si>
  <si>
    <t>5702329505055</t>
  </si>
  <si>
    <t>VELUX Sichts.-Rollo el. RML SK08 4166K</t>
  </si>
  <si>
    <t>RML SK08 4166KWL</t>
  </si>
  <si>
    <t>5702329513210</t>
  </si>
  <si>
    <t>VELUX Sichts.-Rollo el. RML SK08 4166KWL</t>
  </si>
  <si>
    <t>RML SK08 4167K</t>
  </si>
  <si>
    <t>5702329505062</t>
  </si>
  <si>
    <t>VELUX Sichts.-Rollo el. RML SK08 4167K</t>
  </si>
  <si>
    <t>RML SK08 4167KWL</t>
  </si>
  <si>
    <t>5702329513227</t>
  </si>
  <si>
    <t>VELUX Sichts.-Rollo el. RML SK08 4167KWL</t>
  </si>
  <si>
    <t>RML SK08 4169K</t>
  </si>
  <si>
    <t>5702329505086</t>
  </si>
  <si>
    <t>VELUX Sichts.-Rollo el. RML SK08 4169K</t>
  </si>
  <si>
    <t>RML SK08 4169KWL</t>
  </si>
  <si>
    <t>5702329513241</t>
  </si>
  <si>
    <t>VELUX Sichts.-Rollo el. RML SK08 4169KWL</t>
  </si>
  <si>
    <t>RML SK08 4170K</t>
  </si>
  <si>
    <t>5702329505093</t>
  </si>
  <si>
    <t>VELUX Sichts.-Rollo el. RML SK08 4170K</t>
  </si>
  <si>
    <t>RML SK08 4170KWL</t>
  </si>
  <si>
    <t>5702329513258</t>
  </si>
  <si>
    <t>VELUX Sichts.-Rollo el. RML SK08 4170KWL</t>
  </si>
  <si>
    <t>RML SK08 4171K</t>
  </si>
  <si>
    <t>5702329505109</t>
  </si>
  <si>
    <t>VELUX Sichts.-Rollo el. RML SK08 4171K</t>
  </si>
  <si>
    <t>RML SK08 4171KWL</t>
  </si>
  <si>
    <t>5702329513265</t>
  </si>
  <si>
    <t>VELUX Sichts.-Rollo el. RML SK08 4171KWL</t>
  </si>
  <si>
    <t>RML SK08 9050K</t>
  </si>
  <si>
    <t>5702329505116</t>
  </si>
  <si>
    <t>VELUX Sichts.-Rollo el. RML SK08 9050K</t>
  </si>
  <si>
    <t>RML SK08 9050KWL</t>
  </si>
  <si>
    <t>5702329513272</t>
  </si>
  <si>
    <t>VELUX Sichts.-Rollo el. RML SK08 9050KWL</t>
  </si>
  <si>
    <t>RML SK08 CBYK</t>
  </si>
  <si>
    <t>5702329505123</t>
  </si>
  <si>
    <t>VELUX Sichts.-Rollo el. RML SK08 CBYK</t>
  </si>
  <si>
    <t>RML SK08 CBYKWL</t>
  </si>
  <si>
    <t>5702329513289</t>
  </si>
  <si>
    <t>VELUX Sichts.-Rollo el. RML SK08 CBYKWL</t>
  </si>
  <si>
    <t>RML SK10 1028K</t>
  </si>
  <si>
    <t>5702329505130</t>
  </si>
  <si>
    <t>VELUX Sichts.-Rollo el. RML SK10 1028K</t>
  </si>
  <si>
    <t>RML SK10 1028KWL</t>
  </si>
  <si>
    <t>5702329513296</t>
  </si>
  <si>
    <t>VELUX Sichts.-Rollo el. RML SK10 1028KWL</t>
  </si>
  <si>
    <t>RML SK10 1086K</t>
  </si>
  <si>
    <t>5702329505147</t>
  </si>
  <si>
    <t>VELUX Sichts.-Rollo el. RML SK10 1086K</t>
  </si>
  <si>
    <t>RML SK10 1086KWL</t>
  </si>
  <si>
    <t>5702329513302</t>
  </si>
  <si>
    <t>VELUX Sichts.-Rollo el. RML SK10 1086KWL</t>
  </si>
  <si>
    <t>RML SK10 4069KWL</t>
  </si>
  <si>
    <t>5702329513319</t>
  </si>
  <si>
    <t>VELUX Sichts.-Rollo el. RML SK10 4069KWL</t>
  </si>
  <si>
    <t>RML SK10 4155K</t>
  </si>
  <si>
    <t>5702329505161</t>
  </si>
  <si>
    <t>VELUX Sichts.-Rollo el. RML SK10 4155K</t>
  </si>
  <si>
    <t>RML SK10 4155KWL</t>
  </si>
  <si>
    <t>5702329513326</t>
  </si>
  <si>
    <t>VELUX Sichts.-Rollo el. RML SK10 4155KWL</t>
  </si>
  <si>
    <t>RML SK10 4161K</t>
  </si>
  <si>
    <t>5702329505178</t>
  </si>
  <si>
    <t>VELUX Sichts.-Rollo el. RML SK10 4161K</t>
  </si>
  <si>
    <t>RML SK10 4161KWL</t>
  </si>
  <si>
    <t>5702329513333</t>
  </si>
  <si>
    <t>VELUX Sichts.-Rollo el. RML SK10 4161KWL</t>
  </si>
  <si>
    <t>RML SK10 4162K</t>
  </si>
  <si>
    <t>5702329505185</t>
  </si>
  <si>
    <t>VELUX Sichts.-Rollo el. RML SK10 4162K</t>
  </si>
  <si>
    <t>RML SK10 4163K</t>
  </si>
  <si>
    <t>5702329505192</t>
  </si>
  <si>
    <t>VELUX Sichts.-Rollo el. RML SK10 4163K</t>
  </si>
  <si>
    <t>RML SK10 4163KWL</t>
  </si>
  <si>
    <t>5702329513357</t>
  </si>
  <si>
    <t>VELUX Sichts.-Rollo el. RML SK10 4163KWL</t>
  </si>
  <si>
    <t>RML SK10 4164KWL</t>
  </si>
  <si>
    <t>5702329513364</t>
  </si>
  <si>
    <t>VELUX Sichts.-Rollo el. RML SK10 4164KWL</t>
  </si>
  <si>
    <t>RML SK10 4166K</t>
  </si>
  <si>
    <t>5702329505222</t>
  </si>
  <si>
    <t>VELUX Sichts.-Rollo el. RML SK10 4166K</t>
  </si>
  <si>
    <t>RML SK10 4167K</t>
  </si>
  <si>
    <t>5702329505239</t>
  </si>
  <si>
    <t>VELUX Sichts.-Rollo el. RML SK10 4167K</t>
  </si>
  <si>
    <t>RML SK10 4169KWL</t>
  </si>
  <si>
    <t>5702329513418</t>
  </si>
  <si>
    <t>VELUX Sichts.-Rollo el. RML SK10 4169KWL</t>
  </si>
  <si>
    <t>RML SK10 4170KWL</t>
  </si>
  <si>
    <t>5702329513425</t>
  </si>
  <si>
    <t>VELUX Sichts.-Rollo el. RML SK10 4170KWL</t>
  </si>
  <si>
    <t>RML SK10 CBYK</t>
  </si>
  <si>
    <t>5702329505291</t>
  </si>
  <si>
    <t>VELUX Sichts.-Rollo el. RML SK10 CBYK</t>
  </si>
  <si>
    <t>RML SK10 CBYKWL</t>
  </si>
  <si>
    <t>5702329513456</t>
  </si>
  <si>
    <t>VELUX Sichts.-Rollo el. RML SK10 CBYKWL</t>
  </si>
  <si>
    <t>RML U04 1028K</t>
  </si>
  <si>
    <t>5702329505307</t>
  </si>
  <si>
    <t>VELUX Sichts.-Rollo el. RML U04 1028K</t>
  </si>
  <si>
    <t>RML U04 1028KWL</t>
  </si>
  <si>
    <t>5702329513463</t>
  </si>
  <si>
    <t>VELUX Sichts.-Rollo el. RML U04 1028KWL</t>
  </si>
  <si>
    <t>RML U04 1086K</t>
  </si>
  <si>
    <t>5702329505314</t>
  </si>
  <si>
    <t>VELUX Sichts.-Rollo el. RML U04 1086K</t>
  </si>
  <si>
    <t>RML U04 4069K</t>
  </si>
  <si>
    <t>5702329505321</t>
  </si>
  <si>
    <t>VELUX Sichts.-Rollo el. RML U04 4069K</t>
  </si>
  <si>
    <t>RML U04 4069KWL</t>
  </si>
  <si>
    <t>5702329513487</t>
  </si>
  <si>
    <t>VELUX Sichts.-Rollo el. RML U04 4069KWL</t>
  </si>
  <si>
    <t>RML U04 4155K</t>
  </si>
  <si>
    <t>5702329505338</t>
  </si>
  <si>
    <t>VELUX Sichts.-Rollo el. RML U04 4155K</t>
  </si>
  <si>
    <t>RML U04 4161K</t>
  </si>
  <si>
    <t>5702329505345</t>
  </si>
  <si>
    <t>VELUX Sichts.-Rollo el. RML U04 4161K</t>
  </si>
  <si>
    <t>RML U04 4161KWL</t>
  </si>
  <si>
    <t>5702329513500</t>
  </si>
  <si>
    <t>VELUX Sichts.-Rollo el. RML U04 4161KWL</t>
  </si>
  <si>
    <t>RML U04 4169K</t>
  </si>
  <si>
    <t>5702329505420</t>
  </si>
  <si>
    <t>VELUX Sichts.-Rollo el. RML U04 4169K</t>
  </si>
  <si>
    <t>RML U04 4169KWL</t>
  </si>
  <si>
    <t>5702329513586</t>
  </si>
  <si>
    <t>VELUX Sichts.-Rollo el. RML U04 4169KWL</t>
  </si>
  <si>
    <t>RML U04 4170KWL</t>
  </si>
  <si>
    <t>5702329513593</t>
  </si>
  <si>
    <t>VELUX Sichts.-Rollo el. RML U04 4170KWL</t>
  </si>
  <si>
    <t>RML U04 CBYK</t>
  </si>
  <si>
    <t>5702329505468</t>
  </si>
  <si>
    <t>VELUX Sichts.-Rollo el. RML U04 CBYK</t>
  </si>
  <si>
    <t>RML U04 CBYKWL</t>
  </si>
  <si>
    <t>5702329513623</t>
  </si>
  <si>
    <t>VELUX Sichts.-Rollo el. RML U04 CBYKWL</t>
  </si>
  <si>
    <t>RML U08 1028K</t>
  </si>
  <si>
    <t>5702329505475</t>
  </si>
  <si>
    <t>VELUX Sichts.-Rollo el. RML U08 1028K</t>
  </si>
  <si>
    <t>RML U08 1028KWL</t>
  </si>
  <si>
    <t>5702329513630</t>
  </si>
  <si>
    <t>VELUX Sichts.-Rollo el. RML U08 1028KWL</t>
  </si>
  <si>
    <t>RML U08 1086K</t>
  </si>
  <si>
    <t>5702329505482</t>
  </si>
  <si>
    <t>VELUX Sichts.-Rollo el. RML U08 1086K</t>
  </si>
  <si>
    <t>RML U08 1086KWL</t>
  </si>
  <si>
    <t>5702329513647</t>
  </si>
  <si>
    <t>VELUX Sichts.-Rollo el. RML U08 1086KWL</t>
  </si>
  <si>
    <t>RML U08 4069K</t>
  </si>
  <si>
    <t>5702329505499</t>
  </si>
  <si>
    <t>VELUX Sichts.-Rollo el. RML U08 4069K</t>
  </si>
  <si>
    <t>RML U08 4155KWL</t>
  </si>
  <si>
    <t>5702329513661</t>
  </si>
  <si>
    <t>VELUX Sichts.-Rollo el. RML U08 4155KWL</t>
  </si>
  <si>
    <t>RML U08 4161K</t>
  </si>
  <si>
    <t>5702329505512</t>
  </si>
  <si>
    <t>VELUX Sichts.-Rollo el. RML U08 4161K</t>
  </si>
  <si>
    <t>RML U08 4161KWL</t>
  </si>
  <si>
    <t>5702329513678</t>
  </si>
  <si>
    <t>VELUX Sichts.-Rollo el. RML U08 4161KWL</t>
  </si>
  <si>
    <t>RML U08 4163K</t>
  </si>
  <si>
    <t>5702329505536</t>
  </si>
  <si>
    <t>VELUX Sichts.-Rollo el. RML U08 4163K</t>
  </si>
  <si>
    <t>RML U08 4164K</t>
  </si>
  <si>
    <t>5702329505543</t>
  </si>
  <si>
    <t>VELUX Sichts.-Rollo el. RML U08 4164K</t>
  </si>
  <si>
    <t>RML U08 4165K</t>
  </si>
  <si>
    <t>5702329505550</t>
  </si>
  <si>
    <t>VELUX Sichts.-Rollo el. RML U08 4165K</t>
  </si>
  <si>
    <t>RML U08 4165KWL</t>
  </si>
  <si>
    <t>5702329513715</t>
  </si>
  <si>
    <t>VELUX Sichts.-Rollo el. RML U08 4165KWL</t>
  </si>
  <si>
    <t>RML U08 4166K</t>
  </si>
  <si>
    <t>5702329505567</t>
  </si>
  <si>
    <t>VELUX Sichts.-Rollo el. RML U08 4166K</t>
  </si>
  <si>
    <t>RML U08 4169K</t>
  </si>
  <si>
    <t>5702329505598</t>
  </si>
  <si>
    <t>VELUX Sichts.-Rollo el. RML U08 4169K</t>
  </si>
  <si>
    <t>RML U08 4170K</t>
  </si>
  <si>
    <t>5702329505604</t>
  </si>
  <si>
    <t>VELUX Sichts.-Rollo el. RML U08 4170K</t>
  </si>
  <si>
    <t>RML U08 9050K</t>
  </si>
  <si>
    <t>5702329505628</t>
  </si>
  <si>
    <t>VELUX Sichts.-Rollo el. RML U08 9050K</t>
  </si>
  <si>
    <t>RML U08 CBYK</t>
  </si>
  <si>
    <t>5702329505635</t>
  </si>
  <si>
    <t>VELUX Sichts.-Rollo el. RML U08 CBYK</t>
  </si>
  <si>
    <t>RML U08 CBYKWL</t>
  </si>
  <si>
    <t>5702329513791</t>
  </si>
  <si>
    <t>VELUX Sichts.-Rollo el. RML U08 CBYKWL</t>
  </si>
  <si>
    <t>RML U10 1028K</t>
  </si>
  <si>
    <t>5702329505642</t>
  </si>
  <si>
    <t>VELUX Sichts.-Rollo el. RML U10 1028K</t>
  </si>
  <si>
    <t>RML U10 1028KWL</t>
  </si>
  <si>
    <t>5702329513807</t>
  </si>
  <si>
    <t>VELUX Sichts.-Rollo el. RML U10 1028KWL</t>
  </si>
  <si>
    <t>RML U10 4155K</t>
  </si>
  <si>
    <t>5702329505673</t>
  </si>
  <si>
    <t>VELUX Sichts.-Rollo el. RML U10 4155K</t>
  </si>
  <si>
    <t>RML U10 4166K</t>
  </si>
  <si>
    <t>5702329505734</t>
  </si>
  <si>
    <t>VELUX Sichts.-Rollo el. RML U10 4166K</t>
  </si>
  <si>
    <t>RML U10 CBYK</t>
  </si>
  <si>
    <t>5702329505802</t>
  </si>
  <si>
    <t>VELUX Sichts.-Rollo el. RML U10 CBYK</t>
  </si>
  <si>
    <t>RML U10 CBYKWL</t>
  </si>
  <si>
    <t>5702329513968</t>
  </si>
  <si>
    <t>VELUX Sichts.-Rollo el. RML U10 CBYKWL</t>
  </si>
  <si>
    <t>RML UK04 1028K</t>
  </si>
  <si>
    <t>5702329505819</t>
  </si>
  <si>
    <t>VELUX Sichts.-Rollo el. RML UK04 1028K</t>
  </si>
  <si>
    <t>RML UK04 1028KWL</t>
  </si>
  <si>
    <t>5702329513975</t>
  </si>
  <si>
    <t>VELUX Sichts.-Rollo el. RML UK04 1028KWL</t>
  </si>
  <si>
    <t>RML UK04 1086K</t>
  </si>
  <si>
    <t>5702329505826</t>
  </si>
  <si>
    <t>VELUX Sichts.-Rollo el. RML UK04 1086K</t>
  </si>
  <si>
    <t>RML UK04 1086KWL</t>
  </si>
  <si>
    <t>5702329513982</t>
  </si>
  <si>
    <t>VELUX Sichts.-Rollo el. RML UK04 1086KWL</t>
  </si>
  <si>
    <t>RML UK04 4069K</t>
  </si>
  <si>
    <t>5702329505833</t>
  </si>
  <si>
    <t>VELUX Sichts.-Rollo el. RML UK04 4069K</t>
  </si>
  <si>
    <t>RML UK04 4155K</t>
  </si>
  <si>
    <t>5702329505840</t>
  </si>
  <si>
    <t>VELUX Sichts.-Rollo el. RML UK04 4155K</t>
  </si>
  <si>
    <t>RML UK04 4155KWL</t>
  </si>
  <si>
    <t>5702329514002</t>
  </si>
  <si>
    <t>VELUX Sichts.-Rollo el. RML UK04 4155KWL</t>
  </si>
  <si>
    <t>RML UK04 4161K</t>
  </si>
  <si>
    <t>5702329505857</t>
  </si>
  <si>
    <t>VELUX Sichts.-Rollo el. RML UK04 4161K</t>
  </si>
  <si>
    <t>RML UK04 4161KWL</t>
  </si>
  <si>
    <t>5702329514019</t>
  </si>
  <si>
    <t>VELUX Sichts.-Rollo el. RML UK04 4161KWL</t>
  </si>
  <si>
    <t>RML UK04 4162K</t>
  </si>
  <si>
    <t>5702329505864</t>
  </si>
  <si>
    <t>VELUX Sichts.-Rollo el. RML UK04 4162K</t>
  </si>
  <si>
    <t>RML UK04 4162KWL</t>
  </si>
  <si>
    <t>5702329514026</t>
  </si>
  <si>
    <t>VELUX Sichts.-Rollo el. RML UK04 4162KWL</t>
  </si>
  <si>
    <t>RML UK04 4163K</t>
  </si>
  <si>
    <t>5702329505871</t>
  </si>
  <si>
    <t>VELUX Sichts.-Rollo el. RML UK04 4163K</t>
  </si>
  <si>
    <t>RML UK04 4163KWL</t>
  </si>
  <si>
    <t>5702329514033</t>
  </si>
  <si>
    <t>VELUX Sichts.-Rollo el. RML UK04 4163KWL</t>
  </si>
  <si>
    <t>RML UK04 4164K</t>
  </si>
  <si>
    <t>5702329505888</t>
  </si>
  <si>
    <t>VELUX Sichts.-Rollo el. RML UK04 4164K</t>
  </si>
  <si>
    <t>RML UK04 4164KWL</t>
  </si>
  <si>
    <t>5702329514040</t>
  </si>
  <si>
    <t>VELUX Sichts.-Rollo el. RML UK04 4164KWL</t>
  </si>
  <si>
    <t>RML UK04 4165KWL</t>
  </si>
  <si>
    <t>5702329514057</t>
  </si>
  <si>
    <t>VELUX Sichts.-Rollo el. RML UK04 4165KWL</t>
  </si>
  <si>
    <t>RML UK04 4166K</t>
  </si>
  <si>
    <t>5702329505901</t>
  </si>
  <si>
    <t>VELUX Sichts.-Rollo el. RML UK04 4166K</t>
  </si>
  <si>
    <t>RML UK04 4166KWL</t>
  </si>
  <si>
    <t>5702329514064</t>
  </si>
  <si>
    <t>VELUX Sichts.-Rollo el. RML UK04 4166KWL</t>
  </si>
  <si>
    <t>RML UK04 4167K</t>
  </si>
  <si>
    <t>5702329505918</t>
  </si>
  <si>
    <t>VELUX Sichts.-Rollo el. RML UK04 4167K</t>
  </si>
  <si>
    <t>RML UK04 4167KWL</t>
  </si>
  <si>
    <t>5702329514071</t>
  </si>
  <si>
    <t>VELUX Sichts.-Rollo el. RML UK04 4167KWL</t>
  </si>
  <si>
    <t>RML UK04 4168K</t>
  </si>
  <si>
    <t>5702329505925</t>
  </si>
  <si>
    <t>VELUX Sichts.-Rollo el. RML UK04 4168K</t>
  </si>
  <si>
    <t>RML UK04 4168KWL</t>
  </si>
  <si>
    <t>5702329514088</t>
  </si>
  <si>
    <t>VELUX Sichts.-Rollo el. RML UK04 4168KWL</t>
  </si>
  <si>
    <t>RML UK04 4169K</t>
  </si>
  <si>
    <t>5702329505932</t>
  </si>
  <si>
    <t>VELUX Sichts.-Rollo el. RML UK04 4169K</t>
  </si>
  <si>
    <t>RML UK04 4169KWL</t>
  </si>
  <si>
    <t>5702329514095</t>
  </si>
  <si>
    <t>VELUX Sichts.-Rollo el. RML UK04 4169KWL</t>
  </si>
  <si>
    <t>RML UK04 4170K</t>
  </si>
  <si>
    <t>5702329505949</t>
  </si>
  <si>
    <t>VELUX Sichts.-Rollo el. RML UK04 4170K</t>
  </si>
  <si>
    <t>RML UK04 4170KWL</t>
  </si>
  <si>
    <t>5702329514101</t>
  </si>
  <si>
    <t>VELUX Sichts.-Rollo el. RML UK04 4170KWL</t>
  </si>
  <si>
    <t>RML UK04 4171KWL</t>
  </si>
  <si>
    <t>5702329514118</t>
  </si>
  <si>
    <t>VELUX Sichts.-Rollo el. RML UK04 4171KWL</t>
  </si>
  <si>
    <t>RML UK04 9050K</t>
  </si>
  <si>
    <t>5702329505963</t>
  </si>
  <si>
    <t>VELUX Sichts.-Rollo el. RML UK04 9050K</t>
  </si>
  <si>
    <t>RML UK04 9050KWL</t>
  </si>
  <si>
    <t>5702329514125</t>
  </si>
  <si>
    <t>VELUX Sichts.-Rollo el. RML UK04 9050KWL</t>
  </si>
  <si>
    <t>RML UK04 CBYK</t>
  </si>
  <si>
    <t>5702329505970</t>
  </si>
  <si>
    <t>VELUX Sichts.-Rollo el. RML UK04 CBYK</t>
  </si>
  <si>
    <t>RML UK04 CBYKWL</t>
  </si>
  <si>
    <t>5702329514132</t>
  </si>
  <si>
    <t>VELUX Sichts.-Rollo el. RML UK04 CBYKWL</t>
  </si>
  <si>
    <t>RML UK08 1028K</t>
  </si>
  <si>
    <t>5702329505987</t>
  </si>
  <si>
    <t>VELUX Sichts.-Rollo el. RML UK08 1028K</t>
  </si>
  <si>
    <t>RML UK08 1028KWL</t>
  </si>
  <si>
    <t>5702329514149</t>
  </si>
  <si>
    <t>VELUX Sichts.-Rollo el. RML UK08 1028KWL</t>
  </si>
  <si>
    <t>RML UK08 1086K</t>
  </si>
  <si>
    <t>5702329505994</t>
  </si>
  <si>
    <t>VELUX Sichts.-Rollo el. RML UK08 1086K</t>
  </si>
  <si>
    <t>RML UK08 1086KWL</t>
  </si>
  <si>
    <t>5702329514156</t>
  </si>
  <si>
    <t>VELUX Sichts.-Rollo el. RML UK08 1086KWL</t>
  </si>
  <si>
    <t>RML UK08 4069K</t>
  </si>
  <si>
    <t>5702329506007</t>
  </si>
  <si>
    <t>VELUX Sichts.-Rollo el. RML UK08 4069K</t>
  </si>
  <si>
    <t>RML UK08 4069KWL</t>
  </si>
  <si>
    <t>5702329514163</t>
  </si>
  <si>
    <t>VELUX Sichts.-Rollo el. RML UK08 4069KWL</t>
  </si>
  <si>
    <t>RML UK08 4155K</t>
  </si>
  <si>
    <t>5702329506014</t>
  </si>
  <si>
    <t>VELUX Sichts.-Rollo el. RML UK08 4155K</t>
  </si>
  <si>
    <t>RML UK08 4155KWL</t>
  </si>
  <si>
    <t>5702329514170</t>
  </si>
  <si>
    <t>VELUX Sichts.-Rollo el. RML UK08 4155KWL</t>
  </si>
  <si>
    <t>RML UK08 4161K</t>
  </si>
  <si>
    <t>5702329506021</t>
  </si>
  <si>
    <t>VELUX Sichts.-Rollo el. RML UK08 4161K</t>
  </si>
  <si>
    <t>RML UK08 4161KWL</t>
  </si>
  <si>
    <t>5702329514187</t>
  </si>
  <si>
    <t>VELUX Sichts.-Rollo el. RML UK08 4161KWL</t>
  </si>
  <si>
    <t>RML UK08 4162K</t>
  </si>
  <si>
    <t>5702329506038</t>
  </si>
  <si>
    <t>VELUX Sichts.-Rollo el. RML UK08 4162K</t>
  </si>
  <si>
    <t>RML UK08 4163K</t>
  </si>
  <si>
    <t>5702329506045</t>
  </si>
  <si>
    <t>VELUX Sichts.-Rollo el. RML UK08 4163K</t>
  </si>
  <si>
    <t>RML UK08 4163KWL</t>
  </si>
  <si>
    <t>5702329514200</t>
  </si>
  <si>
    <t>VELUX Sichts.-Rollo el. RML UK08 4163KWL</t>
  </si>
  <si>
    <t>RML UK08 4164K</t>
  </si>
  <si>
    <t>5702329506052</t>
  </si>
  <si>
    <t>VELUX Sichts.-Rollo el. RML UK08 4164K</t>
  </si>
  <si>
    <t>RML UK08 4164KWL</t>
  </si>
  <si>
    <t>5702329514217</t>
  </si>
  <si>
    <t>VELUX Sichts.-Rollo el. RML UK08 4164KWL</t>
  </si>
  <si>
    <t>RML UK08 4165KWL</t>
  </si>
  <si>
    <t>5702329514224</t>
  </si>
  <si>
    <t>VELUX Sichts.-Rollo el. RML UK08 4165KWL</t>
  </si>
  <si>
    <t>RML UK08 4166K</t>
  </si>
  <si>
    <t>5702329506076</t>
  </si>
  <si>
    <t>VELUX Sichts.-Rollo el. RML UK08 4166K</t>
  </si>
  <si>
    <t>RML UK08 4166KWL</t>
  </si>
  <si>
    <t>5702329514231</t>
  </si>
  <si>
    <t>VELUX Sichts.-Rollo el. RML UK08 4166KWL</t>
  </si>
  <si>
    <t>RML UK08 4167K</t>
  </si>
  <si>
    <t>5702329506083</t>
  </si>
  <si>
    <t>VELUX Sichts.-Rollo el. RML UK08 4167K</t>
  </si>
  <si>
    <t>RML UK08 4167KWL</t>
  </si>
  <si>
    <t>5702329514248</t>
  </si>
  <si>
    <t>VELUX Sichts.-Rollo el. RML UK08 4167KWL</t>
  </si>
  <si>
    <t>RML UK08 4168K</t>
  </si>
  <si>
    <t>5702329506090</t>
  </si>
  <si>
    <t>VELUX Sichts.-Rollo el. RML UK08 4168K</t>
  </si>
  <si>
    <t>RML UK08 4168KWL</t>
  </si>
  <si>
    <t>5702329514255</t>
  </si>
  <si>
    <t>VELUX Sichts.-Rollo el. RML UK08 4168KWL</t>
  </si>
  <si>
    <t>RML UK08 4169K</t>
  </si>
  <si>
    <t>5702329506106</t>
  </si>
  <si>
    <t>VELUX Sichts.-Rollo el. RML UK08 4169K</t>
  </si>
  <si>
    <t>RML UK08 4169KWL</t>
  </si>
  <si>
    <t>5702329514262</t>
  </si>
  <si>
    <t>VELUX Sichts.-Rollo el. RML UK08 4169KWL</t>
  </si>
  <si>
    <t>RML UK08 4170K</t>
  </si>
  <si>
    <t>5702329506113</t>
  </si>
  <si>
    <t>VELUX Sichts.-Rollo el. RML UK08 4170K</t>
  </si>
  <si>
    <t>RML UK08 4170KWL</t>
  </si>
  <si>
    <t>5702329514279</t>
  </si>
  <si>
    <t>VELUX Sichts.-Rollo el. RML UK08 4170KWL</t>
  </si>
  <si>
    <t>RML UK08 4171K</t>
  </si>
  <si>
    <t>5702329506120</t>
  </si>
  <si>
    <t>VELUX Sichts.-Rollo el. RML UK08 4171K</t>
  </si>
  <si>
    <t>RML UK08 9050K</t>
  </si>
  <si>
    <t>5702329506137</t>
  </si>
  <si>
    <t>VELUX Sichts.-Rollo el. RML UK08 9050K</t>
  </si>
  <si>
    <t>RML UK08 9050KWL</t>
  </si>
  <si>
    <t>5702329514293</t>
  </si>
  <si>
    <t>VELUX Sichts.-Rollo el. RML UK08 9050KWL</t>
  </si>
  <si>
    <t>RML UK08 CBYK</t>
  </si>
  <si>
    <t>5702329506144</t>
  </si>
  <si>
    <t>VELUX Sichts.-Rollo el. RML UK08 CBYK</t>
  </si>
  <si>
    <t>RML UK08 CBYKWL</t>
  </si>
  <si>
    <t>5702329514309</t>
  </si>
  <si>
    <t>VELUX Sichts.-Rollo el. RML UK08 CBYKWL</t>
  </si>
  <si>
    <t>RML UK10 1028K</t>
  </si>
  <si>
    <t>5702329506151</t>
  </si>
  <si>
    <t>VELUX Sichts.-Rollo el. RML UK10 1028K</t>
  </si>
  <si>
    <t>RML UK10 1028KWL</t>
  </si>
  <si>
    <t>5702329514316</t>
  </si>
  <si>
    <t>VELUX Sichts.-Rollo el. RML UK10 1028KWL</t>
  </si>
  <si>
    <t>RML UK10 1086K</t>
  </si>
  <si>
    <t>5702329506168</t>
  </si>
  <si>
    <t>VELUX Sichts.-Rollo el. RML UK10 1086K</t>
  </si>
  <si>
    <t>RML UK10 1086KWL</t>
  </si>
  <si>
    <t>5702329514323</t>
  </si>
  <si>
    <t>VELUX Sichts.-Rollo el. RML UK10 1086KWL</t>
  </si>
  <si>
    <t>RML UK10 4069K</t>
  </si>
  <si>
    <t>5702329506175</t>
  </si>
  <si>
    <t>VELUX Sichts.-Rollo el. RML UK10 4069K</t>
  </si>
  <si>
    <t>RML UK10 4069KWL</t>
  </si>
  <si>
    <t>5702329514330</t>
  </si>
  <si>
    <t>VELUX Sichts.-Rollo el. RML UK10 4069KWL</t>
  </si>
  <si>
    <t>RML UK10 4155K</t>
  </si>
  <si>
    <t>5702329506182</t>
  </si>
  <si>
    <t>VELUX Sichts.-Rollo el. RML UK10 4155K</t>
  </si>
  <si>
    <t>RML UK10 4155KWL</t>
  </si>
  <si>
    <t>5702329514347</t>
  </si>
  <si>
    <t>VELUX Sichts.-Rollo el. RML UK10 4155KWL</t>
  </si>
  <si>
    <t>RML UK10 4161K</t>
  </si>
  <si>
    <t>5702329506199</t>
  </si>
  <si>
    <t>VELUX Sichts.-Rollo el. RML UK10 4161K</t>
  </si>
  <si>
    <t>RML UK10 4161KWL</t>
  </si>
  <si>
    <t>5702329514354</t>
  </si>
  <si>
    <t>VELUX Sichts.-Rollo el. RML UK10 4161KWL</t>
  </si>
  <si>
    <t>RML UK10 4163K</t>
  </si>
  <si>
    <t>5702329506212</t>
  </si>
  <si>
    <t>VELUX Sichts.-Rollo el. RML UK10 4163K</t>
  </si>
  <si>
    <t>RML UK10 4163KWL</t>
  </si>
  <si>
    <t>5702329514378</t>
  </si>
  <si>
    <t>VELUX Sichts.-Rollo el. RML UK10 4163KWL</t>
  </si>
  <si>
    <t>RML UK10 4166KWL</t>
  </si>
  <si>
    <t>5702329514408</t>
  </si>
  <si>
    <t>VELUX Sichts.-Rollo el. RML UK10 4166KWL</t>
  </si>
  <si>
    <t>RML UK10 4167KWL</t>
  </si>
  <si>
    <t>5702329514415</t>
  </si>
  <si>
    <t>VELUX Sichts.-Rollo el. RML UK10 4167KWL</t>
  </si>
  <si>
    <t>RML UK10 4169K</t>
  </si>
  <si>
    <t>5702329506274</t>
  </si>
  <si>
    <t>VELUX Sichts.-Rollo el. RML UK10 4169K</t>
  </si>
  <si>
    <t>RML UK10 4169KWL</t>
  </si>
  <si>
    <t>5702329514439</t>
  </si>
  <si>
    <t>VELUX Sichts.-Rollo el. RML UK10 4169KWL</t>
  </si>
  <si>
    <t>RML UK10 9050K</t>
  </si>
  <si>
    <t>5702329506304</t>
  </si>
  <si>
    <t>VELUX Sichts.-Rollo el. RML UK10 9050K</t>
  </si>
  <si>
    <t>RML UK10 CBYK</t>
  </si>
  <si>
    <t>5702329506311</t>
  </si>
  <si>
    <t>VELUX Sichts.-Rollo el. RML UK10 CBYK</t>
  </si>
  <si>
    <t>RML UK10 CBYKWL</t>
  </si>
  <si>
    <t>5702329514477</t>
  </si>
  <si>
    <t>VELUX Sichts.-Rollo el. RML UK10 CBYKWL</t>
  </si>
  <si>
    <t>ROF C02 1028S</t>
  </si>
  <si>
    <t>5702320005127</t>
  </si>
  <si>
    <t>VELUX Vort.-Set M.u.R. ROF C02 1028S</t>
  </si>
  <si>
    <t>ROF C02 1028SWL</t>
  </si>
  <si>
    <t>5702320005110</t>
  </si>
  <si>
    <t>VELUX Vort.-Set M.u.R. ROF C02 1028SWL</t>
  </si>
  <si>
    <t>ROF C02 1086S</t>
  </si>
  <si>
    <t>5702320005141</t>
  </si>
  <si>
    <t>VELUX Vort.-Set M.u.R. ROF C02 1086S</t>
  </si>
  <si>
    <t>ROF C02 1086SWL</t>
  </si>
  <si>
    <t>5702320005134</t>
  </si>
  <si>
    <t>VELUX Vort.-Set M.u.R. ROF C02 1086SWL</t>
  </si>
  <si>
    <t>ROF C02 4161S</t>
  </si>
  <si>
    <t>5702320005165</t>
  </si>
  <si>
    <t>VELUX Vort.-Set M.u.R. ROF C02 4161S</t>
  </si>
  <si>
    <t>ROF C02 4161SWL</t>
  </si>
  <si>
    <t>5702320005158</t>
  </si>
  <si>
    <t>VELUX Vort.-Set M.u.R. ROF C02 4161SWL</t>
  </si>
  <si>
    <t>ROF C02 9050S</t>
  </si>
  <si>
    <t>5702320005189</t>
  </si>
  <si>
    <t>VELUX Vort.-Set M.u.R. ROF C02 9050S</t>
  </si>
  <si>
    <t>ROF C02 9050SWL</t>
  </si>
  <si>
    <t>5702320005172</t>
  </si>
  <si>
    <t>VELUX Vort.-Set M.u.R. ROF C02 9050SWL</t>
  </si>
  <si>
    <t>ROF C04 1028S</t>
  </si>
  <si>
    <t>5702320005202</t>
  </si>
  <si>
    <t>VELUX Vort.-Set M.u.R. ROF C04 1028S</t>
  </si>
  <si>
    <t>ROF C04 1028SWL</t>
  </si>
  <si>
    <t>5702320005196</t>
  </si>
  <si>
    <t>VELUX Vort.-Set M.u.R. ROF C04 1028SWL</t>
  </si>
  <si>
    <t>ROF C04 1086S</t>
  </si>
  <si>
    <t>5702320005233</t>
  </si>
  <si>
    <t>VELUX Vort.-Set M.u.R. ROF C04 1086S</t>
  </si>
  <si>
    <t>ROF C04 1086SWL</t>
  </si>
  <si>
    <t>5702320005226</t>
  </si>
  <si>
    <t>VELUX Vort.-Set M.u.R. ROF C04 1086SWL</t>
  </si>
  <si>
    <t>ROF C04 4161S</t>
  </si>
  <si>
    <t>5702320005257</t>
  </si>
  <si>
    <t>VELUX Vort.-Set M.u.R. ROF C04 4161S</t>
  </si>
  <si>
    <t>ROF C04 4161SWL</t>
  </si>
  <si>
    <t>5702320005240</t>
  </si>
  <si>
    <t>VELUX Vort.-Set M.u.R. ROF C04 4161SWL</t>
  </si>
  <si>
    <t>ROF C04 9050S</t>
  </si>
  <si>
    <t>5702320005271</t>
  </si>
  <si>
    <t>VELUX Vort.-Set M.u.R. ROF C04 9050S</t>
  </si>
  <si>
    <t>ROF C04 9050SWL</t>
  </si>
  <si>
    <t>5702320005264</t>
  </si>
  <si>
    <t>VELUX Vort.-Set M.u.R. ROF C04 9050SWL</t>
  </si>
  <si>
    <t>ROF C06 1028S</t>
  </si>
  <si>
    <t>5702320005295</t>
  </si>
  <si>
    <t>VELUX Vort.-Set M.u.R. ROF C06 1028S</t>
  </si>
  <si>
    <t>ROF C06 1028SWL</t>
  </si>
  <si>
    <t>5702320005288</t>
  </si>
  <si>
    <t>VELUX Vort.-Set M.u.R. ROF C06 1028SWL</t>
  </si>
  <si>
    <t>ROF C06 1086S</t>
  </si>
  <si>
    <t>5702320005318</t>
  </si>
  <si>
    <t>VELUX Vort.-Set M.u.R. ROF C06 1086S</t>
  </si>
  <si>
    <t>ROF C06 1086SWL</t>
  </si>
  <si>
    <t>5702320005301</t>
  </si>
  <si>
    <t>VELUX Vort.-Set M.u.R. ROF C06 1086SWL</t>
  </si>
  <si>
    <t>ROF C06 4161S</t>
  </si>
  <si>
    <t>5702320005332</t>
  </si>
  <si>
    <t>VELUX Vort.-Set M.u.R. ROF C06 4161S</t>
  </si>
  <si>
    <t>ROF C06 4161SWL</t>
  </si>
  <si>
    <t>5702320005325</t>
  </si>
  <si>
    <t>VELUX Vort.-Set M.u.R. ROF C06 4161SWL</t>
  </si>
  <si>
    <t>ROF C06 9050S</t>
  </si>
  <si>
    <t>5702320005356</t>
  </si>
  <si>
    <t>VELUX Vort.-Set M.u.R. ROF C06 9050S</t>
  </si>
  <si>
    <t>ROF C06 9050SWL</t>
  </si>
  <si>
    <t>5702320005349</t>
  </si>
  <si>
    <t>VELUX Vort.-Set M.u.R. ROF C06 9050SWL</t>
  </si>
  <si>
    <t>ROF CK02 1028S</t>
  </si>
  <si>
    <t>5702320005455</t>
  </si>
  <si>
    <t>VELUX Vort.-Set M.u.R. ROF CK02 1028S</t>
  </si>
  <si>
    <t>ROF CK02 1028SWL</t>
  </si>
  <si>
    <t>5702320005448</t>
  </si>
  <si>
    <t>VELUX Vort.-Set M.u.R. ROF CK02 1028SWL</t>
  </si>
  <si>
    <t>ROF CK02 1086S</t>
  </si>
  <si>
    <t>5702320005479</t>
  </si>
  <si>
    <t>VELUX Vort.-Set M.u.R. ROF CK02 1086S</t>
  </si>
  <si>
    <t>ROF CK02 1086SWL</t>
  </si>
  <si>
    <t>5702320005462</t>
  </si>
  <si>
    <t>VELUX Vort.-Set M.u.R. ROF CK02 1086SWL</t>
  </si>
  <si>
    <t>ROF CK02 4161S</t>
  </si>
  <si>
    <t>5702320005493</t>
  </si>
  <si>
    <t>VELUX Vort.-Set M.u.R. ROF CK02 4161S</t>
  </si>
  <si>
    <t>ROF CK02 4161SWL</t>
  </si>
  <si>
    <t>5702320005486</t>
  </si>
  <si>
    <t>VELUX Vort.-Set M.u.R. ROF CK02 4161SWL</t>
  </si>
  <si>
    <t>ROF CK02 9050S</t>
  </si>
  <si>
    <t>5702320005516</t>
  </si>
  <si>
    <t>VELUX Vort.-Set M.u.R. ROF CK02 9050S</t>
  </si>
  <si>
    <t>ROF CK02 9050SWL</t>
  </si>
  <si>
    <t>5702320005509</t>
  </si>
  <si>
    <t>VELUX Vort.-Set M.u.R. ROF CK02 9050SWL</t>
  </si>
  <si>
    <t>ROF CK04 1028S</t>
  </si>
  <si>
    <t>5702320005530</t>
  </si>
  <si>
    <t>VELUX Vort.-Set M.u.R. ROF CK04 1028S</t>
  </si>
  <si>
    <t>ROF CK04 1028SWL</t>
  </si>
  <si>
    <t>5702320005523</t>
  </si>
  <si>
    <t>VELUX Vort.-Set M.u.R. ROF CK04 1028SWL</t>
  </si>
  <si>
    <t>ROF CK04 1086S</t>
  </si>
  <si>
    <t>5702320005554</t>
  </si>
  <si>
    <t>VELUX Vort.-Set M.u.R. ROF CK04 1086S</t>
  </si>
  <si>
    <t>ROF CK04 1086SWL</t>
  </si>
  <si>
    <t>5702320005547</t>
  </si>
  <si>
    <t>VELUX Vort.-Set M.u.R. ROF CK04 1086SWL</t>
  </si>
  <si>
    <t>ROF CK04 4161S</t>
  </si>
  <si>
    <t>5702320005578</t>
  </si>
  <si>
    <t>VELUX Vort.-Set M.u.R. ROF CK04 4161S</t>
  </si>
  <si>
    <t>ROF CK04 4161SWL</t>
  </si>
  <si>
    <t>5702320005561</t>
  </si>
  <si>
    <t>VELUX Vort.-Set M.u.R. ROF CK04 4161SWL</t>
  </si>
  <si>
    <t>ROF CK04 9050S</t>
  </si>
  <si>
    <t>5702320005592</t>
  </si>
  <si>
    <t>VELUX Vort.-Set M.u.R. ROF CK04 9050S</t>
  </si>
  <si>
    <t>ROF CK04 9050SWL</t>
  </si>
  <si>
    <t>5702320005585</t>
  </si>
  <si>
    <t>VELUX Vort.-Set M.u.R. ROF CK04 9050SWL</t>
  </si>
  <si>
    <t>ROF CK06 1028S</t>
  </si>
  <si>
    <t>5702320005615</t>
  </si>
  <si>
    <t>VELUX Vort.-Set M.u.R. ROF CK06 1028S</t>
  </si>
  <si>
    <t>ROF CK06 1028SWL</t>
  </si>
  <si>
    <t>5702320005608</t>
  </si>
  <si>
    <t>VELUX Vort.-Set M.u.R. ROF CK06 1028SWL</t>
  </si>
  <si>
    <t>ROF CK06 1086S</t>
  </si>
  <si>
    <t>5702320005639</t>
  </si>
  <si>
    <t>VELUX Vort.-Set M.u.R. ROF CK06 1086S</t>
  </si>
  <si>
    <t>ROF CK06 1086SWL</t>
  </si>
  <si>
    <t>5702320005622</t>
  </si>
  <si>
    <t>VELUX Vort.-Set M.u.R. ROF CK06 1086SWL</t>
  </si>
  <si>
    <t>ROF CK06 4161S</t>
  </si>
  <si>
    <t>5702320005653</t>
  </si>
  <si>
    <t>VELUX Vort.-Set M.u.R. ROF CK06 4161S</t>
  </si>
  <si>
    <t>ROF CK06 4161SWL</t>
  </si>
  <si>
    <t>5702320005646</t>
  </si>
  <si>
    <t>VELUX Vort.-Set M.u.R. ROF CK06 4161SWL</t>
  </si>
  <si>
    <t>ROF CK06 9050S</t>
  </si>
  <si>
    <t>5702320005677</t>
  </si>
  <si>
    <t>VELUX Vort.-Set M.u.R. ROF CK06 9050S</t>
  </si>
  <si>
    <t>ROF CK06 9050SWL</t>
  </si>
  <si>
    <t>5702320005660</t>
  </si>
  <si>
    <t>VELUX Vort.-Set M.u.R. ROF CK06 9050SWL</t>
  </si>
  <si>
    <t>ROF F04 1028S</t>
  </si>
  <si>
    <t>5702320005691</t>
  </si>
  <si>
    <t>VELUX Vort.-Set M.u.R. ROF F04 1028S</t>
  </si>
  <si>
    <t>ROF F04 1028SWL</t>
  </si>
  <si>
    <t>5702320005684</t>
  </si>
  <si>
    <t>VELUX Vort.-Set M.u.R. ROF F04 1028SWL</t>
  </si>
  <si>
    <t>ROF F04 1086S</t>
  </si>
  <si>
    <t>5702320005714</t>
  </si>
  <si>
    <t>VELUX Vort.-Set M.u.R. ROF F04 1086S</t>
  </si>
  <si>
    <t>ROF F04 1086SWL</t>
  </si>
  <si>
    <t>5702320005707</t>
  </si>
  <si>
    <t>VELUX Vort.-Set M.u.R. ROF F04 1086SWL</t>
  </si>
  <si>
    <t>ROF F04 4161S</t>
  </si>
  <si>
    <t>5702320005738</t>
  </si>
  <si>
    <t>VELUX Vort.-Set M.u.R. ROF F04 4161S</t>
  </si>
  <si>
    <t>ROF F04 4161SWL</t>
  </si>
  <si>
    <t>5702320005721</t>
  </si>
  <si>
    <t>VELUX Vort.-Set M.u.R. ROF F04 4161SWL</t>
  </si>
  <si>
    <t>ROF F04 9050S</t>
  </si>
  <si>
    <t>5702320005752</t>
  </si>
  <si>
    <t>VELUX Vort.-Set M.u.R. ROF F04 9050S</t>
  </si>
  <si>
    <t>ROF F04 9050SWL</t>
  </si>
  <si>
    <t>5702320005745</t>
  </si>
  <si>
    <t>VELUX Vort.-Set M.u.R. ROF F04 9050SWL</t>
  </si>
  <si>
    <t>ROF F06 1028S</t>
  </si>
  <si>
    <t>5702320005776</t>
  </si>
  <si>
    <t>VELUX Vort.-Set M.u.R. ROF F06 1028S</t>
  </si>
  <si>
    <t>ROF F06 1028SWL</t>
  </si>
  <si>
    <t>5702320005769</t>
  </si>
  <si>
    <t>VELUX Vort.-Set M.u.R. ROF F06 1028SWL</t>
  </si>
  <si>
    <t>ROF F06 1086S</t>
  </si>
  <si>
    <t>5702320005790</t>
  </si>
  <si>
    <t>VELUX Vort.-Set M.u.R. ROF F06 1086S</t>
  </si>
  <si>
    <t>ROF F06 1086SWL</t>
  </si>
  <si>
    <t>5702320005783</t>
  </si>
  <si>
    <t>VELUX Vort.-Set M.u.R. ROF F06 1086SWL</t>
  </si>
  <si>
    <t>ROF F06 4161S</t>
  </si>
  <si>
    <t>5702320005813</t>
  </si>
  <si>
    <t>VELUX Vort.-Set M.u.R. ROF F06 4161S</t>
  </si>
  <si>
    <t>ROF F06 4161SWL</t>
  </si>
  <si>
    <t>5702320005806</t>
  </si>
  <si>
    <t>VELUX Vort.-Set M.u.R. ROF F06 4161SWL</t>
  </si>
  <si>
    <t>ROF F06 9050S</t>
  </si>
  <si>
    <t>5702320005844</t>
  </si>
  <si>
    <t>VELUX Vort.-Set M.u.R. ROF F06 9050S</t>
  </si>
  <si>
    <t>ROF F06 9050SWL</t>
  </si>
  <si>
    <t>5702320005820</t>
  </si>
  <si>
    <t>VELUX Vort.-Set M.u.R. ROF F06 9050SWL</t>
  </si>
  <si>
    <t>ROF F08 1028S</t>
  </si>
  <si>
    <t>5702320005868</t>
  </si>
  <si>
    <t>VELUX Vort.-Set M.u.R. ROF F08 1028S</t>
  </si>
  <si>
    <t>ROF F08 1028SWL</t>
  </si>
  <si>
    <t>5702320005851</t>
  </si>
  <si>
    <t>VELUX Vort.-Set M.u.R. ROF F08 1028SWL</t>
  </si>
  <si>
    <t>ROF F08 1086S</t>
  </si>
  <si>
    <t>5702320005882</t>
  </si>
  <si>
    <t>VELUX Vort.-Set M.u.R. ROF F08 1086S</t>
  </si>
  <si>
    <t>ROF F08 1086SWL</t>
  </si>
  <si>
    <t>5702320005875</t>
  </si>
  <si>
    <t>VELUX Vort.-Set M.u.R. ROF F08 1086SWL</t>
  </si>
  <si>
    <t>ROF F08 4161S</t>
  </si>
  <si>
    <t>5702320005905</t>
  </si>
  <si>
    <t>VELUX Vort.-Set M.u.R. ROF F08 4161S</t>
  </si>
  <si>
    <t>ROF F08 4161SWL</t>
  </si>
  <si>
    <t>5702320005899</t>
  </si>
  <si>
    <t>VELUX Vort.-Set M.u.R. ROF F08 4161SWL</t>
  </si>
  <si>
    <t>ROF F08 9050S</t>
  </si>
  <si>
    <t>5702320005929</t>
  </si>
  <si>
    <t>VELUX Vort.-Set M.u.R. ROF F08 9050S</t>
  </si>
  <si>
    <t>ROF F08 9050SWL</t>
  </si>
  <si>
    <t>5702320005912</t>
  </si>
  <si>
    <t>VELUX Vort.-Set M.u.R. ROF F08 9050SWL</t>
  </si>
  <si>
    <t>ROF FK04 1028S</t>
  </si>
  <si>
    <t>5702320005950</t>
  </si>
  <si>
    <t>VELUX Vort.-Set M.u.R. ROF FK04 1028S</t>
  </si>
  <si>
    <t>ROF FK04 1028SWL</t>
  </si>
  <si>
    <t>5702320005936</t>
  </si>
  <si>
    <t>VELUX Vort.-Set M.u.R. ROF FK04 1028SWL</t>
  </si>
  <si>
    <t>ROF FK04 1086S</t>
  </si>
  <si>
    <t>5702320005974</t>
  </si>
  <si>
    <t>VELUX Vort.-Set M.u.R. ROF FK04 1086S</t>
  </si>
  <si>
    <t>ROF FK04 1086SWL</t>
  </si>
  <si>
    <t>5702320005967</t>
  </si>
  <si>
    <t>VELUX Vort.-Set M.u.R. ROF FK04 1086SWL</t>
  </si>
  <si>
    <t>ROF FK04 4161S</t>
  </si>
  <si>
    <t>5702320005998</t>
  </si>
  <si>
    <t>VELUX Vort.-Set M.u.R. ROF FK04 4161S</t>
  </si>
  <si>
    <t>ROF FK04 4161SWL</t>
  </si>
  <si>
    <t>5702320005981</t>
  </si>
  <si>
    <t>VELUX Vort.-Set M.u.R. ROF FK04 4161SWL</t>
  </si>
  <si>
    <t>ROF FK04 9050S</t>
  </si>
  <si>
    <t>5702320006025</t>
  </si>
  <si>
    <t>VELUX Vort.-Set M.u.R. ROF FK04 9050S</t>
  </si>
  <si>
    <t>ROF FK04 9050SWL</t>
  </si>
  <si>
    <t>5702320006001</t>
  </si>
  <si>
    <t>VELUX Vort.-Set M.u.R. ROF FK04 9050SWL</t>
  </si>
  <si>
    <t>ROF FK06 1028S</t>
  </si>
  <si>
    <t>5702320006049</t>
  </si>
  <si>
    <t>VELUX Vort.-Set M.u.R. ROF FK06 1028S</t>
  </si>
  <si>
    <t>ROF FK06 1028SWL</t>
  </si>
  <si>
    <t>5702320006032</t>
  </si>
  <si>
    <t>VELUX Vort.-Set M.u.R. ROF FK06 1028SWL</t>
  </si>
  <si>
    <t>ROF FK06 1086S</t>
  </si>
  <si>
    <t>5702320006063</t>
  </si>
  <si>
    <t>VELUX Vort.-Set M.u.R. ROF FK06 1086S</t>
  </si>
  <si>
    <t>ROF FK06 1086SWL</t>
  </si>
  <si>
    <t>5702320006056</t>
  </si>
  <si>
    <t>VELUX Vort.-Set M.u.R. ROF FK06 1086SWL</t>
  </si>
  <si>
    <t>ROF FK06 4161S</t>
  </si>
  <si>
    <t>5702320006087</t>
  </si>
  <si>
    <t>VELUX Vort.-Set M.u.R. ROF FK06 4161S</t>
  </si>
  <si>
    <t>ROF FK06 4161SWL</t>
  </si>
  <si>
    <t>5702320006070</t>
  </si>
  <si>
    <t>VELUX Vort.-Set M.u.R. ROF FK06 4161SWL</t>
  </si>
  <si>
    <t>ROF FK06 9050S</t>
  </si>
  <si>
    <t>5702320006100</t>
  </si>
  <si>
    <t>VELUX Vort.-Set M.u.R. ROF FK06 9050S</t>
  </si>
  <si>
    <t>ROF FK06 9050SWL</t>
  </si>
  <si>
    <t>5702320006094</t>
  </si>
  <si>
    <t>VELUX Vort.-Set M.u.R. ROF FK06 9050SWL</t>
  </si>
  <si>
    <t>ROF FK08 1028S</t>
  </si>
  <si>
    <t>5702320006124</t>
  </si>
  <si>
    <t>VELUX Vort.-Set M.u.R. ROF FK08 1028S</t>
  </si>
  <si>
    <t>ROF FK08 1028SWL</t>
  </si>
  <si>
    <t>5702320006117</t>
  </si>
  <si>
    <t>VELUX Vort.-Set M.u.R. ROF FK08 1028SWL</t>
  </si>
  <si>
    <t>ROF FK08 1086S</t>
  </si>
  <si>
    <t>5702320006148</t>
  </si>
  <si>
    <t>VELUX Vort.-Set M.u.R. ROF FK08 1086S</t>
  </si>
  <si>
    <t>ROF FK08 1086SWL</t>
  </si>
  <si>
    <t>5702320006131</t>
  </si>
  <si>
    <t>VELUX Vort.-Set M.u.R. ROF FK08 1086SWL</t>
  </si>
  <si>
    <t>ROF FK08 4161S</t>
  </si>
  <si>
    <t>5702320006162</t>
  </si>
  <si>
    <t>VELUX Vort.-Set M.u.R. ROF FK08 4161S</t>
  </si>
  <si>
    <t>ROF FK08 4161SWL</t>
  </si>
  <si>
    <t>5702320006155</t>
  </si>
  <si>
    <t>VELUX Vort.-Set M.u.R. ROF FK08 4161SWL</t>
  </si>
  <si>
    <t>ROF FK08 9050S</t>
  </si>
  <si>
    <t>5702320006186</t>
  </si>
  <si>
    <t>VELUX Vort.-Set M.u.R. ROF FK08 9050S</t>
  </si>
  <si>
    <t>ROF FK08 9050SWL</t>
  </si>
  <si>
    <t>5702320006179</t>
  </si>
  <si>
    <t>VELUX Vort.-Set M.u.R. ROF FK08 9050SWL</t>
  </si>
  <si>
    <t>ROF M04 1028S</t>
  </si>
  <si>
    <t>5702320006209</t>
  </si>
  <si>
    <t>VELUX Vort.-Set M.u.R. ROF M04 1028S</t>
  </si>
  <si>
    <t>ROF M04 1028SWL</t>
  </si>
  <si>
    <t>5702320006193</t>
  </si>
  <si>
    <t>VELUX Vort.-Set M.u.R. ROF M04 1028SWL</t>
  </si>
  <si>
    <t>ROF M04 1086S</t>
  </si>
  <si>
    <t>5702320006230</t>
  </si>
  <si>
    <t>VELUX Vort.-Set M.u.R. ROF M04 1086S</t>
  </si>
  <si>
    <t>ROF M04 1086SWL</t>
  </si>
  <si>
    <t>5702320006223</t>
  </si>
  <si>
    <t>VELUX Vort.-Set M.u.R. ROF M04 1086SWL</t>
  </si>
  <si>
    <t>ROF M04 4161S</t>
  </si>
  <si>
    <t>5702320006254</t>
  </si>
  <si>
    <t>VELUX Vort.-Set M.u.R. ROF M04 4161S</t>
  </si>
  <si>
    <t>ROF M04 4161SWL</t>
  </si>
  <si>
    <t>5702320006247</t>
  </si>
  <si>
    <t>VELUX Vort.-Set M.u.R. ROF M04 4161SWL</t>
  </si>
  <si>
    <t>ROF M04 9050S</t>
  </si>
  <si>
    <t>5702320006278</t>
  </si>
  <si>
    <t>VELUX Vort.-Set M.u.R. ROF M04 9050S</t>
  </si>
  <si>
    <t>ROF M04 9050SWL</t>
  </si>
  <si>
    <t>5702320006261</t>
  </si>
  <si>
    <t>VELUX Vort.-Set M.u.R. ROF M04 9050SWL</t>
  </si>
  <si>
    <t>ROF M06 1028S</t>
  </si>
  <si>
    <t>5702320006292</t>
  </si>
  <si>
    <t>VELUX Vort.-Set M.u.R. ROF M06 1028S</t>
  </si>
  <si>
    <t>ROF M06 1028SWL</t>
  </si>
  <si>
    <t>5702320006285</t>
  </si>
  <si>
    <t>VELUX Vort.-Set M.u.R. ROF M06 1028SWL</t>
  </si>
  <si>
    <t>ROF M06 1086S</t>
  </si>
  <si>
    <t>5702320006339</t>
  </si>
  <si>
    <t>VELUX Vort.-Set M.u.R. ROF M06 1086S</t>
  </si>
  <si>
    <t>ROF M06 1086SWL</t>
  </si>
  <si>
    <t>5702320006315</t>
  </si>
  <si>
    <t>VELUX Vort.-Set M.u.R. ROF M06 1086SWL</t>
  </si>
  <si>
    <t>ROF M06 4161S</t>
  </si>
  <si>
    <t>5702320006377</t>
  </si>
  <si>
    <t>VELUX Vort.-Set M.u.R. ROF M06 4161S</t>
  </si>
  <si>
    <t>ROF M06 4161SWL</t>
  </si>
  <si>
    <t>5702320006353</t>
  </si>
  <si>
    <t>VELUX Vort.-Set M.u.R. ROF M06 4161SWL</t>
  </si>
  <si>
    <t>ROF M06 9050S</t>
  </si>
  <si>
    <t>5702320006391</t>
  </si>
  <si>
    <t>VELUX Vort.-Set M.u.R. ROF M06 9050S</t>
  </si>
  <si>
    <t>ROF M06 9050SWL</t>
  </si>
  <si>
    <t>5702320006384</t>
  </si>
  <si>
    <t>VELUX Vort.-Set M.u.R. ROF M06 9050SWL</t>
  </si>
  <si>
    <t>ROF M08 1028S</t>
  </si>
  <si>
    <t>5702320006414</t>
  </si>
  <si>
    <t>VELUX Vort.-Set M.u.R. ROF M08 1028S</t>
  </si>
  <si>
    <t>ROF M08 1028SWL</t>
  </si>
  <si>
    <t>5702320006407</t>
  </si>
  <si>
    <t>VELUX Vort.-Set M.u.R. ROF M08 1028SWL</t>
  </si>
  <si>
    <t>ROF M08 1086S</t>
  </si>
  <si>
    <t>5702320006452</t>
  </si>
  <si>
    <t>VELUX Vort.-Set M.u.R. ROF M08 1086S</t>
  </si>
  <si>
    <t>ROF M08 1086SWL</t>
  </si>
  <si>
    <t>5702320006438</t>
  </si>
  <si>
    <t>VELUX Vort.-Set M.u.R. ROF M08 1086SWL</t>
  </si>
  <si>
    <t>ROF M08 4161S</t>
  </si>
  <si>
    <t>5702320006483</t>
  </si>
  <si>
    <t>VELUX Vort.-Set M.u.R. ROF M08 4161S</t>
  </si>
  <si>
    <t>ROF M08 4161SWL</t>
  </si>
  <si>
    <t>5702320006476</t>
  </si>
  <si>
    <t>VELUX Vort.-Set M.u.R. ROF M08 4161SWL</t>
  </si>
  <si>
    <t>ROF M08 9050S</t>
  </si>
  <si>
    <t>5702320006506</t>
  </si>
  <si>
    <t>VELUX Vort.-Set M.u.R. ROF M08 9050S</t>
  </si>
  <si>
    <t>ROF M08 9050SWL</t>
  </si>
  <si>
    <t>5702320006490</t>
  </si>
  <si>
    <t>VELUX Vort.-Set M.u.R. ROF M08 9050SWL</t>
  </si>
  <si>
    <t>ROF M10 1028S</t>
  </si>
  <si>
    <t>5702320006520</t>
  </si>
  <si>
    <t>VELUX Vort.-Set M.u.R. ROF M10 1028S</t>
  </si>
  <si>
    <t>ROF M10 1028SWL</t>
  </si>
  <si>
    <t>5702320006513</t>
  </si>
  <si>
    <t>VELUX Vort.-Set M.u.R. ROF M10 1028SWL</t>
  </si>
  <si>
    <t>ROF M10 1086S</t>
  </si>
  <si>
    <t>5702320006544</t>
  </si>
  <si>
    <t>VELUX Vort.-Set M.u.R. ROF M10 1086S</t>
  </si>
  <si>
    <t>ROF M10 1086SWL</t>
  </si>
  <si>
    <t>5702320006537</t>
  </si>
  <si>
    <t>VELUX Vort.-Set M.u.R. ROF M10 1086SWL</t>
  </si>
  <si>
    <t>ROF M10 4161S</t>
  </si>
  <si>
    <t>5702320006568</t>
  </si>
  <si>
    <t>VELUX Vort.-Set M.u.R. ROF M10 4161S</t>
  </si>
  <si>
    <t>ROF M10 4161SWL</t>
  </si>
  <si>
    <t>5702320006551</t>
  </si>
  <si>
    <t>VELUX Vort.-Set M.u.R. ROF M10 4161SWL</t>
  </si>
  <si>
    <t>ROF M10 9050S</t>
  </si>
  <si>
    <t>5702320006582</t>
  </si>
  <si>
    <t>VELUX Vort.-Set M.u.R. ROF M10 9050S</t>
  </si>
  <si>
    <t>ROF M10 9050SWL</t>
  </si>
  <si>
    <t>5702320006575</t>
  </si>
  <si>
    <t>VELUX Vort.-Set M.u.R. ROF M10 9050SWL</t>
  </si>
  <si>
    <t>ROF MK04 1028S</t>
  </si>
  <si>
    <t>5702320006704</t>
  </si>
  <si>
    <t>VELUX Vort.-Set M.u.R. ROF MK04 1028S</t>
  </si>
  <si>
    <t>ROF MK04 1028SWL</t>
  </si>
  <si>
    <t>5702320006698</t>
  </si>
  <si>
    <t>VELUX Vort.-Set M.u.R. ROF MK04 1028SWL</t>
  </si>
  <si>
    <t>ROF MK04 1086S</t>
  </si>
  <si>
    <t>5702320006728</t>
  </si>
  <si>
    <t>VELUX Vort.-Set M.u.R. ROF MK04 1086S</t>
  </si>
  <si>
    <t>ROF MK04 1086SWL</t>
  </si>
  <si>
    <t>5702320006711</t>
  </si>
  <si>
    <t>VELUX Vort.-Set M.u.R. ROF MK04 1086SWL</t>
  </si>
  <si>
    <t>ROF MK04 4161S</t>
  </si>
  <si>
    <t>5702320006742</t>
  </si>
  <si>
    <t>VELUX Vort.-Set M.u.R. ROF MK04 4161S</t>
  </si>
  <si>
    <t>ROF MK04 4161SWL</t>
  </si>
  <si>
    <t>5702320006735</t>
  </si>
  <si>
    <t>VELUX Vort.-Set M.u.R. ROF MK04 4161SWL</t>
  </si>
  <si>
    <t>ROF MK04 9050S</t>
  </si>
  <si>
    <t>5702320006766</t>
  </si>
  <si>
    <t>VELUX Vort.-Set M.u.R. ROF MK04 9050S</t>
  </si>
  <si>
    <t>ROF MK04 9050SWL</t>
  </si>
  <si>
    <t>5702320006759</t>
  </si>
  <si>
    <t>VELUX Vort.-Set M.u.R. ROF MK04 9050SWL</t>
  </si>
  <si>
    <t>ROF MK06 1028S</t>
  </si>
  <si>
    <t>5702320006780</t>
  </si>
  <si>
    <t>VELUX Vort.-Set M.u.R. ROF MK06 1028S</t>
  </si>
  <si>
    <t>ROF MK06 1028SWL</t>
  </si>
  <si>
    <t>5702320006773</t>
  </si>
  <si>
    <t>VELUX Vort.-Set M.u.R. ROF MK06 1028SWL</t>
  </si>
  <si>
    <t>ROF MK06 1086S</t>
  </si>
  <si>
    <t>5702320006803</t>
  </si>
  <si>
    <t>VELUX Vort.-Set M.u.R. ROF MK06 1086S</t>
  </si>
  <si>
    <t>ROF MK06 1086SWL</t>
  </si>
  <si>
    <t>5702320006797</t>
  </si>
  <si>
    <t>VELUX Vort.-Set M.u.R. ROF MK06 1086SWL</t>
  </si>
  <si>
    <t>ROF MK06 4161S</t>
  </si>
  <si>
    <t>5702320006889</t>
  </si>
  <si>
    <t>VELUX Vort.-Set M.u.R. ROF MK06 4161S</t>
  </si>
  <si>
    <t>ROF MK06 4161SWL</t>
  </si>
  <si>
    <t>5702320006872</t>
  </si>
  <si>
    <t>VELUX Vort.-Set M.u.R. ROF MK06 4161SWL</t>
  </si>
  <si>
    <t>ROF MK06 9050S</t>
  </si>
  <si>
    <t>5702320006902</t>
  </si>
  <si>
    <t>VELUX Vort.-Set M.u.R. ROF MK06 9050S</t>
  </si>
  <si>
    <t>ROF MK06 9050SWL</t>
  </si>
  <si>
    <t>5702320006896</t>
  </si>
  <si>
    <t>VELUX Vort.-Set M.u.R. ROF MK06 9050SWL</t>
  </si>
  <si>
    <t>ROF MK08 1028S</t>
  </si>
  <si>
    <t>5702320007183</t>
  </si>
  <si>
    <t>VELUX Vort.-Set M.u.R. ROF MK08 1028S</t>
  </si>
  <si>
    <t>ROF MK08 1028SWL</t>
  </si>
  <si>
    <t>5702320007176</t>
  </si>
  <si>
    <t>VELUX Vort.-Set M.u.R. ROF MK08 1028SWL</t>
  </si>
  <si>
    <t>ROF MK08 1086S</t>
  </si>
  <si>
    <t>5702320007220</t>
  </si>
  <si>
    <t>VELUX Vort.-Set M.u.R. ROF MK08 1086S</t>
  </si>
  <si>
    <t>ROF MK08 1086SWL</t>
  </si>
  <si>
    <t>5702320007206</t>
  </si>
  <si>
    <t>VELUX Vort.-Set M.u.R. ROF MK08 1086SWL</t>
  </si>
  <si>
    <t>ROF MK08 4161S</t>
  </si>
  <si>
    <t>5702320007244</t>
  </si>
  <si>
    <t>VELUX Vort.-Set M.u.R. ROF MK08 4161S</t>
  </si>
  <si>
    <t>ROF MK08 4161SWL</t>
  </si>
  <si>
    <t>5702320007237</t>
  </si>
  <si>
    <t>VELUX Vort.-Set M.u.R. ROF MK08 4161SWL</t>
  </si>
  <si>
    <t>ROF MK08 9050S</t>
  </si>
  <si>
    <t>5702320007268</t>
  </si>
  <si>
    <t>VELUX Vort.-Set M.u.R. ROF MK08 9050S</t>
  </si>
  <si>
    <t>ROF MK08 9050SWL</t>
  </si>
  <si>
    <t>5702320007251</t>
  </si>
  <si>
    <t>VELUX Vort.-Set M.u.R. ROF MK08 9050SWL</t>
  </si>
  <si>
    <t>ROF MK10 1028S</t>
  </si>
  <si>
    <t>5702320007282</t>
  </si>
  <si>
    <t>VELUX Vort.-Set M.u.R. ROF MK10 1028S</t>
  </si>
  <si>
    <t>ROF MK10 1028SWL</t>
  </si>
  <si>
    <t>5702320007275</t>
  </si>
  <si>
    <t>VELUX Vort.-Set M.u.R. ROF MK10 1028SWL</t>
  </si>
  <si>
    <t>ROF MK10 1086S</t>
  </si>
  <si>
    <t>5702320007305</t>
  </si>
  <si>
    <t>VELUX Vort.-Set M.u.R. ROF MK10 1086S</t>
  </si>
  <si>
    <t>ROF MK10 1086SWL</t>
  </si>
  <si>
    <t>5702320007299</t>
  </si>
  <si>
    <t>VELUX Vort.-Set M.u.R. ROF MK10 1086SWL</t>
  </si>
  <si>
    <t>ROF MK10 4161S</t>
  </si>
  <si>
    <t>5702320007329</t>
  </si>
  <si>
    <t>VELUX Vort.-Set M.u.R. ROF MK10 4161S</t>
  </si>
  <si>
    <t>ROF MK10 4161SWL</t>
  </si>
  <si>
    <t>5702320007312</t>
  </si>
  <si>
    <t>VELUX Vort.-Set M.u.R. ROF MK10 4161SWL</t>
  </si>
  <si>
    <t>ROF MK10 9050S</t>
  </si>
  <si>
    <t>5702320007343</t>
  </si>
  <si>
    <t>VELUX Vort.-Set M.u.R. ROF MK10 9050S</t>
  </si>
  <si>
    <t>ROF MK10 9050SWL</t>
  </si>
  <si>
    <t>5702320007336</t>
  </si>
  <si>
    <t>VELUX Vort.-Set M.u.R. ROF MK10 9050SWL</t>
  </si>
  <si>
    <t>ROF MK12 1028S</t>
  </si>
  <si>
    <t>5702320007367</t>
  </si>
  <si>
    <t>VELUX Vort.-Set M.u.R. ROF MK12 1028S</t>
  </si>
  <si>
    <t>ROF MK12 1028SWL</t>
  </si>
  <si>
    <t>5702320007350</t>
  </si>
  <si>
    <t>VELUX Vort.-Set M.u.R. ROF MK12 1028SWL</t>
  </si>
  <si>
    <t>ROF MK12 1086S</t>
  </si>
  <si>
    <t>5702320007381</t>
  </si>
  <si>
    <t>VELUX Vort.-Set M.u.R. ROF MK12 1086S</t>
  </si>
  <si>
    <t>ROF MK12 1086SWL</t>
  </si>
  <si>
    <t>5702320007374</t>
  </si>
  <si>
    <t>VELUX Vort.-Set M.u.R. ROF MK12 1086SWL</t>
  </si>
  <si>
    <t>ROF MK12 4161S</t>
  </si>
  <si>
    <t>5702320007404</t>
  </si>
  <si>
    <t>VELUX Vort.-Set M.u.R. ROF MK12 4161S</t>
  </si>
  <si>
    <t>ROF MK12 4161SWL</t>
  </si>
  <si>
    <t>5702320007398</t>
  </si>
  <si>
    <t>VELUX Vort.-Set M.u.R. ROF MK12 4161SWL</t>
  </si>
  <si>
    <t>ROF MK12 9050S</t>
  </si>
  <si>
    <t>5702320007428</t>
  </si>
  <si>
    <t>VELUX Vort.-Set M.u.R. ROF MK12 9050S</t>
  </si>
  <si>
    <t>ROF MK12 9050SWL</t>
  </si>
  <si>
    <t>5702320007411</t>
  </si>
  <si>
    <t>VELUX Vort.-Set M.u.R. ROF MK12 9050SWL</t>
  </si>
  <si>
    <t>ROF P06 1028S</t>
  </si>
  <si>
    <t>5702320007527</t>
  </si>
  <si>
    <t>VELUX Vort.-Set M.u.R. ROF P06 1028S</t>
  </si>
  <si>
    <t>ROF P06 1028SWL</t>
  </si>
  <si>
    <t>5702320007510</t>
  </si>
  <si>
    <t>VELUX Vort.-Set M.u.R. ROF P06 1028SWL</t>
  </si>
  <si>
    <t>ROF P06 1086S</t>
  </si>
  <si>
    <t>5702320007541</t>
  </si>
  <si>
    <t>VELUX Vort.-Set M.u.R. ROF P06 1086S</t>
  </si>
  <si>
    <t>ROF P06 1086SWL</t>
  </si>
  <si>
    <t>5702320007534</t>
  </si>
  <si>
    <t>VELUX Vort.-Set M.u.R. ROF P06 1086SWL</t>
  </si>
  <si>
    <t>ROF P06 4161S</t>
  </si>
  <si>
    <t>5702320007565</t>
  </si>
  <si>
    <t>VELUX Vort.-Set M.u.R. ROF P06 4161S</t>
  </si>
  <si>
    <t>ROF P06 4161SWL</t>
  </si>
  <si>
    <t>5702320007558</t>
  </si>
  <si>
    <t>VELUX Vort.-Set M.u.R. ROF P06 4161SWL</t>
  </si>
  <si>
    <t>ROF P06 9050S</t>
  </si>
  <si>
    <t>5702320007589</t>
  </si>
  <si>
    <t>VELUX Vort.-Set M.u.R. ROF P06 9050S</t>
  </si>
  <si>
    <t>ROF P06 9050SWL</t>
  </si>
  <si>
    <t>5702320007572</t>
  </si>
  <si>
    <t>VELUX Vort.-Set M.u.R. ROF P06 9050SWL</t>
  </si>
  <si>
    <t>ROF P08 1028S</t>
  </si>
  <si>
    <t>5702320007602</t>
  </si>
  <si>
    <t>VELUX Vort.-Set M.u.R. ROF P08 1028S</t>
  </si>
  <si>
    <t>ROF P08 1028SWL</t>
  </si>
  <si>
    <t>5702320007596</t>
  </si>
  <si>
    <t>VELUX Vort.-Set M.u.R. ROF P08 1028SWL</t>
  </si>
  <si>
    <t>ROF P08 1086S</t>
  </si>
  <si>
    <t>5702320007626</t>
  </si>
  <si>
    <t>VELUX Vort.-Set M.u.R. ROF P08 1086S</t>
  </si>
  <si>
    <t>ROF P08 1086SWL</t>
  </si>
  <si>
    <t>5702320007619</t>
  </si>
  <si>
    <t>VELUX Vort.-Set M.u.R. ROF P08 1086SWL</t>
  </si>
  <si>
    <t>ROF P08 4161S</t>
  </si>
  <si>
    <t>5702320007640</t>
  </si>
  <si>
    <t>VELUX Vort.-Set M.u.R. ROF P08 4161S</t>
  </si>
  <si>
    <t>ROF P08 4161SWL</t>
  </si>
  <si>
    <t>5702320007633</t>
  </si>
  <si>
    <t>VELUX Vort.-Set M.u.R. ROF P08 4161SWL</t>
  </si>
  <si>
    <t>ROF P08 9050S</t>
  </si>
  <si>
    <t>5702320007664</t>
  </si>
  <si>
    <t>VELUX Vort.-Set M.u.R. ROF P08 9050S</t>
  </si>
  <si>
    <t>ROF P08 9050SWL</t>
  </si>
  <si>
    <t>5702320007657</t>
  </si>
  <si>
    <t>VELUX Vort.-Set M.u.R. ROF P08 9050SWL</t>
  </si>
  <si>
    <t>ROF P10 1028S</t>
  </si>
  <si>
    <t>5702320007688</t>
  </si>
  <si>
    <t>VELUX Vort.-Set M.u.R. ROF P10 1028S</t>
  </si>
  <si>
    <t>ROF P10 1028SWL</t>
  </si>
  <si>
    <t>5702320007671</t>
  </si>
  <si>
    <t>VELUX Vort.-Set M.u.R. ROF P10 1028SWL</t>
  </si>
  <si>
    <t>ROF P10 1086S</t>
  </si>
  <si>
    <t>5702320007701</t>
  </si>
  <si>
    <t>VELUX Vort.-Set M.u.R. ROF P10 1086S</t>
  </si>
  <si>
    <t>ROF P10 1086SWL</t>
  </si>
  <si>
    <t>5702320007695</t>
  </si>
  <si>
    <t>VELUX Vort.-Set M.u.R. ROF P10 1086SWL</t>
  </si>
  <si>
    <t>ROF P10 4161S</t>
  </si>
  <si>
    <t>5702320007725</t>
  </si>
  <si>
    <t>VELUX Vort.-Set M.u.R. ROF P10 4161S</t>
  </si>
  <si>
    <t>ROF P10 4161SWL</t>
  </si>
  <si>
    <t>5702320007718</t>
  </si>
  <si>
    <t>VELUX Vort.-Set M.u.R. ROF P10 4161SWL</t>
  </si>
  <si>
    <t>ROF P10 9050S</t>
  </si>
  <si>
    <t>5702320007749</t>
  </si>
  <si>
    <t>VELUX Vort.-Set M.u.R. ROF P10 9050S</t>
  </si>
  <si>
    <t>ROF P10 9050SWL</t>
  </si>
  <si>
    <t>5702320007732</t>
  </si>
  <si>
    <t>VELUX Vort.-Set M.u.R. ROF P10 9050SWL</t>
  </si>
  <si>
    <t>ROF PK06 1028S</t>
  </si>
  <si>
    <t>5702320008401</t>
  </si>
  <si>
    <t>VELUX Vort.-Set M.u.R. ROF PK06 1028S</t>
  </si>
  <si>
    <t>ROF PK06 1028SWL</t>
  </si>
  <si>
    <t>5702320008395</t>
  </si>
  <si>
    <t>VELUX Vort.-Set M.u.R. ROF PK06 1028SWL</t>
  </si>
  <si>
    <t>ROF PK06 1086S</t>
  </si>
  <si>
    <t>5702320008425</t>
  </si>
  <si>
    <t>VELUX Vort.-Set M.u.R. ROF PK06 1086S</t>
  </si>
  <si>
    <t>ROF PK06 1086SWL</t>
  </si>
  <si>
    <t>5702320008418</t>
  </si>
  <si>
    <t>VELUX Vort.-Set M.u.R. ROF PK06 1086SWL</t>
  </si>
  <si>
    <t>ROF PK06 4161S</t>
  </si>
  <si>
    <t>5702320008449</t>
  </si>
  <si>
    <t>VELUX Vort.-Set M.u.R. ROF PK06 4161S</t>
  </si>
  <si>
    <t>ROF PK06 4161SWL</t>
  </si>
  <si>
    <t>5702320008432</t>
  </si>
  <si>
    <t>VELUX Vort.-Set M.u.R. ROF PK06 4161SWL</t>
  </si>
  <si>
    <t>ROF PK06 9050S</t>
  </si>
  <si>
    <t>5702320008463</t>
  </si>
  <si>
    <t>VELUX Vort.-Set M.u.R. ROF PK06 9050S</t>
  </si>
  <si>
    <t>ROF PK06 9050SWL</t>
  </si>
  <si>
    <t>5702320008456</t>
  </si>
  <si>
    <t>VELUX Vort.-Set M.u.R. ROF PK06 9050SWL</t>
  </si>
  <si>
    <t>ROF PK08 1028S</t>
  </si>
  <si>
    <t>5702320008487</t>
  </si>
  <si>
    <t>VELUX Vort.-Set M.u.R. ROF PK08 1028S</t>
  </si>
  <si>
    <t>ROF PK08 1028SWL</t>
  </si>
  <si>
    <t>5702320008470</t>
  </si>
  <si>
    <t>VELUX Vort.-Set M.u.R. ROF PK08 1028SWL</t>
  </si>
  <si>
    <t>ROF PK08 1086S</t>
  </si>
  <si>
    <t>5702320008500</t>
  </si>
  <si>
    <t>VELUX Vort.-Set M.u.R. ROF PK08 1086S</t>
  </si>
  <si>
    <t>ROF PK08 1086SWL</t>
  </si>
  <si>
    <t>5702320008494</t>
  </si>
  <si>
    <t>VELUX Vort.-Set M.u.R. ROF PK08 1086SWL</t>
  </si>
  <si>
    <t>ROF PK08 4161S</t>
  </si>
  <si>
    <t>5702320008524</t>
  </si>
  <si>
    <t>VELUX Vort.-Set M.u.R. ROF PK08 4161S</t>
  </si>
  <si>
    <t>ROF PK08 4161SWL</t>
  </si>
  <si>
    <t>5702320008517</t>
  </si>
  <si>
    <t>VELUX Vort.-Set M.u.R. ROF PK08 4161SWL</t>
  </si>
  <si>
    <t>ROF PK08 9050S</t>
  </si>
  <si>
    <t>5702320008548</t>
  </si>
  <si>
    <t>VELUX Vort.-Set M.u.R. ROF PK08 9050S</t>
  </si>
  <si>
    <t>ROF PK08 9050SWL</t>
  </si>
  <si>
    <t>5702320008531</t>
  </si>
  <si>
    <t>VELUX Vort.-Set M.u.R. ROF PK08 9050SWL</t>
  </si>
  <si>
    <t>ROF PK10 1028S</t>
  </si>
  <si>
    <t>5702320008562</t>
  </si>
  <si>
    <t>VELUX Vort.-Set M.u.R. ROF PK10 1028S</t>
  </si>
  <si>
    <t>ROF PK10 1028SWL</t>
  </si>
  <si>
    <t>5702320008555</t>
  </si>
  <si>
    <t>VELUX Vort.-Set M.u.R. ROF PK10 1028SWL</t>
  </si>
  <si>
    <t>ROF PK10 1086S</t>
  </si>
  <si>
    <t>5702320008586</t>
  </si>
  <si>
    <t>VELUX Vort.-Set M.u.R. ROF PK10 1086S</t>
  </si>
  <si>
    <t>ROF PK10 1086SWL</t>
  </si>
  <si>
    <t>5702320008579</t>
  </si>
  <si>
    <t>VELUX Vort.-Set M.u.R. ROF PK10 1086SWL</t>
  </si>
  <si>
    <t>ROF PK10 4161S</t>
  </si>
  <si>
    <t>5702320008609</t>
  </si>
  <si>
    <t>VELUX Vort.-Set M.u.R. ROF PK10 4161S</t>
  </si>
  <si>
    <t>ROF PK10 4161SWL</t>
  </si>
  <si>
    <t>5702320008593</t>
  </si>
  <si>
    <t>VELUX Vort.-Set M.u.R. ROF PK10 4161SWL</t>
  </si>
  <si>
    <t>ROF PK10 9050S</t>
  </si>
  <si>
    <t>5702320008623</t>
  </si>
  <si>
    <t>VELUX Vort.-Set M.u.R. ROF PK10 9050S</t>
  </si>
  <si>
    <t>ROF PK10 9050SWL</t>
  </si>
  <si>
    <t>5702320008616</t>
  </si>
  <si>
    <t>VELUX Vort.-Set M.u.R. ROF PK10 9050SWL</t>
  </si>
  <si>
    <t>ROF S06 1028S</t>
  </si>
  <si>
    <t>5702320008975</t>
  </si>
  <si>
    <t>VELUX Vort.-Set M.u.R. ROF S06 1028S</t>
  </si>
  <si>
    <t>ROF S06 1028SWL</t>
  </si>
  <si>
    <t>5702320008968</t>
  </si>
  <si>
    <t>VELUX Vort.-Set M.u.R. ROF S06 1028SWL</t>
  </si>
  <si>
    <t>ROF S06 1086S</t>
  </si>
  <si>
    <t>5702320008999</t>
  </si>
  <si>
    <t>VELUX Vort.-Set M.u.R. ROF S06 1086S</t>
  </si>
  <si>
    <t>ROF S06 1086SWL</t>
  </si>
  <si>
    <t>5702320008982</t>
  </si>
  <si>
    <t>VELUX Vort.-Set M.u.R. ROF S06 1086SWL</t>
  </si>
  <si>
    <t>ROF S06 4161S</t>
  </si>
  <si>
    <t>5702320009026</t>
  </si>
  <si>
    <t>VELUX Vort.-Set M.u.R. ROF S06 4161S</t>
  </si>
  <si>
    <t>ROF S06 4161SWL</t>
  </si>
  <si>
    <t>5702320009002</t>
  </si>
  <si>
    <t>VELUX Vort.-Set M.u.R. ROF S06 4161SWL</t>
  </si>
  <si>
    <t>ROF S06 9050S</t>
  </si>
  <si>
    <t>5702320009040</t>
  </si>
  <si>
    <t>VELUX Vort.-Set M.u.R. ROF S06 9050S</t>
  </si>
  <si>
    <t>ROF S06 9050SWL</t>
  </si>
  <si>
    <t>5702320009033</t>
  </si>
  <si>
    <t>VELUX Vort.-Set M.u.R. ROF S06 9050SWL</t>
  </si>
  <si>
    <t>ROF S08 1028S</t>
  </si>
  <si>
    <t>5702320009064</t>
  </si>
  <si>
    <t>VELUX Vort.-Set M.u.R. ROF S08 1028S</t>
  </si>
  <si>
    <t>ROF S08 1028SWL</t>
  </si>
  <si>
    <t>5702320009057</t>
  </si>
  <si>
    <t>VELUX Vort.-Set M.u.R. ROF S08 1028SWL</t>
  </si>
  <si>
    <t>ROF S08 1086S</t>
  </si>
  <si>
    <t>5702320009088</t>
  </si>
  <si>
    <t>VELUX Vort.-Set M.u.R. ROF S08 1086S</t>
  </si>
  <si>
    <t>ROF S08 1086SWL</t>
  </si>
  <si>
    <t>5702320009071</t>
  </si>
  <si>
    <t>VELUX Vort.-Set M.u.R. ROF S08 1086SWL</t>
  </si>
  <si>
    <t>ROF S08 4161S</t>
  </si>
  <si>
    <t>5702320009101</t>
  </si>
  <si>
    <t>VELUX Vort.-Set M.u.R. ROF S08 4161S</t>
  </si>
  <si>
    <t>ROF S08 4161SWL</t>
  </si>
  <si>
    <t>5702320009095</t>
  </si>
  <si>
    <t>VELUX Vort.-Set M.u.R. ROF S08 4161SWL</t>
  </si>
  <si>
    <t>ROF S08 9050S</t>
  </si>
  <si>
    <t>5702320009125</t>
  </si>
  <si>
    <t>VELUX Vort.-Set M.u.R. ROF S08 9050S</t>
  </si>
  <si>
    <t>ROF S08 9050SWL</t>
  </si>
  <si>
    <t>5702320009118</t>
  </si>
  <si>
    <t>VELUX Vort.-Set M.u.R. ROF S08 9050SWL</t>
  </si>
  <si>
    <t>ROF S10 1028S</t>
  </si>
  <si>
    <t>5702320009149</t>
  </si>
  <si>
    <t>VELUX Vort.-Set M.u.R. ROF S10 1028S</t>
  </si>
  <si>
    <t>ROF S10 1028SWL</t>
  </si>
  <si>
    <t>5702320009132</t>
  </si>
  <si>
    <t>VELUX Vort.-Set M.u.R. ROF S10 1028SWL</t>
  </si>
  <si>
    <t>ROF S10 1086S</t>
  </si>
  <si>
    <t>5702320009163</t>
  </si>
  <si>
    <t>VELUX Vort.-Set M.u.R. ROF S10 1086S</t>
  </si>
  <si>
    <t>ROF S10 1086SWL</t>
  </si>
  <si>
    <t>5702320009156</t>
  </si>
  <si>
    <t>VELUX Vort.-Set M.u.R. ROF S10 1086SWL</t>
  </si>
  <si>
    <t>ROF S10 4161S</t>
  </si>
  <si>
    <t>5702320009187</t>
  </si>
  <si>
    <t>VELUX Vort.-Set M.u.R. ROF S10 4161S</t>
  </si>
  <si>
    <t>ROF S10 4161SWL</t>
  </si>
  <si>
    <t>5702320009170</t>
  </si>
  <si>
    <t>VELUX Vort.-Set M.u.R. ROF S10 4161SWL</t>
  </si>
  <si>
    <t>ROF S10 9050S</t>
  </si>
  <si>
    <t>5702320009200</t>
  </si>
  <si>
    <t>VELUX Vort.-Set M.u.R. ROF S10 9050S</t>
  </si>
  <si>
    <t>ROF S10 9050SWL</t>
  </si>
  <si>
    <t>5702320009194</t>
  </si>
  <si>
    <t>VELUX Vort.-Set M.u.R. ROF S10 9050SWL</t>
  </si>
  <si>
    <t>ROF SK06 1028S</t>
  </si>
  <si>
    <t>5702320009316</t>
  </si>
  <si>
    <t>VELUX Vort.-Set M.u.R. ROF SK06 1028S</t>
  </si>
  <si>
    <t>ROF SK06 1028SWL</t>
  </si>
  <si>
    <t>5702320009309</t>
  </si>
  <si>
    <t>VELUX Vort.-Set M.u.R. ROF SK06 1028SWL</t>
  </si>
  <si>
    <t>ROF SK06 1086S</t>
  </si>
  <si>
    <t>5702320009330</t>
  </si>
  <si>
    <t>VELUX Vort.-Set M.u.R. ROF SK06 1086S</t>
  </si>
  <si>
    <t>ROF SK06 1086SWL</t>
  </si>
  <si>
    <t>5702320009323</t>
  </si>
  <si>
    <t>VELUX Vort.-Set M.u.R. ROF SK06 1086SWL</t>
  </si>
  <si>
    <t>ROF SK06 4161S</t>
  </si>
  <si>
    <t>5702320009354</t>
  </si>
  <si>
    <t>VELUX Vort.-Set M.u.R. ROF SK06 4161S</t>
  </si>
  <si>
    <t>ROF SK06 4161SWL</t>
  </si>
  <si>
    <t>5702320009347</t>
  </si>
  <si>
    <t>VELUX Vort.-Set M.u.R. ROF SK06 4161SWL</t>
  </si>
  <si>
    <t>ROF SK06 9050S</t>
  </si>
  <si>
    <t>5702320009378</t>
  </si>
  <si>
    <t>VELUX Vort.-Set M.u.R. ROF SK06 9050S</t>
  </si>
  <si>
    <t>ROF SK06 9050SWL</t>
  </si>
  <si>
    <t>5702320009361</t>
  </si>
  <si>
    <t>VELUX Vort.-Set M.u.R. ROF SK06 9050SWL</t>
  </si>
  <si>
    <t>ROF SK08 1028S</t>
  </si>
  <si>
    <t>5702320009392</t>
  </si>
  <si>
    <t>VELUX Vort.-Set M.u.R. ROF SK08 1028S</t>
  </si>
  <si>
    <t>ROF SK08 1028SWL</t>
  </si>
  <si>
    <t>5702320009385</t>
  </si>
  <si>
    <t>VELUX Vort.-Set M.u.R. ROF SK08 1028SWL</t>
  </si>
  <si>
    <t>ROF SK08 1086S</t>
  </si>
  <si>
    <t>5702320009415</t>
  </si>
  <si>
    <t>VELUX Vort.-Set M.u.R. ROF SK08 1086S</t>
  </si>
  <si>
    <t>ROF SK08 1086SWL</t>
  </si>
  <si>
    <t>5702320009408</t>
  </si>
  <si>
    <t>VELUX Vort.-Set M.u.R. ROF SK08 1086SWL</t>
  </si>
  <si>
    <t>ROF SK08 4161S</t>
  </si>
  <si>
    <t>5702320009439</t>
  </si>
  <si>
    <t>VELUX Vort.-Set M.u.R. ROF SK08 4161S</t>
  </si>
  <si>
    <t>ROF SK08 4161SWL</t>
  </si>
  <si>
    <t>5702320009422</t>
  </si>
  <si>
    <t>VELUX Vort.-Set M.u.R. ROF SK08 4161SWL</t>
  </si>
  <si>
    <t>ROF SK08 9050S</t>
  </si>
  <si>
    <t>5702320009453</t>
  </si>
  <si>
    <t>VELUX Vort.-Set M.u.R. ROF SK08 9050S</t>
  </si>
  <si>
    <t>ROF SK08 9050SWL</t>
  </si>
  <si>
    <t>5702320009446</t>
  </si>
  <si>
    <t>VELUX Vort.-Set M.u.R. ROF SK08 9050SWL</t>
  </si>
  <si>
    <t>ROF SK10 1028S</t>
  </si>
  <si>
    <t>5702320009477</t>
  </si>
  <si>
    <t>VELUX Vort.-Set M.u.R. ROF SK10 1028S</t>
  </si>
  <si>
    <t>ROF SK10 1028SWL</t>
  </si>
  <si>
    <t>5702320009460</t>
  </si>
  <si>
    <t>VELUX Vort.-Set M.u.R. ROF SK10 1028SWL</t>
  </si>
  <si>
    <t>ROF SK10 1086S</t>
  </si>
  <si>
    <t>5702320009491</t>
  </si>
  <si>
    <t>VELUX Vort.-Set M.u.R. ROF SK10 1086S</t>
  </si>
  <si>
    <t>ROF SK10 1086SWL</t>
  </si>
  <si>
    <t>5702320009484</t>
  </si>
  <si>
    <t>VELUX Vort.-Set M.u.R. ROF SK10 1086SWL</t>
  </si>
  <si>
    <t>ROF SK10 4161S</t>
  </si>
  <si>
    <t>5702320009514</t>
  </si>
  <si>
    <t>VELUX Vort.-Set M.u.R. ROF SK10 4161S</t>
  </si>
  <si>
    <t>ROF SK10 4161SWL</t>
  </si>
  <si>
    <t>5702320009507</t>
  </si>
  <si>
    <t>VELUX Vort.-Set M.u.R. ROF SK10 4161SWL</t>
  </si>
  <si>
    <t>ROF SK10 9050S</t>
  </si>
  <si>
    <t>5702320009538</t>
  </si>
  <si>
    <t>VELUX Vort.-Set M.u.R. ROF SK10 9050S</t>
  </si>
  <si>
    <t>ROF SK10 9050SWL</t>
  </si>
  <si>
    <t>5702320009521</t>
  </si>
  <si>
    <t>VELUX Vort.-Set M.u.R. ROF SK10 9050SWL</t>
  </si>
  <si>
    <t>ROF U04 1028S</t>
  </si>
  <si>
    <t>5702320009552</t>
  </si>
  <si>
    <t>VELUX Vort.-Set M.u.R. ROF U04 1028S</t>
  </si>
  <si>
    <t>ROF U04 1028SWL</t>
  </si>
  <si>
    <t>5702320009545</t>
  </si>
  <si>
    <t>VELUX Vort.-Set M.u.R. ROF U04 1028SWL</t>
  </si>
  <si>
    <t>ROF U04 1086S</t>
  </si>
  <si>
    <t>5702320009576</t>
  </si>
  <si>
    <t>VELUX Vort.-Set M.u.R. ROF U04 1086S</t>
  </si>
  <si>
    <t>ROF U04 1086SWL</t>
  </si>
  <si>
    <t>5702320009569</t>
  </si>
  <si>
    <t>VELUX Vort.-Set M.u.R. ROF U04 1086SWL</t>
  </si>
  <si>
    <t>ROF U04 4161S</t>
  </si>
  <si>
    <t>5702320009590</t>
  </si>
  <si>
    <t>VELUX Vort.-Set M.u.R. ROF U04 4161S</t>
  </si>
  <si>
    <t>ROF U04 4161SWL</t>
  </si>
  <si>
    <t>5702320009583</t>
  </si>
  <si>
    <t>VELUX Vort.-Set M.u.R. ROF U04 4161SWL</t>
  </si>
  <si>
    <t>ROF U04 9050S</t>
  </si>
  <si>
    <t>5702320009613</t>
  </si>
  <si>
    <t>VELUX Vort.-Set M.u.R. ROF U04 9050S</t>
  </si>
  <si>
    <t>ROF U04 9050SWL</t>
  </si>
  <si>
    <t>5702320009606</t>
  </si>
  <si>
    <t>VELUX Vort.-Set M.u.R. ROF U04 9050SWL</t>
  </si>
  <si>
    <t>ROF U08 1028S</t>
  </si>
  <si>
    <t>5702320009637</t>
  </si>
  <si>
    <t>VELUX Vort.-Set M.u.R. ROF U08 1028S</t>
  </si>
  <si>
    <t>ROF U08 1028SWL</t>
  </si>
  <si>
    <t>5702320009620</t>
  </si>
  <si>
    <t>VELUX Vort.-Set M.u.R. ROF U08 1028SWL</t>
  </si>
  <si>
    <t>ROF U08 1086S</t>
  </si>
  <si>
    <t>5702320009651</t>
  </si>
  <si>
    <t>VELUX Vort.-Set M.u.R. ROF U08 1086S</t>
  </si>
  <si>
    <t>ROF U08 1086SWL</t>
  </si>
  <si>
    <t>5702320009644</t>
  </si>
  <si>
    <t>VELUX Vort.-Set M.u.R. ROF U08 1086SWL</t>
  </si>
  <si>
    <t>ROF U08 4161S</t>
  </si>
  <si>
    <t>5702320009675</t>
  </si>
  <si>
    <t>VELUX Vort.-Set M.u.R. ROF U08 4161S</t>
  </si>
  <si>
    <t>ROF U08 4161SWL</t>
  </si>
  <si>
    <t>5702320009668</t>
  </si>
  <si>
    <t>VELUX Vort.-Set M.u.R. ROF U08 4161SWL</t>
  </si>
  <si>
    <t>ROF U08 9050S</t>
  </si>
  <si>
    <t>5702320009699</t>
  </si>
  <si>
    <t>VELUX Vort.-Set M.u.R. ROF U08 9050S</t>
  </si>
  <si>
    <t>ROF U08 9050SWL</t>
  </si>
  <si>
    <t>5702320009682</t>
  </si>
  <si>
    <t>VELUX Vort.-Set M.u.R. ROF U08 9050SWL</t>
  </si>
  <si>
    <t>ROF U10 1028S</t>
  </si>
  <si>
    <t>5702320009712</t>
  </si>
  <si>
    <t>VELUX Vort.-Set M.u.R. ROF U10 1028S</t>
  </si>
  <si>
    <t>ROF U10 1028SWL</t>
  </si>
  <si>
    <t>5702320009705</t>
  </si>
  <si>
    <t>VELUX Vort.-Set M.u.R. ROF U10 1028SWL</t>
  </si>
  <si>
    <t>ROF U10 1086S</t>
  </si>
  <si>
    <t>5702320009736</t>
  </si>
  <si>
    <t>VELUX Vort.-Set M.u.R. ROF U10 1086S</t>
  </si>
  <si>
    <t>ROF U10 1086SWL</t>
  </si>
  <si>
    <t>5702320009729</t>
  </si>
  <si>
    <t>VELUX Vort.-Set M.u.R. ROF U10 1086SWL</t>
  </si>
  <si>
    <t>ROF U10 4161S</t>
  </si>
  <si>
    <t>5702320009750</t>
  </si>
  <si>
    <t>VELUX Vort.-Set M.u.R. ROF U10 4161S</t>
  </si>
  <si>
    <t>ROF U10 4161SWL</t>
  </si>
  <si>
    <t>5702320009743</t>
  </si>
  <si>
    <t>VELUX Vort.-Set M.u.R. ROF U10 4161SWL</t>
  </si>
  <si>
    <t>ROF U10 9050S</t>
  </si>
  <si>
    <t>5702320009774</t>
  </si>
  <si>
    <t>VELUX Vort.-Set M.u.R. ROF U10 9050S</t>
  </si>
  <si>
    <t>ROF U10 9050SWL</t>
  </si>
  <si>
    <t>5702320009767</t>
  </si>
  <si>
    <t>VELUX Vort.-Set M.u.R. ROF U10 9050SWL</t>
  </si>
  <si>
    <t>ROF UK04 1028S</t>
  </si>
  <si>
    <t>5702320009798</t>
  </si>
  <si>
    <t>VELUX Vort.-Set M.u.R. ROF UK04 1028S</t>
  </si>
  <si>
    <t>ROF UK04 1028SWL</t>
  </si>
  <si>
    <t>5702320009781</t>
  </si>
  <si>
    <t>VELUX Vort.-Set M.u.R. ROF UK04 1028SWL</t>
  </si>
  <si>
    <t>ROF UK04 1086S</t>
  </si>
  <si>
    <t>5702320009811</t>
  </si>
  <si>
    <t>VELUX Vort.-Set M.u.R. ROF UK04 1086S</t>
  </si>
  <si>
    <t>ROF UK04 1086SWL</t>
  </si>
  <si>
    <t>5702320009804</t>
  </si>
  <si>
    <t>VELUX Vort.-Set M.u.R. ROF UK04 1086SWL</t>
  </si>
  <si>
    <t>ROF UK04 4161S</t>
  </si>
  <si>
    <t>5702320009835</t>
  </si>
  <si>
    <t>VELUX Vort.-Set M.u.R. ROF UK04 4161S</t>
  </si>
  <si>
    <t>ROF UK04 4161SWL</t>
  </si>
  <si>
    <t>5702320009828</t>
  </si>
  <si>
    <t>VELUX Vort.-Set M.u.R. ROF UK04 4161SWL</t>
  </si>
  <si>
    <t>ROF UK04 9050S</t>
  </si>
  <si>
    <t>5702320009859</t>
  </si>
  <si>
    <t>VELUX Vort.-Set M.u.R. ROF UK04 9050S</t>
  </si>
  <si>
    <t>ROF UK04 9050SWL</t>
  </si>
  <si>
    <t>5702320009842</t>
  </si>
  <si>
    <t>VELUX Vort.-Set M.u.R. ROF UK04 9050SWL</t>
  </si>
  <si>
    <t>ROF UK08 1028S</t>
  </si>
  <si>
    <t>5702320009873</t>
  </si>
  <si>
    <t>VELUX Vort.-Set M.u.R. ROF UK08 1028S</t>
  </si>
  <si>
    <t>ROF UK08 1028SWL</t>
  </si>
  <si>
    <t>5702320009866</t>
  </si>
  <si>
    <t>VELUX Vort.-Set M.u.R. ROF UK08 1028SWL</t>
  </si>
  <si>
    <t>ROF UK08 1086S</t>
  </si>
  <si>
    <t>5702320009897</t>
  </si>
  <si>
    <t>VELUX Vort.-Set M.u.R. ROF UK08 1086S</t>
  </si>
  <si>
    <t>ROF UK08 1086SWL</t>
  </si>
  <si>
    <t>5702320009880</t>
  </si>
  <si>
    <t>VELUX Vort.-Set M.u.R. ROF UK08 1086SWL</t>
  </si>
  <si>
    <t>ROF UK08 4161S</t>
  </si>
  <si>
    <t>5702320009910</t>
  </si>
  <si>
    <t>VELUX Vort.-Set M.u.R. ROF UK08 4161S</t>
  </si>
  <si>
    <t>ROF UK08 4161SWL</t>
  </si>
  <si>
    <t>5702320009903</t>
  </si>
  <si>
    <t>VELUX Vort.-Set M.u.R. ROF UK08 4161SWL</t>
  </si>
  <si>
    <t>ROF UK08 9050S</t>
  </si>
  <si>
    <t>5702320009934</t>
  </si>
  <si>
    <t>VELUX Vort.-Set M.u.R. ROF UK08 9050S</t>
  </si>
  <si>
    <t>ROF UK08 9050SWL</t>
  </si>
  <si>
    <t>5702320009927</t>
  </si>
  <si>
    <t>VELUX Vort.-Set M.u.R. ROF UK08 9050SWL</t>
  </si>
  <si>
    <t>ROF UK10 1028S</t>
  </si>
  <si>
    <t>5702320009958</t>
  </si>
  <si>
    <t>VELUX Vort.-Set M.u.R. ROF UK10 1028S</t>
  </si>
  <si>
    <t>ROF UK10 1028SWL</t>
  </si>
  <si>
    <t>5702320009941</t>
  </si>
  <si>
    <t>VELUX Vort.-Set M.u.R. ROF UK10 1028SWL</t>
  </si>
  <si>
    <t>ROF UK10 1086S</t>
  </si>
  <si>
    <t>5702320009972</t>
  </si>
  <si>
    <t>VELUX Vort.-Set M.u.R. ROF UK10 1086S</t>
  </si>
  <si>
    <t>ROF UK10 1086SWL</t>
  </si>
  <si>
    <t>5702320009965</t>
  </si>
  <si>
    <t>VELUX Vort.-Set M.u.R. ROF UK10 1086SWL</t>
  </si>
  <si>
    <t>ROF UK10 4161S</t>
  </si>
  <si>
    <t>5702320009996</t>
  </si>
  <si>
    <t>VELUX Vort.-Set M.u.R. ROF UK10 4161S</t>
  </si>
  <si>
    <t>ROF UK10 4161SWL</t>
  </si>
  <si>
    <t>5702320009989</t>
  </si>
  <si>
    <t>VELUX Vort.-Set M.u.R. ROF UK10 4161SWL</t>
  </si>
  <si>
    <t>ROF UK10 9050S</t>
  </si>
  <si>
    <t>5702320010022</t>
  </si>
  <si>
    <t>VELUX Vort.-Set M.u.R. ROF UK10 9050S</t>
  </si>
  <si>
    <t>ROF UK10 9050SWL</t>
  </si>
  <si>
    <t>5702320010008</t>
  </si>
  <si>
    <t>VELUX Vort.-Set M.u.R. ROF UK10 9050SWL</t>
  </si>
  <si>
    <t>RSL C02 1028K</t>
  </si>
  <si>
    <t>5702329514996</t>
  </si>
  <si>
    <t>VELUX Si.sch.-Ro. sol. RSL C02 1028K</t>
  </si>
  <si>
    <t>RSL C02 1028KWL</t>
  </si>
  <si>
    <t>5702329524988</t>
  </si>
  <si>
    <t>VELUX Si.sch.-Ro. sol. RSL C02 1028KWL</t>
  </si>
  <si>
    <t>RSL C02 1086K</t>
  </si>
  <si>
    <t>5702329515009</t>
  </si>
  <si>
    <t>VELUX Si.sch.-Ro. sol. RSL C02 1086K</t>
  </si>
  <si>
    <t>RSL C02 1086KWL</t>
  </si>
  <si>
    <t>5702329524995</t>
  </si>
  <si>
    <t>VELUX Si.sch.-Ro. sol. RSL C02 1086KWL</t>
  </si>
  <si>
    <t>RSL C02 4069K</t>
  </si>
  <si>
    <t>5702329515016</t>
  </si>
  <si>
    <t>VELUX Si.sch.-Ro. sol. RSL C02 4069K</t>
  </si>
  <si>
    <t>RSL C02 4155K</t>
  </si>
  <si>
    <t>5702329515023</t>
  </si>
  <si>
    <t>VELUX Si.sch.-Ro. sol. RSL C02 4155K</t>
  </si>
  <si>
    <t>RSL C02 4155KWL</t>
  </si>
  <si>
    <t>5702329525015</t>
  </si>
  <si>
    <t>VELUX Si.sch.-Ro. sol. RSL C02 4155KWL</t>
  </si>
  <si>
    <t>RSL C02 4161K</t>
  </si>
  <si>
    <t>5702329515030</t>
  </si>
  <si>
    <t>VELUX Si.sch.-Ro. sol. RSL C02 4161K</t>
  </si>
  <si>
    <t>RSL C02 4161KWL</t>
  </si>
  <si>
    <t>5702329525022</t>
  </si>
  <si>
    <t>VELUX Si.sch.-Ro. sol. RSL C02 4161KWL</t>
  </si>
  <si>
    <t>RSL C02 4162K</t>
  </si>
  <si>
    <t>5702329515047</t>
  </si>
  <si>
    <t>VELUX Si.sch.-Ro. sol. RSL C02 4162K</t>
  </si>
  <si>
    <t>RSL C02 4163K</t>
  </si>
  <si>
    <t>5702329515054</t>
  </si>
  <si>
    <t>VELUX Si.sch.-Ro. sol. RSL C02 4163K</t>
  </si>
  <si>
    <t>RSL C02 4163KWL</t>
  </si>
  <si>
    <t>5702329525046</t>
  </si>
  <si>
    <t>VELUX Si.sch.-Ro. sol. RSL C02 4163KWL</t>
  </si>
  <si>
    <t>RSL C02 4164K</t>
  </si>
  <si>
    <t>5702329515061</t>
  </si>
  <si>
    <t>VELUX Si.sch.-Ro. sol. RSL C02 4164K</t>
  </si>
  <si>
    <t>RSL C02 4166K</t>
  </si>
  <si>
    <t>5702329515085</t>
  </si>
  <si>
    <t>VELUX Si.sch.-Ro. sol. RSL C02 4166K</t>
  </si>
  <si>
    <t>RSL C02 4167KWL</t>
  </si>
  <si>
    <t>5702329525084</t>
  </si>
  <si>
    <t>VELUX Si.sch.-Ro. sol. RSL C02 4167KWL</t>
  </si>
  <si>
    <t>RSL C02 4169K</t>
  </si>
  <si>
    <t>5702329515115</t>
  </si>
  <si>
    <t>VELUX Si.sch.-Ro. sol. RSL C02 4169K</t>
  </si>
  <si>
    <t>RSL C02 4170K</t>
  </si>
  <si>
    <t>5702329515122</t>
  </si>
  <si>
    <t>VELUX Si.sch.-Ro. sol. RSL C02 4170K</t>
  </si>
  <si>
    <t>RSL C02 4170KWL</t>
  </si>
  <si>
    <t>5702329525114</t>
  </si>
  <si>
    <t>VELUX Si.sch.-Ro. sol. RSL C02 4170KWL</t>
  </si>
  <si>
    <t>RSL C02 4171K</t>
  </si>
  <si>
    <t>5702329515139</t>
  </si>
  <si>
    <t>VELUX Si.sch.-Ro. sol. RSL C02 4171K</t>
  </si>
  <si>
    <t>RSL C02 9050K</t>
  </si>
  <si>
    <t>5702329515146</t>
  </si>
  <si>
    <t>VELUX Si.sch.-Ro. sol. RSL C02 9050K</t>
  </si>
  <si>
    <t>RSL C02 9050KWL</t>
  </si>
  <si>
    <t>5702329525138</t>
  </si>
  <si>
    <t>VELUX Si.sch.-Ro. sol. RSL C02 9050KWL</t>
  </si>
  <si>
    <t>RSL C02 CBYK</t>
  </si>
  <si>
    <t>5702329515153</t>
  </si>
  <si>
    <t>VELUX Si.sch.-Ro. sol. RSL C02 CBYK</t>
  </si>
  <si>
    <t>RSL C02 CBYKWL</t>
  </si>
  <si>
    <t>5702329525145</t>
  </si>
  <si>
    <t>VELUX Si.sch.-Ro. sol. RSL C02 CBYKWL</t>
  </si>
  <si>
    <t>RSL C04 1028K</t>
  </si>
  <si>
    <t>5702329515160</t>
  </si>
  <si>
    <t>VELUX Si.sch.-Ro. sol. RSL C04 1028K</t>
  </si>
  <si>
    <t>RSL C04 1028KWL</t>
  </si>
  <si>
    <t>5702329525152</t>
  </si>
  <si>
    <t>VELUX Si.sch.-Ro. sol. RSL C04 1028KWL</t>
  </si>
  <si>
    <t>RSL C04 1086K</t>
  </si>
  <si>
    <t>5702329515177</t>
  </si>
  <si>
    <t>VELUX Si.sch.-Ro. sol. RSL C04 1086K</t>
  </si>
  <si>
    <t>RSL C04 1086KWL</t>
  </si>
  <si>
    <t>5702329525169</t>
  </si>
  <si>
    <t>VELUX Si.sch.-Ro. sol. RSL C04 1086KWL</t>
  </si>
  <si>
    <t>RSL C04 4069K</t>
  </si>
  <si>
    <t>5702329515184</t>
  </si>
  <si>
    <t>VELUX Si.sch.-Ro. sol. RSL C04 4069K</t>
  </si>
  <si>
    <t>RSL C04 4155K</t>
  </si>
  <si>
    <t>5702329515191</t>
  </si>
  <si>
    <t>VELUX Si.sch.-Ro. sol. RSL C04 4155K</t>
  </si>
  <si>
    <t>RSL C04 4155KWL</t>
  </si>
  <si>
    <t>5702329525183</t>
  </si>
  <si>
    <t>VELUX Si.sch.-Ro. sol. RSL C04 4155KWL</t>
  </si>
  <si>
    <t>RSL C04 4161K</t>
  </si>
  <si>
    <t>5702329515207</t>
  </si>
  <si>
    <t>VELUX Si.sch.-Ro. sol. RSL C04 4161K</t>
  </si>
  <si>
    <t>RSL C04 4161KWL</t>
  </si>
  <si>
    <t>5702329525190</t>
  </si>
  <si>
    <t>VELUX Si.sch.-Ro. sol. RSL C04 4161KWL</t>
  </si>
  <si>
    <t>RSL C04 4163K</t>
  </si>
  <si>
    <t>5702329515221</t>
  </si>
  <si>
    <t>VELUX Si.sch.-Ro. sol. RSL C04 4163K</t>
  </si>
  <si>
    <t>RSL C04 4164K</t>
  </si>
  <si>
    <t>5702329515238</t>
  </si>
  <si>
    <t>VELUX Si.sch.-Ro. sol. RSL C04 4164K</t>
  </si>
  <si>
    <t>RSL C04 4164KWL</t>
  </si>
  <si>
    <t>5702329525220</t>
  </si>
  <si>
    <t>VELUX Si.sch.-Ro. sol. RSL C04 4164KWL</t>
  </si>
  <si>
    <t>RSL C04 4166K</t>
  </si>
  <si>
    <t>5702329515252</t>
  </si>
  <si>
    <t>VELUX Si.sch.-Ro. sol. RSL C04 4166K</t>
  </si>
  <si>
    <t>RSL C04 4166KWL</t>
  </si>
  <si>
    <t>5702329525244</t>
  </si>
  <si>
    <t>VELUX Si.sch.-Ro. sol. RSL C04 4166KWL</t>
  </si>
  <si>
    <t>RSL C04 4168K</t>
  </si>
  <si>
    <t>5702329515276</t>
  </si>
  <si>
    <t>VELUX Si.sch.-Ro. sol. RSL C04 4168K</t>
  </si>
  <si>
    <t>RSL C04 4169K</t>
  </si>
  <si>
    <t>5702329515283</t>
  </si>
  <si>
    <t>VELUX Si.sch.-Ro. sol. RSL C04 4169K</t>
  </si>
  <si>
    <t>RSL C04 4170K</t>
  </si>
  <si>
    <t>5702329515290</t>
  </si>
  <si>
    <t>VELUX Si.sch.-Ro. sol. RSL C04 4170K</t>
  </si>
  <si>
    <t>RSL C04 4170KWL</t>
  </si>
  <si>
    <t>5702329525282</t>
  </si>
  <si>
    <t>VELUX Si.sch.-Ro. sol. RSL C04 4170KWL</t>
  </si>
  <si>
    <t>RSL C04 4171K</t>
  </si>
  <si>
    <t>5702329515306</t>
  </si>
  <si>
    <t>VELUX Si.sch.-Ro. sol. RSL C04 4171K</t>
  </si>
  <si>
    <t>RSL C04 4171KWL</t>
  </si>
  <si>
    <t>5702329525299</t>
  </si>
  <si>
    <t>VELUX Si.sch.-Ro. sol. RSL C04 4171KWL</t>
  </si>
  <si>
    <t>RSL C04 9050K</t>
  </si>
  <si>
    <t>5702329515313</t>
  </si>
  <si>
    <t>VELUX Si.sch.-Ro. sol. RSL C04 9050K</t>
  </si>
  <si>
    <t>RSL C04 9050KWL</t>
  </si>
  <si>
    <t>5702329525305</t>
  </si>
  <si>
    <t>VELUX Si.sch.-Ro. sol. RSL C04 9050KWL</t>
  </si>
  <si>
    <t>RSL C04 CBYK</t>
  </si>
  <si>
    <t>5702329515320</t>
  </si>
  <si>
    <t>VELUX Si.sch.-Ro. sol. RSL C04 CBYK</t>
  </si>
  <si>
    <t>RSL C04 CBYKWL</t>
  </si>
  <si>
    <t>5702329525312</t>
  </si>
  <si>
    <t>VELUX Si.sch.-Ro. sol. RSL C04 CBYKWL</t>
  </si>
  <si>
    <t>RSL C06 1028KWL</t>
  </si>
  <si>
    <t>5702329525329</t>
  </si>
  <si>
    <t>VELUX Si.sch.-Ro. sol. RSL C06 1028KWL</t>
  </si>
  <si>
    <t>RSL C06 1086K</t>
  </si>
  <si>
    <t>5702329515344</t>
  </si>
  <si>
    <t>VELUX Si.sch.-Ro. sol. RSL C06 1086K</t>
  </si>
  <si>
    <t>RSL C06 4069K</t>
  </si>
  <si>
    <t>5702329515351</t>
  </si>
  <si>
    <t>VELUX Si.sch.-Ro. sol. RSL C06 4069K</t>
  </si>
  <si>
    <t>RSL C06 4155K</t>
  </si>
  <si>
    <t>5702329515368</t>
  </si>
  <si>
    <t>VELUX Si.sch.-Ro. sol. RSL C06 4155K</t>
  </si>
  <si>
    <t>RSL C06 4161K</t>
  </si>
  <si>
    <t>5702329515375</t>
  </si>
  <si>
    <t>VELUX Si.sch.-Ro. sol. RSL C06 4161K</t>
  </si>
  <si>
    <t>RSL C06 4169KWL</t>
  </si>
  <si>
    <t>5702329525442</t>
  </si>
  <si>
    <t>VELUX Si.sch.-Ro. sol. RSL C06 4169KWL</t>
  </si>
  <si>
    <t>RSL C06 4170K</t>
  </si>
  <si>
    <t>5702329515467</t>
  </si>
  <si>
    <t>VELUX Si.sch.-Ro. sol. RSL C06 4170K</t>
  </si>
  <si>
    <t>RSL C06 4170KWL</t>
  </si>
  <si>
    <t>5702329525459</t>
  </si>
  <si>
    <t>VELUX Si.sch.-Ro. sol. RSL C06 4170KWL</t>
  </si>
  <si>
    <t>RSL C06 CBYK</t>
  </si>
  <si>
    <t>5702329515498</t>
  </si>
  <si>
    <t>VELUX Si.sch.-Ro. sol. RSL C06 CBYK</t>
  </si>
  <si>
    <t>RSL C06 CBYKWL</t>
  </si>
  <si>
    <t>5702329525480</t>
  </si>
  <si>
    <t>VELUX Si.sch.-Ro. sol. RSL C06 CBYKWL</t>
  </si>
  <si>
    <t>RSL CK02 1028K</t>
  </si>
  <si>
    <t>5702329515672</t>
  </si>
  <si>
    <t>VELUX Si.sch.-Ro. sol. RSL CK02 1028K</t>
  </si>
  <si>
    <t>RSL CK02 1028KWL</t>
  </si>
  <si>
    <t>5702329525664</t>
  </si>
  <si>
    <t>VELUX Si.sch.-Ro. sol. RSL CK02 1028KWL</t>
  </si>
  <si>
    <t>RSL CK02 1086K</t>
  </si>
  <si>
    <t>5702329515689</t>
  </si>
  <si>
    <t>VELUX Si.sch.-Ro. sol. RSL CK02 1086K</t>
  </si>
  <si>
    <t>RSL CK02 1086KWL</t>
  </si>
  <si>
    <t>5702329525671</t>
  </si>
  <si>
    <t>VELUX Si.sch.-Ro. sol. RSL CK02 1086KWL</t>
  </si>
  <si>
    <t>RSL CK02 4069K</t>
  </si>
  <si>
    <t>5702329515696</t>
  </si>
  <si>
    <t>VELUX Si.sch.-Ro. sol. RSL CK02 4069K</t>
  </si>
  <si>
    <t>RSL CK02 4069KWL</t>
  </si>
  <si>
    <t>5702329525688</t>
  </si>
  <si>
    <t>VELUX Si.sch.-Ro. sol. RSL CK02 4069KWL</t>
  </si>
  <si>
    <t>RSL CK02 4155K</t>
  </si>
  <si>
    <t>5702329515702</t>
  </si>
  <si>
    <t>VELUX Si.sch.-Ro. sol. RSL CK02 4155K</t>
  </si>
  <si>
    <t>RSL CK02 4155KWL</t>
  </si>
  <si>
    <t>5702329525695</t>
  </si>
  <si>
    <t>VELUX Si.sch.-Ro. sol. RSL CK02 4155KWL</t>
  </si>
  <si>
    <t>RSL CK02 4161K</t>
  </si>
  <si>
    <t>5702329515719</t>
  </si>
  <si>
    <t>VELUX Si.sch.-Ro. sol. RSL CK02 4161K</t>
  </si>
  <si>
    <t>RSL CK02 4161KWL</t>
  </si>
  <si>
    <t>5702329525701</t>
  </si>
  <si>
    <t>VELUX Si.sch.-Ro. sol. RSL CK02 4161KWL</t>
  </si>
  <si>
    <t>RSL CK02 4163K</t>
  </si>
  <si>
    <t>5702329515733</t>
  </si>
  <si>
    <t>VELUX Si.sch.-Ro. sol. RSL CK02 4163K</t>
  </si>
  <si>
    <t>RSL CK02 4163KWL</t>
  </si>
  <si>
    <t>5702329525725</t>
  </si>
  <si>
    <t>VELUX Si.sch.-Ro. sol. RSL CK02 4163KWL</t>
  </si>
  <si>
    <t>RSL CK02 4164K</t>
  </si>
  <si>
    <t>5702329515740</t>
  </si>
  <si>
    <t>VELUX Si.sch.-Ro. sol. RSL CK02 4164K</t>
  </si>
  <si>
    <t>RSL CK02 4164KWL</t>
  </si>
  <si>
    <t>5702329525732</t>
  </si>
  <si>
    <t>VELUX Si.sch.-Ro. sol. RSL CK02 4164KWL</t>
  </si>
  <si>
    <t>RSL CK02 4165KWL</t>
  </si>
  <si>
    <t>5702329525749</t>
  </si>
  <si>
    <t>VELUX Si.sch.-Ro. sol. RSL CK02 4165KWL</t>
  </si>
  <si>
    <t>RSL CK02 4166K</t>
  </si>
  <si>
    <t>5702329515764</t>
  </si>
  <si>
    <t>VELUX Si.sch.-Ro. sol. RSL CK02 4166K</t>
  </si>
  <si>
    <t>RSL CK02 4166KWL</t>
  </si>
  <si>
    <t>5702329525756</t>
  </si>
  <si>
    <t>VELUX Si.sch.-Ro. sol. RSL CK02 4166KWL</t>
  </si>
  <si>
    <t>RSL CK02 4167KWL</t>
  </si>
  <si>
    <t>5702329525763</t>
  </si>
  <si>
    <t>VELUX Si.sch.-Ro. sol. RSL CK02 4167KWL</t>
  </si>
  <si>
    <t>RSL CK02 4169K</t>
  </si>
  <si>
    <t>5702329515795</t>
  </si>
  <si>
    <t>VELUX Si.sch.-Ro. sol. RSL CK02 4169K</t>
  </si>
  <si>
    <t>RSL CK02 4169KWL</t>
  </si>
  <si>
    <t>5702329525787</t>
  </si>
  <si>
    <t>VELUX Si.sch.-Ro. sol. RSL CK02 4169KWL</t>
  </si>
  <si>
    <t>RSL CK02 4170K</t>
  </si>
  <si>
    <t>5702329515801</t>
  </si>
  <si>
    <t>VELUX Si.sch.-Ro. sol. RSL CK02 4170K</t>
  </si>
  <si>
    <t>RSL CK02 4170KWL</t>
  </si>
  <si>
    <t>5702329525794</t>
  </si>
  <si>
    <t>VELUX Si.sch.-Ro. sol. RSL CK02 4170KWL</t>
  </si>
  <si>
    <t>RSL CK02 4171KWL</t>
  </si>
  <si>
    <t>5702329525800</t>
  </si>
  <si>
    <t>VELUX Si.sch.-Ro. sol. RSL CK02 4171KWL</t>
  </si>
  <si>
    <t>RSL CK02 9050K</t>
  </si>
  <si>
    <t>5702329515825</t>
  </si>
  <si>
    <t>VELUX Si.sch.-Ro. sol. RSL CK02 9050K</t>
  </si>
  <si>
    <t>RSL CK02 9050KWL</t>
  </si>
  <si>
    <t>5702329525817</t>
  </si>
  <si>
    <t>VELUX Si.sch.-Ro. sol. RSL CK02 9050KWL</t>
  </si>
  <si>
    <t>RSL CK02 CBYK</t>
  </si>
  <si>
    <t>5702329515832</t>
  </si>
  <si>
    <t>VELUX Si.sch.-Ro. sol. RSL CK02 CBYK</t>
  </si>
  <si>
    <t>RSL CK02 CBYKWL</t>
  </si>
  <si>
    <t>5702329525824</t>
  </si>
  <si>
    <t>VELUX Si.sch.-Ro. sol. RSL CK02 CBYKWL</t>
  </si>
  <si>
    <t>RSL CK04 1028K</t>
  </si>
  <si>
    <t>5702329515849</t>
  </si>
  <si>
    <t>VELUX Si.sch.-Ro. sol. RSL CK04 1028K</t>
  </si>
  <si>
    <t>RSL CK04 1028KWL</t>
  </si>
  <si>
    <t>5702329525831</t>
  </si>
  <si>
    <t>VELUX Si.sch.-Ro. sol. RSL CK04 1028KWL</t>
  </si>
  <si>
    <t>RSL CK04 1086K</t>
  </si>
  <si>
    <t>5702329515856</t>
  </si>
  <si>
    <t>VELUX Si.sch.-Ro. sol. RSL CK04 1086K</t>
  </si>
  <si>
    <t>RSL CK04 1086KWL</t>
  </si>
  <si>
    <t>5702329525848</t>
  </si>
  <si>
    <t>VELUX Si.sch.-Ro. sol. RSL CK04 1086KWL</t>
  </si>
  <si>
    <t>RSL CK04 4069K</t>
  </si>
  <si>
    <t>5702329515863</t>
  </si>
  <si>
    <t>VELUX Si.sch.-Ro. sol. RSL CK04 4069K</t>
  </si>
  <si>
    <t>RSL CK04 4069KWL</t>
  </si>
  <si>
    <t>5702329525855</t>
  </si>
  <si>
    <t>VELUX Si.sch.-Ro. sol. RSL CK04 4069KWL</t>
  </si>
  <si>
    <t>RSL CK04 4155K</t>
  </si>
  <si>
    <t>5702329515870</t>
  </si>
  <si>
    <t>VELUX Si.sch.-Ro. sol. RSL CK04 4155K</t>
  </si>
  <si>
    <t>RSL CK04 4155KWL</t>
  </si>
  <si>
    <t>5702329525862</t>
  </si>
  <si>
    <t>VELUX Si.sch.-Ro. sol. RSL CK04 4155KWL</t>
  </si>
  <si>
    <t>RSL CK04 4161K</t>
  </si>
  <si>
    <t>5702329515887</t>
  </si>
  <si>
    <t>VELUX Si.sch.-Ro. sol. RSL CK04 4161K</t>
  </si>
  <si>
    <t>RSL CK04 4161KWL</t>
  </si>
  <si>
    <t>5702329525879</t>
  </si>
  <si>
    <t>VELUX Si.sch.-Ro. sol. RSL CK04 4161KWL</t>
  </si>
  <si>
    <t>RSL CK04 4162K</t>
  </si>
  <si>
    <t>5702329515894</t>
  </si>
  <si>
    <t>VELUX Si.sch.-Ro. sol. RSL CK04 4162K</t>
  </si>
  <si>
    <t>RSL CK04 4163K</t>
  </si>
  <si>
    <t>5702329515900</t>
  </si>
  <si>
    <t>VELUX Si.sch.-Ro. sol. RSL CK04 4163K</t>
  </si>
  <si>
    <t>RSL CK04 4163KWL</t>
  </si>
  <si>
    <t>5702329525893</t>
  </si>
  <si>
    <t>VELUX Si.sch.-Ro. sol. RSL CK04 4163KWL</t>
  </si>
  <si>
    <t>RSL CK04 4164K</t>
  </si>
  <si>
    <t>5702329515917</t>
  </si>
  <si>
    <t>VELUX Si.sch.-Ro. sol. RSL CK04 4164K</t>
  </si>
  <si>
    <t>RSL CK04 4164KWL</t>
  </si>
  <si>
    <t>5702329525909</t>
  </si>
  <si>
    <t>VELUX Si.sch.-Ro. sol. RSL CK04 4164KWL</t>
  </si>
  <si>
    <t>RSL CK04 4165KWL</t>
  </si>
  <si>
    <t>5702329525916</t>
  </si>
  <si>
    <t>VELUX Si.sch.-Ro. sol. RSL CK04 4165KWL</t>
  </si>
  <si>
    <t>RSL CK04 4166K</t>
  </si>
  <si>
    <t>5702329515931</t>
  </si>
  <si>
    <t>VELUX Si.sch.-Ro. sol. RSL CK04 4166K</t>
  </si>
  <si>
    <t>RSL CK04 4166KWL</t>
  </si>
  <si>
    <t>5702329525923</t>
  </si>
  <si>
    <t>VELUX Si.sch.-Ro. sol. RSL CK04 4166KWL</t>
  </si>
  <si>
    <t>RSL CK04 4167K</t>
  </si>
  <si>
    <t>5702329515948</t>
  </si>
  <si>
    <t>VELUX Si.sch.-Ro. sol. RSL CK04 4167K</t>
  </si>
  <si>
    <t>RSL CK04 4167KWL</t>
  </si>
  <si>
    <t>5702329525930</t>
  </si>
  <si>
    <t>VELUX Si.sch.-Ro. sol. RSL CK04 4167KWL</t>
  </si>
  <si>
    <t>RSL CK04 4168KWL</t>
  </si>
  <si>
    <t>5702329525947</t>
  </si>
  <si>
    <t>VELUX Si.sch.-Ro. sol. RSL CK04 4168KWL</t>
  </si>
  <si>
    <t>RSL CK04 4169K</t>
  </si>
  <si>
    <t>5702329515962</t>
  </si>
  <si>
    <t>VELUX Si.sch.-Ro. sol. RSL CK04 4169K</t>
  </si>
  <si>
    <t>RSL CK04 4169KWL</t>
  </si>
  <si>
    <t>5702329525954</t>
  </si>
  <si>
    <t>VELUX Si.sch.-Ro. sol. RSL CK04 4169KWL</t>
  </si>
  <si>
    <t>RSL CK04 4170K</t>
  </si>
  <si>
    <t>5702329515979</t>
  </si>
  <si>
    <t>VELUX Si.sch.-Ro. sol. RSL CK04 4170K</t>
  </si>
  <si>
    <t>RSL CK04 4170KWL</t>
  </si>
  <si>
    <t>5702329525961</t>
  </si>
  <si>
    <t>VELUX Si.sch.-Ro. sol. RSL CK04 4170KWL</t>
  </si>
  <si>
    <t>RSL CK04 4171K</t>
  </si>
  <si>
    <t>5702329515986</t>
  </si>
  <si>
    <t>VELUX Si.sch.-Ro. sol. RSL CK04 4171K</t>
  </si>
  <si>
    <t>RSL CK04 4171KWL</t>
  </si>
  <si>
    <t>5702329525978</t>
  </si>
  <si>
    <t>VELUX Si.sch.-Ro. sol. RSL CK04 4171KWL</t>
  </si>
  <si>
    <t>RSL CK04 9050K</t>
  </si>
  <si>
    <t>5702329515993</t>
  </si>
  <si>
    <t>VELUX Si.sch.-Ro. sol. RSL CK04 9050K</t>
  </si>
  <si>
    <t>RSL CK04 9050KWL</t>
  </si>
  <si>
    <t>5702329525985</t>
  </si>
  <si>
    <t>VELUX Si.sch.-Ro. sol. RSL CK04 9050KWL</t>
  </si>
  <si>
    <t>RSL CK04 CBYK</t>
  </si>
  <si>
    <t>5702329516006</t>
  </si>
  <si>
    <t>VELUX Si.sch.-Ro. sol. RSL CK04 CBYK</t>
  </si>
  <si>
    <t>RSL CK04 CBYKWL</t>
  </si>
  <si>
    <t>5702329525992</t>
  </si>
  <si>
    <t>VELUX Si.sch.-Ro. sol. RSL CK04 CBYKWL</t>
  </si>
  <si>
    <t>RSL CK06 1028K</t>
  </si>
  <si>
    <t>5702329516013</t>
  </si>
  <si>
    <t>VELUX Si.sch.-Ro. sol. RSL CK06 1028K</t>
  </si>
  <si>
    <t>RSL CK06 1028KWL</t>
  </si>
  <si>
    <t>5702329526005</t>
  </si>
  <si>
    <t>VELUX Si.sch.-Ro. sol. RSL CK06 1028KWL</t>
  </si>
  <si>
    <t>RSL CK06 1086K</t>
  </si>
  <si>
    <t>5702329516020</t>
  </si>
  <si>
    <t>VELUX Si.sch.-Ro. sol. RSL CK06 1086K</t>
  </si>
  <si>
    <t>RSL CK06 1086KWL</t>
  </si>
  <si>
    <t>5702329526012</t>
  </si>
  <si>
    <t>VELUX Si.sch.-Ro. sol. RSL CK06 1086KWL</t>
  </si>
  <si>
    <t>RSL CK06 4069K</t>
  </si>
  <si>
    <t>5702329516037</t>
  </si>
  <si>
    <t>VELUX Si.sch.-Ro. sol. RSL CK06 4069K</t>
  </si>
  <si>
    <t>RSL CK06 4155K</t>
  </si>
  <si>
    <t>5702329516044</t>
  </si>
  <si>
    <t>VELUX Si.sch.-Ro. sol. RSL CK06 4155K</t>
  </si>
  <si>
    <t>RSL CK06 4155KWL</t>
  </si>
  <si>
    <t>5702329526036</t>
  </si>
  <si>
    <t>VELUX Si.sch.-Ro. sol. RSL CK06 4155KWL</t>
  </si>
  <si>
    <t>RSL CK06 4161K</t>
  </si>
  <si>
    <t>5702329516051</t>
  </si>
  <si>
    <t>VELUX Si.sch.-Ro. sol. RSL CK06 4161K</t>
  </si>
  <si>
    <t>RSL CK06 4161KWL</t>
  </si>
  <si>
    <t>5702329526043</t>
  </si>
  <si>
    <t>VELUX Si.sch.-Ro. sol. RSL CK06 4161KWL</t>
  </si>
  <si>
    <t>RSL CK06 4163K</t>
  </si>
  <si>
    <t>5702329516075</t>
  </si>
  <si>
    <t>VELUX Si.sch.-Ro. sol. RSL CK06 4163K</t>
  </si>
  <si>
    <t>RSL CK06 4163KWL</t>
  </si>
  <si>
    <t>5702329526067</t>
  </si>
  <si>
    <t>VELUX Si.sch.-Ro. sol. RSL CK06 4163KWL</t>
  </si>
  <si>
    <t>RSL CK06 4164KWL</t>
  </si>
  <si>
    <t>5702329526074</t>
  </si>
  <si>
    <t>VELUX Si.sch.-Ro. sol. RSL CK06 4164KWL</t>
  </si>
  <si>
    <t>RSL CK06 4166K</t>
  </si>
  <si>
    <t>5702329516105</t>
  </si>
  <si>
    <t>VELUX Si.sch.-Ro. sol. RSL CK06 4166K</t>
  </si>
  <si>
    <t>RSL CK06 4166KWL</t>
  </si>
  <si>
    <t>5702329526098</t>
  </si>
  <si>
    <t>VELUX Si.sch.-Ro. sol. RSL CK06 4166KWL</t>
  </si>
  <si>
    <t>RSL CK06 4167K</t>
  </si>
  <si>
    <t>5702329516112</t>
  </si>
  <si>
    <t>VELUX Si.sch.-Ro. sol. RSL CK06 4167K</t>
  </si>
  <si>
    <t>RSL CK06 4167KWL</t>
  </si>
  <si>
    <t>5702329526104</t>
  </si>
  <si>
    <t>VELUX Si.sch.-Ro. sol. RSL CK06 4167KWL</t>
  </si>
  <si>
    <t>RSL CK06 4168KWL</t>
  </si>
  <si>
    <t>5702329526111</t>
  </si>
  <si>
    <t>VELUX Si.sch.-Ro. sol. RSL CK06 4168KWL</t>
  </si>
  <si>
    <t>RSL CK06 4169K</t>
  </si>
  <si>
    <t>5702329516136</t>
  </si>
  <si>
    <t>VELUX Si.sch.-Ro. sol. RSL CK06 4169K</t>
  </si>
  <si>
    <t>RSL CK06 4169KWL</t>
  </si>
  <si>
    <t>5702329526128</t>
  </si>
  <si>
    <t>VELUX Si.sch.-Ro. sol. RSL CK06 4169KWL</t>
  </si>
  <si>
    <t>RSL CK06 4170K</t>
  </si>
  <si>
    <t>5702329516143</t>
  </si>
  <si>
    <t>VELUX Si.sch.-Ro. sol. RSL CK06 4170K</t>
  </si>
  <si>
    <t>RSL CK06 4170KWL</t>
  </si>
  <si>
    <t>5702329526135</t>
  </si>
  <si>
    <t>VELUX Si.sch.-Ro. sol. RSL CK06 4170KWL</t>
  </si>
  <si>
    <t>RSL CK06 4171KWL</t>
  </si>
  <si>
    <t>5702329526142</t>
  </si>
  <si>
    <t>VELUX Si.sch.-Ro. sol. RSL CK06 4171KWL</t>
  </si>
  <si>
    <t>RSL CK06 9050K</t>
  </si>
  <si>
    <t>5702329516167</t>
  </si>
  <si>
    <t>VELUX Si.sch.-Ro. sol. RSL CK06 9050K</t>
  </si>
  <si>
    <t>RSL CK06 9050KWL</t>
  </si>
  <si>
    <t>5702329526159</t>
  </si>
  <si>
    <t>VELUX Si.sch.-Ro. sol. RSL CK06 9050KWL</t>
  </si>
  <si>
    <t>RSL CK06 CBYK</t>
  </si>
  <si>
    <t>5702329516174</t>
  </si>
  <si>
    <t>VELUX Si.sch.-Ro. sol. RSL CK06 CBYK</t>
  </si>
  <si>
    <t>RSL CK06 CBYKWL</t>
  </si>
  <si>
    <t>5702329526166</t>
  </si>
  <si>
    <t>VELUX Si.sch.-Ro. sol. RSL CK06 CBYKWL</t>
  </si>
  <si>
    <t>RSL F04 1028K</t>
  </si>
  <si>
    <t>5702329516181</t>
  </si>
  <si>
    <t>VELUX Si.sch.-Ro. sol. RSL F04 1028K</t>
  </si>
  <si>
    <t>RSL F04 1028KWL</t>
  </si>
  <si>
    <t>5702329526173</t>
  </si>
  <si>
    <t>VELUX Si.sch.-Ro. sol. RSL F04 1028KWL</t>
  </si>
  <si>
    <t>RSL F04 1086K</t>
  </si>
  <si>
    <t>5702329516198</t>
  </si>
  <si>
    <t>VELUX Si.sch.-Ro. sol. RSL F04 1086K</t>
  </si>
  <si>
    <t>RSL F04 4161KWL</t>
  </si>
  <si>
    <t>5702329526210</t>
  </si>
  <si>
    <t>VELUX Si.sch.-Ro. sol. RSL F04 4161KWL</t>
  </si>
  <si>
    <t>RSL F04 4170K</t>
  </si>
  <si>
    <t>5702329516310</t>
  </si>
  <si>
    <t>VELUX Si.sch.-Ro. sol. RSL F04 4170K</t>
  </si>
  <si>
    <t>RSL F04 CBYK</t>
  </si>
  <si>
    <t>5702329516341</t>
  </si>
  <si>
    <t>VELUX Si.sch.-Ro. sol. RSL F04 CBYK</t>
  </si>
  <si>
    <t>RSL F04 CBYKWL</t>
  </si>
  <si>
    <t>5702329526333</t>
  </si>
  <si>
    <t>VELUX Si.sch.-Ro. sol. RSL F04 CBYKWL</t>
  </si>
  <si>
    <t>RSL F06 1028K</t>
  </si>
  <si>
    <t>5702329516358</t>
  </si>
  <si>
    <t>VELUX Si.sch.-Ro. sol. RSL F06 1028K</t>
  </si>
  <si>
    <t>RSL F06 1028KWL</t>
  </si>
  <si>
    <t>5702329526340</t>
  </si>
  <si>
    <t>VELUX Si.sch.-Ro. sol. RSL F06 1028KWL</t>
  </si>
  <si>
    <t>RSL F06 1086K</t>
  </si>
  <si>
    <t>5702329516365</t>
  </si>
  <si>
    <t>VELUX Si.sch.-Ro. sol. RSL F06 1086K</t>
  </si>
  <si>
    <t>RSL F06 1086KWL</t>
  </si>
  <si>
    <t>5702329526357</t>
  </si>
  <si>
    <t>VELUX Si.sch.-Ro. sol. RSL F06 1086KWL</t>
  </si>
  <si>
    <t>RSL F06 4069K</t>
  </si>
  <si>
    <t>5702329516372</t>
  </si>
  <si>
    <t>VELUX Si.sch.-Ro. sol. RSL F06 4069K</t>
  </si>
  <si>
    <t>RSL F06 4069KWL</t>
  </si>
  <si>
    <t>5702329526364</t>
  </si>
  <si>
    <t>VELUX Si.sch.-Ro. sol. RSL F06 4069KWL</t>
  </si>
  <si>
    <t>RSL F06 4155K</t>
  </si>
  <si>
    <t>5702329516389</t>
  </si>
  <si>
    <t>VELUX Si.sch.-Ro. sol. RSL F06 4155K</t>
  </si>
  <si>
    <t>RSL F06 4155KWL</t>
  </si>
  <si>
    <t>5702329526371</t>
  </si>
  <si>
    <t>VELUX Si.sch.-Ro. sol. RSL F06 4155KWL</t>
  </si>
  <si>
    <t>RSL F06 4161K</t>
  </si>
  <si>
    <t>5702329516396</t>
  </si>
  <si>
    <t>VELUX Si.sch.-Ro. sol. RSL F06 4161K</t>
  </si>
  <si>
    <t>RSL F06 4161KWL</t>
  </si>
  <si>
    <t>5702329526388</t>
  </si>
  <si>
    <t>VELUX Si.sch.-Ro. sol. RSL F06 4161KWL</t>
  </si>
  <si>
    <t>RSL F06 4163K</t>
  </si>
  <si>
    <t>5702329516419</t>
  </si>
  <si>
    <t>VELUX Si.sch.-Ro. sol. RSL F06 4163K</t>
  </si>
  <si>
    <t>RSL F06 4165K</t>
  </si>
  <si>
    <t>5702329516433</t>
  </si>
  <si>
    <t>VELUX Si.sch.-Ro. sol. RSL F06 4165K</t>
  </si>
  <si>
    <t>RSL F06 4165KWL</t>
  </si>
  <si>
    <t>5702329526425</t>
  </si>
  <si>
    <t>VELUX Si.sch.-Ro. sol. RSL F06 4165KWL</t>
  </si>
  <si>
    <t>RSL F06 4166K</t>
  </si>
  <si>
    <t>5702329516440</t>
  </si>
  <si>
    <t>VELUX Si.sch.-Ro. sol. RSL F06 4166K</t>
  </si>
  <si>
    <t>RSL F06 4167K</t>
  </si>
  <si>
    <t>5702329516457</t>
  </si>
  <si>
    <t>VELUX Si.sch.-Ro. sol. RSL F06 4167K</t>
  </si>
  <si>
    <t>RSL F06 4167KWL</t>
  </si>
  <si>
    <t>5702329526449</t>
  </si>
  <si>
    <t>VELUX Si.sch.-Ro. sol. RSL F06 4167KWL</t>
  </si>
  <si>
    <t>RSL F06 4169K</t>
  </si>
  <si>
    <t>5702329516471</t>
  </si>
  <si>
    <t>VELUX Si.sch.-Ro. sol. RSL F06 4169K</t>
  </si>
  <si>
    <t>RSL F06 4170K</t>
  </si>
  <si>
    <t>5702329516488</t>
  </si>
  <si>
    <t>VELUX Si.sch.-Ro. sol. RSL F06 4170K</t>
  </si>
  <si>
    <t>RSL F06 4170KWL</t>
  </si>
  <si>
    <t>5702329526470</t>
  </si>
  <si>
    <t>VELUX Si.sch.-Ro. sol. RSL F06 4170KWL</t>
  </si>
  <si>
    <t>RSL F06 4171K</t>
  </si>
  <si>
    <t>5702329516495</t>
  </si>
  <si>
    <t>VELUX Si.sch.-Ro. sol. RSL F06 4171K</t>
  </si>
  <si>
    <t>RSL F06 4171KWL</t>
  </si>
  <si>
    <t>5702329526487</t>
  </si>
  <si>
    <t>VELUX Si.sch.-Ro. sol. RSL F06 4171KWL</t>
  </si>
  <si>
    <t>RSL F06 9050K</t>
  </si>
  <si>
    <t>5702329516501</t>
  </si>
  <si>
    <t>VELUX Si.sch.-Ro. sol. RSL F06 9050K</t>
  </si>
  <si>
    <t>RSL F06 9050KWL</t>
  </si>
  <si>
    <t>5702329526494</t>
  </si>
  <si>
    <t>VELUX Si.sch.-Ro. sol. RSL F06 9050KWL</t>
  </si>
  <si>
    <t>RSL F06 CBYK</t>
  </si>
  <si>
    <t>5702329516518</t>
  </si>
  <si>
    <t>VELUX Si.sch.-Ro. sol. RSL F06 CBYK</t>
  </si>
  <si>
    <t>RSL F06 CBYKWL</t>
  </si>
  <si>
    <t>5702329526500</t>
  </si>
  <si>
    <t>VELUX Si.sch.-Ro. sol. RSL F06 CBYKWL</t>
  </si>
  <si>
    <t>RSL F08 1028K</t>
  </si>
  <si>
    <t>5702329516525</t>
  </si>
  <si>
    <t>VELUX Si.sch.-Ro. sol. RSL F08 1028K</t>
  </si>
  <si>
    <t>RSL F08 1028KWL</t>
  </si>
  <si>
    <t>5702329526517</t>
  </si>
  <si>
    <t>VELUX Si.sch.-Ro. sol. RSL F08 1028KWL</t>
  </si>
  <si>
    <t>RSL F08 1086K</t>
  </si>
  <si>
    <t>5702329516532</t>
  </si>
  <si>
    <t>VELUX Si.sch.-Ro. sol. RSL F08 1086K</t>
  </si>
  <si>
    <t>RSL F08 4161K</t>
  </si>
  <si>
    <t>5702329516563</t>
  </si>
  <si>
    <t>VELUX Si.sch.-Ro. sol. RSL F08 4161K</t>
  </si>
  <si>
    <t>RSL F08 4161KWL</t>
  </si>
  <si>
    <t>5702329526555</t>
  </si>
  <si>
    <t>VELUX Si.sch.-Ro. sol. RSL F08 4161KWL</t>
  </si>
  <si>
    <t>RSL F08 CBYK</t>
  </si>
  <si>
    <t>5702329516686</t>
  </si>
  <si>
    <t>VELUX Si.sch.-Ro. sol. RSL F08 CBYK</t>
  </si>
  <si>
    <t>RSL F08 CBYKWL</t>
  </si>
  <si>
    <t>5702329526678</t>
  </si>
  <si>
    <t>VELUX Si.sch.-Ro. sol. RSL F08 CBYKWL</t>
  </si>
  <si>
    <t>RSL FK04 1028K</t>
  </si>
  <si>
    <t>5702329516693</t>
  </si>
  <si>
    <t>VELUX Si.sch.-Ro. sol. RSL FK04 1028K</t>
  </si>
  <si>
    <t>RSL FK04 1028KWL</t>
  </si>
  <si>
    <t>5702329526685</t>
  </si>
  <si>
    <t>VELUX Si.sch.-Ro. sol. RSL FK04 1028KWL</t>
  </si>
  <si>
    <t>RSL FK04 1086K</t>
  </si>
  <si>
    <t>5702329516709</t>
  </si>
  <si>
    <t>VELUX Si.sch.-Ro. sol. RSL FK04 1086K</t>
  </si>
  <si>
    <t>RSL FK04 1086KWL</t>
  </si>
  <si>
    <t>5702329526692</t>
  </si>
  <si>
    <t>VELUX Si.sch.-Ro. sol. RSL FK04 1086KWL</t>
  </si>
  <si>
    <t>RSL FK04 4069KWL</t>
  </si>
  <si>
    <t>5702329526708</t>
  </si>
  <si>
    <t>VELUX Si.sch.-Ro. sol. RSL FK04 4069KWL</t>
  </si>
  <si>
    <t>RSL FK04 4155K</t>
  </si>
  <si>
    <t>5702329516723</t>
  </si>
  <si>
    <t>VELUX Si.sch.-Ro. sol. RSL FK04 4155K</t>
  </si>
  <si>
    <t>RSL FK04 4155KWL</t>
  </si>
  <si>
    <t>5702329526715</t>
  </si>
  <si>
    <t>VELUX Si.sch.-Ro. sol. RSL FK04 4155KWL</t>
  </si>
  <si>
    <t>RSL FK04 4161K</t>
  </si>
  <si>
    <t>5702329516730</t>
  </si>
  <si>
    <t>VELUX Si.sch.-Ro. sol. RSL FK04 4161K</t>
  </si>
  <si>
    <t>RSL FK04 4161KWL</t>
  </si>
  <si>
    <t>5702329526722</t>
  </si>
  <si>
    <t>VELUX Si.sch.-Ro. sol. RSL FK04 4161KWL</t>
  </si>
  <si>
    <t>RSL FK04 4162K</t>
  </si>
  <si>
    <t>5702329516747</t>
  </si>
  <si>
    <t>VELUX Si.sch.-Ro. sol. RSL FK04 4162K</t>
  </si>
  <si>
    <t>RSL FK04 4163KWL</t>
  </si>
  <si>
    <t>5702329526746</t>
  </si>
  <si>
    <t>VELUX Si.sch.-Ro. sol. RSL FK04 4163KWL</t>
  </si>
  <si>
    <t>RSL FK04 4166K</t>
  </si>
  <si>
    <t>5702329516785</t>
  </si>
  <si>
    <t>VELUX Si.sch.-Ro. sol. RSL FK04 4166K</t>
  </si>
  <si>
    <t>RSL FK04 4166KWL</t>
  </si>
  <si>
    <t>5702329526777</t>
  </si>
  <si>
    <t>VELUX Si.sch.-Ro. sol. RSL FK04 4166KWL</t>
  </si>
  <si>
    <t>RSL FK04 4169KWL</t>
  </si>
  <si>
    <t>5702329526807</t>
  </si>
  <si>
    <t>VELUX Si.sch.-Ro. sol. RSL FK04 4169KWL</t>
  </si>
  <si>
    <t>RSL FK04 4170KWL</t>
  </si>
  <si>
    <t>5702329526814</t>
  </si>
  <si>
    <t>VELUX Si.sch.-Ro. sol. RSL FK04 4170KWL</t>
  </si>
  <si>
    <t>RSL FK04 4171KWL</t>
  </si>
  <si>
    <t>5702329526821</t>
  </si>
  <si>
    <t>VELUX Si.sch.-Ro. sol. RSL FK04 4171KWL</t>
  </si>
  <si>
    <t>RSL FK04 9050KWL</t>
  </si>
  <si>
    <t>5702329526838</t>
  </si>
  <si>
    <t>VELUX Si.sch.-Ro. sol. RSL FK04 9050KWL</t>
  </si>
  <si>
    <t>RSL FK04 CBYK</t>
  </si>
  <si>
    <t>5702329516853</t>
  </si>
  <si>
    <t>VELUX Si.sch.-Ro. sol. RSL FK04 CBYK</t>
  </si>
  <si>
    <t>RSL FK04 CBYKWL</t>
  </si>
  <si>
    <t>5702329526845</t>
  </si>
  <si>
    <t>VELUX Si.sch.-Ro. sol. RSL FK04 CBYKWL</t>
  </si>
  <si>
    <t>RSL FK06 1028K</t>
  </si>
  <si>
    <t>5702329516860</t>
  </si>
  <si>
    <t>VELUX Si.sch.-Ro. sol. RSL FK06 1028K</t>
  </si>
  <si>
    <t>RSL FK06 1028KWL</t>
  </si>
  <si>
    <t>5702329526852</t>
  </si>
  <si>
    <t>VELUX Si.sch.-Ro. sol. RSL FK06 1028KWL</t>
  </si>
  <si>
    <t>RSL FK06 1086K</t>
  </si>
  <si>
    <t>5702329516877</t>
  </si>
  <si>
    <t>VELUX Si.sch.-Ro. sol. RSL FK06 1086K</t>
  </si>
  <si>
    <t>RSL FK06 1086KWL</t>
  </si>
  <si>
    <t>5702329526869</t>
  </si>
  <si>
    <t>VELUX Si.sch.-Ro. sol. RSL FK06 1086KWL</t>
  </si>
  <si>
    <t>RSL FK06 4069K</t>
  </si>
  <si>
    <t>5702329516884</t>
  </si>
  <si>
    <t>VELUX Si.sch.-Ro. sol. RSL FK06 4069K</t>
  </si>
  <si>
    <t>RSL FK06 4069KWL</t>
  </si>
  <si>
    <t>5702329526876</t>
  </si>
  <si>
    <t>VELUX Si.sch.-Ro. sol. RSL FK06 4069KWL</t>
  </si>
  <si>
    <t>RSL FK06 4155K</t>
  </si>
  <si>
    <t>5702329516891</t>
  </si>
  <si>
    <t>VELUX Si.sch.-Ro. sol. RSL FK06 4155K</t>
  </si>
  <si>
    <t>RSL FK06 4155KWL</t>
  </si>
  <si>
    <t>5702329526883</t>
  </si>
  <si>
    <t>VELUX Si.sch.-Ro. sol. RSL FK06 4155KWL</t>
  </si>
  <si>
    <t>RSL FK06 4161K</t>
  </si>
  <si>
    <t>5702329516907</t>
  </si>
  <si>
    <t>VELUX Si.sch.-Ro. sol. RSL FK06 4161K</t>
  </si>
  <si>
    <t>RSL FK06 4161KWL</t>
  </si>
  <si>
    <t>5702329526890</t>
  </si>
  <si>
    <t>VELUX Si.sch.-Ro. sol. RSL FK06 4161KWL</t>
  </si>
  <si>
    <t>RSL FK06 4162K</t>
  </si>
  <si>
    <t>5702329516914</t>
  </si>
  <si>
    <t>VELUX Si.sch.-Ro. sol. RSL FK06 4162K</t>
  </si>
  <si>
    <t>RSL FK06 4162KWL</t>
  </si>
  <si>
    <t>5702329526906</t>
  </si>
  <si>
    <t>VELUX Si.sch.-Ro. sol. RSL FK06 4162KWL</t>
  </si>
  <si>
    <t>RSL FK06 4163K</t>
  </si>
  <si>
    <t>5702329516921</t>
  </si>
  <si>
    <t>VELUX Si.sch.-Ro. sol. RSL FK06 4163K</t>
  </si>
  <si>
    <t>RSL FK06 4163KWL</t>
  </si>
  <si>
    <t>5702329526913</t>
  </si>
  <si>
    <t>VELUX Si.sch.-Ro. sol. RSL FK06 4163KWL</t>
  </si>
  <si>
    <t>RSL FK06 4164K</t>
  </si>
  <si>
    <t>5702329516938</t>
  </si>
  <si>
    <t>VELUX Si.sch.-Ro. sol. RSL FK06 4164K</t>
  </si>
  <si>
    <t>RSL FK06 4164KWL</t>
  </si>
  <si>
    <t>5702329526920</t>
  </si>
  <si>
    <t>VELUX Si.sch.-Ro. sol. RSL FK06 4164KWL</t>
  </si>
  <si>
    <t>RSL FK06 4165K</t>
  </si>
  <si>
    <t>5702329516945</t>
  </si>
  <si>
    <t>VELUX Si.sch.-Ro. sol. RSL FK06 4165K</t>
  </si>
  <si>
    <t>RSL FK06 4165KWL</t>
  </si>
  <si>
    <t>5702329526937</t>
  </si>
  <si>
    <t>VELUX Si.sch.-Ro. sol. RSL FK06 4165KWL</t>
  </si>
  <si>
    <t>RSL FK06 4166K</t>
  </si>
  <si>
    <t>5702329516952</t>
  </si>
  <si>
    <t>VELUX Si.sch.-Ro. sol. RSL FK06 4166K</t>
  </si>
  <si>
    <t>RSL FK06 4166KWL</t>
  </si>
  <si>
    <t>5702329526944</t>
  </si>
  <si>
    <t>VELUX Si.sch.-Ro. sol. RSL FK06 4166KWL</t>
  </si>
  <si>
    <t>RSL FK06 4167K</t>
  </si>
  <si>
    <t>5702329516969</t>
  </si>
  <si>
    <t>VELUX Si.sch.-Ro. sol. RSL FK06 4167K</t>
  </si>
  <si>
    <t>RSL FK06 4167KWL</t>
  </si>
  <si>
    <t>5702329526951</t>
  </si>
  <si>
    <t>VELUX Si.sch.-Ro. sol. RSL FK06 4167KWL</t>
  </si>
  <si>
    <t>RSL FK06 4168K</t>
  </si>
  <si>
    <t>5702329516976</t>
  </si>
  <si>
    <t>VELUX Si.sch.-Ro. sol. RSL FK06 4168K</t>
  </si>
  <si>
    <t>RSL FK06 4168KWL</t>
  </si>
  <si>
    <t>5702329526968</t>
  </si>
  <si>
    <t>VELUX Si.sch.-Ro. sol. RSL FK06 4168KWL</t>
  </si>
  <si>
    <t>RSL FK06 4169K</t>
  </si>
  <si>
    <t>5702329516983</t>
  </si>
  <si>
    <t>VELUX Si.sch.-Ro. sol. RSL FK06 4169K</t>
  </si>
  <si>
    <t>RSL FK06 4169KWL</t>
  </si>
  <si>
    <t>5702329526975</t>
  </si>
  <si>
    <t>VELUX Si.sch.-Ro. sol. RSL FK06 4169KWL</t>
  </si>
  <si>
    <t>RSL FK06 4170K</t>
  </si>
  <si>
    <t>5702329516990</t>
  </si>
  <si>
    <t>VELUX Si.sch.-Ro. sol. RSL FK06 4170K</t>
  </si>
  <si>
    <t>RSL FK06 4170KWL</t>
  </si>
  <si>
    <t>5702329526982</t>
  </si>
  <si>
    <t>VELUX Si.sch.-Ro. sol. RSL FK06 4170KWL</t>
  </si>
  <si>
    <t>RSL FK06 4171K</t>
  </si>
  <si>
    <t>5702329517003</t>
  </si>
  <si>
    <t>VELUX Si.sch.-Ro. sol. RSL FK06 4171K</t>
  </si>
  <si>
    <t>RSL FK06 4171KWL</t>
  </si>
  <si>
    <t>5702329526999</t>
  </si>
  <si>
    <t>VELUX Si.sch.-Ro. sol. RSL FK06 4171KWL</t>
  </si>
  <si>
    <t>RSL FK06 9050K</t>
  </si>
  <si>
    <t>5702329517010</t>
  </si>
  <si>
    <t>VELUX Si.sch.-Ro. sol. RSL FK06 9050K</t>
  </si>
  <si>
    <t>RSL FK06 9050KWL</t>
  </si>
  <si>
    <t>5702329527002</t>
  </si>
  <si>
    <t>VELUX Si.sch.-Ro. sol. RSL FK06 9050KWL</t>
  </si>
  <si>
    <t>RSL FK06 CBYK</t>
  </si>
  <si>
    <t>5702329517027</t>
  </si>
  <si>
    <t>VELUX Si.sch.-Ro. sol. RSL FK06 CBYK</t>
  </si>
  <si>
    <t>RSL FK06 CBYKWL</t>
  </si>
  <si>
    <t>5702329527019</t>
  </si>
  <si>
    <t>VELUX Si.sch.-Ro. sol. RSL FK06 CBYKWL</t>
  </si>
  <si>
    <t>RSL FK08 1028K</t>
  </si>
  <si>
    <t>5702329517034</t>
  </si>
  <si>
    <t>VELUX Si.sch.-Ro. sol. RSL FK08 1028K</t>
  </si>
  <si>
    <t>RSL FK08 1028KWL</t>
  </si>
  <si>
    <t>5702329527026</t>
  </si>
  <si>
    <t>VELUX Si.sch.-Ro. sol. RSL FK08 1028KWL</t>
  </si>
  <si>
    <t>RSL FK08 1086K</t>
  </si>
  <si>
    <t>5702329517041</t>
  </si>
  <si>
    <t>VELUX Si.sch.-Ro. sol. RSL FK08 1086K</t>
  </si>
  <si>
    <t>RSL FK08 1086KWL</t>
  </si>
  <si>
    <t>5702329527033</t>
  </si>
  <si>
    <t>VELUX Si.sch.-Ro. sol. RSL FK08 1086KWL</t>
  </si>
  <si>
    <t>RSL FK08 4069K</t>
  </si>
  <si>
    <t>5702329517058</t>
  </si>
  <si>
    <t>VELUX Si.sch.-Ro. sol. RSL FK08 4069K</t>
  </si>
  <si>
    <t>RSL FK08 4069KWL</t>
  </si>
  <si>
    <t>5702329527040</t>
  </si>
  <si>
    <t>VELUX Si.sch.-Ro. sol. RSL FK08 4069KWL</t>
  </si>
  <si>
    <t>RSL FK08 4155K</t>
  </si>
  <si>
    <t>5702329517065</t>
  </si>
  <si>
    <t>VELUX Si.sch.-Ro. sol. RSL FK08 4155K</t>
  </si>
  <si>
    <t>RSL FK08 4155KWL</t>
  </si>
  <si>
    <t>5702329527057</t>
  </si>
  <si>
    <t>VELUX Si.sch.-Ro. sol. RSL FK08 4155KWL</t>
  </si>
  <si>
    <t>RSL FK08 4161K</t>
  </si>
  <si>
    <t>5702329517072</t>
  </si>
  <si>
    <t>VELUX Si.sch.-Ro. sol. RSL FK08 4161K</t>
  </si>
  <si>
    <t>RSL FK08 4161KWL</t>
  </si>
  <si>
    <t>5702329527064</t>
  </si>
  <si>
    <t>VELUX Si.sch.-Ro. sol. RSL FK08 4161KWL</t>
  </si>
  <si>
    <t>RSL FK08 4163K</t>
  </si>
  <si>
    <t>5702329517096</t>
  </si>
  <si>
    <t>VELUX Si.sch.-Ro. sol. RSL FK08 4163K</t>
  </si>
  <si>
    <t>RSL FK08 4163KWL</t>
  </si>
  <si>
    <t>5702329527088</t>
  </si>
  <si>
    <t>VELUX Si.sch.-Ro. sol. RSL FK08 4163KWL</t>
  </si>
  <si>
    <t>RSL FK08 4164KWL</t>
  </si>
  <si>
    <t>5702329527095</t>
  </si>
  <si>
    <t>VELUX Si.sch.-Ro. sol. RSL FK08 4164KWL</t>
  </si>
  <si>
    <t>RSL FK08 4165KWL</t>
  </si>
  <si>
    <t>5702329527101</t>
  </si>
  <si>
    <t>VELUX Si.sch.-Ro. sol. RSL FK08 4165KWL</t>
  </si>
  <si>
    <t>RSL FK08 4166K</t>
  </si>
  <si>
    <t>5702329517126</t>
  </si>
  <si>
    <t>VELUX Si.sch.-Ro. sol. RSL FK08 4166K</t>
  </si>
  <si>
    <t>RSL FK08 4166KWL</t>
  </si>
  <si>
    <t>5702329527118</t>
  </si>
  <si>
    <t>VELUX Si.sch.-Ro. sol. RSL FK08 4166KWL</t>
  </si>
  <si>
    <t>RSL FK08 4167K</t>
  </si>
  <si>
    <t>5702329517133</t>
  </si>
  <si>
    <t>VELUX Si.sch.-Ro. sol. RSL FK08 4167K</t>
  </si>
  <si>
    <t>RSL FK08 4167KWL</t>
  </si>
  <si>
    <t>5702329527125</t>
  </si>
  <si>
    <t>VELUX Si.sch.-Ro. sol. RSL FK08 4167KWL</t>
  </si>
  <si>
    <t>RSL FK08 4168K</t>
  </si>
  <si>
    <t>5702329517140</t>
  </si>
  <si>
    <t>VELUX Si.sch.-Ro. sol. RSL FK08 4168K</t>
  </si>
  <si>
    <t>RSL FK08 4169K</t>
  </si>
  <si>
    <t>5702329517157</t>
  </si>
  <si>
    <t>VELUX Si.sch.-Ro. sol. RSL FK08 4169K</t>
  </si>
  <si>
    <t>RSL FK08 4169KWL</t>
  </si>
  <si>
    <t>5702329527149</t>
  </si>
  <si>
    <t>VELUX Si.sch.-Ro. sol. RSL FK08 4169KWL</t>
  </si>
  <si>
    <t>RSL FK08 4170K</t>
  </si>
  <si>
    <t>5702329517164</t>
  </si>
  <si>
    <t>VELUX Si.sch.-Ro. sol. RSL FK08 4170K</t>
  </si>
  <si>
    <t>RSL FK08 4170KWL</t>
  </si>
  <si>
    <t>5702329527156</t>
  </si>
  <si>
    <t>VELUX Si.sch.-Ro. sol. RSL FK08 4170KWL</t>
  </si>
  <si>
    <t>RSL FK08 4171K</t>
  </si>
  <si>
    <t>5702329517171</t>
  </si>
  <si>
    <t>VELUX Si.sch.-Ro. sol. RSL FK08 4171K</t>
  </si>
  <si>
    <t>RSL FK08 4171KWL</t>
  </si>
  <si>
    <t>5702329527163</t>
  </si>
  <si>
    <t>VELUX Si.sch.-Ro. sol. RSL FK08 4171KWL</t>
  </si>
  <si>
    <t>RSL FK08 CBYK</t>
  </si>
  <si>
    <t>5702329517195</t>
  </si>
  <si>
    <t>VELUX Si.sch.-Ro. sol. RSL FK08 CBYK</t>
  </si>
  <si>
    <t>RSL FK08 CBYKWL</t>
  </si>
  <si>
    <t>5702329527187</t>
  </si>
  <si>
    <t>VELUX Si.sch.-Ro. sol. RSL FK08 CBYKWL</t>
  </si>
  <si>
    <t>RSL M04 1028K</t>
  </si>
  <si>
    <t>5702329517201</t>
  </si>
  <si>
    <t>VELUX Si.sch.-Ro. sol. RSL M04 1028K</t>
  </si>
  <si>
    <t>RSL M04 1028KWL</t>
  </si>
  <si>
    <t>5702329527194</t>
  </si>
  <si>
    <t>VELUX Si.sch.-Ro. sol. RSL M04 1028KWL</t>
  </si>
  <si>
    <t>RSL M04 1086K</t>
  </si>
  <si>
    <t>5702329517218</t>
  </si>
  <si>
    <t>VELUX Si.sch.-Ro. sol. RSL M04 1086K</t>
  </si>
  <si>
    <t>RSL M04 1086KWL</t>
  </si>
  <si>
    <t>5702329527200</t>
  </si>
  <si>
    <t>VELUX Si.sch.-Ro. sol. RSL M04 1086KWL</t>
  </si>
  <si>
    <t>RSL M04 4069K</t>
  </si>
  <si>
    <t>5702329517225</t>
  </si>
  <si>
    <t>VELUX Si.sch.-Ro. sol. RSL M04 4069K</t>
  </si>
  <si>
    <t>RSL M04 4069KWL</t>
  </si>
  <si>
    <t>5702329527217</t>
  </si>
  <si>
    <t>VELUX Si.sch.-Ro. sol. RSL M04 4069KWL</t>
  </si>
  <si>
    <t>RSL M04 4155K</t>
  </si>
  <si>
    <t>5702329517232</t>
  </si>
  <si>
    <t>VELUX Si.sch.-Ro. sol. RSL M04 4155K</t>
  </si>
  <si>
    <t>RSL M04 4155KWL</t>
  </si>
  <si>
    <t>5702329527224</t>
  </si>
  <si>
    <t>VELUX Si.sch.-Ro. sol. RSL M04 4155KWL</t>
  </si>
  <si>
    <t>RSL M04 4161K</t>
  </si>
  <si>
    <t>5702329517249</t>
  </si>
  <si>
    <t>VELUX Si.sch.-Ro. sol. RSL M04 4161K</t>
  </si>
  <si>
    <t>RSL M04 4161KWL</t>
  </si>
  <si>
    <t>5702329527231</t>
  </si>
  <si>
    <t>VELUX Si.sch.-Ro. sol. RSL M04 4161KWL</t>
  </si>
  <si>
    <t>RSL M04 4162K</t>
  </si>
  <si>
    <t>5702329517256</t>
  </si>
  <si>
    <t>VELUX Si.sch.-Ro. sol. RSL M04 4162K</t>
  </si>
  <si>
    <t>RSL M04 4163K</t>
  </si>
  <si>
    <t>5702329517263</t>
  </si>
  <si>
    <t>VELUX Si.sch.-Ro. sol. RSL M04 4163K</t>
  </si>
  <si>
    <t>RSL M04 4163KWL</t>
  </si>
  <si>
    <t>5702329527255</t>
  </si>
  <si>
    <t>VELUX Si.sch.-Ro. sol. RSL M04 4163KWL</t>
  </si>
  <si>
    <t>RSL M04 4164K</t>
  </si>
  <si>
    <t>5702329517270</t>
  </si>
  <si>
    <t>VELUX Si.sch.-Ro. sol. RSL M04 4164K</t>
  </si>
  <si>
    <t>RSL M04 4164KWL</t>
  </si>
  <si>
    <t>5702329527262</t>
  </si>
  <si>
    <t>VELUX Si.sch.-Ro. sol. RSL M04 4164KWL</t>
  </si>
  <si>
    <t>RSL M04 4165K</t>
  </si>
  <si>
    <t>5702329517287</t>
  </si>
  <si>
    <t>VELUX Si.sch.-Ro. sol. RSL M04 4165K</t>
  </si>
  <si>
    <t>RSL M04 4165KWL</t>
  </si>
  <si>
    <t>5702329527279</t>
  </si>
  <si>
    <t>VELUX Si.sch.-Ro. sol. RSL M04 4165KWL</t>
  </si>
  <si>
    <t>RSL M04 4166K</t>
  </si>
  <si>
    <t>5702329517294</t>
  </si>
  <si>
    <t>VELUX Si.sch.-Ro. sol. RSL M04 4166K</t>
  </si>
  <si>
    <t>RSL M04 4166KWL</t>
  </si>
  <si>
    <t>5702329527286</t>
  </si>
  <si>
    <t>VELUX Si.sch.-Ro. sol. RSL M04 4166KWL</t>
  </si>
  <si>
    <t>RSL M04 4167K</t>
  </si>
  <si>
    <t>5702329517300</t>
  </si>
  <si>
    <t>VELUX Si.sch.-Ro. sol. RSL M04 4167K</t>
  </si>
  <si>
    <t>RSL M04 4167KWL</t>
  </si>
  <si>
    <t>5702329527293</t>
  </si>
  <si>
    <t>VELUX Si.sch.-Ro. sol. RSL M04 4167KWL</t>
  </si>
  <si>
    <t>RSL M04 4168K</t>
  </si>
  <si>
    <t>5702329517317</t>
  </si>
  <si>
    <t>VELUX Si.sch.-Ro. sol. RSL M04 4168K</t>
  </si>
  <si>
    <t>RSL M04 4169K</t>
  </si>
  <si>
    <t>5702329517324</t>
  </si>
  <si>
    <t>VELUX Si.sch.-Ro. sol. RSL M04 4169K</t>
  </si>
  <si>
    <t>RSL M04 4169KWL</t>
  </si>
  <si>
    <t>5702329527316</t>
  </si>
  <si>
    <t>VELUX Si.sch.-Ro. sol. RSL M04 4169KWL</t>
  </si>
  <si>
    <t>RSL M04 4170K</t>
  </si>
  <si>
    <t>5702329517331</t>
  </si>
  <si>
    <t>VELUX Si.sch.-Ro. sol. RSL M04 4170K</t>
  </si>
  <si>
    <t>RSL M04 4170KWL</t>
  </si>
  <si>
    <t>5702329527323</t>
  </si>
  <si>
    <t>VELUX Si.sch.-Ro. sol. RSL M04 4170KWL</t>
  </si>
  <si>
    <t>RSL M04 4171K</t>
  </si>
  <si>
    <t>5702329517348</t>
  </si>
  <si>
    <t>VELUX Si.sch.-Ro. sol. RSL M04 4171K</t>
  </si>
  <si>
    <t>RSL M04 4171KWL</t>
  </si>
  <si>
    <t>5702329527330</t>
  </si>
  <si>
    <t>VELUX Si.sch.-Ro. sol. RSL M04 4171KWL</t>
  </si>
  <si>
    <t>RSL M04 9050K</t>
  </si>
  <si>
    <t>5702329517355</t>
  </si>
  <si>
    <t>VELUX Si.sch.-Ro. sol. RSL M04 9050K</t>
  </si>
  <si>
    <t>RSL M04 9050KWL</t>
  </si>
  <si>
    <t>5702329527347</t>
  </si>
  <si>
    <t>VELUX Si.sch.-Ro. sol. RSL M04 9050KWL</t>
  </si>
  <si>
    <t>RSL M04 CBYK</t>
  </si>
  <si>
    <t>5702329517362</t>
  </si>
  <si>
    <t>VELUX Si.sch.-Ro. sol. RSL M04 CBYK</t>
  </si>
  <si>
    <t>RSL M04 CBYKWL</t>
  </si>
  <si>
    <t>5702329527354</t>
  </si>
  <si>
    <t>VELUX Si.sch.-Ro. sol. RSL M04 CBYKWL</t>
  </si>
  <si>
    <t>RSL M06 1028K</t>
  </si>
  <si>
    <t>5702329517379</t>
  </si>
  <si>
    <t>VELUX Si.sch.-Ro. sol. RSL M06 1028K</t>
  </si>
  <si>
    <t>RSL M06 1028KWL</t>
  </si>
  <si>
    <t>5702329527361</t>
  </si>
  <si>
    <t>VELUX Si.sch.-Ro. sol. RSL M06 1028KWL</t>
  </si>
  <si>
    <t>RSL M06 1086K</t>
  </si>
  <si>
    <t>5702329517386</t>
  </si>
  <si>
    <t>VELUX Si.sch.-Ro. sol. RSL M06 1086K</t>
  </si>
  <si>
    <t>RSL M06 1086KWL</t>
  </si>
  <si>
    <t>5702329527378</t>
  </si>
  <si>
    <t>VELUX Si.sch.-Ro. sol. RSL M06 1086KWL</t>
  </si>
  <si>
    <t>RSL M06 4069K</t>
  </si>
  <si>
    <t>5702329517393</t>
  </si>
  <si>
    <t>VELUX Si.sch.-Ro. sol. RSL M06 4069K</t>
  </si>
  <si>
    <t>RSL M06 4069KWL</t>
  </si>
  <si>
    <t>5702329527385</t>
  </si>
  <si>
    <t>VELUX Si.sch.-Ro. sol. RSL M06 4069KWL</t>
  </si>
  <si>
    <t>RSL M06 4155K</t>
  </si>
  <si>
    <t>5702329517409</t>
  </si>
  <si>
    <t>VELUX Si.sch.-Ro. sol. RSL M06 4155K</t>
  </si>
  <si>
    <t>RSL M06 4155KWL</t>
  </si>
  <si>
    <t>5702329527392</t>
  </si>
  <si>
    <t>VELUX Si.sch.-Ro. sol. RSL M06 4155KWL</t>
  </si>
  <si>
    <t>RSL M06 4161K</t>
  </si>
  <si>
    <t>5702329517416</t>
  </si>
  <si>
    <t>VELUX Si.sch.-Ro. sol. RSL M06 4161K</t>
  </si>
  <si>
    <t>RSL M06 4161KWL</t>
  </si>
  <si>
    <t>5702329527408</t>
  </si>
  <si>
    <t>VELUX Si.sch.-Ro. sol. RSL M06 4161KWL</t>
  </si>
  <si>
    <t>RSL M06 4162KWL</t>
  </si>
  <si>
    <t>5702329527415</t>
  </si>
  <si>
    <t>VELUX Si.sch.-Ro. sol. RSL M06 4162KWL</t>
  </si>
  <si>
    <t>RSL M06 4163K</t>
  </si>
  <si>
    <t>5702329517430</t>
  </si>
  <si>
    <t>VELUX Si.sch.-Ro. sol. RSL M06 4163K</t>
  </si>
  <si>
    <t>RSL M06 4163KWL</t>
  </si>
  <si>
    <t>5702329527422</t>
  </si>
  <si>
    <t>VELUX Si.sch.-Ro. sol. RSL M06 4163KWL</t>
  </si>
  <si>
    <t>RSL M06 4164K</t>
  </si>
  <si>
    <t>5702329517447</t>
  </si>
  <si>
    <t>VELUX Si.sch.-Ro. sol. RSL M06 4164K</t>
  </si>
  <si>
    <t>RSL M06 4164KWL</t>
  </si>
  <si>
    <t>5702329527439</t>
  </si>
  <si>
    <t>VELUX Si.sch.-Ro. sol. RSL M06 4164KWL</t>
  </si>
  <si>
    <t>RSL M06 4165K</t>
  </si>
  <si>
    <t>5702329517454</t>
  </si>
  <si>
    <t>VELUX Si.sch.-Ro. sol. RSL M06 4165K</t>
  </si>
  <si>
    <t>RSL M06 4165KWL</t>
  </si>
  <si>
    <t>5702329527446</t>
  </si>
  <si>
    <t>VELUX Si.sch.-Ro. sol. RSL M06 4165KWL</t>
  </si>
  <si>
    <t>RSL M06 4166K</t>
  </si>
  <si>
    <t>5702329517461</t>
  </si>
  <si>
    <t>VELUX Si.sch.-Ro. sol. RSL M06 4166K</t>
  </si>
  <si>
    <t>RSL M06 4166KWL</t>
  </si>
  <si>
    <t>5702329527453</t>
  </si>
  <si>
    <t>VELUX Si.sch.-Ro. sol. RSL M06 4166KWL</t>
  </si>
  <si>
    <t>RSL M06 4167K</t>
  </si>
  <si>
    <t>5702329517478</t>
  </si>
  <si>
    <t>VELUX Si.sch.-Ro. sol. RSL M06 4167K</t>
  </si>
  <si>
    <t>RSL M06 4168K</t>
  </si>
  <si>
    <t>5702329517485</t>
  </si>
  <si>
    <t>VELUX Si.sch.-Ro. sol. RSL M06 4168K</t>
  </si>
  <si>
    <t>RSL M06 4169K</t>
  </si>
  <si>
    <t>5702329517492</t>
  </si>
  <si>
    <t>VELUX Si.sch.-Ro. sol. RSL M06 4169K</t>
  </si>
  <si>
    <t>RSL M06 4169KWL</t>
  </si>
  <si>
    <t>5702329527484</t>
  </si>
  <si>
    <t>VELUX Si.sch.-Ro. sol. RSL M06 4169KWL</t>
  </si>
  <si>
    <t>RSL M06 4170K</t>
  </si>
  <si>
    <t>5702329517508</t>
  </si>
  <si>
    <t>VELUX Si.sch.-Ro. sol. RSL M06 4170K</t>
  </si>
  <si>
    <t>RSL M06 4170KWL</t>
  </si>
  <si>
    <t>5702329527491</t>
  </si>
  <si>
    <t>VELUX Si.sch.-Ro. sol. RSL M06 4170KWL</t>
  </si>
  <si>
    <t>RSL M06 4171K</t>
  </si>
  <si>
    <t>5702329517515</t>
  </si>
  <si>
    <t>VELUX Si.sch.-Ro. sol. RSL M06 4171K</t>
  </si>
  <si>
    <t>RSL M06 4171KWL</t>
  </si>
  <si>
    <t>5702329527507</t>
  </si>
  <si>
    <t>VELUX Si.sch.-Ro. sol. RSL M06 4171KWL</t>
  </si>
  <si>
    <t>RSL M06 9050K</t>
  </si>
  <si>
    <t>5702329517522</t>
  </si>
  <si>
    <t>VELUX Si.sch.-Ro. sol. RSL M06 9050K</t>
  </si>
  <si>
    <t>RSL M06 9050KWL</t>
  </si>
  <si>
    <t>5702329527514</t>
  </si>
  <si>
    <t>VELUX Si.sch.-Ro. sol. RSL M06 9050KWL</t>
  </si>
  <si>
    <t>RSL M06 CBYK</t>
  </si>
  <si>
    <t>5702329517539</t>
  </si>
  <si>
    <t>VELUX Si.sch.-Ro. sol. RSL M06 CBYK</t>
  </si>
  <si>
    <t>RSL M06 CBYKWL</t>
  </si>
  <si>
    <t>5702329527521</t>
  </si>
  <si>
    <t>VELUX Si.sch.-Ro. sol. RSL M06 CBYKWL</t>
  </si>
  <si>
    <t>RSL M08 1028K</t>
  </si>
  <si>
    <t>5702329517546</t>
  </si>
  <si>
    <t>VELUX Si.sch.-Ro. sol. RSL M08 1028K</t>
  </si>
  <si>
    <t>RSL M08 1028KWL</t>
  </si>
  <si>
    <t>5702329527538</t>
  </si>
  <si>
    <t>VELUX Si.sch.-Ro. sol. RSL M08 1028KWL</t>
  </si>
  <si>
    <t>RSL M08 1086K</t>
  </si>
  <si>
    <t>5702329517553</t>
  </si>
  <si>
    <t>VELUX Si.sch.-Ro. sol. RSL M08 1086K</t>
  </si>
  <si>
    <t>RSL M08 1086KWL</t>
  </si>
  <si>
    <t>5702329527545</t>
  </si>
  <si>
    <t>VELUX Si.sch.-Ro. sol. RSL M08 1086KWL</t>
  </si>
  <si>
    <t>RSL M08 4069K</t>
  </si>
  <si>
    <t>5702329517560</t>
  </si>
  <si>
    <t>VELUX Si.sch.-Ro. sol. RSL M08 4069K</t>
  </si>
  <si>
    <t>RSL M08 4069KWL</t>
  </si>
  <si>
    <t>5702329527552</t>
  </si>
  <si>
    <t>VELUX Si.sch.-Ro. sol. RSL M08 4069KWL</t>
  </si>
  <si>
    <t>RSL M08 4155K</t>
  </si>
  <si>
    <t>5702329517577</t>
  </si>
  <si>
    <t>VELUX Si.sch.-Ro. sol. RSL M08 4155K</t>
  </si>
  <si>
    <t>RSL M08 4155KWL</t>
  </si>
  <si>
    <t>5702329527569</t>
  </si>
  <si>
    <t>VELUX Si.sch.-Ro. sol. RSL M08 4155KWL</t>
  </si>
  <si>
    <t>RSL M08 4161K</t>
  </si>
  <si>
    <t>5702329517584</t>
  </si>
  <si>
    <t>VELUX Si.sch.-Ro. sol. RSL M08 4161K</t>
  </si>
  <si>
    <t>RSL M08 4161KWL</t>
  </si>
  <si>
    <t>5702329527576</t>
  </si>
  <si>
    <t>VELUX Si.sch.-Ro. sol. RSL M08 4161KWL</t>
  </si>
  <si>
    <t>RSL M08 4162K</t>
  </si>
  <si>
    <t>5702329517591</t>
  </si>
  <si>
    <t>VELUX Si.sch.-Ro. sol. RSL M08 4162K</t>
  </si>
  <si>
    <t>RSL M08 4163K</t>
  </si>
  <si>
    <t>5702329517607</t>
  </si>
  <si>
    <t>VELUX Si.sch.-Ro. sol. RSL M08 4163K</t>
  </si>
  <si>
    <t>RSL M08 4163KWL</t>
  </si>
  <si>
    <t>5702329527590</t>
  </si>
  <si>
    <t>VELUX Si.sch.-Ro. sol. RSL M08 4163KWL</t>
  </si>
  <si>
    <t>RSL M08 4164K</t>
  </si>
  <si>
    <t>5702329517614</t>
  </si>
  <si>
    <t>VELUX Si.sch.-Ro. sol. RSL M08 4164K</t>
  </si>
  <si>
    <t>RSL M08 4165K</t>
  </si>
  <si>
    <t>5702329517621</t>
  </si>
  <si>
    <t>VELUX Si.sch.-Ro. sol. RSL M08 4165K</t>
  </si>
  <si>
    <t>RSL M08 4165KWL</t>
  </si>
  <si>
    <t>5702329527613</t>
  </si>
  <si>
    <t>VELUX Si.sch.-Ro. sol. RSL M08 4165KWL</t>
  </si>
  <si>
    <t>RSL M08 4166K</t>
  </si>
  <si>
    <t>5702329517638</t>
  </si>
  <si>
    <t>VELUX Si.sch.-Ro. sol. RSL M08 4166K</t>
  </si>
  <si>
    <t>RSL M08 4166KWL</t>
  </si>
  <si>
    <t>5702329527620</t>
  </si>
  <si>
    <t>VELUX Si.sch.-Ro. sol. RSL M08 4166KWL</t>
  </si>
  <si>
    <t>RSL M08 4167K</t>
  </si>
  <si>
    <t>5702329517645</t>
  </si>
  <si>
    <t>VELUX Si.sch.-Ro. sol. RSL M08 4167K</t>
  </si>
  <si>
    <t>RSL M08 4167KWL</t>
  </si>
  <si>
    <t>5702329527637</t>
  </si>
  <si>
    <t>VELUX Si.sch.-Ro. sol. RSL M08 4167KWL</t>
  </si>
  <si>
    <t>RSL M08 4168K</t>
  </si>
  <si>
    <t>5702329517652</t>
  </si>
  <si>
    <t>VELUX Si.sch.-Ro. sol. RSL M08 4168K</t>
  </si>
  <si>
    <t>RSL M08 4169K</t>
  </si>
  <si>
    <t>5702329517669</t>
  </si>
  <si>
    <t>VELUX Si.sch.-Ro. sol. RSL M08 4169K</t>
  </si>
  <si>
    <t>RSL M08 4169KWL</t>
  </si>
  <si>
    <t>5702329527651</t>
  </si>
  <si>
    <t>VELUX Si.sch.-Ro. sol. RSL M08 4169KWL</t>
  </si>
  <si>
    <t>RSL M08 4170K</t>
  </si>
  <si>
    <t>5702329517676</t>
  </si>
  <si>
    <t>VELUX Si.sch.-Ro. sol. RSL M08 4170K</t>
  </si>
  <si>
    <t>RSL M08 4170KWL</t>
  </si>
  <si>
    <t>5702329527668</t>
  </si>
  <si>
    <t>VELUX Si.sch.-Ro. sol. RSL M08 4170KWL</t>
  </si>
  <si>
    <t>RSL M08 4171K</t>
  </si>
  <si>
    <t>5702329517683</t>
  </si>
  <si>
    <t>VELUX Si.sch.-Ro. sol. RSL M08 4171K</t>
  </si>
  <si>
    <t>RSL M08 4171KWL</t>
  </si>
  <si>
    <t>5702329527675</t>
  </si>
  <si>
    <t>VELUX Si.sch.-Ro. sol. RSL M08 4171KWL</t>
  </si>
  <si>
    <t>RSL M08 9050K</t>
  </si>
  <si>
    <t>5702329517690</t>
  </si>
  <si>
    <t>VELUX Si.sch.-Ro. sol. RSL M08 9050K</t>
  </si>
  <si>
    <t>RSL M08 9050KWL</t>
  </si>
  <si>
    <t>5702329527682</t>
  </si>
  <si>
    <t>VELUX Si.sch.-Ro. sol. RSL M08 9050KWL</t>
  </si>
  <si>
    <t>RSL M08 CBYK</t>
  </si>
  <si>
    <t>5702329517706</t>
  </si>
  <si>
    <t>VELUX Si.sch.-Ro. sol. RSL M08 CBYK</t>
  </si>
  <si>
    <t>RSL M08 CBYKWL</t>
  </si>
  <si>
    <t>5702329527699</t>
  </si>
  <si>
    <t>VELUX Si.sch.-Ro. sol. RSL M08 CBYKWL</t>
  </si>
  <si>
    <t>RSL M10 1028K</t>
  </si>
  <si>
    <t>5702329517713</t>
  </si>
  <si>
    <t>VELUX Si.sch.-Ro. sol. RSL M10 1028K</t>
  </si>
  <si>
    <t>RSL M10 1028KWL</t>
  </si>
  <si>
    <t>5702329527705</t>
  </si>
  <si>
    <t>VELUX Si.sch.-Ro. sol. RSL M10 1028KWL</t>
  </si>
  <si>
    <t>RSL M10 1086K</t>
  </si>
  <si>
    <t>5702329517720</t>
  </si>
  <si>
    <t>VELUX Si.sch.-Ro. sol. RSL M10 1086K</t>
  </si>
  <si>
    <t>RSL M10 4069K</t>
  </si>
  <si>
    <t>5702329517737</t>
  </si>
  <si>
    <t>VELUX Si.sch.-Ro. sol. RSL M10 4069K</t>
  </si>
  <si>
    <t>RSL M10 4069KWL</t>
  </si>
  <si>
    <t>5702329527729</t>
  </si>
  <si>
    <t>VELUX Si.sch.-Ro. sol. RSL M10 4069KWL</t>
  </si>
  <si>
    <t>RSL M10 4155K</t>
  </si>
  <si>
    <t>5702329517744</t>
  </si>
  <si>
    <t>VELUX Si.sch.-Ro. sol. RSL M10 4155K</t>
  </si>
  <si>
    <t>RSL M10 4155KWL</t>
  </si>
  <si>
    <t>5702329527736</t>
  </si>
  <si>
    <t>VELUX Si.sch.-Ro. sol. RSL M10 4155KWL</t>
  </si>
  <si>
    <t>RSL M10 4161K</t>
  </si>
  <si>
    <t>5702329517751</t>
  </si>
  <si>
    <t>VELUX Si.sch.-Ro. sol. RSL M10 4161K</t>
  </si>
  <si>
    <t>RSL M10 4162K</t>
  </si>
  <si>
    <t>5702329517768</t>
  </si>
  <si>
    <t>VELUX Si.sch.-Ro. sol. RSL M10 4162K</t>
  </si>
  <si>
    <t>RSL M10 4162KWL</t>
  </si>
  <si>
    <t>5702329527750</t>
  </si>
  <si>
    <t>VELUX Si.sch.-Ro. sol. RSL M10 4162KWL</t>
  </si>
  <si>
    <t>RSL M10 9050K</t>
  </si>
  <si>
    <t>5702329517867</t>
  </si>
  <si>
    <t>VELUX Si.sch.-Ro. sol. RSL M10 9050K</t>
  </si>
  <si>
    <t>RSL M10 CBYK</t>
  </si>
  <si>
    <t>5702329517874</t>
  </si>
  <si>
    <t>VELUX Si.sch.-Ro. sol. RSL M10 CBYK</t>
  </si>
  <si>
    <t>RSL M10 CBYKWL</t>
  </si>
  <si>
    <t>5702329527866</t>
  </si>
  <si>
    <t>VELUX Si.sch.-Ro. sol. RSL M10 CBYKWL</t>
  </si>
  <si>
    <t>RSL M31 1028K</t>
  </si>
  <si>
    <t>5702329518055</t>
  </si>
  <si>
    <t>VELUX Si.sch.-Ro. sol. RSL M31 1028K</t>
  </si>
  <si>
    <t>RSL M31 1028KWL</t>
  </si>
  <si>
    <t>5702329528047</t>
  </si>
  <si>
    <t>VELUX Si.sch.-Ro. sol. RSL M31 1028KWL</t>
  </si>
  <si>
    <t>RSL M31 4162K</t>
  </si>
  <si>
    <t>5702329518109</t>
  </si>
  <si>
    <t>VELUX Si.sch.-Ro. sol. RSL M31 4162K</t>
  </si>
  <si>
    <t>RSL M31 4166KWL</t>
  </si>
  <si>
    <t>5702329528139</t>
  </si>
  <si>
    <t>VELUX Si.sch.-Ro. sol. RSL M31 4166KWL</t>
  </si>
  <si>
    <t>RSL M31 CBYK</t>
  </si>
  <si>
    <t>5702329518215</t>
  </si>
  <si>
    <t>VELUX Si.sch.-Ro. sol. RSL M31 CBYK</t>
  </si>
  <si>
    <t>RSL M31 CBYKWL</t>
  </si>
  <si>
    <t>5702329528207</t>
  </si>
  <si>
    <t>VELUX Si.sch.-Ro. sol. RSL M31 CBYKWL</t>
  </si>
  <si>
    <t>RSL MK04 1028K</t>
  </si>
  <si>
    <t>5702329518383</t>
  </si>
  <si>
    <t>VELUX Si.sch.-Ro. sol. RSL MK04 1028K</t>
  </si>
  <si>
    <t>RSL MK04 1028KWL</t>
  </si>
  <si>
    <t>5702329528214</t>
  </si>
  <si>
    <t>VELUX Si.sch.-Ro. sol. RSL MK04 1028KWL</t>
  </si>
  <si>
    <t>RSL MK04 1086K</t>
  </si>
  <si>
    <t>5702329518390</t>
  </si>
  <si>
    <t>VELUX Si.sch.-Ro. sol. RSL MK04 1086K</t>
  </si>
  <si>
    <t>RSL MK04 1086KWL</t>
  </si>
  <si>
    <t>5702329528221</t>
  </si>
  <si>
    <t>VELUX Si.sch.-Ro. sol. RSL MK04 1086KWL</t>
  </si>
  <si>
    <t>RSL MK04 4069K</t>
  </si>
  <si>
    <t>5702329518406</t>
  </si>
  <si>
    <t>VELUX Si.sch.-Ro. sol. RSL MK04 4069K</t>
  </si>
  <si>
    <t>RSL MK04 4069KWL</t>
  </si>
  <si>
    <t>5702329528238</t>
  </si>
  <si>
    <t>VELUX Si.sch.-Ro. sol. RSL MK04 4069KWL</t>
  </si>
  <si>
    <t>RSL MK04 4155K</t>
  </si>
  <si>
    <t>5702329518413</t>
  </si>
  <si>
    <t>VELUX Si.sch.-Ro. sol. RSL MK04 4155K</t>
  </si>
  <si>
    <t>RSL MK04 4155KWL</t>
  </si>
  <si>
    <t>5702329528245</t>
  </si>
  <si>
    <t>VELUX Si.sch.-Ro. sol. RSL MK04 4155KWL</t>
  </si>
  <si>
    <t>RSL MK04 4161K</t>
  </si>
  <si>
    <t>5702329518420</t>
  </si>
  <si>
    <t>VELUX Si.sch.-Ro. sol. RSL MK04 4161K</t>
  </si>
  <si>
    <t>RSL MK04 4161KWL</t>
  </si>
  <si>
    <t>5702329528252</t>
  </si>
  <si>
    <t>VELUX Si.sch.-Ro. sol. RSL MK04 4161KWL</t>
  </si>
  <si>
    <t>RSL MK04 4162K</t>
  </si>
  <si>
    <t>5702329518437</t>
  </si>
  <si>
    <t>VELUX Si.sch.-Ro. sol. RSL MK04 4162K</t>
  </si>
  <si>
    <t>RSL MK04 4162KWL</t>
  </si>
  <si>
    <t>5702329528269</t>
  </si>
  <si>
    <t>VELUX Si.sch.-Ro. sol. RSL MK04 4162KWL</t>
  </si>
  <si>
    <t>RSL MK04 4163K</t>
  </si>
  <si>
    <t>5702329518444</t>
  </si>
  <si>
    <t>VELUX Si.sch.-Ro. sol. RSL MK04 4163K</t>
  </si>
  <si>
    <t>RSL MK04 4163KWL</t>
  </si>
  <si>
    <t>5702329528276</t>
  </si>
  <si>
    <t>VELUX Si.sch.-Ro. sol. RSL MK04 4163KWL</t>
  </si>
  <si>
    <t>RSL MK04 4164K</t>
  </si>
  <si>
    <t>5702329518451</t>
  </si>
  <si>
    <t>VELUX Si.sch.-Ro. sol. RSL MK04 4164K</t>
  </si>
  <si>
    <t>RSL MK04 4164KWL</t>
  </si>
  <si>
    <t>5702329528283</t>
  </si>
  <si>
    <t>VELUX Si.sch.-Ro. sol. RSL MK04 4164KWL</t>
  </si>
  <si>
    <t>RSL MK04 4165K</t>
  </si>
  <si>
    <t>5702329518468</t>
  </si>
  <si>
    <t>VELUX Si.sch.-Ro. sol. RSL MK04 4165K</t>
  </si>
  <si>
    <t>RSL MK04 4165KWL</t>
  </si>
  <si>
    <t>5702329528290</t>
  </si>
  <si>
    <t>VELUX Si.sch.-Ro. sol. RSL MK04 4165KWL</t>
  </si>
  <si>
    <t>RSL MK04 4166K</t>
  </si>
  <si>
    <t>5702329518475</t>
  </si>
  <si>
    <t>VELUX Si.sch.-Ro. sol. RSL MK04 4166K</t>
  </si>
  <si>
    <t>RSL MK04 4166KWL</t>
  </si>
  <si>
    <t>5702329528306</t>
  </si>
  <si>
    <t>VELUX Si.sch.-Ro. sol. RSL MK04 4166KWL</t>
  </si>
  <si>
    <t>RSL MK04 4167K</t>
  </si>
  <si>
    <t>5702329518482</t>
  </si>
  <si>
    <t>VELUX Si.sch.-Ro. sol. RSL MK04 4167K</t>
  </si>
  <si>
    <t>RSL MK04 4167KWL</t>
  </si>
  <si>
    <t>5702329528313</t>
  </si>
  <si>
    <t>VELUX Si.sch.-Ro. sol. RSL MK04 4167KWL</t>
  </si>
  <si>
    <t>RSL MK04 4168K</t>
  </si>
  <si>
    <t>5702329518499</t>
  </si>
  <si>
    <t>VELUX Si.sch.-Ro. sol. RSL MK04 4168K</t>
  </si>
  <si>
    <t>RSL MK04 4168KWL</t>
  </si>
  <si>
    <t>5702329528320</t>
  </si>
  <si>
    <t>VELUX Si.sch.-Ro. sol. RSL MK04 4168KWL</t>
  </si>
  <si>
    <t>RSL MK04 4169K</t>
  </si>
  <si>
    <t>5702329518505</t>
  </si>
  <si>
    <t>VELUX Si.sch.-Ro. sol. RSL MK04 4169K</t>
  </si>
  <si>
    <t>RSL MK04 4169KWL</t>
  </si>
  <si>
    <t>5702329528337</t>
  </si>
  <si>
    <t>VELUX Si.sch.-Ro. sol. RSL MK04 4169KWL</t>
  </si>
  <si>
    <t>RSL MK04 4170K</t>
  </si>
  <si>
    <t>5702329518512</t>
  </si>
  <si>
    <t>VELUX Si.sch.-Ro. sol. RSL MK04 4170K</t>
  </si>
  <si>
    <t>RSL MK04 4170KWL</t>
  </si>
  <si>
    <t>5702329528344</t>
  </si>
  <si>
    <t>VELUX Si.sch.-Ro. sol. RSL MK04 4170KWL</t>
  </si>
  <si>
    <t>RSL MK04 4171K</t>
  </si>
  <si>
    <t>5702329518529</t>
  </si>
  <si>
    <t>VELUX Si.sch.-Ro. sol. RSL MK04 4171K</t>
  </si>
  <si>
    <t>RSL MK04 4171KWL</t>
  </si>
  <si>
    <t>5702329528351</t>
  </si>
  <si>
    <t>VELUX Si.sch.-Ro. sol. RSL MK04 4171KWL</t>
  </si>
  <si>
    <t>RSL MK04 9050K</t>
  </si>
  <si>
    <t>5702329518536</t>
  </si>
  <si>
    <t>VELUX Si.sch.-Ro. sol. RSL MK04 9050K</t>
  </si>
  <si>
    <t>RSL MK04 9050KWL</t>
  </si>
  <si>
    <t>5702329528368</t>
  </si>
  <si>
    <t>VELUX Si.sch.-Ro. sol. RSL MK04 9050KWL</t>
  </si>
  <si>
    <t>RSL MK04 CBYK</t>
  </si>
  <si>
    <t>5702329518543</t>
  </si>
  <si>
    <t>VELUX Si.sch.-Ro. sol. RSL MK04 CBYK</t>
  </si>
  <si>
    <t>RSL MK04 CBYKWL</t>
  </si>
  <si>
    <t>5702329528375</t>
  </si>
  <si>
    <t>VELUX Si.sch.-Ro. sol. RSL MK04 CBYKWL</t>
  </si>
  <si>
    <t>RSL MK06 1028K</t>
  </si>
  <si>
    <t>5702329518550</t>
  </si>
  <si>
    <t>VELUX Si.sch.-Ro. sol. RSL MK06 1028K</t>
  </si>
  <si>
    <t>RSL MK06 1028KWL</t>
  </si>
  <si>
    <t>5702329528382</t>
  </si>
  <si>
    <t>VELUX Si.sch.-Ro. sol. RSL MK06 1028KWL</t>
  </si>
  <si>
    <t>RSL MK06 1086K</t>
  </si>
  <si>
    <t>5702329518567</t>
  </si>
  <si>
    <t>VELUX Si.sch.-Ro. sol. RSL MK06 1086K</t>
  </si>
  <si>
    <t>RSL MK06 1086KWL</t>
  </si>
  <si>
    <t>5702329528399</t>
  </si>
  <si>
    <t>VELUX Si.sch.-Ro. sol. RSL MK06 1086KWL</t>
  </si>
  <si>
    <t>RSL MK06 4069K</t>
  </si>
  <si>
    <t>5702329518574</t>
  </si>
  <si>
    <t>VELUX Si.sch.-Ro. sol. RSL MK06 4069K</t>
  </si>
  <si>
    <t>RSL MK06 4069KWL</t>
  </si>
  <si>
    <t>5702329528405</t>
  </si>
  <si>
    <t>VELUX Si.sch.-Ro. sol. RSL MK06 4069KWL</t>
  </si>
  <si>
    <t>RSL MK06 4155K</t>
  </si>
  <si>
    <t>5702329518581</t>
  </si>
  <si>
    <t>VELUX Si.sch.-Ro. sol. RSL MK06 4155K</t>
  </si>
  <si>
    <t>RSL MK06 4155KWL</t>
  </si>
  <si>
    <t>5702329528412</t>
  </si>
  <si>
    <t>VELUX Si.sch.-Ro. sol. RSL MK06 4155KWL</t>
  </si>
  <si>
    <t>RSL MK06 4161K</t>
  </si>
  <si>
    <t>5702329518598</t>
  </si>
  <si>
    <t>VELUX Si.sch.-Ro. sol. RSL MK06 4161K</t>
  </si>
  <si>
    <t>RSL MK06 4161KWL</t>
  </si>
  <si>
    <t>5702329528429</t>
  </si>
  <si>
    <t>VELUX Si.sch.-Ro. sol. RSL MK06 4161KWL</t>
  </si>
  <si>
    <t>RSL MK06 4162K</t>
  </si>
  <si>
    <t>5702329518604</t>
  </si>
  <si>
    <t>VELUX Si.sch.-Ro. sol. RSL MK06 4162K</t>
  </si>
  <si>
    <t>RSL MK06 4162KWL</t>
  </si>
  <si>
    <t>5702329528436</t>
  </si>
  <si>
    <t>VELUX Si.sch.-Ro. sol. RSL MK06 4162KWL</t>
  </si>
  <si>
    <t>RSL MK06 4163K</t>
  </si>
  <si>
    <t>5702329518611</t>
  </si>
  <si>
    <t>VELUX Si.sch.-Ro. sol. RSL MK06 4163K</t>
  </si>
  <si>
    <t>RSL MK06 4163KWL</t>
  </si>
  <si>
    <t>5702329528443</t>
  </si>
  <si>
    <t>VELUX Si.sch.-Ro. sol. RSL MK06 4163KWL</t>
  </si>
  <si>
    <t>RSL MK06 4164K</t>
  </si>
  <si>
    <t>5702329518628</t>
  </si>
  <si>
    <t>VELUX Si.sch.-Ro. sol. RSL MK06 4164K</t>
  </si>
  <si>
    <t>RSL MK06 4164KWL</t>
  </si>
  <si>
    <t>5702329528450</t>
  </si>
  <si>
    <t>VELUX Si.sch.-Ro. sol. RSL MK06 4164KWL</t>
  </si>
  <si>
    <t>RSL MK06 4165KWL</t>
  </si>
  <si>
    <t>5702329528467</t>
  </si>
  <si>
    <t>VELUX Si.sch.-Ro. sol. RSL MK06 4165KWL</t>
  </si>
  <si>
    <t>RSL MK06 4166K</t>
  </si>
  <si>
    <t>5702329518642</t>
  </si>
  <si>
    <t>VELUX Si.sch.-Ro. sol. RSL MK06 4166K</t>
  </si>
  <si>
    <t>RSL MK06 4166KWL</t>
  </si>
  <si>
    <t>5702329528474</t>
  </si>
  <si>
    <t>VELUX Si.sch.-Ro. sol. RSL MK06 4166KWL</t>
  </si>
  <si>
    <t>RSL MK06 4167K</t>
  </si>
  <si>
    <t>5702329518659</t>
  </si>
  <si>
    <t>VELUX Si.sch.-Ro. sol. RSL MK06 4167K</t>
  </si>
  <si>
    <t>RSL MK06 4167KWL</t>
  </si>
  <si>
    <t>5702329528481</t>
  </si>
  <si>
    <t>VELUX Si.sch.-Ro. sol. RSL MK06 4167KWL</t>
  </si>
  <si>
    <t>RSL MK06 4168K</t>
  </si>
  <si>
    <t>5702329518666</t>
  </si>
  <si>
    <t>VELUX Si.sch.-Ro. sol. RSL MK06 4168K</t>
  </si>
  <si>
    <t>RSL MK06 4168KWL</t>
  </si>
  <si>
    <t>5702329528498</t>
  </si>
  <si>
    <t>VELUX Si.sch.-Ro. sol. RSL MK06 4168KWL</t>
  </si>
  <si>
    <t>RSL MK06 4169K</t>
  </si>
  <si>
    <t>5702329518673</t>
  </si>
  <si>
    <t>VELUX Si.sch.-Ro. sol. RSL MK06 4169K</t>
  </si>
  <si>
    <t>RSL MK06 4169KWL</t>
  </si>
  <si>
    <t>5702329528504</t>
  </si>
  <si>
    <t>VELUX Si.sch.-Ro. sol. RSL MK06 4169KWL</t>
  </si>
  <si>
    <t>RSL MK06 4170K</t>
  </si>
  <si>
    <t>5702329518680</t>
  </si>
  <si>
    <t>VELUX Si.sch.-Ro. sol. RSL MK06 4170K</t>
  </si>
  <si>
    <t>RSL MK06 4170KWL</t>
  </si>
  <si>
    <t>5702329528511</t>
  </si>
  <si>
    <t>VELUX Si.sch.-Ro. sol. RSL MK06 4170KWL</t>
  </si>
  <si>
    <t>RSL MK06 4171K</t>
  </si>
  <si>
    <t>5702329518697</t>
  </si>
  <si>
    <t>VELUX Si.sch.-Ro. sol. RSL MK06 4171K</t>
  </si>
  <si>
    <t>RSL MK06 4171KWL</t>
  </si>
  <si>
    <t>5702329528528</t>
  </si>
  <si>
    <t>VELUX Si.sch.-Ro. sol. RSL MK06 4171KWL</t>
  </si>
  <si>
    <t>RSL MK06 9050K</t>
  </si>
  <si>
    <t>5702329518703</t>
  </si>
  <si>
    <t>VELUX Si.sch.-Ro. sol. RSL MK06 9050K</t>
  </si>
  <si>
    <t>RSL MK06 9050KWL</t>
  </si>
  <si>
    <t>5702329528535</t>
  </si>
  <si>
    <t>VELUX Si.sch.-Ro. sol. RSL MK06 9050KWL</t>
  </si>
  <si>
    <t>RSL MK06 CBYK</t>
  </si>
  <si>
    <t>5702329518710</t>
  </si>
  <si>
    <t>VELUX Si.sch.-Ro. sol. RSL MK06 CBYK</t>
  </si>
  <si>
    <t>RSL MK06 CBYKWL</t>
  </si>
  <si>
    <t>5702329528542</t>
  </si>
  <si>
    <t>VELUX Si.sch.-Ro. sol. RSL MK06 CBYKWL</t>
  </si>
  <si>
    <t>RSL MK08 1028K</t>
  </si>
  <si>
    <t>5702329518727</t>
  </si>
  <si>
    <t>VELUX Si.sch.-Ro. sol. RSL MK08 1028K</t>
  </si>
  <si>
    <t>RSL MK08 1028KWL</t>
  </si>
  <si>
    <t>5702329528559</t>
  </si>
  <si>
    <t>VELUX Si.sch.-Ro. sol. RSL MK08 1028KWL</t>
  </si>
  <si>
    <t>RSL MK08 1086K</t>
  </si>
  <si>
    <t>5702329518734</t>
  </si>
  <si>
    <t>VELUX Si.sch.-Ro. sol. RSL MK08 1086K</t>
  </si>
  <si>
    <t>RSL MK08 1086KWL</t>
  </si>
  <si>
    <t>5702329528566</t>
  </si>
  <si>
    <t>VELUX Si.sch.-Ro. sol. RSL MK08 1086KWL</t>
  </si>
  <si>
    <t>RSL MK08 4069K</t>
  </si>
  <si>
    <t>5702329518741</t>
  </si>
  <si>
    <t>VELUX Si.sch.-Ro. sol. RSL MK08 4069K</t>
  </si>
  <si>
    <t>RSL MK08 4069KWL</t>
  </si>
  <si>
    <t>5702329528573</t>
  </si>
  <si>
    <t>VELUX Si.sch.-Ro. sol. RSL MK08 4069KWL</t>
  </si>
  <si>
    <t>RSL MK08 4155K</t>
  </si>
  <si>
    <t>5702329518758</t>
  </si>
  <si>
    <t>VELUX Si.sch.-Ro. sol. RSL MK08 4155K</t>
  </si>
  <si>
    <t>RSL MK08 4155KWL</t>
  </si>
  <si>
    <t>5702329528580</t>
  </si>
  <si>
    <t>VELUX Si.sch.-Ro. sol. RSL MK08 4155KWL</t>
  </si>
  <si>
    <t>RSL MK08 4161K</t>
  </si>
  <si>
    <t>5702329518765</t>
  </si>
  <si>
    <t>VELUX Si.sch.-Ro. sol. RSL MK08 4161K</t>
  </si>
  <si>
    <t>RSL MK08 4161KWL</t>
  </si>
  <si>
    <t>5702329528597</t>
  </si>
  <si>
    <t>VELUX Si.sch.-Ro. sol. RSL MK08 4161KWL</t>
  </si>
  <si>
    <t>RSL MK08 4162K</t>
  </si>
  <si>
    <t>5702329518772</t>
  </si>
  <si>
    <t>VELUX Si.sch.-Ro. sol. RSL MK08 4162K</t>
  </si>
  <si>
    <t>RSL MK08 4162KWL</t>
  </si>
  <si>
    <t>5702329528603</t>
  </si>
  <si>
    <t>VELUX Si.sch.-Ro. sol. RSL MK08 4162KWL</t>
  </si>
  <si>
    <t>RSL MK08 4163K</t>
  </si>
  <si>
    <t>5702329518789</t>
  </si>
  <si>
    <t>VELUX Si.sch.-Ro. sol. RSL MK08 4163K</t>
  </si>
  <si>
    <t>RSL MK08 4163KWL</t>
  </si>
  <si>
    <t>5702329528610</t>
  </si>
  <si>
    <t>VELUX Si.sch.-Ro. sol. RSL MK08 4163KWL</t>
  </si>
  <si>
    <t>RSL MK08 4164K</t>
  </si>
  <si>
    <t>5702329518796</t>
  </si>
  <si>
    <t>VELUX Si.sch.-Ro. sol. RSL MK08 4164K</t>
  </si>
  <si>
    <t>RSL MK08 4164KWL</t>
  </si>
  <si>
    <t>5702329528627</t>
  </si>
  <si>
    <t>VELUX Si.sch.-Ro. sol. RSL MK08 4164KWL</t>
  </si>
  <si>
    <t>RSL MK08 4165K</t>
  </si>
  <si>
    <t>5702329518802</t>
  </si>
  <si>
    <t>VELUX Si.sch.-Ro. sol. RSL MK08 4165K</t>
  </si>
  <si>
    <t>RSL MK08 4165KWL</t>
  </si>
  <si>
    <t>5702329528634</t>
  </si>
  <si>
    <t>VELUX Si.sch.-Ro. sol. RSL MK08 4165KWL</t>
  </si>
  <si>
    <t>RSL MK08 4166K</t>
  </si>
  <si>
    <t>5702329518819</t>
  </si>
  <si>
    <t>VELUX Si.sch.-Ro. sol. RSL MK08 4166K</t>
  </si>
  <si>
    <t>RSL MK08 4166KWL</t>
  </si>
  <si>
    <t>5702329528641</t>
  </si>
  <si>
    <t>VELUX Si.sch.-Ro. sol. RSL MK08 4166KWL</t>
  </si>
  <si>
    <t>RSL MK08 4167K</t>
  </si>
  <si>
    <t>5702329518826</t>
  </si>
  <si>
    <t>VELUX Si.sch.-Ro. sol. RSL MK08 4167K</t>
  </si>
  <si>
    <t>RSL MK08 4167KWL</t>
  </si>
  <si>
    <t>5702329528658</t>
  </si>
  <si>
    <t>VELUX Si.sch.-Ro. sol. RSL MK08 4167KWL</t>
  </si>
  <si>
    <t>RSL MK08 4168K</t>
  </si>
  <si>
    <t>5702329518833</t>
  </si>
  <si>
    <t>VELUX Si.sch.-Ro. sol. RSL MK08 4168K</t>
  </si>
  <si>
    <t>RSL MK08 4168KWL</t>
  </si>
  <si>
    <t>5702329528665</t>
  </si>
  <si>
    <t>VELUX Si.sch.-Ro. sol. RSL MK08 4168KWL</t>
  </si>
  <si>
    <t>RSL MK08 4169K</t>
  </si>
  <si>
    <t>5702329518840</t>
  </si>
  <si>
    <t>VELUX Si.sch.-Ro. sol. RSL MK08 4169K</t>
  </si>
  <si>
    <t>RSL MK08 4169KWL</t>
  </si>
  <si>
    <t>5702329528672</t>
  </si>
  <si>
    <t>VELUX Si.sch.-Ro. sol. RSL MK08 4169KWL</t>
  </si>
  <si>
    <t>RSL MK08 4170K</t>
  </si>
  <si>
    <t>5702329518857</t>
  </si>
  <si>
    <t>VELUX Si.sch.-Ro. sol. RSL MK08 4170K</t>
  </si>
  <si>
    <t>RSL MK08 4170KWL</t>
  </si>
  <si>
    <t>5702329528689</t>
  </si>
  <si>
    <t>VELUX Si.sch.-Ro. sol. RSL MK08 4170KWL</t>
  </si>
  <si>
    <t>RSL MK08 4171K</t>
  </si>
  <si>
    <t>5702329518864</t>
  </si>
  <si>
    <t>VELUX Si.sch.-Ro. sol. RSL MK08 4171K</t>
  </si>
  <si>
    <t>RSL MK08 4171KWL</t>
  </si>
  <si>
    <t>5702329528696</t>
  </si>
  <si>
    <t>VELUX Si.sch.-Ro. sol. RSL MK08 4171KWL</t>
  </si>
  <si>
    <t>RSL MK08 9050K</t>
  </si>
  <si>
    <t>5702329518871</t>
  </si>
  <si>
    <t>VELUX Si.sch.-Ro. sol. RSL MK08 9050K</t>
  </si>
  <si>
    <t>RSL MK08 9050KWL</t>
  </si>
  <si>
    <t>5702329528702</t>
  </si>
  <si>
    <t>VELUX Si.sch.-Ro. sol. RSL MK08 9050KWL</t>
  </si>
  <si>
    <t>RSL MK08 CBYK</t>
  </si>
  <si>
    <t>5702329518888</t>
  </si>
  <si>
    <t>VELUX Si.sch.-Ro. sol. RSL MK08 CBYK</t>
  </si>
  <si>
    <t>RSL MK08 CBYKWL</t>
  </si>
  <si>
    <t>5702329528719</t>
  </si>
  <si>
    <t>VELUX Si.sch.-Ro. sol. RSL MK08 CBYKWL</t>
  </si>
  <si>
    <t>RSL MK10 1028K</t>
  </si>
  <si>
    <t>5702329518895</t>
  </si>
  <si>
    <t>VELUX Si.sch.-Ro. sol. RSL MK10 1028K</t>
  </si>
  <si>
    <t>RSL MK10 1028KWL</t>
  </si>
  <si>
    <t>5702329528726</t>
  </si>
  <si>
    <t>VELUX Si.sch.-Ro. sol. RSL MK10 1028KWL</t>
  </si>
  <si>
    <t>RSL MK10 1086K</t>
  </si>
  <si>
    <t>5702329518901</t>
  </si>
  <si>
    <t>VELUX Si.sch.-Ro. sol. RSL MK10 1086K</t>
  </si>
  <si>
    <t>RSL MK10 1086KWL</t>
  </si>
  <si>
    <t>5702329528733</t>
  </si>
  <si>
    <t>VELUX Si.sch.-Ro. sol. RSL MK10 1086KWL</t>
  </si>
  <si>
    <t>RSL MK10 4069K</t>
  </si>
  <si>
    <t>5702329518918</t>
  </si>
  <si>
    <t>VELUX Si.sch.-Ro. sol. RSL MK10 4069K</t>
  </si>
  <si>
    <t>RSL MK10 4069KWL</t>
  </si>
  <si>
    <t>5702329528740</t>
  </si>
  <si>
    <t>VELUX Si.sch.-Ro. sol. RSL MK10 4069KWL</t>
  </si>
  <si>
    <t>RSL MK10 4155K</t>
  </si>
  <si>
    <t>5702329518925</t>
  </si>
  <si>
    <t>VELUX Si.sch.-Ro. sol. RSL MK10 4155K</t>
  </si>
  <si>
    <t>RSL MK10 4155KWL</t>
  </si>
  <si>
    <t>5702329528757</t>
  </si>
  <si>
    <t>VELUX Si.sch.-Ro. sol. RSL MK10 4155KWL</t>
  </si>
  <si>
    <t>RSL MK10 4161K</t>
  </si>
  <si>
    <t>5702329518932</t>
  </si>
  <si>
    <t>VELUX Si.sch.-Ro. sol. RSL MK10 4161K</t>
  </si>
  <si>
    <t>RSL MK10 4161KWL</t>
  </si>
  <si>
    <t>5702329528764</t>
  </si>
  <si>
    <t>VELUX Si.sch.-Ro. sol. RSL MK10 4161KWL</t>
  </si>
  <si>
    <t>RSL MK10 4162KWL</t>
  </si>
  <si>
    <t>5702329528771</t>
  </si>
  <si>
    <t>VELUX Si.sch.-Ro. sol. RSL MK10 4162KWL</t>
  </si>
  <si>
    <t>RSL MK10 4163K</t>
  </si>
  <si>
    <t>5702329518956</t>
  </si>
  <si>
    <t>VELUX Si.sch.-Ro. sol. RSL MK10 4163K</t>
  </si>
  <si>
    <t>RSL MK10 4163KWL</t>
  </si>
  <si>
    <t>5702329528788</t>
  </si>
  <si>
    <t>VELUX Si.sch.-Ro. sol. RSL MK10 4163KWL</t>
  </si>
  <si>
    <t>RSL MK10 4164K</t>
  </si>
  <si>
    <t>5702329518963</t>
  </si>
  <si>
    <t>VELUX Si.sch.-Ro. sol. RSL MK10 4164K</t>
  </si>
  <si>
    <t>RSL MK10 4164KWL</t>
  </si>
  <si>
    <t>5702329528795</t>
  </si>
  <si>
    <t>VELUX Si.sch.-Ro. sol. RSL MK10 4164KWL</t>
  </si>
  <si>
    <t>RSL MK10 4166KWL</t>
  </si>
  <si>
    <t>5702329528818</t>
  </si>
  <si>
    <t>VELUX Si.sch.-Ro. sol. RSL MK10 4166KWL</t>
  </si>
  <si>
    <t>RSL MK10 4167K</t>
  </si>
  <si>
    <t>5702329518994</t>
  </si>
  <si>
    <t>VELUX Si.sch.-Ro. sol. RSL MK10 4167K</t>
  </si>
  <si>
    <t>RSL MK10 4168KWL</t>
  </si>
  <si>
    <t>5702329528832</t>
  </si>
  <si>
    <t>VELUX Si.sch.-Ro. sol. RSL MK10 4168KWL</t>
  </si>
  <si>
    <t>RSL MK10 4169K</t>
  </si>
  <si>
    <t>5702329519014</t>
  </si>
  <si>
    <t>VELUX Si.sch.-Ro. sol. RSL MK10 4169K</t>
  </si>
  <si>
    <t>RSL MK10 4169KWL</t>
  </si>
  <si>
    <t>5702329528849</t>
  </si>
  <si>
    <t>VELUX Si.sch.-Ro. sol. RSL MK10 4169KWL</t>
  </si>
  <si>
    <t>RSL MK10 4170KWL</t>
  </si>
  <si>
    <t>5702329528856</t>
  </si>
  <si>
    <t>VELUX Si.sch.-Ro. sol. RSL MK10 4170KWL</t>
  </si>
  <si>
    <t>RSL MK10 9050K</t>
  </si>
  <si>
    <t>5702329519045</t>
  </si>
  <si>
    <t>VELUX Si.sch.-Ro. sol. RSL MK10 9050K</t>
  </si>
  <si>
    <t>RSL MK10 9050KWL</t>
  </si>
  <si>
    <t>5702329528870</t>
  </si>
  <si>
    <t>VELUX Si.sch.-Ro. sol. RSL MK10 9050KWL</t>
  </si>
  <si>
    <t>RSL MK10 CBYK</t>
  </si>
  <si>
    <t>5702329519052</t>
  </si>
  <si>
    <t>VELUX Si.sch.-Ro. sol. RSL MK10 CBYK</t>
  </si>
  <si>
    <t>RSL MK10 CBYKWL</t>
  </si>
  <si>
    <t>5702329528887</t>
  </si>
  <si>
    <t>VELUX Si.sch.-Ro. sol. RSL MK10 CBYKWL</t>
  </si>
  <si>
    <t>RSL MK12 1028K</t>
  </si>
  <si>
    <t>5702329519069</t>
  </si>
  <si>
    <t>VELUX Si.sch.-Ro. sol. RSL MK12 1028K</t>
  </si>
  <si>
    <t>RSL MK12 1028KWL</t>
  </si>
  <si>
    <t>5702329528894</t>
  </si>
  <si>
    <t>VELUX Si.sch.-Ro. sol. RSL MK12 1028KWL</t>
  </si>
  <si>
    <t>RSL MK12 1086K</t>
  </si>
  <si>
    <t>5702329519076</t>
  </si>
  <si>
    <t>VELUX Si.sch.-Ro. sol. RSL MK12 1086K</t>
  </si>
  <si>
    <t>RSL MK12 1086KWL</t>
  </si>
  <si>
    <t>5702329528900</t>
  </si>
  <si>
    <t>VELUX Si.sch.-Ro. sol. RSL MK12 1086KWL</t>
  </si>
  <si>
    <t>RSL MK12 4069KWL</t>
  </si>
  <si>
    <t>5702329528917</t>
  </si>
  <si>
    <t>VELUX Si.sch.-Ro. sol. RSL MK12 4069KWL</t>
  </si>
  <si>
    <t>RSL MK12 4155K</t>
  </si>
  <si>
    <t>5702329519090</t>
  </si>
  <si>
    <t>VELUX Si.sch.-Ro. sol. RSL MK12 4155K</t>
  </si>
  <si>
    <t>RSL MK12 4161K</t>
  </si>
  <si>
    <t>5702329519106</t>
  </si>
  <si>
    <t>VELUX Si.sch.-Ro. sol. RSL MK12 4161K</t>
  </si>
  <si>
    <t>RSL MK12 4161KWL</t>
  </si>
  <si>
    <t>5702329528931</t>
  </si>
  <si>
    <t>VELUX Si.sch.-Ro. sol. RSL MK12 4161KWL</t>
  </si>
  <si>
    <t>RSL MK12 4163KWL</t>
  </si>
  <si>
    <t>5702329528955</t>
  </si>
  <si>
    <t>VELUX Si.sch.-Ro. sol. RSL MK12 4163KWL</t>
  </si>
  <si>
    <t>RSL MK12 4165KWL</t>
  </si>
  <si>
    <t>5702329528979</t>
  </si>
  <si>
    <t>VELUX Si.sch.-Ro. sol. RSL MK12 4165KWL</t>
  </si>
  <si>
    <t>RSL MK12 4169K</t>
  </si>
  <si>
    <t>5702329519182</t>
  </si>
  <si>
    <t>VELUX Si.sch.-Ro. sol. RSL MK12 4169K</t>
  </si>
  <si>
    <t>RSL MK12 4169KWL</t>
  </si>
  <si>
    <t>5702329529013</t>
  </si>
  <si>
    <t>VELUX Si.sch.-Ro. sol. RSL MK12 4169KWL</t>
  </si>
  <si>
    <t>RSL MK12 4170KWL</t>
  </si>
  <si>
    <t>5702329529020</t>
  </si>
  <si>
    <t>VELUX Si.sch.-Ro. sol. RSL MK12 4170KWL</t>
  </si>
  <si>
    <t>RSL MK12 4171KWL</t>
  </si>
  <si>
    <t>5702329529037</t>
  </si>
  <si>
    <t>VELUX Si.sch.-Ro. sol. RSL MK12 4171KWL</t>
  </si>
  <si>
    <t>RSL MK12 9050K</t>
  </si>
  <si>
    <t>5702329519212</t>
  </si>
  <si>
    <t>VELUX Si.sch.-Ro. sol. RSL MK12 9050K</t>
  </si>
  <si>
    <t>RSL MK12 9050KWL</t>
  </si>
  <si>
    <t>5702329529044</t>
  </si>
  <si>
    <t>VELUX Si.sch.-Ro. sol. RSL MK12 9050KWL</t>
  </si>
  <si>
    <t>RSL MK12 CBYK</t>
  </si>
  <si>
    <t>5702329519229</t>
  </si>
  <si>
    <t>VELUX Si.sch.-Ro. sol. RSL MK12 CBYK</t>
  </si>
  <si>
    <t>RSL MK12 CBYKWL</t>
  </si>
  <si>
    <t>5702329529051</t>
  </si>
  <si>
    <t>VELUX Si.sch.-Ro. sol. RSL MK12 CBYKWL</t>
  </si>
  <si>
    <t>RSL P04 1028K</t>
  </si>
  <si>
    <t>5702329519236</t>
  </si>
  <si>
    <t>VELUX Si.sch.-Ro. sol. RSL P04 1028K</t>
  </si>
  <si>
    <t>RSL P04 1028KWL</t>
  </si>
  <si>
    <t>5702329529068</t>
  </si>
  <si>
    <t>VELUX Si.sch.-Ro. sol. RSL P04 1028KWL</t>
  </si>
  <si>
    <t>RSL P04 1086K</t>
  </si>
  <si>
    <t>5702329519243</t>
  </si>
  <si>
    <t>VELUX Si.sch.-Ro. sol. RSL P04 1086K</t>
  </si>
  <si>
    <t>RSL P04 1086KWL</t>
  </si>
  <si>
    <t>5702329529075</t>
  </si>
  <si>
    <t>VELUX Si.sch.-Ro. sol. RSL P04 1086KWL</t>
  </si>
  <si>
    <t>RSL P04 4069K</t>
  </si>
  <si>
    <t>5702329519250</t>
  </si>
  <si>
    <t>VELUX Si.sch.-Ro. sol. RSL P04 4069K</t>
  </si>
  <si>
    <t>RSL P04 4069KWL</t>
  </si>
  <si>
    <t>5702329529082</t>
  </si>
  <si>
    <t>VELUX Si.sch.-Ro. sol. RSL P04 4069KWL</t>
  </si>
  <si>
    <t>RSL P04 4155K</t>
  </si>
  <si>
    <t>5702329519267</t>
  </si>
  <si>
    <t>VELUX Si.sch.-Ro. sol. RSL P04 4155K</t>
  </si>
  <si>
    <t>RSL P04 4155KWL</t>
  </si>
  <si>
    <t>5702329529099</t>
  </si>
  <si>
    <t>VELUX Si.sch.-Ro. sol. RSL P04 4155KWL</t>
  </si>
  <si>
    <t>RSL P04 4161K</t>
  </si>
  <si>
    <t>5702329519274</t>
  </si>
  <si>
    <t>VELUX Si.sch.-Ro. sol. RSL P04 4161K</t>
  </si>
  <si>
    <t>RSL P04 4161KWL</t>
  </si>
  <si>
    <t>5702329529105</t>
  </si>
  <si>
    <t>VELUX Si.sch.-Ro. sol. RSL P04 4161KWL</t>
  </si>
  <si>
    <t>RSL P04 4163K</t>
  </si>
  <si>
    <t>5702329519298</t>
  </si>
  <si>
    <t>VELUX Si.sch.-Ro. sol. RSL P04 4163K</t>
  </si>
  <si>
    <t>RSL P04 4163KWL</t>
  </si>
  <si>
    <t>5702329529129</t>
  </si>
  <si>
    <t>VELUX Si.sch.-Ro. sol. RSL P04 4163KWL</t>
  </si>
  <si>
    <t>RSL P04 4164K</t>
  </si>
  <si>
    <t>5702329519304</t>
  </si>
  <si>
    <t>VELUX Si.sch.-Ro. sol. RSL P04 4164K</t>
  </si>
  <si>
    <t>RSL P04 4166K</t>
  </si>
  <si>
    <t>5702329519328</t>
  </si>
  <si>
    <t>VELUX Si.sch.-Ro. sol. RSL P04 4166K</t>
  </si>
  <si>
    <t>RSL P04 4166KWL</t>
  </si>
  <si>
    <t>5702329529150</t>
  </si>
  <si>
    <t>VELUX Si.sch.-Ro. sol. RSL P04 4166KWL</t>
  </si>
  <si>
    <t>RSL P04 4167K</t>
  </si>
  <si>
    <t>5702329519335</t>
  </si>
  <si>
    <t>VELUX Si.sch.-Ro. sol. RSL P04 4167K</t>
  </si>
  <si>
    <t>RSL P04 4167KWL</t>
  </si>
  <si>
    <t>5702329529167</t>
  </si>
  <si>
    <t>VELUX Si.sch.-Ro. sol. RSL P04 4167KWL</t>
  </si>
  <si>
    <t>RSL P04 4169KWL</t>
  </si>
  <si>
    <t>5702329529181</t>
  </si>
  <si>
    <t>VELUX Si.sch.-Ro. sol. RSL P04 4169KWL</t>
  </si>
  <si>
    <t>RSL P04 4170K</t>
  </si>
  <si>
    <t>5702329519366</t>
  </si>
  <si>
    <t>VELUX Si.sch.-Ro. sol. RSL P04 4170K</t>
  </si>
  <si>
    <t>RSL P04 4170KWL</t>
  </si>
  <si>
    <t>5702329529198</t>
  </si>
  <si>
    <t>VELUX Si.sch.-Ro. sol. RSL P04 4170KWL</t>
  </si>
  <si>
    <t>RSL P04 9050K</t>
  </si>
  <si>
    <t>5702329519380</t>
  </si>
  <si>
    <t>VELUX Si.sch.-Ro. sol. RSL P04 9050K</t>
  </si>
  <si>
    <t>RSL P04 9050KWL</t>
  </si>
  <si>
    <t>5702329529211</t>
  </si>
  <si>
    <t>VELUX Si.sch.-Ro. sol. RSL P04 9050KWL</t>
  </si>
  <si>
    <t>RSL P04 CBYK</t>
  </si>
  <si>
    <t>5702329519397</t>
  </si>
  <si>
    <t>VELUX Si.sch.-Ro. sol. RSL P04 CBYK</t>
  </si>
  <si>
    <t>RSL P04 CBYKWL</t>
  </si>
  <si>
    <t>5702329529228</t>
  </si>
  <si>
    <t>VELUX Si.sch.-Ro. sol. RSL P04 CBYKWL</t>
  </si>
  <si>
    <t>RSL P06 1028K</t>
  </si>
  <si>
    <t>5702329519403</t>
  </si>
  <si>
    <t>VELUX Si.sch.-Ro. sol. RSL P06 1028K</t>
  </si>
  <si>
    <t>RSL P06 1028KWL</t>
  </si>
  <si>
    <t>5702329529235</t>
  </si>
  <si>
    <t>VELUX Si.sch.-Ro. sol. RSL P06 1028KWL</t>
  </si>
  <si>
    <t>RSL P06 1086K</t>
  </si>
  <si>
    <t>5702329519410</t>
  </si>
  <si>
    <t>VELUX Si.sch.-Ro. sol. RSL P06 1086K</t>
  </si>
  <si>
    <t>RSL P06 4069K</t>
  </si>
  <si>
    <t>5702329519427</t>
  </si>
  <si>
    <t>VELUX Si.sch.-Ro. sol. RSL P06 4069K</t>
  </si>
  <si>
    <t>RSL P06 4155K</t>
  </si>
  <si>
    <t>5702329519434</t>
  </si>
  <si>
    <t>VELUX Si.sch.-Ro. sol. RSL P06 4155K</t>
  </si>
  <si>
    <t>RSL P06 4155KWL</t>
  </si>
  <si>
    <t>5702329529266</t>
  </si>
  <si>
    <t>VELUX Si.sch.-Ro. sol. RSL P06 4155KWL</t>
  </si>
  <si>
    <t>RSL P06 4161K</t>
  </si>
  <si>
    <t>5702329519441</t>
  </si>
  <si>
    <t>VELUX Si.sch.-Ro. sol. RSL P06 4161K</t>
  </si>
  <si>
    <t>RSL P06 4161KWL</t>
  </si>
  <si>
    <t>5702329529273</t>
  </si>
  <si>
    <t>VELUX Si.sch.-Ro. sol. RSL P06 4161KWL</t>
  </si>
  <si>
    <t>RSL P06 4163K</t>
  </si>
  <si>
    <t>5702329519465</t>
  </si>
  <si>
    <t>VELUX Si.sch.-Ro. sol. RSL P06 4163K</t>
  </si>
  <si>
    <t>RSL P06 4164KWL</t>
  </si>
  <si>
    <t>5702329529303</t>
  </si>
  <si>
    <t>VELUX Si.sch.-Ro. sol. RSL P06 4164KWL</t>
  </si>
  <si>
    <t>RSL P06 4166K</t>
  </si>
  <si>
    <t>5702329519496</t>
  </si>
  <si>
    <t>VELUX Si.sch.-Ro. sol. RSL P06 4166K</t>
  </si>
  <si>
    <t>RSL P06 4170KWL</t>
  </si>
  <si>
    <t>5702329529365</t>
  </si>
  <si>
    <t>VELUX Si.sch.-Ro. sol. RSL P06 4170KWL</t>
  </si>
  <si>
    <t>RSL P06 4171K</t>
  </si>
  <si>
    <t>5702329519540</t>
  </si>
  <si>
    <t>VELUX Si.sch.-Ro. sol. RSL P06 4171K</t>
  </si>
  <si>
    <t>RSL P06 CBYK</t>
  </si>
  <si>
    <t>5702329519564</t>
  </si>
  <si>
    <t>VELUX Si.sch.-Ro. sol. RSL P06 CBYK</t>
  </si>
  <si>
    <t>RSL P06 CBYKWL</t>
  </si>
  <si>
    <t>5702329529396</t>
  </si>
  <si>
    <t>VELUX Si.sch.-Ro. sol. RSL P06 CBYKWL</t>
  </si>
  <si>
    <t>RSL P08 1028K</t>
  </si>
  <si>
    <t>5702329519571</t>
  </si>
  <si>
    <t>VELUX Si.sch.-Ro. sol. RSL P08 1028K</t>
  </si>
  <si>
    <t>RSL P08 1028KWL</t>
  </si>
  <si>
    <t>5702329529402</t>
  </si>
  <si>
    <t>VELUX Si.sch.-Ro. sol. RSL P08 1028KWL</t>
  </si>
  <si>
    <t>RSL P08 1086K</t>
  </si>
  <si>
    <t>5702329519588</t>
  </si>
  <si>
    <t>VELUX Si.sch.-Ro. sol. RSL P08 1086K</t>
  </si>
  <si>
    <t>RSL P08 1086KWL</t>
  </si>
  <si>
    <t>5702329529419</t>
  </si>
  <si>
    <t>VELUX Si.sch.-Ro. sol. RSL P08 1086KWL</t>
  </si>
  <si>
    <t>RSL P08 4069KWL</t>
  </si>
  <si>
    <t>5702329529426</t>
  </si>
  <si>
    <t>VELUX Si.sch.-Ro. sol. RSL P08 4069KWL</t>
  </si>
  <si>
    <t>RSL P08 4155K</t>
  </si>
  <si>
    <t>5702329519601</t>
  </si>
  <si>
    <t>VELUX Si.sch.-Ro. sol. RSL P08 4155K</t>
  </si>
  <si>
    <t>RSL P08 4155KWL</t>
  </si>
  <si>
    <t>5702329529433</t>
  </si>
  <si>
    <t>VELUX Si.sch.-Ro. sol. RSL P08 4155KWL</t>
  </si>
  <si>
    <t>RSL P08 4161K</t>
  </si>
  <si>
    <t>5702329519618</t>
  </si>
  <si>
    <t>VELUX Si.sch.-Ro. sol. RSL P08 4161K</t>
  </si>
  <si>
    <t>RSL P08 4161KWL</t>
  </si>
  <si>
    <t>5702329529440</t>
  </si>
  <si>
    <t>VELUX Si.sch.-Ro. sol. RSL P08 4161KWL</t>
  </si>
  <si>
    <t>RSL P08 4166K</t>
  </si>
  <si>
    <t>5702329519663</t>
  </si>
  <si>
    <t>VELUX Si.sch.-Ro. sol. RSL P08 4166K</t>
  </si>
  <si>
    <t>RSL P08 4168KWL</t>
  </si>
  <si>
    <t>5702329529518</t>
  </si>
  <si>
    <t>VELUX Si.sch.-Ro. sol. RSL P08 4168KWL</t>
  </si>
  <si>
    <t>RSL P08 4169KWL</t>
  </si>
  <si>
    <t>5702329529525</t>
  </si>
  <si>
    <t>VELUX Si.sch.-Ro. sol. RSL P08 4169KWL</t>
  </si>
  <si>
    <t>RSL P08 4170K</t>
  </si>
  <si>
    <t>5702329519700</t>
  </si>
  <si>
    <t>VELUX Si.sch.-Ro. sol. RSL P08 4170K</t>
  </si>
  <si>
    <t>RSL P08 4171K</t>
  </si>
  <si>
    <t>5702329519717</t>
  </si>
  <si>
    <t>VELUX Si.sch.-Ro. sol. RSL P08 4171K</t>
  </si>
  <si>
    <t>RSL P08 9050K</t>
  </si>
  <si>
    <t>5702329519724</t>
  </si>
  <si>
    <t>VELUX Si.sch.-Ro. sol. RSL P08 9050K</t>
  </si>
  <si>
    <t>RSL P08 9050KWL</t>
  </si>
  <si>
    <t>5702329529556</t>
  </si>
  <si>
    <t>VELUX Si.sch.-Ro. sol. RSL P08 9050KWL</t>
  </si>
  <si>
    <t>RSL P08 CBYK</t>
  </si>
  <si>
    <t>5702329519731</t>
  </si>
  <si>
    <t>VELUX Si.sch.-Ro. sol. RSL P08 CBYK</t>
  </si>
  <si>
    <t>RSL P08 CBYKWL</t>
  </si>
  <si>
    <t>5702329529563</t>
  </si>
  <si>
    <t>VELUX Si.sch.-Ro. sol. RSL P08 CBYKWL</t>
  </si>
  <si>
    <t>RSL P10 1028K</t>
  </si>
  <si>
    <t>5702329519748</t>
  </si>
  <si>
    <t>VELUX Si.sch.-Ro. sol. RSL P10 1028K</t>
  </si>
  <si>
    <t>RSL P10 1028KWL</t>
  </si>
  <si>
    <t>5702329529570</t>
  </si>
  <si>
    <t>VELUX Si.sch.-Ro. sol. RSL P10 1028KWL</t>
  </si>
  <si>
    <t>RSL P10 1086K</t>
  </si>
  <si>
    <t>5702329519755</t>
  </si>
  <si>
    <t>VELUX Si.sch.-Ro. sol. RSL P10 1086K</t>
  </si>
  <si>
    <t>RSL P10 1086KWL</t>
  </si>
  <si>
    <t>5702329529587</t>
  </si>
  <si>
    <t>VELUX Si.sch.-Ro. sol. RSL P10 1086KWL</t>
  </si>
  <si>
    <t>RSL P10 4069KWL</t>
  </si>
  <si>
    <t>5702329529594</t>
  </si>
  <si>
    <t>VELUX Si.sch.-Ro. sol. RSL P10 4069KWL</t>
  </si>
  <si>
    <t>RSL P10 4155K</t>
  </si>
  <si>
    <t>5702329519779</t>
  </si>
  <si>
    <t>VELUX Si.sch.-Ro. sol. RSL P10 4155K</t>
  </si>
  <si>
    <t>RSL P10 4155KWL</t>
  </si>
  <si>
    <t>5702329529600</t>
  </si>
  <si>
    <t>VELUX Si.sch.-Ro. sol. RSL P10 4155KWL</t>
  </si>
  <si>
    <t>RSL P10 4161K</t>
  </si>
  <si>
    <t>5702329519786</t>
  </si>
  <si>
    <t>VELUX Si.sch.-Ro. sol. RSL P10 4161K</t>
  </si>
  <si>
    <t>RSL P10 4161KWL</t>
  </si>
  <si>
    <t>5702329529617</t>
  </si>
  <si>
    <t>VELUX Si.sch.-Ro. sol. RSL P10 4161KWL</t>
  </si>
  <si>
    <t>RSL P10 4162K</t>
  </si>
  <si>
    <t>5702329519793</t>
  </si>
  <si>
    <t>VELUX Si.sch.-Ro. sol. RSL P10 4162K</t>
  </si>
  <si>
    <t>RSL P10 4163K</t>
  </si>
  <si>
    <t>5702329519809</t>
  </si>
  <si>
    <t>VELUX Si.sch.-Ro. sol. RSL P10 4163K</t>
  </si>
  <si>
    <t>RSL P10 4163KWL</t>
  </si>
  <si>
    <t>5702329529631</t>
  </si>
  <si>
    <t>VELUX Si.sch.-Ro. sol. RSL P10 4163KWL</t>
  </si>
  <si>
    <t>RSL P10 4164K</t>
  </si>
  <si>
    <t>5702329519816</t>
  </si>
  <si>
    <t>VELUX Si.sch.-Ro. sol. RSL P10 4164K</t>
  </si>
  <si>
    <t>RSL P10 4165K</t>
  </si>
  <si>
    <t>5702329519823</t>
  </si>
  <si>
    <t>VELUX Si.sch.-Ro. sol. RSL P10 4165K</t>
  </si>
  <si>
    <t>RSL P10 4165KWL</t>
  </si>
  <si>
    <t>5702329529655</t>
  </si>
  <si>
    <t>VELUX Si.sch.-Ro. sol. RSL P10 4165KWL</t>
  </si>
  <si>
    <t>RSL P10 4166K</t>
  </si>
  <si>
    <t>5702329519830</t>
  </si>
  <si>
    <t>VELUX Si.sch.-Ro. sol. RSL P10 4166K</t>
  </si>
  <si>
    <t>RSL P10 4166KWL</t>
  </si>
  <si>
    <t>5702329529662</t>
  </si>
  <si>
    <t>VELUX Si.sch.-Ro. sol. RSL P10 4166KWL</t>
  </si>
  <si>
    <t>RSL P10 4167K</t>
  </si>
  <si>
    <t>5702329519847</t>
  </si>
  <si>
    <t>VELUX Si.sch.-Ro. sol. RSL P10 4167K</t>
  </si>
  <si>
    <t>RSL P10 4167KWL</t>
  </si>
  <si>
    <t>5702329529679</t>
  </si>
  <si>
    <t>VELUX Si.sch.-Ro. sol. RSL P10 4167KWL</t>
  </si>
  <si>
    <t>RSL P10 4168K</t>
  </si>
  <si>
    <t>5702329519854</t>
  </si>
  <si>
    <t>VELUX Si.sch.-Ro. sol. RSL P10 4168K</t>
  </si>
  <si>
    <t>RSL P10 4168KWL</t>
  </si>
  <si>
    <t>5702329529686</t>
  </si>
  <si>
    <t>VELUX Si.sch.-Ro. sol. RSL P10 4168KWL</t>
  </si>
  <si>
    <t>RSL P10 4169K</t>
  </si>
  <si>
    <t>5702329519861</t>
  </si>
  <si>
    <t>VELUX Si.sch.-Ro. sol. RSL P10 4169K</t>
  </si>
  <si>
    <t>RSL P10 4170K</t>
  </si>
  <si>
    <t>5702329519878</t>
  </si>
  <si>
    <t>VELUX Si.sch.-Ro. sol. RSL P10 4170K</t>
  </si>
  <si>
    <t>RSL P10 4170KWL</t>
  </si>
  <si>
    <t>5702329529709</t>
  </si>
  <si>
    <t>VELUX Si.sch.-Ro. sol. RSL P10 4170KWL</t>
  </si>
  <si>
    <t>RSL P10 4171K</t>
  </si>
  <si>
    <t>5702329519885</t>
  </si>
  <si>
    <t>VELUX Si.sch.-Ro. sol. RSL P10 4171K</t>
  </si>
  <si>
    <t>RSL P10 4171KWL</t>
  </si>
  <si>
    <t>5702329529716</t>
  </si>
  <si>
    <t>VELUX Si.sch.-Ro. sol. RSL P10 4171KWL</t>
  </si>
  <si>
    <t>RSL P10 9050K</t>
  </si>
  <si>
    <t>5702329519892</t>
  </si>
  <si>
    <t>VELUX Si.sch.-Ro. sol. RSL P10 9050K</t>
  </si>
  <si>
    <t>RSL P10 9050KWL</t>
  </si>
  <si>
    <t>5702329529723</t>
  </si>
  <si>
    <t>VELUX Si.sch.-Ro. sol. RSL P10 9050KWL</t>
  </si>
  <si>
    <t>RSL P10 CBYK</t>
  </si>
  <si>
    <t>5702329519908</t>
  </si>
  <si>
    <t>VELUX Si.sch.-Ro. sol. RSL P10 CBYK</t>
  </si>
  <si>
    <t>RSL P10 CBYKWL</t>
  </si>
  <si>
    <t>5702329529730</t>
  </si>
  <si>
    <t>VELUX Si.sch.-Ro. sol. RSL P10 CBYKWL</t>
  </si>
  <si>
    <t>RSL P31 1028K</t>
  </si>
  <si>
    <t>5702329520089</t>
  </si>
  <si>
    <t>VELUX Si.sch.-Ro. sol. RSL P31 1028K</t>
  </si>
  <si>
    <t>RSL P31 1028KWL</t>
  </si>
  <si>
    <t>5702329529914</t>
  </si>
  <si>
    <t>VELUX Si.sch.-Ro. sol. RSL P31 1028KWL</t>
  </si>
  <si>
    <t>RSL P31 1086KWL</t>
  </si>
  <si>
    <t>5702329529921</t>
  </si>
  <si>
    <t>VELUX Si.sch.-Ro. sol. RSL P31 1086KWL</t>
  </si>
  <si>
    <t>RSL P31 4161K</t>
  </si>
  <si>
    <t>5702329520126</t>
  </si>
  <si>
    <t>VELUX Si.sch.-Ro. sol. RSL P31 4161K</t>
  </si>
  <si>
    <t>RSL P31 4161KWL</t>
  </si>
  <si>
    <t>5702329529952</t>
  </si>
  <si>
    <t>VELUX Si.sch.-Ro. sol. RSL P31 4161KWL</t>
  </si>
  <si>
    <t>RSL P31 CBYK</t>
  </si>
  <si>
    <t>5702329520249</t>
  </si>
  <si>
    <t>VELUX Si.sch.-Ro. sol. RSL P31 CBYK</t>
  </si>
  <si>
    <t>RSL P31 CBYKWL</t>
  </si>
  <si>
    <t>5702329530071</t>
  </si>
  <si>
    <t>VELUX Si.sch.-Ro. sol. RSL P31 CBYKWL</t>
  </si>
  <si>
    <t>RSL PK06 1028K</t>
  </si>
  <si>
    <t>5702329520584</t>
  </si>
  <si>
    <t>VELUX Si.sch.-Ro. sol. RSL PK06 1028K</t>
  </si>
  <si>
    <t>RSL PK06 1028KWL</t>
  </si>
  <si>
    <t>5702329530255</t>
  </si>
  <si>
    <t>VELUX Si.sch.-Ro. sol. RSL PK06 1028KWL</t>
  </si>
  <si>
    <t>RSL PK06 1086K</t>
  </si>
  <si>
    <t>5702329520591</t>
  </si>
  <si>
    <t>VELUX Si.sch.-Ro. sol. RSL PK06 1086K</t>
  </si>
  <si>
    <t>RSL PK06 1086KWL</t>
  </si>
  <si>
    <t>5702329530262</t>
  </si>
  <si>
    <t>VELUX Si.sch.-Ro. sol. RSL PK06 1086KWL</t>
  </si>
  <si>
    <t>RSL PK06 4069K</t>
  </si>
  <si>
    <t>5702329520607</t>
  </si>
  <si>
    <t>VELUX Si.sch.-Ro. sol. RSL PK06 4069K</t>
  </si>
  <si>
    <t>RSL PK06 4069KWL</t>
  </si>
  <si>
    <t>5702329530279</t>
  </si>
  <si>
    <t>VELUX Si.sch.-Ro. sol. RSL PK06 4069KWL</t>
  </si>
  <si>
    <t>RSL PK06 4155K</t>
  </si>
  <si>
    <t>5702329520614</t>
  </si>
  <si>
    <t>VELUX Si.sch.-Ro. sol. RSL PK06 4155K</t>
  </si>
  <si>
    <t>RSL PK06 4155KWL</t>
  </si>
  <si>
    <t>5702329530286</t>
  </si>
  <si>
    <t>VELUX Si.sch.-Ro. sol. RSL PK06 4155KWL</t>
  </si>
  <si>
    <t>RSL PK06 4161K</t>
  </si>
  <si>
    <t>5702329520621</t>
  </si>
  <si>
    <t>VELUX Si.sch.-Ro. sol. RSL PK06 4161K</t>
  </si>
  <si>
    <t>RSL PK06 4161KWL</t>
  </si>
  <si>
    <t>5702329530293</t>
  </si>
  <si>
    <t>VELUX Si.sch.-Ro. sol. RSL PK06 4161KWL</t>
  </si>
  <si>
    <t>RSL PK06 4163K</t>
  </si>
  <si>
    <t>5702329520645</t>
  </si>
  <si>
    <t>VELUX Si.sch.-Ro. sol. RSL PK06 4163K</t>
  </si>
  <si>
    <t>RSL PK06 4163KWL</t>
  </si>
  <si>
    <t>5702329530316</t>
  </si>
  <si>
    <t>VELUX Si.sch.-Ro. sol. RSL PK06 4163KWL</t>
  </si>
  <si>
    <t>RSL PK06 4164KWL</t>
  </si>
  <si>
    <t>5702329530323</t>
  </si>
  <si>
    <t>VELUX Si.sch.-Ro. sol. RSL PK06 4164KWL</t>
  </si>
  <si>
    <t>RSL PK06 4165KWL</t>
  </si>
  <si>
    <t>5702329530330</t>
  </si>
  <si>
    <t>VELUX Si.sch.-Ro. sol. RSL PK06 4165KWL</t>
  </si>
  <si>
    <t>RSL PK06 4166K</t>
  </si>
  <si>
    <t>5702329520676</t>
  </si>
  <si>
    <t>VELUX Si.sch.-Ro. sol. RSL PK06 4166K</t>
  </si>
  <si>
    <t>RSL PK06 4166KWL</t>
  </si>
  <si>
    <t>5702329530347</t>
  </si>
  <si>
    <t>VELUX Si.sch.-Ro. sol. RSL PK06 4166KWL</t>
  </si>
  <si>
    <t>RSL PK06 4167K</t>
  </si>
  <si>
    <t>5702329520683</t>
  </si>
  <si>
    <t>VELUX Si.sch.-Ro. sol. RSL PK06 4167K</t>
  </si>
  <si>
    <t>RSL PK06 4167KWL</t>
  </si>
  <si>
    <t>5702329530354</t>
  </si>
  <si>
    <t>VELUX Si.sch.-Ro. sol. RSL PK06 4167KWL</t>
  </si>
  <si>
    <t>RSL PK06 4169K</t>
  </si>
  <si>
    <t>5702329520706</t>
  </si>
  <si>
    <t>VELUX Si.sch.-Ro. sol. RSL PK06 4169K</t>
  </si>
  <si>
    <t>RSL PK06 4169KWL</t>
  </si>
  <si>
    <t>5702329530378</t>
  </si>
  <si>
    <t>VELUX Si.sch.-Ro. sol. RSL PK06 4169KWL</t>
  </si>
  <si>
    <t>RSL PK06 4170K</t>
  </si>
  <si>
    <t>5702329520713</t>
  </si>
  <si>
    <t>VELUX Si.sch.-Ro. sol. RSL PK06 4170K</t>
  </si>
  <si>
    <t>RSL PK06 4170KWL</t>
  </si>
  <si>
    <t>5702329530385</t>
  </si>
  <si>
    <t>VELUX Si.sch.-Ro. sol. RSL PK06 4170KWL</t>
  </si>
  <si>
    <t>RSL PK06 4171K</t>
  </si>
  <si>
    <t>5702329520720</t>
  </si>
  <si>
    <t>VELUX Si.sch.-Ro. sol. RSL PK06 4171K</t>
  </si>
  <si>
    <t>RSL PK06 4171KWL</t>
  </si>
  <si>
    <t>5702329530392</t>
  </si>
  <si>
    <t>VELUX Si.sch.-Ro. sol. RSL PK06 4171KWL</t>
  </si>
  <si>
    <t>RSL PK06 9050KWL</t>
  </si>
  <si>
    <t>5702329530408</t>
  </si>
  <si>
    <t>VELUX Si.sch.-Ro. sol. RSL PK06 9050KWL</t>
  </si>
  <si>
    <t>RSL PK06 CBYK</t>
  </si>
  <si>
    <t>5702329520744</t>
  </si>
  <si>
    <t>VELUX Si.sch.-Ro. sol. RSL PK06 CBYK</t>
  </si>
  <si>
    <t>RSL PK06 CBYKWL</t>
  </si>
  <si>
    <t>5702329530415</t>
  </si>
  <si>
    <t>VELUX Si.sch.-Ro. sol. RSL PK06 CBYKWL</t>
  </si>
  <si>
    <t>RSL PK08 1028K</t>
  </si>
  <si>
    <t>5702329520751</t>
  </si>
  <si>
    <t>VELUX Si.sch.-Ro. sol. RSL PK08 1028K</t>
  </si>
  <si>
    <t>RSL PK08 1028KWL</t>
  </si>
  <si>
    <t>5702329530422</t>
  </si>
  <si>
    <t>VELUX Si.sch.-Ro. sol. RSL PK08 1028KWL</t>
  </si>
  <si>
    <t>RSL PK08 1086K</t>
  </si>
  <si>
    <t>5702329520768</t>
  </si>
  <si>
    <t>VELUX Si.sch.-Ro. sol. RSL PK08 1086K</t>
  </si>
  <si>
    <t>RSL PK08 1086KWL</t>
  </si>
  <si>
    <t>5702329530439</t>
  </si>
  <si>
    <t>VELUX Si.sch.-Ro. sol. RSL PK08 1086KWL</t>
  </si>
  <si>
    <t>RSL PK08 4069K</t>
  </si>
  <si>
    <t>5702329520775</t>
  </si>
  <si>
    <t>VELUX Si.sch.-Ro. sol. RSL PK08 4069K</t>
  </si>
  <si>
    <t>RSL PK08 4069KWL</t>
  </si>
  <si>
    <t>5702329530446</t>
  </si>
  <si>
    <t>VELUX Si.sch.-Ro. sol. RSL PK08 4069KWL</t>
  </si>
  <si>
    <t>RSL PK08 4155K</t>
  </si>
  <si>
    <t>5702329520782</t>
  </si>
  <si>
    <t>VELUX Si.sch.-Ro. sol. RSL PK08 4155K</t>
  </si>
  <si>
    <t>RSL PK08 4155KWL</t>
  </si>
  <si>
    <t>5702329530453</t>
  </si>
  <si>
    <t>VELUX Si.sch.-Ro. sol. RSL PK08 4155KWL</t>
  </si>
  <si>
    <t>RSL PK08 4161K</t>
  </si>
  <si>
    <t>5702329520799</t>
  </si>
  <si>
    <t>VELUX Si.sch.-Ro. sol. RSL PK08 4161K</t>
  </si>
  <si>
    <t>RSL PK08 4161KWL</t>
  </si>
  <si>
    <t>5702329530460</t>
  </si>
  <si>
    <t>VELUX Si.sch.-Ro. sol. RSL PK08 4161KWL</t>
  </si>
  <si>
    <t>RSL PK08 4163K</t>
  </si>
  <si>
    <t>5702329520812</t>
  </si>
  <si>
    <t>VELUX Si.sch.-Ro. sol. RSL PK08 4163K</t>
  </si>
  <si>
    <t>RSL PK08 4163KWL</t>
  </si>
  <si>
    <t>5702329530484</t>
  </si>
  <si>
    <t>VELUX Si.sch.-Ro. sol. RSL PK08 4163KWL</t>
  </si>
  <si>
    <t>RSL PK08 4164K</t>
  </si>
  <si>
    <t>5702329520829</t>
  </si>
  <si>
    <t>VELUX Si.sch.-Ro. sol. RSL PK08 4164K</t>
  </si>
  <si>
    <t>RSL PK08 4164KWL</t>
  </si>
  <si>
    <t>5702329530491</t>
  </si>
  <si>
    <t>VELUX Si.sch.-Ro. sol. RSL PK08 4164KWL</t>
  </si>
  <si>
    <t>RSL PK08 4165K</t>
  </si>
  <si>
    <t>5702329520836</t>
  </si>
  <si>
    <t>VELUX Si.sch.-Ro. sol. RSL PK08 4165K</t>
  </si>
  <si>
    <t>RSL PK08 4166K</t>
  </si>
  <si>
    <t>5702329520843</t>
  </si>
  <si>
    <t>VELUX Si.sch.-Ro. sol. RSL PK08 4166K</t>
  </si>
  <si>
    <t>RSL PK08 4166KWL</t>
  </si>
  <si>
    <t>5702329530514</t>
  </si>
  <si>
    <t>VELUX Si.sch.-Ro. sol. RSL PK08 4166KWL</t>
  </si>
  <si>
    <t>RSL PK08 4167K</t>
  </si>
  <si>
    <t>5702329520850</t>
  </si>
  <si>
    <t>VELUX Si.sch.-Ro. sol. RSL PK08 4167K</t>
  </si>
  <si>
    <t>RSL PK08 4167KWL</t>
  </si>
  <si>
    <t>5702329530521</t>
  </si>
  <si>
    <t>VELUX Si.sch.-Ro. sol. RSL PK08 4167KWL</t>
  </si>
  <si>
    <t>RSL PK08 4168K</t>
  </si>
  <si>
    <t>5702329520867</t>
  </si>
  <si>
    <t>VELUX Si.sch.-Ro. sol. RSL PK08 4168K</t>
  </si>
  <si>
    <t>RSL PK08 4168KWL</t>
  </si>
  <si>
    <t>5702329530538</t>
  </si>
  <si>
    <t>VELUX Si.sch.-Ro. sol. RSL PK08 4168KWL</t>
  </si>
  <si>
    <t>RSL PK08 4169KWL</t>
  </si>
  <si>
    <t>5702329530545</t>
  </si>
  <si>
    <t>VELUX Si.sch.-Ro. sol. RSL PK08 4169KWL</t>
  </si>
  <si>
    <t>RSL PK08 4170K</t>
  </si>
  <si>
    <t>5702329520881</t>
  </si>
  <si>
    <t>VELUX Si.sch.-Ro. sol. RSL PK08 4170K</t>
  </si>
  <si>
    <t>RSL PK08 4170KWL</t>
  </si>
  <si>
    <t>5702329530552</t>
  </si>
  <si>
    <t>VELUX Si.sch.-Ro. sol. RSL PK08 4170KWL</t>
  </si>
  <si>
    <t>RSL PK08 4171KWL</t>
  </si>
  <si>
    <t>5702329530569</t>
  </si>
  <si>
    <t>VELUX Si.sch.-Ro. sol. RSL PK08 4171KWL</t>
  </si>
  <si>
    <t>RSL PK08 9050K</t>
  </si>
  <si>
    <t>5702329520904</t>
  </si>
  <si>
    <t>VELUX Si.sch.-Ro. sol. RSL PK08 9050K</t>
  </si>
  <si>
    <t>RSL PK08 9050KWL</t>
  </si>
  <si>
    <t>5702329530576</t>
  </si>
  <si>
    <t>VELUX Si.sch.-Ro. sol. RSL PK08 9050KWL</t>
  </si>
  <si>
    <t>RSL PK08 CBYK</t>
  </si>
  <si>
    <t>5702329520911</t>
  </si>
  <si>
    <t>VELUX Si.sch.-Ro. sol. RSL PK08 CBYK</t>
  </si>
  <si>
    <t>RSL PK08 CBYKWL</t>
  </si>
  <si>
    <t>5702329530583</t>
  </si>
  <si>
    <t>VELUX Si.sch.-Ro. sol. RSL PK08 CBYKWL</t>
  </si>
  <si>
    <t>RSL PK10 1028K</t>
  </si>
  <si>
    <t>5702329520928</t>
  </si>
  <si>
    <t>VELUX Si.sch.-Ro. sol. RSL PK10 1028K</t>
  </si>
  <si>
    <t>RSL PK10 1028KWL</t>
  </si>
  <si>
    <t>5702329530590</t>
  </si>
  <si>
    <t>VELUX Si.sch.-Ro. sol. RSL PK10 1028KWL</t>
  </si>
  <si>
    <t>RSL PK10 1086K</t>
  </si>
  <si>
    <t>5702329520935</t>
  </si>
  <si>
    <t>VELUX Si.sch.-Ro. sol. RSL PK10 1086K</t>
  </si>
  <si>
    <t>RSL PK10 1086KWL</t>
  </si>
  <si>
    <t>5702329530606</t>
  </si>
  <si>
    <t>VELUX Si.sch.-Ro. sol. RSL PK10 1086KWL</t>
  </si>
  <si>
    <t>RSL PK10 4069K</t>
  </si>
  <si>
    <t>5702329520942</t>
  </si>
  <si>
    <t>VELUX Si.sch.-Ro. sol. RSL PK10 4069K</t>
  </si>
  <si>
    <t>RSL PK10 4069KWL</t>
  </si>
  <si>
    <t>5702329530613</t>
  </si>
  <si>
    <t>VELUX Si.sch.-Ro. sol. RSL PK10 4069KWL</t>
  </si>
  <si>
    <t>RSL PK10 4155K</t>
  </si>
  <si>
    <t>5702329520959</t>
  </si>
  <si>
    <t>VELUX Si.sch.-Ro. sol. RSL PK10 4155K</t>
  </si>
  <si>
    <t>RSL PK10 4155KWL</t>
  </si>
  <si>
    <t>5702329530620</t>
  </si>
  <si>
    <t>VELUX Si.sch.-Ro. sol. RSL PK10 4155KWL</t>
  </si>
  <si>
    <t>RSL PK10 4161K</t>
  </si>
  <si>
    <t>5702329520966</t>
  </si>
  <si>
    <t>VELUX Si.sch.-Ro. sol. RSL PK10 4161K</t>
  </si>
  <si>
    <t>RSL PK10 4161KWL</t>
  </si>
  <si>
    <t>5702329530637</t>
  </si>
  <si>
    <t>VELUX Si.sch.-Ro. sol. RSL PK10 4161KWL</t>
  </si>
  <si>
    <t>RSL PK10 4162K</t>
  </si>
  <si>
    <t>5702329520973</t>
  </si>
  <si>
    <t>VELUX Si.sch.-Ro. sol. RSL PK10 4162K</t>
  </si>
  <si>
    <t>RSL PK10 4162KWL</t>
  </si>
  <si>
    <t>5702329530644</t>
  </si>
  <si>
    <t>VELUX Si.sch.-Ro. sol. RSL PK10 4162KWL</t>
  </si>
  <si>
    <t>RSL PK10 4163K</t>
  </si>
  <si>
    <t>5702329520980</t>
  </si>
  <si>
    <t>VELUX Si.sch.-Ro. sol. RSL PK10 4163K</t>
  </si>
  <si>
    <t>RSL PK10 4163KWL</t>
  </si>
  <si>
    <t>5702329530651</t>
  </si>
  <si>
    <t>VELUX Si.sch.-Ro. sol. RSL PK10 4163KWL</t>
  </si>
  <si>
    <t>RSL PK10 4164K</t>
  </si>
  <si>
    <t>5702329520997</t>
  </si>
  <si>
    <t>VELUX Si.sch.-Ro. sol. RSL PK10 4164K</t>
  </si>
  <si>
    <t>RSL PK10 4165K</t>
  </si>
  <si>
    <t>5702329521000</t>
  </si>
  <si>
    <t>VELUX Si.sch.-Ro. sol. RSL PK10 4165K</t>
  </si>
  <si>
    <t>RSL PK10 4165KWL</t>
  </si>
  <si>
    <t>5702329530675</t>
  </si>
  <si>
    <t>VELUX Si.sch.-Ro. sol. RSL PK10 4165KWL</t>
  </si>
  <si>
    <t>RSL PK10 4166K</t>
  </si>
  <si>
    <t>5702329521017</t>
  </si>
  <si>
    <t>VELUX Si.sch.-Ro. sol. RSL PK10 4166K</t>
  </si>
  <si>
    <t>RSL PK10 4166KWL</t>
  </si>
  <si>
    <t>5702329530682</t>
  </si>
  <si>
    <t>VELUX Si.sch.-Ro. sol. RSL PK10 4166KWL</t>
  </si>
  <si>
    <t>RSL PK10 4167K</t>
  </si>
  <si>
    <t>5702329521024</t>
  </si>
  <si>
    <t>VELUX Si.sch.-Ro. sol. RSL PK10 4167K</t>
  </si>
  <si>
    <t>RSL PK10 4167KWL</t>
  </si>
  <si>
    <t>5702329530699</t>
  </si>
  <si>
    <t>VELUX Si.sch.-Ro. sol. RSL PK10 4167KWL</t>
  </si>
  <si>
    <t>RSL PK10 4168KWL</t>
  </si>
  <si>
    <t>5702329530705</t>
  </si>
  <si>
    <t>VELUX Si.sch.-Ro. sol. RSL PK10 4168KWL</t>
  </si>
  <si>
    <t>RSL PK10 4169K</t>
  </si>
  <si>
    <t>5702329521048</t>
  </si>
  <si>
    <t>VELUX Si.sch.-Ro. sol. RSL PK10 4169K</t>
  </si>
  <si>
    <t>RSL PK10 4169KWL</t>
  </si>
  <si>
    <t>5702329530712</t>
  </si>
  <si>
    <t>VELUX Si.sch.-Ro. sol. RSL PK10 4169KWL</t>
  </si>
  <si>
    <t>RSL PK10 4170K</t>
  </si>
  <si>
    <t>5702329521055</t>
  </si>
  <si>
    <t>VELUX Si.sch.-Ro. sol. RSL PK10 4170K</t>
  </si>
  <si>
    <t>RSL PK10 4170KWL</t>
  </si>
  <si>
    <t>5702329530729</t>
  </si>
  <si>
    <t>VELUX Si.sch.-Ro. sol. RSL PK10 4170KWL</t>
  </si>
  <si>
    <t>RSL PK10 4171KWL</t>
  </si>
  <si>
    <t>5702329530736</t>
  </si>
  <si>
    <t>VELUX Si.sch.-Ro. sol. RSL PK10 4171KWL</t>
  </si>
  <si>
    <t>RSL PK10 9050K</t>
  </si>
  <si>
    <t>5702329521079</t>
  </si>
  <si>
    <t>VELUX Si.sch.-Ro. sol. RSL PK10 9050K</t>
  </si>
  <si>
    <t>RSL PK10 9050KWL</t>
  </si>
  <si>
    <t>5702329530743</t>
  </si>
  <si>
    <t>VELUX Si.sch.-Ro. sol. RSL PK10 9050KWL</t>
  </si>
  <si>
    <t>RSL PK10 CBYK</t>
  </si>
  <si>
    <t>5702329521086</t>
  </si>
  <si>
    <t>VELUX Si.sch.-Ro. sol. RSL PK10 CBYK</t>
  </si>
  <si>
    <t>RSL PK10 CBYKWL</t>
  </si>
  <si>
    <t>5702329530750</t>
  </si>
  <si>
    <t>VELUX Si.sch.-Ro. sol. RSL PK10 CBYKWL</t>
  </si>
  <si>
    <t>RSL S04 1028K</t>
  </si>
  <si>
    <t>5702329521437</t>
  </si>
  <si>
    <t>VELUX Si.sch.-Ro. sol. RSL S04 1028K</t>
  </si>
  <si>
    <t>RSL S04 1028KWL</t>
  </si>
  <si>
    <t>5702329531122</t>
  </si>
  <si>
    <t>VELUX Si.sch.-Ro. sol. RSL S04 1028KWL</t>
  </si>
  <si>
    <t>RSL S04 1086KWL</t>
  </si>
  <si>
    <t>5702329531139</t>
  </si>
  <si>
    <t>VELUX Si.sch.-Ro. sol. RSL S04 1086KWL</t>
  </si>
  <si>
    <t>RSL S04 4069K</t>
  </si>
  <si>
    <t>5702329521451</t>
  </si>
  <si>
    <t>VELUX Si.sch.-Ro. sol. RSL S04 4069K</t>
  </si>
  <si>
    <t>RSL S04 4155K</t>
  </si>
  <si>
    <t>5702329521468</t>
  </si>
  <si>
    <t>VELUX Si.sch.-Ro. sol. RSL S04 4155K</t>
  </si>
  <si>
    <t>RSL S04 4155KWL</t>
  </si>
  <si>
    <t>5702329531153</t>
  </si>
  <si>
    <t>VELUX Si.sch.-Ro. sol. RSL S04 4155KWL</t>
  </si>
  <si>
    <t>RSL S04 4161K</t>
  </si>
  <si>
    <t>5702329521475</t>
  </si>
  <si>
    <t>VELUX Si.sch.-Ro. sol. RSL S04 4161K</t>
  </si>
  <si>
    <t>RSL S04 4161KWL</t>
  </si>
  <si>
    <t>5702329531160</t>
  </si>
  <si>
    <t>VELUX Si.sch.-Ro. sol. RSL S04 4161KWL</t>
  </si>
  <si>
    <t>RSL S04 4163KWL</t>
  </si>
  <si>
    <t>5702329531184</t>
  </si>
  <si>
    <t>VELUX Si.sch.-Ro. sol. RSL S04 4163KWL</t>
  </si>
  <si>
    <t>RSL S04 4166KWL</t>
  </si>
  <si>
    <t>5702329531214</t>
  </si>
  <si>
    <t>VELUX Si.sch.-Ro. sol. RSL S04 4166KWL</t>
  </si>
  <si>
    <t>RSL S04 4167KWL</t>
  </si>
  <si>
    <t>5702329531221</t>
  </si>
  <si>
    <t>VELUX Si.sch.-Ro. sol. RSL S04 4167KWL</t>
  </si>
  <si>
    <t>RSL S04 4170KWL</t>
  </si>
  <si>
    <t>5702329531252</t>
  </si>
  <si>
    <t>VELUX Si.sch.-Ro. sol. RSL S04 4170KWL</t>
  </si>
  <si>
    <t>RSL S04 CBYK</t>
  </si>
  <si>
    <t>5702329521598</t>
  </si>
  <si>
    <t>VELUX Si.sch.-Ro. sol. RSL S04 CBYK</t>
  </si>
  <si>
    <t>RSL S04 CBYKWL</t>
  </si>
  <si>
    <t>5702329531283</t>
  </si>
  <si>
    <t>VELUX Si.sch.-Ro. sol. RSL S04 CBYKWL</t>
  </si>
  <si>
    <t>RSL S06 1028K</t>
  </si>
  <si>
    <t>5702329521604</t>
  </si>
  <si>
    <t>VELUX Si.sch.-Ro. sol. RSL S06 1028K</t>
  </si>
  <si>
    <t>RSL S06 1028KWL</t>
  </si>
  <si>
    <t>5702329531290</t>
  </si>
  <si>
    <t>VELUX Si.sch.-Ro. sol. RSL S06 1028KWL</t>
  </si>
  <si>
    <t>RSL S06 1086K</t>
  </si>
  <si>
    <t>5702329521611</t>
  </si>
  <si>
    <t>VELUX Si.sch.-Ro. sol. RSL S06 1086K</t>
  </si>
  <si>
    <t>RSL S06 1086KWL</t>
  </si>
  <si>
    <t>5702329531306</t>
  </si>
  <si>
    <t>VELUX Si.sch.-Ro. sol. RSL S06 1086KWL</t>
  </si>
  <si>
    <t>RSL S06 4069K</t>
  </si>
  <si>
    <t>5702329521628</t>
  </si>
  <si>
    <t>VELUX Si.sch.-Ro. sol. RSL S06 4069K</t>
  </si>
  <si>
    <t>RSL S06 4069KWL</t>
  </si>
  <si>
    <t>5702329531313</t>
  </si>
  <si>
    <t>VELUX Si.sch.-Ro. sol. RSL S06 4069KWL</t>
  </si>
  <si>
    <t>RSL S06 4155K</t>
  </si>
  <si>
    <t>5702329521635</t>
  </si>
  <si>
    <t>VELUX Si.sch.-Ro. sol. RSL S06 4155K</t>
  </si>
  <si>
    <t>RSL S06 4155KWL</t>
  </si>
  <si>
    <t>5702329531320</t>
  </si>
  <si>
    <t>VELUX Si.sch.-Ro. sol. RSL S06 4155KWL</t>
  </si>
  <si>
    <t>RSL S06 4161K</t>
  </si>
  <si>
    <t>5702329521642</t>
  </si>
  <si>
    <t>VELUX Si.sch.-Ro. sol. RSL S06 4161K</t>
  </si>
  <si>
    <t>RSL S06 4161KWL</t>
  </si>
  <si>
    <t>5702329531337</t>
  </si>
  <si>
    <t>VELUX Si.sch.-Ro. sol. RSL S06 4161KWL</t>
  </si>
  <si>
    <t>RSL S06 4162K</t>
  </si>
  <si>
    <t>5702329521659</t>
  </si>
  <si>
    <t>VELUX Si.sch.-Ro. sol. RSL S06 4162K</t>
  </si>
  <si>
    <t>RSL S06 4163K</t>
  </si>
  <si>
    <t>5702329521666</t>
  </si>
  <si>
    <t>VELUX Si.sch.-Ro. sol. RSL S06 4163K</t>
  </si>
  <si>
    <t>RSL S06 4163KWL</t>
  </si>
  <si>
    <t>5702329531351</t>
  </si>
  <si>
    <t>VELUX Si.sch.-Ro. sol. RSL S06 4163KWL</t>
  </si>
  <si>
    <t>RSL S06 4164K</t>
  </si>
  <si>
    <t>5702329521673</t>
  </si>
  <si>
    <t>VELUX Si.sch.-Ro. sol. RSL S06 4164K</t>
  </si>
  <si>
    <t>RSL S06 4164KWL</t>
  </si>
  <si>
    <t>5702329531368</t>
  </si>
  <si>
    <t>VELUX Si.sch.-Ro. sol. RSL S06 4164KWL</t>
  </si>
  <si>
    <t>RSL S06 4165K</t>
  </si>
  <si>
    <t>5702329521680</t>
  </si>
  <si>
    <t>VELUX Si.sch.-Ro. sol. RSL S06 4165K</t>
  </si>
  <si>
    <t>RSL S06 4165KWL</t>
  </si>
  <si>
    <t>5702329531375</t>
  </si>
  <si>
    <t>VELUX Si.sch.-Ro. sol. RSL S06 4165KWL</t>
  </si>
  <si>
    <t>RSL S06 4166K</t>
  </si>
  <si>
    <t>5702329521697</t>
  </si>
  <si>
    <t>VELUX Si.sch.-Ro. sol. RSL S06 4166K</t>
  </si>
  <si>
    <t>RSL S06 4166KWL</t>
  </si>
  <si>
    <t>5702329531382</t>
  </si>
  <si>
    <t>VELUX Si.sch.-Ro. sol. RSL S06 4166KWL</t>
  </si>
  <si>
    <t>RSL S06 4167K</t>
  </si>
  <si>
    <t>5702329521703</t>
  </si>
  <si>
    <t>VELUX Si.sch.-Ro. sol. RSL S06 4167K</t>
  </si>
  <si>
    <t>RSL S06 4167KWL</t>
  </si>
  <si>
    <t>5702329531399</t>
  </si>
  <si>
    <t>VELUX Si.sch.-Ro. sol. RSL S06 4167KWL</t>
  </si>
  <si>
    <t>RSL S06 4168K</t>
  </si>
  <si>
    <t>5702329521710</t>
  </si>
  <si>
    <t>VELUX Si.sch.-Ro. sol. RSL S06 4168K</t>
  </si>
  <si>
    <t>RSL S06 4169K</t>
  </si>
  <si>
    <t>5702329521727</t>
  </si>
  <si>
    <t>VELUX Si.sch.-Ro. sol. RSL S06 4169K</t>
  </si>
  <si>
    <t>RSL S06 4169KWL</t>
  </si>
  <si>
    <t>5702329531412</t>
  </si>
  <si>
    <t>VELUX Si.sch.-Ro. sol. RSL S06 4169KWL</t>
  </si>
  <si>
    <t>RSL S06 4170K</t>
  </si>
  <si>
    <t>5702329521734</t>
  </si>
  <si>
    <t>VELUX Si.sch.-Ro. sol. RSL S06 4170K</t>
  </si>
  <si>
    <t>RSL S06 4170KWL</t>
  </si>
  <si>
    <t>5702329531429</t>
  </si>
  <si>
    <t>VELUX Si.sch.-Ro. sol. RSL S06 4170KWL</t>
  </si>
  <si>
    <t>RSL S06 4171K</t>
  </si>
  <si>
    <t>5702329521741</t>
  </si>
  <si>
    <t>VELUX Si.sch.-Ro. sol. RSL S06 4171K</t>
  </si>
  <si>
    <t>RSL S06 4171KWL</t>
  </si>
  <si>
    <t>5702329531436</t>
  </si>
  <si>
    <t>VELUX Si.sch.-Ro. sol. RSL S06 4171KWL</t>
  </si>
  <si>
    <t>RSL S06 9050K</t>
  </si>
  <si>
    <t>5702329521758</t>
  </si>
  <si>
    <t>VELUX Si.sch.-Ro. sol. RSL S06 9050K</t>
  </si>
  <si>
    <t>RSL S06 9050KWL</t>
  </si>
  <si>
    <t>5702329531443</t>
  </si>
  <si>
    <t>VELUX Si.sch.-Ro. sol. RSL S06 9050KWL</t>
  </si>
  <si>
    <t>RSL S06 CBYK</t>
  </si>
  <si>
    <t>5702329521765</t>
  </si>
  <si>
    <t>VELUX Si.sch.-Ro. sol. RSL S06 CBYK</t>
  </si>
  <si>
    <t>RSL S06 CBYKWL</t>
  </si>
  <si>
    <t>5702329531450</t>
  </si>
  <si>
    <t>VELUX Si.sch.-Ro. sol. RSL S06 CBYKWL</t>
  </si>
  <si>
    <t>RSL S08 1028K</t>
  </si>
  <si>
    <t>5702329521772</t>
  </si>
  <si>
    <t>VELUX Si.sch.-Ro. sol. RSL S08 1028K</t>
  </si>
  <si>
    <t>RSL S08 1028KWL</t>
  </si>
  <si>
    <t>5702329531467</t>
  </si>
  <si>
    <t>VELUX Si.sch.-Ro. sol. RSL S08 1028KWL</t>
  </si>
  <si>
    <t>RSL S08 1086K</t>
  </si>
  <si>
    <t>5702329521789</t>
  </si>
  <si>
    <t>VELUX Si.sch.-Ro. sol. RSL S08 1086K</t>
  </si>
  <si>
    <t>RSL S08 1086KWL</t>
  </si>
  <si>
    <t>5702329531474</t>
  </si>
  <si>
    <t>VELUX Si.sch.-Ro. sol. RSL S08 1086KWL</t>
  </si>
  <si>
    <t>RSL S08 4069K</t>
  </si>
  <si>
    <t>5702329521796</t>
  </si>
  <si>
    <t>VELUX Si.sch.-Ro. sol. RSL S08 4069K</t>
  </si>
  <si>
    <t>RSL S08 4069KWL</t>
  </si>
  <si>
    <t>5702329531481</t>
  </si>
  <si>
    <t>VELUX Si.sch.-Ro. sol. RSL S08 4069KWL</t>
  </si>
  <si>
    <t>RSL S08 4155K</t>
  </si>
  <si>
    <t>5702329521802</t>
  </si>
  <si>
    <t>VELUX Si.sch.-Ro. sol. RSL S08 4155K</t>
  </si>
  <si>
    <t>RSL S08 4155KWL</t>
  </si>
  <si>
    <t>5702329531498</t>
  </si>
  <si>
    <t>VELUX Si.sch.-Ro. sol. RSL S08 4155KWL</t>
  </si>
  <si>
    <t>RSL S08 4161K</t>
  </si>
  <si>
    <t>5702329521819</t>
  </si>
  <si>
    <t>VELUX Si.sch.-Ro. sol. RSL S08 4161K</t>
  </si>
  <si>
    <t>RSL S08 4161KWL</t>
  </si>
  <si>
    <t>5702329531504</t>
  </si>
  <si>
    <t>VELUX Si.sch.-Ro. sol. RSL S08 4161KWL</t>
  </si>
  <si>
    <t>RSL S08 4162K</t>
  </si>
  <si>
    <t>5702329521826</t>
  </si>
  <si>
    <t>VELUX Si.sch.-Ro. sol. RSL S08 4162K</t>
  </si>
  <si>
    <t>RSL S08 4163K</t>
  </si>
  <si>
    <t>5702329521833</t>
  </si>
  <si>
    <t>VELUX Si.sch.-Ro. sol. RSL S08 4163K</t>
  </si>
  <si>
    <t>RSL S08 4163KWL</t>
  </si>
  <si>
    <t>5702329531528</t>
  </si>
  <si>
    <t>VELUX Si.sch.-Ro. sol. RSL S08 4163KWL</t>
  </si>
  <si>
    <t>RSL S08 4164K</t>
  </si>
  <si>
    <t>5702329521840</t>
  </si>
  <si>
    <t>VELUX Si.sch.-Ro. sol. RSL S08 4164K</t>
  </si>
  <si>
    <t>RSL S08 4165K</t>
  </si>
  <si>
    <t>5702329521857</t>
  </si>
  <si>
    <t>VELUX Si.sch.-Ro. sol. RSL S08 4165K</t>
  </si>
  <si>
    <t>RSL S08 4166K</t>
  </si>
  <si>
    <t>5702329521864</t>
  </si>
  <si>
    <t>VELUX Si.sch.-Ro. sol. RSL S08 4166K</t>
  </si>
  <si>
    <t>RSL S08 4167K</t>
  </si>
  <si>
    <t>5702329521871</t>
  </si>
  <si>
    <t>VELUX Si.sch.-Ro. sol. RSL S08 4167K</t>
  </si>
  <si>
    <t>RSL S08 4167KWL</t>
  </si>
  <si>
    <t>5702329531566</t>
  </si>
  <si>
    <t>VELUX Si.sch.-Ro. sol. RSL S08 4167KWL</t>
  </si>
  <si>
    <t>RSL S08 4168K</t>
  </si>
  <si>
    <t>5702329521888</t>
  </si>
  <si>
    <t>VELUX Si.sch.-Ro. sol. RSL S08 4168K</t>
  </si>
  <si>
    <t>RSL S08 4169K</t>
  </si>
  <si>
    <t>5702329521895</t>
  </si>
  <si>
    <t>VELUX Si.sch.-Ro. sol. RSL S08 4169K</t>
  </si>
  <si>
    <t>RSL S08 4169KWL</t>
  </si>
  <si>
    <t>5702329531580</t>
  </si>
  <si>
    <t>VELUX Si.sch.-Ro. sol. RSL S08 4169KWL</t>
  </si>
  <si>
    <t>RSL S08 4170K</t>
  </si>
  <si>
    <t>5702329521901</t>
  </si>
  <si>
    <t>VELUX Si.sch.-Ro. sol. RSL S08 4170K</t>
  </si>
  <si>
    <t>RSL S08 4170KWL</t>
  </si>
  <si>
    <t>5702329531597</t>
  </si>
  <si>
    <t>VELUX Si.sch.-Ro. sol. RSL S08 4170KWL</t>
  </si>
  <si>
    <t>RSL S08 4171K</t>
  </si>
  <si>
    <t>5702329521918</t>
  </si>
  <si>
    <t>VELUX Si.sch.-Ro. sol. RSL S08 4171K</t>
  </si>
  <si>
    <t>RSL S08 9050K</t>
  </si>
  <si>
    <t>5702329521925</t>
  </si>
  <si>
    <t>VELUX Si.sch.-Ro. sol. RSL S08 9050K</t>
  </si>
  <si>
    <t>RSL S08 9050KWL</t>
  </si>
  <si>
    <t>5702329531610</t>
  </si>
  <si>
    <t>VELUX Si.sch.-Ro. sol. RSL S08 9050KWL</t>
  </si>
  <si>
    <t>RSL S08 CBYK</t>
  </si>
  <si>
    <t>5702329521932</t>
  </si>
  <si>
    <t>VELUX Si.sch.-Ro. sol. RSL S08 CBYK</t>
  </si>
  <si>
    <t>RSL S08 CBYKWL</t>
  </si>
  <si>
    <t>5702329531627</t>
  </si>
  <si>
    <t>VELUX Si.sch.-Ro. sol. RSL S08 CBYKWL</t>
  </si>
  <si>
    <t>RSL S10 1028K</t>
  </si>
  <si>
    <t>5702329521949</t>
  </si>
  <si>
    <t>VELUX Si.sch.-Ro. sol. RSL S10 1028K</t>
  </si>
  <si>
    <t>RSL S10 1028KWL</t>
  </si>
  <si>
    <t>5702329531634</t>
  </si>
  <si>
    <t>VELUX Si.sch.-Ro. sol. RSL S10 1028KWL</t>
  </si>
  <si>
    <t>RSL S10 1086K</t>
  </si>
  <si>
    <t>5702329521956</t>
  </si>
  <si>
    <t>VELUX Si.sch.-Ro. sol. RSL S10 1086K</t>
  </si>
  <si>
    <t>RSL S10 1086KWL</t>
  </si>
  <si>
    <t>5702329531641</t>
  </si>
  <si>
    <t>VELUX Si.sch.-Ro. sol. RSL S10 1086KWL</t>
  </si>
  <si>
    <t>RSL S10 4069K</t>
  </si>
  <si>
    <t>5702329521963</t>
  </si>
  <si>
    <t>VELUX Si.sch.-Ro. sol. RSL S10 4069K</t>
  </si>
  <si>
    <t>RSL S10 4155K</t>
  </si>
  <si>
    <t>5702329521970</t>
  </si>
  <si>
    <t>VELUX Si.sch.-Ro. sol. RSL S10 4155K</t>
  </si>
  <si>
    <t>RSL S10 4161K</t>
  </si>
  <si>
    <t>5702329521987</t>
  </si>
  <si>
    <t>VELUX Si.sch.-Ro. sol. RSL S10 4161K</t>
  </si>
  <si>
    <t>RSL S10 4161KWL</t>
  </si>
  <si>
    <t>5702329531672</t>
  </si>
  <si>
    <t>VELUX Si.sch.-Ro. sol. RSL S10 4161KWL</t>
  </si>
  <si>
    <t>RSL S10 4166K</t>
  </si>
  <si>
    <t>5702329522038</t>
  </si>
  <si>
    <t>VELUX Si.sch.-Ro. sol. RSL S10 4166K</t>
  </si>
  <si>
    <t>RSL S10 4167KWL</t>
  </si>
  <si>
    <t>5702329531733</t>
  </si>
  <si>
    <t>VELUX Si.sch.-Ro. sol. RSL S10 4167KWL</t>
  </si>
  <si>
    <t>RSL S10 4171KWL</t>
  </si>
  <si>
    <t>5702329531771</t>
  </si>
  <si>
    <t>VELUX Si.sch.-Ro. sol. RSL S10 4171KWL</t>
  </si>
  <si>
    <t>RSL S10 CBYK</t>
  </si>
  <si>
    <t>5702329522106</t>
  </si>
  <si>
    <t>VELUX Si.sch.-Ro. sol. RSL S10 CBYK</t>
  </si>
  <si>
    <t>RSL S10 CBYKWL</t>
  </si>
  <si>
    <t>5702329531795</t>
  </si>
  <si>
    <t>VELUX Si.sch.-Ro. sol. RSL S10 CBYKWL</t>
  </si>
  <si>
    <t>RSL S31 1028K</t>
  </si>
  <si>
    <t>5702329522113</t>
  </si>
  <si>
    <t>VELUX Si.sch.-Ro. sol. RSL S31 1028K</t>
  </si>
  <si>
    <t>RSL S31 1028KWL</t>
  </si>
  <si>
    <t>5702329531801</t>
  </si>
  <si>
    <t>VELUX Si.sch.-Ro. sol. RSL S31 1028KWL</t>
  </si>
  <si>
    <t>RSL S31 CBYK</t>
  </si>
  <si>
    <t>5702329522274</t>
  </si>
  <si>
    <t>VELUX Si.sch.-Ro. sol. RSL S31 CBYK</t>
  </si>
  <si>
    <t>RSL S31 CBYKWL</t>
  </si>
  <si>
    <t>5702329531962</t>
  </si>
  <si>
    <t>VELUX Si.sch.-Ro. sol. RSL S31 CBYKWL</t>
  </si>
  <si>
    <t>RSL SK06 1028K</t>
  </si>
  <si>
    <t>5702329522618</t>
  </si>
  <si>
    <t>VELUX Si.sch.-Ro. sol. RSL SK06 1028K</t>
  </si>
  <si>
    <t>RSL SK06 1028KWL</t>
  </si>
  <si>
    <t>5702329532143</t>
  </si>
  <si>
    <t>VELUX Si.sch.-Ro. sol. RSL SK06 1028KWL</t>
  </si>
  <si>
    <t>RSL SK06 1086K</t>
  </si>
  <si>
    <t>5702329522625</t>
  </si>
  <si>
    <t>VELUX Si.sch.-Ro. sol. RSL SK06 1086K</t>
  </si>
  <si>
    <t>RSL SK06 1086KWL</t>
  </si>
  <si>
    <t>5702329532150</t>
  </si>
  <si>
    <t>VELUX Si.sch.-Ro. sol. RSL SK06 1086KWL</t>
  </si>
  <si>
    <t>RSL SK06 4069K</t>
  </si>
  <si>
    <t>5702329522632</t>
  </si>
  <si>
    <t>VELUX Si.sch.-Ro. sol. RSL SK06 4069K</t>
  </si>
  <si>
    <t>RSL SK06 4069KWL</t>
  </si>
  <si>
    <t>5702329532167</t>
  </si>
  <si>
    <t>VELUX Si.sch.-Ro. sol. RSL SK06 4069KWL</t>
  </si>
  <si>
    <t>RSL SK06 4155K</t>
  </si>
  <si>
    <t>5702329522649</t>
  </si>
  <si>
    <t>VELUX Si.sch.-Ro. sol. RSL SK06 4155K</t>
  </si>
  <si>
    <t>RSL SK06 4155KWL</t>
  </si>
  <si>
    <t>5702329532174</t>
  </si>
  <si>
    <t>VELUX Si.sch.-Ro. sol. RSL SK06 4155KWL</t>
  </si>
  <si>
    <t>RSL SK06 4161K</t>
  </si>
  <si>
    <t>5702329522656</t>
  </si>
  <si>
    <t>VELUX Si.sch.-Ro. sol. RSL SK06 4161K</t>
  </si>
  <si>
    <t>RSL SK06 4161KWL</t>
  </si>
  <si>
    <t>5702329532181</t>
  </si>
  <si>
    <t>VELUX Si.sch.-Ro. sol. RSL SK06 4161KWL</t>
  </si>
  <si>
    <t>RSL SK06 4162K</t>
  </si>
  <si>
    <t>5702329522663</t>
  </si>
  <si>
    <t>VELUX Si.sch.-Ro. sol. RSL SK06 4162K</t>
  </si>
  <si>
    <t>RSL SK06 4163K</t>
  </si>
  <si>
    <t>5702329522670</t>
  </si>
  <si>
    <t>VELUX Si.sch.-Ro. sol. RSL SK06 4163K</t>
  </si>
  <si>
    <t>RSL SK06 4163KWL</t>
  </si>
  <si>
    <t>5702329532204</t>
  </si>
  <si>
    <t>VELUX Si.sch.-Ro. sol. RSL SK06 4163KWL</t>
  </si>
  <si>
    <t>RSL SK06 4164K</t>
  </si>
  <si>
    <t>5702329522687</t>
  </si>
  <si>
    <t>VELUX Si.sch.-Ro. sol. RSL SK06 4164K</t>
  </si>
  <si>
    <t>RSL SK06 4164KWL</t>
  </si>
  <si>
    <t>5702329532211</t>
  </si>
  <si>
    <t>VELUX Si.sch.-Ro. sol. RSL SK06 4164KWL</t>
  </si>
  <si>
    <t>RSL SK06 4165K</t>
  </si>
  <si>
    <t>5702329522694</t>
  </si>
  <si>
    <t>VELUX Si.sch.-Ro. sol. RSL SK06 4165K</t>
  </si>
  <si>
    <t>RSL SK06 4165KWL</t>
  </si>
  <si>
    <t>5702329532228</t>
  </si>
  <si>
    <t>VELUX Si.sch.-Ro. sol. RSL SK06 4165KWL</t>
  </si>
  <si>
    <t>RSL SK06 4166K</t>
  </si>
  <si>
    <t>5702329522700</t>
  </si>
  <si>
    <t>VELUX Si.sch.-Ro. sol. RSL SK06 4166K</t>
  </si>
  <si>
    <t>RSL SK06 4166KWL</t>
  </si>
  <si>
    <t>5702329532235</t>
  </si>
  <si>
    <t>VELUX Si.sch.-Ro. sol. RSL SK06 4166KWL</t>
  </si>
  <si>
    <t>RSL SK06 4167K</t>
  </si>
  <si>
    <t>5702329522717</t>
  </si>
  <si>
    <t>VELUX Si.sch.-Ro. sol. RSL SK06 4167K</t>
  </si>
  <si>
    <t>RSL SK06 4167KWL</t>
  </si>
  <si>
    <t>5702329532242</t>
  </si>
  <si>
    <t>VELUX Si.sch.-Ro. sol. RSL SK06 4167KWL</t>
  </si>
  <si>
    <t>RSL SK06 4168K</t>
  </si>
  <si>
    <t>5702329522724</t>
  </si>
  <si>
    <t>VELUX Si.sch.-Ro. sol. RSL SK06 4168K</t>
  </si>
  <si>
    <t>RSL SK06 4168KWL</t>
  </si>
  <si>
    <t>5702329532259</t>
  </si>
  <si>
    <t>VELUX Si.sch.-Ro. sol. RSL SK06 4168KWL</t>
  </si>
  <si>
    <t>RSL SK06 4169K</t>
  </si>
  <si>
    <t>5702329522731</t>
  </si>
  <si>
    <t>VELUX Si.sch.-Ro. sol. RSL SK06 4169K</t>
  </si>
  <si>
    <t>RSL SK06 4169KWL</t>
  </si>
  <si>
    <t>5702329532266</t>
  </si>
  <si>
    <t>VELUX Si.sch.-Ro. sol. RSL SK06 4169KWL</t>
  </si>
  <si>
    <t>RSL SK06 4170K</t>
  </si>
  <si>
    <t>5702329522748</t>
  </si>
  <si>
    <t>VELUX Si.sch.-Ro. sol. RSL SK06 4170K</t>
  </si>
  <si>
    <t>RSL SK06 4170KWL</t>
  </si>
  <si>
    <t>5702329532273</t>
  </si>
  <si>
    <t>VELUX Si.sch.-Ro. sol. RSL SK06 4170KWL</t>
  </si>
  <si>
    <t>RSL SK06 4171K</t>
  </si>
  <si>
    <t>5702329522755</t>
  </si>
  <si>
    <t>VELUX Si.sch.-Ro. sol. RSL SK06 4171K</t>
  </si>
  <si>
    <t>RSL SK06 4171KWL</t>
  </si>
  <si>
    <t>5702329532280</t>
  </si>
  <si>
    <t>VELUX Si.sch.-Ro. sol. RSL SK06 4171KWL</t>
  </si>
  <si>
    <t>RSL SK06 9050K</t>
  </si>
  <si>
    <t>5702329522762</t>
  </si>
  <si>
    <t>VELUX Si.sch.-Ro. sol. RSL SK06 9050K</t>
  </si>
  <si>
    <t>RSL SK06 9050KWL</t>
  </si>
  <si>
    <t>5702329532297</t>
  </si>
  <si>
    <t>VELUX Si.sch.-Ro. sol. RSL SK06 9050KWL</t>
  </si>
  <si>
    <t>RSL SK06 CBYK</t>
  </si>
  <si>
    <t>5702329522779</t>
  </si>
  <si>
    <t>VELUX Si.sch.-Ro. sol. RSL SK06 CBYK</t>
  </si>
  <si>
    <t>RSL SK06 CBYKWL</t>
  </si>
  <si>
    <t>5702329532303</t>
  </si>
  <si>
    <t>VELUX Si.sch.-Ro. sol. RSL SK06 CBYKWL</t>
  </si>
  <si>
    <t>RSL SK08 1028K</t>
  </si>
  <si>
    <t>5702329522786</t>
  </si>
  <si>
    <t>VELUX Si.sch.-Ro. sol. RSL SK08 1028K</t>
  </si>
  <si>
    <t>RSL SK08 1028KWL</t>
  </si>
  <si>
    <t>5702329532310</t>
  </si>
  <si>
    <t>VELUX Si.sch.-Ro. sol. RSL SK08 1028KWL</t>
  </si>
  <si>
    <t>RSL SK08 1086K</t>
  </si>
  <si>
    <t>5702329522793</t>
  </si>
  <si>
    <t>VELUX Si.sch.-Ro. sol. RSL SK08 1086K</t>
  </si>
  <si>
    <t>RSL SK08 1086KWL</t>
  </si>
  <si>
    <t>5702329532327</t>
  </si>
  <si>
    <t>VELUX Si.sch.-Ro. sol. RSL SK08 1086KWL</t>
  </si>
  <si>
    <t>RSL SK08 4069K</t>
  </si>
  <si>
    <t>5702329522809</t>
  </si>
  <si>
    <t>VELUX Si.sch.-Ro. sol. RSL SK08 4069K</t>
  </si>
  <si>
    <t>RSL SK08 4069KWL</t>
  </si>
  <si>
    <t>5702329532334</t>
  </si>
  <si>
    <t>VELUX Si.sch.-Ro. sol. RSL SK08 4069KWL</t>
  </si>
  <si>
    <t>RSL SK08 4155K</t>
  </si>
  <si>
    <t>5702329522816</t>
  </si>
  <si>
    <t>VELUX Si.sch.-Ro. sol. RSL SK08 4155K</t>
  </si>
  <si>
    <t>RSL SK08 4155KWL</t>
  </si>
  <si>
    <t>5702329532341</t>
  </si>
  <si>
    <t>VELUX Si.sch.-Ro. sol. RSL SK08 4155KWL</t>
  </si>
  <si>
    <t>RSL SK08 4161K</t>
  </si>
  <si>
    <t>5702329522823</t>
  </si>
  <si>
    <t>VELUX Si.sch.-Ro. sol. RSL SK08 4161K</t>
  </si>
  <si>
    <t>RSL SK08 4161KWL</t>
  </si>
  <si>
    <t>5702329532358</t>
  </si>
  <si>
    <t>VELUX Si.sch.-Ro. sol. RSL SK08 4161KWL</t>
  </si>
  <si>
    <t>RSL SK08 4162K</t>
  </si>
  <si>
    <t>5702329522830</t>
  </si>
  <si>
    <t>VELUX Si.sch.-Ro. sol. RSL SK08 4162K</t>
  </si>
  <si>
    <t>RSL SK08 4163K</t>
  </si>
  <si>
    <t>5702329522847</t>
  </si>
  <si>
    <t>VELUX Si.sch.-Ro. sol. RSL SK08 4163K</t>
  </si>
  <si>
    <t>RSL SK08 4163KWL</t>
  </si>
  <si>
    <t>5702329532372</t>
  </si>
  <si>
    <t>VELUX Si.sch.-Ro. sol. RSL SK08 4163KWL</t>
  </si>
  <si>
    <t>RSL SK08 4164K</t>
  </si>
  <si>
    <t>5702329522854</t>
  </si>
  <si>
    <t>VELUX Si.sch.-Ro. sol. RSL SK08 4164K</t>
  </si>
  <si>
    <t>RSL SK08 4164KWL</t>
  </si>
  <si>
    <t>5702329532389</t>
  </si>
  <si>
    <t>VELUX Si.sch.-Ro. sol. RSL SK08 4164KWL</t>
  </si>
  <si>
    <t>RSL SK08 4165KWL</t>
  </si>
  <si>
    <t>5702329532396</t>
  </si>
  <si>
    <t>VELUX Si.sch.-Ro. sol. RSL SK08 4165KWL</t>
  </si>
  <si>
    <t>RSL SK08 4166K</t>
  </si>
  <si>
    <t>5702329522878</t>
  </si>
  <si>
    <t>VELUX Si.sch.-Ro. sol. RSL SK08 4166K</t>
  </si>
  <si>
    <t>RSL SK08 4166KWL</t>
  </si>
  <si>
    <t>5702329532402</t>
  </si>
  <si>
    <t>VELUX Si.sch.-Ro. sol. RSL SK08 4166KWL</t>
  </si>
  <si>
    <t>RSL SK08 4167K</t>
  </si>
  <si>
    <t>5702329522885</t>
  </si>
  <si>
    <t>VELUX Si.sch.-Ro. sol. RSL SK08 4167K</t>
  </si>
  <si>
    <t>RSL SK08 4167KWL</t>
  </si>
  <si>
    <t>5702329532419</t>
  </si>
  <si>
    <t>VELUX Si.sch.-Ro. sol. RSL SK08 4167KWL</t>
  </si>
  <si>
    <t>RSL SK08 4169K</t>
  </si>
  <si>
    <t>5702329522908</t>
  </si>
  <si>
    <t>VELUX Si.sch.-Ro. sol. RSL SK08 4169K</t>
  </si>
  <si>
    <t>RSL SK08 4169KWL</t>
  </si>
  <si>
    <t>5702329532433</t>
  </si>
  <si>
    <t>VELUX Si.sch.-Ro. sol. RSL SK08 4169KWL</t>
  </si>
  <si>
    <t>RSL SK08 4170K</t>
  </si>
  <si>
    <t>5702329522915</t>
  </si>
  <si>
    <t>VELUX Si.sch.-Ro. sol. RSL SK08 4170K</t>
  </si>
  <si>
    <t>RSL SK08 4170KWL</t>
  </si>
  <si>
    <t>5702329532440</t>
  </si>
  <si>
    <t>VELUX Si.sch.-Ro. sol. RSL SK08 4170KWL</t>
  </si>
  <si>
    <t>RSL SK08 4171K</t>
  </si>
  <si>
    <t>5702329522922</t>
  </si>
  <si>
    <t>VELUX Si.sch.-Ro. sol. RSL SK08 4171K</t>
  </si>
  <si>
    <t>RSL SK08 4171KWL</t>
  </si>
  <si>
    <t>5702329532457</t>
  </si>
  <si>
    <t>VELUX Si.sch.-Ro. sol. RSL SK08 4171KWL</t>
  </si>
  <si>
    <t>RSL SK08 9050K</t>
  </si>
  <si>
    <t>5702329522939</t>
  </si>
  <si>
    <t>VELUX Si.sch.-Ro. sol. RSL SK08 9050K</t>
  </si>
  <si>
    <t>RSL SK08 9050KWL</t>
  </si>
  <si>
    <t>5702329532464</t>
  </si>
  <si>
    <t>VELUX Si.sch.-Ro. sol. RSL SK08 9050KWL</t>
  </si>
  <si>
    <t>RSL SK08 CBYK</t>
  </si>
  <si>
    <t>5702329522946</t>
  </si>
  <si>
    <t>VELUX Si.sch.-Ro. sol. RSL SK08 CBYK</t>
  </si>
  <si>
    <t>RSL SK08 CBYKWL</t>
  </si>
  <si>
    <t>5702329532471</t>
  </si>
  <si>
    <t>VELUX Si.sch.-Ro. sol. RSL SK08 CBYKWL</t>
  </si>
  <si>
    <t>RSL SK10 1028K</t>
  </si>
  <si>
    <t>5702329522953</t>
  </si>
  <si>
    <t>VELUX Si.sch.-Ro. sol. RSL SK10 1028K</t>
  </si>
  <si>
    <t>RSL SK10 1028KWL</t>
  </si>
  <si>
    <t>5702329532488</t>
  </si>
  <si>
    <t>VELUX Si.sch.-Ro. sol. RSL SK10 1028KWL</t>
  </si>
  <si>
    <t>RSL SK10 1086K</t>
  </si>
  <si>
    <t>5702329522960</t>
  </si>
  <si>
    <t>VELUX Si.sch.-Ro. sol. RSL SK10 1086K</t>
  </si>
  <si>
    <t>RSL SK10 1086KWL</t>
  </si>
  <si>
    <t>5702329532495</t>
  </si>
  <si>
    <t>VELUX Si.sch.-Ro. sol. RSL SK10 1086KWL</t>
  </si>
  <si>
    <t>RSL SK10 4069K</t>
  </si>
  <si>
    <t>5702329522977</t>
  </si>
  <si>
    <t>VELUX Si.sch.-Ro. sol. RSL SK10 4069K</t>
  </si>
  <si>
    <t>RSL SK10 4155K</t>
  </si>
  <si>
    <t>5702329522984</t>
  </si>
  <si>
    <t>VELUX Si.sch.-Ro. sol. RSL SK10 4155K</t>
  </si>
  <si>
    <t>RSL SK10 4155KWL</t>
  </si>
  <si>
    <t>5702329532518</t>
  </si>
  <si>
    <t>VELUX Si.sch.-Ro. sol. RSL SK10 4155KWL</t>
  </si>
  <si>
    <t>RSL SK10 4161K</t>
  </si>
  <si>
    <t>5702329522991</t>
  </si>
  <si>
    <t>VELUX Si.sch.-Ro. sol. RSL SK10 4161K</t>
  </si>
  <si>
    <t>RSL SK10 4161KWL</t>
  </si>
  <si>
    <t>5702329532525</t>
  </si>
  <si>
    <t>VELUX Si.sch.-Ro. sol. RSL SK10 4161KWL</t>
  </si>
  <si>
    <t>RSL SK10 4163K</t>
  </si>
  <si>
    <t>5702329523011</t>
  </si>
  <si>
    <t>VELUX Si.sch.-Ro. sol. RSL SK10 4163K</t>
  </si>
  <si>
    <t>RSL SK10 4163KWL</t>
  </si>
  <si>
    <t>5702329532549</t>
  </si>
  <si>
    <t>VELUX Si.sch.-Ro. sol. RSL SK10 4163KWL</t>
  </si>
  <si>
    <t>RSL SK10 4165K</t>
  </si>
  <si>
    <t>5702329523035</t>
  </si>
  <si>
    <t>VELUX Si.sch.-Ro. sol. RSL SK10 4165K</t>
  </si>
  <si>
    <t>RSL SK10 4166K</t>
  </si>
  <si>
    <t>5702329523042</t>
  </si>
  <si>
    <t>VELUX Si.sch.-Ro. sol. RSL SK10 4166K</t>
  </si>
  <si>
    <t>RSL SK10 4166KWL</t>
  </si>
  <si>
    <t>5702329532570</t>
  </si>
  <si>
    <t>VELUX Si.sch.-Ro. sol. RSL SK10 4166KWL</t>
  </si>
  <si>
    <t>RSL SK10 4167KWL</t>
  </si>
  <si>
    <t>5702329532587</t>
  </si>
  <si>
    <t>VELUX Si.sch.-Ro. sol. RSL SK10 4167KWL</t>
  </si>
  <si>
    <t>RSL SK10 4169K</t>
  </si>
  <si>
    <t>5702329523073</t>
  </si>
  <si>
    <t>VELUX Si.sch.-Ro. sol. RSL SK10 4169K</t>
  </si>
  <si>
    <t>RSL SK10 4169KWL</t>
  </si>
  <si>
    <t>5702329532600</t>
  </si>
  <si>
    <t>VELUX Si.sch.-Ro. sol. RSL SK10 4169KWL</t>
  </si>
  <si>
    <t>RSL SK10 4170KWL</t>
  </si>
  <si>
    <t>5702329532617</t>
  </si>
  <si>
    <t>VELUX Si.sch.-Ro. sol. RSL SK10 4170KWL</t>
  </si>
  <si>
    <t>RSL SK10 4171K</t>
  </si>
  <si>
    <t>5702329523097</t>
  </si>
  <si>
    <t>VELUX Si.sch.-Ro. sol. RSL SK10 4171K</t>
  </si>
  <si>
    <t>RSL SK10 4171KWL</t>
  </si>
  <si>
    <t>5702329532624</t>
  </si>
  <si>
    <t>VELUX Si.sch.-Ro. sol. RSL SK10 4171KWL</t>
  </si>
  <si>
    <t>RSL SK10 CBYK</t>
  </si>
  <si>
    <t>5702329523110</t>
  </si>
  <si>
    <t>VELUX Si.sch.-Ro. sol. RSL SK10 CBYK</t>
  </si>
  <si>
    <t>RSL SK10 CBYKWL</t>
  </si>
  <si>
    <t>5702329532648</t>
  </si>
  <si>
    <t>VELUX Si.sch.-Ro. sol. RSL SK10 CBYKWL</t>
  </si>
  <si>
    <t>RSL U04 1028K</t>
  </si>
  <si>
    <t>5702329523127</t>
  </si>
  <si>
    <t>VELUX Si.sch.-Ro. sol. RSL U04 1028K</t>
  </si>
  <si>
    <t>RSL U04 1028KWL</t>
  </si>
  <si>
    <t>5702329532655</t>
  </si>
  <si>
    <t>VELUX Si.sch.-Ro. sol. RSL U04 1028KWL</t>
  </si>
  <si>
    <t>RSL U04 1086K</t>
  </si>
  <si>
    <t>5702329523134</t>
  </si>
  <si>
    <t>VELUX Si.sch.-Ro. sol. RSL U04 1086K</t>
  </si>
  <si>
    <t>RSL U04 1086KWL</t>
  </si>
  <si>
    <t>5702329532662</t>
  </si>
  <si>
    <t>VELUX Si.sch.-Ro. sol. RSL U04 1086KWL</t>
  </si>
  <si>
    <t>RSL U04 4069K</t>
  </si>
  <si>
    <t>5702329523141</t>
  </si>
  <si>
    <t>VELUX Si.sch.-Ro. sol. RSL U04 4069K</t>
  </si>
  <si>
    <t>RSL U04 4069KWL</t>
  </si>
  <si>
    <t>5702329532679</t>
  </si>
  <si>
    <t>VELUX Si.sch.-Ro. sol. RSL U04 4069KWL</t>
  </si>
  <si>
    <t>RSL U04 4155K</t>
  </si>
  <si>
    <t>5702329523158</t>
  </si>
  <si>
    <t>VELUX Si.sch.-Ro. sol. RSL U04 4155K</t>
  </si>
  <si>
    <t>RSL U04 4155KWL</t>
  </si>
  <si>
    <t>5702329532686</t>
  </si>
  <si>
    <t>VELUX Si.sch.-Ro. sol. RSL U04 4155KWL</t>
  </si>
  <si>
    <t>RSL U04 4161K</t>
  </si>
  <si>
    <t>5702329523165</t>
  </si>
  <si>
    <t>VELUX Si.sch.-Ro. sol. RSL U04 4161K</t>
  </si>
  <si>
    <t>RSL U04 4161KWL</t>
  </si>
  <si>
    <t>5702329532693</t>
  </si>
  <si>
    <t>VELUX Si.sch.-Ro. sol. RSL U04 4161KWL</t>
  </si>
  <si>
    <t>RSL U04 4162K</t>
  </si>
  <si>
    <t>5702329523172</t>
  </si>
  <si>
    <t>VELUX Si.sch.-Ro. sol. RSL U04 4162K</t>
  </si>
  <si>
    <t>RSL U04 4163K</t>
  </si>
  <si>
    <t>5702329523189</t>
  </si>
  <si>
    <t>VELUX Si.sch.-Ro. sol. RSL U04 4163K</t>
  </si>
  <si>
    <t>RSL U04 4163KWL</t>
  </si>
  <si>
    <t>5702329532716</t>
  </si>
  <si>
    <t>VELUX Si.sch.-Ro. sol. RSL U04 4163KWL</t>
  </si>
  <si>
    <t>RSL U04 4164K</t>
  </si>
  <si>
    <t>5702329523196</t>
  </si>
  <si>
    <t>VELUX Si.sch.-Ro. sol. RSL U04 4164K</t>
  </si>
  <si>
    <t>RSL U04 4165K</t>
  </si>
  <si>
    <t>5702329523202</t>
  </si>
  <si>
    <t>VELUX Si.sch.-Ro. sol. RSL U04 4165K</t>
  </si>
  <si>
    <t>RSL U04 4165KWL</t>
  </si>
  <si>
    <t>5702329532730</t>
  </si>
  <si>
    <t>VELUX Si.sch.-Ro. sol. RSL U04 4165KWL</t>
  </si>
  <si>
    <t>RSL U04 4166K</t>
  </si>
  <si>
    <t>5702329523219</t>
  </si>
  <si>
    <t>VELUX Si.sch.-Ro. sol. RSL U04 4166K</t>
  </si>
  <si>
    <t>RSL U04 4166KWL</t>
  </si>
  <si>
    <t>5702329532747</t>
  </si>
  <si>
    <t>VELUX Si.sch.-Ro. sol. RSL U04 4166KWL</t>
  </si>
  <si>
    <t>RSL U04 4167K</t>
  </si>
  <si>
    <t>5702329523226</t>
  </si>
  <si>
    <t>VELUX Si.sch.-Ro. sol. RSL U04 4167K</t>
  </si>
  <si>
    <t>RSL U04 4167KWL</t>
  </si>
  <si>
    <t>5702329532754</t>
  </si>
  <si>
    <t>VELUX Si.sch.-Ro. sol. RSL U04 4167KWL</t>
  </si>
  <si>
    <t>RSL U04 4169K</t>
  </si>
  <si>
    <t>5702329523240</t>
  </si>
  <si>
    <t>VELUX Si.sch.-Ro. sol. RSL U04 4169K</t>
  </si>
  <si>
    <t>RSL U04 4170K</t>
  </si>
  <si>
    <t>5702329523257</t>
  </si>
  <si>
    <t>VELUX Si.sch.-Ro. sol. RSL U04 4170K</t>
  </si>
  <si>
    <t>RSL U04 4170KWL</t>
  </si>
  <si>
    <t>5702329532785</t>
  </si>
  <si>
    <t>VELUX Si.sch.-Ro. sol. RSL U04 4170KWL</t>
  </si>
  <si>
    <t>RSL U04 4171K</t>
  </si>
  <si>
    <t>5702329523264</t>
  </si>
  <si>
    <t>VELUX Si.sch.-Ro. sol. RSL U04 4171K</t>
  </si>
  <si>
    <t>RSL U04 9050K</t>
  </si>
  <si>
    <t>5702329523271</t>
  </si>
  <si>
    <t>VELUX Si.sch.-Ro. sol. RSL U04 9050K</t>
  </si>
  <si>
    <t>RSL U04 9050KWL</t>
  </si>
  <si>
    <t>5702329532808</t>
  </si>
  <si>
    <t>VELUX Si.sch.-Ro. sol. RSL U04 9050KWL</t>
  </si>
  <si>
    <t>RSL U04 CBYK</t>
  </si>
  <si>
    <t>5702329523288</t>
  </si>
  <si>
    <t>VELUX Si.sch.-Ro. sol. RSL U04 CBYK</t>
  </si>
  <si>
    <t>RSL U04 CBYKWL</t>
  </si>
  <si>
    <t>5702329532815</t>
  </si>
  <si>
    <t>VELUX Si.sch.-Ro. sol. RSL U04 CBYKWL</t>
  </si>
  <si>
    <t>RSL U08 1028K</t>
  </si>
  <si>
    <t>5702329523295</t>
  </si>
  <si>
    <t>VELUX Si.sch.-Ro. sol. RSL U08 1028K</t>
  </si>
  <si>
    <t>RSL U08 1028KWL</t>
  </si>
  <si>
    <t>5702329532822</t>
  </si>
  <si>
    <t>VELUX Si.sch.-Ro. sol. RSL U08 1028KWL</t>
  </si>
  <si>
    <t>RSL U08 1086K</t>
  </si>
  <si>
    <t>5702329523301</t>
  </si>
  <si>
    <t>VELUX Si.sch.-Ro. sol. RSL U08 1086K</t>
  </si>
  <si>
    <t>RSL U08 1086KWL</t>
  </si>
  <si>
    <t>5702329532839</t>
  </si>
  <si>
    <t>VELUX Si.sch.-Ro. sol. RSL U08 1086KWL</t>
  </si>
  <si>
    <t>RSL U08 4069K</t>
  </si>
  <si>
    <t>5702329523318</t>
  </si>
  <si>
    <t>VELUX Si.sch.-Ro. sol. RSL U08 4069K</t>
  </si>
  <si>
    <t>RSL U08 4069KWL</t>
  </si>
  <si>
    <t>5702329532846</t>
  </si>
  <si>
    <t>VELUX Si.sch.-Ro. sol. RSL U08 4069KWL</t>
  </si>
  <si>
    <t>RSL U08 4155K</t>
  </si>
  <si>
    <t>5702329523325</t>
  </si>
  <si>
    <t>VELUX Si.sch.-Ro. sol. RSL U08 4155K</t>
  </si>
  <si>
    <t>RSL U08 4155KWL</t>
  </si>
  <si>
    <t>5702329532853</t>
  </si>
  <si>
    <t>VELUX Si.sch.-Ro. sol. RSL U08 4155KWL</t>
  </si>
  <si>
    <t>RSL U08 4161K</t>
  </si>
  <si>
    <t>5702329523332</t>
  </si>
  <si>
    <t>VELUX Si.sch.-Ro. sol. RSL U08 4161K</t>
  </si>
  <si>
    <t>RSL U08 4161KWL</t>
  </si>
  <si>
    <t>5702329532860</t>
  </si>
  <si>
    <t>VELUX Si.sch.-Ro. sol. RSL U08 4161KWL</t>
  </si>
  <si>
    <t>RSL U08 4162K</t>
  </si>
  <si>
    <t>5702329523349</t>
  </si>
  <si>
    <t>VELUX Si.sch.-Ro. sol. RSL U08 4162K</t>
  </si>
  <si>
    <t>RSL U08 4163K</t>
  </si>
  <si>
    <t>5702329523356</t>
  </si>
  <si>
    <t>VELUX Si.sch.-Ro. sol. RSL U08 4163K</t>
  </si>
  <si>
    <t>RSL U08 4163KWL</t>
  </si>
  <si>
    <t>5702329532884</t>
  </si>
  <si>
    <t>VELUX Si.sch.-Ro. sol. RSL U08 4163KWL</t>
  </si>
  <si>
    <t>RSL U08 4164K</t>
  </si>
  <si>
    <t>5702329523363</t>
  </si>
  <si>
    <t>VELUX Si.sch.-Ro. sol. RSL U08 4164K</t>
  </si>
  <si>
    <t>RSL U08 4165K</t>
  </si>
  <si>
    <t>5702329523370</t>
  </si>
  <si>
    <t>VELUX Si.sch.-Ro. sol. RSL U08 4165K</t>
  </si>
  <si>
    <t>RSL U08 4165KWL</t>
  </si>
  <si>
    <t>5702329532907</t>
  </si>
  <si>
    <t>VELUX Si.sch.-Ro. sol. RSL U08 4165KWL</t>
  </si>
  <si>
    <t>RSL U08 4166K</t>
  </si>
  <si>
    <t>5702329523387</t>
  </si>
  <si>
    <t>VELUX Si.sch.-Ro. sol. RSL U08 4166K</t>
  </si>
  <si>
    <t>RSL U08 4166KWL</t>
  </si>
  <si>
    <t>5702329532914</t>
  </si>
  <si>
    <t>VELUX Si.sch.-Ro. sol. RSL U08 4166KWL</t>
  </si>
  <si>
    <t>RSL U08 4167K</t>
  </si>
  <si>
    <t>5702329523394</t>
  </si>
  <si>
    <t>VELUX Si.sch.-Ro. sol. RSL U08 4167K</t>
  </si>
  <si>
    <t>RSL U08 4168K</t>
  </si>
  <si>
    <t>5702329523400</t>
  </si>
  <si>
    <t>VELUX Si.sch.-Ro. sol. RSL U08 4168K</t>
  </si>
  <si>
    <t>RSL U08 4169K</t>
  </si>
  <si>
    <t>5702329523417</t>
  </si>
  <si>
    <t>VELUX Si.sch.-Ro. sol. RSL U08 4169K</t>
  </si>
  <si>
    <t>RSL U08 4169KWL</t>
  </si>
  <si>
    <t>5702329532945</t>
  </si>
  <si>
    <t>VELUX Si.sch.-Ro. sol. RSL U08 4169KWL</t>
  </si>
  <si>
    <t>RSL U08 4170K</t>
  </si>
  <si>
    <t>5702329523424</t>
  </si>
  <si>
    <t>VELUX Si.sch.-Ro. sol. RSL U08 4170K</t>
  </si>
  <si>
    <t>RSL U08 4170KWL</t>
  </si>
  <si>
    <t>5702329532952</t>
  </si>
  <si>
    <t>VELUX Si.sch.-Ro. sol. RSL U08 4170KWL</t>
  </si>
  <si>
    <t>RSL U08 4171K</t>
  </si>
  <si>
    <t>5702329523431</t>
  </si>
  <si>
    <t>VELUX Si.sch.-Ro. sol. RSL U08 4171K</t>
  </si>
  <si>
    <t>RSL U08 4171KWL</t>
  </si>
  <si>
    <t>5702329532969</t>
  </si>
  <si>
    <t>VELUX Si.sch.-Ro. sol. RSL U08 4171KWL</t>
  </si>
  <si>
    <t>RSL U08 9050K</t>
  </si>
  <si>
    <t>5702329523448</t>
  </si>
  <si>
    <t>VELUX Si.sch.-Ro. sol. RSL U08 9050K</t>
  </si>
  <si>
    <t>RSL U08 9050KWL</t>
  </si>
  <si>
    <t>5702329532976</t>
  </si>
  <si>
    <t>VELUX Si.sch.-Ro. sol. RSL U08 9050KWL</t>
  </si>
  <si>
    <t>RSL U08 CBYK</t>
  </si>
  <si>
    <t>5702329523455</t>
  </si>
  <si>
    <t>VELUX Si.sch.-Ro. sol. RSL U08 CBYK</t>
  </si>
  <si>
    <t>RSL U08 CBYKWL</t>
  </si>
  <si>
    <t>5702329532983</t>
  </si>
  <si>
    <t>VELUX Si.sch.-Ro. sol. RSL U08 CBYKWL</t>
  </si>
  <si>
    <t>RSL U10 1028K</t>
  </si>
  <si>
    <t>5702329523462</t>
  </si>
  <si>
    <t>VELUX Si.sch.-Ro. sol. RSL U10 1028K</t>
  </si>
  <si>
    <t>RSL U10 1028KWL</t>
  </si>
  <si>
    <t>5702329532990</t>
  </si>
  <si>
    <t>VELUX Si.sch.-Ro. sol. RSL U10 1028KWL</t>
  </si>
  <si>
    <t>RSL U10 1086K</t>
  </si>
  <si>
    <t>5702329523479</t>
  </si>
  <si>
    <t>VELUX Si.sch.-Ro. sol. RSL U10 1086K</t>
  </si>
  <si>
    <t>RSL U10 4164K</t>
  </si>
  <si>
    <t>5702329523530</t>
  </si>
  <si>
    <t>VELUX Si.sch.-Ro. sol. RSL U10 4164K</t>
  </si>
  <si>
    <t>RSL U10 4167KWL</t>
  </si>
  <si>
    <t>5702329533096</t>
  </si>
  <si>
    <t>VELUX Si.sch.-Ro. sol. RSL U10 4167KWL</t>
  </si>
  <si>
    <t>RSL U10 4168K</t>
  </si>
  <si>
    <t>5702329523578</t>
  </si>
  <si>
    <t>VELUX Si.sch.-Ro. sol. RSL U10 4168K</t>
  </si>
  <si>
    <t>RSL U10 4171K</t>
  </si>
  <si>
    <t>5702329523608</t>
  </si>
  <si>
    <t>VELUX Si.sch.-Ro. sol. RSL U10 4171K</t>
  </si>
  <si>
    <t>RSL U10 CBYK</t>
  </si>
  <si>
    <t>5702329523622</t>
  </si>
  <si>
    <t>VELUX Si.sch.-Ro. sol. RSL U10 CBYK</t>
  </si>
  <si>
    <t>RSL U10 CBYKWL</t>
  </si>
  <si>
    <t>5702329533157</t>
  </si>
  <si>
    <t>VELUX Si.sch.-Ro. sol. RSL U10 CBYKWL</t>
  </si>
  <si>
    <t>RSL U31 CBYK</t>
  </si>
  <si>
    <t>5702329523790</t>
  </si>
  <si>
    <t>VELUX Si.sch.-Ro. sol. RSL U31 CBYK</t>
  </si>
  <si>
    <t>RSL U31 CBYKWL</t>
  </si>
  <si>
    <t>5702329533324</t>
  </si>
  <si>
    <t>VELUX Si.sch.-Ro. sol. RSL U31 CBYKWL</t>
  </si>
  <si>
    <t>RSL UK04 1028K</t>
  </si>
  <si>
    <t>5702329523967</t>
  </si>
  <si>
    <t>VELUX Si.sch.-Ro. sol. RSL UK04 1028K</t>
  </si>
  <si>
    <t>RSL UK04 1028KWL</t>
  </si>
  <si>
    <t>5702329533331</t>
  </si>
  <si>
    <t>VELUX Si.sch.-Ro. sol. RSL UK04 1028KWL</t>
  </si>
  <si>
    <t>RSL UK04 1086K</t>
  </si>
  <si>
    <t>5702329523974</t>
  </si>
  <si>
    <t>VELUX Si.sch.-Ro. sol. RSL UK04 1086K</t>
  </si>
  <si>
    <t>RSL UK04 1086KWL</t>
  </si>
  <si>
    <t>5702329533348</t>
  </si>
  <si>
    <t>VELUX Si.sch.-Ro. sol. RSL UK04 1086KWL</t>
  </si>
  <si>
    <t>RSL UK04 4069K</t>
  </si>
  <si>
    <t>5702329523981</t>
  </si>
  <si>
    <t>VELUX Si.sch.-Ro. sol. RSL UK04 4069K</t>
  </si>
  <si>
    <t>RSL UK04 4069KWL</t>
  </si>
  <si>
    <t>5702329533355</t>
  </si>
  <si>
    <t>VELUX Si.sch.-Ro. sol. RSL UK04 4069KWL</t>
  </si>
  <si>
    <t>RSL UK04 4155K</t>
  </si>
  <si>
    <t>5702329523998</t>
  </si>
  <si>
    <t>VELUX Si.sch.-Ro. sol. RSL UK04 4155K</t>
  </si>
  <si>
    <t>RSL UK04 4155KWL</t>
  </si>
  <si>
    <t>5702329533362</t>
  </si>
  <si>
    <t>VELUX Si.sch.-Ro. sol. RSL UK04 4155KWL</t>
  </si>
  <si>
    <t>RSL UK04 4161K</t>
  </si>
  <si>
    <t>5702329524001</t>
  </si>
  <si>
    <t>VELUX Si.sch.-Ro. sol. RSL UK04 4161K</t>
  </si>
  <si>
    <t>RSL UK04 4161KWL</t>
  </si>
  <si>
    <t>5702329533379</t>
  </si>
  <si>
    <t>VELUX Si.sch.-Ro. sol. RSL UK04 4161KWL</t>
  </si>
  <si>
    <t>RSL UK04 4162K</t>
  </si>
  <si>
    <t>5702329524018</t>
  </si>
  <si>
    <t>VELUX Si.sch.-Ro. sol. RSL UK04 4162K</t>
  </si>
  <si>
    <t>RSL UK04 4163K</t>
  </si>
  <si>
    <t>5702329524025</t>
  </si>
  <si>
    <t>VELUX Si.sch.-Ro. sol. RSL UK04 4163K</t>
  </si>
  <si>
    <t>RSL UK04 4163KWL</t>
  </si>
  <si>
    <t>5702329533393</t>
  </si>
  <si>
    <t>VELUX Si.sch.-Ro. sol. RSL UK04 4163KWL</t>
  </si>
  <si>
    <t>RSL UK04 4164K</t>
  </si>
  <si>
    <t>5702329524032</t>
  </si>
  <si>
    <t>VELUX Si.sch.-Ro. sol. RSL UK04 4164K</t>
  </si>
  <si>
    <t>RSL UK04 4164KWL</t>
  </si>
  <si>
    <t>5702329533409</t>
  </si>
  <si>
    <t>VELUX Si.sch.-Ro. sol. RSL UK04 4164KWL</t>
  </si>
  <si>
    <t>RSL UK04 4165K</t>
  </si>
  <si>
    <t>5702329524049</t>
  </si>
  <si>
    <t>VELUX Si.sch.-Ro. sol. RSL UK04 4165K</t>
  </si>
  <si>
    <t>RSL UK04 4165KWL</t>
  </si>
  <si>
    <t>5702329533416</t>
  </si>
  <si>
    <t>VELUX Si.sch.-Ro. sol. RSL UK04 4165KWL</t>
  </si>
  <si>
    <t>RSL UK04 4166K</t>
  </si>
  <si>
    <t>5702329524056</t>
  </si>
  <si>
    <t>VELUX Si.sch.-Ro. sol. RSL UK04 4166K</t>
  </si>
  <si>
    <t>RSL UK04 4166KWL</t>
  </si>
  <si>
    <t>5702329533423</t>
  </si>
  <si>
    <t>VELUX Si.sch.-Ro. sol. RSL UK04 4166KWL</t>
  </si>
  <si>
    <t>RSL UK04 4167KWL</t>
  </si>
  <si>
    <t>5702329533430</t>
  </si>
  <si>
    <t>VELUX Si.sch.-Ro. sol. RSL UK04 4167KWL</t>
  </si>
  <si>
    <t>RSL UK04 4168K</t>
  </si>
  <si>
    <t>5702329524070</t>
  </si>
  <si>
    <t>VELUX Si.sch.-Ro. sol. RSL UK04 4168K</t>
  </si>
  <si>
    <t>RSL UK04 4168KWL</t>
  </si>
  <si>
    <t>5702329533447</t>
  </si>
  <si>
    <t>VELUX Si.sch.-Ro. sol. RSL UK04 4168KWL</t>
  </si>
  <si>
    <t>RSL UK04 4169K</t>
  </si>
  <si>
    <t>5702329524087</t>
  </si>
  <si>
    <t>VELUX Si.sch.-Ro. sol. RSL UK04 4169K</t>
  </si>
  <si>
    <t>RSL UK04 4169KWL</t>
  </si>
  <si>
    <t>5702329533454</t>
  </si>
  <si>
    <t>VELUX Si.sch.-Ro. sol. RSL UK04 4169KWL</t>
  </si>
  <si>
    <t>RSL UK04 4170K</t>
  </si>
  <si>
    <t>5702329524094</t>
  </si>
  <si>
    <t>VELUX Si.sch.-Ro. sol. RSL UK04 4170K</t>
  </si>
  <si>
    <t>RSL UK04 4170KWL</t>
  </si>
  <si>
    <t>5702329533461</t>
  </si>
  <si>
    <t>VELUX Si.sch.-Ro. sol. RSL UK04 4170KWL</t>
  </si>
  <si>
    <t>RSL UK04 4171K</t>
  </si>
  <si>
    <t>5702329524100</t>
  </si>
  <si>
    <t>VELUX Si.sch.-Ro. sol. RSL UK04 4171K</t>
  </si>
  <si>
    <t>RSL UK04 4171KWL</t>
  </si>
  <si>
    <t>5702329533478</t>
  </si>
  <si>
    <t>VELUX Si.sch.-Ro. sol. RSL UK04 4171KWL</t>
  </si>
  <si>
    <t>RSL UK04 9050K</t>
  </si>
  <si>
    <t>5702329524117</t>
  </si>
  <si>
    <t>VELUX Si.sch.-Ro. sol. RSL UK04 9050K</t>
  </si>
  <si>
    <t>RSL UK04 9050KWL</t>
  </si>
  <si>
    <t>5702329533485</t>
  </si>
  <si>
    <t>VELUX Si.sch.-Ro. sol. RSL UK04 9050KWL</t>
  </si>
  <si>
    <t>RSL UK04 CBYK</t>
  </si>
  <si>
    <t>5702329524124</t>
  </si>
  <si>
    <t>VELUX Si.sch.-Ro. sol. RSL UK04 CBYK</t>
  </si>
  <si>
    <t>RSL UK04 CBYKWL</t>
  </si>
  <si>
    <t>5702329533492</t>
  </si>
  <si>
    <t>VELUX Si.sch.-Ro. sol. RSL UK04 CBYKWL</t>
  </si>
  <si>
    <t>RSL UK08 1028K</t>
  </si>
  <si>
    <t>5702329524131</t>
  </si>
  <si>
    <t>VELUX Si.sch.-Ro. sol. RSL UK08 1028K</t>
  </si>
  <si>
    <t>RSL UK08 1028KWL</t>
  </si>
  <si>
    <t>5702329533508</t>
  </si>
  <si>
    <t>VELUX Si.sch.-Ro. sol. RSL UK08 1028KWL</t>
  </si>
  <si>
    <t>RSL UK08 1086K</t>
  </si>
  <si>
    <t>5702329524148</t>
  </si>
  <si>
    <t>VELUX Si.sch.-Ro. sol. RSL UK08 1086K</t>
  </si>
  <si>
    <t>RSL UK08 1086KWL</t>
  </si>
  <si>
    <t>5702329533515</t>
  </si>
  <si>
    <t>VELUX Si.sch.-Ro. sol. RSL UK08 1086KWL</t>
  </si>
  <si>
    <t>RSL UK08 4069K</t>
  </si>
  <si>
    <t>5702329524155</t>
  </si>
  <si>
    <t>VELUX Si.sch.-Ro. sol. RSL UK08 4069K</t>
  </si>
  <si>
    <t>RSL UK08 4069KWL</t>
  </si>
  <si>
    <t>5702329533522</t>
  </si>
  <si>
    <t>VELUX Si.sch.-Ro. sol. RSL UK08 4069KWL</t>
  </si>
  <si>
    <t>RSL UK08 4155K</t>
  </si>
  <si>
    <t>5702329524162</t>
  </si>
  <si>
    <t>VELUX Si.sch.-Ro. sol. RSL UK08 4155K</t>
  </si>
  <si>
    <t>RSL UK08 4155KWL</t>
  </si>
  <si>
    <t>5702329533539</t>
  </si>
  <si>
    <t>VELUX Si.sch.-Ro. sol. RSL UK08 4155KWL</t>
  </si>
  <si>
    <t>RSL UK08 4161K</t>
  </si>
  <si>
    <t>5702329524179</t>
  </si>
  <si>
    <t>VELUX Si.sch.-Ro. sol. RSL UK08 4161K</t>
  </si>
  <si>
    <t>RSL UK08 4161KWL</t>
  </si>
  <si>
    <t>5702329533546</t>
  </si>
  <si>
    <t>VELUX Si.sch.-Ro. sol. RSL UK08 4161KWL</t>
  </si>
  <si>
    <t>RSL UK08 4163K</t>
  </si>
  <si>
    <t>5702329524193</t>
  </si>
  <si>
    <t>VELUX Si.sch.-Ro. sol. RSL UK08 4163K</t>
  </si>
  <si>
    <t>RSL UK08 4163KWL</t>
  </si>
  <si>
    <t>5702329533560</t>
  </si>
  <si>
    <t>VELUX Si.sch.-Ro. sol. RSL UK08 4163KWL</t>
  </si>
  <si>
    <t>RSL UK08 4164K</t>
  </si>
  <si>
    <t>5702329524209</t>
  </si>
  <si>
    <t>VELUX Si.sch.-Ro. sol. RSL UK08 4164K</t>
  </si>
  <si>
    <t>RSL UK08 4164KWL</t>
  </si>
  <si>
    <t>5702329533577</t>
  </si>
  <si>
    <t>VELUX Si.sch.-Ro. sol. RSL UK08 4164KWL</t>
  </si>
  <si>
    <t>RSL UK08 4165K</t>
  </si>
  <si>
    <t>5702329524216</t>
  </si>
  <si>
    <t>VELUX Si.sch.-Ro. sol. RSL UK08 4165K</t>
  </si>
  <si>
    <t>RSL UK08 4165KWL</t>
  </si>
  <si>
    <t>5702329533584</t>
  </si>
  <si>
    <t>VELUX Si.sch.-Ro. sol. RSL UK08 4165KWL</t>
  </si>
  <si>
    <t>RSL UK08 4166K</t>
  </si>
  <si>
    <t>5702329524223</t>
  </si>
  <si>
    <t>VELUX Si.sch.-Ro. sol. RSL UK08 4166K</t>
  </si>
  <si>
    <t>RSL UK08 4166KWL</t>
  </si>
  <si>
    <t>5702329533591</t>
  </si>
  <si>
    <t>VELUX Si.sch.-Ro. sol. RSL UK08 4166KWL</t>
  </si>
  <si>
    <t>RSL UK08 4167K</t>
  </si>
  <si>
    <t>5702329524230</t>
  </si>
  <si>
    <t>VELUX Si.sch.-Ro. sol. RSL UK08 4167K</t>
  </si>
  <si>
    <t>RSL UK08 4167KWL</t>
  </si>
  <si>
    <t>5702329533607</t>
  </si>
  <si>
    <t>VELUX Si.sch.-Ro. sol. RSL UK08 4167KWL</t>
  </si>
  <si>
    <t>RSL UK08 4168K</t>
  </si>
  <si>
    <t>5702329524247</t>
  </si>
  <si>
    <t>VELUX Si.sch.-Ro. sol. RSL UK08 4168K</t>
  </si>
  <si>
    <t>RSL UK08 4169K</t>
  </si>
  <si>
    <t>5702329524254</t>
  </si>
  <si>
    <t>VELUX Si.sch.-Ro. sol. RSL UK08 4169K</t>
  </si>
  <si>
    <t>RSL UK08 4169KWL</t>
  </si>
  <si>
    <t>5702329533621</t>
  </si>
  <si>
    <t>VELUX Si.sch.-Ro. sol. RSL UK08 4169KWL</t>
  </si>
  <si>
    <t>RSL UK08 4170K</t>
  </si>
  <si>
    <t>5702329524261</t>
  </si>
  <si>
    <t>VELUX Si.sch.-Ro. sol. RSL UK08 4170K</t>
  </si>
  <si>
    <t>RSL UK08 4170KWL</t>
  </si>
  <si>
    <t>5702329533638</t>
  </si>
  <si>
    <t>VELUX Si.sch.-Ro. sol. RSL UK08 4170KWL</t>
  </si>
  <si>
    <t>RSL UK08 4171K</t>
  </si>
  <si>
    <t>5702329524278</t>
  </si>
  <si>
    <t>VELUX Si.sch.-Ro. sol. RSL UK08 4171K</t>
  </si>
  <si>
    <t>RSL UK08 4171KWL</t>
  </si>
  <si>
    <t>5702329533645</t>
  </si>
  <si>
    <t>VELUX Si.sch.-Ro. sol. RSL UK08 4171KWL</t>
  </si>
  <si>
    <t>RSL UK08 9050K</t>
  </si>
  <si>
    <t>5702329524285</t>
  </si>
  <si>
    <t>VELUX Si.sch.-Ro. sol. RSL UK08 9050K</t>
  </si>
  <si>
    <t>RSL UK08 9050KWL</t>
  </si>
  <si>
    <t>5702329533652</t>
  </si>
  <si>
    <t>VELUX Si.sch.-Ro. sol. RSL UK08 9050KWL</t>
  </si>
  <si>
    <t>RSL UK08 CBYK</t>
  </si>
  <si>
    <t>5702329524292</t>
  </si>
  <si>
    <t>VELUX Si.sch.-Ro. sol. RSL UK08 CBYK</t>
  </si>
  <si>
    <t>RSL UK08 CBYKWL</t>
  </si>
  <si>
    <t>5702329533669</t>
  </si>
  <si>
    <t>VELUX Si.sch.-Ro. sol. RSL UK08 CBYKWL</t>
  </si>
  <si>
    <t>RSL UK10 1028K</t>
  </si>
  <si>
    <t>5702329524308</t>
  </si>
  <si>
    <t>VELUX Si.sch.-Ro. sol. RSL UK10 1028K</t>
  </si>
  <si>
    <t>RSL UK10 1028KWL</t>
  </si>
  <si>
    <t>5702329533676</t>
  </si>
  <si>
    <t>VELUX Si.sch.-Ro. sol. RSL UK10 1028KWL</t>
  </si>
  <si>
    <t>RSL UK10 1086K</t>
  </si>
  <si>
    <t>5702329524315</t>
  </si>
  <si>
    <t>VELUX Si.sch.-Ro. sol. RSL UK10 1086K</t>
  </si>
  <si>
    <t>RSL UK10 1086KWL</t>
  </si>
  <si>
    <t>5702329533683</t>
  </si>
  <si>
    <t>VELUX Si.sch.-Ro. sol. RSL UK10 1086KWL</t>
  </si>
  <si>
    <t>RSL UK10 4155K</t>
  </si>
  <si>
    <t>5702329524339</t>
  </si>
  <si>
    <t>VELUX Si.sch.-Ro. sol. RSL UK10 4155K</t>
  </si>
  <si>
    <t>RSL UK10 4155KWL</t>
  </si>
  <si>
    <t>5702329533706</t>
  </si>
  <si>
    <t>VELUX Si.sch.-Ro. sol. RSL UK10 4155KWL</t>
  </si>
  <si>
    <t>RSL UK10 4161K</t>
  </si>
  <si>
    <t>5702329524346</t>
  </si>
  <si>
    <t>VELUX Si.sch.-Ro. sol. RSL UK10 4161K</t>
  </si>
  <si>
    <t>RSL UK10 4161KWL</t>
  </si>
  <si>
    <t>5702329533713</t>
  </si>
  <si>
    <t>VELUX Si.sch.-Ro. sol. RSL UK10 4161KWL</t>
  </si>
  <si>
    <t>RSL UK10 4163K</t>
  </si>
  <si>
    <t>5702329524360</t>
  </si>
  <si>
    <t>VELUX Si.sch.-Ro. sol. RSL UK10 4163K</t>
  </si>
  <si>
    <t>RSL UK10 4165KWL</t>
  </si>
  <si>
    <t>5702329533751</t>
  </si>
  <si>
    <t>VELUX Si.sch.-Ro. sol. RSL UK10 4165KWL</t>
  </si>
  <si>
    <t>RSL UK10 4166KWL</t>
  </si>
  <si>
    <t>5702329533768</t>
  </si>
  <si>
    <t>VELUX Si.sch.-Ro. sol. RSL UK10 4166KWL</t>
  </si>
  <si>
    <t>RSL UK10 4169K</t>
  </si>
  <si>
    <t>5702329524421</t>
  </si>
  <si>
    <t>VELUX Si.sch.-Ro. sol. RSL UK10 4169K</t>
  </si>
  <si>
    <t>RSL UK10 4169KWL</t>
  </si>
  <si>
    <t>5702329533799</t>
  </si>
  <si>
    <t>VELUX Si.sch.-Ro. sol. RSL UK10 4169KWL</t>
  </si>
  <si>
    <t>RSL UK10 4170K</t>
  </si>
  <si>
    <t>5702329524438</t>
  </si>
  <si>
    <t>VELUX Si.sch.-Ro. sol. RSL UK10 4170K</t>
  </si>
  <si>
    <t>RSL UK10 4170KWL</t>
  </si>
  <si>
    <t>5702329533805</t>
  </si>
  <si>
    <t>VELUX Si.sch.-Ro. sol. RSL UK10 4170KWL</t>
  </si>
  <si>
    <t>RSL UK10 4171K</t>
  </si>
  <si>
    <t>5702329524445</t>
  </si>
  <si>
    <t>VELUX Si.sch.-Ro. sol. RSL UK10 4171K</t>
  </si>
  <si>
    <t>RSL UK10 9050K</t>
  </si>
  <si>
    <t>5702329524452</t>
  </si>
  <si>
    <t>VELUX Si.sch.-Ro. sol. RSL UK10 9050K</t>
  </si>
  <si>
    <t>RSL UK10 CBYK</t>
  </si>
  <si>
    <t>5702329524469</t>
  </si>
  <si>
    <t>VELUX Si.sch.-Ro. sol. RSL UK10 CBYK</t>
  </si>
  <si>
    <t>RSL UK10 CBYKWL</t>
  </si>
  <si>
    <t>5702329533836</t>
  </si>
  <si>
    <t>VELUX Si.sch.-Ro. sol. RSL UK10 CBYKWL</t>
  </si>
  <si>
    <t>SMG FK04 0000S</t>
  </si>
  <si>
    <t>5702329625074</t>
  </si>
  <si>
    <t>VELUX El.-R. Lichtb. SMG FK04 0000S</t>
  </si>
  <si>
    <t>Oben-u.Untenelement Alu Dunkelgrau</t>
  </si>
  <si>
    <t>C</t>
  </si>
  <si>
    <t>310</t>
  </si>
  <si>
    <t>VELUX-Rollladen</t>
  </si>
  <si>
    <t>17050899</t>
  </si>
  <si>
    <t>----------------------------------------
Rundum-Schutz durch:
 - wirksamen Hitzeschutz,  
 - optimale (fast völlige) Verdunkelung,
 - zusätzliche Wärmedämmung, 
 - kompletten Sichtschutz, 
 - weniger Lärm
 - mehr Sicherheit gegen Einbruch.
Rollladenpanzer aus ausgeschäumten
Aluminiumlamellen in Gummikedern
gelagert.
Für Fensterkombinationen
bestehend aus Schwing- bzw. Klapp-
Schwingfenster jeweils verlängert nach
unten durch feststehendes Untenelement
GIU bzw. GIL.
Bei Dachneigungen über ca. 75° wird der
Ausblick aus dem Fenster-Untenelement
geringfügig eingeschränkt.
Es sind 2 vorprogrammierte
Funk-Wandschalter im
Lieferumfang enthalten. Elektrobedienung
der beiden Rollläden
über den  Anschluss an VELUX
Elektrofenster oder über
Steuereinheit KUX 110. Sollen beide
Rollläden gleichzeitig bedient werden,
sind 2 KUX 110 erforderlich.
Die Rollläden sind io-homecontrol-
kompatibel.
Antriebsmechanismus mit elektrischer
Überlastsicherung. 
Nennspannung der Motoreinheit 24 V/DC. 
Keine Behinderung der Fensterfunktionen
bei hochgefahrenem Rollladen.
Alle Bestandteile des Rollladens im
Standardfarbton 0000 Dunkelgrau (NCS S
7500-N).</t>
  </si>
  <si>
    <t>SMG FK04 0700S</t>
  </si>
  <si>
    <t>5702329625081</t>
  </si>
  <si>
    <t>VELUX El.-R. Lichtb. SMG FK04 0700S</t>
  </si>
  <si>
    <t>Oben-u.Untenelement Alu Hellgrau</t>
  </si>
  <si>
    <t>----------------------------------------
Rundum-Schutz durch:
 - wirksamen Hitzeschutz,  
 - optimale (fast völlige) Verdunkelung,
 - zusätzliche Wärmedämmung, 
 - kompletten Sichtschutz, 
 - weniger Lärm
 - mehr Sicherheit gegen Einbruch.
Rollladenpanzer aus ausgeschäumten
Aluminiumlamellen in Gummikedern
gelagert.
Für Fensterkombinationen
bestehend aus Schwing- bzw. Klapp-
Schwingfenster jeweils verlängert nach
unten durch feststehendes Untenelement
GIU bzw. GIL.
Bei Dachneigungen über ca. 75° wird der
Ausblick aus dem Fenster-Untenelement
geringfügig eingeschränkt.
Es sind 2 vorprogrammierte
Funk-Wandschalter im
Lieferumfang enthalten. Elektrobedienung
der beiden Rollläden
über den  Anschluss an VELUX
Elektrofenster oder über
Steuereinheit KUX 110. Sollen beide
Rollläden gleichzeitig bedient werden,
sind 2 KUX 110 erforderlich.
Die Rollläden sind io-homecontrol-
kompatibel.
Antriebsmechanismus mit elektrischer
Überlastsicherung. 
Nennspannung der Motoreinheit 24 V/DC. 
Keine Behinderung der Fensterfunktionen
bei hochgefahrenem Rollladen.
Alle Bestandteile des Rollladens in 0700
Hellgrau (RAL-Ton 7038, achatgrau).</t>
  </si>
  <si>
    <t>SMG FK06 0000S</t>
  </si>
  <si>
    <t>5702329625098</t>
  </si>
  <si>
    <t>VELUX El.-R. Lichtb. SMG FK06 0000S</t>
  </si>
  <si>
    <t>SMG FK06 0700S</t>
  </si>
  <si>
    <t>5702329625104</t>
  </si>
  <si>
    <t>VELUX El.-R. Lichtb. SMG FK06 0700S</t>
  </si>
  <si>
    <t>SMG FK08 0000S</t>
  </si>
  <si>
    <t>5702329625111</t>
  </si>
  <si>
    <t>VELUX El.-R. Lichtb. SMG FK08 0000S</t>
  </si>
  <si>
    <t>SMG FK08 0700S</t>
  </si>
  <si>
    <t>5702329625128</t>
  </si>
  <si>
    <t>VELUX El.-R. Lichtb. SMG FK08 0700S</t>
  </si>
  <si>
    <t>SMG MK04 0000S</t>
  </si>
  <si>
    <t>5702326106859</t>
  </si>
  <si>
    <t>VELUX El.-R. Lichtb. SMG MK04 0000S</t>
  </si>
  <si>
    <t>SMG MK04 0700S</t>
  </si>
  <si>
    <t>5702326106866</t>
  </si>
  <si>
    <t>VELUX El.-R. Lichtb. SMG MK04 0700S</t>
  </si>
  <si>
    <t>SMG MK06 0000S</t>
  </si>
  <si>
    <t>5702326106873</t>
  </si>
  <si>
    <t>VELUX El.-R. Lichtb. SMG MK06 0000S</t>
  </si>
  <si>
    <t>SMG MK06 0700S</t>
  </si>
  <si>
    <t>5702326106897</t>
  </si>
  <si>
    <t>VELUX El.-R. Lichtb. SMG MK06 0700S</t>
  </si>
  <si>
    <t>SMG MK08 0000S</t>
  </si>
  <si>
    <t>5702326106903</t>
  </si>
  <si>
    <t>VELUX El.-R. Lichtb. SMG MK08 0000S</t>
  </si>
  <si>
    <t>SMG MK08 0700S</t>
  </si>
  <si>
    <t>5702326106910</t>
  </si>
  <si>
    <t>VELUX El.-R. Lichtb. SMG MK08 0700S</t>
  </si>
  <si>
    <t>SMG MK10 0000S</t>
  </si>
  <si>
    <t>5702326106934</t>
  </si>
  <si>
    <t>VELUX El.-R. Lichtb. SMG MK10 0000S</t>
  </si>
  <si>
    <t>SMG MK10 0700S</t>
  </si>
  <si>
    <t>5702326106958</t>
  </si>
  <si>
    <t>VELUX El.-R. Lichtb. SMG MK10 0700S</t>
  </si>
  <si>
    <t>SMG PK06 0000S</t>
  </si>
  <si>
    <t>5702326106989</t>
  </si>
  <si>
    <t>VELUX El.-R. Lichtb. SMG PK06 0000S</t>
  </si>
  <si>
    <t>SMG PK06 0700S</t>
  </si>
  <si>
    <t>5702326106996</t>
  </si>
  <si>
    <t>VELUX El.-R. Lichtb. SMG PK06 0700S</t>
  </si>
  <si>
    <t>SMG PK08 0000S</t>
  </si>
  <si>
    <t>5702326107009</t>
  </si>
  <si>
    <t>VELUX El.-R. Lichtb. SMG PK08 0000S</t>
  </si>
  <si>
    <t>SMG PK08 0700S</t>
  </si>
  <si>
    <t>5702326107016</t>
  </si>
  <si>
    <t>VELUX El.-R. Lichtb. SMG PK08 0700S</t>
  </si>
  <si>
    <t>SMG PK10 0000S</t>
  </si>
  <si>
    <t>5702326107030</t>
  </si>
  <si>
    <t>VELUX El.-R. Lichtb. SMG PK10 0000S</t>
  </si>
  <si>
    <t>SMG PK10 0700S</t>
  </si>
  <si>
    <t>5702326107054</t>
  </si>
  <si>
    <t>VELUX El.-R. Lichtb. SMG PK10 0700S</t>
  </si>
  <si>
    <t>SMG SK06 0000S</t>
  </si>
  <si>
    <t>5702326107061</t>
  </si>
  <si>
    <t>VELUX El.-R. Lichtb. SMG SK06 0000S</t>
  </si>
  <si>
    <t>SMG SK06 0700S</t>
  </si>
  <si>
    <t>5702326107078</t>
  </si>
  <si>
    <t>VELUX Elektro-Rollladen SMG SK06 0700S</t>
  </si>
  <si>
    <t>SMG SK08 0000S</t>
  </si>
  <si>
    <t>5702326107085</t>
  </si>
  <si>
    <t>VELUX El.-R. Lichtb. SMG SK08 0000S</t>
  </si>
  <si>
    <t>SMG SK08 0700S</t>
  </si>
  <si>
    <t>5702326107092</t>
  </si>
  <si>
    <t>VELUX El.-R. Lichtb. SMG SK08 0700S</t>
  </si>
  <si>
    <t>SMG SK10 0000S</t>
  </si>
  <si>
    <t>5702326107108</t>
  </si>
  <si>
    <t>VELUX El.-R. Lichtb. SMG SK10 0000S</t>
  </si>
  <si>
    <t>SMG SK10 0700S</t>
  </si>
  <si>
    <t>5702326107115</t>
  </si>
  <si>
    <t>VELUX El.-R. Lichtb. SMG SK10 0700S</t>
  </si>
  <si>
    <t>SMG UK04 0000S</t>
  </si>
  <si>
    <t>5702326107122</t>
  </si>
  <si>
    <t>VELUX El.-R. Lichtb. SMG UK04 0000S</t>
  </si>
  <si>
    <t>SMG UK04 0700S</t>
  </si>
  <si>
    <t>5702326107139</t>
  </si>
  <si>
    <t>VELUX El.-R. Lichtb. SMG UK04 0700S</t>
  </si>
  <si>
    <t>SMG UK08 0000S</t>
  </si>
  <si>
    <t>5702326107146</t>
  </si>
  <si>
    <t>VELUX El.-R. Lichtb. SMG UK08 0000S</t>
  </si>
  <si>
    <t>SMG UK08 0700S</t>
  </si>
  <si>
    <t>5702326107153</t>
  </si>
  <si>
    <t>VELUX Elektro-Rollladen SMG UK08 0700S</t>
  </si>
  <si>
    <t>SMG UK10 0000S</t>
  </si>
  <si>
    <t>5702326107177</t>
  </si>
  <si>
    <t>VELUX El.-R. Lichtb. SMG UK10 0000S</t>
  </si>
  <si>
    <t>SMG UK10 0700S</t>
  </si>
  <si>
    <t>5702326107191</t>
  </si>
  <si>
    <t>VELUX El.-R. Lichtb. SMG UK10 0700S</t>
  </si>
  <si>
    <t>SMH FK06 0000S</t>
  </si>
  <si>
    <t>5702328729780</t>
  </si>
  <si>
    <t>VELUX Elektro-Rollladen SMH FK06 0000S</t>
  </si>
  <si>
    <t>Aluminium Dunkelgrau</t>
  </si>
  <si>
    <t>----------------------------------------
Rundum-Schutz durch:
 - wirksamen Hitzeschutz,  
 - optimale (fast völlige) Verdunkelung,
 - zusätzliche Wärmedämmung, 
 - kompletten Sichtschutz, 
 - weniger Lärm
 - mehr Sicherheit gegen Einbruch.
Rollladenpanzer aus ausgeschäumten
Aluminiumlamellen in Gummikedern
gelagert.
Vorprogrammierter Funk-Wandschalter im
Lieferumfang enthalten.
Elektrobedienung des Rollladens über den
 Anschluss an ein VELUX Elektrofenster
GPU.
Die Rollläden sind
io-homecontrol-kompatibel.
Antriebsmechanismus mit elektrischer
Überlastsicherung. 
Nennspannung der Motoreinheit 24 V/DC. 
Vollständige Öffnung des Fensters bei
heruntergelassenem Rollladen möglich.</t>
  </si>
  <si>
    <t>SMH FK08 0000S</t>
  </si>
  <si>
    <t>5702328729797</t>
  </si>
  <si>
    <t>VELUX Elektro-Rollladen SMH FK08 0000S</t>
  </si>
  <si>
    <t>SMH MK06 0000S</t>
  </si>
  <si>
    <t>5702328729803</t>
  </si>
  <si>
    <t>VELUX Elektro-Rollladen SMH MK06 0000S</t>
  </si>
  <si>
    <t>SMH MK08 0000S</t>
  </si>
  <si>
    <t>5702328729810</t>
  </si>
  <si>
    <t>VELUX Elektro-Rollladen SMH MK08 0000S</t>
  </si>
  <si>
    <t>SMH PK06 0000S</t>
  </si>
  <si>
    <t>5702328729827</t>
  </si>
  <si>
    <t>VELUX Elektro-Rollladen SMH PK06 0000S</t>
  </si>
  <si>
    <t>SMH PK08 0000S</t>
  </si>
  <si>
    <t>5702328729834</t>
  </si>
  <si>
    <t>VELUX Elektro-Rollladen SMH PK08 0000S</t>
  </si>
  <si>
    <t>SMH SK06 0000S</t>
  </si>
  <si>
    <t>5702328729841</t>
  </si>
  <si>
    <t>VELUX Elektro-Rollladen SMH SK06 0000S</t>
  </si>
  <si>
    <t>SMH SK08 0000S</t>
  </si>
  <si>
    <t>5702328729858</t>
  </si>
  <si>
    <t>VELUX Elektro-Rollladen SMH SK08 0000S</t>
  </si>
  <si>
    <t>SML CK02 0000K</t>
  </si>
  <si>
    <t>5702329713559</t>
  </si>
  <si>
    <t>VELUX Elektro-Rollladen SML CK02 0000K</t>
  </si>
  <si>
    <t>----------------------------------------
Rundum-Schutz durch:
 - wirksamen Hitzeschutz,  
 - optimale (fast völlige) Verdunkelung,
 - zusätzliche Wärmedämmung, 
 - kompletten Sichtschutz, 
 - weniger Lärm
 - mehr Sicherheit gegen Einbruch.
Rollladenpanzer aus Aluminiumlamellen in
Stoff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Der Rollladen wird auf dem Fensterflügel
montiert. Daher keine Behinderung der 
Fensterfunktionen bei aus- und 
hochgefahrenem Rollladen</t>
  </si>
  <si>
    <t>SML CK02 0000S</t>
  </si>
  <si>
    <t>5702326107252</t>
  </si>
  <si>
    <t>VELUX Elektro-Rollladen SML CK02 00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Keine Behinderung der Fensterfunktionen
bei hochgefahrenem Rollladen.</t>
  </si>
  <si>
    <t>SML CK02 0100K</t>
  </si>
  <si>
    <t>5702329717977</t>
  </si>
  <si>
    <t>VELUX Elektro-Rollladen SML CK02 0100K</t>
  </si>
  <si>
    <t>----------------------------------------
Rundum-Schutz durch:
 - wirksamen Hitzeschutz,  
 - optimale (fast völlige) Verdunkelung,
 - zusätzliche Wärmedämmung, 
 - kompletten Sichtschutz, 
 - weniger Lärm
 - mehr Sicherheit gegen Einbruch.
Rollladenpanzer aus Aluminiumlamellen in
Stoff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Der Rollladen wird auf dem Fensterflügel
montiert. Daher keine Behinderung der 
Fensterfunktionen bei aus- und 
hochgefahrenem Rollladen
Montageblech und unteres Abdeckblech aus
0100 Kupfer.
Lamellen und übrige Bestandteile aus
Aluminium im Standardfarbton 0000
Dunkelgrau.</t>
  </si>
  <si>
    <t>SML CK02 0100S</t>
  </si>
  <si>
    <t>5702326107269</t>
  </si>
  <si>
    <t>VELUX Elektro-Rollladen SML CK02 0100S</t>
  </si>
  <si>
    <t>Kupfer</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Keine Behinderung der Fensterfunktionen
bei hochgefahrenem Rollladen.
Montageblech und unteres Abdeckblech aus
0100 Kupfer.
Lamellen und übrige Bestandteile aus
Aluminium im Standardfarbton 0000
Dunkelgrau.</t>
  </si>
  <si>
    <t>SML CK02 0700S</t>
  </si>
  <si>
    <t>5702326107276</t>
  </si>
  <si>
    <t>VELUX Elektro-Rollladen SML CK02 0700S</t>
  </si>
  <si>
    <t>Aluminium Hellgrau</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Keine Behinderung der Fensterfunktionen
bei hochgefahrenem Rollladen.
Alle Bestandteile des Rollladens in 0700
Hellgrau (RAL-Ton 7038, achatgrau).</t>
  </si>
  <si>
    <t>SML CK04 0000K</t>
  </si>
  <si>
    <t>5702329713566</t>
  </si>
  <si>
    <t>VELUX Elektro-Rollladen SML CK04 0000K</t>
  </si>
  <si>
    <t>SML CK04 0000S</t>
  </si>
  <si>
    <t>5702326107290</t>
  </si>
  <si>
    <t>VELUX Elektro-Rollladen SML CK04 0000S</t>
  </si>
  <si>
    <t>SML CK04 0100K</t>
  </si>
  <si>
    <t>5702329717984</t>
  </si>
  <si>
    <t>VELUX Elektro-Rollladen SML CK04 0100K</t>
  </si>
  <si>
    <t>SML CK04 0100S</t>
  </si>
  <si>
    <t>5702326107313</t>
  </si>
  <si>
    <t>VELUX Elektro-Rollladen SML CK04 0100S</t>
  </si>
  <si>
    <t>SML CK04 0700S</t>
  </si>
  <si>
    <t>5702326107337</t>
  </si>
  <si>
    <t>VELUX Elektro-Rollladen SML CK04 0700S</t>
  </si>
  <si>
    <t>SML CK06 0000K</t>
  </si>
  <si>
    <t>5702329713573</t>
  </si>
  <si>
    <t>VELUX Elektro-Rollladen SML CK06 0000K</t>
  </si>
  <si>
    <t>SML CK06 0000S</t>
  </si>
  <si>
    <t>5702326107351</t>
  </si>
  <si>
    <t>VELUX Elektro-Rollladen SML CK06 0000S</t>
  </si>
  <si>
    <t>SML CK06 0100K</t>
  </si>
  <si>
    <t>5702329717991</t>
  </si>
  <si>
    <t>VELUX Elektro-Rollladen SML CK06 0100K</t>
  </si>
  <si>
    <t>SML CK06 0100S</t>
  </si>
  <si>
    <t>5702326107368</t>
  </si>
  <si>
    <t>VELUX Elektro-Rollladen SML CK06 0100S</t>
  </si>
  <si>
    <t>SML CK06 0700S</t>
  </si>
  <si>
    <t>5702326107375</t>
  </si>
  <si>
    <t>VELUX Elektro-Rollladen SML CK06 0700S</t>
  </si>
  <si>
    <t>SML FK04 0000K</t>
  </si>
  <si>
    <t>5702329713580</t>
  </si>
  <si>
    <t>VELUX Elektro-Rollladen SML FK04 0000K</t>
  </si>
  <si>
    <t>SML FK04 0000S</t>
  </si>
  <si>
    <t>5702326107382</t>
  </si>
  <si>
    <t>VELUX Elektro-Rollladen SML FK04 0000S</t>
  </si>
  <si>
    <t>SML FK04 0100K</t>
  </si>
  <si>
    <t>5702329718004</t>
  </si>
  <si>
    <t>VELUX Elektro-Rollladen SML FK04 0100K</t>
  </si>
  <si>
    <t>SML FK04 0100S</t>
  </si>
  <si>
    <t>5702326107399</t>
  </si>
  <si>
    <t>VELUX Elektro-Rollladen SML FK04 0100S</t>
  </si>
  <si>
    <t>SML FK04 0700S</t>
  </si>
  <si>
    <t>5702326107412</t>
  </si>
  <si>
    <t>VELUX Elektro-Rollladen SML FK04 0700S</t>
  </si>
  <si>
    <t>SML FK04 S20006</t>
  </si>
  <si>
    <t>5702320112214</t>
  </si>
  <si>
    <t>VELUX SML FK04 S20006</t>
  </si>
  <si>
    <t>System SML+KLC</t>
  </si>
  <si>
    <t>----------------------------------------
Rollladen mit 230 V Ansteuerung 
(KLC 230 EU) für neu 
einzubauende manuelle GGU/GGL
Rundum-Schutz durch:
 - wirksamen Hitzeschutz,  
 - optimale (fast völlige) Verdunkelung,
 - zusätzliche Wärmedämmung, 
 - kompletten Sichtschutz, 
 - weniger Lärm
 - mehr Sicherheit gegen Einbruch.
Rollladenpanzer aus Aluminiumlamellen in
Stoffkedern gelagert.
Vorprogrammierter Funk-Wandschalter im
Lieferumfang enthalten.
Die Rollläden sind
io-homecontrol-kompatibel.
Antriebsmechanismus mit elektrischer
Überlastsicherung. 
Nennspannung der Motoreinheit 24 V/DC. 
Der Rollladen wird auf dem Fensterflügel
montiert. Daher keine Behinderung der 
Fensterfunktionen bei aus- und 
hochgefahrenem Rollladen.</t>
  </si>
  <si>
    <t>SML FK06 0000K</t>
  </si>
  <si>
    <t>5702329713597</t>
  </si>
  <si>
    <t>VELUX Elektro-Rollladen SML FK06 0000K</t>
  </si>
  <si>
    <t>SML FK06 0000S</t>
  </si>
  <si>
    <t>5702326107436</t>
  </si>
  <si>
    <t>VELUX Elektro-Rollladen SML FK06 0000S</t>
  </si>
  <si>
    <t>SML FK06 0100K</t>
  </si>
  <si>
    <t>5702329718011</t>
  </si>
  <si>
    <t>VELUX Elektro-Rollladen SML FK06 0100K</t>
  </si>
  <si>
    <t>SML FK06 0100S</t>
  </si>
  <si>
    <t>5702326107450</t>
  </si>
  <si>
    <t>VELUX Elektro-Rollladen SML FK06 0100S</t>
  </si>
  <si>
    <t>SML FK06 0700S</t>
  </si>
  <si>
    <t>5702326107474</t>
  </si>
  <si>
    <t>VELUX Elektro-Rollladen SML FK06 0700S</t>
  </si>
  <si>
    <t>SML FK06 S20006</t>
  </si>
  <si>
    <t>5702320112221</t>
  </si>
  <si>
    <t>VELUX SML FK06 S20006</t>
  </si>
  <si>
    <t>SML FK08 0000K</t>
  </si>
  <si>
    <t>5702329713603</t>
  </si>
  <si>
    <t>VELUX Elektro-Rollladen SML FK08 0000K</t>
  </si>
  <si>
    <t>SML FK08 0000S</t>
  </si>
  <si>
    <t>5702326107481</t>
  </si>
  <si>
    <t>VELUX Elektro-Rollladen SML FK08 0000S</t>
  </si>
  <si>
    <t>SML FK08 0100K</t>
  </si>
  <si>
    <t>5702329718028</t>
  </si>
  <si>
    <t>VELUX Elektro-Rollladen SML FK08 0100K</t>
  </si>
  <si>
    <t>SML FK08 0100S</t>
  </si>
  <si>
    <t>5702326107498</t>
  </si>
  <si>
    <t>VELUX Elektro-Rollladen SML FK08 0100S</t>
  </si>
  <si>
    <t>SML FK08 0700S</t>
  </si>
  <si>
    <t>5702326107504</t>
  </si>
  <si>
    <t>VELUX Elektro-Rollladen SML FK08 0700S</t>
  </si>
  <si>
    <t>SML FK08 S20006</t>
  </si>
  <si>
    <t>5702320112238</t>
  </si>
  <si>
    <t>VELUX SML FK08 S20006</t>
  </si>
  <si>
    <t>SML MK04 0000K</t>
  </si>
  <si>
    <t>5702329713610</t>
  </si>
  <si>
    <t>VELUX Elektro-Rollladen SML MK04 0000K</t>
  </si>
  <si>
    <t>SML MK04 0000S</t>
  </si>
  <si>
    <t>5702326107511</t>
  </si>
  <si>
    <t>VELUX Elektro-Rollladen SML MK04 0000S</t>
  </si>
  <si>
    <t>SML MK04 0100K</t>
  </si>
  <si>
    <t>5702329718035</t>
  </si>
  <si>
    <t>VELUX Elektro-Rollladen SML MK04 0100K</t>
  </si>
  <si>
    <t>SML MK04 0100S</t>
  </si>
  <si>
    <t>5702326107528</t>
  </si>
  <si>
    <t>VELUX Elektro-Rollladen SML MK04 0100S</t>
  </si>
  <si>
    <t>SML MK04 0700S</t>
  </si>
  <si>
    <t>5702326107535</t>
  </si>
  <si>
    <t>VELUX Elektro-Rollladen SML MK04 0700S</t>
  </si>
  <si>
    <t>SML MK04 S20006</t>
  </si>
  <si>
    <t>5702320112245</t>
  </si>
  <si>
    <t>VELUX SML MK04 S20006</t>
  </si>
  <si>
    <t>SML MK06 0000K</t>
  </si>
  <si>
    <t>5702329713627</t>
  </si>
  <si>
    <t>VELUX Elektro-Rollladen SML MK06 0000K</t>
  </si>
  <si>
    <t>SML MK06 0000S</t>
  </si>
  <si>
    <t>5702326107542</t>
  </si>
  <si>
    <t>VELUX Elektro-Rollladen SML MK06 0000S</t>
  </si>
  <si>
    <t>SML MK06 0100K</t>
  </si>
  <si>
    <t>5702329718042</t>
  </si>
  <si>
    <t>VELUX Elektro-Rollladen SML MK06 0100K</t>
  </si>
  <si>
    <t>SML MK06 0100S</t>
  </si>
  <si>
    <t>5702326107559</t>
  </si>
  <si>
    <t>VELUX Elektro-Rollladen SML MK06 0100S</t>
  </si>
  <si>
    <t>SML MK06 0700S</t>
  </si>
  <si>
    <t>5702326107566</t>
  </si>
  <si>
    <t>VELUX Elektro-Rollladen SML MK06 0700S</t>
  </si>
  <si>
    <t>SML MK06 S20006</t>
  </si>
  <si>
    <t>5702320112252</t>
  </si>
  <si>
    <t>VELUX SML MK06 S20006</t>
  </si>
  <si>
    <t>SML MK08 0000K</t>
  </si>
  <si>
    <t>5702329713634</t>
  </si>
  <si>
    <t>VELUX Elektro-Rollladen SML MK08 0000K</t>
  </si>
  <si>
    <t>SML MK08 0000S</t>
  </si>
  <si>
    <t>5702326107573</t>
  </si>
  <si>
    <t>VELUX Elektro-Rollladen SML MK08 0000S</t>
  </si>
  <si>
    <t>SML MK08 0100K</t>
  </si>
  <si>
    <t>5702329718059</t>
  </si>
  <si>
    <t>VELUX Elektro-Rollladen SML MK08 0100K</t>
  </si>
  <si>
    <t>SML MK08 0100S</t>
  </si>
  <si>
    <t>5702326107580</t>
  </si>
  <si>
    <t>VELUX Elektro-Rollladen SML MK08 0100S</t>
  </si>
  <si>
    <t>SML MK08 0700S</t>
  </si>
  <si>
    <t>5702326107597</t>
  </si>
  <si>
    <t>VELUX Elektro-Rollladen SML MK08 0700S</t>
  </si>
  <si>
    <t>SML MK08 S20006</t>
  </si>
  <si>
    <t>5702320112269</t>
  </si>
  <si>
    <t>VELUX SML MK08 S20006</t>
  </si>
  <si>
    <t>SML MK10 0000K</t>
  </si>
  <si>
    <t>5702329713641</t>
  </si>
  <si>
    <t>VELUX Elektro-Rollladen SML MK10 0000K</t>
  </si>
  <si>
    <t>SML MK10 0000S</t>
  </si>
  <si>
    <t>5702326107603</t>
  </si>
  <si>
    <t>VELUX Elektro-Rollladen SML MK10 0000S</t>
  </si>
  <si>
    <t>SML MK10 0100K</t>
  </si>
  <si>
    <t>5702329718066</t>
  </si>
  <si>
    <t>VELUX Elektro-Rollladen SML MK10 0100K</t>
  </si>
  <si>
    <t>SML MK10 0100S</t>
  </si>
  <si>
    <t>5702326107610</t>
  </si>
  <si>
    <t>VELUX Elektro-Rollladen SML MK10 0100S</t>
  </si>
  <si>
    <t>SML MK10 0700S</t>
  </si>
  <si>
    <t>5702326107627</t>
  </si>
  <si>
    <t>VELUX Elektro-Rollladen SML MK10 0700S</t>
  </si>
  <si>
    <t>SML MK10 S20006</t>
  </si>
  <si>
    <t>5702320112276</t>
  </si>
  <si>
    <t>VELUX SML MK10 S20006</t>
  </si>
  <si>
    <t>SML MK12 0000K</t>
  </si>
  <si>
    <t>5702329713658</t>
  </si>
  <si>
    <t>VELUX Elektro-Rollladen SML MK12 0000K</t>
  </si>
  <si>
    <t>SML MK12 0000S</t>
  </si>
  <si>
    <t>5702326107634</t>
  </si>
  <si>
    <t>VELUX Elektro-Rollladen SML MK12 0000S</t>
  </si>
  <si>
    <t>SML MK12 0100K</t>
  </si>
  <si>
    <t>5702329718073</t>
  </si>
  <si>
    <t>VELUX Elektro-Rollladen SML MK12 0100K</t>
  </si>
  <si>
    <t>SML MK12 0100S</t>
  </si>
  <si>
    <t>5702326107658</t>
  </si>
  <si>
    <t>VELUX Elektro-Rollladen SML MK12 0100S</t>
  </si>
  <si>
    <t>SML MK12 0700S</t>
  </si>
  <si>
    <t>5702326107672</t>
  </si>
  <si>
    <t>VELUX Elektro-Rollladen SML MK12 0700S</t>
  </si>
  <si>
    <t>SML MK12 S20006</t>
  </si>
  <si>
    <t>5702320112283</t>
  </si>
  <si>
    <t>VELUX SML MK12 S20006</t>
  </si>
  <si>
    <t>SML PK06 0000K</t>
  </si>
  <si>
    <t>5702329713696</t>
  </si>
  <si>
    <t>VELUX Elektro-Rollladen SML PK06 0000K</t>
  </si>
  <si>
    <t>SML PK06 0000S</t>
  </si>
  <si>
    <t>5702326107740</t>
  </si>
  <si>
    <t>VELUX Elektro-Rollladen SML PK06 0000S</t>
  </si>
  <si>
    <t>SML PK06 0100K</t>
  </si>
  <si>
    <t>5702329718110</t>
  </si>
  <si>
    <t>VELUX Elektro-Rollladen SML PK06 0100K</t>
  </si>
  <si>
    <t>SML PK06 0100S</t>
  </si>
  <si>
    <t>5702326107757</t>
  </si>
  <si>
    <t>VELUX Elektro-Rollladen SML PK06 0100S</t>
  </si>
  <si>
    <t>SML PK06 0700S</t>
  </si>
  <si>
    <t>5702326107764</t>
  </si>
  <si>
    <t>VELUX Elektro-Rollladen SML PK06 0700S</t>
  </si>
  <si>
    <t>SML PK06 S20006</t>
  </si>
  <si>
    <t>5702320112290</t>
  </si>
  <si>
    <t>VELUX SML PK06 S20006</t>
  </si>
  <si>
    <t>SML PK08 0000K</t>
  </si>
  <si>
    <t>5702329713702</t>
  </si>
  <si>
    <t>VELUX Elektro-Rollladen SML PK08 0000K</t>
  </si>
  <si>
    <t>SML PK08 0000S</t>
  </si>
  <si>
    <t>5702326107771</t>
  </si>
  <si>
    <t>VELUX Elektro-Rollladen SML PK08 0000S</t>
  </si>
  <si>
    <t>SML PK08 0100K</t>
  </si>
  <si>
    <t>5702329718127</t>
  </si>
  <si>
    <t>VELUX Elektro-Rollladen SML PK08 0100K</t>
  </si>
  <si>
    <t>SML PK08 0100S</t>
  </si>
  <si>
    <t>5702326107788</t>
  </si>
  <si>
    <t>VELUX Elektro-Rollladen SML PK08 0100S</t>
  </si>
  <si>
    <t>SML PK08 0700S</t>
  </si>
  <si>
    <t>5702326107795</t>
  </si>
  <si>
    <t>VELUX Elektro-Rollladen SML PK08 0700S</t>
  </si>
  <si>
    <t>SML PK08 S20006</t>
  </si>
  <si>
    <t>5702320112306</t>
  </si>
  <si>
    <t>VELUX SML PK08 S20006</t>
  </si>
  <si>
    <t>SML PK10 0000K</t>
  </si>
  <si>
    <t>5702329713719</t>
  </si>
  <si>
    <t>VELUX Elektro-Rollladen SML PK10 0000K</t>
  </si>
  <si>
    <t>SML PK10 0000S</t>
  </si>
  <si>
    <t>5702326107801</t>
  </si>
  <si>
    <t>VELUX Elektro-Rollladen SML PK10 0000S</t>
  </si>
  <si>
    <t>SML PK10 0100K</t>
  </si>
  <si>
    <t>5702329718134</t>
  </si>
  <si>
    <t>VELUX Elektro-Rollladen SML PK10 0100K</t>
  </si>
  <si>
    <t>SML PK10 0100S</t>
  </si>
  <si>
    <t>5702326107818</t>
  </si>
  <si>
    <t>VELUX Elektro-Rollladen SML PK10 0100S</t>
  </si>
  <si>
    <t>SML PK10 0700S</t>
  </si>
  <si>
    <t>5702326107825</t>
  </si>
  <si>
    <t>VELUX Elektro-Rollladen SML PK10 0700S</t>
  </si>
  <si>
    <t>SML PK10 S20006</t>
  </si>
  <si>
    <t>5702320112313</t>
  </si>
  <si>
    <t>VELUX SML PK10 S20006</t>
  </si>
  <si>
    <t>SML SK06 0000K</t>
  </si>
  <si>
    <t>5702329713757</t>
  </si>
  <si>
    <t>VELUX Elektro-Rollladen SML SK06 0000K</t>
  </si>
  <si>
    <t>SML SK06 0000S</t>
  </si>
  <si>
    <t>5702326107900</t>
  </si>
  <si>
    <t>VELUX Elektro-Rollladen SML SK06 0000S</t>
  </si>
  <si>
    <t>SML SK06 0100K</t>
  </si>
  <si>
    <t>5702329718172</t>
  </si>
  <si>
    <t>VELUX Elektro-Rollladen SML SK06 0100K</t>
  </si>
  <si>
    <t>SML SK06 0100S</t>
  </si>
  <si>
    <t>5702326107917</t>
  </si>
  <si>
    <t>VELUX Elektro-Rollladen SML SK06 0100S</t>
  </si>
  <si>
    <t>SML SK06 0700S</t>
  </si>
  <si>
    <t>5702326107931</t>
  </si>
  <si>
    <t>VELUX Elektro-Rollladen SML SK06 0700S</t>
  </si>
  <si>
    <t>SML SK06 S20006</t>
  </si>
  <si>
    <t>5702320112320</t>
  </si>
  <si>
    <t>VELUX SML SK06 S20006</t>
  </si>
  <si>
    <t>SML SK08 0000K</t>
  </si>
  <si>
    <t>5702329713764</t>
  </si>
  <si>
    <t>VELUX Elektro-Rollladen SML SK08 0000K</t>
  </si>
  <si>
    <t>SML SK08 0000S</t>
  </si>
  <si>
    <t>5702326107955</t>
  </si>
  <si>
    <t>VELUX Elektro-Rollladen SML SK08 0000S</t>
  </si>
  <si>
    <t>SML SK08 0100K</t>
  </si>
  <si>
    <t>5702329718189</t>
  </si>
  <si>
    <t>VELUX Elektro-Rollladen SML SK08 0100K</t>
  </si>
  <si>
    <t>SML SK08 0100S</t>
  </si>
  <si>
    <t>5702326107962</t>
  </si>
  <si>
    <t>VELUX Elektro-Rollladen SML SK08 0100S</t>
  </si>
  <si>
    <t>SML SK08 0700S</t>
  </si>
  <si>
    <t>5702326107979</t>
  </si>
  <si>
    <t>VELUX Elektro-Rollladen SML SK08 0700S</t>
  </si>
  <si>
    <t>SML SK08 S20006</t>
  </si>
  <si>
    <t>5702320112337</t>
  </si>
  <si>
    <t>VELUX SML SK08 S20006</t>
  </si>
  <si>
    <t>SML SK10 0000K</t>
  </si>
  <si>
    <t>5702329713771</t>
  </si>
  <si>
    <t>VELUX Elektro-Rollladen SML SK10 0000K</t>
  </si>
  <si>
    <t>SML SK10 0000S</t>
  </si>
  <si>
    <t>5702326107986</t>
  </si>
  <si>
    <t>VELUX Elektro-Rollladen SML SK10 0000S</t>
  </si>
  <si>
    <t>SML SK10 0100K</t>
  </si>
  <si>
    <t>5702329718196</t>
  </si>
  <si>
    <t>VELUX Elektro-Rollladen SML SK10 0100K</t>
  </si>
  <si>
    <t>SML SK10 0100S</t>
  </si>
  <si>
    <t>5702326107993</t>
  </si>
  <si>
    <t>VELUX Elektro-Rollladen SML SK10 0100S</t>
  </si>
  <si>
    <t>SML SK10 0700S</t>
  </si>
  <si>
    <t>5702326108006</t>
  </si>
  <si>
    <t>VELUX Elektro-Rollladen SML SK10 0700S</t>
  </si>
  <si>
    <t>SML SK10 S20006</t>
  </si>
  <si>
    <t>5702320112344</t>
  </si>
  <si>
    <t>VELUX SML SK10 S20006</t>
  </si>
  <si>
    <t>SML UK04 0000K</t>
  </si>
  <si>
    <t>5702329713795</t>
  </si>
  <si>
    <t>VELUX Elektro-Rollladen SML UK04 0000K</t>
  </si>
  <si>
    <t>SML UK04 0000S</t>
  </si>
  <si>
    <t>5702326108013</t>
  </si>
  <si>
    <t>VELUX Elektro-Rollladen SML UK04 0000S</t>
  </si>
  <si>
    <t>SML UK04 0100K</t>
  </si>
  <si>
    <t>5702329718219</t>
  </si>
  <si>
    <t>VELUX Elektro-Rollladen SML UK04 0100K</t>
  </si>
  <si>
    <t>SML UK04 0100S</t>
  </si>
  <si>
    <t>5702326108037</t>
  </si>
  <si>
    <t>VELUX Elektro-Rollladen SML UK04 0100S</t>
  </si>
  <si>
    <t>SML UK04 0700S</t>
  </si>
  <si>
    <t>5702326108051</t>
  </si>
  <si>
    <t>VELUX Elektro-Rollladen SML UK04 0700S</t>
  </si>
  <si>
    <t>SML UK04 S20006</t>
  </si>
  <si>
    <t>5702320112351</t>
  </si>
  <si>
    <t>VELUX SML UK04 S20006</t>
  </si>
  <si>
    <t>SML UK08 0000K</t>
  </si>
  <si>
    <t>5702329713801</t>
  </si>
  <si>
    <t>VELUX Elektro-Rollladen SML UK08 0000K</t>
  </si>
  <si>
    <t>SML UK08 0000S</t>
  </si>
  <si>
    <t>5702326108068</t>
  </si>
  <si>
    <t>VELUX Elektro-Rollladen SML UK08 0000S</t>
  </si>
  <si>
    <t>SML UK08 0100K</t>
  </si>
  <si>
    <t>5702329718226</t>
  </si>
  <si>
    <t>VELUX Elektro-Rollladen SML UK08 0100K</t>
  </si>
  <si>
    <t>SML UK08 0100S</t>
  </si>
  <si>
    <t>5702326108075</t>
  </si>
  <si>
    <t>VELUX Elektro-Rollladen SML UK08 0100S</t>
  </si>
  <si>
    <t>SML UK08 0700S</t>
  </si>
  <si>
    <t>5702326108082</t>
  </si>
  <si>
    <t>VELUX Elektro-Rollladen SML UK08 0700S</t>
  </si>
  <si>
    <t>SML UK08 S20006</t>
  </si>
  <si>
    <t>5702320112368</t>
  </si>
  <si>
    <t>VELUX SML UK08 S20006</t>
  </si>
  <si>
    <t>SML UK10 0000K</t>
  </si>
  <si>
    <t>5702329713818</t>
  </si>
  <si>
    <t>VELUX Elektro-Rollladen SML UK10 0000K</t>
  </si>
  <si>
    <t>SML UK10 0000S</t>
  </si>
  <si>
    <t>5702326108099</t>
  </si>
  <si>
    <t>VELUX Elektro-Rollladen SML UK10 0000S</t>
  </si>
  <si>
    <t>SML UK10 0100K</t>
  </si>
  <si>
    <t>5702329718233</t>
  </si>
  <si>
    <t>VELUX Elektro-Rollladen SML UK10 0100K</t>
  </si>
  <si>
    <t>SML UK10 0100S</t>
  </si>
  <si>
    <t>5702326108105</t>
  </si>
  <si>
    <t>VELUX Elektro-Rollladen SML UK10 0100S</t>
  </si>
  <si>
    <t>SML UK10 0700S</t>
  </si>
  <si>
    <t>5702326108112</t>
  </si>
  <si>
    <t>VELUX Elektro-Rollladen SML UK10 0700S</t>
  </si>
  <si>
    <t>SML UK10 S20006</t>
  </si>
  <si>
    <t>5702320112375</t>
  </si>
  <si>
    <t>VELUX SML UK10 S20006</t>
  </si>
  <si>
    <t>SML YK21 0000K</t>
  </si>
  <si>
    <t>5702329713832</t>
  </si>
  <si>
    <t>VELUX Elektro-Rollladen SML YK21 0000K</t>
  </si>
  <si>
    <t>SML YK21 0000S</t>
  </si>
  <si>
    <t>5702326619731</t>
  </si>
  <si>
    <t>VELUX Elektro-Rollladen SML YK21 0000S</t>
  </si>
  <si>
    <t>SML YK21 0100S</t>
  </si>
  <si>
    <t>5702326619748</t>
  </si>
  <si>
    <t>VELUX Elektro-Rollladen SML YK21 0100S</t>
  </si>
  <si>
    <t>SML YK23 0000K</t>
  </si>
  <si>
    <t>5702329713849</t>
  </si>
  <si>
    <t>VELUX Elektro-Rollladen SML YK23 0000K</t>
  </si>
  <si>
    <t>SML YK23 0000S</t>
  </si>
  <si>
    <t>5702326619755</t>
  </si>
  <si>
    <t>VELUX Elektro-Rollladen SML YK23 0000S</t>
  </si>
  <si>
    <t>SML YK23 0100S</t>
  </si>
  <si>
    <t>5702326619762</t>
  </si>
  <si>
    <t>VELUX Elektro-Rollladen SML YK23 0100S</t>
  </si>
  <si>
    <t>SML YK33 0000K</t>
  </si>
  <si>
    <t>5702329713856</t>
  </si>
  <si>
    <t>VELUX Elektro-Rollladen SML YK33 0000K</t>
  </si>
  <si>
    <t>SML YK33 0000S</t>
  </si>
  <si>
    <t>5702326619779</t>
  </si>
  <si>
    <t>VELUX Elektro-Rollladen SML YK33 0000S</t>
  </si>
  <si>
    <t>SML YK33 0100S</t>
  </si>
  <si>
    <t>5702326619786</t>
  </si>
  <si>
    <t>VELUX Elektro-Rollladen SML YK33 0100S</t>
  </si>
  <si>
    <t>SML YK35 0000K</t>
  </si>
  <si>
    <t>5702329713863</t>
  </si>
  <si>
    <t>VELUX Elektro-Rollladen SML YK35 0000K</t>
  </si>
  <si>
    <t>SML YK35 0000S</t>
  </si>
  <si>
    <t>5702326619793</t>
  </si>
  <si>
    <t>VELUX Elektro-Rollladen SML YK35 0000S</t>
  </si>
  <si>
    <t>SML YK35 0100S</t>
  </si>
  <si>
    <t>5702326619816</t>
  </si>
  <si>
    <t>VELUX Elektro-Rollladen SML YK35 0100S</t>
  </si>
  <si>
    <t>SML YK43 0000K</t>
  </si>
  <si>
    <t>5702329713870</t>
  </si>
  <si>
    <t>VELUX Elektro-Rollladen SML YK43 0000K</t>
  </si>
  <si>
    <t>SML YK43 0000S</t>
  </si>
  <si>
    <t>5702326619823</t>
  </si>
  <si>
    <t>VELUX Elektro-Rollladen SML YK43 0000S</t>
  </si>
  <si>
    <t>SML YK43 0100S</t>
  </si>
  <si>
    <t>5702326619830</t>
  </si>
  <si>
    <t>VELUX Elektro-Rollladen SML YK43 0100S</t>
  </si>
  <si>
    <t>SML YK45 0000K</t>
  </si>
  <si>
    <t>5702329713887</t>
  </si>
  <si>
    <t>VELUX Elektro-Rollladen SML YK45 0000K</t>
  </si>
  <si>
    <t>SML YK45 0000S</t>
  </si>
  <si>
    <t>5702326619847</t>
  </si>
  <si>
    <t>VELUX Elektro-Rollladen SML YK45 0000S</t>
  </si>
  <si>
    <t>SML YK45 0100S</t>
  </si>
  <si>
    <t>5702326619854</t>
  </si>
  <si>
    <t>VELUX Elektro-Rollladen SML YK45 0100S</t>
  </si>
  <si>
    <t>SML YK47 0000K</t>
  </si>
  <si>
    <t>5702329713894</t>
  </si>
  <si>
    <t>VELUX Elektro-Rollladen SML YK47 0000K</t>
  </si>
  <si>
    <t>SML YK47 0000S</t>
  </si>
  <si>
    <t>5702326619861</t>
  </si>
  <si>
    <t>VELUX Elektro-Rollladen SML YK47 0000S</t>
  </si>
  <si>
    <t>SML YK47 0100S</t>
  </si>
  <si>
    <t>5702326619878</t>
  </si>
  <si>
    <t>VELUX Elektro-Rollladen SML YK47 0100S</t>
  </si>
  <si>
    <t>SML YK65 0000K</t>
  </si>
  <si>
    <t>5702329713900</t>
  </si>
  <si>
    <t>VELUX Elektro-Rollladen SML YK65 0000K</t>
  </si>
  <si>
    <t>SML YK65 0000S</t>
  </si>
  <si>
    <t>5702326619885</t>
  </si>
  <si>
    <t>VELUX Elektro-Rollladen SML YK65 0000S</t>
  </si>
  <si>
    <t>SML YK65 0100S</t>
  </si>
  <si>
    <t>5702326619892</t>
  </si>
  <si>
    <t>VELUX Elektro-Rollladen SML YK65 0100S</t>
  </si>
  <si>
    <t>SML YK67 0000K</t>
  </si>
  <si>
    <t>5702329713917</t>
  </si>
  <si>
    <t>VELUX Elektro-Rollladen SML YK67 0000K</t>
  </si>
  <si>
    <t>SML YK67 0000S</t>
  </si>
  <si>
    <t>5702326619908</t>
  </si>
  <si>
    <t>VELUX Elektro-Rollladen SML YK67 0000S</t>
  </si>
  <si>
    <t>SML YK67 0100S</t>
  </si>
  <si>
    <t>5702326619915</t>
  </si>
  <si>
    <t>VELUX Elektro-Rollladen SML YK67 0100S</t>
  </si>
  <si>
    <t>SML YK85 0000K</t>
  </si>
  <si>
    <t>5702329713924</t>
  </si>
  <si>
    <t>VELUX Elektro-Rollladen SML YK85 0000K</t>
  </si>
  <si>
    <t>SML YK85 0000S</t>
  </si>
  <si>
    <t>5702326619922</t>
  </si>
  <si>
    <t>VELUX Elektro-Rollladen SML YK85 0000S</t>
  </si>
  <si>
    <t>SML YK85 0100S</t>
  </si>
  <si>
    <t>5702326619939</t>
  </si>
  <si>
    <t>VELUX Elektro-Rollladen SML YK85 0100S</t>
  </si>
  <si>
    <t>SML YK87 0000K</t>
  </si>
  <si>
    <t>5702329713931</t>
  </si>
  <si>
    <t>VELUX Elektro-Rollladen SML YK87 0000K</t>
  </si>
  <si>
    <t>SML YK87 0000S</t>
  </si>
  <si>
    <t>5702326619946</t>
  </si>
  <si>
    <t>VELUX Elektro-Rollladen SML YK87 0000S</t>
  </si>
  <si>
    <t>SML YK87 0100S</t>
  </si>
  <si>
    <t>5702326619953</t>
  </si>
  <si>
    <t>VELUX Elektro-Rollladen SML YK87 0100S</t>
  </si>
  <si>
    <t>SML YK89 0000K</t>
  </si>
  <si>
    <t>5702329713948</t>
  </si>
  <si>
    <t>VELUX Elektro-Rollladen SML YK89 0000K</t>
  </si>
  <si>
    <t>SML YK89 0000S</t>
  </si>
  <si>
    <t>5702326619960</t>
  </si>
  <si>
    <t>VELUX Elektro-Rollladen SML YK89 0000S</t>
  </si>
  <si>
    <t>SML YK89 0100S</t>
  </si>
  <si>
    <t>5702326619977</t>
  </si>
  <si>
    <t>VELUX Elektro-Rollladen SML YK89 0100S</t>
  </si>
  <si>
    <t>SML YK97 0000K</t>
  </si>
  <si>
    <t>5702329713955</t>
  </si>
  <si>
    <t>VELUX Elektro-Rollladen SML YK97 0000K</t>
  </si>
  <si>
    <t>SML YK97 0000S</t>
  </si>
  <si>
    <t>5702326619984</t>
  </si>
  <si>
    <t>VELUX Elektro-Rollladen SML YK97 0000S</t>
  </si>
  <si>
    <t>SML YK97 0100S</t>
  </si>
  <si>
    <t>5702326619991</t>
  </si>
  <si>
    <t>VELUX Elektro-Rollladen SML YK97 0100S</t>
  </si>
  <si>
    <t>SML YK99 0000K</t>
  </si>
  <si>
    <t>5702329713962</t>
  </si>
  <si>
    <t>VELUX Elektro-Rollladen SML YK99 0000K</t>
  </si>
  <si>
    <t>SML YK99 0000S</t>
  </si>
  <si>
    <t>5702326620003</t>
  </si>
  <si>
    <t>VELUX Elektro-Rollladen SML YK99 0000S</t>
  </si>
  <si>
    <t>SML YK99 0100S</t>
  </si>
  <si>
    <t>5702326620010</t>
  </si>
  <si>
    <t>VELUX Elektro-Rollladen SML YK99 0100S</t>
  </si>
  <si>
    <t>SPECIAL GDLK</t>
  </si>
  <si>
    <t>5702328358591</t>
  </si>
  <si>
    <t>Spezialanfertigung SPECIAL GDLK</t>
  </si>
  <si>
    <t>Dachbalkon</t>
  </si>
  <si>
    <t>SPECIAL GELX</t>
  </si>
  <si>
    <t>5702324774487</t>
  </si>
  <si>
    <t>Spezialanfertigung SPECIAL GELX</t>
  </si>
  <si>
    <t>Dachterrasse</t>
  </si>
  <si>
    <t>SPECIAL GGLK</t>
  </si>
  <si>
    <t>5702326901058</t>
  </si>
  <si>
    <t>Spezialanfertigung SPECIAL GGLK</t>
  </si>
  <si>
    <t>Schwingfenster</t>
  </si>
  <si>
    <t>SPECIAL GGUK</t>
  </si>
  <si>
    <t>5702326901065</t>
  </si>
  <si>
    <t>Spezialanfertigung SPECIAL GGUK</t>
  </si>
  <si>
    <t>Schwingfenster Kunststoff</t>
  </si>
  <si>
    <t>SPECIAL GILK</t>
  </si>
  <si>
    <t>5702327186768</t>
  </si>
  <si>
    <t>Spezialanfertigung SPECIAL GILK</t>
  </si>
  <si>
    <t>Zusatzel. "Dachschräge</t>
  </si>
  <si>
    <t>SPECIAL GIUK</t>
  </si>
  <si>
    <t>5702327186782</t>
  </si>
  <si>
    <t>Spezialanfertigung SPECIAL GIUK</t>
  </si>
  <si>
    <t>Zusatzel. "Dachschräge Kunststoff</t>
  </si>
  <si>
    <t>SPECIAL GPLK</t>
  </si>
  <si>
    <t>5702326901072</t>
  </si>
  <si>
    <t>Spezialanfertigung SPECIAL GPLK</t>
  </si>
  <si>
    <t>Klapp-Schwing-Fenster</t>
  </si>
  <si>
    <t>SPECIAL GPUK</t>
  </si>
  <si>
    <t>5702326901089</t>
  </si>
  <si>
    <t>Spezialanfertigung SPECIAL GPUK</t>
  </si>
  <si>
    <t>Klapp-Schwing-Fenster Kunststoff</t>
  </si>
  <si>
    <t>SPECIAL GPUX</t>
  </si>
  <si>
    <t>5702324774623</t>
  </si>
  <si>
    <t>Spezialanfertigung SPECIAL GPUX</t>
  </si>
  <si>
    <t>SPECIAL GTLK</t>
  </si>
  <si>
    <t>5702327531018</t>
  </si>
  <si>
    <t>Spezialanfertigung SPECIAL GTLK</t>
  </si>
  <si>
    <t>Ausstiegsfenster</t>
  </si>
  <si>
    <t>SPECIAL GTUK</t>
  </si>
  <si>
    <t>5702327531025</t>
  </si>
  <si>
    <t>Spezialanfertigung SPECIAL GTUK</t>
  </si>
  <si>
    <t>SPECIAL GVT</t>
  </si>
  <si>
    <t>5702324774685</t>
  </si>
  <si>
    <t>Spezialanfertigung SPECIAL GVT</t>
  </si>
  <si>
    <t>Dachausstieg</t>
  </si>
  <si>
    <t>SPECIAL GXLK</t>
  </si>
  <si>
    <t>5702327531032</t>
  </si>
  <si>
    <t>Spezialanfertigung SPECIAL GXLK</t>
  </si>
  <si>
    <t>Wohn- und Ausstiegsfenster</t>
  </si>
  <si>
    <t>SPECIAL GXUK</t>
  </si>
  <si>
    <t>5702327531049</t>
  </si>
  <si>
    <t>Spezialanfertigung SPECIAL GXUK</t>
  </si>
  <si>
    <t>SPECIAL SMG</t>
  </si>
  <si>
    <t>5702325809690</t>
  </si>
  <si>
    <t>Spezialanfertigung SPECIAL SMG</t>
  </si>
  <si>
    <t>elektronischer Außenrollladen</t>
  </si>
  <si>
    <t>SPECIAL SML</t>
  </si>
  <si>
    <t>5702325809706</t>
  </si>
  <si>
    <t>Spezialanfertigung SPECIAL SML</t>
  </si>
  <si>
    <t>SPECIAL SSL</t>
  </si>
  <si>
    <t>5702325809713</t>
  </si>
  <si>
    <t>Spezialanfertigung SPECIAL SSL</t>
  </si>
  <si>
    <t>solarbetriebender Außenrollladen</t>
  </si>
  <si>
    <t>SPECIAL SST</t>
  </si>
  <si>
    <t>5702328088900</t>
  </si>
  <si>
    <t>Spezialanfertigung SPECIAL SST</t>
  </si>
  <si>
    <t>SPECIAL VEAX</t>
  </si>
  <si>
    <t>5702324775545</t>
  </si>
  <si>
    <t>Spezialanfertigung SPECIAL VEAX</t>
  </si>
  <si>
    <t>SPECIAL VEBX</t>
  </si>
  <si>
    <t>5702324775552</t>
  </si>
  <si>
    <t>Spezialanfertigung SPECIAL VEBX</t>
  </si>
  <si>
    <t>SPECIAL VECX</t>
  </si>
  <si>
    <t>5702324775569</t>
  </si>
  <si>
    <t>Spezialanfertigung SPECIAL VECX</t>
  </si>
  <si>
    <t>SPECIAL VFEK</t>
  </si>
  <si>
    <t>5702327186775</t>
  </si>
  <si>
    <t>Spezialanfertigung SPECIAL VFEK</t>
  </si>
  <si>
    <t>Zusatzel. "WAND"</t>
  </si>
  <si>
    <t>SPECIAL VIUK</t>
  </si>
  <si>
    <t>5702327186799</t>
  </si>
  <si>
    <t>Spezialanfertigung SPECIAL VIUK</t>
  </si>
  <si>
    <t>Zusatzel. "WAND" Kunststoff</t>
  </si>
  <si>
    <t>SPECIAL VKU</t>
  </si>
  <si>
    <t>5702324775620</t>
  </si>
  <si>
    <t>Spezialanfertigung SPECIAL VKU</t>
  </si>
  <si>
    <t>190</t>
  </si>
  <si>
    <t>VELUX-Austauschfenster,VL,VU,VKU</t>
  </si>
  <si>
    <t>SPECIAL VRW</t>
  </si>
  <si>
    <t>5702325482237</t>
  </si>
  <si>
    <t>Spezialanfertigung SPECIAL VRW</t>
  </si>
  <si>
    <t>Fenster</t>
  </si>
  <si>
    <t xml:space="preserve">VELUX-Schwing-Fenster,GGL_x000D_
</t>
  </si>
  <si>
    <t xml:space="preserve">15020201_x000D_
</t>
  </si>
  <si>
    <t>SPECIAL VU</t>
  </si>
  <si>
    <t>5702324775675</t>
  </si>
  <si>
    <t>Spezialanfertigung SPECIAL VU</t>
  </si>
  <si>
    <t>SSI FK04 0000S</t>
  </si>
  <si>
    <t>5702329625135</t>
  </si>
  <si>
    <t>VELUX Verd.-Markise SSI FK04 0000S</t>
  </si>
  <si>
    <t>für LICHTBAND, Solar, Alu</t>
  </si>
  <si>
    <t>----------------------------------------
Hitzeschutz-Markise mit verdunkelndem
Gewebe für LICHTBAND.
Effektiver Hitzeschutz wird
gewährleistet, indem die
Sonnenstrahlen gestoppt
werden, bevor sie die Fensterscheiben
erreichen. 
Zusätzliche Alu-Querstreben sorgen für 
Stabilisierung des Stoffes.
Für Fensterkombinationen
bestehend aus Schwing- bzw. Klapp-
Schwingfenster jeweils verlängert nach
unten durch feststehendes Zusatzelement
GIU bzw. GIL.
Bei Dachneigungen über ca. 65° wird der
Ausblick aus dem Fenster-Untenelement
geringfügig eingeschränkt.
Im Lieferumfang sind zwei VELUX
Solar-Hitzeschutz-Markisen enthalten.
Eine für das obere Dachfenster GPU/GPL 
oder GGU/GGL und eine für das
Untenelement GIU/GIL. Vorprogrammierte
Funk-Wandschalter sind im Lieferumfang
enthalten. 
Die Hitzeschutz-Markisen sind
io-homecontrol-kompatibel.
Antriebsmechanismus mit elektrischer
Überlastsicherung.
Nennspannung der Motoreinheit 24 V/DC. 
Keine Behinderung der Fensterfunktion,
ganz unabhängig von der Ausfahrposition
der Markise.
Markisenstoff aus wetter-
beständigem, verdunkelnden
Gewebe, anthrazitfarben.
Aluminium- und Kunststoff-Teile im
Farbton NCS S 7500-N, grau.
Für die Montage auf GPU Elektrofenster
ist ein zusätzliches Montagekit ZOZ 229S
erforderlich. Dadurch wird die
Verdunkelungswirkung der SSI-Markise
durch seitlichen Lichteinfall
verringert.
Bei Montage auf Solarfenster in den
Größen FK/F wird zusätzlich ein
Solarregler ZOZ 246 benötigt.</t>
  </si>
  <si>
    <t>SSI FK06 0000S</t>
  </si>
  <si>
    <t>5702329625142</t>
  </si>
  <si>
    <t>VELUX Verd.-Markise SSI FK06 0000S</t>
  </si>
  <si>
    <t>SSI FK08 0000S</t>
  </si>
  <si>
    <t>5702329625159</t>
  </si>
  <si>
    <t>VELUX Verd.-Markise SSI FK08 0000S</t>
  </si>
  <si>
    <t>SSI MK04 0000S</t>
  </si>
  <si>
    <t>5702329264358</t>
  </si>
  <si>
    <t>VELUX Verd.-Markise SSI MK04 0000S</t>
  </si>
  <si>
    <t>SSI MK06 0000S</t>
  </si>
  <si>
    <t>5702329264365</t>
  </si>
  <si>
    <t>VELUX Verd.-Markise SSI MK06 0000S</t>
  </si>
  <si>
    <t>SSI MK08 0000S</t>
  </si>
  <si>
    <t>5702329264372</t>
  </si>
  <si>
    <t>VELUX Verd.-Markise SSI MK08 0000S</t>
  </si>
  <si>
    <t>SSI MK10 0000S</t>
  </si>
  <si>
    <t>5702329264389</t>
  </si>
  <si>
    <t>VELUX Verd.-Markise SSI MK10 0000S</t>
  </si>
  <si>
    <t>SSI PK06 0000S</t>
  </si>
  <si>
    <t>5702329264402</t>
  </si>
  <si>
    <t>VELUX Verd.-Markise SSI PK06 0000S</t>
  </si>
  <si>
    <t>SSI PK08 0000S</t>
  </si>
  <si>
    <t>5702329264419</t>
  </si>
  <si>
    <t>VELUX Verd.-Markise SSI PK08 0000S</t>
  </si>
  <si>
    <t>SSI PK10 0000S</t>
  </si>
  <si>
    <t>5702329264426</t>
  </si>
  <si>
    <t>VELUX Verd.-Markise SSI PK10 0000S</t>
  </si>
  <si>
    <t>SSI SK06 0000S</t>
  </si>
  <si>
    <t>5702329264433</t>
  </si>
  <si>
    <t>VELUX Verd.-Markise SSI SK06 0000S</t>
  </si>
  <si>
    <t>SSI SK08 0000S</t>
  </si>
  <si>
    <t>5702329264440</t>
  </si>
  <si>
    <t>VELUX Verd.-Markise SSI SK08 0000S</t>
  </si>
  <si>
    <t>SSI SK10 0000S</t>
  </si>
  <si>
    <t>5702329264457</t>
  </si>
  <si>
    <t>VELUX Verd.-Markise SSI SK10 0000S</t>
  </si>
  <si>
    <t>SSI UK04 0000S</t>
  </si>
  <si>
    <t>5702329264464</t>
  </si>
  <si>
    <t>VELUX Verd.-Markise SSI UK04 0000S</t>
  </si>
  <si>
    <t>SSI UK08 0000S</t>
  </si>
  <si>
    <t>5702329264471</t>
  </si>
  <si>
    <t>VELUX Verd.-Markise SSI UK08 0000S</t>
  </si>
  <si>
    <t>SSI UK10 0000S</t>
  </si>
  <si>
    <t>5702329264488</t>
  </si>
  <si>
    <t>VELUX Verd.-Markise SSI UK10 0000S</t>
  </si>
  <si>
    <t>SSL 0811 0000K</t>
  </si>
  <si>
    <t>5702329713078</t>
  </si>
  <si>
    <t>VELUX Solar-Rollladen SSL 0811 0000K</t>
  </si>
  <si>
    <t>----------------------------------------
Rundum-Schutz durch:
 - wirksamen Hitzeschutz,  
 - optimale (fast völlige) Verdunkelung,
 - zusätzliche Wärmedämmung, 
 - kompletten Sichtschutz, 
 - weniger Lärm
 - mehr Sicherheit gegen Einbruch.
Rollladenpanzer aus Aluminiumlamellen in
Stoffkedern gelagert.
Vorprogrammierter Funk-Wandschalter im
Lieferumfang enthalten. Elektrobedienung
des Rollladens über den Anschluss an ein
VELUX
Elektrofenster oder über eine
Steuereinheit KUX 110. 
Die Rollläden sind
io-homecontrol-kompatibel.
Antriebsmechanismus mit elektrischer
Überlastsicherung. 
Nennspannung der Motoreinheit 24 V/DC. 
Der Rollladen wird auf dem Fensterflügel
montiert. Daher keine Behinderung der 
Fensterfunktionen bei aus- und 
hochgefahrenem Rollladen
Alle Bestandteile des Rollladens im
Standardfarbton 0000 Dunkelgrau (NCS S
7500-N).</t>
  </si>
  <si>
    <t>SSL 1011 0000K</t>
  </si>
  <si>
    <t>5702329713085</t>
  </si>
  <si>
    <t>VELUX Solar-Rollladen SSL 1011 0000K</t>
  </si>
  <si>
    <t>SSL 1014 0000K</t>
  </si>
  <si>
    <t>5702329713092</t>
  </si>
  <si>
    <t>VELUX Solar-Rollladen SSL 1014 0000K</t>
  </si>
  <si>
    <t>SSL CK02 0000K</t>
  </si>
  <si>
    <t>5702329713115</t>
  </si>
  <si>
    <t>VELUX Solar-Rollladen SSL CK02 0000K</t>
  </si>
  <si>
    <t>SSL CK02 0000S</t>
  </si>
  <si>
    <t>5702326108297</t>
  </si>
  <si>
    <t>VELUX Solar-Rollladen SSL CK02 00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Alle Bestandteile des Rollladens im
Standardfarbton 0000 Dunkelgrau (NCS S
7500-N).
Ein Solarregler ZOZ 246 wird für die
Montage von VELUX Solarrollläden auf
Solarfenster in folgenden Größen
benötigt:
- für Solarfenster und Kombinationen mit
Solar-Nachrüstset KSX 100K vor April
2019 in den Größen CK**
- für Solarfenster-Kombinationen mit
Solar-Nachrüstset KSX 100 in allen
Größen C-U/Y</t>
  </si>
  <si>
    <t>SSL CK02 0100K</t>
  </si>
  <si>
    <t>5702329717533</t>
  </si>
  <si>
    <t>VELUX Solar-Rollladen SSL CK02 0100K</t>
  </si>
  <si>
    <t>SSL CK02 0100S</t>
  </si>
  <si>
    <t>5702326108310</t>
  </si>
  <si>
    <t>VELUX Solar-Rollladen SSL CK02 01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Montageblech und unteres Abdeckblech aus
0100 Kupfer.
Lamellen und übrige Bestandteile aus
Aluminium im Standardfarbton 0000
Dunkelgrau.
Ein Solarregler ZOZ 246 wird für die
Montage von VELUX Solarrollläden auf
Solarfenster in folgenden Größen
benötigt:
- für Solarfenster und Kombinationen mit
Solar-Nachrüstset KSX 100K vor April
2019 in den Größen CK**
- für Solarfenster-Kombinationen mit
Solar-Nachrüstset KSX 100 in allen
Größen C-U/Y</t>
  </si>
  <si>
    <t>SSL CK02 0700S</t>
  </si>
  <si>
    <t>5702326108334</t>
  </si>
  <si>
    <t>VELUX Solar-Rollladen SSL CK02 07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Ein Solarregler ZOZ 246 wird für die
Montage von VELUX Solarrollläden auf
Solarfenster in folgenden Größen
benötigt:
- für Solarfenster und Kombinationen mit
Solar-Nachrüstset KSX 100K vor April
2019 in den Größen CK**
- für Solarfenster-Kombinationen mit
Solar-Nachrüstset KSX 100 in allen
Größen C-U/Y
Alle Bestandteile des Rollladens in 0700
Hellgrau (RAL-Ton 7038, achatgrau).</t>
  </si>
  <si>
    <t>SSL CK04 0000K</t>
  </si>
  <si>
    <t>5702329713122</t>
  </si>
  <si>
    <t>VELUX Solar-Rollladen SSL CK04 0000K</t>
  </si>
  <si>
    <t>SSL CK04 0000S</t>
  </si>
  <si>
    <t>5702326108358</t>
  </si>
  <si>
    <t>VELUX Solar-Rollladen SSL CK04 0000S</t>
  </si>
  <si>
    <t>SSL CK04 0100K</t>
  </si>
  <si>
    <t>5702329717540</t>
  </si>
  <si>
    <t>VELUX Solar-Rollladen SSL CK04 0100K</t>
  </si>
  <si>
    <t>SSL CK04 0100S</t>
  </si>
  <si>
    <t>5702326108365</t>
  </si>
  <si>
    <t>VELUX Solar-Rollladen SSL CK04 0100S</t>
  </si>
  <si>
    <t>SSL CK04 0700S</t>
  </si>
  <si>
    <t>5702326108372</t>
  </si>
  <si>
    <t>VELUX Solar-Rollladen SSL CK04 0700S</t>
  </si>
  <si>
    <t>SSL CK06 0000K</t>
  </si>
  <si>
    <t>5702329713139</t>
  </si>
  <si>
    <t>VELUX Solar-Rollladen SSL CK06 0000K</t>
  </si>
  <si>
    <t>SSL CK06 0000S</t>
  </si>
  <si>
    <t>5702326108389</t>
  </si>
  <si>
    <t>VELUX Solar-Rollladen SSL CK06 0000S</t>
  </si>
  <si>
    <t>SSL CK06 0100K</t>
  </si>
  <si>
    <t>5702329717557</t>
  </si>
  <si>
    <t>VELUX Solar-Rollladen SSL CK06 0100K</t>
  </si>
  <si>
    <t>SSL CK06 0100S</t>
  </si>
  <si>
    <t>5702326108396</t>
  </si>
  <si>
    <t>VELUX Solar-Rollladen SSL CK06 0100S</t>
  </si>
  <si>
    <t>SSL CK06 0700S</t>
  </si>
  <si>
    <t>5702326108419</t>
  </si>
  <si>
    <t>VELUX Solar-Rollladen SSL CK06 0700S</t>
  </si>
  <si>
    <t>SSL FK04 0000K</t>
  </si>
  <si>
    <t>5702329713146</t>
  </si>
  <si>
    <t>VELUX Solar-Rollladen SSL FK04 0000K</t>
  </si>
  <si>
    <t>SSL FK04 0000S</t>
  </si>
  <si>
    <t>5702326108433</t>
  </si>
  <si>
    <t>VELUX Solar-Rollladen SSL FK04 0000S</t>
  </si>
  <si>
    <t>SSL FK04 0100K</t>
  </si>
  <si>
    <t>5702329717564</t>
  </si>
  <si>
    <t>VELUX Solar-Rollladen SSL FK04 0100K</t>
  </si>
  <si>
    <t>SSL FK04 0100S</t>
  </si>
  <si>
    <t>5702326108457</t>
  </si>
  <si>
    <t>VELUX Solar-Rollladen SSL FK04 0100S</t>
  </si>
  <si>
    <t>SSL FK04 0700S</t>
  </si>
  <si>
    <t>5702326108471</t>
  </si>
  <si>
    <t>VELUX Solar-Rollladen SSL FK04 0700S</t>
  </si>
  <si>
    <t>SSL FK06 0000K</t>
  </si>
  <si>
    <t>5702329713153</t>
  </si>
  <si>
    <t>VELUX Solar-Rollladen SSL FK06 0000K</t>
  </si>
  <si>
    <t>SSL FK06 0000S</t>
  </si>
  <si>
    <t>5702326108488</t>
  </si>
  <si>
    <t>VELUX Solar-Rollladen SSL FK06 0000S</t>
  </si>
  <si>
    <t>SSL FK06 0100K</t>
  </si>
  <si>
    <t>5702329717571</t>
  </si>
  <si>
    <t>VELUX Solar-Rollladen SSL FK06 0100K</t>
  </si>
  <si>
    <t>SSL FK06 0100S</t>
  </si>
  <si>
    <t>5702326108495</t>
  </si>
  <si>
    <t>VELUX Solar-Rollladen SSL FK06 0100S</t>
  </si>
  <si>
    <t>SSL FK06 0700S</t>
  </si>
  <si>
    <t>5702326108501</t>
  </si>
  <si>
    <t>VELUX Solar-Rollladen SSL FK06 0700S</t>
  </si>
  <si>
    <t>SSL FK08 0000K</t>
  </si>
  <si>
    <t>5702329713160</t>
  </si>
  <si>
    <t>VELUX Solar-Rollladen SSL FK08 0000K</t>
  </si>
  <si>
    <t>SSL FK08 0000S</t>
  </si>
  <si>
    <t>5702326108518</t>
  </si>
  <si>
    <t>VELUX Solar-Rollladen SSL FK08 0000S</t>
  </si>
  <si>
    <t>SSL FK08 0100K</t>
  </si>
  <si>
    <t>5702329717588</t>
  </si>
  <si>
    <t>VELUX Solar-Rollladen SSL FK08 0100K</t>
  </si>
  <si>
    <t>SSL FK08 0100S</t>
  </si>
  <si>
    <t>5702326108525</t>
  </si>
  <si>
    <t>VELUX Solar-Rollladen SSL FK08 0100S</t>
  </si>
  <si>
    <t>SSL FK08 0700S</t>
  </si>
  <si>
    <t>5702326108532</t>
  </si>
  <si>
    <t>VELUX Solar-Rollladen SSL FK08 0700S</t>
  </si>
  <si>
    <t>SSL MK04 0000K</t>
  </si>
  <si>
    <t>5702329713177</t>
  </si>
  <si>
    <t>VELUX Solar-Rollladen SSL MK04 0000K</t>
  </si>
  <si>
    <t>SSL MK04 0000S</t>
  </si>
  <si>
    <t>5702326108549</t>
  </si>
  <si>
    <t>VELUX Solar-Rollladen SSL MK04 0000S</t>
  </si>
  <si>
    <t>SSL MK04 0100K</t>
  </si>
  <si>
    <t>5702329717595</t>
  </si>
  <si>
    <t>VELUX Solar-Rollladen SSL MK04 0100K</t>
  </si>
  <si>
    <t>SSL MK04 0100S</t>
  </si>
  <si>
    <t>5702326108556</t>
  </si>
  <si>
    <t>VELUX Solar-Rollladen SSL MK04 0100S</t>
  </si>
  <si>
    <t>SSL MK04 0700S</t>
  </si>
  <si>
    <t>5702326108563</t>
  </si>
  <si>
    <t>VELUX Solar-Rollladen SSL MK04 0700S</t>
  </si>
  <si>
    <t>SSL MK06 0000K</t>
  </si>
  <si>
    <t>5702329713184</t>
  </si>
  <si>
    <t>VELUX Solar-Rollladen SSL MK06 0000K</t>
  </si>
  <si>
    <t>SSL MK06 0000S</t>
  </si>
  <si>
    <t>5702326108570</t>
  </si>
  <si>
    <t>VELUX Solar-Rollladen SSL MK06 0000S</t>
  </si>
  <si>
    <t>SSL MK06 0100K</t>
  </si>
  <si>
    <t>5702329717601</t>
  </si>
  <si>
    <t>VELUX Solar-Rollladen SSL MK06 0100K</t>
  </si>
  <si>
    <t>SSL MK06 0100S</t>
  </si>
  <si>
    <t>5702326108587</t>
  </si>
  <si>
    <t>VELUX Solar-Rollladen SSL MK06 0100S</t>
  </si>
  <si>
    <t>SSL MK06 0700S</t>
  </si>
  <si>
    <t>5702326108594</t>
  </si>
  <si>
    <t>VELUX Solar-Rollladen SSL MK06 0700S</t>
  </si>
  <si>
    <t>SSL MK08 0000K</t>
  </si>
  <si>
    <t>5702329713191</t>
  </si>
  <si>
    <t>VELUX Solar-Rollladen SSL MK08 0000K</t>
  </si>
  <si>
    <t>SSL MK08 0000S</t>
  </si>
  <si>
    <t>5702326108600</t>
  </si>
  <si>
    <t>VELUX Solar-Rollladen SSL MK08 0000S</t>
  </si>
  <si>
    <t>SSL MK08 0100K</t>
  </si>
  <si>
    <t>5702329717618</t>
  </si>
  <si>
    <t>VELUX Solar-Rollladen SSL MK08 0100K</t>
  </si>
  <si>
    <t>SSL MK08 0100S</t>
  </si>
  <si>
    <t>5702326108617</t>
  </si>
  <si>
    <t>VELUX Solar-Rollladen SSL MK08 0100S</t>
  </si>
  <si>
    <t>SSL MK08 0700S</t>
  </si>
  <si>
    <t>5702326108624</t>
  </si>
  <si>
    <t>VELUX Solar-Rollladen SSL MK08 0700S</t>
  </si>
  <si>
    <t>SSL MK10 0000K</t>
  </si>
  <si>
    <t>5702329713207</t>
  </si>
  <si>
    <t>VELUX Solar-Rollladen SSL MK10 0000K</t>
  </si>
  <si>
    <t>SSL MK10 0000S</t>
  </si>
  <si>
    <t>5702326108631</t>
  </si>
  <si>
    <t>VELUX Solar-Rollladen SSL MK10 0000S</t>
  </si>
  <si>
    <t>SSL MK10 0100K</t>
  </si>
  <si>
    <t>5702329717625</t>
  </si>
  <si>
    <t>VELUX Solar-Rollladen SSL MK10 0100K</t>
  </si>
  <si>
    <t>SSL MK10 0100S</t>
  </si>
  <si>
    <t>5702326108655</t>
  </si>
  <si>
    <t>VELUX Solar-Rollladen SSL MK10 0100S</t>
  </si>
  <si>
    <t>SSL MK10 0700S</t>
  </si>
  <si>
    <t>5702326108679</t>
  </si>
  <si>
    <t>VELUX Solar-Rollladen SSL MK10 0700S</t>
  </si>
  <si>
    <t>SSL MK12 0000K</t>
  </si>
  <si>
    <t>5702329713214</t>
  </si>
  <si>
    <t>VELUX Solar-Rollladen SSL MK12 0000K</t>
  </si>
  <si>
    <t>SSL MK12 0000S</t>
  </si>
  <si>
    <t>5702326108693</t>
  </si>
  <si>
    <t>VELUX Solar-Rollladen SSL MK12 0000S</t>
  </si>
  <si>
    <t>SSL MK12 0100K</t>
  </si>
  <si>
    <t>5702329717632</t>
  </si>
  <si>
    <t>VELUX Solar-Rollladen SSL MK12 0100K</t>
  </si>
  <si>
    <t>SSL MK12 0100S</t>
  </si>
  <si>
    <t>5702326108716</t>
  </si>
  <si>
    <t>VELUX Solar-Rollladen SSL MK12 0100S</t>
  </si>
  <si>
    <t>SSL MK12 0700S</t>
  </si>
  <si>
    <t>5702326108723</t>
  </si>
  <si>
    <t>VELUX Solar-Rollladen SSL MK12 0700S</t>
  </si>
  <si>
    <t>SSL PK06 0000K</t>
  </si>
  <si>
    <t>5702329713252</t>
  </si>
  <si>
    <t>VELUX Solar-Rollladen SSL PK06 0000K</t>
  </si>
  <si>
    <t>SSL PK06 0000S</t>
  </si>
  <si>
    <t>5702326108778</t>
  </si>
  <si>
    <t>VELUX Solar-Rollladen SSL PK06 0000S</t>
  </si>
  <si>
    <t>SSL PK06 0100K</t>
  </si>
  <si>
    <t>5702329717670</t>
  </si>
  <si>
    <t>VELUX Solar-Rollladen SSL PK06 0100K</t>
  </si>
  <si>
    <t>SSL PK06 0100S</t>
  </si>
  <si>
    <t>5702326108785</t>
  </si>
  <si>
    <t>VELUX Solar-Rollladen SSL PK06 0100S</t>
  </si>
  <si>
    <t>SSL PK06 0700S</t>
  </si>
  <si>
    <t>5702326108792</t>
  </si>
  <si>
    <t>VELUX Solar-Rollladen SSL PK06 0700S</t>
  </si>
  <si>
    <t>SSL PK08 0000K</t>
  </si>
  <si>
    <t>5702329713269</t>
  </si>
  <si>
    <t>VELUX Solar-Rollladen SSL PK08 0000K</t>
  </si>
  <si>
    <t>SSL PK08 0000S</t>
  </si>
  <si>
    <t>5702326108808</t>
  </si>
  <si>
    <t>VELUX Solar-Rollladen SSL PK08 0000S</t>
  </si>
  <si>
    <t>SSL PK08 0100K</t>
  </si>
  <si>
    <t>5702329717687</t>
  </si>
  <si>
    <t>VELUX Solar-Rollladen SSL PK08 0100K</t>
  </si>
  <si>
    <t>SSL PK08 0100S</t>
  </si>
  <si>
    <t>5702326108815</t>
  </si>
  <si>
    <t>VELUX Solar-Rollladen SSL PK08 0100S</t>
  </si>
  <si>
    <t>SSL PK08 0700S</t>
  </si>
  <si>
    <t>5702326108822</t>
  </si>
  <si>
    <t>VELUX Solar-Rollladen SSL PK08 0700S</t>
  </si>
  <si>
    <t>SSL PK10 0000K</t>
  </si>
  <si>
    <t>5702329713276</t>
  </si>
  <si>
    <t>VELUX Solar-Rollladen SSL PK10 0000K</t>
  </si>
  <si>
    <t>SSL PK10 0000S</t>
  </si>
  <si>
    <t>5702326108839</t>
  </si>
  <si>
    <t>VELUX Solar-Rollladen SSL PK10 0000S</t>
  </si>
  <si>
    <t>SSL PK10 0100K</t>
  </si>
  <si>
    <t>5702329717694</t>
  </si>
  <si>
    <t>VELUX Solar-Rollladen SSL PK10 0100K</t>
  </si>
  <si>
    <t>SSL PK10 0100S</t>
  </si>
  <si>
    <t>5702326108846</t>
  </si>
  <si>
    <t>VELUX Solar-Rollladen SSL PK10 0100S</t>
  </si>
  <si>
    <t>SSL PK10 0700S</t>
  </si>
  <si>
    <t>5702326108853</t>
  </si>
  <si>
    <t>VELUX Solar-Rollladen SSL PK10 0700S</t>
  </si>
  <si>
    <t>SSL SK06 0000K</t>
  </si>
  <si>
    <t>5702329713313</t>
  </si>
  <si>
    <t>VELUX Solar-Rollladen SSL SK06 0000K</t>
  </si>
  <si>
    <t>SSL SK06 0000S</t>
  </si>
  <si>
    <t>5702326108952</t>
  </si>
  <si>
    <t>VELUX Solar-Rollladen SSL SK06 0000S</t>
  </si>
  <si>
    <t>SSL SK06 0100K</t>
  </si>
  <si>
    <t>5702329717731</t>
  </si>
  <si>
    <t>VELUX Solar-Rollladen SSL SK06 0100K</t>
  </si>
  <si>
    <t>SSL SK06 0100S</t>
  </si>
  <si>
    <t>5702326108969</t>
  </si>
  <si>
    <t>VELUX Solar-Rollladen SSL SK06 0100S</t>
  </si>
  <si>
    <t>SSL SK06 0700S</t>
  </si>
  <si>
    <t>5702326108976</t>
  </si>
  <si>
    <t>VELUX Solar-Rollladen SSL SK06 0700S</t>
  </si>
  <si>
    <t>SSL SK08 0000K</t>
  </si>
  <si>
    <t>5702329713320</t>
  </si>
  <si>
    <t>VELUX Solar-Rollladen SSL SK08 0000K</t>
  </si>
  <si>
    <t>SSL SK08 0000S</t>
  </si>
  <si>
    <t>5702326108983</t>
  </si>
  <si>
    <t>VELUX Solar-Rollladen SSL SK08 0000S</t>
  </si>
  <si>
    <t>SSL SK08 0100K</t>
  </si>
  <si>
    <t>5702329717748</t>
  </si>
  <si>
    <t>VELUX Solar-Rollladen SSL SK08 0100K</t>
  </si>
  <si>
    <t>SSL SK08 0100S</t>
  </si>
  <si>
    <t>5702326108990</t>
  </si>
  <si>
    <t>VELUX Solar-Rollladen SSL SK08 0100S</t>
  </si>
  <si>
    <t>SSL SK08 0700S</t>
  </si>
  <si>
    <t>5702326109003</t>
  </si>
  <si>
    <t>VELUX Solar-Rollladen SSL SK08 0700S</t>
  </si>
  <si>
    <t>SSL SK10 0000K</t>
  </si>
  <si>
    <t>5702329713337</t>
  </si>
  <si>
    <t>VELUX Solar-Rollladen SSL SK10 0000K</t>
  </si>
  <si>
    <t>SSL SK10 0000S</t>
  </si>
  <si>
    <t>5702326109010</t>
  </si>
  <si>
    <t>VELUX Solar-Rollladen SSL SK10 0000S</t>
  </si>
  <si>
    <t>SSL SK10 0100K</t>
  </si>
  <si>
    <t>5702329717755</t>
  </si>
  <si>
    <t>VELUX Solar-Rollladen SSL SK10 0100K</t>
  </si>
  <si>
    <t>SSL SK10 0100S</t>
  </si>
  <si>
    <t>5702326109034</t>
  </si>
  <si>
    <t>VELUX Solar-Rollladen SSL SK10 0100S</t>
  </si>
  <si>
    <t>SSL SK10 0700S</t>
  </si>
  <si>
    <t>5702326109058</t>
  </si>
  <si>
    <t>VELUX Solar-Rollladen SSL SK10 0700S</t>
  </si>
  <si>
    <t>SSL UK04 0000K</t>
  </si>
  <si>
    <t>5702329713351</t>
  </si>
  <si>
    <t>VELUX Solar-Rollladen SSL UK04 0000K</t>
  </si>
  <si>
    <t>SSL UK04 0000S</t>
  </si>
  <si>
    <t>5702326109065</t>
  </si>
  <si>
    <t>VELUX Solar-Rollladen SSL UK04 0000S</t>
  </si>
  <si>
    <t>SSL UK04 0100K</t>
  </si>
  <si>
    <t>5702329717779</t>
  </si>
  <si>
    <t>VELUX Solar-Rollladen SSL UK04 0100K</t>
  </si>
  <si>
    <t>SSL UK04 0100S</t>
  </si>
  <si>
    <t>5702326109072</t>
  </si>
  <si>
    <t>VELUX Solar-Rollladen SSL UK04 0100S</t>
  </si>
  <si>
    <t>SSL UK04 0700S</t>
  </si>
  <si>
    <t>5702326109089</t>
  </si>
  <si>
    <t>VELUX Solar-Rollladen SSL UK04 0700S</t>
  </si>
  <si>
    <t>SSL UK08 0000K</t>
  </si>
  <si>
    <t>5702329713368</t>
  </si>
  <si>
    <t>VELUX Solar-Rollladen SSL UK08 0000K</t>
  </si>
  <si>
    <t>SSL UK08 0000S</t>
  </si>
  <si>
    <t>5702326109096</t>
  </si>
  <si>
    <t>VELUX Solar-Rollladen SSL UK08 0000S</t>
  </si>
  <si>
    <t>SSL UK08 0100K</t>
  </si>
  <si>
    <t>5702329717786</t>
  </si>
  <si>
    <t>VELUX Solar-Rollladen SSL UK08 0100K</t>
  </si>
  <si>
    <t>SSL UK08 0100S</t>
  </si>
  <si>
    <t>5702326109102</t>
  </si>
  <si>
    <t>VELUX Solar-Rollladen SSL UK08 0100S</t>
  </si>
  <si>
    <t>SSL UK08 0700S</t>
  </si>
  <si>
    <t>5702326109119</t>
  </si>
  <si>
    <t>VELUX Solar-Rollladen SSL UK08 0700S</t>
  </si>
  <si>
    <t>SSL UK10 0000K</t>
  </si>
  <si>
    <t>5702329713375</t>
  </si>
  <si>
    <t>VELUX Solar-Rollladen SSL UK10 0000K</t>
  </si>
  <si>
    <t>SSL UK10 0000S</t>
  </si>
  <si>
    <t>5702326109126</t>
  </si>
  <si>
    <t>VELUX Solar-Rollladen SSL UK10 0000S</t>
  </si>
  <si>
    <t>SSL UK10 0100K</t>
  </si>
  <si>
    <t>5702329717793</t>
  </si>
  <si>
    <t>VELUX Solar-Rollladen SSL UK10 0100K</t>
  </si>
  <si>
    <t>SSL UK10 0100S</t>
  </si>
  <si>
    <t>5702326109133</t>
  </si>
  <si>
    <t>VELUX Solar-Rollladen SSL UK10 0100S</t>
  </si>
  <si>
    <t>SSL UK10 0700S</t>
  </si>
  <si>
    <t>5702326109140</t>
  </si>
  <si>
    <t>VELUX Solar-Rollladen SSL UK10 0700S</t>
  </si>
  <si>
    <t>SSL YK21 0000K</t>
  </si>
  <si>
    <t>5702329713399</t>
  </si>
  <si>
    <t>VELUX Solar-Rollladen SSL YK21 0000K</t>
  </si>
  <si>
    <t>SSL YK21 0000S</t>
  </si>
  <si>
    <t>5702326620300</t>
  </si>
  <si>
    <t>VELUX Solar-Rollladen SSL YK21 0000S</t>
  </si>
  <si>
    <t>SSL YK21 0100S</t>
  </si>
  <si>
    <t>5702326620317</t>
  </si>
  <si>
    <t>VELUX Solar-Rollladen SSL YK21 0100S</t>
  </si>
  <si>
    <t>SSL YK23 0000K</t>
  </si>
  <si>
    <t>5702329713405</t>
  </si>
  <si>
    <t>VELUX Solar-Rollladen SSL YK23 0000K</t>
  </si>
  <si>
    <t>SSL YK23 0000S</t>
  </si>
  <si>
    <t>5702326620324</t>
  </si>
  <si>
    <t>VELUX Solar-Rollladen SSL YK23 0000S</t>
  </si>
  <si>
    <t>SSL YK23 0100S</t>
  </si>
  <si>
    <t>5702326620331</t>
  </si>
  <si>
    <t>VELUX Solar-Rollladen SSL YK23 0100S</t>
  </si>
  <si>
    <t>SSL YK33 0000K</t>
  </si>
  <si>
    <t>5702329713412</t>
  </si>
  <si>
    <t>VELUX Solar-Rollladen SSL YK33 0000K</t>
  </si>
  <si>
    <t>SSL YK33 0000S</t>
  </si>
  <si>
    <t>5702326620348</t>
  </si>
  <si>
    <t>VELUX Solar-Rollladen SSL YK33 0000S</t>
  </si>
  <si>
    <t>SSL YK33 0100S</t>
  </si>
  <si>
    <t>5702326620355</t>
  </si>
  <si>
    <t>VELUX Solar-Rollladen SSL YK33 0100S</t>
  </si>
  <si>
    <t>SSL YK35 0000K</t>
  </si>
  <si>
    <t>5702329713429</t>
  </si>
  <si>
    <t>VELUX Solar-Rollladen SSL YK35 0000K</t>
  </si>
  <si>
    <t>SSL YK35 0000S</t>
  </si>
  <si>
    <t>5702326620362</t>
  </si>
  <si>
    <t>VELUX Solar-Rollladen SSL YK35 0000S</t>
  </si>
  <si>
    <t>SSL YK35 0100S</t>
  </si>
  <si>
    <t>5702326620379</t>
  </si>
  <si>
    <t>VELUX Solar-Rollladen SSL YK35 0100S</t>
  </si>
  <si>
    <t>SSL YK43 0000K</t>
  </si>
  <si>
    <t>5702329713436</t>
  </si>
  <si>
    <t>VELUX Solar-Rollladen SSL YK43 0000K</t>
  </si>
  <si>
    <t>SSL YK43 0000S</t>
  </si>
  <si>
    <t>5702326620386</t>
  </si>
  <si>
    <t>VELUX Solar-Rollladen SSL YK43 0000S</t>
  </si>
  <si>
    <t>SSL YK43 0100S</t>
  </si>
  <si>
    <t>5702326620393</t>
  </si>
  <si>
    <t>VELUX Solar-Rollladen SSL YK43 0100S</t>
  </si>
  <si>
    <t>SSL YK45 0000K</t>
  </si>
  <si>
    <t>5702329713443</t>
  </si>
  <si>
    <t>VELUX Solar-Rollladen SSL YK45 0000K</t>
  </si>
  <si>
    <t>SSL YK45 0000S</t>
  </si>
  <si>
    <t>5702326620409</t>
  </si>
  <si>
    <t>VELUX Solar-Rollladen SSL YK45 0000S</t>
  </si>
  <si>
    <t>SSL YK45 0100S</t>
  </si>
  <si>
    <t>5702326620416</t>
  </si>
  <si>
    <t>VELUX Solar-Rollladen SSL YK45 0100S</t>
  </si>
  <si>
    <t>SSL YK47 0000K</t>
  </si>
  <si>
    <t>5702329713450</t>
  </si>
  <si>
    <t>VELUX Solar-Rollladen SSL YK47 0000K</t>
  </si>
  <si>
    <t>SSL YK47 0000S</t>
  </si>
  <si>
    <t>5702326620423</t>
  </si>
  <si>
    <t>VELUX Solar-Rollladen SSL YK47 0000S</t>
  </si>
  <si>
    <t>SSL YK47 0100S</t>
  </si>
  <si>
    <t>5702326620430</t>
  </si>
  <si>
    <t>VELUX Solar-Rollladen SSL YK47 0100S</t>
  </si>
  <si>
    <t>SSL YK65 0000K</t>
  </si>
  <si>
    <t>5702329713467</t>
  </si>
  <si>
    <t>VELUX Solar-Rollladen SSL YK65 0000K</t>
  </si>
  <si>
    <t>SSL YK65 0000S</t>
  </si>
  <si>
    <t>5702326620447</t>
  </si>
  <si>
    <t>VELUX Solar-Rollladen SSL YK65 0000S</t>
  </si>
  <si>
    <t>SSL YK65 0100S</t>
  </si>
  <si>
    <t>5702326620454</t>
  </si>
  <si>
    <t>VELUX Solar-Rollladen SSL YK65 0100S</t>
  </si>
  <si>
    <t>SSL YK67 0000K</t>
  </si>
  <si>
    <t>5702329713474</t>
  </si>
  <si>
    <t>VELUX Solar-Rollladen SSL YK67 0000K</t>
  </si>
  <si>
    <t>SSL YK67 0000S</t>
  </si>
  <si>
    <t>5702326620461</t>
  </si>
  <si>
    <t>VELUX Solar-Rollladen SSL YK67 0000S</t>
  </si>
  <si>
    <t>SSL YK67 0100S</t>
  </si>
  <si>
    <t>5702326620478</t>
  </si>
  <si>
    <t>VELUX Solar-Rollladen SSL YK67 0100S</t>
  </si>
  <si>
    <t>SSL YK85 0000K</t>
  </si>
  <si>
    <t>5702329713481</t>
  </si>
  <si>
    <t>VELUX Solar-Rollladen SSL YK85 0000K</t>
  </si>
  <si>
    <t>SSL YK85 0000S</t>
  </si>
  <si>
    <t>5702326620485</t>
  </si>
  <si>
    <t>VELUX Solar-Rollladen SSL YK85 0000S</t>
  </si>
  <si>
    <t>SSL YK85 0100S</t>
  </si>
  <si>
    <t>5702326620492</t>
  </si>
  <si>
    <t>VELUX Solar-Rollladen SSL YK85 0100S</t>
  </si>
  <si>
    <t>SSL YK87 0000K</t>
  </si>
  <si>
    <t>5702329713498</t>
  </si>
  <si>
    <t>VELUX Solar-Rollladen SSL YK87 0000K</t>
  </si>
  <si>
    <t>SSL YK87 0000S</t>
  </si>
  <si>
    <t>5702326620508</t>
  </si>
  <si>
    <t>VELUX Solar-Rollladen SSL YK87 0000S</t>
  </si>
  <si>
    <t>SSL YK87 0100S</t>
  </si>
  <si>
    <t>5702326620515</t>
  </si>
  <si>
    <t>VELUX Solar-Rollladen SSL YK87 0100S</t>
  </si>
  <si>
    <t>SSL YK89 0000K</t>
  </si>
  <si>
    <t>5702329713504</t>
  </si>
  <si>
    <t>VELUX Solar-Rollladen SSL YK89 0000K</t>
  </si>
  <si>
    <t>SSL YK89 0000S</t>
  </si>
  <si>
    <t>5702326620522</t>
  </si>
  <si>
    <t>VELUX Solar-Rollladen SSL YK89 0000S</t>
  </si>
  <si>
    <t>SSL YK89 0100S</t>
  </si>
  <si>
    <t>5702326620539</t>
  </si>
  <si>
    <t>VELUX Solar-Rollladen SSL YK89 0100S</t>
  </si>
  <si>
    <t>SSL YK97 0000K</t>
  </si>
  <si>
    <t>5702329713511</t>
  </si>
  <si>
    <t>VELUX Solar-Rollladen SSL YK97 0000K</t>
  </si>
  <si>
    <t>SSL YK97 0000S</t>
  </si>
  <si>
    <t>5702326620546</t>
  </si>
  <si>
    <t>VELUX Solar-Rollladen SSL YK97 0000S</t>
  </si>
  <si>
    <t>SSL YK97 0100S</t>
  </si>
  <si>
    <t>5702326620553</t>
  </si>
  <si>
    <t>VELUX Solar-Rollladen SSL YK97 0100S</t>
  </si>
  <si>
    <t>SSL YK99 0000K</t>
  </si>
  <si>
    <t>5702329713528</t>
  </si>
  <si>
    <t>VELUX Solar-Rollladen SSL YK99 0000K</t>
  </si>
  <si>
    <t>SSL YK99 0000S</t>
  </si>
  <si>
    <t>5702326620560</t>
  </si>
  <si>
    <t>VELUX Solar-Rollladen SSL YK99 0000S</t>
  </si>
  <si>
    <t>SSL YK99 0100S</t>
  </si>
  <si>
    <t>5702326620577</t>
  </si>
  <si>
    <t>VELUX Solar-Rollladen SSL YK99 0100S</t>
  </si>
  <si>
    <t>SSLS FFKF06 0000S</t>
  </si>
  <si>
    <t>5702329460767</t>
  </si>
  <si>
    <t>VELUX Solar-Rollladen SSLS FFKF06 0000S</t>
  </si>
  <si>
    <t>für Lichtlösung 3-IN-1</t>
  </si>
  <si>
    <t>----------------------------------------
Rundum-Schutz durch:
 - wirksamen Hitzeschutz,  
 - optimale (fast völlige) Verdunkelung,
 - zusätzliche Wärmedämmung, 
 - kompletten Sichtschutz, 
 - weniger Lärm
Optimaler Hitzeschutz wird
gewährleistet, indem die
Sonnenstrahlen gestoppt
werden, bevor sie die Fensterscheiben
erreichen. 
Schlanke Rollladenkonstruktion mit
Rollladenpanzer aus Aluminiumlamellen.
3 vorprogrammierte Funk-Wandschalter im
Lieferumfang enthalten.
Die Bedienbarkeit ist über einen Akku
sichergestellt, der von einer auf dem
Rollladenkasten befindlichen Solarzelle
versorgt wird. 
Die Rollläden sind 
io-homecontrol-kompatibel.
Antriebsmechanismus mit elektrischer
Überlastsicherung.
Das Set beinhaltet 3 Rollläden für die 3
Fensterelemente. Jeder Rollladen ist
individuell steuerbar. Keine Behinderung
der Fensterfunktion,
ganz unabhängig von der Ausfahrposition
des Rollladens.
Bei Montage auf Solarfenster ist jeweils
ein Solarregler ZOZ 246 erforderlich.
Bei Montage auf Kupferfenster ist
zusätzlich ein Kupferset ZOZ FFKF06/F08
251 erforderlich.</t>
  </si>
  <si>
    <t>SSLS FFKF08 0000S</t>
  </si>
  <si>
    <t>5702329460774</t>
  </si>
  <si>
    <t>VELUX Solar-Rollladen SSLS FFKF08 0000S</t>
  </si>
  <si>
    <t>SSS CK02 0000S</t>
  </si>
  <si>
    <t>5702328826465</t>
  </si>
  <si>
    <t>VELUX Markise Verd. SSS CK02 0000S</t>
  </si>
  <si>
    <t>Solar, Aluminium Dunkelgrau</t>
  </si>
  <si>
    <t>----------------------------------------
Markise zum Schutz vor Hitze und
Tageslicht.
Effektiver Hitzeschutz wird
gewährleistet, indem die
Sonnenstrahlen gestoppt
werden, bevor sie die Fensterscheiben
erreichen. 
Dank des Gewebestoffes wird der
Raum gleichzeitig optimal verdunkelt.
Vorprogrammierter Funk-Wandschalter im
Lieferumfang enthalten.
Steuerzentralen und Verkabelungen werden
nicht benötigt. 
Die Bedienbarkeit ist über einen Akku
sichergestellt, der von einer auf dem
Markisenkasten befindlichen Solarzelle
versorgt wird. 
Die Hitzeschutz-Markise ist 
io-homecontrol-kompatibel.
Antriebsmechanismus mit elektrischer
Überlastsicherung.
Keine Behinderung der Fensterfunktion,
ganz unabhängig von der Ausfahrposition
der Markise.
Markisenstoff aus wetter-
beständigem, verdunkelnden
Gewebe, anthrazitfarben.
Aluminium- und Kunststoff-Teile im
Farbton NCS S 7500-N, grau.
Bitte prüfen Sie vorab Kompatibilitäten
und zusätzlich erforderliches
Montagezubehör:
Montage möglich auf manuelle Fenster
GGU/GGL sowie GPU/GPL (der aktuellen und
Vorgänger-Fenstergeneration). 
Montage möglich auf VELUX Solar-Fenster
GGU/GGL in den Größen der
aktuellen Fenstergeneration (CK-UK),
sowie der Vorgängergeneration (C-U).</t>
  </si>
  <si>
    <t>SSS CK04 0000S</t>
  </si>
  <si>
    <t>5702328826472</t>
  </si>
  <si>
    <t>VELUX Markise Verd. SSS CK04 0000S</t>
  </si>
  <si>
    <t>SSS CK06 0000S</t>
  </si>
  <si>
    <t>5702328826489</t>
  </si>
  <si>
    <t>VELUX Markise Verd. SSS CK06 0000S</t>
  </si>
  <si>
    <t>SSS FK04 0000S</t>
  </si>
  <si>
    <t>5702328826496</t>
  </si>
  <si>
    <t>VELUX Markise Verd. SSS FK04 0000S</t>
  </si>
  <si>
    <t>SSS FK06 0000S</t>
  </si>
  <si>
    <t>5702328826502</t>
  </si>
  <si>
    <t>VELUX Markise Verd. SSS FK06 0000S</t>
  </si>
  <si>
    <t>SSS FK08 0000S</t>
  </si>
  <si>
    <t>5702328826519</t>
  </si>
  <si>
    <t>VELUX Markise Verd. SSS FK08 0000S</t>
  </si>
  <si>
    <t>SSS MK04 0000S</t>
  </si>
  <si>
    <t>5702328826526</t>
  </si>
  <si>
    <t>VELUX Markise Verd. SSS MK04 0000S</t>
  </si>
  <si>
    <t>SSS MK06 0000S</t>
  </si>
  <si>
    <t>5702328826533</t>
  </si>
  <si>
    <t>VELUX Markise Verd. SSS MK06 0000S</t>
  </si>
  <si>
    <t>SSS MK08 0000S</t>
  </si>
  <si>
    <t>5702328826540</t>
  </si>
  <si>
    <t>VELUX Markise Verd. SSS MK08 0000S</t>
  </si>
  <si>
    <t>SSS MK10 0000S</t>
  </si>
  <si>
    <t>5702328826557</t>
  </si>
  <si>
    <t>VELUX Markise Verd. SSS MK10 0000S</t>
  </si>
  <si>
    <t>SSS MK12 0000S</t>
  </si>
  <si>
    <t>5702328826564</t>
  </si>
  <si>
    <t>VELUX Markise Verd. SSS MK12 0000S</t>
  </si>
  <si>
    <t>SSS PK06 0000S</t>
  </si>
  <si>
    <t>5702328826595</t>
  </si>
  <si>
    <t>VELUX Markise Verd. SSS PK06 0000S</t>
  </si>
  <si>
    <t>SSS PK08 0000S</t>
  </si>
  <si>
    <t>5702328826601</t>
  </si>
  <si>
    <t>VELUX Markise Verd. SSS PK08 0000S</t>
  </si>
  <si>
    <t>SSS PK10 0000S</t>
  </si>
  <si>
    <t>5702328826618</t>
  </si>
  <si>
    <t>VELUX Markise Verd. SSS PK10 0000S</t>
  </si>
  <si>
    <t>SSS SK06 0000S</t>
  </si>
  <si>
    <t>5702328826649</t>
  </si>
  <si>
    <t>VELUX Markise Verd. SSS SK06 0000S</t>
  </si>
  <si>
    <t>SSS SK08 0000S</t>
  </si>
  <si>
    <t>5702328826656</t>
  </si>
  <si>
    <t>VELUX Markise Verd. SSS SK08 0000S</t>
  </si>
  <si>
    <t>SSS SK10 0000S</t>
  </si>
  <si>
    <t>5702328826663</t>
  </si>
  <si>
    <t>VELUX Markise Verd. SSS SK10 0000S</t>
  </si>
  <si>
    <t>SSS UK04 0000S</t>
  </si>
  <si>
    <t>5702328826670</t>
  </si>
  <si>
    <t>VELUX Markise Verd. SSS UK04 0000S</t>
  </si>
  <si>
    <t>SSS UK08 0000S</t>
  </si>
  <si>
    <t>5702328826687</t>
  </si>
  <si>
    <t>VELUX Markise Verd. SSS UK08 0000S</t>
  </si>
  <si>
    <t>SSS UK10 0000S</t>
  </si>
  <si>
    <t>5702328826694</t>
  </si>
  <si>
    <t>VELUX Markise Verd. SSS UK10 0000S</t>
  </si>
  <si>
    <t>SSS YK21 0000S</t>
  </si>
  <si>
    <t>5702328826700</t>
  </si>
  <si>
    <t>VELUX Markise Verd. SSS YK21 0000S</t>
  </si>
  <si>
    <t>SSS YK23 0000S</t>
  </si>
  <si>
    <t>5702328826717</t>
  </si>
  <si>
    <t>VELUX Markise Verd. SSS YK23 0000S</t>
  </si>
  <si>
    <t>SSS YK33 0000S</t>
  </si>
  <si>
    <t>5702328826724</t>
  </si>
  <si>
    <t>VELUX Markise Verd. SSS YK33 0000S</t>
  </si>
  <si>
    <t>SSS YK35 0000S</t>
  </si>
  <si>
    <t>5702328826731</t>
  </si>
  <si>
    <t>VELUX Markise Verd. SSS YK35 0000S</t>
  </si>
  <si>
    <t>SSS YK43 0000S</t>
  </si>
  <si>
    <t>5702328826748</t>
  </si>
  <si>
    <t>VELUX Markise Verd. SSS YK43 0000S</t>
  </si>
  <si>
    <t>SSS YK45 0000S</t>
  </si>
  <si>
    <t>5702328826755</t>
  </si>
  <si>
    <t>VELUX Markise Verd. SSS YK45 0000S</t>
  </si>
  <si>
    <t>SSS YK47 0000S</t>
  </si>
  <si>
    <t>5702328826762</t>
  </si>
  <si>
    <t>VELUX Markise Verd. SSS YK47 0000S</t>
  </si>
  <si>
    <t>SSS YK65 0000S</t>
  </si>
  <si>
    <t>5702328826779</t>
  </si>
  <si>
    <t>VELUX Markise Verd. SSS YK65 0000S</t>
  </si>
  <si>
    <t>SSS YK67 0000S</t>
  </si>
  <si>
    <t>5702328826786</t>
  </si>
  <si>
    <t>VELUX Markise Verd. SSS YK67 0000S</t>
  </si>
  <si>
    <t>SSS YK85 0000S</t>
  </si>
  <si>
    <t>5702328826793</t>
  </si>
  <si>
    <t>VELUX Markise Verd. SSS YK85 0000S</t>
  </si>
  <si>
    <t>SSS YK87 0000S</t>
  </si>
  <si>
    <t>5702328826809</t>
  </si>
  <si>
    <t>VELUX Markise Verd. SSS YK87 0000S</t>
  </si>
  <si>
    <t>SSS YK89 0000S</t>
  </si>
  <si>
    <t>5702328826816</t>
  </si>
  <si>
    <t>VELUX Markise Verd. SSS YK89 0000S</t>
  </si>
  <si>
    <t>SSS YK97 0000S</t>
  </si>
  <si>
    <t>5702328826823</t>
  </si>
  <si>
    <t>VELUX Markise Verd. SSS YK97 0000S</t>
  </si>
  <si>
    <t>SSS YK99 0000S</t>
  </si>
  <si>
    <t>5702328826830</t>
  </si>
  <si>
    <t>VELUX Markise Verd. SSS YK99 0000S</t>
  </si>
  <si>
    <t>SSSS FFKF06 0000S</t>
  </si>
  <si>
    <t>5702329264228</t>
  </si>
  <si>
    <t>VELUX Verd.-Markise SSSS FFKF06 0000S</t>
  </si>
  <si>
    <t>----------------------------------------
Hitzeschutz-Markise mit verdunkelndem
Effekt für 3-in-1.
Effektiver Hitzeschutz wird
gewährleistet, indem die
Sonnenstrahlen gestoppt
werden, bevor sie die Fensterscheiben
erreichen. 
Zusätzliche Stabilisierung des Stoffes
durch Alu-Querstreben.
3 vorprogrammierte Funk-Wandschalter im
Lieferumfang enthalten.
Steuerzentralen und Verkabelungen werden
nicht benötigt. 
Die Bedienbarkeit ist über einen Akku
sichergestellt, der von einer auf dem
Markisenkasten befindlichen Solarzelle
versorgt wird. 
Die Hitzeschutz-Markisen sind 
io-homecontrol-kompatibel.
Antriebsmechanismus mit elektrischer
Überlastsicherung.
Das Set beinhaltet 3 Markisen für die 3
Fensterelemente. Jede Markise ist
individuell steuerbar. Keine Behinderung
der Fensterfunktion,
ganz unabhängig von der Ausfahrposition
der Markisen.
Bei Montage auf Solarfenster ist jeweils
ein Solarregler ZOZ 246 erforderlich.
Bei Montage auf Kupferfenster ist
zusätzlich ein Kupferset ZOZ FFKF06/F08
251 erforderlich.</t>
  </si>
  <si>
    <t>SSSS FFKF08 0000S</t>
  </si>
  <si>
    <t>5702329264235</t>
  </si>
  <si>
    <t>VELUX Verd.-Markise SSSS FFKF08 0000S</t>
  </si>
  <si>
    <t>SST MK08 0000</t>
  </si>
  <si>
    <t>5702327726926</t>
  </si>
  <si>
    <t>VELUX Solar-R. GTU/GTL SST MK08 0000</t>
  </si>
  <si>
    <t>----------------------------------------
Rundum-Schutz durch:
 - wirksamen Hitzeschutz,  
 - optimale (fast völlige) Verdunkelung,
 - zusätzliche Wärmedämmung, 
 - kompletten Sichtschutz, 
 - weniger Lärm
 - mehr Sicherheit gegen Einbruch.
Rollladenpanzer aus ausgeschäumten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
kompatibel.
Antriebsmechanismus mit elektrischer
Überlastsicherung. 
Dank zusätzlicher Gasdruckfedern bleiben
die Ausstiegsfunktion und die
Fensterbedienung
- auch bei heruntergelassenem
Rollladenpanzer - 
ohne Einschränkungen erhalten.
Alle Bestandteile des Rollladens im
Standardfarbton 0000 Dunkelgrau (NCS S
7500-N).</t>
  </si>
  <si>
    <t>SST SK08 0000</t>
  </si>
  <si>
    <t>5702327726933</t>
  </si>
  <si>
    <t>VELUX Solar-R. GTU/GTL SST SK08 0000</t>
  </si>
  <si>
    <t>SST SK10 0000</t>
  </si>
  <si>
    <t>5702328157118</t>
  </si>
  <si>
    <t>VELUX Solar-R. GTU/GTL SST SK10 0000</t>
  </si>
  <si>
    <t>TCR 0K14 0010</t>
  </si>
  <si>
    <t>5702327835628</t>
  </si>
  <si>
    <t>VELUX Tageslicht-Spot TCR 0K14 0010</t>
  </si>
  <si>
    <t>für flache Dächer mit starrem Rohr</t>
  </si>
  <si>
    <t>140</t>
  </si>
  <si>
    <t>VELUX-Tageslicht-Spot</t>
  </si>
  <si>
    <t>15020303</t>
  </si>
  <si>
    <t>Rohrdurchmesser = 35cm
----------------------------------------
Zur natürlichen Belichtung von innen
liegenden Räumen mit Tageslicht, wie 
z.B. Bad, Flur und Treppenhaus etc.
Für flache Dächer von 0° - 15°. 
Nicht für Metall-Stehfalz-Dächer.
Bestehend aus:
durchsichtige Kuppel aus Acryl, 
15 cm Aufsetzkranz aus PVC, weiß NCS  S
0502-Y, BBX Dampfsperrschürze zur 
Anbindung an die dachseitige 
Luftdichtheitsschicht.
Innovative Streuscheibe aus
Polycarbonat-Isolierglas für bessere
Lichtverhältnisse "Diffusor mit
integriertem Deckenring, 
weiß 
NCS 1000-",
starrem Rohr und 2 Kniegelenken (170 cm
Gesamtlänge) (Position der Kniegelenke
frei wählbar )aus Aluminium mit silberne
Hochglanzbeschichtung auf der
Innenfläche für eine sehr hohe
natürliche Lichtausbeute. Schnelle und
einfache Steckmontage des Rohrsystems
durch patentiertes Flexi LocTM  System.
Ausrichtung und Rohrmontage des
kompletten System von außen möglich.</t>
  </si>
  <si>
    <t>TLR 0K10 SD0L1</t>
  </si>
  <si>
    <t>5702327949097</t>
  </si>
  <si>
    <t>VELUX Tageslicht-Spot TLR 0K10 SD0L1</t>
  </si>
  <si>
    <t>flache Eind. inkl. BFX starres Rohr</t>
  </si>
  <si>
    <t>Rohrdurchmesser = 25cm
----------------------------------------
Zur natürlichen Belichtung von innen
liegenden Räumen mit Tageslicht, wie z.
B. Bad, Flur und Treppenhaus etc. 
Für
geneigte Dächer von 15° - 60°.  
Nicht für Metall-Stehfalz-Dächer
Bestehend aus:
- 4 mm Einscheibensicherheitsglas mit
natürlichem Reinigungseffekt außen
- Innovative Streuscheibe aus
Polycarbonat-Isolierglas für bessere
Lichtverhältnisse
- Diffusor mit integriertem Deckenring,
weiß 
NCS 1000-
- starrem Rohr und 2 Kniegelenken (170
cm Gesamtlänge) (Position der
Kniegelenke ist frei wählbar) aus
Aluminium mit silberne
Hochglanzbeschichtung auf der
Innenfläche für eine sehr hohe
natürliche Lichtausbeute. Schnelle und
einfache Steckmontage des Rohrsystems
durch patentiertes Flexi LocTM  System.
Ausrichtung und Rohrmontage des
kompletten System von außen möglich.
integriertem Eindeckrahmen für flache
Dachmaterialien bis 1,6 cm Eindeckrahmen
aus Aluminium, lackiert grau, NCS
S7500-N.
-BBX Dampfsperrschürze zur Anbindung an
 die dachseitige Luftdichtheitsschicht.
-BFX Anschlussschürze zur Herstellung
 des regensicheren Anschlusses an das
 Unterdach</t>
  </si>
  <si>
    <t>TLR 0K14 SD0L1</t>
  </si>
  <si>
    <t>5702327949103</t>
  </si>
  <si>
    <t>VELUX Tageslicht-Spot TLR 0K14 SD0L1</t>
  </si>
  <si>
    <t>Rohrdurchmesser = 35cm
----------------------------------------
Zur natürlichen Belichtung von innen
liegenden Räumen mit Tageslicht, wie z.
B. Bad, Flur und Treppenhaus etc. 
Für
geneigte Dächer von 15° - 60°.  
Nicht für Metall-Stehfalz-Dächer
Bestehend aus:
- 4 mm Einscheibensicherheitsglas mit
natürlichem Reinigungseffekt außen
- Innovative Streuscheibe aus
Polycarbonat-Isolierglas für bessere
Lichtverhältnisse
- Diffusor mit integriertem Deckenring,
weiß 
NCS 1000-
- starrem Rohr und 2 Kniegelenken (170
cm Gesamtlänge) (Position der
Kniegelenke ist frei wählbar) aus
Aluminium mit silberne
Hochglanzbeschichtung auf der
Innenfläche für eine sehr hohe
natürliche Lichtausbeute. Schnelle und
einfache Steckmontage des Rohrsystems
durch patentiertes Flexi LocTM  System.
Ausrichtung und Rohrmontage des
kompletten System von außen möglich.
integriertem Eindeckrahmen für flache
Dachmaterialien bis 1,6 cm Eindeckrahmen
aus Aluminium, lackiert grau, NCS
S7500-N.
-BBX Dampfsperrschürze zur Anbindung an
 die dachseitige Luftdichtheitsschicht.
-BFX Anschlussschürze zur Herstellung
 des regensicheren Anschlusses an das
 Unterdach</t>
  </si>
  <si>
    <t>TWR 0K10 SD0W1</t>
  </si>
  <si>
    <t>5702327949127</t>
  </si>
  <si>
    <t>VELUX Tageslicht-Spot TWR 0K10 SD0W1</t>
  </si>
  <si>
    <t>profi. Eind. inkl. BFX starres Rohr</t>
  </si>
  <si>
    <t>Rohrdurchmesser = 25cm
----------------------------------------
Zur natürlichen Belichtung von innen
liegenden Räumen mit Tageslicht, wie 
z.B. Bad, Flur und Treppenhaus etc.
Für geneigte Dächer von 15° - 60°.
Nicht für Metall-Stehfalz-Dächer
Bestehend aus:
- 4 mm Einscheibensicherheitsglas mit
natürlichem Reinigungseffekt außen
- Innovative Streuscheibe aus
Polycarbonat-Isolierglas für bessere
Lichtverhältnisse
- Diffusor mit integriertem Deckenring,
weiß 
NCS 100-N
- starrem Rohr und 2 Kniegelenken
(170 cm Gesamtlänge, Position der)
Kniegelenke ist frei wählbar)
aus Aluminium mit silberner
Hochglanzbeschichtung auf der
Innenfläche für eine sehr hohe
natürliche Lichtausbeute. Schnelle und
einfache Steckmontage des Rohrsystems
durch patentiertes Flexi LocTM  System.
Ausrichtung und Rohrmontage des
kompletten System von außen möglich.
- Integriertem Eindeckrahmen für
Dachmaterialien bis 12 cm Eindeckrahmen
aus Aluminium, lackiert grau, NCS
S7500-N.
- BBX Dampfsperrschürze zur Anbindung an
die dachseitige Luftdichtheitsschicht.
- BFX Anschlussschürze zur Herstellung
des regensicheren Anschluss
 an das Unterdach</t>
  </si>
  <si>
    <t>TWR 0K14 SD0W1</t>
  </si>
  <si>
    <t>5702327949134</t>
  </si>
  <si>
    <t>VELUX Tageslicht-Spot TWR 0K14 SD0W1</t>
  </si>
  <si>
    <t>Rohrdurchmesser = 35cm
----------------------------------------
Zur natürlichen Belichtung von innen
liegenden Räumen mit Tageslicht, wie 
z.B. Bad, Flur und Treppenhaus etc.
Für geneigte Dächer von 15° - 60°.
Nicht für Metall-Stehfalz-Dächer
Bestehend aus:
- 4 mm Einscheibensicherheitsglas mit
natürlichem Reinigungseffekt außen
- Innovative Streuscheibe aus
Polycarbonat-Isolierglas für bessere
Lichtverhältnisse
- Diffusor mit integriertem Deckenring,
weiß 
NCS 100-N
- starrem Rohr und 2 Kniegelenken
(170 cm Gesamtlänge, Position der)
Kniegelenke ist frei wählbar)
aus Aluminium mit silberner
Hochglanzbeschichtung auf der
Innenfläche für eine sehr hohe
natürliche Lichtausbeute. Schnelle und
einfache Steckmontage des Rohrsystems
durch patentiertes Flexi LocTM  System.
Ausrichtung und Rohrmontage des
kompletten System von außen möglich.
- Integriertem Eindeckrahmen für
Dachmaterialien bis 12 cm Eindeckrahmen
aus Aluminium, lackiert grau, NCS
S7500-N.
- BBX Dampfsperrschürze zur Anbindung an
die dachseitige Luftdichtheitsschicht.
- BFX Anschlussschürze zur Herstellung
des regensicheren Anschluss
 an das Unterdach</t>
  </si>
  <si>
    <t>VEA M35 2065</t>
  </si>
  <si>
    <t>5702327870322</t>
  </si>
  <si>
    <t>Dachterrasse,Tür links VEA M35 2065</t>
  </si>
  <si>
    <t>weiß lack EN. PLUS Alu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A M35 3065</t>
  </si>
  <si>
    <t>5702327870353</t>
  </si>
  <si>
    <t>Dachterrasse,Tür links VEA M35 3065</t>
  </si>
  <si>
    <t>klar lack EN. PLUS Alu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 M35 2065</t>
  </si>
  <si>
    <t>5702327870384</t>
  </si>
  <si>
    <t>Dachterasse,Tür rechts VEB M35 20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 M35 3065</t>
  </si>
  <si>
    <t>5702327870414</t>
  </si>
  <si>
    <t>Dachterasse,Tür rechts VEB M35 30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 M35 2065</t>
  </si>
  <si>
    <t>5702327870445</t>
  </si>
  <si>
    <t>Dachterasse,unten fest VEC M35 20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 M35 3065</t>
  </si>
  <si>
    <t>5702327870476</t>
  </si>
  <si>
    <t>Dachterasse,unten fest VEC M35 30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Aluminium,
einbrennlackiert, NCS S 7500-N.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FA MK35 2066</t>
  </si>
  <si>
    <t>5702328709898</t>
  </si>
  <si>
    <t>VELUX Zusatzel. linksVFA MK35 2066</t>
  </si>
  <si>
    <t>----------------------------------------
Zusatzelement mit  Dreh-Kippfunktion
zur Verlängerung von VELUX Fenstern
bei normaler Geschosshöhe und einem
offenen Dachraum.
Anschlag für Drehfunktion DIN link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A MK35 2070</t>
  </si>
  <si>
    <t>5702328709911</t>
  </si>
  <si>
    <t>VELUX Zusatzel. linksVFA MK35 2070</t>
  </si>
  <si>
    <t>----------------------------------------
Zusatzelement mit  Dreh-Kippfunktion
zur Verlängerung von VELUX Fenstern
bei normaler Geschosshöhe und einem
offenen Dachraum.
Anschlag für Drehfunktion DIN link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A PK35 2066</t>
  </si>
  <si>
    <t>5702328711341</t>
  </si>
  <si>
    <t>VELUX Zusatzel. linksVFA PK35 2066</t>
  </si>
  <si>
    <t>----------------------------------------
Zusatzelement mit  Dreh-Kippfunktion
zur Verlängerung von VELUX Fenstern
bei normaler Geschosshöhe und einem
offenen Dachraum.
Anschlag für Drehfunktion DIN link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A PK35 2070</t>
  </si>
  <si>
    <t>5702328711365</t>
  </si>
  <si>
    <t>VELUX Zusatzel. linksVFA PK35 2070</t>
  </si>
  <si>
    <t>----------------------------------------
Zusatzelement mit  Dreh-Kippfunktion
zur Verlängerung von VELUX Fenstern
bei normaler Geschosshöhe und einem
offenen Dachraum.
Anschlag für Drehfunktion DIN link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B MK35 2066</t>
  </si>
  <si>
    <t>5702328710610</t>
  </si>
  <si>
    <t>VELUX Zusatzel. rechts VFB MK35 2066</t>
  </si>
  <si>
    <t>----------------------------------------
Zusatzelement mit  Dreh-Kippfunktion
zur Verlängerung von VELUX Fenstern
bei normaler Geschosshöhe und einem
offenen Dachraum.
Anschlag für Drehfunktion DIN recht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B MK35 2070</t>
  </si>
  <si>
    <t>5702328710634</t>
  </si>
  <si>
    <t>VELUX Zusatzel. rechts VFB MK35 2070</t>
  </si>
  <si>
    <t>----------------------------------------
Zusatzelement mit  Dreh-Kippfunktion
zur Verlängerung von VELUX Fenstern
bei normaler Geschosshöhe und einem
offenen Dachraum.
Anschlag für Drehfunktion DIN recht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B PK35 2066</t>
  </si>
  <si>
    <t>5702328711501</t>
  </si>
  <si>
    <t>VELUX Zusatzel. rechts VFB PK35 2066</t>
  </si>
  <si>
    <t>----------------------------------------
Zusatzelement mit  Dreh-Kippfunktion
zur Verlängerung von VELUX Fenstern
bei normaler Geschosshöhe und einem
offenen Dachraum.
Anschlag für Drehfunktion DIN recht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B PK35 2070</t>
  </si>
  <si>
    <t>5702328711525</t>
  </si>
  <si>
    <t>VELUX Zusatzel. rechts VFB PK35 2070</t>
  </si>
  <si>
    <t>----------------------------------------
Zusatzelement mit  Dreh-Kippfunktion
zur Verlängerung von VELUX Fenstern
bei normaler Geschosshöhe und einem
offenen Dachraum.
Anschlag für Drehfunktion DIN rechts.
Seitliche Flügelabdeckbleche
schraubenlos vormontiert, Montagewinkel,
Markisenkasten und Blendrahmen-
abdeckbleche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1 2062</t>
  </si>
  <si>
    <t>5702328734517</t>
  </si>
  <si>
    <t>VELUX Zusatzelement "WAND" VFE MK31 2062</t>
  </si>
  <si>
    <t>weiß lack EN.Schall.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MK31 2066</t>
  </si>
  <si>
    <t>5702328047709</t>
  </si>
  <si>
    <t>VELUX Zusatzel. "WAND" VFE MK31 2066</t>
  </si>
  <si>
    <t>weiß lack EN.PLUS 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1 2070</t>
  </si>
  <si>
    <t>5702328349568</t>
  </si>
  <si>
    <t>VELUX Zusatzelement "Wand" VFE MK31 2070</t>
  </si>
  <si>
    <t>weiß lack THERMO 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1 2084</t>
  </si>
  <si>
    <t>5702329845441</t>
  </si>
  <si>
    <t>VELUX Zusatzelement "Wand" VFE MK31 2084</t>
  </si>
  <si>
    <t>weiß lackiert ENERGIE Alu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1 2166</t>
  </si>
  <si>
    <t>5702328047723</t>
  </si>
  <si>
    <t>VELUX Zusatzel. "WAND" VFE MK31 2166</t>
  </si>
  <si>
    <t>weiß lack EN.PLUS Kupfer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1 2184</t>
  </si>
  <si>
    <t>5702329845458</t>
  </si>
  <si>
    <t>VELUX Zusatzelement "Wand" VFE MK31 2184</t>
  </si>
  <si>
    <t>weiß lackiert ENERGIE Kupfer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1 2384</t>
  </si>
  <si>
    <t>5702329845465</t>
  </si>
  <si>
    <t>VELUX Zusatzelement "Wand" VFE MK31 2384</t>
  </si>
  <si>
    <t>weiß lackiert ENERGIE Titanzink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1 3062</t>
  </si>
  <si>
    <t>5702328734548</t>
  </si>
  <si>
    <t>VELUX Zusatzelement "WAND" VFE MK31 3062</t>
  </si>
  <si>
    <t>klar lack EN.Schall.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MK31 3066</t>
  </si>
  <si>
    <t>5702326995866</t>
  </si>
  <si>
    <t>VELUX Zusatzel. "WAND" VFE MK31 3066</t>
  </si>
  <si>
    <t>klar lack EN.PLUS 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1 3070</t>
  </si>
  <si>
    <t>5702328349599</t>
  </si>
  <si>
    <t>VELUX Zusatzelement "Wand" VFE MK31 3070</t>
  </si>
  <si>
    <t>klar lack THERMO Al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1 3084</t>
  </si>
  <si>
    <t>5702329845472</t>
  </si>
  <si>
    <t>VELUX Zusatzelement "Wand" VFE MK31 3084</t>
  </si>
  <si>
    <t>klar lackiert ENERGIE Alu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1 3166</t>
  </si>
  <si>
    <t>5702327132017</t>
  </si>
  <si>
    <t>VELUX Zusatzel. "WAND" VFE MK31 3166</t>
  </si>
  <si>
    <t>klar lack EN.PLUS Kupfer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1 3184</t>
  </si>
  <si>
    <t>5702329845489</t>
  </si>
  <si>
    <t>VELUX Zusatzelement "Wand" VFE MK31 3184</t>
  </si>
  <si>
    <t>klar lackiert ENERGIE Kupfer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1 3384</t>
  </si>
  <si>
    <t>5702329845496</t>
  </si>
  <si>
    <t>VELUX Zusatzelement "Wand" VFE MK31 3384</t>
  </si>
  <si>
    <t>klar lackiert ENERGIE Titanzink 78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5 2066</t>
  </si>
  <si>
    <t>5702328047778</t>
  </si>
  <si>
    <t>VELUX Zusatzel. "WAND" VFE MK35 2066</t>
  </si>
  <si>
    <t>weiß lack EN.PLUS Al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5 2070</t>
  </si>
  <si>
    <t>5702328349629</t>
  </si>
  <si>
    <t>VELUX Zusatzelement "Wand" VFE MK35 2070</t>
  </si>
  <si>
    <t>weiß lack THERMO Al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5 2084</t>
  </si>
  <si>
    <t>5702329845502</t>
  </si>
  <si>
    <t>VELUX Zusatzelement "Wand" VFE MK35 2084</t>
  </si>
  <si>
    <t>weiß lackiert ENERGIE Alu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5 2166</t>
  </si>
  <si>
    <t>5702328047792</t>
  </si>
  <si>
    <t>VELUX Zusatzel. "WAND" VFE MK35 2166</t>
  </si>
  <si>
    <t>weiß lack EN.PLUS Kupfer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5 2184</t>
  </si>
  <si>
    <t>5702329845519</t>
  </si>
  <si>
    <t>VELUX Zusatzelement "Wand" VFE MK35 2184</t>
  </si>
  <si>
    <t>weiß lackiert ENERGIE Kupfer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5 2384</t>
  </si>
  <si>
    <t>5702329845526</t>
  </si>
  <si>
    <t>VELUX Zusatzelement "Wand" VFE MK35 2384</t>
  </si>
  <si>
    <t>weiß lackiert ENERGIE Titanzink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5 3066</t>
  </si>
  <si>
    <t>5702326995903</t>
  </si>
  <si>
    <t>VELUX Zusatzel. "WAND" VFE MK35 3066</t>
  </si>
  <si>
    <t>klar lack EN.PLUS Al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5 3070</t>
  </si>
  <si>
    <t>5702328349650</t>
  </si>
  <si>
    <t>VELUX Zusatzelement "Wand" VFE MK35 3070</t>
  </si>
  <si>
    <t>klar lack THERMO Al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5 3084</t>
  </si>
  <si>
    <t>5702329845533</t>
  </si>
  <si>
    <t>VELUX Zusatzelement "Wand" VFE MK35 3084</t>
  </si>
  <si>
    <t>klar lackiert ENERGIE Alu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5 3166</t>
  </si>
  <si>
    <t>5702327132031</t>
  </si>
  <si>
    <t>VELUX Zusatzel. "WAND" VFE MK35 3166</t>
  </si>
  <si>
    <t>klar lack EN.PLUS Kupfer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5 3184</t>
  </si>
  <si>
    <t>5702329845540</t>
  </si>
  <si>
    <t>VELUX Zusatzelement "Wand" VFE MK35 3184</t>
  </si>
  <si>
    <t>klar lackiert ENERGIE Kupfer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5 3384</t>
  </si>
  <si>
    <t>5702329845557</t>
  </si>
  <si>
    <t>VELUX Zusatzelement "Wand" VFE MK35 3384</t>
  </si>
  <si>
    <t>klar lackiert ENERGIE Titanzink 78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6 2070</t>
  </si>
  <si>
    <t>5702328349681</t>
  </si>
  <si>
    <t>VELUX Zusatzelement "Wand" VFE MK36 2070</t>
  </si>
  <si>
    <t>weiß lack THERMO Alu 78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5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6 2084</t>
  </si>
  <si>
    <t>5702329845564</t>
  </si>
  <si>
    <t>VELUX Zusatzelement "Wand" VFE MK36 2084</t>
  </si>
  <si>
    <t>weiß lackiert ENERGIE Alu 78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5 cm
Lichtfläche: 0,5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6 3070</t>
  </si>
  <si>
    <t>5702328349698</t>
  </si>
  <si>
    <t>VELUX Zusatzelement "Wand" VFE MK36 3070</t>
  </si>
  <si>
    <t>klar lack THERMO Alu 78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5 cm
Lichtfläche: 0,5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6 3084</t>
  </si>
  <si>
    <t>5702329845571</t>
  </si>
  <si>
    <t>VELUX Zusatzelement "Wand" VFE MK36 3084</t>
  </si>
  <si>
    <t>klar lackiert ENERGIE Alu 78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5 cm
Lichtfläche: 0,5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8 2070</t>
  </si>
  <si>
    <t>5702328349704</t>
  </si>
  <si>
    <t>VELUX Zusatzelement "Wand" VFE MK38 2070</t>
  </si>
  <si>
    <t>weiß lack THERMO Alu 78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7 cm
Lichtfläche: 0,6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8 2084</t>
  </si>
  <si>
    <t>5702329845588</t>
  </si>
  <si>
    <t>VELUX Zusatzelement "Wand" VFE MK38 2084</t>
  </si>
  <si>
    <t>weiß lackiert ENERGIE Alu 78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7 cm
Lichtfläche: 0,6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MK38 3070</t>
  </si>
  <si>
    <t>5702328349711</t>
  </si>
  <si>
    <t>VELUX Zusatzelement "Wand" VFE MK38 3070</t>
  </si>
  <si>
    <t>klar lack THERMO Alu 78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7 cm
Lichtfläche: 0,6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8 3084</t>
  </si>
  <si>
    <t>5702329845595</t>
  </si>
  <si>
    <t>VELUX Zusatzelement "Wand" VFE MK38 3084</t>
  </si>
  <si>
    <t>klar lackiert ENERGIE Alu 78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7 cm
Lichtfläche: 0,6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1 2062</t>
  </si>
  <si>
    <t>5702328734630</t>
  </si>
  <si>
    <t>VELUX Zusatzelement "WAND" VFE PK31 2062</t>
  </si>
  <si>
    <t>weiß lack EN.Schall.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2066</t>
  </si>
  <si>
    <t>5702328047860</t>
  </si>
  <si>
    <t>VELUX Zusatzel. "WAND" VFE PK31 2066</t>
  </si>
  <si>
    <t>weiß lack EN.PLUS 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2070</t>
  </si>
  <si>
    <t>5702328349728</t>
  </si>
  <si>
    <t>VELUX Zusatzelement "Wand" VFE PK31 2070</t>
  </si>
  <si>
    <t>weiß lack THERMO 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1 2084</t>
  </si>
  <si>
    <t>5702329845601</t>
  </si>
  <si>
    <t>VELUX Zusatzelement "Wand" VFE PK31 2084</t>
  </si>
  <si>
    <t>weiß lackiert ENERGIE Alu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1 2166</t>
  </si>
  <si>
    <t>5702328047884</t>
  </si>
  <si>
    <t>VELUX Zusatzel. "WAND" VFE PK31 2166</t>
  </si>
  <si>
    <t>weiß lack EN.PLUS 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2184</t>
  </si>
  <si>
    <t>5702329845618</t>
  </si>
  <si>
    <t>VELUX Zusatzelement "Wand" VFE PK31 2184</t>
  </si>
  <si>
    <t>weiß lackiert ENERGIE Kupfer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1 2384</t>
  </si>
  <si>
    <t>5702329845625</t>
  </si>
  <si>
    <t>VELUX Zusatzelement "Wand" VFE PK31 2384</t>
  </si>
  <si>
    <t>weiß lackiert ENERGIE Titanzink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1 3062</t>
  </si>
  <si>
    <t>5702328734661</t>
  </si>
  <si>
    <t>VELUX Zusatzelement "WAND" VFE PK31 3062</t>
  </si>
  <si>
    <t>klar lack EN.Schall.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3066</t>
  </si>
  <si>
    <t>5702326995941</t>
  </si>
  <si>
    <t>VELUX Zusatzel. "WAND" VFE PK31 3066</t>
  </si>
  <si>
    <t>klar lack EN.PLUS 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3070</t>
  </si>
  <si>
    <t>5702328349759</t>
  </si>
  <si>
    <t>VELUX Zusatzelement "Wand" VFE PK31 3070</t>
  </si>
  <si>
    <t>klar lack THERMO Al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1 3084</t>
  </si>
  <si>
    <t>5702329845632</t>
  </si>
  <si>
    <t>VELUX Zusatzelement "Wand" VFE PK31 3084</t>
  </si>
  <si>
    <t>klar lackiert ENERGIE Alu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1 3166</t>
  </si>
  <si>
    <t>5702327132055</t>
  </si>
  <si>
    <t>VELUX Zusatzel. "WAND" VFE PK31 3166</t>
  </si>
  <si>
    <t>klar lack EN.PLUS 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3184</t>
  </si>
  <si>
    <t>5702329845649</t>
  </si>
  <si>
    <t>VELUX Zusatzelement "Wand" VFE PK31 3184</t>
  </si>
  <si>
    <t>klar lackiert ENERGIE Kupfer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1 3384</t>
  </si>
  <si>
    <t>5702329845656</t>
  </si>
  <si>
    <t>VELUX Zusatzelement "Wand" VFE PK31 3384</t>
  </si>
  <si>
    <t>klar lackiert ENERGIE Titanzink 9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5 2062</t>
  </si>
  <si>
    <t>5702328734692</t>
  </si>
  <si>
    <t>VELUX Zusatzelement "WAND" VFE PK35 2062</t>
  </si>
  <si>
    <t>weiß lack EN.Schall.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5 2066</t>
  </si>
  <si>
    <t>5702328047938</t>
  </si>
  <si>
    <t>VELUX Zusatzel. "WAND" VFE PK35 2066</t>
  </si>
  <si>
    <t>weiß lack EN.PLUS 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5 2070</t>
  </si>
  <si>
    <t>5702328349780</t>
  </si>
  <si>
    <t>VELUX Zusatzelement "Wand" VFE PK35 2070</t>
  </si>
  <si>
    <t>weiß lack THERMO 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5 2084</t>
  </si>
  <si>
    <t>5702329845663</t>
  </si>
  <si>
    <t>VELUX Zusatzelement "Wand" VFE PK35 2084</t>
  </si>
  <si>
    <t>weiß lackiert ENERGIE Alu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5 2166</t>
  </si>
  <si>
    <t>5702328047952</t>
  </si>
  <si>
    <t>VELUX Zusatzel. "WAND" VFE PK35 2166</t>
  </si>
  <si>
    <t>weiß lack EN.PLUS Kupfer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5 2184</t>
  </si>
  <si>
    <t>5702329845670</t>
  </si>
  <si>
    <t>VELUX Zusatzelement "Wand" VFE PK35 2184</t>
  </si>
  <si>
    <t>weiß lackiert ENERGIE Kupfer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5 2366</t>
  </si>
  <si>
    <t>5702328047983</t>
  </si>
  <si>
    <t>VELUX Zusatzel. "WAND" VFE PK35 2366</t>
  </si>
  <si>
    <t>weiß lack EN.PLUS Ti walz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5 2384</t>
  </si>
  <si>
    <t>5702329845687</t>
  </si>
  <si>
    <t>VELUX Zusatzelement "Wand" VFE PK35 2384</t>
  </si>
  <si>
    <t>weiß lackiert ENERGIE Titanzink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5 3066</t>
  </si>
  <si>
    <t>5702326995972</t>
  </si>
  <si>
    <t>VELUX Zusatzel. "WAND" VFE PK35 3066</t>
  </si>
  <si>
    <t>klar lack EN.PLUS 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5 3070</t>
  </si>
  <si>
    <t>5702328349810</t>
  </si>
  <si>
    <t>VELUX Zusatzelement "Wand" VFE PK35 3070</t>
  </si>
  <si>
    <t>klar lack THERMO Al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5 3084</t>
  </si>
  <si>
    <t>5702329845694</t>
  </si>
  <si>
    <t>VELUX Zusatzelement "Wand" VFE PK35 3084</t>
  </si>
  <si>
    <t>klar lackiert ENERGIE Alu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5 3166</t>
  </si>
  <si>
    <t>5702327132079</t>
  </si>
  <si>
    <t>VELUX Zusatzel. "WAND" VFE PK35 3166</t>
  </si>
  <si>
    <t>klar lack EN.PLUS Kupfer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5 3184</t>
  </si>
  <si>
    <t>5702329845700</t>
  </si>
  <si>
    <t>VELUX Zusatzelement "Wand" VFE PK35 3184</t>
  </si>
  <si>
    <t>klar lackiert ENERGIE Kupfer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5 3384</t>
  </si>
  <si>
    <t>5702329845717</t>
  </si>
  <si>
    <t>VELUX Zusatzelement "Wand" VFE PK35 3384</t>
  </si>
  <si>
    <t>klar lackiert ENERGIE Titanzink 9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6 2070</t>
  </si>
  <si>
    <t>5702328349841</t>
  </si>
  <si>
    <t>VELUX Zusatzelement "Wand" VFE PK36 2070</t>
  </si>
  <si>
    <t>weiß lack THERMO Alu 9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5 cm
Lichtfläche: 0,71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6 2084</t>
  </si>
  <si>
    <t>5702329845724</t>
  </si>
  <si>
    <t>VELUX Zusatzelement "Wand" VFE PK36 2084</t>
  </si>
  <si>
    <t>weiß lackiert ENERGIE Alu 9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5 cm
Lichtfläche: 0,71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6 3070</t>
  </si>
  <si>
    <t>5702328349858</t>
  </si>
  <si>
    <t>VELUX Zusatzelement "Wand" VFE PK36 3070</t>
  </si>
  <si>
    <t>klar lack THERMO Alu 9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5 cm
Lichtfläche: 0,71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6 3084</t>
  </si>
  <si>
    <t>5702329845731</t>
  </si>
  <si>
    <t>VELUX Zusatzelement "Wand" VFE PK36 3084</t>
  </si>
  <si>
    <t>klar lackiert ENERGIE Alu 9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5 cm
Lichtfläche: 0,71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8 2070</t>
  </si>
  <si>
    <t>5702328349865</t>
  </si>
  <si>
    <t>VELUX Zusatzelement "Wand" VFE PK38 2070</t>
  </si>
  <si>
    <t>weiß lack THERMO Alu 9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37 cm
Lichtfläche: 0,87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8 2084</t>
  </si>
  <si>
    <t>5702329845748</t>
  </si>
  <si>
    <t>VELUX Zusatzelement "Wand" VFE PK38 2084</t>
  </si>
  <si>
    <t>weiß lackiert ENERGIE Alu 9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37 cm
Lichtfläche: 0,87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PK38 3070</t>
  </si>
  <si>
    <t>5702328349872</t>
  </si>
  <si>
    <t>VELUX Zusatzelement "Wand" VFE PK38 3070</t>
  </si>
  <si>
    <t>klar lack THERMO Alu 9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37 cm
Lichtfläche: 0,87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8 3084</t>
  </si>
  <si>
    <t>5702329845755</t>
  </si>
  <si>
    <t>VELUX Zusatzelement "Wand" VFE PK38 3084</t>
  </si>
  <si>
    <t>klar lackiert ENERGIE Alu 9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37 cm
Lichtfläche: 0,87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1 2066</t>
  </si>
  <si>
    <t>5702328048027</t>
  </si>
  <si>
    <t>VELUX Zusatzel. "WAND" VFE SK31 2066</t>
  </si>
  <si>
    <t>weiß lack EN.PLUS 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1 2070</t>
  </si>
  <si>
    <t>5702328349889</t>
  </si>
  <si>
    <t>VELUX Zusatzelement "Wand" VFE SK31 2070</t>
  </si>
  <si>
    <t>weiß lack THERMO 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2084</t>
  </si>
  <si>
    <t>5702329845762</t>
  </si>
  <si>
    <t>VELUX Zusatzelement "Wand" VFE SK31 2084</t>
  </si>
  <si>
    <t>weiß lackiert ENERGIE Alu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1 2166</t>
  </si>
  <si>
    <t>5702328048041</t>
  </si>
  <si>
    <t>VELUX Zusatzel. "WAND" VFE SK31 2166</t>
  </si>
  <si>
    <t>weiß lack EN.PLUS 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1 2184</t>
  </si>
  <si>
    <t>5702329845779</t>
  </si>
  <si>
    <t>VELUX Zusatzelement "Wand" VFE SK31 2184</t>
  </si>
  <si>
    <t>weiß lackiert ENERGIE Kupfer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1 2366</t>
  </si>
  <si>
    <t>5702328048072</t>
  </si>
  <si>
    <t>VELUX Zusatzel. "WAND" VFE SK31 2366</t>
  </si>
  <si>
    <t>weiß lack EN.PLUS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1 2384</t>
  </si>
  <si>
    <t>5702329845786</t>
  </si>
  <si>
    <t>VELUX Zusatzelement "Wand" VFE SK31 2384</t>
  </si>
  <si>
    <t>weiß lackiert ENERGIE Titanzink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1 3062</t>
  </si>
  <si>
    <t>5702328734784</t>
  </si>
  <si>
    <t>VELUX Zusatzelement "WAND" VFE SK31 3062</t>
  </si>
  <si>
    <t>klar lack EN.Schall.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3066</t>
  </si>
  <si>
    <t>5702326996009</t>
  </si>
  <si>
    <t>VELUX Zusatzel. "WAND" VFE SK31 3066</t>
  </si>
  <si>
    <t>klar lack EN.PLUS 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1 3070</t>
  </si>
  <si>
    <t>5702328349919</t>
  </si>
  <si>
    <t>VELUX Zusatzelement "Wand" VFE SK31 3070</t>
  </si>
  <si>
    <t>klar lack THERMO 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3084</t>
  </si>
  <si>
    <t>5702329845793</t>
  </si>
  <si>
    <t>VELUX Zusatzelement "Wand" VFE SK31 3084</t>
  </si>
  <si>
    <t>klar lackiert ENERGIE Alu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1 3166</t>
  </si>
  <si>
    <t>5702327132093</t>
  </si>
  <si>
    <t>VELUX Zusatzel. "WAND" VFE SK31 3166</t>
  </si>
  <si>
    <t>klar lack EN.PLUS 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1 3184</t>
  </si>
  <si>
    <t>5702329845809</t>
  </si>
  <si>
    <t>VELUX Zusatzelement "Wand" VFE SK31 3184</t>
  </si>
  <si>
    <t>klar lackiert ENERGIE Kupfer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1 3384</t>
  </si>
  <si>
    <t>5702329845816</t>
  </si>
  <si>
    <t>VELUX Zusatzelement "Wand" VFE SK31 3384</t>
  </si>
  <si>
    <t>klar lackiert ENERGIE Titanzink 11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5 2062</t>
  </si>
  <si>
    <t>5702328734814</t>
  </si>
  <si>
    <t>VELUX Zusatzelement "WAND" VFE SK35 2062</t>
  </si>
  <si>
    <t>weiß lack EN.Schall.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5 2066</t>
  </si>
  <si>
    <t>5702328048096</t>
  </si>
  <si>
    <t>VELUX Zusatzel. "WAND" VFE SK35 2066</t>
  </si>
  <si>
    <t>weiß lack EN.PLUS 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5 2070</t>
  </si>
  <si>
    <t>5702328349940</t>
  </si>
  <si>
    <t>VELUX Zusatzelement "Wand" VFE SK35 2070</t>
  </si>
  <si>
    <t>weiß lack THERMO 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5 2084</t>
  </si>
  <si>
    <t>5702329845823</t>
  </si>
  <si>
    <t>VELUX Zusatzelement "Wand" VFE SK35 2084</t>
  </si>
  <si>
    <t>weiß lackiert ENERGIE Alu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5 2162</t>
  </si>
  <si>
    <t>5702328734821</t>
  </si>
  <si>
    <t>VELUX Zusatzelement "WAND" VFE SK35 2162</t>
  </si>
  <si>
    <t>weiß lack EN.Schall.Kupfer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5 2166</t>
  </si>
  <si>
    <t>5702328048119</t>
  </si>
  <si>
    <t>VELUX Zusatzel. "WAND" VFE SK35 2166</t>
  </si>
  <si>
    <t>weiß lack EN.PLUS Kupfer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5 2184</t>
  </si>
  <si>
    <t>5702329845830</t>
  </si>
  <si>
    <t>VELUX Zusatzelement "Wand" VFE SK35 2184</t>
  </si>
  <si>
    <t>weiß lackiert ENERGIE Kupfer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5 2384</t>
  </si>
  <si>
    <t>5702329845847</t>
  </si>
  <si>
    <t>VELUX Zusatzelement "Wand" VFE SK35 2384</t>
  </si>
  <si>
    <t>weiß lackiert ENERGIE Titanzink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5 3066</t>
  </si>
  <si>
    <t>5702326996047</t>
  </si>
  <si>
    <t>VELUX Zusatzel. "WAND" VFE SK35 3066</t>
  </si>
  <si>
    <t>klar lack EN.PLUS 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5 3070</t>
  </si>
  <si>
    <t>5702328349971</t>
  </si>
  <si>
    <t>VELUX Zusatzelement "Wand" VFE SK35 3070</t>
  </si>
  <si>
    <t>klar lack THERMO Al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5 3084</t>
  </si>
  <si>
    <t>5702329845854</t>
  </si>
  <si>
    <t>VELUX Zusatzelement "Wand" VFE SK35 3084</t>
  </si>
  <si>
    <t>klar lackiert ENERGIE Alu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5 3166</t>
  </si>
  <si>
    <t>5702327132116</t>
  </si>
  <si>
    <t>VELUX Zusatzel. "WAND" VFE SK35 3166</t>
  </si>
  <si>
    <t>klar lack EN.PLUS Kupfer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5 3184</t>
  </si>
  <si>
    <t>5702329845861</t>
  </si>
  <si>
    <t>VELUX Zusatzelement "Wand" VFE SK35 3184</t>
  </si>
  <si>
    <t>klar lackiert ENERGIE Kupfer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5 3384</t>
  </si>
  <si>
    <t>5702329845878</t>
  </si>
  <si>
    <t>VELUX Zusatzelement "Wand" VFE SK35 3384</t>
  </si>
  <si>
    <t>klar lackiert ENERGIE Titanzink 11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6 2070</t>
  </si>
  <si>
    <t>5702328350007</t>
  </si>
  <si>
    <t>VELUX Zusatzelement "Wand" VFE SK36 2070</t>
  </si>
  <si>
    <t>weiß lack THERMO Alu 11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5 cm
Lichtfläche: 0,89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6 2084</t>
  </si>
  <si>
    <t>5702329845885</t>
  </si>
  <si>
    <t>VELUX Zusatzelement "Wand" VFE SK36 2084</t>
  </si>
  <si>
    <t>weiß lackiert ENERGIE Alu 11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5 cm
Lichtfläche: 0,89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6 3070</t>
  </si>
  <si>
    <t>5702328350014</t>
  </si>
  <si>
    <t>VELUX Zusatzelement "Wand" VFE SK36 3070</t>
  </si>
  <si>
    <t>klar lack THERMO Alu 11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5 cm
Lichtfläche: 0,89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6 3084</t>
  </si>
  <si>
    <t>5702329845892</t>
  </si>
  <si>
    <t>VELUX Zusatzelement "Wand" VFE SK36 3084</t>
  </si>
  <si>
    <t>klar lackiert ENERGIE Alu 11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5 cm
Lichtfläche: 0,89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8 2070</t>
  </si>
  <si>
    <t>5702328350021</t>
  </si>
  <si>
    <t>VELUX Zusatzelement "Wand" VFE SK38 2070</t>
  </si>
  <si>
    <t>weiß lack THERMO Alu 11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37 cm
Lichtfläche: 1,10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8 2084</t>
  </si>
  <si>
    <t>5702329845908</t>
  </si>
  <si>
    <t>VELUX Zusatzelement "Wand" VFE SK38 2084</t>
  </si>
  <si>
    <t>weiß lackiert ENERGIE Alu 11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37 cm
Lichtfläche: 1,10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SK38 3070</t>
  </si>
  <si>
    <t>5702328350038</t>
  </si>
  <si>
    <t>VELUX Zusatzelement "Wand" VFE SK38 3070</t>
  </si>
  <si>
    <t>klar lack THERMO Alu 11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37 cm
Lichtfläche: 1,10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8 3084</t>
  </si>
  <si>
    <t>5702329845915</t>
  </si>
  <si>
    <t>VELUX Zusatzelement "Wand" VFE SK38 3084</t>
  </si>
  <si>
    <t>klar lackiert ENERGIE Alu 11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37 cm
Lichtfläche: 1,10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1 2062</t>
  </si>
  <si>
    <t>5702328734876</t>
  </si>
  <si>
    <t>VELUX Zusatzelement "WAND" VFE UK31 2062</t>
  </si>
  <si>
    <t>weiß lack EN.Schall.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2066</t>
  </si>
  <si>
    <t>5702328048188</t>
  </si>
  <si>
    <t>VELUX Zusatzel. "WAND" VFE UK31 2066</t>
  </si>
  <si>
    <t>weiß lack EN.PLUS 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1 2070</t>
  </si>
  <si>
    <t>5702328350045</t>
  </si>
  <si>
    <t>VELUX Zusatzelement "Wand" VFE UK31 2070</t>
  </si>
  <si>
    <t>weiß lack THERMO 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2084</t>
  </si>
  <si>
    <t>5702329845922</t>
  </si>
  <si>
    <t>VELUX Zusatzelement "Wand" VFE UK31 2084</t>
  </si>
  <si>
    <t>weiß lackiert ENERGIE Alu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1 2166</t>
  </si>
  <si>
    <t>5702328048201</t>
  </si>
  <si>
    <t>VELUX Zusatzel. "WAND" VFE UK31 2166</t>
  </si>
  <si>
    <t>weiß lack EN.PLUS 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1 2184</t>
  </si>
  <si>
    <t>5702329845939</t>
  </si>
  <si>
    <t>VELUX Zusatzelement "Wand" VFE UK31 2184</t>
  </si>
  <si>
    <t>weiß lackiert ENERGIE Kupfer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1 2384</t>
  </si>
  <si>
    <t>5702329845946</t>
  </si>
  <si>
    <t>VELUX Zusatzelement "Wand" VFE UK31 2384</t>
  </si>
  <si>
    <t>weiß lackiert ENERGIE Titanzink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1 3066</t>
  </si>
  <si>
    <t>5702326996085</t>
  </si>
  <si>
    <t>VELUX Zusatzel. "WAND" VFE UK31 3066</t>
  </si>
  <si>
    <t>klar lack EN.PLUS 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1 3070</t>
  </si>
  <si>
    <t>5702328350076</t>
  </si>
  <si>
    <t>VELUX Zusatzelement "Wand" VFE UK31 3070</t>
  </si>
  <si>
    <t>klar lack THERMO 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3084</t>
  </si>
  <si>
    <t>5702329845953</t>
  </si>
  <si>
    <t>VELUX Zusatzelement "Wand" VFE UK31 3084</t>
  </si>
  <si>
    <t>klar lackiert ENERGIE Alu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1 3184</t>
  </si>
  <si>
    <t>5702329845960</t>
  </si>
  <si>
    <t>VELUX Zusatzelement "Wand" VFE UK31 3184</t>
  </si>
  <si>
    <t>klar lackiert ENERGIE Kupfer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1 3384</t>
  </si>
  <si>
    <t>5702329845977</t>
  </si>
  <si>
    <t>VELUX Zusatzelement "Wand" VFE UK31 3384</t>
  </si>
  <si>
    <t>klar lackiert ENERGIE Titanzink 134 x 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5 2062</t>
  </si>
  <si>
    <t>5702328734937</t>
  </si>
  <si>
    <t>VELUX Zusatzelement "WAND" VFE UK35 2062</t>
  </si>
  <si>
    <t>weiß lack EN.Schall.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5 2066</t>
  </si>
  <si>
    <t>5702328048256</t>
  </si>
  <si>
    <t>VELUX Zusatzel. "WAND" VFE UK35 2066</t>
  </si>
  <si>
    <t>weiß lack EN.PLUS 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5 2070</t>
  </si>
  <si>
    <t>5702328350106</t>
  </si>
  <si>
    <t>VELUX Zusatzelement "Wand" VFE UK35 2070</t>
  </si>
  <si>
    <t>weiß lack THERMO 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5 2084</t>
  </si>
  <si>
    <t>5702329845984</t>
  </si>
  <si>
    <t>VELUX Zusatzelement "Wand" VFE UK35 2084</t>
  </si>
  <si>
    <t>weiß lackiert ENERGIE Alu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5 2166</t>
  </si>
  <si>
    <t>5702328048270</t>
  </si>
  <si>
    <t>VELUX Zusatzel. "WAND" VFE UK35 2166</t>
  </si>
  <si>
    <t>weiß lack EN.PLUS Kupfer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5 2184</t>
  </si>
  <si>
    <t>5702329845991</t>
  </si>
  <si>
    <t>VELUX Zusatzelement "Wand" VFE UK35 2184</t>
  </si>
  <si>
    <t>weiß lackiert ENERGIE Kupfer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5 2384</t>
  </si>
  <si>
    <t>5702329846004</t>
  </si>
  <si>
    <t>VELUX Zusatzelement "Wand" VFE UK35 2384</t>
  </si>
  <si>
    <t>weiß lackiert ENERGIE Titanzink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5 3062</t>
  </si>
  <si>
    <t>5702328734968</t>
  </si>
  <si>
    <t>VELUX Zusatzelement "WAND" VFE UK35 3062</t>
  </si>
  <si>
    <t>klar lack EN.Schall.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5 3066</t>
  </si>
  <si>
    <t>5702326996122</t>
  </si>
  <si>
    <t>VELUX Zusatzel. "WAND" VFE UK35 3066</t>
  </si>
  <si>
    <t>klar lack EN.PLUS 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Aluminium,
einbrennlackiert, NCS S 7500-N.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5 3070</t>
  </si>
  <si>
    <t>5702328350137</t>
  </si>
  <si>
    <t>VELUX Zusatzelement "Wand" VFE UK35 3070</t>
  </si>
  <si>
    <t>klar lack THERMO Al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5 3084</t>
  </si>
  <si>
    <t>5702329846011</t>
  </si>
  <si>
    <t>VELUX Zusatzelement "Wand" VFE UK35 3084</t>
  </si>
  <si>
    <t>klar lackiert ENERGIE Alu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5 3166</t>
  </si>
  <si>
    <t>5702327132154</t>
  </si>
  <si>
    <t>VELUX Zusatzel. "WAND" VFE UK35 3166</t>
  </si>
  <si>
    <t>klar lack EN.PLUS Kupfer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5 3184</t>
  </si>
  <si>
    <t>5702329846028</t>
  </si>
  <si>
    <t>VELUX Zusatzelement "Wand" VFE UK35 3184</t>
  </si>
  <si>
    <t>klar lackiert ENERGIE Kupfer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5 3384</t>
  </si>
  <si>
    <t>5702329846035</t>
  </si>
  <si>
    <t>VELUX Zusatzelement "Wand" VFE UK35 3384</t>
  </si>
  <si>
    <t>klar lackiert ENERGIE Titanzink 134 x 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6 2070</t>
  </si>
  <si>
    <t>5702328350168</t>
  </si>
  <si>
    <t>VELUX Zusatzelement "Wand" VFE UK36 2070</t>
  </si>
  <si>
    <t>weiß lack THERMO Alu 13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15 cm
Lichtfläche: 1,08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6 2084</t>
  </si>
  <si>
    <t>5702329846042</t>
  </si>
  <si>
    <t>VELUX Zusatzelement "Wand" VFE UK36 2084</t>
  </si>
  <si>
    <t>weiß lackiert ENERGIE Alu 13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15 cm
Lichtfläche: 1,08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6 3070</t>
  </si>
  <si>
    <t>5702328350175</t>
  </si>
  <si>
    <t>VELUX Zusatzelement "Wand" VFE UK36 3070</t>
  </si>
  <si>
    <t>klar lack THERMO Alu 134x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15 cm
Lichtfläche: 1,08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6 3084</t>
  </si>
  <si>
    <t>5702329846059</t>
  </si>
  <si>
    <t>VELUX Zusatzelement "Wand" VFE UK36 3084</t>
  </si>
  <si>
    <t>klar lackiert ENERGIE Alu 134 x 11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15 cm
Lichtfläche: 1,08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8 2070</t>
  </si>
  <si>
    <t>5702328350182</t>
  </si>
  <si>
    <t>VELUX Zusatzelement "Wand" VFE UK38 2070</t>
  </si>
  <si>
    <t>weiß lack THERMO Alu 13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37 cm
Lichtfläche: 1,33m²
Endlackierung in zwei Schichten
mit weiß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8 2084</t>
  </si>
  <si>
    <t>5702329846066</t>
  </si>
  <si>
    <t>VELUX Zusatzelement "Wand" VFE UK38 2084</t>
  </si>
  <si>
    <t>weiß lackiert ENERGIE Alu 13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37 cm
Lichtfläche: 1,33m²
Endlackierung in zwei Schichten
mit weiß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FE UK38 3070</t>
  </si>
  <si>
    <t>5702328350199</t>
  </si>
  <si>
    <t>VELUX Zusatzelement "Wand" VFE UK38 3070</t>
  </si>
  <si>
    <t>klar lack THERMO Alu 134x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37 cm
Lichtfläche: 1,33m²
Endlackierung in zwei Schichten
mit transparentem, wasserverdünnbarem,
lösungsmittelfreiem Acryl-Lack.
Trockenschichtstärke gemäß DIN 68 800,
Teil 3: 85 µ.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8 3084</t>
  </si>
  <si>
    <t>5702329846073</t>
  </si>
  <si>
    <t>VELUX Zusatzelement "Wand" VFE UK38 3084</t>
  </si>
  <si>
    <t>klar lackiert ENERGIE Alu 134 x 137</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37 cm
Lichtfläche: 1,33m²
Endlackierung in zwei Schichten
mit transparentem, wasserverdünnbarem,
lösungsmittelfreiem Acryl-Lack.
Trockenschichtstärke gemäß DIN 68 800,
Teil 3: 85 µ.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MK31 0062</t>
  </si>
  <si>
    <t>5702328734999</t>
  </si>
  <si>
    <t>VELUX Zusatzelement "WAND" VIU MK31 0062</t>
  </si>
  <si>
    <t>Polyur. EN.Schall.Alu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MK31 0066</t>
  </si>
  <si>
    <t>5702327021816</t>
  </si>
  <si>
    <t>VELUX Zusatzel. "WAND" VIU MK31 0066</t>
  </si>
  <si>
    <t>Polyur. EN.PLUS Alu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Aluminium,
einbrennlackiert, NCS S 7500-N.
Alle technischen Werte sind normgemäß
im senkrechten Einbau ermittelt und 
beziehen sich auf das Fenster als Ganzes</t>
  </si>
  <si>
    <t>VIU MK31 0070</t>
  </si>
  <si>
    <t>5702328350205</t>
  </si>
  <si>
    <t>VELUX Zusatzelement "Wand" VIU MK31 0070</t>
  </si>
  <si>
    <t>Polyur. THERMO Alu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MK31 0084</t>
  </si>
  <si>
    <t>5702329846080</t>
  </si>
  <si>
    <t>VELUX Zusatzelement "Wand" VIU MK31 0084</t>
  </si>
  <si>
    <t>Polyur. ENERGIE Alu 78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MK31 0166</t>
  </si>
  <si>
    <t>5702327021847</t>
  </si>
  <si>
    <t>VELUX Zusatzel. "WAND" VIU MK31 0166</t>
  </si>
  <si>
    <t>Polyur. EN.PLUS Kupfer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Alle technischen Werte sind normgemäß
im senkrechten Einbau ermittelt und 
beziehen sich auf das Fenster als Ganzes</t>
  </si>
  <si>
    <t>VIU MK31 0184</t>
  </si>
  <si>
    <t>5702329846097</t>
  </si>
  <si>
    <t>VELUX Zusatzelement "Wand" VIU MK31 0184</t>
  </si>
  <si>
    <t>Polyur. ENERGIE Kupfer 78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MK35 0062</t>
  </si>
  <si>
    <t>5702328735019</t>
  </si>
  <si>
    <t>VELUX Zusatzelement "WAND" VIU MK35 0062</t>
  </si>
  <si>
    <t>Polyur. EN.Schall.Alu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MK35 0066</t>
  </si>
  <si>
    <t>5702327021878</t>
  </si>
  <si>
    <t>VELUX Zusatzel. "WAND" VIU MK35 0066</t>
  </si>
  <si>
    <t>Polyur. EN.PLUS Alu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Aluminium,
einbrennlackiert, NCS S 7500-N.
Alle technischen Werte sind normgemäß
im senkrechten Einbau ermittelt und 
beziehen sich auf das Fenster als Ganzes</t>
  </si>
  <si>
    <t>VIU MK35 0070</t>
  </si>
  <si>
    <t>5702328350229</t>
  </si>
  <si>
    <t>VELUX Zusatzelement "Wand" VIU MK35 0070</t>
  </si>
  <si>
    <t>Polyur. THERMO Alu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MK35 0084</t>
  </si>
  <si>
    <t>5702329846103</t>
  </si>
  <si>
    <t>VELUX Zusatzelement "Wand" VIU MK35 0084</t>
  </si>
  <si>
    <t>Polyur. ENERGIE Alu 78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MK35 0166</t>
  </si>
  <si>
    <t>5702327021908</t>
  </si>
  <si>
    <t>VELUX Zusatzel. "WAND" VIU MK35 0166</t>
  </si>
  <si>
    <t>Polyur. EN.PLUS Kupfer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Kupfer.
Alle technischen Werte sind normgemäß
im senkrechten Einbau ermittelt und 
beziehen sich auf das Fenster als Ganzes</t>
  </si>
  <si>
    <t>VIU MK35 0184</t>
  </si>
  <si>
    <t>5702329846110</t>
  </si>
  <si>
    <t>VELUX Zusatzelement "Wand" VIU MK35 0184</t>
  </si>
  <si>
    <t>Polyur. ENERGIE Kupfer 78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MK36 0070</t>
  </si>
  <si>
    <t>5702328350243</t>
  </si>
  <si>
    <t>VELUX Zusatzelement "Wand" VIU MK36 0070</t>
  </si>
  <si>
    <t>Polyur. THERMO Alu 78x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5 cm
Lichtfläche: 0,5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MK36 0084</t>
  </si>
  <si>
    <t>5702329846127</t>
  </si>
  <si>
    <t>VELUX Zusatzelement "Wand" VIU MK36 0084</t>
  </si>
  <si>
    <t>Polyur. ENERGIE Alu 78 x 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5 cm
Lichtfläche: 0,5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MK38 0070</t>
  </si>
  <si>
    <t>5702328350250</t>
  </si>
  <si>
    <t>VELUX Zusatzelement "Wand" VIU MK38 0070</t>
  </si>
  <si>
    <t>Polyur. THERMO Alu 78x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37 cm
Lichtfläche: 0,6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MK38 0084</t>
  </si>
  <si>
    <t>5702329846134</t>
  </si>
  <si>
    <t>VELUX Zusatzelement "Wand" VIU MK38 0084</t>
  </si>
  <si>
    <t>Polyur. ENERGIE Alu 78 x 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37 cm
Lichtfläche: 0,6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PK31 0062</t>
  </si>
  <si>
    <t>5702328735033</t>
  </si>
  <si>
    <t>VELUX Zusatzelement "WAND" VIU PK31 0062</t>
  </si>
  <si>
    <t>Polyur. EN.Schall.Alu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PK31 0066</t>
  </si>
  <si>
    <t>5702327021939</t>
  </si>
  <si>
    <t>VELUX Zusatzel. "WAND" VIU PK31 0066</t>
  </si>
  <si>
    <t>Polyur. EN.PLUS Alu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Aluminium,
einbrennlackiert, NCS S 7500-N.
Alle technischen Werte sind normgemäß
im senkrechten Einbau ermittelt und 
beziehen sich auf das Fenster als Ganzes</t>
  </si>
  <si>
    <t>VIU PK31 0070</t>
  </si>
  <si>
    <t>5702328350267</t>
  </si>
  <si>
    <t>VELUX Zusatzelement "Wand" VIU PK31 0070</t>
  </si>
  <si>
    <t>Polyur. THERMO Alu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PK31 0084</t>
  </si>
  <si>
    <t>5702329846141</t>
  </si>
  <si>
    <t>VELUX Zusatzelement "Wand" VIU PK31 0084</t>
  </si>
  <si>
    <t>Polyur. ENERGIE Alu 9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PK31 0184</t>
  </si>
  <si>
    <t>5702329846158</t>
  </si>
  <si>
    <t>VELUX Zusatzelement "Wand" VIU PK31 0184</t>
  </si>
  <si>
    <t>Polyur. ENERGIE Kupfer 9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PK35 0062</t>
  </si>
  <si>
    <t>5702328735057</t>
  </si>
  <si>
    <t>VELUX Zusatzelement "WAND" VIU PK35 0062</t>
  </si>
  <si>
    <t>Polyur. EN.Schall.Alu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PK35 0066</t>
  </si>
  <si>
    <t>5702327021991</t>
  </si>
  <si>
    <t>VELUX Zusatzel. "WAND" VIU PK35 0066</t>
  </si>
  <si>
    <t>Polyur. EN.PLUS Alu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Aluminium,
einbrennlackiert, NCS S 7500-N.
Alle technischen Werte sind normgemäß
im senkrechten Einbau ermittelt und 
beziehen sich auf das Fenster als Ganzes</t>
  </si>
  <si>
    <t>VIU PK35 0070</t>
  </si>
  <si>
    <t>5702328350281</t>
  </si>
  <si>
    <t>VELUX Zusatzelement "Wand" VIU PK35 0070</t>
  </si>
  <si>
    <t>Polyur. THERMO Alu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PK35 0084</t>
  </si>
  <si>
    <t>5702329846165</t>
  </si>
  <si>
    <t>VELUX Zusatzelement "Wand" VIU PK35 0084</t>
  </si>
  <si>
    <t>Polyur. ENERGIE Alu 9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PK35 0166</t>
  </si>
  <si>
    <t>5702327022028</t>
  </si>
  <si>
    <t>VELUX Zusatzel. "WAND" VIU PK35 0166</t>
  </si>
  <si>
    <t>Polyur. EN.PLUS Kupfer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Kupfer.
Alle technischen Werte sind normgemäß
im senkrechten Einbau ermittelt und 
beziehen sich auf das Fenster als Ganzes</t>
  </si>
  <si>
    <t>VIU PK35 0184</t>
  </si>
  <si>
    <t>5702329846172</t>
  </si>
  <si>
    <t>VELUX Zusatzelement "Wand" VIU PK35 0184</t>
  </si>
  <si>
    <t>Polyur. ENERGIE Kupfer 9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PK36 0070</t>
  </si>
  <si>
    <t>5702328350304</t>
  </si>
  <si>
    <t>VELUX Zusatzelement "Wand" VIU PK36 0070</t>
  </si>
  <si>
    <t>Polyur. THERMO Alu 94x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5 cm
Lichtfläche: 0,71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PK36 0084</t>
  </si>
  <si>
    <t>5702329846189</t>
  </si>
  <si>
    <t>VELUX Zusatzelement "Wand" VIU PK36 0084</t>
  </si>
  <si>
    <t>Polyur. ENERGIE Alu 94 x 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5 cm
Lichtfläche: 0,71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PK38 0070</t>
  </si>
  <si>
    <t>5702328350311</t>
  </si>
  <si>
    <t>VELUX Zusatzelement "Wand" VIU PK38 0070</t>
  </si>
  <si>
    <t>Polyur. THERMO Alu 94x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37 cm
Lichtfläche: 0,87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PK38 0084</t>
  </si>
  <si>
    <t>5702329846196</t>
  </si>
  <si>
    <t>VELUX Zusatzelement "Wand" VIU PK38 0084</t>
  </si>
  <si>
    <t>Polyur. ENERGIE Alu 94 x 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37 cm
Lichtfläche: 0,87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SK31 0062</t>
  </si>
  <si>
    <t>5702328735071</t>
  </si>
  <si>
    <t>VELUX Zusatzelement "WAND" VIU SK31 0062</t>
  </si>
  <si>
    <t>Polyur. EN.Schall.Alu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SK31 0066</t>
  </si>
  <si>
    <t>5702327022059</t>
  </si>
  <si>
    <t>VELUX Zusatzel. "WAND" VIU SK31 0066</t>
  </si>
  <si>
    <t>Polyur. EN.PLUS Alu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Aluminium,
einbrennlackiert, NCS S 7500-N.
Alle technischen Werte sind normgemäß
im senkrechten Einbau ermittelt und 
beziehen sich auf das Fenster als Ganzes</t>
  </si>
  <si>
    <t>VIU SK31 0070</t>
  </si>
  <si>
    <t>5702328350328</t>
  </si>
  <si>
    <t>VELUX Zusatzelement "Wand" VIU SK31 0070</t>
  </si>
  <si>
    <t>Polyur. THERMO Alu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SK31 0084</t>
  </si>
  <si>
    <t>5702329846202</t>
  </si>
  <si>
    <t>VELUX Zusatzelement "Wand" VIU SK31 0084</t>
  </si>
  <si>
    <t>Polyur. ENERGIE Alu 11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SK31 0166</t>
  </si>
  <si>
    <t>5702327022080</t>
  </si>
  <si>
    <t>VELUX Zusatzel. "WAND" VIU SK31 0166</t>
  </si>
  <si>
    <t>Polyur. EN.PLUS Kupfer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Alle technischen Werte sind normgemäß
im senkrechten Einbau ermittelt und 
beziehen sich auf das Fenster als Ganzes</t>
  </si>
  <si>
    <t>VIU SK31 0184</t>
  </si>
  <si>
    <t>5702329846219</t>
  </si>
  <si>
    <t>VELUX Zusatzelement "Wand" VIU SK31 0184</t>
  </si>
  <si>
    <t>Polyur. ENERGIE Kupfer 11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SK35 0062</t>
  </si>
  <si>
    <t>5702328735095</t>
  </si>
  <si>
    <t>VELUX Zusatzelement "WAND" VIU SK35 0062</t>
  </si>
  <si>
    <t>Polyur. EN.Schall.Alu 11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SK35 0066</t>
  </si>
  <si>
    <t>5702327022110</t>
  </si>
  <si>
    <t>VELUX Zusatzel. "WAND" VIU SK35 0066</t>
  </si>
  <si>
    <t>Polyur. EN.PLUS Alu 11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Aluminium,
einbrennlackiert, NCS S 7500-N.
Alle technischen Werte sind normgemäß
im senkrechten Einbau ermittelt und 
beziehen sich auf das Fenster als Ganzes</t>
  </si>
  <si>
    <t>VIU SK35 0070</t>
  </si>
  <si>
    <t>5702328350342</t>
  </si>
  <si>
    <t>VELUX Zusatzelement "Wand" VIU SK35 0070</t>
  </si>
  <si>
    <t>Polyur. THERMO Alu 11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SK35 0084</t>
  </si>
  <si>
    <t>5702329846226</t>
  </si>
  <si>
    <t>VELUX Zusatzelement "Wand" VIU SK35 0084</t>
  </si>
  <si>
    <t>Polyur. ENERGIE Alu 11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SK35 0166</t>
  </si>
  <si>
    <t>5702327022141</t>
  </si>
  <si>
    <t>VELUX Zusatzel. "WAND" VIU SK35 0166</t>
  </si>
  <si>
    <t>Polyur. EN.PLUS Kupfer 11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Kupfer.
Alle technischen Werte sind normgemäß
im senkrechten Einbau ermittelt und 
beziehen sich auf das Fenster als Ganzes</t>
  </si>
  <si>
    <t>VIU SK35 0184</t>
  </si>
  <si>
    <t>5702329846233</t>
  </si>
  <si>
    <t>VELUX Zusatzelement "Wand" VIU SK35 0184</t>
  </si>
  <si>
    <t>Polyur. ENERGIE Kupfer 11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5 cm
Lichtfläche: 0,70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SK36 0070</t>
  </si>
  <si>
    <t>5702328350366</t>
  </si>
  <si>
    <t>VELUX Zusatzelement "Wand" VIU SK36 0070</t>
  </si>
  <si>
    <t>Polyur. THERMO Alu 114x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5 cm
Lichtfläche: 0,89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SK36 0084</t>
  </si>
  <si>
    <t>5702329846240</t>
  </si>
  <si>
    <t>VELUX Zusatzelement "Wand" VIU SK36 0084</t>
  </si>
  <si>
    <t>Polyur. ENERGIE Alu 114 x 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5 cm
Lichtfläche: 0,89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SK38 0070</t>
  </si>
  <si>
    <t>5702328350373</t>
  </si>
  <si>
    <t>VELUX Zusatzelement "Wand" VIU SK38 0070</t>
  </si>
  <si>
    <t>Polyur. THERMO Alu 114x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37 cm
Lichtfläche: 1,10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SK38 0084</t>
  </si>
  <si>
    <t>5702329846257</t>
  </si>
  <si>
    <t>VELUX Zusatzelement "Wand" VIU SK38 0084</t>
  </si>
  <si>
    <t>Polyur. ENERGIE Alu 114 x 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37 cm
Lichtfläche: 1,10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UK31 0066</t>
  </si>
  <si>
    <t>5702327022172</t>
  </si>
  <si>
    <t>VELUX Zusatzel. "WAND" VIU UK31 0066</t>
  </si>
  <si>
    <t>Polyur. EN.PLUS Al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Aluminium,
einbrennlackiert, NCS S 7500-N.
Alle technischen Werte sind normgemäß
im senkrechten Einbau ermittelt und 
beziehen sich auf das Fenster als Ganzes</t>
  </si>
  <si>
    <t>VIU UK31 0070</t>
  </si>
  <si>
    <t>5702328350380</t>
  </si>
  <si>
    <t>VELUX Zusatzelement "Wand" VIU UK31 0070</t>
  </si>
  <si>
    <t>Polyur. THERMO Al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UK31 0084</t>
  </si>
  <si>
    <t>5702329846264</t>
  </si>
  <si>
    <t>VELUX Zusatzelement "Wand" VIU UK31 0084</t>
  </si>
  <si>
    <t>Polyur. ENERGIE Alu 13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UK31 0184</t>
  </si>
  <si>
    <t>5702329846271</t>
  </si>
  <si>
    <t>VELUX Zusatzelement "Wand" VIU UK31 0184</t>
  </si>
  <si>
    <t>Polyur. ENERGIE Kupfer 134 x 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UK35 0066</t>
  </si>
  <si>
    <t>5702327022233</t>
  </si>
  <si>
    <t>VELUX Zusatzel. "WAND" VIU UK35 0066</t>
  </si>
  <si>
    <t>Polyur. EN.PLUS Alu 13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Aluminium,
einbrennlackiert, NCS S 7500-N.
Alle technischen Werte sind normgemäß
im senkrechten Einbau ermittelt und 
beziehen sich auf das Fenster als Ganzes</t>
  </si>
  <si>
    <t>VIU UK35 0070</t>
  </si>
  <si>
    <t>5702328350403</t>
  </si>
  <si>
    <t>VELUX Zusatzelement "Wand" VIU UK35 0070</t>
  </si>
  <si>
    <t>Polyur. THERMO Alu 13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UK35 0084</t>
  </si>
  <si>
    <t>5702329846288</t>
  </si>
  <si>
    <t>VELUX Zusatzelement "Wand" VIU UK35 0084</t>
  </si>
  <si>
    <t>Polyur. ENERGIE Alu 13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UK35 0166</t>
  </si>
  <si>
    <t>5702327022264</t>
  </si>
  <si>
    <t>VELUX Zusatzel. "WAND" VIU UK35 0166</t>
  </si>
  <si>
    <t>Polyur. EN.PLUS Kupfer 13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Kupfer.
Alle technischen Werte sind normgemäß
im senkrechten Einbau ermittelt und 
beziehen sich auf das Fenster als Ganzes</t>
  </si>
  <si>
    <t>VIU UK35 0184</t>
  </si>
  <si>
    <t>5702329846295</t>
  </si>
  <si>
    <t>VELUX Zusatzelement "Wand" VIU UK35 0184</t>
  </si>
  <si>
    <t>Polyur. ENERGIE Kupfer 134 x 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5 cm
Lichtfläche: 0,85m²
Oberfläche fertig lackiert mit
Zwei-Komponenten-PU-Lack, weiß,
seidenmatt, NCS S 0500-N.
Außenabdeckung aus Kupfer.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UK36 0070</t>
  </si>
  <si>
    <t>5702328350427</t>
  </si>
  <si>
    <t>VELUX Zusatzelement "Wand" VIU UK36 0070</t>
  </si>
  <si>
    <t>Polyur. THERMO Alu 134x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15 cm
Lichtfläche: 1,08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UK36 0084</t>
  </si>
  <si>
    <t>5702329846301</t>
  </si>
  <si>
    <t>VELUX Zusatzelement "Wand" VIU UK36 0084</t>
  </si>
  <si>
    <t>Polyur. ENERGIE Alu 134 x 11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15 cm
Lichtfläche: 1,08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IU UK38 0070</t>
  </si>
  <si>
    <t>5702328350434</t>
  </si>
  <si>
    <t>VELUX Zusatzelement "Wand" VIU UK38 0070</t>
  </si>
  <si>
    <t>Polyur. THERMO Alu 134x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37 cm
Lichtfläche: 1,33m²
Oberfläche fertig lackiert mit
Zwei-Komponenten-PU-Lack, weiß,
seidenmatt, NCS S 0500-N.
Außenabdeckung aus Aluminium,
einbrennlackiert, NCS S 7500-N.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UK38 0084</t>
  </si>
  <si>
    <t>5702329846318</t>
  </si>
  <si>
    <t>VELUX Zusatzelement "Wand" VIU UK38 0084</t>
  </si>
  <si>
    <t>Polyur. ENERGIE Alu 134 x 137</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37 cm
Lichtfläche: 1,33m²
Oberfläche fertig lackiert mit
Zwei-Komponenten-PU-Lack, weiß,
seidenmatt, NCS S 0500-N.
Außenabdeckung aus Aluminium,
einbrennlackiert, NCS S 7500-N.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VKU 0811 0081</t>
  </si>
  <si>
    <t>5702329304252</t>
  </si>
  <si>
    <t>VELUX Klapp-Schw. Kunst. VKU 0811 0081</t>
  </si>
  <si>
    <t>Polyur. EN. Austau. Alu</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85 x 112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1011 0081</t>
  </si>
  <si>
    <t>5702329304269</t>
  </si>
  <si>
    <t>VELUX Klapp-Schw. Kunst. VKU 1011 0081</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 x L):
105 x 112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1014 0081</t>
  </si>
  <si>
    <t>5702329304276</t>
  </si>
  <si>
    <t>VELUX Klapp-Schw. Kunst. VKU 1014 0081</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05 x 145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33 0081</t>
  </si>
  <si>
    <t>5702329304283</t>
  </si>
  <si>
    <t>VELUX Klapp-Schw. Kunst. VKU Y33 0081</t>
  </si>
  <si>
    <t>Polyur. EN. Austau. Alu 65x10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5 x 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35 0081</t>
  </si>
  <si>
    <t>5702329304290</t>
  </si>
  <si>
    <t>VELUX Klapp-Schw. Kunst. VKU Y35 0081</t>
  </si>
  <si>
    <t>Polyur. EN. Austau. Alu 65x12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5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43 0081</t>
  </si>
  <si>
    <t>5702329304306</t>
  </si>
  <si>
    <t>VELUX Klapp-Schw. Kunst. VKU Y43 0081</t>
  </si>
  <si>
    <t>Polyur. EN. Austau. Alu 75x10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45 0081</t>
  </si>
  <si>
    <t>5702329304313</t>
  </si>
  <si>
    <t>VELUX Klapp-Schw. Kunst. VKU Y45 0081</t>
  </si>
  <si>
    <t>Polyur. EN. Austau. Alu 75x12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47 0081</t>
  </si>
  <si>
    <t>5702329304320</t>
  </si>
  <si>
    <t>VELUX Klapp-Schw. Kunst. VKU Y47 0081</t>
  </si>
  <si>
    <t>Polyur. EN. Austau. Alu 75x14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65 0081</t>
  </si>
  <si>
    <t>5702329304337</t>
  </si>
  <si>
    <t>VELUX Klapp-Schw. Kunst. VKU Y65 0081</t>
  </si>
  <si>
    <t>Polyur. EN. Austau. Alu 93x12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3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67 0081</t>
  </si>
  <si>
    <t>5702329304344</t>
  </si>
  <si>
    <t>VELUX Klapp-Schw.-Fe. VKU Y67 0081</t>
  </si>
  <si>
    <t>Polyur. EN-Austausch Alu 93x14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3 x 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85 0081</t>
  </si>
  <si>
    <t>5702329304351</t>
  </si>
  <si>
    <t>VELUX Klapp-Schw. Kunst. VKU Y85 0081</t>
  </si>
  <si>
    <t>Polyur. EN. Austau. Alu 113x12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87 0081</t>
  </si>
  <si>
    <t>5702329304368</t>
  </si>
  <si>
    <t>VELUX Klapp-Schw. Kunst. VKU Y87 0081</t>
  </si>
  <si>
    <t>Polyur. EN. Austau. Alu 113x14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KU Y97 0081</t>
  </si>
  <si>
    <t>5702329304375</t>
  </si>
  <si>
    <t>VELUX Klapp-Schw. Kunst. VKU Y97 0081</t>
  </si>
  <si>
    <t>Polyur. EN. Austau. Alu 133x144</t>
  </si>
  <si>
    <t>----------------------------------------
Klapp-Schwing-Fenster mit
45°-Öffnungswinkel und Schwing-
funktion bis zum Anschlag.
Mit Öffnungsgriff unt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3x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21 0081</t>
  </si>
  <si>
    <t>5702329304382</t>
  </si>
  <si>
    <t>VELUX Schwingf. Kunststoff VU Y21 0081</t>
  </si>
  <si>
    <t>Polyur. EN. Austau. Alu 55x8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x8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23 0081</t>
  </si>
  <si>
    <t>5702329304399</t>
  </si>
  <si>
    <t>VELUX Schwingf. Kunststoff VU Y23 0081</t>
  </si>
  <si>
    <t>Polyur. EN. Austau. Alu 55x10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x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33 0081</t>
  </si>
  <si>
    <t>5702329304405</t>
  </si>
  <si>
    <t>VELUX Schwingf. Kunststoff VU Y33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5 x 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35 0081</t>
  </si>
  <si>
    <t>5702329304412</t>
  </si>
  <si>
    <t>VELUX Schwingf. Kunststoff VU Y35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5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43 0081</t>
  </si>
  <si>
    <t>5702329304429</t>
  </si>
  <si>
    <t>VELUX Schwingf. Kunststoff VU Y43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0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45 0081</t>
  </si>
  <si>
    <t>5702329304436</t>
  </si>
  <si>
    <t>VELUX Schwingf. Kunststoff VU Y45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47 0081</t>
  </si>
  <si>
    <t>5702329304443</t>
  </si>
  <si>
    <t>VELUX Schwingf. Kunststoff VU Y47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5 x 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65 0081</t>
  </si>
  <si>
    <t>5702329304450</t>
  </si>
  <si>
    <t>VELUX Schwingf. Kunststoff VU Y65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3 x 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67 0081</t>
  </si>
  <si>
    <t>5702329304467</t>
  </si>
  <si>
    <t>VELUX Schwingf. Kunststoff VU Y67 0081</t>
  </si>
  <si>
    <t>Polyur. EN. Austau. Alu 93x14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3 x 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85 0081</t>
  </si>
  <si>
    <t>5702329304474</t>
  </si>
  <si>
    <t>VELUX Schwingf. Kunststoff VU Y85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2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87 0081</t>
  </si>
  <si>
    <t>5702329304481</t>
  </si>
  <si>
    <t>VELUX Schwingf. Kunststoff VU Y87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89 0081</t>
  </si>
  <si>
    <t>5702329304498</t>
  </si>
  <si>
    <t>VELUX Schwingf. Kunststoff VU Y89 0081</t>
  </si>
  <si>
    <t>Polyur. EN. Austau. Alu 113x16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3x16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97 0081</t>
  </si>
  <si>
    <t>5702329304504</t>
  </si>
  <si>
    <t>VELUX Schwingf. Kunststoff VU Y97 0081</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3x14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VU Y99 0081</t>
  </si>
  <si>
    <t>5702329304511</t>
  </si>
  <si>
    <t>VELUX Schwingf. Kunststoff VU Y99 0081</t>
  </si>
  <si>
    <t>Polyur. EN. Austau. Alu 133x164</t>
  </si>
  <si>
    <t>----------------------------------------
Schwingfenster mit Schwingfunktion
des Flügels bis zum Anschlag.
Mit bequemer Einhandbedienung oben,
Lüftungsklappe und Luftfilter.
Austauschfenster in Konstruktion ent-
sprechend dem bis zum Mai 2013
gefertigten VELUX Sortiment.
Innenfutter-Nutmaße passend zum bis 1991
gefertigten VELUX Deutschland Sortiment.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3x164 cm
Oberfläche fertig lackiert mit
Zwei-Komponenten-PU-Lack, weiß,
seidenmatt, NCS S 0500-N.
Außenabdeckung aus Aluminium,
einbrennlackiert, NCS S 7500-N.
----------------------------------------
Verglasung mit VELUX ENERGIE AUSTAUSCH
Scheibe mit:
Wärmedurchgangswert Uw = 1,3 W/(m²K),
Schalldämmwert Rw(C,Ctr) = 35(-1,-3)dB,
Schallschutzklasse 2,
Gesamtenergiedurchlasswert g = 0,46.
Innen: 2 x 3 mm Verbund-Sicherheitsglas
für erhöhten Einbruchschutz, erhöhte
Sicherheit und besseren Schallschutz.
Außen: 4 mm gehärtetes Einscheiben-
sicherheitsglas nach DIN EN 12150 für
erhöhte Hagelsicherheit mit
Edelmetallbeschichtung innen.
Alle technischen Werte sind normgemäß
im senkrechten Einbau ermittelt und 
beziehen sich auf das Fenster als Ganzes</t>
  </si>
  <si>
    <t>ZCE 014 0015</t>
  </si>
  <si>
    <t>5702326085635</t>
  </si>
  <si>
    <t>VELUX Adapter 15cm ZCE 014 0015</t>
  </si>
  <si>
    <t>für Tageslichtspot</t>
  </si>
  <si>
    <t>145</t>
  </si>
  <si>
    <t>VELUX-Tageslicht-Spot-Zubehör</t>
  </si>
  <si>
    <t>15020399</t>
  </si>
  <si>
    <t>----------------------------------------
VELUX 15 cm Adapterkranz zur Aufsetz-
kranzerhöhung. PVC-Adapterkranz 
mit 12 cm Flansch, grau, 
15 cm hoch mit umlaufender Schlauch-
dichtung zur Herstellung des dampf-
dichten Anschlusses an den VELUX
Tageslicht-Spot.</t>
  </si>
  <si>
    <t>ZCE 060060 0015</t>
  </si>
  <si>
    <t>5702325979010</t>
  </si>
  <si>
    <t>VELUX Adapterkranz 16 cm ZCE 060060 0015</t>
  </si>
  <si>
    <t>mit Flansch zur Aufsetzkranzerhöh.</t>
  </si>
  <si>
    <t>----------------------------------------
VELUX Adapterkranz zur Aufsetz-
kranzerhöhung.
Für CFP,CVP, CXP.
Mit umlaufender Schlauch-
dichtung zur Herstellung des
dichten Anschlusses an das VELUX  
Flachdach-Fenster.
Adapterkranz Basiserhöhung,
Höhe 16 cm mit 12 cm Flansch,
PVC, Farbe grau.</t>
  </si>
  <si>
    <t>ZCE 060060 1015</t>
  </si>
  <si>
    <t>5702327578280</t>
  </si>
  <si>
    <t>VELUX Adapterkranz 16 cm ZCE 060060 1015</t>
  </si>
  <si>
    <t>ohne Flansch zur Aufsetzkranzerhöh.</t>
  </si>
  <si>
    <t>----------------------------------------
VELUX Adapterkranz zur Aufsetz-
kranzerhöhung.
Für CFP,CVP, CXP.
Mit umlaufender Schlauch-
dichtung zur Herstellung des
dichten Anschlusses an das VELUX  
Flachdach-Fenster.
Adapterkranz zur Zusatzerhöhung von ZCE
0015. Höhe 16 cm ohne Flansch, PVC, 
Farbe grau.</t>
  </si>
  <si>
    <t>ZCE 060090 0015</t>
  </si>
  <si>
    <t>5702325979027</t>
  </si>
  <si>
    <t>VELUX Adapterkranz 16 cm ZCE 060090 0015</t>
  </si>
  <si>
    <t>ZCE 060090 1015</t>
  </si>
  <si>
    <t>5702327578297</t>
  </si>
  <si>
    <t>VELUX Adapterkranz 16 cm ZCE 060090 1015</t>
  </si>
  <si>
    <t>ZCE 080080 0015</t>
  </si>
  <si>
    <t>5702325979034</t>
  </si>
  <si>
    <t>VELUX Adapterkranz 16 cm ZCE 080080 0015</t>
  </si>
  <si>
    <t>ZCE 080080 1015</t>
  </si>
  <si>
    <t>5702327578303</t>
  </si>
  <si>
    <t>VELUX Adapterkranz 16 cm ZCE 080080 1015</t>
  </si>
  <si>
    <t>ZCE 090090 0015</t>
  </si>
  <si>
    <t>5702325979041</t>
  </si>
  <si>
    <t>VELUX Adapterkranz 16 cm ZCE 090090 0015</t>
  </si>
  <si>
    <t>ZCE 090090 1015</t>
  </si>
  <si>
    <t>5702327578310</t>
  </si>
  <si>
    <t>VELUX Adapterkranz 16 cm ZCE 090090 1015</t>
  </si>
  <si>
    <t>ZCE 090120 0015</t>
  </si>
  <si>
    <t>5702326593482</t>
  </si>
  <si>
    <t>VELUX Adapterkranz 16 cm ZCE 090120 0015</t>
  </si>
  <si>
    <t>ZCE 090120 1015</t>
  </si>
  <si>
    <t>5702327578327</t>
  </si>
  <si>
    <t>VELUX Adapterkranz 16 cm ZCE 090120 1015</t>
  </si>
  <si>
    <t>ZCE 100100 0015</t>
  </si>
  <si>
    <t>5702325979058</t>
  </si>
  <si>
    <t>VELUX Adapterkranz 16 cm ZCE 100100 0015</t>
  </si>
  <si>
    <t>ZCE 100100 1015</t>
  </si>
  <si>
    <t>5702327578334</t>
  </si>
  <si>
    <t>VELUX Adapterkranz 16 cm ZCE 100100 1015</t>
  </si>
  <si>
    <t>ZCE 100150 0015</t>
  </si>
  <si>
    <t>5702326593499</t>
  </si>
  <si>
    <t>VELUX Adapterkranz 16 cm ZCE 100150 0015</t>
  </si>
  <si>
    <t>ZCE 100150 1015</t>
  </si>
  <si>
    <t>5702327578341</t>
  </si>
  <si>
    <t>VELUX Adapterkranz 16 cm ZCE 100150 1015</t>
  </si>
  <si>
    <t>ZCE 120120 0015</t>
  </si>
  <si>
    <t>5702325979065</t>
  </si>
  <si>
    <t>VELUX Adapterkranz 16 cm ZCE 120120 0015</t>
  </si>
  <si>
    <t>ZCE 120120 1015</t>
  </si>
  <si>
    <t>5702327578358</t>
  </si>
  <si>
    <t>VELUX Adapterkranz 16 cm ZCE 120120 1015</t>
  </si>
  <si>
    <t>ZCE 150150 0015</t>
  </si>
  <si>
    <t>5702327129048</t>
  </si>
  <si>
    <t>VELUX Adapterkranz 16 cm ZCE 150150 0015</t>
  </si>
  <si>
    <t>ZCE 150150 1015</t>
  </si>
  <si>
    <t>5702327578365</t>
  </si>
  <si>
    <t>VELUX Adapterkranz 16 cm ZCE 150150 1015</t>
  </si>
  <si>
    <t>ZCJ 060060 0000</t>
  </si>
  <si>
    <t>5702329251167</t>
  </si>
  <si>
    <t>VELUX Sanierungsrahmen ZCJ 060060 0000</t>
  </si>
  <si>
    <t>für Lichtkuppeln, Alu</t>
  </si>
  <si>
    <t>----------------------------------------
Sanierungsrahmen für Lichtkuppeln
zur Beibehaltung der vorhandenen Unter-
konstruktion. Kombinierbar mit Ober- 
element ISJ.
Material: Aluminium, geschweißt
Zusätzlich kann ein Lüfterrahmen-
Set ZCJ 1210 (elektrisch, 230 V) oder
ZCJ 1112 (manuelle Spindel) kombiniert
werden.</t>
  </si>
  <si>
    <t>ZCJ 060060 1112</t>
  </si>
  <si>
    <t>5702329625821</t>
  </si>
  <si>
    <t>VELUX Spindelöffner ZCJ 060060 1112</t>
  </si>
  <si>
    <t>Spindelöffner-Set,300mm,manuell</t>
  </si>
  <si>
    <t>----------------------------------------
Lüfterrahmen-Set für Lichtkuppeln
aus PVC, bestehend aus Lüfterrahmen 
und manuellem Spindelöffner 
(300 mm Hub).
Zur nachträglichen Ventilation einer
feststehenden Lichtkuppel CFJ.
Alternativ kombinierbar mit Sanierungs- 
rahmen ZCJ 0000.</t>
  </si>
  <si>
    <t>ZCJ 060060 1210</t>
  </si>
  <si>
    <t>5702329251174</t>
  </si>
  <si>
    <t>VELUX Lüfterrahmen-Set ZCJ 060060 1210</t>
  </si>
  <si>
    <t>Lüfterrahmen, Spindelmotor, 230V</t>
  </si>
  <si>
    <t>----------------------------------------
Lüfterrahmen-Set für Lichtkuppeln
aus PVC, bestehend aus Lüfter-
rahmen und Motor (230 V, 300 mm Hub).
Zur nachträglichen Ventilation einer
feststehenden Lichtkuppel CFJ.
Alternativ kombinierbar mit Sanierungs- 
rahmen ZCJ 0000.</t>
  </si>
  <si>
    <t>ZCJ 080080 0000</t>
  </si>
  <si>
    <t>5702329251181</t>
  </si>
  <si>
    <t>VELUX Sanierungsrahmen ZCJ 080080 0000</t>
  </si>
  <si>
    <t>ZCJ 080080 1112</t>
  </si>
  <si>
    <t>5702329625838</t>
  </si>
  <si>
    <t>VELUX Spindelöffner ZCJ 080080 1112</t>
  </si>
  <si>
    <t>ZCJ 080080 1210</t>
  </si>
  <si>
    <t>5702329251198</t>
  </si>
  <si>
    <t>VELUX Lüfterrahmen-Set ZCJ 080080 1210</t>
  </si>
  <si>
    <t>ZCJ 090060 0000</t>
  </si>
  <si>
    <t>5702329251204</t>
  </si>
  <si>
    <t>VELUX Sanierungsrahmen ZCJ 090060 0000</t>
  </si>
  <si>
    <t>ZCJ 090060 1112</t>
  </si>
  <si>
    <t>5702329625845</t>
  </si>
  <si>
    <t>VELUX Spindelöffner ZCJ 090060 1112</t>
  </si>
  <si>
    <t>ZCJ 090090 0000</t>
  </si>
  <si>
    <t>5702329251228</t>
  </si>
  <si>
    <t>VELUX Sanierungsrahmen ZCJ 090090 0000</t>
  </si>
  <si>
    <t>ZCJ 090090 1112</t>
  </si>
  <si>
    <t>5702329625852</t>
  </si>
  <si>
    <t>VELUX Spindelöffner ZCJ 090090 1112</t>
  </si>
  <si>
    <t>ZCJ 090090 1210</t>
  </si>
  <si>
    <t>5702329251235</t>
  </si>
  <si>
    <t>VELUX Lüfterrahmen-Set ZCJ 090090 1210</t>
  </si>
  <si>
    <t>ZCJ 100100 0000</t>
  </si>
  <si>
    <t>5702329251242</t>
  </si>
  <si>
    <t>VELUX Sanierungsrahmen ZCJ 100100 0000</t>
  </si>
  <si>
    <t>ZCJ 100100 1112</t>
  </si>
  <si>
    <t>5702329625869</t>
  </si>
  <si>
    <t>VELUX Spindelöffner ZCJ 100100 1112</t>
  </si>
  <si>
    <t>ZCJ 100100 1210</t>
  </si>
  <si>
    <t>5702329251259</t>
  </si>
  <si>
    <t>VELUX Lüfterrahmen-Set ZCJ 100100 1210</t>
  </si>
  <si>
    <t>ZCJ 120090 0000</t>
  </si>
  <si>
    <t>5702329251266</t>
  </si>
  <si>
    <t>VELUX Sanierungsrahmen ZCJ 120090 0000</t>
  </si>
  <si>
    <t>ZCJ 120090 1112</t>
  </si>
  <si>
    <t>5702329625876</t>
  </si>
  <si>
    <t>VELUX Spindelöffner ZCJ 120090 1112</t>
  </si>
  <si>
    <t>ZCJ 120120 0000</t>
  </si>
  <si>
    <t>5702329251280</t>
  </si>
  <si>
    <t>VELUX Sanierungsrahmen ZCJ 120120 0000</t>
  </si>
  <si>
    <t>ZCJ 120120 1112</t>
  </si>
  <si>
    <t>5702329625883</t>
  </si>
  <si>
    <t>VELUX Spindelöffner ZCJ 120120 1112</t>
  </si>
  <si>
    <t>ZCJ 120120 1210</t>
  </si>
  <si>
    <t>5702329251297</t>
  </si>
  <si>
    <t>VELUX Lüfterrahmen-Set ZCJ 120120 1210</t>
  </si>
  <si>
    <t>ZCJ 150100 0000</t>
  </si>
  <si>
    <t>5702329251303</t>
  </si>
  <si>
    <t>VELUX Sanierungsrahmen ZCJ 150100 0000</t>
  </si>
  <si>
    <t>ZCJ 150100 1112</t>
  </si>
  <si>
    <t>5702329625890</t>
  </si>
  <si>
    <t>VELUX Spindelöffner ZCJ 150100 1112</t>
  </si>
  <si>
    <t>ZCT 100</t>
  </si>
  <si>
    <t>5702320103892</t>
  </si>
  <si>
    <t>VELUX Verlängerungsstange 100cm ZCT 100</t>
  </si>
  <si>
    <t>für ZCT 200</t>
  </si>
  <si>
    <t>610</t>
  </si>
  <si>
    <t>VELUX-Manuelles Bedienungszubehör</t>
  </si>
  <si>
    <t>ZCT 200K</t>
  </si>
  <si>
    <t>5702320103908</t>
  </si>
  <si>
    <t>VELUX Teleskopstange 108-188cm ZCT 200K</t>
  </si>
  <si>
    <t>für GGU, GGL, VU, VL, VG, VX</t>
  </si>
  <si>
    <t>ZCT 300</t>
  </si>
  <si>
    <t>5702320063530</t>
  </si>
  <si>
    <t>VELUX Bedienungsstange ZCT 300</t>
  </si>
  <si>
    <t>für ZCJ 1112, max. 300cm</t>
  </si>
  <si>
    <t>ZCU 060060 0015</t>
  </si>
  <si>
    <t>5702329188142</t>
  </si>
  <si>
    <t>VELUX Adapterkranz 16 cm ZCU 060060 0015</t>
  </si>
  <si>
    <t>Basiserhöhung mit Flansch f.CFU/CVU</t>
  </si>
  <si>
    <t>----------------------------------------
VELUX Adapterkranz zur Aufsetzkranz-
erhöhung für Flachdach-Fenster CFU, CVU.
Mit umlaufender Schlauchdichtung 
zur Herstellung des dichten Anschlusses 
an den Flachdach-Fenster Aufsetzkranz.
Adapterkranz Basiserhöhung,
Höhe 16 cm mit Flansch,
Farbe grau.</t>
  </si>
  <si>
    <t>ZCU 060060 1015</t>
  </si>
  <si>
    <t>5702329188159</t>
  </si>
  <si>
    <t>VELUX Adapterkranz 16 cm ZCU 060060 1015</t>
  </si>
  <si>
    <t>Zusatzerhöhung für CFU/CVU</t>
  </si>
  <si>
    <t>----------------------------------------
VELUX Adapterkranz zur Aufsetzkranz-
erhöhung für Flachdach-Fenster CFU, CVU.
Mit umlaufender Schlauchdichtung 
zur Herstellung des dichten Anschlusses 
an den Flachdach-Fenster Aufsetzkranz.
Adapterkranz zur Zusatzerhöhung von ZCU
0015. Höhe 16 cm ohne Flansch, PVC, 
Farbe grau.</t>
  </si>
  <si>
    <t>ZCU 080080 0015</t>
  </si>
  <si>
    <t>5702329188166</t>
  </si>
  <si>
    <t>VELUX Adapterkranz 16 cm ZCU 080080 0015</t>
  </si>
  <si>
    <t>ZCU 080080 1015</t>
  </si>
  <si>
    <t>5702329188173</t>
  </si>
  <si>
    <t>VELUX Adapterkranz 16 cm ZCU 080080 1015</t>
  </si>
  <si>
    <t>ZCU 090060 0015</t>
  </si>
  <si>
    <t>5702329188180</t>
  </si>
  <si>
    <t>VELUX Adapterkranz 16 cm ZCU 090060 0015</t>
  </si>
  <si>
    <t>ZCU 090060 1015</t>
  </si>
  <si>
    <t>5702329188197</t>
  </si>
  <si>
    <t>VELUX Adapterkranz 16 cm ZCU 090060 1015</t>
  </si>
  <si>
    <t>ZCU 090090 0015</t>
  </si>
  <si>
    <t>5702329188203</t>
  </si>
  <si>
    <t>VELUX Adapterkranz 16 cm ZCU 090090 0015</t>
  </si>
  <si>
    <t>ZCU 090090 1015</t>
  </si>
  <si>
    <t>5702329188210</t>
  </si>
  <si>
    <t>VELUX Adapterkranz 16 cm ZCU 090090 1015</t>
  </si>
  <si>
    <t>ZCU 100100 0015</t>
  </si>
  <si>
    <t>5702329188227</t>
  </si>
  <si>
    <t>VELUX Adapterkranz 16 cm ZCU 100100 0015</t>
  </si>
  <si>
    <t>ZCU 100100 1015</t>
  </si>
  <si>
    <t>5702329188234</t>
  </si>
  <si>
    <t>VELUX Adapterkranz 16 cm ZCU 100100 1015</t>
  </si>
  <si>
    <t>ZCU 120090 0015</t>
  </si>
  <si>
    <t>5702329188241</t>
  </si>
  <si>
    <t>VELUX Adapterkranz 16 cm ZCU 120090 0015</t>
  </si>
  <si>
    <t>ZCU 120090 1015</t>
  </si>
  <si>
    <t>5702329188258</t>
  </si>
  <si>
    <t>VELUX Adapterkranz 16 cm ZCU 120090 1015</t>
  </si>
  <si>
    <t>ZCU 120120 0015</t>
  </si>
  <si>
    <t>5702329188265</t>
  </si>
  <si>
    <t>VELUX Adapterkranz 16 cm ZCU 120120 0015</t>
  </si>
  <si>
    <t>ZCU 120120 1015</t>
  </si>
  <si>
    <t>5702329188272</t>
  </si>
  <si>
    <t>VELUX Adapterkranz 16 cm ZCU 120120 1015</t>
  </si>
  <si>
    <t>ZCU 150080 0015</t>
  </si>
  <si>
    <t>5702329686877</t>
  </si>
  <si>
    <t>VELUX Adapterkranz 16 cm ZCU 150080 0015</t>
  </si>
  <si>
    <t>ZCU 150080 1015</t>
  </si>
  <si>
    <t>5702329686884</t>
  </si>
  <si>
    <t>VELUX Adapterkranz 16 cm ZCU 150080 1015</t>
  </si>
  <si>
    <t>ZCU 150100 0015</t>
  </si>
  <si>
    <t>5702329265744</t>
  </si>
  <si>
    <t>VELUX Adapterkranz 16 cm ZCU 150100 0015</t>
  </si>
  <si>
    <t>ZCU 150100 1015</t>
  </si>
  <si>
    <t>5702329265751</t>
  </si>
  <si>
    <t>VELUX Adapterkranz 16 cm ZCU 150100 1015</t>
  </si>
  <si>
    <t>ZCU 150120 0015</t>
  </si>
  <si>
    <t>5702329686891</t>
  </si>
  <si>
    <t>VELUX Adapterkranz 16 cm ZCU 150120 0015</t>
  </si>
  <si>
    <t>ZCU 150120 1015</t>
  </si>
  <si>
    <t>5702329686907</t>
  </si>
  <si>
    <t>VELUX Adapterkranz 16 cm ZCU 150120 1015</t>
  </si>
  <si>
    <t>ZCU 150150 0015</t>
  </si>
  <si>
    <t>5702329265768</t>
  </si>
  <si>
    <t>VELUX Adapterkranz 16 cm ZCU 150150 0015</t>
  </si>
  <si>
    <t>ZCU 150150 1015</t>
  </si>
  <si>
    <t>5702329265775</t>
  </si>
  <si>
    <t>VELUX Adapterkranz 16 cm ZCU 150150 1015</t>
  </si>
  <si>
    <t>ZCU 200060 0015</t>
  </si>
  <si>
    <t>5702329686914</t>
  </si>
  <si>
    <t>VELUX Adapterkranz 16 cm ZCU 200060 0015</t>
  </si>
  <si>
    <t>ZCU 200060 1015</t>
  </si>
  <si>
    <t>5702329686921</t>
  </si>
  <si>
    <t>VELUX Adapterkranz 16 cm ZCU 200060 1015</t>
  </si>
  <si>
    <t>ZCU 200100 0015</t>
  </si>
  <si>
    <t>5702329265782</t>
  </si>
  <si>
    <t>VELUX Adapterkranz 16 cm ZCU 200100 0015</t>
  </si>
  <si>
    <t>ZCU 200100 1015</t>
  </si>
  <si>
    <t>5702329265799</t>
  </si>
  <si>
    <t>VELUX Adapterkranz 16 cm ZCU 200100 1015</t>
  </si>
  <si>
    <t>ZCZ 080</t>
  </si>
  <si>
    <t>5702321038858</t>
  </si>
  <si>
    <t>VELUX Bedienstange 80cm ZCZ 080</t>
  </si>
  <si>
    <t>ZCZ 112</t>
  </si>
  <si>
    <t>5702328538290</t>
  </si>
  <si>
    <t>VELUX Bedienungsstange 120cm ZCZ 112</t>
  </si>
  <si>
    <t>für GPU/GPL/GTU/GTL</t>
  </si>
  <si>
    <t>ZCZ 171</t>
  </si>
  <si>
    <t>5702322432549</t>
  </si>
  <si>
    <t>VELUX Kurbelstange 80cm ZCZ 171</t>
  </si>
  <si>
    <t>für SCL, XR</t>
  </si>
  <si>
    <t>ZCZ 177</t>
  </si>
  <si>
    <t>5702322489468</t>
  </si>
  <si>
    <t>VELUX Kurbelstange 170cm ZCZ 177</t>
  </si>
  <si>
    <t>ZED 300S</t>
  </si>
  <si>
    <t>5702325960872</t>
  </si>
  <si>
    <t>VELUX Adapter ZED 300S</t>
  </si>
  <si>
    <t>für DKL/FHL/FPL/RFL/PAL/ZIL</t>
  </si>
  <si>
    <t>39259080</t>
  </si>
  <si>
    <t>ZEG 300</t>
  </si>
  <si>
    <t>5702324561230</t>
  </si>
  <si>
    <t>VELUX Adapter GGL/GGU ZEG 300</t>
  </si>
  <si>
    <t>für Teleskopbedienstange ZXT 200</t>
  </si>
  <si>
    <t>ZEG 300K</t>
  </si>
  <si>
    <t>5702327185068</t>
  </si>
  <si>
    <t>VELUX Adapter GGL/GGU ZEG 300K</t>
  </si>
  <si>
    <t>ZIL CK02 0000SWL</t>
  </si>
  <si>
    <t>5702328853638</t>
  </si>
  <si>
    <t>VELUX Ins.-Schutz-Rollo ZIL CK02 0000SWL</t>
  </si>
  <si>
    <t>Schwarz transparent Standard</t>
  </si>
  <si>
    <t>450</t>
  </si>
  <si>
    <t>VELUX-Insektenschutz-Rollos</t>
  </si>
  <si>
    <t>70196600</t>
  </si>
  <si>
    <t>ZIL CK06 0000SWL</t>
  </si>
  <si>
    <t>5702328853645</t>
  </si>
  <si>
    <t>VELUX Ins.-Schutz-Rollo ZIL CK06 0000SWL</t>
  </si>
  <si>
    <t>ZIL FK08 0000SWL</t>
  </si>
  <si>
    <t>5702328853652</t>
  </si>
  <si>
    <t>VELUX Ins.-Schutz-Rollo ZIL FK08 0000SWL</t>
  </si>
  <si>
    <t>ZIL MK06 0000SWL</t>
  </si>
  <si>
    <t>5702328853669</t>
  </si>
  <si>
    <t>VELUX Ins.-Schutz-Rollo ZIL MK06 0000SWL</t>
  </si>
  <si>
    <t>ZIL MK10 0000SWL</t>
  </si>
  <si>
    <t>5702328853676</t>
  </si>
  <si>
    <t>VELUX Ins.-Schutz-Rollo ZIL MK10 0000SWL</t>
  </si>
  <si>
    <t>ZIL PK06 0000SWL</t>
  </si>
  <si>
    <t>5702328853683</t>
  </si>
  <si>
    <t>VELUX Ins.-Schutz-Rollo ZIL PK06 0000SWL</t>
  </si>
  <si>
    <t>ZIL PK10 0000SWL</t>
  </si>
  <si>
    <t>5702328853690</t>
  </si>
  <si>
    <t>VELUX Ins.-Schutz-Rollo ZIL PK10 0000SWL</t>
  </si>
  <si>
    <t>ZIL SK06 0000SWL</t>
  </si>
  <si>
    <t>5702328853713</t>
  </si>
  <si>
    <t>VELUX Ins.-Schutz-Rollo ZIL SK06 0000SWL</t>
  </si>
  <si>
    <t>ZIL SK10 0000SWL</t>
  </si>
  <si>
    <t>5702328853720</t>
  </si>
  <si>
    <t>VELUX Ins.-Schutz-Rollo ZIL SK10 0000SWL</t>
  </si>
  <si>
    <t>ZIL UK04 0000SWL</t>
  </si>
  <si>
    <t>5702328853737</t>
  </si>
  <si>
    <t>VELUX Ins.-Schutz-Rollo ZIL UK04 0000SWL</t>
  </si>
  <si>
    <t>ZIL UK10 0000SWL</t>
  </si>
  <si>
    <t>5702328853744</t>
  </si>
  <si>
    <t>VELUX Ins.-Schutz-Rollo ZIL UK10 0000SWL</t>
  </si>
  <si>
    <t>ZIU 060060 0000WL</t>
  </si>
  <si>
    <t>5702328963634</t>
  </si>
  <si>
    <t>VELUX Insektenschutz ZIU 060060 0000WL</t>
  </si>
  <si>
    <t>für CFU/CVU, Fixe Rahmenstruktur</t>
  </si>
  <si>
    <t>ZIU 080080 0000WL</t>
  </si>
  <si>
    <t>5702328963641</t>
  </si>
  <si>
    <t>VELUX Insektenschutz ZIU 080080 0000WL</t>
  </si>
  <si>
    <t>ZIU 090060 0000WL</t>
  </si>
  <si>
    <t>5702328963658</t>
  </si>
  <si>
    <t>VELUX Insektenschutz ZIU 090060 0000WL</t>
  </si>
  <si>
    <t>ZIU 090090 0000WL</t>
  </si>
  <si>
    <t>5702328963665</t>
  </si>
  <si>
    <t>VELUX Insektenschutz ZIU 090090 0000WL</t>
  </si>
  <si>
    <t>ZIU 100100 0000WL</t>
  </si>
  <si>
    <t>5702328963672</t>
  </si>
  <si>
    <t>VELUX Insektenschutz ZIU 100100 0000WL</t>
  </si>
  <si>
    <t>ZIU 120090 0000WL</t>
  </si>
  <si>
    <t>5702328963689</t>
  </si>
  <si>
    <t>VELUX Insektenschutz ZIU 120090 0000WL</t>
  </si>
  <si>
    <t>ZIU 120120 0000WL</t>
  </si>
  <si>
    <t>5702328963696</t>
  </si>
  <si>
    <t>VELUX Insektenschutz ZIU 120120 0000WL</t>
  </si>
  <si>
    <t>ZIU 150080 0000WL</t>
  </si>
  <si>
    <t>5702329789172</t>
  </si>
  <si>
    <t>VELUX Insektenschutz ZIU 150080 0000WL</t>
  </si>
  <si>
    <t>ZIU 150100 0000WL</t>
  </si>
  <si>
    <t>5702328963702</t>
  </si>
  <si>
    <t>VELUX Insektenschutz ZIU 150100 0000WL</t>
  </si>
  <si>
    <t>ZIU 150120 0000WL</t>
  </si>
  <si>
    <t>5702329789189</t>
  </si>
  <si>
    <t>VELUX Insektenschutz ZIU 150120 0000WL</t>
  </si>
  <si>
    <t>ZIU 150150 0000WL</t>
  </si>
  <si>
    <t>5702328963719</t>
  </si>
  <si>
    <t>VELUX Insektenschutz ZIU 150150 0000WL</t>
  </si>
  <si>
    <t>ZIU 200060 0000WL</t>
  </si>
  <si>
    <t>5702329789196</t>
  </si>
  <si>
    <t>VELUX Insektenschutz ZIU 200060 0000WL</t>
  </si>
  <si>
    <t>ZIU 200100 0000WL</t>
  </si>
  <si>
    <t>5702328963726</t>
  </si>
  <si>
    <t>VELUX Insektenschutz ZIU 200100 0000WL</t>
  </si>
  <si>
    <t>ZOH MK00 4045</t>
  </si>
  <si>
    <t>5702327659743</t>
  </si>
  <si>
    <t>VELUX Hygro-Zuluftelement ZOH MK00 4045</t>
  </si>
  <si>
    <t>Feuchtegef. Zuluftelem.f.Abluftanl.</t>
  </si>
  <si>
    <t>625</t>
  </si>
  <si>
    <t>VELUX-Lüftungs-Lösungen</t>
  </si>
  <si>
    <t>----------------------------------------
_x000D_VELUX Lüftungselement für
Klapp-Schwing-_x000D_
Fenster und Schwingfenster_x000D_
für Fenster der Breite M_x000D_K 
----------------------------------------
_x000D_passend für zweifach-verglaste  Fenster
des Sortiments V22
----------------------------------------
Bedarfgeführtes  Zuluftelement_x000D_ durch
Feuchteführung_x000D_  
--------------------------------------
Verwendung als Zuluftelement für_x000D_
feuchtegeführte 
mechanische Abluftanlagen_x000D_
--------------------------------------
Geprüft nach EN 13141-9_x000D_
Erfüllt die Normen DIN 1946-6_x000D_
--------------------------------------
Luftvolumenstrom: 4-32 m³/h bei 10 Pa_x000D_
Normschallpgeldifferenz: Dn,e,w: 36 dB_x000D_
Material:ABS-Dichtung_x000D_
(Acrylnitril-Butadien-Styol): EPDM</t>
  </si>
  <si>
    <t>ZOH SK00 4045</t>
  </si>
  <si>
    <t>5702327659767</t>
  </si>
  <si>
    <t>VELUX Hygro-Zuluftelement ZOH SK00 4045</t>
  </si>
  <si>
    <t>----------------------------------------
_x000D_VELUX Lüftungselement für
Klapp-Schwing-_x000D_
Fenster und Schwingfenster_x000D_
für Fenster der Breite S_x000D_K 
---------------------------------------
_x000D_passend für zweifach-verglaste  Fenster
des Sortiments V22
----------------------------------------
Bedarfgeführtes  Zuluftelement_x000D_ durch
Feuchteführung_x000D_  
--------------------------------------
Verwendung als Zuluftelement für_x000D_
feuchtegeführte 
mechanische Abluftanlagen_x000D_
--------------------------------------
Geprüft nach EN 13141-9_x000D_
Erfüllt die Normen DIN 1946-6_x000D_
--------------------------------------
Luftvolumenstrom: 4-32 m³/h bei 10 Pa_x000D_
Normschallpgeldifferenz: Dn,e,w: 36 dB_x000D_
Material:ABS-Dichtung_x000D_
(Acrylnitril-Butadien-Styol): EPDM</t>
  </si>
  <si>
    <t>ZOH UK00 4045</t>
  </si>
  <si>
    <t>5702327659781</t>
  </si>
  <si>
    <t>VELUX Hygro-Zuluftelement ZOH UK00 4045</t>
  </si>
  <si>
    <t>----------------------------------------
_x000D_VELUX Lüftungselement für
Klapp-Schwing-_x000D_
Fenster und Schwingfenster_x000D_
für Fenster der Breite U_x000D_K 
----------------------------------------
_x000D_passend für zweifach-verglaste  Fenster
des Sortiments V22
----------------------------------------
Bedarfgeführtes  Zuluftelement_x000D_ durch
Feuchteführung_x000D_  
--------------------------------------
Verwendung als Zuluftelement für_x000D_
feuchtegeführte 
mechanische Abluftanlagen_x000D_
--------------------------------------
Geprüft nach EN 13141-9_x000D_
Erfüllt die Normen DIN 1946-6_x000D_
--------------------------------------
Luftvolumenstrom: 4-32 m³/h bei 10 Pa_x000D_
Normschallpgeldifferenz: Dn,e,w: 36 dB_x000D_
Material:ABS-Dichtung_x000D_
(Acrylnitril-Butadien-Styol): EPDM</t>
  </si>
  <si>
    <t>ZOZ 010KH</t>
  </si>
  <si>
    <t>5702329236249</t>
  </si>
  <si>
    <t>VELUX Sperrbeschlag ZOZ 010KH</t>
  </si>
  <si>
    <t>für GGU</t>
  </si>
  <si>
    <t>ZOZ 011</t>
  </si>
  <si>
    <t>5702326778001</t>
  </si>
  <si>
    <t>VELUX Schlüssel für ZOZ 010/V ZOZ 011</t>
  </si>
  <si>
    <t>für GGU, GGL, VL</t>
  </si>
  <si>
    <t>ZOZ 012K1</t>
  </si>
  <si>
    <t>5702328565654</t>
  </si>
  <si>
    <t>VELUX Sicherh.-Schließzylinder ZOZ 012K1</t>
  </si>
  <si>
    <t>f. GGU, GGL, GTL, GZX, VU, VL, VT</t>
  </si>
  <si>
    <t>83014090</t>
  </si>
  <si>
    <t>ZOZ 040</t>
  </si>
  <si>
    <t>5702329354943</t>
  </si>
  <si>
    <t>VELUX Adapter ZOZ 040</t>
  </si>
  <si>
    <t>für Rollos mit Bedienungsgriff</t>
  </si>
  <si>
    <t>ZOZ 085</t>
  </si>
  <si>
    <t>5702321083476</t>
  </si>
  <si>
    <t>VELUX Adapter ZOZ 085</t>
  </si>
  <si>
    <t>für DSP</t>
  </si>
  <si>
    <t>ZOZ 115</t>
  </si>
  <si>
    <t>5702328683846</t>
  </si>
  <si>
    <t>VELUX Schr. f. Haltekr. MHL ZOZ 115</t>
  </si>
  <si>
    <t>bei GGL ..62</t>
  </si>
  <si>
    <t>ZOZ 124</t>
  </si>
  <si>
    <t>5702320720525</t>
  </si>
  <si>
    <t>VELUX Sicherh.-Schließzylinder ZOZ 124</t>
  </si>
  <si>
    <t>für VFE</t>
  </si>
  <si>
    <t>ZOZ 137</t>
  </si>
  <si>
    <t>5702320720570</t>
  </si>
  <si>
    <t>VELUX Haltekrallen weiß ZOZ 137</t>
  </si>
  <si>
    <t>für Rollos, 3 Paar</t>
  </si>
  <si>
    <t>ZOZ 152</t>
  </si>
  <si>
    <t>5702322174524</t>
  </si>
  <si>
    <t>VELUX Fensterflügel-Halteb. ZOZ 152</t>
  </si>
  <si>
    <t>bei herabgelassenem Rollladenpanzer</t>
  </si>
  <si>
    <t>Z</t>
  </si>
  <si>
    <t>ZOZ 157SWL</t>
  </si>
  <si>
    <t>5702328869301</t>
  </si>
  <si>
    <t>VELUX Verbindungsset ZOZ 157SWL</t>
  </si>
  <si>
    <t>weiß, für Insektenschutz-Rollos</t>
  </si>
  <si>
    <t>ZOZ 159K</t>
  </si>
  <si>
    <t>5702327029546</t>
  </si>
  <si>
    <t>VELUX Verschlusshülse ZOZ 159K</t>
  </si>
  <si>
    <t>aus Stahl</t>
  </si>
  <si>
    <t>ZOZ 213</t>
  </si>
  <si>
    <t>5702325444839</t>
  </si>
  <si>
    <t>VELUX Montagehilfe für Solapanel ZOZ 213</t>
  </si>
  <si>
    <t>bei Solar-Rolläden+Solar-Markisen</t>
  </si>
  <si>
    <t>180</t>
  </si>
  <si>
    <t>VELUX-Solarzubehör</t>
  </si>
  <si>
    <t>ZOZ 217</t>
  </si>
  <si>
    <t>5702325960469</t>
  </si>
  <si>
    <t>VELUX Rollladen-Ausstellarm ZOZ 217</t>
  </si>
  <si>
    <t>ZOZ 229</t>
  </si>
  <si>
    <t>5702328729971</t>
  </si>
  <si>
    <t>VELUX Kit MML/MSL ZOZ 229</t>
  </si>
  <si>
    <t>für GPU Elektro</t>
  </si>
  <si>
    <t>73269098</t>
  </si>
  <si>
    <t>ZOZ 230</t>
  </si>
  <si>
    <t>5702328332751</t>
  </si>
  <si>
    <t>VELUX Zubehörträger ZOZ 230</t>
  </si>
  <si>
    <t>für Installation von Sonnenschutz</t>
  </si>
  <si>
    <t>ZOZ 230 X25</t>
  </si>
  <si>
    <t>5702329969802</t>
  </si>
  <si>
    <t>Montagehalterungsset ZOZ 230 X25</t>
  </si>
  <si>
    <t>für DSP 25 Stück</t>
  </si>
  <si>
    <t>ZOZ 238</t>
  </si>
  <si>
    <t>5702329231206</t>
  </si>
  <si>
    <t>VELUX Montageset ZOZ 238</t>
  </si>
  <si>
    <t>für SSS/MML/MSL</t>
  </si>
  <si>
    <t>ZOZ 241</t>
  </si>
  <si>
    <t>5702328928527</t>
  </si>
  <si>
    <t>VELUX Montage-Set ZOZ 241</t>
  </si>
  <si>
    <t>für Elektro-Rollos,Größe CK02-UK10</t>
  </si>
  <si>
    <t>85444290</t>
  </si>
  <si>
    <t>ZOZ 243</t>
  </si>
  <si>
    <t>5702328928541</t>
  </si>
  <si>
    <t>VELUX Montage-Set ZOZ 243</t>
  </si>
  <si>
    <t>für Elektro-Rollos,Größe C02-U10</t>
  </si>
  <si>
    <t>ZOZ 246</t>
  </si>
  <si>
    <t>5702329237512</t>
  </si>
  <si>
    <t>VELUX Solarregler ZOZ 246</t>
  </si>
  <si>
    <t>für SSS/MSL auf Solarfe.CK02-FK08</t>
  </si>
  <si>
    <t>ZOZ 246K</t>
  </si>
  <si>
    <t>5702320795592</t>
  </si>
  <si>
    <t xml:space="preserve">Austausch-Set ZOZ 246K </t>
  </si>
  <si>
    <t>ZOZ 253</t>
  </si>
  <si>
    <t>5702329699099</t>
  </si>
  <si>
    <t>VELUX Montageset ZOZ 253</t>
  </si>
  <si>
    <t>für SSL/SML Gr. 102-206</t>
  </si>
  <si>
    <t>ZOZ 254</t>
  </si>
  <si>
    <t>5702329699105</t>
  </si>
  <si>
    <t>VELUX Montageset ZOZ 254</t>
  </si>
  <si>
    <t>für SSL/SML Gr. 304-810</t>
  </si>
  <si>
    <t>ZOZ CK02 240</t>
  </si>
  <si>
    <t>5702328926974</t>
  </si>
  <si>
    <t>VELUX Kupferprofil ZOZ CK02 240</t>
  </si>
  <si>
    <t>für Markisen,Größe CK02</t>
  </si>
  <si>
    <t>ZOZ CK04 240</t>
  </si>
  <si>
    <t>5702329018937</t>
  </si>
  <si>
    <t>VELUX Kupferprofil ZOZ CK04 240</t>
  </si>
  <si>
    <t>für Markisen,Größe CK04</t>
  </si>
  <si>
    <t>ZOZ CK06 240</t>
  </si>
  <si>
    <t>5702328926981</t>
  </si>
  <si>
    <t>VELUX Kupferprofil ZOZ CK06 240</t>
  </si>
  <si>
    <t>für Markisen,Größe CK06</t>
  </si>
  <si>
    <t>ZOZ FFKF06 251</t>
  </si>
  <si>
    <t>5702329349819</t>
  </si>
  <si>
    <t>VELUX Kupferprofil ZOZ FFKF06 251</t>
  </si>
  <si>
    <t>für SSSS/MSLS, GGLS 3-in-1</t>
  </si>
  <si>
    <t>ZOZ FFKF08 251</t>
  </si>
  <si>
    <t>5702329349826</t>
  </si>
  <si>
    <t>VELUX Kupferprofil ZOZ FFKF08 251</t>
  </si>
  <si>
    <t>ZOZ FK04 240</t>
  </si>
  <si>
    <t>5702328926998</t>
  </si>
  <si>
    <t>VELUX Kupferprofil ZOZ FK04 240</t>
  </si>
  <si>
    <t>für Markisen,Größe FK04</t>
  </si>
  <si>
    <t>ZOZ FK06 240</t>
  </si>
  <si>
    <t>5702328927001</t>
  </si>
  <si>
    <t>VELUX Kupferprofil ZOZ FK06 240</t>
  </si>
  <si>
    <t>für Markisen,Größe FK06</t>
  </si>
  <si>
    <t>ZOZ FK08 240</t>
  </si>
  <si>
    <t>5702329018944</t>
  </si>
  <si>
    <t>VELUX Kupferprofil ZOZ FK08 240</t>
  </si>
  <si>
    <t>für Markisen,Größe FK08</t>
  </si>
  <si>
    <t>ZOZ MK04 240</t>
  </si>
  <si>
    <t>5702328927018</t>
  </si>
  <si>
    <t>VELUX Kupferprofil ZOZ MK04 240</t>
  </si>
  <si>
    <t>für Markisen,Größe MK04</t>
  </si>
  <si>
    <t>ZOZ MK06 240</t>
  </si>
  <si>
    <t>5702328927025</t>
  </si>
  <si>
    <t>VELUX Kupferprofil ZOZ MK06 240</t>
  </si>
  <si>
    <t>für Markisen,Größe MK06</t>
  </si>
  <si>
    <t>ZOZ MK08 240</t>
  </si>
  <si>
    <t>5702328927032</t>
  </si>
  <si>
    <t>VELUX Kupferprofil ZOZ MK08 240</t>
  </si>
  <si>
    <t>für Markisen,Größe MK08</t>
  </si>
  <si>
    <t>ZOZ MK10 240</t>
  </si>
  <si>
    <t>5702328927049</t>
  </si>
  <si>
    <t>VELUX Kupferprofil ZOZ MK10 240</t>
  </si>
  <si>
    <t>für Markisen,Größe MK10</t>
  </si>
  <si>
    <t>ZOZ MK12 240</t>
  </si>
  <si>
    <t>5702328927056</t>
  </si>
  <si>
    <t>VELUX Kupferprofil ZOZ MK12 240</t>
  </si>
  <si>
    <t>für Markisen,Größe MK12</t>
  </si>
  <si>
    <t>ZOZ PK06 240</t>
  </si>
  <si>
    <t>5702328927070</t>
  </si>
  <si>
    <t>VELUX Kupferprofil ZOZ PK06 240</t>
  </si>
  <si>
    <t>für Markisen,Größe PK06</t>
  </si>
  <si>
    <t>ZOZ PK08 240</t>
  </si>
  <si>
    <t>5702328927087</t>
  </si>
  <si>
    <t>VELUX Kupferprofil ZOZ PK08 240</t>
  </si>
  <si>
    <t>für Markisen,Größe PK08</t>
  </si>
  <si>
    <t>ZOZ PK10 240</t>
  </si>
  <si>
    <t>5702328927094</t>
  </si>
  <si>
    <t>VELUX Kupferprofil ZOZ PK10 240</t>
  </si>
  <si>
    <t>für Markisen,Größe PK10</t>
  </si>
  <si>
    <t>ZOZ SK06 240</t>
  </si>
  <si>
    <t>5702328927117</t>
  </si>
  <si>
    <t>VELUX Kupferprofil ZOZ SK06 240</t>
  </si>
  <si>
    <t>für Markisen,Größe SK06</t>
  </si>
  <si>
    <t>ZOZ SK08 240</t>
  </si>
  <si>
    <t>5702328927124</t>
  </si>
  <si>
    <t>VELUX Kupferprofil ZOZ SK08 240</t>
  </si>
  <si>
    <t>für Markisen,Größe SK08</t>
  </si>
  <si>
    <t>ZOZ SK10 240</t>
  </si>
  <si>
    <t>5702328927131</t>
  </si>
  <si>
    <t>VELUX Kupferprofil ZOZ SK10 240</t>
  </si>
  <si>
    <t>für Markisen,Größe SK10</t>
  </si>
  <si>
    <t>ZOZ UK04 240</t>
  </si>
  <si>
    <t>5702328927148</t>
  </si>
  <si>
    <t>VELUX Kupferprofil ZOZ UK04 240</t>
  </si>
  <si>
    <t>für Markisen,Größe UK04</t>
  </si>
  <si>
    <t>ZOZ UK08 240</t>
  </si>
  <si>
    <t>5702328927155</t>
  </si>
  <si>
    <t>VELUX Kupferprofil ZOZ UK08 240</t>
  </si>
  <si>
    <t>für Markisen,Größe UK08</t>
  </si>
  <si>
    <t>ZOZ UK10 240</t>
  </si>
  <si>
    <t>5702328927162</t>
  </si>
  <si>
    <t>VELUX Kupferprofil ZOZ UK10 240</t>
  </si>
  <si>
    <t>für Markisen,Größe UK10</t>
  </si>
  <si>
    <t>ZTB 0K14 2002</t>
  </si>
  <si>
    <t>5702327835383</t>
  </si>
  <si>
    <t>VELUX Zusatzscheibe ZTB 0K14 2002</t>
  </si>
  <si>
    <t>für verbesserten Wärmeschutz</t>
  </si>
  <si>
    <t>----------------------------------------
2-fach verglaste
Diffusor-Polycarbonat-Isolierscheibe mit
zusätzlicher Dichtung.</t>
  </si>
  <si>
    <t>ZTL 014</t>
  </si>
  <si>
    <t>5702324808120</t>
  </si>
  <si>
    <t>VELUX Beleuchtungszusatz ZTL 014</t>
  </si>
  <si>
    <t>94053900</t>
  </si>
  <si>
    <t>----------------------------------------
Lieferung inkl. 4 W
LED-Leuchtmittel.
Passend für Größen
0K10 und 0K14.
(benötigt 230Volt Anschluss)</t>
  </si>
  <si>
    <t>ZTR 0K10 0062</t>
  </si>
  <si>
    <t>5702327835437</t>
  </si>
  <si>
    <t>VELUX Verl.-Rohr T.-Spot ZTR 0K10 0062</t>
  </si>
  <si>
    <t>starr, Länge 62 cm</t>
  </si>
  <si>
    <t>Rohrdurchmesser = 25cm
----------------------------------------
Aus Aluminium mit
silberner Hochglanzbeschichtung auf der
Innenfläche für eine sehr hohe
natürliche Lichtausbeute. Schnelle und
einfache Steckmontage des Rohrsystems
durch patentiertes Flexi LocTM System.
Für VELUX Tageslicht-Spot TWR, TCR und
TLR</t>
  </si>
  <si>
    <t>ZTR 0K14 0062</t>
  </si>
  <si>
    <t>5702327835444</t>
  </si>
  <si>
    <t>VELUX Verl.-Rohr T.-Spot ZTR 0K14 0062</t>
  </si>
  <si>
    <t>Rohrdurchmesser = 35cm
----------------------------------------
Aus Aluminium mit
silberner Hochglanzbeschichtung auf der
Innenfläche für eine sehr hohe
natürliche Lichtausbeute. Schnelle und
einfache Steckmontage des Rohrsystems
durch patentiertes Flexi LocTM System.
Für VELUX Tageslicht-Spot TWR, TCR und
TLR</t>
  </si>
  <si>
    <t>ZTR 0K14 0124</t>
  </si>
  <si>
    <t>5702327835451</t>
  </si>
  <si>
    <t>VELUX Verl.-Rohr T.-Spot ZTR 0K14 0124</t>
  </si>
  <si>
    <t>starr, Länge 124 cm</t>
  </si>
  <si>
    <t>ZTV 014</t>
  </si>
  <si>
    <t>5702324789504</t>
  </si>
  <si>
    <t>VELUX Lüftungsadapter ZTV 014</t>
  </si>
  <si>
    <t>----------------------------------------
Zusätzliche Entlüftung von innen-
liegenden Räumen sowie Feuchträumen
(Bad, Küche) bei denen eine mechanische
Entlüftung gewünscht wird.
Der Lüftungszusatz besteht aus zwei
Ventilationsadaptern und einem isolier-
ten Sammelrohr, die auf der Unterseite
des Eindeckrahmens montiert werden.
Ein isolierter Flexschlauch (Durch-
messer 100 mm) und ein elektrischer
Lüfter (Durchmesser 100 mm) gehören
nicht zum Lieferumfang und sind bauseits
zu stellen.
Nur für TWR 0K14.</t>
  </si>
  <si>
    <t>ZWC CK02 0000T</t>
  </si>
  <si>
    <t>5702328471757</t>
  </si>
  <si>
    <t>Set Fensterabdeckbleche ZWC CK02 0000T</t>
  </si>
  <si>
    <t>----------------------------------------
Seitliche und untere Blendrahmen-
verblechung sowie Kragenblech für
Dachfenster in der
gleichen Größe und Ausführung des 
Dachfensters.
Notwendig bei Fenstereinbau ohne
VELUX Eindeckrahmen.</t>
  </si>
  <si>
    <t>ZWC CK02 0100</t>
  </si>
  <si>
    <t>5702327200860</t>
  </si>
  <si>
    <t>VELUX Fenster-Bleche ZWC CK02 0100</t>
  </si>
  <si>
    <t>Stock und Sohlbank Kupfer</t>
  </si>
  <si>
    <t>ZWC CK02 0100T</t>
  </si>
  <si>
    <t>5702320145656</t>
  </si>
  <si>
    <t>Set Fensterabdeckbleche ZWC CK02 0100T</t>
  </si>
  <si>
    <t>ZWC CK02 0300T</t>
  </si>
  <si>
    <t>5702320145663</t>
  </si>
  <si>
    <t>Set Fensterabdeckbleche ZWC CK02 0300T</t>
  </si>
  <si>
    <t>ZWC CK02 2000T</t>
  </si>
  <si>
    <t>5702329777667</t>
  </si>
  <si>
    <t>Pro+ Fenster-Abdeck.satz ZWC CK02 2000T</t>
  </si>
  <si>
    <t>----------------------------------------
Seitliche und untere Blendrahmen-
verblechung sowie Kragenblech für
Dachfenster in der
gleichen Größe und Ausführung des 
Dachfensters.
Notwendig bei Fenstereinbau ohne
VELUX Eindeckrahmen.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t>
  </si>
  <si>
    <t>ZWC CK02 2100T</t>
  </si>
  <si>
    <t>5702329777674</t>
  </si>
  <si>
    <t>Pro+ Fenster-Abdeck.satz ZWC CK02 2100T</t>
  </si>
  <si>
    <t>ZWC CK02 2300T</t>
  </si>
  <si>
    <t>5702329777681</t>
  </si>
  <si>
    <t>Pro+ Fenster-Abdeck.satz ZWC CK02 2300T</t>
  </si>
  <si>
    <t>ZWC CK04 0000T</t>
  </si>
  <si>
    <t>5702328471764</t>
  </si>
  <si>
    <t>Set Fensterabdeckbleche ZWC CK04 0000T</t>
  </si>
  <si>
    <t>ZWC CK04 0100T</t>
  </si>
  <si>
    <t>5702320145670</t>
  </si>
  <si>
    <t>Set Fensterabdeckbleche ZWC CK04 0100T</t>
  </si>
  <si>
    <t>ZWC CK04 0300T</t>
  </si>
  <si>
    <t>5702320145694</t>
  </si>
  <si>
    <t>Set Fensterabdeckbleche ZWC CK04 0300T</t>
  </si>
  <si>
    <t>ZWC CK04 2000T</t>
  </si>
  <si>
    <t>5702329777704</t>
  </si>
  <si>
    <t>Pro+ Fenster-Abdeck.satz ZWC CK04 2000T</t>
  </si>
  <si>
    <t>ZWC CK04 2100T</t>
  </si>
  <si>
    <t>5702329777711</t>
  </si>
  <si>
    <t>Pro+ Fenster-Abdeck.satz ZWC CK04 2100T</t>
  </si>
  <si>
    <t>ZWC CK04 2300T</t>
  </si>
  <si>
    <t>5702329777728</t>
  </si>
  <si>
    <t>Pro+ Fenster-Abdeck.satz ZWC CK04 2300T</t>
  </si>
  <si>
    <t>ZWC CK06 0000T</t>
  </si>
  <si>
    <t>5702328471771</t>
  </si>
  <si>
    <t>Set Fensterabdeckbleche ZWC CK06 0000T</t>
  </si>
  <si>
    <t>ZWC CK06 0100T</t>
  </si>
  <si>
    <t>5702320145700</t>
  </si>
  <si>
    <t>Set Fensterabdeckbleche ZWC CK06 0100T</t>
  </si>
  <si>
    <t>ZWC CK06 0300T</t>
  </si>
  <si>
    <t>5702320145717</t>
  </si>
  <si>
    <t>Set Fensterabdeckbleche ZWC CK06 0300T</t>
  </si>
  <si>
    <t>ZWC CK06 2000T</t>
  </si>
  <si>
    <t>5702329777742</t>
  </si>
  <si>
    <t>Pro+ Fenster-Abdeck.satz ZWC CK06 2000T</t>
  </si>
  <si>
    <t>ZWC CK06 2100T</t>
  </si>
  <si>
    <t>5702329777759</t>
  </si>
  <si>
    <t>Pro+ Fenster-Abdeck.satz ZWC CK06 2100T</t>
  </si>
  <si>
    <t>ZWC CK06 2300T</t>
  </si>
  <si>
    <t>5702329777766</t>
  </si>
  <si>
    <t>Pro+ Fenster-Abdeck.satz ZWC CK06 2300T</t>
  </si>
  <si>
    <t>ZWC FFKF06 0000</t>
  </si>
  <si>
    <t>5702329620413</t>
  </si>
  <si>
    <t>VELUX Fenster-Bleche ZWC FFKF06 0000</t>
  </si>
  <si>
    <t>für Lichtlösung Alu</t>
  </si>
  <si>
    <t>ZWC FFKF06 0100</t>
  </si>
  <si>
    <t>5702329620420</t>
  </si>
  <si>
    <t>VELUX Fenster-Bleche ZWC FFKF06 0100</t>
  </si>
  <si>
    <t>für Lichtlösung Kupfer</t>
  </si>
  <si>
    <t>ZWC FFKF08 0000</t>
  </si>
  <si>
    <t>5702329620437</t>
  </si>
  <si>
    <t>VELUX Fenster-Bleche ZWC FFKF08 0000</t>
  </si>
  <si>
    <t>ZWC FFKF08 0100</t>
  </si>
  <si>
    <t>5702329620444</t>
  </si>
  <si>
    <t>VELUX Fenster-Bleche ZWC FFKF08 0100</t>
  </si>
  <si>
    <t>ZWC FK04 0000T</t>
  </si>
  <si>
    <t>5702328471788</t>
  </si>
  <si>
    <t>Set Fensterabdeckbleche ZWC FK04 0000T</t>
  </si>
  <si>
    <t>ZWC FK04 0100T</t>
  </si>
  <si>
    <t>5702320145724</t>
  </si>
  <si>
    <t>Set Fensterabdeckbleche ZWC FK04 0100T</t>
  </si>
  <si>
    <t>ZWC FK04 0300T</t>
  </si>
  <si>
    <t>5702320145731</t>
  </si>
  <si>
    <t>Set Fensterabdeckbleche ZWC FK04 0300T</t>
  </si>
  <si>
    <t>ZWC FK04 2000T</t>
  </si>
  <si>
    <t>5702329777780</t>
  </si>
  <si>
    <t>Pro+ Fenster-Abdeck.satz ZWC FK04 2000T</t>
  </si>
  <si>
    <t>ZWC FK04 2100T</t>
  </si>
  <si>
    <t>5702329777797</t>
  </si>
  <si>
    <t>Pro+ Fenster-Abdeck.satz ZWC FK04 2100T</t>
  </si>
  <si>
    <t>ZWC FK04 2300T</t>
  </si>
  <si>
    <t>5702329777803</t>
  </si>
  <si>
    <t>Pro+ Fenster-Abdeck.satz ZWC FK04 2300T</t>
  </si>
  <si>
    <t>ZWC FK06 0000T</t>
  </si>
  <si>
    <t>5702328471795</t>
  </si>
  <si>
    <t>Set Fensterabdeckbleche ZWC FK06 0000T</t>
  </si>
  <si>
    <t>ZWC FK06 0100T</t>
  </si>
  <si>
    <t>5702320145748</t>
  </si>
  <si>
    <t>Set Fensterabdeckbleche ZWC FK06 0100T</t>
  </si>
  <si>
    <t>ZWC FK06 0300T</t>
  </si>
  <si>
    <t>5702320145755</t>
  </si>
  <si>
    <t>Set Fensterabdeckbleche ZWC FK06 0300T</t>
  </si>
  <si>
    <t>ZWC FK06 2000T</t>
  </si>
  <si>
    <t>5702329777827</t>
  </si>
  <si>
    <t>Pro+ Fenster-Abdeck.satz ZWC FK06 2000T</t>
  </si>
  <si>
    <t>ZWC FK06 2100T</t>
  </si>
  <si>
    <t>5702329777834</t>
  </si>
  <si>
    <t>Pro+ Fenster-Abdeck.satz ZWC FK06 2100T</t>
  </si>
  <si>
    <t>ZWC FK06 2300T</t>
  </si>
  <si>
    <t>5702329777841</t>
  </si>
  <si>
    <t>Pro+ Fenster-Abdeck.satz ZWC FK06 2300T</t>
  </si>
  <si>
    <t>ZWC FK08 0000T</t>
  </si>
  <si>
    <t>5702328471801</t>
  </si>
  <si>
    <t>Set Fensterabdeckbleche ZWC FK08 0000T</t>
  </si>
  <si>
    <t>ZWC FK08 0100T</t>
  </si>
  <si>
    <t>5702320145779</t>
  </si>
  <si>
    <t>Set Fensterabdeckbleche ZWC FK08 0100T</t>
  </si>
  <si>
    <t>ZWC FK08 0300T</t>
  </si>
  <si>
    <t>5702320145786</t>
  </si>
  <si>
    <t>Set Fensterabdeckbleche ZWC FK08 0300T</t>
  </si>
  <si>
    <t>ZWC FK08 2000T</t>
  </si>
  <si>
    <t>5702329777865</t>
  </si>
  <si>
    <t>Pro+ Fenster-Abdeck.satz ZWC FK08 2000T</t>
  </si>
  <si>
    <t>ZWC FK08 2100T</t>
  </si>
  <si>
    <t>5702329777872</t>
  </si>
  <si>
    <t>Pro+ Fenster-Abdeck.satz ZWC FK08 2100T</t>
  </si>
  <si>
    <t>ZWC FK08 2300T</t>
  </si>
  <si>
    <t>5702329777889</t>
  </si>
  <si>
    <t>Pro+ Fenster-Abdeck.satz ZWC FK08 2300T</t>
  </si>
  <si>
    <t>ZWC MK04 0000T</t>
  </si>
  <si>
    <t>5702328471818</t>
  </si>
  <si>
    <t>Set Fensterabdeckbleche ZWC MK04 0000T</t>
  </si>
  <si>
    <t>ZWC MK04 0100T</t>
  </si>
  <si>
    <t>5702320145793</t>
  </si>
  <si>
    <t>Set Fensterabdeckbleche ZWC MK04 0100T</t>
  </si>
  <si>
    <t>ZWC MK04 0300T</t>
  </si>
  <si>
    <t>5702320145816</t>
  </si>
  <si>
    <t>Set Fensterabdeckbleche ZWC MK04 0300T</t>
  </si>
  <si>
    <t>ZWC MK04 2000T</t>
  </si>
  <si>
    <t>5702329777902</t>
  </si>
  <si>
    <t>Pro+ Fenster-Abdeck.satz ZWC MK04 2000T</t>
  </si>
  <si>
    <t>ZWC MK04 2100T</t>
  </si>
  <si>
    <t>5702329777919</t>
  </si>
  <si>
    <t>Pro+ Fenster-Abdeck.satz ZWC MK04 2100T</t>
  </si>
  <si>
    <t>ZWC MK04 2300T</t>
  </si>
  <si>
    <t>5702329777926</t>
  </si>
  <si>
    <t>Pro+ Fenster-Abdeck.satz ZWC MK04 2300T</t>
  </si>
  <si>
    <t>ZWC MK06 0000T</t>
  </si>
  <si>
    <t>5702328471825</t>
  </si>
  <si>
    <t>Set Fensterabdeckbleche ZWC MK06 0000T</t>
  </si>
  <si>
    <t>Fenstergr. 78x118cm</t>
  </si>
  <si>
    <t>ZWC MK06 0100T</t>
  </si>
  <si>
    <t>5702320145823</t>
  </si>
  <si>
    <t>Set Fensterabdeckbleche ZWC MK06 0100T</t>
  </si>
  <si>
    <t>ZWC MK06 0300T</t>
  </si>
  <si>
    <t>5702320145830</t>
  </si>
  <si>
    <t>Set Fensterabdeckbleche ZWC MK06 0300T</t>
  </si>
  <si>
    <t>ZWC MK06 2000T</t>
  </si>
  <si>
    <t>5702329777940</t>
  </si>
  <si>
    <t>Pro+ Fenster-Abdeck.satz ZWC MK06 2000T</t>
  </si>
  <si>
    <t>ZWC MK06 2100T</t>
  </si>
  <si>
    <t>5702329777957</t>
  </si>
  <si>
    <t>Pro+ Fenster-Abdeck.satz ZWC MK06 2100T</t>
  </si>
  <si>
    <t>ZWC MK06 2300T</t>
  </si>
  <si>
    <t>5702329777964</t>
  </si>
  <si>
    <t>Pro+ Fenster-Abdeck.satz ZWC MK06 2300T</t>
  </si>
  <si>
    <t>ZWC MK08 0000T</t>
  </si>
  <si>
    <t>5702328471832</t>
  </si>
  <si>
    <t>Set Fensterabdeckbleche ZWC MK08 0000T</t>
  </si>
  <si>
    <t>ZWC MK08 0100T</t>
  </si>
  <si>
    <t>5702320145847</t>
  </si>
  <si>
    <t>Set Fensterabdeckbleche ZWC MK08 0100T</t>
  </si>
  <si>
    <t>ZWC MK08 0300T</t>
  </si>
  <si>
    <t>5702320145854</t>
  </si>
  <si>
    <t>Set Fensterabdeckbleche ZWC MK08 0300T</t>
  </si>
  <si>
    <t>ZWC MK08 2000T</t>
  </si>
  <si>
    <t>5702329777988</t>
  </si>
  <si>
    <t>Pro+ Fenster-Abdeck.satz ZWC MK08 2000T</t>
  </si>
  <si>
    <t>ZWC MK08 2100T</t>
  </si>
  <si>
    <t>5702329777995</t>
  </si>
  <si>
    <t>Pro+ Fenster-Abdeck.satz ZWC MK08 2100T</t>
  </si>
  <si>
    <t>ZWC MK08 2300T</t>
  </si>
  <si>
    <t>5702329778008</t>
  </si>
  <si>
    <t>Pro+ Fenster-Abdeck.satz ZWC MK08 2300T</t>
  </si>
  <si>
    <t>ZWC MK10 0000T</t>
  </si>
  <si>
    <t>5702328471849</t>
  </si>
  <si>
    <t>Set Fensterabdeckbleche ZWC MK10 0000T</t>
  </si>
  <si>
    <t>ZWC MK10 0100T</t>
  </si>
  <si>
    <t>5702320145878</t>
  </si>
  <si>
    <t>Set Fensterabdeckbleche ZWC MK10 0100T</t>
  </si>
  <si>
    <t>ZWC MK10 0300T</t>
  </si>
  <si>
    <t>5702320145885</t>
  </si>
  <si>
    <t>Set Fensterabdeckbleche ZWC MK10 0300T</t>
  </si>
  <si>
    <t>ZWC MK10 2000T</t>
  </si>
  <si>
    <t>5702329778022</t>
  </si>
  <si>
    <t>Pro+ Fenster-Abdeck.satz ZWC MK10 2000T</t>
  </si>
  <si>
    <t>ZWC MK10 2100T</t>
  </si>
  <si>
    <t>5702329778039</t>
  </si>
  <si>
    <t>Pro+ Fenster-Abdeck.satz ZWC MK10 2100T</t>
  </si>
  <si>
    <t>ZWC MK10 2300T</t>
  </si>
  <si>
    <t>5702329778046</t>
  </si>
  <si>
    <t>Pro+ Fenster-Abdeck.satz ZWC MK10 2300T</t>
  </si>
  <si>
    <t>ZWC MK12 0000T</t>
  </si>
  <si>
    <t>5702328471856</t>
  </si>
  <si>
    <t>Set Fensterabdeckbleche ZWC MK12 0000T</t>
  </si>
  <si>
    <t>ZWC MK12 0100T</t>
  </si>
  <si>
    <t>5702320145892</t>
  </si>
  <si>
    <t>Set Fensterabdeckbleche ZWC MK12 0100T</t>
  </si>
  <si>
    <t>ZWC MK12 2000T</t>
  </si>
  <si>
    <t>5702329778060</t>
  </si>
  <si>
    <t>Pro+ Fenster-Abdeck.satz ZWC MK12 2000T</t>
  </si>
  <si>
    <t>ZWC MK12 2100T</t>
  </si>
  <si>
    <t>5702329778077</t>
  </si>
  <si>
    <t>Pro+ Fenster-Abdeck.satz ZWC MK12 2100T</t>
  </si>
  <si>
    <t>ZWC PK06 0000T</t>
  </si>
  <si>
    <t>5702328471887</t>
  </si>
  <si>
    <t>Set Fensterabdeckbleche ZWC PK06 0000T</t>
  </si>
  <si>
    <t>ZWC PK06 0100T</t>
  </si>
  <si>
    <t>5702320145922</t>
  </si>
  <si>
    <t>Set Fensterabdeckbleche ZWC PK06 0100T</t>
  </si>
  <si>
    <t>ZWC PK06 0300T</t>
  </si>
  <si>
    <t>5702320145939</t>
  </si>
  <si>
    <t>Set Fensterabdeckbleche ZWC PK06 0300T</t>
  </si>
  <si>
    <t>ZWC PK06 2000T</t>
  </si>
  <si>
    <t>5702329778183</t>
  </si>
  <si>
    <t>Pro+ Fenster-Abdeck.satz ZWC PK06 2000T</t>
  </si>
  <si>
    <t>ZWC PK06 2100T</t>
  </si>
  <si>
    <t>5702329778190</t>
  </si>
  <si>
    <t>Pro+ Fenster-Abdeck.satz ZWC PK06 2100T</t>
  </si>
  <si>
    <t>ZWC PK06 2300T</t>
  </si>
  <si>
    <t>5702329778206</t>
  </si>
  <si>
    <t>Pro+ Fenster-Abdeck.satz ZWC PK06 2300T</t>
  </si>
  <si>
    <t>ZWC PK08 0000T</t>
  </si>
  <si>
    <t>5702328471894</t>
  </si>
  <si>
    <t>Set Fensterabdeckbleche ZWC PK08 0000T</t>
  </si>
  <si>
    <t>ZWC PK08 0100T</t>
  </si>
  <si>
    <t>5702320145946</t>
  </si>
  <si>
    <t>Set Fensterabdeckbleche ZWC PK08 0100T</t>
  </si>
  <si>
    <t>ZWC PK08 0300T</t>
  </si>
  <si>
    <t>5702320145953</t>
  </si>
  <si>
    <t>Set Fensterabdeckbleche ZWC PK08 0300T</t>
  </si>
  <si>
    <t>ZWC PK08 2000T</t>
  </si>
  <si>
    <t>5702329778220</t>
  </si>
  <si>
    <t>Pro+ Fenster-Abdeck.satz ZWC PK08 2000T</t>
  </si>
  <si>
    <t>ZWC PK08 2100T</t>
  </si>
  <si>
    <t>5702329778237</t>
  </si>
  <si>
    <t>Pro+ Fenster-Abdeck.satz ZWC PK08 2100T</t>
  </si>
  <si>
    <t>ZWC PK08 2300T</t>
  </si>
  <si>
    <t>5702329778244</t>
  </si>
  <si>
    <t>Pro+ Fenster-Abdeck.satz ZWC PK08 2300T</t>
  </si>
  <si>
    <t>ZWC PK10 0000T</t>
  </si>
  <si>
    <t>5702328471900</t>
  </si>
  <si>
    <t>Set Fensterabdeckbleche ZWC PK10 0000T</t>
  </si>
  <si>
    <t>ZWC PK10 0100T</t>
  </si>
  <si>
    <t>5702320145977</t>
  </si>
  <si>
    <t>Set Fensterabdeckbleche ZWC PK10 0100T</t>
  </si>
  <si>
    <t>ZWC PK10 0300T</t>
  </si>
  <si>
    <t>5702320145984</t>
  </si>
  <si>
    <t>Set Fensterabdeckbleche ZWC PK10 0300T</t>
  </si>
  <si>
    <t>ZWC PK10 2000T</t>
  </si>
  <si>
    <t>5702329778268</t>
  </si>
  <si>
    <t>Pro+ Fenster-Abdeck.satz ZWC PK10 2000T</t>
  </si>
  <si>
    <t>ZWC PK10 2100T</t>
  </si>
  <si>
    <t>5702329778275</t>
  </si>
  <si>
    <t>Pro+ Fenster-Abdeck.satz ZWC PK10 2100T</t>
  </si>
  <si>
    <t>ZWC PK10 2300T</t>
  </si>
  <si>
    <t>5702329778282</t>
  </si>
  <si>
    <t>Pro+ Fenster-Abdeck.satz ZWC PK10 2300T</t>
  </si>
  <si>
    <t>ZWC SK06 0000T</t>
  </si>
  <si>
    <t>5702328471931</t>
  </si>
  <si>
    <t>Set Fensterabdeckbleche ZWC SK06 0000T</t>
  </si>
  <si>
    <t>ZWC SK06 0100T</t>
  </si>
  <si>
    <t>5702320146011</t>
  </si>
  <si>
    <t>Set Fensterabdeckbleche ZWC SK06 0100T</t>
  </si>
  <si>
    <t>ZWC SK06 0300T</t>
  </si>
  <si>
    <t>5702320146028</t>
  </si>
  <si>
    <t>Set Fensterabdeckbleche ZWC SK06 0300T</t>
  </si>
  <si>
    <t>ZWC SK06 2000T</t>
  </si>
  <si>
    <t>5702329778381</t>
  </si>
  <si>
    <t>Pro+ Fenster-Abdeck.satz ZWC SK06 2000T</t>
  </si>
  <si>
    <t>ZWC SK06 2100T</t>
  </si>
  <si>
    <t>5702329778398</t>
  </si>
  <si>
    <t>Pro+ Fenster-Abdeck.satz ZWC SK06 2100T</t>
  </si>
  <si>
    <t>ZWC SK06 2300T</t>
  </si>
  <si>
    <t>5702329778404</t>
  </si>
  <si>
    <t>Pro+ Fenster-Abdeck.satz ZWC SK06 2300T</t>
  </si>
  <si>
    <t>ZWC SK08 0000T</t>
  </si>
  <si>
    <t>5702328471948</t>
  </si>
  <si>
    <t>Set Fensterabdeckbleche ZWC SK08 0000T</t>
  </si>
  <si>
    <t>ZWC SK08 0100T</t>
  </si>
  <si>
    <t>5702320146035</t>
  </si>
  <si>
    <t>Set Fensterabdeckbleche ZWC SK08 0100T</t>
  </si>
  <si>
    <t>ZWC SK08 0300T</t>
  </si>
  <si>
    <t>5702320146059</t>
  </si>
  <si>
    <t>Set Fensterabdeckbleche ZWC SK08 0300T</t>
  </si>
  <si>
    <t>ZWC SK08 2000T</t>
  </si>
  <si>
    <t>5702329778428</t>
  </si>
  <si>
    <t>Pro+ Fenster-Abdeck.satz ZWC SK08 2000T</t>
  </si>
  <si>
    <t>ZWC SK08 2100T</t>
  </si>
  <si>
    <t>5702329778435</t>
  </si>
  <si>
    <t>Pro+ Fenster-Abdeck.satz ZWC SK08 2100T</t>
  </si>
  <si>
    <t>ZWC SK08 2300T</t>
  </si>
  <si>
    <t>5702329778442</t>
  </si>
  <si>
    <t>Pro+ Fenster-Abdeck.satz ZWC SK08 2300T</t>
  </si>
  <si>
    <t>ZWC SK10 0000T</t>
  </si>
  <si>
    <t>5702328471955</t>
  </si>
  <si>
    <t>Set Fensterabdeckbleche ZWC SK10 0000T</t>
  </si>
  <si>
    <t>ZWC SK10 0100T</t>
  </si>
  <si>
    <t>5702320146066</t>
  </si>
  <si>
    <t>Set Fensterabdeckbleche ZWC SK10 0100T</t>
  </si>
  <si>
    <t>ZWC SK10 0300T</t>
  </si>
  <si>
    <t>5702320146073</t>
  </si>
  <si>
    <t>Set Fensterabdeckbleche ZWC SK10 0300T</t>
  </si>
  <si>
    <t>ZWC SK10 2000T</t>
  </si>
  <si>
    <t>5702329778466</t>
  </si>
  <si>
    <t>Pro+ Fenster-Abdeck.satz ZWC SK10 2000T</t>
  </si>
  <si>
    <t>ZWC SK10 2100T</t>
  </si>
  <si>
    <t>5702329778473</t>
  </si>
  <si>
    <t>Pro+ Fenster-Abdeck.satz ZWC SK10 2100T</t>
  </si>
  <si>
    <t>ZWC SK10 2300T</t>
  </si>
  <si>
    <t>5702329778480</t>
  </si>
  <si>
    <t>Pro+ Fenster-Abdeck.satz ZWC SK10 2300T</t>
  </si>
  <si>
    <t>ZWC UK04 0000T</t>
  </si>
  <si>
    <t>5702328471962</t>
  </si>
  <si>
    <t>Set Fensterabdeckbleche ZWC UK04 0000T</t>
  </si>
  <si>
    <t>ZWC UK04 0100T</t>
  </si>
  <si>
    <t>5702320146097</t>
  </si>
  <si>
    <t>Set Fensterabdeckbleche ZWC UK04 0100T</t>
  </si>
  <si>
    <t>ZWC UK04 0300T</t>
  </si>
  <si>
    <t>5702320146103</t>
  </si>
  <si>
    <t>Set Fensterabdeckbleche ZWC UK04 0300T</t>
  </si>
  <si>
    <t>ZWC UK04 2000T</t>
  </si>
  <si>
    <t>5702329778503</t>
  </si>
  <si>
    <t>Pro+ Fenster-Abdeck.satz ZWC UK04 2000T</t>
  </si>
  <si>
    <t>ZWC UK04 2100T</t>
  </si>
  <si>
    <t>5702329778510</t>
  </si>
  <si>
    <t>Pro+ Fenster-Abdeck.satz ZWC UK04 2100T</t>
  </si>
  <si>
    <t>ZWC UK04 2300T</t>
  </si>
  <si>
    <t>5702329778527</t>
  </si>
  <si>
    <t>Pro+ Fenster-Abdeck.satz ZWC UK04 2300T</t>
  </si>
  <si>
    <t>ZWC UK08 0000T</t>
  </si>
  <si>
    <t>5702328471979</t>
  </si>
  <si>
    <t>Set Fensterabdeckbleche ZWC UK08 0000T</t>
  </si>
  <si>
    <t>ZWC UK08 0100T</t>
  </si>
  <si>
    <t>5702320146110</t>
  </si>
  <si>
    <t>Set Fensterabdeckbleche ZWC UK08 0100T</t>
  </si>
  <si>
    <t>ZWC UK08 0300T</t>
  </si>
  <si>
    <t>5702320146196</t>
  </si>
  <si>
    <t>Set Fensterabdeckbleche ZWC UK08 0300T</t>
  </si>
  <si>
    <t>ZWC UK08 2000T</t>
  </si>
  <si>
    <t>5702329778541</t>
  </si>
  <si>
    <t>Pro+ Fenster-Abdeck.satz ZWC UK08 2000T</t>
  </si>
  <si>
    <t>ZWC UK08 2100T</t>
  </si>
  <si>
    <t>5702329778558</t>
  </si>
  <si>
    <t>Pro+ Fenster-Abdeck.satz ZWC UK08 2100T</t>
  </si>
  <si>
    <t>ZWC UK08 2300T</t>
  </si>
  <si>
    <t>5702329778565</t>
  </si>
  <si>
    <t>Pro+ Fenster-Abdeck.satz ZWC UK08 2300T</t>
  </si>
  <si>
    <t>ZWC UK10 0000T</t>
  </si>
  <si>
    <t>5702328471986</t>
  </si>
  <si>
    <t>Set Fensterabdeckbleche ZWC UK10 0000T</t>
  </si>
  <si>
    <t>ZWC UK10 0100T</t>
  </si>
  <si>
    <t>5702320146202</t>
  </si>
  <si>
    <t>Set Fensterabdeckbleche ZWC UK10 0100T</t>
  </si>
  <si>
    <t>ZWC UK10 0300T</t>
  </si>
  <si>
    <t>5702320146233</t>
  </si>
  <si>
    <t>Set Fensterabdeckbleche ZWC UK10 0300T</t>
  </si>
  <si>
    <t>ZWC UK10 2000T</t>
  </si>
  <si>
    <t>5702329778589</t>
  </si>
  <si>
    <t>Pro+ Fenster-Abdeck.satz ZWC UK10 2000T</t>
  </si>
  <si>
    <t>ZWC UK10 2100T</t>
  </si>
  <si>
    <t>5702329778596</t>
  </si>
  <si>
    <t>Pro+ Fenster-Abdeck.satz ZWC UK10 2100T</t>
  </si>
  <si>
    <t>ZWC UK10 2300T</t>
  </si>
  <si>
    <t>5702329778602</t>
  </si>
  <si>
    <t>Pro+ Fenster-Abdeck.satz ZWC UK10 2300T</t>
  </si>
  <si>
    <t>ZWC WK34 0000</t>
  </si>
  <si>
    <t>5702327536945</t>
  </si>
  <si>
    <t>VELUX Fenster-Bleche ZWC WK34 0000</t>
  </si>
  <si>
    <t>GIU/GIL/GDL,Stock u.Sohlbank Alu</t>
  </si>
  <si>
    <t>----------------------------------------
Seitliche Blendrahmen-
verblechung für Dachfenster in der
gleichen Größe und Ausführung des 
Dachfensters.
Notwendig bei Fenstereinbau ohne
VELUX Eindeckrahmen.</t>
  </si>
  <si>
    <t>ZWC WK34 0100</t>
  </si>
  <si>
    <t>5702327536952</t>
  </si>
  <si>
    <t>VELUX Fenster-Bleche ZWC WK34 0100</t>
  </si>
  <si>
    <t>GIU/GIL/GDL,Stock u.Sohlbank Kupfer</t>
  </si>
  <si>
    <t>ZWC WK34 0300</t>
  </si>
  <si>
    <t>5702327536969</t>
  </si>
  <si>
    <t>VELUX Fenster-Bleche ZWC WK34 0300</t>
  </si>
  <si>
    <t>GIU/GIL/GDL,Stock u.Sohlbank Ti wlz</t>
  </si>
  <si>
    <t>ZWP WK06 0000</t>
  </si>
  <si>
    <t>5702328739963</t>
  </si>
  <si>
    <t>VELUX Set Fenster-Bleche ZWP WK06 0000</t>
  </si>
  <si>
    <t>seitlich, Länge 06</t>
  </si>
  <si>
    <t>----------------------------------------
Set-Fensterbleche seitlich für den
vertieften Einbau von automatischen GPU
Fenstern mit EDJ/EKJ bzw. EDN/EKN. 
Größe WK06 für automatische GPU Fenster
der Länge 06 und Größe WK08 für
automatische GPU Fenster der Länge 08</t>
  </si>
  <si>
    <t>ZWP WK08 0000</t>
  </si>
  <si>
    <t>5702328739970</t>
  </si>
  <si>
    <t>VELUX Set Fenster-Bleche ZWP WK08 0000</t>
  </si>
  <si>
    <t>seitlich, Länge 08</t>
  </si>
  <si>
    <t>ZXT 200</t>
  </si>
  <si>
    <t>5702321677064</t>
  </si>
  <si>
    <t>VELUX Verlängerungsstange ZXT 200</t>
  </si>
  <si>
    <t>ZZZ 129KH</t>
  </si>
  <si>
    <t>5702329236317</t>
  </si>
  <si>
    <t>VELUX Reparatur-Lack weiß ZZZ 129KH</t>
  </si>
  <si>
    <t>für VELUX Kunststofffenster</t>
  </si>
  <si>
    <t>32091000</t>
  </si>
  <si>
    <t>ZZZ 130KH</t>
  </si>
  <si>
    <t>5702329236379</t>
  </si>
  <si>
    <t>VELUX Reparatur-Lack weiß ZZZ 130KH</t>
  </si>
  <si>
    <t>für VELUX Holz-Fenster</t>
  </si>
  <si>
    <t>ZZZ 131KH</t>
  </si>
  <si>
    <t>5702329236430</t>
  </si>
  <si>
    <t>VELUX Lack-Pflege-Set weiß ZZZ 131KH</t>
  </si>
  <si>
    <t>ZZZ 133KH</t>
  </si>
  <si>
    <t>5702329236492</t>
  </si>
  <si>
    <t>VELUX Acryl-Feinsp.-Set weiß ZZZ 133KH</t>
  </si>
  <si>
    <t>für VELUX Dach-Fenster</t>
  </si>
  <si>
    <t>32141010</t>
  </si>
  <si>
    <t>ZZZ 164K</t>
  </si>
  <si>
    <t>5702327029850</t>
  </si>
  <si>
    <t>VELUX Öffnungsbegrenzer ZZZ 164K</t>
  </si>
  <si>
    <t>GPU, GPL, VKU</t>
  </si>
  <si>
    <t>ZZZ 176KH</t>
  </si>
  <si>
    <t>5702329236553</t>
  </si>
  <si>
    <t>VELUX Reparatur-Lack klar ZZZ 176KH</t>
  </si>
  <si>
    <t>für VELUX Holzfenster</t>
  </si>
  <si>
    <t>ZZZ 196</t>
  </si>
  <si>
    <t>5702325426842</t>
  </si>
  <si>
    <t>VELUX Winddichtheits-Set ZZZ 196</t>
  </si>
  <si>
    <t>39219055</t>
  </si>
  <si>
    <t>----------------------------------------
Zum winddichten Anschluss des mit Dämm-
und Anschluss-Set BDX eingebauten
Fensters.
Lieferumfang: 
  - 4 Anschlussecken aus Polypropylen
  - Butyl</t>
  </si>
  <si>
    <t>ZZZ 210 014</t>
  </si>
  <si>
    <t>5702325976392</t>
  </si>
  <si>
    <t>VELUX Kappleisten-Set ZZZ 210 014</t>
  </si>
  <si>
    <t>Aluminium für TCF und TCR</t>
  </si>
  <si>
    <t>----------------------------------------
Kappleistenset (silber) zur sicheren
Linienbefestigung von Dachab-
dichtungsbahnen am Aufsetzkranz.
Set bestehend aus 45 mm breiten, vorge-
bohrten Aluminium-Kappleisten und
Befestigungsschrauben.
Für VELUX Flachdach-Fenster CVP, CFP, 
CXP, CSP und Tageslichtspot TCR.</t>
  </si>
  <si>
    <t>ZZZ 210 060060</t>
  </si>
  <si>
    <t>5702325825102</t>
  </si>
  <si>
    <t>VELUX Klemmleisten-Set ZZZ 210 060060</t>
  </si>
  <si>
    <t>Alu, inkl. Befestigungsschrauben</t>
  </si>
  <si>
    <t>ZZZ 210 060090</t>
  </si>
  <si>
    <t>5702325825119</t>
  </si>
  <si>
    <t>VELUX Klemmleisten-Set ZZZ 210 060090</t>
  </si>
  <si>
    <t>ZZZ 210 080080</t>
  </si>
  <si>
    <t>5702325825126</t>
  </si>
  <si>
    <t>VELUX Klemmleisten-Set ZZZ 210 080080</t>
  </si>
  <si>
    <t>ZZZ 210 090090</t>
  </si>
  <si>
    <t>5702325825133</t>
  </si>
  <si>
    <t>VELUX Klemmleisten-Set ZZZ 210 090090</t>
  </si>
  <si>
    <t>ZZZ 210 090120</t>
  </si>
  <si>
    <t>5702326660214</t>
  </si>
  <si>
    <t>VELUX Klemmleisten-Set ZZZ 210 090120</t>
  </si>
  <si>
    <t>ZZZ 210 100100</t>
  </si>
  <si>
    <t>5702325825140</t>
  </si>
  <si>
    <t>VELUX Klemmleisten-Set ZZZ 210 100100</t>
  </si>
  <si>
    <t>ZZZ 210 100150</t>
  </si>
  <si>
    <t>5702326660221</t>
  </si>
  <si>
    <t>VELUX Klemmleisten-Set ZZZ 210 100150</t>
  </si>
  <si>
    <t>ZZZ 210 120120</t>
  </si>
  <si>
    <t>5702325825157</t>
  </si>
  <si>
    <t>VELUX Klemmleisten-Set ZZZ 210 120120</t>
  </si>
  <si>
    <t>ZZZ 210 150150</t>
  </si>
  <si>
    <t>5702327149183</t>
  </si>
  <si>
    <t>VELUX Kappleisten-Set ZZZ 210 150150</t>
  </si>
  <si>
    <t>Alu inkl. Befestigungsschrauben</t>
  </si>
  <si>
    <t>ZZZ 210J 060060</t>
  </si>
  <si>
    <t>5702329258159</t>
  </si>
  <si>
    <t>VELUX Kappleisten-Set ZZZ 210J 060060</t>
  </si>
  <si>
    <t>Aluminium inkl. Befestigungsschrauben</t>
  </si>
  <si>
    <t>----------------------------------------
Kappleistenset für VELUX Lichtkuppeln
(CFJ, CVJ, CSJ) zur sicheren
Linienbefestigung von Dachabdichtungs- 
bahnen am Aufsetzkranz.
Set bestehend aus Aluminium-Kappleisten 
und Befestigungsschrauben.</t>
  </si>
  <si>
    <t>ZZZ 210J 080080</t>
  </si>
  <si>
    <t>5702329258166</t>
  </si>
  <si>
    <t>VELUX Kappleisten-Set ZZZ 210J 080080</t>
  </si>
  <si>
    <t>ZZZ 210J 090060</t>
  </si>
  <si>
    <t>5702329258173</t>
  </si>
  <si>
    <t>VELUX Kappleisten-Set ZZZ 210J 090060</t>
  </si>
  <si>
    <t>ZZZ 210J 090090</t>
  </si>
  <si>
    <t>5702329258180</t>
  </si>
  <si>
    <t>VELUX Kappleisten-Set ZZZ 210J 090090</t>
  </si>
  <si>
    <t>ZZZ 210J 100100</t>
  </si>
  <si>
    <t>5702329258197</t>
  </si>
  <si>
    <t>VELUX Kappleisten-Set ZZZ 210J 100100</t>
  </si>
  <si>
    <t>ZZZ 210J 120090</t>
  </si>
  <si>
    <t>5702329258203</t>
  </si>
  <si>
    <t>VELUX Kappleisten-Set ZZZ 210J 120090</t>
  </si>
  <si>
    <t>ZZZ 210J 120120</t>
  </si>
  <si>
    <t>5702329258210</t>
  </si>
  <si>
    <t>VELUX Kappleisten-Set ZZZ 210J 120120</t>
  </si>
  <si>
    <t>ZZZ 210J 150100</t>
  </si>
  <si>
    <t>5702329258227</t>
  </si>
  <si>
    <t>VELUX Kappleisten-Set ZZZ 210J 150100</t>
  </si>
  <si>
    <t>ZZZ 210J 150150</t>
  </si>
  <si>
    <t>5702329258234</t>
  </si>
  <si>
    <t>VELUX Kappleisten-Set ZZZ 210J 150150</t>
  </si>
  <si>
    <t>ZZZ 210U 060060</t>
  </si>
  <si>
    <t>5702329187633</t>
  </si>
  <si>
    <t>VELUX Kappleisten-Set ZZZ 210U 060060</t>
  </si>
  <si>
    <t>für CFU/CVU, Alu,schwarz</t>
  </si>
  <si>
    <t>----------------------------------------
Kappleistenset (schwarz) für VELUX 
Flachdach-Fenster (CFU, CVU) zur
sicheren Linienbefestigung von Dachab-
dichtungsbahnen am Aufsetzkranz.
Set bestehend aus 45 mm breiten, vorge-
bohrten Aluminium-Kappleisten und
Befestigungsschrauben.</t>
  </si>
  <si>
    <t>ZZZ 210U 080080</t>
  </si>
  <si>
    <t>5702329187640</t>
  </si>
  <si>
    <t>VELUX Kappleisten-Set ZZZ 210U 080080</t>
  </si>
  <si>
    <t>ZZZ 210U 090060</t>
  </si>
  <si>
    <t>5702329187657</t>
  </si>
  <si>
    <t>VELUX Kappleisten-Set ZZZ 210U 090060</t>
  </si>
  <si>
    <t>ZZZ 210U 090090</t>
  </si>
  <si>
    <t>5702329187664</t>
  </si>
  <si>
    <t>VELUX Kappleisten-Set ZZZ 210U 090090</t>
  </si>
  <si>
    <t>ZZZ 210U 100100</t>
  </si>
  <si>
    <t>5702329187671</t>
  </si>
  <si>
    <t>VELUX Kappleisten-Set ZZZ 210U 100100</t>
  </si>
  <si>
    <t>ZZZ 210U 120090</t>
  </si>
  <si>
    <t>5702329187688</t>
  </si>
  <si>
    <t>VELUX Kappleisten-Set ZZZ 210U 120090</t>
  </si>
  <si>
    <t>ZZZ 210U 120120</t>
  </si>
  <si>
    <t>5702329187695</t>
  </si>
  <si>
    <t>VELUX Kappleisten-Set ZZZ 210U 120120</t>
  </si>
  <si>
    <t>ZZZ 210U 150080</t>
  </si>
  <si>
    <t>5702329686983</t>
  </si>
  <si>
    <t>VELUX Kappleisten-Set ZZZ 210U 150080</t>
  </si>
  <si>
    <t>für CFU/CVU, Alu, schwarz</t>
  </si>
  <si>
    <t>ZZZ 210U 150100</t>
  </si>
  <si>
    <t>5702329265881</t>
  </si>
  <si>
    <t>VELUX Kappleisten-Set ZZZ 210U 150100</t>
  </si>
  <si>
    <t>ZZZ 210U 150120</t>
  </si>
  <si>
    <t>5702329686990</t>
  </si>
  <si>
    <t>VELUX Kappleisten-Set ZZZ 210U 150120</t>
  </si>
  <si>
    <t>ZZZ 210U 150150</t>
  </si>
  <si>
    <t>5702329265898</t>
  </si>
  <si>
    <t>VELUX Kappleisten-Set ZZZ 210U 150150</t>
  </si>
  <si>
    <t>ZZZ 210U 200060</t>
  </si>
  <si>
    <t>5702329687003</t>
  </si>
  <si>
    <t>VELUX Kappleisten-Set ZZZ 210U 200060</t>
  </si>
  <si>
    <t>ZZZ 210U 200100</t>
  </si>
  <si>
    <t>5702329265904</t>
  </si>
  <si>
    <t>VELUX Kappleisten-Set ZZZ 210U 200100</t>
  </si>
  <si>
    <t>ZZZ 214K GC0</t>
  </si>
  <si>
    <t>5702327024909</t>
  </si>
  <si>
    <t>VELUX Bal. Vent. GGU/GGL ZZZ 214K GC0</t>
  </si>
  <si>
    <t>Selbstreg.Zu-u.Abluftelem. Br.C,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CK
----------------------------------------
Luftvolumenstrom:
Luftvolumenstrom lässt sich manuell
regulieren (Stufe 1 -3).
Q bei 2 Pa: 20,5 m³/h - 2 m³/h
Q bei 4 Pa: 26,0 m³/h - 3,3 m³/h
Q bei 5 Pa: 26,8 m³/h - 4,3 m³/h
Q bei 7 Pa: 28,5m³/h - 6,3 m³/h
Q bei 8 Pa: 29,3 m³/h - 7,3 m³/h
----------------------------------------
Schalldämmung:
- In geöffnetem Zustand: Dn,e,w : 29
(-1;-1) dB
- in geschlossenem Zustand: entspricht
der Schalldämmung des Fensters
----------------------------------------</t>
  </si>
  <si>
    <t>ZZZ 214K GC1</t>
  </si>
  <si>
    <t>5702327024916</t>
  </si>
  <si>
    <t>VELUX Bal. Vent. GGU/GGL ZZZ 214K GC1</t>
  </si>
  <si>
    <t>Selbstreg.Zu-u.Abluftelem. Br.C,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Schwingfenster GGU/GGL der Größe CK
----------------------------------------
Luftvolumenstrom:
Luftvolumenstrom lässt sich manuell
regulieren (Stufe 1 -3).
Q bei 2 Pa: 20,5 m³/h - 2 m³/h
Q bei 4 Pa: 26,0 m³/h - 3,3 m³/h
Q bei 5 Pa: 26,8 m³/h - 4,3 m³/h
Q bei 7 Pa: 28,5m³/h - 6,3 m³/h
Q bei 8 Pa: 29,3 m³/h - 7,3 m³/h
----------------------------------------
Schalldämmung:
- In geöffnetem Zustand: Dn,e,w : 29
(-1;-1) dB
- in geschlossenem Zustand: entspricht
der Schalldämmung des Fensters
----------------------------------------</t>
  </si>
  <si>
    <t>ZZZ 214K GC3</t>
  </si>
  <si>
    <t>5702327024923</t>
  </si>
  <si>
    <t>VELUX Bal. Vent. GGU/GGL ZZZ 214K GC3</t>
  </si>
  <si>
    <t>Selbstreg.Zu-u.Abluftelem. Br.C,Tw</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Schwingfenster GGU/GGL der Größe CK
----------------------------------------
Luftvolumenstrom:
Luftvolumenstrom lässt sich manuell
regulieren (Stufe 1 -3).
Q bei 2 Pa: 20,5 m³/h - 2 m³/h
Q bei 4 Pa: 26,0 m³/h - 3,3 m³/h
Q bei 5 Pa: 26,8 m³/h - 4,3 m³/h
Q bei 7 Pa: 28,5m³/h - 6,3 m³/h
Q bei 8 Pa: 29,3 m³/h - 7,3 m³/h
----------------------------------------
Schalldämmung:
- In geöffnetem Zustand: Dn,e,w : 29
(-1;-1) dB
- in geschlossenem Zustand: entspricht
der Schalldämmung des Fensters
----------------------------------------</t>
  </si>
  <si>
    <t>ZZZ 214K GF0</t>
  </si>
  <si>
    <t>5702327024930</t>
  </si>
  <si>
    <t>VELUX Bal. Vent. GGU/GGL ZZZ 214K GF0</t>
  </si>
  <si>
    <t>Selbstreg.Zu-u.Abluftelem. Br.F,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FK
----------------------------------------
Luftvolumenstrom:
Luftvolumenstrom lässt sich manuell
regulieren (Stufe 1 -3)
Q bei 2 P: 25 m³/h - 6,1 m³/h
	Q ei 4 P: 28,9 m³/h - 9 m³/h
Q bei 5 Pa: 29,8 m³/h - 10 m³/h
Q bei 7 Pa31,5 m³/h - 12,1 m³/h
Q bei 8 Pa: 32,5 m³/h - 13,1 m³/h
----------------------------------------
Schalldämmung:
- In geöffnetem Zustand: Dn,e,w : 29
(-1;-1) dB
- in geschlossenem Zustand: entspricht
der Schalldämmung des Fensters
----------------------------------------</t>
  </si>
  <si>
    <t>ZZZ 214K GM0</t>
  </si>
  <si>
    <t>5702327024961</t>
  </si>
  <si>
    <t>VELUX Bal. Vent. GGU/GGL ZZZ 214K GM0</t>
  </si>
  <si>
    <t>Selbstreg.Zu-u.Abluftelem. Br.M,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MK
----------------------------------------
Luftvolumenstrom:
Luftvolumenstrom lässt sich manuell
regulieren (Stufe 1 -3).
Q bei 2 P: 30 m³/h - 10,6 m³/h
Q bei 4 P: 32 m³/h - 15,3 m³/h
Q bei 5 Pa: 33,1 m³/h - 16,3 m³/h
Q bei 7 Pa: 34,8 m³/h - 18,5 m³/h
Q bei 8 Pa: 36,0 m³/h - 19,4 m³/h
----------------------------------------
	Schalldämmung Dn,e,w (C;Ctr):
-	In geöffnetem Zusta: 2	9 (-1;-1) dB
- in geschlossenem Zustand: Abhängig vom
Fenstertyp
----------------------------------------</t>
  </si>
  <si>
    <t>ZZZ 214K GM1</t>
  </si>
  <si>
    <t>5702327024978</t>
  </si>
  <si>
    <t>VELUX Bal. Vent. GGU/GGL ZZZ 214K GM1</t>
  </si>
  <si>
    <t>Selbstreg.Zu-u.Abluftelem. Br.M,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Schwingfenster GGU/GGL der Größe MK
----------------------------------------
Luftvolumenstrom:
Luftvolumenstrom lässt sich manuell
regulieren (Stufe 1 -3).
Q bei 2 P: 30 m³/h - 10,6 m³/h
Q bei 4 P: 32 m³/h - 15,3 m³/h
Q bei 5 Pa: 33,1 m³/h - 16,3 m³/h
Q bei 7 Pa: 34,8 m³/h - 18,5 m³/h
Q bei 8 Pa: 36,0 m³/h - 19,4 m³/h
----------------------------------------
	Schalldämmung Dn,e,w (C;Ctr):
-	In geöffnetem Zusta: 2	9 (-1;-1) dB
- in geschlossenem Zustand: Abhängig vom
Fenstertyp
----------------------------------------</t>
  </si>
  <si>
    <t>ZZZ 214K GM3</t>
  </si>
  <si>
    <t>5702327024985</t>
  </si>
  <si>
    <t>VELUX Bal. Vent. GGU/GGL ZZZ 214K GM3</t>
  </si>
  <si>
    <t>Selbstreg.Zu-u.Abluftelem. Br.M,Tw</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Schwingfenster GGU/GGL der Größe MK
----------------------------------------
Luftvolumenstrom:
Luftvolumenstrom lässt sich manuell
regulieren (Stufe 1 -3).
Q bei 2 P: 30 m³/h - 10,6 m³/h
Q bei 4 P: 32 m³/h - 15,3 m³/h
Q bei 5 Pa: 33,1 m³/h - 16,3 m³/h
Q bei 7 Pa: 34,8 m³/h - 18,5 m³/h
Q bei 8 Pa: 36,0 m³/h - 19,4 m³/h
----------------------------------------
	Schalldämmung Dn,e,w (C;Ctr):
-	In geöffnetem Zusta: 2	9 (-1;-1) dB
- in geschlossenem Zustand: Abhängig vom
Fenstertyp
----------------------------------------</t>
  </si>
  <si>
    <t>ZZZ 214K GP0</t>
  </si>
  <si>
    <t>5702327024992</t>
  </si>
  <si>
    <t>VELUX Bal. Vent. GGU/GGL ZZZ 214K GP0</t>
  </si>
  <si>
    <t>Selbstreg.Zu-u.Abluftelem. Br.P,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PK
----------------------------------------
Luftvolumenstrom:
Luftvolumenstrom lässt sich manuell
regulieren (Stufe 1 -3).
Q bei 2 P: 37 m³/h - 12,7 m³/h
Q bei 4 P: 40,7 m³/h - 18,6 m³/h
Q bei 5 Pa: 41,5 m³/h - 19,9 m³/h
Q bei 7 Pa: 42,1 m³/h - 22,8 m³/h
Q bei 8 Pa: 42,4 m³/h - 23,9 m³/h
----------------------------------------
Schalldämmung:
- In geöffnetem Zustand: Dn,e,w : 29
(-1;-1) dB
- in geschlossenem Zustand: entspricht
der Schalldämmung des Fensters
----------------------------------------</t>
  </si>
  <si>
    <t>ZZZ 214K GP1</t>
  </si>
  <si>
    <t>5702327025005</t>
  </si>
  <si>
    <t>VELUX Bal. Vent. GGU/GGL ZZZ 214K GP1</t>
  </si>
  <si>
    <t>Selbstreg.Zu-u.Abluftelem. Br.P,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Schwingfenster GGU/GGL der Größe PK
----------------------------------------
Luftvolumenstrom:
Luftvolumenstrom lässt sich manuell
regulieren (Stufe 1 -3).
Q bei 2 P: 37 m³/h - 12,7 m³/h
Q bei 4 P: 40,7 m³/h - 18,6 m³/h
Q bei 5 Pa: 41,5 m³/h - 19,9 m³/h
Q bei 7 Pa: 42,1 m³/h - 22,8 m³/h
Q bei 8 Pa: 42,4 m³/h - 23,9 m³/h
----------------------------------------
Schalldämmung:
- In geöffnetem Zustand: Dn,e,w : 29
(-1;-1) dB
- in geschlossenem Zustand: entspricht
der Schalldämmung des Fensters
----------------------------------------</t>
  </si>
  <si>
    <t>ZZZ 214K GS0</t>
  </si>
  <si>
    <t>5702327025029</t>
  </si>
  <si>
    <t>VELUX Bal. Vent. GGU/GGL ZZZ 214K GS0</t>
  </si>
  <si>
    <t>Selbstreg.Zu-u.Abluftelem. Br.S,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SK
----------------------------------------
Luftvolumenstrom:
Luftvolumenstrom lässt sich manuell
regulieren (Stufe 1 -3).
Q bei 2 P: 46 m³/h - 15,3 m³/h
Q bei 4 P: 51,3 m³/h - 22,7 m³/h
Q bei 5 Pa: 51,8 m³/h - 24,4 m³/h
Q bei 7 Pa: 51,1 m³/h - 28,0 m³/h
Q bei 8 Pa: 50,2 m³/h - 29,5 m³/h
----------------------------------------
Schalldämmung:
- In geöffnetem Zustand: Dn,e,w : 29
(-1;-1) dB
- in geschlossenem Zustand: entspricht
der Schalldämmung des Fenstersp
----------------------------------------</t>
  </si>
  <si>
    <t>ZZZ 214K GS1</t>
  </si>
  <si>
    <t>5702327025036</t>
  </si>
  <si>
    <t>VELUX Bal. Vent. GGU/GGL ZZZ 214K GS1</t>
  </si>
  <si>
    <t>Selbstreg.Zu-u.Abluftelem. Br.S,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Schwingfenster GGU/GGL der Größe SK
----------------------------------------
Luftvolumenstrom:
Luftvolumenstrom lässt sich manuell
regulieren (Stufe 1 -3).
Q bei 2 P: 46 m³/h - 15,3 m³/h
Q bei 4 P: 51,3 m³/h - 22,7 m³/h
Q bei 5 Pa: 51,8 m³/h - 24,4 m³/h
Q bei 7 Pa: 51,1 m³/h - 28,0 m³/h
Q bei 8 Pa: 50,2 m³/h - 29,5 m³/h
----------------------------------------
Schalldämmung:
- In geöffnetem Zustand: Dn,e,w : 29
(-1;-1) dB
- in geschlossenem Zustand: entspricht
der Schalldämmung des Fenstersp
----------------------------------------</t>
  </si>
  <si>
    <t>ZZZ 214K GS3</t>
  </si>
  <si>
    <t>5702327025043</t>
  </si>
  <si>
    <t>VELUX Bal. Vent. GGU/GGL ZZZ 214K GS3</t>
  </si>
  <si>
    <t>Selbstreg.Zu-u.Abluftelem. Br.S,Tw</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Schwingfenster GGU/GGL der Größe SK
----------------------------------------
Luftvolumenstrom:
Luftvolumenstrom lässt sich manuell
regulieren (Stufe 1 -3).
Q bei 2 P: 46 m³/h - 15,3 m³/h
Q bei 4 P: 51,3 m³/h - 22,7 m³/h
Q bei 5 Pa: 51,8 m³/h - 24,4 m³/h
Q bei 7 Pa: 51,1 m³/h - 28,0 m³/h
Q bei 8 Pa: 50,2 m³/h - 29,5 m³/h
----------------------------------------
Schalldämmung:
- In geöffnetem Zustand: Dn,e,w : 29
(-1;-1) dB
- in geschlossenem Zustand: entspricht
der Schalldämmung des Fenstersp
----------------------------------------</t>
  </si>
  <si>
    <t>ZZZ 214K GU0</t>
  </si>
  <si>
    <t>5702327025050</t>
  </si>
  <si>
    <t>VELUX Bal. Vent. GGU/GGL ZZZ 214K GU0</t>
  </si>
  <si>
    <t>Selbstreg.Zu-u.Abluftelem. Br.U,Al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Schwingfenster GGU/GGL der Größe  UK
----------------------------------------
Luftvolumenstrom:
Luftvolumenstrom lässt sich manuell
regulieren (Stufe 1 -3).
Q bei 2 P: 62,7 m³/h - 18,7 m³/h
Q bei 4 P: 75 m³/h - 27,3 m³/h
Q bei 5 Pa: 78 m³/h - 31,2 m³/h
Q bei 7 Pa: 82 m³/h - 39,1 m³/h
Q bei 8 Pa: 82,6 m³/h - 43 m³/h
----------------------------------------
Schalldämmung:
- In geöffnetem Zustand: Dn,e,w : 29
(-1;-1) dB
- in geschlossenem Zustand: entspricht
der Schalldämmung des Fensters
----------------------------------------</t>
  </si>
  <si>
    <t>ZZZ 214K PC0</t>
  </si>
  <si>
    <t>5702327025081</t>
  </si>
  <si>
    <t>VELUX Bal. Vent. GPU/GPL ZZZ 214K PC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CK
----------------------------------------
Luftvolumenstrom:
Luftvolumenstrom lässt sich manuell
regulieren (Stufe 1 -3).
Q bei 2 P: 24,6 m³/h - 5,6 m³/h
Q bei 4 P: 29 m³/h - 10,5 m³/h
Q bei 5 Pa: 30,1 m³/h - 12,6 m³/h
Q bei 7 Pa: 32,5 m³/h - 15,8 m³/h
Q bei 8 Pa: 33,5 m³/h - 17 m³/h
----------------------------------------
Schalldämmung:
- In geöffnetem Zustand: Dn,e,w : 29
(-1;-1) dB
- in geschlossenem Zustand: entspricht
der Schalldämmung des Fensters
----------------------------------------</t>
  </si>
  <si>
    <t>ZZZ 214K PC1</t>
  </si>
  <si>
    <t>5702327025098</t>
  </si>
  <si>
    <t>VELUX Bal. Vent. GPU/GPL ZZZ 214K PC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CK
----------------------------------------
Luftvolumenstrom:
Luftvolumenstrom lässt sich manuell
regulieren (Stufe 1 -3).
Q bei 2 P: 24,6 m³/h - 5,6 m³/h
Q bei 4 P: 29 m³/h - 10,5 m³/h
Q bei 5 Pa: 30,1 m³/h - 12,6 m³/h
Q bei 7 Pa: 32,5 m³/h - 15,8 m³/h
Q bei 8 Pa: 33,5 m³/h - 17 m³/h
----------------------------------------
Schalldämmung:
- In geöffnetem Zustand: Dn,e,w : 29
(-1;-1) dB
- in geschlossenem Zustand: entspricht
der Schalldämmung des Fensters
----------------------------------------</t>
  </si>
  <si>
    <t>ZZZ 214K PF0</t>
  </si>
  <si>
    <t>5702327025111</t>
  </si>
  <si>
    <t>VELUX Bal. Vent. GPU/GPL ZZZ 214K PF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FK
----------------------------------------
Luftvolumenstrom:
Luftvolumenstrom lässt sich manuell
regulieren (Stufe 1 -3).
Q bei 2 P: 28,4 m³/h - 7,1 m³/h
Q bei 4 P: 32,8 m³/h - 12,1 m³/h
Q bei 5 Pa: 34,1 m³/h - 14,2 m³/h
Q bei 7 Pa: 35,9 m³/h - 17,3 m³/h
Q bei 8 Pa: 36,6 m³/h - 18,4 m³/h
----------------------------------------
Schalldämmung:
- In geöffnetem Zustand: Dn,e,w : 29
(-1;-1) dB
- in geschlossenem Zustand: entspricht
der Schalldämmung des Fensters
----------------------------------------</t>
  </si>
  <si>
    <t>ZZZ 214K PF1</t>
  </si>
  <si>
    <t>5702327025128</t>
  </si>
  <si>
    <t>VELUX Bal. Vent. GPU/GPL ZZZ 214K PF1</t>
  </si>
  <si>
    <t>Selbstreg.Zu-u.Abluftelem. Br.F,Cu</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FK
----------------------------------------
Luftvolumenstrom:
Luftvolumenstrom lässt sich manuell
regulieren (Stufe 1 -3).
Q bei 2 P: 28,4 m³/h - 7,1 m³/h
Q bei 4 P: 32,8 m³/h - 12,1 m³/h
Q bei 5 Pa: 34,1 m³/h - 14,2 m³/h
Q bei 7 Pa: 35,9 m³/h - 17,3 m³/h
Q bei 8 Pa: 36,6 m³/h - 18,4 m³/h
----------------------------------------
Schalldämmung:
- In geöffnetem Zustand: Dn,e,w : 29
(-1;-1) dB
- in geschlossenem Zustand: entspricht
der Schalldämmung des Fensters
----------------------------------------</t>
  </si>
  <si>
    <t>ZZZ 214K PM0</t>
  </si>
  <si>
    <t>5702327025142</t>
  </si>
  <si>
    <t>VELUX Bal. Vent. GPU/GPL ZZZ 214K PM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MK
----------------------------------------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 214K PM1</t>
  </si>
  <si>
    <t>5702327025159</t>
  </si>
  <si>
    <t>VELUX Bal. Vent. GPU/GPL ZZZ 214K PM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MK
----------------------------------------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 214K PM3</t>
  </si>
  <si>
    <t>5702327025166</t>
  </si>
  <si>
    <t>VELUX Bal. Vent. GPU/GPL ZZZ 214K PM3</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Klapp-Schwingfenster GPU/GPL der
Größe  MK
----------------------------------------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 214K PP0</t>
  </si>
  <si>
    <t>5702327025173</t>
  </si>
  <si>
    <t>VELUX Bal. Vent. GPU/GPL ZZZ 214K PP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PK
----------------------------------------
Luftvolumenstrom:
Luftvolumenstrom lässt sich manuell
regulieren (Stufe 1 -3)
Q bei 2 P: 40,6 m³/h - 11,8 m³/h
Q bei 4 P: 45,5 m³/h - 18 m³/h
Q bei 5 Pa: 46,6 m³/h - 20,9 m³/h
Q bei 7 Pa: 47,1 m³/h - 24,9 m³/h
Q bei 8 Pa: 47,3 m³/h - 26,3 m³/h
----------------------------------------
Schalldämmung:
- In geöffnetem Zustand: Dn,e,w : 29
(-1;-1) dB
- in geschlossenem Zustand: entspricht
der Schalldämmung des Fensters
----------------------------------------</t>
  </si>
  <si>
    <t>ZZZ 214K PP1</t>
  </si>
  <si>
    <t>5702327025180</t>
  </si>
  <si>
    <t>VELUX Bal. Vent. GPU/GPL ZZZ 214K PP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PK
----------------------------------------
Luftvolumenstrom:
Luftvolumenstrom lässt sich manuell
regulieren (Stufe 1 -3)
Q bei 2 P: 40,6 m³/h - 11,8 m³/h
Q bei 4 P: 45,5 m³/h - 18 m³/h
Q bei 5 Pa: 46,6 m³/h - 20,9 m³/h
Q bei 7 Pa: 47,1 m³/h - 24,9 m³/h
Q bei 8 Pa: 47,3 m³/h - 26,3 m³/h
----------------------------------------
Schalldämmung:
- In geöffnetem Zustand: Dn,e,w : 29
(-1;-1) dB
- in geschlossenem Zustand: entspricht
der Schalldämmung des Fensters
----------------------------------------</t>
  </si>
  <si>
    <t>ZZZ 214K PS0</t>
  </si>
  <si>
    <t>5702327025203</t>
  </si>
  <si>
    <t>VELUX Bal. Vent. GPU/GPL ZZZ 214K PS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SK
----------------------------------------
Luftvolumenstrom:
Luftvolumenstrom lässt sich manuell
regulieren (Stufe 1 -3)
Q bei 2 P: 50,5 m³/h - 15,5 m³/h
Q bei 4 P: 56 m³/h - 24 m³/h
Q bei 5 Pa: 56,5 m³/h - 27 m³/h
Q bei 7 Pa: 56,3 m³/h - 32,3 m³/h
Q bei 8 Pa: 56,3 m³/h - 34,0 m³/h
----------------------------------------
Schalldämmung:
- In geöffnetem Zustand: Dn,e,w : 29
(-1;-1) dB
- in geschlossenem Zustand: entspricht
der Schalldämmung des Fensters
----------------------------------------</t>
  </si>
  <si>
    <t>ZZZ 214K PS1</t>
  </si>
  <si>
    <t>5702327025210</t>
  </si>
  <si>
    <t>VELUX Bal. Vent. GPU/GPL ZZZ 214K PS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Klapp-Schwingfenster GPU/GPL der
Größe  SK
----------------------------------------
Luftvolumenstrom:
Luftvolumenstrom lässt sich manuell
regulieren (Stufe 1 -3)
Q bei 2 P: 50,5 m³/h - 15,5 m³/h
Q bei 4 P: 56 m³/h - 24 m³/h
Q bei 5 Pa: 56,5 m³/h - 27 m³/h
Q bei 7 Pa: 56,3 m³/h - 32,3 m³/h
Q bei 8 Pa: 56,3 m³/h - 34,0 m³/h
----------------------------------------
Schalldämmung:
- In geöffnetem Zustand: Dn,e,w : 29
(-1;-1) dB
- in geschlossenem Zustand: entspricht
der Schalldämmung des Fensters
----------------------------------------</t>
  </si>
  <si>
    <t>ZZZ 214K PU0</t>
  </si>
  <si>
    <t>5702327025234</t>
  </si>
  <si>
    <t>VELUX Bal. Vent. GPU/GPL ZZZ 214K PU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Klapp-Schwingfenster GPU/GPL der
Größe  UK
----------------------------------------
Luftvolumenstrom:
Luftvolumenstrom lässt sich manuell
regulieren (Stufe 1 -3)
Q bei 2 P: 52,1 m³/h - 17,5 m³/h
Q bei 4 P: 60 m³/h - 26,0 m³/h
Q bei 5 Pa: 62 m³/h - 29,5 m³/h
Q bei 7 Pa: 65 m³/h - 34,6 m³/h
Q bei 8 Pa: 66 m³/h - 37 m³/h
----------------------------------------
Schalldämmung:
- In geöffnetem Zustand: Dn,e,w : 29
(-1;-1) dB
- in geschlossenem Zustand: entspricht
der Schalldämmung des Fensters
----------------------------------------</t>
  </si>
  <si>
    <t>ZZZ 214K PU3</t>
  </si>
  <si>
    <t>5702327025258</t>
  </si>
  <si>
    <t>VELUX Bal. Vent. GPU/GPL ZZZ 214K PU3</t>
  </si>
  <si>
    <t>Selbstreg.Zu-u.Abluftelem. Br.U,Tw</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Für Klapp-Schwingfenster GPU/GPL der
Größe  UK
----------------------------------------
Luftvolumenstrom:
Luftvolumenstrom lässt sich manuell
regulieren (Stufe 1 -3)
Q bei 2 P: 52,1 m³/h - 17,5 m³/h
Q bei 4 P: 60 m³/h - 26,0 m³/h
Q bei 5 Pa: 62 m³/h - 29,5 m³/h
Q bei 7 Pa: 65 m³/h - 34,6 m³/h
Q bei 8 Pa: 66 m³/h - 37 m³/h
----------------------------------------
Schalldämmung:
- In geöffnetem Zustand: Dn,e,w : 29
(-1;-1) dB
- in geschlossenem Zustand: entspricht
der Schalldämmung des Fensters
----------------------------------------</t>
  </si>
  <si>
    <t>ZZZ 214K TM0</t>
  </si>
  <si>
    <t>5702327965622</t>
  </si>
  <si>
    <t>VELUX Bal. Vent. GTU/GTL ZZZ 214K TM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Wohn- und Austiegsfenster GTU/GTL
der Größe  MK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 214K TM1</t>
  </si>
  <si>
    <t>5702327965639</t>
  </si>
  <si>
    <t>VELUX Bal. Vent. GTU/GTL ZZZ 214K TM1</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Kupfer.
Für Wohn- und Austiegsfenster GTU/GTL
der Größe  MK
Luftvolumenstrom:
Luftvolumenstrom lässt sich manuell
regulieren (Stufe 1 -3)
Q bei 2 P: 32,5 m³/h - 8,8 m³/h
Q bei 4 P: 37 m³/h - 13,8m³/h
Q bei 5 Pa: 38,5 m³/h - 15,9 m³/h
Q bei 7 Pa: 39,6 m³/h - 19 m³/h
Q bei 8 Pa: 40 m³/h - 20 m³/h
----------------------------------------
Schalldämmung:
- In geöffnetem Zustand: Dn,e,w : 29
(-1;-1) dB
- in geschlossenem Zustand: entspricht
der Schalldämmung des Fensters
----------------------------------------</t>
  </si>
  <si>
    <t>ZZZ 214K TS0</t>
  </si>
  <si>
    <t>5702327965653</t>
  </si>
  <si>
    <t>VELUX Bal. Vent. GTU/GTL ZZZ 214K TS0</t>
  </si>
  <si>
    <t>----------------------------------------
VELUX Lüftungselement für manuelle
Fenster des
Sortiments V22 (ab 2013)
----------------------------------------
Lüftungselement mit selbstregelnder
Klappe zur automatischen Reaktion auf
Druckunterschiede und Windstärken. 
----------------------------------------
Produkt entspricht der DIN 1946-6 als
Zu- und Abluftelement für die freie
Querlüftung und ist als Zuluftelement
bei mechanischen Abluftsystemen
einsetzbar.
----------------------------------------
Lüftungsklappe des Fensters lässt sich
für eine Zwangsbelüftung durch
Zusatzelement blockieren. 
----------------------------------------
Einfache Montage durch Austausch des
Standard-Markisenkastens.
Außenabdeckung aus Aluminium,
einbrennlackiert, NCS S 7500-N.
Für Wohn- und Austiegsfenster GTU/GTL
der Größe  SK
----------------------------------------
Luftvolumenstrom:
Luftvolumenstrom lässt sich manuell
regulieren (Stufe 1 -3)
Q bei 2 P: 50,5 m³/h - 15,5 m³/h
Q bei 4 P: 55 m³/h - 24 m³/h
Q bei 5 Pa: 56,5 m³/h - 27 m³/h
Q bei 7 Pa: 56,3 m³/h - 32,3 m³/h
Q bei 8 Pa: 56,3 m³/h - 34,0 m³/h
----------------------------------------
Schalldämmung:
- In geöffnetem Zustand: Dn,e,w : 29
(-1;-1) dB
- in geschlossenem Zustand: entspricht
der Schalldämmung des Fensters
----------------------------------------</t>
  </si>
  <si>
    <t>ZZZ 220</t>
  </si>
  <si>
    <t>5702326268977</t>
  </si>
  <si>
    <t>VELUX Kombi-Pflege-Set ZZZ 220</t>
  </si>
  <si>
    <t>39199080</t>
  </si>
  <si>
    <t>ZZZ 220K</t>
  </si>
  <si>
    <t>5702326915468</t>
  </si>
  <si>
    <t>VELUX Kombi-Pflege-Set ZZZ 220K</t>
  </si>
  <si>
    <t>ZZZ 228K A</t>
  </si>
  <si>
    <t>5702327210494</t>
  </si>
  <si>
    <t>VELUX Fensterabdeckbleche ZZZ 228K A</t>
  </si>
  <si>
    <t>----------------------------------------
Set Fensterabdeckbleche für Montage
eines GTU/GTL mit VELUX Eindeckrahmen
EDJ/EKJ und EDN/EKN.
Material Aluminium einbrennlackiert grau</t>
  </si>
  <si>
    <t>ZZZ 237</t>
  </si>
  <si>
    <t>5702328127326</t>
  </si>
  <si>
    <t>VELUX Hebevorrichtung ZZZ 237</t>
  </si>
  <si>
    <t>für Fenster</t>
  </si>
  <si>
    <t>84314980</t>
  </si>
  <si>
    <t>----------------------------------------
Hebevorrichtung zum einfachen Transport
aller gängigen VELUX Dachfenster mit
einem zulässigem Gewicht von max. 120kg
in die Dachfläche mittels Kran(-wagen).</t>
  </si>
  <si>
    <t>ZZZ 244</t>
  </si>
  <si>
    <t>5702328549081</t>
  </si>
  <si>
    <t>VELUX Tragehilfe ZZZ 244</t>
  </si>
  <si>
    <t>für VELUX Dachfenster</t>
  </si>
  <si>
    <t>39269097</t>
  </si>
  <si>
    <t>----------------------------------------
Tragegurt zum einfachen manuellen
Transport
aller gängigen VELUX Dachfenster mit
einem zulässigem Gewicht von max. 120kg</t>
  </si>
  <si>
    <t>ZZZ 257 060060</t>
  </si>
  <si>
    <t>5702329251341</t>
  </si>
  <si>
    <t>VELUX Stahlgitter ZZZ 257 060060</t>
  </si>
  <si>
    <t>zur Durchsturzsicherung</t>
  </si>
  <si>
    <t>----------------------------------------
Stahlgitter zur dauerhaften 
Durchsturzsicherung von VELUX
Lichtkuppeln CFU, CVU.
Passend zum Dachausschnitt 60x60 cm.</t>
  </si>
  <si>
    <t>ZZZ 257 080080</t>
  </si>
  <si>
    <t>5702329251358</t>
  </si>
  <si>
    <t>VELUX Stahlgitter ZZZ 257 080080</t>
  </si>
  <si>
    <t>----------------------------------------
Stahlgitter zur dauerhaften 
Durchsturzsicherung von VELUX
Lichtkuppeln CFU, CVU.
Passend zum Dachausschnitt 80x80 cm.</t>
  </si>
  <si>
    <t>ZZZ 257 090060</t>
  </si>
  <si>
    <t>5702329251365</t>
  </si>
  <si>
    <t>VELUX Stahlgitter ZZZ 257 090060</t>
  </si>
  <si>
    <t>----------------------------------------
Stahlgitter zur dauerhaften 
Durchsturzsicherung von VELUX
Lichtkuppeln CFU, CVU.
Passend zum Dachausschnitt 90x60 cm.</t>
  </si>
  <si>
    <t>ZZZ 257 090090</t>
  </si>
  <si>
    <t>5702329251372</t>
  </si>
  <si>
    <t>VELUX Stahlgitter ZZZ 257 090090</t>
  </si>
  <si>
    <t>----------------------------------------
Stahlgitter zur dauerhaften 
Durchsturzsicherung von VELUX
Lichtkuppeln CFU, CVU.
Passend zum Dachausschnitt 90x90 cm.</t>
  </si>
  <si>
    <t>ZZZ 257 100100</t>
  </si>
  <si>
    <t>5702329251389</t>
  </si>
  <si>
    <t>VELUX Stahlgitter ZZZ 257 100100</t>
  </si>
  <si>
    <t>----------------------------------------
Stahlgitter zur dauerhaften 
Durchsturzsicherung von VELUX
Lichtkuppeln CFU, CVU.
Passend zum Dachausschnitt 100x100 cm.</t>
  </si>
  <si>
    <t>ZZZ 257 120090</t>
  </si>
  <si>
    <t>5702329251396</t>
  </si>
  <si>
    <t>VELUX Stahlgitter ZZZ 257 120090</t>
  </si>
  <si>
    <t>----------------------------------------
Stahlgitter zur dauerhaften 
Durchsturzsicherung von VELUX
Lichtkuppeln CFU, CVU.
Passend zum Dachausschnitt 120x90 cm.</t>
  </si>
  <si>
    <t>ZZZ 257 120120</t>
  </si>
  <si>
    <t>5702329251402</t>
  </si>
  <si>
    <t>VELUX Stahlgitter ZZZ 257 120120</t>
  </si>
  <si>
    <t>----------------------------------------
Stahlgitter zur dauerhaften 
Durchsturzsicherung von VELUX
Lichtkuppeln CFU, CVU.
Passend zum Dachausschnitt 120x120 cm.</t>
  </si>
  <si>
    <t>ZZZ 257 150100</t>
  </si>
  <si>
    <t>5702329251419</t>
  </si>
  <si>
    <t>VELUX Stahlgitter ZZZ 257 150100</t>
  </si>
  <si>
    <t>----------------------------------------
Stahlgitter zur dauerhaften 
Durchsturzsicherung von VELUX
Lichtkuppeln CFU, CVU.
Passend zum Dachausschnitt 150x100 cm.</t>
  </si>
  <si>
    <t>ZZZ 257 150150</t>
  </si>
  <si>
    <t>5702329251426</t>
  </si>
  <si>
    <t>VELUX Stahlgitter ZZZ 257 150150</t>
  </si>
  <si>
    <t>----------------------------------------
Stahlgitter zur dauerhaften 
Durchsturzsicherung von VELUX
Lichtkuppeln CFU, CVU.
Passend zum Dachausschnitt 150x150 cm.</t>
  </si>
  <si>
    <t>ZZZ 258</t>
  </si>
  <si>
    <t>5702329258517</t>
  </si>
  <si>
    <t>VELUX Protect Tool ZZZ 258</t>
  </si>
  <si>
    <t>ZZZ 259 02E</t>
  </si>
  <si>
    <t>5702329298360</t>
  </si>
  <si>
    <t>VELUX Abdeckplatte ZZZ 259 02E</t>
  </si>
  <si>
    <t>Holz, Höhe 02</t>
  </si>
  <si>
    <t>ZZZ 259 04E</t>
  </si>
  <si>
    <t>5702329298384</t>
  </si>
  <si>
    <t>VELUX Abdeckplatte ZZZ 259 04E</t>
  </si>
  <si>
    <t>Holz, Höhe 04</t>
  </si>
  <si>
    <t>ZZZ 259 06E</t>
  </si>
  <si>
    <t>5702329298407</t>
  </si>
  <si>
    <t>VELUX Abdeckplatte ZZZ 259 06E</t>
  </si>
  <si>
    <t>Holz, Höhe 06</t>
  </si>
  <si>
    <t>ZZZ 259 08E</t>
  </si>
  <si>
    <t>5702329298421</t>
  </si>
  <si>
    <t>VELUX Abdeckplatte ZZZ 259 08E</t>
  </si>
  <si>
    <t>Holz, Höhe 08</t>
  </si>
  <si>
    <t>ZZZ 259 10E</t>
  </si>
  <si>
    <t>5702329298445</t>
  </si>
  <si>
    <t>VELUX Abdeckplatte ZZZ 259 10E</t>
  </si>
  <si>
    <t>Holz, Höhe 10</t>
  </si>
  <si>
    <t>230V Elektro-Schwingf. GGL FK06 206622</t>
  </si>
  <si>
    <t>230V Elektro-Schwingf. GGL FK06 207022</t>
  </si>
  <si>
    <t>230V Elektro-Schwingf. GGL FK06 208422</t>
  </si>
  <si>
    <t>230V Elektro-Schwingf. GGL FK06 216622</t>
  </si>
  <si>
    <t>230V Elektro-Schwingf. GGL FK06 217022</t>
  </si>
  <si>
    <t>230V Elektro-Schwingf. GGL FK06 218422</t>
  </si>
  <si>
    <t>230V Elektro-Schwingf. GGL FK08 206622</t>
  </si>
  <si>
    <t>230V Elektro-Schwingf. GGL FK08 207022</t>
  </si>
  <si>
    <t>230V Elektro-Schwingf. GGL FK08 208422</t>
  </si>
  <si>
    <t>230V Elektro-Schwingf. GGL FK08 216622</t>
  </si>
  <si>
    <t>230V Elektro-Schwingf. GGL FK08 217022</t>
  </si>
  <si>
    <t>230V Elektro-Schwingf. GGL FK08 218422</t>
  </si>
  <si>
    <t>230V Elektro-Schwingf. GGL MK06 206622</t>
  </si>
  <si>
    <t>230V Elektro-Schwingf. GGL MK06 207022</t>
  </si>
  <si>
    <t>230V Elektro-Schwingf. GGL MK06 208422</t>
  </si>
  <si>
    <t>230V Elektro-Schwingf. GGL MK06 216622</t>
  </si>
  <si>
    <t>230V Elektro-Schwingf. GGL MK06 217022</t>
  </si>
  <si>
    <t>230V Elektro-Schwingf. GGL MK06 218422</t>
  </si>
  <si>
    <t>230V Elektro-Schwingf. GGL MK08 206622</t>
  </si>
  <si>
    <t>230V Elektro-Schwingf. GGL MK08 207022</t>
  </si>
  <si>
    <t>230V Elektro-Schwingf. GGL MK08 208422</t>
  </si>
  <si>
    <t>230V Elektro-Schwingf. GGL MK08 216622</t>
  </si>
  <si>
    <t>230V Elektro-Schwingf. GGL MK08 217022</t>
  </si>
  <si>
    <t>230V Elektro-Schwingf. GGL MK08 218422</t>
  </si>
  <si>
    <t>230V Elektro-Schwingf. GGL PK06 206622</t>
  </si>
  <si>
    <t>230V Elektro-Schwingf. GGL PK06 207022</t>
  </si>
  <si>
    <t>230V Elektro-Schwingf. GGL PK06 208422</t>
  </si>
  <si>
    <t>230V Elektro-Schwingf. GGL PK06 216622</t>
  </si>
  <si>
    <t>230V Elektro-Schwingf. GGL PK06 217022</t>
  </si>
  <si>
    <t>230V Elektro-Schwingf. GGL PK06 218422</t>
  </si>
  <si>
    <t>230V Elektro-Schwingf. GGL PK08 206622</t>
  </si>
  <si>
    <t>230V Elektro-Schwingf. GGL PK08 207022</t>
  </si>
  <si>
    <t>230V Elektro-Schwingf. GGL PK08 208422</t>
  </si>
  <si>
    <t>230V Elektro-Schwingf. GGL PK08 216622</t>
  </si>
  <si>
    <t>230V Elektro-Schwingf. GGL PK08 217022</t>
  </si>
  <si>
    <t>230V Elektro-Schwingf. GGL PK08 218422</t>
  </si>
  <si>
    <t>230V Elektro-Schwingf. GGL SK06 206622</t>
  </si>
  <si>
    <t>230V Elektro-Schwingf. GGL SK06 207022</t>
  </si>
  <si>
    <t>230V Elektro-Schwingf. GGL SK06 208422</t>
  </si>
  <si>
    <t>230V Elektro-Schwingf. GGL SK06 216622</t>
  </si>
  <si>
    <t>230V Elektro-Schwingf. GGL SK06 217022</t>
  </si>
  <si>
    <t>230V Elektro-Schwingf. GGL SK06 218422</t>
  </si>
  <si>
    <t>230V Elektro-Schwingf. GGL SK08 206622</t>
  </si>
  <si>
    <t>230V Elektro-Schwingf. GGL SK08 207022</t>
  </si>
  <si>
    <t>230V Elektro-Schwingf. GGL SK08 208422</t>
  </si>
  <si>
    <t>230V Elektro-Schwingf. GGL SK08 216622</t>
  </si>
  <si>
    <t>230V Elektro-Schwingf. GGL SK08 217022</t>
  </si>
  <si>
    <t>230V Elektro-Schwingf. GGL SK08 218422</t>
  </si>
  <si>
    <t>230V Elektro-Schwingf. GGU FK06 006622</t>
  </si>
  <si>
    <t>230V Elektro-Schwingf. GGU FK06 007022</t>
  </si>
  <si>
    <t>230V Elektro-Schwingf. GGU FK06 008422</t>
  </si>
  <si>
    <t>230V Elektro-Schwingf. GGU FK06 016622</t>
  </si>
  <si>
    <t>230V Elektro-Schwingf. GGU FK06 017022</t>
  </si>
  <si>
    <t>230V Elektro-Schwingf. GGU FK06 018422</t>
  </si>
  <si>
    <t>230V Elektro-Schwingf. GGU FK08 006622</t>
  </si>
  <si>
    <t>230V Elektro-Schwingf. GGU FK08 007022</t>
  </si>
  <si>
    <t>230V Elektro-Schwingf. GGU FK08 008422</t>
  </si>
  <si>
    <t>230V Elektro-Schwingf. GGU FK08 016622</t>
  </si>
  <si>
    <t>230V Elektro-Schwingf. GGU FK08 017022</t>
  </si>
  <si>
    <t>230V Elektro-Schwingf. GGU FK08 018422</t>
  </si>
  <si>
    <t>230V Elektro-Schwingf. GGU MK06 006622</t>
  </si>
  <si>
    <t>230V Elektro-Schwingf. GGU MK06 007022</t>
  </si>
  <si>
    <t>230V Elektro-Schwingf. GGU MK06 008422</t>
  </si>
  <si>
    <t>230V Elektro-Schwingf. GGU MK06 016622</t>
  </si>
  <si>
    <t>230V Elektro-Schwingf. GGU MK06 017022</t>
  </si>
  <si>
    <t>230V Elektro-Schwingf. GGU MK06 018422</t>
  </si>
  <si>
    <t>230V Elektro-Schwingf. GGU MK08 006622</t>
  </si>
  <si>
    <t>230V Elektro-Schwingf. GGU MK08 007022</t>
  </si>
  <si>
    <t>230V Elektro-Schwingf. GGU MK08 008422</t>
  </si>
  <si>
    <t>230V Elektro-Schwingf. GGU MK08 016622</t>
  </si>
  <si>
    <t>230V Elektro-Schwingf. GGU MK08 017022</t>
  </si>
  <si>
    <t>230V Elektro-Schwingf. GGU MK08 018422</t>
  </si>
  <si>
    <t>230V Elektro-Schwingf. GGU PK06 006622</t>
  </si>
  <si>
    <t>230V Elektro-Schwingf. GGU PK06 007022</t>
  </si>
  <si>
    <t>230V Elektro-Schwingf. GGU PK06 008422</t>
  </si>
  <si>
    <t>230V Elektro-Schwingf. GGU PK06 016622</t>
  </si>
  <si>
    <t>230V Elektro-Schwingf. GGU PK06 017022</t>
  </si>
  <si>
    <t>230V Elektro-Schwingf. GGU PK06 018422</t>
  </si>
  <si>
    <t>230V Elektro-Schwingf. GGU PK08 006622</t>
  </si>
  <si>
    <t>230V Elektro-Schwingf. GGU PK08 007022</t>
  </si>
  <si>
    <t>230V Elektro-Schwingf. GGU PK08 008422</t>
  </si>
  <si>
    <t>230V Elektro-Schwingf. GGU PK08 016622</t>
  </si>
  <si>
    <t>230V Elektro-Schwingf. GGU PK08 017022</t>
  </si>
  <si>
    <t>230V Elektro-Schwingf. GGU PK08 018422</t>
  </si>
  <si>
    <t>230V Elektro-Schwingf. GGU SK06 006622</t>
  </si>
  <si>
    <t>230V Elektro-Schwingf. GGU SK06 007022</t>
  </si>
  <si>
    <t>230V Elektro-Schwingf. GGU SK06 008422</t>
  </si>
  <si>
    <t>230V Elektro-Schwingf. GGU SK06 016622</t>
  </si>
  <si>
    <t>230V Elektro-Schwingf. GGU SK06 017022</t>
  </si>
  <si>
    <t>230V Elektro-Schwingf. GGU SK06 018422</t>
  </si>
  <si>
    <t>230V Elektro-Schwingf. GGU SK08 006622</t>
  </si>
  <si>
    <t>230V Elektro-Schwingf. GGU SK08 007022</t>
  </si>
  <si>
    <t>230V Elektro-Schwingf. GGU SK08 008422</t>
  </si>
  <si>
    <t>230V Elektro-Schwingf. GGU SK08 016622</t>
  </si>
  <si>
    <t>230V Elektro-Schwingf. GGU SK08 017022</t>
  </si>
  <si>
    <t>230V Elektro-Schwingf. GGU SK08 018422</t>
  </si>
  <si>
    <t>Gelöschte Artikel 01.02.2026</t>
  </si>
  <si>
    <t>GELÖSCHT</t>
  </si>
  <si>
    <t>BBX CK06 0021E</t>
  </si>
  <si>
    <t>5702329298520</t>
  </si>
  <si>
    <t>VELUX Dampfsperrschürze BBX CK06 0021E</t>
  </si>
  <si>
    <t>BBX FK04 0021E</t>
  </si>
  <si>
    <t>5702329298544</t>
  </si>
  <si>
    <t>VELUX Dampfsperrschürze BBX FK04 0021E</t>
  </si>
  <si>
    <t>BBX UK04 0021E</t>
  </si>
  <si>
    <t>5702329298841</t>
  </si>
  <si>
    <t>VELUX Dampfsperrschürze BBX UK04 0021E</t>
  </si>
  <si>
    <t>DFD C02 4654S</t>
  </si>
  <si>
    <t>5702329275637</t>
  </si>
  <si>
    <t>VELUX Verd.-Rollo Plus DFD C02 4654S</t>
  </si>
  <si>
    <t>DFD C02 4654SWL</t>
  </si>
  <si>
    <t>5702329275644</t>
  </si>
  <si>
    <t>VELUX Verd.-Rollo Plus DFD C02 4654SWL</t>
  </si>
  <si>
    <t>DFD C02 4655S</t>
  </si>
  <si>
    <t>5702329275651</t>
  </si>
  <si>
    <t>VELUX Verd.-Rollo Plus DFD C02 4655S</t>
  </si>
  <si>
    <t>DFD C02 4655SWL</t>
  </si>
  <si>
    <t>5702329275668</t>
  </si>
  <si>
    <t>VELUX Verd.-Rollo Plus DFD C02 4655SWL</t>
  </si>
  <si>
    <t>DFD C02 4659S</t>
  </si>
  <si>
    <t>5702329275675</t>
  </si>
  <si>
    <t>VELUX Verd.-Rollo Plus DFD C02 4659S</t>
  </si>
  <si>
    <t>DFD C02 4659SWL</t>
  </si>
  <si>
    <t>5702329275682</t>
  </si>
  <si>
    <t>VELUX Verd.-Rollo Plus DFD C02 4659SWL</t>
  </si>
  <si>
    <t>DFD C02 4661SWL</t>
  </si>
  <si>
    <t>5702329275729</t>
  </si>
  <si>
    <t>VELUX Verd.-Rollo Plus DFD C02 4661SWL</t>
  </si>
  <si>
    <t>DFD C02 4666SWL</t>
  </si>
  <si>
    <t>5702329275767</t>
  </si>
  <si>
    <t>VELUX Verd.-Rollo Plus DFD C02 4666SWL</t>
  </si>
  <si>
    <t>DFD C04 4654SWL</t>
  </si>
  <si>
    <t>5702329275828</t>
  </si>
  <si>
    <t>VELUX Verd.-Rollo Plus DFD C04 4654SWL</t>
  </si>
  <si>
    <t>DFD C04 4655S</t>
  </si>
  <si>
    <t>5702329275835</t>
  </si>
  <si>
    <t>VELUX Verd.-Rollo Plus DFD C04 4655S</t>
  </si>
  <si>
    <t>DFD C04 4655SWL</t>
  </si>
  <si>
    <t>5702329275842</t>
  </si>
  <si>
    <t>VELUX Verd.-Rollo Plus DFD C04 4655SWL</t>
  </si>
  <si>
    <t>DFD C04 4659S</t>
  </si>
  <si>
    <t>5702329275859</t>
  </si>
  <si>
    <t>VELUX Verd.-Rollo Plus DFD C04 4659S</t>
  </si>
  <si>
    <t>DFD C04 4659SWL</t>
  </si>
  <si>
    <t>5702329275866</t>
  </si>
  <si>
    <t>VELUX Verd.-Rollo Plus DFD C04 4659SWL</t>
  </si>
  <si>
    <t>DFD C06 4559S</t>
  </si>
  <si>
    <t>5702327920591</t>
  </si>
  <si>
    <t>VELUX Verd.-Rollo Plus DFD C06 4559S</t>
  </si>
  <si>
    <t>DFD C06 4575S</t>
  </si>
  <si>
    <t>5702329004688</t>
  </si>
  <si>
    <t>VELUX Verd.-Rollo Plus DFD C06 4575S</t>
  </si>
  <si>
    <t>DFD C06 4576S</t>
  </si>
  <si>
    <t>5702329004695</t>
  </si>
  <si>
    <t>VELUX Verd.-Rollo Plus DFD C06 4576S</t>
  </si>
  <si>
    <t>DFD C06 4577SWL</t>
  </si>
  <si>
    <t>5702329009232</t>
  </si>
  <si>
    <t>VELUX Verd.-Rollo Plus DFD C06 4577SWL</t>
  </si>
  <si>
    <t>DFD C06 4578S</t>
  </si>
  <si>
    <t>5702329004718</t>
  </si>
  <si>
    <t>VELUX Verd.-Rollo Plus DFD C06 4578S</t>
  </si>
  <si>
    <t>DFD C06 4578SWL</t>
  </si>
  <si>
    <t>5702329009249</t>
  </si>
  <si>
    <t>VELUX Verd.-Rollo Plus DFD C06 4578SWL</t>
  </si>
  <si>
    <t>DFD C06 4579S</t>
  </si>
  <si>
    <t>5702329004725</t>
  </si>
  <si>
    <t>VELUX Verd.-Rollo Plus DFD C06 4579S</t>
  </si>
  <si>
    <t>DFD C06 4653S</t>
  </si>
  <si>
    <t>5702329275972</t>
  </si>
  <si>
    <t>VELUX Verd.-Rollo Plus DFD C06 4653S</t>
  </si>
  <si>
    <t>DFD C06 4653SWL</t>
  </si>
  <si>
    <t>5702329275989</t>
  </si>
  <si>
    <t>VELUX Verd.-Rollo Plus DFD C06 4653SWL</t>
  </si>
  <si>
    <t>DFD C06 4654S</t>
  </si>
  <si>
    <t>5702329275996</t>
  </si>
  <si>
    <t>VELUX Verd.-Rollo Plus DFD C06 4654S</t>
  </si>
  <si>
    <t>DFD C06 4654SWL</t>
  </si>
  <si>
    <t>5702329276009</t>
  </si>
  <si>
    <t>VELUX Verd.-Rollo Plus DFD C06 4654SWL</t>
  </si>
  <si>
    <t>DFD C06 4655S</t>
  </si>
  <si>
    <t>5702329276016</t>
  </si>
  <si>
    <t>VELUX Verd.-Rollo Plus DFD C06 4655S</t>
  </si>
  <si>
    <t>DFD C06 4655SWL</t>
  </si>
  <si>
    <t>5702329276023</t>
  </si>
  <si>
    <t>VELUX Verd.-Rollo Plus DFD C06 4655SWL</t>
  </si>
  <si>
    <t>DFD C06 4659S</t>
  </si>
  <si>
    <t>5702329276030</t>
  </si>
  <si>
    <t>VELUX Verd.-Rollo Plus DFD C06 4659S</t>
  </si>
  <si>
    <t>DFD C06 4659SWL</t>
  </si>
  <si>
    <t>5702329276047</t>
  </si>
  <si>
    <t>VELUX Verd.-Rollo Plus DFD C06 4659SWL</t>
  </si>
  <si>
    <t>DFD C06 4660S</t>
  </si>
  <si>
    <t>5702329276054</t>
  </si>
  <si>
    <t>VELUX Verd.-Rollo Plus DFD C06 4660S</t>
  </si>
  <si>
    <t>DFD C06 4660SWL</t>
  </si>
  <si>
    <t>5702329276061</t>
  </si>
  <si>
    <t>VELUX Verd.-Rollo Plus DFD C06 4660SWL</t>
  </si>
  <si>
    <t>DFD C06 4661S</t>
  </si>
  <si>
    <t>5702329276078</t>
  </si>
  <si>
    <t>VELUX Verd.-Rollo Plus DFD C06 4661S</t>
  </si>
  <si>
    <t>DFD C06 4661SWL</t>
  </si>
  <si>
    <t>5702329276085</t>
  </si>
  <si>
    <t>VELUX Verd.-Rollo Plus DFD C06 4661SWL</t>
  </si>
  <si>
    <t>DFD C06 4665S</t>
  </si>
  <si>
    <t>5702329276092</t>
  </si>
  <si>
    <t>VELUX Verd.-Rollo Plus DFD C06 4665S</t>
  </si>
  <si>
    <t>DFD C06 4666S</t>
  </si>
  <si>
    <t>5702329276115</t>
  </si>
  <si>
    <t>VELUX Verd.-Rollo Plus DFD C06 4666S</t>
  </si>
  <si>
    <t>DFD C06 4666SWL</t>
  </si>
  <si>
    <t>5702329276122</t>
  </si>
  <si>
    <t>VELUX Verd.-Rollo Plus DFD C06 4666SWL</t>
  </si>
  <si>
    <t>DFD C06 4667S</t>
  </si>
  <si>
    <t>5702329276139</t>
  </si>
  <si>
    <t>VELUX Verd.-Rollo Plus DFD C06 4667S</t>
  </si>
  <si>
    <t>DFD C06 4667SWL</t>
  </si>
  <si>
    <t>5702329276146</t>
  </si>
  <si>
    <t>VELUX Verd.-Rollo Plus DFD C06 4667SWL</t>
  </si>
  <si>
    <t>DFD CK02 4654SWL</t>
  </si>
  <si>
    <t>5702329276368</t>
  </si>
  <si>
    <t>VELUX Verd.-Rollo Plus DFD CK02 4654SWL</t>
  </si>
  <si>
    <t>DFD CK02 4655SWL</t>
  </si>
  <si>
    <t>5702329276382</t>
  </si>
  <si>
    <t>VELUX Verd.-Rollo Plus DFD CK02 4655SWL</t>
  </si>
  <si>
    <t>DFD CK02 4661S</t>
  </si>
  <si>
    <t>5702329276436</t>
  </si>
  <si>
    <t>VELUX Verd.-Rollo Plus DFD CK02 4661S</t>
  </si>
  <si>
    <t>DFD CK02 4661SWL</t>
  </si>
  <si>
    <t>5702329276443</t>
  </si>
  <si>
    <t>VELUX Verd.-Rollo Plus DFD CK02 4661SWL</t>
  </si>
  <si>
    <t>DFD CK02 4665S</t>
  </si>
  <si>
    <t>5702329276450</t>
  </si>
  <si>
    <t>VELUX Verd.-Rollo Plus DFD CK02 4665S</t>
  </si>
  <si>
    <t>DFD CK04 4655S</t>
  </si>
  <si>
    <t>5702329276559</t>
  </si>
  <si>
    <t>VELUX Verd.-Rollo Plus DFD CK04 4655S</t>
  </si>
  <si>
    <t>DFD CK04 4655SWL</t>
  </si>
  <si>
    <t>5702329276566</t>
  </si>
  <si>
    <t>VELUX Verd.-Rollo Plus DFD CK04 4655SWL</t>
  </si>
  <si>
    <t>DFD CK04 4661S</t>
  </si>
  <si>
    <t>5702329276610</t>
  </si>
  <si>
    <t>VELUX Verd.-Rollo Plus DFD CK04 4661S</t>
  </si>
  <si>
    <t>DFD CK06 4654S</t>
  </si>
  <si>
    <t>5702329276719</t>
  </si>
  <si>
    <t>VELUX Verd.-Rollo Plus DFD CK06 4654S</t>
  </si>
  <si>
    <t>DFD CK06 4654SWL</t>
  </si>
  <si>
    <t>5702329276726</t>
  </si>
  <si>
    <t>VELUX Verd.-Rollo Plus DFD CK06 4654SWL</t>
  </si>
  <si>
    <t>DFD CK06 4655S</t>
  </si>
  <si>
    <t>5702329276733</t>
  </si>
  <si>
    <t>VELUX Verd.-Rollo Plus DFD CK06 4655S</t>
  </si>
  <si>
    <t>DFD CK06 4655SWL</t>
  </si>
  <si>
    <t>5702329276740</t>
  </si>
  <si>
    <t>VELUX Verd.-Rollo Plus DFD CK06 4655SWL</t>
  </si>
  <si>
    <t>DFD CK06 4659SWL</t>
  </si>
  <si>
    <t>5702329276764</t>
  </si>
  <si>
    <t>VELUX Verd.-Rollo Plus DFD CK06 4659SWL</t>
  </si>
  <si>
    <t>DFD CK06 4661S</t>
  </si>
  <si>
    <t>5702329276795</t>
  </si>
  <si>
    <t>VELUX Verd.-Rollo Plus DFD CK06 4661S</t>
  </si>
  <si>
    <t>DFD CK06 4661SWL</t>
  </si>
  <si>
    <t>5702329276801</t>
  </si>
  <si>
    <t>VELUX Verd.-Rollo Plus DFD CK06 4661SWL</t>
  </si>
  <si>
    <t>DFD CK06 4665S</t>
  </si>
  <si>
    <t>5702329276818</t>
  </si>
  <si>
    <t>VELUX Verd.-Rollo Plus DFD CK06 4665S</t>
  </si>
  <si>
    <t>DFD CK06 4666S</t>
  </si>
  <si>
    <t>5702329276832</t>
  </si>
  <si>
    <t>VELUX Verd.-Rollo Plus DFD CK06 4666S</t>
  </si>
  <si>
    <t>DFD CK06 4667S</t>
  </si>
  <si>
    <t>5702329276856</t>
  </si>
  <si>
    <t>VELUX Verd.-Rollo Plus DFD CK06 4667S</t>
  </si>
  <si>
    <t>DFD F04 4574S</t>
  </si>
  <si>
    <t>5702329005074</t>
  </si>
  <si>
    <t>VELUX Verd.-Rollo Plus DFD F04 4574S</t>
  </si>
  <si>
    <t>DFD F04 4575S</t>
  </si>
  <si>
    <t>5702329005081</t>
  </si>
  <si>
    <t>VELUX Verd.-Rollo Plus DFD F04 4575S</t>
  </si>
  <si>
    <t>DFD F04 4576SWL</t>
  </si>
  <si>
    <t>5702329010023</t>
  </si>
  <si>
    <t>VELUX Verd.-Rollo Plus DFD F04 4576SWL</t>
  </si>
  <si>
    <t>DFD F04 4577SWL</t>
  </si>
  <si>
    <t>5702329010030</t>
  </si>
  <si>
    <t>VELUX Verd.-Rollo Plus DFD F04 4577SWL</t>
  </si>
  <si>
    <t>DFD F04 4578S</t>
  </si>
  <si>
    <t>5702329005111</t>
  </si>
  <si>
    <t>VELUX Verd.-Rollo Plus DFD F04 4578S</t>
  </si>
  <si>
    <t>DFD F04 4578SWL</t>
  </si>
  <si>
    <t>5702329010047</t>
  </si>
  <si>
    <t>VELUX Verd.-Rollo Plus DFD F04 4578SWL</t>
  </si>
  <si>
    <t>DFD F04 4579SWL</t>
  </si>
  <si>
    <t>5702329010054</t>
  </si>
  <si>
    <t>VELUX Verd.-Rollo Plus DFD F04 4579SWL</t>
  </si>
  <si>
    <t>DFD F04 4654S</t>
  </si>
  <si>
    <t>5702329276894</t>
  </si>
  <si>
    <t>VELUX Verd.-Rollo Plus DFD F04 4654S</t>
  </si>
  <si>
    <t>DFD F04 4654SWL</t>
  </si>
  <si>
    <t>5702329276900</t>
  </si>
  <si>
    <t>VELUX Verd.-Rollo Plus DFD F04 4654SWL</t>
  </si>
  <si>
    <t>DFD F04 4655S</t>
  </si>
  <si>
    <t>5702329276917</t>
  </si>
  <si>
    <t>VELUX Verd.-Rollo Plus DFD F04 4655S</t>
  </si>
  <si>
    <t>DFD F04 4655SWL</t>
  </si>
  <si>
    <t>5702329276924</t>
  </si>
  <si>
    <t>VELUX Verd.-Rollo Plus DFD F04 4655SWL</t>
  </si>
  <si>
    <t>DFD F04 4659S</t>
  </si>
  <si>
    <t>5702329276931</t>
  </si>
  <si>
    <t>VELUX Verd.-Rollo Plus DFD F04 4659S</t>
  </si>
  <si>
    <t>DFD F04 4659SWL</t>
  </si>
  <si>
    <t>5702329276948</t>
  </si>
  <si>
    <t>VELUX Verd.-Rollo Plus DFD F04 4659SWL</t>
  </si>
  <si>
    <t>DFD F04 4660SWL</t>
  </si>
  <si>
    <t>5702329276962</t>
  </si>
  <si>
    <t>VELUX Verd.-Rollo Plus DFD F04 4660SWL</t>
  </si>
  <si>
    <t>DFD F04 4661S</t>
  </si>
  <si>
    <t>5702329276979</t>
  </si>
  <si>
    <t>VELUX Verd.-Rollo Plus DFD F04 4661S</t>
  </si>
  <si>
    <t>DFD F04 4661SWL</t>
  </si>
  <si>
    <t>5702329276986</t>
  </si>
  <si>
    <t>VELUX Verd.-Rollo Plus DFD F04 4661SWL</t>
  </si>
  <si>
    <t>DFD F04 4665S</t>
  </si>
  <si>
    <t>5702329276993</t>
  </si>
  <si>
    <t>VELUX Verd.-Rollo Plus DFD F04 4665S</t>
  </si>
  <si>
    <t>DFD F04 4666SWL</t>
  </si>
  <si>
    <t>5702329277020</t>
  </si>
  <si>
    <t>VELUX Verd.-Rollo Plus DFD F04 4666SWL</t>
  </si>
  <si>
    <t>DFD F04 4667SWL</t>
  </si>
  <si>
    <t>5702329277044</t>
  </si>
  <si>
    <t>VELUX Verd.-Rollo Plus DFD F04 4667SWL</t>
  </si>
  <si>
    <t>DFD F06 4654SWL</t>
  </si>
  <si>
    <t>5702329277082</t>
  </si>
  <si>
    <t>VELUX Verd.-Rollo Plus DFD F06 4654SWL</t>
  </si>
  <si>
    <t>DFD F06 4661S</t>
  </si>
  <si>
    <t>5702329277150</t>
  </si>
  <si>
    <t>VELUX Verd.-Rollo Plus DFD F06 4661S</t>
  </si>
  <si>
    <t>DFD F06 4661SWL</t>
  </si>
  <si>
    <t>5702329277167</t>
  </si>
  <si>
    <t>VELUX Verd.-Rollo Plus DFD F06 4661SWL</t>
  </si>
  <si>
    <t>DFD F08 4564S</t>
  </si>
  <si>
    <t>5702327922328</t>
  </si>
  <si>
    <t>VELUX Verd.-Rollo Plus DFD F08 4564S</t>
  </si>
  <si>
    <t>DFD F08 4575S</t>
  </si>
  <si>
    <t>5702329005241</t>
  </si>
  <si>
    <t>VELUX Verd.-Rollo Plus DFD F08 4575S</t>
  </si>
  <si>
    <t>DFD F08 4575SWL</t>
  </si>
  <si>
    <t>5702329010337</t>
  </si>
  <si>
    <t>VELUX Verd.-Rollo Plus DFD F08 4575SWL</t>
  </si>
  <si>
    <t>DFD F08 4576S</t>
  </si>
  <si>
    <t>5702329005258</t>
  </si>
  <si>
    <t>VELUX Verd.-Rollo Plus DFD F08 4576S</t>
  </si>
  <si>
    <t>DFD F08 4576SWL</t>
  </si>
  <si>
    <t>5702329010344</t>
  </si>
  <si>
    <t>VELUX Verd.-Rollo Plus DFD F08 4576SWL</t>
  </si>
  <si>
    <t>DFD F08 4578S</t>
  </si>
  <si>
    <t>5702329005272</t>
  </si>
  <si>
    <t>VELUX Verd.-Rollo Plus DFD F08 4578S</t>
  </si>
  <si>
    <t>DFD F08 4578SWL</t>
  </si>
  <si>
    <t>5702329010368</t>
  </si>
  <si>
    <t>VELUX Verd.-Rollo Plus DFD F08 4578SWL</t>
  </si>
  <si>
    <t>DFD F08 4579S</t>
  </si>
  <si>
    <t>5702329005289</t>
  </si>
  <si>
    <t>VELUX Verd.-Rollo Plus DFD F08 4579S</t>
  </si>
  <si>
    <t>DFD F08 4654S</t>
  </si>
  <si>
    <t>5702329277259</t>
  </si>
  <si>
    <t>VELUX Verd.-Rollo Plus DFD F08 4654S</t>
  </si>
  <si>
    <t>DFD F08 4655S</t>
  </si>
  <si>
    <t>5702329277273</t>
  </si>
  <si>
    <t>VELUX Verd.-Rollo Plus DFD F08 4655S</t>
  </si>
  <si>
    <t>DFD F08 4655SWL</t>
  </si>
  <si>
    <t>5702329277280</t>
  </si>
  <si>
    <t>VELUX Verd.-Rollo Plus DFD F08 4655SWL</t>
  </si>
  <si>
    <t>DFD F08 4659S</t>
  </si>
  <si>
    <t>5702329277297</t>
  </si>
  <si>
    <t>VELUX Verd.-Rollo Plus DFD F08 4659S</t>
  </si>
  <si>
    <t>DFD F08 4659SWL</t>
  </si>
  <si>
    <t>5702329277303</t>
  </si>
  <si>
    <t>VELUX Verd.-Rollo Plus DFD F08 4659SWL</t>
  </si>
  <si>
    <t>DFD F08 4660S</t>
  </si>
  <si>
    <t>5702329277310</t>
  </si>
  <si>
    <t>VELUX Verd.-Rollo Plus DFD F08 4660S</t>
  </si>
  <si>
    <t>DFD F08 4660SWL</t>
  </si>
  <si>
    <t>5702329277327</t>
  </si>
  <si>
    <t>VELUX Verd.-Rollo Plus DFD F08 4660SWL</t>
  </si>
  <si>
    <t>DFD F08 4661S</t>
  </si>
  <si>
    <t>5702329277334</t>
  </si>
  <si>
    <t>VELUX Verd.-Rollo Plus DFD F08 4661S</t>
  </si>
  <si>
    <t>DFD F08 4661SWL</t>
  </si>
  <si>
    <t>5702329277341</t>
  </si>
  <si>
    <t>VELUX Verd.-Rollo Plus DFD F08 4661SWL</t>
  </si>
  <si>
    <t>DFD F08 4665S</t>
  </si>
  <si>
    <t>5702329277358</t>
  </si>
  <si>
    <t>VELUX Verd.-Rollo Plus DFD F08 4665S</t>
  </si>
  <si>
    <t>DFD F08 4665SWL</t>
  </si>
  <si>
    <t>5702329277365</t>
  </si>
  <si>
    <t>VELUX Verd.-Rollo Plus DFD F08 4665SWL</t>
  </si>
  <si>
    <t>DFD F08 4666SWL</t>
  </si>
  <si>
    <t>5702329277389</t>
  </si>
  <si>
    <t>VELUX Verd.-Rollo Plus DFD F08 4666SWL</t>
  </si>
  <si>
    <t>DFD F08 4667S</t>
  </si>
  <si>
    <t>5702329277396</t>
  </si>
  <si>
    <t>VELUX Verd.-Rollo Plus DFD F08 4667S</t>
  </si>
  <si>
    <t>DFD F08 4667SWL</t>
  </si>
  <si>
    <t>5702329277402</t>
  </si>
  <si>
    <t>VELUX Verd.-Rollo Plus DFD F08 4667SWL</t>
  </si>
  <si>
    <t>DFD FK04 4654S</t>
  </si>
  <si>
    <t>5702329277433</t>
  </si>
  <si>
    <t>VELUX Verd.-Rollo Plus DFD FK04 4654S</t>
  </si>
  <si>
    <t>DFD FK04 4654SWL</t>
  </si>
  <si>
    <t>5702329277440</t>
  </si>
  <si>
    <t>VELUX Verd.-Rollo Plus DFD FK04 4654SWL</t>
  </si>
  <si>
    <t>DFD FK04 4655S</t>
  </si>
  <si>
    <t>5702329277457</t>
  </si>
  <si>
    <t>VELUX Verd.-Rollo Plus DFD FK04 4655S</t>
  </si>
  <si>
    <t>DFD FK04 4661S</t>
  </si>
  <si>
    <t>5702329277518</t>
  </si>
  <si>
    <t>VELUX Verd.-Rollo Plus DFD FK04 4661S</t>
  </si>
  <si>
    <t>DFD FK04 4661SWL</t>
  </si>
  <si>
    <t>5702329277525</t>
  </si>
  <si>
    <t>VELUX Verd.-Rollo Plus DFD FK04 4661SWL</t>
  </si>
  <si>
    <t>DFD FK04 4666S</t>
  </si>
  <si>
    <t>5702329277556</t>
  </si>
  <si>
    <t>VELUX Verd.-Rollo Plus DFD FK04 4666S</t>
  </si>
  <si>
    <t>DFD FK04 4667S</t>
  </si>
  <si>
    <t>5702329277570</t>
  </si>
  <si>
    <t>VELUX Verd.-Rollo Plus DFD FK04 4667S</t>
  </si>
  <si>
    <t>DFD FK06 4655S</t>
  </si>
  <si>
    <t>5702329277631</t>
  </si>
  <si>
    <t>VELUX Verd.-Rollo Plus DFD FK06 4655S</t>
  </si>
  <si>
    <t>DFD FK06 4655SWL</t>
  </si>
  <si>
    <t>5702329277648</t>
  </si>
  <si>
    <t>VELUX Verd.-Rollo Plus DFD FK06 4655SWL</t>
  </si>
  <si>
    <t>DFD FK06 4661S</t>
  </si>
  <si>
    <t>5702329277693</t>
  </si>
  <si>
    <t>VELUX Verd.-Rollo Plus DFD FK06 4661S</t>
  </si>
  <si>
    <t>DFD FK08 4654SWL</t>
  </si>
  <si>
    <t>5702329277808</t>
  </si>
  <si>
    <t>VELUX Verd.-Rollo Plus DFD FK08 4654SWL</t>
  </si>
  <si>
    <t>DFD FK08 4655S</t>
  </si>
  <si>
    <t>5702329277815</t>
  </si>
  <si>
    <t>VELUX Verd.-Rollo Plus DFD FK08 4655S</t>
  </si>
  <si>
    <t>DFD FK08 4665S</t>
  </si>
  <si>
    <t>5702329277891</t>
  </si>
  <si>
    <t>VELUX Verd.-Rollo Plus DFD FK08 4665S</t>
  </si>
  <si>
    <t>DFD M04 4654SWL</t>
  </si>
  <si>
    <t>5702329277983</t>
  </si>
  <si>
    <t>VELUX Verd.-Rollo Plus DFD M04 4654SWL</t>
  </si>
  <si>
    <t>DFD M04 4655SWL</t>
  </si>
  <si>
    <t>5702329278003</t>
  </si>
  <si>
    <t>VELUX Verd.-Rollo Plus DFD M04 4655SWL</t>
  </si>
  <si>
    <t>DFD M06 4655SWL</t>
  </si>
  <si>
    <t>5702329278188</t>
  </si>
  <si>
    <t>VELUX Verd.-Rollo Plus DFD M06 4655SWL</t>
  </si>
  <si>
    <t>DFD M10 4575SWL</t>
  </si>
  <si>
    <t>5702329011471</t>
  </si>
  <si>
    <t>VELUX Verd.-Rollo Plus DFD M10 4575SWL</t>
  </si>
  <si>
    <t>DFD M10 4654SWL</t>
  </si>
  <si>
    <t>5702329278522</t>
  </si>
  <si>
    <t>VELUX Verd.-Rollo Plus DFD M10 4654SWL</t>
  </si>
  <si>
    <t>DFD M10 4655S</t>
  </si>
  <si>
    <t>5702329278539</t>
  </si>
  <si>
    <t>VELUX Verd.-Rollo Plus DFD M10 4655S</t>
  </si>
  <si>
    <t>DFD M10 4655SWL</t>
  </si>
  <si>
    <t>5702329278546</t>
  </si>
  <si>
    <t>VELUX Verd.-Rollo Plus DFD M10 4655SWL</t>
  </si>
  <si>
    <t>DFD M10 4660SWL</t>
  </si>
  <si>
    <t>5702329278584</t>
  </si>
  <si>
    <t>VELUX Verd.-Rollo Plus DFD M10 4660SWL</t>
  </si>
  <si>
    <t>DFD M10 4661S</t>
  </si>
  <si>
    <t>5702329278591</t>
  </si>
  <si>
    <t>VELUX Verd.-Rollo Plus DFD M10 4661S</t>
  </si>
  <si>
    <t>DFD M10 4661SWL</t>
  </si>
  <si>
    <t>5702329278607</t>
  </si>
  <si>
    <t>VELUX Verd.-Rollo Plus DFD M10 4661SWL</t>
  </si>
  <si>
    <t>DFD M10 4665SWL</t>
  </si>
  <si>
    <t>5702329278621</t>
  </si>
  <si>
    <t>VELUX Verd.-Rollo Plus DFD M10 4665SWL</t>
  </si>
  <si>
    <t>DFD M10 4666SWL</t>
  </si>
  <si>
    <t>5702329278645</t>
  </si>
  <si>
    <t>VELUX Verd.-Rollo Plus DFD M10 4666SWL</t>
  </si>
  <si>
    <t>DFD M10 4667SWL</t>
  </si>
  <si>
    <t>5702329278669</t>
  </si>
  <si>
    <t>VELUX Verd.-Rollo Plus DFD M10 4667SWL</t>
  </si>
  <si>
    <t>DFD MK04 4655SWL</t>
  </si>
  <si>
    <t>5702329278720</t>
  </si>
  <si>
    <t>VELUX Verd.-Rollo Plus DFD MK04 4655SWL</t>
  </si>
  <si>
    <t>DFD MK06 4654S</t>
  </si>
  <si>
    <t>5702329278874</t>
  </si>
  <si>
    <t>VELUX Verd.-Rollo Plus DFD MK06 4654S</t>
  </si>
  <si>
    <t>DFD MK08 4655SWL</t>
  </si>
  <si>
    <t>5702329279086</t>
  </si>
  <si>
    <t>VELUX Verd.-Rollo Plus DFD MK08 4655SWL</t>
  </si>
  <si>
    <t>DFD MK10 4654S</t>
  </si>
  <si>
    <t>5702329279239</t>
  </si>
  <si>
    <t>VELUX Verd.-Rollo Plus DFD MK10 4654S</t>
  </si>
  <si>
    <t>DFD MK10 4654SWL</t>
  </si>
  <si>
    <t>5702329279246</t>
  </si>
  <si>
    <t>VELUX Verd.-Rollo Plus DFD MK10 4654SWL</t>
  </si>
  <si>
    <t>DFD MK10 4655S</t>
  </si>
  <si>
    <t>5702329279253</t>
  </si>
  <si>
    <t>VELUX Verd.-Rollo Plus DFD MK10 4655S</t>
  </si>
  <si>
    <t>DFD MK10 4655SWL</t>
  </si>
  <si>
    <t>5702329279260</t>
  </si>
  <si>
    <t>VELUX Verd.-Rollo Plus DFD MK10 4655SWL</t>
  </si>
  <si>
    <t>DFD MK10 4659S</t>
  </si>
  <si>
    <t>5702329279277</t>
  </si>
  <si>
    <t>VELUX Verd.-Rollo Plus DFD MK10 4659S</t>
  </si>
  <si>
    <t>DFD MK10 4666S</t>
  </si>
  <si>
    <t>5702329279352</t>
  </si>
  <si>
    <t>VELUX Verd.-Rollo Plus DFD MK10 4666S</t>
  </si>
  <si>
    <t>DFD P04 4654SWL</t>
  </si>
  <si>
    <t>5702329279581</t>
  </si>
  <si>
    <t>VELUX Verd.-Rollo Plus DFD P04 4654SWL</t>
  </si>
  <si>
    <t>DFD P04 4655S</t>
  </si>
  <si>
    <t>5702329279598</t>
  </si>
  <si>
    <t>VELUX Verd.-Rollo Plus DFD P04 4655S</t>
  </si>
  <si>
    <t>DFD P04 4655SWL</t>
  </si>
  <si>
    <t>5702329279604</t>
  </si>
  <si>
    <t>VELUX Verd.-Rollo Plus DFD P04 4655SWL</t>
  </si>
  <si>
    <t>DFD P04 4660S</t>
  </si>
  <si>
    <t>5702329279635</t>
  </si>
  <si>
    <t>VELUX Verd.-Rollo Plus DFD P04 4660S</t>
  </si>
  <si>
    <t>DFD P04 4665S</t>
  </si>
  <si>
    <t>5702329279673</t>
  </si>
  <si>
    <t>VELUX Verd.-Rollo Plus DFD P04 4665S</t>
  </si>
  <si>
    <t>DFD P04 4666SWL</t>
  </si>
  <si>
    <t>5702329279703</t>
  </si>
  <si>
    <t>VELUX Verd.-Rollo Plus DFD P04 4666SWL</t>
  </si>
  <si>
    <t>DFD P04 4667S</t>
  </si>
  <si>
    <t>5702329279710</t>
  </si>
  <si>
    <t>VELUX Verd.-Rollo Plus DFD P04 4667S</t>
  </si>
  <si>
    <t>DFD P06 4655S</t>
  </si>
  <si>
    <t>5702329279772</t>
  </si>
  <si>
    <t>VELUX Verd.-Rollo Plus DFD P06 4655S</t>
  </si>
  <si>
    <t>DFD P06 4655SWL</t>
  </si>
  <si>
    <t>5702329279789</t>
  </si>
  <si>
    <t>VELUX Verd.-Rollo Plus DFD P06 4655SWL</t>
  </si>
  <si>
    <t>DFD P06 4659S</t>
  </si>
  <si>
    <t>5702329279796</t>
  </si>
  <si>
    <t>VELUX Verd.-Rollo Plus DFD P06 4659S</t>
  </si>
  <si>
    <t>DFD P06 4661S</t>
  </si>
  <si>
    <t>5702329279833</t>
  </si>
  <si>
    <t>VELUX Verd.-Rollo Plus DFD P06 4661S</t>
  </si>
  <si>
    <t>DFD P08 4654SWL</t>
  </si>
  <si>
    <t>5702329279949</t>
  </si>
  <si>
    <t>VELUX Verd.-Rollo Plus DFD P08 4654SWL</t>
  </si>
  <si>
    <t>DFD P08 4655S</t>
  </si>
  <si>
    <t>5702329279956</t>
  </si>
  <si>
    <t>VELUX Verd.-Rollo Plus DFD P08 4655S</t>
  </si>
  <si>
    <t>DFD P08 4655SWL</t>
  </si>
  <si>
    <t>5702329279963</t>
  </si>
  <si>
    <t>VELUX Verd.-Rollo Plus DFD P08 4655SWL</t>
  </si>
  <si>
    <t>DFD P08 4659S</t>
  </si>
  <si>
    <t>5702329279970</t>
  </si>
  <si>
    <t>VELUX Verd.-Rollo Plus DFD P08 4659S</t>
  </si>
  <si>
    <t>DFD P08 4665SWL</t>
  </si>
  <si>
    <t>5702329280044</t>
  </si>
  <si>
    <t>VELUX Verd.-Rollo Plus DFD P08 4665SWL</t>
  </si>
  <si>
    <t>DFD P08 4667S</t>
  </si>
  <si>
    <t>5702329280075</t>
  </si>
  <si>
    <t>VELUX Verd.-Rollo Plus DFD P08 4667S</t>
  </si>
  <si>
    <t>DFD P08 4667SWL</t>
  </si>
  <si>
    <t>5702329280082</t>
  </si>
  <si>
    <t>VELUX Verd.-Rollo Plus DFD P08 4667SWL</t>
  </si>
  <si>
    <t>DFD P10 4654S</t>
  </si>
  <si>
    <t>5702329280112</t>
  </si>
  <si>
    <t>VELUX Verd.-Rollo Plus DFD P10 4654S</t>
  </si>
  <si>
    <t>DFD P10 4655SWL</t>
  </si>
  <si>
    <t>5702329280143</t>
  </si>
  <si>
    <t>VELUX Verd.-Rollo Plus DFD P10 4655SWL</t>
  </si>
  <si>
    <t>DFD P10 4660SWL</t>
  </si>
  <si>
    <t>5702329280181</t>
  </si>
  <si>
    <t>VELUX Verd.-Rollo Plus DFD P10 4660SWL</t>
  </si>
  <si>
    <t>DFD P10 4661SWL</t>
  </si>
  <si>
    <t>5702329280204</t>
  </si>
  <si>
    <t>VELUX Verd.-Rollo Plus DFD P10 4661SWL</t>
  </si>
  <si>
    <t>DFD PK06 4654S</t>
  </si>
  <si>
    <t>5702329280655</t>
  </si>
  <si>
    <t>VELUX Verd.-Rollo Plus DFD PK06 4654S</t>
  </si>
  <si>
    <t>DFD PK06 4655SWL</t>
  </si>
  <si>
    <t>5702329280686</t>
  </si>
  <si>
    <t>VELUX Verd.-Rollo Plus DFD PK06 4655SWL</t>
  </si>
  <si>
    <t>DFD PK06 4667S</t>
  </si>
  <si>
    <t>5702329280792</t>
  </si>
  <si>
    <t>VELUX Verd.-Rollo Plus DFD PK06 4667S</t>
  </si>
  <si>
    <t>DFD PK10 4655S</t>
  </si>
  <si>
    <t>5702329281034</t>
  </si>
  <si>
    <t>VELUX Verd.-Rollo Plus DFD PK10 4655S</t>
  </si>
  <si>
    <t>DFD PK10 4655SWL</t>
  </si>
  <si>
    <t>5702329281041</t>
  </si>
  <si>
    <t>VELUX Verd.-Rollo Plus DFD PK10 4655SWL</t>
  </si>
  <si>
    <t>DFD PK10 4661S</t>
  </si>
  <si>
    <t>5702329281096</t>
  </si>
  <si>
    <t>VELUX Verd.-Rollo Plus DFD PK10 4661S</t>
  </si>
  <si>
    <t>DFD PK10 4666SWL</t>
  </si>
  <si>
    <t>5702329281140</t>
  </si>
  <si>
    <t>VELUX Verd.-Rollo Plus DFD PK10 4666SWL</t>
  </si>
  <si>
    <t>DFD S04 4578S</t>
  </si>
  <si>
    <t>5702329007191</t>
  </si>
  <si>
    <t>VELUX Verd.-Rollo Plus DFD S04 4578S</t>
  </si>
  <si>
    <t>DFD S04 4654SWL</t>
  </si>
  <si>
    <t>5702329281560</t>
  </si>
  <si>
    <t>VELUX Verd.-Rollo Plus DFD S04 4654SWL</t>
  </si>
  <si>
    <t>DFD S04 4655S</t>
  </si>
  <si>
    <t>5702329281577</t>
  </si>
  <si>
    <t>VELUX Verd.-Rollo Plus DFD S04 4655S</t>
  </si>
  <si>
    <t>DFD S04 4655SWL</t>
  </si>
  <si>
    <t>5702329281584</t>
  </si>
  <si>
    <t>VELUX Verd.-Rollo Plus DFD S04 4655SWL</t>
  </si>
  <si>
    <t>DFD S04 4660SWL</t>
  </si>
  <si>
    <t>5702329281621</t>
  </si>
  <si>
    <t>VELUX Verd.-Rollo Plus DFD S04 4660SWL</t>
  </si>
  <si>
    <t>DFD S04 4665SWL</t>
  </si>
  <si>
    <t>5702329281669</t>
  </si>
  <si>
    <t>VELUX Verd.-Rollo Plus DFD S04 4665SWL</t>
  </si>
  <si>
    <t>DFD S04 4667SWL</t>
  </si>
  <si>
    <t>5702329281706</t>
  </si>
  <si>
    <t>VELUX Verd.-Rollo Plus DFD S04 4667SWL</t>
  </si>
  <si>
    <t>DFD S08 4655S</t>
  </si>
  <si>
    <t>5702329281935</t>
  </si>
  <si>
    <t>VELUX Verd.-Rollo Plus DFD S08 4655S</t>
  </si>
  <si>
    <t>DFD S08 4655SWL</t>
  </si>
  <si>
    <t>5702329281942</t>
  </si>
  <si>
    <t>VELUX Verd.-Rollo Plus DFD S08 4655SWL</t>
  </si>
  <si>
    <t>DFD S10 4564SWL</t>
  </si>
  <si>
    <t>5702329014533</t>
  </si>
  <si>
    <t>VELUX Verd.-Rollo Plus DFD S10 4564SWL</t>
  </si>
  <si>
    <t>DFD S10 4575SWL</t>
  </si>
  <si>
    <t>5702329014557</t>
  </si>
  <si>
    <t>VELUX Verd.-Rollo Plus DFD S10 4575SWL</t>
  </si>
  <si>
    <t>DFD S10 4577SWL</t>
  </si>
  <si>
    <t>5702329014571</t>
  </si>
  <si>
    <t>VELUX Verd.-Rollo Plus DFD S10 4577SWL</t>
  </si>
  <si>
    <t>DFD S10 4654S</t>
  </si>
  <si>
    <t>5702329282093</t>
  </si>
  <si>
    <t>VELUX Verd.-Rollo Plus DFD S10 4654S</t>
  </si>
  <si>
    <t>DFD S10 4654SWL</t>
  </si>
  <si>
    <t>5702329282109</t>
  </si>
  <si>
    <t>VELUX Verd.-Rollo Plus DFD S10 4654SWL</t>
  </si>
  <si>
    <t>DFD S10 4655S</t>
  </si>
  <si>
    <t>5702329282116</t>
  </si>
  <si>
    <t>VELUX Verd.-Rollo Plus DFD S10 4655S</t>
  </si>
  <si>
    <t>DFD S10 4655SWL</t>
  </si>
  <si>
    <t>5702329282123</t>
  </si>
  <si>
    <t>VELUX Verd.-Rollo Plus DFD S10 4655SWL</t>
  </si>
  <si>
    <t>DFD S10 4659SWL</t>
  </si>
  <si>
    <t>5702329282147</t>
  </si>
  <si>
    <t>VELUX Verd.-Rollo Plus DFD S10 4659SWL</t>
  </si>
  <si>
    <t>DFD S10 4660S</t>
  </si>
  <si>
    <t>5702329282154</t>
  </si>
  <si>
    <t>VELUX Verd.-Rollo Plus DFD S10 4660S</t>
  </si>
  <si>
    <t>DFD S10 4660SWL</t>
  </si>
  <si>
    <t>5702329282161</t>
  </si>
  <si>
    <t>VELUX Verd.-Rollo Plus DFD S10 4660SWL</t>
  </si>
  <si>
    <t>DFD S10 4661S</t>
  </si>
  <si>
    <t>5702329282178</t>
  </si>
  <si>
    <t>VELUX Verd.-Rollo Plus DFD S10 4661S</t>
  </si>
  <si>
    <t>DFD S10 4661SWL</t>
  </si>
  <si>
    <t>5702329282185</t>
  </si>
  <si>
    <t>VELUX Verd.-Rollo Plus DFD S10 4661SWL</t>
  </si>
  <si>
    <t>DFD S10 4665SWL</t>
  </si>
  <si>
    <t>5702329282208</t>
  </si>
  <si>
    <t>VELUX Verd.-Rollo Plus DFD S10 4665SWL</t>
  </si>
  <si>
    <t>DFD S10 4666S</t>
  </si>
  <si>
    <t>5702329282215</t>
  </si>
  <si>
    <t>VELUX Verd.-Rollo Plus DFD S10 4666S</t>
  </si>
  <si>
    <t>DFD S10 4666SWL</t>
  </si>
  <si>
    <t>5702329282222</t>
  </si>
  <si>
    <t>VELUX Verd.-Rollo Plus DFD S10 4666SWL</t>
  </si>
  <si>
    <t>DFD S10 4667S</t>
  </si>
  <si>
    <t>5702329282239</t>
  </si>
  <si>
    <t>VELUX Verd.-Rollo Plus DFD S10 4667S</t>
  </si>
  <si>
    <t>DFD S10 4667SWL</t>
  </si>
  <si>
    <t>5702329282246</t>
  </si>
  <si>
    <t>VELUX Verd.-Rollo Plus DFD S10 4667SWL</t>
  </si>
  <si>
    <t>DFD SK06 4655S</t>
  </si>
  <si>
    <t>5702329282475</t>
  </si>
  <si>
    <t>VELUX Verd.-Rollo Plus DFD SK06 4655S</t>
  </si>
  <si>
    <t>DFD SK06 4655SWL</t>
  </si>
  <si>
    <t>5702329282482</t>
  </si>
  <si>
    <t>VELUX Verd.-Rollo Plus DFD SK06 4655SWL</t>
  </si>
  <si>
    <t>DFD SK08 4667S</t>
  </si>
  <si>
    <t>5702329282772</t>
  </si>
  <si>
    <t>VELUX Verd.-Rollo Plus DFD SK08 4667S</t>
  </si>
  <si>
    <t>DFD SK10 4654S</t>
  </si>
  <si>
    <t>5702329282819</t>
  </si>
  <si>
    <t>VELUX Verd.-Rollo Plus DFD SK10 4654S</t>
  </si>
  <si>
    <t>DFD SK10 4655S</t>
  </si>
  <si>
    <t>5702329282833</t>
  </si>
  <si>
    <t>VELUX Verd.-Rollo Plus DFD SK10 4655S</t>
  </si>
  <si>
    <t>DFD SK10 4655SWL</t>
  </si>
  <si>
    <t>5702329282840</t>
  </si>
  <si>
    <t>VELUX Verd.-Rollo Plus DFD SK10 4655SWL</t>
  </si>
  <si>
    <t>DFD SK10 4659S</t>
  </si>
  <si>
    <t>5702329282857</t>
  </si>
  <si>
    <t>VELUX Verd.-Rollo Plus DFD SK10 4659S</t>
  </si>
  <si>
    <t>DFD SK10 4661S</t>
  </si>
  <si>
    <t>5702329282895</t>
  </si>
  <si>
    <t>VELUX Verd.-Rollo Plus DFD SK10 4661S</t>
  </si>
  <si>
    <t>DFD SK10 4667SWL</t>
  </si>
  <si>
    <t>5702329282963</t>
  </si>
  <si>
    <t>VELUX Verd.-Rollo Plus DFD SK10 4667SWL</t>
  </si>
  <si>
    <t>DFD U04 4654S</t>
  </si>
  <si>
    <t>5702329282994</t>
  </si>
  <si>
    <t>VELUX Verd.-Rollo Plus DFD U04 4654S</t>
  </si>
  <si>
    <t>DFD U04 4654SWL</t>
  </si>
  <si>
    <t>5702329283007</t>
  </si>
  <si>
    <t>VELUX Verd.-Rollo Plus DFD U04 4654SWL</t>
  </si>
  <si>
    <t>DFD U04 4655SWL</t>
  </si>
  <si>
    <t>5702329283021</t>
  </si>
  <si>
    <t>VELUX Verd.-Rollo Plus DFD U04 4655SWL</t>
  </si>
  <si>
    <t>DFD U04 4661S</t>
  </si>
  <si>
    <t>5702329283076</t>
  </si>
  <si>
    <t>VELUX Verd.-Rollo Plus DFD U04 4661S</t>
  </si>
  <si>
    <t>DFD U04 4661SWL</t>
  </si>
  <si>
    <t>5702329283083</t>
  </si>
  <si>
    <t>VELUX Verd.-Rollo Plus DFD U04 4661SWL</t>
  </si>
  <si>
    <t>DFD U08 4654S</t>
  </si>
  <si>
    <t>5702329283175</t>
  </si>
  <si>
    <t>VELUX Verd.-Rollo Plus DFD U08 4654S</t>
  </si>
  <si>
    <t>DFD U08 4655SWL</t>
  </si>
  <si>
    <t>5702329283205</t>
  </si>
  <si>
    <t>VELUX Verd.-Rollo Plus DFD U08 4655SWL</t>
  </si>
  <si>
    <t>DFD U08 4661S</t>
  </si>
  <si>
    <t>5702329283250</t>
  </si>
  <si>
    <t>VELUX Verd.-Rollo Plus DFD U08 4661S</t>
  </si>
  <si>
    <t>DFD U08 4661SWL</t>
  </si>
  <si>
    <t>5702329283267</t>
  </si>
  <si>
    <t>VELUX Verd.-Rollo Plus DFD U08 4661SWL</t>
  </si>
  <si>
    <t>DFD U10 4556SWL</t>
  </si>
  <si>
    <t>5702329015653</t>
  </si>
  <si>
    <t>VELUX Verd.-Rollo Plus DFD U10 4556SWL</t>
  </si>
  <si>
    <t>DFD U10 4559SWL</t>
  </si>
  <si>
    <t>5702329015660</t>
  </si>
  <si>
    <t>VELUX Verd.-Rollo Plus DFD U10 4559SWL</t>
  </si>
  <si>
    <t>DFD U10 4564S</t>
  </si>
  <si>
    <t>5702327930484</t>
  </si>
  <si>
    <t>VELUX Verd.-Rollo Plus DFD U10 4564S</t>
  </si>
  <si>
    <t>DFD U10 4564SWL</t>
  </si>
  <si>
    <t>5702329015677</t>
  </si>
  <si>
    <t>VELUX Verd.-Rollo Plus DFD U10 4564SWL</t>
  </si>
  <si>
    <t>DFD U10 4574S</t>
  </si>
  <si>
    <t>5702329007955</t>
  </si>
  <si>
    <t>VELUX Verd.-Rollo Plus DFD U10 4574S</t>
  </si>
  <si>
    <t>DFD U10 4574SWL</t>
  </si>
  <si>
    <t>5702329015684</t>
  </si>
  <si>
    <t>VELUX Verd.-Rollo Plus DFD U10 4574SWL</t>
  </si>
  <si>
    <t>DFD U10 4575SWL</t>
  </si>
  <si>
    <t>5702329015691</t>
  </si>
  <si>
    <t>VELUX Verd.-Rollo Plus DFD U10 4575SWL</t>
  </si>
  <si>
    <t>DFD U10 4576SWL</t>
  </si>
  <si>
    <t>5702329015707</t>
  </si>
  <si>
    <t>VELUX Verd.-Rollo Plus DFD U10 4576SWL</t>
  </si>
  <si>
    <t>DFD U10 4577SWL</t>
  </si>
  <si>
    <t>5702329015714</t>
  </si>
  <si>
    <t>VELUX Verd.-Rollo Plus DFD U10 4577SWL</t>
  </si>
  <si>
    <t>DFD U10 4578S</t>
  </si>
  <si>
    <t>5702329007993</t>
  </si>
  <si>
    <t>VELUX Verd.-Rollo Plus DFD U10 4578S</t>
  </si>
  <si>
    <t>DFD U10 4578SWL</t>
  </si>
  <si>
    <t>5702329015721</t>
  </si>
  <si>
    <t>VELUX Verd.-Rollo Plus DFD U10 4578SWL</t>
  </si>
  <si>
    <t>DFD U10 4580SWL</t>
  </si>
  <si>
    <t>5702329015745</t>
  </si>
  <si>
    <t>VELUX Verd.-Rollo Plus DFD U10 4580SWL</t>
  </si>
  <si>
    <t>DFD U10 4581SWL</t>
  </si>
  <si>
    <t>5702329015752</t>
  </si>
  <si>
    <t>VELUX Verd.-Rollo Plus DFD U10 4581SWL</t>
  </si>
  <si>
    <t>DFD U10 4653SWL</t>
  </si>
  <si>
    <t>5702329283342</t>
  </si>
  <si>
    <t>VELUX Verd.-Rollo Plus DFD U10 4653SWL</t>
  </si>
  <si>
    <t>DFD U10 4654S</t>
  </si>
  <si>
    <t>5702329283359</t>
  </si>
  <si>
    <t>VELUX Verd.-Rollo Plus DFD U10 4654S</t>
  </si>
  <si>
    <t>DFD U10 4654SWL</t>
  </si>
  <si>
    <t>5702329283366</t>
  </si>
  <si>
    <t>VELUX Verd.-Rollo Plus DFD U10 4654SWL</t>
  </si>
  <si>
    <t>DFD U10 4655S</t>
  </si>
  <si>
    <t>5702329283373</t>
  </si>
  <si>
    <t>VELUX Verd.-Rollo Plus DFD U10 4655S</t>
  </si>
  <si>
    <t>DFD U10 4655SWL</t>
  </si>
  <si>
    <t>5702329283380</t>
  </si>
  <si>
    <t>VELUX Verd.-Rollo Plus DFD U10 4655SWL</t>
  </si>
  <si>
    <t>DFD U10 4659SWL</t>
  </si>
  <si>
    <t>5702329283403</t>
  </si>
  <si>
    <t>VELUX Verd.-Rollo Plus DFD U10 4659SWL</t>
  </si>
  <si>
    <t>DFD U10 4660SWL</t>
  </si>
  <si>
    <t>5702329283427</t>
  </si>
  <si>
    <t>VELUX Verd.-Rollo Plus DFD U10 4660SWL</t>
  </si>
  <si>
    <t>DFD U10 4661S</t>
  </si>
  <si>
    <t>5702329283434</t>
  </si>
  <si>
    <t>VELUX Verd.-Rollo Plus DFD U10 4661S</t>
  </si>
  <si>
    <t>DFD U10 4661SWL</t>
  </si>
  <si>
    <t>5702329283441</t>
  </si>
  <si>
    <t>VELUX Verd.-Rollo Plus DFD U10 4661SWL</t>
  </si>
  <si>
    <t>DFD U10 4665S</t>
  </si>
  <si>
    <t>5702329283458</t>
  </si>
  <si>
    <t>VELUX Verd.-Rollo Plus DFD U10 4665S</t>
  </si>
  <si>
    <t>DFD U10 4665SWL</t>
  </si>
  <si>
    <t>5702329283465</t>
  </si>
  <si>
    <t>VELUX Verd.-Rollo Plus DFD U10 4665SWL</t>
  </si>
  <si>
    <t>DFD U10 4666S</t>
  </si>
  <si>
    <t>5702329283472</t>
  </si>
  <si>
    <t>VELUX Verd.-Rollo Plus DFD U10 4666S</t>
  </si>
  <si>
    <t>DFD U10 4666SWL</t>
  </si>
  <si>
    <t>5702329283489</t>
  </si>
  <si>
    <t>VELUX Verd.-Rollo Plus DFD U10 4666SWL</t>
  </si>
  <si>
    <t>DFD U10 4667S</t>
  </si>
  <si>
    <t>5702329283496</t>
  </si>
  <si>
    <t>VELUX Verd.-Rollo Plus DFD U10 4667S</t>
  </si>
  <si>
    <t>DFD U10 4667SWL</t>
  </si>
  <si>
    <t>5702329283502</t>
  </si>
  <si>
    <t>VELUX Verd.-Rollo Plus DFD U10 4667SWL</t>
  </si>
  <si>
    <t>DFD UK04 4654S</t>
  </si>
  <si>
    <t>5702329283533</t>
  </si>
  <si>
    <t>VELUX Verd.-Rollo Plus DFD UK04 4654S</t>
  </si>
  <si>
    <t>DFD UK04 4654SWL</t>
  </si>
  <si>
    <t>5702329283540</t>
  </si>
  <si>
    <t>VELUX Verd.-Rollo Plus DFD UK04 4654SWL</t>
  </si>
  <si>
    <t>DFD UK04 4655S</t>
  </si>
  <si>
    <t>5702329283557</t>
  </si>
  <si>
    <t>VELUX Verd.-Rollo Plus DFD UK04 4655S</t>
  </si>
  <si>
    <t>DFD UK04 4655SWL</t>
  </si>
  <si>
    <t>5702329283564</t>
  </si>
  <si>
    <t>VELUX Verd.-Rollo Plus DFD UK04 4655SWL</t>
  </si>
  <si>
    <t>DFD UK04 4659S</t>
  </si>
  <si>
    <t>5702329283571</t>
  </si>
  <si>
    <t>VELUX Verd.-Rollo Plus DFD UK04 4659S</t>
  </si>
  <si>
    <t>DFD UK04 4667S</t>
  </si>
  <si>
    <t>5702329283670</t>
  </si>
  <si>
    <t>VELUX Verd.-Rollo Plus DFD UK04 4667S</t>
  </si>
  <si>
    <t>DFD UK08 4654S</t>
  </si>
  <si>
    <t>5702329283717</t>
  </si>
  <si>
    <t>VELUX Verd.-Rollo Plus DFD UK08 4654S</t>
  </si>
  <si>
    <t>DFD UK08 4655S</t>
  </si>
  <si>
    <t>5702329283731</t>
  </si>
  <si>
    <t>VELUX Verd.-Rollo Plus DFD UK08 4655S</t>
  </si>
  <si>
    <t>DFD UK08 4655SWL</t>
  </si>
  <si>
    <t>5702329283748</t>
  </si>
  <si>
    <t>VELUX Verd.-Rollo Plus DFD UK08 4655SWL</t>
  </si>
  <si>
    <t>DFD UK10 4559SWL</t>
  </si>
  <si>
    <t>5702329016148</t>
  </si>
  <si>
    <t>VELUX Verd.-Rollo Plus DFD UK10 4559SWL</t>
  </si>
  <si>
    <t>DFD UK10 4564SWL</t>
  </si>
  <si>
    <t>5702329016155</t>
  </si>
  <si>
    <t>VELUX Verd.-Rollo Plus DFD UK10 4564SWL</t>
  </si>
  <si>
    <t>DFD UK10 4574S</t>
  </si>
  <si>
    <t>5702329008198</t>
  </si>
  <si>
    <t>VELUX Verd.-Rollo Plus DFD UK10 4574S</t>
  </si>
  <si>
    <t>DFD UK10 4575S</t>
  </si>
  <si>
    <t>5702329008204</t>
  </si>
  <si>
    <t>VELUX Verd.-Rollo Plus DFD UK10 4575S</t>
  </si>
  <si>
    <t>DFD UK10 4577S</t>
  </si>
  <si>
    <t>5702329008228</t>
  </si>
  <si>
    <t>VELUX Verd.-Rollo Plus DFD UK10 4577S</t>
  </si>
  <si>
    <t>DFD UK10 4579SWL</t>
  </si>
  <si>
    <t>5702329016216</t>
  </si>
  <si>
    <t>VELUX Verd.-Rollo Plus DFD UK10 4579SWL</t>
  </si>
  <si>
    <t>DFD UK10 4654S</t>
  </si>
  <si>
    <t>5702329283892</t>
  </si>
  <si>
    <t>VELUX Verd.-Rollo Plus DFD UK10 4654S</t>
  </si>
  <si>
    <t>DFD UK10 4654SWL</t>
  </si>
  <si>
    <t>5702329283908</t>
  </si>
  <si>
    <t>VELUX Verd.-Rollo Plus DFD UK10 4654SWL</t>
  </si>
  <si>
    <t>DFD UK10 4655S</t>
  </si>
  <si>
    <t>5702329283915</t>
  </si>
  <si>
    <t>VELUX Verd.-Rollo Plus DFD UK10 4655S</t>
  </si>
  <si>
    <t>DFD UK10 4655SWL</t>
  </si>
  <si>
    <t>5702329283922</t>
  </si>
  <si>
    <t>VELUX Verd.-Rollo Plus DFD UK10 4655SWL</t>
  </si>
  <si>
    <t>DFD UK10 4660S</t>
  </si>
  <si>
    <t>5702329283953</t>
  </si>
  <si>
    <t>VELUX Verd.-Rollo Plus DFD UK10 4660S</t>
  </si>
  <si>
    <t>DFD UK10 4661S</t>
  </si>
  <si>
    <t>5702329283977</t>
  </si>
  <si>
    <t>VELUX Verd.-Rollo Plus DFD UK10 4661S</t>
  </si>
  <si>
    <t>DFD UK10 4661SWL</t>
  </si>
  <si>
    <t>5702329283984</t>
  </si>
  <si>
    <t>VELUX Verd.-Rollo Plus DFD UK10 4661SWL</t>
  </si>
  <si>
    <t>DFD UK10 4665S</t>
  </si>
  <si>
    <t>5702329283991</t>
  </si>
  <si>
    <t>VELUX Verd.-Rollo Plus DFD UK10 4665S</t>
  </si>
  <si>
    <t>DFD UK10 4666S</t>
  </si>
  <si>
    <t>5702329284011</t>
  </si>
  <si>
    <t>VELUX Verd.-Rollo Plus DFD UK10 4666S</t>
  </si>
  <si>
    <t>DFD UK10 4667S</t>
  </si>
  <si>
    <t>5702329284035</t>
  </si>
  <si>
    <t>VELUX Verd.-Rollo Plus DFD UK10 4667S</t>
  </si>
  <si>
    <t>DJ 021 1025S</t>
  </si>
  <si>
    <t>5702325656164</t>
  </si>
  <si>
    <t>VELUX Verd.-Rollo man. DJ 021 1025S</t>
  </si>
  <si>
    <t>DJ 021 1085S</t>
  </si>
  <si>
    <t>5702325656171</t>
  </si>
  <si>
    <t>VELUX Verd.-Rollo man. DJ 021 1085S</t>
  </si>
  <si>
    <t>DJ 021 1100S</t>
  </si>
  <si>
    <t>5702325656188</t>
  </si>
  <si>
    <t>VELUX Verd.-Rollo man. DJ 021 1100S</t>
  </si>
  <si>
    <t>DJ 023 1085S</t>
  </si>
  <si>
    <t>5702325656577</t>
  </si>
  <si>
    <t>VELUX Verd.-Rollo man. DJ 023 1085S</t>
  </si>
  <si>
    <t>DJ 023 1100S</t>
  </si>
  <si>
    <t>5702325656584</t>
  </si>
  <si>
    <t>VELUX Verd.-Rollo man. DJ 023 1100S</t>
  </si>
  <si>
    <t>DJ 033 1085S</t>
  </si>
  <si>
    <t>5702325656973</t>
  </si>
  <si>
    <t>VELUX Verd.-Rollo man. DJ 033 1085S</t>
  </si>
  <si>
    <t>DJ 033 1100S</t>
  </si>
  <si>
    <t>5702325656980</t>
  </si>
  <si>
    <t>VELUX Verd.-Rollo man. DJ 033 1100S</t>
  </si>
  <si>
    <t>DJ 043 1100S</t>
  </si>
  <si>
    <t>5702325657789</t>
  </si>
  <si>
    <t>VELUX Verd.-Rollo man. DJ 043 1100S</t>
  </si>
  <si>
    <t>DJ 047 1025S</t>
  </si>
  <si>
    <t>5702325658564</t>
  </si>
  <si>
    <t>VELUX Verd.-Rollo man. DJ 047 1025S</t>
  </si>
  <si>
    <t>DJ 047 1085S</t>
  </si>
  <si>
    <t>5702325658571</t>
  </si>
  <si>
    <t>VELUX Verd.-Rollo man. DJ 047 1085S</t>
  </si>
  <si>
    <t>DJ 047 1100S</t>
  </si>
  <si>
    <t>5702325658588</t>
  </si>
  <si>
    <t>VELUX Verd.-Rollo man. DJ 047 1100S</t>
  </si>
  <si>
    <t>DKL 0811 1100S</t>
  </si>
  <si>
    <t>5702329416139</t>
  </si>
  <si>
    <t>VELUX Verd.-Rollo man. DKL 0811 1100S</t>
  </si>
  <si>
    <t>DKL 0811 4556S</t>
  </si>
  <si>
    <t>5702329416153</t>
  </si>
  <si>
    <t>VELUX Verd.-Rollo man. DKL 0811 4556S</t>
  </si>
  <si>
    <t>DKL 0811 4559S</t>
  </si>
  <si>
    <t>5702329416160</t>
  </si>
  <si>
    <t>VELUX Verd.-Rollo man. DKL 0811 4559S</t>
  </si>
  <si>
    <t>DKL 0811 4564S</t>
  </si>
  <si>
    <t>5702329416177</t>
  </si>
  <si>
    <t>VELUX Verd.-Rollo man. DKL 0811 4564S</t>
  </si>
  <si>
    <t>DKL 0811 4574S</t>
  </si>
  <si>
    <t>5702329416184</t>
  </si>
  <si>
    <t>VELUX Verd.-Rollo man. DKL 0811 4574S</t>
  </si>
  <si>
    <t>DKL 0811 4575S</t>
  </si>
  <si>
    <t>5702329416191</t>
  </si>
  <si>
    <t>VELUX Verd.-Rollo man. DKL 0811 4575S</t>
  </si>
  <si>
    <t>DKL 0811 4576S</t>
  </si>
  <si>
    <t>5702329416207</t>
  </si>
  <si>
    <t>VELUX Verd.-Rollo man. DKL 0811 4576S</t>
  </si>
  <si>
    <t>DKL 0811 4577S</t>
  </si>
  <si>
    <t>5702329416214</t>
  </si>
  <si>
    <t>VELUX Verd.-Rollo man. DKL 0811 4577S</t>
  </si>
  <si>
    <t>DKL 0811 4578S</t>
  </si>
  <si>
    <t>5702329416221</t>
  </si>
  <si>
    <t>VELUX Verd.-Rollo man. DKL 0811 4578S</t>
  </si>
  <si>
    <t>DKL 0811 4580S</t>
  </si>
  <si>
    <t>5702329416245</t>
  </si>
  <si>
    <t>VELUX Verd.-Rollo man. DKL 0811 4580S</t>
  </si>
  <si>
    <t>DKL 0811 4581S</t>
  </si>
  <si>
    <t>5702329416252</t>
  </si>
  <si>
    <t>VELUX Verd.-Rollo man. DKL 0811 4581S</t>
  </si>
  <si>
    <t>DKL 1011 4556S</t>
  </si>
  <si>
    <t>5702329416320</t>
  </si>
  <si>
    <t>VELUX Verd.-Rollo man. DKL 1011 4556S</t>
  </si>
  <si>
    <t>DKL 1011 4559S</t>
  </si>
  <si>
    <t>5702329416337</t>
  </si>
  <si>
    <t>VELUX Verd.-Rollo man. DKL 1011 4559S</t>
  </si>
  <si>
    <t>DKL 1011 4564S</t>
  </si>
  <si>
    <t>5702329416344</t>
  </si>
  <si>
    <t>VELUX Verd.-Rollo man. DKL 1011 4564S</t>
  </si>
  <si>
    <t>DKL 1011 4574S</t>
  </si>
  <si>
    <t>5702329416351</t>
  </si>
  <si>
    <t>VELUX Verd.-Rollo man. DKL 1011 4574S</t>
  </si>
  <si>
    <t>DKL 1011 4576S</t>
  </si>
  <si>
    <t>5702329416375</t>
  </si>
  <si>
    <t>VELUX Verd.-Rollo man. DKL 1011 4576S</t>
  </si>
  <si>
    <t>DKL 1011 4577S</t>
  </si>
  <si>
    <t>5702329416382</t>
  </si>
  <si>
    <t>VELUX Verd.-Rollo man. DKL 1011 4577S</t>
  </si>
  <si>
    <t>DKL 1011 4578S</t>
  </si>
  <si>
    <t>5702329416399</t>
  </si>
  <si>
    <t>VELUX Verd.-Rollo man. DKL 1011 4578S</t>
  </si>
  <si>
    <t>DKL 1011 4579S</t>
  </si>
  <si>
    <t>5702329416405</t>
  </si>
  <si>
    <t>VELUX Verd.-Rollo man. DKL 1011 4579S</t>
  </si>
  <si>
    <t>DKL 1011 4581S</t>
  </si>
  <si>
    <t>5702329416429</t>
  </si>
  <si>
    <t>VELUX Verd.-Rollo man. DKL 1011 4581S</t>
  </si>
  <si>
    <t>DKL 1014 3009S</t>
  </si>
  <si>
    <t>5702329416481</t>
  </si>
  <si>
    <t>VELUX Verd.-Rollo man. DKL 1014 3009S</t>
  </si>
  <si>
    <t>DKL 1014 4556S</t>
  </si>
  <si>
    <t>5702329416498</t>
  </si>
  <si>
    <t>VELUX Verd.-Rollo man. DKL 1014 4556S</t>
  </si>
  <si>
    <t>DKL 1014 4559S</t>
  </si>
  <si>
    <t>5702329416504</t>
  </si>
  <si>
    <t>VELUX Verd.-Rollo man. DKL 1014 4559S</t>
  </si>
  <si>
    <t>DKL 1014 4564S</t>
  </si>
  <si>
    <t>5702329416511</t>
  </si>
  <si>
    <t>VELUX Verd.-Rollo man. DKL 1014 4564S</t>
  </si>
  <si>
    <t>DKL 1014 4574S</t>
  </si>
  <si>
    <t>5702329416528</t>
  </si>
  <si>
    <t>VELUX Verd.-Rollo man. DKL 1014 4574S</t>
  </si>
  <si>
    <t>DKL 1014 4575S</t>
  </si>
  <si>
    <t>5702329416535</t>
  </si>
  <si>
    <t>VELUX Verd.-Rollo man. DKL 1014 4575S</t>
  </si>
  <si>
    <t>DKL 1014 4577S</t>
  </si>
  <si>
    <t>5702329416559</t>
  </si>
  <si>
    <t>VELUX Verd.-Rollo man. DKL 1014 4577S</t>
  </si>
  <si>
    <t>DKL 1014 4578S</t>
  </si>
  <si>
    <t>5702329416566</t>
  </si>
  <si>
    <t>VELUX Verd.-Rollo man. DKL 1014 4578S</t>
  </si>
  <si>
    <t>DKL 1014 4579S</t>
  </si>
  <si>
    <t>5702329416573</t>
  </si>
  <si>
    <t>VELUX Verd.-Rollo man. DKL 1014 4579S</t>
  </si>
  <si>
    <t>DKL 1014 4581S</t>
  </si>
  <si>
    <t>5702329416597</t>
  </si>
  <si>
    <t>VELUX Verd.-Rollo man. DKL 1014 4581S</t>
  </si>
  <si>
    <t>DKL C02 4655SWL</t>
  </si>
  <si>
    <t>5702328806931</t>
  </si>
  <si>
    <t>VELUX Verd.-Rollo man. DKL C02 4655SWL</t>
  </si>
  <si>
    <t>DKL C04 4655S</t>
  </si>
  <si>
    <t>5702328521858</t>
  </si>
  <si>
    <t>VELUX Verd.-Rollo man. DKL C04 4655S</t>
  </si>
  <si>
    <t>DKL C06 4578SWL</t>
  </si>
  <si>
    <t>5702328973442</t>
  </si>
  <si>
    <t>VELUX Verd.-Rollo man. DKL C06 4578SWL</t>
  </si>
  <si>
    <t>DKL C06 4654S</t>
  </si>
  <si>
    <t>5702328522022</t>
  </si>
  <si>
    <t>VELUX Verd.-Rollo man. DKL C06 4654S</t>
  </si>
  <si>
    <t>DKL C06 4654SWL</t>
  </si>
  <si>
    <t>5702328807624</t>
  </si>
  <si>
    <t>VELUX Verd.-Rollo man. DKL C06 4654SWL</t>
  </si>
  <si>
    <t>DKL C06 4655S</t>
  </si>
  <si>
    <t>5702328522039</t>
  </si>
  <si>
    <t>VELUX Verd.-Rollo man. DKL C06 4655S</t>
  </si>
  <si>
    <t>DKL C06 4655SWL</t>
  </si>
  <si>
    <t>5702328807631</t>
  </si>
  <si>
    <t>VELUX Verd.-Rollo man. DKL C06 4655SWL</t>
  </si>
  <si>
    <t>DKL C06 4661S</t>
  </si>
  <si>
    <t>5702328522169</t>
  </si>
  <si>
    <t>VELUX Verd.-Rollo man. DKL C06 4661S</t>
  </si>
  <si>
    <t>DKL C06 4661SWL</t>
  </si>
  <si>
    <t>5702328807693</t>
  </si>
  <si>
    <t>VELUX Verd.-Rollo man. DKL C06 4661SWL</t>
  </si>
  <si>
    <t>DKL C06 4667S</t>
  </si>
  <si>
    <t>5702328522657</t>
  </si>
  <si>
    <t>VELUX Verd.-Rollo man. DKL C06 4667S</t>
  </si>
  <si>
    <t>DKL C06 4667SWL</t>
  </si>
  <si>
    <t>5702328807754</t>
  </si>
  <si>
    <t>VELUX Verd.-Rollo man. DKL C06 4667SWL</t>
  </si>
  <si>
    <t>DKL CK02 4655SWL</t>
  </si>
  <si>
    <t>5702328808331</t>
  </si>
  <si>
    <t>VELUX Verd.-Rollo man. DKL CK02 4655SWL</t>
  </si>
  <si>
    <t>DKL CK06 4661S</t>
  </si>
  <si>
    <t>5702328524118</t>
  </si>
  <si>
    <t>VELUX Verd.-Rollo man. DKL CK06 4661S</t>
  </si>
  <si>
    <t>DKL F04 4654S</t>
  </si>
  <si>
    <t>5702328524408</t>
  </si>
  <si>
    <t>VELUX Verd.-Rollo man. DKL F04 4654S</t>
  </si>
  <si>
    <t>DKL F04 4654SWL</t>
  </si>
  <si>
    <t>5702328809376</t>
  </si>
  <si>
    <t>VELUX Verd.-Rollo man. DKL F04 4654SWL</t>
  </si>
  <si>
    <t>DKL F04 4655S</t>
  </si>
  <si>
    <t>5702328524422</t>
  </si>
  <si>
    <t>VELUX Verd.-Rollo man. DKL F04 4655S</t>
  </si>
  <si>
    <t>DKL F04 4655SWL</t>
  </si>
  <si>
    <t>5702328809383</t>
  </si>
  <si>
    <t>VELUX Verd.-Rollo man. DKL F04 4655SWL</t>
  </si>
  <si>
    <t>DKL F04 4661SWL</t>
  </si>
  <si>
    <t>5702328809444</t>
  </si>
  <si>
    <t>VELUX Verd.-Rollo man. DKL F04 4661SWL</t>
  </si>
  <si>
    <t>DKL F08 4654S</t>
  </si>
  <si>
    <t>5702328525207</t>
  </si>
  <si>
    <t>VELUX Verd.-Rollo man. DKL F08 4654S</t>
  </si>
  <si>
    <t>DKL F08 4655S</t>
  </si>
  <si>
    <t>5702328525221</t>
  </si>
  <si>
    <t>VELUX Verd.-Rollo man. DKL F08 4655S</t>
  </si>
  <si>
    <t>DKL F08 4655SWL</t>
  </si>
  <si>
    <t>5702328810082</t>
  </si>
  <si>
    <t>VELUX Verd.-Rollo man. DKL F08 4655SWL</t>
  </si>
  <si>
    <t>DKL F08 4667S</t>
  </si>
  <si>
    <t>5702328525573</t>
  </si>
  <si>
    <t>VELUX Verd.-Rollo man. DKL F08 4667S</t>
  </si>
  <si>
    <t>DKL FK04 4655S</t>
  </si>
  <si>
    <t>5702328525672</t>
  </si>
  <si>
    <t>VELUX Verd.-Rollo man. DKL FK04 4655S</t>
  </si>
  <si>
    <t>DKL FK04 4661S</t>
  </si>
  <si>
    <t>5702328525788</t>
  </si>
  <si>
    <t>VELUX Verd.-Rollo man. DKL FK04 4661S</t>
  </si>
  <si>
    <t>DKL FK08 4655S</t>
  </si>
  <si>
    <t>5702328526464</t>
  </si>
  <si>
    <t>VELUX Verd.-Rollo man. DKL FK08 4655S</t>
  </si>
  <si>
    <t>DKL FK08 4655SWL</t>
  </si>
  <si>
    <t>5702328811133</t>
  </si>
  <si>
    <t>VELUX Verd.-Rollo man. DKL FK08 4655SWL</t>
  </si>
  <si>
    <t>DKL M10 4654SWL</t>
  </si>
  <si>
    <t>5702328812642</t>
  </si>
  <si>
    <t>VELUX Verd.-Rollo man. DKL M10 4654SWL</t>
  </si>
  <si>
    <t>DKL M10 4661SWL</t>
  </si>
  <si>
    <t>5702328812710</t>
  </si>
  <si>
    <t>VELUX Verd.-Rollo man. DKL M10 4661SWL</t>
  </si>
  <si>
    <t>DKL M10 4667S</t>
  </si>
  <si>
    <t>5702328528185</t>
  </si>
  <si>
    <t>VELUX Verd.-Rollo man. DKL M10 4667S</t>
  </si>
  <si>
    <t>DKL M12 4578SWL</t>
  </si>
  <si>
    <t>5702328974647</t>
  </si>
  <si>
    <t>VELUX Verd.-Rollo man. DKL M12 4578SWL</t>
  </si>
  <si>
    <t>DKL M31 4654S</t>
  </si>
  <si>
    <t>5702329274180</t>
  </si>
  <si>
    <t>VELUX Verd.-Rollo man. DKL M31 4654S</t>
  </si>
  <si>
    <t>DKL M31 4654SWL</t>
  </si>
  <si>
    <t>5702329274197</t>
  </si>
  <si>
    <t>VELUX Verd.-Rollo man. DKL M31 4654SWL</t>
  </si>
  <si>
    <t>DKL M31 4655S</t>
  </si>
  <si>
    <t>5702329274203</t>
  </si>
  <si>
    <t>VELUX Verd.-Rollo man. DKL M31 4655S</t>
  </si>
  <si>
    <t>DKL M31 4655SWL</t>
  </si>
  <si>
    <t>5702329274210</t>
  </si>
  <si>
    <t>VELUX Verd.-Rollo man. DKL M31 4655SWL</t>
  </si>
  <si>
    <t>DKL M31 4659SWL</t>
  </si>
  <si>
    <t>5702329274234</t>
  </si>
  <si>
    <t>VELUX Verd.-Rollo man. DKL M31 4659SWL</t>
  </si>
  <si>
    <t>DKL M31 4660SWL</t>
  </si>
  <si>
    <t>5702329274258</t>
  </si>
  <si>
    <t>VELUX Verd.-Rollo man. DKL M31 4660SWL</t>
  </si>
  <si>
    <t>DKL M31 4661S</t>
  </si>
  <si>
    <t>5702329274265</t>
  </si>
  <si>
    <t>VELUX Verd.-Rollo man. DKL M31 4661S</t>
  </si>
  <si>
    <t>DKL M31 4661SWL</t>
  </si>
  <si>
    <t>5702329274272</t>
  </si>
  <si>
    <t>VELUX Verd.-Rollo man. DKL M31 4661SWL</t>
  </si>
  <si>
    <t>DKL M31 4665S</t>
  </si>
  <si>
    <t>5702329274289</t>
  </si>
  <si>
    <t>VELUX Verd.-Rollo man. DKL M31 4665S</t>
  </si>
  <si>
    <t>DKL M31 4667S</t>
  </si>
  <si>
    <t>5702329274326</t>
  </si>
  <si>
    <t>VELUX Verd.-Rollo man. DKL M31 4667S</t>
  </si>
  <si>
    <t>DKL M31 4667SWL</t>
  </si>
  <si>
    <t>5702329274333</t>
  </si>
  <si>
    <t>VELUX Verd.-Rollo man. DKL M31 4667SWL</t>
  </si>
  <si>
    <t>DKL MK12 4559S</t>
  </si>
  <si>
    <t>5702327419934</t>
  </si>
  <si>
    <t>VELUX Verd.-Rollo man. DKL MK12 4559S</t>
  </si>
  <si>
    <t>DKL MK12 4575S</t>
  </si>
  <si>
    <t>5702328967854</t>
  </si>
  <si>
    <t>VELUX Verd.-Rollo man. DKL MK12 4575S</t>
  </si>
  <si>
    <t>DKL MK12 4654S</t>
  </si>
  <si>
    <t>5702328529410</t>
  </si>
  <si>
    <t>VELUX Verd.-Rollo man. DKL MK12 4654S</t>
  </si>
  <si>
    <t>DKL MK12 4655S</t>
  </si>
  <si>
    <t>5702328529427</t>
  </si>
  <si>
    <t>VELUX Verd.-Rollo man. DKL MK12 4655S</t>
  </si>
  <si>
    <t>DKL MK12 4659S</t>
  </si>
  <si>
    <t>5702328529465</t>
  </si>
  <si>
    <t>VELUX Verd.-Rollo man. DKL MK12 4659S</t>
  </si>
  <si>
    <t>DKL MK12 4660S</t>
  </si>
  <si>
    <t>5702328529472</t>
  </si>
  <si>
    <t>VELUX Verd.-Rollo man. DKL MK12 4660S</t>
  </si>
  <si>
    <t>DKL MK12 4661S</t>
  </si>
  <si>
    <t>5702328529489</t>
  </si>
  <si>
    <t>VELUX Verd.-Rollo man. DKL MK12 4661S</t>
  </si>
  <si>
    <t>DKL MK12 4665S</t>
  </si>
  <si>
    <t>5702328529526</t>
  </si>
  <si>
    <t>VELUX Verd.-Rollo man. DKL MK12 4665S</t>
  </si>
  <si>
    <t>DKL MK12 4665SWL</t>
  </si>
  <si>
    <t>5702328815148</t>
  </si>
  <si>
    <t>VELUX Verd.-Rollo man. DKL MK12 4665SWL</t>
  </si>
  <si>
    <t>DKL MK12 4666S</t>
  </si>
  <si>
    <t>5702328529533</t>
  </si>
  <si>
    <t>VELUX Verd.-Rollo man. DKL MK12 4666S</t>
  </si>
  <si>
    <t>DKL MK12 4667S</t>
  </si>
  <si>
    <t>5702328529540</t>
  </si>
  <si>
    <t>VELUX Verd.-Rollo man. DKL MK12 4667S</t>
  </si>
  <si>
    <t>DKL P04 4655S</t>
  </si>
  <si>
    <t>5702328529786</t>
  </si>
  <si>
    <t>VELUX Verd.-Rollo man. DKL P04 4655S</t>
  </si>
  <si>
    <t>DKL P04 4655SWL</t>
  </si>
  <si>
    <t>5702328815810</t>
  </si>
  <si>
    <t>VELUX Verd.-Rollo man. DKL P04 4655SWL</t>
  </si>
  <si>
    <t>DKL P04 4661S</t>
  </si>
  <si>
    <t>5702328529847</t>
  </si>
  <si>
    <t>VELUX Verd.-Rollo man. DKL P04 4661S</t>
  </si>
  <si>
    <t>DKL P04 4667SWL</t>
  </si>
  <si>
    <t>5702328815933</t>
  </si>
  <si>
    <t>VELUX Verd.-Rollo man. DKL P04 4667SWL</t>
  </si>
  <si>
    <t>DKL P06 4655SWL</t>
  </si>
  <si>
    <t>5702328816169</t>
  </si>
  <si>
    <t>VELUX Verd.-Rollo man. DKL P06 4655SWL</t>
  </si>
  <si>
    <t>DKL P06 4661S</t>
  </si>
  <si>
    <t>5702328530218</t>
  </si>
  <si>
    <t>VELUX Verd.-Rollo man. DKL P06 4661S</t>
  </si>
  <si>
    <t>DKL P08 4654SWL</t>
  </si>
  <si>
    <t>5702328816503</t>
  </si>
  <si>
    <t>VELUX Verd.-Rollo man. DKL P08 4654SWL</t>
  </si>
  <si>
    <t>DKL P08 4655S</t>
  </si>
  <si>
    <t>5702328530331</t>
  </si>
  <si>
    <t>VELUX Verd.-Rollo man. DKL P08 4655S</t>
  </si>
  <si>
    <t>DKL P10 4655SWL</t>
  </si>
  <si>
    <t>5702328816862</t>
  </si>
  <si>
    <t>VELUX Verd.-Rollo man. DKL P10 4655SWL</t>
  </si>
  <si>
    <t>DKL P31 4564SWL</t>
  </si>
  <si>
    <t>5702329230407</t>
  </si>
  <si>
    <t>VELUX Verd.-Rollo man. DKL P31 4564SWL</t>
  </si>
  <si>
    <t>DKL P31 4575S</t>
  </si>
  <si>
    <t>5702328968493</t>
  </si>
  <si>
    <t>VELUX Verd.-Rollo man. DKL P31 4575S</t>
  </si>
  <si>
    <t>DKL P31 4575SWL</t>
  </si>
  <si>
    <t>5702329228466</t>
  </si>
  <si>
    <t>VELUX Verd.-Rollo man. DKL P31 4575SWL</t>
  </si>
  <si>
    <t>DKL P31 4577S</t>
  </si>
  <si>
    <t>5702328968516</t>
  </si>
  <si>
    <t>VELUX Verd.-Rollo man. DKL P31 4577S</t>
  </si>
  <si>
    <t>DKL P31 4578S</t>
  </si>
  <si>
    <t>5702328968523</t>
  </si>
  <si>
    <t>VELUX Verd.-Rollo man. DKL P31 4578S</t>
  </si>
  <si>
    <t>DKL P31 4578SWL</t>
  </si>
  <si>
    <t>5702329228497</t>
  </si>
  <si>
    <t>VELUX Verd.-Rollo man. DKL P31 4578SWL</t>
  </si>
  <si>
    <t>DKL P31 4579S</t>
  </si>
  <si>
    <t>5702328968530</t>
  </si>
  <si>
    <t>VELUX Verd.-Rollo man. DKL P31 4579S</t>
  </si>
  <si>
    <t>DKL P31 4579SWL</t>
  </si>
  <si>
    <t>5702329228503</t>
  </si>
  <si>
    <t>VELUX Verd.-Rollo man. DKL P31 4579SWL</t>
  </si>
  <si>
    <t>DKL P31 4653S</t>
  </si>
  <si>
    <t>5702329274340</t>
  </si>
  <si>
    <t>VELUX Verd.-Rollo man. DKL P31 4653S</t>
  </si>
  <si>
    <t>DKL P31 4654S</t>
  </si>
  <si>
    <t>5702329274364</t>
  </si>
  <si>
    <t>VELUX Verd.-Rollo man. DKL P31 4654S</t>
  </si>
  <si>
    <t>DKL P31 4654SWL</t>
  </si>
  <si>
    <t>5702329274371</t>
  </si>
  <si>
    <t>VELUX Verd.-Rollo man. DKL P31 4654SWL</t>
  </si>
  <si>
    <t>DKL P31 4655S</t>
  </si>
  <si>
    <t>5702329274388</t>
  </si>
  <si>
    <t>VELUX Verd.-Rollo man. DKL P31 4655S</t>
  </si>
  <si>
    <t>DKL P31 4655SWL</t>
  </si>
  <si>
    <t>5702329274395</t>
  </si>
  <si>
    <t>VELUX Verd.-Rollo man. DKL P31 4655SWL</t>
  </si>
  <si>
    <t>DKL P31 4659S</t>
  </si>
  <si>
    <t>5702329274401</t>
  </si>
  <si>
    <t>VELUX Verd.-Rollo man. DKL P31 4659S</t>
  </si>
  <si>
    <t>DKL P31 4659SWL</t>
  </si>
  <si>
    <t>5702329274418</t>
  </si>
  <si>
    <t>VELUX Verd.-Rollo man. DKL P31 4659SWL</t>
  </si>
  <si>
    <t>DKL P31 4660S</t>
  </si>
  <si>
    <t>5702329274425</t>
  </si>
  <si>
    <t>VELUX Verd.-Rollo man. DKL P31 4660S</t>
  </si>
  <si>
    <t>DKL P31 4660SWL</t>
  </si>
  <si>
    <t>5702329274432</t>
  </si>
  <si>
    <t>VELUX Verd.-Rollo man. DKL P31 4660SWL</t>
  </si>
  <si>
    <t>DKL P31 4661S</t>
  </si>
  <si>
    <t>5702329274449</t>
  </si>
  <si>
    <t>VELUX Verd.-Rollo man. DKL P31 4661S</t>
  </si>
  <si>
    <t>DKL P31 4661SWL</t>
  </si>
  <si>
    <t>5702329274456</t>
  </si>
  <si>
    <t>VELUX Verd.-Rollo man. DKL P31 4661SWL</t>
  </si>
  <si>
    <t>DKL P31 4665S</t>
  </si>
  <si>
    <t>5702329274463</t>
  </si>
  <si>
    <t>VELUX Verd.-Rollo man. DKL P31 4665S</t>
  </si>
  <si>
    <t>DKL P31 4665SWL</t>
  </si>
  <si>
    <t>5702329274470</t>
  </si>
  <si>
    <t>VELUX Verd.-Rollo man. DKL P31 4665SWL</t>
  </si>
  <si>
    <t>DKL P31 4666S</t>
  </si>
  <si>
    <t>5702329274487</t>
  </si>
  <si>
    <t>VELUX Verd.-Rollo man. DKL P31 4666S</t>
  </si>
  <si>
    <t>DKL P31 4666SWL</t>
  </si>
  <si>
    <t>5702329274494</t>
  </si>
  <si>
    <t>VELUX Verd.-Rollo man. DKL P31 4666SWL</t>
  </si>
  <si>
    <t>DKL P31 4667SWL</t>
  </si>
  <si>
    <t>5702329274517</t>
  </si>
  <si>
    <t>VELUX Verd.-Rollo man. DKL P31 4667SWL</t>
  </si>
  <si>
    <t>DKL S04 4654S</t>
  </si>
  <si>
    <t>5702329274548</t>
  </si>
  <si>
    <t>VELUX Verd.-Rollo man. DKL S04 4654S</t>
  </si>
  <si>
    <t>DKL S04 4654SWL</t>
  </si>
  <si>
    <t>5702329274555</t>
  </si>
  <si>
    <t>VELUX Verd.-Rollo man. DKL S04 4654SWL</t>
  </si>
  <si>
    <t>DKL S04 4655S</t>
  </si>
  <si>
    <t>5702329274562</t>
  </si>
  <si>
    <t>VELUX Verd.-Rollo man. DKL S04 4655S</t>
  </si>
  <si>
    <t>DKL S04 4659S</t>
  </si>
  <si>
    <t>5702329274586</t>
  </si>
  <si>
    <t>VELUX Verd.-Rollo man. DKL S04 4659S</t>
  </si>
  <si>
    <t>DKL S04 4667S</t>
  </si>
  <si>
    <t>5702329274685</t>
  </si>
  <si>
    <t>VELUX Verd.-Rollo man. DKL S04 4667S</t>
  </si>
  <si>
    <t>DKL S10 4654S</t>
  </si>
  <si>
    <t>5702328535565</t>
  </si>
  <si>
    <t>VELUX Verd.-Rollo man. DKL S10 4654S</t>
  </si>
  <si>
    <t>DKL S10 4654SWL</t>
  </si>
  <si>
    <t>5702328820562</t>
  </si>
  <si>
    <t>VELUX Verd.-Rollo man. DKL S10 4654SWL</t>
  </si>
  <si>
    <t>DKL S10 4655SWL</t>
  </si>
  <si>
    <t>5702328820579</t>
  </si>
  <si>
    <t>VELUX Verd.-Rollo man. DKL S10 4655SWL</t>
  </si>
  <si>
    <t>DKL S10 4659SWL</t>
  </si>
  <si>
    <t>5702328820616</t>
  </si>
  <si>
    <t>VELUX Verd.-Rollo man. DKL S10 4659SWL</t>
  </si>
  <si>
    <t>DKL S10 4660SWL</t>
  </si>
  <si>
    <t>5702328820623</t>
  </si>
  <si>
    <t>VELUX Verd.-Rollo man. DKL S10 4660SWL</t>
  </si>
  <si>
    <t>DKL S10 4661SWL</t>
  </si>
  <si>
    <t>5702328820630</t>
  </si>
  <si>
    <t>VELUX Verd.-Rollo man. DKL S10 4661SWL</t>
  </si>
  <si>
    <t>DKL S10 4666SWL</t>
  </si>
  <si>
    <t>5702328820685</t>
  </si>
  <si>
    <t>VELUX Verd.-Rollo man. DKL S10 4666SWL</t>
  </si>
  <si>
    <t>DKL S10 4667SWL</t>
  </si>
  <si>
    <t>5702328820692</t>
  </si>
  <si>
    <t>VELUX Verd.-Rollo man. DKL S10 4667SWL</t>
  </si>
  <si>
    <t>DKL S31 4574S</t>
  </si>
  <si>
    <t>5702328969445</t>
  </si>
  <si>
    <t>VELUX Verd.-Rollo man. DKL S31 4574S</t>
  </si>
  <si>
    <t>DKL S31 4653SWL</t>
  </si>
  <si>
    <t>5702329274715</t>
  </si>
  <si>
    <t>VELUX Verd.-Rollo man. DKL S31 4653SWL</t>
  </si>
  <si>
    <t>DKL S31 4654S</t>
  </si>
  <si>
    <t>5702329274722</t>
  </si>
  <si>
    <t>VELUX Verd.-Rollo man. DKL S31 4654S</t>
  </si>
  <si>
    <t>DKL S31 4655S</t>
  </si>
  <si>
    <t>5702329274746</t>
  </si>
  <si>
    <t>VELUX Verd.-Rollo man. DKL S31 4655S</t>
  </si>
  <si>
    <t>DKL S31 4655SWL</t>
  </si>
  <si>
    <t>5702329274753</t>
  </si>
  <si>
    <t>VELUX Verd.-Rollo man. DKL S31 4655SWL</t>
  </si>
  <si>
    <t>DKL S31 4659S</t>
  </si>
  <si>
    <t>5702329274760</t>
  </si>
  <si>
    <t>VELUX Verd.-Rollo man. DKL S31 4659S</t>
  </si>
  <si>
    <t>DKL S31 4659SWL</t>
  </si>
  <si>
    <t>5702329274777</t>
  </si>
  <si>
    <t>VELUX Verd.-Rollo man. DKL S31 4659SWL</t>
  </si>
  <si>
    <t>DKL S31 4660S</t>
  </si>
  <si>
    <t>5702329274784</t>
  </si>
  <si>
    <t>VELUX Verd.-Rollo man. DKL S31 4660S</t>
  </si>
  <si>
    <t>DKL S31 4661S</t>
  </si>
  <si>
    <t>5702329274807</t>
  </si>
  <si>
    <t>VELUX Verd.-Rollo man. DKL S31 4661S</t>
  </si>
  <si>
    <t>DKL S31 4661SWL</t>
  </si>
  <si>
    <t>5702329274814</t>
  </si>
  <si>
    <t>VELUX Verd.-Rollo man. DKL S31 4661SWL</t>
  </si>
  <si>
    <t>DKL S31 4665SWL</t>
  </si>
  <si>
    <t>5702329274838</t>
  </si>
  <si>
    <t>VELUX Verd.-Rollo man. DKL S31 4665SWL</t>
  </si>
  <si>
    <t>DKL S31 4666SWL</t>
  </si>
  <si>
    <t>5702329274852</t>
  </si>
  <si>
    <t>VELUX Verd.-Rollo man. DKL S31 4666SWL</t>
  </si>
  <si>
    <t>DKL S31 4667S</t>
  </si>
  <si>
    <t>5702329274869</t>
  </si>
  <si>
    <t>VELUX Verd.-Rollo man. DKL S31 4667S</t>
  </si>
  <si>
    <t>DKL SK08 4655S</t>
  </si>
  <si>
    <t>5702328536340</t>
  </si>
  <si>
    <t>VELUX Verd.-Rollo man. DKL SK08 4655S</t>
  </si>
  <si>
    <t>DKL SK10 4654S</t>
  </si>
  <si>
    <t>5702328536562</t>
  </si>
  <si>
    <t>VELUX Verd.-Rollo man. DKL SK10 4654S</t>
  </si>
  <si>
    <t>DKL SK10 4661S</t>
  </si>
  <si>
    <t>5702328536869</t>
  </si>
  <si>
    <t>VELUX Verd.-Rollo man. DKL SK10 4661S</t>
  </si>
  <si>
    <t>DKL U08 4655SWL</t>
  </si>
  <si>
    <t>5702328822757</t>
  </si>
  <si>
    <t>VELUX Verd.-Rollo man. DKL U08 4655SWL</t>
  </si>
  <si>
    <t>DKL U10 4559SWL</t>
  </si>
  <si>
    <t>5702328822917</t>
  </si>
  <si>
    <t>VELUX Verd.-Rollo man. DKL U10 4559SWL</t>
  </si>
  <si>
    <t>DKL U10 4654S</t>
  </si>
  <si>
    <t>5702328537927</t>
  </si>
  <si>
    <t>VELUX Verd.-Rollo man. DKL U10 4654S</t>
  </si>
  <si>
    <t>DKL U10 4654SWL</t>
  </si>
  <si>
    <t>5702328823099</t>
  </si>
  <si>
    <t>VELUX Verd.-Rollo man. DKL U10 4654SWL</t>
  </si>
  <si>
    <t>DKL U10 4655S</t>
  </si>
  <si>
    <t>5702328537934</t>
  </si>
  <si>
    <t>VELUX Verd.-Rollo man. DKL U10 4655S</t>
  </si>
  <si>
    <t>DKL U10 4655SWL</t>
  </si>
  <si>
    <t>5702328823105</t>
  </si>
  <si>
    <t>VELUX Verd.-Rollo man. DKL U10 4655SWL</t>
  </si>
  <si>
    <t>DKL U10 4660SWL</t>
  </si>
  <si>
    <t>5702328823150</t>
  </si>
  <si>
    <t>VELUX Verd.-Rollo man. DKL U10 4660SWL</t>
  </si>
  <si>
    <t>DKL U10 4661S</t>
  </si>
  <si>
    <t>5702328538047</t>
  </si>
  <si>
    <t>VELUX Verd.-Rollo man. DKL U10 4661S</t>
  </si>
  <si>
    <t>DKL U10 4661SWL</t>
  </si>
  <si>
    <t>5702328823167</t>
  </si>
  <si>
    <t>VELUX Verd.-Rollo man. DKL U10 4661SWL</t>
  </si>
  <si>
    <t>DKL U10 4665S</t>
  </si>
  <si>
    <t>5702328538153</t>
  </si>
  <si>
    <t>VELUX Verd.-Rollo man. DKL U10 4665S</t>
  </si>
  <si>
    <t>DKL U10 4665SWL</t>
  </si>
  <si>
    <t>5702328823204</t>
  </si>
  <si>
    <t>VELUX Verd.-Rollo man. DKL U10 4665SWL</t>
  </si>
  <si>
    <t>DKL U10 4666S</t>
  </si>
  <si>
    <t>5702328538177</t>
  </si>
  <si>
    <t>VELUX Verd.-Rollo man. DKL U10 4666S</t>
  </si>
  <si>
    <t>DKL U10 4666SWL</t>
  </si>
  <si>
    <t>5702328823211</t>
  </si>
  <si>
    <t>VELUX Verd.-Rollo man. DKL U10 4666SWL</t>
  </si>
  <si>
    <t>DKL U10 4667S</t>
  </si>
  <si>
    <t>5702328538184</t>
  </si>
  <si>
    <t>VELUX Verd.-Rollo man. DKL U10 4667S</t>
  </si>
  <si>
    <t>DKL U10 4667SWL</t>
  </si>
  <si>
    <t>5702328823228</t>
  </si>
  <si>
    <t>VELUX Verd.-Rollo man. DKL U10 4667SWL</t>
  </si>
  <si>
    <t>DKL U31 4574S</t>
  </si>
  <si>
    <t>5702328970168</t>
  </si>
  <si>
    <t>VELUX Verd.-Rollo man. DKL U31 4574S</t>
  </si>
  <si>
    <t>DKL U31 4575SWL</t>
  </si>
  <si>
    <t>5702329228626</t>
  </si>
  <si>
    <t>VELUX Verd.-Rollo man. DKL U31 4575SWL</t>
  </si>
  <si>
    <t>DKL U31 4576SWL</t>
  </si>
  <si>
    <t>5702329228633</t>
  </si>
  <si>
    <t>VELUX Verd.-Rollo man. DKL U31 4576SWL</t>
  </si>
  <si>
    <t>DKL U31 4577SWL</t>
  </si>
  <si>
    <t>5702329228640</t>
  </si>
  <si>
    <t>VELUX Verd.-Rollo man. DKL U31 4577SWL</t>
  </si>
  <si>
    <t>DKL U31 4579S</t>
  </si>
  <si>
    <t>5702328970212</t>
  </si>
  <si>
    <t>VELUX Verd.-Rollo man. DKL U31 4579S</t>
  </si>
  <si>
    <t>DKL U31 4581SWL</t>
  </si>
  <si>
    <t>5702329228688</t>
  </si>
  <si>
    <t>VELUX Verd.-Rollo man. DKL U31 4581SWL</t>
  </si>
  <si>
    <t>DKL U31 4653S</t>
  </si>
  <si>
    <t>5702329274883</t>
  </si>
  <si>
    <t>VELUX Verd.-Rollo man. DKL U31 4653S</t>
  </si>
  <si>
    <t>DKL U31 4653SWL</t>
  </si>
  <si>
    <t>5702329274890</t>
  </si>
  <si>
    <t>VELUX Verd.-Rollo man. DKL U31 4653SWL</t>
  </si>
  <si>
    <t>DKL U31 4654S</t>
  </si>
  <si>
    <t>5702329274906</t>
  </si>
  <si>
    <t>VELUX Verd.-Rollo man. DKL U31 4654S</t>
  </si>
  <si>
    <t>DKL U31 4654SWL</t>
  </si>
  <si>
    <t>5702329274913</t>
  </si>
  <si>
    <t>VELUX Verd.-Rollo man. DKL U31 4654SWL</t>
  </si>
  <si>
    <t>DKL U31 4655S</t>
  </si>
  <si>
    <t>5702329274920</t>
  </si>
  <si>
    <t>VELUX Verd.-Rollo man. DKL U31 4655S</t>
  </si>
  <si>
    <t>DKL U31 4655SWL</t>
  </si>
  <si>
    <t>5702329274937</t>
  </si>
  <si>
    <t>VELUX Verd.-Rollo man. DKL U31 4655SWL</t>
  </si>
  <si>
    <t>DKL U31 4659S</t>
  </si>
  <si>
    <t>5702329274944</t>
  </si>
  <si>
    <t>VELUX Verd.-Rollo man. DKL U31 4659S</t>
  </si>
  <si>
    <t>DKL U31 4659SWL</t>
  </si>
  <si>
    <t>5702329274951</t>
  </si>
  <si>
    <t>VELUX Verd.-Rollo man. DKL U31 4659SWL</t>
  </si>
  <si>
    <t>DKL U31 4660S</t>
  </si>
  <si>
    <t>5702329274968</t>
  </si>
  <si>
    <t>VELUX Verd.-Rollo man. DKL U31 4660S</t>
  </si>
  <si>
    <t>DKL U31 4660SWL</t>
  </si>
  <si>
    <t>5702329274975</t>
  </si>
  <si>
    <t>VELUX Verd.-Rollo man. DKL U31 4660SWL</t>
  </si>
  <si>
    <t>DKL U31 4661S</t>
  </si>
  <si>
    <t>5702329274982</t>
  </si>
  <si>
    <t>VELUX Verd.-Rollo man. DKL U31 4661S</t>
  </si>
  <si>
    <t>DKL U31 4661SWL</t>
  </si>
  <si>
    <t>5702329274999</t>
  </si>
  <si>
    <t>VELUX Verd.-Rollo man. DKL U31 4661SWL</t>
  </si>
  <si>
    <t>DKL U31 4665S</t>
  </si>
  <si>
    <t>5702329275002</t>
  </si>
  <si>
    <t>VELUX Verd.-Rollo man. DKL U31 4665S</t>
  </si>
  <si>
    <t>DKL U31 4665SWL</t>
  </si>
  <si>
    <t>5702329275019</t>
  </si>
  <si>
    <t>VELUX Verd.-Rollo man. DKL U31 4665SWL</t>
  </si>
  <si>
    <t>DKL U31 4666S</t>
  </si>
  <si>
    <t>5702329275026</t>
  </si>
  <si>
    <t>VELUX Verd.-Rollo man. DKL U31 4666S</t>
  </si>
  <si>
    <t>DKL U31 4666SWL</t>
  </si>
  <si>
    <t>5702329275033</t>
  </si>
  <si>
    <t>VELUX Verd.-Rollo man. DKL U31 4666SWL</t>
  </si>
  <si>
    <t>DKL U31 4667S</t>
  </si>
  <si>
    <t>5702329275040</t>
  </si>
  <si>
    <t>VELUX Verd.-Rollo man. DKL U31 4667S</t>
  </si>
  <si>
    <t>DKL U31 4667SWL</t>
  </si>
  <si>
    <t>5702329275057</t>
  </si>
  <si>
    <t>VELUX Verd.-Rollo man. DKL U31 4667SWL</t>
  </si>
  <si>
    <t>DKL UK04 4655SWL</t>
  </si>
  <si>
    <t>5702328823495</t>
  </si>
  <si>
    <t>VELUX Verd.-Rollo man. DKL UK04 4655SWL</t>
  </si>
  <si>
    <t>DKL UK08 4655S</t>
  </si>
  <si>
    <t>5702328538696</t>
  </si>
  <si>
    <t>VELUX Verd.-Rollo man. DKL UK08 4655S</t>
  </si>
  <si>
    <t>DKL UK10 4654SWL</t>
  </si>
  <si>
    <t>5702328824188</t>
  </si>
  <si>
    <t>VELUX Verd.-Rollo man. DKL UK10 4654SWL</t>
  </si>
  <si>
    <t>DKL UK10 4655S</t>
  </si>
  <si>
    <t>5702328539150</t>
  </si>
  <si>
    <t>VELUX Verd.-Rollo man. DKL UK10 4655S</t>
  </si>
  <si>
    <t>DKL UK10 4655SWL</t>
  </si>
  <si>
    <t>5702328824195</t>
  </si>
  <si>
    <t>VELUX Verd.-Rollo man. DKL UK10 4655SWL</t>
  </si>
  <si>
    <t>DKL UK10 4659SWL</t>
  </si>
  <si>
    <t>5702328824232</t>
  </si>
  <si>
    <t>VELUX Verd.-Rollo man. DKL UK10 4659SWL</t>
  </si>
  <si>
    <t>DKL UK10 4661S</t>
  </si>
  <si>
    <t>5702328539310</t>
  </si>
  <si>
    <t>VELUX Verd.-Rollo man. DKL UK10 4661S</t>
  </si>
  <si>
    <t>DKL UK10 4666S</t>
  </si>
  <si>
    <t>5702328539372</t>
  </si>
  <si>
    <t>VELUX Verd.-Rollo man. DKL UK10 4666S</t>
  </si>
  <si>
    <t>DKL UK10 4666SWL</t>
  </si>
  <si>
    <t>5702328824300</t>
  </si>
  <si>
    <t>VELUX Verd.-Rollo man. DKL UK10 4666SWL</t>
  </si>
  <si>
    <t>DKL UK10 4667S</t>
  </si>
  <si>
    <t>5702328539389</t>
  </si>
  <si>
    <t>VELUX Verd.-Rollo man. DKL UK10 4667S</t>
  </si>
  <si>
    <t>DKL UK10 4667SWL</t>
  </si>
  <si>
    <t>5702328824317</t>
  </si>
  <si>
    <t>VELUX Verd.-Rollo man. DKL UK10 4667SWL</t>
  </si>
  <si>
    <t>DKL Y89 4575S</t>
  </si>
  <si>
    <t>5702328971455</t>
  </si>
  <si>
    <t>VELUX Verd.-Rollo man. DKL Y89 4575S</t>
  </si>
  <si>
    <t>DKU 102 1085</t>
  </si>
  <si>
    <t>5702322577394</t>
  </si>
  <si>
    <t>VELUX Verd.-Rollo man. DKU 102 1085</t>
  </si>
  <si>
    <t>DKU 404 1085</t>
  </si>
  <si>
    <t>5702320849158</t>
  </si>
  <si>
    <t>VELUX Verd.-Rollo man. DKU 404 1085</t>
  </si>
  <si>
    <t>DKU 604 1085</t>
  </si>
  <si>
    <t>5702320849165</t>
  </si>
  <si>
    <t>VELUX Verd.-Rollo man. DKU 604 1085</t>
  </si>
  <si>
    <t>DML C02 4564K</t>
  </si>
  <si>
    <t>5702329461610</t>
  </si>
  <si>
    <t>VELUX Verd.-Rollo el. DML C02 4564K</t>
  </si>
  <si>
    <t>DML C02 4564KWL</t>
  </si>
  <si>
    <t>5702329470148</t>
  </si>
  <si>
    <t>VELUX Verd.-Rollo el. DML C02 4564KWL</t>
  </si>
  <si>
    <t>DML C02 4574KWL</t>
  </si>
  <si>
    <t>5702329470155</t>
  </si>
  <si>
    <t>VELUX Verd.-Rollo el. DML C02 4574KWL</t>
  </si>
  <si>
    <t>DML C02 4575K</t>
  </si>
  <si>
    <t>5702329461634</t>
  </si>
  <si>
    <t>VELUX Verd.-Rollo el. DML C02 4575K</t>
  </si>
  <si>
    <t>DML C02 4575KWL</t>
  </si>
  <si>
    <t>5702329470162</t>
  </si>
  <si>
    <t>VELUX Verd.-Rollo el. DML C02 4575KWL</t>
  </si>
  <si>
    <t>DML C02 4576KWL</t>
  </si>
  <si>
    <t>5702329470179</t>
  </si>
  <si>
    <t>VELUX Verd.-Rollo el. DML C02 4576KWL</t>
  </si>
  <si>
    <t>DML C02 4578KWL</t>
  </si>
  <si>
    <t>5702329470193</t>
  </si>
  <si>
    <t>VELUX Verd.-Rollo el. DML C02 4578KWL</t>
  </si>
  <si>
    <t>DML C02 4579KWL</t>
  </si>
  <si>
    <t>5702329470209</t>
  </si>
  <si>
    <t>VELUX Verd.-Rollo el. DML C02 4579KWL</t>
  </si>
  <si>
    <t>DML C02 4581K</t>
  </si>
  <si>
    <t>5702329461696</t>
  </si>
  <si>
    <t>VELUX Verd.-Rollo el. DML C02 4581K</t>
  </si>
  <si>
    <t>DML C02 8801K</t>
  </si>
  <si>
    <t>5702329461702</t>
  </si>
  <si>
    <t>VELUX Verd.-Rollo el. DML C02 8801K</t>
  </si>
  <si>
    <t>DML C04 4559KWL</t>
  </si>
  <si>
    <t>5702329470308</t>
  </si>
  <si>
    <t>VELUX Verd.-Rollo el. DML C04 4559KWL</t>
  </si>
  <si>
    <t>DML C04 4564K</t>
  </si>
  <si>
    <t>5702329461795</t>
  </si>
  <si>
    <t>VELUX Verd.-Rollo el. DML C04 4564K</t>
  </si>
  <si>
    <t>DML C04 4564KWL</t>
  </si>
  <si>
    <t>5702329470315</t>
  </si>
  <si>
    <t>VELUX Verd.-Rollo el. DML C04 4564KWL</t>
  </si>
  <si>
    <t>DML C04 4574KWL</t>
  </si>
  <si>
    <t>5702329470322</t>
  </si>
  <si>
    <t>VELUX Verd.-Rollo el. DML C04 4574KWL</t>
  </si>
  <si>
    <t>DML C04 4575KWL</t>
  </si>
  <si>
    <t>5702329470339</t>
  </si>
  <si>
    <t>VELUX Verd.-Rollo el. DML C04 4575KWL</t>
  </si>
  <si>
    <t>DML C04 4578KWL</t>
  </si>
  <si>
    <t>5702329470360</t>
  </si>
  <si>
    <t>VELUX Verd.-Rollo el. DML C04 4578KWL</t>
  </si>
  <si>
    <t>DML C04 4579K</t>
  </si>
  <si>
    <t>5702329461856</t>
  </si>
  <si>
    <t>VELUX Verd.-Rollo el. DML C04 4579K</t>
  </si>
  <si>
    <t>DML C04 4579KWL</t>
  </si>
  <si>
    <t>5702329470377</t>
  </si>
  <si>
    <t>VELUX Verd.-Rollo el. DML C04 4579KWL</t>
  </si>
  <si>
    <t>DML C04 4580KWL</t>
  </si>
  <si>
    <t>5702329470384</t>
  </si>
  <si>
    <t>VELUX Verd.-Rollo el. DML C04 4580KWL</t>
  </si>
  <si>
    <t>DML C04 8801K</t>
  </si>
  <si>
    <t>5702329461887</t>
  </si>
  <si>
    <t>VELUX Verd.-Rollo el. DML C04 8801K</t>
  </si>
  <si>
    <t>DML C06 0705K</t>
  </si>
  <si>
    <t>5702329461900</t>
  </si>
  <si>
    <t>VELUX Verd.-Rollo el. DML C06 0705K</t>
  </si>
  <si>
    <t>DML C06 0705KWL</t>
  </si>
  <si>
    <t>5702329470414</t>
  </si>
  <si>
    <t>VELUX Verd.-Rollo el. DML C06 0705KWL</t>
  </si>
  <si>
    <t>DML C06 1025KWL</t>
  </si>
  <si>
    <t>5702329470421</t>
  </si>
  <si>
    <t>VELUX Verd.-Rollo el. DML C06 1025KWL</t>
  </si>
  <si>
    <t>DML C06 1085KWL</t>
  </si>
  <si>
    <t>5702329470438</t>
  </si>
  <si>
    <t>VELUX Verd.-Rollo el. DML C06 1085KWL</t>
  </si>
  <si>
    <t>DML C06 1100K</t>
  </si>
  <si>
    <t>5702329461931</t>
  </si>
  <si>
    <t>VELUX Verd.-Rollo el. DML C06 1100K</t>
  </si>
  <si>
    <t>DML C06 3009K</t>
  </si>
  <si>
    <t>5702329461948</t>
  </si>
  <si>
    <t>VELUX Verd.-Rollo el. DML C06 3009K</t>
  </si>
  <si>
    <t>DML C06 3009KWL</t>
  </si>
  <si>
    <t>5702329470452</t>
  </si>
  <si>
    <t>VELUX Verd.-Rollo el. DML C06 3009KWL</t>
  </si>
  <si>
    <t>DML C06 4556K</t>
  </si>
  <si>
    <t>5702329461955</t>
  </si>
  <si>
    <t>VELUX Verd.-Rollo el. DML C06 4556K</t>
  </si>
  <si>
    <t>DML C06 4556KWL</t>
  </si>
  <si>
    <t>5702329470469</t>
  </si>
  <si>
    <t>VELUX Verd.-Rollo el. DML C06 4556KWL</t>
  </si>
  <si>
    <t>DML C06 4559K</t>
  </si>
  <si>
    <t>5702329461962</t>
  </si>
  <si>
    <t>VELUX Verd.-Rollo el. DML C06 4559K</t>
  </si>
  <si>
    <t>DML C06 4559KWL</t>
  </si>
  <si>
    <t>5702329470476</t>
  </si>
  <si>
    <t>VELUX Verd.-Rollo el. DML C06 4559KWL</t>
  </si>
  <si>
    <t>DML C06 4564K</t>
  </si>
  <si>
    <t>5702329461979</t>
  </si>
  <si>
    <t>VELUX Verd.-Rollo el. DML C06 4564K</t>
  </si>
  <si>
    <t>DML C06 4574K</t>
  </si>
  <si>
    <t>5702329461986</t>
  </si>
  <si>
    <t>VELUX Verd.-Rollo el. DML C06 4574K</t>
  </si>
  <si>
    <t>DML C06 4575K</t>
  </si>
  <si>
    <t>5702329461993</t>
  </si>
  <si>
    <t>VELUX Verd.-Rollo el. DML C06 4575K</t>
  </si>
  <si>
    <t>DML C06 4575KWL</t>
  </si>
  <si>
    <t>5702329470506</t>
  </si>
  <si>
    <t>VELUX Verd.-Rollo el. DML C06 4575KWL</t>
  </si>
  <si>
    <t>DML C06 4576K</t>
  </si>
  <si>
    <t>5702329462006</t>
  </si>
  <si>
    <t>VELUX Verd.-Rollo el. DML C06 4576K</t>
  </si>
  <si>
    <t>DML C06 4577K</t>
  </si>
  <si>
    <t>5702329462013</t>
  </si>
  <si>
    <t>VELUX Verd.-Rollo el. DML C06 4577K</t>
  </si>
  <si>
    <t>DML C06 4577KWL</t>
  </si>
  <si>
    <t>5702329470520</t>
  </si>
  <si>
    <t>VELUX Verd.-Rollo el. DML C06 4577KWL</t>
  </si>
  <si>
    <t>DML C06 4578K</t>
  </si>
  <si>
    <t>5702329462020</t>
  </si>
  <si>
    <t>VELUX Verd.-Rollo el. DML C06 4578K</t>
  </si>
  <si>
    <t>DML C06 4578KWL</t>
  </si>
  <si>
    <t>5702329470537</t>
  </si>
  <si>
    <t>VELUX Verd.-Rollo el. DML C06 4578KWL</t>
  </si>
  <si>
    <t>DML C06 4579K</t>
  </si>
  <si>
    <t>5702329462037</t>
  </si>
  <si>
    <t>VELUX Verd.-Rollo el. DML C06 4579K</t>
  </si>
  <si>
    <t>DML C06 4579KWL</t>
  </si>
  <si>
    <t>5702329470544</t>
  </si>
  <si>
    <t>VELUX Verd.-Rollo el. DML C06 4579KWL</t>
  </si>
  <si>
    <t>DML C06 4580K</t>
  </si>
  <si>
    <t>5702329462044</t>
  </si>
  <si>
    <t>VELUX Verd.-Rollo el. DML C06 4580K</t>
  </si>
  <si>
    <t>DML C06 4580KWL</t>
  </si>
  <si>
    <t>5702329470551</t>
  </si>
  <si>
    <t>VELUX Verd.-Rollo el. DML C06 4580KWL</t>
  </si>
  <si>
    <t>DML C06 4581K</t>
  </si>
  <si>
    <t>5702329462051</t>
  </si>
  <si>
    <t>VELUX Verd.-Rollo el. DML C06 4581K</t>
  </si>
  <si>
    <t>DML C06 8801K</t>
  </si>
  <si>
    <t>5702329462068</t>
  </si>
  <si>
    <t>VELUX Verd.-Rollo el. DML C06 8801K</t>
  </si>
  <si>
    <t>DML CK02 4559KWL</t>
  </si>
  <si>
    <t>5702329470810</t>
  </si>
  <si>
    <t>VELUX Verd.-Rollo el. DML CK02 4559KWL</t>
  </si>
  <si>
    <t>DML CK06 4575KWL</t>
  </si>
  <si>
    <t>5702329471183</t>
  </si>
  <si>
    <t>VELUX Verd.-Rollo el. DML CK06 4575KWL</t>
  </si>
  <si>
    <t>DML CK06 4578K</t>
  </si>
  <si>
    <t>5702329462747</t>
  </si>
  <si>
    <t>VELUX Verd.-Rollo el. DML CK06 4578K</t>
  </si>
  <si>
    <t>DML F04 1025K</t>
  </si>
  <si>
    <t>5702329462815</t>
  </si>
  <si>
    <t>VELUX Verd.-Rollo el. DML F04 1025K</t>
  </si>
  <si>
    <t>DML F04 4556KWL</t>
  </si>
  <si>
    <t>5702329471312</t>
  </si>
  <si>
    <t>VELUX Verd.-Rollo el. DML F04 4556KWL</t>
  </si>
  <si>
    <t>DML F04 4559K</t>
  </si>
  <si>
    <t>5702329462860</t>
  </si>
  <si>
    <t>VELUX Verd.-Rollo el. DML F04 4559K</t>
  </si>
  <si>
    <t>DML F04 4559KWL</t>
  </si>
  <si>
    <t>5702329471329</t>
  </si>
  <si>
    <t>VELUX Verd.-Rollo el. DML F04 4559KWL</t>
  </si>
  <si>
    <t>DML F04 4564K</t>
  </si>
  <si>
    <t>5702329462877</t>
  </si>
  <si>
    <t>VELUX Verd.-Rollo el. DML F04 4564K</t>
  </si>
  <si>
    <t>DML F04 4564KWL</t>
  </si>
  <si>
    <t>5702329471336</t>
  </si>
  <si>
    <t>VELUX Verd.-Rollo el. DML F04 4564KWL</t>
  </si>
  <si>
    <t>DML F04 4574K</t>
  </si>
  <si>
    <t>5702329462884</t>
  </si>
  <si>
    <t>VELUX Verd.-Rollo el. DML F04 4574K</t>
  </si>
  <si>
    <t>DML F04 4574KWL</t>
  </si>
  <si>
    <t>5702329471343</t>
  </si>
  <si>
    <t>VELUX Verd.-Rollo el. DML F04 4574KWL</t>
  </si>
  <si>
    <t>DML F04 4575K</t>
  </si>
  <si>
    <t>5702329462891</t>
  </si>
  <si>
    <t>VELUX Verd.-Rollo el. DML F04 4575K</t>
  </si>
  <si>
    <t>DML F04 4575KWL</t>
  </si>
  <si>
    <t>5702329471350</t>
  </si>
  <si>
    <t>VELUX Verd.-Rollo el. DML F04 4575KWL</t>
  </si>
  <si>
    <t>DML F04 4576K</t>
  </si>
  <si>
    <t>5702329462907</t>
  </si>
  <si>
    <t>VELUX Verd.-Rollo el. DML F04 4576K</t>
  </si>
  <si>
    <t>DML F04 4576KWL</t>
  </si>
  <si>
    <t>5702329471367</t>
  </si>
  <si>
    <t>VELUX Verd.-Rollo el. DML F04 4576KWL</t>
  </si>
  <si>
    <t>DML F04 4577K</t>
  </si>
  <si>
    <t>5702329462914</t>
  </si>
  <si>
    <t>VELUX Verd.-Rollo el. DML F04 4577K</t>
  </si>
  <si>
    <t>DML F04 4577KWL</t>
  </si>
  <si>
    <t>5702329471374</t>
  </si>
  <si>
    <t>VELUX Verd.-Rollo el. DML F04 4577KWL</t>
  </si>
  <si>
    <t>DML F04 4578K</t>
  </si>
  <si>
    <t>5702329462921</t>
  </si>
  <si>
    <t>VELUX Verd.-Rollo el. DML F04 4578K</t>
  </si>
  <si>
    <t>DML F04 4578KWL</t>
  </si>
  <si>
    <t>5702329471381</t>
  </si>
  <si>
    <t>VELUX Verd.-Rollo el. DML F04 4578KWL</t>
  </si>
  <si>
    <t>DML F04 4579K</t>
  </si>
  <si>
    <t>5702329462938</t>
  </si>
  <si>
    <t>VELUX Verd.-Rollo el. DML F04 4579K</t>
  </si>
  <si>
    <t>DML F04 4579KWL</t>
  </si>
  <si>
    <t>5702329471398</t>
  </si>
  <si>
    <t>VELUX Verd.-Rollo el. DML F04 4579KWL</t>
  </si>
  <si>
    <t>DML F04 4580KWL</t>
  </si>
  <si>
    <t>5702329471404</t>
  </si>
  <si>
    <t>VELUX Verd.-Rollo el. DML F04 4580KWL</t>
  </si>
  <si>
    <t>DML F04 4581K</t>
  </si>
  <si>
    <t>5702329462952</t>
  </si>
  <si>
    <t>VELUX Verd.-Rollo el. DML F04 4581K</t>
  </si>
  <si>
    <t>DML F04 4581KWL</t>
  </si>
  <si>
    <t>5702329471411</t>
  </si>
  <si>
    <t>VELUX Verd.-Rollo el. DML F04 4581KWL</t>
  </si>
  <si>
    <t>DML F04 8801K</t>
  </si>
  <si>
    <t>5702329462969</t>
  </si>
  <si>
    <t>VELUX Verd.-Rollo el. DML F04 8801K</t>
  </si>
  <si>
    <t>DML F06 4559KWL</t>
  </si>
  <si>
    <t>5702329471497</t>
  </si>
  <si>
    <t>VELUX Verd.-Rollo el. DML F06 4559KWL</t>
  </si>
  <si>
    <t>DML F06 4564KWL</t>
  </si>
  <si>
    <t>5702329471503</t>
  </si>
  <si>
    <t>VELUX Verd.-Rollo el. DML F06 4564KWL</t>
  </si>
  <si>
    <t>DML F06 4578KWL</t>
  </si>
  <si>
    <t>5702329471558</t>
  </si>
  <si>
    <t>VELUX Verd.-Rollo el. DML F06 4578KWL</t>
  </si>
  <si>
    <t>DML F06 4579KWL</t>
  </si>
  <si>
    <t>5702329471565</t>
  </si>
  <si>
    <t>VELUX Verd.-Rollo el. DML F06 4579KWL</t>
  </si>
  <si>
    <t>DML F06 4581KWL</t>
  </si>
  <si>
    <t>5702329471589</t>
  </si>
  <si>
    <t>VELUX Verd.-Rollo el. DML F06 4581KWL</t>
  </si>
  <si>
    <t>DML F06 8801K</t>
  </si>
  <si>
    <t>5702329463140</t>
  </si>
  <si>
    <t>VELUX Verd.-Rollo el. DML F06 8801K</t>
  </si>
  <si>
    <t>DML F08 3009K</t>
  </si>
  <si>
    <t>5702329463201</t>
  </si>
  <si>
    <t>VELUX Verd.-Rollo el. DML F08 3009K</t>
  </si>
  <si>
    <t>DML F08 4556K</t>
  </si>
  <si>
    <t>5702329463218</t>
  </si>
  <si>
    <t>VELUX Verd.-Rollo el. DML F08 4556K</t>
  </si>
  <si>
    <t>DML F08 4556KWL</t>
  </si>
  <si>
    <t>5702329471657</t>
  </si>
  <si>
    <t>VELUX Verd.-Rollo el. DML F08 4556KWL</t>
  </si>
  <si>
    <t>DML F08 4559K</t>
  </si>
  <si>
    <t>5702329463225</t>
  </si>
  <si>
    <t>VELUX Verd.-Rollo el. DML F08 4559K</t>
  </si>
  <si>
    <t>DML F08 4559KWL</t>
  </si>
  <si>
    <t>5702329471664</t>
  </si>
  <si>
    <t>VELUX Verd.-Rollo el. DML F08 4559KWL</t>
  </si>
  <si>
    <t>DML F08 4564K</t>
  </si>
  <si>
    <t>5702329463232</t>
  </si>
  <si>
    <t>VELUX Verd.-Rollo el. DML F08 4564K</t>
  </si>
  <si>
    <t>DML F08 4564KWL</t>
  </si>
  <si>
    <t>5702329471671</t>
  </si>
  <si>
    <t>VELUX Verd.-Rollo el. DML F08 4564KWL</t>
  </si>
  <si>
    <t>DML F08 4574K</t>
  </si>
  <si>
    <t>5702329463249</t>
  </si>
  <si>
    <t>VELUX Verd.-Rollo el. DML F08 4574K</t>
  </si>
  <si>
    <t>DML F08 4575K</t>
  </si>
  <si>
    <t>5702329463256</t>
  </si>
  <si>
    <t>VELUX Verd.-Rollo el. DML F08 4575K</t>
  </si>
  <si>
    <t>DML F08 4575KWL</t>
  </si>
  <si>
    <t>5702329471695</t>
  </si>
  <si>
    <t>VELUX Verd.-Rollo el. DML F08 4575KWL</t>
  </si>
  <si>
    <t>DML F08 4576K</t>
  </si>
  <si>
    <t>5702329463263</t>
  </si>
  <si>
    <t>VELUX Verd.-Rollo el. DML F08 4576K</t>
  </si>
  <si>
    <t>DML F08 4576KWL</t>
  </si>
  <si>
    <t>5702329471701</t>
  </si>
  <si>
    <t>VELUX Verd.-Rollo el. DML F08 4576KWL</t>
  </si>
  <si>
    <t>DML F08 4577K</t>
  </si>
  <si>
    <t>5702329463270</t>
  </si>
  <si>
    <t>VELUX Verd.-Rollo el. DML F08 4577K</t>
  </si>
  <si>
    <t>DML F08 4577KWL</t>
  </si>
  <si>
    <t>5702329471718</t>
  </si>
  <si>
    <t>VELUX Verd.-Rollo el. DML F08 4577KWL</t>
  </si>
  <si>
    <t>DML F08 4578K</t>
  </si>
  <si>
    <t>5702329463287</t>
  </si>
  <si>
    <t>VELUX Verd.-Rollo el. DML F08 4578K</t>
  </si>
  <si>
    <t>DML F08 4578KWL</t>
  </si>
  <si>
    <t>5702329471725</t>
  </si>
  <si>
    <t>VELUX Verd.-Rollo el. DML F08 4578KWL</t>
  </si>
  <si>
    <t>DML F08 4579K</t>
  </si>
  <si>
    <t>5702329463294</t>
  </si>
  <si>
    <t>VELUX Verd.-Rollo el. DML F08 4579K</t>
  </si>
  <si>
    <t>DML F08 4579KWL</t>
  </si>
  <si>
    <t>5702329471732</t>
  </si>
  <si>
    <t>VELUX Verd.-Rollo el. DML F08 4579KWL</t>
  </si>
  <si>
    <t>DML F08 4580K</t>
  </si>
  <si>
    <t>5702329463300</t>
  </si>
  <si>
    <t>VELUX Verd.-Rollo el. DML F08 4580K</t>
  </si>
  <si>
    <t>DML F08 4580KWL</t>
  </si>
  <si>
    <t>5702329471749</t>
  </si>
  <si>
    <t>VELUX Verd.-Rollo el. DML F08 4580KWL</t>
  </si>
  <si>
    <t>DML F08 4581K</t>
  </si>
  <si>
    <t>5702329463317</t>
  </si>
  <si>
    <t>VELUX Verd.-Rollo el. DML F08 4581K</t>
  </si>
  <si>
    <t>DML F08 4581KWL</t>
  </si>
  <si>
    <t>5702329471756</t>
  </si>
  <si>
    <t>VELUX Verd.-Rollo el. DML F08 4581KWL</t>
  </si>
  <si>
    <t>DML F08 8801K</t>
  </si>
  <si>
    <t>5702329463324</t>
  </si>
  <si>
    <t>VELUX Verd.-Rollo el. DML F08 8801K</t>
  </si>
  <si>
    <t>DML FK04 4564K</t>
  </si>
  <si>
    <t>5702329463416</t>
  </si>
  <si>
    <t>VELUX Verd.-Rollo el. DML FK04 4564K</t>
  </si>
  <si>
    <t>DML FK04 4578K</t>
  </si>
  <si>
    <t>5702329463461</t>
  </si>
  <si>
    <t>VELUX Verd.-Rollo el. DML FK04 4578K</t>
  </si>
  <si>
    <t>DML FK04 8801K</t>
  </si>
  <si>
    <t>5702329463508</t>
  </si>
  <si>
    <t>VELUX Verd.-Rollo el. DML FK04 8801K</t>
  </si>
  <si>
    <t>DML FK06 4564KWL</t>
  </si>
  <si>
    <t>5702329472012</t>
  </si>
  <si>
    <t>VELUX Verd.-Rollo el. DML FK06 4564KWL</t>
  </si>
  <si>
    <t>DML FK06 4575K</t>
  </si>
  <si>
    <t>5702329463614</t>
  </si>
  <si>
    <t>VELUX Verd.-Rollo el. DML FK06 4575K</t>
  </si>
  <si>
    <t>DML FK06 4575KWL</t>
  </si>
  <si>
    <t>5702329472036</t>
  </si>
  <si>
    <t>VELUX Verd.-Rollo el. DML FK06 4575KWL</t>
  </si>
  <si>
    <t>DML FK08 4564KWL</t>
  </si>
  <si>
    <t>5702329472180</t>
  </si>
  <si>
    <t>VELUX Verd.-Rollo el. DML FK08 4564KWL</t>
  </si>
  <si>
    <t>DML FK08 8801K</t>
  </si>
  <si>
    <t>5702329463867</t>
  </si>
  <si>
    <t>VELUX Verd.-Rollo el. DML FK08 8801K</t>
  </si>
  <si>
    <t>DML M04 4559KWL</t>
  </si>
  <si>
    <t>5702329472340</t>
  </si>
  <si>
    <t>VELUX Verd.-Rollo el. DML M04 4559KWL</t>
  </si>
  <si>
    <t>DML M04 4575KWL</t>
  </si>
  <si>
    <t>5702329472371</t>
  </si>
  <si>
    <t>VELUX Verd.-Rollo el. DML M04 4575KWL</t>
  </si>
  <si>
    <t>DML M04 4578K</t>
  </si>
  <si>
    <t>5702329464000</t>
  </si>
  <si>
    <t>VELUX Verd.-Rollo el. DML M04 4578K</t>
  </si>
  <si>
    <t>DML M04 4578KWL</t>
  </si>
  <si>
    <t>5702329472401</t>
  </si>
  <si>
    <t>VELUX Verd.-Rollo el. DML M04 4578KWL</t>
  </si>
  <si>
    <t>DML M06 4559KWL</t>
  </si>
  <si>
    <t>5702329472517</t>
  </si>
  <si>
    <t>VELUX Verd.-Rollo el. DML M06 4559KWL</t>
  </si>
  <si>
    <t>DML M06 4574KWL</t>
  </si>
  <si>
    <t>5702329472531</t>
  </si>
  <si>
    <t>VELUX Verd.-Rollo el. DML M06 4574KWL</t>
  </si>
  <si>
    <t>DML M06 4575KWL</t>
  </si>
  <si>
    <t>5702329472548</t>
  </si>
  <si>
    <t>VELUX Verd.-Rollo el. DML M06 4575KWL</t>
  </si>
  <si>
    <t>DML M06 4577KWL</t>
  </si>
  <si>
    <t>5702329472562</t>
  </si>
  <si>
    <t>VELUX Verd.-Rollo el. DML M06 4577KWL</t>
  </si>
  <si>
    <t>DML M06 8801K</t>
  </si>
  <si>
    <t>5702329464222</t>
  </si>
  <si>
    <t>VELUX Verd.-Rollo el. DML M06 8801K</t>
  </si>
  <si>
    <t>DML M08 4564KWL</t>
  </si>
  <si>
    <t>5702329472692</t>
  </si>
  <si>
    <t>VELUX Verd.-Rollo el. DML M08 4564KWL</t>
  </si>
  <si>
    <t>DML M08 4577K</t>
  </si>
  <si>
    <t>5702329464352</t>
  </si>
  <si>
    <t>VELUX Verd.-Rollo el. DML M08 4577K</t>
  </si>
  <si>
    <t>DML M10 1100KWL</t>
  </si>
  <si>
    <t>5702329472821</t>
  </si>
  <si>
    <t>VELUX Verd.-Rollo el. DML M10 1100KWL</t>
  </si>
  <si>
    <t>DML M10 3009KWL</t>
  </si>
  <si>
    <t>5702329472838</t>
  </si>
  <si>
    <t>VELUX Verd.-Rollo el. DML M10 3009KWL</t>
  </si>
  <si>
    <t>DML M10 4556K</t>
  </si>
  <si>
    <t>5702329464475</t>
  </si>
  <si>
    <t>VELUX Verd.-Rollo el. DML M10 4556K</t>
  </si>
  <si>
    <t>DML M10 4556KWL</t>
  </si>
  <si>
    <t>5702329472845</t>
  </si>
  <si>
    <t>VELUX Verd.-Rollo el. DML M10 4556KWL</t>
  </si>
  <si>
    <t>DML M10 4559K</t>
  </si>
  <si>
    <t>5702329464482</t>
  </si>
  <si>
    <t>VELUX Verd.-Rollo el. DML M10 4559K</t>
  </si>
  <si>
    <t>DML M10 4559KWL</t>
  </si>
  <si>
    <t>5702329472852</t>
  </si>
  <si>
    <t>VELUX Verd.-Rollo el. DML M10 4559KWL</t>
  </si>
  <si>
    <t>DML M10 4564KWL</t>
  </si>
  <si>
    <t>5702329472869</t>
  </si>
  <si>
    <t>VELUX Verd.-Rollo el. DML M10 4564KWL</t>
  </si>
  <si>
    <t>DML M10 4574K</t>
  </si>
  <si>
    <t>5702329464505</t>
  </si>
  <si>
    <t>VELUX Verd.-Rollo el. DML M10 4574K</t>
  </si>
  <si>
    <t>DML M10 4574KWL</t>
  </si>
  <si>
    <t>5702329472876</t>
  </si>
  <si>
    <t>VELUX Verd.-Rollo el. DML M10 4574KWL</t>
  </si>
  <si>
    <t>DML M10 4575K</t>
  </si>
  <si>
    <t>5702329464512</t>
  </si>
  <si>
    <t>VELUX Verd.-Rollo el. DML M10 4575K</t>
  </si>
  <si>
    <t>DML M10 4575KWL</t>
  </si>
  <si>
    <t>5702329472883</t>
  </si>
  <si>
    <t>VELUX Verd.-Rollo el. DML M10 4575KWL</t>
  </si>
  <si>
    <t>DML M10 4576K</t>
  </si>
  <si>
    <t>5702329464529</t>
  </si>
  <si>
    <t>VELUX Verd.-Rollo el. DML M10 4576K</t>
  </si>
  <si>
    <t>DML M10 4576KWL</t>
  </si>
  <si>
    <t>5702329472890</t>
  </si>
  <si>
    <t>VELUX Verd.-Rollo el. DML M10 4576KWL</t>
  </si>
  <si>
    <t>DML M10 4577KWL</t>
  </si>
  <si>
    <t>5702329472906</t>
  </si>
  <si>
    <t>VELUX Verd.-Rollo el. DML M10 4577KWL</t>
  </si>
  <si>
    <t>DML M10 4578K</t>
  </si>
  <si>
    <t>5702329464543</t>
  </si>
  <si>
    <t>VELUX Verd.-Rollo el. DML M10 4578K</t>
  </si>
  <si>
    <t>DML M10 4578KWL</t>
  </si>
  <si>
    <t>5702329472913</t>
  </si>
  <si>
    <t>VELUX Verd.-Rollo el. DML M10 4578KWL</t>
  </si>
  <si>
    <t>DML M10 4579K</t>
  </si>
  <si>
    <t>5702329464550</t>
  </si>
  <si>
    <t>VELUX Verd.-Rollo el. DML M10 4579K</t>
  </si>
  <si>
    <t>DML M10 4579KWL</t>
  </si>
  <si>
    <t>5702329472920</t>
  </si>
  <si>
    <t>VELUX Verd.-Rollo el. DML M10 4579KWL</t>
  </si>
  <si>
    <t>DML M10 4580K</t>
  </si>
  <si>
    <t>5702329464567</t>
  </si>
  <si>
    <t>VELUX Verd.-Rollo el. DML M10 4580K</t>
  </si>
  <si>
    <t>DML M10 4580KWL</t>
  </si>
  <si>
    <t>5702329472937</t>
  </si>
  <si>
    <t>VELUX Verd.-Rollo el. DML M10 4580KWL</t>
  </si>
  <si>
    <t>DML M10 4581K</t>
  </si>
  <si>
    <t>5702329464574</t>
  </si>
  <si>
    <t>VELUX Verd.-Rollo el. DML M10 4581K</t>
  </si>
  <si>
    <t>DML MK10 4559K</t>
  </si>
  <si>
    <t>5702329465366</t>
  </si>
  <si>
    <t>VELUX Verd.-Rollo el. DML MK10 4559K</t>
  </si>
  <si>
    <t>DML MK10 4564K</t>
  </si>
  <si>
    <t>5702329465373</t>
  </si>
  <si>
    <t>VELUX Verd.-Rollo el. DML MK10 4564K</t>
  </si>
  <si>
    <t>DML MK10 4576K</t>
  </si>
  <si>
    <t>5702329465403</t>
  </si>
  <si>
    <t>VELUX Verd.-Rollo el. DML MK10 4576K</t>
  </si>
  <si>
    <t>DML MK10 4578K</t>
  </si>
  <si>
    <t>5702329465427</t>
  </si>
  <si>
    <t>VELUX Verd.-Rollo el. DML MK10 4578K</t>
  </si>
  <si>
    <t>DML MK12 4559K</t>
  </si>
  <si>
    <t>5702329465533</t>
  </si>
  <si>
    <t>VELUX Verd.-Rollo el. DML MK12 4559K</t>
  </si>
  <si>
    <t>DML MK12 4559KWL</t>
  </si>
  <si>
    <t>5702329473873</t>
  </si>
  <si>
    <t>VELUX Verd.-Rollo el. DML MK12 4559KWL</t>
  </si>
  <si>
    <t>DML MK12 4564K</t>
  </si>
  <si>
    <t>5702329465540</t>
  </si>
  <si>
    <t>VELUX Verd.-Rollo el. DML MK12 4564K</t>
  </si>
  <si>
    <t>DML MK12 4564KWL</t>
  </si>
  <si>
    <t>5702329473880</t>
  </si>
  <si>
    <t>VELUX Verd.-Rollo el. DML MK12 4564KWL</t>
  </si>
  <si>
    <t>DML MK12 4575K</t>
  </si>
  <si>
    <t>5702329465564</t>
  </si>
  <si>
    <t>VELUX Verd.-Rollo el. DML MK12 4575K</t>
  </si>
  <si>
    <t>DML MK12 4575KWL</t>
  </si>
  <si>
    <t>5702329473903</t>
  </si>
  <si>
    <t>VELUX Verd.-Rollo el. DML MK12 4575KWL</t>
  </si>
  <si>
    <t>DML MK12 4577K</t>
  </si>
  <si>
    <t>5702329465588</t>
  </si>
  <si>
    <t>VELUX Verd.-Rollo el. DML MK12 4577K</t>
  </si>
  <si>
    <t>DML MK12 4577KWL</t>
  </si>
  <si>
    <t>5702329473927</t>
  </si>
  <si>
    <t>VELUX Verd.-Rollo el. DML MK12 4577KWL</t>
  </si>
  <si>
    <t>DML MK12 4578K</t>
  </si>
  <si>
    <t>5702329465595</t>
  </si>
  <si>
    <t>VELUX Verd.-Rollo el. DML MK12 4578K</t>
  </si>
  <si>
    <t>DML MK12 4578KWL</t>
  </si>
  <si>
    <t>5702329473934</t>
  </si>
  <si>
    <t>VELUX Verd.-Rollo el. DML MK12 4578KWL</t>
  </si>
  <si>
    <t>DML MK12 4579K</t>
  </si>
  <si>
    <t>5702329465601</t>
  </si>
  <si>
    <t>VELUX Verd.-Rollo el. DML MK12 4579K</t>
  </si>
  <si>
    <t>DML MK12 4580K</t>
  </si>
  <si>
    <t>5702329465618</t>
  </si>
  <si>
    <t>VELUX Verd.-Rollo el. DML MK12 4580K</t>
  </si>
  <si>
    <t>DML P04 4559KWL</t>
  </si>
  <si>
    <t>5702329474047</t>
  </si>
  <si>
    <t>VELUX Verd.-Rollo el. DML P04 4559KWL</t>
  </si>
  <si>
    <t>DML P04 4574K</t>
  </si>
  <si>
    <t>5702329465724</t>
  </si>
  <si>
    <t>VELUX Verd.-Rollo el. DML P04 4574K</t>
  </si>
  <si>
    <t>DML P04 4575K</t>
  </si>
  <si>
    <t>5702329465731</t>
  </si>
  <si>
    <t>VELUX Verd.-Rollo el. DML P04 4575K</t>
  </si>
  <si>
    <t>DML P04 4575KWL</t>
  </si>
  <si>
    <t>5702329474078</t>
  </si>
  <si>
    <t>VELUX Verd.-Rollo el. DML P04 4575KWL</t>
  </si>
  <si>
    <t>DML P04 4577K</t>
  </si>
  <si>
    <t>5702329465755</t>
  </si>
  <si>
    <t>VELUX Verd.-Rollo el. DML P04 4577K</t>
  </si>
  <si>
    <t>DML P04 4577KWL</t>
  </si>
  <si>
    <t>5702329474092</t>
  </si>
  <si>
    <t>VELUX Verd.-Rollo el. DML P04 4577KWL</t>
  </si>
  <si>
    <t>DML P04 4578K</t>
  </si>
  <si>
    <t>5702329465762</t>
  </si>
  <si>
    <t>VELUX Verd.-Rollo el. DML P04 4578K</t>
  </si>
  <si>
    <t>DML P04 4578KWL</t>
  </si>
  <si>
    <t>5702329474108</t>
  </si>
  <si>
    <t>VELUX Verd.-Rollo el. DML P04 4578KWL</t>
  </si>
  <si>
    <t>DML P04 4579KWL</t>
  </si>
  <si>
    <t>5702329474115</t>
  </si>
  <si>
    <t>VELUX Verd.-Rollo el. DML P04 4579KWL</t>
  </si>
  <si>
    <t>DML P04 4580KWL</t>
  </si>
  <si>
    <t>5702329474122</t>
  </si>
  <si>
    <t>VELUX Verd.-Rollo el. DML P04 4580KWL</t>
  </si>
  <si>
    <t>DML P04 4581KWL</t>
  </si>
  <si>
    <t>5702329474139</t>
  </si>
  <si>
    <t>VELUX Verd.-Rollo el. DML P04 4581KWL</t>
  </si>
  <si>
    <t>DML P04 8801K</t>
  </si>
  <si>
    <t>5702329465809</t>
  </si>
  <si>
    <t>VELUX Verd.-Rollo el. DML P04 8801K</t>
  </si>
  <si>
    <t>DML P06 4559K</t>
  </si>
  <si>
    <t>5702329465885</t>
  </si>
  <si>
    <t>VELUX Verd.-Rollo el. DML P06 4559K</t>
  </si>
  <si>
    <t>DML P06 4559KWL</t>
  </si>
  <si>
    <t>5702329474214</t>
  </si>
  <si>
    <t>VELUX Verd.-Rollo el. DML P06 4559KWL</t>
  </si>
  <si>
    <t>DML P06 4564K</t>
  </si>
  <si>
    <t>5702329465892</t>
  </si>
  <si>
    <t>VELUX Verd.-Rollo el. DML P06 4564K</t>
  </si>
  <si>
    <t>DML P06 4564KWL</t>
  </si>
  <si>
    <t>5702329474221</t>
  </si>
  <si>
    <t>VELUX Verd.-Rollo el. DML P06 4564KWL</t>
  </si>
  <si>
    <t>DML P06 4574KWL</t>
  </si>
  <si>
    <t>5702329474238</t>
  </si>
  <si>
    <t>VELUX Verd.-Rollo el. DML P06 4574KWL</t>
  </si>
  <si>
    <t>DML P06 4575K</t>
  </si>
  <si>
    <t>5702329465915</t>
  </si>
  <si>
    <t>VELUX Verd.-Rollo el. DML P06 4575K</t>
  </si>
  <si>
    <t>DML P06 4575KWL</t>
  </si>
  <si>
    <t>5702329474245</t>
  </si>
  <si>
    <t>VELUX Verd.-Rollo el. DML P06 4575KWL</t>
  </si>
  <si>
    <t>DML P06 4576KWL</t>
  </si>
  <si>
    <t>5702329474252</t>
  </si>
  <si>
    <t>VELUX Verd.-Rollo el. DML P06 4576KWL</t>
  </si>
  <si>
    <t>DML P06 4577KWL</t>
  </si>
  <si>
    <t>5702329474269</t>
  </si>
  <si>
    <t>VELUX Verd.-Rollo el. DML P06 4577KWL</t>
  </si>
  <si>
    <t>DML P06 4578KWL</t>
  </si>
  <si>
    <t>5702329474276</t>
  </si>
  <si>
    <t>VELUX Verd.-Rollo el. DML P06 4578KWL</t>
  </si>
  <si>
    <t>DML P06 4579K</t>
  </si>
  <si>
    <t>5702329465953</t>
  </si>
  <si>
    <t>VELUX Verd.-Rollo el. DML P06 4579K</t>
  </si>
  <si>
    <t>DML P06 4579KWL</t>
  </si>
  <si>
    <t>5702329474283</t>
  </si>
  <si>
    <t>VELUX Verd.-Rollo el. DML P06 4579KWL</t>
  </si>
  <si>
    <t>DML P06 4580K</t>
  </si>
  <si>
    <t>5702329465960</t>
  </si>
  <si>
    <t>VELUX Verd.-Rollo el. DML P06 4580K</t>
  </si>
  <si>
    <t>DML P06 4580KWL</t>
  </si>
  <si>
    <t>5702329474290</t>
  </si>
  <si>
    <t>VELUX Verd.-Rollo el. DML P06 4580KWL</t>
  </si>
  <si>
    <t>DML P06 8801K</t>
  </si>
  <si>
    <t>5702329465984</t>
  </si>
  <si>
    <t>VELUX Verd.-Rollo el. DML P06 8801K</t>
  </si>
  <si>
    <t>DML P08 4556KWL</t>
  </si>
  <si>
    <t>5702329474375</t>
  </si>
  <si>
    <t>VELUX Verd.-Rollo el. DML P08 4556KWL</t>
  </si>
  <si>
    <t>DML P08 4559K</t>
  </si>
  <si>
    <t>5702329466066</t>
  </si>
  <si>
    <t>VELUX Verd.-Rollo el. DML P08 4559K</t>
  </si>
  <si>
    <t>DML P08 4559KWL</t>
  </si>
  <si>
    <t>5702329474382</t>
  </si>
  <si>
    <t>VELUX Verd.-Rollo el. DML P08 4559KWL</t>
  </si>
  <si>
    <t>DML P08 4564KWL</t>
  </si>
  <si>
    <t>5702329474399</t>
  </si>
  <si>
    <t>VELUX Verd.-Rollo el. DML P08 4564KWL</t>
  </si>
  <si>
    <t>DML P08 4574K</t>
  </si>
  <si>
    <t>5702329466080</t>
  </si>
  <si>
    <t>VELUX Verd.-Rollo el. DML P08 4574K</t>
  </si>
  <si>
    <t>DML P08 4574KWL</t>
  </si>
  <si>
    <t>5702329474405</t>
  </si>
  <si>
    <t>VELUX Verd.-Rollo el. DML P08 4574KWL</t>
  </si>
  <si>
    <t>DML P08 4575K</t>
  </si>
  <si>
    <t>5702329466097</t>
  </si>
  <si>
    <t>VELUX Verd.-Rollo el. DML P08 4575K</t>
  </si>
  <si>
    <t>DML P08 4575KWL</t>
  </si>
  <si>
    <t>5702329474412</t>
  </si>
  <si>
    <t>VELUX Verd.-Rollo el. DML P08 4575KWL</t>
  </si>
  <si>
    <t>DML P08 4576KWL</t>
  </si>
  <si>
    <t>5702329474429</t>
  </si>
  <si>
    <t>VELUX Verd.-Rollo el. DML P08 4576KWL</t>
  </si>
  <si>
    <t>DML P08 4577K</t>
  </si>
  <si>
    <t>5702329466110</t>
  </si>
  <si>
    <t>VELUX Verd.-Rollo el. DML P08 4577K</t>
  </si>
  <si>
    <t>DML P08 4577KWL</t>
  </si>
  <si>
    <t>5702329474436</t>
  </si>
  <si>
    <t>VELUX Verd.-Rollo el. DML P08 4577KWL</t>
  </si>
  <si>
    <t>DML P08 4578K</t>
  </si>
  <si>
    <t>5702329466127</t>
  </si>
  <si>
    <t>VELUX Verd.-Rollo el. DML P08 4578K</t>
  </si>
  <si>
    <t>DML P08 4578KWL</t>
  </si>
  <si>
    <t>5702329474443</t>
  </si>
  <si>
    <t>VELUX Verd.-Rollo el. DML P08 4578KWL</t>
  </si>
  <si>
    <t>DML P08 4579K</t>
  </si>
  <si>
    <t>5702329466134</t>
  </si>
  <si>
    <t>VELUX Verd.-Rollo el. DML P08 4579K</t>
  </si>
  <si>
    <t>DML P08 4580K</t>
  </si>
  <si>
    <t>5702329466141</t>
  </si>
  <si>
    <t>VELUX Verd.-Rollo el. DML P08 4580K</t>
  </si>
  <si>
    <t>DML P08 4580KWL</t>
  </si>
  <si>
    <t>5702329474467</t>
  </si>
  <si>
    <t>VELUX Verd.-Rollo el. DML P08 4580KWL</t>
  </si>
  <si>
    <t>DML P08 8801K</t>
  </si>
  <si>
    <t>5702329466165</t>
  </si>
  <si>
    <t>VELUX Verd.-Rollo el. DML P08 8801K</t>
  </si>
  <si>
    <t>DML P10 4559KWL</t>
  </si>
  <si>
    <t>5702329474559</t>
  </si>
  <si>
    <t>VELUX Verd.-Rollo el. DML P10 4559KWL</t>
  </si>
  <si>
    <t>DML P10 4564K</t>
  </si>
  <si>
    <t>5702329466257</t>
  </si>
  <si>
    <t>VELUX Verd.-Rollo el. DML P10 4564K</t>
  </si>
  <si>
    <t>DML P10 4564KWL</t>
  </si>
  <si>
    <t>5702329474566</t>
  </si>
  <si>
    <t>VELUX Verd.-Rollo el. DML P10 4564KWL</t>
  </si>
  <si>
    <t>DML P10 4576K</t>
  </si>
  <si>
    <t>5702329466288</t>
  </si>
  <si>
    <t>VELUX Verd.-Rollo el. DML P10 4576K</t>
  </si>
  <si>
    <t>DML P10 4577K</t>
  </si>
  <si>
    <t>5702329466295</t>
  </si>
  <si>
    <t>VELUX Verd.-Rollo el. DML P10 4577K</t>
  </si>
  <si>
    <t>DML P10 4578K</t>
  </si>
  <si>
    <t>5702329466301</t>
  </si>
  <si>
    <t>VELUX Verd.-Rollo el. DML P10 4578K</t>
  </si>
  <si>
    <t>DML P10 4578KWL</t>
  </si>
  <si>
    <t>5702329474610</t>
  </si>
  <si>
    <t>VELUX Verd.-Rollo el. DML P10 4578KWL</t>
  </si>
  <si>
    <t>DML P10 4579KWL</t>
  </si>
  <si>
    <t>5702329474627</t>
  </si>
  <si>
    <t>VELUX Verd.-Rollo el. DML P10 4579KWL</t>
  </si>
  <si>
    <t>DML P10 4581KWL</t>
  </si>
  <si>
    <t>5702329474641</t>
  </si>
  <si>
    <t>VELUX Verd.-Rollo el. DML P10 4581KWL</t>
  </si>
  <si>
    <t>DML PK08 4559KWL</t>
  </si>
  <si>
    <t>5702329475235</t>
  </si>
  <si>
    <t>VELUX Verd.-Rollo el. DML PK08 4559KWL</t>
  </si>
  <si>
    <t>DML PK08 4564KWL</t>
  </si>
  <si>
    <t>5702329475242</t>
  </si>
  <si>
    <t>VELUX Verd.-Rollo el. DML PK08 4564KWL</t>
  </si>
  <si>
    <t>DML PK08 4575K</t>
  </si>
  <si>
    <t>5702329466981</t>
  </si>
  <si>
    <t>VELUX Verd.-Rollo el. DML PK08 4575K</t>
  </si>
  <si>
    <t>DML PK10 4564K</t>
  </si>
  <si>
    <t>5702329467148</t>
  </si>
  <si>
    <t>VELUX Verd.-Rollo el. DML PK10 4564K</t>
  </si>
  <si>
    <t>DML PK10 4578K</t>
  </si>
  <si>
    <t>5702329467193</t>
  </si>
  <si>
    <t>VELUX Verd.-Rollo el. DML PK10 4578K</t>
  </si>
  <si>
    <t>DML S06 4564KWL</t>
  </si>
  <si>
    <t>5702329475921</t>
  </si>
  <si>
    <t>VELUX Verd.-Rollo el. DML S06 4564KWL</t>
  </si>
  <si>
    <t>DML S06 4577KWL</t>
  </si>
  <si>
    <t>5702329475969</t>
  </si>
  <si>
    <t>VELUX Verd.-Rollo el. DML S06 4577KWL</t>
  </si>
  <si>
    <t>DML S06 4581KWL</t>
  </si>
  <si>
    <t>5702329476003</t>
  </si>
  <si>
    <t>VELUX Verd.-Rollo el. DML S06 4581KWL</t>
  </si>
  <si>
    <t>DML S08 4559K</t>
  </si>
  <si>
    <t>5702329467841</t>
  </si>
  <si>
    <t>VELUX Verd.-Rollo el. DML S08 4559K</t>
  </si>
  <si>
    <t>DML S08 4559KWL</t>
  </si>
  <si>
    <t>5702329476089</t>
  </si>
  <si>
    <t>VELUX Verd.-Rollo el. DML S08 4559KWL</t>
  </si>
  <si>
    <t>DML S08 4564K</t>
  </si>
  <si>
    <t>5702329467858</t>
  </si>
  <si>
    <t>VELUX Verd.-Rollo el. DML S08 4564K</t>
  </si>
  <si>
    <t>DML S08 4564KWL</t>
  </si>
  <si>
    <t>5702329476096</t>
  </si>
  <si>
    <t>VELUX Verd.-Rollo el. DML S08 4564KWL</t>
  </si>
  <si>
    <t>DML S08 4575KWL</t>
  </si>
  <si>
    <t>5702329476119</t>
  </si>
  <si>
    <t>VELUX Verd.-Rollo el. DML S08 4575KWL</t>
  </si>
  <si>
    <t>DML S08 4578KWL</t>
  </si>
  <si>
    <t>5702329476140</t>
  </si>
  <si>
    <t>VELUX Verd.-Rollo el. DML S08 4578KWL</t>
  </si>
  <si>
    <t>DML S08 4579KWL</t>
  </si>
  <si>
    <t>5702329476157</t>
  </si>
  <si>
    <t>VELUX Verd.-Rollo el. DML S08 4579KWL</t>
  </si>
  <si>
    <t>DML S08 4581K</t>
  </si>
  <si>
    <t>5702329467933</t>
  </si>
  <si>
    <t>VELUX Verd.-Rollo el. DML S08 4581K</t>
  </si>
  <si>
    <t>DML S08 8801K</t>
  </si>
  <si>
    <t>5702329467940</t>
  </si>
  <si>
    <t>VELUX Verd.-Rollo el. DML S08 8801K</t>
  </si>
  <si>
    <t>DML S10 1085KWL</t>
  </si>
  <si>
    <t>5702329476218</t>
  </si>
  <si>
    <t>VELUX Verd.-Rollo el. DML S10 1085KWL</t>
  </si>
  <si>
    <t>DML S10 1100KWL</t>
  </si>
  <si>
    <t>5702329476225</t>
  </si>
  <si>
    <t>VELUX Verd.-Rollo el. DML S10 1100KWL</t>
  </si>
  <si>
    <t>DML S10 3009KWL</t>
  </si>
  <si>
    <t>5702329476232</t>
  </si>
  <si>
    <t>VELUX Verd.-Rollo el. DML S10 3009KWL</t>
  </si>
  <si>
    <t>DML S10 4556K</t>
  </si>
  <si>
    <t>5702329468015</t>
  </si>
  <si>
    <t>VELUX Verd.-Rollo el. DML S10 4556K</t>
  </si>
  <si>
    <t>DML S10 4556KWL</t>
  </si>
  <si>
    <t>5702329476249</t>
  </si>
  <si>
    <t>VELUX Verd.-Rollo el. DML S10 4556KWL</t>
  </si>
  <si>
    <t>DML S10 4559K</t>
  </si>
  <si>
    <t>5702329468022</t>
  </si>
  <si>
    <t>VELUX Verd.-Rollo el. DML S10 4559K</t>
  </si>
  <si>
    <t>DML S10 4559KWL</t>
  </si>
  <si>
    <t>5702329476256</t>
  </si>
  <si>
    <t>VELUX Verd.-Rollo el. DML S10 4559KWL</t>
  </si>
  <si>
    <t>DML S10 4564K</t>
  </si>
  <si>
    <t>5702329468039</t>
  </si>
  <si>
    <t>VELUX Verd.-Rollo el. DML S10 4564K</t>
  </si>
  <si>
    <t>DML S10 4564KWL</t>
  </si>
  <si>
    <t>5702329476263</t>
  </si>
  <si>
    <t>VELUX Verd.-Rollo el. DML S10 4564KWL</t>
  </si>
  <si>
    <t>DML S10 4574K</t>
  </si>
  <si>
    <t>5702329468046</t>
  </si>
  <si>
    <t>VELUX Verd.-Rollo el. DML S10 4574K</t>
  </si>
  <si>
    <t>DML S10 4574KWL</t>
  </si>
  <si>
    <t>5702329476270</t>
  </si>
  <si>
    <t>VELUX Verd.-Rollo el. DML S10 4574KWL</t>
  </si>
  <si>
    <t>DML S10 4575K</t>
  </si>
  <si>
    <t>5702329468053</t>
  </si>
  <si>
    <t>VELUX Verd.-Rollo el. DML S10 4575K</t>
  </si>
  <si>
    <t>DML S10 4575KWL</t>
  </si>
  <si>
    <t>5702329476287</t>
  </si>
  <si>
    <t>VELUX Verd.-Rollo el. DML S10 4575KWL</t>
  </si>
  <si>
    <t>DML S10 4576K</t>
  </si>
  <si>
    <t>5702329468060</t>
  </si>
  <si>
    <t>VELUX Verd.-Rollo el. DML S10 4576K</t>
  </si>
  <si>
    <t>DML S10 4576KWL</t>
  </si>
  <si>
    <t>5702329476294</t>
  </si>
  <si>
    <t>VELUX Verd.-Rollo el. DML S10 4576KWL</t>
  </si>
  <si>
    <t>DML S10 4577K</t>
  </si>
  <si>
    <t>5702329468077</t>
  </si>
  <si>
    <t>VELUX Verd.-Rollo el. DML S10 4577K</t>
  </si>
  <si>
    <t>DML S10 4577KWL</t>
  </si>
  <si>
    <t>5702329476300</t>
  </si>
  <si>
    <t>VELUX Verd.-Rollo el. DML S10 4577KWL</t>
  </si>
  <si>
    <t>DML S10 4578K</t>
  </si>
  <si>
    <t>5702329468084</t>
  </si>
  <si>
    <t>VELUX Verd.-Rollo el. DML S10 4578K</t>
  </si>
  <si>
    <t>DML S10 4578KWL</t>
  </si>
  <si>
    <t>5702329476317</t>
  </si>
  <si>
    <t>VELUX Verd.-Rollo el. DML S10 4578KWL</t>
  </si>
  <si>
    <t>DML S10 4579K</t>
  </si>
  <si>
    <t>5702329468091</t>
  </si>
  <si>
    <t>VELUX Verd.-Rollo el. DML S10 4579K</t>
  </si>
  <si>
    <t>DML S10 4579KWL</t>
  </si>
  <si>
    <t>5702329476324</t>
  </si>
  <si>
    <t>VELUX Verd.-Rollo el. DML S10 4579KWL</t>
  </si>
  <si>
    <t>DML S10 4580K</t>
  </si>
  <si>
    <t>5702329468107</t>
  </si>
  <si>
    <t>VELUX Verd.-Rollo el. DML S10 4580K</t>
  </si>
  <si>
    <t>DML S10 4580KWL</t>
  </si>
  <si>
    <t>5702329476331</t>
  </si>
  <si>
    <t>VELUX Verd.-Rollo el. DML S10 4580KWL</t>
  </si>
  <si>
    <t>DML S10 4581KWL</t>
  </si>
  <si>
    <t>5702329476348</t>
  </si>
  <si>
    <t>VELUX Verd.-Rollo el. DML S10 4581KWL</t>
  </si>
  <si>
    <t>DML SK08 4575K</t>
  </si>
  <si>
    <t>5702329468589</t>
  </si>
  <si>
    <t>VELUX Verd.-Rollo el. DML SK08 4575K</t>
  </si>
  <si>
    <t>DML SK10 4559K</t>
  </si>
  <si>
    <t>5702329468732</t>
  </si>
  <si>
    <t>VELUX Verd.-Rollo el. DML SK10 4559K</t>
  </si>
  <si>
    <t>DML SK10 4559KWL</t>
  </si>
  <si>
    <t>5702329476935</t>
  </si>
  <si>
    <t>VELUX Verd.-Rollo el. DML SK10 4559KWL</t>
  </si>
  <si>
    <t>DML SK10 4574K</t>
  </si>
  <si>
    <t>5702329468756</t>
  </si>
  <si>
    <t>VELUX Verd.-Rollo el. DML SK10 4574K</t>
  </si>
  <si>
    <t>DML SK10 4575K</t>
  </si>
  <si>
    <t>5702329468763</t>
  </si>
  <si>
    <t>VELUX Verd.-Rollo el. DML SK10 4575K</t>
  </si>
  <si>
    <t>DML SK10 4577K</t>
  </si>
  <si>
    <t>5702329468787</t>
  </si>
  <si>
    <t>VELUX Verd.-Rollo el. DML SK10 4577K</t>
  </si>
  <si>
    <t>DML SK10 4579K</t>
  </si>
  <si>
    <t>5702329468800</t>
  </si>
  <si>
    <t>VELUX Verd.-Rollo el. DML SK10 4579K</t>
  </si>
  <si>
    <t>DML SK10 4579KWL</t>
  </si>
  <si>
    <t>5702329477000</t>
  </si>
  <si>
    <t>VELUX Verd.-Rollo el. DML SK10 4579KWL</t>
  </si>
  <si>
    <t>DML U04 4564KWL</t>
  </si>
  <si>
    <t>5702329477116</t>
  </si>
  <si>
    <t>VELUX Verd.-Rollo el. DML U04 4564KWL</t>
  </si>
  <si>
    <t>DML U04 4578KWL</t>
  </si>
  <si>
    <t>5702329477161</t>
  </si>
  <si>
    <t>VELUX Verd.-Rollo el. DML U04 4578KWL</t>
  </si>
  <si>
    <t>DML U04 4579K</t>
  </si>
  <si>
    <t>5702329468978</t>
  </si>
  <si>
    <t>VELUX Verd.-Rollo el. DML U04 4579K</t>
  </si>
  <si>
    <t>DML U04 4579KWL</t>
  </si>
  <si>
    <t>5702329477178</t>
  </si>
  <si>
    <t>VELUX Verd.-Rollo el. DML U04 4579KWL</t>
  </si>
  <si>
    <t>DML U08 4556KWL</t>
  </si>
  <si>
    <t>5702329477260</t>
  </si>
  <si>
    <t>VELUX Verd.-Rollo el. DML U08 4556KWL</t>
  </si>
  <si>
    <t>DML U08 4559K</t>
  </si>
  <si>
    <t>5702329469081</t>
  </si>
  <si>
    <t>VELUX Verd.-Rollo el. DML U08 4559K</t>
  </si>
  <si>
    <t>DML U08 4564KWL</t>
  </si>
  <si>
    <t>5702329477284</t>
  </si>
  <si>
    <t>VELUX Verd.-Rollo el. DML U08 4564KWL</t>
  </si>
  <si>
    <t>DML U08 4574KWL</t>
  </si>
  <si>
    <t>5702329477291</t>
  </si>
  <si>
    <t>VELUX Verd.-Rollo el. DML U08 4574KWL</t>
  </si>
  <si>
    <t>DML U08 4575K</t>
  </si>
  <si>
    <t>5702329469111</t>
  </si>
  <si>
    <t>VELUX Verd.-Rollo el. DML U08 4575K</t>
  </si>
  <si>
    <t>DML U08 4577KWL</t>
  </si>
  <si>
    <t>5702329477321</t>
  </si>
  <si>
    <t>VELUX Verd.-Rollo el. DML U08 4577KWL</t>
  </si>
  <si>
    <t>DML U08 4578KWL</t>
  </si>
  <si>
    <t>5702329477338</t>
  </si>
  <si>
    <t>VELUX Verd.-Rollo el. DML U08 4578KWL</t>
  </si>
  <si>
    <t>DML U08 4580K</t>
  </si>
  <si>
    <t>5702329469166</t>
  </si>
  <si>
    <t>VELUX Verd.-Rollo el. DML U08 4580K</t>
  </si>
  <si>
    <t>DML U08 8801K</t>
  </si>
  <si>
    <t>5702329469180</t>
  </si>
  <si>
    <t>VELUX Verd.-Rollo el. DML U08 8801K</t>
  </si>
  <si>
    <t>DML U10 1085KWL</t>
  </si>
  <si>
    <t>5702329477406</t>
  </si>
  <si>
    <t>VELUX Verd.-Rollo el. DML U10 1085KWL</t>
  </si>
  <si>
    <t>DML U10 1100KWL</t>
  </si>
  <si>
    <t>5702329477413</t>
  </si>
  <si>
    <t>VELUX Verd.-Rollo el. DML U10 1100KWL</t>
  </si>
  <si>
    <t>DML U10 4556K</t>
  </si>
  <si>
    <t>5702329469258</t>
  </si>
  <si>
    <t>VELUX Verd.-Rollo el. DML U10 4556K</t>
  </si>
  <si>
    <t>DML U10 4556KWL</t>
  </si>
  <si>
    <t>5702329477437</t>
  </si>
  <si>
    <t>VELUX Verd.-Rollo el. DML U10 4556KWL</t>
  </si>
  <si>
    <t>DML U10 4559K</t>
  </si>
  <si>
    <t>5702329469265</t>
  </si>
  <si>
    <t>VELUX Verd.-Rollo el. DML U10 4559K</t>
  </si>
  <si>
    <t>DML U10 4559KWL</t>
  </si>
  <si>
    <t>5702329477444</t>
  </si>
  <si>
    <t>VELUX Verd.-Rollo el. DML U10 4559KWL</t>
  </si>
  <si>
    <t>DML U10 4564K</t>
  </si>
  <si>
    <t>5702329469272</t>
  </si>
  <si>
    <t>VELUX Verd.-Rollo el. DML U10 4564K</t>
  </si>
  <si>
    <t>DML U10 4564KWL</t>
  </si>
  <si>
    <t>5702329477451</t>
  </si>
  <si>
    <t>VELUX Verd.-Rollo el. DML U10 4564KWL</t>
  </si>
  <si>
    <t>DML U10 4574KWL</t>
  </si>
  <si>
    <t>5702329477468</t>
  </si>
  <si>
    <t>VELUX Verd.-Rollo el. DML U10 4574KWL</t>
  </si>
  <si>
    <t>DML U10 4575K</t>
  </si>
  <si>
    <t>5702329469296</t>
  </si>
  <si>
    <t>VELUX Verd.-Rollo el. DML U10 4575K</t>
  </si>
  <si>
    <t>DML U10 4575KWL</t>
  </si>
  <si>
    <t>5702329477475</t>
  </si>
  <si>
    <t>VELUX Verd.-Rollo el. DML U10 4575KWL</t>
  </si>
  <si>
    <t>DML U10 4576KWL</t>
  </si>
  <si>
    <t>5702329477482</t>
  </si>
  <si>
    <t>VELUX Verd.-Rollo el. DML U10 4576KWL</t>
  </si>
  <si>
    <t>DML U10 4577K</t>
  </si>
  <si>
    <t>5702329469319</t>
  </si>
  <si>
    <t>VELUX Verd.-Rollo el. DML U10 4577K</t>
  </si>
  <si>
    <t>DML U10 4577KWL</t>
  </si>
  <si>
    <t>5702329477499</t>
  </si>
  <si>
    <t>VELUX Verd.-Rollo el. DML U10 4577KWL</t>
  </si>
  <si>
    <t>DML U10 4578K</t>
  </si>
  <si>
    <t>5702329469326</t>
  </si>
  <si>
    <t>VELUX Verd.-Rollo el. DML U10 4578K</t>
  </si>
  <si>
    <t>DML U10 4578KWL</t>
  </si>
  <si>
    <t>5702329477505</t>
  </si>
  <si>
    <t>VELUX Verd.-Rollo el. DML U10 4578KWL</t>
  </si>
  <si>
    <t>DML U10 4579KWL</t>
  </si>
  <si>
    <t>5702329477512</t>
  </si>
  <si>
    <t>VELUX Verd.-Rollo el. DML U10 4579KWL</t>
  </si>
  <si>
    <t>DML U10 4580K</t>
  </si>
  <si>
    <t>5702329469340</t>
  </si>
  <si>
    <t>VELUX Verd.-Rollo el. DML U10 4580K</t>
  </si>
  <si>
    <t>DML U10 4580KWL</t>
  </si>
  <si>
    <t>5702329477529</t>
  </si>
  <si>
    <t>VELUX Verd.-Rollo el. DML U10 4580KWL</t>
  </si>
  <si>
    <t>DML U10 4581K</t>
  </si>
  <si>
    <t>5702329469357</t>
  </si>
  <si>
    <t>VELUX Verd.-Rollo el. DML U10 4581K</t>
  </si>
  <si>
    <t>DML U10 4581KWL</t>
  </si>
  <si>
    <t>5702329477536</t>
  </si>
  <si>
    <t>VELUX Verd.-Rollo el. DML U10 4581KWL</t>
  </si>
  <si>
    <t>DML UK04 4564K</t>
  </si>
  <si>
    <t>5702329469449</t>
  </si>
  <si>
    <t>VELUX Verd.-Rollo el. DML UK04 4564K</t>
  </si>
  <si>
    <t>DML UK04 4578K</t>
  </si>
  <si>
    <t>5702329469494</t>
  </si>
  <si>
    <t>VELUX Verd.-Rollo el. DML UK04 4578K</t>
  </si>
  <si>
    <t>DML UK08 4559KWL</t>
  </si>
  <si>
    <t>5702329477789</t>
  </si>
  <si>
    <t>VELUX Verd.-Rollo el. DML UK08 4559KWL</t>
  </si>
  <si>
    <t>DML UK08 4578K</t>
  </si>
  <si>
    <t>5702329469678</t>
  </si>
  <si>
    <t>VELUX Verd.-Rollo el. DML UK08 4578K</t>
  </si>
  <si>
    <t>DML UK10 4559KWL</t>
  </si>
  <si>
    <t>5702329477956</t>
  </si>
  <si>
    <t>VELUX Verd.-Rollo el. DML UK10 4559KWL</t>
  </si>
  <si>
    <t>DML UK10 4564KWL</t>
  </si>
  <si>
    <t>5702329477963</t>
  </si>
  <si>
    <t>VELUX Verd.-Rollo el. DML UK10 4564KWL</t>
  </si>
  <si>
    <t>DML UK10 4575KWL</t>
  </si>
  <si>
    <t>5702329477987</t>
  </si>
  <si>
    <t>VELUX Verd.-Rollo el. DML UK10 4575KWL</t>
  </si>
  <si>
    <t>DML UK10 4577K</t>
  </si>
  <si>
    <t>5702329469845</t>
  </si>
  <si>
    <t>VELUX Verd.-Rollo el. DML UK10 4577K</t>
  </si>
  <si>
    <t>DML UK10 4578K</t>
  </si>
  <si>
    <t>5702329469852</t>
  </si>
  <si>
    <t>VELUX Verd.-Rollo el. DML UK10 4578K</t>
  </si>
  <si>
    <t>DML UK10 4578KWL</t>
  </si>
  <si>
    <t>5702329478014</t>
  </si>
  <si>
    <t>VELUX Verd.-Rollo el. DML UK10 4578KWL</t>
  </si>
  <si>
    <t>DML UK10 4579K</t>
  </si>
  <si>
    <t>5702329469869</t>
  </si>
  <si>
    <t>VELUX Verd.-Rollo el. DML UK10 4579K</t>
  </si>
  <si>
    <t>DML UK10 4579KWL</t>
  </si>
  <si>
    <t>5702329478021</t>
  </si>
  <si>
    <t>VELUX Verd.-Rollo el. DML UK10 4579KWL</t>
  </si>
  <si>
    <t>DSL C06 4559K</t>
  </si>
  <si>
    <t>5702329479547</t>
  </si>
  <si>
    <t>VELUX Verd.-Rollo solar DSL C06 4559K</t>
  </si>
  <si>
    <t>DSL C06 4559KWL</t>
  </si>
  <si>
    <t>5702329489539</t>
  </si>
  <si>
    <t>VELUX Verd.-Rollo solar DSL C06 4559KWL</t>
  </si>
  <si>
    <t>DSL C06 4564K</t>
  </si>
  <si>
    <t>5702329479554</t>
  </si>
  <si>
    <t>VELUX Verd.-Rollo solar DSL C06 4564K</t>
  </si>
  <si>
    <t>DSL C06 4564KWL</t>
  </si>
  <si>
    <t>5702329489546</t>
  </si>
  <si>
    <t>VELUX Verd.-Rollo solar DSL C06 4564KWL</t>
  </si>
  <si>
    <t>DSL C06 4575K</t>
  </si>
  <si>
    <t>5702329479578</t>
  </si>
  <si>
    <t>VELUX Verd.-Rollo solar DSL C06 4575K</t>
  </si>
  <si>
    <t>DSL C06 4575KWL</t>
  </si>
  <si>
    <t>5702329489560</t>
  </si>
  <si>
    <t>VELUX Verd.-Rollo solar DSL C06 4575KWL</t>
  </si>
  <si>
    <t>DSL C06 4576K</t>
  </si>
  <si>
    <t>5702329479585</t>
  </si>
  <si>
    <t>VELUX Verd.-Rollo solar DSL C06 4576K</t>
  </si>
  <si>
    <t>DSL C06 4576KWL</t>
  </si>
  <si>
    <t>5702329489577</t>
  </si>
  <si>
    <t>VELUX Verd.-Rollo solar DSL C06 4576KWL</t>
  </si>
  <si>
    <t>DSL C06 4577K</t>
  </si>
  <si>
    <t>5702329479592</t>
  </si>
  <si>
    <t>VELUX Verd.-Rollo solar DSL C06 4577K</t>
  </si>
  <si>
    <t>DSL C06 4579K</t>
  </si>
  <si>
    <t>5702329479615</t>
  </si>
  <si>
    <t>VELUX Verd.-Rollo solar DSL C06 4579K</t>
  </si>
  <si>
    <t>DSL C06 4579KWL</t>
  </si>
  <si>
    <t>5702329489607</t>
  </si>
  <si>
    <t>VELUX Verd.-Rollo solar DSL C06 4579KWL</t>
  </si>
  <si>
    <t>DSL F04 4559K</t>
  </si>
  <si>
    <t>5702329480390</t>
  </si>
  <si>
    <t>VELUX Verd.-Rollo solar DSL F04 4559K</t>
  </si>
  <si>
    <t>DSL F04 4564K</t>
  </si>
  <si>
    <t>5702329480406</t>
  </si>
  <si>
    <t>VELUX Verd.-Rollo solar DSL F04 4564K</t>
  </si>
  <si>
    <t>DSL F04 4564KWL</t>
  </si>
  <si>
    <t>5702329490399</t>
  </si>
  <si>
    <t>VELUX Verd.-Rollo solar DSL F04 4564KWL</t>
  </si>
  <si>
    <t>DSL F04 4574K</t>
  </si>
  <si>
    <t>5702329480413</t>
  </si>
  <si>
    <t>VELUX Verd.-Rollo solar DSL F04 4574K</t>
  </si>
  <si>
    <t>DSL F04 4574KWL</t>
  </si>
  <si>
    <t>5702329490405</t>
  </si>
  <si>
    <t>VELUX Verd.-Rollo solar DSL F04 4574KWL</t>
  </si>
  <si>
    <t>DSL F04 4575K</t>
  </si>
  <si>
    <t>5702329480420</t>
  </si>
  <si>
    <t>VELUX Verd.-Rollo solar DSL F04 4575K</t>
  </si>
  <si>
    <t>DSL F04 4578K</t>
  </si>
  <si>
    <t>5702329480451</t>
  </si>
  <si>
    <t>VELUX Verd.-Rollo solar DSL F04 4578K</t>
  </si>
  <si>
    <t>DSL F04 4579KWL</t>
  </si>
  <si>
    <t>5702329490450</t>
  </si>
  <si>
    <t>VELUX Verd.-Rollo solar DSL F04 4579KWL</t>
  </si>
  <si>
    <t>DSL F04 4580K</t>
  </si>
  <si>
    <t>5702329480475</t>
  </si>
  <si>
    <t>VELUX Verd.-Rollo solar DSL F04 4580K</t>
  </si>
  <si>
    <t>DSL F04 4580KWL</t>
  </si>
  <si>
    <t>5702329490467</t>
  </si>
  <si>
    <t>VELUX Verd.-Rollo solar DSL F04 4580KWL</t>
  </si>
  <si>
    <t>DSL F06 4559KWL</t>
  </si>
  <si>
    <t>5702329490559</t>
  </si>
  <si>
    <t>VELUX Verd.-Rollo solar DSL F06 4559KWL</t>
  </si>
  <si>
    <t>DSL F06 4578KWL</t>
  </si>
  <si>
    <t>5702329490610</t>
  </si>
  <si>
    <t>VELUX Verd.-Rollo solar DSL F06 4578KWL</t>
  </si>
  <si>
    <t>DSL F08 3009K</t>
  </si>
  <si>
    <t>5702329480710</t>
  </si>
  <si>
    <t>VELUX Verd.-Rollo solar DSL F08 3009K</t>
  </si>
  <si>
    <t>DSL F08 4559K</t>
  </si>
  <si>
    <t>5702329480734</t>
  </si>
  <si>
    <t>VELUX Verd.-Rollo solar DSL F08 4559K</t>
  </si>
  <si>
    <t>DSL F08 4559KWL</t>
  </si>
  <si>
    <t>5702329490726</t>
  </si>
  <si>
    <t>VELUX Verd.-Rollo solar DSL F08 4559KWL</t>
  </si>
  <si>
    <t>DSL F08 4564K</t>
  </si>
  <si>
    <t>5702329480741</t>
  </si>
  <si>
    <t>VELUX Verd.-Rollo solar DSL F08 4564K</t>
  </si>
  <si>
    <t>DSL F08 4564KWL</t>
  </si>
  <si>
    <t>5702329490733</t>
  </si>
  <si>
    <t>VELUX Verd.-Rollo solar DSL F08 4564KWL</t>
  </si>
  <si>
    <t>DSL F08 4574K</t>
  </si>
  <si>
    <t>5702329480758</t>
  </si>
  <si>
    <t>VELUX Verd.-Rollo solar DSL F08 4574K</t>
  </si>
  <si>
    <t>DSL F08 4574KWL</t>
  </si>
  <si>
    <t>5702329490740</t>
  </si>
  <si>
    <t>VELUX Verd.-Rollo solar DSL F08 4574KWL</t>
  </si>
  <si>
    <t>DSL F08 4575K</t>
  </si>
  <si>
    <t>5702329480765</t>
  </si>
  <si>
    <t>VELUX Verd.-Rollo solar DSL F08 4575K</t>
  </si>
  <si>
    <t>DSL F08 4575KWL</t>
  </si>
  <si>
    <t>5702329490757</t>
  </si>
  <si>
    <t>VELUX Verd.-Rollo solar DSL F08 4575KWL</t>
  </si>
  <si>
    <t>DSL F08 4576K</t>
  </si>
  <si>
    <t>5702329480772</t>
  </si>
  <si>
    <t>VELUX Verd.-Rollo solar DSL F08 4576K</t>
  </si>
  <si>
    <t>DSL F08 4577KWL</t>
  </si>
  <si>
    <t>5702329490771</t>
  </si>
  <si>
    <t>VELUX Verd.-Rollo solar DSL F08 4577KWL</t>
  </si>
  <si>
    <t>DSL F08 4578K</t>
  </si>
  <si>
    <t>5702329480796</t>
  </si>
  <si>
    <t>VELUX Verd.-Rollo solar DSL F08 4578K</t>
  </si>
  <si>
    <t>DSL F08 4578KWL</t>
  </si>
  <si>
    <t>5702329490788</t>
  </si>
  <si>
    <t>VELUX Verd.-Rollo solar DSL F08 4578KWL</t>
  </si>
  <si>
    <t>DSL F08 4579KWL</t>
  </si>
  <si>
    <t>5702329490795</t>
  </si>
  <si>
    <t>VELUX Verd.-Rollo solar DSL F08 4579KWL</t>
  </si>
  <si>
    <t>DSL F08 4580K</t>
  </si>
  <si>
    <t>5702329480819</t>
  </si>
  <si>
    <t>VELUX Verd.-Rollo solar DSL F08 4580K</t>
  </si>
  <si>
    <t>DSL FK04 4559KWL</t>
  </si>
  <si>
    <t>5702329490894</t>
  </si>
  <si>
    <t>VELUX Verd.-Rollo solar DSL FK04 4559KWL</t>
  </si>
  <si>
    <t>DSL FK04 4578K</t>
  </si>
  <si>
    <t>5702329480963</t>
  </si>
  <si>
    <t>VELUX Verd.-Rollo solar DSL FK04 4578K</t>
  </si>
  <si>
    <t>DSL M10 4564KWL</t>
  </si>
  <si>
    <t>5702329491921</t>
  </si>
  <si>
    <t>VELUX Verd.-Rollo solar DSL M10 4564KWL</t>
  </si>
  <si>
    <t>DSL M10 4575K</t>
  </si>
  <si>
    <t>5702329481953</t>
  </si>
  <si>
    <t>VELUX Verd.-Rollo solar DSL M10 4575K</t>
  </si>
  <si>
    <t>DSL M10 4575KWL</t>
  </si>
  <si>
    <t>5702329491945</t>
  </si>
  <si>
    <t>VELUX Verd.-Rollo solar DSL M10 4575KWL</t>
  </si>
  <si>
    <t>DSL M10 4577K</t>
  </si>
  <si>
    <t>5702329481977</t>
  </si>
  <si>
    <t>VELUX Verd.-Rollo solar DSL M10 4577K</t>
  </si>
  <si>
    <t>DSL M10 4578K</t>
  </si>
  <si>
    <t>5702329481984</t>
  </si>
  <si>
    <t>VELUX Verd.-Rollo solar DSL M10 4578K</t>
  </si>
  <si>
    <t>DSL M10 4579KWL</t>
  </si>
  <si>
    <t>5702329491983</t>
  </si>
  <si>
    <t>VELUX Verd.-Rollo solar DSL M10 4579KWL</t>
  </si>
  <si>
    <t>DSL M31 3009K</t>
  </si>
  <si>
    <t>5702329482240</t>
  </si>
  <si>
    <t>VELUX Verd.-Rollo solar DSL M31 3009K</t>
  </si>
  <si>
    <t>DSL M31 3009KWL</t>
  </si>
  <si>
    <t>5702329492232</t>
  </si>
  <si>
    <t>VELUX Verd.-Rollo solar DSL M31 3009KWL</t>
  </si>
  <si>
    <t>DSL M31 4559KWL</t>
  </si>
  <si>
    <t>5702329492256</t>
  </si>
  <si>
    <t>VELUX Verd.-Rollo solar DSL M31 4559KWL</t>
  </si>
  <si>
    <t>DSL M31 4564K</t>
  </si>
  <si>
    <t>5702329482271</t>
  </si>
  <si>
    <t>VELUX Verd.-Rollo solar DSL M31 4564K</t>
  </si>
  <si>
    <t>DSL M31 4564KWL</t>
  </si>
  <si>
    <t>5702329492263</t>
  </si>
  <si>
    <t>VELUX Verd.-Rollo solar DSL M31 4564KWL</t>
  </si>
  <si>
    <t>DSL M31 4574KWL</t>
  </si>
  <si>
    <t>5702329492270</t>
  </si>
  <si>
    <t>VELUX Verd.-Rollo solar DSL M31 4574KWL</t>
  </si>
  <si>
    <t>DSL M31 4575K</t>
  </si>
  <si>
    <t>5702329482295</t>
  </si>
  <si>
    <t>VELUX Verd.-Rollo solar DSL M31 4575K</t>
  </si>
  <si>
    <t>DSL M31 4575KWL</t>
  </si>
  <si>
    <t>5702329492287</t>
  </si>
  <si>
    <t>VELUX Verd.-Rollo solar DSL M31 4575KWL</t>
  </si>
  <si>
    <t>DSL M31 4576K</t>
  </si>
  <si>
    <t>5702329482301</t>
  </si>
  <si>
    <t>VELUX Verd.-Rollo solar DSL M31 4576K</t>
  </si>
  <si>
    <t>DSL M31 4577K</t>
  </si>
  <si>
    <t>5702329482318</t>
  </si>
  <si>
    <t>VELUX Verd.-Rollo solar DSL M31 4577K</t>
  </si>
  <si>
    <t>DSL M31 4577KWL</t>
  </si>
  <si>
    <t>5702329492300</t>
  </si>
  <si>
    <t>VELUX Verd.-Rollo solar DSL M31 4577KWL</t>
  </si>
  <si>
    <t>DSL M31 4578K</t>
  </si>
  <si>
    <t>5702329482325</t>
  </si>
  <si>
    <t>VELUX Verd.-Rollo solar DSL M31 4578K</t>
  </si>
  <si>
    <t>DSL M31 4578KWL</t>
  </si>
  <si>
    <t>5702329492317</t>
  </si>
  <si>
    <t>VELUX Verd.-Rollo solar DSL M31 4578KWL</t>
  </si>
  <si>
    <t>DSL M31 4579K</t>
  </si>
  <si>
    <t>5702329482332</t>
  </si>
  <si>
    <t>VELUX Verd.-Rollo solar DSL M31 4579K</t>
  </si>
  <si>
    <t>DSL M31 4579KWL</t>
  </si>
  <si>
    <t>5702329492324</t>
  </si>
  <si>
    <t>VELUX Verd.-Rollo solar DSL M31 4579KWL</t>
  </si>
  <si>
    <t>DSL M31 4580K</t>
  </si>
  <si>
    <t>5702329482349</t>
  </si>
  <si>
    <t>VELUX Verd.-Rollo solar DSL M31 4580K</t>
  </si>
  <si>
    <t>DSL M31 4580KWL</t>
  </si>
  <si>
    <t>5702329492331</t>
  </si>
  <si>
    <t>VELUX Verd.-Rollo solar DSL M31 4580KWL</t>
  </si>
  <si>
    <t>DSL M31 4581K</t>
  </si>
  <si>
    <t>5702329482356</t>
  </si>
  <si>
    <t>VELUX Verd.-Rollo solar DSL M31 4581K</t>
  </si>
  <si>
    <t>DSL M31 4581KWL</t>
  </si>
  <si>
    <t>5702329492348</t>
  </si>
  <si>
    <t>VELUX Verd.-Rollo solar DSL M31 4581KWL</t>
  </si>
  <si>
    <t>DSL MK10 4578K</t>
  </si>
  <si>
    <t>5702329483162</t>
  </si>
  <si>
    <t>VELUX Verd.-Rollo solar DSL MK10 4578K</t>
  </si>
  <si>
    <t>DSL MK12 4556K</t>
  </si>
  <si>
    <t>5702329483261</t>
  </si>
  <si>
    <t>VELUX Verd.-Rollo solar DSL MK12 4556K</t>
  </si>
  <si>
    <t>DSL MK12 4559KWL</t>
  </si>
  <si>
    <t>5702329493109</t>
  </si>
  <si>
    <t>VELUX Verd.-Rollo solar DSL MK12 4559KWL</t>
  </si>
  <si>
    <t>DSL MK12 4564KWL</t>
  </si>
  <si>
    <t>5702329493116</t>
  </si>
  <si>
    <t>VELUX Verd.-Rollo solar DSL MK12 4564KWL</t>
  </si>
  <si>
    <t>DSL MK12 4575K</t>
  </si>
  <si>
    <t>5702329483308</t>
  </si>
  <si>
    <t>VELUX Verd.-Rollo solar DSL MK12 4575K</t>
  </si>
  <si>
    <t>DSL MK12 4576K</t>
  </si>
  <si>
    <t>5702329483315</t>
  </si>
  <si>
    <t>VELUX Verd.-Rollo solar DSL MK12 4576K</t>
  </si>
  <si>
    <t>DSL MK12 4576KWL</t>
  </si>
  <si>
    <t>5702329493147</t>
  </si>
  <si>
    <t>VELUX Verd.-Rollo solar DSL MK12 4576KWL</t>
  </si>
  <si>
    <t>DSL MK12 4577K</t>
  </si>
  <si>
    <t>5702329483322</t>
  </si>
  <si>
    <t>VELUX Verd.-Rollo solar DSL MK12 4577K</t>
  </si>
  <si>
    <t>DSL MK12 4578KWL</t>
  </si>
  <si>
    <t>5702329493161</t>
  </si>
  <si>
    <t>VELUX Verd.-Rollo solar DSL MK12 4578KWL</t>
  </si>
  <si>
    <t>DSL P04 4575K</t>
  </si>
  <si>
    <t>5702329483476</t>
  </si>
  <si>
    <t>VELUX Verd.-Rollo solar DSL P04 4575K</t>
  </si>
  <si>
    <t>DSL P04 4578KWL</t>
  </si>
  <si>
    <t>5702329493338</t>
  </si>
  <si>
    <t>VELUX Verd.-Rollo solar DSL P04 4578KWL</t>
  </si>
  <si>
    <t>DSL P06 4559KWL</t>
  </si>
  <si>
    <t>5702329493444</t>
  </si>
  <si>
    <t>VELUX Verd.-Rollo solar DSL P06 4559KWL</t>
  </si>
  <si>
    <t>DSL P06 4575KWL</t>
  </si>
  <si>
    <t>5702329493475</t>
  </si>
  <si>
    <t>VELUX Verd.-Rollo solar DSL P06 4575KWL</t>
  </si>
  <si>
    <t>DSL P08 4559KWL</t>
  </si>
  <si>
    <t>5702329493611</t>
  </si>
  <si>
    <t>VELUX Verd.-Rollo solar DSL P08 4559KWL</t>
  </si>
  <si>
    <t>DSL P08 4578KWL</t>
  </si>
  <si>
    <t>5702329493673</t>
  </si>
  <si>
    <t>VELUX Verd.-Rollo solar DSL P08 4578KWL</t>
  </si>
  <si>
    <t>DSL P10 4575KWL</t>
  </si>
  <si>
    <t>5702329493819</t>
  </si>
  <si>
    <t>VELUX Verd.-Rollo solar DSL P10 4575KWL</t>
  </si>
  <si>
    <t>DSL P31 0705K</t>
  </si>
  <si>
    <t>5702329484237</t>
  </si>
  <si>
    <t>VELUX Verd.-Rollo solar DSL P31 0705K</t>
  </si>
  <si>
    <t>DSL P31 1100K</t>
  </si>
  <si>
    <t>5702329484268</t>
  </si>
  <si>
    <t>VELUX Verd.-Rollo solar DSL P31 1100K</t>
  </si>
  <si>
    <t>DSL P31 3009K</t>
  </si>
  <si>
    <t>5702329484275</t>
  </si>
  <si>
    <t>VELUX Verd.-Rollo solar DSL P31 3009K</t>
  </si>
  <si>
    <t>DSL P31 3009KWL</t>
  </si>
  <si>
    <t>5702329494106</t>
  </si>
  <si>
    <t>VELUX Verd.-Rollo solar DSL P31 3009KWL</t>
  </si>
  <si>
    <t>DSL P31 4559K</t>
  </si>
  <si>
    <t>5702329484299</t>
  </si>
  <si>
    <t>VELUX Verd.-Rollo solar DSL P31 4559K</t>
  </si>
  <si>
    <t>DSL P31 4559KWL</t>
  </si>
  <si>
    <t>5702329494120</t>
  </si>
  <si>
    <t>VELUX Verd.-Rollo solar DSL P31 4559KWL</t>
  </si>
  <si>
    <t>DSL P31 4564K</t>
  </si>
  <si>
    <t>5702329484305</t>
  </si>
  <si>
    <t>VELUX Verd.-Rollo solar DSL P31 4564K</t>
  </si>
  <si>
    <t>DSL P31 4564KWL</t>
  </si>
  <si>
    <t>5702329494137</t>
  </si>
  <si>
    <t>VELUX Verd.-Rollo solar DSL P31 4564KWL</t>
  </si>
  <si>
    <t>DSL P31 4574KWL</t>
  </si>
  <si>
    <t>5702329494144</t>
  </si>
  <si>
    <t>VELUX Verd.-Rollo solar DSL P31 4574KWL</t>
  </si>
  <si>
    <t>DSL P31 4575K</t>
  </si>
  <si>
    <t>5702329484329</t>
  </si>
  <si>
    <t>VELUX Verd.-Rollo solar DSL P31 4575K</t>
  </si>
  <si>
    <t>DSL P31 4575KWL</t>
  </si>
  <si>
    <t>5702329494151</t>
  </si>
  <si>
    <t>VELUX Verd.-Rollo solar DSL P31 4575KWL</t>
  </si>
  <si>
    <t>DSL P31 4576K</t>
  </si>
  <si>
    <t>5702329484336</t>
  </si>
  <si>
    <t>VELUX Verd.-Rollo solar DSL P31 4576K</t>
  </si>
  <si>
    <t>DSL P31 4576KWL</t>
  </si>
  <si>
    <t>5702329494168</t>
  </si>
  <si>
    <t>VELUX Verd.-Rollo solar DSL P31 4576KWL</t>
  </si>
  <si>
    <t>DSL P31 4577K</t>
  </si>
  <si>
    <t>5702329484343</t>
  </si>
  <si>
    <t>VELUX Verd.-Rollo solar DSL P31 4577K</t>
  </si>
  <si>
    <t>DSL P31 4577KWL</t>
  </si>
  <si>
    <t>5702329494175</t>
  </si>
  <si>
    <t>VELUX Verd.-Rollo solar DSL P31 4577KWL</t>
  </si>
  <si>
    <t>DSL P31 4578K</t>
  </si>
  <si>
    <t>5702329484350</t>
  </si>
  <si>
    <t>VELUX Verd.-Rollo solar DSL P31 4578K</t>
  </si>
  <si>
    <t>DSL P31 4578KWL</t>
  </si>
  <si>
    <t>5702329494182</t>
  </si>
  <si>
    <t>VELUX Verd.-Rollo solar DSL P31 4578KWL</t>
  </si>
  <si>
    <t>DSL P31 4579K</t>
  </si>
  <si>
    <t>5702329484367</t>
  </si>
  <si>
    <t>VELUX Verd.-Rollo solar DSL P31 4579K</t>
  </si>
  <si>
    <t>DSL P31 4579KWL</t>
  </si>
  <si>
    <t>5702329494199</t>
  </si>
  <si>
    <t>VELUX Verd.-Rollo solar DSL P31 4579KWL</t>
  </si>
  <si>
    <t>DSL P31 4580K</t>
  </si>
  <si>
    <t>5702329484374</t>
  </si>
  <si>
    <t>VELUX Verd.-Rollo solar DSL P31 4580K</t>
  </si>
  <si>
    <t>DSL P31 4580KWL</t>
  </si>
  <si>
    <t>5702329494205</t>
  </si>
  <si>
    <t>VELUX Verd.-Rollo solar DSL P31 4580KWL</t>
  </si>
  <si>
    <t>DSL P31 4581K</t>
  </si>
  <si>
    <t>5702329484381</t>
  </si>
  <si>
    <t>VELUX Verd.-Rollo solar DSL P31 4581K</t>
  </si>
  <si>
    <t>DSL S04 4559K</t>
  </si>
  <si>
    <t>5702329485647</t>
  </si>
  <si>
    <t>VELUX Verd.-Rollo solar DSL S04 4559K</t>
  </si>
  <si>
    <t>DSL S04 4575KWL</t>
  </si>
  <si>
    <t>5702329495387</t>
  </si>
  <si>
    <t>VELUX Verd.-Rollo solar DSL S04 4575KWL</t>
  </si>
  <si>
    <t>DSL S04 4578K</t>
  </si>
  <si>
    <t>5702329485708</t>
  </si>
  <si>
    <t>VELUX Verd.-Rollo solar DSL S04 4578K</t>
  </si>
  <si>
    <t>DSL S10 4559KWL</t>
  </si>
  <si>
    <t>5702329495936</t>
  </si>
  <si>
    <t>VELUX Verd.-Rollo solar DSL S10 4559KWL</t>
  </si>
  <si>
    <t>DSL S10 4564K</t>
  </si>
  <si>
    <t>5702329486163</t>
  </si>
  <si>
    <t>VELUX Verd.-Rollo solar DSL S10 4564K</t>
  </si>
  <si>
    <t>DSL S10 4564KWL</t>
  </si>
  <si>
    <t>5702329495943</t>
  </si>
  <si>
    <t>VELUX Verd.-Rollo solar DSL S10 4564KWL</t>
  </si>
  <si>
    <t>DSL S10 4574KWL</t>
  </si>
  <si>
    <t>5702329495950</t>
  </si>
  <si>
    <t>VELUX Verd.-Rollo solar DSL S10 4574KWL</t>
  </si>
  <si>
    <t>DSL S10 4575K</t>
  </si>
  <si>
    <t>5702329486187</t>
  </si>
  <si>
    <t>VELUX Verd.-Rollo solar DSL S10 4575K</t>
  </si>
  <si>
    <t>DSL S10 4575KWL</t>
  </si>
  <si>
    <t>5702329495967</t>
  </si>
  <si>
    <t>VELUX Verd.-Rollo solar DSL S10 4575KWL</t>
  </si>
  <si>
    <t>DSL S10 4576KWL</t>
  </si>
  <si>
    <t>5702329495974</t>
  </si>
  <si>
    <t>VELUX Verd.-Rollo solar DSL S10 4576KWL</t>
  </si>
  <si>
    <t>DSL S10 4577K</t>
  </si>
  <si>
    <t>5702329486200</t>
  </si>
  <si>
    <t>VELUX Verd.-Rollo solar DSL S10 4577K</t>
  </si>
  <si>
    <t>DSL S10 4579KWL</t>
  </si>
  <si>
    <t>5702329496001</t>
  </si>
  <si>
    <t>VELUX Verd.-Rollo solar DSL S10 4579KWL</t>
  </si>
  <si>
    <t>DSL S31 1085KWL</t>
  </si>
  <si>
    <t>5702329496063</t>
  </si>
  <si>
    <t>VELUX Verd.-Rollo solar DSL S31 1085KWL</t>
  </si>
  <si>
    <t>DSL S31 1100KWL</t>
  </si>
  <si>
    <t>5702329496070</t>
  </si>
  <si>
    <t>VELUX Verd.-Rollo solar DSL S31 1100KWL</t>
  </si>
  <si>
    <t>DSL S31 3009K</t>
  </si>
  <si>
    <t>5702329486309</t>
  </si>
  <si>
    <t>VELUX Verd.-Rollo solar DSL S31 3009K</t>
  </si>
  <si>
    <t>DSL S31 4556KWL</t>
  </si>
  <si>
    <t>5702329496094</t>
  </si>
  <si>
    <t>VELUX Verd.-Rollo solar DSL S31 4556KWL</t>
  </si>
  <si>
    <t>DSL S31 4559K</t>
  </si>
  <si>
    <t>5702329486323</t>
  </si>
  <si>
    <t>VELUX Verd.-Rollo solar DSL S31 4559K</t>
  </si>
  <si>
    <t>DSL S31 4559KWL</t>
  </si>
  <si>
    <t>5702329496100</t>
  </si>
  <si>
    <t>VELUX Verd.-Rollo solar DSL S31 4559KWL</t>
  </si>
  <si>
    <t>DSL S31 4564K</t>
  </si>
  <si>
    <t>5702329486330</t>
  </si>
  <si>
    <t>VELUX Verd.-Rollo solar DSL S31 4564K</t>
  </si>
  <si>
    <t>DSL S31 4564KWL</t>
  </si>
  <si>
    <t>5702329496117</t>
  </si>
  <si>
    <t>VELUX Verd.-Rollo solar DSL S31 4564KWL</t>
  </si>
  <si>
    <t>DSL S31 4574K</t>
  </si>
  <si>
    <t>5702329486347</t>
  </si>
  <si>
    <t>VELUX Verd.-Rollo solar DSL S31 4574K</t>
  </si>
  <si>
    <t>DSL S31 4574KWL</t>
  </si>
  <si>
    <t>5702329496124</t>
  </si>
  <si>
    <t>VELUX Verd.-Rollo solar DSL S31 4574KWL</t>
  </si>
  <si>
    <t>DSL S31 4575K</t>
  </si>
  <si>
    <t>5702329486354</t>
  </si>
  <si>
    <t>VELUX Verd.-Rollo solar DSL S31 4575K</t>
  </si>
  <si>
    <t>DSL S31 4575KWL</t>
  </si>
  <si>
    <t>5702329496131</t>
  </si>
  <si>
    <t>VELUX Verd.-Rollo solar DSL S31 4575KWL</t>
  </si>
  <si>
    <t>DSL S31 4576K</t>
  </si>
  <si>
    <t>5702329486361</t>
  </si>
  <si>
    <t>VELUX Verd.-Rollo solar DSL S31 4576K</t>
  </si>
  <si>
    <t>DSL S31 4576KWL</t>
  </si>
  <si>
    <t>5702329496148</t>
  </si>
  <si>
    <t>VELUX Verd.-Rollo solar DSL S31 4576KWL</t>
  </si>
  <si>
    <t>DSL S31 4577K</t>
  </si>
  <si>
    <t>5702329486378</t>
  </si>
  <si>
    <t>VELUX Verd.-Rollo solar DSL S31 4577K</t>
  </si>
  <si>
    <t>DSL S31 4577KWL</t>
  </si>
  <si>
    <t>5702329496155</t>
  </si>
  <si>
    <t>VELUX Verd.-Rollo solar DSL S31 4577KWL</t>
  </si>
  <si>
    <t>DSL S31 4579KWL</t>
  </si>
  <si>
    <t>5702329496179</t>
  </si>
  <si>
    <t>VELUX Verd.-Rollo solar DSL S31 4579KWL</t>
  </si>
  <si>
    <t>DSL S31 4580K</t>
  </si>
  <si>
    <t>5702329486408</t>
  </si>
  <si>
    <t>VELUX Verd.-Rollo solar DSL S31 4580K</t>
  </si>
  <si>
    <t>DSL S31 4581K</t>
  </si>
  <si>
    <t>5702329486415</t>
  </si>
  <si>
    <t>VELUX Verd.-Rollo solar DSL S31 4581K</t>
  </si>
  <si>
    <t>DSL S31 4581KWL</t>
  </si>
  <si>
    <t>5702329496193</t>
  </si>
  <si>
    <t>VELUX Verd.-Rollo solar DSL S31 4581KWL</t>
  </si>
  <si>
    <t>DSL SK10 4559K</t>
  </si>
  <si>
    <t>5702329487160</t>
  </si>
  <si>
    <t>VELUX Verd.-Rollo solar DSL SK10 4559K</t>
  </si>
  <si>
    <t>DSL SK10 4575K</t>
  </si>
  <si>
    <t>5702329487191</t>
  </si>
  <si>
    <t>VELUX Verd.-Rollo solar DSL SK10 4575K</t>
  </si>
  <si>
    <t>DSL SK10 4578K</t>
  </si>
  <si>
    <t>5702329487221</t>
  </si>
  <si>
    <t>VELUX Verd.-Rollo solar DSL SK10 4578K</t>
  </si>
  <si>
    <t>DSL U08 4559KWL</t>
  </si>
  <si>
    <t>5702329497121</t>
  </si>
  <si>
    <t>VELUX Verd.-Rollo solar DSL U08 4559KWL</t>
  </si>
  <si>
    <t>DSL U10 3009KWL</t>
  </si>
  <si>
    <t>5702329497275</t>
  </si>
  <si>
    <t>VELUX Verd.-Rollo solar DSL U10 3009KWL</t>
  </si>
  <si>
    <t>DSL U10 4559KWL</t>
  </si>
  <si>
    <t>5702329497299</t>
  </si>
  <si>
    <t>VELUX Verd.-Rollo solar DSL U10 4559KWL</t>
  </si>
  <si>
    <t>DSL U10 4564K</t>
  </si>
  <si>
    <t>5702329487689</t>
  </si>
  <si>
    <t>VELUX Verd.-Rollo solar DSL U10 4564K</t>
  </si>
  <si>
    <t>DSL U10 4564KWL</t>
  </si>
  <si>
    <t>5702329497305</t>
  </si>
  <si>
    <t>VELUX Verd.-Rollo solar DSL U10 4564KWL</t>
  </si>
  <si>
    <t>DSL U10 4574K</t>
  </si>
  <si>
    <t>5702329487696</t>
  </si>
  <si>
    <t>VELUX Verd.-Rollo solar DSL U10 4574K</t>
  </si>
  <si>
    <t>DSL U10 4575K</t>
  </si>
  <si>
    <t>5702329487702</t>
  </si>
  <si>
    <t>VELUX Verd.-Rollo solar DSL U10 4575K</t>
  </si>
  <si>
    <t>DSL U10 4575KWL</t>
  </si>
  <si>
    <t>5702329497329</t>
  </si>
  <si>
    <t>VELUX Verd.-Rollo solar DSL U10 4575KWL</t>
  </si>
  <si>
    <t>DSL U10 4577K</t>
  </si>
  <si>
    <t>5702329487726</t>
  </si>
  <si>
    <t>VELUX Verd.-Rollo solar DSL U10 4577K</t>
  </si>
  <si>
    <t>DSL U10 4577KWL</t>
  </si>
  <si>
    <t>5702329497343</t>
  </si>
  <si>
    <t>VELUX Verd.-Rollo solar DSL U10 4577KWL</t>
  </si>
  <si>
    <t>DSL U10 4578KWL</t>
  </si>
  <si>
    <t>5702329497350</t>
  </si>
  <si>
    <t>VELUX Verd.-Rollo solar DSL U10 4578KWL</t>
  </si>
  <si>
    <t>DSL U10 4579K</t>
  </si>
  <si>
    <t>5702329487740</t>
  </si>
  <si>
    <t>VELUX Verd.-Rollo solar DSL U10 4579K</t>
  </si>
  <si>
    <t>DSL U10 4579KWL</t>
  </si>
  <si>
    <t>5702329497367</t>
  </si>
  <si>
    <t>VELUX Verd.-Rollo solar DSL U10 4579KWL</t>
  </si>
  <si>
    <t>DSL U10 4580KWL</t>
  </si>
  <si>
    <t>5702329497374</t>
  </si>
  <si>
    <t>VELUX Verd.-Rollo solar DSL U10 4580KWL</t>
  </si>
  <si>
    <t>DSL U10 4581KWL</t>
  </si>
  <si>
    <t>5702329497381</t>
  </si>
  <si>
    <t>VELUX Verd.-Rollo solar DSL U10 4581KWL</t>
  </si>
  <si>
    <t>DSL U31 0705K</t>
  </si>
  <si>
    <t>5702329487788</t>
  </si>
  <si>
    <t>VELUX Verd.-Rollo solar DSL U31 0705K</t>
  </si>
  <si>
    <t>DSL U31 0705KWL</t>
  </si>
  <si>
    <t>5702329497404</t>
  </si>
  <si>
    <t>VELUX Verd.-Rollo solar DSL U31 0705KWL</t>
  </si>
  <si>
    <t>DSL U31 1025KWL</t>
  </si>
  <si>
    <t>5702329497411</t>
  </si>
  <si>
    <t>VELUX Verd.-Rollo solar DSL U31 1025KWL</t>
  </si>
  <si>
    <t>DSL U31 3009K</t>
  </si>
  <si>
    <t>5702329487825</t>
  </si>
  <si>
    <t>VELUX Verd.-Rollo solar DSL U31 3009K</t>
  </si>
  <si>
    <t>DSL U31 4556KWL</t>
  </si>
  <si>
    <t>5702329497459</t>
  </si>
  <si>
    <t>VELUX Verd.-Rollo solar DSL U31 4556KWL</t>
  </si>
  <si>
    <t>DSL U31 4559K</t>
  </si>
  <si>
    <t>5702329487849</t>
  </si>
  <si>
    <t>VELUX Verd.-Rollo solar DSL U31 4559K</t>
  </si>
  <si>
    <t>DSL U31 4559KWL</t>
  </si>
  <si>
    <t>5702329497466</t>
  </si>
  <si>
    <t>VELUX Verd.-Rollo solar DSL U31 4559KWL</t>
  </si>
  <si>
    <t>DSL U31 4564K</t>
  </si>
  <si>
    <t>5702329487856</t>
  </si>
  <si>
    <t>VELUX Verd.-Rollo solar DSL U31 4564K</t>
  </si>
  <si>
    <t>DSL U31 4564KWL</t>
  </si>
  <si>
    <t>5702329497473</t>
  </si>
  <si>
    <t>VELUX Verd.-Rollo solar DSL U31 4564KWL</t>
  </si>
  <si>
    <t>DSL U31 4574K</t>
  </si>
  <si>
    <t>5702329487863</t>
  </si>
  <si>
    <t>VELUX Verd.-Rollo solar DSL U31 4574K</t>
  </si>
  <si>
    <t>DSL U31 4574KWL</t>
  </si>
  <si>
    <t>5702329497480</t>
  </si>
  <si>
    <t>VELUX Verd.-Rollo solar DSL U31 4574KWL</t>
  </si>
  <si>
    <t>DSL U31 4575K</t>
  </si>
  <si>
    <t>5702329487870</t>
  </si>
  <si>
    <t>VELUX Verd.-Rollo solar DSL U31 4575K</t>
  </si>
  <si>
    <t>DSL U31 4575KWL</t>
  </si>
  <si>
    <t>5702329497497</t>
  </si>
  <si>
    <t>VELUX Verd.-Rollo solar DSL U31 4575KWL</t>
  </si>
  <si>
    <t>DSL U31 4576K</t>
  </si>
  <si>
    <t>5702329487887</t>
  </si>
  <si>
    <t>VELUX Verd.-Rollo solar DSL U31 4576K</t>
  </si>
  <si>
    <t>DSL U31 4576KWL</t>
  </si>
  <si>
    <t>5702329497503</t>
  </si>
  <si>
    <t>VELUX Verd.-Rollo solar DSL U31 4576KWL</t>
  </si>
  <si>
    <t>DSL U31 4577K</t>
  </si>
  <si>
    <t>5702329487894</t>
  </si>
  <si>
    <t>VELUX Verd.-Rollo solar DSL U31 4577K</t>
  </si>
  <si>
    <t>DSL U31 4577KWL</t>
  </si>
  <si>
    <t>5702329497510</t>
  </si>
  <si>
    <t>VELUX Verd.-Rollo solar DSL U31 4577KWL</t>
  </si>
  <si>
    <t>DSL U31 4578K</t>
  </si>
  <si>
    <t>5702329487900</t>
  </si>
  <si>
    <t>VELUX Verd.-Rollo solar DSL U31 4578K</t>
  </si>
  <si>
    <t>DSL U31 4578KWL</t>
  </si>
  <si>
    <t>5702329497527</t>
  </si>
  <si>
    <t>VELUX Verd.-Rollo solar DSL U31 4578KWL</t>
  </si>
  <si>
    <t>DSL U31 4579K</t>
  </si>
  <si>
    <t>5702329487917</t>
  </si>
  <si>
    <t>VELUX Verd.-Rollo solar DSL U31 4579K</t>
  </si>
  <si>
    <t>DSL U31 4579KWL</t>
  </si>
  <si>
    <t>5702329497534</t>
  </si>
  <si>
    <t>VELUX Verd.-Rollo solar DSL U31 4579KWL</t>
  </si>
  <si>
    <t>DSL U31 4580K</t>
  </si>
  <si>
    <t>5702329487924</t>
  </si>
  <si>
    <t>VELUX Verd.-Rollo solar DSL U31 4580K</t>
  </si>
  <si>
    <t>DSL U31 4580KWL</t>
  </si>
  <si>
    <t>5702329497541</t>
  </si>
  <si>
    <t>VELUX Verd.-Rollo solar DSL U31 4580KWL</t>
  </si>
  <si>
    <t>DSL U31 4581K</t>
  </si>
  <si>
    <t>5702329487931</t>
  </si>
  <si>
    <t>VELUX Verd.-Rollo solar DSL U31 4581K</t>
  </si>
  <si>
    <t>DSL UK10 4559KWL</t>
  </si>
  <si>
    <t>5702329497978</t>
  </si>
  <si>
    <t>VELUX Verd.-Rollo solar DSL UK10 4559KWL</t>
  </si>
  <si>
    <t>DSL UK10 4564KWL</t>
  </si>
  <si>
    <t>5702329497985</t>
  </si>
  <si>
    <t>VELUX Verd.-Rollo solar DSL UK10 4564KWL</t>
  </si>
  <si>
    <t>DSL UK10 4575K</t>
  </si>
  <si>
    <t>5702329488549</t>
  </si>
  <si>
    <t>VELUX Verd.-Rollo solar DSL UK10 4575K</t>
  </si>
  <si>
    <t>DSL UK10 4578KWL</t>
  </si>
  <si>
    <t>5702329498036</t>
  </si>
  <si>
    <t>VELUX Verd.-Rollo solar DSL UK10 4578KWL</t>
  </si>
  <si>
    <t>EAS FK06 6100</t>
  </si>
  <si>
    <t>5702328120556</t>
  </si>
  <si>
    <t>VELUX Aufkeilrahmen EAS FK06 6100</t>
  </si>
  <si>
    <t>EAS FK06 6121E</t>
  </si>
  <si>
    <t>5702328120563</t>
  </si>
  <si>
    <t>VELUX Aufkeilrahmen EAS FK06 6121E</t>
  </si>
  <si>
    <t>EAS FK06 6131E</t>
  </si>
  <si>
    <t>5702328125674</t>
  </si>
  <si>
    <t>VELUX Aufkeilrahmen EAS FK06 613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Kupfer.
----------------------------------------
Material: Kupfer.
----------------------------------------
Zum Einbau von drei Fenstern direkt
nebeneinander. 
Knicksparren im Lieferumfang enthalten.
Abstand zum rechts danebenliegenden 
Fenster: 10cm</t>
  </si>
  <si>
    <t>EAS FK06 6300</t>
  </si>
  <si>
    <t>5702328120587</t>
  </si>
  <si>
    <t>VELUX Aufkeilrahmen EAS FK06 6300</t>
  </si>
  <si>
    <t>EAS FK06 6321E</t>
  </si>
  <si>
    <t>5702328120594</t>
  </si>
  <si>
    <t>VELUX Aufkeilrahmen EAS FK06 6321E</t>
  </si>
  <si>
    <t>EAS FK06 6331E</t>
  </si>
  <si>
    <t>5702328125681</t>
  </si>
  <si>
    <t>VELUX Aufkeilrahmen EAS FK06 6331E</t>
  </si>
  <si>
    <t>----------------------------------------
Geeignet für Dächer mit flachem Eindeck-
material bis 1,6cm (2 x 0,8cm) Höhe.
Seitenteile gerade mit doppelten
Wasser-Ableit-Falzen.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drei Fenstern direkt
nebeneinander. 
Knicksparren im Lieferumfang enthalten.
Abstand zum rechts danebenliegenden 
Fenster: 10cm</t>
  </si>
  <si>
    <t>EAS FK08 6100</t>
  </si>
  <si>
    <t>5702328120648</t>
  </si>
  <si>
    <t>VELUX Aufkeilrahmen EAS FK08 6100</t>
  </si>
  <si>
    <t>EAS FK08 6121E</t>
  </si>
  <si>
    <t>5702328120655</t>
  </si>
  <si>
    <t>VELUX Aufkeilrahmen EAS FK08 6121E</t>
  </si>
  <si>
    <t>EAS FK08 6131E</t>
  </si>
  <si>
    <t>5702328125704</t>
  </si>
  <si>
    <t>VELUX Aufkeilrahmen EAS FK08 6131E</t>
  </si>
  <si>
    <t>EAS FK08 6300</t>
  </si>
  <si>
    <t>5702328120679</t>
  </si>
  <si>
    <t>VELUX Aufkeilrahmen EAS FK08 6300</t>
  </si>
  <si>
    <t>EAS FK08 6321E</t>
  </si>
  <si>
    <t>5702328120686</t>
  </si>
  <si>
    <t>VELUX Aufkeilrahmen EAS FK08 6321E</t>
  </si>
  <si>
    <t>EAS FK08 6331E</t>
  </si>
  <si>
    <t>5702328125711</t>
  </si>
  <si>
    <t>VELUX Aufkeilrahmen EAS FK08 6331E</t>
  </si>
  <si>
    <t>EAS MK04 6100</t>
  </si>
  <si>
    <t>5702328120730</t>
  </si>
  <si>
    <t>VELUX Aufkeilrahmen EAS MK04 6100</t>
  </si>
  <si>
    <t>EAS MK04 6121E</t>
  </si>
  <si>
    <t>5702328120747</t>
  </si>
  <si>
    <t>VELUX Aufkeilrahmen EAS MK04 6121E</t>
  </si>
  <si>
    <t>EAS MK04 6131E</t>
  </si>
  <si>
    <t>5702328125735</t>
  </si>
  <si>
    <t>VELUX Aufkeilrahmen EAS MK04 6131E</t>
  </si>
  <si>
    <t>EAS MK04 6300</t>
  </si>
  <si>
    <t>5702328120761</t>
  </si>
  <si>
    <t>VELUX Aufkeilrahmen EAS MK04 6300</t>
  </si>
  <si>
    <t>EAS MK04 6321E</t>
  </si>
  <si>
    <t>5702328120778</t>
  </si>
  <si>
    <t>VELUX Aufkeilrahmen EAS MK04 6321E</t>
  </si>
  <si>
    <t>EAS MK04 6331E</t>
  </si>
  <si>
    <t>5702328125742</t>
  </si>
  <si>
    <t>VELUX Aufkeilrahmen EAS MK04 6331E</t>
  </si>
  <si>
    <t>EAS MK06 6121E</t>
  </si>
  <si>
    <t>5702328120839</t>
  </si>
  <si>
    <t>VELUX Aufkeilrahmen EAS MK06 6121E</t>
  </si>
  <si>
    <t>EAS MK06 6131E</t>
  </si>
  <si>
    <t>5702328125766</t>
  </si>
  <si>
    <t>VELUX Aufkeilrahmen EAS MK06 6131E</t>
  </si>
  <si>
    <t>EAS MK06 6300</t>
  </si>
  <si>
    <t>5702328120853</t>
  </si>
  <si>
    <t>VELUX Aufkeilrahmen EAS MK06 6300</t>
  </si>
  <si>
    <t>EAS MK06 6321E</t>
  </si>
  <si>
    <t>5702328120860</t>
  </si>
  <si>
    <t>VELUX Aufkeilrahmen EAS MK06 6321E</t>
  </si>
  <si>
    <t>EAS MK06 6331E</t>
  </si>
  <si>
    <t>5702328125773</t>
  </si>
  <si>
    <t>VELUX Aufkeilrahmen EAS MK06 6331E</t>
  </si>
  <si>
    <t>EAS MK08 6131E</t>
  </si>
  <si>
    <t>5702328125797</t>
  </si>
  <si>
    <t>VELUX Aufkeilrahmen EAS MK08 6131E</t>
  </si>
  <si>
    <t>EAS MK08 6331E</t>
  </si>
  <si>
    <t>5702328125803</t>
  </si>
  <si>
    <t>VELUX Aufkeilrahmen EAS MK08 6331E</t>
  </si>
  <si>
    <t>EAS MK10 6100</t>
  </si>
  <si>
    <t>5702328121003</t>
  </si>
  <si>
    <t>VELUX Aufkeilrahmen EAS MK10 6100</t>
  </si>
  <si>
    <t>EAS MK10 6121E</t>
  </si>
  <si>
    <t>5702328121010</t>
  </si>
  <si>
    <t>VELUX Aufkeilrahmen EAS MK10 6121E</t>
  </si>
  <si>
    <t>EAS MK10 6131E</t>
  </si>
  <si>
    <t>5702328125827</t>
  </si>
  <si>
    <t>VELUX Aufkeilrahmen EAS MK10 6131E</t>
  </si>
  <si>
    <t>EAS MK10 6300</t>
  </si>
  <si>
    <t>5702328121034</t>
  </si>
  <si>
    <t>VELUX Aufkeilrahmen EAS MK10 6300</t>
  </si>
  <si>
    <t>EAS MK10 6321E</t>
  </si>
  <si>
    <t>5702328121041</t>
  </si>
  <si>
    <t>VELUX Aufkeilrahmen EAS MK10 6321E</t>
  </si>
  <si>
    <t>EAS MK10 6331E</t>
  </si>
  <si>
    <t>5702328125834</t>
  </si>
  <si>
    <t>VELUX Aufkeilrahmen EAS MK10 6331E</t>
  </si>
  <si>
    <t>EAS PK06 6100</t>
  </si>
  <si>
    <t>5702328121140</t>
  </si>
  <si>
    <t>VELUX Aufkeilrahmen EAS PK06 6100</t>
  </si>
  <si>
    <t>EAS PK06 6121E</t>
  </si>
  <si>
    <t>5702328121157</t>
  </si>
  <si>
    <t>VELUX Aufkeilrahmen EAS PK06 6121E</t>
  </si>
  <si>
    <t>EAS PK06 6300</t>
  </si>
  <si>
    <t>5702328121164</t>
  </si>
  <si>
    <t>VELUX Aufkeilrahmen EAS PK06 6300</t>
  </si>
  <si>
    <t>EAS PK06 6321E</t>
  </si>
  <si>
    <t>5702328121171</t>
  </si>
  <si>
    <t>VELUX Aufkeilrahmen EAS PK06 6321E</t>
  </si>
  <si>
    <t>EAS PK08 6100</t>
  </si>
  <si>
    <t>5702328121201</t>
  </si>
  <si>
    <t>VELUX Aufkeilrahmen EAS PK08 6100</t>
  </si>
  <si>
    <t>EAS PK08 6121E</t>
  </si>
  <si>
    <t>5702328121218</t>
  </si>
  <si>
    <t>VELUX Aufkeilrahmen EAS PK08 6121E</t>
  </si>
  <si>
    <t>EAS PK08 6300</t>
  </si>
  <si>
    <t>5702328121225</t>
  </si>
  <si>
    <t>VELUX Aufkeilrahmen EAS PK08 6300</t>
  </si>
  <si>
    <t>EAS PK08 6321E</t>
  </si>
  <si>
    <t>5702328121232</t>
  </si>
  <si>
    <t>VELUX Aufkeilrahmen EAS PK08 6321E</t>
  </si>
  <si>
    <t>EAS PK10 6121E</t>
  </si>
  <si>
    <t>5702328121270</t>
  </si>
  <si>
    <t>VELUX Aufkeilrahmen EAS PK10 6121E</t>
  </si>
  <si>
    <t>EAS SK06 6100</t>
  </si>
  <si>
    <t>5702328121348</t>
  </si>
  <si>
    <t>VELUX Aufkeilrahmen EAS SK06 6100</t>
  </si>
  <si>
    <t>EAS SK06 6121E</t>
  </si>
  <si>
    <t>5702328121355</t>
  </si>
  <si>
    <t>VELUX Aufkeilrahmen EAS SK06 6121E</t>
  </si>
  <si>
    <t>EAS SK06 6300</t>
  </si>
  <si>
    <t>5702328121362</t>
  </si>
  <si>
    <t>VELUX Aufkeilrahmen EAS SK06 6300</t>
  </si>
  <si>
    <t>EAS SK06 6321E</t>
  </si>
  <si>
    <t>5702328121379</t>
  </si>
  <si>
    <t>VELUX Aufkeilrahmen EAS SK06 6321E</t>
  </si>
  <si>
    <t>EAS SK08 6100</t>
  </si>
  <si>
    <t>5702328121409</t>
  </si>
  <si>
    <t>VELUX Aufkeilrahmen EAS SK08 6100</t>
  </si>
  <si>
    <t>EAS SK08 6121E</t>
  </si>
  <si>
    <t>5702328121416</t>
  </si>
  <si>
    <t>VELUX Aufkeilrahmen EAS SK08 6121E</t>
  </si>
  <si>
    <t>EAS SK08 6300</t>
  </si>
  <si>
    <t>5702328121423</t>
  </si>
  <si>
    <t>VELUX Aufkeilrahmen EAS SK08 6300</t>
  </si>
  <si>
    <t>EAS SK08 6321E</t>
  </si>
  <si>
    <t>5702328121430</t>
  </si>
  <si>
    <t>VELUX Aufkeilrahmen EAS SK08 6321E</t>
  </si>
  <si>
    <t>EAS SK10 6100</t>
  </si>
  <si>
    <t>5702328121461</t>
  </si>
  <si>
    <t>VELUX Aufkeilrahmen EAS SK10 6100</t>
  </si>
  <si>
    <t>EAS SK10 6121E</t>
  </si>
  <si>
    <t>5702328121478</t>
  </si>
  <si>
    <t>VELUX Aufkeilrahmen EAS SK10 6121E</t>
  </si>
  <si>
    <t>EAS UK08 6121E</t>
  </si>
  <si>
    <t>5702328121553</t>
  </si>
  <si>
    <t>VELUX Aufkeilrahmen EAS UK08 6121E</t>
  </si>
  <si>
    <t>EAS UK08 6300</t>
  </si>
  <si>
    <t>5702328121560</t>
  </si>
  <si>
    <t>VELUX Aufkeilrahmen EAS UK08 6300</t>
  </si>
  <si>
    <t>EAS UK08 6321E</t>
  </si>
  <si>
    <t>5702328121577</t>
  </si>
  <si>
    <t>VELUX Aufkeilrahmen EAS UK08 6321E</t>
  </si>
  <si>
    <t>EAS UK10 6100</t>
  </si>
  <si>
    <t>5702328121607</t>
  </si>
  <si>
    <t>VELUX Aufkeilrahmen EAS UK10 6100</t>
  </si>
  <si>
    <t>EAW FK06 6131E</t>
  </si>
  <si>
    <t>5702328125872</t>
  </si>
  <si>
    <t>VELUX Kombi-Aufk.-R. EAW FK06 6131E</t>
  </si>
  <si>
    <t>EAW FK06 6300</t>
  </si>
  <si>
    <t>5702328121720</t>
  </si>
  <si>
    <t>VELUX Aufkeilrahmen EAW FK06 6300</t>
  </si>
  <si>
    <t>EAW FK06 6321E</t>
  </si>
  <si>
    <t>5702328121737</t>
  </si>
  <si>
    <t>VELUX Kombi-Aufk.-R. EAW FK06 6321E</t>
  </si>
  <si>
    <t>EAW FK06 6331E</t>
  </si>
  <si>
    <t>5702328125889</t>
  </si>
  <si>
    <t>VELUX Kombi-Aufk.-R. EAW FK06 6331E</t>
  </si>
  <si>
    <t>----------------------------------------
Geeignet für Dächer mit flachem oder
profiliertem Eindeckmaterial
von 1,5 bis 12 cm Höhe.
Seitenteile gerade mit doppelten Wasser-
Ableit-Falzen und Schaumstoff-Dichtungs-
Profil.
Zum Einbau der Fenster mit 10° 
steilerer Neigung als das Dach, für mehr
Kopffreiheit und Raumgewinn.
----------------------------------------
Seitliche und untere Blendrahmen-
verblechung.
----------------------------------------
Ausführung: Wärmegedämmt
Durch zusätzlichen Einbaurahmen zur
Reduzierung der Wärmebrücke am Übergang
vom Fenster zum Dach.
Einschließlich diffusionsoffener
Anschlussschürze aus Polypropylen.
Materialstärke 0,5mm, sd = 0,03m
und Wasserableitrinne
für einen regensicheren Anschluss
----------------------------------------
Material: Titanzink walzblank.
----------------------------------------
Zum Einbau von drei Fenstern direkt
nebeneinander. 
Knicksparren im Lieferumfang enthalten.
Abstand zum rechts danebenliegenden 
Fenster: 10cm</t>
  </si>
  <si>
    <t>EAW FK08 6100</t>
  </si>
  <si>
    <t>5702328121782</t>
  </si>
  <si>
    <t>VELUX Aufkeilrahmen EAW FK08 6100</t>
  </si>
  <si>
    <t>EAW FK08 6121E</t>
  </si>
  <si>
    <t>5702328121799</t>
  </si>
  <si>
    <t>VELUX Kombi-Aufk.-R. EAW FK08 6121E</t>
  </si>
  <si>
    <t>EAW FK08 6131E</t>
  </si>
  <si>
    <t>5702328125902</t>
  </si>
  <si>
    <t>VELUX Kombi-Aufk.-R. EAW FK08 6131E</t>
  </si>
  <si>
    <t>EAW FK08 6300</t>
  </si>
  <si>
    <t>5702328121812</t>
  </si>
  <si>
    <t>VELUX Aufkeilrahmen EAW FK08 6300</t>
  </si>
  <si>
    <t>EAW FK08 6321E</t>
  </si>
  <si>
    <t>5702328121829</t>
  </si>
  <si>
    <t>VELUX Kombi-Aufk.-R. EAW FK08 6321E</t>
  </si>
  <si>
    <t>EAW FK08 6331E</t>
  </si>
  <si>
    <t>5702328125919</t>
  </si>
  <si>
    <t>VELUX Kombi-Aufk.-R. EAW FK08 6331E</t>
  </si>
  <si>
    <t>EAW MK04 6121E</t>
  </si>
  <si>
    <t>5702328121881</t>
  </si>
  <si>
    <t>VELUX Kombi-Aufk.-R. EAW MK04 6121E</t>
  </si>
  <si>
    <t>EAW MK04 6321E</t>
  </si>
  <si>
    <t>5702328121911</t>
  </si>
  <si>
    <t>VELUX Kombi-Aufk.-R. EAW MK04 6321E</t>
  </si>
  <si>
    <t>EAW MK04 6331E</t>
  </si>
  <si>
    <t>5702328125940</t>
  </si>
  <si>
    <t>VELUX Kombi-Aufk.-R. EAW MK04 6331E</t>
  </si>
  <si>
    <t>EAW MK06 6131E</t>
  </si>
  <si>
    <t>5702328125964</t>
  </si>
  <si>
    <t>VELUX Kombi-Aufk.-R. EAW MK06 6131E</t>
  </si>
  <si>
    <t>EAW MK06 6321E</t>
  </si>
  <si>
    <t>5702328122000</t>
  </si>
  <si>
    <t>VELUX Kombi-Aufk.-R. EAW MK06 6321E</t>
  </si>
  <si>
    <t>EAW MK06 6331E</t>
  </si>
  <si>
    <t>5702328125971</t>
  </si>
  <si>
    <t>VELUX Kombi-Aufk.-R. EAW MK06 6331E</t>
  </si>
  <si>
    <t>EAW MK08 6131E</t>
  </si>
  <si>
    <t>5702328125995</t>
  </si>
  <si>
    <t>VELUX Kombi-Aufk.-R. EAW MK08 6131E</t>
  </si>
  <si>
    <t>EAW MK08 6300</t>
  </si>
  <si>
    <t>5702328122086</t>
  </si>
  <si>
    <t>VELUX Aufkeilrahmen EAW MK08 6300</t>
  </si>
  <si>
    <t>EAW MK08 6321E</t>
  </si>
  <si>
    <t>5702328122093</t>
  </si>
  <si>
    <t>VELUX Kombi-Aufk.-R. EAW MK08 6321E</t>
  </si>
  <si>
    <t>EAW MK08 6331E</t>
  </si>
  <si>
    <t>5702328126008</t>
  </si>
  <si>
    <t>VELUX Kombi-Aufk.-R. EAW MK08 6331E</t>
  </si>
  <si>
    <t>EAW MK10 6100</t>
  </si>
  <si>
    <t>5702328122147</t>
  </si>
  <si>
    <t>VELUX Aufkeilrahmen EAW MK10 6100</t>
  </si>
  <si>
    <t>EAW MK10 6121E</t>
  </si>
  <si>
    <t>5702328122154</t>
  </si>
  <si>
    <t>VELUX Kombi-Aufk.-R. EAW MK10 6121E</t>
  </si>
  <si>
    <t>EAW MK10 6131E</t>
  </si>
  <si>
    <t>5702328126022</t>
  </si>
  <si>
    <t>VELUX Kombi-Aufk.-R. EAW MK10 6131E</t>
  </si>
  <si>
    <t>EAW MK10 6300</t>
  </si>
  <si>
    <t>5702328122178</t>
  </si>
  <si>
    <t>VELUX Aufkeilrahmen EAW MK10 6300</t>
  </si>
  <si>
    <t>EAW MK10 6321E</t>
  </si>
  <si>
    <t>5702328122185</t>
  </si>
  <si>
    <t>VELUX Kombi-Aufk.-R. EAW MK10 6321E</t>
  </si>
  <si>
    <t>EAW MK10 6331E</t>
  </si>
  <si>
    <t>5702328126039</t>
  </si>
  <si>
    <t>VELUX Kombi-Aufk.-R. EAW MK10 6331E</t>
  </si>
  <si>
    <t>EAW PK06 6121E</t>
  </si>
  <si>
    <t>5702328122291</t>
  </si>
  <si>
    <t>VELUX Kombi-Aufk.-R. EAW PK06 6121E</t>
  </si>
  <si>
    <t>EAW PK06 6300</t>
  </si>
  <si>
    <t>5702328122307</t>
  </si>
  <si>
    <t>VELUX Aufkeilrahmen EAW PK06 6300</t>
  </si>
  <si>
    <t>EAW PK06 6321E</t>
  </si>
  <si>
    <t>5702328122314</t>
  </si>
  <si>
    <t>VELUX Kombi-Aufk.-R. EAW PK06 6321E</t>
  </si>
  <si>
    <t>EAW PK08 6121E</t>
  </si>
  <si>
    <t>5702328122352</t>
  </si>
  <si>
    <t>VELUX Kombi-Aufk.-R. EAW PK08 6121E</t>
  </si>
  <si>
    <t>EAW PK08 6300</t>
  </si>
  <si>
    <t>5702328122369</t>
  </si>
  <si>
    <t>VELUX Aufkeilrahmen EAW PK08 6300</t>
  </si>
  <si>
    <t>EAW PK08 6321E</t>
  </si>
  <si>
    <t>5702328122376</t>
  </si>
  <si>
    <t>VELUX Kombi-Aufk.-R. EAW PK08 6321E</t>
  </si>
  <si>
    <t>EAW SK08 6321E</t>
  </si>
  <si>
    <t>5702328122574</t>
  </si>
  <si>
    <t>VELUX Kombi-Aufk.-R. EAW SK08 6321E</t>
  </si>
  <si>
    <t>EAW SK10 6121E</t>
  </si>
  <si>
    <t>5702328122611</t>
  </si>
  <si>
    <t>VELUX Kombi-Aufk.-R. EAW SK10 6121E</t>
  </si>
  <si>
    <t>EAW UK08 6300</t>
  </si>
  <si>
    <t>5702328122727</t>
  </si>
  <si>
    <t>VELUX Aufkeilrahmen EAW UK08 6300</t>
  </si>
  <si>
    <t>EAW UK08 6321E</t>
  </si>
  <si>
    <t>5702328122734</t>
  </si>
  <si>
    <t>VELUX Kombi-Aufk.-R. EAW UK08 6321E</t>
  </si>
  <si>
    <t>EAW UK10 6100</t>
  </si>
  <si>
    <t>5702328122765</t>
  </si>
  <si>
    <t>VELUX Aufkeilrahmen EAW UK10 6100</t>
  </si>
  <si>
    <t>EDJ CK04 2300</t>
  </si>
  <si>
    <t>5702327215529</t>
  </si>
  <si>
    <t>VELUX Eindeckrahmen EDJ CK04 2300</t>
  </si>
  <si>
    <t>EDJ FK04 2300</t>
  </si>
  <si>
    <t>5702327215567</t>
  </si>
  <si>
    <t>VELUX Eindeckrahmen EDJ FK04 2300</t>
  </si>
  <si>
    <t>EDJ FK08 2300</t>
  </si>
  <si>
    <t>5702327215604</t>
  </si>
  <si>
    <t>VELUX Eindeckrahmen EDJ FK08 2300</t>
  </si>
  <si>
    <t>EDJ MK12 2100</t>
  </si>
  <si>
    <t>5702327589859</t>
  </si>
  <si>
    <t>VELUX Eindeckrahmen EDJ MK12 2100</t>
  </si>
  <si>
    <t>EDJ MK12 2300</t>
  </si>
  <si>
    <t>5702327589866</t>
  </si>
  <si>
    <t>VELUX Eindeckrahmen EDJ MK12 2300</t>
  </si>
  <si>
    <t>EDJ PK10 2300</t>
  </si>
  <si>
    <t>5702327215741</t>
  </si>
  <si>
    <t>VELUX Eindeckrahmen EDJ PK10 2300</t>
  </si>
  <si>
    <t>EDJ SK06 2300</t>
  </si>
  <si>
    <t>5702327215765</t>
  </si>
  <si>
    <t>VELUX Eindeckrahmen EDJ SK06 2300</t>
  </si>
  <si>
    <t>EDJ SK08 2300</t>
  </si>
  <si>
    <t>5702327215789</t>
  </si>
  <si>
    <t>VELUX Eindeckrahmen EDJ SK08 2300</t>
  </si>
  <si>
    <t>EDJ SK10 2300</t>
  </si>
  <si>
    <t>5702327215802</t>
  </si>
  <si>
    <t>VELUX Eindeckrahmen EDJ SK10 2300</t>
  </si>
  <si>
    <t>EDJ UK04 2100</t>
  </si>
  <si>
    <t>5702327215819</t>
  </si>
  <si>
    <t>VELUX Eindeckrahmen EDJ UK04 2100</t>
  </si>
  <si>
    <t>EDJ UK04 2300</t>
  </si>
  <si>
    <t>5702327215826</t>
  </si>
  <si>
    <t>VELUX Eindeckrahmen EDJ UK04 2300</t>
  </si>
  <si>
    <t>EDJ UK08 2300</t>
  </si>
  <si>
    <t>5702327215840</t>
  </si>
  <si>
    <t>VELUX Eindeckrahmen EDJ UK08 2300</t>
  </si>
  <si>
    <t>EDJ UK10 2100</t>
  </si>
  <si>
    <t>5702327215857</t>
  </si>
  <si>
    <t>VELUX Eindeckrahmen EDJ UK10 2100</t>
  </si>
  <si>
    <t>EDN CK02 1100</t>
  </si>
  <si>
    <t>5702329793339</t>
  </si>
  <si>
    <t>VELUX Eindeckrahmen EDN CK02 1100</t>
  </si>
  <si>
    <t>----------------------------------------
Eindeckrahmen für vertieften
Einbau.
Geeignet für Dächer mit flachem
Eindeckmaterial bis 1,6 cm (2 x 0,8 cm)
Höhe. Seitenteile in Schichtstücken
mit je 33 cm Länge.
----------------------------------------
Seitliche und untere Blendrahmen-
verblechung.
Inklusive Anschlussschürze BFX
----------------------------------------
Material: Kupfer.</t>
  </si>
  <si>
    <t>EDN CK04 1100</t>
  </si>
  <si>
    <t>5702329793353</t>
  </si>
  <si>
    <t>VELUX Eindeckrahmen EDN CK04 1100</t>
  </si>
  <si>
    <t>EDN CK06 1100</t>
  </si>
  <si>
    <t>5702329793377</t>
  </si>
  <si>
    <t>VELUX Eindeckrahmen EDN CK06 1100</t>
  </si>
  <si>
    <t>EDN FK04 1100</t>
  </si>
  <si>
    <t>5702329793391</t>
  </si>
  <si>
    <t>VELUX Eindeckrahmen EDN FK04 1100</t>
  </si>
  <si>
    <t>EDN FK06 1100</t>
  </si>
  <si>
    <t>5702329793414</t>
  </si>
  <si>
    <t>VELUX Eindeckrahmen EDN FK06 1100</t>
  </si>
  <si>
    <t>EDN FK08 1100</t>
  </si>
  <si>
    <t>5702329793438</t>
  </si>
  <si>
    <t>VELUX Eindeckrahmen EDN FK08 1100</t>
  </si>
  <si>
    <t>EDN MK04 1100</t>
  </si>
  <si>
    <t>5702329793452</t>
  </si>
  <si>
    <t>VELUX Eindeckrahmen EDN MK04 1100</t>
  </si>
  <si>
    <t>EDN MK06 1100</t>
  </si>
  <si>
    <t>5702329793476</t>
  </si>
  <si>
    <t>VELUX Eindeckrahmen EDN MK06 1100</t>
  </si>
  <si>
    <t>EDN MK08 1100</t>
  </si>
  <si>
    <t>5702329793490</t>
  </si>
  <si>
    <t>VELUX Eindeckrahmen EDN MK08 1100</t>
  </si>
  <si>
    <t>EDN MK10 1100</t>
  </si>
  <si>
    <t>5702329793513</t>
  </si>
  <si>
    <t>VELUX Eindeckrahmen EDN MK10 1100</t>
  </si>
  <si>
    <t>EDN MK12 1100</t>
  </si>
  <si>
    <t>5702329793537</t>
  </si>
  <si>
    <t>VELUX Eindeckrahmen EDN MK12 1100</t>
  </si>
  <si>
    <t>EDN PK06 1100</t>
  </si>
  <si>
    <t>5702329793575</t>
  </si>
  <si>
    <t>VELUX Eindeckrahmen EDN PK06 1100</t>
  </si>
  <si>
    <t>EDN PK08 1100</t>
  </si>
  <si>
    <t>5702329793599</t>
  </si>
  <si>
    <t>VELUX Eindeckrahmen EDN PK08 1100</t>
  </si>
  <si>
    <t>EDN PK10 1100</t>
  </si>
  <si>
    <t>5702329793612</t>
  </si>
  <si>
    <t>VELUX Eindeckrahmen EDN PK10 1100</t>
  </si>
  <si>
    <t>EDN SK06 1100</t>
  </si>
  <si>
    <t>5702329793636</t>
  </si>
  <si>
    <t>VELUX Eindeckrahmen EDN SK06 1100</t>
  </si>
  <si>
    <t>EDN SK08 1100</t>
  </si>
  <si>
    <t>5702329793650</t>
  </si>
  <si>
    <t>VELUX Eindeckrahmen EDN SK08 1100</t>
  </si>
  <si>
    <t>EDN SK10 1100</t>
  </si>
  <si>
    <t>5702329793674</t>
  </si>
  <si>
    <t>VELUX Eindeckrahmen EDN SK10 1100</t>
  </si>
  <si>
    <t>EDN UK04 1100</t>
  </si>
  <si>
    <t>5702329793698</t>
  </si>
  <si>
    <t>VELUX Eindeckrahmen EDN UK04 1100</t>
  </si>
  <si>
    <t>EDN UK08 1100</t>
  </si>
  <si>
    <t>5702329793711</t>
  </si>
  <si>
    <t>VELUX Eindeckrahmen EDN UK08 1100</t>
  </si>
  <si>
    <t>EDN UK10 1100</t>
  </si>
  <si>
    <t>5702329793735</t>
  </si>
  <si>
    <t>VELUX Eindeckrahmen EDN UK10 1100</t>
  </si>
  <si>
    <t>EDS CK02 1100</t>
  </si>
  <si>
    <t>5702329451581</t>
  </si>
  <si>
    <t>VELUX Eindeckrahmen EDS CK02 1100</t>
  </si>
  <si>
    <t>----------------------------------------
Geeignet für Dächer mit flachem Eindeck-
material bis 1,6cm (2 x 0,8cm) Höhe.
Seitenteile gerade mit doppelten
Wasser-Ableit-Falzen.
----------------------------------------
Seitliche und untere Blendrahmen-
verblechung.
Inklusive Anschlussschürze BFX
----------------------------------------
Material: Kupfer.</t>
  </si>
  <si>
    <t>EDS CK04 1100</t>
  </si>
  <si>
    <t>5702329451628</t>
  </si>
  <si>
    <t>VELUX Eindeckrahmen EDS CK04 1100</t>
  </si>
  <si>
    <t>EDS CK06 1100</t>
  </si>
  <si>
    <t>5702329451666</t>
  </si>
  <si>
    <t>VELUX Eindeckrahmen EDS CK06 1100</t>
  </si>
  <si>
    <t>EDS FK04 1100</t>
  </si>
  <si>
    <t>5702329451703</t>
  </si>
  <si>
    <t>VELUX Eindeckrahmen EDS FK04 1100</t>
  </si>
  <si>
    <t>EDS FK06 1100</t>
  </si>
  <si>
    <t>5702329451741</t>
  </si>
  <si>
    <t>VELUX Eindeckrahmen EDS FK06 1100</t>
  </si>
  <si>
    <t>EDS FK08 1100</t>
  </si>
  <si>
    <t>5702329451789</t>
  </si>
  <si>
    <t>VELUX Eindeckrahmen EDS FK08 1100</t>
  </si>
  <si>
    <t>EDS MK04 1100</t>
  </si>
  <si>
    <t>5702329451826</t>
  </si>
  <si>
    <t>VELUX Eindeckrahmen EDS MK04 1100</t>
  </si>
  <si>
    <t>EDS MK06 1100</t>
  </si>
  <si>
    <t>5702329451864</t>
  </si>
  <si>
    <t>VELUX Eindeckrahmen EDS MK06 1100</t>
  </si>
  <si>
    <t>EDS MK08 1100</t>
  </si>
  <si>
    <t>5702329451901</t>
  </si>
  <si>
    <t>VELUX Eindeckrahmen EDS MK08 1100</t>
  </si>
  <si>
    <t>EDS MK10 1100</t>
  </si>
  <si>
    <t>5702329451949</t>
  </si>
  <si>
    <t>VELUX Eindeckrahmen EDS MK10 1100</t>
  </si>
  <si>
    <t>EDS MK19 1100</t>
  </si>
  <si>
    <t>5702329602921</t>
  </si>
  <si>
    <t>VELUX Eindeckrahmen EDS MK19 1100</t>
  </si>
  <si>
    <t>EDS PK06 1100</t>
  </si>
  <si>
    <t>5702329451994</t>
  </si>
  <si>
    <t>VELUX Eindeckrahmen EDS PK06 1100</t>
  </si>
  <si>
    <t>EDS PK08 1100</t>
  </si>
  <si>
    <t>5702329452038</t>
  </si>
  <si>
    <t>VELUX Eindeckrahmen EDS PK08 1100</t>
  </si>
  <si>
    <t>EDS PK10 1100</t>
  </si>
  <si>
    <t>5702329452076</t>
  </si>
  <si>
    <t>VELUX Eindeckrahmen EDS PK10 1100</t>
  </si>
  <si>
    <t>EDS PK19 1100</t>
  </si>
  <si>
    <t>5702329452113</t>
  </si>
  <si>
    <t>VELUX Eindeckrahmen EDS PK19 1100</t>
  </si>
  <si>
    <t>EDS SK06 1100</t>
  </si>
  <si>
    <t>5702329452151</t>
  </si>
  <si>
    <t>VELUX Eindeckrahmen EDS SK06 1100</t>
  </si>
  <si>
    <t>EDS SK08 1100</t>
  </si>
  <si>
    <t>5702329452199</t>
  </si>
  <si>
    <t>VELUX Eindeckrahmen EDS SK08 1100</t>
  </si>
  <si>
    <t>EDS SK10 1100</t>
  </si>
  <si>
    <t>5702329452236</t>
  </si>
  <si>
    <t>VELUX Eindeckrahmen EDS SK10 1100</t>
  </si>
  <si>
    <t>EDS SK19 1100</t>
  </si>
  <si>
    <t>5702329452274</t>
  </si>
  <si>
    <t>VELUX Eindeckrahmen EDS SK19 1100</t>
  </si>
  <si>
    <t>EDS UK04 1100</t>
  </si>
  <si>
    <t>5702329452328</t>
  </si>
  <si>
    <t>VELUX Eindeckrahmen EDS UK04 1100</t>
  </si>
  <si>
    <t>EDS UK08 1100</t>
  </si>
  <si>
    <t>5702329452366</t>
  </si>
  <si>
    <t>VELUX Eindeckrahmen EDS UK08 1100</t>
  </si>
  <si>
    <t>EDS UK10 1100</t>
  </si>
  <si>
    <t>5702329452403</t>
  </si>
  <si>
    <t>VELUX Eindeckrahmen EDS UK10 1100</t>
  </si>
  <si>
    <t>EFL MK04 0022E</t>
  </si>
  <si>
    <t>5702327077677</t>
  </si>
  <si>
    <t>VELUX Kombi-Eindeckr. VF_ EFL MK04 0022E</t>
  </si>
  <si>
    <t>Schiefer Schichtstück Alu 10 cm</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zwei Fenstern mit 
Senkrechtelementen
Abstand zum rechts danebenliegenden 
Fenster: 10cm</t>
  </si>
  <si>
    <t>EFL MK04 0032E</t>
  </si>
  <si>
    <t>5702327077707</t>
  </si>
  <si>
    <t>VELUX Kombi-Eindeckr. VF_ EFL MK04 0032E</t>
  </si>
  <si>
    <t>----------------------------------------
Geeignet für Dächer mit flachem Eindeck-
material bis 1,6 cm (2 x 0,8 cm) Höhe.
Seitenteile in Schichtstücken mit je
33 cm Länge.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Material: Aluminium im Farbton der
Fenster-Abdeckung.
----------------------------------------
Zum Einbau von drei Fenstern mit 
Senkrechtelementen
Abstand zum rechts danebenliegenden 
Fenster: 10cm</t>
  </si>
  <si>
    <t>EFL MK06 0022E</t>
  </si>
  <si>
    <t>5702327077882</t>
  </si>
  <si>
    <t>VELUX Kombi-Eindeckr. VF_ EFL MK06 0022E</t>
  </si>
  <si>
    <t>EFL MK06 0032E</t>
  </si>
  <si>
    <t>5702327077912</t>
  </si>
  <si>
    <t>VELUX Kombi-Eindeckr. VF_ EFL MK06 0032E</t>
  </si>
  <si>
    <t>EFL MK08 0022E</t>
  </si>
  <si>
    <t>5702327078094</t>
  </si>
  <si>
    <t>VELUX Kombi-Eindeckr. VF_ EFL MK08 0022E</t>
  </si>
  <si>
    <t>EFL MK08 0032E</t>
  </si>
  <si>
    <t>5702327078124</t>
  </si>
  <si>
    <t>VELUX Kombi-Eindeckr. VF_ EFL MK08 0032E</t>
  </si>
  <si>
    <t>EFL MK10 0022E</t>
  </si>
  <si>
    <t>5702327078322</t>
  </si>
  <si>
    <t>VELUX Kombi-Eindeckr. VF_ EFL MK10 0022E</t>
  </si>
  <si>
    <t>EFL MK10 0032E</t>
  </si>
  <si>
    <t>5702327078353</t>
  </si>
  <si>
    <t>VELUX Kombi-Eindeckr. VF_ EFL MK10 0032E</t>
  </si>
  <si>
    <t>EFL PK06 0022E</t>
  </si>
  <si>
    <t>5702327078834</t>
  </si>
  <si>
    <t>VELUX Kombi-Eindeckr. VF_ EFL PK06 0022E</t>
  </si>
  <si>
    <t>EFL PK08 0022E</t>
  </si>
  <si>
    <t>5702327078957</t>
  </si>
  <si>
    <t>VELUX Kombi-Eindeckr. VF_ EFL PK08 0022E</t>
  </si>
  <si>
    <t>EFL PK10 0022E</t>
  </si>
  <si>
    <t>5702327079077</t>
  </si>
  <si>
    <t>VELUX Kombi-Eindeckr. VF_ EFL PK10 0022E</t>
  </si>
  <si>
    <t>EFL SK06 0022E</t>
  </si>
  <si>
    <t>5702327079282</t>
  </si>
  <si>
    <t>VELUX Kombi-Eindeckr. VF_ EFL SK06 0022E</t>
  </si>
  <si>
    <t>EFL SK08 0022E</t>
  </si>
  <si>
    <t>5702327079404</t>
  </si>
  <si>
    <t>VELUX Kombi-Eindeckr. VF_ EFL SK08 0022E</t>
  </si>
  <si>
    <t>EFL SK10 0022E</t>
  </si>
  <si>
    <t>5702327079527</t>
  </si>
  <si>
    <t>VELUX Kombi-Eindeckr. VF_ EFL SK10 0022E</t>
  </si>
  <si>
    <t>EFS MK04 0012</t>
  </si>
  <si>
    <t>5702327079978</t>
  </si>
  <si>
    <t>VELUX Eindeckrahmen VF_ EFS MK04 0012</t>
  </si>
  <si>
    <t>EFS MK04 0032E</t>
  </si>
  <si>
    <t>5702327080035</t>
  </si>
  <si>
    <t>VELUX Kombi-Eindeckr. VF_ EFS MK04 0032E</t>
  </si>
  <si>
    <t>EFS MK04 2312</t>
  </si>
  <si>
    <t>5702320039672</t>
  </si>
  <si>
    <t>VELUX Eindeckrahmen EFS MK04 2312</t>
  </si>
  <si>
    <t>inkl. BDX+BFX VRW+V-Facade</t>
  </si>
  <si>
    <t>----------------------------------------
Geeignet für Dächer mit flachem Eindeck-
material bis 1,6cm (2 x 0,8cm) Höhe.
Seitenteile gerade mit doppelten
Wasser-Ableit-Falzen.
----------------------------------------
Seitliche und untere Blendrahmen-
verblechung.
----------------------------------------
Zum Einbau in der Schräge des
Daches liegenden Fenster in Kombination 
mit Senkrechtelementen
Inklusive eines Satzes Eindeckrahmen
Verlängerungsteile für bis zu 1m
Dachüberstand und einer Rinne 
zwischen Fenster und Senkrechtelement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
Zum Einbau eines Fensters mit 
Senkrechtelement</t>
  </si>
  <si>
    <t>EFS MK06 0012</t>
  </si>
  <si>
    <t>5702327080189</t>
  </si>
  <si>
    <t>VELUX Eindeckrahmen VF_ EFS MK06 0012</t>
  </si>
  <si>
    <t>EFS MK06 0022E</t>
  </si>
  <si>
    <t>5702327080219</t>
  </si>
  <si>
    <t>VELUX Kombi-Eindeckr. VF_ EFS MK06 0022E</t>
  </si>
  <si>
    <t>EFS MK06 2312</t>
  </si>
  <si>
    <t>5702320040685</t>
  </si>
  <si>
    <t>VELUX Eindeckrahmen EFS MK06 2312</t>
  </si>
  <si>
    <t>EFS MK08 0012</t>
  </si>
  <si>
    <t>5702327080394</t>
  </si>
  <si>
    <t>VELUX Eindeckrahmen VF_ EFS MK08 0012</t>
  </si>
  <si>
    <t>EFS MK08 0032E</t>
  </si>
  <si>
    <t>5702327080455</t>
  </si>
  <si>
    <t>VELUX Kombi-Eindeckr. VF_ EFS MK08 0032E</t>
  </si>
  <si>
    <t>EFS MK08 2312</t>
  </si>
  <si>
    <t>5702320040807</t>
  </si>
  <si>
    <t>VELUX Eindeckrahmen EFS MK08 2312</t>
  </si>
  <si>
    <t>EFS MK10 0012</t>
  </si>
  <si>
    <t>5702327080608</t>
  </si>
  <si>
    <t>VELUX Eindeckrahmen VF_ EFS MK10 0012</t>
  </si>
  <si>
    <t>EFS MK10 0022E</t>
  </si>
  <si>
    <t>5702327080639</t>
  </si>
  <si>
    <t>VELUX Kombi-Eindeckr. VF_ EFS MK10 0022E</t>
  </si>
  <si>
    <t>EFS MK10 0032E</t>
  </si>
  <si>
    <t>5702327080660</t>
  </si>
  <si>
    <t>VELUX Kombi-Eindeckr. VF_ EFS MK10 0032E</t>
  </si>
  <si>
    <t>EFS PK06 0022E</t>
  </si>
  <si>
    <t>5702327081117</t>
  </si>
  <si>
    <t>VELUX Kombi-Eindeckr. VF_ EFS PK06 0022E</t>
  </si>
  <si>
    <t>EFS PK08 0022E</t>
  </si>
  <si>
    <t>5702327081230</t>
  </si>
  <si>
    <t>VELUX Kombi-Eindeckr. VF_ EFS PK08 0022E</t>
  </si>
  <si>
    <t>EFS PK10 0012</t>
  </si>
  <si>
    <t>5702327081322</t>
  </si>
  <si>
    <t>VELUX Eindeckrahmen VF_ EFS PK10 0012</t>
  </si>
  <si>
    <t>EFS PK10 0022E</t>
  </si>
  <si>
    <t>5702327081353</t>
  </si>
  <si>
    <t>VELUX Kombi-Eindeckr. VF_ EFS PK10 0022E</t>
  </si>
  <si>
    <t>EFS SK06 0012</t>
  </si>
  <si>
    <t>5702327081537</t>
  </si>
  <si>
    <t>VELUX Eindeckrahmen VF_ EFS SK06 0012</t>
  </si>
  <si>
    <t>EFS SK06 0022E</t>
  </si>
  <si>
    <t>5702327081568</t>
  </si>
  <si>
    <t>VELUX Kombi-Eindeckr. VF_ EFS SK06 0022E</t>
  </si>
  <si>
    <t>EFS SK08 0012</t>
  </si>
  <si>
    <t>5702327081650</t>
  </si>
  <si>
    <t>VELUX Eindeckrahmen VF_ EFS SK08 0012</t>
  </si>
  <si>
    <t>EFS SK08 0022E</t>
  </si>
  <si>
    <t>5702327081681</t>
  </si>
  <si>
    <t>VELUX Kombi-Eindeckr. VF_ EFS SK08 0022E</t>
  </si>
  <si>
    <t>EFS SK10 0012</t>
  </si>
  <si>
    <t>5702327081773</t>
  </si>
  <si>
    <t>VELUX Eindeckrahmen VF_ EFS SK10 0012</t>
  </si>
  <si>
    <t>EFS UK08 0012</t>
  </si>
  <si>
    <t>5702327081988</t>
  </si>
  <si>
    <t>VELUX Eindeckrahmen VF_ EFS UK08 0012</t>
  </si>
  <si>
    <t>EFS UK08 0022E</t>
  </si>
  <si>
    <t>5702327082015</t>
  </si>
  <si>
    <t>VELUX Kombi-Eindeckr. VF_ EFS UK08 0022E</t>
  </si>
  <si>
    <t>EKB CK02 2004ME</t>
  </si>
  <si>
    <t>5702329744133</t>
  </si>
  <si>
    <t>Kombi-Eind.R. Bibers. EKB CK02 2004ME</t>
  </si>
  <si>
    <t>EKB CK02 2004MJ</t>
  </si>
  <si>
    <t>5702329744140</t>
  </si>
  <si>
    <t>Kombi-Eind.R. Bibers. EKB CK02 2004MJ</t>
  </si>
  <si>
    <t>EKB CK02 2006ME</t>
  </si>
  <si>
    <t>5702329744157</t>
  </si>
  <si>
    <t>Kombi-Eind.R. Bibers. EKB CK02 2006ME</t>
  </si>
  <si>
    <t>EKB CK02 2006MJ</t>
  </si>
  <si>
    <t>5702329744164</t>
  </si>
  <si>
    <t>Kombi-Eind.R. Bibers. EKB CK02 2006MJ</t>
  </si>
  <si>
    <t>EKB CK04 2004ME</t>
  </si>
  <si>
    <t>5702329744232</t>
  </si>
  <si>
    <t>Kombi-Eind.R. Bibers. EKB CK04 2004ME</t>
  </si>
  <si>
    <t>EKB CK04 2006ME</t>
  </si>
  <si>
    <t>5702329744256</t>
  </si>
  <si>
    <t>Kombi-Eind.R. Bibers. EKB CK04 2006ME</t>
  </si>
  <si>
    <t>EKB CK06 2004MJ</t>
  </si>
  <si>
    <t>5702329744348</t>
  </si>
  <si>
    <t>Kombi-Eind.R. Bibers. EKB CK06 2004MJ</t>
  </si>
  <si>
    <t>EKB CK06 2006MJ</t>
  </si>
  <si>
    <t>5702329744362</t>
  </si>
  <si>
    <t>Kombi-Eind.R. Bibers. EKB CK06 2006MJ</t>
  </si>
  <si>
    <t>EKB FK08 2004ME</t>
  </si>
  <si>
    <t>5702329744638</t>
  </si>
  <si>
    <t>Kombi-Eind.R. Bibers. EKB FK08 2004ME</t>
  </si>
  <si>
    <t>EKB FK08 2004MJ</t>
  </si>
  <si>
    <t>5702329744645</t>
  </si>
  <si>
    <t>Kombi-Eind.R. Bibers. EKB FK08 2004MJ</t>
  </si>
  <si>
    <t>EKB FK08 2006ME</t>
  </si>
  <si>
    <t>5702329744652</t>
  </si>
  <si>
    <t>Kombi-Eind.R. Bibers. EKB FK08 2006ME</t>
  </si>
  <si>
    <t>EKB FK08 2006MJ</t>
  </si>
  <si>
    <t>5702329744669</t>
  </si>
  <si>
    <t>Kombi-Eind.R. Bibers. EKB FK08 2006MJ</t>
  </si>
  <si>
    <t>EKB MK10 2006MJ</t>
  </si>
  <si>
    <t>5702329745062</t>
  </si>
  <si>
    <t>Kombi-Eind.R. Bibers. EKB MK10 2006MJ</t>
  </si>
  <si>
    <t>EKB MK10 2007MJ</t>
  </si>
  <si>
    <t>5702329745086</t>
  </si>
  <si>
    <t>Kombi-Eind.R. Bibers. EKB MK10 2007MJ</t>
  </si>
  <si>
    <t>EKB PK06 2004MJ</t>
  </si>
  <si>
    <t>5702329745147</t>
  </si>
  <si>
    <t>Kombi-Eind.R. Bibers. EKB PK06 2004MJ</t>
  </si>
  <si>
    <t>EKB SK08 2004MJ</t>
  </si>
  <si>
    <t>5702329745543</t>
  </si>
  <si>
    <t>Kombi-Eind.R. Bibers. EKB SK08 2004MJ</t>
  </si>
  <si>
    <t>EKB SK10 2001M</t>
  </si>
  <si>
    <t>5702329745604</t>
  </si>
  <si>
    <t>Kombi-Eind.R. Bibers. EKB SK10 2001M</t>
  </si>
  <si>
    <t>EKB SK10 2004MJ</t>
  </si>
  <si>
    <t>5702329745642</t>
  </si>
  <si>
    <t>Kombi-Eind.R. Bibers. EKB SK10 2004MJ</t>
  </si>
  <si>
    <t>EKB SK10 2006MJ</t>
  </si>
  <si>
    <t>5702329745666</t>
  </si>
  <si>
    <t>Kombi-Eind.R. Bibers. EKB SK10 2006MJ</t>
  </si>
  <si>
    <t>EKB SK10 2007ME</t>
  </si>
  <si>
    <t>5702329745673</t>
  </si>
  <si>
    <t>Kombi-Eind.R. Bibers. EKB SK10 2007ME</t>
  </si>
  <si>
    <t>EKB UK04 2001M</t>
  </si>
  <si>
    <t>5702329745703</t>
  </si>
  <si>
    <t>Kombi-Eind.R. Bibers. EKB UK04 2001M</t>
  </si>
  <si>
    <t>EKB UK04 2004ME</t>
  </si>
  <si>
    <t>5702329745734</t>
  </si>
  <si>
    <t>Kombi-Eind.R. Bibers. EKB UK04 2004ME</t>
  </si>
  <si>
    <t>EKB UK04 2006ME</t>
  </si>
  <si>
    <t>5702329745758</t>
  </si>
  <si>
    <t>Kombi-Eind.R. Bibers. EKB UK04 2006ME</t>
  </si>
  <si>
    <t>EKB UK04 2007ME</t>
  </si>
  <si>
    <t>5702329745772</t>
  </si>
  <si>
    <t>Kombi-Eind.R. Bibers. EKB UK04 2007ME</t>
  </si>
  <si>
    <t>EKB UK08 2001M</t>
  </si>
  <si>
    <t>5702329745802</t>
  </si>
  <si>
    <t>Kombi-Eind.R. Bibers. EKB UK08 2001M</t>
  </si>
  <si>
    <t>EKB UK08 2002M</t>
  </si>
  <si>
    <t>5702329745819</t>
  </si>
  <si>
    <t>Kombi-Eind.R. Bibers. EKB UK08 2002M</t>
  </si>
  <si>
    <t>EKB UK08 2004ME</t>
  </si>
  <si>
    <t>5702329745833</t>
  </si>
  <si>
    <t>Kombi-Eind.R. Bibers. EKB UK08 2004ME</t>
  </si>
  <si>
    <t>EKB UK08 2007MJ</t>
  </si>
  <si>
    <t>5702329745888</t>
  </si>
  <si>
    <t>Kombi-Eind.R. Bibers. EKB UK08 2007MJ</t>
  </si>
  <si>
    <t>EKB UK10 2004ME</t>
  </si>
  <si>
    <t>5702329745932</t>
  </si>
  <si>
    <t>Kombi-Eind.R. Bibers. EKB UK10 2004ME</t>
  </si>
  <si>
    <t>EKB UK10 2004MJ</t>
  </si>
  <si>
    <t>5702329745949</t>
  </si>
  <si>
    <t>Kombi-Eind.R. Bibers. EKB UK10 2004MJ</t>
  </si>
  <si>
    <t>EKB UK10 2006ME</t>
  </si>
  <si>
    <t>5702329745956</t>
  </si>
  <si>
    <t>Kombi-Eind.R. Bibers. EKB UK10 2006ME</t>
  </si>
  <si>
    <t>EKB UK10 2006MJ</t>
  </si>
  <si>
    <t>5702329745963</t>
  </si>
  <si>
    <t>Kombi-Eind.R. Bibers. EKB UK10 2006MJ</t>
  </si>
  <si>
    <t>EKE CK02 2101M</t>
  </si>
  <si>
    <t>5702329746007</t>
  </si>
  <si>
    <t>VX K-Eind.-R. 10-16 EKE CK02 2101M</t>
  </si>
  <si>
    <t>EKE CK02 2102M</t>
  </si>
  <si>
    <t>5702329746014</t>
  </si>
  <si>
    <t>VX K-Eind.-R. 10-16 EKE CK02 2102M</t>
  </si>
  <si>
    <t>EKE CK02 2103M</t>
  </si>
  <si>
    <t>5702329746021</t>
  </si>
  <si>
    <t>VX K-Eind.-R. EKE CK02 2103M</t>
  </si>
  <si>
    <t>EKE CK02 2104ME</t>
  </si>
  <si>
    <t>5702329746038</t>
  </si>
  <si>
    <t>VX K-Eind.-R. 10-16/10 EKE CK02 2104ME</t>
  </si>
  <si>
    <t>EKE CK02 2104MJ</t>
  </si>
  <si>
    <t>5702329746045</t>
  </si>
  <si>
    <t>VX K-Eind.-R. 10-16/25 EKE CK02 2104MJ</t>
  </si>
  <si>
    <t>EKE CK02 2105ME</t>
  </si>
  <si>
    <t>5702329746052</t>
  </si>
  <si>
    <t>VX K-Eind.-R. 10-16/10 EKE CK02 2105ME</t>
  </si>
  <si>
    <t>EKE CK02 2105MJ</t>
  </si>
  <si>
    <t>5702329746069</t>
  </si>
  <si>
    <t>VX K-Eind.-R. 10-16/25 EKE CK02 2105MJ</t>
  </si>
  <si>
    <t>EKE CK02 2106ME</t>
  </si>
  <si>
    <t>5702329746076</t>
  </si>
  <si>
    <t>VX K-Eind.-R. /10cm EKE CK02 2106ME</t>
  </si>
  <si>
    <t>EKE CK02 2106MJ</t>
  </si>
  <si>
    <t>5702329746083</t>
  </si>
  <si>
    <t>VX K-Eind.-R. /25cm EKE CK02 2106MJ</t>
  </si>
  <si>
    <t>EKE CK02 2107ME</t>
  </si>
  <si>
    <t>5702329746090</t>
  </si>
  <si>
    <t>VX K-Eind.-R. /10cm EKE CK02 2107ME</t>
  </si>
  <si>
    <t>EKE CK02 2107MJ</t>
  </si>
  <si>
    <t>5702329746106</t>
  </si>
  <si>
    <t>VX K-Eind.-R. /25cm EKE CK02 2107MJ</t>
  </si>
  <si>
    <t>EKE CK02 2302M</t>
  </si>
  <si>
    <t>5702329746120</t>
  </si>
  <si>
    <t>VX K-Eind.-R. 10-16 EKE CK02 2302M</t>
  </si>
  <si>
    <t>EKE CK02 2304ME</t>
  </si>
  <si>
    <t>5702329746144</t>
  </si>
  <si>
    <t>VX K-Eind.-R. 10-16/10 EKE CK02 2304ME</t>
  </si>
  <si>
    <t>EKE CK02 2305ME</t>
  </si>
  <si>
    <t>5702329746168</t>
  </si>
  <si>
    <t>VX K-Eind.-R. 10-16/10 EKE CK02 2305ME</t>
  </si>
  <si>
    <t>EKE CK02 2305MJ</t>
  </si>
  <si>
    <t>5702329746175</t>
  </si>
  <si>
    <t>VX K-Eind.-R. 10-16/25 EKE CK02 2305MJ</t>
  </si>
  <si>
    <t>EKE CK02 2306ME</t>
  </si>
  <si>
    <t>5702329746182</t>
  </si>
  <si>
    <t>VX K-Eind.-R. /10cm EKE CK02 2306ME</t>
  </si>
  <si>
    <t>EKE CK02 2307MJ</t>
  </si>
  <si>
    <t>5702329746212</t>
  </si>
  <si>
    <t>VX K-Eind.-R. /25cm EKE CK02 2307MJ</t>
  </si>
  <si>
    <t>EKE CK04 2104ME</t>
  </si>
  <si>
    <t>5702329746250</t>
  </si>
  <si>
    <t>VX K-Eind.-R. 10-16/10 EKE CK04 2104ME</t>
  </si>
  <si>
    <t>EKE CK04 2104MJ</t>
  </si>
  <si>
    <t>5702329746267</t>
  </si>
  <si>
    <t>VX K-Eind.-R. 10-16/25 EKE CK04 2104MJ</t>
  </si>
  <si>
    <t>EKE CK04 2105ME</t>
  </si>
  <si>
    <t>5702329746274</t>
  </si>
  <si>
    <t>VX K-Eind.-R. 10-16/10 EKE CK04 2105ME</t>
  </si>
  <si>
    <t>EKE CK04 2105MJ</t>
  </si>
  <si>
    <t>5702329746281</t>
  </si>
  <si>
    <t>VX K-Eind.-R. 10-16/25 EKE CK04 2105MJ</t>
  </si>
  <si>
    <t>EKE CK04 2106ME</t>
  </si>
  <si>
    <t>5702329746298</t>
  </si>
  <si>
    <t>VX K-Eind.-R. /10cm EKE CK04 2106ME</t>
  </si>
  <si>
    <t>EKE CK04 2106MJ</t>
  </si>
  <si>
    <t>5702329746304</t>
  </si>
  <si>
    <t>VX K-Eind.-R. /25cm EKE CK04 2106MJ</t>
  </si>
  <si>
    <t>EKE CK04 2107ME</t>
  </si>
  <si>
    <t>5702329746311</t>
  </si>
  <si>
    <t>VX K-Eind.-R. /10cm EKE CK04 2107ME</t>
  </si>
  <si>
    <t>EKE CK04 2304MJ</t>
  </si>
  <si>
    <t>5702329746373</t>
  </si>
  <si>
    <t>VX K-Eind.-R. 10-16/25 EKE CK04 2304MJ</t>
  </si>
  <si>
    <t>EKE CK04 2305MJ</t>
  </si>
  <si>
    <t>5702329746397</t>
  </si>
  <si>
    <t>VX K-Eind.-R. 10-16/25 EKE CK04 2305MJ</t>
  </si>
  <si>
    <t>EKE CK04 2306MJ</t>
  </si>
  <si>
    <t>5702329746410</t>
  </si>
  <si>
    <t>VX K-Eind.-R. /25cm EKE CK04 2306MJ</t>
  </si>
  <si>
    <t>EKE CK06 2101M</t>
  </si>
  <si>
    <t>5702329746441</t>
  </si>
  <si>
    <t>VX K-Eind.-R. 10-16 EKE CK06 2101M</t>
  </si>
  <si>
    <t>EKE CK06 2102M</t>
  </si>
  <si>
    <t>5702329746458</t>
  </si>
  <si>
    <t>VX K-Eind.-R. 10-16 EKE CK06 2102M</t>
  </si>
  <si>
    <t>EKE CK06 2103M</t>
  </si>
  <si>
    <t>5702329746465</t>
  </si>
  <si>
    <t>VX K-Eind.-R. EKE CK06 2103M</t>
  </si>
  <si>
    <t>EKE CK06 2104ME</t>
  </si>
  <si>
    <t>5702329746472</t>
  </si>
  <si>
    <t>VX K-Eind.-R. 10-16/10 EKE CK06 2104ME</t>
  </si>
  <si>
    <t>EKE CK06 2104MJ</t>
  </si>
  <si>
    <t>5702329746489</t>
  </si>
  <si>
    <t>VX K-Eind.-R. 10-16/25 EKE CK06 2104MJ</t>
  </si>
  <si>
    <t>EKE CK06 2105ME</t>
  </si>
  <si>
    <t>5702329746496</t>
  </si>
  <si>
    <t>VX K-Eind.-R. 10-16/10 EKE CK06 2105ME</t>
  </si>
  <si>
    <t>EKE CK06 2105MJ</t>
  </si>
  <si>
    <t>5702329746502</t>
  </si>
  <si>
    <t>VX K-Eind.-R. 10-16/25 EKE CK06 2105MJ</t>
  </si>
  <si>
    <t>EKE CK06 2106ME</t>
  </si>
  <si>
    <t>5702329746519</t>
  </si>
  <si>
    <t>VX K-Eind.-R. /10cm EKE CK06 2106ME</t>
  </si>
  <si>
    <t>EKE CK06 2106MJ</t>
  </si>
  <si>
    <t>5702329746526</t>
  </si>
  <si>
    <t>VX K-Eind.-R. /25cm EKE CK06 2106MJ</t>
  </si>
  <si>
    <t>EKE CK06 2107ME</t>
  </si>
  <si>
    <t>5702329746533</t>
  </si>
  <si>
    <t>VX K-Eind.-R. /10cm EKE CK06 2107ME</t>
  </si>
  <si>
    <t>EKE CK06 2302M</t>
  </si>
  <si>
    <t>5702329746564</t>
  </si>
  <si>
    <t>VX K-Eind.-R. 10-16 EKE CK06 2302M</t>
  </si>
  <si>
    <t>EKE CK06 2304ME</t>
  </si>
  <si>
    <t>5702329746588</t>
  </si>
  <si>
    <t>VX K-Eind.-R. 10-16/10 EKE CK06 2304ME</t>
  </si>
  <si>
    <t>EKE CK06 2304MJ</t>
  </si>
  <si>
    <t>5702329746595</t>
  </si>
  <si>
    <t>VX K-Eind.-R. 10-16/25 EKE CK06 2304MJ</t>
  </si>
  <si>
    <t>EKE CK06 2305ME</t>
  </si>
  <si>
    <t>5702329746601</t>
  </si>
  <si>
    <t>VX K-Eind.-R. 10-16/10 EKE CK06 2305ME</t>
  </si>
  <si>
    <t>EKE CK06 2305MJ</t>
  </si>
  <si>
    <t>5702329746618</t>
  </si>
  <si>
    <t>VX K-Eind.-R. 10-16/25 EKE CK06 2305MJ</t>
  </si>
  <si>
    <t>EKE CK06 2306ME</t>
  </si>
  <si>
    <t>5702329746625</t>
  </si>
  <si>
    <t>VX K-Eind.-R. /10cm EKE CK06 2306ME</t>
  </si>
  <si>
    <t>EKE CK06 2306MJ</t>
  </si>
  <si>
    <t>5702329746632</t>
  </si>
  <si>
    <t>VX K-Eind.-R. /25cm EKE CK06 2306MJ</t>
  </si>
  <si>
    <t>EKE FK04 2102M</t>
  </si>
  <si>
    <t>5702329746670</t>
  </si>
  <si>
    <t>VX K-Eind.-R. 10-16 EKE FK04 2102M</t>
  </si>
  <si>
    <t>EKE FK04 2104ME</t>
  </si>
  <si>
    <t>5702329746694</t>
  </si>
  <si>
    <t>VX K-Eind.-R. 10-16/10 EKE FK04 2104ME</t>
  </si>
  <si>
    <t>EKE FK04 2104MJ</t>
  </si>
  <si>
    <t>5702329746700</t>
  </si>
  <si>
    <t>VX K-Eind.-R. 10-16/25 EKE FK04 2104MJ</t>
  </si>
  <si>
    <t>EKE FK04 2105ME</t>
  </si>
  <si>
    <t>5702329746717</t>
  </si>
  <si>
    <t>VX K-Eind.-R. 10-16/10 EKE FK04 2105ME</t>
  </si>
  <si>
    <t>EKE FK04 2105MJ</t>
  </si>
  <si>
    <t>5702329746724</t>
  </si>
  <si>
    <t>VX K-Eind.-R. 10-16/25 EKE FK04 2105MJ</t>
  </si>
  <si>
    <t>EKE FK04 2106ME</t>
  </si>
  <si>
    <t>5702329746731</t>
  </si>
  <si>
    <t>VX K-Eind.-R. /10cm EKE FK04 2106ME</t>
  </si>
  <si>
    <t>EKE FK04 2106MJ</t>
  </si>
  <si>
    <t>5702329746748</t>
  </si>
  <si>
    <t>VX K-Eind.-R. /25cm EKE FK04 2106MJ</t>
  </si>
  <si>
    <t>EKE FK04 2107ME</t>
  </si>
  <si>
    <t>5702329746755</t>
  </si>
  <si>
    <t>VX K-Eind.-R. /10cm EKE FK04 2107ME</t>
  </si>
  <si>
    <t>EKE FK04 2107MJ</t>
  </si>
  <si>
    <t>5702329746762</t>
  </si>
  <si>
    <t>VX K-Eind.-R. /25cm EKE FK04 2107MJ</t>
  </si>
  <si>
    <t>EKE FK04 2304ME</t>
  </si>
  <si>
    <t>5702329746809</t>
  </si>
  <si>
    <t>VX K-Eind.-R. 10-16/10 EKE FK04 2304ME</t>
  </si>
  <si>
    <t>EKE FK04 2304MJ</t>
  </si>
  <si>
    <t>5702329746816</t>
  </si>
  <si>
    <t>VX K-Eind.-R. 10-16/25 EKE FK04 2304MJ</t>
  </si>
  <si>
    <t>EKE FK04 2305ME</t>
  </si>
  <si>
    <t>5702329746823</t>
  </si>
  <si>
    <t>VX K-Eind.-R. 10-16/10 EKE FK04 2305ME</t>
  </si>
  <si>
    <t>EKE FK04 2305MJ</t>
  </si>
  <si>
    <t>5702329746830</t>
  </si>
  <si>
    <t>VX K-Eind.-R. 10-16/25 EKE FK04 2305MJ</t>
  </si>
  <si>
    <t>EKE FK04 2306ME</t>
  </si>
  <si>
    <t>5702329746847</t>
  </si>
  <si>
    <t>VX K-Eind.-R. /10cm EKE FK04 2306ME</t>
  </si>
  <si>
    <t>EKE FK04 2306MJ</t>
  </si>
  <si>
    <t>5702329746854</t>
  </si>
  <si>
    <t>VX K-Eind.-R. /25cm EKE FK04 2306MJ</t>
  </si>
  <si>
    <t>EKE FK04 2307ME</t>
  </si>
  <si>
    <t>5702329746861</t>
  </si>
  <si>
    <t>VX K-Eind.-R. /10cm EKE FK04 2307ME</t>
  </si>
  <si>
    <t>EKE FK04 2307MJ</t>
  </si>
  <si>
    <t>5702329746878</t>
  </si>
  <si>
    <t>VX K-Eind.-R. /25cm EKE FK04 2307MJ</t>
  </si>
  <si>
    <t>EKE FK06 2101M</t>
  </si>
  <si>
    <t>5702329746885</t>
  </si>
  <si>
    <t>VX K-Eind.-R. 10-16 EKE FK06 2101M</t>
  </si>
  <si>
    <t>EKE FK06 2102M</t>
  </si>
  <si>
    <t>5702329746892</t>
  </si>
  <si>
    <t>VX K-Eind.-R. 10-16 EKE FK06 2102M</t>
  </si>
  <si>
    <t>EKE FK06 2103M</t>
  </si>
  <si>
    <t>5702329746908</t>
  </si>
  <si>
    <t>VX K-Eind.-R. EKE FK06 2103M</t>
  </si>
  <si>
    <t>EKE FK06 2104ME</t>
  </si>
  <si>
    <t>5702329746915</t>
  </si>
  <si>
    <t>VX K-Eind.-R. 10-16/10 EKE FK06 2104ME</t>
  </si>
  <si>
    <t>EKE FK06 2104MJ</t>
  </si>
  <si>
    <t>5702329746922</t>
  </si>
  <si>
    <t>VX K-Eind.-R. 10-16/25 EKE FK06 2104MJ</t>
  </si>
  <si>
    <t>EKE FK06 2105ME</t>
  </si>
  <si>
    <t>5702329746939</t>
  </si>
  <si>
    <t>VX K-Eind.-R. 10-16/10 EKE FK06 2105ME</t>
  </si>
  <si>
    <t>EKE FK06 2105MJ</t>
  </si>
  <si>
    <t>5702329746946</t>
  </si>
  <si>
    <t>VX K-Eind.-R. 10-16/25 EKE FK06 2105MJ</t>
  </si>
  <si>
    <t>EKE FK06 2106ME</t>
  </si>
  <si>
    <t>5702329746953</t>
  </si>
  <si>
    <t>VX K-Eind.-R. /10cm EKE FK06 2106ME</t>
  </si>
  <si>
    <t>EKE FK06 2106MJ</t>
  </si>
  <si>
    <t>5702329746960</t>
  </si>
  <si>
    <t>VX K-Eind.-R. /25cm EKE FK06 2106MJ</t>
  </si>
  <si>
    <t>EKE FK06 2107ME</t>
  </si>
  <si>
    <t>5702329746977</t>
  </si>
  <si>
    <t>VX K-Eind.-R. /10cm EKE FK06 2107ME</t>
  </si>
  <si>
    <t>EKE FK06 2107MJ</t>
  </si>
  <si>
    <t>5702329746984</t>
  </si>
  <si>
    <t>VX K-Eind.-R. /25cm EKE FK06 2107MJ</t>
  </si>
  <si>
    <t>EKE FK06 2305ME</t>
  </si>
  <si>
    <t>5702329747042</t>
  </si>
  <si>
    <t>VX K-Eind.-R. 10-16/10 EKE FK06 2305ME</t>
  </si>
  <si>
    <t>EKE FK08 2104ME</t>
  </si>
  <si>
    <t>5702329747134</t>
  </si>
  <si>
    <t>VX K-Eind.-R. 10-16/10 EKE FK08 2104ME</t>
  </si>
  <si>
    <t>EKE FK08 2104MJ</t>
  </si>
  <si>
    <t>5702329747141</t>
  </si>
  <si>
    <t>VX K-Eind.-R. 10-16/25 EKE FK08 2104MJ</t>
  </si>
  <si>
    <t>EKE FK08 2105ME</t>
  </si>
  <si>
    <t>5702329747158</t>
  </si>
  <si>
    <t>VX K-Eind.-R. 10-16/10 EKE FK08 2105ME</t>
  </si>
  <si>
    <t>EKE FK08 2105MJ</t>
  </si>
  <si>
    <t>5702329747165</t>
  </si>
  <si>
    <t>VX K-Eind.-R. 10-16/25 EKE FK08 2105MJ</t>
  </si>
  <si>
    <t>EKE FK08 2106ME</t>
  </si>
  <si>
    <t>5702329747172</t>
  </si>
  <si>
    <t>VX K-Eind.-R. /10cm EKE FK08 2106ME</t>
  </si>
  <si>
    <t>EKE FK08 2106MJ</t>
  </si>
  <si>
    <t>5702329747189</t>
  </si>
  <si>
    <t>VX K-Eind.-R. /25cm EKE FK08 2106MJ</t>
  </si>
  <si>
    <t>EKE FK08 2107ME</t>
  </si>
  <si>
    <t>5702329747196</t>
  </si>
  <si>
    <t>VX K-Eind.-R. /10cm EKE FK08 2107ME</t>
  </si>
  <si>
    <t>EKE FK08 2107MJ</t>
  </si>
  <si>
    <t>5702329747202</t>
  </si>
  <si>
    <t>VX K-Eind.-R. /25cm EKE FK08 2107MJ</t>
  </si>
  <si>
    <t>EKE FK08 2302M</t>
  </si>
  <si>
    <t>5702329747226</t>
  </si>
  <si>
    <t>VX K-Eind.-R. 10-16 EKE FK08 2302M</t>
  </si>
  <si>
    <t>EKE FK08 2304ME</t>
  </si>
  <si>
    <t>5702329747240</t>
  </si>
  <si>
    <t>VX K-Eind.-R. 10-16/10 EKE FK08 2304ME</t>
  </si>
  <si>
    <t>EKE FK08 2304MJ</t>
  </si>
  <si>
    <t>5702329747257</t>
  </si>
  <si>
    <t>VX K-Eind.-R. 10-16/25 EKE FK08 2304MJ</t>
  </si>
  <si>
    <t>EKE FK08 2305ME</t>
  </si>
  <si>
    <t>5702329747264</t>
  </si>
  <si>
    <t>VX K-Eind.-R. 10-16/10 EKE FK08 2305ME</t>
  </si>
  <si>
    <t>EKE FK08 2305MJ</t>
  </si>
  <si>
    <t>5702329747271</t>
  </si>
  <si>
    <t>VX K-Eind.-R. 10-16/25 EKE FK08 2305MJ</t>
  </si>
  <si>
    <t>EKE FK08 2306ME</t>
  </si>
  <si>
    <t>5702329747288</t>
  </si>
  <si>
    <t>VX K-Eind.-R. /10cm EKE FK08 2306ME</t>
  </si>
  <si>
    <t>EKE FK08 2306MJ</t>
  </si>
  <si>
    <t>5702329747295</t>
  </si>
  <si>
    <t>VX K-Eind.-R. /25cm EKE FK08 2306MJ</t>
  </si>
  <si>
    <t>EKE FK08 2307MJ</t>
  </si>
  <si>
    <t>5702329747318</t>
  </si>
  <si>
    <t>VX K-Eind.-R. /25cm EKE FK08 2307MJ</t>
  </si>
  <si>
    <t>EKE MK04 2104ME</t>
  </si>
  <si>
    <t>5702329747356</t>
  </si>
  <si>
    <t>VX K-Eind.-R. 10-16/10 EKE MK04 2104ME</t>
  </si>
  <si>
    <t>EKE MK04 2104MJ</t>
  </si>
  <si>
    <t>5702329747363</t>
  </si>
  <si>
    <t>VX K-Eind.-R. 10-16/25 EKE MK04 2104MJ</t>
  </si>
  <si>
    <t>EKE MK04 2105ME</t>
  </si>
  <si>
    <t>5702329747370</t>
  </si>
  <si>
    <t>VX K-Eind.-R. 10-16/10 EKE MK04 2105ME</t>
  </si>
  <si>
    <t>EKE MK04 2105MJ</t>
  </si>
  <si>
    <t>5702329747387</t>
  </si>
  <si>
    <t>VX K-Eind.-R. 10-16/25 EKE MK04 2105MJ</t>
  </si>
  <si>
    <t>EKE MK04 2106ME</t>
  </si>
  <si>
    <t>5702329747394</t>
  </si>
  <si>
    <t>VX K-Eind.-R. /10cm EKE MK04 2106ME</t>
  </si>
  <si>
    <t>EKE MK04 2106MJ</t>
  </si>
  <si>
    <t>5702329747400</t>
  </si>
  <si>
    <t>VX K-Eind.-R. /25cm EKE MK04 2106MJ</t>
  </si>
  <si>
    <t>EKE MK04 2107ME</t>
  </si>
  <si>
    <t>5702329747417</t>
  </si>
  <si>
    <t>VX K-Eind.-R. /10cm EKE MK04 2107ME</t>
  </si>
  <si>
    <t>EKE MK04 2107MJ</t>
  </si>
  <si>
    <t>5702329747424</t>
  </si>
  <si>
    <t>VX K-Eind.-R. /25cm EKE MK04 2107MJ</t>
  </si>
  <si>
    <t>EKE MK04 2305ME</t>
  </si>
  <si>
    <t>5702329747486</t>
  </si>
  <si>
    <t>VX K-Eind.-R. 10-16/10 EKE MK04 2305ME</t>
  </si>
  <si>
    <t>EKE MK04 2306ME</t>
  </si>
  <si>
    <t>5702329747509</t>
  </si>
  <si>
    <t>VX K-Eind.-R. /10cm EKE MK04 2306ME</t>
  </si>
  <si>
    <t>EKE MK04 2307MJ</t>
  </si>
  <si>
    <t>5702329747530</t>
  </si>
  <si>
    <t>VX K-Eind.-R. /25cm EKE MK04 2307MJ</t>
  </si>
  <si>
    <t>EKE MK06 2104ME</t>
  </si>
  <si>
    <t>5702329747578</t>
  </si>
  <si>
    <t>VX K-Eind.-R. 10-16/10 EKE MK06 2104ME</t>
  </si>
  <si>
    <t>EKE MK06 2105ME</t>
  </si>
  <si>
    <t>5702329747592</t>
  </si>
  <si>
    <t>VX K-Eind.-R. 10-16/10 EKE MK06 2105ME</t>
  </si>
  <si>
    <t>EKE MK06 2106ME</t>
  </si>
  <si>
    <t>5702329747615</t>
  </si>
  <si>
    <t>VX K-Eind.-R. /10cm EKE MK06 2106ME</t>
  </si>
  <si>
    <t>EKE MK06 2107ME</t>
  </si>
  <si>
    <t>5702329747639</t>
  </si>
  <si>
    <t>VX K-Eind.-R. /10cm EKE MK06 2107ME</t>
  </si>
  <si>
    <t>EKE MK06 2107MJ</t>
  </si>
  <si>
    <t>5702329747646</t>
  </si>
  <si>
    <t>VX K-Eind.-R. /25cm EKE MK06 2107MJ</t>
  </si>
  <si>
    <t>EKE MK06 2305ME</t>
  </si>
  <si>
    <t>5702329747707</t>
  </si>
  <si>
    <t>VX K-Eind.-R. 10-16/10 EKE MK06 2305ME</t>
  </si>
  <si>
    <t>EKE MK06 2307MJ</t>
  </si>
  <si>
    <t>5702329747752</t>
  </si>
  <si>
    <t>VX K-Eind.-R. /25cm EKE MK06 2307MJ</t>
  </si>
  <si>
    <t>EKE MK08 2104MJ</t>
  </si>
  <si>
    <t>5702329747806</t>
  </si>
  <si>
    <t>VX K-Eind.-R. 10-16/25 EKE MK08 2104MJ</t>
  </si>
  <si>
    <t>EKE MK08 2105ME</t>
  </si>
  <si>
    <t>5702329747813</t>
  </si>
  <si>
    <t>VX K-Eind.-R. 10-16/10 EKE MK08 2105ME</t>
  </si>
  <si>
    <t>EKE MK08 2105MJ</t>
  </si>
  <si>
    <t>5702329747820</t>
  </si>
  <si>
    <t>VX K-Eind.-R. 10-16/25 EKE MK08 2105MJ</t>
  </si>
  <si>
    <t>EKE MK08 2106MJ</t>
  </si>
  <si>
    <t>5702329747844</t>
  </si>
  <si>
    <t>VX K-Eind.-R. /25cm EKE MK08 2106MJ</t>
  </si>
  <si>
    <t>EKE MK08 2107ME</t>
  </si>
  <si>
    <t>5702329747851</t>
  </si>
  <si>
    <t>VX K-Eind.-R. /10cm EKE MK08 2107ME</t>
  </si>
  <si>
    <t>EKE MK08 2107MJ</t>
  </si>
  <si>
    <t>5702329747868</t>
  </si>
  <si>
    <t>VX K-Eind.-R. /25cm EKE MK08 2107MJ</t>
  </si>
  <si>
    <t>EKE MK08 2304ME</t>
  </si>
  <si>
    <t>5702329747905</t>
  </si>
  <si>
    <t>VX K-Eind.-R. 10-16/10 EKE MK08 2304ME</t>
  </si>
  <si>
    <t>EKE MK08 2304MJ</t>
  </si>
  <si>
    <t>5702329747912</t>
  </si>
  <si>
    <t>VX K-Eind.-R. 10-16/25 EKE MK08 2304MJ</t>
  </si>
  <si>
    <t>EKE MK08 2305ME</t>
  </si>
  <si>
    <t>5702329747929</t>
  </si>
  <si>
    <t>VX K-Eind.-R. 10-16/10 EKE MK08 2305ME</t>
  </si>
  <si>
    <t>EKE MK08 2305MJ</t>
  </si>
  <si>
    <t>5702329747936</t>
  </si>
  <si>
    <t>VX K-Eind.-R. 10-16/25 EKE MK08 2305MJ</t>
  </si>
  <si>
    <t>EKE MK08 2306ME</t>
  </si>
  <si>
    <t>5702329747943</t>
  </si>
  <si>
    <t>VX K-Eind.-R. /10cm EKE MK08 2306ME</t>
  </si>
  <si>
    <t>EKE MK08 2306MJ</t>
  </si>
  <si>
    <t>5702329747950</t>
  </si>
  <si>
    <t>VX K-Eind.-R. /25cm EKE MK08 2306MJ</t>
  </si>
  <si>
    <t>EKE MK08 2307MJ</t>
  </si>
  <si>
    <t>5702329747974</t>
  </si>
  <si>
    <t>VX K-Eind.-R. /25cm EKE MK08 2307MJ</t>
  </si>
  <si>
    <t>EKE MK10 2104ME</t>
  </si>
  <si>
    <t>5702329748018</t>
  </si>
  <si>
    <t>VX K-Eind.-R. 10-16/10 EKE MK10 2104ME</t>
  </si>
  <si>
    <t>EKE MK10 2104MJ</t>
  </si>
  <si>
    <t>5702329748025</t>
  </si>
  <si>
    <t>VX K-Eind.-R. 10-16/25 EKE MK10 2104MJ</t>
  </si>
  <si>
    <t>EKE MK10 2105ME</t>
  </si>
  <si>
    <t>5702329748032</t>
  </si>
  <si>
    <t>VX K-Eind.-R. 10-16/10 EKE MK10 2105ME</t>
  </si>
  <si>
    <t>EKE MK10 2105MJ</t>
  </si>
  <si>
    <t>5702329748049</t>
  </si>
  <si>
    <t>VX K-Eind.-R. 10-16/25 EKE MK10 2105MJ</t>
  </si>
  <si>
    <t>EKE MK10 2106ME</t>
  </si>
  <si>
    <t>5702329748056</t>
  </si>
  <si>
    <t>VX K-Eind.-R. /10cm EKE MK10 2106ME</t>
  </si>
  <si>
    <t>EKE MK10 2106MJ</t>
  </si>
  <si>
    <t>5702329748063</t>
  </si>
  <si>
    <t>VX K-Eind.-R. /25cm EKE MK10 2106MJ</t>
  </si>
  <si>
    <t>EKE MK10 2107ME</t>
  </si>
  <si>
    <t>5702329748070</t>
  </si>
  <si>
    <t>VX K-Eind.-R. /10cm EKE MK10 2107ME</t>
  </si>
  <si>
    <t>EKE MK10 2107MJ</t>
  </si>
  <si>
    <t>5702329748087</t>
  </si>
  <si>
    <t>VX K-Eind.-R. /25cm EKE MK10 2107MJ</t>
  </si>
  <si>
    <t>EKE MK10 2305ME</t>
  </si>
  <si>
    <t>5702329748148</t>
  </si>
  <si>
    <t>VX K-Eind.-R. 10-16/10 EKE MK10 2305ME</t>
  </si>
  <si>
    <t>EKE MK10 2307ME</t>
  </si>
  <si>
    <t>5702329748186</t>
  </si>
  <si>
    <t>VX K-Eind.-R. /10cm EKE MK10 2307ME</t>
  </si>
  <si>
    <t>EKE MK10 2307MJ</t>
  </si>
  <si>
    <t>5702329748193</t>
  </si>
  <si>
    <t>VX K-Eind.-R. /25cm EKE MK10 2307MJ</t>
  </si>
  <si>
    <t>EKE MK12 2101M</t>
  </si>
  <si>
    <t>5702329748209</t>
  </si>
  <si>
    <t>VX K-Eind.-R. 10-16 EKE MK12 2101M</t>
  </si>
  <si>
    <t>EKE MK12 2103M</t>
  </si>
  <si>
    <t>5702329748216</t>
  </si>
  <si>
    <t>VX K-Eind.-R. EKE MK12 2103M</t>
  </si>
  <si>
    <t>EKE MK12 2301M</t>
  </si>
  <si>
    <t>5702329748223</t>
  </si>
  <si>
    <t>VX K-Eind.-R. 10-16 EKE MK12 2301M</t>
  </si>
  <si>
    <t>EKE MK12 2303M</t>
  </si>
  <si>
    <t>5702329748230</t>
  </si>
  <si>
    <t>VX K-Eind.-R. EKE MK12 2303M</t>
  </si>
  <si>
    <t>EKE PK06 2101M</t>
  </si>
  <si>
    <t>5702329748285</t>
  </si>
  <si>
    <t>VX K-Eind.-R. 10-16 EKE PK06 2101M</t>
  </si>
  <si>
    <t>EKE PK06 2102M</t>
  </si>
  <si>
    <t>5702329748292</t>
  </si>
  <si>
    <t>VX K-Eind.-R. 10-16 EKE PK06 2102M</t>
  </si>
  <si>
    <t>EKE PK06 2104ME</t>
  </si>
  <si>
    <t>5702329748315</t>
  </si>
  <si>
    <t>VX K-Eind.-R. 10-16/10 EKE PK06 2104ME</t>
  </si>
  <si>
    <t>EKE PK06 2104MJ</t>
  </si>
  <si>
    <t>5702329748322</t>
  </si>
  <si>
    <t>VX K-Eind.-R. 10-16/25 EKE PK06 2104MJ</t>
  </si>
  <si>
    <t>EKE PK06 2105ME</t>
  </si>
  <si>
    <t>5702329748339</t>
  </si>
  <si>
    <t>VX K-Eind.-R. 10-16/10 EKE PK06 2105ME</t>
  </si>
  <si>
    <t>EKE PK06 2105MJ</t>
  </si>
  <si>
    <t>5702329748346</t>
  </si>
  <si>
    <t>VX K-Eind.-R. 10-16/25 EKE PK06 2105MJ</t>
  </si>
  <si>
    <t>EKE PK06 2106ME</t>
  </si>
  <si>
    <t>5702329748353</t>
  </si>
  <si>
    <t>VX K-Eind.-R. /10cm EKE PK06 2106ME</t>
  </si>
  <si>
    <t>EKE PK06 2106MJ</t>
  </si>
  <si>
    <t>5702329748360</t>
  </si>
  <si>
    <t>VX K-Eind.-R. /25cm EKE PK06 2106MJ</t>
  </si>
  <si>
    <t>EKE PK06 2107ME</t>
  </si>
  <si>
    <t>5702329748377</t>
  </si>
  <si>
    <t>VX K-Eind.-R. /10cm EKE PK06 2107ME</t>
  </si>
  <si>
    <t>EKE PK06 2107MJ</t>
  </si>
  <si>
    <t>5702329748384</t>
  </si>
  <si>
    <t>VX K-Eind.-R. /25cm EKE PK06 2107MJ</t>
  </si>
  <si>
    <t>EKE PK06 2304MJ</t>
  </si>
  <si>
    <t>5702329748438</t>
  </si>
  <si>
    <t>VX K-Eind.-R. 10-16/25 EKE PK06 2304MJ</t>
  </si>
  <si>
    <t>EKE PK06 2305ME</t>
  </si>
  <si>
    <t>5702329748445</t>
  </si>
  <si>
    <t>VX K-Eind.-R. 10-16/10 EKE PK06 2305ME</t>
  </si>
  <si>
    <t>EKE PK06 2305MJ</t>
  </si>
  <si>
    <t>5702329748452</t>
  </si>
  <si>
    <t>VX K-Eind.-R. 10-16/25 EKE PK06 2305MJ</t>
  </si>
  <si>
    <t>EKE PK06 2306MJ</t>
  </si>
  <si>
    <t>5702329748476</t>
  </si>
  <si>
    <t>VX K-Eind.-R. /25cm EKE PK06 2306MJ</t>
  </si>
  <si>
    <t>EKE PK06 2307MJ</t>
  </si>
  <si>
    <t>5702329748490</t>
  </si>
  <si>
    <t>VX K-Eind.-R. /25cm EKE PK06 2307MJ</t>
  </si>
  <si>
    <t>EKE PK08 2104ME</t>
  </si>
  <si>
    <t>5702329748537</t>
  </si>
  <si>
    <t>VX K-Eind.-R. 10-16/10 EKE PK08 2104ME</t>
  </si>
  <si>
    <t>EKE PK08 2104MJ</t>
  </si>
  <si>
    <t>5702329748544</t>
  </si>
  <si>
    <t>VX K-Eind.-R. 10-16/25 EKE PK08 2104MJ</t>
  </si>
  <si>
    <t>EKE PK08 2105ME</t>
  </si>
  <si>
    <t>5702329748551</t>
  </si>
  <si>
    <t>VX K-Eind.-R. 10-16/10 EKE PK08 2105ME</t>
  </si>
  <si>
    <t>EKE PK08 2105MJ</t>
  </si>
  <si>
    <t>5702329748568</t>
  </si>
  <si>
    <t>VX K-Eind.-R. 10-16/25 EKE PK08 2105MJ</t>
  </si>
  <si>
    <t>EKE PK08 2106ME</t>
  </si>
  <si>
    <t>5702329748575</t>
  </si>
  <si>
    <t>VX K-Eind.-R. /10cm EKE PK08 2106ME</t>
  </si>
  <si>
    <t>EKE PK08 2106MJ</t>
  </si>
  <si>
    <t>5702329748582</t>
  </si>
  <si>
    <t>VX K-Eind.-R. /25cm EKE PK08 2106MJ</t>
  </si>
  <si>
    <t>EKE PK08 2107MJ</t>
  </si>
  <si>
    <t>5702329748605</t>
  </si>
  <si>
    <t>VX K-Eind.-R. /25cm EKE PK08 2107MJ</t>
  </si>
  <si>
    <t>EKE PK08 2304ME</t>
  </si>
  <si>
    <t>5702329748643</t>
  </si>
  <si>
    <t>VX K-Eind.-R. 10-16/10 EKE PK08 2304ME</t>
  </si>
  <si>
    <t>EKE PK08 2304MJ</t>
  </si>
  <si>
    <t>5702329748650</t>
  </si>
  <si>
    <t>VX K-Eind.-R. 10-16/25 EKE PK08 2304MJ</t>
  </si>
  <si>
    <t>EKE PK08 2305ME</t>
  </si>
  <si>
    <t>5702329748667</t>
  </si>
  <si>
    <t>VX K-Eind.-R. 10-16/10 EKE PK08 2305ME</t>
  </si>
  <si>
    <t>EKE PK08 2305MJ</t>
  </si>
  <si>
    <t>5702329748674</t>
  </si>
  <si>
    <t>VX K-Eind.-R. 10-16/25 EKE PK08 2305MJ</t>
  </si>
  <si>
    <t>EKE PK08 2306ME</t>
  </si>
  <si>
    <t>5702329748681</t>
  </si>
  <si>
    <t>VX K-Eind.-R. /10cm EKE PK08 2306ME</t>
  </si>
  <si>
    <t>EKE PK08 2306MJ</t>
  </si>
  <si>
    <t>5702329748698</t>
  </si>
  <si>
    <t>VX K-Eind.-R. /25cm EKE PK08 2306MJ</t>
  </si>
  <si>
    <t>EKE PK08 2307MJ</t>
  </si>
  <si>
    <t>5702329748711</t>
  </si>
  <si>
    <t>VX K-Eind.-R. /25cm EKE PK08 2307MJ</t>
  </si>
  <si>
    <t>EKE PK10 2104ME</t>
  </si>
  <si>
    <t>5702329748759</t>
  </si>
  <si>
    <t>VX K-Eind.-R. 10-16/10 EKE PK10 2104ME</t>
  </si>
  <si>
    <t>EKE PK10 2104MJ</t>
  </si>
  <si>
    <t>5702329748766</t>
  </si>
  <si>
    <t>VX K-Eind.-R. 10-16/25 EKE PK10 2104MJ</t>
  </si>
  <si>
    <t>EKE PK10 2105ME</t>
  </si>
  <si>
    <t>5702329748773</t>
  </si>
  <si>
    <t>VX K-Eind.-R. 10-16/10 EKE PK10 2105ME</t>
  </si>
  <si>
    <t>EKE PK10 2105MJ</t>
  </si>
  <si>
    <t>5702329748780</t>
  </si>
  <si>
    <t>VX K-Eind.-R. 10-16/25 EKE PK10 2105MJ</t>
  </si>
  <si>
    <t>EKE PK10 2106ME</t>
  </si>
  <si>
    <t>5702329748797</t>
  </si>
  <si>
    <t>VX K-Eind.-R. /10cm EKE PK10 2106ME</t>
  </si>
  <si>
    <t>EKE PK10 2106MJ</t>
  </si>
  <si>
    <t>5702329748803</t>
  </si>
  <si>
    <t>VX K-Eind.-R. /25cm EKE PK10 2106MJ</t>
  </si>
  <si>
    <t>EKE PK10 2107ME</t>
  </si>
  <si>
    <t>5702329748810</t>
  </si>
  <si>
    <t>VX K-Eind.-R. /10cm EKE PK10 2107ME</t>
  </si>
  <si>
    <t>EKE PK10 2107MJ</t>
  </si>
  <si>
    <t>5702329748827</t>
  </si>
  <si>
    <t>VX K-Eind.-R. /25cm EKE PK10 2107MJ</t>
  </si>
  <si>
    <t>EKE PK10 2304ME</t>
  </si>
  <si>
    <t>5702329748865</t>
  </si>
  <si>
    <t>VX K-Eind.-R. 10-16/10 EKE PK10 2304ME</t>
  </si>
  <si>
    <t>EKE PK10 2304MJ</t>
  </si>
  <si>
    <t>5702329748872</t>
  </si>
  <si>
    <t>VX K-Eind.-R. 10-16/25 EKE PK10 2304MJ</t>
  </si>
  <si>
    <t>EKE PK10 2305ME</t>
  </si>
  <si>
    <t>5702329748889</t>
  </si>
  <si>
    <t>VX K-Eind.-R. 10-16/10 EKE PK10 2305ME</t>
  </si>
  <si>
    <t>EKE PK10 2305MJ</t>
  </si>
  <si>
    <t>5702329748896</t>
  </si>
  <si>
    <t>VX K-Eind.-R. 10-16/25 EKE PK10 2305MJ</t>
  </si>
  <si>
    <t>EKE PK10 2306ME</t>
  </si>
  <si>
    <t>5702329748902</t>
  </si>
  <si>
    <t>VX K-Eind.-R. /10cm EKE PK10 2306ME</t>
  </si>
  <si>
    <t>EKE PK10 2306MJ</t>
  </si>
  <si>
    <t>5702329748919</t>
  </si>
  <si>
    <t>VX K-Eind.-R. /25cm EKE PK10 2306MJ</t>
  </si>
  <si>
    <t>EKE PK10 2307ME</t>
  </si>
  <si>
    <t>5702329748926</t>
  </si>
  <si>
    <t>VX K-Eind.-R. /10cm EKE PK10 2307ME</t>
  </si>
  <si>
    <t>EKE PK10 2307MJ</t>
  </si>
  <si>
    <t>5702329748933</t>
  </si>
  <si>
    <t>VX K-Eind.-R. /25cm EKE PK10 2307MJ</t>
  </si>
  <si>
    <t>EKE SK06 2102M</t>
  </si>
  <si>
    <t>5702329748957</t>
  </si>
  <si>
    <t>VX K-Eind.-R. 10-16 EKE SK06 2102M</t>
  </si>
  <si>
    <t>EKE SK06 2104ME</t>
  </si>
  <si>
    <t>5702329748971</t>
  </si>
  <si>
    <t>VX K-Eind.-R. 10-16/10 EKE SK06 2104ME</t>
  </si>
  <si>
    <t>EKE SK06 2104MJ</t>
  </si>
  <si>
    <t>5702329748988</t>
  </si>
  <si>
    <t>VX K-Eind.-R. 10-16/25 EKE SK06 2104MJ</t>
  </si>
  <si>
    <t>EKE SK06 2105ME</t>
  </si>
  <si>
    <t>5702329748995</t>
  </si>
  <si>
    <t>VX K-Eind.-R. 10-16/10 EKE SK06 2105ME</t>
  </si>
  <si>
    <t>EKE SK06 2105MJ</t>
  </si>
  <si>
    <t>5702329749008</t>
  </si>
  <si>
    <t>VX K-Eind.-R. 10-16/25 EKE SK06 2105MJ</t>
  </si>
  <si>
    <t>EKE SK06 2106ME</t>
  </si>
  <si>
    <t>5702329749015</t>
  </si>
  <si>
    <t>VX K-Eind.-R. /10cm EKE SK06 2106ME</t>
  </si>
  <si>
    <t>EKE SK06 2106MJ</t>
  </si>
  <si>
    <t>5702329749022</t>
  </si>
  <si>
    <t>VX K-Eind.-R. /25cm EKE SK06 2106MJ</t>
  </si>
  <si>
    <t>EKE SK06 2107ME</t>
  </si>
  <si>
    <t>5702329749039</t>
  </si>
  <si>
    <t>VX K-Eind.-R. /10cm EKE SK06 2107ME</t>
  </si>
  <si>
    <t>EKE SK06 2107MJ</t>
  </si>
  <si>
    <t>5702329749046</t>
  </si>
  <si>
    <t>VX K-Eind.-R. /25cm EKE SK06 2107MJ</t>
  </si>
  <si>
    <t>EKE SK06 2304ME</t>
  </si>
  <si>
    <t>5702329749084</t>
  </si>
  <si>
    <t>VX K-Eind.-R. 10-16/10 EKE SK06 2304ME</t>
  </si>
  <si>
    <t>EKE SK06 2304MJ</t>
  </si>
  <si>
    <t>5702329749091</t>
  </si>
  <si>
    <t>VX K-Eind.-R. 10-16/25 EKE SK06 2304MJ</t>
  </si>
  <si>
    <t>EKE SK06 2305ME</t>
  </si>
  <si>
    <t>5702329749107</t>
  </si>
  <si>
    <t>VX K-Eind.-R. 10-16/10 EKE SK06 2305ME</t>
  </si>
  <si>
    <t>EKE SK06 2305MJ</t>
  </si>
  <si>
    <t>5702329749114</t>
  </si>
  <si>
    <t>VX K-Eind.-R. 10-16/25 EKE SK06 2305MJ</t>
  </si>
  <si>
    <t>EKE SK06 2306ME</t>
  </si>
  <si>
    <t>5702329749121</t>
  </si>
  <si>
    <t>VX K-Eind.-R. /10cm EKE SK06 2306ME</t>
  </si>
  <si>
    <t>EKE SK06 2306MJ</t>
  </si>
  <si>
    <t>5702329749138</t>
  </si>
  <si>
    <t>VX K-Eind.-R. /25cm EKE SK06 2306MJ</t>
  </si>
  <si>
    <t>EKE SK06 2307ME</t>
  </si>
  <si>
    <t>5702329749145</t>
  </si>
  <si>
    <t>VX K-Eind.-R. /10cm EKE SK06 2307ME</t>
  </si>
  <si>
    <t>EKE SK06 2307MJ</t>
  </si>
  <si>
    <t>5702329749152</t>
  </si>
  <si>
    <t>VX K-Eind.-R. /25cm EKE SK06 2307MJ</t>
  </si>
  <si>
    <t>EKE SK08 2104ME</t>
  </si>
  <si>
    <t>5702329749190</t>
  </si>
  <si>
    <t>VX K-Eind.-R. 10-16/10 EKE SK08 2104ME</t>
  </si>
  <si>
    <t>EKE SK08 2104MJ</t>
  </si>
  <si>
    <t>5702329749206</t>
  </si>
  <si>
    <t>VX K-Eind.-R. 10-16/25 EKE SK08 2104MJ</t>
  </si>
  <si>
    <t>EKE SK08 2105ME</t>
  </si>
  <si>
    <t>5702329749213</t>
  </si>
  <si>
    <t>VX K-Eind.-R. 10-16/10 EKE SK08 2105ME</t>
  </si>
  <si>
    <t>EKE SK08 2105MJ</t>
  </si>
  <si>
    <t>5702329749220</t>
  </si>
  <si>
    <t>VX K-Eind.-R. 10-16/25 EKE SK08 2105MJ</t>
  </si>
  <si>
    <t>EKE SK08 2106ME</t>
  </si>
  <si>
    <t>5702329749237</t>
  </si>
  <si>
    <t>VX K-Eind.-R. /10cm EKE SK08 2106ME</t>
  </si>
  <si>
    <t>EKE SK08 2106MJ</t>
  </si>
  <si>
    <t>5702329749244</t>
  </si>
  <si>
    <t>VX K-Eind.-R. /25cm EKE SK08 2106MJ</t>
  </si>
  <si>
    <t>EKE SK08 2107ME</t>
  </si>
  <si>
    <t>5702329749251</t>
  </si>
  <si>
    <t>VX K-Eind.-R. /10cm EKE SK08 2107ME</t>
  </si>
  <si>
    <t>EKE SK08 2304ME</t>
  </si>
  <si>
    <t>5702329749305</t>
  </si>
  <si>
    <t>VX K-Eind.-R. 10-16/10 EKE SK08 2304ME</t>
  </si>
  <si>
    <t>EKE SK08 2305ME</t>
  </si>
  <si>
    <t>5702329749329</t>
  </si>
  <si>
    <t>VX K-Eind.-R. 10-16/10 EKE SK08 2305ME</t>
  </si>
  <si>
    <t>EKE SK08 2305MJ</t>
  </si>
  <si>
    <t>5702329749336</t>
  </si>
  <si>
    <t>VX K-Eind.-R. 10-16/25 EKE SK08 2305MJ</t>
  </si>
  <si>
    <t>EKE SK08 2306ME</t>
  </si>
  <si>
    <t>5702329749343</t>
  </si>
  <si>
    <t>VX K-Eind.-R. /10cm EKE SK08 2306ME</t>
  </si>
  <si>
    <t>EKE SK10 2105ME</t>
  </si>
  <si>
    <t>5702329749435</t>
  </si>
  <si>
    <t>VX K-Eind.-R. 10-16/10 EKE SK10 2105ME</t>
  </si>
  <si>
    <t>EKE SK10 2105MJ</t>
  </si>
  <si>
    <t>5702329749442</t>
  </si>
  <si>
    <t>VX K-Eind.-R. 10-16/25 EKE SK10 2105MJ</t>
  </si>
  <si>
    <t>EKE SK10 2107ME</t>
  </si>
  <si>
    <t>5702329749473</t>
  </si>
  <si>
    <t>VX K-Eind.-R. /10cm EKE SK10 2107ME</t>
  </si>
  <si>
    <t>EKE SK10 2107MJ</t>
  </si>
  <si>
    <t>5702329749480</t>
  </si>
  <si>
    <t>VX K-Eind.-R. /25cm EKE SK10 2107MJ</t>
  </si>
  <si>
    <t>EKE SK10 2305ME</t>
  </si>
  <si>
    <t>5702329749541</t>
  </si>
  <si>
    <t>VX K-Eind.-R. 10-16/10 EKE SK10 2305ME</t>
  </si>
  <si>
    <t>EKE SK10 2305MJ</t>
  </si>
  <si>
    <t>5702329749558</t>
  </si>
  <si>
    <t>VX K-Eind.-R. 10-16/25 EKE SK10 2305MJ</t>
  </si>
  <si>
    <t>EKE SK10 2307MJ</t>
  </si>
  <si>
    <t>5702329749596</t>
  </si>
  <si>
    <t>VX K-Eind.-R. /25cm EKE SK10 2307MJ</t>
  </si>
  <si>
    <t>EKE UK04 2101M</t>
  </si>
  <si>
    <t>5702329749602</t>
  </si>
  <si>
    <t>VX K-Eind.-R. 10-16 EKE UK04 2101M</t>
  </si>
  <si>
    <t>EKE UK04 2102M</t>
  </si>
  <si>
    <t>5702329749619</t>
  </si>
  <si>
    <t>VX K-Eind.-R. 10-16 EKE UK04 2102M</t>
  </si>
  <si>
    <t>EKE UK04 2103M</t>
  </si>
  <si>
    <t>5702329749626</t>
  </si>
  <si>
    <t>VX K-Eind.-R. EKE UK04 2103M</t>
  </si>
  <si>
    <t>EKE UK04 2104MJ</t>
  </si>
  <si>
    <t>5702329749640</t>
  </si>
  <si>
    <t>VX K-Eind.-R. 10-16/25 EKE UK04 2104MJ</t>
  </si>
  <si>
    <t>EKE UK04 2105ME</t>
  </si>
  <si>
    <t>5702329749657</t>
  </si>
  <si>
    <t>VX K-Eind.-R. 10-16/10 EKE UK04 2105ME</t>
  </si>
  <si>
    <t>EKE UK04 2105MJ</t>
  </si>
  <si>
    <t>5702329749664</t>
  </si>
  <si>
    <t>VX K-Eind.-R. 10-16/25 EKE UK04 2105MJ</t>
  </si>
  <si>
    <t>EKE UK04 2106MJ</t>
  </si>
  <si>
    <t>5702329749688</t>
  </si>
  <si>
    <t>VX K-Eind.-R. /25cm EKE UK04 2106MJ</t>
  </si>
  <si>
    <t>EKE UK04 2107ME</t>
  </si>
  <si>
    <t>5702329749695</t>
  </si>
  <si>
    <t>VX K-Eind.-R. /10cm EKE UK04 2107ME</t>
  </si>
  <si>
    <t>EKE UK04 2107MJ</t>
  </si>
  <si>
    <t>5702329749701</t>
  </si>
  <si>
    <t>VX K-Eind.-R. /25cm EKE UK04 2107MJ</t>
  </si>
  <si>
    <t>EKE UK04 2304ME</t>
  </si>
  <si>
    <t>5702329749749</t>
  </si>
  <si>
    <t>VX K-Eind.-R. 10-16/10 EKE UK04 2304ME</t>
  </si>
  <si>
    <t>EKE UK04 2304MJ</t>
  </si>
  <si>
    <t>5702329749756</t>
  </si>
  <si>
    <t>VX K-Eind.-R. 10-16/25 EKE UK04 2304MJ</t>
  </si>
  <si>
    <t>EKE UK04 2305ME</t>
  </si>
  <si>
    <t>5702329749763</t>
  </si>
  <si>
    <t>VX K-Eind.-R. 10-16/10 EKE UK04 2305ME</t>
  </si>
  <si>
    <t>EKE UK04 2305MJ</t>
  </si>
  <si>
    <t>5702329749770</t>
  </si>
  <si>
    <t>VX K-Eind.-R. 10-16/25 EKE UK04 2305MJ</t>
  </si>
  <si>
    <t>EKE UK04 2306ME</t>
  </si>
  <si>
    <t>5702329749787</t>
  </si>
  <si>
    <t>VX K-Eind.-R. /10cm EKE UK04 2306ME</t>
  </si>
  <si>
    <t>EKE UK04 2306MJ</t>
  </si>
  <si>
    <t>5702329749794</t>
  </si>
  <si>
    <t>VX K-Eind.-R. /25cm EKE UK04 2306MJ</t>
  </si>
  <si>
    <t>EKE UK04 2307ME</t>
  </si>
  <si>
    <t>5702329749800</t>
  </si>
  <si>
    <t>VX K-Eind.-R. /10cm EKE UK04 2307ME</t>
  </si>
  <si>
    <t>EKE UK04 2307MJ</t>
  </si>
  <si>
    <t>5702329749817</t>
  </si>
  <si>
    <t>VX K-Eind.-R. /25cm EKE UK04 2307MJ</t>
  </si>
  <si>
    <t>EKE UK08 2102M</t>
  </si>
  <si>
    <t>5702329749879</t>
  </si>
  <si>
    <t>VX K-Eind.-R. 10-16 EKE UK08 2102M</t>
  </si>
  <si>
    <t>EKE UK08 2104ME</t>
  </si>
  <si>
    <t>5702329749893</t>
  </si>
  <si>
    <t>VX K-Eind.-R. 10-16/10 EKE UK08 2104ME</t>
  </si>
  <si>
    <t>EKE UK08 2104MJ</t>
  </si>
  <si>
    <t>5702329749909</t>
  </si>
  <si>
    <t>VX K-Eind.-R. 10-16/25 EKE UK08 2104MJ</t>
  </si>
  <si>
    <t>EKE UK08 2105ME</t>
  </si>
  <si>
    <t>5702329749916</t>
  </si>
  <si>
    <t>VX K-Eind.-R. 10-16/10 EKE UK08 2105ME</t>
  </si>
  <si>
    <t>EKE UK08 2105MJ</t>
  </si>
  <si>
    <t>5702329749923</t>
  </si>
  <si>
    <t>VX K-Eind.-R. 10-16/25 EKE UK08 2105MJ</t>
  </si>
  <si>
    <t>EKE UK08 2106ME</t>
  </si>
  <si>
    <t>5702329749930</t>
  </si>
  <si>
    <t>VX K-Eind.-R. /10cm EKE UK08 2106ME</t>
  </si>
  <si>
    <t>EKE UK08 2106MJ</t>
  </si>
  <si>
    <t>5702329749947</t>
  </si>
  <si>
    <t>VX K-Eind.-R. /25cm EKE UK08 2106MJ</t>
  </si>
  <si>
    <t>EKE UK08 2107ME</t>
  </si>
  <si>
    <t>5702329749954</t>
  </si>
  <si>
    <t>VX K-Eind.-R. /10cm EKE UK08 2107ME</t>
  </si>
  <si>
    <t>EKE UK08 2107MJ</t>
  </si>
  <si>
    <t>5702329749961</t>
  </si>
  <si>
    <t>VX K-Eind.-R. /25cm EKE UK08 2107MJ</t>
  </si>
  <si>
    <t>EKE UK08 2304ME</t>
  </si>
  <si>
    <t>5702329750004</t>
  </si>
  <si>
    <t>VX K-Eind.-R. 10-16/10 EKE UK08 2304ME</t>
  </si>
  <si>
    <t>EKE UK08 2304MJ</t>
  </si>
  <si>
    <t>5702329750011</t>
  </si>
  <si>
    <t>VX K-Eind.-R. 10-16/25 EKE UK08 2304MJ</t>
  </si>
  <si>
    <t>EKE UK08 2305ME</t>
  </si>
  <si>
    <t>5702329750028</t>
  </si>
  <si>
    <t>VX K-Eind.-R. 10-16/10 EKE UK08 2305ME</t>
  </si>
  <si>
    <t>EKE UK08 2305MJ</t>
  </si>
  <si>
    <t>5702329750035</t>
  </si>
  <si>
    <t>VX K-Eind.-R. 10-16/25 EKE UK08 2305MJ</t>
  </si>
  <si>
    <t>EKE UK08 2306ME</t>
  </si>
  <si>
    <t>5702329750042</t>
  </si>
  <si>
    <t>VX K-Eind.-R. /10cm EKE UK08 2306ME</t>
  </si>
  <si>
    <t>EKE UK08 2306MJ</t>
  </si>
  <si>
    <t>5702329750059</t>
  </si>
  <si>
    <t>VX K-Eind.-R. /25cm EKE UK08 2306MJ</t>
  </si>
  <si>
    <t>EKE UK08 2307ME</t>
  </si>
  <si>
    <t>5702329750066</t>
  </si>
  <si>
    <t>VX K-Eind.-R. /10cm EKE UK08 2307ME</t>
  </si>
  <si>
    <t>EKE UK10 2102M</t>
  </si>
  <si>
    <t>5702329750097</t>
  </si>
  <si>
    <t>VX K-Eind.-R. 10-16 EKE UK10 2102M</t>
  </si>
  <si>
    <t>EKE UK10 2104MJ</t>
  </si>
  <si>
    <t>5702329750127</t>
  </si>
  <si>
    <t>VX K-Eind.-R. 10-16/25 EKE UK10 2104MJ</t>
  </si>
  <si>
    <t>EKE UK10 2105ME</t>
  </si>
  <si>
    <t>5702329750134</t>
  </si>
  <si>
    <t>VX K-Eind.-R. 10-16/10 EKE UK10 2105ME</t>
  </si>
  <si>
    <t>EKE UK10 2105MJ</t>
  </si>
  <si>
    <t>5702329750141</t>
  </si>
  <si>
    <t>VX K-Eind.-R. 10-16/25 EKE UK10 2105MJ</t>
  </si>
  <si>
    <t>EKE UK10 2106MJ</t>
  </si>
  <si>
    <t>5702329750165</t>
  </si>
  <si>
    <t>VX K-Eind.-R. /25cm EKE UK10 2106MJ</t>
  </si>
  <si>
    <t>EKE UK10 2107ME</t>
  </si>
  <si>
    <t>5702329750172</t>
  </si>
  <si>
    <t>VX K-Eind.-R. /10cm EKE UK10 2107ME</t>
  </si>
  <si>
    <t>EKE UK10 2107MJ</t>
  </si>
  <si>
    <t>5702329750189</t>
  </si>
  <si>
    <t>VX K-Eind.-R. /25cm EKE UK10 2107MJ</t>
  </si>
  <si>
    <t>EKE UK10 2302M</t>
  </si>
  <si>
    <t>5702329750202</t>
  </si>
  <si>
    <t>VX K-Eind.-R. 10-16 EKE UK10 2302M</t>
  </si>
  <si>
    <t>EKE UK10 2304ME</t>
  </si>
  <si>
    <t>5702329750226</t>
  </si>
  <si>
    <t>VX K-Eind.-R. 10-16/10 EKE UK10 2304ME</t>
  </si>
  <si>
    <t>EKE UK10 2305ME</t>
  </si>
  <si>
    <t>5702329750240</t>
  </si>
  <si>
    <t>VX K-Eind.-R. 10-16/10 EKE UK10 2305ME</t>
  </si>
  <si>
    <t>EKE UK10 2305MJ</t>
  </si>
  <si>
    <t>5702329750257</t>
  </si>
  <si>
    <t>VX K-Eind.-R. 10-16/25 EKE UK10 2305MJ</t>
  </si>
  <si>
    <t>EKE UK10 2306ME</t>
  </si>
  <si>
    <t>5702329750264</t>
  </si>
  <si>
    <t>VX K-Eind.-R. /10cm EKE UK10 2306ME</t>
  </si>
  <si>
    <t>EKE UK10 2307ME</t>
  </si>
  <si>
    <t>5702329750288</t>
  </si>
  <si>
    <t>VX K-Eind.-R. /10cm EKE UK10 2307ME</t>
  </si>
  <si>
    <t>EKE UK10 2307MJ</t>
  </si>
  <si>
    <t>5702329750295</t>
  </si>
  <si>
    <t>VX K-Eind.-R. /25cm EKE UK10 2307MJ</t>
  </si>
  <si>
    <t>EKJ CK02 0021E</t>
  </si>
  <si>
    <t>5702326958113</t>
  </si>
  <si>
    <t>K-ER 10 Zi. vert. EKJ CK02 0021E</t>
  </si>
  <si>
    <t>Ziegel vertieft u. li+re Alu</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0cm
----------------------------------------
Zum Einbau mehrerer Fenster in 
Lichtbändern oder Kasetten
Eindeckrahmen-Set aus Element 1 
unten links und Element 3 unten rechts</t>
  </si>
  <si>
    <t>EKJ CK02 0021F</t>
  </si>
  <si>
    <t>5702326958120</t>
  </si>
  <si>
    <t>K-ER 12 Zi. vert. EKJ CK02 0021F</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2cm
----------------------------------------
Zum Einbau mehrerer Fenster in 
Lichtbändern oder Kasetten
Eindeckrahmen-Set aus Element 1 
unten links und Element 3 unten rechts</t>
  </si>
  <si>
    <t>EKJ CK02 0021G</t>
  </si>
  <si>
    <t>5702326958137</t>
  </si>
  <si>
    <t>K-ER 14 Zi. vert. EKJ CK02 0021G</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4cm
----------------------------------------
Zum Einbau mehrerer Fenster in 
Lichtbändern oder Kasetten
Eindeckrahmen-Set aus Element 1 
unten links und Element 3 unten rechts</t>
  </si>
  <si>
    <t>EKJ CK02 2004ME</t>
  </si>
  <si>
    <t>5702329730976</t>
  </si>
  <si>
    <t>VELUX Kombi-Eindeckr. EKJ CK02 2004ME</t>
  </si>
  <si>
    <t>EKJ CK02 2006ME</t>
  </si>
  <si>
    <t>5702329730990</t>
  </si>
  <si>
    <t>VELUX Kombi-Eindeckr. EKJ CK02 2006ME</t>
  </si>
  <si>
    <t>EKJ CK02 2102M</t>
  </si>
  <si>
    <t>5702329731058</t>
  </si>
  <si>
    <t>VELUX Eindeckrahmen EKJ CK02 2102M</t>
  </si>
  <si>
    <t>EKJ CK02 2104ME</t>
  </si>
  <si>
    <t>5702329731072</t>
  </si>
  <si>
    <t>VELUX Kombi-Eindeckr. EKJ CK02 2104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10cm</t>
  </si>
  <si>
    <t>EKJ CK02 2104MJ</t>
  </si>
  <si>
    <t>5702329731089</t>
  </si>
  <si>
    <t>VELUX Kombi-Eindeckr. EKJ CK02 2104MJ</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Kupfer.
Mit flexibel einstellbarer Mittelrinne
zwischen 10 und 16cm als Abstand zum
rechts danebenliegenden Fenster
Abstand zum darunterliegenden
Fenster: 25cm</t>
  </si>
  <si>
    <t>EKJ CK02 2106ME</t>
  </si>
  <si>
    <t>5702329731096</t>
  </si>
  <si>
    <t>VELUX Kombi-Eindeckr. EKJ CK02 2106ME</t>
  </si>
  <si>
    <t>EKJ CK02 2106MJ</t>
  </si>
  <si>
    <t>5702329731102</t>
  </si>
  <si>
    <t>VELUX Kombi-Eindeckr. EKJ CK02 2106MJ</t>
  </si>
  <si>
    <t>EKJ CK02 2107MJ</t>
  </si>
  <si>
    <t>5702329731126</t>
  </si>
  <si>
    <t>VELUX Kombi-Eindeckr. EKJ CK02 2107MJ</t>
  </si>
  <si>
    <t>EKJ CK02 2301M</t>
  </si>
  <si>
    <t>5702329731133</t>
  </si>
  <si>
    <t>VELUX Kombi-Eindeckrahmen EKJ CK02 2301M</t>
  </si>
  <si>
    <t>EKJ CK02 2302M</t>
  </si>
  <si>
    <t>5702329731140</t>
  </si>
  <si>
    <t>VELUX Kombi-Eindeckrahmen EKJ CK02 2302M</t>
  </si>
  <si>
    <t>EKJ CK02 2303M</t>
  </si>
  <si>
    <t>5702329731157</t>
  </si>
  <si>
    <t>VELUX Kombi-Eindeckrahmen EKJ CK02 2303M</t>
  </si>
  <si>
    <t>EKJ CK02 2304ME</t>
  </si>
  <si>
    <t>5702329731164</t>
  </si>
  <si>
    <t>VELUX Kombi-Eindeckr. EKJ CK02 2304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Mit flexibel einstellbarer Mittelrinne
zwischen 10 und 16cm als Abstand zum
rechts danebenliegenden Fenster
Abstand zum darunterliegenden
Fenster: 10cm</t>
  </si>
  <si>
    <t>EKJ CK02 2304MJ</t>
  </si>
  <si>
    <t>5702329731171</t>
  </si>
  <si>
    <t>VELUX Kombi-Eindeckr. EKJ CK02 2304MJ</t>
  </si>
  <si>
    <t>EKJ CK02 2306ME</t>
  </si>
  <si>
    <t>5702329731188</t>
  </si>
  <si>
    <t>VELUX Kombi-Eindeckr. EKJ CK02 2306ME</t>
  </si>
  <si>
    <t>----------------------------------------
Eindeckrahmen für vertieften
Einbau.
Geeignet für Dächer mit flachem oder
profiliertem Eindeckmaterial
von 1,5 bis 9,0 cm Höhe.
Seitenteile mit doppelten
Wasser-Ableitfalzen und Schaumstoff-
Dichtungs-Profil.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
Abstand zum darunterliegenden
Fenster: 10cm</t>
  </si>
  <si>
    <t>EKJ CK02 2306MJ</t>
  </si>
  <si>
    <t>5702329731195</t>
  </si>
  <si>
    <t>VELUX Kombi-Eindeckr. EKJ CK02 2306MJ</t>
  </si>
  <si>
    <t>EKJ CK02 2307ME</t>
  </si>
  <si>
    <t>5702329731201</t>
  </si>
  <si>
    <t>VELUX Kombi-Eindeckr. EKJ CK02 2307ME</t>
  </si>
  <si>
    <t>EKJ CK02 2307MJ</t>
  </si>
  <si>
    <t>5702329731218</t>
  </si>
  <si>
    <t>VELUX Kombi-Eindeckr. EKJ CK02 2307MJ</t>
  </si>
  <si>
    <t>EKJ CK04 0021E</t>
  </si>
  <si>
    <t>5702326958502</t>
  </si>
  <si>
    <t>K-ER 10 Zi. vert. EKJ CK04 0021E</t>
  </si>
  <si>
    <t>EKJ CK04 0021F</t>
  </si>
  <si>
    <t>5702326958519</t>
  </si>
  <si>
    <t>K-ER 12 Zi. vert. EKJ CK04 0021F</t>
  </si>
  <si>
    <t>EKJ CK04 0121F</t>
  </si>
  <si>
    <t>5702327143099</t>
  </si>
  <si>
    <t>K-ER 12 Zi. vert. EKJ CK04 0121F</t>
  </si>
  <si>
    <t>Ziegel vertieft u. li+re Kupfer</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2cm</t>
  </si>
  <si>
    <t>EKJ CK04 0121H</t>
  </si>
  <si>
    <t>5702327143112</t>
  </si>
  <si>
    <t>K-ER 16 Zi. vert. EKJ CK04 0121H</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6cm</t>
  </si>
  <si>
    <t>EKJ CK04 2004ME</t>
  </si>
  <si>
    <t>5702329731317</t>
  </si>
  <si>
    <t>VELUX Kombi-Eindeckr. EKJ CK04 2004ME</t>
  </si>
  <si>
    <t>EKJ CK04 2004MJ</t>
  </si>
  <si>
    <t>5702329731324</t>
  </si>
  <si>
    <t>VELUX Kombi-Eindeckr. EKJ CK04 2004MJ</t>
  </si>
  <si>
    <t>EKJ CK04 2006ME</t>
  </si>
  <si>
    <t>5702329731331</t>
  </si>
  <si>
    <t>VELUX Kombi-Eindeckr. EKJ CK04 2006ME</t>
  </si>
  <si>
    <t>EKJ CK04 2006MJ</t>
  </si>
  <si>
    <t>5702329731348</t>
  </si>
  <si>
    <t>VELUX Kombi-Eindeckr. EKJ CK04 2006MJ</t>
  </si>
  <si>
    <t>EKJ CK04 2007MJ</t>
  </si>
  <si>
    <t>5702329731362</t>
  </si>
  <si>
    <t>VELUX Kombi-Eindeckr. EKJ CK04 2007MJ</t>
  </si>
  <si>
    <t>EKJ CK04 2102M</t>
  </si>
  <si>
    <t>5702329731393</t>
  </si>
  <si>
    <t>VELUX Eindeckrahmen EKJ CK04 2102M</t>
  </si>
  <si>
    <t>EKJ CK04 2104ME</t>
  </si>
  <si>
    <t>5702329731416</t>
  </si>
  <si>
    <t>VELUX Kombi-Eindeckr. EKJ CK04 2104ME</t>
  </si>
  <si>
    <t>EKJ CK04 2104MJ</t>
  </si>
  <si>
    <t>5702329731423</t>
  </si>
  <si>
    <t>VELUX Kombi-Eindeckr. EKJ CK04 2104MJ</t>
  </si>
  <si>
    <t>EKJ CK04 2106ME</t>
  </si>
  <si>
    <t>5702329731430</t>
  </si>
  <si>
    <t>VELUX Kombi-Eindeckr. EKJ CK04 2106ME</t>
  </si>
  <si>
    <t>EKJ CK04 2106MJ</t>
  </si>
  <si>
    <t>5702329731447</t>
  </si>
  <si>
    <t>VELUX Kombi-Eindeckr. EKJ CK04 2106MJ</t>
  </si>
  <si>
    <t>EKJ CK04 2107ME</t>
  </si>
  <si>
    <t>5702329731454</t>
  </si>
  <si>
    <t>VELUX Kombi-Eindeckr. EKJ CK04 2107ME</t>
  </si>
  <si>
    <t>EKJ CK04 2107MJ</t>
  </si>
  <si>
    <t>5702329731461</t>
  </si>
  <si>
    <t>VELUX Kombi-Eindeckr. EKJ CK04 2107MJ</t>
  </si>
  <si>
    <t>EKJ CK04 2301M</t>
  </si>
  <si>
    <t>5702329731478</t>
  </si>
  <si>
    <t>VELUX Kombi-Eindeckrahmen EKJ CK04 2301M</t>
  </si>
  <si>
    <t>EKJ CK04 2302M</t>
  </si>
  <si>
    <t>5702329731485</t>
  </si>
  <si>
    <t>VELUX Kombi-Eindeckrahmen EKJ CK04 2302M</t>
  </si>
  <si>
    <t>EKJ CK04 2303M</t>
  </si>
  <si>
    <t>5702329731492</t>
  </si>
  <si>
    <t>VELUX Kombi-Eindeckrahmen EKJ CK04 2303M</t>
  </si>
  <si>
    <t>EKJ CK04 2304ME</t>
  </si>
  <si>
    <t>5702329731508</t>
  </si>
  <si>
    <t>VELUX Kombi-Eindeckr. EKJ CK04 2304ME</t>
  </si>
  <si>
    <t>EKJ CK04 2304MJ</t>
  </si>
  <si>
    <t>5702329731515</t>
  </si>
  <si>
    <t>VELUX Kombi-Eindeckr. EKJ CK04 2304MJ</t>
  </si>
  <si>
    <t>EKJ CK04 2306ME</t>
  </si>
  <si>
    <t>5702329731522</t>
  </si>
  <si>
    <t>VELUX Kombi-Eindeckr. EKJ CK04 2306ME</t>
  </si>
  <si>
    <t>EKJ CK04 2306MJ</t>
  </si>
  <si>
    <t>5702329731539</t>
  </si>
  <si>
    <t>VELUX Kombi-Eindeckr. EKJ CK04 2306MJ</t>
  </si>
  <si>
    <t>EKJ CK04 2307ME</t>
  </si>
  <si>
    <t>5702329731546</t>
  </si>
  <si>
    <t>VELUX Kombi-Eindeckr. EKJ CK04 2307ME</t>
  </si>
  <si>
    <t>EKJ CK04 2307MJ</t>
  </si>
  <si>
    <t>5702329731553</t>
  </si>
  <si>
    <t>VELUX Kombi-Eindeckr. EKJ CK04 2307MJ</t>
  </si>
  <si>
    <t>EKJ CK06 0021E</t>
  </si>
  <si>
    <t>5702326958878</t>
  </si>
  <si>
    <t>K-ER 10 Zi. vert. EKJ CK06 0021E</t>
  </si>
  <si>
    <t>EKJ CK06 0021H</t>
  </si>
  <si>
    <t>5702326958908</t>
  </si>
  <si>
    <t>K-ER 16 Zi. vert. EKJ CK06 0021H</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6cm
----------------------------------------
Zum Einbau mehrerer Fenster in 
Lichtbändern oder Kasetten
Eindeckrahmen-Set aus Element 1 
unten links und Element 3 unten rechts</t>
  </si>
  <si>
    <t>EKJ CK06 0121H</t>
  </si>
  <si>
    <t>5702327143242</t>
  </si>
  <si>
    <t>K-ER 16 Zi. vert. EKJ CK06 0121H</t>
  </si>
  <si>
    <t>EKJ CK06 2004ME</t>
  </si>
  <si>
    <t>5702329731652</t>
  </si>
  <si>
    <t>VELUX Kombi-Eindeckr. EKJ CK06 2004ME</t>
  </si>
  <si>
    <t>EKJ CK06 2004MJ</t>
  </si>
  <si>
    <t>5702329731669</t>
  </si>
  <si>
    <t>VELUX Kombi-Eindeckr. EKJ CK06 2004MJ</t>
  </si>
  <si>
    <t>EKJ CK06 2006MJ</t>
  </si>
  <si>
    <t>5702329731683</t>
  </si>
  <si>
    <t>VELUX Kombi-Eindeckr. EKJ CK06 2006MJ</t>
  </si>
  <si>
    <t>EKJ CK06 2007MJ</t>
  </si>
  <si>
    <t>5702329731706</t>
  </si>
  <si>
    <t>VELUX Kombi-Eindeckr. EKJ CK06 2007MJ</t>
  </si>
  <si>
    <t>EKJ CK06 2102M</t>
  </si>
  <si>
    <t>5702329731737</t>
  </si>
  <si>
    <t>VELUX Kombi-Eindeckrahmen EKJ CK06 2102M</t>
  </si>
  <si>
    <t>EKJ CK06 2104ME</t>
  </si>
  <si>
    <t>5702329731751</t>
  </si>
  <si>
    <t>VELUX Kombi-Eindeckr. EKJ CK06 2104ME</t>
  </si>
  <si>
    <t>EKJ CK06 2104MJ</t>
  </si>
  <si>
    <t>5702329731768</t>
  </si>
  <si>
    <t>VELUX Kombi-Eindeckr. EKJ CK06 2104MJ</t>
  </si>
  <si>
    <t>EKJ CK06 2106ME</t>
  </si>
  <si>
    <t>5702329731775</t>
  </si>
  <si>
    <t>VELUX Kombi-Eindeckr. EKJ CK06 2106ME</t>
  </si>
  <si>
    <t>EKJ CK06 2106MJ</t>
  </si>
  <si>
    <t>5702329731782</t>
  </si>
  <si>
    <t>VELUX Kombi-Eindeckr. EKJ CK06 2106MJ</t>
  </si>
  <si>
    <t>EKJ CK06 2107ME</t>
  </si>
  <si>
    <t>5702329731799</t>
  </si>
  <si>
    <t>VELUX Kombi-Eindeckr. EKJ CK06 2107ME</t>
  </si>
  <si>
    <t>EKJ CK06 2107MJ</t>
  </si>
  <si>
    <t>5702329731805</t>
  </si>
  <si>
    <t>VELUX Kombi-Eindeckr. EKJ CK06 2107MJ</t>
  </si>
  <si>
    <t>EKJ CK06 2301M</t>
  </si>
  <si>
    <t>5702329731812</t>
  </si>
  <si>
    <t>VELUX Kombi-Eindeckrahmen EKJ CK06 2301M</t>
  </si>
  <si>
    <t>EKJ CK06 2302M</t>
  </si>
  <si>
    <t>5702329731829</t>
  </si>
  <si>
    <t>VELUX Kombi-Eindeckrahmen EKJ CK06 2302M</t>
  </si>
  <si>
    <t>EKJ CK06 2303M</t>
  </si>
  <si>
    <t>5702329731836</t>
  </si>
  <si>
    <t>VELUX Kombi-Eindeckrahmen EKJ CK06 2303M</t>
  </si>
  <si>
    <t>EKJ CK06 2304ME</t>
  </si>
  <si>
    <t>5702329731843</t>
  </si>
  <si>
    <t>VELUX Kombi-Eindeckr. EKJ CK06 2304ME</t>
  </si>
  <si>
    <t>EKJ CK06 2304MJ</t>
  </si>
  <si>
    <t>5702329731850</t>
  </si>
  <si>
    <t>VELUX Kombi-Eindeckr. EKJ CK06 2304MJ</t>
  </si>
  <si>
    <t>EKJ CK06 2306ME</t>
  </si>
  <si>
    <t>5702329731867</t>
  </si>
  <si>
    <t>VELUX Kombi-Eindeckr. EKJ CK06 2306ME</t>
  </si>
  <si>
    <t>EKJ CK06 2306MJ</t>
  </si>
  <si>
    <t>5702329731874</t>
  </si>
  <si>
    <t>VELUX Kombi-Eindeckr. EKJ CK06 2306MJ</t>
  </si>
  <si>
    <t>EKJ CK06 2307ME</t>
  </si>
  <si>
    <t>5702329731881</t>
  </si>
  <si>
    <t>VELUX Kombi-Eindeckr. EKJ CK06 2307ME</t>
  </si>
  <si>
    <t>EKJ CK06 2307MJ</t>
  </si>
  <si>
    <t>5702329731898</t>
  </si>
  <si>
    <t>VELUX Kombi-Eindeckr. EKJ CK06 2307MJ</t>
  </si>
  <si>
    <t>EKJ FK04 2102M</t>
  </si>
  <si>
    <t>5702329732079</t>
  </si>
  <si>
    <t>VELUX Eindeckrahmen EKJ FK04 2102M</t>
  </si>
  <si>
    <t>EKJ FK04 2104ME</t>
  </si>
  <si>
    <t>5702329732093</t>
  </si>
  <si>
    <t>VELUX Kombi-Eindeckr. EKJ FK04 2104ME</t>
  </si>
  <si>
    <t>EKJ FK04 2104MJ</t>
  </si>
  <si>
    <t>5702329732109</t>
  </si>
  <si>
    <t>VELUX Kombi-Eindeckr. EKJ FK04 2104MJ</t>
  </si>
  <si>
    <t>EKJ FK04 2106ME</t>
  </si>
  <si>
    <t>5702329732116</t>
  </si>
  <si>
    <t>VELUX Kombi-Eindeckr. EKJ FK04 2106ME</t>
  </si>
  <si>
    <t>EKJ FK04 2106MJ</t>
  </si>
  <si>
    <t>5702329732123</t>
  </si>
  <si>
    <t>VELUX Kombi-Eindeckr. EKJ FK04 2106MJ</t>
  </si>
  <si>
    <t>EKJ FK04 2107ME</t>
  </si>
  <si>
    <t>5702329732130</t>
  </si>
  <si>
    <t>VELUX Kombi-Eindeckr. EKJ FK04 2107ME</t>
  </si>
  <si>
    <t>EKJ FK04 2107MJ</t>
  </si>
  <si>
    <t>5702329732147</t>
  </si>
  <si>
    <t>VELUX Kombi-Eindeckr. EKJ FK04 2107MJ</t>
  </si>
  <si>
    <t>EKJ FK04 2301M</t>
  </si>
  <si>
    <t>5702329732154</t>
  </si>
  <si>
    <t>VELUX Kombi-Eindeckrahmen EKJ FK04 2301M</t>
  </si>
  <si>
    <t>EKJ FK04 2302M</t>
  </si>
  <si>
    <t>5702329732161</t>
  </si>
  <si>
    <t>VELUX Kombi-Eindeckrahmen EKJ FK04 2302M</t>
  </si>
  <si>
    <t>EKJ FK04 2303M</t>
  </si>
  <si>
    <t>5702329732178</t>
  </si>
  <si>
    <t>VELUX Kombi-Eindeckrahmen EKJ FK04 2303M</t>
  </si>
  <si>
    <t>EKJ FK04 2304ME</t>
  </si>
  <si>
    <t>5702329732185</t>
  </si>
  <si>
    <t>VELUX Kombi-Eindeckr. EKJ FK04 2304ME</t>
  </si>
  <si>
    <t>EKJ FK04 2304MJ</t>
  </si>
  <si>
    <t>5702329732192</t>
  </si>
  <si>
    <t>VELUX Kombi-Eindeckr. EKJ FK04 2304MJ</t>
  </si>
  <si>
    <t>EKJ FK04 2306ME</t>
  </si>
  <si>
    <t>5702329732208</t>
  </si>
  <si>
    <t>VELUX Kombi-Eindeckr. EKJ FK04 2306ME</t>
  </si>
  <si>
    <t>EKJ FK04 2306MJ</t>
  </si>
  <si>
    <t>5702329732215</t>
  </si>
  <si>
    <t>VELUX Kombi-Eindeckr. EKJ FK04 2306MJ</t>
  </si>
  <si>
    <t>EKJ FK04 2307ME</t>
  </si>
  <si>
    <t>5702329732222</t>
  </si>
  <si>
    <t>VELUX Kombi-Eindeckr. EKJ FK04 2307ME</t>
  </si>
  <si>
    <t>EKJ FK04 2307MJ</t>
  </si>
  <si>
    <t>5702329732239</t>
  </si>
  <si>
    <t>VELUX Kombi-Eindeckr. EKJ FK04 2307MJ</t>
  </si>
  <si>
    <t>EKJ FK06 0021E</t>
  </si>
  <si>
    <t>5702326959622</t>
  </si>
  <si>
    <t>K-ER 10 Zi. vert. EKJ FK06 0021E</t>
  </si>
  <si>
    <t>EKJ FK06 0021F</t>
  </si>
  <si>
    <t>5702326959639</t>
  </si>
  <si>
    <t>K-ER 12 Zi. vert. EKJ FK06 0021F</t>
  </si>
  <si>
    <t>EKJ FK06 0021H</t>
  </si>
  <si>
    <t>5702326959653</t>
  </si>
  <si>
    <t>K-ER 16 Zi. vert. EKJ FK06 0021H</t>
  </si>
  <si>
    <t>EKJ FK06 2006ME</t>
  </si>
  <si>
    <t>5702329732352</t>
  </si>
  <si>
    <t>VELUX Kombi-Eindeckr. EKJ FK06 2006ME</t>
  </si>
  <si>
    <t>EKJ FK06 2102M</t>
  </si>
  <si>
    <t>5702329732413</t>
  </si>
  <si>
    <t>VELUX Eindeckrahmen EKJ FK06 2102M</t>
  </si>
  <si>
    <t>EKJ FK06 2104ME</t>
  </si>
  <si>
    <t>5702329732437</t>
  </si>
  <si>
    <t>VELUX Kombi-Eindeckr. EKJ FK06 2104ME</t>
  </si>
  <si>
    <t>EKJ FK06 2104MJ</t>
  </si>
  <si>
    <t>5702329732444</t>
  </si>
  <si>
    <t>VELUX Kombi-Eindeckr. EKJ FK06 2104MJ</t>
  </si>
  <si>
    <t>EKJ FK06 2106ME</t>
  </si>
  <si>
    <t>5702329732451</t>
  </si>
  <si>
    <t>VELUX Kombi-Eindeckr. EKJ FK06 2106ME</t>
  </si>
  <si>
    <t>EKJ FK06 2106MJ</t>
  </si>
  <si>
    <t>5702329732468</t>
  </si>
  <si>
    <t>VELUX Kombi-Eindeckr. EKJ FK06 2106MJ</t>
  </si>
  <si>
    <t>EKJ FK06 2107ME</t>
  </si>
  <si>
    <t>5702329732475</t>
  </si>
  <si>
    <t>VELUX Kombi-Eindeckr. EKJ FK06 2107ME</t>
  </si>
  <si>
    <t>EKJ FK06 2107MJ</t>
  </si>
  <si>
    <t>5702329732482</t>
  </si>
  <si>
    <t>VELUX Kombi-Eindeckr. EKJ FK06 2107MJ</t>
  </si>
  <si>
    <t>EKJ FK06 2304ME</t>
  </si>
  <si>
    <t>5702329732529</t>
  </si>
  <si>
    <t>VELUX Kombi-Eindeckr. EKJ FK06 2304ME</t>
  </si>
  <si>
    <t>EKJ FK06 2304MJ</t>
  </si>
  <si>
    <t>5702329732536</t>
  </si>
  <si>
    <t>VELUX Kombi-Eindeckr. EKJ FK06 2304MJ</t>
  </si>
  <si>
    <t>EKJ FK06 2306ME</t>
  </si>
  <si>
    <t>5702329732543</t>
  </si>
  <si>
    <t>VELUX Kombi-Eindeckr. EKJ FK06 2306ME</t>
  </si>
  <si>
    <t>EKJ FK06 2306MJ</t>
  </si>
  <si>
    <t>5702329732550</t>
  </si>
  <si>
    <t>VELUX Kombi-Eindeckr. EKJ FK06 2306MJ</t>
  </si>
  <si>
    <t>EKJ FK06 2307ME</t>
  </si>
  <si>
    <t>5702329732567</t>
  </si>
  <si>
    <t>VELUX Kombi-Eindeckr. EKJ FK06 2307ME</t>
  </si>
  <si>
    <t>EKJ FK06 2307MJ</t>
  </si>
  <si>
    <t>5702329732574</t>
  </si>
  <si>
    <t>VELUX Kombi-Eindeckr. EKJ FK06 2307MJ</t>
  </si>
  <si>
    <t>EKJ FK08 0021E</t>
  </si>
  <si>
    <t>5702326959998</t>
  </si>
  <si>
    <t>K-ER 10 Zi. vert. EKJ FK08 0021E</t>
  </si>
  <si>
    <t>EKJ FK08 0021F</t>
  </si>
  <si>
    <t>5702326960000</t>
  </si>
  <si>
    <t>K-ER 12 Zi. vert. EKJ FK08 0021F</t>
  </si>
  <si>
    <t>EKJ FK08 0021G</t>
  </si>
  <si>
    <t>5702326960017</t>
  </si>
  <si>
    <t>K-ER 14 Zi. vert. EKJ FK08 0021G</t>
  </si>
  <si>
    <t>EKJ FK08 0021H</t>
  </si>
  <si>
    <t>5702326960031</t>
  </si>
  <si>
    <t>K-ER 16 Zi. vert. EKJ FK08 0021H</t>
  </si>
  <si>
    <t>EKJ FK08 2004ME</t>
  </si>
  <si>
    <t>5702329732673</t>
  </si>
  <si>
    <t>VELUX Kombi-Eindeckr. EKJ FK08 2004ME</t>
  </si>
  <si>
    <t>EKJ FK08 2006ME</t>
  </si>
  <si>
    <t>5702329732697</t>
  </si>
  <si>
    <t>VELUX Kombi-Eindeckr. EKJ FK08 2006ME</t>
  </si>
  <si>
    <t>EKJ FK08 2104ME</t>
  </si>
  <si>
    <t>5702329732772</t>
  </si>
  <si>
    <t>VELUX Kombi-Eindeckr. EKJ FK08 2104ME</t>
  </si>
  <si>
    <t>EKJ FK08 2104MJ</t>
  </si>
  <si>
    <t>5702329732789</t>
  </si>
  <si>
    <t>VELUX Kombi-Eindeckr. EKJ FK08 2104MJ</t>
  </si>
  <si>
    <t>EKJ FK08 2106ME</t>
  </si>
  <si>
    <t>5702329732796</t>
  </si>
  <si>
    <t>VELUX Kombi-Eindeckr. EKJ FK08 2106ME</t>
  </si>
  <si>
    <t>EKJ FK08 2106MJ</t>
  </si>
  <si>
    <t>5702329732802</t>
  </si>
  <si>
    <t>VELUX Kombi-Eindeckr. EKJ FK08 2106MJ</t>
  </si>
  <si>
    <t>EKJ FK08 2107ME</t>
  </si>
  <si>
    <t>5702329732819</t>
  </si>
  <si>
    <t>VELUX Kombi-Eindeckr. EKJ FK08 2107ME</t>
  </si>
  <si>
    <t>EKJ FK08 2107MJ</t>
  </si>
  <si>
    <t>5702329732826</t>
  </si>
  <si>
    <t>VELUX Kombi-Eindeckr. EKJ FK08 2107MJ</t>
  </si>
  <si>
    <t>EKJ FK08 2301M</t>
  </si>
  <si>
    <t>5702329732833</t>
  </si>
  <si>
    <t>VELUX Kombi-Eindeckrahmen EKJ FK08 2301M</t>
  </si>
  <si>
    <t>EKJ FK08 2302M</t>
  </si>
  <si>
    <t>5702329732840</t>
  </si>
  <si>
    <t>VELUX Kombi-Eindeckrahmen EKJ FK08 2302M</t>
  </si>
  <si>
    <t>EKJ FK08 2303M</t>
  </si>
  <si>
    <t>5702329732857</t>
  </si>
  <si>
    <t>VELUX Kombi-Eindeckrahmen EKJ FK08 2303M</t>
  </si>
  <si>
    <t>EKJ FK08 2304ME</t>
  </si>
  <si>
    <t>5702329732864</t>
  </si>
  <si>
    <t>VELUX Kombi-Eindeckr. EKJ FK08 2304ME</t>
  </si>
  <si>
    <t>EKJ FK08 2304MJ</t>
  </si>
  <si>
    <t>5702329732871</t>
  </si>
  <si>
    <t>VELUX Kombi-Eindeckr. EKJ FK08 2304MJ</t>
  </si>
  <si>
    <t>EKJ FK08 2306ME</t>
  </si>
  <si>
    <t>5702329732888</t>
  </si>
  <si>
    <t>VELUX Kombi-Eindeckr. EKJ FK08 2306ME</t>
  </si>
  <si>
    <t>EKJ FK08 2306MJ</t>
  </si>
  <si>
    <t>5702329732895</t>
  </si>
  <si>
    <t>VELUX Kombi-Eindeckr. EKJ FK08 2306MJ</t>
  </si>
  <si>
    <t>EKJ FK08 2307ME</t>
  </si>
  <si>
    <t>5702329732901</t>
  </si>
  <si>
    <t>VELUX Kombi-Eindeckr. EKJ FK08 2307ME</t>
  </si>
  <si>
    <t>EKJ FK08 2307MJ</t>
  </si>
  <si>
    <t>5702329732918</t>
  </si>
  <si>
    <t>VELUX Kombi-Eindeckr. EKJ FK08 2307MJ</t>
  </si>
  <si>
    <t>EKJ MK04 0021E</t>
  </si>
  <si>
    <t>5702326960390</t>
  </si>
  <si>
    <t>K-ER 10 Zi. vert. EKJ MK04 0021E</t>
  </si>
  <si>
    <t>EKJ MK04 0021F</t>
  </si>
  <si>
    <t>5702326960406</t>
  </si>
  <si>
    <t>K-ER 12 Zi. vert. EKJ MK04 0021F</t>
  </si>
  <si>
    <t>EKJ MK04 0121E</t>
  </si>
  <si>
    <t>5702327143730</t>
  </si>
  <si>
    <t>K-ER 10 Zi. vert. EKJ MK04 0121E</t>
  </si>
  <si>
    <t>----------------------------------------
Eindeckrahmen für vertieften
Einbau.
Geeignet für Dächer mit flachem oder
profiliertem Eindeckmaterial
von 1,5 bis 9,0 cm Höhe.
Seitenteile mit doppelten
Wasser-Ableitfalzen und Schaumstoff-
Dichtungs-Profil.
----------------------------------------
Seitliche und untere Blendrahmen-
verblechung.
Abstand zum rechts danebenliegenden 
Fenster: 10cm</t>
  </si>
  <si>
    <t>EKJ MK04 0121H</t>
  </si>
  <si>
    <t>5702327143761</t>
  </si>
  <si>
    <t>K-ER 16 Zi. vert. EKJ MK04 0121H</t>
  </si>
  <si>
    <t>EKJ MK04 2006MJ</t>
  </si>
  <si>
    <t>5702329733045</t>
  </si>
  <si>
    <t>VELUX Kombi-Eindeckr. EKJ MK04 2006MJ</t>
  </si>
  <si>
    <t>EKJ MK04 2102M</t>
  </si>
  <si>
    <t>5702329733090</t>
  </si>
  <si>
    <t>VELUX Eindeckrahmen EKJ MK04 2102M</t>
  </si>
  <si>
    <t>EKJ MK04 2104ME</t>
  </si>
  <si>
    <t>5702329733113</t>
  </si>
  <si>
    <t>VELUX Kombi-Eindeckr. EKJ MK04 2104ME</t>
  </si>
  <si>
    <t>EKJ MK04 2104MJ</t>
  </si>
  <si>
    <t>5702329733120</t>
  </si>
  <si>
    <t>VELUX Kombi-Eindeckr. EKJ MK04 2104MJ</t>
  </si>
  <si>
    <t>EKJ MK04 2106ME</t>
  </si>
  <si>
    <t>5702329733137</t>
  </si>
  <si>
    <t>VELUX Kombi-Eindeckr. EKJ MK04 2106ME</t>
  </si>
  <si>
    <t>EKJ MK04 2106MJ</t>
  </si>
  <si>
    <t>5702329733144</t>
  </si>
  <si>
    <t>VELUX Kombi-Eindeckr. EKJ MK04 2106MJ</t>
  </si>
  <si>
    <t>EKJ MK04 2302M</t>
  </si>
  <si>
    <t>5702329733182</t>
  </si>
  <si>
    <t>VELUX Kombi-Eindeckrahmen EKJ MK04 2302M</t>
  </si>
  <si>
    <t>EKJ MK04 2304ME</t>
  </si>
  <si>
    <t>5702329733205</t>
  </si>
  <si>
    <t>VELUX Kombi-Eindeckr. EKJ MK04 2304ME</t>
  </si>
  <si>
    <t>EKJ MK04 2304MJ</t>
  </si>
  <si>
    <t>5702329733212</t>
  </si>
  <si>
    <t>VELUX Kombi-Eindeckr. EKJ MK04 2304MJ</t>
  </si>
  <si>
    <t>EKJ MK04 2306ME</t>
  </si>
  <si>
    <t>5702329733229</t>
  </si>
  <si>
    <t>VELUX Kombi-Eindeckr. EKJ MK04 2306ME</t>
  </si>
  <si>
    <t>EKJ MK04 2306MJ</t>
  </si>
  <si>
    <t>5702329733236</t>
  </si>
  <si>
    <t>VELUX Kombi-Eindeckr. EKJ MK04 2306MJ</t>
  </si>
  <si>
    <t>EKJ MK04 2307ME</t>
  </si>
  <si>
    <t>5702329733243</t>
  </si>
  <si>
    <t>VELUX Kombi-Eindeckr. EKJ MK04 2307ME</t>
  </si>
  <si>
    <t>EKJ MK04 2307MJ</t>
  </si>
  <si>
    <t>5702329733250</t>
  </si>
  <si>
    <t>VELUX Kombi-Eindeckr. EKJ MK04 2307MJ</t>
  </si>
  <si>
    <t>EKJ MK06 0021E</t>
  </si>
  <si>
    <t>5702326960765</t>
  </si>
  <si>
    <t>K-ER 10 Zi. vert. EKJ MK06 0021E</t>
  </si>
  <si>
    <t>EKJ MK06 0021F</t>
  </si>
  <si>
    <t>5702326960772</t>
  </si>
  <si>
    <t>K-ER 12 Zi. vert. EKJ MK06 0021F</t>
  </si>
  <si>
    <t>EKJ MK06 0021G</t>
  </si>
  <si>
    <t>5702326960789</t>
  </si>
  <si>
    <t>K-ER 14 Zi. vert. EKJ MK06 0021G</t>
  </si>
  <si>
    <t>EKJ MK06 0021H</t>
  </si>
  <si>
    <t>5702326960796</t>
  </si>
  <si>
    <t>K-ER 16 Zi. vert. EKJ MK06 0021H</t>
  </si>
  <si>
    <t>EKJ MK06 0121H</t>
  </si>
  <si>
    <t>5702327143891</t>
  </si>
  <si>
    <t>K-ER 16 Zi. vert. EKJ MK06 0121H</t>
  </si>
  <si>
    <t>EKJ MK06 2104ME</t>
  </si>
  <si>
    <t>5702329733458</t>
  </si>
  <si>
    <t>VELUX Kombi-Eindeckr. EKJ MK06 2104ME</t>
  </si>
  <si>
    <t>EKJ MK06 2104MJ</t>
  </si>
  <si>
    <t>5702329733465</t>
  </si>
  <si>
    <t>VELUX Kombi-Eindeckr. EKJ MK06 2104MJ</t>
  </si>
  <si>
    <t>EKJ MK06 2106ME</t>
  </si>
  <si>
    <t>5702329733472</t>
  </si>
  <si>
    <t>VELUX Kombi-Eindeckr. EKJ MK06 2106ME</t>
  </si>
  <si>
    <t>EKJ MK06 2106MJ</t>
  </si>
  <si>
    <t>5702329733489</t>
  </si>
  <si>
    <t>VELUX Kombi-Eindeckr. EKJ MK06 2106MJ</t>
  </si>
  <si>
    <t>EKJ MK06 2107ME</t>
  </si>
  <si>
    <t>5702329733496</t>
  </si>
  <si>
    <t>VELUX Kombi-Eindeckr. EKJ MK06 2107ME</t>
  </si>
  <si>
    <t>EKJ MK06 2107MJ</t>
  </si>
  <si>
    <t>5702329733502</t>
  </si>
  <si>
    <t>VELUX Kombi-Eindeckr. EKJ MK06 2107MJ</t>
  </si>
  <si>
    <t>EKJ MK06 2301M</t>
  </si>
  <si>
    <t>5702329733519</t>
  </si>
  <si>
    <t>VELUX Kombi-Eindeckrahmen EKJ MK06 2301M</t>
  </si>
  <si>
    <t>EKJ MK06 2302M</t>
  </si>
  <si>
    <t>5702329733526</t>
  </si>
  <si>
    <t>VELUX Kombi-Eindeckrahmen EKJ MK06 2302M</t>
  </si>
  <si>
    <t>EKJ MK06 2303M</t>
  </si>
  <si>
    <t>5702329733533</t>
  </si>
  <si>
    <t>VELUX Kombi-Eindeckrahmen EKJ MK06 2303M</t>
  </si>
  <si>
    <t>EKJ MK06 2304ME</t>
  </si>
  <si>
    <t>5702329733540</t>
  </si>
  <si>
    <t>VELUX Kombi-Eindeckr. EKJ MK06 2304ME</t>
  </si>
  <si>
    <t>EKJ MK06 2304MJ</t>
  </si>
  <si>
    <t>5702329733557</t>
  </si>
  <si>
    <t>VELUX Kombi-Eindeckr. EKJ MK06 2304MJ</t>
  </si>
  <si>
    <t>EKJ MK06 2306ME</t>
  </si>
  <si>
    <t>5702329733564</t>
  </si>
  <si>
    <t>VELUX Kombi-Eindeckr. EKJ MK06 2306ME</t>
  </si>
  <si>
    <t>EKJ MK06 2306MJ</t>
  </si>
  <si>
    <t>5702329733571</t>
  </si>
  <si>
    <t>VELUX Kombi-Eindeckr. EKJ MK06 2306MJ</t>
  </si>
  <si>
    <t>EKJ MK06 2307ME</t>
  </si>
  <si>
    <t>5702329733588</t>
  </si>
  <si>
    <t>VELUX Kombi-Eindeckr. EKJ MK06 2307ME</t>
  </si>
  <si>
    <t>EKJ MK06 2307MJ</t>
  </si>
  <si>
    <t>5702329733595</t>
  </si>
  <si>
    <t>VELUX Kombi-Eindeckr. EKJ MK06 2307MJ</t>
  </si>
  <si>
    <t>EKJ MK08 0021E</t>
  </si>
  <si>
    <t>5702326961120</t>
  </si>
  <si>
    <t>K-ER 10 Zi. vert. EKJ MK08 0021E</t>
  </si>
  <si>
    <t>EKJ MK08 0021F</t>
  </si>
  <si>
    <t>5702326961137</t>
  </si>
  <si>
    <t>K-ER 12 Zi. vert. EKJ MK08 0021F</t>
  </si>
  <si>
    <t>EKJ MK08 0021G</t>
  </si>
  <si>
    <t>5702326961144</t>
  </si>
  <si>
    <t>K-ER 14 Zi. vert. EKJ MK08 0021G</t>
  </si>
  <si>
    <t>EKJ MK08 0021H</t>
  </si>
  <si>
    <t>5702326961151</t>
  </si>
  <si>
    <t>K-ER 16 Zi. vert. EKJ MK08 0021H</t>
  </si>
  <si>
    <t>EKJ MK08 2102M</t>
  </si>
  <si>
    <t>5702329733779</t>
  </si>
  <si>
    <t>VELUX Eindeckrahmen EKJ MK08 2102M</t>
  </si>
  <si>
    <t>EKJ MK08 2104ME</t>
  </si>
  <si>
    <t>5702329733793</t>
  </si>
  <si>
    <t>VELUX Kombi-Eindeckr. EKJ MK08 2104ME</t>
  </si>
  <si>
    <t>EKJ MK08 2104MJ</t>
  </si>
  <si>
    <t>5702329733809</t>
  </si>
  <si>
    <t>VELUX Kombi-Eindeckr. EKJ MK08 2104MJ</t>
  </si>
  <si>
    <t>EKJ MK08 2106ME</t>
  </si>
  <si>
    <t>5702329733816</t>
  </si>
  <si>
    <t>VELUX Kombi-Eindeckr. EKJ MK08 2106ME</t>
  </si>
  <si>
    <t>EKJ MK08 2106MJ</t>
  </si>
  <si>
    <t>5702329733823</t>
  </si>
  <si>
    <t>VELUX Kombi-Eindeckr. EKJ MK08 2106MJ</t>
  </si>
  <si>
    <t>EKJ MK08 2107ME</t>
  </si>
  <si>
    <t>5702329733830</t>
  </si>
  <si>
    <t>VELUX Kombi-Eindeckr. EKJ MK08 2107ME</t>
  </si>
  <si>
    <t>EKJ MK08 2107MJ</t>
  </si>
  <si>
    <t>5702329733847</t>
  </si>
  <si>
    <t>VELUX Kombi-Eindeckr. EKJ MK08 2107MJ</t>
  </si>
  <si>
    <t>EKJ MK08 2302M</t>
  </si>
  <si>
    <t>5702329733861</t>
  </si>
  <si>
    <t>VELUX Kombi-Eindeckrahmen EKJ MK08 2302M</t>
  </si>
  <si>
    <t>EKJ MK08 2304ME</t>
  </si>
  <si>
    <t>5702329733885</t>
  </si>
  <si>
    <t>VELUX Kombi-Eindeckr. EKJ MK08 2304ME</t>
  </si>
  <si>
    <t>EKJ MK08 2306ME</t>
  </si>
  <si>
    <t>5702329733908</t>
  </si>
  <si>
    <t>VELUX Kombi-Eindeckr. EKJ MK08 2306ME</t>
  </si>
  <si>
    <t>EKJ MK08 2307ME</t>
  </si>
  <si>
    <t>5702329733922</t>
  </si>
  <si>
    <t>VELUX Kombi-Eindeckr. EKJ MK08 2307ME</t>
  </si>
  <si>
    <t>EKJ MK10 0021E</t>
  </si>
  <si>
    <t>5702326961519</t>
  </si>
  <si>
    <t>K-ER 10 Zi. vert. EKJ MK10 0021E</t>
  </si>
  <si>
    <t>EKJ MK10 0021F</t>
  </si>
  <si>
    <t>5702326961526</t>
  </si>
  <si>
    <t>K-ER 12 Zi. vert. EKJ MK10 0021F</t>
  </si>
  <si>
    <t>EKJ MK10 0021G</t>
  </si>
  <si>
    <t>5702326961533</t>
  </si>
  <si>
    <t>K-ER 14 Zi. vert. EKJ MK10 0021G</t>
  </si>
  <si>
    <t>EKJ MK10 0021H</t>
  </si>
  <si>
    <t>5702326961540</t>
  </si>
  <si>
    <t>K-ER 16 Zi. vert. EKJ MK10 0021H</t>
  </si>
  <si>
    <t>EKJ MK10 2004MJ</t>
  </si>
  <si>
    <t>5702329734042</t>
  </si>
  <si>
    <t>VELUX Kombi-Eindeckr. EKJ MK10 2004MJ</t>
  </si>
  <si>
    <t>EKJ MK10 2006MJ</t>
  </si>
  <si>
    <t>5702329734066</t>
  </si>
  <si>
    <t>VELUX Kombi-Eindeckr. EKJ MK10 2006MJ</t>
  </si>
  <si>
    <t>EKJ MK10 2102M</t>
  </si>
  <si>
    <t>5702329734110</t>
  </si>
  <si>
    <t>VELUX Eindeckrahmen EKJ MK10 2102M</t>
  </si>
  <si>
    <t>EKJ MK10 2104ME</t>
  </si>
  <si>
    <t>5702329734134</t>
  </si>
  <si>
    <t>VELUX Kombi-Eindeckr. EKJ MK10 2104ME</t>
  </si>
  <si>
    <t>EKJ MK10 2104MJ</t>
  </si>
  <si>
    <t>5702329734141</t>
  </si>
  <si>
    <t>VELUX Kombi-Eindeckr. EKJ MK10 2104MJ</t>
  </si>
  <si>
    <t>EKJ MK10 2106ME</t>
  </si>
  <si>
    <t>5702329734158</t>
  </si>
  <si>
    <t>VELUX Kombi-Eindeckr. EKJ MK10 2106ME</t>
  </si>
  <si>
    <t>EKJ MK10 2106MJ</t>
  </si>
  <si>
    <t>5702329734165</t>
  </si>
  <si>
    <t>VELUX Kombi-Eindeckr. EKJ MK10 2106MJ</t>
  </si>
  <si>
    <t>EKJ MK10 2107ME</t>
  </si>
  <si>
    <t>5702329734172</t>
  </si>
  <si>
    <t>VELUX Kombi-Eindeckr. EKJ MK10 2107ME</t>
  </si>
  <si>
    <t>EKJ MK10 2107MJ</t>
  </si>
  <si>
    <t>5702329734189</t>
  </si>
  <si>
    <t>VELUX Kombi-Eindeckr. EKJ MK10 2107MJ</t>
  </si>
  <si>
    <t>EKJ MK10 2302M</t>
  </si>
  <si>
    <t>5702329734202</t>
  </si>
  <si>
    <t>VELUX Kombi-Eindeckrahmen EKJ MK10 2302M</t>
  </si>
  <si>
    <t>EKJ MK10 2304ME</t>
  </si>
  <si>
    <t>5702329734226</t>
  </si>
  <si>
    <t>VELUX Kombi-Eindeckr. EKJ MK10 2304ME</t>
  </si>
  <si>
    <t>EKJ MK10 2304MJ</t>
  </si>
  <si>
    <t>5702329734233</t>
  </si>
  <si>
    <t>VELUX Kombi-Eindeckr. EKJ MK10 2304MJ</t>
  </si>
  <si>
    <t>EKJ MK10 2306ME</t>
  </si>
  <si>
    <t>5702329734240</t>
  </si>
  <si>
    <t>VELUX Kombi-Eindeckr. EKJ MK10 2306ME</t>
  </si>
  <si>
    <t>EKJ MK10 2306MJ</t>
  </si>
  <si>
    <t>5702329734257</t>
  </si>
  <si>
    <t>VELUX Kombi-Eindeckr. EKJ MK10 2306MJ</t>
  </si>
  <si>
    <t>EKJ MK10 2307ME</t>
  </si>
  <si>
    <t>5702329734264</t>
  </si>
  <si>
    <t>VELUX Kombi-Eindeckr. EKJ MK10 2307ME</t>
  </si>
  <si>
    <t>EKJ MK10 2307MJ</t>
  </si>
  <si>
    <t>5702329734271</t>
  </si>
  <si>
    <t>VELUX Kombi-Eindeckr. EKJ MK10 2307MJ</t>
  </si>
  <si>
    <t>EKJ MK12 2004ME</t>
  </si>
  <si>
    <t>5702329734370</t>
  </si>
  <si>
    <t>VELUX Kombi-Eindeckr. EKJ MK12 2004ME</t>
  </si>
  <si>
    <t>EKJ MK12 2006ME</t>
  </si>
  <si>
    <t>5702329734387</t>
  </si>
  <si>
    <t>VELUX Kombi-Eindeckr. EKJ MK12 2006ME</t>
  </si>
  <si>
    <t>EKJ MK12 2301M</t>
  </si>
  <si>
    <t>5702329734417</t>
  </si>
  <si>
    <t>VELUX Kombi-Eindeckrahmen EKJ MK12 2301M</t>
  </si>
  <si>
    <t>EKJ MK12 2302M</t>
  </si>
  <si>
    <t>5702329734424</t>
  </si>
  <si>
    <t>VELUX Kombi-Eindeckrahmen EKJ MK12 2302M</t>
  </si>
  <si>
    <t>EKJ MK12 2303M</t>
  </si>
  <si>
    <t>5702329734431</t>
  </si>
  <si>
    <t>VELUX Kombi-Eindeckrahmen EKJ MK12 2303M</t>
  </si>
  <si>
    <t>EKJ PK06 0021E</t>
  </si>
  <si>
    <t>5702326961885</t>
  </si>
  <si>
    <t>K-ER 10 Zi. vert. EKJ PK06 0021E</t>
  </si>
  <si>
    <t>EKJ PK06 0021G</t>
  </si>
  <si>
    <t>5702326961908</t>
  </si>
  <si>
    <t>K-ER 14 Zi. vert. EKJ PK06 0021G</t>
  </si>
  <si>
    <t>EKJ PK06 2004ME</t>
  </si>
  <si>
    <t>5702329734783</t>
  </si>
  <si>
    <t>VELUX Kombi-Eindeckr. EKJ PK06 2004ME</t>
  </si>
  <si>
    <t>EKJ PK06 2006ME</t>
  </si>
  <si>
    <t>5702329734806</t>
  </si>
  <si>
    <t>VELUX Kombi-Eindeckr. EKJ PK06 2006ME</t>
  </si>
  <si>
    <t>EKJ PK06 2102M</t>
  </si>
  <si>
    <t>5702329734868</t>
  </si>
  <si>
    <t>VELUX Eindeckrahmen EKJ PK06 2102M</t>
  </si>
  <si>
    <t>EKJ PK06 2104ME</t>
  </si>
  <si>
    <t>5702329734882</t>
  </si>
  <si>
    <t>VELUX Kombi-Eindeckr. EKJ PK06 2104ME</t>
  </si>
  <si>
    <t>EKJ PK06 2104MJ</t>
  </si>
  <si>
    <t>5702329734899</t>
  </si>
  <si>
    <t>VELUX Kombi-Eindeckr. EKJ PK06 2104MJ</t>
  </si>
  <si>
    <t>EKJ PK06 2106ME</t>
  </si>
  <si>
    <t>5702329734905</t>
  </si>
  <si>
    <t>VELUX Kombi-Eindeckr. EKJ PK06 2106ME</t>
  </si>
  <si>
    <t>EKJ PK06 2106MJ</t>
  </si>
  <si>
    <t>5702329734912</t>
  </si>
  <si>
    <t>VELUX Kombi-Eindeckr. EKJ PK06 2106MJ</t>
  </si>
  <si>
    <t>EKJ PK06 2107ME</t>
  </si>
  <si>
    <t>5702329734929</t>
  </si>
  <si>
    <t>VELUX Kombi-Eindeckr. EKJ PK06 2107ME</t>
  </si>
  <si>
    <t>EKJ PK06 2107MJ</t>
  </si>
  <si>
    <t>5702329734936</t>
  </si>
  <si>
    <t>VELUX Kombi-Eindeckr. EKJ PK06 2107MJ</t>
  </si>
  <si>
    <t>EKJ PK06 2304ME</t>
  </si>
  <si>
    <t>5702329734974</t>
  </si>
  <si>
    <t>VELUX Kombi-Eindeckr. EKJ PK06 2304ME</t>
  </si>
  <si>
    <t>EKJ PK06 2304MJ</t>
  </si>
  <si>
    <t>5702329734981</t>
  </si>
  <si>
    <t>VELUX Kombi-Eindeckr. EKJ PK06 2304MJ</t>
  </si>
  <si>
    <t>EKJ PK06 2306ME</t>
  </si>
  <si>
    <t>5702329734998</t>
  </si>
  <si>
    <t>VELUX Kombi-Eindeckr. EKJ PK06 2306ME</t>
  </si>
  <si>
    <t>EKJ PK06 2306MJ</t>
  </si>
  <si>
    <t>5702329735001</t>
  </si>
  <si>
    <t>VELUX Kombi-Eindeckr. EKJ PK06 2306MJ</t>
  </si>
  <si>
    <t>EKJ PK06 2307ME</t>
  </si>
  <si>
    <t>5702329735018</t>
  </si>
  <si>
    <t>VELUX Kombi-Eindeckr. EKJ PK06 2307ME</t>
  </si>
  <si>
    <t>EKJ PK06 2307MJ</t>
  </si>
  <si>
    <t>5702329735025</t>
  </si>
  <si>
    <t>VELUX Kombi-Eindeckr. EKJ PK06 2307MJ</t>
  </si>
  <si>
    <t>EKJ PK08 0021E</t>
  </si>
  <si>
    <t>5702326962257</t>
  </si>
  <si>
    <t>K-ER 10 Zi. vert. EKJ PK08 0021E</t>
  </si>
  <si>
    <t>EKJ PK08 0021F</t>
  </si>
  <si>
    <t>5702326962264</t>
  </si>
  <si>
    <t>K-ER 12 Zi. vert. EKJ PK08 0021F</t>
  </si>
  <si>
    <t>EKJ PK08 0021G</t>
  </si>
  <si>
    <t>5702326962271</t>
  </si>
  <si>
    <t>K-ER 14 Zi. vert. EKJ PK08 0021G</t>
  </si>
  <si>
    <t>EKJ PK08 0021H</t>
  </si>
  <si>
    <t>5702326962295</t>
  </si>
  <si>
    <t>K-ER 16 Zi. vert. EKJ PK08 0021H</t>
  </si>
  <si>
    <t>EKJ PK08 2101M</t>
  </si>
  <si>
    <t>5702329735186</t>
  </si>
  <si>
    <t>VELUX EKJ Eindeckr. ,li EKJ PK08 2101M</t>
  </si>
  <si>
    <t>EKJ PK08 2102M</t>
  </si>
  <si>
    <t>5702329735193</t>
  </si>
  <si>
    <t>VELUX Eindeckrahmen EKJ PK08 2102M</t>
  </si>
  <si>
    <t>EKJ PK08 2103M</t>
  </si>
  <si>
    <t>5702329735209</t>
  </si>
  <si>
    <t>VELUX EindeckrahmenEKJ PK08 2103M</t>
  </si>
  <si>
    <t>EKJ PK08 2104ME</t>
  </si>
  <si>
    <t>5702329735216</t>
  </si>
  <si>
    <t>VELUX Kombi-Eindeckr. EKJ PK08 2104ME</t>
  </si>
  <si>
    <t>EKJ PK08 2104MJ</t>
  </si>
  <si>
    <t>5702329735223</t>
  </si>
  <si>
    <t>VELUX Kombi-Eindeckr. EKJ PK08 2104MJ</t>
  </si>
  <si>
    <t>EKJ PK08 2106ME</t>
  </si>
  <si>
    <t>5702329735230</t>
  </si>
  <si>
    <t>VELUX Kombi-Eindeckr. EKJ PK08 2106ME</t>
  </si>
  <si>
    <t>EKJ PK08 2106MJ</t>
  </si>
  <si>
    <t>5702329735247</t>
  </si>
  <si>
    <t>VELUX Kombi-Eindeckr. EKJ PK08 2106MJ</t>
  </si>
  <si>
    <t>EKJ PK08 2107ME</t>
  </si>
  <si>
    <t>5702329735254</t>
  </si>
  <si>
    <t>VELUX Kombi-Eindeckr. EKJ PK08 2107ME</t>
  </si>
  <si>
    <t>EKJ PK08 2107MJ</t>
  </si>
  <si>
    <t>5702329735261</t>
  </si>
  <si>
    <t>VELUX Kombi-Eindeckr. EKJ PK08 2107MJ</t>
  </si>
  <si>
    <t>EKJ PK08 2301M</t>
  </si>
  <si>
    <t>5702329735278</t>
  </si>
  <si>
    <t>VELUX Kombi-Eindeckrahmen EKJ PK08 2301M</t>
  </si>
  <si>
    <t>EKJ PK08 2302M</t>
  </si>
  <si>
    <t>5702329735285</t>
  </si>
  <si>
    <t>VELUX Kombi-Eindeckrahmen EKJ PK08 2302M</t>
  </si>
  <si>
    <t>EKJ PK08 2303M</t>
  </si>
  <si>
    <t>5702329735292</t>
  </si>
  <si>
    <t>VELUX Kombi-Eindeckrahmen EKJ PK08 2303M</t>
  </si>
  <si>
    <t>EKJ PK08 2304ME</t>
  </si>
  <si>
    <t>5702329735308</t>
  </si>
  <si>
    <t>VELUX Kombi-Eindeckr. EKJ PK08 2304ME</t>
  </si>
  <si>
    <t>EKJ PK08 2304MJ</t>
  </si>
  <si>
    <t>5702329735315</t>
  </si>
  <si>
    <t>VELUX Kombi-Eindeckr. EKJ PK08 2304MJ</t>
  </si>
  <si>
    <t>EKJ PK08 2306ME</t>
  </si>
  <si>
    <t>5702329735322</t>
  </si>
  <si>
    <t>VELUX Kombi-Eindeckr. EKJ PK08 2306ME</t>
  </si>
  <si>
    <t>EKJ PK08 2306MJ</t>
  </si>
  <si>
    <t>5702329735339</t>
  </si>
  <si>
    <t>VELUX Kombi-Eindeckr. EKJ PK08 2306MJ</t>
  </si>
  <si>
    <t>EKJ PK08 2307ME</t>
  </si>
  <si>
    <t>5702329735346</t>
  </si>
  <si>
    <t>VELUX Kombi-Eindeckr. EKJ PK08 2307ME</t>
  </si>
  <si>
    <t>EKJ PK08 2307MJ</t>
  </si>
  <si>
    <t>5702329735353</t>
  </si>
  <si>
    <t>VELUX Kombi-Eindeckr. EKJ PK08 2307MJ</t>
  </si>
  <si>
    <t>EKJ PK10 0021E</t>
  </si>
  <si>
    <t>5702326962639</t>
  </si>
  <si>
    <t>K-ER 10 Zi. vert. EKJ PK10 0021E</t>
  </si>
  <si>
    <t>EKJ PK10 0021F</t>
  </si>
  <si>
    <t>5702326962646</t>
  </si>
  <si>
    <t>K-ER 12 Zi. vert. EKJ PK10 0021F</t>
  </si>
  <si>
    <t>EKJ PK10 2004MJ</t>
  </si>
  <si>
    <t>5702329735469</t>
  </si>
  <si>
    <t>VELUX Kombi-Eindeckr. EKJ PK10 2004MJ</t>
  </si>
  <si>
    <t>EKJ PK10 2006MJ</t>
  </si>
  <si>
    <t>5702329735483</t>
  </si>
  <si>
    <t>VELUX Kombi-Eindeckr. EKJ PK10 2006MJ</t>
  </si>
  <si>
    <t>EKJ PK10 2101M</t>
  </si>
  <si>
    <t>5702329735520</t>
  </si>
  <si>
    <t>VELUX EKJ Eindeckr. ,li EKJ PK10 2101M</t>
  </si>
  <si>
    <t>EKJ PK10 2102M</t>
  </si>
  <si>
    <t>5702329735537</t>
  </si>
  <si>
    <t>VELUX Eindeckrahmen EKJ PK10 2102M</t>
  </si>
  <si>
    <t>EKJ PK10 2103M</t>
  </si>
  <si>
    <t>5702329735544</t>
  </si>
  <si>
    <t>VELUX EindeckrahmenEKJ PK10 2103M</t>
  </si>
  <si>
    <t>EKJ PK10 2104ME</t>
  </si>
  <si>
    <t>5702329735551</t>
  </si>
  <si>
    <t>VELUX Kombi-Eindeckr. EKJ PK10 2104ME</t>
  </si>
  <si>
    <t>EKJ PK10 2104MJ</t>
  </si>
  <si>
    <t>5702329735568</t>
  </si>
  <si>
    <t>VELUX Kombi-Eindeckr. EKJ PK10 2104MJ</t>
  </si>
  <si>
    <t>EKJ PK10 2106ME</t>
  </si>
  <si>
    <t>5702329735575</t>
  </si>
  <si>
    <t>VELUX Kombi-Eindeckr. EKJ PK10 2106ME</t>
  </si>
  <si>
    <t>EKJ PK10 2106MJ</t>
  </si>
  <si>
    <t>5702329735582</t>
  </si>
  <si>
    <t>VELUX Kombi-Eindeckr. EKJ PK10 2106MJ</t>
  </si>
  <si>
    <t>EKJ PK10 2107ME</t>
  </si>
  <si>
    <t>5702329735599</t>
  </si>
  <si>
    <t>VELUX Kombi-Eindeckr. EKJ PK10 2107ME</t>
  </si>
  <si>
    <t>EKJ PK10 2107MJ</t>
  </si>
  <si>
    <t>5702329735605</t>
  </si>
  <si>
    <t>VELUX Kombi-Eindeckr. EKJ PK10 2107MJ</t>
  </si>
  <si>
    <t>EKJ PK10 2302M</t>
  </si>
  <si>
    <t>5702329735629</t>
  </si>
  <si>
    <t>VELUX Kombi-Eindeckrahmen EKJ PK10 2302M</t>
  </si>
  <si>
    <t>EKJ PK10 2304ME</t>
  </si>
  <si>
    <t>5702329735643</t>
  </si>
  <si>
    <t>VELUX Kombi-Eindeckr. EKJ PK10 2304ME</t>
  </si>
  <si>
    <t>EKJ PK10 2304MJ</t>
  </si>
  <si>
    <t>5702329735650</t>
  </si>
  <si>
    <t>VELUX Kombi-Eindeckr. EKJ PK10 2304MJ</t>
  </si>
  <si>
    <t>EKJ PK10 2306ME</t>
  </si>
  <si>
    <t>5702329735667</t>
  </si>
  <si>
    <t>VELUX Kombi-Eindeckr. EKJ PK10 2306ME</t>
  </si>
  <si>
    <t>EKJ PK10 2306MJ</t>
  </si>
  <si>
    <t>5702329735674</t>
  </si>
  <si>
    <t>VELUX Kombi-Eindeckr. EKJ PK10 2306MJ</t>
  </si>
  <si>
    <t>EKJ PK10 2307ME</t>
  </si>
  <si>
    <t>5702329735681</t>
  </si>
  <si>
    <t>VELUX Kombi-Eindeckr. EKJ PK10 2307ME</t>
  </si>
  <si>
    <t>EKJ PK10 2307MJ</t>
  </si>
  <si>
    <t>5702329735698</t>
  </si>
  <si>
    <t>VELUX Kombi-Eindeckr. EKJ PK10 2307MJ</t>
  </si>
  <si>
    <t>EKJ PK25 2002M</t>
  </si>
  <si>
    <t>5702329735773</t>
  </si>
  <si>
    <t>VELUX Kombi-Eindeckrahmen EKJ PK25 2002M</t>
  </si>
  <si>
    <t>EKJ PK25 2004ME</t>
  </si>
  <si>
    <t>5702329735797</t>
  </si>
  <si>
    <t>VELUX Kombi-Eindeckr. EKJ PK25 2004ME</t>
  </si>
  <si>
    <t>EKJ PK25 2006ME</t>
  </si>
  <si>
    <t>5702329735803</t>
  </si>
  <si>
    <t>VELUX Kombi-Eindeckr. EKJ PK25 2006ME</t>
  </si>
  <si>
    <t>EKJ PK25 2007ME</t>
  </si>
  <si>
    <t>5702329735810</t>
  </si>
  <si>
    <t>VELUX Kombi-Eindeckr. EKJ PK25 2007ME</t>
  </si>
  <si>
    <t>EKJ PK25 2101M</t>
  </si>
  <si>
    <t>5702329735834</t>
  </si>
  <si>
    <t>VELUX Kombi-Eindeckrahmen EKJ PK25 2101M</t>
  </si>
  <si>
    <t>EKJ PK25 2102M</t>
  </si>
  <si>
    <t>5702329735841</t>
  </si>
  <si>
    <t>VELUX Kombi-Eindeckrahmen EKJ PK25 2102M</t>
  </si>
  <si>
    <t>EKJ PK25 2103M</t>
  </si>
  <si>
    <t>5702329735858</t>
  </si>
  <si>
    <t>VELUX Kombi-Eindeckrahmen EKJ PK25 2103M</t>
  </si>
  <si>
    <t>EKJ PK25 2104ME</t>
  </si>
  <si>
    <t>5702329735865</t>
  </si>
  <si>
    <t>VELUX Kombi-Eindeckr. EKJ PK25 2104ME</t>
  </si>
  <si>
    <t>EKJ PK25 2106ME</t>
  </si>
  <si>
    <t>5702329735872</t>
  </si>
  <si>
    <t>VELUX Kombi-Eindeckr. EKJ PK25 2106ME</t>
  </si>
  <si>
    <t>EKJ PK25 2107ME</t>
  </si>
  <si>
    <t>5702329735889</t>
  </si>
  <si>
    <t>VELUX Kombi-Eindeckr. EKJ PK25 2107ME</t>
  </si>
  <si>
    <t>EKJ PK25 2301M</t>
  </si>
  <si>
    <t>5702329735896</t>
  </si>
  <si>
    <t>VELUX Kombi-Eindeckrahmen EKJ PK25 2301M</t>
  </si>
  <si>
    <t>EKJ PK25 2302M</t>
  </si>
  <si>
    <t>5702329735902</t>
  </si>
  <si>
    <t>VELUX Kombi-Eindeckrahmen EKJ PK25 2302M</t>
  </si>
  <si>
    <t>EKJ PK25 2303M</t>
  </si>
  <si>
    <t>5702329735919</t>
  </si>
  <si>
    <t>VELUX Kombi-Eindeckrahmen EKJ PK25 2303M</t>
  </si>
  <si>
    <t>EKJ SK06 0021E</t>
  </si>
  <si>
    <t>5702326963001</t>
  </si>
  <si>
    <t>K-ER 10 Zi. vert. EKJ SK06 0021E</t>
  </si>
  <si>
    <t>EKJ SK06 2102M</t>
  </si>
  <si>
    <t>5702329736282</t>
  </si>
  <si>
    <t>VELUX Eindeckrahmen EKJ SK06 2102M</t>
  </si>
  <si>
    <t>EKJ SK06 2104ME</t>
  </si>
  <si>
    <t>5702329736305</t>
  </si>
  <si>
    <t>VELUX Kombi-Eindeckr. EKJ SK06 2104ME</t>
  </si>
  <si>
    <t>EKJ SK06 2104MJ</t>
  </si>
  <si>
    <t>5702329736312</t>
  </si>
  <si>
    <t>VELUX Kombi-Eindeckr. EKJ SK06 2104MJ</t>
  </si>
  <si>
    <t>EKJ SK06 2106ME</t>
  </si>
  <si>
    <t>5702329736329</t>
  </si>
  <si>
    <t>VELUX Kombi-Eindeckr. EKJ SK06 2106ME</t>
  </si>
  <si>
    <t>EKJ SK06 2106MJ</t>
  </si>
  <si>
    <t>5702329736336</t>
  </si>
  <si>
    <t>VELUX Kombi-Eindeckr. EKJ SK06 2106MJ</t>
  </si>
  <si>
    <t>EKJ SK06 2107ME</t>
  </si>
  <si>
    <t>5702329736343</t>
  </si>
  <si>
    <t>VELUX Kombi-Eindeckr. EKJ SK06 2107ME</t>
  </si>
  <si>
    <t>EKJ SK06 2107MJ</t>
  </si>
  <si>
    <t>5702329736350</t>
  </si>
  <si>
    <t>VELUX Kombi-Eindeckr. EKJ SK06 2107MJ</t>
  </si>
  <si>
    <t>EKJ SK06 2301M</t>
  </si>
  <si>
    <t>5702329736367</t>
  </si>
  <si>
    <t>VELUX Kombi-Eindeckrahmen EKJ SK06 2301M</t>
  </si>
  <si>
    <t>EKJ SK06 2302M</t>
  </si>
  <si>
    <t>5702329736374</t>
  </si>
  <si>
    <t>VELUX Kombi-Eindeckrahmen EKJ SK06 2302M</t>
  </si>
  <si>
    <t>EKJ SK06 2303M</t>
  </si>
  <si>
    <t>5702329736381</t>
  </si>
  <si>
    <t>VELUX Kombi-Eindeckrahmen EKJ SK06 2303M</t>
  </si>
  <si>
    <t>EKJ SK06 2304ME</t>
  </si>
  <si>
    <t>5702329736398</t>
  </si>
  <si>
    <t>VELUX Kombi-Eindeckr. EKJ SK06 2304ME</t>
  </si>
  <si>
    <t>EKJ SK06 2304MJ</t>
  </si>
  <si>
    <t>5702329736404</t>
  </si>
  <si>
    <t>VELUX Kombi-Eindeckr. EKJ SK06 2304MJ</t>
  </si>
  <si>
    <t>EKJ SK06 2306ME</t>
  </si>
  <si>
    <t>5702329736411</t>
  </si>
  <si>
    <t>VELUX Kombi-Eindeckr. EKJ SK06 2306ME</t>
  </si>
  <si>
    <t>EKJ SK06 2306MJ</t>
  </si>
  <si>
    <t>5702329736428</t>
  </si>
  <si>
    <t>VELUX Kombi-Eindeckr. EKJ SK06 2306MJ</t>
  </si>
  <si>
    <t>EKJ SK06 2307ME</t>
  </si>
  <si>
    <t>5702329736435</t>
  </si>
  <si>
    <t>VELUX Kombi-Eindeckr. EKJ SK06 2307ME</t>
  </si>
  <si>
    <t>EKJ SK06 2307MJ</t>
  </si>
  <si>
    <t>5702329736442</t>
  </si>
  <si>
    <t>VELUX Kombi-Eindeckr. EKJ SK06 2307MJ</t>
  </si>
  <si>
    <t>EKJ SK08 0021E</t>
  </si>
  <si>
    <t>5702326963407</t>
  </si>
  <si>
    <t>K-ER 10 Zi. vert. EKJ SK08 0021E</t>
  </si>
  <si>
    <t>EKJ SK08 0021F</t>
  </si>
  <si>
    <t>5702326963414</t>
  </si>
  <si>
    <t>K-ER 12 Zi. vert. EKJ SK08 0021F</t>
  </si>
  <si>
    <t>EKJ SK08 0021H</t>
  </si>
  <si>
    <t>5702326963438</t>
  </si>
  <si>
    <t>K-ER 16 Zi. vert. EKJ SK08 0021H</t>
  </si>
  <si>
    <t>EKJ SK08 2004ME</t>
  </si>
  <si>
    <t>5702329736541</t>
  </si>
  <si>
    <t>VELUX Kombi-Eindeckr. EKJ SK08 2004ME</t>
  </si>
  <si>
    <t>EKJ SK08 2006ME</t>
  </si>
  <si>
    <t>5702329736565</t>
  </si>
  <si>
    <t>VELUX Kombi-Eindeckr. EKJ SK08 2006ME</t>
  </si>
  <si>
    <t>EKJ SK08 2101M</t>
  </si>
  <si>
    <t>5702329736619</t>
  </si>
  <si>
    <t>VELUX EKJ Eindeckr. ,li EKJ SK08 2101M</t>
  </si>
  <si>
    <t>EKJ SK08 2102M</t>
  </si>
  <si>
    <t>5702329736626</t>
  </si>
  <si>
    <t>VELUX Eindeckrahmen EKJ SK08 2102M</t>
  </si>
  <si>
    <t>EKJ SK08 2103M</t>
  </si>
  <si>
    <t>5702329736633</t>
  </si>
  <si>
    <t>VELUX EindeckrahmenEKJ SK08 2103M</t>
  </si>
  <si>
    <t>EKJ SK08 2104ME</t>
  </si>
  <si>
    <t>5702329736640</t>
  </si>
  <si>
    <t>VELUX Kombi-Eindeckr. EKJ SK08 2104ME</t>
  </si>
  <si>
    <t>EKJ SK08 2104MJ</t>
  </si>
  <si>
    <t>5702329736657</t>
  </si>
  <si>
    <t>VELUX Kombi-Eindeckr. EKJ SK08 2104MJ</t>
  </si>
  <si>
    <t>EKJ SK08 2106ME</t>
  </si>
  <si>
    <t>5702329736664</t>
  </si>
  <si>
    <t>VELUX Kombi-Eindeckr. EKJ SK08 2106ME</t>
  </si>
  <si>
    <t>EKJ SK08 2106MJ</t>
  </si>
  <si>
    <t>5702329736671</t>
  </si>
  <si>
    <t>VELUX Kombi-Eindeckr. EKJ SK08 2106MJ</t>
  </si>
  <si>
    <t>EKJ SK08 2107ME</t>
  </si>
  <si>
    <t>5702329736688</t>
  </si>
  <si>
    <t>VELUX Kombi-Eindeckr. EKJ SK08 2107ME</t>
  </si>
  <si>
    <t>EKJ SK08 2107MJ</t>
  </si>
  <si>
    <t>5702329736695</t>
  </si>
  <si>
    <t>VELUX Kombi-Eindeckr. EKJ SK08 2107MJ</t>
  </si>
  <si>
    <t>EKJ SK08 2301M</t>
  </si>
  <si>
    <t>5702329736701</t>
  </si>
  <si>
    <t>VELUX Kombi-Eindeckrahmen EKJ SK08 2301M</t>
  </si>
  <si>
    <t>EKJ SK08 2302M</t>
  </si>
  <si>
    <t>5702329736718</t>
  </si>
  <si>
    <t>VELUX Kombi-Eindeckrahmen EKJ SK08 2302M</t>
  </si>
  <si>
    <t>EKJ SK08 2303M</t>
  </si>
  <si>
    <t>5702329736725</t>
  </si>
  <si>
    <t>VELUX Kombi-Eindeckrahmen EKJ SK08 2303M</t>
  </si>
  <si>
    <t>EKJ SK08 2304ME</t>
  </si>
  <si>
    <t>5702329736732</t>
  </si>
  <si>
    <t>VELUX Kombi-Eindeckr. EKJ SK08 2304ME</t>
  </si>
  <si>
    <t>EKJ SK08 2304MJ</t>
  </si>
  <si>
    <t>5702329736749</t>
  </si>
  <si>
    <t>VELUX Kombi-Eindeckr. EKJ SK08 2304MJ</t>
  </si>
  <si>
    <t>EKJ SK08 2306ME</t>
  </si>
  <si>
    <t>5702329736756</t>
  </si>
  <si>
    <t>VELUX Kombi-Eindeckr. EKJ SK08 2306ME</t>
  </si>
  <si>
    <t>EKJ SK08 2306MJ</t>
  </si>
  <si>
    <t>5702329736763</t>
  </si>
  <si>
    <t>VELUX Kombi-Eindeckr. EKJ SK08 2306MJ</t>
  </si>
  <si>
    <t>EKJ SK08 2307ME</t>
  </si>
  <si>
    <t>5702329736770</t>
  </si>
  <si>
    <t>VELUX Kombi-Eindeckr. EKJ SK08 2307ME</t>
  </si>
  <si>
    <t>EKJ SK08 2307MJ</t>
  </si>
  <si>
    <t>5702329736787</t>
  </si>
  <si>
    <t>VELUX Kombi-Eindeckr. EKJ SK08 2307MJ</t>
  </si>
  <si>
    <t>EKJ SK10 0021E</t>
  </si>
  <si>
    <t>5702326963773</t>
  </si>
  <si>
    <t>K-ER 10 Zi. vert. EKJ SK10 0021E</t>
  </si>
  <si>
    <t>EKJ SK10 0021H</t>
  </si>
  <si>
    <t>5702326963803</t>
  </si>
  <si>
    <t>K-ER 16 Zi. vert. EKJ SK10 0021H</t>
  </si>
  <si>
    <t>EKJ SK10 2101M</t>
  </si>
  <si>
    <t>5702329736954</t>
  </si>
  <si>
    <t>VELUX EKJ Eindeckr. ,li EKJ SK10 2101M</t>
  </si>
  <si>
    <t>EKJ SK10 2103M</t>
  </si>
  <si>
    <t>5702329736978</t>
  </si>
  <si>
    <t>VELUX EindeckrahmenEKJ SK10 2103M</t>
  </si>
  <si>
    <t>EKJ SK10 2104ME</t>
  </si>
  <si>
    <t>5702329736985</t>
  </si>
  <si>
    <t>VELUX Kombi-Eindeckr. EKJ SK10 2104ME</t>
  </si>
  <si>
    <t>EKJ SK10 2104MJ</t>
  </si>
  <si>
    <t>5702329736992</t>
  </si>
  <si>
    <t>VELUX Kombi-Eindeckr. EKJ SK10 2104MJ</t>
  </si>
  <si>
    <t>EKJ SK10 2106ME</t>
  </si>
  <si>
    <t>5702329737005</t>
  </si>
  <si>
    <t>VELUX Kombi-Eindeckr. EKJ SK10 2106ME</t>
  </si>
  <si>
    <t>EKJ SK10 2106MJ</t>
  </si>
  <si>
    <t>5702329737012</t>
  </si>
  <si>
    <t>VELUX Kombi-Eindeckr. EKJ SK10 2106MJ</t>
  </si>
  <si>
    <t>EKJ SK10 2107ME</t>
  </si>
  <si>
    <t>5702329737029</t>
  </si>
  <si>
    <t>VELUX Kombi-Eindeckr. EKJ SK10 2107ME</t>
  </si>
  <si>
    <t>EKJ SK10 2107MJ</t>
  </si>
  <si>
    <t>5702329737036</t>
  </si>
  <si>
    <t>VELUX Kombi-Eindeckr. EKJ SK10 2107MJ</t>
  </si>
  <si>
    <t>EKJ SK10 2301M</t>
  </si>
  <si>
    <t>5702329737043</t>
  </si>
  <si>
    <t>VELUX Kombi-Eindeckrahmen EKJ SK10 2301M</t>
  </si>
  <si>
    <t>EKJ SK10 2302M</t>
  </si>
  <si>
    <t>5702329737050</t>
  </si>
  <si>
    <t>VELUX Kombi-Eindeckrahmen EKJ SK10 2302M</t>
  </si>
  <si>
    <t>EKJ SK10 2303M</t>
  </si>
  <si>
    <t>5702329737067</t>
  </si>
  <si>
    <t>VELUX Kombi-Eindeckrahmen EKJ SK10 2303M</t>
  </si>
  <si>
    <t>EKJ SK10 2304ME</t>
  </si>
  <si>
    <t>5702329737074</t>
  </si>
  <si>
    <t>VELUX Kombi-Eindeckr. EKJ SK10 2304ME</t>
  </si>
  <si>
    <t>EKJ SK10 2304MJ</t>
  </si>
  <si>
    <t>5702329737081</t>
  </si>
  <si>
    <t>VELUX Kombi-Eindeckr. EKJ SK10 2304MJ</t>
  </si>
  <si>
    <t>EKJ SK10 2306ME</t>
  </si>
  <si>
    <t>5702329737098</t>
  </si>
  <si>
    <t>VELUX Kombi-Eindeckr. EKJ SK10 2306ME</t>
  </si>
  <si>
    <t>EKJ SK10 2306MJ</t>
  </si>
  <si>
    <t>5702329737104</t>
  </si>
  <si>
    <t>VELUX Kombi-Eindeckr. EKJ SK10 2306MJ</t>
  </si>
  <si>
    <t>EKJ SK10 2307ME</t>
  </si>
  <si>
    <t>5702329737111</t>
  </si>
  <si>
    <t>VELUX Kombi-Eindeckr. EKJ SK10 2307ME</t>
  </si>
  <si>
    <t>EKJ SK10 2307MJ</t>
  </si>
  <si>
    <t>5702329737128</t>
  </si>
  <si>
    <t>VELUX Kombi-Eindeckr. EKJ SK10 2307MJ</t>
  </si>
  <si>
    <t>EKJ UK04 0021E</t>
  </si>
  <si>
    <t>5702326964138</t>
  </si>
  <si>
    <t>K-ER 10 Zi. vert. EKJ UK04 0021E</t>
  </si>
  <si>
    <t>EKJ UK04 0121E</t>
  </si>
  <si>
    <t>5702327145208</t>
  </si>
  <si>
    <t>K-ER 10 Zi. vert. EKJ UK04 0121E</t>
  </si>
  <si>
    <t>EKJ UK04 2004ME</t>
  </si>
  <si>
    <t>5702329737326</t>
  </si>
  <si>
    <t>VELUX Kombi-Eindeckr. EKJ UK04 2004ME</t>
  </si>
  <si>
    <t>EKJ UK04 2006ME</t>
  </si>
  <si>
    <t>5702329737340</t>
  </si>
  <si>
    <t>VELUX Kombi-Eindeckr. EKJ UK04 2006ME</t>
  </si>
  <si>
    <t>EKJ UK04 2102M</t>
  </si>
  <si>
    <t>5702329737401</t>
  </si>
  <si>
    <t>VELUX Eindeckrahmen EKJ UK04 2102M</t>
  </si>
  <si>
    <t>EKJ UK04 2104ME</t>
  </si>
  <si>
    <t>5702329737425</t>
  </si>
  <si>
    <t>VELUX Kombi-Eindeckr. EKJ UK04 2104ME</t>
  </si>
  <si>
    <t>EKJ UK04 2104MJ</t>
  </si>
  <si>
    <t>5702329737432</t>
  </si>
  <si>
    <t>VELUX Kombi-Eindeckr. EKJ UK04 2104MJ</t>
  </si>
  <si>
    <t>EKJ UK04 2106ME</t>
  </si>
  <si>
    <t>5702329737449</t>
  </si>
  <si>
    <t>VELUX Kombi-Eindeckr. EKJ UK04 2106ME</t>
  </si>
  <si>
    <t>EKJ UK04 2106MJ</t>
  </si>
  <si>
    <t>5702329737456</t>
  </si>
  <si>
    <t>VELUX Kombi-Eindeckr. EKJ UK04 2106MJ</t>
  </si>
  <si>
    <t>EKJ UK04 2107ME</t>
  </si>
  <si>
    <t>5702329737463</t>
  </si>
  <si>
    <t>VELUX Kombi-Eindeckr. EKJ UK04 2107ME</t>
  </si>
  <si>
    <t>EKJ UK04 2107MJ</t>
  </si>
  <si>
    <t>5702329737470</t>
  </si>
  <si>
    <t>VELUX Kombi-Eindeckr. EKJ UK04 2107MJ</t>
  </si>
  <si>
    <t>EKJ UK04 2301M</t>
  </si>
  <si>
    <t>5702329737487</t>
  </si>
  <si>
    <t>VELUX Kombi-Eindeckrahmen EKJ UK04 2301M</t>
  </si>
  <si>
    <t>EKJ UK04 2302M</t>
  </si>
  <si>
    <t>5702329737494</t>
  </si>
  <si>
    <t>VELUX Kombi-Eindeckrahmen EKJ UK04 2302M</t>
  </si>
  <si>
    <t>EKJ UK04 2303M</t>
  </si>
  <si>
    <t>5702329737500</t>
  </si>
  <si>
    <t>VELUX Kombi-Eindeckrahmen EKJ UK04 2303M</t>
  </si>
  <si>
    <t>EKJ UK04 2304ME</t>
  </si>
  <si>
    <t>5702329737517</t>
  </si>
  <si>
    <t>VELUX Kombi-Eindeckr. EKJ UK04 2304ME</t>
  </si>
  <si>
    <t>EKJ UK04 2304MJ</t>
  </si>
  <si>
    <t>5702329737524</t>
  </si>
  <si>
    <t>VELUX Kombi-Eindeckr. EKJ UK04 2304MJ</t>
  </si>
  <si>
    <t>EKJ UK04 2306ME</t>
  </si>
  <si>
    <t>5702329737531</t>
  </si>
  <si>
    <t>VELUX Kombi-Eindeckr. EKJ UK04 2306ME</t>
  </si>
  <si>
    <t>EKJ UK04 2306MJ</t>
  </si>
  <si>
    <t>5702329737548</t>
  </si>
  <si>
    <t>VELUX Kombi-Eindeckr. EKJ UK04 2306MJ</t>
  </si>
  <si>
    <t>EKJ UK04 2307ME</t>
  </si>
  <si>
    <t>5702329737555</t>
  </si>
  <si>
    <t>VELUX Kombi-Eindeckr. EKJ UK04 2307ME</t>
  </si>
  <si>
    <t>EKJ UK04 2307MJ</t>
  </si>
  <si>
    <t>5702329737562</t>
  </si>
  <si>
    <t>VELUX Kombi-Eindeckr. EKJ UK04 2307MJ</t>
  </si>
  <si>
    <t>EKJ UK08 0021E</t>
  </si>
  <si>
    <t>5702326964527</t>
  </si>
  <si>
    <t>K-ER 10 Zi. vert. EKJ UK08 0021E</t>
  </si>
  <si>
    <t>EKJ UK08 2004ME</t>
  </si>
  <si>
    <t>5702329737661</t>
  </si>
  <si>
    <t>VELUX Kombi-Eindeckr. EKJ UK08 2004ME</t>
  </si>
  <si>
    <t>EKJ UK08 2004MJ</t>
  </si>
  <si>
    <t>5702329737678</t>
  </si>
  <si>
    <t>VELUX Kombi-Eindeckr. EKJ UK08 2004MJ</t>
  </si>
  <si>
    <t>EKJ UK08 2006ME</t>
  </si>
  <si>
    <t>5702329737685</t>
  </si>
  <si>
    <t>VELUX Kombi-Eindeckr. EKJ UK08 2006ME</t>
  </si>
  <si>
    <t>EKJ UK08 2006MJ</t>
  </si>
  <si>
    <t>5702329737692</t>
  </si>
  <si>
    <t>VELUX Kombi-Eindeckr. EKJ UK08 2006MJ</t>
  </si>
  <si>
    <t>EKJ UK08 2101M</t>
  </si>
  <si>
    <t>5702329737739</t>
  </si>
  <si>
    <t>VELUX EKJ Eindeckr. ,li EKJ UK08 2101M</t>
  </si>
  <si>
    <t>EKJ UK08 2102M</t>
  </si>
  <si>
    <t>5702329737746</t>
  </si>
  <si>
    <t>VELUX Eindeckrahmen EKJ UK08 2102M</t>
  </si>
  <si>
    <t>EKJ UK08 2103M</t>
  </si>
  <si>
    <t>5702329737753</t>
  </si>
  <si>
    <t>VELUX EindeckrahmenEKJ UK08 2103M</t>
  </si>
  <si>
    <t>EKJ UK08 2104ME</t>
  </si>
  <si>
    <t>5702329737760</t>
  </si>
  <si>
    <t>VELUX Kombi-Eindeckr. EKJ UK08 2104ME</t>
  </si>
  <si>
    <t>EKJ UK08 2104MJ</t>
  </si>
  <si>
    <t>5702329737777</t>
  </si>
  <si>
    <t>VELUX Kombi-Eindeckr. EKJ UK08 2104MJ</t>
  </si>
  <si>
    <t>EKJ UK08 2106ME</t>
  </si>
  <si>
    <t>5702329737784</t>
  </si>
  <si>
    <t>VELUX Kombi-Eindeckr. EKJ UK08 2106ME</t>
  </si>
  <si>
    <t>EKJ UK08 2106MJ</t>
  </si>
  <si>
    <t>5702329737791</t>
  </si>
  <si>
    <t>VELUX Kombi-Eindeckr. EKJ UK08 2106MJ</t>
  </si>
  <si>
    <t>EKJ UK08 2107MJ</t>
  </si>
  <si>
    <t>5702329737814</t>
  </si>
  <si>
    <t>VELUX Kombi-Eindeckr. EKJ UK08 2107MJ</t>
  </si>
  <si>
    <t>EKJ UK08 2301M</t>
  </si>
  <si>
    <t>5702329737821</t>
  </si>
  <si>
    <t>VELUX Kombi-Eindeckrahmen EKJ UK08 2301M</t>
  </si>
  <si>
    <t>EKJ UK08 2302M</t>
  </si>
  <si>
    <t>5702329737838</t>
  </si>
  <si>
    <t>VELUX Kombi-Eindeckrahmen EKJ UK08 2302M</t>
  </si>
  <si>
    <t>EKJ UK08 2303M</t>
  </si>
  <si>
    <t>5702329737845</t>
  </si>
  <si>
    <t>VELUX Kombi-Eindeckrahmen EKJ UK08 2303M</t>
  </si>
  <si>
    <t>EKJ UK08 2304ME</t>
  </si>
  <si>
    <t>5702329737852</t>
  </si>
  <si>
    <t>VELUX Kombi-Eindeckr. EKJ UK08 2304ME</t>
  </si>
  <si>
    <t>EKJ UK08 2304MJ</t>
  </si>
  <si>
    <t>5702329737869</t>
  </si>
  <si>
    <t>VELUX Kombi-Eindeckr. EKJ UK08 2304MJ</t>
  </si>
  <si>
    <t>EKJ UK08 2306ME</t>
  </si>
  <si>
    <t>5702329737876</t>
  </si>
  <si>
    <t>VELUX Kombi-Eindeckr. EKJ UK08 2306ME</t>
  </si>
  <si>
    <t>EKJ UK08 2306MJ</t>
  </si>
  <si>
    <t>5702329737883</t>
  </si>
  <si>
    <t>VELUX Kombi-Eindeckr. EKJ UK08 2306MJ</t>
  </si>
  <si>
    <t>EKJ UK08 2307ME</t>
  </si>
  <si>
    <t>5702329737890</t>
  </si>
  <si>
    <t>VELUX Kombi-Eindeckr. EKJ UK08 2307ME</t>
  </si>
  <si>
    <t>EKJ UK08 2307MJ</t>
  </si>
  <si>
    <t>5702329737906</t>
  </si>
  <si>
    <t>VELUX Kombi-Eindeckr. EKJ UK08 2307MJ</t>
  </si>
  <si>
    <t>EKJ UK10 0021H</t>
  </si>
  <si>
    <t>5702326964923</t>
  </si>
  <si>
    <t>K-ER 16 Zi. vert. EKJ UK10 0021H</t>
  </si>
  <si>
    <t>EKJ UK10 2004ME</t>
  </si>
  <si>
    <t>5702329738002</t>
  </si>
  <si>
    <t>VELUX Kombi-Eindeckr. EKJ UK10 2004ME</t>
  </si>
  <si>
    <t>EKJ UK10 2006ME</t>
  </si>
  <si>
    <t>5702329738026</t>
  </si>
  <si>
    <t>VELUX Kombi-Eindeckr. EKJ UK10 2006ME</t>
  </si>
  <si>
    <t>EKJ UK10 2101M</t>
  </si>
  <si>
    <t>5702329738071</t>
  </si>
  <si>
    <t>VELUX EKJ Eindeckr. ,li EKJ UK10 2101M</t>
  </si>
  <si>
    <t>EKJ UK10 2102M</t>
  </si>
  <si>
    <t>5702329738088</t>
  </si>
  <si>
    <t>VELUX Eindeckrahmen EKJ UK10 2102M</t>
  </si>
  <si>
    <t>EKJ UK10 2103M</t>
  </si>
  <si>
    <t>5702329738095</t>
  </si>
  <si>
    <t>VELUX EindeckrahmenEKJ UK10 2103M</t>
  </si>
  <si>
    <t>EKJ UK10 2104ME</t>
  </si>
  <si>
    <t>5702329738101</t>
  </si>
  <si>
    <t>VELUX Kombi-Eindeckr. EKJ UK10 2104ME</t>
  </si>
  <si>
    <t>EKJ UK10 2104MJ</t>
  </si>
  <si>
    <t>5702329738118</t>
  </si>
  <si>
    <t>VELUX Kombi-Eindeckr. EKJ UK10 2104MJ</t>
  </si>
  <si>
    <t>EKJ UK10 2106ME</t>
  </si>
  <si>
    <t>5702329738125</t>
  </si>
  <si>
    <t>VELUX Kombi-Eindeckr. EKJ UK10 2106ME</t>
  </si>
  <si>
    <t>EKJ UK10 2106MJ</t>
  </si>
  <si>
    <t>5702329738132</t>
  </si>
  <si>
    <t>VELUX Kombi-Eindeckr. EKJ UK10 2106MJ</t>
  </si>
  <si>
    <t>EKJ UK10 2107ME</t>
  </si>
  <si>
    <t>5702329738149</t>
  </si>
  <si>
    <t>VELUX Kombi-Eindeckr. EKJ UK10 2107ME</t>
  </si>
  <si>
    <t>EKJ UK10 2107MJ</t>
  </si>
  <si>
    <t>5702329738156</t>
  </si>
  <si>
    <t>VELUX Kombi-Eindeckr. EKJ UK10 2107MJ</t>
  </si>
  <si>
    <t>EKJ UK10 2301M</t>
  </si>
  <si>
    <t>5702329738163</t>
  </si>
  <si>
    <t>VELUX Kombi-Eindeckrahmen EKJ UK10 2301M</t>
  </si>
  <si>
    <t>EKJ UK10 2302M</t>
  </si>
  <si>
    <t>5702329738170</t>
  </si>
  <si>
    <t>VELUX Kombi-Eindeckrahmen EKJ UK10 2302M</t>
  </si>
  <si>
    <t>EKJ UK10 2303M</t>
  </si>
  <si>
    <t>5702329738187</t>
  </si>
  <si>
    <t>VELUX Kombi-Eindeckrahmen EKJ UK10 2303M</t>
  </si>
  <si>
    <t>EKJ UK10 2304ME</t>
  </si>
  <si>
    <t>5702329738194</t>
  </si>
  <si>
    <t>VELUX Kombi-Eindeckr. EKJ UK10 2304ME</t>
  </si>
  <si>
    <t>EKJ UK10 2304MJ</t>
  </si>
  <si>
    <t>5702329738200</t>
  </si>
  <si>
    <t>VELUX Kombi-Eindeckr. EKJ UK10 2304MJ</t>
  </si>
  <si>
    <t>EKJ UK10 2306ME</t>
  </si>
  <si>
    <t>5702329738217</t>
  </si>
  <si>
    <t>VELUX Kombi-Eindeckr. EKJ UK10 2306ME</t>
  </si>
  <si>
    <t>EKJ UK10 2306MJ</t>
  </si>
  <si>
    <t>5702329738224</t>
  </si>
  <si>
    <t>VELUX Kombi-Eindeckr. EKJ UK10 2306MJ</t>
  </si>
  <si>
    <t>EKJ UK10 2307ME</t>
  </si>
  <si>
    <t>5702329738231</t>
  </si>
  <si>
    <t>VELUX Kombi-Eindeckr. EKJ UK10 2307ME</t>
  </si>
  <si>
    <t>EKJ UK10 2307MJ</t>
  </si>
  <si>
    <t>5702329738248</t>
  </si>
  <si>
    <t>VELUX Kombi-Eindeckr. EKJ UK10 2307MJ</t>
  </si>
  <si>
    <t>EKL CK02 2101M</t>
  </si>
  <si>
    <t>5702329750479</t>
  </si>
  <si>
    <t>VX K-Eind.-R. 10-16 EKL CK02 2101M</t>
  </si>
  <si>
    <t>EKL CK02 2102M</t>
  </si>
  <si>
    <t>5702329750486</t>
  </si>
  <si>
    <t>VX K-Eind.-R. 10-16 EKL CK02 2102M</t>
  </si>
  <si>
    <t>EKL CK02 2103M</t>
  </si>
  <si>
    <t>5702329750493</t>
  </si>
  <si>
    <t>VX K-Eind.-R. EKL CK02 2103M</t>
  </si>
  <si>
    <t>EKL CK02 2104ME</t>
  </si>
  <si>
    <t>5702329750509</t>
  </si>
  <si>
    <t>VX K-Eind.-R. 10-16/10 EKL CK02 2104ME</t>
  </si>
  <si>
    <t>EKL CK02 2104MJ</t>
  </si>
  <si>
    <t>5702329750516</t>
  </si>
  <si>
    <t>VX K-Eind.-R. 10-16/25 EKL CK02 2104MJ</t>
  </si>
  <si>
    <t>EKL CK02 2106ME</t>
  </si>
  <si>
    <t>5702329750523</t>
  </si>
  <si>
    <t>VX K-Eind.-R. /10cm EKL CK02 2106ME</t>
  </si>
  <si>
    <t>EKL CK02 2106MJ</t>
  </si>
  <si>
    <t>5702329750530</t>
  </si>
  <si>
    <t>VX K-Eind.-R. /25cm EKL CK02 2106MJ</t>
  </si>
  <si>
    <t>EKL CK02 2107ME</t>
  </si>
  <si>
    <t>5702329750547</t>
  </si>
  <si>
    <t>VX K-Eind.-R. /10cm EKL CK02 2107ME</t>
  </si>
  <si>
    <t>EKL CK02 2107MJ</t>
  </si>
  <si>
    <t>5702329750554</t>
  </si>
  <si>
    <t>VX K-Eind.-R. /25cm EKL CK02 2107MJ</t>
  </si>
  <si>
    <t>EKL CK02 2301M</t>
  </si>
  <si>
    <t>5702329750578</t>
  </si>
  <si>
    <t>VX K-Eind.-R. 10-16 EKL CK02 2301M</t>
  </si>
  <si>
    <t>EKL CK02 2302M</t>
  </si>
  <si>
    <t>5702329750585</t>
  </si>
  <si>
    <t>VX K-Eind.-R. 10-16 EKL CK02 2302M</t>
  </si>
  <si>
    <t>EKL CK02 2303M</t>
  </si>
  <si>
    <t>5702329750592</t>
  </si>
  <si>
    <t>VX K-Eind.-R. EKL CK02 2303M</t>
  </si>
  <si>
    <t>EKL CK02 2304ME</t>
  </si>
  <si>
    <t>5702329750608</t>
  </si>
  <si>
    <t>VX K-Eind.-R. 10-16/10 EKL CK02 2304ME</t>
  </si>
  <si>
    <t>EKL CK02 2304MJ</t>
  </si>
  <si>
    <t>5702329750615</t>
  </si>
  <si>
    <t>VX K-Eind.-R. 10-16/25 EKL CK02 2304MJ</t>
  </si>
  <si>
    <t>EKL CK02 2306ME</t>
  </si>
  <si>
    <t>5702329750622</t>
  </si>
  <si>
    <t>VX K-Eind.-R. /10cm EKL CK02 2306ME</t>
  </si>
  <si>
    <t>EKL CK02 2306MJ</t>
  </si>
  <si>
    <t>5702329750639</t>
  </si>
  <si>
    <t>VX K-Eind.-R. /25cm EKL CK02 2306MJ</t>
  </si>
  <si>
    <t>EKL CK02 2307ME</t>
  </si>
  <si>
    <t>5702329750646</t>
  </si>
  <si>
    <t>VX K-Eind.-R. /10cm EKL CK02 2307ME</t>
  </si>
  <si>
    <t>EKL CK02 2307MJ</t>
  </si>
  <si>
    <t>5702329750653</t>
  </si>
  <si>
    <t>VX K-Eind.-R. /25cm EKL CK02 2307MJ</t>
  </si>
  <si>
    <t>EKL CK04 2102M</t>
  </si>
  <si>
    <t>5702329750776</t>
  </si>
  <si>
    <t>VX K-Eind.-R. 10-16 EKL CK04 2102M</t>
  </si>
  <si>
    <t>EKL CK04 2104ME</t>
  </si>
  <si>
    <t>5702329750790</t>
  </si>
  <si>
    <t>VX K-Eind.-R. 10-16/10 EKL CK04 2104ME</t>
  </si>
  <si>
    <t>EKL CK04 2104MJ</t>
  </si>
  <si>
    <t>5702329750806</t>
  </si>
  <si>
    <t>VX K-Eind.-R. 10-16/25 EKL CK04 2104MJ</t>
  </si>
  <si>
    <t>EKL CK04 2106ME</t>
  </si>
  <si>
    <t>5702329750813</t>
  </si>
  <si>
    <t>VX K-Eind.-R. /10cm EKL CK04 2106ME</t>
  </si>
  <si>
    <t>EKL CK04 2106MJ</t>
  </si>
  <si>
    <t>5702329750820</t>
  </si>
  <si>
    <t>VX K-Eind.-R. /25cm EKL CK04 2106MJ</t>
  </si>
  <si>
    <t>EKL CK04 2107ME</t>
  </si>
  <si>
    <t>5702329750837</t>
  </si>
  <si>
    <t>VX K-Eind.-R. /10cm EKL CK04 2107ME</t>
  </si>
  <si>
    <t>EKL CK04 2302M</t>
  </si>
  <si>
    <t>5702329750875</t>
  </si>
  <si>
    <t>VX K-Eind.-R. 10-16 EKL CK04 2302M</t>
  </si>
  <si>
    <t>EKL CK04 2304ME</t>
  </si>
  <si>
    <t>5702329750899</t>
  </si>
  <si>
    <t>VX K-Eind.-R. 10-16/10 EKL CK04 2304ME</t>
  </si>
  <si>
    <t>EKL CK04 2304MJ</t>
  </si>
  <si>
    <t>5702329750905</t>
  </si>
  <si>
    <t>VX K-Eind.-R. 10-16/25 EKL CK04 2304MJ</t>
  </si>
  <si>
    <t>EKL CK04 2306ME</t>
  </si>
  <si>
    <t>5702329750912</t>
  </si>
  <si>
    <t>VX K-Eind.-R. /10cm EKL CK04 2306ME</t>
  </si>
  <si>
    <t>EKL CK04 2306MJ</t>
  </si>
  <si>
    <t>5702329750929</t>
  </si>
  <si>
    <t>VX K-Eind.-R. /25cm EKL CK04 2306MJ</t>
  </si>
  <si>
    <t>EKL CK04 2307ME</t>
  </si>
  <si>
    <t>5702329750936</t>
  </si>
  <si>
    <t>VX K-Eind.-R. /10cm EKL CK04 2307ME</t>
  </si>
  <si>
    <t>EKL CK04 2307MJ</t>
  </si>
  <si>
    <t>5702329750943</t>
  </si>
  <si>
    <t>VX K-Eind.-R. /25cm EKL CK04 2307MJ</t>
  </si>
  <si>
    <t>EKL CK06 2004MJ</t>
  </si>
  <si>
    <t>5702329750998</t>
  </si>
  <si>
    <t>VX K-Eind.-R. 10-16/25 EKL CK06 2004MJ</t>
  </si>
  <si>
    <t>EKL CK06 2006MJ</t>
  </si>
  <si>
    <t>5702329751018</t>
  </si>
  <si>
    <t>VX K-Eind.-R. /25cm EKL CK06 2006MJ</t>
  </si>
  <si>
    <t>EKL CK06 2104ME</t>
  </si>
  <si>
    <t>5702329751087</t>
  </si>
  <si>
    <t>VX K-Eind.-R. 10-16/10 EKL CK06 2104ME</t>
  </si>
  <si>
    <t>EKL CK06 2104MJ</t>
  </si>
  <si>
    <t>5702329751094</t>
  </si>
  <si>
    <t>VX K-Eind.-R. 10-16/25 EKL CK06 2104MJ</t>
  </si>
  <si>
    <t>EKL CK06 2106ME</t>
  </si>
  <si>
    <t>5702329751100</t>
  </si>
  <si>
    <t>VX K-Eind.-R. /10cm EKL CK06 2106ME</t>
  </si>
  <si>
    <t>EKL CK06 2106MJ</t>
  </si>
  <si>
    <t>5702329751117</t>
  </si>
  <si>
    <t>VX K-Eind.-R. /25cm EKL CK06 2106MJ</t>
  </si>
  <si>
    <t>EKL CK06 2107ME</t>
  </si>
  <si>
    <t>5702329751124</t>
  </si>
  <si>
    <t>VX K-Eind.-R. /10cm EKL CK06 2107ME</t>
  </si>
  <si>
    <t>EKL CK06 2107MJ</t>
  </si>
  <si>
    <t>5702329751131</t>
  </si>
  <si>
    <t>VX K-Eind.-R. /25cm EKL CK06 2107MJ</t>
  </si>
  <si>
    <t>EKL CK06 2301M</t>
  </si>
  <si>
    <t>5702329751155</t>
  </si>
  <si>
    <t>VX K-Eind.-R. 10-16 EKL CK06 2301M</t>
  </si>
  <si>
    <t>EKL CK06 2302M</t>
  </si>
  <si>
    <t>5702329751162</t>
  </si>
  <si>
    <t>VX K-Eind.-R. 10-16 EKL CK06 2302M</t>
  </si>
  <si>
    <t>EKL CK06 2303M</t>
  </si>
  <si>
    <t>5702329751179</t>
  </si>
  <si>
    <t>VX K-Eind.-R. EKL CK06 2303M</t>
  </si>
  <si>
    <t>EKL CK06 2304ME</t>
  </si>
  <si>
    <t>5702329751186</t>
  </si>
  <si>
    <t>VX K-Eind.-R. 10-16/10 EKL CK06 2304ME</t>
  </si>
  <si>
    <t>EKL CK06 2304MJ</t>
  </si>
  <si>
    <t>5702329751193</t>
  </si>
  <si>
    <t>VX K-Eind.-R. 10-16/25 EKL CK06 2304MJ</t>
  </si>
  <si>
    <t>EKL CK06 2306ME</t>
  </si>
  <si>
    <t>5702329751209</t>
  </si>
  <si>
    <t>VX K-Eind.-R. /10cm EKL CK06 2306ME</t>
  </si>
  <si>
    <t>EKL CK06 2306MJ</t>
  </si>
  <si>
    <t>5702329751216</t>
  </si>
  <si>
    <t>VX K-Eind.-R. /25cm EKL CK06 2306MJ</t>
  </si>
  <si>
    <t>EKL CK06 2307ME</t>
  </si>
  <si>
    <t>5702329751223</t>
  </si>
  <si>
    <t>VX K-Eind.-R. /10cm EKL CK06 2307ME</t>
  </si>
  <si>
    <t>EKL CK06 2307MJ</t>
  </si>
  <si>
    <t>5702329751230</t>
  </si>
  <si>
    <t>VX K-Eind.-R. /25cm EKL CK06 2307MJ</t>
  </si>
  <si>
    <t>EKL FK04 2004MJ</t>
  </si>
  <si>
    <t>5702329751285</t>
  </si>
  <si>
    <t>VX K-Eind.-R. 10-16/25 EKL FK04 2004MJ</t>
  </si>
  <si>
    <t>EKL FK04 2006MJ</t>
  </si>
  <si>
    <t>5702329751308</t>
  </si>
  <si>
    <t>VX K-Eind.-R. /25cm EKL FK04 2006MJ</t>
  </si>
  <si>
    <t>EKL FK04 2007MJ</t>
  </si>
  <si>
    <t>5702329751322</t>
  </si>
  <si>
    <t>VX K-Eind.-R. /25cm EKL FK04 2007MJ</t>
  </si>
  <si>
    <t>EKL FK04 2102M</t>
  </si>
  <si>
    <t>5702329751353</t>
  </si>
  <si>
    <t>VX K-Eind.-R. 10-16 EKL FK04 2102M</t>
  </si>
  <si>
    <t>EKL FK04 2104MJ</t>
  </si>
  <si>
    <t>5702329751384</t>
  </si>
  <si>
    <t>VX K-Eind.-R. 10-16/25 EKL FK04 2104MJ</t>
  </si>
  <si>
    <t>EKL FK04 2106MJ</t>
  </si>
  <si>
    <t>5702329751407</t>
  </si>
  <si>
    <t>VX K-Eind.-R. /25cm EKL FK04 2106MJ</t>
  </si>
  <si>
    <t>EKL FK04 2107MJ</t>
  </si>
  <si>
    <t>5702329751421</t>
  </si>
  <si>
    <t>VX K-Eind.-R. /25cm EKL FK04 2107MJ</t>
  </si>
  <si>
    <t>EKL FK04 2301M</t>
  </si>
  <si>
    <t>5702329751445</t>
  </si>
  <si>
    <t>VX K-Eind.-R. 10-16 EKL FK04 2301M</t>
  </si>
  <si>
    <t>EKL FK04 2302M</t>
  </si>
  <si>
    <t>5702329751452</t>
  </si>
  <si>
    <t>VX K-Eind.-R. 10-16 EKL FK04 2302M</t>
  </si>
  <si>
    <t>EKL FK04 2303M</t>
  </si>
  <si>
    <t>5702329751469</t>
  </si>
  <si>
    <t>VX K-Eind.-R. EKL FK04 2303M</t>
  </si>
  <si>
    <t>EKL FK04 2304ME</t>
  </si>
  <si>
    <t>5702329751476</t>
  </si>
  <si>
    <t>VX K-Eind.-R. 10-16/10 EKL FK04 2304ME</t>
  </si>
  <si>
    <t>EKL FK04 2304MJ</t>
  </si>
  <si>
    <t>5702329751483</t>
  </si>
  <si>
    <t>VX K-Eind.-R. 10-16/25 EKL FK04 2304MJ</t>
  </si>
  <si>
    <t>EKL FK04 2306ME</t>
  </si>
  <si>
    <t>5702329751490</t>
  </si>
  <si>
    <t>VX K-Eind.-R. /10cm EKL FK04 2306ME</t>
  </si>
  <si>
    <t>EKL FK04 2306MJ</t>
  </si>
  <si>
    <t>5702329751506</t>
  </si>
  <si>
    <t>VX K-Eind.-R. /25cm EKL FK04 2306MJ</t>
  </si>
  <si>
    <t>EKL FK04 2307ME</t>
  </si>
  <si>
    <t>5702329751513</t>
  </si>
  <si>
    <t>VX K-Eind.-R. /10cm EKL FK04 2307ME</t>
  </si>
  <si>
    <t>EKL FK04 2307MJ</t>
  </si>
  <si>
    <t>5702329751520</t>
  </si>
  <si>
    <t>VX K-Eind.-R. /25cm EKL FK04 2307MJ</t>
  </si>
  <si>
    <t>EKL FK06 2007MJ</t>
  </si>
  <si>
    <t>5702329751612</t>
  </si>
  <si>
    <t>VX K-Eind.-R. /25cm EKL FK06 2007MJ</t>
  </si>
  <si>
    <t>EKL FK06 2104ME</t>
  </si>
  <si>
    <t>5702329751667</t>
  </si>
  <si>
    <t>VX K-Eind.-R. 10-16/10 EKL FK06 2104ME</t>
  </si>
  <si>
    <t>EKL FK06 2104MJ</t>
  </si>
  <si>
    <t>5702329751674</t>
  </si>
  <si>
    <t>VX K-Eind.-R. 10-16/25 EKL FK06 2104MJ</t>
  </si>
  <si>
    <t>EKL FK06 2106ME</t>
  </si>
  <si>
    <t>5702329751681</t>
  </si>
  <si>
    <t>VX K-Eind.-R. /10cm EKL FK06 2106ME</t>
  </si>
  <si>
    <t>EKL FK06 2106MJ</t>
  </si>
  <si>
    <t>5702329751698</t>
  </si>
  <si>
    <t>VX K-Eind.-R. /25cm EKL FK06 2106MJ</t>
  </si>
  <si>
    <t>EKL FK06 2302M</t>
  </si>
  <si>
    <t>5702329751742</t>
  </si>
  <si>
    <t>VX K-Eind.-R. 10-16 EKL FK06 2302M</t>
  </si>
  <si>
    <t>EKL FK06 2304ME</t>
  </si>
  <si>
    <t>5702329751766</t>
  </si>
  <si>
    <t>VX K-Eind.-R. 10-16/10 EKL FK06 2304ME</t>
  </si>
  <si>
    <t>EKL FK06 2304MJ</t>
  </si>
  <si>
    <t>5702329751773</t>
  </si>
  <si>
    <t>VX K-Eind.-R. 10-16/25 EKL FK06 2304MJ</t>
  </si>
  <si>
    <t>EKL FK06 2306ME</t>
  </si>
  <si>
    <t>5702329751780</t>
  </si>
  <si>
    <t>VX K-Eind.-R. /10cm EKL FK06 2306ME</t>
  </si>
  <si>
    <t>EKL FK06 2306MJ</t>
  </si>
  <si>
    <t>5702329751797</t>
  </si>
  <si>
    <t>VX K-Eind.-R. /25cm EKL FK06 2306MJ</t>
  </si>
  <si>
    <t>EKL FK06 2307ME</t>
  </si>
  <si>
    <t>5702329751803</t>
  </si>
  <si>
    <t>VX K-Eind.-R. /10cm EKL FK06 2307ME</t>
  </si>
  <si>
    <t>EKL FK06 2307MJ</t>
  </si>
  <si>
    <t>5702329751810</t>
  </si>
  <si>
    <t>VX K-Eind.-R. /25cm EKL FK06 2307MJ</t>
  </si>
  <si>
    <t>EKL FK08 2004MJ</t>
  </si>
  <si>
    <t>5702329751865</t>
  </si>
  <si>
    <t>VX K-Eind.-R. 10-16/25 EKL FK08 2004MJ</t>
  </si>
  <si>
    <t>EKL FK08 2006MJ</t>
  </si>
  <si>
    <t>5702329751889</t>
  </si>
  <si>
    <t>VX K-Eind.-R. /25cm EKL FK08 2006MJ</t>
  </si>
  <si>
    <t>EKL FK08 2101M</t>
  </si>
  <si>
    <t>5702329751926</t>
  </si>
  <si>
    <t>VX K-Eind.-R. 10-16 EKL FK08 2101M</t>
  </si>
  <si>
    <t>EKL FK08 2102M</t>
  </si>
  <si>
    <t>5702329751933</t>
  </si>
  <si>
    <t>VX K-Eind.-R. 10-16 EKL FK08 2102M</t>
  </si>
  <si>
    <t>EKL FK08 2104ME</t>
  </si>
  <si>
    <t>5702329751957</t>
  </si>
  <si>
    <t>VX K-Eind.-R. 10-16/10 EKL FK08 2104ME</t>
  </si>
  <si>
    <t>EKL FK08 2104MJ</t>
  </si>
  <si>
    <t>5702329751964</t>
  </si>
  <si>
    <t>VX K-Eind.-R. 10-16/25 EKL FK08 2104MJ</t>
  </si>
  <si>
    <t>EKL FK08 2106ME</t>
  </si>
  <si>
    <t>5702329751971</t>
  </si>
  <si>
    <t>VX K-Eind.-R. /10cm EKL FK08 2106ME</t>
  </si>
  <si>
    <t>EKL FK08 2106MJ</t>
  </si>
  <si>
    <t>5702329751988</t>
  </si>
  <si>
    <t>VX K-Eind.-R. /25cm EKL FK08 2106MJ</t>
  </si>
  <si>
    <t>EKL FK08 2107ME</t>
  </si>
  <si>
    <t>5702329751995</t>
  </si>
  <si>
    <t>VX K-Eind.-R. /10cm EKL FK08 2107ME</t>
  </si>
  <si>
    <t>EKL FK08 2107MJ</t>
  </si>
  <si>
    <t>5702329752008</t>
  </si>
  <si>
    <t>VX K-Eind.-R. /25cm EKL FK08 2107MJ</t>
  </si>
  <si>
    <t>EKL FK08 2302M</t>
  </si>
  <si>
    <t>5702329752039</t>
  </si>
  <si>
    <t>VX K-Eind.-R. 10-16 EKL FK08 2302M</t>
  </si>
  <si>
    <t>EKL FK08 2304ME</t>
  </si>
  <si>
    <t>5702329752053</t>
  </si>
  <si>
    <t>VX K-Eind.-R. 10-16/10 EKL FK08 2304ME</t>
  </si>
  <si>
    <t>EKL FK08 2304MJ</t>
  </si>
  <si>
    <t>5702329752060</t>
  </si>
  <si>
    <t>VX K-Eind.-R. 10-16/25 EKL FK08 2304MJ</t>
  </si>
  <si>
    <t>EKL FK08 2306ME</t>
  </si>
  <si>
    <t>5702329752077</t>
  </si>
  <si>
    <t>VX K-Eind.-R. /10cm EKL FK08 2306ME</t>
  </si>
  <si>
    <t>EKL FK08 2306MJ</t>
  </si>
  <si>
    <t>5702329752084</t>
  </si>
  <si>
    <t>VX K-Eind.-R. /25cm EKL FK08 2306MJ</t>
  </si>
  <si>
    <t>EKL FK08 2307ME</t>
  </si>
  <si>
    <t>5702329752091</t>
  </si>
  <si>
    <t>VX K-Eind.-R. /10cm EKL FK08 2307ME</t>
  </si>
  <si>
    <t>EKL FK08 2307MJ</t>
  </si>
  <si>
    <t>5702329752107</t>
  </si>
  <si>
    <t>VX K-Eind.-R. /25cm EKL FK08 2307MJ</t>
  </si>
  <si>
    <t>EKL MK04 2102M</t>
  </si>
  <si>
    <t>5702329752220</t>
  </si>
  <si>
    <t>VX K-Eind.-R. 10-16 EKL MK04 2102M</t>
  </si>
  <si>
    <t>EKL MK04 2107ME</t>
  </si>
  <si>
    <t>5702329752282</t>
  </si>
  <si>
    <t>VX K-Eind.-R. /10cm EKL MK04 2107ME</t>
  </si>
  <si>
    <t>EKL MK04 2107MJ</t>
  </si>
  <si>
    <t>5702329752299</t>
  </si>
  <si>
    <t>VX K-Eind.-R. /25cm EKL MK04 2107MJ</t>
  </si>
  <si>
    <t>EKL MK04 2304ME</t>
  </si>
  <si>
    <t>5702329752343</t>
  </si>
  <si>
    <t>VX K-Eind.-R. 10-16/10 EKL MK04 2304ME</t>
  </si>
  <si>
    <t>EKL MK04 2304MJ</t>
  </si>
  <si>
    <t>5702329752350</t>
  </si>
  <si>
    <t>VX K-Eind.-R. 10-16/25 EKL MK04 2304MJ</t>
  </si>
  <si>
    <t>EKL MK04 2306ME</t>
  </si>
  <si>
    <t>5702329752367</t>
  </si>
  <si>
    <t>VX K-Eind.-R. /10cm EKL MK04 2306ME</t>
  </si>
  <si>
    <t>EKL MK04 2306MJ</t>
  </si>
  <si>
    <t>5702329752374</t>
  </si>
  <si>
    <t>VX K-Eind.-R. /25cm EKL MK04 2306MJ</t>
  </si>
  <si>
    <t>EKL MK04 2307ME</t>
  </si>
  <si>
    <t>5702329752381</t>
  </si>
  <si>
    <t>VX K-Eind.-R. /10cm EKL MK04 2307ME</t>
  </si>
  <si>
    <t>EKL MK04 2307MJ</t>
  </si>
  <si>
    <t>5702329752398</t>
  </si>
  <si>
    <t>VX K-Eind.-R. /25cm EKL MK04 2307MJ</t>
  </si>
  <si>
    <t>EKL MK06 2101M</t>
  </si>
  <si>
    <t>5702329752503</t>
  </si>
  <si>
    <t>VX K-Eind.-R. 10-16 EKL MK06 2101M</t>
  </si>
  <si>
    <t>EKL MK06 2103M</t>
  </si>
  <si>
    <t>5702329752527</t>
  </si>
  <si>
    <t>VX K-Eind.-R. EKL MK06 2103M</t>
  </si>
  <si>
    <t>EKL MK06 2104ME</t>
  </si>
  <si>
    <t>5702329752534</t>
  </si>
  <si>
    <t>VX K-Eind.-R. 10-16/10 EKL MK06 2104ME</t>
  </si>
  <si>
    <t>EKL MK06 2104MJ</t>
  </si>
  <si>
    <t>5702329752541</t>
  </si>
  <si>
    <t>VX K-Eind.-R. 10-16/25 EKL MK06 2104MJ</t>
  </si>
  <si>
    <t>EKL MK06 2106ME</t>
  </si>
  <si>
    <t>5702329752558</t>
  </si>
  <si>
    <t>VX K-Eind.-R. /10cm EKL MK06 2106ME</t>
  </si>
  <si>
    <t>EKL MK06 2106MJ</t>
  </si>
  <si>
    <t>5702329752565</t>
  </si>
  <si>
    <t>VX K-Eind.-R. /25cm EKL MK06 2106MJ</t>
  </si>
  <si>
    <t>EKL MK06 2107ME</t>
  </si>
  <si>
    <t>5702329752572</t>
  </si>
  <si>
    <t>VX K-Eind.-R. /10cm EKL MK06 2107ME</t>
  </si>
  <si>
    <t>EKL MK06 2107MJ</t>
  </si>
  <si>
    <t>5702329752589</t>
  </si>
  <si>
    <t>VX K-Eind.-R. /25cm EKL MK06 2107MJ</t>
  </si>
  <si>
    <t>EKL MK06 2304ME</t>
  </si>
  <si>
    <t>5702329752633</t>
  </si>
  <si>
    <t>VX K-Eind.-R. 10-16/10 EKL MK06 2304ME</t>
  </si>
  <si>
    <t>EKL MK06 2304MJ</t>
  </si>
  <si>
    <t>5702329752640</t>
  </si>
  <si>
    <t>VX K-Eind.-R. 10-16/25 EKL MK06 2304MJ</t>
  </si>
  <si>
    <t>EKL MK06 2306ME</t>
  </si>
  <si>
    <t>5702329752657</t>
  </si>
  <si>
    <t>VX K-Eind.-R. /10cm EKL MK06 2306ME</t>
  </si>
  <si>
    <t>EKL MK06 2306MJ</t>
  </si>
  <si>
    <t>5702329752664</t>
  </si>
  <si>
    <t>VX K-Eind.-R. /25cm EKL MK06 2306MJ</t>
  </si>
  <si>
    <t>EKL MK06 2307ME</t>
  </si>
  <si>
    <t>5702329752671</t>
  </si>
  <si>
    <t>VX K-Eind.-R. /10cm EKL MK06 2307ME</t>
  </si>
  <si>
    <t>EKL MK06 2307MJ</t>
  </si>
  <si>
    <t>5702329752688</t>
  </si>
  <si>
    <t>VX K-Eind.-R. /25cm EKL MK06 2307MJ</t>
  </si>
  <si>
    <t>EKL MK08 2104ME</t>
  </si>
  <si>
    <t>5702329752824</t>
  </si>
  <si>
    <t>VX K-Eind.-R. 10-16/10 EKL MK08 2104ME</t>
  </si>
  <si>
    <t>EKL MK08 2104MJ</t>
  </si>
  <si>
    <t>5702329752831</t>
  </si>
  <si>
    <t>VX K-Eind.-R. 10-16/25 EKL MK08 2104MJ</t>
  </si>
  <si>
    <t>EKL MK08 2106ME</t>
  </si>
  <si>
    <t>5702329752848</t>
  </si>
  <si>
    <t>VX K-Eind.-R. /10cm EKL MK08 2106ME</t>
  </si>
  <si>
    <t>EKL MK08 2106MJ</t>
  </si>
  <si>
    <t>5702329752855</t>
  </si>
  <si>
    <t>VX K-Eind.-R. /25cm EKL MK08 2106MJ</t>
  </si>
  <si>
    <t>EKL MK08 2107MJ</t>
  </si>
  <si>
    <t>5702329752879</t>
  </si>
  <si>
    <t>VX K-Eind.-R. /25cm EKL MK08 2107MJ</t>
  </si>
  <si>
    <t>EKL MK08 2304MJ</t>
  </si>
  <si>
    <t>5702329752930</t>
  </si>
  <si>
    <t>VX K-Eind.-R. 10-16/25 EKL MK08 2304MJ</t>
  </si>
  <si>
    <t>EKL MK08 2306MJ</t>
  </si>
  <si>
    <t>5702329752954</t>
  </si>
  <si>
    <t>VX K-Eind.-R. /25cm EKL MK08 2306MJ</t>
  </si>
  <si>
    <t>EKL MK08 2307ME</t>
  </si>
  <si>
    <t>5702329752961</t>
  </si>
  <si>
    <t>VX K-Eind.-R. /10cm EKL MK08 2307ME</t>
  </si>
  <si>
    <t>EKL MK08 2307MJ</t>
  </si>
  <si>
    <t>5702329752978</t>
  </si>
  <si>
    <t>VX K-Eind.-R. /25cm EKL MK08 2307MJ</t>
  </si>
  <si>
    <t>EKL MK10 2101M</t>
  </si>
  <si>
    <t>5702329753081</t>
  </si>
  <si>
    <t>VX K-Eind.-R. 10-16 EKL MK10 2101M</t>
  </si>
  <si>
    <t>EKL MK10 2102M</t>
  </si>
  <si>
    <t>5702329753098</t>
  </si>
  <si>
    <t>VX K-Eind.-R. 10-16 EKL MK10 2102M</t>
  </si>
  <si>
    <t>EKL MK10 2103M</t>
  </si>
  <si>
    <t>5702329753104</t>
  </si>
  <si>
    <t>VX K-Eind.-R. EKL MK10 2103M</t>
  </si>
  <si>
    <t>EKL MK10 2104ME</t>
  </si>
  <si>
    <t>5702329753111</t>
  </si>
  <si>
    <t>VX K-Eind.-R. 10-16/10 EKL MK10 2104ME</t>
  </si>
  <si>
    <t>EKL MK10 2104MJ</t>
  </si>
  <si>
    <t>5702329753128</t>
  </si>
  <si>
    <t>VX K-Eind.-R. 10-16/25 EKL MK10 2104MJ</t>
  </si>
  <si>
    <t>EKL MK10 2106ME</t>
  </si>
  <si>
    <t>5702329753135</t>
  </si>
  <si>
    <t>VX K-Eind.-R. /10cm EKL MK10 2106ME</t>
  </si>
  <si>
    <t>EKL MK10 2106MJ</t>
  </si>
  <si>
    <t>5702329753142</t>
  </si>
  <si>
    <t>VX K-Eind.-R. /25cm EKL MK10 2106MJ</t>
  </si>
  <si>
    <t>EKL MK10 2107ME</t>
  </si>
  <si>
    <t>5702329753159</t>
  </si>
  <si>
    <t>VX K-Eind.-R. /10cm EKL MK10 2107ME</t>
  </si>
  <si>
    <t>EKL MK10 2107MJ</t>
  </si>
  <si>
    <t>5702329753166</t>
  </si>
  <si>
    <t>VX K-Eind.-R. /25cm EKL MK10 2107MJ</t>
  </si>
  <si>
    <t>EKL MK10 2302M</t>
  </si>
  <si>
    <t>5702329753197</t>
  </si>
  <si>
    <t>VX K-Eind.-R. 10-16 EKL MK10 2302M</t>
  </si>
  <si>
    <t>EKL MK10 2304ME</t>
  </si>
  <si>
    <t>5702329753210</t>
  </si>
  <si>
    <t>VX K-Eind.-R. 10-16/10 EKL MK10 2304ME</t>
  </si>
  <si>
    <t>EKL MK10 2304MJ</t>
  </si>
  <si>
    <t>5702329753227</t>
  </si>
  <si>
    <t>VX K-Eind.-R. 10-16/25 EKL MK10 2304MJ</t>
  </si>
  <si>
    <t>EKL MK10 2306ME</t>
  </si>
  <si>
    <t>5702329753234</t>
  </si>
  <si>
    <t>VX K-Eind.-R. /10cm EKL MK10 2306ME</t>
  </si>
  <si>
    <t>EKL MK10 2306MJ</t>
  </si>
  <si>
    <t>5702329753241</t>
  </si>
  <si>
    <t>VX K-Eind.-R. /25cm EKL MK10 2306MJ</t>
  </si>
  <si>
    <t>EKL MK10 2307ME</t>
  </si>
  <si>
    <t>5702329753258</t>
  </si>
  <si>
    <t>VX K-Eind.-R. /10cm EKL MK10 2307ME</t>
  </si>
  <si>
    <t>EKL MK10 2307MJ</t>
  </si>
  <si>
    <t>5702329753265</t>
  </si>
  <si>
    <t>VX K-Eind.-R. /25cm EKL MK10 2307MJ</t>
  </si>
  <si>
    <t>EKL PK06 2101M</t>
  </si>
  <si>
    <t>5702329753616</t>
  </si>
  <si>
    <t>VX K-Eind.-R. 10-16 EKL PK06 2101M</t>
  </si>
  <si>
    <t>EKL PK06 2102M</t>
  </si>
  <si>
    <t>5702329753623</t>
  </si>
  <si>
    <t>VX K-Eind.-R. 10-16 EKL PK06 2102M</t>
  </si>
  <si>
    <t>EKL PK06 2104ME</t>
  </si>
  <si>
    <t>5702329753647</t>
  </si>
  <si>
    <t>VX K-Eind.-R. 10-16/10 EKL PK06 2104ME</t>
  </si>
  <si>
    <t>EKL PK06 2104MJ</t>
  </si>
  <si>
    <t>5702329753654</t>
  </si>
  <si>
    <t>VX K-Eind.-R. 10-16/25 EKL PK06 2104MJ</t>
  </si>
  <si>
    <t>EKL PK06 2106ME</t>
  </si>
  <si>
    <t>5702329753661</t>
  </si>
  <si>
    <t>VX K-Eind.-R. /10cm EKL PK06 2106ME</t>
  </si>
  <si>
    <t>EKL PK06 2106MJ</t>
  </si>
  <si>
    <t>5702329753678</t>
  </si>
  <si>
    <t>VX K-Eind.-R. /25cm EKL PK06 2106MJ</t>
  </si>
  <si>
    <t>EKL PK06 2107MJ</t>
  </si>
  <si>
    <t>5702329753692</t>
  </si>
  <si>
    <t>VX K-Eind.-R. /25cm EKL PK06 2107MJ</t>
  </si>
  <si>
    <t>EKL PK06 2301M</t>
  </si>
  <si>
    <t>5702329753715</t>
  </si>
  <si>
    <t>VX K-Eind.-R. 10-16 EKL PK06 2301M</t>
  </si>
  <si>
    <t>EKL PK06 2302M</t>
  </si>
  <si>
    <t>5702329753722</t>
  </si>
  <si>
    <t>VX K-Eind.-R. 10-16 EKL PK06 2302M</t>
  </si>
  <si>
    <t>EKL PK06 2303M</t>
  </si>
  <si>
    <t>5702329753739</t>
  </si>
  <si>
    <t>VX K-Eind.-R. EKL PK06 2303M</t>
  </si>
  <si>
    <t>EKL PK06 2304ME</t>
  </si>
  <si>
    <t>5702329753746</t>
  </si>
  <si>
    <t>VX K-Eind.-R. 10-16/10 EKL PK06 2304ME</t>
  </si>
  <si>
    <t>EKL PK06 2304MJ</t>
  </si>
  <si>
    <t>5702329753753</t>
  </si>
  <si>
    <t>VX K-Eind.-R. 10-16/25 EKL PK06 2304MJ</t>
  </si>
  <si>
    <t>EKL PK06 2306ME</t>
  </si>
  <si>
    <t>5702329753760</t>
  </si>
  <si>
    <t>VX K-Eind.-R. /10cm EKL PK06 2306ME</t>
  </si>
  <si>
    <t>EKL PK06 2306MJ</t>
  </si>
  <si>
    <t>5702329753777</t>
  </si>
  <si>
    <t>VX K-Eind.-R. /25cm EKL PK06 2306MJ</t>
  </si>
  <si>
    <t>EKL PK06 2307ME</t>
  </si>
  <si>
    <t>5702329753784</t>
  </si>
  <si>
    <t>VX K-Eind.-R. /10cm EKL PK06 2307ME</t>
  </si>
  <si>
    <t>EKL PK06 2307MJ</t>
  </si>
  <si>
    <t>5702329753791</t>
  </si>
  <si>
    <t>VX K-Eind.-R. /25cm EKL PK06 2307MJ</t>
  </si>
  <si>
    <t>EKL PK08 2101M</t>
  </si>
  <si>
    <t>5702329753906</t>
  </si>
  <si>
    <t>VX K-Eind.-R. 10-16 EKL PK08 2101M</t>
  </si>
  <si>
    <t>EKL PK08 2102M</t>
  </si>
  <si>
    <t>5702329753913</t>
  </si>
  <si>
    <t>VX K-Eind.-R. 10-16 EKL PK08 2102M</t>
  </si>
  <si>
    <t>EKL PK08 2103M</t>
  </si>
  <si>
    <t>5702329753920</t>
  </si>
  <si>
    <t>VX K-Eind.-R. EKL PK08 2103M</t>
  </si>
  <si>
    <t>EKL PK08 2104ME</t>
  </si>
  <si>
    <t>5702329753937</t>
  </si>
  <si>
    <t>VX K-Eind.-R. 10-16/10 EKL PK08 2104ME</t>
  </si>
  <si>
    <t>EKL PK08 2104MJ</t>
  </si>
  <si>
    <t>5702329753944</t>
  </si>
  <si>
    <t>VX K-Eind.-R. 10-16/25 EKL PK08 2104MJ</t>
  </si>
  <si>
    <t>EKL PK08 2106ME</t>
  </si>
  <si>
    <t>5702329753951</t>
  </si>
  <si>
    <t>VX K-Eind.-R. /10cm EKL PK08 2106ME</t>
  </si>
  <si>
    <t>EKL PK08 2106MJ</t>
  </si>
  <si>
    <t>5702329753968</t>
  </si>
  <si>
    <t>VX K-Eind.-R. /25cm EKL PK08 2106MJ</t>
  </si>
  <si>
    <t>EKL PK08 2107ME</t>
  </si>
  <si>
    <t>5702329753975</t>
  </si>
  <si>
    <t>VX K-Eind.-R. /10cm EKL PK08 2107ME</t>
  </si>
  <si>
    <t>EKL PK08 2107MJ</t>
  </si>
  <si>
    <t>5702329753982</t>
  </si>
  <si>
    <t>VX K-Eind.-R. /25cm EKL PK08 2107MJ</t>
  </si>
  <si>
    <t>EKL PK08 2121M</t>
  </si>
  <si>
    <t>5702329753999</t>
  </si>
  <si>
    <t>VX K-Eind.-R. 10-16 EKL PK08 2121M</t>
  </si>
  <si>
    <t>EKL PK08 2301M</t>
  </si>
  <si>
    <t>5702329754002</t>
  </si>
  <si>
    <t>VX K-Eind.-R. 10-16 EKL PK08 2301M</t>
  </si>
  <si>
    <t>EKL PK08 2302M</t>
  </si>
  <si>
    <t>5702329754019</t>
  </si>
  <si>
    <t>VX K-Eind.-R. 10-16 EKL PK08 2302M</t>
  </si>
  <si>
    <t>EKL PK08 2303M</t>
  </si>
  <si>
    <t>5702329754026</t>
  </si>
  <si>
    <t>VX K-Eind.-R. EKL PK08 2303M</t>
  </si>
  <si>
    <t>EKL PK08 2304ME</t>
  </si>
  <si>
    <t>5702329754033</t>
  </si>
  <si>
    <t>VX K-Eind.-R. 10-16/10 EKL PK08 2304ME</t>
  </si>
  <si>
    <t>EKL PK08 2304MJ</t>
  </si>
  <si>
    <t>5702329754040</t>
  </si>
  <si>
    <t>VX K-Eind.-R. 10-16/25 EKL PK08 2304MJ</t>
  </si>
  <si>
    <t>EKL PK08 2306ME</t>
  </si>
  <si>
    <t>5702329754057</t>
  </si>
  <si>
    <t>VX K-Eind.-R. /10cm EKL PK08 2306ME</t>
  </si>
  <si>
    <t>EKL PK08 2306MJ</t>
  </si>
  <si>
    <t>5702329754064</t>
  </si>
  <si>
    <t>VX K-Eind.-R. /25cm EKL PK08 2306MJ</t>
  </si>
  <si>
    <t>EKL PK08 2307MJ</t>
  </si>
  <si>
    <t>5702329754088</t>
  </si>
  <si>
    <t>VX K-Eind.-R. /25cm EKL PK08 2307MJ</t>
  </si>
  <si>
    <t>EKL PK10 2104ME</t>
  </si>
  <si>
    <t>5702329754224</t>
  </si>
  <si>
    <t>VX K-Eind.-R. 10-16/10 EKL PK10 2104ME</t>
  </si>
  <si>
    <t>EKL PK10 2104MJ</t>
  </si>
  <si>
    <t>5702329754231</t>
  </si>
  <si>
    <t>VX K-Eind.-R. 10-16/25 EKL PK10 2104MJ</t>
  </si>
  <si>
    <t>EKL PK10 2106ME</t>
  </si>
  <si>
    <t>5702329754248</t>
  </si>
  <si>
    <t>VX K-Eind.-R. /10cm EKL PK10 2106ME</t>
  </si>
  <si>
    <t>EKL PK10 2106MJ</t>
  </si>
  <si>
    <t>5702329754255</t>
  </si>
  <si>
    <t>VX K-Eind.-R. /25cm EKL PK10 2106MJ</t>
  </si>
  <si>
    <t>EKL PK10 2107ME</t>
  </si>
  <si>
    <t>5702329754262</t>
  </si>
  <si>
    <t>VX K-Eind.-R. /10cm EKL PK10 2107ME</t>
  </si>
  <si>
    <t>EKL PK10 2107MJ</t>
  </si>
  <si>
    <t>5702329754279</t>
  </si>
  <si>
    <t>VX K-Eind.-R. /25cm EKL PK10 2107MJ</t>
  </si>
  <si>
    <t>EKL PK10 2302M</t>
  </si>
  <si>
    <t>5702329754309</t>
  </si>
  <si>
    <t>VX K-Eind.-R. 10-16 EKL PK10 2302M</t>
  </si>
  <si>
    <t>EKL PK10 2304ME</t>
  </si>
  <si>
    <t>5702329754323</t>
  </si>
  <si>
    <t>VX K-Eind.-R. 10-16/10 EKL PK10 2304ME</t>
  </si>
  <si>
    <t>EKL PK10 2304MJ</t>
  </si>
  <si>
    <t>5702329754330</t>
  </si>
  <si>
    <t>VX K-Eind.-R. 10-16/25 EKL PK10 2304MJ</t>
  </si>
  <si>
    <t>EKL PK10 2306ME</t>
  </si>
  <si>
    <t>5702329754347</t>
  </si>
  <si>
    <t>VX K-Eind.-R. /10cm EKL PK10 2306ME</t>
  </si>
  <si>
    <t>EKL PK10 2306MJ</t>
  </si>
  <si>
    <t>5702329754354</t>
  </si>
  <si>
    <t>VX K-Eind.-R. /25cm EKL PK10 2306MJ</t>
  </si>
  <si>
    <t>EKL PK10 2307ME</t>
  </si>
  <si>
    <t>5702329754361</t>
  </si>
  <si>
    <t>VX K-Eind.-R. /10cm EKL PK10 2307ME</t>
  </si>
  <si>
    <t>EKL PK10 2307MJ</t>
  </si>
  <si>
    <t>5702329754378</t>
  </si>
  <si>
    <t>VX K-Eind.-R. /25cm EKL PK10 2307MJ</t>
  </si>
  <si>
    <t>EKL SK06 2101M</t>
  </si>
  <si>
    <t>5702329754675</t>
  </si>
  <si>
    <t>VX K-Eind.-R. 10-16 EKL SK06 2101M</t>
  </si>
  <si>
    <t>EKL SK06 2104ME</t>
  </si>
  <si>
    <t>5702329754705</t>
  </si>
  <si>
    <t>VX K-Eind.-R. 10-16/10 EKL SK06 2104ME</t>
  </si>
  <si>
    <t>EKL SK06 2104MJ</t>
  </si>
  <si>
    <t>5702329754712</t>
  </si>
  <si>
    <t>VX K-Eind.-R. 10-16/25 EKL SK06 2104MJ</t>
  </si>
  <si>
    <t>EKL SK06 2106ME</t>
  </si>
  <si>
    <t>5702329754729</t>
  </si>
  <si>
    <t>VX K-Eind.-R. /10cm EKL SK06 2106ME</t>
  </si>
  <si>
    <t>EKL SK06 2106MJ</t>
  </si>
  <si>
    <t>5702329754736</t>
  </si>
  <si>
    <t>VX K-Eind.-R. /25cm EKL SK06 2106MJ</t>
  </si>
  <si>
    <t>EKL SK06 2107ME</t>
  </si>
  <si>
    <t>5702329754743</t>
  </si>
  <si>
    <t>VX K-Eind.-R. /10cm EKL SK06 2107ME</t>
  </si>
  <si>
    <t>EKL SK06 2107MJ</t>
  </si>
  <si>
    <t>5702329754750</t>
  </si>
  <si>
    <t>VX K-Eind.-R. /25cm EKL SK06 2107MJ</t>
  </si>
  <si>
    <t>EKL SK06 2302M</t>
  </si>
  <si>
    <t>5702329754781</t>
  </si>
  <si>
    <t>VX K-Eind.-R. 10-16 EKL SK06 2302M</t>
  </si>
  <si>
    <t>EKL SK06 2304ME</t>
  </si>
  <si>
    <t>5702329754804</t>
  </si>
  <si>
    <t>VX K-Eind.-R. 10-16/10 EKL SK06 2304ME</t>
  </si>
  <si>
    <t>EKL SK06 2304MJ</t>
  </si>
  <si>
    <t>5702329754811</t>
  </si>
  <si>
    <t>VX K-Eind.-R. 10-16/25 EKL SK06 2304MJ</t>
  </si>
  <si>
    <t>EKL SK06 2306ME</t>
  </si>
  <si>
    <t>5702329754828</t>
  </si>
  <si>
    <t>VX K-Eind.-R. /10cm EKL SK06 2306ME</t>
  </si>
  <si>
    <t>EKL SK06 2306MJ</t>
  </si>
  <si>
    <t>5702329754835</t>
  </si>
  <si>
    <t>VX K-Eind.-R. /25cm EKL SK06 2306MJ</t>
  </si>
  <si>
    <t>EKL SK06 2307ME</t>
  </si>
  <si>
    <t>5702329754842</t>
  </si>
  <si>
    <t>VX K-Eind.-R. /10cm EKL SK06 2307ME</t>
  </si>
  <si>
    <t>EKL SK06 2307MJ</t>
  </si>
  <si>
    <t>5702329754859</t>
  </si>
  <si>
    <t>VX K-Eind.-R. /25cm EKL SK06 2307MJ</t>
  </si>
  <si>
    <t>EKL SK08 2103M</t>
  </si>
  <si>
    <t>5702329754989</t>
  </si>
  <si>
    <t>VX K-Eind.-R. EKL SK08 2103M</t>
  </si>
  <si>
    <t>EKL SK08 2104ME</t>
  </si>
  <si>
    <t>5702329754996</t>
  </si>
  <si>
    <t>VX K-Eind.-R. 10-16/10 EKL SK08 2104ME</t>
  </si>
  <si>
    <t>EKL SK08 2104MJ</t>
  </si>
  <si>
    <t>5702329755009</t>
  </si>
  <si>
    <t>VX K-Eind.-R. 10-16/25 EKL SK08 2104MJ</t>
  </si>
  <si>
    <t>EKL SK08 2106ME</t>
  </si>
  <si>
    <t>5702329755016</t>
  </si>
  <si>
    <t>VX K-Eind.-R. /10cm EKL SK08 2106ME</t>
  </si>
  <si>
    <t>EKL SK08 2106MJ</t>
  </si>
  <si>
    <t>5702329755023</t>
  </si>
  <si>
    <t>VX K-Eind.-R. /25cm EKL SK08 2106MJ</t>
  </si>
  <si>
    <t>EKL SK08 2107ME</t>
  </si>
  <si>
    <t>5702329755030</t>
  </si>
  <si>
    <t>VX K-Eind.-R. /10cm EKL SK08 2107ME</t>
  </si>
  <si>
    <t>EKL SK08 2107MJ</t>
  </si>
  <si>
    <t>5702329755047</t>
  </si>
  <si>
    <t>VX K-Eind.-R. /25cm EKL SK08 2107MJ</t>
  </si>
  <si>
    <t>EKL SK08 2302M</t>
  </si>
  <si>
    <t>5702329755078</t>
  </si>
  <si>
    <t>VX K-Eind.-R. 10-16 EKL SK08 2302M</t>
  </si>
  <si>
    <t>EKL SK08 2304ME</t>
  </si>
  <si>
    <t>5702329755092</t>
  </si>
  <si>
    <t>VX K-Eind.-R. 10-16/10 EKL SK08 2304ME</t>
  </si>
  <si>
    <t>EKL SK08 2304MJ</t>
  </si>
  <si>
    <t>5702329755108</t>
  </si>
  <si>
    <t>VX K-Eind.-R. 10-16/25 EKL SK08 2304MJ</t>
  </si>
  <si>
    <t>EKL SK08 2306ME</t>
  </si>
  <si>
    <t>5702329755115</t>
  </si>
  <si>
    <t>VX K-Eind.-R. /10cm EKL SK08 2306ME</t>
  </si>
  <si>
    <t>EKL SK08 2306MJ</t>
  </si>
  <si>
    <t>5702329755122</t>
  </si>
  <si>
    <t>VX K-Eind.-R. /25cm EKL SK08 2306MJ</t>
  </si>
  <si>
    <t>EKL SK08 2307ME</t>
  </si>
  <si>
    <t>5702329755139</t>
  </si>
  <si>
    <t>VX K-Eind.-R. /10cm EKL SK08 2307ME</t>
  </si>
  <si>
    <t>EKL SK08 2307MJ</t>
  </si>
  <si>
    <t>5702329755146</t>
  </si>
  <si>
    <t>VX K-Eind.-R. /25cm EKL SK08 2307MJ</t>
  </si>
  <si>
    <t>EKL SK10 2101M</t>
  </si>
  <si>
    <t>5702329755252</t>
  </si>
  <si>
    <t>VX K-Eind.-R. 10-16 EKL SK10 2101M</t>
  </si>
  <si>
    <t>EKL SK10 2102M</t>
  </si>
  <si>
    <t>5702329755269</t>
  </si>
  <si>
    <t>VX K-Eind.-R. 10-16 EKL SK10 2102M</t>
  </si>
  <si>
    <t>EKL SK10 2103M</t>
  </si>
  <si>
    <t>5702329755276</t>
  </si>
  <si>
    <t>VX K-Eind.-R. EKL SK10 2103M</t>
  </si>
  <si>
    <t>EKL SK10 2104ME</t>
  </si>
  <si>
    <t>5702329755283</t>
  </si>
  <si>
    <t>VX K-Eind.-R. 10-16/10 EKL SK10 2104ME</t>
  </si>
  <si>
    <t>EKL SK10 2104MJ</t>
  </si>
  <si>
    <t>5702329755290</t>
  </si>
  <si>
    <t>VX K-Eind.-R. 10-16/25 EKL SK10 2104MJ</t>
  </si>
  <si>
    <t>EKL SK10 2106ME</t>
  </si>
  <si>
    <t>5702329755306</t>
  </si>
  <si>
    <t>VX K-Eind.-R. /10cm EKL SK10 2106ME</t>
  </si>
  <si>
    <t>EKL SK10 2106MJ</t>
  </si>
  <si>
    <t>5702329755313</t>
  </si>
  <si>
    <t>VX K-Eind.-R. /25cm EKL SK10 2106MJ</t>
  </si>
  <si>
    <t>EKL SK10 2107ME</t>
  </si>
  <si>
    <t>5702329755320</t>
  </si>
  <si>
    <t>VX K-Eind.-R. /10cm EKL SK10 2107ME</t>
  </si>
  <si>
    <t>EKL SK10 2107MJ</t>
  </si>
  <si>
    <t>5702329755337</t>
  </si>
  <si>
    <t>VX K-Eind.-R. /25cm EKL SK10 2107MJ</t>
  </si>
  <si>
    <t>EKL SK10 2301M</t>
  </si>
  <si>
    <t>5702329755351</t>
  </si>
  <si>
    <t>VX K-Eind.-R. 10-16 EKL SK10 2301M</t>
  </si>
  <si>
    <t>EKL SK10 2302M</t>
  </si>
  <si>
    <t>5702329755368</t>
  </si>
  <si>
    <t>VX K-Eind.-R. 10-16 EKL SK10 2302M</t>
  </si>
  <si>
    <t>EKL SK10 2304ME</t>
  </si>
  <si>
    <t>5702329755382</t>
  </si>
  <si>
    <t>VX K-Eind.-R. 10-16/10 EKL SK10 2304ME</t>
  </si>
  <si>
    <t>EKL SK10 2304MJ</t>
  </si>
  <si>
    <t>5702329755399</t>
  </si>
  <si>
    <t>VX K-Eind.-R. 10-16/25 EKL SK10 2304MJ</t>
  </si>
  <si>
    <t>EKL SK10 2306ME</t>
  </si>
  <si>
    <t>5702329755405</t>
  </si>
  <si>
    <t>VX K-Eind.-R. /10cm EKL SK10 2306ME</t>
  </si>
  <si>
    <t>EKL SK10 2306MJ</t>
  </si>
  <si>
    <t>5702329755412</t>
  </si>
  <si>
    <t>VX K-Eind.-R. /25cm EKL SK10 2306MJ</t>
  </si>
  <si>
    <t>EKL SK10 2307ME</t>
  </si>
  <si>
    <t>5702329755429</t>
  </si>
  <si>
    <t>VX K-Eind.-R. /10cm EKL SK10 2307ME</t>
  </si>
  <si>
    <t>EKL SK10 2307MJ</t>
  </si>
  <si>
    <t>5702329755436</t>
  </si>
  <si>
    <t>VX K-Eind.-R. /25cm EKL SK10 2307MJ</t>
  </si>
  <si>
    <t>EKL UK04 2101M</t>
  </si>
  <si>
    <t>5702329755573</t>
  </si>
  <si>
    <t>VX K-Eind.-R. 10-16 EKL UK04 2101M</t>
  </si>
  <si>
    <t>EKL UK04 2103M</t>
  </si>
  <si>
    <t>5702329755597</t>
  </si>
  <si>
    <t>VX K-Eind.-R. EKL UK04 2103M</t>
  </si>
  <si>
    <t>EKL UK04 2104ME</t>
  </si>
  <si>
    <t>5702329755603</t>
  </si>
  <si>
    <t>VX K-Eind.-R. 10-16/10 EKL UK04 2104ME</t>
  </si>
  <si>
    <t>EKL UK04 2104MJ</t>
  </si>
  <si>
    <t>5702329755610</t>
  </si>
  <si>
    <t>VX K-Eind.-R. 10-16/25 EKL UK04 2104MJ</t>
  </si>
  <si>
    <t>EKL UK04 2106ME</t>
  </si>
  <si>
    <t>5702329755627</t>
  </si>
  <si>
    <t>VX K-Eind.-R. /10cm EKL UK04 2106ME</t>
  </si>
  <si>
    <t>EKL UK04 2106MJ</t>
  </si>
  <si>
    <t>5702329755634</t>
  </si>
  <si>
    <t>VX K-Eind.-R. /25cm EKL UK04 2106MJ</t>
  </si>
  <si>
    <t>EKL UK04 2107ME</t>
  </si>
  <si>
    <t>5702329755641</t>
  </si>
  <si>
    <t>VX K-Eind.-R. /10cm EKL UK04 2107ME</t>
  </si>
  <si>
    <t>EKL UK04 2107MJ</t>
  </si>
  <si>
    <t>5702329755658</t>
  </si>
  <si>
    <t>VX K-Eind.-R. /25cm EKL UK04 2107MJ</t>
  </si>
  <si>
    <t>EKL UK04 2301M</t>
  </si>
  <si>
    <t>5702329755672</t>
  </si>
  <si>
    <t>VX K-Eind.-R. 10-16 EKL UK04 2301M</t>
  </si>
  <si>
    <t>EKL UK04 2303M</t>
  </si>
  <si>
    <t>5702329755696</t>
  </si>
  <si>
    <t>VX K-Eind.-R. EKL UK04 2303M</t>
  </si>
  <si>
    <t>EKL UK04 2304ME</t>
  </si>
  <si>
    <t>5702329755702</t>
  </si>
  <si>
    <t>VX K-Eind.-R. 10-16/10 EKL UK04 2304ME</t>
  </si>
  <si>
    <t>EKL UK04 2306ME</t>
  </si>
  <si>
    <t>5702329755726</t>
  </si>
  <si>
    <t>VX K-Eind.-R. /10cm EKL UK04 2306ME</t>
  </si>
  <si>
    <t>EKL UK04 2306MJ</t>
  </si>
  <si>
    <t>5702329755733</t>
  </si>
  <si>
    <t>VX K-Eind.-R. /25cm EKL UK04 2306MJ</t>
  </si>
  <si>
    <t>EKL UK04 2307ME</t>
  </si>
  <si>
    <t>5702329755740</t>
  </si>
  <si>
    <t>VX K-Eind.-R. /10cm EKL UK04 2307ME</t>
  </si>
  <si>
    <t>EKL UK08 2101M</t>
  </si>
  <si>
    <t>5702329755863</t>
  </si>
  <si>
    <t>VX K-Eind.-R. 10-16 EKL UK08 2101M</t>
  </si>
  <si>
    <t>EKL UK08 2102M</t>
  </si>
  <si>
    <t>5702329755870</t>
  </si>
  <si>
    <t>VX K-Eind.-R. 10-16 EKL UK08 2102M</t>
  </si>
  <si>
    <t>EKL UK08 2103M</t>
  </si>
  <si>
    <t>5702329755887</t>
  </si>
  <si>
    <t>VX K-Eind.-R. EKL UK08 2103M</t>
  </si>
  <si>
    <t>EKL UK08 2104ME</t>
  </si>
  <si>
    <t>5702329755894</t>
  </si>
  <si>
    <t>VX K-Eind.-R. 10-16/10 EKL UK08 2104ME</t>
  </si>
  <si>
    <t>EKL UK08 2104MJ</t>
  </si>
  <si>
    <t>5702329755900</t>
  </si>
  <si>
    <t>VX K-Eind.-R. 10-16/25 EKL UK08 2104MJ</t>
  </si>
  <si>
    <t>EKL UK08 2106ME</t>
  </si>
  <si>
    <t>5702329755917</t>
  </si>
  <si>
    <t>VX K-Eind.-R. /10cm EKL UK08 2106ME</t>
  </si>
  <si>
    <t>EKL UK08 2106MJ</t>
  </si>
  <si>
    <t>5702329755924</t>
  </si>
  <si>
    <t>VX K-Eind.-R. /25cm EKL UK08 2106MJ</t>
  </si>
  <si>
    <t>EKL UK08 2301M</t>
  </si>
  <si>
    <t>5702329755962</t>
  </si>
  <si>
    <t>VX K-Eind.-R. 10-16 EKL UK08 2301M</t>
  </si>
  <si>
    <t>EKL UK08 2302M</t>
  </si>
  <si>
    <t>5702329755979</t>
  </si>
  <si>
    <t>VX K-Eind.-R. 10-16 EKL UK08 2302M</t>
  </si>
  <si>
    <t>EKL UK08 2303M</t>
  </si>
  <si>
    <t>5702329755986</t>
  </si>
  <si>
    <t>VX K-Eind.-R. EKL UK08 2303M</t>
  </si>
  <si>
    <t>EKL UK08 2304ME</t>
  </si>
  <si>
    <t>5702329755993</t>
  </si>
  <si>
    <t>VX K-Eind.-R. 10-16/10 EKL UK08 2304ME</t>
  </si>
  <si>
    <t>EKL UK08 2304MJ</t>
  </si>
  <si>
    <t>5702329756006</t>
  </si>
  <si>
    <t>VX K-Eind.-R. 10-16/25 EKL UK08 2304MJ</t>
  </si>
  <si>
    <t>EKL UK08 2306ME</t>
  </si>
  <si>
    <t>5702329756013</t>
  </si>
  <si>
    <t>VX K-Eind.-R. /10cm EKL UK08 2306ME</t>
  </si>
  <si>
    <t>EKL UK08 2306MJ</t>
  </si>
  <si>
    <t>5702329756020</t>
  </si>
  <si>
    <t>VX K-Eind.-R. /25cm EKL UK08 2306MJ</t>
  </si>
  <si>
    <t>EKL UK08 2307ME</t>
  </si>
  <si>
    <t>5702329756037</t>
  </si>
  <si>
    <t>VX K-Eind.-R. /10cm EKL UK08 2307ME</t>
  </si>
  <si>
    <t>EKL UK08 2307MJ</t>
  </si>
  <si>
    <t>5702329756044</t>
  </si>
  <si>
    <t>VX K-Eind.-R. /25cm EKL UK08 2307MJ</t>
  </si>
  <si>
    <t>EKL UK10 2101M</t>
  </si>
  <si>
    <t>5702329756150</t>
  </si>
  <si>
    <t>VX K-Eind.-R. 10-16 EKL UK10 2101M</t>
  </si>
  <si>
    <t>EKL UK10 2102M</t>
  </si>
  <si>
    <t>5702329756167</t>
  </si>
  <si>
    <t>VX K-Eind.-R. 10-16 EKL UK10 2102M</t>
  </si>
  <si>
    <t>EKL UK10 2103M</t>
  </si>
  <si>
    <t>5702329756174</t>
  </si>
  <si>
    <t>VX K-Eind.-R. EKL UK10 2103M</t>
  </si>
  <si>
    <t>EKL UK10 2104ME</t>
  </si>
  <si>
    <t>5702329756181</t>
  </si>
  <si>
    <t>VX K-Eind.-R. 10-16/10 EKL UK10 2104ME</t>
  </si>
  <si>
    <t>EKL UK10 2104MJ</t>
  </si>
  <si>
    <t>5702329756198</t>
  </si>
  <si>
    <t>VX K-Eind.-R. 10-16/25 EKL UK10 2104MJ</t>
  </si>
  <si>
    <t>EKL UK10 2106ME</t>
  </si>
  <si>
    <t>5702329756204</t>
  </si>
  <si>
    <t>VX K-Eind.-R. /10cm EKL UK10 2106ME</t>
  </si>
  <si>
    <t>EKL UK10 2106MJ</t>
  </si>
  <si>
    <t>5702329756211</t>
  </si>
  <si>
    <t>VX K-Eind.-R. /25cm EKL UK10 2106MJ</t>
  </si>
  <si>
    <t>EKL UK10 2107ME</t>
  </si>
  <si>
    <t>5702329756228</t>
  </si>
  <si>
    <t>VX K-Eind.-R. /10cm EKL UK10 2107ME</t>
  </si>
  <si>
    <t>EKL UK10 2107MJ</t>
  </si>
  <si>
    <t>5702329756235</t>
  </si>
  <si>
    <t>VX K-Eind.-R. /25cm EKL UK10 2107MJ</t>
  </si>
  <si>
    <t>EKL UK10 2301M</t>
  </si>
  <si>
    <t>5702329756259</t>
  </si>
  <si>
    <t>VX K-Eind.-R. 10-16 EKL UK10 2301M</t>
  </si>
  <si>
    <t>EKL UK10 2302M</t>
  </si>
  <si>
    <t>5702329756266</t>
  </si>
  <si>
    <t>VX K-Eind.-R. 10-16 EKL UK10 2302M</t>
  </si>
  <si>
    <t>EKL UK10 2303M</t>
  </si>
  <si>
    <t>5702329756273</t>
  </si>
  <si>
    <t>VX K-Eind.-R. EKL UK10 2303M</t>
  </si>
  <si>
    <t>EKL UK10 2304ME</t>
  </si>
  <si>
    <t>5702329756280</t>
  </si>
  <si>
    <t>VX K-Eind.-R. 10-16/10 EKL UK10 2304ME</t>
  </si>
  <si>
    <t>EKL UK10 2304MJ</t>
  </si>
  <si>
    <t>5702329756297</t>
  </si>
  <si>
    <t>VX K-Eind.-R. 10-16/25 EKL UK10 2304MJ</t>
  </si>
  <si>
    <t>EKL UK10 2306ME</t>
  </si>
  <si>
    <t>5702329756303</t>
  </si>
  <si>
    <t>VX K-Eind.-R. /10cm EKL UK10 2306ME</t>
  </si>
  <si>
    <t>EKL UK10 2306MJ</t>
  </si>
  <si>
    <t>5702329756310</t>
  </si>
  <si>
    <t>VX K-Eind.-R. /25cm EKL UK10 2306MJ</t>
  </si>
  <si>
    <t>EKL UK10 2307ME</t>
  </si>
  <si>
    <t>5702329756327</t>
  </si>
  <si>
    <t>VX K-Eind.-R. /10cm EKL UK10 2307ME</t>
  </si>
  <si>
    <t>EKL UK10 2307MJ</t>
  </si>
  <si>
    <t>5702329756334</t>
  </si>
  <si>
    <t>VX K-Eind.-R. /25cm EKL UK10 2307MJ</t>
  </si>
  <si>
    <t>EKN CK02 0021E</t>
  </si>
  <si>
    <t>5702326966040</t>
  </si>
  <si>
    <t>K-ER 10 Schi.St.vert EKN CK02 0021E</t>
  </si>
  <si>
    <t>Schichtstück,vert u. li+re Alu</t>
  </si>
  <si>
    <t>----------------------------------------
Eindeckrahmen für vertieften
Einbau.
Geeignet für Dächer mit flachem
Eindeckmaterial bis 1,6 cm (2 x 0,8 cm)
Höhe. Seitenteile in Schichtstücken
mit je 33 cm Länge.
----------------------------------------
Seitliche und untere Blendrahmen-
verblechung.
Abstand zum rechts danebenliegenden 
Fenster: 10cm
----------------------------------------
Zum Einbau mehrerer Fenster in 
Lichtbändern oder Kasetten
Eindeckrahmen-Set aus Element 1 
unten links und Element 3 unten rechts</t>
  </si>
  <si>
    <t>EKN CK02 2004ME</t>
  </si>
  <si>
    <t>5702329738415</t>
  </si>
  <si>
    <t>VELUX Eindeckrahmen EKN CK02 2004ME</t>
  </si>
  <si>
    <t>EKN CK02 2006ME</t>
  </si>
  <si>
    <t>5702329738439</t>
  </si>
  <si>
    <t>VELUX Eindeckrahmen EKN CK02 2006ME</t>
  </si>
  <si>
    <t>EKN CK04 0021E</t>
  </si>
  <si>
    <t>5702326966439</t>
  </si>
  <si>
    <t>K-ER 10 Schi.St.vert EKN CK04 0021E</t>
  </si>
  <si>
    <t>EKN CK04 2004ME</t>
  </si>
  <si>
    <t>5702329738699</t>
  </si>
  <si>
    <t>VELUX Eindeckrahmen EKN CK04 2004ME</t>
  </si>
  <si>
    <t>EKN CK04 2004MJ</t>
  </si>
  <si>
    <t>5702329738705</t>
  </si>
  <si>
    <t>VELUX Eindeckrahmen EKN CK04 2004MJ</t>
  </si>
  <si>
    <t>EKN CK04 2006ME</t>
  </si>
  <si>
    <t>5702329738712</t>
  </si>
  <si>
    <t>VELUX Eindeckrahmen EKN CK04 2006ME</t>
  </si>
  <si>
    <t>EKN CK04 2006MJ</t>
  </si>
  <si>
    <t>5702329738729</t>
  </si>
  <si>
    <t>VELUX Eindeckrahmen EKN CK04 2006MJ</t>
  </si>
  <si>
    <t>EKN CK04 2007MJ</t>
  </si>
  <si>
    <t>5702329738743</t>
  </si>
  <si>
    <t>VELUX Eindeckrahmen EKN CK04 2007MJ</t>
  </si>
  <si>
    <t>EKN CK06 0021E</t>
  </si>
  <si>
    <t>5702326966804</t>
  </si>
  <si>
    <t>K-ER 10 Schi.St.vert EKN CK06 0021E</t>
  </si>
  <si>
    <t>EKN CK06 2004ME</t>
  </si>
  <si>
    <t>5702329738972</t>
  </si>
  <si>
    <t>VELUX Kombi-Eindeckr. EKN CK06 2004ME</t>
  </si>
  <si>
    <t>EKN CK06 2004MJ</t>
  </si>
  <si>
    <t>5702329738989</t>
  </si>
  <si>
    <t>VELUX Kombi-Eindeckr. EKN CK06 2004MJ</t>
  </si>
  <si>
    <t>EKN CK06 2006ME</t>
  </si>
  <si>
    <t>5702329738996</t>
  </si>
  <si>
    <t>VELUX Kombi-Eindeckr. EKN CK06 2006ME</t>
  </si>
  <si>
    <t>EKN CK06 2006MJ</t>
  </si>
  <si>
    <t>5702329739009</t>
  </si>
  <si>
    <t>VELUX Kombi-Eindeckr. EKN CK06 2006MJ</t>
  </si>
  <si>
    <t>EKN CK06 2007MJ</t>
  </si>
  <si>
    <t>5702329739023</t>
  </si>
  <si>
    <t>VELUX Kombi-Eindeckr. EKN CK06 2007MJ</t>
  </si>
  <si>
    <t>EKN FK04 0021E</t>
  </si>
  <si>
    <t>5702326967177</t>
  </si>
  <si>
    <t>K-ER 10 Schi.St.vert EKN FK04 0021E</t>
  </si>
  <si>
    <t>EKN FK04 2004ME</t>
  </si>
  <si>
    <t>5702329739252</t>
  </si>
  <si>
    <t>VELUX Eindeckrahmen EKN FK04 2004ME</t>
  </si>
  <si>
    <t>EKN FK04 2004MJ</t>
  </si>
  <si>
    <t>5702329739269</t>
  </si>
  <si>
    <t>VELUX Eindeckrahmen EKN FK04 2004MJ</t>
  </si>
  <si>
    <t>EKN FK04 2006ME</t>
  </si>
  <si>
    <t>5702329739276</t>
  </si>
  <si>
    <t>VELUX Eindeckrahmen EKN FK04 2006ME</t>
  </si>
  <si>
    <t>EKN FK04 2006MJ</t>
  </si>
  <si>
    <t>5702329739283</t>
  </si>
  <si>
    <t>VELUX Eindeckrahmen EKN FK04 2006MJ</t>
  </si>
  <si>
    <t>EKN FK06 0021E</t>
  </si>
  <si>
    <t>5702326967559</t>
  </si>
  <si>
    <t>K-ER 10 Schi.St.vert EKN FK06 0021E</t>
  </si>
  <si>
    <t>EKN FK06 0021F</t>
  </si>
  <si>
    <t>5702326967566</t>
  </si>
  <si>
    <t>K-ER 12 Schi.St.vert EKN FK06 0021F</t>
  </si>
  <si>
    <t>----------------------------------------
Eindeckrahmen für vertieften
Einbau.
Geeignet für Dächer mit flachem
Eindeckmaterial bis 1,6 cm (2 x 0,8 cm)
Höhe. Seitenteile in Schichtstücken
mit je 33 cm Länge.
----------------------------------------
Seitliche und untere Blendrahmen-
verblechung.
Abstand zum rechts danebenliegenden 
Fenster: 12cm
----------------------------------------
Zum Einbau mehrerer Fenster in 
Lichtbändern oder Kasetten
Eindeckrahmen-Set aus Element 1 
unten links und Element 3 unten rechts</t>
  </si>
  <si>
    <t>EKN FK06 2004ME</t>
  </si>
  <si>
    <t>5702329739535</t>
  </si>
  <si>
    <t>VELUX Eindeckrahmen EKN FK06 2004ME</t>
  </si>
  <si>
    <t>EKN FK06 2004MJ</t>
  </si>
  <si>
    <t>5702329739542</t>
  </si>
  <si>
    <t>VELUX Eindeckrahmen EKN FK06 2004MJ</t>
  </si>
  <si>
    <t>EKN FK06 2006ME</t>
  </si>
  <si>
    <t>5702329739559</t>
  </si>
  <si>
    <t>VELUX Eindeckrahmen EKN FK06 2006ME</t>
  </si>
  <si>
    <t>EKN FK06 2006MJ</t>
  </si>
  <si>
    <t>5702329739566</t>
  </si>
  <si>
    <t>VELUX Eindeckrahmen EKN FK06 2006MJ</t>
  </si>
  <si>
    <t>EKN FK06 2007MJ</t>
  </si>
  <si>
    <t>5702329739580</t>
  </si>
  <si>
    <t>VELUX Eindeckrahmen EKN FK06 2007MJ</t>
  </si>
  <si>
    <t>EKN FK08 0021E</t>
  </si>
  <si>
    <t>5702326967924</t>
  </si>
  <si>
    <t>K-ER 10 Schi.St.vert EKN FK08 0021E</t>
  </si>
  <si>
    <t>EKN FK08 2004MJ</t>
  </si>
  <si>
    <t>5702329739825</t>
  </si>
  <si>
    <t>VELUX Eindeckrahmen EKN FK08 2004MJ</t>
  </si>
  <si>
    <t>EKN FK08 2006MJ</t>
  </si>
  <si>
    <t>5702329739849</t>
  </si>
  <si>
    <t>VELUX Eindeckrahmen EKN FK08 2006MJ</t>
  </si>
  <si>
    <t>EKN FK08 2007MJ</t>
  </si>
  <si>
    <t>5702329739863</t>
  </si>
  <si>
    <t>VELUX Eindeckrahmen EKN FK08 2007MJ</t>
  </si>
  <si>
    <t>EKN MK04 0021E</t>
  </si>
  <si>
    <t>5702326968310</t>
  </si>
  <si>
    <t>K-ER 10 Schi.St.vert EKN MK04 0021E</t>
  </si>
  <si>
    <t>EKN MK06 0021E</t>
  </si>
  <si>
    <t>5702326968693</t>
  </si>
  <si>
    <t>K-ER 10 Schi.St.vert EKN MK06 0021E</t>
  </si>
  <si>
    <t>EKN MK06 2007MJ</t>
  </si>
  <si>
    <t>5702329740425</t>
  </si>
  <si>
    <t>VELUX Eindeckrahmen EKN MK06 2007MJ</t>
  </si>
  <si>
    <t>EKN MK08 0021E</t>
  </si>
  <si>
    <t>5702326969058</t>
  </si>
  <si>
    <t>K-ER 10 Schi.St.vert EKN MK08 0021E</t>
  </si>
  <si>
    <t>EKN MK08 0021G</t>
  </si>
  <si>
    <t>5702326969072</t>
  </si>
  <si>
    <t>K-ER. 14 Schi.St.vert EKN MK08 0021G</t>
  </si>
  <si>
    <t>----------------------------------------
Eindeckrahmen für vertieften
Einbau.
Geeignet für Dächer mit flachem
Eindeckmaterial bis 1,6 cm (2 x 0,8 cm)
Höhe. Seitenteile in Schichtstücken
mit je 33 cm Länge.
----------------------------------------
Seitliche und untere Blendrahmen-
verblechung.
Abstand zum rechts danebenliegenden 
Fenster: 14cm
----------------------------------------
Zum Einbau mehrerer Fenster in 
Lichtbändern oder Kasetten
Eindeckrahmen-Set aus Element 1 
unten links und Element 3 unten rechts</t>
  </si>
  <si>
    <t>EKN MK08 2007MJ</t>
  </si>
  <si>
    <t>5702329740708</t>
  </si>
  <si>
    <t>VELUX Eindeckrahmen EKN MK08 2007MJ</t>
  </si>
  <si>
    <t>EKN MK10 0021E</t>
  </si>
  <si>
    <t>5702326969447</t>
  </si>
  <si>
    <t>K-ER 10 Schi.St.vert EKN MK10 0021E</t>
  </si>
  <si>
    <t>EKN MK12 2004ME</t>
  </si>
  <si>
    <t>5702329741217</t>
  </si>
  <si>
    <t>VELUX Kombi-Eindeckr. EKN MK12 2004ME</t>
  </si>
  <si>
    <t>EKN MK12 2006ME</t>
  </si>
  <si>
    <t>5702329741224</t>
  </si>
  <si>
    <t>VELUX Kombi-Eindeckr. EKN MK12 2006ME</t>
  </si>
  <si>
    <t>EKN MK12 2007ME</t>
  </si>
  <si>
    <t>5702329741231</t>
  </si>
  <si>
    <t>VELUX Kombi-Eindeckr. EKN MK12 2007ME</t>
  </si>
  <si>
    <t>EKN PK06 0021E</t>
  </si>
  <si>
    <t>5702326969966</t>
  </si>
  <si>
    <t>K-ER 10 Schi.St.vert EKN PK06 0021E</t>
  </si>
  <si>
    <t>EKN PK06 2004MJ</t>
  </si>
  <si>
    <t>5702329741453</t>
  </si>
  <si>
    <t>VELUX Eindeckrahmen EKN PK06 2004MJ</t>
  </si>
  <si>
    <t>EKN PK06 2006MJ</t>
  </si>
  <si>
    <t>5702329741477</t>
  </si>
  <si>
    <t>VELUX Eindeckrahmen EKN PK06 2006MJ</t>
  </si>
  <si>
    <t>EKN PK06 2007ME</t>
  </si>
  <si>
    <t>5702329741484</t>
  </si>
  <si>
    <t>VELUX Eindeckrahmen EKN PK06 2007ME</t>
  </si>
  <si>
    <t>EKN PK08 0021E</t>
  </si>
  <si>
    <t>5702326970368</t>
  </si>
  <si>
    <t>K-ER 10 Schi.St.vert EKN PK08 0021E</t>
  </si>
  <si>
    <t>EKN PK08 2004MJ</t>
  </si>
  <si>
    <t>5702329741736</t>
  </si>
  <si>
    <t>VELUX Eindeckrahmen EKN PK08 2004MJ</t>
  </si>
  <si>
    <t>EKN PK08 2006MJ</t>
  </si>
  <si>
    <t>5702329741750</t>
  </si>
  <si>
    <t>VELUX Eindeckrahmen EKN PK08 2006MJ</t>
  </si>
  <si>
    <t>EKN PK10 0021E</t>
  </si>
  <si>
    <t>5702326970733</t>
  </si>
  <si>
    <t>K-ER 10 Schi.St.vert EKN PK10 0021E</t>
  </si>
  <si>
    <t>EKN PK10 2004MJ</t>
  </si>
  <si>
    <t>5702329742016</t>
  </si>
  <si>
    <t>VELUX Eindeckrahmen EKN PK10 2004MJ</t>
  </si>
  <si>
    <t>EKN PK10 2006MJ</t>
  </si>
  <si>
    <t>5702329742030</t>
  </si>
  <si>
    <t>VELUX Eindeckrahmen EKN PK10 2006MJ</t>
  </si>
  <si>
    <t>EKN PK10 2007ME</t>
  </si>
  <si>
    <t>5702329742047</t>
  </si>
  <si>
    <t>VELUX Eindeckrahmen EKN PK10 2007ME</t>
  </si>
  <si>
    <t>EKN PK25 2002M</t>
  </si>
  <si>
    <t>5702329742269</t>
  </si>
  <si>
    <t>VELUX Kombi-Eindeckrahmen EKN PK25 2002M</t>
  </si>
  <si>
    <t>EKN PK25 2004ME</t>
  </si>
  <si>
    <t>5702329742283</t>
  </si>
  <si>
    <t>VELUX Kombi-Eindeckr. EKN PK25 2004ME</t>
  </si>
  <si>
    <t>EKN PK25 2006ME</t>
  </si>
  <si>
    <t>5702329742290</t>
  </si>
  <si>
    <t>VELUX Kombi-Eindeckr. EKN PK25 2006ME</t>
  </si>
  <si>
    <t>EKN PK25 2007ME</t>
  </si>
  <si>
    <t>5702329742306</t>
  </si>
  <si>
    <t>VELUX Kombi-Eindeckr. EKN PK25 2007ME</t>
  </si>
  <si>
    <t>EKN SK06 0021E</t>
  </si>
  <si>
    <t>5702326971099</t>
  </si>
  <si>
    <t>K-ER 10 Schi.St.vert EKN SK06 0021E</t>
  </si>
  <si>
    <t>EKN SK08 0021E</t>
  </si>
  <si>
    <t>5702326971488</t>
  </si>
  <si>
    <t>K-ER 10 Schi.St.vert EKN SK08 0021E</t>
  </si>
  <si>
    <t>EKN SK08 0021F</t>
  </si>
  <si>
    <t>5702326971495</t>
  </si>
  <si>
    <t>K-ER 12 Schi.St.vert EKN SK08 0021F</t>
  </si>
  <si>
    <t>EKN SK08 0021H</t>
  </si>
  <si>
    <t>5702326971518</t>
  </si>
  <si>
    <t>K-ER. 16 Schi.St.vert EKN SK08 0021H</t>
  </si>
  <si>
    <t>----------------------------------------
Eindeckrahmen für vertieften
Einbau.
Geeignet für Dächer mit flachem
Eindeckmaterial bis 1,6 cm (2 x 0,8 cm)
Höhe. Seitenteile in Schichtstücken
mit je 33 cm Länge.
----------------------------------------
Seitliche und untere Blendrahmen-
verblechung.
Abstand zum rechts danebenliegenden 
Fenster: 16cm
----------------------------------------
Zum Einbau mehrerer Fenster in 
Lichtbändern oder Kasetten
Eindeckrahmen-Set aus Element 1 
unten links und Element 3 unten rechts</t>
  </si>
  <si>
    <t>EKN SK10 0021E</t>
  </si>
  <si>
    <t>5702326971853</t>
  </si>
  <si>
    <t>K-ER 10 Schi.St.vert EKN SK10 0021E</t>
  </si>
  <si>
    <t>EKN SK10 2004ME</t>
  </si>
  <si>
    <t>5702329743013</t>
  </si>
  <si>
    <t>VELUX Eindeckrahmen EKN SK10 2004ME</t>
  </si>
  <si>
    <t>EKN SK10 2004MJ</t>
  </si>
  <si>
    <t>5702329743020</t>
  </si>
  <si>
    <t>VELUX Eindeckrahmen EKN SK10 2004MJ</t>
  </si>
  <si>
    <t>EKN SK10 2006ME</t>
  </si>
  <si>
    <t>5702329743037</t>
  </si>
  <si>
    <t>VELUX Eindeckrahmen EKN SK10 2006ME</t>
  </si>
  <si>
    <t>EKN SK10 2006MJ</t>
  </si>
  <si>
    <t>5702329743044</t>
  </si>
  <si>
    <t>VELUX Eindeckrahmen EKN SK10 2006MJ</t>
  </si>
  <si>
    <t>EKN SK10 2007MJ</t>
  </si>
  <si>
    <t>5702329743068</t>
  </si>
  <si>
    <t>VELUX Eindeckrahmen EKN SK10 2007MJ</t>
  </si>
  <si>
    <t>EKN UK04 0021E</t>
  </si>
  <si>
    <t>5702326972225</t>
  </si>
  <si>
    <t>K-ER 10 Schi.St.vert EKN UK04 0021E</t>
  </si>
  <si>
    <t>EKN UK04 2004ME</t>
  </si>
  <si>
    <t>5702329743327</t>
  </si>
  <si>
    <t>VELUX Eindeckrahmen EKN UK04 2004ME</t>
  </si>
  <si>
    <t>EKN UK04 2004MJ</t>
  </si>
  <si>
    <t>5702329743334</t>
  </si>
  <si>
    <t>VELUX Eindeckrahmen EKN UK04 2004MJ</t>
  </si>
  <si>
    <t>EKN UK04 2006ME</t>
  </si>
  <si>
    <t>5702329743341</t>
  </si>
  <si>
    <t>VELUX Eindeckrahmen EKN UK04 2006ME</t>
  </si>
  <si>
    <t>EKN UK04 2006MJ</t>
  </si>
  <si>
    <t>5702329743358</t>
  </si>
  <si>
    <t>VELUX Eindeckrahmen EKN UK04 2006MJ</t>
  </si>
  <si>
    <t>EKN UK08 0021E</t>
  </si>
  <si>
    <t>5702326972485</t>
  </si>
  <si>
    <t>K-ER 10 Schi.St.vert EKN UK08 0021E</t>
  </si>
  <si>
    <t>EKN UK10 0021E</t>
  </si>
  <si>
    <t>5702326972850</t>
  </si>
  <si>
    <t>K-ER 10 Schi.St.vert EKN UK10 0021E</t>
  </si>
  <si>
    <t>EKN UK10 2002M</t>
  </si>
  <si>
    <t>5702329743839</t>
  </si>
  <si>
    <t>VELUX Eindeckr. ,Mitte EKN UK10 2002M</t>
  </si>
  <si>
    <t>EKN UK10 2004ME</t>
  </si>
  <si>
    <t>5702329743853</t>
  </si>
  <si>
    <t>VELUX Eindeckrahmen EKN UK10 2004ME</t>
  </si>
  <si>
    <t>EKN UK10 2004MJ</t>
  </si>
  <si>
    <t>5702329743860</t>
  </si>
  <si>
    <t>VELUX Eindeckrahmen EKN UK10 2004MJ</t>
  </si>
  <si>
    <t>EKN UK10 2006ME</t>
  </si>
  <si>
    <t>5702329743877</t>
  </si>
  <si>
    <t>VELUX Eindeckrahmen EKN UK10 2006ME</t>
  </si>
  <si>
    <t>EKN UK10 2006MJ</t>
  </si>
  <si>
    <t>5702329743884</t>
  </si>
  <si>
    <t>VELUX Eindeckrahmen EKN UK10 2006MJ</t>
  </si>
  <si>
    <t>EKN UK10 2007ME</t>
  </si>
  <si>
    <t>5702329743891</t>
  </si>
  <si>
    <t>VELUX Eindeckrahmen EKN UK10 2007ME</t>
  </si>
  <si>
    <t>EKN UK10 2007MJ</t>
  </si>
  <si>
    <t>5702329743907</t>
  </si>
  <si>
    <t>VELUX Eindeckrahmen EKN UK10 2007MJ</t>
  </si>
  <si>
    <t>EKS CK02 2004MJ</t>
  </si>
  <si>
    <t>5702329757669</t>
  </si>
  <si>
    <t>VX K-Eind.-R. 10-16/25 EKS CK02 2004MJ</t>
  </si>
  <si>
    <t>EKS CK02 2006MJ</t>
  </si>
  <si>
    <t>5702329757683</t>
  </si>
  <si>
    <t>VX K-Eind.-R. /25cm EKS CK02 2006MJ</t>
  </si>
  <si>
    <t>EKS CK06 2001M</t>
  </si>
  <si>
    <t>5702329758208</t>
  </si>
  <si>
    <t>VX K-Eind.-R. 10-16 EKS CK06 2001M</t>
  </si>
  <si>
    <t>EKS CK06 2003M</t>
  </si>
  <si>
    <t>5702329758222</t>
  </si>
  <si>
    <t>VX K-Eind.-R. EKS CK06 2003M</t>
  </si>
  <si>
    <t>EKS CK06 2004MJ</t>
  </si>
  <si>
    <t>5702329758246</t>
  </si>
  <si>
    <t>VX K-Eind.-R. 10-16/25 EKS CK06 2004MJ</t>
  </si>
  <si>
    <t>EKS CK06 2006MJ</t>
  </si>
  <si>
    <t>5702329758260</t>
  </si>
  <si>
    <t>VX K-Eind.-R. /25cm EKS CK06 2006MJ</t>
  </si>
  <si>
    <t>EKS PK10 2004ME</t>
  </si>
  <si>
    <t>5702329761192</t>
  </si>
  <si>
    <t>VX K-Eind.-R. 10-16/10 EKS PK10 2004ME</t>
  </si>
  <si>
    <t>EKS PK10 2006ME</t>
  </si>
  <si>
    <t>5702329761215</t>
  </si>
  <si>
    <t>VX K-Eind.-R. /10cm EKS PK10 2006ME</t>
  </si>
  <si>
    <t>EKS SK10 2004MJ</t>
  </si>
  <si>
    <t>5702329762137</t>
  </si>
  <si>
    <t>VX K-Eind.-R. 10-16/25 EKS SK10 2004MJ</t>
  </si>
  <si>
    <t>EKS SK10 2006MJ</t>
  </si>
  <si>
    <t>5702329762151</t>
  </si>
  <si>
    <t>VX K-Eind.-R. /25cm EKS SK10 2006MJ</t>
  </si>
  <si>
    <t>EKS UK04 2004ME</t>
  </si>
  <si>
    <t>5702329762397</t>
  </si>
  <si>
    <t>VX K-Eind.-R. 10-16/10 EKS UK04 2004ME</t>
  </si>
  <si>
    <t>EKS UK04 2006ME</t>
  </si>
  <si>
    <t>5702329762410</t>
  </si>
  <si>
    <t>VX K-Eind.-R. /10cm EKS UK04 2006ME</t>
  </si>
  <si>
    <t>EKS UK10 2004ME</t>
  </si>
  <si>
    <t>5702329762953</t>
  </si>
  <si>
    <t>VX K-Eind.-R. 10-16/10 EKS UK10 2004ME</t>
  </si>
  <si>
    <t>EKS UK10 2006ME</t>
  </si>
  <si>
    <t>5702329762977</t>
  </si>
  <si>
    <t>VX K-Eind.-R. /10cm EKS UK10 2006ME</t>
  </si>
  <si>
    <t>EKS UK10 2007MJ</t>
  </si>
  <si>
    <t>5702329763004</t>
  </si>
  <si>
    <t>VX K-Eind.-R. /25cm EKS UK10 2007MJ</t>
  </si>
  <si>
    <t>EKW CK02 2104MJ</t>
  </si>
  <si>
    <t>5702329765442</t>
  </si>
  <si>
    <t>VX K-Eind.-R. 10-16/25 EKW CK02 2104MJ</t>
  </si>
  <si>
    <t>EKW CK02 2106MJ</t>
  </si>
  <si>
    <t>5702329765466</t>
  </si>
  <si>
    <t>VX K-Eind.-R. /25cm EKW CK02 2106MJ</t>
  </si>
  <si>
    <t>EKW CK02 2107ME</t>
  </si>
  <si>
    <t>5702329765473</t>
  </si>
  <si>
    <t>VX K-Eind.-R. /10cm EKW CK02 2107ME</t>
  </si>
  <si>
    <t>EKW CK02 2302M</t>
  </si>
  <si>
    <t>5702329765510</t>
  </si>
  <si>
    <t>VX K-Eind.-R. 10-16 EKW CK02 2302M</t>
  </si>
  <si>
    <t>EKW CK02 2304ME</t>
  </si>
  <si>
    <t>5702329765534</t>
  </si>
  <si>
    <t>VX K-Eind.-R. 10-16/10 EKW CK02 2304ME</t>
  </si>
  <si>
    <t>EKW CK02 2304MJ</t>
  </si>
  <si>
    <t>5702329765541</t>
  </si>
  <si>
    <t>VX K-Eind.-R. 10-16/25 EKW CK02 2304MJ</t>
  </si>
  <si>
    <t>EKW CK02 2306ME</t>
  </si>
  <si>
    <t>5702329765558</t>
  </si>
  <si>
    <t>VX K-Eind.-R. /10cm EKW CK02 2306ME</t>
  </si>
  <si>
    <t>EKW CK02 2306MJ</t>
  </si>
  <si>
    <t>5702329765565</t>
  </si>
  <si>
    <t>VX K-Eind.-R. /25cm EKW CK02 2306MJ</t>
  </si>
  <si>
    <t>EKW CK02 2307MJ</t>
  </si>
  <si>
    <t>5702329765589</t>
  </si>
  <si>
    <t>VX K-Eind.-R. /25cm EKW CK02 2307MJ</t>
  </si>
  <si>
    <t>EKW CK04 2104MJ</t>
  </si>
  <si>
    <t>5702329765770</t>
  </si>
  <si>
    <t>VX K-Eind.-R. 10-16/25 EKW CK04 2104MJ</t>
  </si>
  <si>
    <t>EKW CK04 2106MJ</t>
  </si>
  <si>
    <t>5702329765794</t>
  </si>
  <si>
    <t>VX K-Eind.-R. /25cm EKW CK04 2106MJ</t>
  </si>
  <si>
    <t>EKW CK04 2304MJ</t>
  </si>
  <si>
    <t>5702329765879</t>
  </si>
  <si>
    <t>VX K-Eind.-R. 10-16/25 EKW CK04 2304MJ</t>
  </si>
  <si>
    <t>EKW CK04 2306MJ</t>
  </si>
  <si>
    <t>5702329765893</t>
  </si>
  <si>
    <t>VX K-Eind.-R. /25cm EKW CK04 2306MJ</t>
  </si>
  <si>
    <t>EKW CK04 2307ME</t>
  </si>
  <si>
    <t>5702329765909</t>
  </si>
  <si>
    <t>VX K-Eind.-R. /10cm EKW CK04 2307ME</t>
  </si>
  <si>
    <t>EKW CK06 2104ME</t>
  </si>
  <si>
    <t>5702329766098</t>
  </si>
  <si>
    <t>VX K-Eind.-R. 10-16/10 EKW CK06 2104ME</t>
  </si>
  <si>
    <t>EKW CK06 2104MJ</t>
  </si>
  <si>
    <t>5702329766104</t>
  </si>
  <si>
    <t>VX K-Eind.-R. 10-16/25 EKW CK06 2104MJ</t>
  </si>
  <si>
    <t>EKW CK06 2106ME</t>
  </si>
  <si>
    <t>5702329766111</t>
  </si>
  <si>
    <t>VX K-Eind.-R. /10cm EKW CK06 2106ME</t>
  </si>
  <si>
    <t>EKW CK06 2106MJ</t>
  </si>
  <si>
    <t>5702329766128</t>
  </si>
  <si>
    <t>VX K-Eind.-R. /25cm EKW CK06 2106MJ</t>
  </si>
  <si>
    <t>EKW CK06 2304ME</t>
  </si>
  <si>
    <t>5702329766197</t>
  </si>
  <si>
    <t>VX K-Eind.-R. 10-16/10 EKW CK06 2304ME</t>
  </si>
  <si>
    <t>EKW CK06 2304MJ</t>
  </si>
  <si>
    <t>5702329766203</t>
  </si>
  <si>
    <t>VX K-Eind.-R. 10-16/25 EKW CK06 2304MJ</t>
  </si>
  <si>
    <t>EKW CK06 2306ME</t>
  </si>
  <si>
    <t>5702329766210</t>
  </si>
  <si>
    <t>VX K-Eind.-R. /10cm EKW CK06 2306ME</t>
  </si>
  <si>
    <t>EKW CK06 2306MJ</t>
  </si>
  <si>
    <t>5702329766227</t>
  </si>
  <si>
    <t>VX K-Eind.-R. /25cm EKW CK06 2306MJ</t>
  </si>
  <si>
    <t>EKW CK06 2307ME</t>
  </si>
  <si>
    <t>5702329766234</t>
  </si>
  <si>
    <t>VX K-Eind.-R. /10cm EKW CK06 2307ME</t>
  </si>
  <si>
    <t>EKW FK04 2101M</t>
  </si>
  <si>
    <t>5702329766395</t>
  </si>
  <si>
    <t>VX K-Eind.-R. 10-16 EKW FK04 2101M</t>
  </si>
  <si>
    <t>EKW FK04 2104ME</t>
  </si>
  <si>
    <t>5702329766425</t>
  </si>
  <si>
    <t>VX K-Eind.-R. 10-16/10 EKW FK04 2104ME</t>
  </si>
  <si>
    <t>EKW FK04 2106ME</t>
  </si>
  <si>
    <t>5702329766449</t>
  </si>
  <si>
    <t>VX K-Eind.-R. /10cm EKW FK04 2106ME</t>
  </si>
  <si>
    <t>EKW FK04 2107ME</t>
  </si>
  <si>
    <t>5702329766463</t>
  </si>
  <si>
    <t>VX K-Eind.-R. /10cm EKW FK04 2107ME</t>
  </si>
  <si>
    <t>EKW FK04 2301M</t>
  </si>
  <si>
    <t>5702329766494</t>
  </si>
  <si>
    <t>VX K-Eind.-R. 10-16 EKW FK04 2301M</t>
  </si>
  <si>
    <t>EKW FK04 2302M</t>
  </si>
  <si>
    <t>5702329766500</t>
  </si>
  <si>
    <t>VX K-Eind.-R. 10-16 EKW FK04 2302M</t>
  </si>
  <si>
    <t>EKW FK04 2303M</t>
  </si>
  <si>
    <t>5702329766517</t>
  </si>
  <si>
    <t>VX K-Eind.-R. EKW FK04 2303M</t>
  </si>
  <si>
    <t>EKW FK04 2304ME</t>
  </si>
  <si>
    <t>5702329766524</t>
  </si>
  <si>
    <t>VX K-Eind.-R. 10-16/10 EKW FK04 2304ME</t>
  </si>
  <si>
    <t>EKW FK04 2304MJ</t>
  </si>
  <si>
    <t>5702329766531</t>
  </si>
  <si>
    <t>VX K-Eind.-R. 10-16/25 EKW FK04 2304MJ</t>
  </si>
  <si>
    <t>EKW FK04 2306ME</t>
  </si>
  <si>
    <t>5702329766548</t>
  </si>
  <si>
    <t>VX K-Eind.-R. /10cm EKW FK04 2306ME</t>
  </si>
  <si>
    <t>EKW FK04 2306MJ</t>
  </si>
  <si>
    <t>5702329766555</t>
  </si>
  <si>
    <t>VX K-Eind.-R. /25cm EKW FK04 2306MJ</t>
  </si>
  <si>
    <t>EKW FK04 2307ME</t>
  </si>
  <si>
    <t>5702329766562</t>
  </si>
  <si>
    <t>VX K-Eind.-R. /10cm EKW FK04 2307ME</t>
  </si>
  <si>
    <t>EKW FK04 2307MJ</t>
  </si>
  <si>
    <t>5702329766579</t>
  </si>
  <si>
    <t>VX K-Eind.-R. /25cm EKW FK04 2307MJ</t>
  </si>
  <si>
    <t>EKW FK06 2304MJ</t>
  </si>
  <si>
    <t>5702329766869</t>
  </si>
  <si>
    <t>VX K-Eind.-R. 10-16/25 EKW FK06 2304MJ</t>
  </si>
  <si>
    <t>EKW FK06 2306MJ</t>
  </si>
  <si>
    <t>5702329766883</t>
  </si>
  <si>
    <t>VX K-Eind.-R. /25cm EKW FK06 2306MJ</t>
  </si>
  <si>
    <t>EKW FK08 2104ME</t>
  </si>
  <si>
    <t>5702329767088</t>
  </si>
  <si>
    <t>VX K-Eind.-R. 10-16/10 EKW FK08 2104ME</t>
  </si>
  <si>
    <t>EKW FK08 2106ME</t>
  </si>
  <si>
    <t>5702329767101</t>
  </si>
  <si>
    <t>VX K-Eind.-R. /10cm EKW FK08 2106ME</t>
  </si>
  <si>
    <t>EKW FK08 2107MJ</t>
  </si>
  <si>
    <t>5702329767132</t>
  </si>
  <si>
    <t>VX K-Eind.-R. /25cm EKW FK08 2107MJ</t>
  </si>
  <si>
    <t>EKW FK08 2304ME</t>
  </si>
  <si>
    <t>5702329767187</t>
  </si>
  <si>
    <t>VX K-Eind.-R. 10-16/10 EKW FK08 2304ME</t>
  </si>
  <si>
    <t>EKW FK08 2304MJ</t>
  </si>
  <si>
    <t>5702329767194</t>
  </si>
  <si>
    <t>VX K-Eind.-R. 10-16/25 EKW FK08 2304MJ</t>
  </si>
  <si>
    <t>EKW FK08 2306ME</t>
  </si>
  <si>
    <t>5702329767200</t>
  </si>
  <si>
    <t>VX K-Eind.-R. /10cm EKW FK08 2306ME</t>
  </si>
  <si>
    <t>EKW FK08 2306MJ</t>
  </si>
  <si>
    <t>5702329767217</t>
  </si>
  <si>
    <t>VX K-Eind.-R. /25cm EKW FK08 2306MJ</t>
  </si>
  <si>
    <t>EKW FK08 2307ME</t>
  </si>
  <si>
    <t>5702329767224</t>
  </si>
  <si>
    <t>VX K-Eind.-R. /10cm EKW FK08 2307ME</t>
  </si>
  <si>
    <t>EKW FK08 2307MJ</t>
  </si>
  <si>
    <t>5702329767231</t>
  </si>
  <si>
    <t>VX K-Eind.-R. /25cm EKW FK08 2307MJ</t>
  </si>
  <si>
    <t>EKW MK04 2104ME</t>
  </si>
  <si>
    <t>5702329767415</t>
  </si>
  <si>
    <t>VX K-Eind.-R. 10-16/10 EKW MK04 2104ME</t>
  </si>
  <si>
    <t>EKW MK04 2106ME</t>
  </si>
  <si>
    <t>5702329767439</t>
  </si>
  <si>
    <t>VX K-Eind.-R. /10cm EKW MK04 2106ME</t>
  </si>
  <si>
    <t>EKW MK04 2304ME</t>
  </si>
  <si>
    <t>5702329767514</t>
  </si>
  <si>
    <t>VX K-Eind.-R. 10-16/10 EKW MK04 2304ME</t>
  </si>
  <si>
    <t>EKW MK04 2304MJ</t>
  </si>
  <si>
    <t>5702329767521</t>
  </si>
  <si>
    <t>VX K-Eind.-R. 10-16/25 EKW MK04 2304MJ</t>
  </si>
  <si>
    <t>EKW MK04 2306ME</t>
  </si>
  <si>
    <t>5702329767538</t>
  </si>
  <si>
    <t>VX K-Eind.-R. /10cm EKW MK04 2306ME</t>
  </si>
  <si>
    <t>EKW MK04 2306MJ</t>
  </si>
  <si>
    <t>5702329767545</t>
  </si>
  <si>
    <t>VX K-Eind.-R. /25cm EKW MK04 2306MJ</t>
  </si>
  <si>
    <t>EKW MK04 2307ME</t>
  </si>
  <si>
    <t>5702329767552</t>
  </si>
  <si>
    <t>VX K-Eind.-R. /10cm EKW MK04 2307ME</t>
  </si>
  <si>
    <t>EKW MK04 2307MJ</t>
  </si>
  <si>
    <t>5702329767569</t>
  </si>
  <si>
    <t>VX K-Eind.-R. /25cm EKW MK04 2307MJ</t>
  </si>
  <si>
    <t>EKW MK06 2304ME</t>
  </si>
  <si>
    <t>5702329767842</t>
  </si>
  <si>
    <t>VX K-Eind.-R. 10-16/10 EKW MK06 2304ME</t>
  </si>
  <si>
    <t>EKW MK06 2304MJ</t>
  </si>
  <si>
    <t>5702329767859</t>
  </si>
  <si>
    <t>VX K-Eind.-R. 10-16/25 EKW MK06 2304MJ</t>
  </si>
  <si>
    <t>EKW MK06 2306ME</t>
  </si>
  <si>
    <t>5702329767866</t>
  </si>
  <si>
    <t>VX K-Eind.-R. /10cm EKW MK06 2306ME</t>
  </si>
  <si>
    <t>EKW MK06 2306MJ</t>
  </si>
  <si>
    <t>5702329767873</t>
  </si>
  <si>
    <t>VX K-Eind.-R. /25cm EKW MK06 2306MJ</t>
  </si>
  <si>
    <t>EKW MK06 2307ME</t>
  </si>
  <si>
    <t>5702329767880</t>
  </si>
  <si>
    <t>VX K-Eind.-R. /10cm EKW MK06 2307ME</t>
  </si>
  <si>
    <t>EKW MK06 2307MJ</t>
  </si>
  <si>
    <t>5702329767897</t>
  </si>
  <si>
    <t>VX K-Eind.-R. /25cm EKW MK06 2307MJ</t>
  </si>
  <si>
    <t>EKW MK08 2307ME</t>
  </si>
  <si>
    <t>5702329768214</t>
  </si>
  <si>
    <t>VX K-Eind.-R. /10cm EKW MK08 2307ME</t>
  </si>
  <si>
    <t>EKW MK08 2307MJ</t>
  </si>
  <si>
    <t>5702329768221</t>
  </si>
  <si>
    <t>VX K-Eind.-R. /25cm EKW MK08 2307MJ</t>
  </si>
  <si>
    <t>EKW MK10 2104ME</t>
  </si>
  <si>
    <t>5702329768399</t>
  </si>
  <si>
    <t>VX K-Eind.-R. 10-16/10 EKW MK10 2104ME</t>
  </si>
  <si>
    <t>EKW MK10 2106ME</t>
  </si>
  <si>
    <t>5702329768412</t>
  </si>
  <si>
    <t>VX K-Eind.-R. /10cm EKW MK10 2106ME</t>
  </si>
  <si>
    <t>EKW MK10 2107ME</t>
  </si>
  <si>
    <t>5702329768436</t>
  </si>
  <si>
    <t>VX K-Eind.-R. /10cm EKW MK10 2107ME</t>
  </si>
  <si>
    <t>EKW MK10 2304ME</t>
  </si>
  <si>
    <t>5702329768498</t>
  </si>
  <si>
    <t>VX K-Eind.-R. 10-16/10 EKW MK10 2304ME</t>
  </si>
  <si>
    <t>EKW MK10 2304MJ</t>
  </si>
  <si>
    <t>5702329768504</t>
  </si>
  <si>
    <t>VX K-Eind.-R. 10-16/25 EKW MK10 2304MJ</t>
  </si>
  <si>
    <t>EKW MK10 2306ME</t>
  </si>
  <si>
    <t>5702329768511</t>
  </si>
  <si>
    <t>VX K-Eind.-R. /10cm EKW MK10 2306ME</t>
  </si>
  <si>
    <t>EKW MK10 2306MJ</t>
  </si>
  <si>
    <t>5702329768528</t>
  </si>
  <si>
    <t>VX K-Eind.-R. /25cm EKW MK10 2306MJ</t>
  </si>
  <si>
    <t>EKW MK10 2307ME</t>
  </si>
  <si>
    <t>5702329768535</t>
  </si>
  <si>
    <t>VX K-Eind.-R. /10cm EKW MK10 2307ME</t>
  </si>
  <si>
    <t>EKW MK10 2307MJ</t>
  </si>
  <si>
    <t>5702329768542</t>
  </si>
  <si>
    <t>VX K-Eind.-R. /25cm EKW MK10 2307MJ</t>
  </si>
  <si>
    <t>EKW PK06 2104ME</t>
  </si>
  <si>
    <t>5702329769105</t>
  </si>
  <si>
    <t>VX K-Eind.-R. 10-16/10 EKW PK06 2104ME</t>
  </si>
  <si>
    <t>EKW PK06 2106ME</t>
  </si>
  <si>
    <t>5702329769129</t>
  </si>
  <si>
    <t>VX K-Eind.-R. /10cm EKW PK06 2106ME</t>
  </si>
  <si>
    <t>EKW PK06 2107ME</t>
  </si>
  <si>
    <t>5702329769143</t>
  </si>
  <si>
    <t>VX K-Eind.-R. /10cm EKW PK06 2107ME</t>
  </si>
  <si>
    <t>EKW PK06 2304ME</t>
  </si>
  <si>
    <t>5702329769204</t>
  </si>
  <si>
    <t>VX K-Eind.-R. 10-16/10 EKW PK06 2304ME</t>
  </si>
  <si>
    <t>EKW PK06 2306ME</t>
  </si>
  <si>
    <t>5702329769228</t>
  </si>
  <si>
    <t>VX K-Eind.-R. /10cm EKW PK06 2306ME</t>
  </si>
  <si>
    <t>EKW PK06 2307MJ</t>
  </si>
  <si>
    <t>5702329769259</t>
  </si>
  <si>
    <t>VX K-Eind.-R. /25cm EKW PK06 2307MJ</t>
  </si>
  <si>
    <t>EKW PK08 2103M</t>
  </si>
  <si>
    <t>5702329769426</t>
  </si>
  <si>
    <t>VX K-Eind.-R. EKW PK08 2103M</t>
  </si>
  <si>
    <t>EKW PK08 2104ME</t>
  </si>
  <si>
    <t>5702329769433</t>
  </si>
  <si>
    <t>VX K-Eind.-R. 10-16/10 EKW PK08 2104ME</t>
  </si>
  <si>
    <t>EKW PK08 2104MJ</t>
  </si>
  <si>
    <t>5702329769440</t>
  </si>
  <si>
    <t>VX K-Eind.-R. 10-16/25 EKW PK08 2104MJ</t>
  </si>
  <si>
    <t>EKW PK08 2106ME</t>
  </si>
  <si>
    <t>5702329769457</t>
  </si>
  <si>
    <t>VX K-Eind.-R. /10cm EKW PK08 2106ME</t>
  </si>
  <si>
    <t>EKW PK08 2106MJ</t>
  </si>
  <si>
    <t>5702329769464</t>
  </si>
  <si>
    <t>VX K-Eind.-R. /25cm EKW PK08 2106MJ</t>
  </si>
  <si>
    <t>EKW PK08 2107ME</t>
  </si>
  <si>
    <t>5702329769471</t>
  </si>
  <si>
    <t>VX K-Eind.-R. /10cm EKW PK08 2107ME</t>
  </si>
  <si>
    <t>EKW PK08 2304MJ</t>
  </si>
  <si>
    <t>5702329769549</t>
  </si>
  <si>
    <t>VX K-Eind.-R. 10-16/25 EKW PK08 2304MJ</t>
  </si>
  <si>
    <t>EKW PK08 2306MJ</t>
  </si>
  <si>
    <t>5702329769563</t>
  </si>
  <si>
    <t>VX K-Eind.-R. /25cm EKW PK08 2306MJ</t>
  </si>
  <si>
    <t>EKW PK08 2307MJ</t>
  </si>
  <si>
    <t>5702329769587</t>
  </si>
  <si>
    <t>VX K-Eind.-R. /25cm EKW PK08 2307MJ</t>
  </si>
  <si>
    <t>EKW PK10 2104ME</t>
  </si>
  <si>
    <t>5702329769761</t>
  </si>
  <si>
    <t>VX K-Eind.-R. 10-16/10 EKW PK10 2104ME</t>
  </si>
  <si>
    <t>EKW PK10 2104MJ</t>
  </si>
  <si>
    <t>5702329769778</t>
  </si>
  <si>
    <t>VX K-Eind.-R. 10-16/25 EKW PK10 2104MJ</t>
  </si>
  <si>
    <t>EKW PK10 2106ME</t>
  </si>
  <si>
    <t>5702329769785</t>
  </si>
  <si>
    <t>VX K-Eind.-R. /10cm EKW PK10 2106ME</t>
  </si>
  <si>
    <t>EKW PK10 2106MJ</t>
  </si>
  <si>
    <t>5702329769792</t>
  </si>
  <si>
    <t>VX K-Eind.-R. /25cm EKW PK10 2106MJ</t>
  </si>
  <si>
    <t>EKW PK10 2107ME</t>
  </si>
  <si>
    <t>5702329769808</t>
  </si>
  <si>
    <t>VX K-Eind.-R. /10cm EKW PK10 2107ME</t>
  </si>
  <si>
    <t>EKW PK10 2304MJ</t>
  </si>
  <si>
    <t>5702329769877</t>
  </si>
  <si>
    <t>VX K-Eind.-R. 10-16/25 EKW PK10 2304MJ</t>
  </si>
  <si>
    <t>EKW PK10 2306MJ</t>
  </si>
  <si>
    <t>5702329769891</t>
  </si>
  <si>
    <t>VX K-Eind.-R. /25cm EKW PK10 2306MJ</t>
  </si>
  <si>
    <t>EKW PK10 2307ME</t>
  </si>
  <si>
    <t>5702329769907</t>
  </si>
  <si>
    <t>VX K-Eind.-R. /10cm EKW PK10 2307ME</t>
  </si>
  <si>
    <t>EKW PK10 2307MJ</t>
  </si>
  <si>
    <t>5702329769914</t>
  </si>
  <si>
    <t>VX K-Eind.-R. /25cm EKW PK10 2307MJ</t>
  </si>
  <si>
    <t>EKW SK06 2104MJ</t>
  </si>
  <si>
    <t>5702329770484</t>
  </si>
  <si>
    <t>VX K-Eind.-R. 10-16/25 EKW SK06 2104MJ</t>
  </si>
  <si>
    <t>EKW SK06 2106MJ</t>
  </si>
  <si>
    <t>5702329770507</t>
  </si>
  <si>
    <t>VX K-Eind.-R. /25cm EKW SK06 2106MJ</t>
  </si>
  <si>
    <t>EKW SK06 2304MJ</t>
  </si>
  <si>
    <t>5702329770583</t>
  </si>
  <si>
    <t>VX K-Eind.-R. 10-16/25 EKW SK06 2304MJ</t>
  </si>
  <si>
    <t>EKW SK06 2306MJ</t>
  </si>
  <si>
    <t>5702329770606</t>
  </si>
  <si>
    <t>VX K-Eind.-R. /25cm EKW SK06 2306MJ</t>
  </si>
  <si>
    <t>EKW SK06 2307ME</t>
  </si>
  <si>
    <t>5702329770613</t>
  </si>
  <si>
    <t>VX K-Eind.-R. /10cm EKW SK06 2307ME</t>
  </si>
  <si>
    <t>EKW SK06 2307MJ</t>
  </si>
  <si>
    <t>5702329770620</t>
  </si>
  <si>
    <t>VX K-Eind.-R. /25cm EKW SK06 2307MJ</t>
  </si>
  <si>
    <t>EKW SK08 2101M</t>
  </si>
  <si>
    <t>5702329770774</t>
  </si>
  <si>
    <t>VX K-Eind.-R. 10-16 EKW SK08 2101M</t>
  </si>
  <si>
    <t>EKW SK08 2104ME</t>
  </si>
  <si>
    <t>5702329770804</t>
  </si>
  <si>
    <t>VX K-Eind.-R. 10-16/10 EKW SK08 2104ME</t>
  </si>
  <si>
    <t>EKW SK08 2106ME</t>
  </si>
  <si>
    <t>5702329770828</t>
  </si>
  <si>
    <t>VX K-Eind.-R. /10cm EKW SK08 2106ME</t>
  </si>
  <si>
    <t>EKW SK08 2304ME</t>
  </si>
  <si>
    <t>5702329770903</t>
  </si>
  <si>
    <t>VX K-Eind.-R. 10-16/10 EKW SK08 2304ME</t>
  </si>
  <si>
    <t>EKW SK08 2304MJ</t>
  </si>
  <si>
    <t>5702329770910</t>
  </si>
  <si>
    <t>VX K-Eind.-R. 10-16/25 EKW SK08 2304MJ</t>
  </si>
  <si>
    <t>EKW SK08 2306ME</t>
  </si>
  <si>
    <t>5702329770927</t>
  </si>
  <si>
    <t>VX K-Eind.-R. /10cm EKW SK08 2306ME</t>
  </si>
  <si>
    <t>EKW SK08 2306MJ</t>
  </si>
  <si>
    <t>5702329770934</t>
  </si>
  <si>
    <t>VX K-Eind.-R. /25cm EKW SK08 2306MJ</t>
  </si>
  <si>
    <t>EKW SK08 2307MJ</t>
  </si>
  <si>
    <t>5702329770958</t>
  </si>
  <si>
    <t>VX K-Eind.-R. /25cm EKW SK08 2307MJ</t>
  </si>
  <si>
    <t>EKW SK10 2104ME</t>
  </si>
  <si>
    <t>5702329771139</t>
  </si>
  <si>
    <t>VX K-Eind.-R. 10-16/10 EKW SK10 2104ME</t>
  </si>
  <si>
    <t>EKW SK10 2104MJ</t>
  </si>
  <si>
    <t>5702329771146</t>
  </si>
  <si>
    <t>VX K-Eind.-R. 10-16/25 EKW SK10 2104MJ</t>
  </si>
  <si>
    <t>EKW SK10 2106ME</t>
  </si>
  <si>
    <t>5702329771153</t>
  </si>
  <si>
    <t>VX K-Eind.-R. /10cm EKW SK10 2106ME</t>
  </si>
  <si>
    <t>EKW SK10 2106MJ</t>
  </si>
  <si>
    <t>5702329771160</t>
  </si>
  <si>
    <t>VX K-Eind.-R. /25cm EKW SK10 2106MJ</t>
  </si>
  <si>
    <t>EKW SK10 2107ME</t>
  </si>
  <si>
    <t>5702329771177</t>
  </si>
  <si>
    <t>VX K-Eind.-R. /10cm EKW SK10 2107ME</t>
  </si>
  <si>
    <t>EKW SK10 2304ME</t>
  </si>
  <si>
    <t>5702329771238</t>
  </si>
  <si>
    <t>VX K-Eind.-R. 10-16/10 EKW SK10 2304ME</t>
  </si>
  <si>
    <t>EKW SK10 2304MJ</t>
  </si>
  <si>
    <t>5702329771245</t>
  </si>
  <si>
    <t>VX K-Eind.-R. 10-16/25 EKW SK10 2304MJ</t>
  </si>
  <si>
    <t>EKW SK10 2306ME</t>
  </si>
  <si>
    <t>5702329771252</t>
  </si>
  <si>
    <t>VX K-Eind.-R. /10cm EKW SK10 2306ME</t>
  </si>
  <si>
    <t>EKW SK10 2306MJ</t>
  </si>
  <si>
    <t>5702329771269</t>
  </si>
  <si>
    <t>VX K-Eind.-R. /25cm EKW SK10 2306MJ</t>
  </si>
  <si>
    <t>EKW SK10 2307ME</t>
  </si>
  <si>
    <t>5702329771276</t>
  </si>
  <si>
    <t>VX K-Eind.-R. /10cm EKW SK10 2307ME</t>
  </si>
  <si>
    <t>EKW SK10 2307MJ</t>
  </si>
  <si>
    <t>5702329771283</t>
  </si>
  <si>
    <t>VX K-Eind.-R. /25cm EKW SK10 2307MJ</t>
  </si>
  <si>
    <t>EKW UK04 2302M</t>
  </si>
  <si>
    <t>5702329771641</t>
  </si>
  <si>
    <t>VX K-Eind.-R. 10-16 EKW UK04 2302M</t>
  </si>
  <si>
    <t>EKW UK04 2304ME</t>
  </si>
  <si>
    <t>5702329771665</t>
  </si>
  <si>
    <t>VX K-Eind.-R. 10-16/10 EKW UK04 2304ME</t>
  </si>
  <si>
    <t>EKW UK04 2306ME</t>
  </si>
  <si>
    <t>5702329771689</t>
  </si>
  <si>
    <t>VX K-Eind.-R. /10cm EKW UK04 2306ME</t>
  </si>
  <si>
    <t>EKW UK04 2307ME</t>
  </si>
  <si>
    <t>5702329771702</t>
  </si>
  <si>
    <t>VX K-Eind.-R. /10cm EKW UK04 2307ME</t>
  </si>
  <si>
    <t>EKW UK08 2104ME</t>
  </si>
  <si>
    <t>5702329771894</t>
  </si>
  <si>
    <t>VX K-Eind.-R. 10-16/10 EKW UK08 2104ME</t>
  </si>
  <si>
    <t>EKW UK08 2106ME</t>
  </si>
  <si>
    <t>5702329771917</t>
  </si>
  <si>
    <t>VX K-Eind.-R. /10cm EKW UK08 2106ME</t>
  </si>
  <si>
    <t>EKW UK08 2302M</t>
  </si>
  <si>
    <t>5702329771979</t>
  </si>
  <si>
    <t>VX K-Eind.-R. 10-16 EKW UK08 2302M</t>
  </si>
  <si>
    <t>EKW UK08 2304ME</t>
  </si>
  <si>
    <t>5702329771993</t>
  </si>
  <si>
    <t>VX K-Eind.-R. 10-16/10 EKW UK08 2304ME</t>
  </si>
  <si>
    <t>EKW UK08 2306ME</t>
  </si>
  <si>
    <t>5702329772013</t>
  </si>
  <si>
    <t>VX K-Eind.-R. /10cm EKW UK08 2306ME</t>
  </si>
  <si>
    <t>EKW UK08 2307ME</t>
  </si>
  <si>
    <t>5702329772037</t>
  </si>
  <si>
    <t>VX K-Eind.-R. /10cm EKW UK08 2307ME</t>
  </si>
  <si>
    <t>EKW UK10 2101M</t>
  </si>
  <si>
    <t>5702329772198</t>
  </si>
  <si>
    <t>VX K-Eind.-R. 10-16 EKW UK10 2101M</t>
  </si>
  <si>
    <t>EKW UK10 2103M</t>
  </si>
  <si>
    <t>5702329772211</t>
  </si>
  <si>
    <t>VX K-Eind.-R. EKW UK10 2103M</t>
  </si>
  <si>
    <t>EKW UK10 2104ME</t>
  </si>
  <si>
    <t>5702329772228</t>
  </si>
  <si>
    <t>VX K-Eind.-R. 10-16/10 EKW UK10 2104ME</t>
  </si>
  <si>
    <t>EKW UK10 2104MJ</t>
  </si>
  <si>
    <t>5702329772235</t>
  </si>
  <si>
    <t>VX K-Eind.-R. 10-16/25 EKW UK10 2104MJ</t>
  </si>
  <si>
    <t>EKW UK10 2106ME</t>
  </si>
  <si>
    <t>5702329772242</t>
  </si>
  <si>
    <t>VX K-Eind.-R. /10cm EKW UK10 2106ME</t>
  </si>
  <si>
    <t>EKW UK10 2106MJ</t>
  </si>
  <si>
    <t>5702329772259</t>
  </si>
  <si>
    <t>VX K-Eind.-R. /25cm EKW UK10 2106MJ</t>
  </si>
  <si>
    <t>EKW UK10 2107ME</t>
  </si>
  <si>
    <t>5702329772266</t>
  </si>
  <si>
    <t>VX K-Eind.-R. /10cm EKW UK10 2107ME</t>
  </si>
  <si>
    <t>EKW UK10 2107MJ</t>
  </si>
  <si>
    <t>5702329772273</t>
  </si>
  <si>
    <t>VX K-Eind.-R. /25cm EKW UK10 2107MJ</t>
  </si>
  <si>
    <t>EKW UK10 2301M</t>
  </si>
  <si>
    <t>5702329772297</t>
  </si>
  <si>
    <t>VX K-Eind.-R. 10-16 EKW UK10 2301M</t>
  </si>
  <si>
    <t>EKW UK10 2302M</t>
  </si>
  <si>
    <t>5702329772303</t>
  </si>
  <si>
    <t>VX K-Eind.-R. 10-16 EKW UK10 2302M</t>
  </si>
  <si>
    <t>EKW UK10 2303M</t>
  </si>
  <si>
    <t>5702329772310</t>
  </si>
  <si>
    <t>VX K-Eind.-R. EKW UK10 2303M</t>
  </si>
  <si>
    <t>EKW UK10 2304ME</t>
  </si>
  <si>
    <t>5702329772327</t>
  </si>
  <si>
    <t>VX K-Eind.-R. 10-16/10 EKW UK10 2304ME</t>
  </si>
  <si>
    <t>EKW UK10 2304MJ</t>
  </si>
  <si>
    <t>5702329772334</t>
  </si>
  <si>
    <t>VX K-Eind.-R. 10-16/25 EKW UK10 2304MJ</t>
  </si>
  <si>
    <t>EKW UK10 2306ME</t>
  </si>
  <si>
    <t>5702329772341</t>
  </si>
  <si>
    <t>VX K-Eind.-R. /10cm EKW UK10 2306ME</t>
  </si>
  <si>
    <t>EKW UK10 2306MJ</t>
  </si>
  <si>
    <t>5702329772358</t>
  </si>
  <si>
    <t>VX K-Eind.-R. /25cm EKW UK10 2306MJ</t>
  </si>
  <si>
    <t>EKX CK02 2005MEF</t>
  </si>
  <si>
    <t>5702329773515</t>
  </si>
  <si>
    <t>VELUX Kombi-Eindeckr. EKX CK02 2005MEF</t>
  </si>
  <si>
    <t>EKX CK02 2105MEF</t>
  </si>
  <si>
    <t>5702320867855</t>
  </si>
  <si>
    <t>VELUX Kombi-Eindeckr. EKX CK02 2105MEF</t>
  </si>
  <si>
    <t>EKX CK02 2105MJ</t>
  </si>
  <si>
    <t>5702329773560</t>
  </si>
  <si>
    <t>VX K-Eind.-R. 10-16/25 EKX CK02 2105MJ</t>
  </si>
  <si>
    <t>EKX CK02 2105MJF</t>
  </si>
  <si>
    <t>5702320867862</t>
  </si>
  <si>
    <t>VELUX Kombi-Eindeckr. EKX CK02 2105MJF</t>
  </si>
  <si>
    <t>EKX CK02 2305ME</t>
  </si>
  <si>
    <t>5702329773577</t>
  </si>
  <si>
    <t>VX K-Eind.-R. 10-16/10 EKX CK02 2305ME</t>
  </si>
  <si>
    <t>EKX CK02 2305MEF</t>
  </si>
  <si>
    <t>5702329773584</t>
  </si>
  <si>
    <t>VELUX Kombi-Eindeckr. EKX CK02 2305MEF</t>
  </si>
  <si>
    <t>Ausführung wie oben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Titanzink walzblank.</t>
  </si>
  <si>
    <t>EKX CK02 2305MJ</t>
  </si>
  <si>
    <t>5702329773591</t>
  </si>
  <si>
    <t>VX K-Eind.-R. 10-16/25 EKX CK02 2305MJ</t>
  </si>
  <si>
    <t>EKX CK02 2305MJF</t>
  </si>
  <si>
    <t>5702329773607</t>
  </si>
  <si>
    <t>VELUX Kombi-Eindeckr. EKX CK02 2305MJF</t>
  </si>
  <si>
    <t>EKX CK04 2005MEF</t>
  </si>
  <si>
    <t>5702329773621</t>
  </si>
  <si>
    <t>VELUX Kombi-Eindeckr. EKX CK04 2005MEF</t>
  </si>
  <si>
    <t>EKX CK04 2005MJF</t>
  </si>
  <si>
    <t>5702329773645</t>
  </si>
  <si>
    <t>VELUX Kombi-Eindeckr. EKX CK04 2005MJF</t>
  </si>
  <si>
    <t>EKX CK04 2105MEF</t>
  </si>
  <si>
    <t>5702320867879</t>
  </si>
  <si>
    <t>VELUX Kombi-Eindeckr. EKX CK04 2105MEF</t>
  </si>
  <si>
    <t>EKX CK04 2105MJ</t>
  </si>
  <si>
    <t>5702329773676</t>
  </si>
  <si>
    <t>VX K-Eind.-R. 10-16/25 EKX CK04 2105MJ</t>
  </si>
  <si>
    <t>EKX CK04 2105MJF</t>
  </si>
  <si>
    <t>5702320867886</t>
  </si>
  <si>
    <t>VELUX Kombi-Eindeckr. EKX CK04 2105MJF</t>
  </si>
  <si>
    <t>EKX CK04 2305ME</t>
  </si>
  <si>
    <t>5702329773683</t>
  </si>
  <si>
    <t>VX K-Eind.-R. 10-16/10 EKX CK04 2305ME</t>
  </si>
  <si>
    <t>EKX CK04 2305MEF</t>
  </si>
  <si>
    <t>5702329773690</t>
  </si>
  <si>
    <t>VELUX Kombi-Eindeckr. EKX CK04 2305MEF</t>
  </si>
  <si>
    <t>EKX CK04 2305MJ</t>
  </si>
  <si>
    <t>5702329773706</t>
  </si>
  <si>
    <t>VX K-Eind.-R. 10-16/25 EKX CK04 2305MJ</t>
  </si>
  <si>
    <t>EKX CK04 2305MJF</t>
  </si>
  <si>
    <t>5702329773713</t>
  </si>
  <si>
    <t>VELUX Kombi-Eindeckr. EKX CK04 2305MJF</t>
  </si>
  <si>
    <t>EKX CK06 2005MEF</t>
  </si>
  <si>
    <t>5702329773737</t>
  </si>
  <si>
    <t>VELUX Kombi-Eindeckr. EKX CK06 2005MEF</t>
  </si>
  <si>
    <t>EKX CK06 2005MJF</t>
  </si>
  <si>
    <t>5702329773751</t>
  </si>
  <si>
    <t>VELUX Kombi-Eindeckr. EKX CK06 2005MJF</t>
  </si>
  <si>
    <t>EKX CK06 2105ME</t>
  </si>
  <si>
    <t>5702329773768</t>
  </si>
  <si>
    <t>VX K-Eind.-R. 10-16/10 EKX CK06 2105ME</t>
  </si>
  <si>
    <t>EKX CK06 2105MEF</t>
  </si>
  <si>
    <t>5702320867893</t>
  </si>
  <si>
    <t>VELUX Kombi-Eindeckr. EKX CK06 2105MEF</t>
  </si>
  <si>
    <t>EKX CK06 2105MJ</t>
  </si>
  <si>
    <t>5702329773782</t>
  </si>
  <si>
    <t>VX K-Eind.-R. 10-16/25 EKX CK06 2105MJ</t>
  </si>
  <si>
    <t>EKX CK06 2105MJF</t>
  </si>
  <si>
    <t>5702320867930</t>
  </si>
  <si>
    <t>VELUX Kombi-Eindeckr. EKX CK06 2105MJF</t>
  </si>
  <si>
    <t>EKX CK06 2305ME</t>
  </si>
  <si>
    <t>5702329773799</t>
  </si>
  <si>
    <t>VX K-Eind.-R. 10-16/10 EKX CK06 2305ME</t>
  </si>
  <si>
    <t>EKX CK06 2305MEF</t>
  </si>
  <si>
    <t>5702329773805</t>
  </si>
  <si>
    <t>VELUX Kombi-Eindeckr. EKX CK06 2305MEF</t>
  </si>
  <si>
    <t>EKX CK06 2305MJ</t>
  </si>
  <si>
    <t>5702329773812</t>
  </si>
  <si>
    <t>VX K-Eind.-R. 10-16/25 EKX CK06 2305MJ</t>
  </si>
  <si>
    <t>EKX CK06 2305MJF</t>
  </si>
  <si>
    <t>5702329773829</t>
  </si>
  <si>
    <t>VELUX Kombi-Eindeckr. EKX CK06 2305MJF</t>
  </si>
  <si>
    <t>EKX FK04 2005MEF</t>
  </si>
  <si>
    <t>5702329773843</t>
  </si>
  <si>
    <t>VELUX Kombi-Eindeckr. EKX FK04 2005MEF</t>
  </si>
  <si>
    <t>EKX FK04 2005MJF</t>
  </si>
  <si>
    <t>5702329773867</t>
  </si>
  <si>
    <t>VELUX Kombi-Eindeckr. EKX FK04 2005MJF</t>
  </si>
  <si>
    <t>EKX FK04 2105ME</t>
  </si>
  <si>
    <t>5702329773874</t>
  </si>
  <si>
    <t>VX K-Eind.-R. 10-16/10 EKX FK04 2105ME</t>
  </si>
  <si>
    <t>EKX FK04 2105MEF</t>
  </si>
  <si>
    <t>5702320867947</t>
  </si>
  <si>
    <t>VELUX Kombi-Eindeckr. EKX FK04 2105MEF</t>
  </si>
  <si>
    <t>EKX FK04 2105MJ</t>
  </si>
  <si>
    <t>5702329773898</t>
  </si>
  <si>
    <t>VX K-Eind.-R. 10-16/25 EKX FK04 2105MJ</t>
  </si>
  <si>
    <t>EKX FK04 2105MJF</t>
  </si>
  <si>
    <t>5702320867954</t>
  </si>
  <si>
    <t>VELUX Kombi-Eindeckr. EKX FK04 2105MJF</t>
  </si>
  <si>
    <t>EKX FK04 2305ME</t>
  </si>
  <si>
    <t>5702329773904</t>
  </si>
  <si>
    <t>VX K-Eind.-R. 10-16/10 EKX FK04 2305ME</t>
  </si>
  <si>
    <t>EKX FK04 2305MEF</t>
  </si>
  <si>
    <t>5702329773911</t>
  </si>
  <si>
    <t>VELUX Kombi-Eindeckr. EKX FK04 2305MEF</t>
  </si>
  <si>
    <t>EKX FK04 2305MJ</t>
  </si>
  <si>
    <t>5702329773928</t>
  </si>
  <si>
    <t>VX K-Eind.-R. 10-16/25 EKX FK04 2305MJ</t>
  </si>
  <si>
    <t>EKX FK04 2305MJF</t>
  </si>
  <si>
    <t>5702329773935</t>
  </si>
  <si>
    <t>VELUX Kombi-Eindeckr. EKX FK04 2305MJF</t>
  </si>
  <si>
    <t>EKX FK06 2005MEF</t>
  </si>
  <si>
    <t>5702329773959</t>
  </si>
  <si>
    <t>VELUX Kombi-Eindeckr. EKX FK06 2005MEF</t>
  </si>
  <si>
    <t>EKX FK06 2005MJF</t>
  </si>
  <si>
    <t>5702329773973</t>
  </si>
  <si>
    <t>VELUX Kombi-Eindeckr. EKX FK06 2005MJF</t>
  </si>
  <si>
    <t>EKX FK06 2105MEF</t>
  </si>
  <si>
    <t>5702320867961</t>
  </si>
  <si>
    <t>VELUX Kombi-Eindeckr. EKX FK06 2105MEF</t>
  </si>
  <si>
    <t>EKX FK06 2105MJF</t>
  </si>
  <si>
    <t>5702320867978</t>
  </si>
  <si>
    <t>VELUX Kombi-Eindeckr. EKX FK06 2105MJF</t>
  </si>
  <si>
    <t>EKX FK06 2305MEF</t>
  </si>
  <si>
    <t>5702329774024</t>
  </si>
  <si>
    <t>VELUX Kombi-Eindeckr. EKX FK06 2305MEF</t>
  </si>
  <si>
    <t>EKX FK06 2305MJ</t>
  </si>
  <si>
    <t>5702329774031</t>
  </si>
  <si>
    <t>VX K-Eind.-R. 10-16/25 EKX FK06 2305MJ</t>
  </si>
  <si>
    <t>EKX FK06 2305MJF</t>
  </si>
  <si>
    <t>5702329774048</t>
  </si>
  <si>
    <t>VELUX Kombi-Eindeckr. EKX FK06 2305MJF</t>
  </si>
  <si>
    <t>EKX FK08 2005MEF</t>
  </si>
  <si>
    <t>5702329774062</t>
  </si>
  <si>
    <t>VELUX Kombi-Eindeckr. EKX FK08 2005MEF</t>
  </si>
  <si>
    <t>EKX FK08 2005MJF</t>
  </si>
  <si>
    <t>5702329774086</t>
  </si>
  <si>
    <t>VELUX Kombi-Eindeckr. EKX FK08 2005MJF</t>
  </si>
  <si>
    <t>EKX FK08 2105ME</t>
  </si>
  <si>
    <t>5702329774093</t>
  </si>
  <si>
    <t>VX K-Eind.-R. 10-16/10 EKX FK08 2105ME</t>
  </si>
  <si>
    <t>EKX FK08 2105MEF</t>
  </si>
  <si>
    <t>5702320867985</t>
  </si>
  <si>
    <t>VELUX Kombi-Eindeckr. EKX FK08 2105MEF</t>
  </si>
  <si>
    <t>EKX FK08 2105MJ</t>
  </si>
  <si>
    <t>5702329774116</t>
  </si>
  <si>
    <t>VX K-Eind.-R. 10-16/25 EKX FK08 2105MJ</t>
  </si>
  <si>
    <t>EKX FK08 2105MJF</t>
  </si>
  <si>
    <t>5702320867992</t>
  </si>
  <si>
    <t>VELUX Kombi-Eindeckr. EKX FK08 2105MJF</t>
  </si>
  <si>
    <t>EKX FK08 2305ME</t>
  </si>
  <si>
    <t>5702329774123</t>
  </si>
  <si>
    <t>VX K-Eind.-R. 10-16/10 EKX FK08 2305ME</t>
  </si>
  <si>
    <t>EKX FK08 2305MEF</t>
  </si>
  <si>
    <t>5702329774130</t>
  </si>
  <si>
    <t>VELUX Kombi-Eindeckr. EKX FK08 2305MEF</t>
  </si>
  <si>
    <t>EKX FK08 2305MJ</t>
  </si>
  <si>
    <t>5702329774147</t>
  </si>
  <si>
    <t>VX K-Eind.-R. 10-16/25 EKX FK08 2305MJ</t>
  </si>
  <si>
    <t>EKX FK08 2305MJF</t>
  </si>
  <si>
    <t>5702329774154</t>
  </si>
  <si>
    <t>VELUX Kombi-Eindeckr. EKX FK08 2305MJF</t>
  </si>
  <si>
    <t>EKX MK04 2005MJF</t>
  </si>
  <si>
    <t>5702329774192</t>
  </si>
  <si>
    <t>VELUX Kombi-Eindeckr. EKX MK04 2005MJF</t>
  </si>
  <si>
    <t>EKX MK04 2105ME</t>
  </si>
  <si>
    <t>5702329774208</t>
  </si>
  <si>
    <t>VX K-Eind.-R. 10-16/10 EKX MK04 2105ME</t>
  </si>
  <si>
    <t>EKX MK04 2105MEF</t>
  </si>
  <si>
    <t>5702320868005</t>
  </si>
  <si>
    <t>VELUX Kombi-Eindeckr. EKX MK04 2105MEF</t>
  </si>
  <si>
    <t>EKX MK04 2105MJF</t>
  </si>
  <si>
    <t>5702320868012</t>
  </si>
  <si>
    <t>VELUX Kombi-Eindeckr. EKX MK04 2105MJF</t>
  </si>
  <si>
    <t>EKX MK04 2305ME</t>
  </si>
  <si>
    <t>5702329774239</t>
  </si>
  <si>
    <t>VX K-Eind.-R. 10-16/10 EKX MK04 2305ME</t>
  </si>
  <si>
    <t>EKX MK04 2305MEF</t>
  </si>
  <si>
    <t>5702329774246</t>
  </si>
  <si>
    <t>VELUX Kombi-Eindeckr. EKX MK04 2305MEF</t>
  </si>
  <si>
    <t>EKX MK04 2305MJ</t>
  </si>
  <si>
    <t>5702329774253</t>
  </si>
  <si>
    <t>VX K-Eind.-R. 10-16/25 EKX MK04 2305MJ</t>
  </si>
  <si>
    <t>EKX MK04 2305MJF</t>
  </si>
  <si>
    <t>5702329774260</t>
  </si>
  <si>
    <t>VELUX Kombi-Eindeckr. EKX MK04 2305MJF</t>
  </si>
  <si>
    <t>EKX MK06 2105MJ</t>
  </si>
  <si>
    <t>5702329774338</t>
  </si>
  <si>
    <t>VX K-Eind.-R. 10-16/25 EKX MK06 2105MJ</t>
  </si>
  <si>
    <t>EKX MK06 2105MJF</t>
  </si>
  <si>
    <t>5702320868043</t>
  </si>
  <si>
    <t>VELUX Kombi-Eindeckr. EKX MK06 2105MJF</t>
  </si>
  <si>
    <t>EKX MK06 2305ME</t>
  </si>
  <si>
    <t>5702329774345</t>
  </si>
  <si>
    <t>VX K-Eind.-R. 10-16/10 EKX MK06 2305ME</t>
  </si>
  <si>
    <t>EKX MK06 2305MEF</t>
  </si>
  <si>
    <t>5702329774352</t>
  </si>
  <si>
    <t>VELUX Kombi-Eindeckr. EKX MK06 2305MEF</t>
  </si>
  <si>
    <t>EKX MK06 2305MJ</t>
  </si>
  <si>
    <t>5702329774369</t>
  </si>
  <si>
    <t>VX K-Eind.-R. 10-16/25 EKX MK06 2305MJ</t>
  </si>
  <si>
    <t>EKX MK06 2305MJF</t>
  </si>
  <si>
    <t>5702329774376</t>
  </si>
  <si>
    <t>VELUX Kombi-Eindeckr. EKX MK06 2305MJF</t>
  </si>
  <si>
    <t>EKX MK08 2105MEF</t>
  </si>
  <si>
    <t>5702320868050</t>
  </si>
  <si>
    <t>VELUX Kombi-Eindeckr. EKX MK08 2105MEF</t>
  </si>
  <si>
    <t>EKX MK08 2105MJ</t>
  </si>
  <si>
    <t>5702329774444</t>
  </si>
  <si>
    <t>VX K-Eind.-R. 10-16/25 EKX MK08 2105MJ</t>
  </si>
  <si>
    <t>EKX MK08 2105MJF</t>
  </si>
  <si>
    <t>5702320868067</t>
  </si>
  <si>
    <t>VELUX Kombi-Eindeckr. EKX MK08 2105MJF</t>
  </si>
  <si>
    <t>EKX MK08 2305MEF</t>
  </si>
  <si>
    <t>5702329774468</t>
  </si>
  <si>
    <t>VELUX Kombi-Eindeckr. EKX MK08 2305MEF</t>
  </si>
  <si>
    <t>EKX MK08 2305MJ</t>
  </si>
  <si>
    <t>5702329774475</t>
  </si>
  <si>
    <t>VX K-Eind.-R. 10-16/25 EKX MK08 2305MJ</t>
  </si>
  <si>
    <t>EKX MK08 2305MJF</t>
  </si>
  <si>
    <t>5702329774482</t>
  </si>
  <si>
    <t>VELUX Kombi-Eindeckr. EKX MK08 2305MJF</t>
  </si>
  <si>
    <t>EKX MK10 2105ME</t>
  </si>
  <si>
    <t>5702329774536</t>
  </si>
  <si>
    <t>VX K-Eind.-R. 10-16/10 EKX MK10 2105ME</t>
  </si>
  <si>
    <t>EKX MK10 2105MEF</t>
  </si>
  <si>
    <t>5702320868074</t>
  </si>
  <si>
    <t>VELUX Kombi-Eindeckr. EKX MK10 2105MEF</t>
  </si>
  <si>
    <t>EKX MK10 2105MJF</t>
  </si>
  <si>
    <t>5702320868081</t>
  </si>
  <si>
    <t>VELUX Kombi-Eindeckr. EKX MK10 2105MJF</t>
  </si>
  <si>
    <t>EKX MK10 2305ME</t>
  </si>
  <si>
    <t>5702329774567</t>
  </si>
  <si>
    <t>VX K-Eind.-R. 10-16/10 EKX MK10 2305ME</t>
  </si>
  <si>
    <t>EKX MK10 2305MEF</t>
  </si>
  <si>
    <t>5702329774574</t>
  </si>
  <si>
    <t>VELUX Kombi-Eindeckr. EKX MK10 2305MEF</t>
  </si>
  <si>
    <t>EKX MK10 2305MJ</t>
  </si>
  <si>
    <t>5702329774581</t>
  </si>
  <si>
    <t>VX K-Eind.-R. 10-16/25 EKX MK10 2305MJ</t>
  </si>
  <si>
    <t>EKX MK10 2305MJF</t>
  </si>
  <si>
    <t>5702329774598</t>
  </si>
  <si>
    <t>VELUX Kombi-Eindeckr. EKX MK10 2305MJF</t>
  </si>
  <si>
    <t>EKX PK06 2005MJF</t>
  </si>
  <si>
    <t>5702329774673</t>
  </si>
  <si>
    <t>VELUX Kombi-Eindeckr. EKX PK06 2005MJF</t>
  </si>
  <si>
    <t>EKX PK06 2105MEF</t>
  </si>
  <si>
    <t>5702320868098</t>
  </si>
  <si>
    <t>VELUX Kombi-Eindeckr. EKX PK06 2105MEF</t>
  </si>
  <si>
    <t>EKX PK06 2105MJ</t>
  </si>
  <si>
    <t>5702329774703</t>
  </si>
  <si>
    <t>VX K-Eind.-R. 10-16/25 EKX PK06 2105MJ</t>
  </si>
  <si>
    <t>EKX PK06 2105MJF</t>
  </si>
  <si>
    <t>5702320868104</t>
  </si>
  <si>
    <t>VELUX Kombi-Eindeckr. EKX PK06 2105MJF</t>
  </si>
  <si>
    <t>EKX PK06 2305ME</t>
  </si>
  <si>
    <t>5702329774710</t>
  </si>
  <si>
    <t>VX K-Eind.-R. 10-16/10 EKX PK06 2305ME</t>
  </si>
  <si>
    <t>EKX PK06 2305MEF</t>
  </si>
  <si>
    <t>5702329774727</t>
  </si>
  <si>
    <t>VELUX Kombi-Eindeckr. EKX PK06 2305MEF</t>
  </si>
  <si>
    <t>EKX PK06 2305MJF</t>
  </si>
  <si>
    <t>5702329774741</t>
  </si>
  <si>
    <t>VELUX Kombi-Eindeckr. EKX PK06 2305MJF</t>
  </si>
  <si>
    <t>EKX PK08 2005MEF</t>
  </si>
  <si>
    <t>5702329774765</t>
  </si>
  <si>
    <t>VELUX Kombi-Eindeckr. EKX PK08 2005MEF</t>
  </si>
  <si>
    <t>EKX PK08 2005MJF</t>
  </si>
  <si>
    <t>5702329774789</t>
  </si>
  <si>
    <t>VELUX Kombi-Eindeckr. EKX PK08 2005MJF</t>
  </si>
  <si>
    <t>EKX PK08 2105ME</t>
  </si>
  <si>
    <t>5702329774796</t>
  </si>
  <si>
    <t>VX K-Eind.-R. 10-16/10 EKX PK08 2105ME</t>
  </si>
  <si>
    <t>EKX PK08 2105MEF</t>
  </si>
  <si>
    <t>5702320868111</t>
  </si>
  <si>
    <t>VELUX Kombi-Eindeckr. EKX PK08 2105MEF</t>
  </si>
  <si>
    <t>EKX PK08 2105MJ</t>
  </si>
  <si>
    <t>5702329774819</t>
  </si>
  <si>
    <t>VX K-Eind.-R. 10-16/25 EKX PK08 2105MJ</t>
  </si>
  <si>
    <t>EKX PK08 2105MJF</t>
  </si>
  <si>
    <t>5702320868159</t>
  </si>
  <si>
    <t>VELUX Kombi-Eindeckr. EKX PK08 2105MJF</t>
  </si>
  <si>
    <t>EKX PK08 2305MEF</t>
  </si>
  <si>
    <t>5702329774833</t>
  </si>
  <si>
    <t>VELUX Kombi-Eindeckr. EKX PK08 2305MEF</t>
  </si>
  <si>
    <t>EKX PK08 2305MJ</t>
  </si>
  <si>
    <t>5702329774840</t>
  </si>
  <si>
    <t>VX K-Eind.-R. 10-16/25 EKX PK08 2305MJ</t>
  </si>
  <si>
    <t>EKX PK08 2305MJF</t>
  </si>
  <si>
    <t>5702329774857</t>
  </si>
  <si>
    <t>VELUX Kombi-Eindeckr. EKX PK08 2305MJF</t>
  </si>
  <si>
    <t>EKX PK10 2005MEF</t>
  </si>
  <si>
    <t>5702329774871</t>
  </si>
  <si>
    <t>VELUX Kombi-Eindeckr. EKX PK10 2005MEF</t>
  </si>
  <si>
    <t>EKX PK10 2105ME</t>
  </si>
  <si>
    <t>5702329774901</t>
  </si>
  <si>
    <t>VX K-Eind.-R. 10-16/10 EKX PK10 2105ME</t>
  </si>
  <si>
    <t>EKX PK10 2105MEF</t>
  </si>
  <si>
    <t>5702320868166</t>
  </si>
  <si>
    <t>VELUX Kombi-Eindeckr. EKX PK10 2105MEF</t>
  </si>
  <si>
    <t>EKX PK10 2105MJ</t>
  </si>
  <si>
    <t>5702329774925</t>
  </si>
  <si>
    <t>VX K-Eind.-R. 10-16/25 EKX PK10 2105MJ</t>
  </si>
  <si>
    <t>EKX PK10 2105MJF</t>
  </si>
  <si>
    <t>5702320868173</t>
  </si>
  <si>
    <t>VELUX Kombi-Eindeckr. EKX PK10 2105MJF</t>
  </si>
  <si>
    <t>EKX PK10 2305ME</t>
  </si>
  <si>
    <t>5702329774932</t>
  </si>
  <si>
    <t>VX K-Eind.-R. 10-16/10 EKX PK10 2305ME</t>
  </si>
  <si>
    <t>EKX PK10 2305MEF</t>
  </si>
  <si>
    <t>5702329774949</t>
  </si>
  <si>
    <t>VELUX Kombi-Eindeckr. EKX PK10 2305MEF</t>
  </si>
  <si>
    <t>EKX PK10 2305MJ</t>
  </si>
  <si>
    <t>5702329774956</t>
  </si>
  <si>
    <t>VX K-Eind.-R. 10-16/25 EKX PK10 2305MJ</t>
  </si>
  <si>
    <t>EKX PK10 2305MJF</t>
  </si>
  <si>
    <t>5702329774963</t>
  </si>
  <si>
    <t>VELUX Kombi-Eindeckr. EKX PK10 2305MJF</t>
  </si>
  <si>
    <t>EKX SK06 2005MEF</t>
  </si>
  <si>
    <t>5702329775007</t>
  </si>
  <si>
    <t>VELUX Kombi-Eindeckr. EKX SK06 2005MEF</t>
  </si>
  <si>
    <t>EKX SK06 2005MJF</t>
  </si>
  <si>
    <t>5702329775021</t>
  </si>
  <si>
    <t>VELUX Kombi-Eindeckr. EKX SK06 2005MJF</t>
  </si>
  <si>
    <t>EKX SK06 2105ME</t>
  </si>
  <si>
    <t>5702329775038</t>
  </si>
  <si>
    <t>VX K-Eind.-R. 10-16/10 EKX SK06 2105ME</t>
  </si>
  <si>
    <t>EKX SK06 2105MEF</t>
  </si>
  <si>
    <t>5702320868180</t>
  </si>
  <si>
    <t>VELUX Kombi-Eindeckr. EKX SK06 2105MEF</t>
  </si>
  <si>
    <t>EKX SK06 2105MJF</t>
  </si>
  <si>
    <t>5702320868197</t>
  </si>
  <si>
    <t>VELUX Kombi-Eindeckr. EKX SK06 2105MJF</t>
  </si>
  <si>
    <t>EKX SK06 2305ME</t>
  </si>
  <si>
    <t>5702329775069</t>
  </si>
  <si>
    <t>VX K-Eind.-R. 10-16/10 EKX SK06 2305ME</t>
  </si>
  <si>
    <t>EKX SK06 2305MEF</t>
  </si>
  <si>
    <t>5702329775076</t>
  </si>
  <si>
    <t>VELUX Kombi-Eindeckr. EKX SK06 2305MEF</t>
  </si>
  <si>
    <t>EKX SK06 2305MJ</t>
  </si>
  <si>
    <t>5702329775083</t>
  </si>
  <si>
    <t>VX K-Eind.-R. 10-16/25 EKX SK06 2305MJ</t>
  </si>
  <si>
    <t>EKX SK06 2305MJF</t>
  </si>
  <si>
    <t>5702329775090</t>
  </si>
  <si>
    <t>VELUX Kombi-Eindeckr. EKX SK06 2305MJF</t>
  </si>
  <si>
    <t>EKX SK08 2005MEF</t>
  </si>
  <si>
    <t>5702329775113</t>
  </si>
  <si>
    <t>VELUX Kombi-Eindeckr. EKX SK08 2005MEF</t>
  </si>
  <si>
    <t>EKX SK08 2105ME</t>
  </si>
  <si>
    <t>5702329775144</t>
  </si>
  <si>
    <t>VX K-Eind.-R. 10-16/10 EKX SK08 2105ME</t>
  </si>
  <si>
    <t>EKX SK08 2105MEF</t>
  </si>
  <si>
    <t>5702320868203</t>
  </si>
  <si>
    <t>VELUX Kombi-Eindeckr. EKX SK08 2105MEF</t>
  </si>
  <si>
    <t>EKX SK08 2105MJ</t>
  </si>
  <si>
    <t>5702329775168</t>
  </si>
  <si>
    <t>VX K-Eind.-R. 10-16/25 EKX SK08 2105MJ</t>
  </si>
  <si>
    <t>EKX SK08 2105MJF</t>
  </si>
  <si>
    <t>5702320868210</t>
  </si>
  <si>
    <t>VELUX Kombi-Eindeckr. EKX SK08 2105MJF</t>
  </si>
  <si>
    <t>EKX SK08 2305ME</t>
  </si>
  <si>
    <t>5702329775175</t>
  </si>
  <si>
    <t>VX K-Eind.-R. 10-16/10 EKX SK08 2305ME</t>
  </si>
  <si>
    <t>EKX SK08 2305MEF</t>
  </si>
  <si>
    <t>5702329775182</t>
  </si>
  <si>
    <t>VELUX Kombi-Eindeckr. EKX SK08 2305MEF</t>
  </si>
  <si>
    <t>EKX SK08 2305MJ</t>
  </si>
  <si>
    <t>5702329775199</t>
  </si>
  <si>
    <t>VX K-Eind.-R. 10-16/25 EKX SK08 2305MJ</t>
  </si>
  <si>
    <t>EKX SK08 2305MJF</t>
  </si>
  <si>
    <t>5702329775205</t>
  </si>
  <si>
    <t>VELUX Kombi-Eindeckr. EKX SK08 2305MJF</t>
  </si>
  <si>
    <t>EKX SK10 2005MEF</t>
  </si>
  <si>
    <t>5702329775229</t>
  </si>
  <si>
    <t>VELUX Kombi-Eindeckr. EKX SK10 2005MEF</t>
  </si>
  <si>
    <t>EKX SK10 2005MJF</t>
  </si>
  <si>
    <t>5702329775243</t>
  </si>
  <si>
    <t>VELUX Kombi-Eindeckr. EKX SK10 2005MJF</t>
  </si>
  <si>
    <t>EKX SK10 2105ME</t>
  </si>
  <si>
    <t>5702329775250</t>
  </si>
  <si>
    <t>VX K-Eind.-R. 10-16/10 EKX SK10 2105ME</t>
  </si>
  <si>
    <t>EKX SK10 2105MEF</t>
  </si>
  <si>
    <t>5702320868227</t>
  </si>
  <si>
    <t>VELUX Kombi-Eindeckr. EKX SK10 2105MEF</t>
  </si>
  <si>
    <t>EKX SK10 2105MJ</t>
  </si>
  <si>
    <t>5702329775274</t>
  </si>
  <si>
    <t>VX K-Eind.-R. 10-16/25 EKX SK10 2105MJ</t>
  </si>
  <si>
    <t>EKX SK10 2105MJF</t>
  </si>
  <si>
    <t>5702320868234</t>
  </si>
  <si>
    <t>VELUX Kombi-Eindeckr. EKX SK10 2105MJF</t>
  </si>
  <si>
    <t>EKX SK10 2305ME</t>
  </si>
  <si>
    <t>5702329775281</t>
  </si>
  <si>
    <t>VX K-Eind.-R. 10-16/10 EKX SK10 2305ME</t>
  </si>
  <si>
    <t>EKX SK10 2305MEF</t>
  </si>
  <si>
    <t>5702329775298</t>
  </si>
  <si>
    <t>VELUX Kombi-Eindeckr. EKX SK10 2305MEF</t>
  </si>
  <si>
    <t>EKX SK10 2305MJ</t>
  </si>
  <si>
    <t>5702329775304</t>
  </si>
  <si>
    <t>VX K-Eind.-R. 10-16/25 EKX SK10 2305MJ</t>
  </si>
  <si>
    <t>EKX SK10 2305MJF</t>
  </si>
  <si>
    <t>5702329775311</t>
  </si>
  <si>
    <t>VELUX Kombi-Eindeckr. EKX SK10 2305MJF</t>
  </si>
  <si>
    <t>EKX UK04 2005MEF</t>
  </si>
  <si>
    <t>5702329775342</t>
  </si>
  <si>
    <t>VELUX Kombi-Eindeckr. EKX UK04 2005MEF</t>
  </si>
  <si>
    <t>EKX UK04 2105ME</t>
  </si>
  <si>
    <t>5702329775373</t>
  </si>
  <si>
    <t>VX K-Eind.-R. 10-16/10 EKX UK04 2105ME</t>
  </si>
  <si>
    <t>EKX UK04 2105MEF</t>
  </si>
  <si>
    <t>5702320868258</t>
  </si>
  <si>
    <t>VELUX Kombi-Eindeckr. EKX UK04 2105MEF</t>
  </si>
  <si>
    <t>EKX UK04 2105MJ</t>
  </si>
  <si>
    <t>5702329775397</t>
  </si>
  <si>
    <t>VX K-Eind.-R. 10-16/25 EKX UK04 2105MJ</t>
  </si>
  <si>
    <t>EKX UK04 2105MJF</t>
  </si>
  <si>
    <t>5702320868265</t>
  </si>
  <si>
    <t>VELUX Kombi-Eindeckr. EKX UK04 2105MJF</t>
  </si>
  <si>
    <t>EKX UK04 2305ME</t>
  </si>
  <si>
    <t>5702329775403</t>
  </si>
  <si>
    <t>VX K-Eind.-R. 10-16/10 EKX UK04 2305ME</t>
  </si>
  <si>
    <t>EKX UK04 2305MEF</t>
  </si>
  <si>
    <t>5702329775410</t>
  </si>
  <si>
    <t>VELUX Kombi-Eindeckr. EKX UK04 2305MEF</t>
  </si>
  <si>
    <t>EKX UK04 2305MJ</t>
  </si>
  <si>
    <t>5702329775427</t>
  </si>
  <si>
    <t>VX K-Eind.-R. 10-16/25 EKX UK04 2305MJ</t>
  </si>
  <si>
    <t>EKX UK04 2305MJF</t>
  </si>
  <si>
    <t>5702329775434</t>
  </si>
  <si>
    <t>VELUX Kombi-Eindeckr. EKX UK04 2305MJF</t>
  </si>
  <si>
    <t>EKX UK08 2005MEF</t>
  </si>
  <si>
    <t>5702329775458</t>
  </si>
  <si>
    <t>VELUX Kombi-Eindeckr. EKX UK08 2005MEF</t>
  </si>
  <si>
    <t>EKX UK08 2105ME</t>
  </si>
  <si>
    <t>5702329775489</t>
  </si>
  <si>
    <t>VX K-Eind.-R. 10-16/10 EKX UK08 2105ME</t>
  </si>
  <si>
    <t>EKX UK08 2105MEF</t>
  </si>
  <si>
    <t>5702320868272</t>
  </si>
  <si>
    <t>VELUX Kombi-Eindeckr. EKX UK08 2105MEF</t>
  </si>
  <si>
    <t>EKX UK08 2105MJF</t>
  </si>
  <si>
    <t>5702320868289</t>
  </si>
  <si>
    <t>VELUX Kombi-Eindeckr. EKX UK08 2105MJF</t>
  </si>
  <si>
    <t>EKX UK08 2305ME</t>
  </si>
  <si>
    <t>5702329775519</t>
  </si>
  <si>
    <t>VX K-Eind.-R. 10-16/10 EKX UK08 2305ME</t>
  </si>
  <si>
    <t>EKX UK08 2305MEF</t>
  </si>
  <si>
    <t>5702329775526</t>
  </si>
  <si>
    <t>VELUX Kombi-Eindeckr. EKX UK08 2305MEF</t>
  </si>
  <si>
    <t>EKX UK08 2305MJ</t>
  </si>
  <si>
    <t>5702329775533</t>
  </si>
  <si>
    <t>VX K-Eind.-R. 10-16/25 EKX UK08 2305MJ</t>
  </si>
  <si>
    <t>EKX UK08 2305MJF</t>
  </si>
  <si>
    <t>5702329775540</t>
  </si>
  <si>
    <t>VELUX Kombi-Eindeckr. EKX UK08 2305MJF</t>
  </si>
  <si>
    <t>EKX UK10 2005MEF</t>
  </si>
  <si>
    <t>5702329775564</t>
  </si>
  <si>
    <t>VELUX Kombi-Eindeckr. EKX UK10 2005MEF</t>
  </si>
  <si>
    <t>EKX UK10 2105ME</t>
  </si>
  <si>
    <t>5702329775595</t>
  </si>
  <si>
    <t>VX K-Eind.-R. 10-16/10 EKX UK10 2105ME</t>
  </si>
  <si>
    <t>EKX UK10 2105MEF</t>
  </si>
  <si>
    <t>5702320868296</t>
  </si>
  <si>
    <t>VELUX Kombi-Eindeckr. EKX UK10 2105MEF</t>
  </si>
  <si>
    <t>EKX UK10 2105MJ</t>
  </si>
  <si>
    <t>5702329775618</t>
  </si>
  <si>
    <t>VX K-Eind.-R. 10-16/25 EKX UK10 2105MJ</t>
  </si>
  <si>
    <t>EKX UK10 2105MJF</t>
  </si>
  <si>
    <t>5702320868302</t>
  </si>
  <si>
    <t>VELUX Kombi-Eindeckr. EKX UK10 2105MJF</t>
  </si>
  <si>
    <t>EKX UK10 2305ME</t>
  </si>
  <si>
    <t>5702329775625</t>
  </si>
  <si>
    <t>VX K-Eind.-R. 10-16/10 EKX UK10 2305ME</t>
  </si>
  <si>
    <t>EKX UK10 2305MEF</t>
  </si>
  <si>
    <t>5702329775632</t>
  </si>
  <si>
    <t>VELUX Kombi-Eindeckr. EKX UK10 2305MEF</t>
  </si>
  <si>
    <t>EKX UK10 2305MJ</t>
  </si>
  <si>
    <t>5702329775649</t>
  </si>
  <si>
    <t>VX K-Eind.-R. 10-16/25 EKX UK10 2305MJ</t>
  </si>
  <si>
    <t>EKX UK10 2305MJF</t>
  </si>
  <si>
    <t>5702329775656</t>
  </si>
  <si>
    <t>VELUX Kombi-Eindeckr. EKX UK10 2305MJF</t>
  </si>
  <si>
    <t>ETJ WK34 2100M</t>
  </si>
  <si>
    <t>5702329852005</t>
  </si>
  <si>
    <t>VELUX Eindeckrahmen ETJ WK34 2100M</t>
  </si>
  <si>
    <t>ETJ WK34 2300M</t>
  </si>
  <si>
    <t>5702329852012</t>
  </si>
  <si>
    <t>VELUX Eindeckrahmen ETJ WK34 2300M</t>
  </si>
  <si>
    <t>FHC C06 1049SWL</t>
  </si>
  <si>
    <t>5702326271830</t>
  </si>
  <si>
    <t>VELUX Wabenplissee FHC C06 1049SWL</t>
  </si>
  <si>
    <t>FHC C06 1155S</t>
  </si>
  <si>
    <t>5702327389176</t>
  </si>
  <si>
    <t>VELUX Wabenplissee FHC C06 1155S</t>
  </si>
  <si>
    <t>FHC C06 1164S</t>
  </si>
  <si>
    <t>5702329122573</t>
  </si>
  <si>
    <t>VELUX Wabenplissee FHC C06 1164S</t>
  </si>
  <si>
    <t>FHC C06 1165S</t>
  </si>
  <si>
    <t>5702329122580</t>
  </si>
  <si>
    <t>VELUX Wabenplissee FHC C06 1165S</t>
  </si>
  <si>
    <t>FHC C06 1167S</t>
  </si>
  <si>
    <t>5702329122603</t>
  </si>
  <si>
    <t>VELUX Wabenplissee FHC C06 1167S</t>
  </si>
  <si>
    <t>FHC C06 1168S</t>
  </si>
  <si>
    <t>5702329122610</t>
  </si>
  <si>
    <t>VELUX Wabenplissee FHC C06 1168S</t>
  </si>
  <si>
    <t>FHC C06 1173S</t>
  </si>
  <si>
    <t>5702329122665</t>
  </si>
  <si>
    <t>VELUX Wabenplissee FHC C06 1173S</t>
  </si>
  <si>
    <t>FHC F04 1164S</t>
  </si>
  <si>
    <t>5702329123129</t>
  </si>
  <si>
    <t>VELUX Wabenplissee FHC F04 1164S</t>
  </si>
  <si>
    <t>FHC F04 1165SWL</t>
  </si>
  <si>
    <t>5702329131711</t>
  </si>
  <si>
    <t>VELUX Wabenplissee FHC F04 1165SWL</t>
  </si>
  <si>
    <t>FHC F04 1168S</t>
  </si>
  <si>
    <t>5702329123167</t>
  </si>
  <si>
    <t>VELUX Wabenplissee FHC F04 1168S</t>
  </si>
  <si>
    <t>FHC F04 1170S</t>
  </si>
  <si>
    <t>5702329123181</t>
  </si>
  <si>
    <t>VELUX Wabenplissee FHC F04 1170S</t>
  </si>
  <si>
    <t>FHC F08 1165S</t>
  </si>
  <si>
    <t>5702329123358</t>
  </si>
  <si>
    <t>VELUX Wabenplissee FHC F08 1165S</t>
  </si>
  <si>
    <t>FHC F08 1166SWL</t>
  </si>
  <si>
    <t>5702329131988</t>
  </si>
  <si>
    <t>VELUX Wabenplissee FHC F08 1166SWL</t>
  </si>
  <si>
    <t>FHC F08 1167SWL</t>
  </si>
  <si>
    <t>5702329131995</t>
  </si>
  <si>
    <t>VELUX Wabenplissee FHC F08 1167SWL</t>
  </si>
  <si>
    <t>FHC F08 1169S</t>
  </si>
  <si>
    <t>5702329123396</t>
  </si>
  <si>
    <t>VELUX Wabenplissee FHC F08 1169S</t>
  </si>
  <si>
    <t>FHC F08 1171SWL</t>
  </si>
  <si>
    <t>5702329132039</t>
  </si>
  <si>
    <t>VELUX Wabenplissee FHC F08 1171SWL</t>
  </si>
  <si>
    <t>FHC F08 1173SWL</t>
  </si>
  <si>
    <t>5702329132053</t>
  </si>
  <si>
    <t>VELUX Wabenplissee FHC F08 1173SWL</t>
  </si>
  <si>
    <t>FHC FK04 1169S</t>
  </si>
  <si>
    <t>5702329123501</t>
  </si>
  <si>
    <t>VELUX Wabenplissee FHC FK04 1169S</t>
  </si>
  <si>
    <t>FHC M31 1049SWL</t>
  </si>
  <si>
    <t>5702326273742</t>
  </si>
  <si>
    <t>VELUX Wabenplissee FHC M31 1049SWL</t>
  </si>
  <si>
    <t>FHC M31 1156S</t>
  </si>
  <si>
    <t>5702327390547</t>
  </si>
  <si>
    <t>VELUX Wabenplissee FHC M31 1156S</t>
  </si>
  <si>
    <t>FHC M31 1164S</t>
  </si>
  <si>
    <t>5702329124447</t>
  </si>
  <si>
    <t>VELUX Wabenplissee FHC M31 1164S</t>
  </si>
  <si>
    <t>FHC M31 1165SWL</t>
  </si>
  <si>
    <t>5702329224208</t>
  </si>
  <si>
    <t>VELUX Wabenplissee FHC M31 1165SWL</t>
  </si>
  <si>
    <t>FHC M31 1167S</t>
  </si>
  <si>
    <t>5702329124478</t>
  </si>
  <si>
    <t>VELUX Wabenplissee FHC M31 1167S</t>
  </si>
  <si>
    <t>FHC M31 1167SWL</t>
  </si>
  <si>
    <t>5702329224222</t>
  </si>
  <si>
    <t>VELUX Wabenplissee FHC M31 1167SWL</t>
  </si>
  <si>
    <t>FHC M31 1168SWL</t>
  </si>
  <si>
    <t>5702329224239</t>
  </si>
  <si>
    <t>VELUX Wabenplissee FHC M31 1168SWL</t>
  </si>
  <si>
    <t>FHC M31 1169S</t>
  </si>
  <si>
    <t>5702329124492</t>
  </si>
  <si>
    <t>VELUX Wabenplissee FHC M31 1169S</t>
  </si>
  <si>
    <t>FHC M31 1169SWL</t>
  </si>
  <si>
    <t>5702329224246</t>
  </si>
  <si>
    <t>VELUX Wabenplissee FHC M31 1169SWL</t>
  </si>
  <si>
    <t>FHC M31 1170SWL</t>
  </si>
  <si>
    <t>5702329224253</t>
  </si>
  <si>
    <t>VELUX Wabenplissee FHC M31 1170SWL</t>
  </si>
  <si>
    <t>FHC M31 1171SWL</t>
  </si>
  <si>
    <t>5702329224260</t>
  </si>
  <si>
    <t>VELUX Wabenplissee FHC M31 1171SWL</t>
  </si>
  <si>
    <t>FHC M31 1173SWL</t>
  </si>
  <si>
    <t>5702329224284</t>
  </si>
  <si>
    <t>VELUX Wabenplissee FHC M31 1173SWL</t>
  </si>
  <si>
    <t>FHC MK12 1049S</t>
  </si>
  <si>
    <t>5702326327926</t>
  </si>
  <si>
    <t>VELUX Wabenplissee FHC MK12 1049S</t>
  </si>
  <si>
    <t>FHC MK12 1049SWL</t>
  </si>
  <si>
    <t>5702326327933</t>
  </si>
  <si>
    <t>VELUX Wabenplissee FHC MK12 1049SWL</t>
  </si>
  <si>
    <t>FHC MK12 1164S</t>
  </si>
  <si>
    <t>5702329125109</t>
  </si>
  <si>
    <t>VELUX Wabenplissee FHC MK12 1164S</t>
  </si>
  <si>
    <t>FHC MK12 1165S</t>
  </si>
  <si>
    <t>5702329125116</t>
  </si>
  <si>
    <t>VELUX Wabenplissee FHC MK12 1165S</t>
  </si>
  <si>
    <t>FHC MK12 1167S</t>
  </si>
  <si>
    <t>5702329125130</t>
  </si>
  <si>
    <t>VELUX Wabenplissee FHC MK12 1167S</t>
  </si>
  <si>
    <t>FHC MK12 1169S</t>
  </si>
  <si>
    <t>5702329125154</t>
  </si>
  <si>
    <t>VELUX Wabenplissee FHC MK12 1169S</t>
  </si>
  <si>
    <t>FHC MK12 1170S</t>
  </si>
  <si>
    <t>5702329125161</t>
  </si>
  <si>
    <t>VELUX Wabenplissee FHC MK12 1170S</t>
  </si>
  <si>
    <t>FHC P31 1049SWL</t>
  </si>
  <si>
    <t>5702326275470</t>
  </si>
  <si>
    <t>VELUX Wabenplissee FHC P31 1049SWL</t>
  </si>
  <si>
    <t>FHC P31 1156S</t>
  </si>
  <si>
    <t>5702327391667</t>
  </si>
  <si>
    <t>VELUX Wabenplissee FHC P31 1156S</t>
  </si>
  <si>
    <t>FHC P31 1164S</t>
  </si>
  <si>
    <t>5702329125987</t>
  </si>
  <si>
    <t>VELUX Wabenplissee FHC P31 1164S</t>
  </si>
  <si>
    <t>FHC P31 1165S</t>
  </si>
  <si>
    <t>5702329125994</t>
  </si>
  <si>
    <t>VELUX Wabenplissee FHC P31 1165S</t>
  </si>
  <si>
    <t>FHC P31 1165SWL</t>
  </si>
  <si>
    <t>5702329224338</t>
  </si>
  <si>
    <t>VELUX Wabenplissee FHC P31 1165SWL</t>
  </si>
  <si>
    <t>FHC P31 1166S</t>
  </si>
  <si>
    <t>5702329126007</t>
  </si>
  <si>
    <t>VELUX Wabenplissee FHC P31 1166S</t>
  </si>
  <si>
    <t>FHC P31 1167S</t>
  </si>
  <si>
    <t>5702329126014</t>
  </si>
  <si>
    <t>VELUX Wabenplissee FHC P31 1167S</t>
  </si>
  <si>
    <t>FHC P31 1167SWL</t>
  </si>
  <si>
    <t>5702329224352</t>
  </si>
  <si>
    <t>VELUX Wabenplissee FHC P31 1167SWL</t>
  </si>
  <si>
    <t>FHC P31 1168S</t>
  </si>
  <si>
    <t>5702329126021</t>
  </si>
  <si>
    <t>VELUX Wabenplissee FHC P31 1168S</t>
  </si>
  <si>
    <t>FHC P31 1169S</t>
  </si>
  <si>
    <t>5702329126038</t>
  </si>
  <si>
    <t>VELUX Wabenplissee FHC P31 1169S</t>
  </si>
  <si>
    <t>FHC P31 1169SWL</t>
  </si>
  <si>
    <t>5702329224376</t>
  </si>
  <si>
    <t>VELUX Wabenplissee FHC P31 1169SWL</t>
  </si>
  <si>
    <t>FHC P31 1170SWL</t>
  </si>
  <si>
    <t>5702329224383</t>
  </si>
  <si>
    <t>VELUX Wabenplissee FHC P31 1170SWL</t>
  </si>
  <si>
    <t>FHC P31 1171S</t>
  </si>
  <si>
    <t>5702329126052</t>
  </si>
  <si>
    <t>VELUX Wabenplissee FHC P31 1171S</t>
  </si>
  <si>
    <t>FHC P31 1173SWL</t>
  </si>
  <si>
    <t>5702329224413</t>
  </si>
  <si>
    <t>VELUX Wabenplissee FHC P31 1173SWL</t>
  </si>
  <si>
    <t>FHC S31 1049S</t>
  </si>
  <si>
    <t>5702326276798</t>
  </si>
  <si>
    <t>VELUX Wabenplissee FHC S31 1049S</t>
  </si>
  <si>
    <t>FHC S31 1049SWL</t>
  </si>
  <si>
    <t>5702326276811</t>
  </si>
  <si>
    <t>VELUX Wabenplissee FHC S31 1049SWL</t>
  </si>
  <si>
    <t>FHC S31 1156S</t>
  </si>
  <si>
    <t>5702327392626</t>
  </si>
  <si>
    <t>VELUX Wabenplissee FHC S31 1156S</t>
  </si>
  <si>
    <t>FHC S31 1163S</t>
  </si>
  <si>
    <t>5702329127295</t>
  </si>
  <si>
    <t>VELUX Wabenplissee FHC S31 1163S</t>
  </si>
  <si>
    <t>FHC S31 1163SWL</t>
  </si>
  <si>
    <t>5702329224444</t>
  </si>
  <si>
    <t>VELUX Wabenplissee FHC S31 1163SWL</t>
  </si>
  <si>
    <t>FHC S31 1164S</t>
  </si>
  <si>
    <t>5702329127301</t>
  </si>
  <si>
    <t>VELUX Wabenplissee FHC S31 1164S</t>
  </si>
  <si>
    <t>FHC S31 1164SWL</t>
  </si>
  <si>
    <t>5702329224451</t>
  </si>
  <si>
    <t>VELUX Wabenplissee FHC S31 1164SWL</t>
  </si>
  <si>
    <t>FHC S31 1165S</t>
  </si>
  <si>
    <t>5702329127318</t>
  </si>
  <si>
    <t>VELUX Wabenplissee FHC S31 1165S</t>
  </si>
  <si>
    <t>FHC S31 1165SWL</t>
  </si>
  <si>
    <t>5702329224468</t>
  </si>
  <si>
    <t>VELUX Wabenplissee FHC S31 1165SWL</t>
  </si>
  <si>
    <t>FHC S31 1166SWL</t>
  </si>
  <si>
    <t>5702329224475</t>
  </si>
  <si>
    <t>VELUX Wabenplissee FHC S31 1166SWL</t>
  </si>
  <si>
    <t>FHC S31 1167SWL</t>
  </si>
  <si>
    <t>5702329224482</t>
  </si>
  <si>
    <t>VELUX Wabenplissee FHC S31 1167SWL</t>
  </si>
  <si>
    <t>FHC S31 1168S</t>
  </si>
  <si>
    <t>5702329127349</t>
  </si>
  <si>
    <t>VELUX Wabenplissee FHC S31 1168S</t>
  </si>
  <si>
    <t>FHC S31 1169S</t>
  </si>
  <si>
    <t>5702329127356</t>
  </si>
  <si>
    <t>VELUX Wabenplissee FHC S31 1169S</t>
  </si>
  <si>
    <t>FHC S31 1169SWL</t>
  </si>
  <si>
    <t>5702329224505</t>
  </si>
  <si>
    <t>VELUX Wabenplissee FHC S31 1169SWL</t>
  </si>
  <si>
    <t>FHC S31 1173SWL</t>
  </si>
  <si>
    <t>5702329224543</t>
  </si>
  <si>
    <t>VELUX Wabenplissee FHC S31 1173SWL</t>
  </si>
  <si>
    <t>FHC U10 1049SWL</t>
  </si>
  <si>
    <t>5702326277573</t>
  </si>
  <si>
    <t>VELUX Wabenplissee FHC U10 1049SWL</t>
  </si>
  <si>
    <t>FHC U10 1164SWL</t>
  </si>
  <si>
    <t>5702329136808</t>
  </si>
  <si>
    <t>VELUX Wabenplissee FHC U10 1164SWL</t>
  </si>
  <si>
    <t>FHC U10 1165SWL</t>
  </si>
  <si>
    <t>5702329136815</t>
  </si>
  <si>
    <t>VELUX Wabenplissee FHC U10 1165SWL</t>
  </si>
  <si>
    <t>FHC U10 1167SWL</t>
  </si>
  <si>
    <t>5702329136839</t>
  </si>
  <si>
    <t>VELUX Wabenplissee FHC U10 1167SWL</t>
  </si>
  <si>
    <t>FHC U10 1168SWL</t>
  </si>
  <si>
    <t>5702329136846</t>
  </si>
  <si>
    <t>VELUX Wabenplissee FHC U10 1168SWL</t>
  </si>
  <si>
    <t>FHC U10 1169SWL</t>
  </si>
  <si>
    <t>5702329136853</t>
  </si>
  <si>
    <t>VELUX Wabenplissee FHC U10 1169SWL</t>
  </si>
  <si>
    <t>FHC U10 1170SWL</t>
  </si>
  <si>
    <t>5702329136860</t>
  </si>
  <si>
    <t>VELUX Wabenplissee FHC U10 1170SWL</t>
  </si>
  <si>
    <t>FHC U10 1171SWL</t>
  </si>
  <si>
    <t>5702329136877</t>
  </si>
  <si>
    <t>VELUX Wabenplissee FHC U10 1171SWL</t>
  </si>
  <si>
    <t>FHC U10 1173SWL</t>
  </si>
  <si>
    <t>5702329136891</t>
  </si>
  <si>
    <t>VELUX Wabenplissee FHC U10 1173SWL</t>
  </si>
  <si>
    <t>FHC U31 1047SWL</t>
  </si>
  <si>
    <t>5702326277726</t>
  </si>
  <si>
    <t>VELUX Wabenplissee FHC U31 1047SWL</t>
  </si>
  <si>
    <t>FHC U31 1049S</t>
  </si>
  <si>
    <t>5702326277757</t>
  </si>
  <si>
    <t>VELUX Wabenplissee FHC U31 1049S</t>
  </si>
  <si>
    <t>FHC U31 1049SWL</t>
  </si>
  <si>
    <t>5702326277764</t>
  </si>
  <si>
    <t>VELUX Wabenplissee FHC U31 1049SWL</t>
  </si>
  <si>
    <t>FHC U31 1155SWL</t>
  </si>
  <si>
    <t>5702329224550</t>
  </si>
  <si>
    <t>VELUX Wabenplissee FHC U31 1155SWL</t>
  </si>
  <si>
    <t>FHC U31 1156S</t>
  </si>
  <si>
    <t>5702327393340</t>
  </si>
  <si>
    <t>VELUX Wabenplissee FHC U31 1156S</t>
  </si>
  <si>
    <t>FHC U31 1156SWL</t>
  </si>
  <si>
    <t>5702329224567</t>
  </si>
  <si>
    <t>VELUX Wabenplissee FHC U31 1156SWL</t>
  </si>
  <si>
    <t>FHC U31 1163S</t>
  </si>
  <si>
    <t>5702329128285</t>
  </si>
  <si>
    <t>VELUX Wabenplissee FHC U31 1163S</t>
  </si>
  <si>
    <t>FHC U31 1163SWL</t>
  </si>
  <si>
    <t>5702329224574</t>
  </si>
  <si>
    <t>VELUX Wabenplissee FHC U31 1163SWL</t>
  </si>
  <si>
    <t>FHC U31 1164S</t>
  </si>
  <si>
    <t>5702329128292</t>
  </si>
  <si>
    <t>VELUX Wabenplissee FHC U31 1164S</t>
  </si>
  <si>
    <t>FHC U31 1164SWL</t>
  </si>
  <si>
    <t>5702329224581</t>
  </si>
  <si>
    <t>VELUX Wabenplissee FHC U31 1164SWL</t>
  </si>
  <si>
    <t>FHC U31 1165S</t>
  </si>
  <si>
    <t>5702329128308</t>
  </si>
  <si>
    <t>VELUX Wabenplissee FHC U31 1165S</t>
  </si>
  <si>
    <t>FHC U31 1165SWL</t>
  </si>
  <si>
    <t>5702329224598</t>
  </si>
  <si>
    <t>VELUX Wabenplissee FHC U31 1165SWL</t>
  </si>
  <si>
    <t>FHC U31 1166S</t>
  </si>
  <si>
    <t>5702329128315</t>
  </si>
  <si>
    <t>VELUX Wabenplissee FHC U31 1166S</t>
  </si>
  <si>
    <t>FHC U31 1166SWL</t>
  </si>
  <si>
    <t>5702329224604</t>
  </si>
  <si>
    <t>VELUX Wabenplissee FHC U31 1166SWL</t>
  </si>
  <si>
    <t>FHC U31 1167S</t>
  </si>
  <si>
    <t>5702329128322</t>
  </si>
  <si>
    <t>VELUX Wabenplissee FHC U31 1167S</t>
  </si>
  <si>
    <t>FHC U31 1167SWL</t>
  </si>
  <si>
    <t>5702329224611</t>
  </si>
  <si>
    <t>VELUX Wabenplissee FHC U31 1167SWL</t>
  </si>
  <si>
    <t>FHC U31 1168S</t>
  </si>
  <si>
    <t>5702329128339</t>
  </si>
  <si>
    <t>VELUX Wabenplissee FHC U31 1168S</t>
  </si>
  <si>
    <t>FHC U31 1168SWL</t>
  </si>
  <si>
    <t>5702329224628</t>
  </si>
  <si>
    <t>VELUX Wabenplissee FHC U31 1168SWL</t>
  </si>
  <si>
    <t>FHC U31 1169S</t>
  </si>
  <si>
    <t>5702329128346</t>
  </si>
  <si>
    <t>VELUX Wabenplissee FHC U31 1169S</t>
  </si>
  <si>
    <t>FHC U31 1169SWL</t>
  </si>
  <si>
    <t>5702329224635</t>
  </si>
  <si>
    <t>VELUX Wabenplissee FHC U31 1169SWL</t>
  </si>
  <si>
    <t>FHC U31 1170S</t>
  </si>
  <si>
    <t>5702329128353</t>
  </si>
  <si>
    <t>VELUX Wabenplissee FHC U31 1170S</t>
  </si>
  <si>
    <t>FHC U31 1170SWL</t>
  </si>
  <si>
    <t>5702329224642</t>
  </si>
  <si>
    <t>VELUX Wabenplissee FHC U31 1170SWL</t>
  </si>
  <si>
    <t>FHC U31 1171S</t>
  </si>
  <si>
    <t>5702329128360</t>
  </si>
  <si>
    <t>VELUX Wabenplissee FHC U31 1171S</t>
  </si>
  <si>
    <t>FHC U31 1171SWL</t>
  </si>
  <si>
    <t>5702329224659</t>
  </si>
  <si>
    <t>VELUX Wabenplissee FHC U31 1171SWL</t>
  </si>
  <si>
    <t>FHC U31 1173S</t>
  </si>
  <si>
    <t>5702329128384</t>
  </si>
  <si>
    <t>VELUX Wabenplissee FHC U31 1173S</t>
  </si>
  <si>
    <t>FHC U31 1173SWL</t>
  </si>
  <si>
    <t>5702329224673</t>
  </si>
  <si>
    <t>VELUX Wabenplissee FHC U31 1173SWL</t>
  </si>
  <si>
    <t>FHC UK10 1049S</t>
  </si>
  <si>
    <t>5702326330797</t>
  </si>
  <si>
    <t>VELUX Wabenplissee FHC UK10 1049S</t>
  </si>
  <si>
    <t>FHC UK10 1049SWL</t>
  </si>
  <si>
    <t>5702326330810</t>
  </si>
  <si>
    <t>VELUX Wabenplissee FHC UK10 1049SWL</t>
  </si>
  <si>
    <t>FHC UK10 1169SWL</t>
  </si>
  <si>
    <t>5702329137249</t>
  </si>
  <si>
    <t>VELUX Wabenplissee FHC UK10 1169SWL</t>
  </si>
  <si>
    <t>FHC Y21 1164S</t>
  </si>
  <si>
    <t>5702329128841</t>
  </si>
  <si>
    <t>VELUX Wabenplissee FHC Y21 1164S</t>
  </si>
  <si>
    <t>FHC Y21 1165S</t>
  </si>
  <si>
    <t>5702329128858</t>
  </si>
  <si>
    <t>VELUX Wabenplissee FHC Y21 1165S</t>
  </si>
  <si>
    <t>FHC Y21 1167S</t>
  </si>
  <si>
    <t>5702329128872</t>
  </si>
  <si>
    <t>VELUX Wabenplissee FHC Y21 1167S</t>
  </si>
  <si>
    <t>FHC Y21 1168S</t>
  </si>
  <si>
    <t>5702329128889</t>
  </si>
  <si>
    <t>VELUX Wabenplissee FHC Y21 1168S</t>
  </si>
  <si>
    <t>FHC Y21 1173S</t>
  </si>
  <si>
    <t>5702329128933</t>
  </si>
  <si>
    <t>VELUX Wabenplissee FHC Y21 1173S</t>
  </si>
  <si>
    <t>FHC Y35 1168S</t>
  </si>
  <si>
    <t>5702329129213</t>
  </si>
  <si>
    <t>VELUX Wabenplissee FHC Y35 1168S</t>
  </si>
  <si>
    <t>FHC Y35 1173S</t>
  </si>
  <si>
    <t>5702329129268</t>
  </si>
  <si>
    <t>VELUX Wabenplissee FHC Y35 1173S</t>
  </si>
  <si>
    <t>FHC Y65 1165S</t>
  </si>
  <si>
    <t>5702329129626</t>
  </si>
  <si>
    <t>VELUX Wabenplissee FHC Y65 1165S</t>
  </si>
  <si>
    <t>FHC Y67 1165S</t>
  </si>
  <si>
    <t>5702329129732</t>
  </si>
  <si>
    <t>VELUX Wabenplissee FHC Y67 1165S</t>
  </si>
  <si>
    <t>FHC Y89 1167S</t>
  </si>
  <si>
    <t>5702329130080</t>
  </si>
  <si>
    <t>VELUX Wabenplissee FHC Y89 1167S</t>
  </si>
  <si>
    <t>FHC Y89 1169S</t>
  </si>
  <si>
    <t>5702329130103</t>
  </si>
  <si>
    <t>VELUX Wabenplissee FHC Y89 1169S</t>
  </si>
  <si>
    <t>FHC Y99 1165S</t>
  </si>
  <si>
    <t>5702329130288</t>
  </si>
  <si>
    <t>VELUX Wabenplissee FHC Y99 1165S</t>
  </si>
  <si>
    <t>FHC Y99 1167S</t>
  </si>
  <si>
    <t>5702329130301</t>
  </si>
  <si>
    <t>VELUX Wabenplissee FHC Y99 1167S</t>
  </si>
  <si>
    <t>FHC Y99 1169S</t>
  </si>
  <si>
    <t>5702329130325</t>
  </si>
  <si>
    <t>VELUX Wabenplissee FHC Y99 1169S</t>
  </si>
  <si>
    <t>FHL C02 1279SWL</t>
  </si>
  <si>
    <t>5702329074421</t>
  </si>
  <si>
    <t>VELUX Plissee manuell FHL C02 1279SWL</t>
  </si>
  <si>
    <t>FHL C04 1279SWL</t>
  </si>
  <si>
    <t>5702329074575</t>
  </si>
  <si>
    <t>VELUX Plissee manuell FHL C04 1279SWL</t>
  </si>
  <si>
    <t>FHL C06 1275S</t>
  </si>
  <si>
    <t>5702329064682</t>
  </si>
  <si>
    <t>VELUX Plissee manuell FHL C06 1275S</t>
  </si>
  <si>
    <t>FHL C06 1276S</t>
  </si>
  <si>
    <t>5702329064699</t>
  </si>
  <si>
    <t>VELUX Plissee manuell FHL C06 1276S</t>
  </si>
  <si>
    <t>FHL C06 1277S</t>
  </si>
  <si>
    <t>5702329064705</t>
  </si>
  <si>
    <t>VELUX Plissee manuell FHL C06 1277S</t>
  </si>
  <si>
    <t>FHL C06 1279S</t>
  </si>
  <si>
    <t>5702329064729</t>
  </si>
  <si>
    <t>VELUX Plissee manuell FHL C06 1279S</t>
  </si>
  <si>
    <t>FHL C06 1279SWL</t>
  </si>
  <si>
    <t>5702329074728</t>
  </si>
  <si>
    <t>VELUX Plissee manuell FHL C06 1279SWL</t>
  </si>
  <si>
    <t>FHL C06 1280S</t>
  </si>
  <si>
    <t>5702329064736</t>
  </si>
  <si>
    <t>VELUX Plissee manuell FHL C06 1280S</t>
  </si>
  <si>
    <t>FHL C06 1281S</t>
  </si>
  <si>
    <t>5702329064743</t>
  </si>
  <si>
    <t>VELUX Plissee manuell FHL C06 1281S</t>
  </si>
  <si>
    <t>FHL C06 1281SWL</t>
  </si>
  <si>
    <t>5702329074742</t>
  </si>
  <si>
    <t>VELUX Plissee manuell FHL C06 1281SWL</t>
  </si>
  <si>
    <t>FHL C06 1286S</t>
  </si>
  <si>
    <t>5702329064798</t>
  </si>
  <si>
    <t>VELUX Plissee manuell FHL C06 1286S</t>
  </si>
  <si>
    <t>FHL CK06 1279S</t>
  </si>
  <si>
    <t>5702329065245</t>
  </si>
  <si>
    <t>VELUX Plissee manuell FHL CK06 1279S</t>
  </si>
  <si>
    <t>FHL CK06 1280S</t>
  </si>
  <si>
    <t>5702329065252</t>
  </si>
  <si>
    <t>VELUX Plissee manuell FHL CK06 1280S</t>
  </si>
  <si>
    <t>FHL CK06 1285S</t>
  </si>
  <si>
    <t>5702329065306</t>
  </si>
  <si>
    <t>VELUX Plissee manuell FHL CK06 1285S</t>
  </si>
  <si>
    <t>FHL F04 1276S</t>
  </si>
  <si>
    <t>5702329065344</t>
  </si>
  <si>
    <t>VELUX Plissee manuell FHL F04 1276S</t>
  </si>
  <si>
    <t>FHL F04 1277SWL</t>
  </si>
  <si>
    <t>5702329075459</t>
  </si>
  <si>
    <t>VELUX Plissee manuell FHL F04 1277SWL</t>
  </si>
  <si>
    <t>FHL F04 1279S</t>
  </si>
  <si>
    <t>5702329065375</t>
  </si>
  <si>
    <t>VELUX Plissee manuell FHL F04 1279S</t>
  </si>
  <si>
    <t>FHL F04 1279SWL</t>
  </si>
  <si>
    <t>5702329075473</t>
  </si>
  <si>
    <t>VELUX Plissee manuell FHL F04 1279SWL</t>
  </si>
  <si>
    <t>FHL F04 1285S</t>
  </si>
  <si>
    <t>5702329065436</t>
  </si>
  <si>
    <t>VELUX Plissee manuell FHL F04 1285S</t>
  </si>
  <si>
    <t>FHL F04 1286S</t>
  </si>
  <si>
    <t>5702329065443</t>
  </si>
  <si>
    <t>VELUX Plissee manuell FHL F04 1286S</t>
  </si>
  <si>
    <t>FHL F08 1276S</t>
  </si>
  <si>
    <t>5702329065603</t>
  </si>
  <si>
    <t>VELUX Plissee manuell FHL F08 1276S</t>
  </si>
  <si>
    <t>FHL F08 1277S</t>
  </si>
  <si>
    <t>5702329065610</t>
  </si>
  <si>
    <t>VELUX Plissee manuell FHL F08 1277S</t>
  </si>
  <si>
    <t>FHL F08 1277SWL</t>
  </si>
  <si>
    <t>5702329075756</t>
  </si>
  <si>
    <t>VELUX Plissee manuell FHL F08 1277SWL</t>
  </si>
  <si>
    <t>FHL F08 1280S</t>
  </si>
  <si>
    <t>5702329065641</t>
  </si>
  <si>
    <t>VELUX Plissee manuell FHL F08 1280S</t>
  </si>
  <si>
    <t>FHL F08 1280SWL</t>
  </si>
  <si>
    <t>5702329075787</t>
  </si>
  <si>
    <t>VELUX Plissee manuell FHL F08 1280SWL</t>
  </si>
  <si>
    <t>FHL F08 1285S</t>
  </si>
  <si>
    <t>5702329065696</t>
  </si>
  <si>
    <t>VELUX Plissee manuell FHL F08 1285S</t>
  </si>
  <si>
    <t>FHL F08 1286S</t>
  </si>
  <si>
    <t>5702329065702</t>
  </si>
  <si>
    <t>VELUX Plissee manuell FHL F08 1286S</t>
  </si>
  <si>
    <t>FHL F08 1286SWL</t>
  </si>
  <si>
    <t>5702329075848</t>
  </si>
  <si>
    <t>VELUX Plissee manuell FHL F08 1286SWL</t>
  </si>
  <si>
    <t>FHL FK04 1285S</t>
  </si>
  <si>
    <t>5702329065825</t>
  </si>
  <si>
    <t>VELUX Plissee manuell FHL FK04 1285S</t>
  </si>
  <si>
    <t>FHL M10 1276SWL</t>
  </si>
  <si>
    <t>5702329076791</t>
  </si>
  <si>
    <t>VELUX Plissee manuell FHL M10 1276SWL</t>
  </si>
  <si>
    <t>FHL M10 1279SWL</t>
  </si>
  <si>
    <t>5702329076821</t>
  </si>
  <si>
    <t>VELUX Plissee manuell FHL M10 1279SWL</t>
  </si>
  <si>
    <t>FHL M31 1275S</t>
  </si>
  <si>
    <t>5702329066891</t>
  </si>
  <si>
    <t>VELUX Plissee manuell FHL M31 1275S</t>
  </si>
  <si>
    <t>FHL M31 1276S</t>
  </si>
  <si>
    <t>5702329066907</t>
  </si>
  <si>
    <t>VELUX Plissee manuell FHL M31 1276S</t>
  </si>
  <si>
    <t>FHL M31 1276SWL</t>
  </si>
  <si>
    <t>5702329224864</t>
  </si>
  <si>
    <t>VELUX Plissee manuell FHL M31 1276SWL</t>
  </si>
  <si>
    <t>FHL M31 1277S</t>
  </si>
  <si>
    <t>5702329066914</t>
  </si>
  <si>
    <t>VELUX Plissee manuell FHL M31 1277S</t>
  </si>
  <si>
    <t>FHL M31 1277SWL</t>
  </si>
  <si>
    <t>5702329224871</t>
  </si>
  <si>
    <t>VELUX Plissee manuell FHL M31 1277SWL</t>
  </si>
  <si>
    <t>FHL M31 1278S</t>
  </si>
  <si>
    <t>5702329066921</t>
  </si>
  <si>
    <t>VELUX Plissee manuell FHL M31 1278S</t>
  </si>
  <si>
    <t>FHL M31 1278SWL</t>
  </si>
  <si>
    <t>5702329224888</t>
  </si>
  <si>
    <t>VELUX Plissee manuell FHL M31 1278SWL</t>
  </si>
  <si>
    <t>FHL M31 1279S</t>
  </si>
  <si>
    <t>5702329066938</t>
  </si>
  <si>
    <t>VELUX Plissee manuell FHL M31 1279S</t>
  </si>
  <si>
    <t>FHL M31 1281S</t>
  </si>
  <si>
    <t>5702329066952</t>
  </si>
  <si>
    <t>VELUX Plissee manuell FHL M31 1281S</t>
  </si>
  <si>
    <t>FHL M31 1281SWL</t>
  </si>
  <si>
    <t>5702329224918</t>
  </si>
  <si>
    <t>VELUX Plissee manuell FHL M31 1281SWL</t>
  </si>
  <si>
    <t>FHL M31 1283SWL</t>
  </si>
  <si>
    <t>5702329224932</t>
  </si>
  <si>
    <t>VELUX Plissee manuell FHL M31 1283SWL</t>
  </si>
  <si>
    <t>FHL M31 1285S</t>
  </si>
  <si>
    <t>5702329066990</t>
  </si>
  <si>
    <t>VELUX Plissee manuell FHL M31 1285S</t>
  </si>
  <si>
    <t>FHL M31 1285SWL</t>
  </si>
  <si>
    <t>5702329224956</t>
  </si>
  <si>
    <t>VELUX Plissee manuell FHL M31 1285SWL</t>
  </si>
  <si>
    <t>FHL M31 1286SWL</t>
  </si>
  <si>
    <t>5702329224963</t>
  </si>
  <si>
    <t>VELUX Plissee manuell FHL M31 1286SWL</t>
  </si>
  <si>
    <t>FHL MK12 1275S</t>
  </si>
  <si>
    <t>5702329067676</t>
  </si>
  <si>
    <t>VELUX Plissee manuell FHL MK12 1275S</t>
  </si>
  <si>
    <t>FHL MK12 1277SWL</t>
  </si>
  <si>
    <t>5702329077859</t>
  </si>
  <si>
    <t>VELUX Plissee manuell FHL MK12 1277SWL</t>
  </si>
  <si>
    <t>FHL MK12 1279SWL</t>
  </si>
  <si>
    <t>5702329077873</t>
  </si>
  <si>
    <t>VELUX Plissee manuell FHL MK12 1279SWL</t>
  </si>
  <si>
    <t>FHL MK12 1280S</t>
  </si>
  <si>
    <t>5702329067720</t>
  </si>
  <si>
    <t>VELUX Plissee manuell FHL MK12 1280S</t>
  </si>
  <si>
    <t>FHL MK12 1281S</t>
  </si>
  <si>
    <t>5702329067737</t>
  </si>
  <si>
    <t>VELUX Plissee manuell FHL MK12 1281S</t>
  </si>
  <si>
    <t>FHL MK12 1281SWL</t>
  </si>
  <si>
    <t>5702329077897</t>
  </si>
  <si>
    <t>VELUX Plissee manuell FHL MK12 1281SWL</t>
  </si>
  <si>
    <t>FHL MK12 1283S</t>
  </si>
  <si>
    <t>5702329067751</t>
  </si>
  <si>
    <t>VELUX Plissee manuell FHL MK12 1283S</t>
  </si>
  <si>
    <t>FHL MK12 1283SWL</t>
  </si>
  <si>
    <t>5702329077910</t>
  </si>
  <si>
    <t>VELUX Plissee manuell FHL MK12 1283SWL</t>
  </si>
  <si>
    <t>FHL MK12 1285S</t>
  </si>
  <si>
    <t>5702329067775</t>
  </si>
  <si>
    <t>VELUX Plissee manuell FHL MK12 1285S</t>
  </si>
  <si>
    <t>FHL P10 1279SWL</t>
  </si>
  <si>
    <t>5702329078634</t>
  </si>
  <si>
    <t>VELUX Plissee manuell FHL P10 1279SWL</t>
  </si>
  <si>
    <t>FHL P31 1256S</t>
  </si>
  <si>
    <t>5702327406286</t>
  </si>
  <si>
    <t>VELUX Plissee manuell FHL P31 1256S</t>
  </si>
  <si>
    <t>FHL P31 1256SWL</t>
  </si>
  <si>
    <t>5702329224970</t>
  </si>
  <si>
    <t>VELUX Plissee manuell FHL P31 1256SWL</t>
  </si>
  <si>
    <t>FHL P31 1276S</t>
  </si>
  <si>
    <t>5702329068727</t>
  </si>
  <si>
    <t>VELUX Plissee manuell FHL P31 1276S</t>
  </si>
  <si>
    <t>FHL P31 1276SWL</t>
  </si>
  <si>
    <t>5702329225014</t>
  </si>
  <si>
    <t>VELUX Plissee manuell FHL P31 1276SWL</t>
  </si>
  <si>
    <t>FHL P31 1277S</t>
  </si>
  <si>
    <t>5702329068734</t>
  </si>
  <si>
    <t>VELUX Plissee manuell FHL P31 1277S</t>
  </si>
  <si>
    <t>FHL P31 1277SWL</t>
  </si>
  <si>
    <t>5702329225021</t>
  </si>
  <si>
    <t>VELUX Plissee manuell FHL P31 1277SWL</t>
  </si>
  <si>
    <t>FHL P31 1278S</t>
  </si>
  <si>
    <t>5702329068741</t>
  </si>
  <si>
    <t>VELUX Plissee manuell FHL P31 1278S</t>
  </si>
  <si>
    <t>FHL P31 1278SWL</t>
  </si>
  <si>
    <t>5702329225038</t>
  </si>
  <si>
    <t>VELUX Plissee manuell FHL P31 1278SWL</t>
  </si>
  <si>
    <t>FHL P31 1279S</t>
  </si>
  <si>
    <t>5702329068758</t>
  </si>
  <si>
    <t>VELUX Plissee manuell FHL P31 1279S</t>
  </si>
  <si>
    <t>FHL P31 1279SWL</t>
  </si>
  <si>
    <t>5702329225045</t>
  </si>
  <si>
    <t>VELUX Plissee manuell FHL P31 1279SWL</t>
  </si>
  <si>
    <t>FHL P31 1280S</t>
  </si>
  <si>
    <t>5702329068765</t>
  </si>
  <si>
    <t>VELUX Plissee manuell FHL P31 1280S</t>
  </si>
  <si>
    <t>FHL P31 1280SWL</t>
  </si>
  <si>
    <t>5702329225052</t>
  </si>
  <si>
    <t>VELUX Plissee manuell FHL P31 1280SWL</t>
  </si>
  <si>
    <t>FHL P31 1281S</t>
  </si>
  <si>
    <t>5702329068772</t>
  </si>
  <si>
    <t>VELUX Plissee manuell FHL P31 1281S</t>
  </si>
  <si>
    <t>FHL P31 1281SWL</t>
  </si>
  <si>
    <t>5702329225069</t>
  </si>
  <si>
    <t>VELUX Plissee manuell FHL P31 1281SWL</t>
  </si>
  <si>
    <t>FHL P31 1283S</t>
  </si>
  <si>
    <t>5702329068796</t>
  </si>
  <si>
    <t>VELUX Plissee manuell FHL P31 1283S</t>
  </si>
  <si>
    <t>FHL P31 1283SWL</t>
  </si>
  <si>
    <t>5702329225083</t>
  </si>
  <si>
    <t>VELUX Plissee manuell FHL P31 1283SWL</t>
  </si>
  <si>
    <t>FHL P31 1284SWL</t>
  </si>
  <si>
    <t>5702329225090</t>
  </si>
  <si>
    <t>VELUX Plissee manuell FHL P31 1284SWL</t>
  </si>
  <si>
    <t>FHL P31 1285S</t>
  </si>
  <si>
    <t>5702329068819</t>
  </si>
  <si>
    <t>VELUX Plissee manuell FHL P31 1285S</t>
  </si>
  <si>
    <t>FHL P31 1285SWL</t>
  </si>
  <si>
    <t>5702329225106</t>
  </si>
  <si>
    <t>VELUX Plissee manuell FHL P31 1285SWL</t>
  </si>
  <si>
    <t>FHL P31 1286S</t>
  </si>
  <si>
    <t>5702329068826</t>
  </si>
  <si>
    <t>VELUX Plissee manuell FHL P31 1286S</t>
  </si>
  <si>
    <t>FHL P31 1286SWL</t>
  </si>
  <si>
    <t>5702329225113</t>
  </si>
  <si>
    <t>VELUX Plissee manuell FHL P31 1286SWL</t>
  </si>
  <si>
    <t>FHL PK10 1276S</t>
  </si>
  <si>
    <t>5702329069373</t>
  </si>
  <si>
    <t>VELUX Plissee manuell FHL PK10 1276S</t>
  </si>
  <si>
    <t>FHL S04 1276S</t>
  </si>
  <si>
    <t>5702329069762</t>
  </si>
  <si>
    <t>VELUX Plissee manuell FHL S04 1276S</t>
  </si>
  <si>
    <t>FHL S04 1276SWL</t>
  </si>
  <si>
    <t>5702329079808</t>
  </si>
  <si>
    <t>VELUX Plissee manuell FHL S04 1276SWL</t>
  </si>
  <si>
    <t>FHL S04 1281S</t>
  </si>
  <si>
    <t>5702329069816</t>
  </si>
  <si>
    <t>VELUX Plissee manuell FHL S04 1281S</t>
  </si>
  <si>
    <t>FHL S10 1276SWL</t>
  </si>
  <si>
    <t>5702329080255</t>
  </si>
  <si>
    <t>VELUX Plissee manuell FHL S10 1276SWL</t>
  </si>
  <si>
    <t>FHL S10 1277S</t>
  </si>
  <si>
    <t>5702329070164</t>
  </si>
  <si>
    <t>VELUX Plissee manuell FHL S10 1277S</t>
  </si>
  <si>
    <t>FHL S10 1277SWL</t>
  </si>
  <si>
    <t>5702329080262</t>
  </si>
  <si>
    <t>VELUX Plissee manuell FHL S10 1277SWL</t>
  </si>
  <si>
    <t>FHL S10 1285S</t>
  </si>
  <si>
    <t>5702329070249</t>
  </si>
  <si>
    <t>VELUX Plissee manuell FHL S10 1285S</t>
  </si>
  <si>
    <t>FHL S31 1274S</t>
  </si>
  <si>
    <t>5702329070263</t>
  </si>
  <si>
    <t>VELUX Plissee manuell FHL S31 1274S</t>
  </si>
  <si>
    <t>FHL S31 1276SWL</t>
  </si>
  <si>
    <t>5702329225168</t>
  </si>
  <si>
    <t>VELUX Plissee manuell FHL S31 1276SWL</t>
  </si>
  <si>
    <t>FHL S31 1277S</t>
  </si>
  <si>
    <t>5702329070294</t>
  </si>
  <si>
    <t>VELUX Plissee manuell FHL S31 1277S</t>
  </si>
  <si>
    <t>FHL S31 1277SWL</t>
  </si>
  <si>
    <t>5702329225175</t>
  </si>
  <si>
    <t>VELUX Plissee manuell FHL S31 1277SWL</t>
  </si>
  <si>
    <t>FHL S31 1278SWL</t>
  </si>
  <si>
    <t>5702329225182</t>
  </si>
  <si>
    <t>VELUX Plissee manuell FHL S31 1278SWL</t>
  </si>
  <si>
    <t>FHL S31 1279S</t>
  </si>
  <si>
    <t>5702329070317</t>
  </si>
  <si>
    <t>VELUX Plissee manuell FHL S31 1279S</t>
  </si>
  <si>
    <t>FHL S31 1279SWL</t>
  </si>
  <si>
    <t>5702329225199</t>
  </si>
  <si>
    <t>VELUX Plissee manuell FHL S31 1279SWL</t>
  </si>
  <si>
    <t>FHL S31 1280S</t>
  </si>
  <si>
    <t>5702329070324</t>
  </si>
  <si>
    <t>VELUX Plissee manuell FHL S31 1280S</t>
  </si>
  <si>
    <t>FHL S31 1280SWL</t>
  </si>
  <si>
    <t>5702329225205</t>
  </si>
  <si>
    <t>VELUX Plissee manuell FHL S31 1280SWL</t>
  </si>
  <si>
    <t>FHL S31 1281SWL</t>
  </si>
  <si>
    <t>5702329225212</t>
  </si>
  <si>
    <t>VELUX Plissee manuell FHL S31 1281SWL</t>
  </si>
  <si>
    <t>FHL S31 1283S</t>
  </si>
  <si>
    <t>5702329070355</t>
  </si>
  <si>
    <t>VELUX Plissee manuell FHL S31 1283S</t>
  </si>
  <si>
    <t>FHL S31 1283SWL</t>
  </si>
  <si>
    <t>5702329225236</t>
  </si>
  <si>
    <t>VELUX Plissee manuell FHL S31 1283SWL</t>
  </si>
  <si>
    <t>FHL S31 1284S</t>
  </si>
  <si>
    <t>5702329070362</t>
  </si>
  <si>
    <t>VELUX Plissee manuell FHL S31 1284S</t>
  </si>
  <si>
    <t>FHL S31 1285S</t>
  </si>
  <si>
    <t>5702329070379</t>
  </si>
  <si>
    <t>VELUX Plissee manuell FHL S31 1285S</t>
  </si>
  <si>
    <t>FHL S31 1285SWL</t>
  </si>
  <si>
    <t>5702329225250</t>
  </si>
  <si>
    <t>VELUX Plissee manuell FHL S31 1285SWL</t>
  </si>
  <si>
    <t>FHL S31 1286SWL</t>
  </si>
  <si>
    <t>5702329225267</t>
  </si>
  <si>
    <t>VELUX Plissee manuell FHL S31 1286SWL</t>
  </si>
  <si>
    <t>FHL U10 1274SWL</t>
  </si>
  <si>
    <t>5702329081283</t>
  </si>
  <si>
    <t>VELUX Plissee manuell FHL U10 1274SWL</t>
  </si>
  <si>
    <t>FHL U10 1275SWL</t>
  </si>
  <si>
    <t>5702329081290</t>
  </si>
  <si>
    <t>VELUX Plissee manuell FHL U10 1275SWL</t>
  </si>
  <si>
    <t>FHL U10 1276S</t>
  </si>
  <si>
    <t>5702329071321</t>
  </si>
  <si>
    <t>VELUX Plissee manuell FHL U10 1276S</t>
  </si>
  <si>
    <t>FHL U10 1277S</t>
  </si>
  <si>
    <t>5702329071338</t>
  </si>
  <si>
    <t>VELUX Plissee manuell FHL U10 1277S</t>
  </si>
  <si>
    <t>FHL U10 1277SWL</t>
  </si>
  <si>
    <t>5702329081313</t>
  </si>
  <si>
    <t>VELUX Plissee manuell FHL U10 1277SWL</t>
  </si>
  <si>
    <t>FHL U10 1278SWL</t>
  </si>
  <si>
    <t>5702329081320</t>
  </si>
  <si>
    <t>VELUX Plissee manuell FHL U10 1278SWL</t>
  </si>
  <si>
    <t>FHL U10 1279SWL</t>
  </si>
  <si>
    <t>5702329081337</t>
  </si>
  <si>
    <t>VELUX Plissee manuell FHL U10 1279SWL</t>
  </si>
  <si>
    <t>FHL U10 1280SWL</t>
  </si>
  <si>
    <t>5702329081344</t>
  </si>
  <si>
    <t>VELUX Plissee manuell FHL U10 1280SWL</t>
  </si>
  <si>
    <t>FHL U10 1281SWL</t>
  </si>
  <si>
    <t>5702329081351</t>
  </si>
  <si>
    <t>VELUX Plissee manuell FHL U10 1281SWL</t>
  </si>
  <si>
    <t>FHL U10 1283SWL</t>
  </si>
  <si>
    <t>5702329081375</t>
  </si>
  <si>
    <t>VELUX Plissee manuell FHL U10 1283SWL</t>
  </si>
  <si>
    <t>FHL U10 1284SWL</t>
  </si>
  <si>
    <t>5702329081382</t>
  </si>
  <si>
    <t>VELUX Plissee manuell FHL U10 1284SWL</t>
  </si>
  <si>
    <t>FHL U10 1285S</t>
  </si>
  <si>
    <t>5702329071413</t>
  </si>
  <si>
    <t>VELUX Plissee manuell FHL U10 1285S</t>
  </si>
  <si>
    <t>FHL U10 1285SWL</t>
  </si>
  <si>
    <t>5702329081399</t>
  </si>
  <si>
    <t>VELUX Plissee manuell FHL U10 1285SWL</t>
  </si>
  <si>
    <t>FHL U31 1256S</t>
  </si>
  <si>
    <t>5702327409645</t>
  </si>
  <si>
    <t>VELUX Plissee manuell FHL U31 1256S</t>
  </si>
  <si>
    <t>FHL U31 1256SWL</t>
  </si>
  <si>
    <t>5702329225274</t>
  </si>
  <si>
    <t>VELUX Plissee manuell FHL U31 1256SWL</t>
  </si>
  <si>
    <t>FHL U31 1259SWL</t>
  </si>
  <si>
    <t>5702329225281</t>
  </si>
  <si>
    <t>VELUX Plissee manuell FHL U31 1259SWL</t>
  </si>
  <si>
    <t>FHL U31 1274S</t>
  </si>
  <si>
    <t>5702329071437</t>
  </si>
  <si>
    <t>VELUX Plissee manuell FHL U31 1274S</t>
  </si>
  <si>
    <t>FHL U31 1275S</t>
  </si>
  <si>
    <t>5702329071444</t>
  </si>
  <si>
    <t>VELUX Plissee manuell FHL U31 1275S</t>
  </si>
  <si>
    <t>FHL U31 1275SWL</t>
  </si>
  <si>
    <t>5702329225304</t>
  </si>
  <si>
    <t>VELUX Plissee manuell FHL U31 1275SWL</t>
  </si>
  <si>
    <t>FHL U31 1276S</t>
  </si>
  <si>
    <t>5702329071451</t>
  </si>
  <si>
    <t>VELUX Plissee manuell FHL U31 1276S</t>
  </si>
  <si>
    <t>FHL U31 1276SWL</t>
  </si>
  <si>
    <t>5702329225311</t>
  </si>
  <si>
    <t>VELUX Plissee manuell FHL U31 1276SWL</t>
  </si>
  <si>
    <t>FHL U31 1277SWL</t>
  </si>
  <si>
    <t>5702329225328</t>
  </si>
  <si>
    <t>VELUX Plissee manuell FHL U31 1277SWL</t>
  </si>
  <si>
    <t>FHL U31 1278S</t>
  </si>
  <si>
    <t>5702329071475</t>
  </si>
  <si>
    <t>VELUX Plissee manuell FHL U31 1278S</t>
  </si>
  <si>
    <t>FHL U31 1278SWL</t>
  </si>
  <si>
    <t>5702329225335</t>
  </si>
  <si>
    <t>VELUX Plissee manuell FHL U31 1278SWL</t>
  </si>
  <si>
    <t>FHL U31 1279S</t>
  </si>
  <si>
    <t>5702329071482</t>
  </si>
  <si>
    <t>VELUX Plissee manuell FHL U31 1279S</t>
  </si>
  <si>
    <t>FHL U31 1279SWL</t>
  </si>
  <si>
    <t>5702329225342</t>
  </si>
  <si>
    <t>VELUX Plissee manuell FHL U31 1279SWL</t>
  </si>
  <si>
    <t>FHL U31 1280S</t>
  </si>
  <si>
    <t>5702329071499</t>
  </si>
  <si>
    <t>VELUX Plissee manuell FHL U31 1280S</t>
  </si>
  <si>
    <t>FHL U31 1280SWL</t>
  </si>
  <si>
    <t>5702329225359</t>
  </si>
  <si>
    <t>VELUX Plissee manuell FHL U31 1280SWL</t>
  </si>
  <si>
    <t>FHL U31 1281S</t>
  </si>
  <si>
    <t>5702329071505</t>
  </si>
  <si>
    <t>VELUX Plissee manuell FHL U31 1281S</t>
  </si>
  <si>
    <t>FHL U31 1282S</t>
  </si>
  <si>
    <t>5702329071512</t>
  </si>
  <si>
    <t>VELUX Plissee manuell FHL U31 1282S</t>
  </si>
  <si>
    <t>FHL U31 1282SWL</t>
  </si>
  <si>
    <t>5702329225373</t>
  </si>
  <si>
    <t>VELUX Plissee manuell FHL U31 1282SWL</t>
  </si>
  <si>
    <t>FHL U31 1283S</t>
  </si>
  <si>
    <t>5702329071529</t>
  </si>
  <si>
    <t>VELUX Plissee manuell FHL U31 1283S</t>
  </si>
  <si>
    <t>FHL U31 1283SWL</t>
  </si>
  <si>
    <t>5702329225380</t>
  </si>
  <si>
    <t>VELUX Plissee manuell FHL U31 1283SWL</t>
  </si>
  <si>
    <t>FHL U31 1284S</t>
  </si>
  <si>
    <t>5702329071536</t>
  </si>
  <si>
    <t>VELUX Plissee manuell FHL U31 1284S</t>
  </si>
  <si>
    <t>FHL U31 1285S</t>
  </si>
  <si>
    <t>5702329071543</t>
  </si>
  <si>
    <t>VELUX Plissee manuell FHL U31 1285S</t>
  </si>
  <si>
    <t>FHL U31 1285SWL</t>
  </si>
  <si>
    <t>5702329225403</t>
  </si>
  <si>
    <t>VELUX Plissee manuell FHL U31 1285SWL</t>
  </si>
  <si>
    <t>FHL U31 1286S</t>
  </si>
  <si>
    <t>5702329071550</t>
  </si>
  <si>
    <t>VELUX Plissee manuell FHL U31 1286S</t>
  </si>
  <si>
    <t>FHL U31 1286SWL</t>
  </si>
  <si>
    <t>5702329225410</t>
  </si>
  <si>
    <t>VELUX Plissee manuell FHL U31 1286SWL</t>
  </si>
  <si>
    <t>FHL UK10 1276SWL</t>
  </si>
  <si>
    <t>5702329081757</t>
  </si>
  <si>
    <t>VELUX Plissee manuell FHL UK10 1276SWL</t>
  </si>
  <si>
    <t>FHL UK10 1279S</t>
  </si>
  <si>
    <t>5702329072007</t>
  </si>
  <si>
    <t>VELUX Plissee manuell FHL UK10 1279S</t>
  </si>
  <si>
    <t>FHL UK10 1280S</t>
  </si>
  <si>
    <t>5702329072014</t>
  </si>
  <si>
    <t>VELUX Plissee manuell FHL UK10 1280S</t>
  </si>
  <si>
    <t>FHL UK10 1283S</t>
  </si>
  <si>
    <t>5702329072045</t>
  </si>
  <si>
    <t>VELUX Plissee manuell FHL UK10 1283S</t>
  </si>
  <si>
    <t>FHL Y21 1285S</t>
  </si>
  <si>
    <t>5702329072199</t>
  </si>
  <si>
    <t>VELUX Plissee manuell FHL Y21 1285S</t>
  </si>
  <si>
    <t>FHL Y23 1276S</t>
  </si>
  <si>
    <t>5702329072236</t>
  </si>
  <si>
    <t>VELUX Plissee manuell FHL Y23 1276S</t>
  </si>
  <si>
    <t>FHL Y23 1277S</t>
  </si>
  <si>
    <t>5702329072243</t>
  </si>
  <si>
    <t>VELUX Plissee manuell FHL Y23 1277S</t>
  </si>
  <si>
    <t>FHL Y33 1277S</t>
  </si>
  <si>
    <t>5702329072373</t>
  </si>
  <si>
    <t>VELUX Plissee manuell FHL Y33 1277S</t>
  </si>
  <si>
    <t>FHL Y35 1276S</t>
  </si>
  <si>
    <t>5702329072496</t>
  </si>
  <si>
    <t>VELUX Plissee manuell FHL Y35 1276S</t>
  </si>
  <si>
    <t>FHL Y35 1279S</t>
  </si>
  <si>
    <t>5702329072526</t>
  </si>
  <si>
    <t>VELUX Plissee manuell FHL Y35 1279S</t>
  </si>
  <si>
    <t>FHL Y43 1285S</t>
  </si>
  <si>
    <t>5702329072717</t>
  </si>
  <si>
    <t>VELUX Plissee manuell FHL Y43 1285S</t>
  </si>
  <si>
    <t>FHL Y65 1280S</t>
  </si>
  <si>
    <t>5702329073059</t>
  </si>
  <si>
    <t>VELUX Plissee manuell FHL Y65 1280S</t>
  </si>
  <si>
    <t>FHL Y65 1285S</t>
  </si>
  <si>
    <t>5702329073103</t>
  </si>
  <si>
    <t>VELUX Plissee manuell FHL Y65 1285S</t>
  </si>
  <si>
    <t>FHL Y67 1276S</t>
  </si>
  <si>
    <t>5702329073141</t>
  </si>
  <si>
    <t>VELUX Plissee manuell FHL Y67 1276S</t>
  </si>
  <si>
    <t>FHL Y67 1280S</t>
  </si>
  <si>
    <t>5702329073189</t>
  </si>
  <si>
    <t>VELUX Plissee manuell FHL Y67 1280S</t>
  </si>
  <si>
    <t>FHL Y67 1281S</t>
  </si>
  <si>
    <t>5702329073196</t>
  </si>
  <si>
    <t>VELUX Plissee manuell FHL Y67 1281S</t>
  </si>
  <si>
    <t>FHL Y67 1285S</t>
  </si>
  <si>
    <t>5702329073233</t>
  </si>
  <si>
    <t>VELUX Plissee manuell FHL Y67 1285S</t>
  </si>
  <si>
    <t>FHL Y89 1277S</t>
  </si>
  <si>
    <t>5702329073547</t>
  </si>
  <si>
    <t>VELUX Plissee manuell FHL Y89 1277S</t>
  </si>
  <si>
    <t>FHL Y89 1280S</t>
  </si>
  <si>
    <t>5702329073578</t>
  </si>
  <si>
    <t>VELUX Plissee manuell FHL Y89 1280S</t>
  </si>
  <si>
    <t>FHL Y89 1284S</t>
  </si>
  <si>
    <t>5702329073615</t>
  </si>
  <si>
    <t>VELUX Plissee manuell FHL Y89 1284S</t>
  </si>
  <si>
    <t>FHL Y89 1285S</t>
  </si>
  <si>
    <t>5702329073622</t>
  </si>
  <si>
    <t>VELUX Plissee manuell FHL Y89 1285S</t>
  </si>
  <si>
    <t>FHL Y97 1279S</t>
  </si>
  <si>
    <t>5702329073691</t>
  </si>
  <si>
    <t>VELUX Plissee manuell FHL Y97 1279S</t>
  </si>
  <si>
    <t>FHL Y99 1276S</t>
  </si>
  <si>
    <t>5702329073790</t>
  </si>
  <si>
    <t>VELUX Plissee manuell FHL Y99 1276S</t>
  </si>
  <si>
    <t>FHL Y99 1277S</t>
  </si>
  <si>
    <t>5702329073806</t>
  </si>
  <si>
    <t>VELUX Plissee manuell FHL Y99 1277S</t>
  </si>
  <si>
    <t>FHL Y99 1279S</t>
  </si>
  <si>
    <t>5702329073820</t>
  </si>
  <si>
    <t>VELUX Plissee manuell FHL Y99 1279S</t>
  </si>
  <si>
    <t>FHL Y99 1283S</t>
  </si>
  <si>
    <t>5702329073868</t>
  </si>
  <si>
    <t>VELUX Plissee manuell FHL Y99 1283S</t>
  </si>
  <si>
    <t>FHL Y99 1284S</t>
  </si>
  <si>
    <t>5702329073875</t>
  </si>
  <si>
    <t>VELUX Plissee manuell FHL Y99 1284S</t>
  </si>
  <si>
    <t>FHL Y99 1285S</t>
  </si>
  <si>
    <t>5702329073882</t>
  </si>
  <si>
    <t>VELUX Plissee manuell FHL Y99 1285S</t>
  </si>
  <si>
    <t>FMC C02 1045K</t>
  </si>
  <si>
    <t>5702329534659</t>
  </si>
  <si>
    <t>VELUX Wabenpl. el. FMC C02 1045K</t>
  </si>
  <si>
    <t>FMC C02 1045KWL</t>
  </si>
  <si>
    <t>5702329542333</t>
  </si>
  <si>
    <t>VELUX Wabenpl. el. FMC C02 1045KWL</t>
  </si>
  <si>
    <t>FMC C02 1047K</t>
  </si>
  <si>
    <t>5702329534666</t>
  </si>
  <si>
    <t>VELUX Wabenpl. el. FMC C02 1047K</t>
  </si>
  <si>
    <t>FMC C02 1047KWL</t>
  </si>
  <si>
    <t>5702329542340</t>
  </si>
  <si>
    <t>VELUX Wabenpl. el. FMC C02 1047KWL</t>
  </si>
  <si>
    <t>FMC C02 1049K</t>
  </si>
  <si>
    <t>5702329534673</t>
  </si>
  <si>
    <t>VELUX Wabenpl. el. FMC C02 1049K</t>
  </si>
  <si>
    <t>FMC C02 1049KWL</t>
  </si>
  <si>
    <t>5702329542357</t>
  </si>
  <si>
    <t>VELUX Wabenpl. el. FMC C02 1049KWL</t>
  </si>
  <si>
    <t>FMC C02 1155KWL</t>
  </si>
  <si>
    <t>5702329542364</t>
  </si>
  <si>
    <t>VELUX Wabenpl. el. FMC C02 1155KWL</t>
  </si>
  <si>
    <t>FMC C02 1156K</t>
  </si>
  <si>
    <t>5702329534697</t>
  </si>
  <si>
    <t>VELUX Wabenpl. el. FMC C02 1156K</t>
  </si>
  <si>
    <t>FMC C02 1156KWL</t>
  </si>
  <si>
    <t>5702329542371</t>
  </si>
  <si>
    <t>VELUX Wabenpl. el. FMC C02 1156KWL</t>
  </si>
  <si>
    <t>FMC C02 1163K</t>
  </si>
  <si>
    <t>5702329534703</t>
  </si>
  <si>
    <t>VELUX Wabenpl. el. FMC C02 1163K</t>
  </si>
  <si>
    <t>FMC C02 1163KWL</t>
  </si>
  <si>
    <t>5702329542388</t>
  </si>
  <si>
    <t>VELUX Wabenpl. el. FMC C02 1163KWL</t>
  </si>
  <si>
    <t>FMC C02 1164K</t>
  </si>
  <si>
    <t>5702329534710</t>
  </si>
  <si>
    <t>VELUX Wabenpl. el. FMC C02 1164K</t>
  </si>
  <si>
    <t>FMC C02 1164KWL</t>
  </si>
  <si>
    <t>5702329542395</t>
  </si>
  <si>
    <t>VELUX Wabenpl. el. FMC C02 1164KWL</t>
  </si>
  <si>
    <t>FMC C02 1165K</t>
  </si>
  <si>
    <t>5702329534727</t>
  </si>
  <si>
    <t>VELUX Wabenpl. el. FMC C02 1165K</t>
  </si>
  <si>
    <t>FMC C02 1165KWL</t>
  </si>
  <si>
    <t>5702329542401</t>
  </si>
  <si>
    <t>VELUX Wabenpl. el. FMC C02 1165KWL</t>
  </si>
  <si>
    <t>FMC C02 1166K</t>
  </si>
  <si>
    <t>5702329534734</t>
  </si>
  <si>
    <t>VELUX Wabenpl. el. FMC C02 1166K</t>
  </si>
  <si>
    <t>FMC C02 1167K</t>
  </si>
  <si>
    <t>5702329534741</t>
  </si>
  <si>
    <t>VELUX Wabenpl. el. FMC C02 1167K</t>
  </si>
  <si>
    <t>FMC C02 1167KWL</t>
  </si>
  <si>
    <t>5702329542425</t>
  </si>
  <si>
    <t>VELUX Wabenpl. el. FMC C02 1167KWL</t>
  </si>
  <si>
    <t>FMC C02 1168K</t>
  </si>
  <si>
    <t>5702329534758</t>
  </si>
  <si>
    <t>VELUX Wabenpl. el. FMC C02 1168K</t>
  </si>
  <si>
    <t>FMC C02 1168KWL</t>
  </si>
  <si>
    <t>5702329542432</t>
  </si>
  <si>
    <t>VELUX Wabenpl. el. FMC C02 1168KWL</t>
  </si>
  <si>
    <t>FMC C02 1169K</t>
  </si>
  <si>
    <t>5702329534765</t>
  </si>
  <si>
    <t>VELUX Wabenpl. el. FMC C02 1169K</t>
  </si>
  <si>
    <t>FMC C02 1170K</t>
  </si>
  <si>
    <t>5702329534772</t>
  </si>
  <si>
    <t>VELUX Wabenpl. el. FMC C02 1170K</t>
  </si>
  <si>
    <t>FMC C02 1170KWL</t>
  </si>
  <si>
    <t>5702329542456</t>
  </si>
  <si>
    <t>VELUX Wabenpl. el. FMC C02 1170KWL</t>
  </si>
  <si>
    <t>FMC C02 1171K</t>
  </si>
  <si>
    <t>5702329534789</t>
  </si>
  <si>
    <t>VELUX Wabenpl. el. FMC C02 1171K</t>
  </si>
  <si>
    <t>FMC C02 1171KWL</t>
  </si>
  <si>
    <t>5702329542463</t>
  </si>
  <si>
    <t>VELUX Wabenpl. el. FMC C02 1171KWL</t>
  </si>
  <si>
    <t>FMC C02 1172KWL</t>
  </si>
  <si>
    <t>5702329542470</t>
  </si>
  <si>
    <t>VELUX Wabenpl. el. FMC C02 1172KWL</t>
  </si>
  <si>
    <t>FMC C02 1173K</t>
  </si>
  <si>
    <t>5702329534802</t>
  </si>
  <si>
    <t>VELUX Wabenpl. el. FMC C02 1173K</t>
  </si>
  <si>
    <t>FMC C02 1173KWL</t>
  </si>
  <si>
    <t>5702329542487</t>
  </si>
  <si>
    <t>VELUX Wabenpl. el. FMC C02 1173KWL</t>
  </si>
  <si>
    <t>FMC C04 1045KWL</t>
  </si>
  <si>
    <t>5702329542494</t>
  </si>
  <si>
    <t>VELUX Wabenpl. el. FMC C04 1045KWL</t>
  </si>
  <si>
    <t>FMC C04 1047K</t>
  </si>
  <si>
    <t>5702329534826</t>
  </si>
  <si>
    <t>VELUX Wabenpl. el. FMC C04 1047K</t>
  </si>
  <si>
    <t>FMC C04 1047KWL</t>
  </si>
  <si>
    <t>5702329542500</t>
  </si>
  <si>
    <t>VELUX Wabenpl. el. FMC C04 1047KWL</t>
  </si>
  <si>
    <t>FMC C04 1049K</t>
  </si>
  <si>
    <t>5702329534833</t>
  </si>
  <si>
    <t>VELUX Wabenpl. el. FMC C04 1049K</t>
  </si>
  <si>
    <t>FMC C04 1049KWL</t>
  </si>
  <si>
    <t>5702329542517</t>
  </si>
  <si>
    <t>VELUX Wabenpl. el. FMC C04 1049KWL</t>
  </si>
  <si>
    <t>FMC C04 1155KWL</t>
  </si>
  <si>
    <t>5702329542524</t>
  </si>
  <si>
    <t>VELUX Wabenpl. el. FMC C04 1155KWL</t>
  </si>
  <si>
    <t>FMC C04 1156K</t>
  </si>
  <si>
    <t>5702329534857</t>
  </si>
  <si>
    <t>VELUX Wabenpl. el. FMC C04 1156K</t>
  </si>
  <si>
    <t>FMC C04 1156KWL</t>
  </si>
  <si>
    <t>5702329542531</t>
  </si>
  <si>
    <t>VELUX Wabenpl. el. FMC C04 1156KWL</t>
  </si>
  <si>
    <t>FMC C04 1164K</t>
  </si>
  <si>
    <t>5702329534871</t>
  </si>
  <si>
    <t>VELUX Wabenpl. el. FMC C04 1164K</t>
  </si>
  <si>
    <t>FMC C04 1164KWL</t>
  </si>
  <si>
    <t>5702329542555</t>
  </si>
  <si>
    <t>VELUX Wabenpl. el. FMC C04 1164KWL</t>
  </si>
  <si>
    <t>FMC C04 1165K</t>
  </si>
  <si>
    <t>5702329534888</t>
  </si>
  <si>
    <t>VELUX Wabenpl. el. FMC C04 1165K</t>
  </si>
  <si>
    <t>FMC C04 1165KWL</t>
  </si>
  <si>
    <t>5702329542562</t>
  </si>
  <si>
    <t>VELUX Wabenpl. el. FMC C04 1165KWL</t>
  </si>
  <si>
    <t>FMC C04 1166K</t>
  </si>
  <si>
    <t>5702329534895</t>
  </si>
  <si>
    <t>VELUX Wabenpl. el. FMC C04 1166K</t>
  </si>
  <si>
    <t>FMC C04 1166KWL</t>
  </si>
  <si>
    <t>5702329542579</t>
  </si>
  <si>
    <t>VELUX Wabenpl. el. FMC C04 1166KWL</t>
  </si>
  <si>
    <t>FMC C04 1167K</t>
  </si>
  <si>
    <t>5702329534901</t>
  </si>
  <si>
    <t>VELUX Wabenpl. el. FMC C04 1167K</t>
  </si>
  <si>
    <t>FMC C04 1167KWL</t>
  </si>
  <si>
    <t>5702329542586</t>
  </si>
  <si>
    <t>VELUX Wabenpl. el. FMC C04 1167KWL</t>
  </si>
  <si>
    <t>FMC C04 1168K</t>
  </si>
  <si>
    <t>5702329534918</t>
  </si>
  <si>
    <t>VELUX Wabenpl. el. FMC C04 1168K</t>
  </si>
  <si>
    <t>FMC C04 1168KWL</t>
  </si>
  <si>
    <t>5702329542593</t>
  </si>
  <si>
    <t>VELUX Wabenpl. el. FMC C04 1168KWL</t>
  </si>
  <si>
    <t>FMC C04 1169K</t>
  </si>
  <si>
    <t>5702329534925</t>
  </si>
  <si>
    <t>VELUX Wabenpl. el. FMC C04 1169K</t>
  </si>
  <si>
    <t>FMC C04 1169KWL</t>
  </si>
  <si>
    <t>5702329542609</t>
  </si>
  <si>
    <t>VELUX Wabenpl. el. FMC C04 1169KWL</t>
  </si>
  <si>
    <t>FMC C04 1170K</t>
  </si>
  <si>
    <t>5702329534932</t>
  </si>
  <si>
    <t>VELUX Wabenpl. el. FMC C04 1170K</t>
  </si>
  <si>
    <t>FMC C04 1170KWL</t>
  </si>
  <si>
    <t>5702329542616</t>
  </si>
  <si>
    <t>VELUX Wabenpl. el. FMC C04 1170KWL</t>
  </si>
  <si>
    <t>FMC C04 1171K</t>
  </si>
  <si>
    <t>5702329534949</t>
  </si>
  <si>
    <t>VELUX Wabenpl. el. FMC C04 1171K</t>
  </si>
  <si>
    <t>FMC C04 1171KWL</t>
  </si>
  <si>
    <t>5702329542623</t>
  </si>
  <si>
    <t>VELUX Wabenpl. el. FMC C04 1171KWL</t>
  </si>
  <si>
    <t>FMC C04 1172K</t>
  </si>
  <si>
    <t>5702329534956</t>
  </si>
  <si>
    <t>VELUX Wabenpl. el. FMC C04 1172K</t>
  </si>
  <si>
    <t>FMC C04 1172KWL</t>
  </si>
  <si>
    <t>5702329542630</t>
  </si>
  <si>
    <t>VELUX Wabenpl. el. FMC C04 1172KWL</t>
  </si>
  <si>
    <t>FMC C04 1173K</t>
  </si>
  <si>
    <t>5702329534963</t>
  </si>
  <si>
    <t>VELUX Wabenpl. el. FMC C04 1173K</t>
  </si>
  <si>
    <t>FMC C04 1173KWL</t>
  </si>
  <si>
    <t>5702329542647</t>
  </si>
  <si>
    <t>VELUX Wabenpl. el. FMC C04 1173KWL</t>
  </si>
  <si>
    <t>FMC C06 1045KWL</t>
  </si>
  <si>
    <t>5702329542654</t>
  </si>
  <si>
    <t>VELUX Wabenpl. el. FMC C06 1045KWL</t>
  </si>
  <si>
    <t>FMC C06 1047KWL</t>
  </si>
  <si>
    <t>5702329542661</t>
  </si>
  <si>
    <t>VELUX Wabenpl. el. FMC C06 1047KWL</t>
  </si>
  <si>
    <t>FMC C06 1049K</t>
  </si>
  <si>
    <t>5702329534994</t>
  </si>
  <si>
    <t>VELUX Wabenpl. el. FMC C06 1049K</t>
  </si>
  <si>
    <t>FMC C06 1049KWL</t>
  </si>
  <si>
    <t>5702329542678</t>
  </si>
  <si>
    <t>VELUX Wabenpl. el. FMC C06 1049KWL</t>
  </si>
  <si>
    <t>FMC C06 1155K</t>
  </si>
  <si>
    <t>5702329535007</t>
  </si>
  <si>
    <t>VELUX Wabenpl. el. FMC C06 1155K</t>
  </si>
  <si>
    <t>FMC C06 1155KWL</t>
  </si>
  <si>
    <t>5702329542685</t>
  </si>
  <si>
    <t>VELUX Wabenpl. el. FMC C06 1155KWL</t>
  </si>
  <si>
    <t>FMC C06 1156K</t>
  </si>
  <si>
    <t>5702329535014</t>
  </si>
  <si>
    <t>VELUX Wabenpl. el. FMC C06 1156K</t>
  </si>
  <si>
    <t>FMC C06 1156KWL</t>
  </si>
  <si>
    <t>5702329542692</t>
  </si>
  <si>
    <t>VELUX Wabenpl. el. FMC C06 1156KWL</t>
  </si>
  <si>
    <t>FMC C06 1163K</t>
  </si>
  <si>
    <t>5702329535021</t>
  </si>
  <si>
    <t>VELUX Wabenpl. el. FMC C06 1163K</t>
  </si>
  <si>
    <t>FMC C06 1163KWL</t>
  </si>
  <si>
    <t>5702329542708</t>
  </si>
  <si>
    <t>VELUX Wabenpl. el. FMC C06 1163KWL</t>
  </si>
  <si>
    <t>FMC C06 1164K</t>
  </si>
  <si>
    <t>5702329535038</t>
  </si>
  <si>
    <t>VELUX Wabenpl. el. FMC C06 1164K</t>
  </si>
  <si>
    <t>FMC C06 1164KWL</t>
  </si>
  <si>
    <t>5702329542715</t>
  </si>
  <si>
    <t>VELUX Wabenpl. el. FMC C06 1164KWL</t>
  </si>
  <si>
    <t>FMC C06 1165K</t>
  </si>
  <si>
    <t>5702329535045</t>
  </si>
  <si>
    <t>VELUX Wabenpl. el. FMC C06 1165K</t>
  </si>
  <si>
    <t>FMC C06 1165KWL</t>
  </si>
  <si>
    <t>5702329542722</t>
  </si>
  <si>
    <t>VELUX Wabenpl. el. FMC C06 1165KWL</t>
  </si>
  <si>
    <t>FMC C06 1166K</t>
  </si>
  <si>
    <t>5702329535052</t>
  </si>
  <si>
    <t>VELUX Wabenpl. el. FMC C06 1166K</t>
  </si>
  <si>
    <t>FMC C06 1166KWL</t>
  </si>
  <si>
    <t>5702329542739</t>
  </si>
  <si>
    <t>VELUX Wabenpl. el. FMC C06 1166KWL</t>
  </si>
  <si>
    <t>FMC C06 1167K</t>
  </si>
  <si>
    <t>5702329535069</t>
  </si>
  <si>
    <t>VELUX Wabenpl. el. FMC C06 1167K</t>
  </si>
  <si>
    <t>FMC C06 1167KWL</t>
  </si>
  <si>
    <t>5702329542746</t>
  </si>
  <si>
    <t>VELUX Wabenpl. el. FMC C06 1167KWL</t>
  </si>
  <si>
    <t>FMC C06 1168K</t>
  </si>
  <si>
    <t>5702329535076</t>
  </si>
  <si>
    <t>VELUX Wabenpl. el. FMC C06 1168K</t>
  </si>
  <si>
    <t>FMC C06 1168KWL</t>
  </si>
  <si>
    <t>5702329542753</t>
  </si>
  <si>
    <t>VELUX Wabenpl. el. FMC C06 1168KWL</t>
  </si>
  <si>
    <t>FMC C06 1169K</t>
  </si>
  <si>
    <t>5702329535083</t>
  </si>
  <si>
    <t>VELUX Wabenpl. el. FMC C06 1169K</t>
  </si>
  <si>
    <t>FMC C06 1169KWL</t>
  </si>
  <si>
    <t>5702329542760</t>
  </si>
  <si>
    <t>VELUX Wabenpl. el. FMC C06 1169KWL</t>
  </si>
  <si>
    <t>FMC C06 1170K</t>
  </si>
  <si>
    <t>5702329535090</t>
  </si>
  <si>
    <t>VELUX Wabenpl. el. FMC C06 1170K</t>
  </si>
  <si>
    <t>FMC C06 1170KWL</t>
  </si>
  <si>
    <t>5702329542777</t>
  </si>
  <si>
    <t>VELUX Wabenpl. el. FMC C06 1170KWL</t>
  </si>
  <si>
    <t>FMC C06 1171K</t>
  </si>
  <si>
    <t>5702329535106</t>
  </si>
  <si>
    <t>VELUX Wabenpl. el. FMC C06 1171K</t>
  </si>
  <si>
    <t>FMC C06 1171KWL</t>
  </si>
  <si>
    <t>5702329542784</t>
  </si>
  <si>
    <t>VELUX Wabenpl. el. FMC C06 1171KWL</t>
  </si>
  <si>
    <t>FMC C06 1172K</t>
  </si>
  <si>
    <t>5702329535113</t>
  </si>
  <si>
    <t>VELUX Wabenpl. el. FMC C06 1172K</t>
  </si>
  <si>
    <t>FMC C06 1172KWL</t>
  </si>
  <si>
    <t>5702329542791</t>
  </si>
  <si>
    <t>VELUX Wabenpl. el. FMC C06 1172KWL</t>
  </si>
  <si>
    <t>FMC C06 1173K</t>
  </si>
  <si>
    <t>5702329535120</t>
  </si>
  <si>
    <t>VELUX Wabenpl. el. FMC C06 1173K</t>
  </si>
  <si>
    <t>FMC C06 1173KWL</t>
  </si>
  <si>
    <t>5702329542807</t>
  </si>
  <si>
    <t>VELUX Wabenpl. el. FMC C06 1173KWL</t>
  </si>
  <si>
    <t>FMC CK02 1049KWL</t>
  </si>
  <si>
    <t>5702329542999</t>
  </si>
  <si>
    <t>VELUX Wabenpl. el. FMC CK02 1049KWL</t>
  </si>
  <si>
    <t>FMC CK02 1164K</t>
  </si>
  <si>
    <t>5702329535359</t>
  </si>
  <si>
    <t>VELUX Wabenpl. el. FMC CK02 1164K</t>
  </si>
  <si>
    <t>FMC CK02 1165K</t>
  </si>
  <si>
    <t>5702329535366</t>
  </si>
  <si>
    <t>VELUX Wabenpl. el. FMC CK02 1165K</t>
  </si>
  <si>
    <t>FMC CK02 1165KWL</t>
  </si>
  <si>
    <t>5702329543040</t>
  </si>
  <si>
    <t>VELUX Wabenpl. el. FMC CK02 1165KWL</t>
  </si>
  <si>
    <t>FMC CK02 1166K</t>
  </si>
  <si>
    <t>5702329535373</t>
  </si>
  <si>
    <t>VELUX Wabenpl. el. FMC CK02 1166K</t>
  </si>
  <si>
    <t>FMC CK02 1167K</t>
  </si>
  <si>
    <t>5702329535380</t>
  </si>
  <si>
    <t>VELUX Wabenpl. el. FMC CK02 1167K</t>
  </si>
  <si>
    <t>FMC CK02 1167KWL</t>
  </si>
  <si>
    <t>5702329543064</t>
  </si>
  <si>
    <t>VELUX Wabenpl. el. FMC CK02 1167KWL</t>
  </si>
  <si>
    <t>FMC CK02 1168K</t>
  </si>
  <si>
    <t>5702329535397</t>
  </si>
  <si>
    <t>VELUX Wabenpl. el. FMC CK02 1168K</t>
  </si>
  <si>
    <t>FMC CK02 1170K</t>
  </si>
  <si>
    <t>5702329535410</t>
  </si>
  <si>
    <t>VELUX Wabenpl. el. FMC CK02 1170K</t>
  </si>
  <si>
    <t>FMC CK02 1171K</t>
  </si>
  <si>
    <t>5702329535427</t>
  </si>
  <si>
    <t>VELUX Wabenpl. el. FMC CK02 1171K</t>
  </si>
  <si>
    <t>FMC CK02 1172K</t>
  </si>
  <si>
    <t>5702329535434</t>
  </si>
  <si>
    <t>VELUX Wabenpl. el. FMC CK02 1172K</t>
  </si>
  <si>
    <t>FMC CK04 1049KWL</t>
  </si>
  <si>
    <t>5702329543156</t>
  </si>
  <si>
    <t>VELUX Wabenpl. el. FMC CK04 1049KWL</t>
  </si>
  <si>
    <t>FMC CK04 1164KWL</t>
  </si>
  <si>
    <t>5702329543194</t>
  </si>
  <si>
    <t>VELUX Wabenpl. el. FMC CK04 1164KWL</t>
  </si>
  <si>
    <t>FMC CK04 1165K</t>
  </si>
  <si>
    <t>5702329535526</t>
  </si>
  <si>
    <t>VELUX Wabenpl. el. FMC CK04 1165K</t>
  </si>
  <si>
    <t>FMC CK04 1165KWL</t>
  </si>
  <si>
    <t>5702329543200</t>
  </si>
  <si>
    <t>VELUX Wabenpl. el. FMC CK04 1165KWL</t>
  </si>
  <si>
    <t>FMC CK04 1167K</t>
  </si>
  <si>
    <t>5702329535540</t>
  </si>
  <si>
    <t>VELUX Wabenpl. el. FMC CK04 1167K</t>
  </si>
  <si>
    <t>FMC CK04 1168K</t>
  </si>
  <si>
    <t>5702329535557</t>
  </si>
  <si>
    <t>VELUX Wabenpl. el. FMC CK04 1168K</t>
  </si>
  <si>
    <t>FMC CK04 1169K</t>
  </si>
  <si>
    <t>5702329535564</t>
  </si>
  <si>
    <t>VELUX Wabenpl. el. FMC CK04 1169K</t>
  </si>
  <si>
    <t>FMC CK04 1169KWL</t>
  </si>
  <si>
    <t>5702329543248</t>
  </si>
  <si>
    <t>VELUX Wabenpl. el. FMC CK04 1169KWL</t>
  </si>
  <si>
    <t>FMC CK04 1170KWL</t>
  </si>
  <si>
    <t>5702329543255</t>
  </si>
  <si>
    <t>VELUX Wabenpl. el. FMC CK04 1170KWL</t>
  </si>
  <si>
    <t>FMC CK04 1171K</t>
  </si>
  <si>
    <t>5702329535588</t>
  </si>
  <si>
    <t>VELUX Wabenpl. el. FMC CK04 1171K</t>
  </si>
  <si>
    <t>FMC CK04 1172K</t>
  </si>
  <si>
    <t>5702329535595</t>
  </si>
  <si>
    <t>VELUX Wabenpl. el. FMC CK04 1172K</t>
  </si>
  <si>
    <t>FMC CK04 1173KWL</t>
  </si>
  <si>
    <t>5702329543286</t>
  </si>
  <si>
    <t>VELUX Wabenpl. el. FMC CK04 1173KWL</t>
  </si>
  <si>
    <t>FMC CK06 1049KWL</t>
  </si>
  <si>
    <t>5702329543316</t>
  </si>
  <si>
    <t>VELUX Wabenpl. el. FMC CK06 1049KWL</t>
  </si>
  <si>
    <t>FMC CK06 1156KWL</t>
  </si>
  <si>
    <t>5702329543330</t>
  </si>
  <si>
    <t>VELUX Wabenpl. el. FMC CK06 1156KWL</t>
  </si>
  <si>
    <t>FMC CK06 1164K</t>
  </si>
  <si>
    <t>5702329535670</t>
  </si>
  <si>
    <t>VELUX Wabenpl. el. FMC CK06 1164K</t>
  </si>
  <si>
    <t>FMC CK06 1165K</t>
  </si>
  <si>
    <t>5702329535687</t>
  </si>
  <si>
    <t>VELUX Wabenpl. el. FMC CK06 1165K</t>
  </si>
  <si>
    <t>FMC CK06 1165KWL</t>
  </si>
  <si>
    <t>5702329543361</t>
  </si>
  <si>
    <t>VELUX Wabenpl. el. FMC CK06 1165KWL</t>
  </si>
  <si>
    <t>FMC CK06 1166K</t>
  </si>
  <si>
    <t>5702329535694</t>
  </si>
  <si>
    <t>VELUX Wabenpl. el. FMC CK06 1166K</t>
  </si>
  <si>
    <t>FMC CK06 1166KWL</t>
  </si>
  <si>
    <t>5702329543378</t>
  </si>
  <si>
    <t>VELUX Wabenpl. el. FMC CK06 1166KWL</t>
  </si>
  <si>
    <t>FMC CK06 1167KWL</t>
  </si>
  <si>
    <t>5702329543385</t>
  </si>
  <si>
    <t>VELUX Wabenpl. el. FMC CK06 1167KWL</t>
  </si>
  <si>
    <t>FMC CK06 1168K</t>
  </si>
  <si>
    <t>5702329535717</t>
  </si>
  <si>
    <t>VELUX Wabenpl. el. FMC CK06 1168K</t>
  </si>
  <si>
    <t>FMC CK06 1168KWL</t>
  </si>
  <si>
    <t>5702329543392</t>
  </si>
  <si>
    <t>VELUX Wabenpl. el. FMC CK06 1168KWL</t>
  </si>
  <si>
    <t>FMC CK06 1169K</t>
  </si>
  <si>
    <t>5702329535724</t>
  </si>
  <si>
    <t>VELUX Wabenpl. el. FMC CK06 1169K</t>
  </si>
  <si>
    <t>FMC CK06 1169KWL</t>
  </si>
  <si>
    <t>5702329543408</t>
  </si>
  <si>
    <t>VELUX Wabenpl. el. FMC CK06 1169KWL</t>
  </si>
  <si>
    <t>FMC CK06 1170K</t>
  </si>
  <si>
    <t>5702329535731</t>
  </si>
  <si>
    <t>VELUX Wabenpl. el. FMC CK06 1170K</t>
  </si>
  <si>
    <t>FMC CK06 1171K</t>
  </si>
  <si>
    <t>5702329535748</t>
  </si>
  <si>
    <t>VELUX Wabenpl. el. FMC CK06 1171K</t>
  </si>
  <si>
    <t>FMC CK06 1171KWL</t>
  </si>
  <si>
    <t>5702329543422</t>
  </si>
  <si>
    <t>VELUX Wabenpl. el. FMC CK06 1171KWL</t>
  </si>
  <si>
    <t>FMC CK06 1173K</t>
  </si>
  <si>
    <t>5702329535762</t>
  </si>
  <si>
    <t>VELUX Wabenpl. el. FMC CK06 1173K</t>
  </si>
  <si>
    <t>FMC F04 1045K</t>
  </si>
  <si>
    <t>5702329535779</t>
  </si>
  <si>
    <t>VELUX Wabenpl. el. FMC F04 1045K</t>
  </si>
  <si>
    <t>FMC F04 1045KWL</t>
  </si>
  <si>
    <t>5702329543453</t>
  </si>
  <si>
    <t>VELUX Wabenpl. el. FMC F04 1045KWL</t>
  </si>
  <si>
    <t>FMC F04 1047K</t>
  </si>
  <si>
    <t>5702329535786</t>
  </si>
  <si>
    <t>VELUX Wabenpl. el. FMC F04 1047K</t>
  </si>
  <si>
    <t>FMC F04 1047KWL</t>
  </si>
  <si>
    <t>5702329543460</t>
  </si>
  <si>
    <t>VELUX Wabenpl. el. FMC F04 1047KWL</t>
  </si>
  <si>
    <t>FMC F04 1049K</t>
  </si>
  <si>
    <t>5702329535793</t>
  </si>
  <si>
    <t>VELUX Wabenpl. el. FMC F04 1049K</t>
  </si>
  <si>
    <t>FMC F04 1049KWL</t>
  </si>
  <si>
    <t>5702329543477</t>
  </si>
  <si>
    <t>VELUX Wabenpl. el. FMC F04 1049KWL</t>
  </si>
  <si>
    <t>FMC F04 1155K</t>
  </si>
  <si>
    <t>5702329535809</t>
  </si>
  <si>
    <t>VELUX Wabenpl. el. FMC F04 1155K</t>
  </si>
  <si>
    <t>FMC F04 1155KWL</t>
  </si>
  <si>
    <t>5702329543484</t>
  </si>
  <si>
    <t>VELUX Wabenpl. el. FMC F04 1155KWL</t>
  </si>
  <si>
    <t>FMC F04 1156K</t>
  </si>
  <si>
    <t>5702329535816</t>
  </si>
  <si>
    <t>VELUX Wabenpl. el. FMC F04 1156K</t>
  </si>
  <si>
    <t>FMC F04 1156KWL</t>
  </si>
  <si>
    <t>5702329543491</t>
  </si>
  <si>
    <t>VELUX Wabenpl. el. FMC F04 1156KWL</t>
  </si>
  <si>
    <t>FMC F04 1163K</t>
  </si>
  <si>
    <t>5702329535823</t>
  </si>
  <si>
    <t>VELUX Wabenpl. el. FMC F04 1163K</t>
  </si>
  <si>
    <t>FMC F04 1163KWL</t>
  </si>
  <si>
    <t>5702329543507</t>
  </si>
  <si>
    <t>VELUX Wabenpl. el. FMC F04 1163KWL</t>
  </si>
  <si>
    <t>FMC F04 1164K</t>
  </si>
  <si>
    <t>5702329535830</t>
  </si>
  <si>
    <t>VELUX Wabenpl. el. FMC F04 1164K</t>
  </si>
  <si>
    <t>FMC F04 1164KWL</t>
  </si>
  <si>
    <t>5702329543514</t>
  </si>
  <si>
    <t>VELUX Wabenpl. el. FMC F04 1164KWL</t>
  </si>
  <si>
    <t>FMC F04 1165K</t>
  </si>
  <si>
    <t>5702329535847</t>
  </si>
  <si>
    <t>VELUX Wabenpl. el. FMC F04 1165K</t>
  </si>
  <si>
    <t>FMC F04 1165KWL</t>
  </si>
  <si>
    <t>5702329543521</t>
  </si>
  <si>
    <t>VELUX Wabenpl. el. FMC F04 1165KWL</t>
  </si>
  <si>
    <t>FMC F04 1166K</t>
  </si>
  <si>
    <t>5702329535854</t>
  </si>
  <si>
    <t>VELUX Wabenpl. el. FMC F04 1166K</t>
  </si>
  <si>
    <t>FMC F04 1166KWL</t>
  </si>
  <si>
    <t>5702329543538</t>
  </si>
  <si>
    <t>VELUX Wabenpl. el. FMC F04 1166KWL</t>
  </si>
  <si>
    <t>FMC F04 1167K</t>
  </si>
  <si>
    <t>5702329535861</t>
  </si>
  <si>
    <t>VELUX Wabenpl. el. FMC F04 1167K</t>
  </si>
  <si>
    <t>FMC F04 1167KWL</t>
  </si>
  <si>
    <t>5702329543545</t>
  </si>
  <si>
    <t>VELUX Wabenpl. el. FMC F04 1167KWL</t>
  </si>
  <si>
    <t>FMC F04 1168K</t>
  </si>
  <si>
    <t>5702329535878</t>
  </si>
  <si>
    <t>VELUX Wabenpl. el. FMC F04 1168K</t>
  </si>
  <si>
    <t>FMC F04 1168KWL</t>
  </si>
  <si>
    <t>5702329543552</t>
  </si>
  <si>
    <t>VELUX Wabenpl. el. FMC F04 1168KWL</t>
  </si>
  <si>
    <t>FMC F04 1169K</t>
  </si>
  <si>
    <t>5702329535885</t>
  </si>
  <si>
    <t>VELUX Wabenpl. el. FMC F04 1169K</t>
  </si>
  <si>
    <t>FMC F04 1169KWL</t>
  </si>
  <si>
    <t>5702329543569</t>
  </si>
  <si>
    <t>VELUX Wabenpl. el. FMC F04 1169KWL</t>
  </si>
  <si>
    <t>FMC F04 1170K</t>
  </si>
  <si>
    <t>5702329535892</t>
  </si>
  <si>
    <t>VELUX Wabenpl. el. FMC F04 1170K</t>
  </si>
  <si>
    <t>FMC F04 1170KWL</t>
  </si>
  <si>
    <t>5702329543576</t>
  </si>
  <si>
    <t>VELUX Wabenpl. el. FMC F04 1170KWL</t>
  </si>
  <si>
    <t>FMC F04 1171K</t>
  </si>
  <si>
    <t>5702329535908</t>
  </si>
  <si>
    <t>VELUX Wabenpl. el. FMC F04 1171K</t>
  </si>
  <si>
    <t>FMC F04 1171KWL</t>
  </si>
  <si>
    <t>5702329543583</t>
  </si>
  <si>
    <t>VELUX Wabenpl. el. FMC F04 1171KWL</t>
  </si>
  <si>
    <t>FMC F04 1172K</t>
  </si>
  <si>
    <t>5702329535915</t>
  </si>
  <si>
    <t>VELUX Wabenpl. el. FMC F04 1172K</t>
  </si>
  <si>
    <t>FMC F04 1172KWL</t>
  </si>
  <si>
    <t>5702329543590</t>
  </si>
  <si>
    <t>VELUX Wabenpl. el. FMC F04 1172KWL</t>
  </si>
  <si>
    <t>FMC F04 1173K</t>
  </si>
  <si>
    <t>5702329535922</t>
  </si>
  <si>
    <t>VELUX Wabenpl. el. FMC F04 1173K</t>
  </si>
  <si>
    <t>FMC F04 1173KWL</t>
  </si>
  <si>
    <t>5702329543606</t>
  </si>
  <si>
    <t>VELUX Wabenpl. el. FMC F04 1173KWL</t>
  </si>
  <si>
    <t>FMC F06 1047K</t>
  </si>
  <si>
    <t>5702329535946</t>
  </si>
  <si>
    <t>VELUX Wabenpl. el. FMC F06 1047K</t>
  </si>
  <si>
    <t>FMC F06 1049K</t>
  </si>
  <si>
    <t>5702329535953</t>
  </si>
  <si>
    <t>VELUX Wabenpl. el. FMC F06 1049K</t>
  </si>
  <si>
    <t>FMC F06 1049KWL</t>
  </si>
  <si>
    <t>5702329543637</t>
  </si>
  <si>
    <t>VELUX Wabenpl. el. FMC F06 1049KWL</t>
  </si>
  <si>
    <t>FMC F06 1155K</t>
  </si>
  <si>
    <t>5702329535960</t>
  </si>
  <si>
    <t>VELUX Wabenpl. el. FMC F06 1155K</t>
  </si>
  <si>
    <t>FMC F06 1155KWL</t>
  </si>
  <si>
    <t>5702329543644</t>
  </si>
  <si>
    <t>VELUX Wabenpl. el. FMC F06 1155KWL</t>
  </si>
  <si>
    <t>FMC F06 1156K</t>
  </si>
  <si>
    <t>5702329535977</t>
  </si>
  <si>
    <t>VELUX Wabenpl. el. FMC F06 1156K</t>
  </si>
  <si>
    <t>FMC F06 1156KWL</t>
  </si>
  <si>
    <t>5702329543651</t>
  </si>
  <si>
    <t>VELUX Wabenpl. el. FMC F06 1156KWL</t>
  </si>
  <si>
    <t>FMC F06 1163K</t>
  </si>
  <si>
    <t>5702329535984</t>
  </si>
  <si>
    <t>VELUX Wabenpl. el. FMC F06 1163K</t>
  </si>
  <si>
    <t>FMC F06 1163KWL</t>
  </si>
  <si>
    <t>5702329543668</t>
  </si>
  <si>
    <t>VELUX Wabenpl. el. FMC F06 1163KWL</t>
  </si>
  <si>
    <t>FMC F06 1164K</t>
  </si>
  <si>
    <t>5702329535991</t>
  </si>
  <si>
    <t>VELUX Wabenpl. el. FMC F06 1164K</t>
  </si>
  <si>
    <t>FMC F06 1164KWL</t>
  </si>
  <si>
    <t>5702329543675</t>
  </si>
  <si>
    <t>VELUX Wabenpl. el. FMC F06 1164KWL</t>
  </si>
  <si>
    <t>FMC F06 1165K</t>
  </si>
  <si>
    <t>5702329536004</t>
  </si>
  <si>
    <t>VELUX Wabenpl. el. FMC F06 1165K</t>
  </si>
  <si>
    <t>FMC F06 1165KWL</t>
  </si>
  <si>
    <t>5702329543682</t>
  </si>
  <si>
    <t>VELUX Wabenpl. el. FMC F06 1165KWL</t>
  </si>
  <si>
    <t>FMC F06 1167K</t>
  </si>
  <si>
    <t>5702329536028</t>
  </si>
  <si>
    <t>VELUX Wabenpl. el. FMC F06 1167K</t>
  </si>
  <si>
    <t>FMC F06 1167KWL</t>
  </si>
  <si>
    <t>5702329543705</t>
  </si>
  <si>
    <t>VELUX Wabenpl. el. FMC F06 1167KWL</t>
  </si>
  <si>
    <t>FMC F06 1168K</t>
  </si>
  <si>
    <t>5702329536035</t>
  </si>
  <si>
    <t>VELUX Wabenpl. el. FMC F06 1168K</t>
  </si>
  <si>
    <t>FMC F06 1168KWL</t>
  </si>
  <si>
    <t>5702329543712</t>
  </si>
  <si>
    <t>VELUX Wabenpl. el. FMC F06 1168KWL</t>
  </si>
  <si>
    <t>FMC F06 1169K</t>
  </si>
  <si>
    <t>5702329536042</t>
  </si>
  <si>
    <t>VELUX Wabenpl. el. FMC F06 1169K</t>
  </si>
  <si>
    <t>FMC F06 1169KWL</t>
  </si>
  <si>
    <t>5702329543729</t>
  </si>
  <si>
    <t>VELUX Wabenpl. el. FMC F06 1169KWL</t>
  </si>
  <si>
    <t>FMC F06 1170KWL</t>
  </si>
  <si>
    <t>5702329543736</t>
  </si>
  <si>
    <t>VELUX Wabenpl. el. FMC F06 1170KWL</t>
  </si>
  <si>
    <t>FMC F06 1171KWL</t>
  </si>
  <si>
    <t>5702329543743</t>
  </si>
  <si>
    <t>VELUX Wabenpl. el. FMC F06 1171KWL</t>
  </si>
  <si>
    <t>FMC F06 1173K</t>
  </si>
  <si>
    <t>5702329536080</t>
  </si>
  <si>
    <t>VELUX Wabenpl. el. FMC F06 1173K</t>
  </si>
  <si>
    <t>FMC F06 1173KWL</t>
  </si>
  <si>
    <t>5702329543767</t>
  </si>
  <si>
    <t>VELUX Wabenpl. el. FMC F06 1173KWL</t>
  </si>
  <si>
    <t>FMC F08 1045K</t>
  </si>
  <si>
    <t>5702329536097</t>
  </si>
  <si>
    <t>VELUX Wabenpl. el. FMC F08 1045K</t>
  </si>
  <si>
    <t>FMC F08 1045KWL</t>
  </si>
  <si>
    <t>5702329543774</t>
  </si>
  <si>
    <t>VELUX Wabenpl. el. FMC F08 1045KWL</t>
  </si>
  <si>
    <t>FMC F08 1047K</t>
  </si>
  <si>
    <t>5702329536103</t>
  </si>
  <si>
    <t>VELUX Wabenpl. el. FMC F08 1047K</t>
  </si>
  <si>
    <t>FMC F08 1047KWL</t>
  </si>
  <si>
    <t>5702329543781</t>
  </si>
  <si>
    <t>VELUX Wabenpl. el. FMC F08 1047KWL</t>
  </si>
  <si>
    <t>FMC F08 1049K</t>
  </si>
  <si>
    <t>5702329536110</t>
  </si>
  <si>
    <t>VELUX Wabenpl. el. FMC F08 1049K</t>
  </si>
  <si>
    <t>FMC F08 1049KWL</t>
  </si>
  <si>
    <t>5702329543798</t>
  </si>
  <si>
    <t>VELUX Wabenpl. el. FMC F08 1049KWL</t>
  </si>
  <si>
    <t>FMC F08 1155K</t>
  </si>
  <si>
    <t>5702329536127</t>
  </si>
  <si>
    <t>VELUX Wabenpl. el. FMC F08 1155K</t>
  </si>
  <si>
    <t>FMC F08 1155KWL</t>
  </si>
  <si>
    <t>5702329543804</t>
  </si>
  <si>
    <t>VELUX Wabenpl. el. FMC F08 1155KWL</t>
  </si>
  <si>
    <t>FMC F08 1156K</t>
  </si>
  <si>
    <t>5702329536134</t>
  </si>
  <si>
    <t>VELUX Wabenpl. el. FMC F08 1156K</t>
  </si>
  <si>
    <t>FMC F08 1156KWL</t>
  </si>
  <si>
    <t>5702329543811</t>
  </si>
  <si>
    <t>VELUX Wabenpl. el. FMC F08 1156KWL</t>
  </si>
  <si>
    <t>FMC F08 1163K</t>
  </si>
  <si>
    <t>5702329536141</t>
  </si>
  <si>
    <t>VELUX Wabenpl. el. FMC F08 1163K</t>
  </si>
  <si>
    <t>FMC F08 1163KWL</t>
  </si>
  <si>
    <t>5702329543828</t>
  </si>
  <si>
    <t>VELUX Wabenpl. el. FMC F08 1163KWL</t>
  </si>
  <si>
    <t>FMC F08 1164K</t>
  </si>
  <si>
    <t>5702329536158</t>
  </si>
  <si>
    <t>VELUX Wabenpl. el. FMC F08 1164K</t>
  </si>
  <si>
    <t>FMC F08 1164KWL</t>
  </si>
  <si>
    <t>5702329543835</t>
  </si>
  <si>
    <t>VELUX Wabenpl. el. FMC F08 1164KWL</t>
  </si>
  <si>
    <t>FMC F08 1165K</t>
  </si>
  <si>
    <t>5702329536165</t>
  </si>
  <si>
    <t>VELUX Wabenpl. el. FMC F08 1165K</t>
  </si>
  <si>
    <t>FMC F08 1165KWL</t>
  </si>
  <si>
    <t>5702329543842</t>
  </si>
  <si>
    <t>VELUX Wabenpl. el. FMC F08 1165KWL</t>
  </si>
  <si>
    <t>FMC F08 1166K</t>
  </si>
  <si>
    <t>5702329536172</t>
  </si>
  <si>
    <t>VELUX Wabenpl. el. FMC F08 1166K</t>
  </si>
  <si>
    <t>FMC F08 1166KWL</t>
  </si>
  <si>
    <t>5702329543859</t>
  </si>
  <si>
    <t>VELUX Wabenpl. el. FMC F08 1166KWL</t>
  </si>
  <si>
    <t>FMC F08 1167K</t>
  </si>
  <si>
    <t>5702329536189</t>
  </si>
  <si>
    <t>VELUX Wabenpl. el. FMC F08 1167K</t>
  </si>
  <si>
    <t>FMC F08 1167KWL</t>
  </si>
  <si>
    <t>5702329543866</t>
  </si>
  <si>
    <t>VELUX Wabenpl. el. FMC F08 1167KWL</t>
  </si>
  <si>
    <t>FMC F08 1168K</t>
  </si>
  <si>
    <t>5702329536196</t>
  </si>
  <si>
    <t>VELUX Wabenpl. el. FMC F08 1168K</t>
  </si>
  <si>
    <t>FMC F08 1168KWL</t>
  </si>
  <si>
    <t>5702329543873</t>
  </si>
  <si>
    <t>VELUX Wabenpl. el. FMC F08 1168KWL</t>
  </si>
  <si>
    <t>FMC F08 1169K</t>
  </si>
  <si>
    <t>5702329536202</t>
  </si>
  <si>
    <t>VELUX Wabenpl. el. FMC F08 1169K</t>
  </si>
  <si>
    <t>FMC F08 1169KWL</t>
  </si>
  <si>
    <t>5702329543880</t>
  </si>
  <si>
    <t>VELUX Wabenpl. el. FMC F08 1169KWL</t>
  </si>
  <si>
    <t>FMC F08 1170KWL</t>
  </si>
  <si>
    <t>5702329543897</t>
  </si>
  <si>
    <t>VELUX Wabenpl. el. FMC F08 1170KWL</t>
  </si>
  <si>
    <t>FMC F08 1171K</t>
  </si>
  <si>
    <t>5702329536226</t>
  </si>
  <si>
    <t>VELUX Wabenpl. el. FMC F08 1171K</t>
  </si>
  <si>
    <t>FMC F08 1171KWL</t>
  </si>
  <si>
    <t>5702329543903</t>
  </si>
  <si>
    <t>VELUX Wabenpl. el. FMC F08 1171KWL</t>
  </si>
  <si>
    <t>FMC F08 1172K</t>
  </si>
  <si>
    <t>5702329536233</t>
  </si>
  <si>
    <t>VELUX Wabenpl. el. FMC F08 1172K</t>
  </si>
  <si>
    <t>FMC F08 1172KWL</t>
  </si>
  <si>
    <t>5702329543910</t>
  </si>
  <si>
    <t>VELUX Wabenpl. el. FMC F08 1172KWL</t>
  </si>
  <si>
    <t>FMC F08 1173K</t>
  </si>
  <si>
    <t>5702329536240</t>
  </si>
  <si>
    <t>VELUX Wabenpl. el. FMC F08 1173K</t>
  </si>
  <si>
    <t>FMC F08 1173KWL</t>
  </si>
  <si>
    <t>5702329543927</t>
  </si>
  <si>
    <t>VELUX Wabenpl. el. FMC F08 1173KWL</t>
  </si>
  <si>
    <t>FMC FK04 1047K</t>
  </si>
  <si>
    <t>5702329536264</t>
  </si>
  <si>
    <t>VELUX Wabenpl. el. FMC FK04 1047K</t>
  </si>
  <si>
    <t>FMC FK04 1049KWL</t>
  </si>
  <si>
    <t>5702329543958</t>
  </si>
  <si>
    <t>VELUX Wabenpl. el. FMC FK04 1049KWL</t>
  </si>
  <si>
    <t>FMC FK04 1155K</t>
  </si>
  <si>
    <t>5702329536288</t>
  </si>
  <si>
    <t>VELUX Wabenpl. el. FMC FK04 1155K</t>
  </si>
  <si>
    <t>FMC FK04 1163KWL</t>
  </si>
  <si>
    <t>5702329543989</t>
  </si>
  <si>
    <t>VELUX Wabenpl. el. FMC FK04 1163KWL</t>
  </si>
  <si>
    <t>FMC FK04 1164K</t>
  </si>
  <si>
    <t>5702329536318</t>
  </si>
  <si>
    <t>VELUX Wabenpl. el. FMC FK04 1164K</t>
  </si>
  <si>
    <t>FMC FK04 1164KWL</t>
  </si>
  <si>
    <t>5702329543996</t>
  </si>
  <si>
    <t>VELUX Wabenpl. el. FMC FK04 1164KWL</t>
  </si>
  <si>
    <t>FMC FK04 1165K</t>
  </si>
  <si>
    <t>5702329536325</t>
  </si>
  <si>
    <t>VELUX Wabenpl. el. FMC FK04 1165K</t>
  </si>
  <si>
    <t>FMC FK04 1165KWL</t>
  </si>
  <si>
    <t>5702329544009</t>
  </si>
  <si>
    <t>VELUX Wabenpl. el. FMC FK04 1165KWL</t>
  </si>
  <si>
    <t>FMC FK04 1167K</t>
  </si>
  <si>
    <t>5702329536349</t>
  </si>
  <si>
    <t>VELUX Wabenpl. el. FMC FK04 1167K</t>
  </si>
  <si>
    <t>FMC FK04 1167KWL</t>
  </si>
  <si>
    <t>5702329544023</t>
  </si>
  <si>
    <t>VELUX Wabenpl. el. FMC FK04 1167KWL</t>
  </si>
  <si>
    <t>FMC FK04 1168K</t>
  </si>
  <si>
    <t>5702329536356</t>
  </si>
  <si>
    <t>VELUX Wabenpl. el. FMC FK04 1168K</t>
  </si>
  <si>
    <t>FMC FK04 1168KWL</t>
  </si>
  <si>
    <t>5702329544030</t>
  </si>
  <si>
    <t>VELUX Wabenpl. el. FMC FK04 1168KWL</t>
  </si>
  <si>
    <t>FMC FK04 1169K</t>
  </si>
  <si>
    <t>5702329536363</t>
  </si>
  <si>
    <t>VELUX Wabenpl. el. FMC FK04 1169K</t>
  </si>
  <si>
    <t>FMC FK04 1169KWL</t>
  </si>
  <si>
    <t>5702329544047</t>
  </si>
  <si>
    <t>VELUX Wabenpl. el. FMC FK04 1169KWL</t>
  </si>
  <si>
    <t>FMC FK04 1170K</t>
  </si>
  <si>
    <t>5702329536370</t>
  </si>
  <si>
    <t>VELUX Wabenpl. el. FMC FK04 1170K</t>
  </si>
  <si>
    <t>FMC FK04 1170KWL</t>
  </si>
  <si>
    <t>5702329544054</t>
  </si>
  <si>
    <t>VELUX Wabenpl. el. FMC FK04 1170KWL</t>
  </si>
  <si>
    <t>FMC FK04 1172K</t>
  </si>
  <si>
    <t>5702329536394</t>
  </si>
  <si>
    <t>VELUX Wabenpl. el. FMC FK04 1172K</t>
  </si>
  <si>
    <t>FMC FK04 1173K</t>
  </si>
  <si>
    <t>5702329536400</t>
  </si>
  <si>
    <t>VELUX Wabenpl. el. FMC FK04 1173K</t>
  </si>
  <si>
    <t>FMC FK04 1173KWL</t>
  </si>
  <si>
    <t>5702329544085</t>
  </si>
  <si>
    <t>VELUX Wabenpl. el. FMC FK04 1173KWL</t>
  </si>
  <si>
    <t>FMC FK06 1049K</t>
  </si>
  <si>
    <t>5702329536431</t>
  </si>
  <si>
    <t>VELUX Wabenpl. el. FMC FK06 1049K</t>
  </si>
  <si>
    <t>FMC FK06 1049KWL</t>
  </si>
  <si>
    <t>5702329544115</t>
  </si>
  <si>
    <t>VELUX Wabenpl. el. FMC FK06 1049KWL</t>
  </si>
  <si>
    <t>FMC FK06 1164KWL</t>
  </si>
  <si>
    <t>5702329544153</t>
  </si>
  <si>
    <t>VELUX Wabenpl. el. FMC FK06 1164KWL</t>
  </si>
  <si>
    <t>FMC FK06 1165K</t>
  </si>
  <si>
    <t>5702329536486</t>
  </si>
  <si>
    <t>VELUX Wabenpl. el. FMC FK06 1165K</t>
  </si>
  <si>
    <t>FMC FK06 1165KWL</t>
  </si>
  <si>
    <t>5702329544160</t>
  </si>
  <si>
    <t>VELUX Wabenpl. el. FMC FK06 1165KWL</t>
  </si>
  <si>
    <t>FMC FK06 1167KWL</t>
  </si>
  <si>
    <t>5702329544184</t>
  </si>
  <si>
    <t>VELUX Wabenpl. el. FMC FK06 1167KWL</t>
  </si>
  <si>
    <t>FMC FK06 1169K</t>
  </si>
  <si>
    <t>5702329536523</t>
  </si>
  <si>
    <t>VELUX Wabenpl. el. FMC FK06 1169K</t>
  </si>
  <si>
    <t>FMC FK06 1171K</t>
  </si>
  <si>
    <t>5702329536547</t>
  </si>
  <si>
    <t>VELUX Wabenpl. el. FMC FK06 1171K</t>
  </si>
  <si>
    <t>FMC FK08 1049KWL</t>
  </si>
  <si>
    <t>5702329544276</t>
  </si>
  <si>
    <t>VELUX Wabenpl. el. FMC FK08 1049KWL</t>
  </si>
  <si>
    <t>FMC FK08 1156K</t>
  </si>
  <si>
    <t>5702329536615</t>
  </si>
  <si>
    <t>VELUX Wabenpl. el. FMC FK08 1156K</t>
  </si>
  <si>
    <t>FMC FK08 1156KWL</t>
  </si>
  <si>
    <t>5702329544290</t>
  </si>
  <si>
    <t>VELUX Wabenpl. el. FMC FK08 1156KWL</t>
  </si>
  <si>
    <t>FMC FK08 1164K</t>
  </si>
  <si>
    <t>5702329536639</t>
  </si>
  <si>
    <t>VELUX Wabenpl. el. FMC FK08 1164K</t>
  </si>
  <si>
    <t>FMC FK08 1164KWL</t>
  </si>
  <si>
    <t>5702329544313</t>
  </si>
  <si>
    <t>VELUX Wabenpl. el. FMC FK08 1164KWL</t>
  </si>
  <si>
    <t>FMC FK08 1165K</t>
  </si>
  <si>
    <t>5702329536646</t>
  </si>
  <si>
    <t>VELUX Wabenpl. el. FMC FK08 1165K</t>
  </si>
  <si>
    <t>FMC FK08 1165KWL</t>
  </si>
  <si>
    <t>5702329544320</t>
  </si>
  <si>
    <t>VELUX Wabenpl. el. FMC FK08 1165KWL</t>
  </si>
  <si>
    <t>FMC FK08 1166K</t>
  </si>
  <si>
    <t>5702329536653</t>
  </si>
  <si>
    <t>VELUX Wabenpl. el. FMC FK08 1166K</t>
  </si>
  <si>
    <t>FMC FK08 1166KWL</t>
  </si>
  <si>
    <t>5702329544337</t>
  </si>
  <si>
    <t>VELUX Wabenpl. el. FMC FK08 1166KWL</t>
  </si>
  <si>
    <t>FMC FK08 1167K</t>
  </si>
  <si>
    <t>5702329536660</t>
  </si>
  <si>
    <t>VELUX Wabenpl. el. FMC FK08 1167K</t>
  </si>
  <si>
    <t>FMC FK08 1168K</t>
  </si>
  <si>
    <t>5702329536677</t>
  </si>
  <si>
    <t>VELUX Wabenpl. el. FMC FK08 1168K</t>
  </si>
  <si>
    <t>FMC FK08 1169K</t>
  </si>
  <si>
    <t>5702329536684</t>
  </si>
  <si>
    <t>VELUX Wabenpl. el. FMC FK08 1169K</t>
  </si>
  <si>
    <t>FMC FK08 1169KWL</t>
  </si>
  <si>
    <t>5702329544368</t>
  </si>
  <si>
    <t>VELUX Wabenpl. el. FMC FK08 1169KWL</t>
  </si>
  <si>
    <t>FMC FK08 1170K</t>
  </si>
  <si>
    <t>5702329536691</t>
  </si>
  <si>
    <t>VELUX Wabenpl. el. FMC FK08 1170K</t>
  </si>
  <si>
    <t>FMC FK08 1170KWL</t>
  </si>
  <si>
    <t>5702329544375</t>
  </si>
  <si>
    <t>VELUX Wabenpl. el. FMC FK08 1170KWL</t>
  </si>
  <si>
    <t>FMC FK08 1172K</t>
  </si>
  <si>
    <t>5702329536714</t>
  </si>
  <si>
    <t>VELUX Wabenpl. el. FMC FK08 1172K</t>
  </si>
  <si>
    <t>FMC FK08 1172KWL</t>
  </si>
  <si>
    <t>5702329544399</t>
  </si>
  <si>
    <t>VELUX Wabenpl. el. FMC FK08 1172KWL</t>
  </si>
  <si>
    <t>FMC FK08 1173KWL</t>
  </si>
  <si>
    <t>5702329544405</t>
  </si>
  <si>
    <t>VELUX Wabenpl. el. FMC FK08 1173KWL</t>
  </si>
  <si>
    <t>FMC M04 1049K</t>
  </si>
  <si>
    <t>5702329536752</t>
  </si>
  <si>
    <t>VELUX Wabenpl. el. FMC M04 1049K</t>
  </si>
  <si>
    <t>FMC M04 1049KWL</t>
  </si>
  <si>
    <t>5702329544436</t>
  </si>
  <si>
    <t>VELUX Wabenpl. el. FMC M04 1049KWL</t>
  </si>
  <si>
    <t>FMC M04 1163KWL</t>
  </si>
  <si>
    <t>5702329544467</t>
  </si>
  <si>
    <t>VELUX Wabenpl. el. FMC M04 1163KWL</t>
  </si>
  <si>
    <t>FMC M04 1164K</t>
  </si>
  <si>
    <t>5702329536790</t>
  </si>
  <si>
    <t>VELUX Wabenpl. el. FMC M04 1164K</t>
  </si>
  <si>
    <t>FMC M04 1164KWL</t>
  </si>
  <si>
    <t>5702329544474</t>
  </si>
  <si>
    <t>VELUX Wabenpl. el. FMC M04 1164KWL</t>
  </si>
  <si>
    <t>FMC M04 1165K</t>
  </si>
  <si>
    <t>5702329536806</t>
  </si>
  <si>
    <t>VELUX Wabenpl. el. FMC M04 1165K</t>
  </si>
  <si>
    <t>FMC M04 1165KWL</t>
  </si>
  <si>
    <t>5702329544481</t>
  </si>
  <si>
    <t>VELUX Wabenpl. el. FMC M04 1165KWL</t>
  </si>
  <si>
    <t>FMC M04 1167K</t>
  </si>
  <si>
    <t>5702329536820</t>
  </si>
  <si>
    <t>VELUX Wabenpl. el. FMC M04 1167K</t>
  </si>
  <si>
    <t>FMC M04 1167KWL</t>
  </si>
  <si>
    <t>5702329544504</t>
  </si>
  <si>
    <t>VELUX Wabenpl. el. FMC M04 1167KWL</t>
  </si>
  <si>
    <t>FMC M04 1170K</t>
  </si>
  <si>
    <t>5702329536851</t>
  </si>
  <si>
    <t>VELUX Wabenpl. el. FMC M04 1170K</t>
  </si>
  <si>
    <t>FMC M04 1170KWL</t>
  </si>
  <si>
    <t>5702329544535</t>
  </si>
  <si>
    <t>VELUX Wabenpl. el. FMC M04 1170KWL</t>
  </si>
  <si>
    <t>FMC M04 1171K</t>
  </si>
  <si>
    <t>5702329536868</t>
  </si>
  <si>
    <t>VELUX Wabenpl. el. FMC M04 1171K</t>
  </si>
  <si>
    <t>FMC M04 1172KWL</t>
  </si>
  <si>
    <t>5702329544559</t>
  </si>
  <si>
    <t>VELUX Wabenpl. el. FMC M04 1172KWL</t>
  </si>
  <si>
    <t>FMC M04 1173K</t>
  </si>
  <si>
    <t>5702329536882</t>
  </si>
  <si>
    <t>VELUX Wabenpl. el. FMC M04 1173K</t>
  </si>
  <si>
    <t>FMC M04 1173KWL</t>
  </si>
  <si>
    <t>5702329544566</t>
  </si>
  <si>
    <t>VELUX Wabenpl. el. FMC M04 1173KWL</t>
  </si>
  <si>
    <t>FMC M06 1045K</t>
  </si>
  <si>
    <t>5702329536899</t>
  </si>
  <si>
    <t>VELUX Wabenpl. el. FMC M06 1045K</t>
  </si>
  <si>
    <t>FMC M06 1049KWL</t>
  </si>
  <si>
    <t>5702329544597</t>
  </si>
  <si>
    <t>VELUX Wabenpl. el. FMC M06 1049KWL</t>
  </si>
  <si>
    <t>FMC M06 1155KWL</t>
  </si>
  <si>
    <t>5702329544603</t>
  </si>
  <si>
    <t>VELUX Wabenpl. el. FMC M06 1155KWL</t>
  </si>
  <si>
    <t>FMC M06 1156K</t>
  </si>
  <si>
    <t>5702329536936</t>
  </si>
  <si>
    <t>VELUX Wabenpl. el. FMC M06 1156K</t>
  </si>
  <si>
    <t>FMC M06 1156KWL</t>
  </si>
  <si>
    <t>5702329544610</t>
  </si>
  <si>
    <t>VELUX Wabenpl. el. FMC M06 1156KWL</t>
  </si>
  <si>
    <t>FMC M06 1163K</t>
  </si>
  <si>
    <t>5702329536943</t>
  </si>
  <si>
    <t>VELUX Wabenpl. el. FMC M06 1163K</t>
  </si>
  <si>
    <t>FMC M06 1163KWL</t>
  </si>
  <si>
    <t>5702329544627</t>
  </si>
  <si>
    <t>VELUX Wabenpl. el. FMC M06 1163KWL</t>
  </si>
  <si>
    <t>FMC M06 1164K</t>
  </si>
  <si>
    <t>5702329536950</t>
  </si>
  <si>
    <t>VELUX Wabenpl. el. FMC M06 1164K</t>
  </si>
  <si>
    <t>FMC M06 1164KWL</t>
  </si>
  <si>
    <t>5702329544634</t>
  </si>
  <si>
    <t>VELUX Wabenpl. el. FMC M06 1164KWL</t>
  </si>
  <si>
    <t>FMC M06 1165KWL</t>
  </si>
  <si>
    <t>5702329544641</t>
  </si>
  <si>
    <t>VELUX Wabenpl. el. FMC M06 1165KWL</t>
  </si>
  <si>
    <t>FMC M06 1166KWL</t>
  </si>
  <si>
    <t>5702329544658</t>
  </si>
  <si>
    <t>VELUX Wabenpl. el. FMC M06 1166KWL</t>
  </si>
  <si>
    <t>FMC M06 1167K</t>
  </si>
  <si>
    <t>5702329536981</t>
  </si>
  <si>
    <t>VELUX Wabenpl. el. FMC M06 1167K</t>
  </si>
  <si>
    <t>FMC M06 1167KWL</t>
  </si>
  <si>
    <t>5702329544665</t>
  </si>
  <si>
    <t>VELUX Wabenpl. el. FMC M06 1167KWL</t>
  </si>
  <si>
    <t>FMC M06 1168K</t>
  </si>
  <si>
    <t>5702329536998</t>
  </si>
  <si>
    <t>VELUX Wabenpl. el. FMC M06 1168K</t>
  </si>
  <si>
    <t>FMC M06 1169K</t>
  </si>
  <si>
    <t>5702329537001</t>
  </si>
  <si>
    <t>VELUX Wabenpl. el. FMC M06 1169K</t>
  </si>
  <si>
    <t>FMC M06 1169KWL</t>
  </si>
  <si>
    <t>5702329544689</t>
  </si>
  <si>
    <t>VELUX Wabenpl. el. FMC M06 1169KWL</t>
  </si>
  <si>
    <t>FMC M06 1171K</t>
  </si>
  <si>
    <t>5702329537025</t>
  </si>
  <si>
    <t>VELUX Wabenpl. el. FMC M06 1171K</t>
  </si>
  <si>
    <t>FMC M06 1171KWL</t>
  </si>
  <si>
    <t>5702329544702</t>
  </si>
  <si>
    <t>VELUX Wabenpl. el. FMC M06 1171KWL</t>
  </si>
  <si>
    <t>FMC M06 1173K</t>
  </si>
  <si>
    <t>5702329537049</t>
  </si>
  <si>
    <t>VELUX Wabenpl. el. FMC M06 1173K</t>
  </si>
  <si>
    <t>FMC M06 1173KWL</t>
  </si>
  <si>
    <t>5702329544726</t>
  </si>
  <si>
    <t>VELUX Wabenpl. el. FMC M06 1173KWL</t>
  </si>
  <si>
    <t>FMC M08 1049KWL</t>
  </si>
  <si>
    <t>5702329544757</t>
  </si>
  <si>
    <t>VELUX Wabenpl. el. FMC M08 1049KWL</t>
  </si>
  <si>
    <t>FMC M08 1156K</t>
  </si>
  <si>
    <t>5702329537094</t>
  </si>
  <si>
    <t>VELUX Wabenpl. el. FMC M08 1156K</t>
  </si>
  <si>
    <t>FMC M08 1156KWL</t>
  </si>
  <si>
    <t>5702329544771</t>
  </si>
  <si>
    <t>VELUX Wabenpl. el. FMC M08 1156KWL</t>
  </si>
  <si>
    <t>FMC M08 1164K</t>
  </si>
  <si>
    <t>5702329537117</t>
  </si>
  <si>
    <t>VELUX Wabenpl. el. FMC M08 1164K</t>
  </si>
  <si>
    <t>FMC M08 1164KWL</t>
  </si>
  <si>
    <t>5702329544795</t>
  </si>
  <si>
    <t>VELUX Wabenpl. el. FMC M08 1164KWL</t>
  </si>
  <si>
    <t>FMC M08 1165KWL</t>
  </si>
  <si>
    <t>5702329544801</t>
  </si>
  <si>
    <t>VELUX Wabenpl. el. FMC M08 1165KWL</t>
  </si>
  <si>
    <t>FMC M08 1166KWL</t>
  </si>
  <si>
    <t>5702329544818</t>
  </si>
  <si>
    <t>VELUX Wabenpl. el. FMC M08 1166KWL</t>
  </si>
  <si>
    <t>FMC M08 1167K</t>
  </si>
  <si>
    <t>5702329537148</t>
  </si>
  <si>
    <t>VELUX Wabenpl. el. FMC M08 1167K</t>
  </si>
  <si>
    <t>FMC M08 1167KWL</t>
  </si>
  <si>
    <t>5702329544825</t>
  </si>
  <si>
    <t>VELUX Wabenpl. el. FMC M08 1167KWL</t>
  </si>
  <si>
    <t>FMC M08 1168KWL</t>
  </si>
  <si>
    <t>5702329544832</t>
  </si>
  <si>
    <t>VELUX Wabenpl. el. FMC M08 1168KWL</t>
  </si>
  <si>
    <t>FMC M08 1169K</t>
  </si>
  <si>
    <t>5702329537162</t>
  </si>
  <si>
    <t>VELUX Wabenpl. el. FMC M08 1169K</t>
  </si>
  <si>
    <t>FMC M08 1170K</t>
  </si>
  <si>
    <t>5702329537179</t>
  </si>
  <si>
    <t>VELUX Wabenpl. el. FMC M08 1170K</t>
  </si>
  <si>
    <t>FMC M08 1171K</t>
  </si>
  <si>
    <t>5702329537186</t>
  </si>
  <si>
    <t>VELUX Wabenpl. el. FMC M08 1171K</t>
  </si>
  <si>
    <t>FMC M08 1171KWL</t>
  </si>
  <si>
    <t>5702329544863</t>
  </si>
  <si>
    <t>VELUX Wabenpl. el. FMC M08 1171KWL</t>
  </si>
  <si>
    <t>FMC M08 1173KWL</t>
  </si>
  <si>
    <t>5702329544887</t>
  </si>
  <si>
    <t>VELUX Wabenpl. el. FMC M08 1173KWL</t>
  </si>
  <si>
    <t>FMC M10 1045KWL</t>
  </si>
  <si>
    <t>5702329544894</t>
  </si>
  <si>
    <t>VELUX Wabenpl. el. FMC M10 1045KWL</t>
  </si>
  <si>
    <t>FMC M10 1047K</t>
  </si>
  <si>
    <t>5702329537223</t>
  </si>
  <si>
    <t>VELUX Wabenpl. el. FMC M10 1047K</t>
  </si>
  <si>
    <t>FMC M10 1047KWL</t>
  </si>
  <si>
    <t>5702329544900</t>
  </si>
  <si>
    <t>VELUX Wabenpl. el. FMC M10 1047KWL</t>
  </si>
  <si>
    <t>FMC M10 1049K</t>
  </si>
  <si>
    <t>5702329537230</t>
  </si>
  <si>
    <t>VELUX Wabenpl. el. FMC M10 1049K</t>
  </si>
  <si>
    <t>FMC M10 1049KWL</t>
  </si>
  <si>
    <t>5702329544917</t>
  </si>
  <si>
    <t>VELUX Wabenpl. el. FMC M10 1049KWL</t>
  </si>
  <si>
    <t>FMC M10 1155K</t>
  </si>
  <si>
    <t>5702329537247</t>
  </si>
  <si>
    <t>VELUX Wabenpl. el. FMC M10 1155K</t>
  </si>
  <si>
    <t>FMC M10 1155KWL</t>
  </si>
  <si>
    <t>5702329544924</t>
  </si>
  <si>
    <t>VELUX Wabenpl. el. FMC M10 1155KWL</t>
  </si>
  <si>
    <t>FMC M10 1156K</t>
  </si>
  <si>
    <t>5702329537254</t>
  </si>
  <si>
    <t>VELUX Wabenpl. el. FMC M10 1156K</t>
  </si>
  <si>
    <t>FMC M10 1156KWL</t>
  </si>
  <si>
    <t>5702329544931</t>
  </si>
  <si>
    <t>VELUX Wabenpl. el. FMC M10 1156KWL</t>
  </si>
  <si>
    <t>FMC M10 1163K</t>
  </si>
  <si>
    <t>5702329537261</t>
  </si>
  <si>
    <t>VELUX Wabenpl. el. FMC M10 1163K</t>
  </si>
  <si>
    <t>FMC M10 1163KWL</t>
  </si>
  <si>
    <t>5702329544948</t>
  </si>
  <si>
    <t>VELUX Wabenpl. el. FMC M10 1163KWL</t>
  </si>
  <si>
    <t>FMC M10 1164K</t>
  </si>
  <si>
    <t>5702329537278</t>
  </si>
  <si>
    <t>VELUX Wabenpl. el. FMC M10 1164K</t>
  </si>
  <si>
    <t>FMC M10 1164KWL</t>
  </si>
  <si>
    <t>5702329544955</t>
  </si>
  <si>
    <t>VELUX Wabenpl. el. FMC M10 1164KWL</t>
  </si>
  <si>
    <t>FMC M10 1165K</t>
  </si>
  <si>
    <t>5702329537285</t>
  </si>
  <si>
    <t>VELUX Wabenpl. el. FMC M10 1165K</t>
  </si>
  <si>
    <t>FMC M10 1165KWL</t>
  </si>
  <si>
    <t>5702329544962</t>
  </si>
  <si>
    <t>VELUX Wabenpl. el. FMC M10 1165KWL</t>
  </si>
  <si>
    <t>FMC M10 1166K</t>
  </si>
  <si>
    <t>5702329537292</t>
  </si>
  <si>
    <t>VELUX Wabenpl. el. FMC M10 1166K</t>
  </si>
  <si>
    <t>FMC M10 1166KWL</t>
  </si>
  <si>
    <t>5702329544979</t>
  </si>
  <si>
    <t>VELUX Wabenpl. el. FMC M10 1166KWL</t>
  </si>
  <si>
    <t>FMC M10 1167K</t>
  </si>
  <si>
    <t>5702329537308</t>
  </si>
  <si>
    <t>VELUX Wabenpl. el. FMC M10 1167K</t>
  </si>
  <si>
    <t>FMC M10 1167KWL</t>
  </si>
  <si>
    <t>5702329544986</t>
  </si>
  <si>
    <t>VELUX Wabenpl. el. FMC M10 1167KWL</t>
  </si>
  <si>
    <t>FMC M10 1168K</t>
  </si>
  <si>
    <t>5702329537315</t>
  </si>
  <si>
    <t>VELUX Wabenpl. el. FMC M10 1168K</t>
  </si>
  <si>
    <t>FMC M10 1168KWL</t>
  </si>
  <si>
    <t>5702329544993</t>
  </si>
  <si>
    <t>VELUX Wabenpl. el. FMC M10 1168KWL</t>
  </si>
  <si>
    <t>FMC M10 1169K</t>
  </si>
  <si>
    <t>5702329537322</t>
  </si>
  <si>
    <t>VELUX Wabenpl. el. FMC M10 1169K</t>
  </si>
  <si>
    <t>FMC M10 1169KWL</t>
  </si>
  <si>
    <t>5702329545006</t>
  </si>
  <si>
    <t>VELUX Wabenpl. el. FMC M10 1169KWL</t>
  </si>
  <si>
    <t>FMC M10 1170K</t>
  </si>
  <si>
    <t>5702329537339</t>
  </si>
  <si>
    <t>VELUX Wabenpl. el. FMC M10 1170K</t>
  </si>
  <si>
    <t>FMC M10 1170KWL</t>
  </si>
  <si>
    <t>5702329545013</t>
  </si>
  <si>
    <t>VELUX Wabenpl. el. FMC M10 1170KWL</t>
  </si>
  <si>
    <t>FMC M10 1171K</t>
  </si>
  <si>
    <t>5702329537346</t>
  </si>
  <si>
    <t>VELUX Wabenpl. el. FMC M10 1171K</t>
  </si>
  <si>
    <t>FMC M10 1171KWL</t>
  </si>
  <si>
    <t>5702329545020</t>
  </si>
  <si>
    <t>VELUX Wabenpl. el. FMC M10 1171KWL</t>
  </si>
  <si>
    <t>FMC M10 1172KWL</t>
  </si>
  <si>
    <t>5702329545037</t>
  </si>
  <si>
    <t>VELUX Wabenpl. el. FMC M10 1172KWL</t>
  </si>
  <si>
    <t>FMC M10 1173K</t>
  </si>
  <si>
    <t>5702329537360</t>
  </si>
  <si>
    <t>VELUX Wabenpl. el. FMC M10 1173K</t>
  </si>
  <si>
    <t>FMC M10 1173KWL</t>
  </si>
  <si>
    <t>5702329545044</t>
  </si>
  <si>
    <t>VELUX Wabenpl. el. FMC M10 1173KWL</t>
  </si>
  <si>
    <t>FMC MK04 1168K</t>
  </si>
  <si>
    <t>5702329537636</t>
  </si>
  <si>
    <t>VELUX Wabenpl. el. FMC MK04 1168K</t>
  </si>
  <si>
    <t>FMC MK06 1165KWL</t>
  </si>
  <si>
    <t>5702329545440</t>
  </si>
  <si>
    <t>VELUX Wabenpl. el. FMC MK06 1165KWL</t>
  </si>
  <si>
    <t>FMC MK06 1167K</t>
  </si>
  <si>
    <t>5702329537780</t>
  </si>
  <si>
    <t>VELUX Wabenpl. el. FMC MK06 1167K</t>
  </si>
  <si>
    <t>FMC MK06 1169K</t>
  </si>
  <si>
    <t>5702329537803</t>
  </si>
  <si>
    <t>VELUX Wabenpl. el. FMC MK06 1169K</t>
  </si>
  <si>
    <t>FMC MK08 1165K</t>
  </si>
  <si>
    <t>5702329537926</t>
  </si>
  <si>
    <t>VELUX Wabenpl. el. FMC MK08 1165K</t>
  </si>
  <si>
    <t>FMC MK08 1167K</t>
  </si>
  <si>
    <t>5702329537940</t>
  </si>
  <si>
    <t>VELUX Wabenpl. el. FMC MK08 1167K</t>
  </si>
  <si>
    <t>FMC MK08 1171K</t>
  </si>
  <si>
    <t>5702329537988</t>
  </si>
  <si>
    <t>VELUX Wabenpl. el. FMC MK08 1171K</t>
  </si>
  <si>
    <t>FMC MK08 1173K</t>
  </si>
  <si>
    <t>5702329538008</t>
  </si>
  <si>
    <t>VELUX Wabenpl. el. FMC MK08 1173K</t>
  </si>
  <si>
    <t>FMC MK10 1047K</t>
  </si>
  <si>
    <t>5702329538022</t>
  </si>
  <si>
    <t>VELUX Wabenpl. el. FMC MK10 1047K</t>
  </si>
  <si>
    <t>FMC MK10 1049KWL</t>
  </si>
  <si>
    <t>5702329545716</t>
  </si>
  <si>
    <t>VELUX Wabenpl. el. FMC MK10 1049KWL</t>
  </si>
  <si>
    <t>FMC MK10 1164K</t>
  </si>
  <si>
    <t>5702329538077</t>
  </si>
  <si>
    <t>VELUX Wabenpl. el. FMC MK10 1164K</t>
  </si>
  <si>
    <t>FMC MK10 1165K</t>
  </si>
  <si>
    <t>5702329538084</t>
  </si>
  <si>
    <t>VELUX Wabenpl. el. FMC MK10 1165K</t>
  </si>
  <si>
    <t>FMC MK10 1165KWL</t>
  </si>
  <si>
    <t>5702329545761</t>
  </si>
  <si>
    <t>VELUX Wabenpl. el. FMC MK10 1165KWL</t>
  </si>
  <si>
    <t>FMC MK10 1166K</t>
  </si>
  <si>
    <t>5702329538091</t>
  </si>
  <si>
    <t>VELUX Wabenpl. el. FMC MK10 1166K</t>
  </si>
  <si>
    <t>FMC MK10 1167K</t>
  </si>
  <si>
    <t>5702329538107</t>
  </si>
  <si>
    <t>VELUX Wabenpl. el. FMC MK10 1167K</t>
  </si>
  <si>
    <t>FMC MK10 1167KWL</t>
  </si>
  <si>
    <t>5702329545785</t>
  </si>
  <si>
    <t>VELUX Wabenpl. el. FMC MK10 1167KWL</t>
  </si>
  <si>
    <t>FMC MK10 1168K</t>
  </si>
  <si>
    <t>5702329538114</t>
  </si>
  <si>
    <t>VELUX Wabenpl. el. FMC MK10 1168K</t>
  </si>
  <si>
    <t>FMC MK10 1169K</t>
  </si>
  <si>
    <t>5702329538121</t>
  </si>
  <si>
    <t>VELUX Wabenpl. el. FMC MK10 1169K</t>
  </si>
  <si>
    <t>FMC MK10 1169KWL</t>
  </si>
  <si>
    <t>5702329545808</t>
  </si>
  <si>
    <t>VELUX Wabenpl. el. FMC MK10 1169KWL</t>
  </si>
  <si>
    <t>FMC MK10 1170K</t>
  </si>
  <si>
    <t>5702329538138</t>
  </si>
  <si>
    <t>VELUX Wabenpl. el. FMC MK10 1170K</t>
  </si>
  <si>
    <t>FMC MK10 1173K</t>
  </si>
  <si>
    <t>5702329538169</t>
  </si>
  <si>
    <t>VELUX Wabenpl. el. FMC MK10 1173K</t>
  </si>
  <si>
    <t>FMC MK12 1047K</t>
  </si>
  <si>
    <t>5702329538183</t>
  </si>
  <si>
    <t>VELUX Wabenpl. el. FMC MK12 1047K</t>
  </si>
  <si>
    <t>FMC MK12 1047KWL</t>
  </si>
  <si>
    <t>5702329545860</t>
  </si>
  <si>
    <t>VELUX Wabenpl. el. FMC MK12 1047KWL</t>
  </si>
  <si>
    <t>FMC MK12 1049K</t>
  </si>
  <si>
    <t>5702329538190</t>
  </si>
  <si>
    <t>VELUX Wabenpl. el. FMC MK12 1049K</t>
  </si>
  <si>
    <t>FMC MK12 1049KWL</t>
  </si>
  <si>
    <t>5702329545877</t>
  </si>
  <si>
    <t>VELUX Wabenpl. el. FMC MK12 1049KWL</t>
  </si>
  <si>
    <t>FMC MK12 1155K</t>
  </si>
  <si>
    <t>5702329538206</t>
  </si>
  <si>
    <t>VELUX Wabenpl. el. FMC MK12 1155K</t>
  </si>
  <si>
    <t>FMC MK12 1155KWL</t>
  </si>
  <si>
    <t>5702329545884</t>
  </si>
  <si>
    <t>VELUX Wabenpl. el. FMC MK12 1155KWL</t>
  </si>
  <si>
    <t>FMC MK12 1156K</t>
  </si>
  <si>
    <t>5702329538213</t>
  </si>
  <si>
    <t>VELUX Wabenpl. el. FMC MK12 1156K</t>
  </si>
  <si>
    <t>FMC MK12 1156KWL</t>
  </si>
  <si>
    <t>5702329545891</t>
  </si>
  <si>
    <t>VELUX Wabenpl. el. FMC MK12 1156KWL</t>
  </si>
  <si>
    <t>FMC MK12 1164K</t>
  </si>
  <si>
    <t>5702329538237</t>
  </si>
  <si>
    <t>VELUX Wabenpl. el. FMC MK12 1164K</t>
  </si>
  <si>
    <t>FMC MK12 1164KWL</t>
  </si>
  <si>
    <t>5702329545914</t>
  </si>
  <si>
    <t>VELUX Wabenpl. el. FMC MK12 1164KWL</t>
  </si>
  <si>
    <t>FMC MK12 1165K</t>
  </si>
  <si>
    <t>5702329538244</t>
  </si>
  <si>
    <t>VELUX Wabenpl. el. FMC MK12 1165K</t>
  </si>
  <si>
    <t>FMC MK12 1165KWL</t>
  </si>
  <si>
    <t>5702329545921</t>
  </si>
  <si>
    <t>VELUX Wabenpl. el. FMC MK12 1165KWL</t>
  </si>
  <si>
    <t>FMC MK12 1166K</t>
  </si>
  <si>
    <t>5702329538251</t>
  </si>
  <si>
    <t>VELUX Wabenpl. el. FMC MK12 1166K</t>
  </si>
  <si>
    <t>FMC MK12 1166KWL</t>
  </si>
  <si>
    <t>5702329545938</t>
  </si>
  <si>
    <t>VELUX Wabenpl. el. FMC MK12 1166KWL</t>
  </si>
  <si>
    <t>FMC MK12 1167K</t>
  </si>
  <si>
    <t>5702329538268</t>
  </si>
  <si>
    <t>VELUX Wabenpl. el. FMC MK12 1167K</t>
  </si>
  <si>
    <t>FMC MK12 1167KWL</t>
  </si>
  <si>
    <t>5702329545945</t>
  </si>
  <si>
    <t>VELUX Wabenpl. el. FMC MK12 1167KWL</t>
  </si>
  <si>
    <t>FMC MK12 1168K</t>
  </si>
  <si>
    <t>5702329538275</t>
  </si>
  <si>
    <t>VELUX Wabenpl. el. FMC MK12 1168K</t>
  </si>
  <si>
    <t>FMC MK12 1169K</t>
  </si>
  <si>
    <t>5702329538282</t>
  </si>
  <si>
    <t>VELUX Wabenpl. el. FMC MK12 1169K</t>
  </si>
  <si>
    <t>FMC MK12 1169KWL</t>
  </si>
  <si>
    <t>5702329545969</t>
  </si>
  <si>
    <t>VELUX Wabenpl. el. FMC MK12 1169KWL</t>
  </si>
  <si>
    <t>FMC MK12 1170K</t>
  </si>
  <si>
    <t>5702329538299</t>
  </si>
  <si>
    <t>VELUX Wabenpl. el. FMC MK12 1170K</t>
  </si>
  <si>
    <t>FMC MK12 1170KWL</t>
  </si>
  <si>
    <t>5702329545976</t>
  </si>
  <si>
    <t>VELUX Wabenpl. el. FMC MK12 1170KWL</t>
  </si>
  <si>
    <t>FMC MK12 1171K</t>
  </si>
  <si>
    <t>5702329538305</t>
  </si>
  <si>
    <t>VELUX Wabenpl. el. FMC MK12 1171K</t>
  </si>
  <si>
    <t>FMC MK12 1171KWL</t>
  </si>
  <si>
    <t>5702329545983</t>
  </si>
  <si>
    <t>VELUX Wabenpl. el. FMC MK12 1171KWL</t>
  </si>
  <si>
    <t>FMC MK12 1172K</t>
  </si>
  <si>
    <t>5702329538312</t>
  </si>
  <si>
    <t>VELUX Wabenpl. el. FMC MK12 1172K</t>
  </si>
  <si>
    <t>FMC MK12 1172KWL</t>
  </si>
  <si>
    <t>5702329545990</t>
  </si>
  <si>
    <t>VELUX Wabenpl. el. FMC MK12 1172KWL</t>
  </si>
  <si>
    <t>FMC MK12 1173K</t>
  </si>
  <si>
    <t>5702329538329</t>
  </si>
  <si>
    <t>VELUX Wabenpl. el. FMC MK12 1173K</t>
  </si>
  <si>
    <t>FMC MK12 1173KWL</t>
  </si>
  <si>
    <t>5702329546003</t>
  </si>
  <si>
    <t>VELUX Wabenpl. el. FMC MK12 1173KWL</t>
  </si>
  <si>
    <t>FMC P04 1045K</t>
  </si>
  <si>
    <t>5702329538336</t>
  </si>
  <si>
    <t>VELUX Wabenpl. el. FMC P04 1045K</t>
  </si>
  <si>
    <t>FMC P04 1045KWL</t>
  </si>
  <si>
    <t>5702329546010</t>
  </si>
  <si>
    <t>VELUX Wabenpl. el. FMC P04 1045KWL</t>
  </si>
  <si>
    <t>FMC P04 1047K</t>
  </si>
  <si>
    <t>5702329538343</t>
  </si>
  <si>
    <t>VELUX Wabenpl. el. FMC P04 1047K</t>
  </si>
  <si>
    <t>FMC P04 1047KWL</t>
  </si>
  <si>
    <t>5702329546027</t>
  </si>
  <si>
    <t>VELUX Wabenpl. el. FMC P04 1047KWL</t>
  </si>
  <si>
    <t>FMC P04 1049K</t>
  </si>
  <si>
    <t>5702329538350</t>
  </si>
  <si>
    <t>VELUX Wabenpl. el. FMC P04 1049K</t>
  </si>
  <si>
    <t>FMC P04 1049KWL</t>
  </si>
  <si>
    <t>5702329546034</t>
  </si>
  <si>
    <t>VELUX Wabenpl. el. FMC P04 1049KWL</t>
  </si>
  <si>
    <t>FMC P04 1155K</t>
  </si>
  <si>
    <t>5702329538367</t>
  </si>
  <si>
    <t>VELUX Wabenpl. el. FMC P04 1155K</t>
  </si>
  <si>
    <t>FMC P04 1155KWL</t>
  </si>
  <si>
    <t>5702329546041</t>
  </si>
  <si>
    <t>VELUX Wabenpl. el. FMC P04 1155KWL</t>
  </si>
  <si>
    <t>FMC P04 1156K</t>
  </si>
  <si>
    <t>5702329538374</t>
  </si>
  <si>
    <t>VELUX Wabenpl. el. FMC P04 1156K</t>
  </si>
  <si>
    <t>FMC P04 1156KWL</t>
  </si>
  <si>
    <t>5702329546058</t>
  </si>
  <si>
    <t>VELUX Wabenpl. el. FMC P04 1156KWL</t>
  </si>
  <si>
    <t>FMC P04 1163K</t>
  </si>
  <si>
    <t>5702329538381</t>
  </si>
  <si>
    <t>VELUX Wabenpl. el. FMC P04 1163K</t>
  </si>
  <si>
    <t>FMC P04 1163KWL</t>
  </si>
  <si>
    <t>5702329546065</t>
  </si>
  <si>
    <t>VELUX Wabenpl. el. FMC P04 1163KWL</t>
  </si>
  <si>
    <t>FMC P04 1164K</t>
  </si>
  <si>
    <t>5702329538398</t>
  </si>
  <si>
    <t>VELUX Wabenpl. el. FMC P04 1164K</t>
  </si>
  <si>
    <t>FMC P04 1164KWL</t>
  </si>
  <si>
    <t>5702329546072</t>
  </si>
  <si>
    <t>VELUX Wabenpl. el. FMC P04 1164KWL</t>
  </si>
  <si>
    <t>FMC P04 1165K</t>
  </si>
  <si>
    <t>5702329538404</t>
  </si>
  <si>
    <t>VELUX Wabenpl. el. FMC P04 1165K</t>
  </si>
  <si>
    <t>FMC P04 1165KWL</t>
  </si>
  <si>
    <t>5702329546089</t>
  </si>
  <si>
    <t>VELUX Wabenpl. el. FMC P04 1165KWL</t>
  </si>
  <si>
    <t>FMC P04 1166K</t>
  </si>
  <si>
    <t>5702329538411</t>
  </si>
  <si>
    <t>VELUX Wabenpl. el. FMC P04 1166K</t>
  </si>
  <si>
    <t>FMC P04 1166KWL</t>
  </si>
  <si>
    <t>5702329546096</t>
  </si>
  <si>
    <t>VELUX Wabenpl. el. FMC P04 1166KWL</t>
  </si>
  <si>
    <t>FMC P04 1167K</t>
  </si>
  <si>
    <t>5702329538428</t>
  </si>
  <si>
    <t>VELUX Wabenpl. el. FMC P04 1167K</t>
  </si>
  <si>
    <t>FMC P04 1167KWL</t>
  </si>
  <si>
    <t>5702329546102</t>
  </si>
  <si>
    <t>VELUX Wabenpl. el. FMC P04 1167KWL</t>
  </si>
  <si>
    <t>FMC P04 1168K</t>
  </si>
  <si>
    <t>5702329538435</t>
  </si>
  <si>
    <t>VELUX Wabenpl. el. FMC P04 1168K</t>
  </si>
  <si>
    <t>FMC P04 1168KWL</t>
  </si>
  <si>
    <t>5702329546119</t>
  </si>
  <si>
    <t>VELUX Wabenpl. el. FMC P04 1168KWL</t>
  </si>
  <si>
    <t>FMC P04 1169K</t>
  </si>
  <si>
    <t>5702329538442</t>
  </si>
  <si>
    <t>VELUX Wabenpl. el. FMC P04 1169K</t>
  </si>
  <si>
    <t>FMC P04 1169KWL</t>
  </si>
  <si>
    <t>5702329546126</t>
  </si>
  <si>
    <t>VELUX Wabenpl. el. FMC P04 1169KWL</t>
  </si>
  <si>
    <t>FMC P04 1170K</t>
  </si>
  <si>
    <t>5702329538459</t>
  </si>
  <si>
    <t>VELUX Wabenpl. el. FMC P04 1170K</t>
  </si>
  <si>
    <t>FMC P04 1170KWL</t>
  </si>
  <si>
    <t>5702329546133</t>
  </si>
  <si>
    <t>VELUX Wabenpl. el. FMC P04 1170KWL</t>
  </si>
  <si>
    <t>FMC P04 1171K</t>
  </si>
  <si>
    <t>5702329538466</t>
  </si>
  <si>
    <t>VELUX Wabenpl. el. FMC P04 1171K</t>
  </si>
  <si>
    <t>FMC P04 1171KWL</t>
  </si>
  <si>
    <t>5702329546140</t>
  </si>
  <si>
    <t>VELUX Wabenpl. el. FMC P04 1171KWL</t>
  </si>
  <si>
    <t>FMC P04 1172K</t>
  </si>
  <si>
    <t>5702329538473</t>
  </si>
  <si>
    <t>VELUX Wabenpl. el. FMC P04 1172K</t>
  </si>
  <si>
    <t>FMC P04 1172KWL</t>
  </si>
  <si>
    <t>5702329546157</t>
  </si>
  <si>
    <t>VELUX Wabenpl. el. FMC P04 1172KWL</t>
  </si>
  <si>
    <t>FMC P04 1173K</t>
  </si>
  <si>
    <t>5702329538480</t>
  </si>
  <si>
    <t>VELUX Wabenpl. el. FMC P04 1173K</t>
  </si>
  <si>
    <t>FMC P04 1173KWL</t>
  </si>
  <si>
    <t>5702329546164</t>
  </si>
  <si>
    <t>VELUX Wabenpl. el. FMC P04 1173KWL</t>
  </si>
  <si>
    <t>FMC P06 1045K</t>
  </si>
  <si>
    <t>5702329538497</t>
  </si>
  <si>
    <t>VELUX Wabenpl. el. FMC P06 1045K</t>
  </si>
  <si>
    <t>FMC P06 1045KWL</t>
  </si>
  <si>
    <t>5702329546171</t>
  </si>
  <si>
    <t>VELUX Wabenpl. el. FMC P06 1045KWL</t>
  </si>
  <si>
    <t>FMC P06 1047K</t>
  </si>
  <si>
    <t>5702329538503</t>
  </si>
  <si>
    <t>VELUX Wabenpl. el. FMC P06 1047K</t>
  </si>
  <si>
    <t>FMC P06 1047KWL</t>
  </si>
  <si>
    <t>5702329546188</t>
  </si>
  <si>
    <t>VELUX Wabenpl. el. FMC P06 1047KWL</t>
  </si>
  <si>
    <t>FMC P06 1049K</t>
  </si>
  <si>
    <t>5702329538510</t>
  </si>
  <si>
    <t>VELUX Wabenpl. el. FMC P06 1049K</t>
  </si>
  <si>
    <t>FMC P06 1049KWL</t>
  </si>
  <si>
    <t>5702329546195</t>
  </si>
  <si>
    <t>VELUX Wabenpl. el. FMC P06 1049KWL</t>
  </si>
  <si>
    <t>FMC P06 1155K</t>
  </si>
  <si>
    <t>5702329538527</t>
  </si>
  <si>
    <t>VELUX Wabenpl. el. FMC P06 1155K</t>
  </si>
  <si>
    <t>FMC P06 1155KWL</t>
  </si>
  <si>
    <t>5702329546201</t>
  </si>
  <si>
    <t>VELUX Wabenpl. el. FMC P06 1155KWL</t>
  </si>
  <si>
    <t>FMC P06 1156K</t>
  </si>
  <si>
    <t>5702329538534</t>
  </si>
  <si>
    <t>VELUX Wabenpl. el. FMC P06 1156K</t>
  </si>
  <si>
    <t>FMC P06 1156KWL</t>
  </si>
  <si>
    <t>5702329546218</t>
  </si>
  <si>
    <t>VELUX Wabenpl. el. FMC P06 1156KWL</t>
  </si>
  <si>
    <t>FMC P06 1163K</t>
  </si>
  <si>
    <t>5702329538541</t>
  </si>
  <si>
    <t>VELUX Wabenpl. el. FMC P06 1163K</t>
  </si>
  <si>
    <t>FMC P06 1163KWL</t>
  </si>
  <si>
    <t>5702329546225</t>
  </si>
  <si>
    <t>VELUX Wabenpl. el. FMC P06 1163KWL</t>
  </si>
  <si>
    <t>FMC P06 1164K</t>
  </si>
  <si>
    <t>5702329538558</t>
  </si>
  <si>
    <t>VELUX Wabenpl. el. FMC P06 1164K</t>
  </si>
  <si>
    <t>FMC P06 1164KWL</t>
  </si>
  <si>
    <t>5702329546232</t>
  </si>
  <si>
    <t>VELUX Wabenpl. el. FMC P06 1164KWL</t>
  </si>
  <si>
    <t>FMC P06 1165K</t>
  </si>
  <si>
    <t>5702329538565</t>
  </si>
  <si>
    <t>VELUX Wabenpl. el. FMC P06 1165K</t>
  </si>
  <si>
    <t>FMC P06 1165KWL</t>
  </si>
  <si>
    <t>5702329546249</t>
  </si>
  <si>
    <t>VELUX Wabenpl. el. FMC P06 1165KWL</t>
  </si>
  <si>
    <t>FMC P06 1166K</t>
  </si>
  <si>
    <t>5702329538572</t>
  </si>
  <si>
    <t>VELUX Wabenpl. el. FMC P06 1166K</t>
  </si>
  <si>
    <t>FMC P06 1166KWL</t>
  </si>
  <si>
    <t>5702329546256</t>
  </si>
  <si>
    <t>VELUX Wabenpl. el. FMC P06 1166KWL</t>
  </si>
  <si>
    <t>FMC P06 1167K</t>
  </si>
  <si>
    <t>5702329538589</t>
  </si>
  <si>
    <t>VELUX Wabenpl. el. FMC P06 1167K</t>
  </si>
  <si>
    <t>FMC P06 1167KWL</t>
  </si>
  <si>
    <t>5702329546263</t>
  </si>
  <si>
    <t>VELUX Wabenpl. el. FMC P06 1167KWL</t>
  </si>
  <si>
    <t>FMC P06 1168K</t>
  </si>
  <si>
    <t>5702329538596</t>
  </si>
  <si>
    <t>VELUX Wabenpl. el. FMC P06 1168K</t>
  </si>
  <si>
    <t>FMC P06 1168KWL</t>
  </si>
  <si>
    <t>5702329546270</t>
  </si>
  <si>
    <t>VELUX Wabenpl. el. FMC P06 1168KWL</t>
  </si>
  <si>
    <t>FMC P06 1169K</t>
  </si>
  <si>
    <t>5702329538602</t>
  </si>
  <si>
    <t>VELUX Wabenpl. el. FMC P06 1169K</t>
  </si>
  <si>
    <t>FMC P06 1169KWL</t>
  </si>
  <si>
    <t>5702329546287</t>
  </si>
  <si>
    <t>VELUX Wabenpl. el. FMC P06 1169KWL</t>
  </si>
  <si>
    <t>FMC P06 1170K</t>
  </si>
  <si>
    <t>5702329538619</t>
  </si>
  <si>
    <t>VELUX Wabenpl. el. FMC P06 1170K</t>
  </si>
  <si>
    <t>FMC P06 1170KWL</t>
  </si>
  <si>
    <t>5702329546294</t>
  </si>
  <si>
    <t>VELUX Wabenpl. el. FMC P06 1170KWL</t>
  </si>
  <si>
    <t>FMC P06 1171K</t>
  </si>
  <si>
    <t>5702329538626</t>
  </si>
  <si>
    <t>VELUX Wabenpl. el. FMC P06 1171K</t>
  </si>
  <si>
    <t>FMC P06 1171KWL</t>
  </si>
  <si>
    <t>5702329546300</t>
  </si>
  <si>
    <t>VELUX Wabenpl. el. FMC P06 1171KWL</t>
  </si>
  <si>
    <t>FMC P06 1172K</t>
  </si>
  <si>
    <t>5702329538633</t>
  </si>
  <si>
    <t>VELUX Wabenpl. el. FMC P06 1172K</t>
  </si>
  <si>
    <t>FMC P06 1172KWL</t>
  </si>
  <si>
    <t>5702329546317</t>
  </si>
  <si>
    <t>VELUX Wabenpl. el. FMC P06 1172KWL</t>
  </si>
  <si>
    <t>FMC P06 1173K</t>
  </si>
  <si>
    <t>5702329538640</t>
  </si>
  <si>
    <t>VELUX Wabenpl. el. FMC P06 1173K</t>
  </si>
  <si>
    <t>FMC P06 1173KWL</t>
  </si>
  <si>
    <t>5702329546324</t>
  </si>
  <si>
    <t>VELUX Wabenpl. el. FMC P06 1173KWL</t>
  </si>
  <si>
    <t>FMC P08 1047K</t>
  </si>
  <si>
    <t>5702329538664</t>
  </si>
  <si>
    <t>VELUX Wabenpl. el. FMC P08 1047K</t>
  </si>
  <si>
    <t>FMC P08 1047KWL</t>
  </si>
  <si>
    <t>5702329546348</t>
  </si>
  <si>
    <t>VELUX Wabenpl. el. FMC P08 1047KWL</t>
  </si>
  <si>
    <t>FMC P08 1049K</t>
  </si>
  <si>
    <t>5702329538671</t>
  </si>
  <si>
    <t>VELUX Wabenpl. el. FMC P08 1049K</t>
  </si>
  <si>
    <t>FMC P08 1049KWL</t>
  </si>
  <si>
    <t>5702329546355</t>
  </si>
  <si>
    <t>VELUX Wabenpl. el. FMC P08 1049KWL</t>
  </si>
  <si>
    <t>FMC P08 1155K</t>
  </si>
  <si>
    <t>5702329538688</t>
  </si>
  <si>
    <t>VELUX Wabenpl. el. FMC P08 1155K</t>
  </si>
  <si>
    <t>FMC P08 1155KWL</t>
  </si>
  <si>
    <t>5702329546362</t>
  </si>
  <si>
    <t>VELUX Wabenpl. el. FMC P08 1155KWL</t>
  </si>
  <si>
    <t>FMC P08 1156K</t>
  </si>
  <si>
    <t>5702329538695</t>
  </si>
  <si>
    <t>VELUX Wabenpl. el. FMC P08 1156K</t>
  </si>
  <si>
    <t>FMC P08 1156KWL</t>
  </si>
  <si>
    <t>5702329546379</t>
  </si>
  <si>
    <t>VELUX Wabenpl. el. FMC P08 1156KWL</t>
  </si>
  <si>
    <t>FMC P08 1163K</t>
  </si>
  <si>
    <t>5702329538701</t>
  </si>
  <si>
    <t>VELUX Wabenpl. el. FMC P08 1163K</t>
  </si>
  <si>
    <t>FMC P08 1163KWL</t>
  </si>
  <si>
    <t>5702329546386</t>
  </si>
  <si>
    <t>VELUX Wabenpl. el. FMC P08 1163KWL</t>
  </si>
  <si>
    <t>FMC P08 1164K</t>
  </si>
  <si>
    <t>5702329538718</t>
  </si>
  <si>
    <t>VELUX Wabenpl. el. FMC P08 1164K</t>
  </si>
  <si>
    <t>FMC P08 1164KWL</t>
  </si>
  <si>
    <t>5702329546393</t>
  </si>
  <si>
    <t>VELUX Wabenpl. el. FMC P08 1164KWL</t>
  </si>
  <si>
    <t>FMC P08 1165K</t>
  </si>
  <si>
    <t>5702329538725</t>
  </si>
  <si>
    <t>VELUX Wabenpl. el. FMC P08 1165K</t>
  </si>
  <si>
    <t>FMC P08 1165KWL</t>
  </si>
  <si>
    <t>5702329546409</t>
  </si>
  <si>
    <t>VELUX Wabenpl. el. FMC P08 1165KWL</t>
  </si>
  <si>
    <t>FMC P08 1166K</t>
  </si>
  <si>
    <t>5702329538732</t>
  </si>
  <si>
    <t>VELUX Wabenpl. el. FMC P08 1166K</t>
  </si>
  <si>
    <t>FMC P08 1166KWL</t>
  </si>
  <si>
    <t>5702329546416</t>
  </si>
  <si>
    <t>VELUX Wabenpl. el. FMC P08 1166KWL</t>
  </si>
  <si>
    <t>FMC P08 1167K</t>
  </si>
  <si>
    <t>5702329538749</t>
  </si>
  <si>
    <t>VELUX Wabenpl. el. FMC P08 1167K</t>
  </si>
  <si>
    <t>FMC P08 1167KWL</t>
  </si>
  <si>
    <t>5702329546423</t>
  </si>
  <si>
    <t>VELUX Wabenpl. el. FMC P08 1167KWL</t>
  </si>
  <si>
    <t>FMC P08 1168K</t>
  </si>
  <si>
    <t>5702329538756</t>
  </si>
  <si>
    <t>VELUX Wabenpl. el. FMC P08 1168K</t>
  </si>
  <si>
    <t>FMC P08 1168KWL</t>
  </si>
  <si>
    <t>5702329546430</t>
  </si>
  <si>
    <t>VELUX Wabenpl. el. FMC P08 1168KWL</t>
  </si>
  <si>
    <t>FMC P08 1169K</t>
  </si>
  <si>
    <t>5702329538763</t>
  </si>
  <si>
    <t>VELUX Wabenpl. el. FMC P08 1169K</t>
  </si>
  <si>
    <t>FMC P08 1169KWL</t>
  </si>
  <si>
    <t>5702329546447</t>
  </si>
  <si>
    <t>VELUX Wabenpl. el. FMC P08 1169KWL</t>
  </si>
  <si>
    <t>FMC P08 1170K</t>
  </si>
  <si>
    <t>5702329538770</t>
  </si>
  <si>
    <t>VELUX Wabenpl. el. FMC P08 1170K</t>
  </si>
  <si>
    <t>FMC P08 1170KWL</t>
  </si>
  <si>
    <t>5702329546454</t>
  </si>
  <si>
    <t>VELUX Wabenpl. el. FMC P08 1170KWL</t>
  </si>
  <si>
    <t>FMC P08 1171K</t>
  </si>
  <si>
    <t>5702329538787</t>
  </si>
  <si>
    <t>VELUX Wabenpl. el. FMC P08 1171K</t>
  </si>
  <si>
    <t>FMC P08 1171KWL</t>
  </si>
  <si>
    <t>5702329546461</t>
  </si>
  <si>
    <t>VELUX Wabenpl. el. FMC P08 1171KWL</t>
  </si>
  <si>
    <t>FMC P08 1172K</t>
  </si>
  <si>
    <t>5702329538794</t>
  </si>
  <si>
    <t>VELUX Wabenpl. el. FMC P08 1172K</t>
  </si>
  <si>
    <t>FMC P08 1173K</t>
  </si>
  <si>
    <t>5702329538800</t>
  </si>
  <si>
    <t>VELUX Wabenpl. el. FMC P08 1173K</t>
  </si>
  <si>
    <t>FMC P08 1173KWL</t>
  </si>
  <si>
    <t>5702329546485</t>
  </si>
  <si>
    <t>VELUX Wabenpl. el. FMC P08 1173KWL</t>
  </si>
  <si>
    <t>FMC P10 1047K</t>
  </si>
  <si>
    <t>5702329538824</t>
  </si>
  <si>
    <t>VELUX Wabenpl. el. FMC P10 1047K</t>
  </si>
  <si>
    <t>FMC P10 1049K</t>
  </si>
  <si>
    <t>5702329538831</t>
  </si>
  <si>
    <t>VELUX Wabenpl. el. FMC P10 1049K</t>
  </si>
  <si>
    <t>FMC P10 1049KWL</t>
  </si>
  <si>
    <t>5702329546515</t>
  </si>
  <si>
    <t>VELUX Wabenpl. el. FMC P10 1049KWL</t>
  </si>
  <si>
    <t>FMC P10 1155K</t>
  </si>
  <si>
    <t>5702329538848</t>
  </si>
  <si>
    <t>VELUX Wabenpl. el. FMC P10 1155K</t>
  </si>
  <si>
    <t>FMC P10 1156KWL</t>
  </si>
  <si>
    <t>5702329546539</t>
  </si>
  <si>
    <t>VELUX Wabenpl. el. FMC P10 1156KWL</t>
  </si>
  <si>
    <t>FMC P10 1163KWL</t>
  </si>
  <si>
    <t>5702329546546</t>
  </si>
  <si>
    <t>VELUX Wabenpl. el. FMC P10 1163KWL</t>
  </si>
  <si>
    <t>FMC P10 1164K</t>
  </si>
  <si>
    <t>5702329538879</t>
  </si>
  <si>
    <t>VELUX Wabenpl. el. FMC P10 1164K</t>
  </si>
  <si>
    <t>FMC P10 1164KWL</t>
  </si>
  <si>
    <t>5702329546553</t>
  </si>
  <si>
    <t>VELUX Wabenpl. el. FMC P10 1164KWL</t>
  </si>
  <si>
    <t>FMC P10 1165K</t>
  </si>
  <si>
    <t>5702329538886</t>
  </si>
  <si>
    <t>VELUX Wabenpl. el. FMC P10 1165K</t>
  </si>
  <si>
    <t>FMC P10 1165KWL</t>
  </si>
  <si>
    <t>5702329546560</t>
  </si>
  <si>
    <t>VELUX Wabenpl. el. FMC P10 1165KWL</t>
  </si>
  <si>
    <t>FMC P10 1166K</t>
  </si>
  <si>
    <t>5702329538893</t>
  </si>
  <si>
    <t>VELUX Wabenpl. el. FMC P10 1166K</t>
  </si>
  <si>
    <t>FMC P10 1167K</t>
  </si>
  <si>
    <t>5702329538909</t>
  </si>
  <si>
    <t>VELUX Wabenpl. el. FMC P10 1167K</t>
  </si>
  <si>
    <t>FMC P10 1167KWL</t>
  </si>
  <si>
    <t>5702329546584</t>
  </si>
  <si>
    <t>VELUX Wabenpl. el. FMC P10 1167KWL</t>
  </si>
  <si>
    <t>FMC P10 1168K</t>
  </si>
  <si>
    <t>5702329538916</t>
  </si>
  <si>
    <t>VELUX Wabenpl. el. FMC P10 1168K</t>
  </si>
  <si>
    <t>FMC P10 1168KWL</t>
  </si>
  <si>
    <t>5702329546591</t>
  </si>
  <si>
    <t>VELUX Wabenpl. el. FMC P10 1168KWL</t>
  </si>
  <si>
    <t>FMC P10 1169K</t>
  </si>
  <si>
    <t>5702329538923</t>
  </si>
  <si>
    <t>VELUX Wabenpl. el. FMC P10 1169K</t>
  </si>
  <si>
    <t>FMC P10 1169KWL</t>
  </si>
  <si>
    <t>5702329546607</t>
  </si>
  <si>
    <t>VELUX Wabenpl. el. FMC P10 1169KWL</t>
  </si>
  <si>
    <t>FMC P10 1170K</t>
  </si>
  <si>
    <t>5702329538930</t>
  </si>
  <si>
    <t>VELUX Wabenpl. el. FMC P10 1170K</t>
  </si>
  <si>
    <t>FMC P10 1170KWL</t>
  </si>
  <si>
    <t>5702329546614</t>
  </si>
  <si>
    <t>VELUX Wabenpl. el. FMC P10 1170KWL</t>
  </si>
  <si>
    <t>FMC P10 1171KWL</t>
  </si>
  <si>
    <t>5702329546621</t>
  </si>
  <si>
    <t>VELUX Wabenpl. el. FMC P10 1171KWL</t>
  </si>
  <si>
    <t>FMC P10 1172K</t>
  </si>
  <si>
    <t>5702329538954</t>
  </si>
  <si>
    <t>VELUX Wabenpl. el. FMC P10 1172K</t>
  </si>
  <si>
    <t>FMC P10 1172KWL</t>
  </si>
  <si>
    <t>5702329546638</t>
  </si>
  <si>
    <t>VELUX Wabenpl. el. FMC P10 1172KWL</t>
  </si>
  <si>
    <t>FMC P10 1173K</t>
  </si>
  <si>
    <t>5702329538961</t>
  </si>
  <si>
    <t>VELUX Wabenpl. el. FMC P10 1173K</t>
  </si>
  <si>
    <t>FMC P10 1173KWL</t>
  </si>
  <si>
    <t>5702329546645</t>
  </si>
  <si>
    <t>VELUX Wabenpl. el. FMC P10 1173KWL</t>
  </si>
  <si>
    <t>FMC PK06 1049K</t>
  </si>
  <si>
    <t>5702329539319</t>
  </si>
  <si>
    <t>VELUX Wabenpl. el. FMC PK06 1049K</t>
  </si>
  <si>
    <t>FMC PK06 1049KWL</t>
  </si>
  <si>
    <t>5702329546997</t>
  </si>
  <si>
    <t>VELUX Wabenpl. el. FMC PK06 1049KWL</t>
  </si>
  <si>
    <t>FMC PK06 1164KWL</t>
  </si>
  <si>
    <t>5702329547031</t>
  </si>
  <si>
    <t>VELUX Wabenpl. el. FMC PK06 1164KWL</t>
  </si>
  <si>
    <t>FMC PK06 1165K</t>
  </si>
  <si>
    <t>5702329539364</t>
  </si>
  <si>
    <t>VELUX Wabenpl. el. FMC PK06 1165K</t>
  </si>
  <si>
    <t>FMC PK06 1165KWL</t>
  </si>
  <si>
    <t>5702329547048</t>
  </si>
  <si>
    <t>VELUX Wabenpl. el. FMC PK06 1165KWL</t>
  </si>
  <si>
    <t>FMC PK06 1167K</t>
  </si>
  <si>
    <t>5702329539388</t>
  </si>
  <si>
    <t>VELUX Wabenpl. el. FMC PK06 1167K</t>
  </si>
  <si>
    <t>FMC PK06 1167KWL</t>
  </si>
  <si>
    <t>5702329547062</t>
  </si>
  <si>
    <t>VELUX Wabenpl. el. FMC PK06 1167KWL</t>
  </si>
  <si>
    <t>FMC PK06 1169K</t>
  </si>
  <si>
    <t>5702329539401</t>
  </si>
  <si>
    <t>VELUX Wabenpl. el. FMC PK06 1169K</t>
  </si>
  <si>
    <t>FMC PK06 1173K</t>
  </si>
  <si>
    <t>5702329539449</t>
  </si>
  <si>
    <t>VELUX Wabenpl. el. FMC PK06 1173K</t>
  </si>
  <si>
    <t>FMC PK06 1173KWL</t>
  </si>
  <si>
    <t>5702329547123</t>
  </si>
  <si>
    <t>VELUX Wabenpl. el. FMC PK06 1173KWL</t>
  </si>
  <si>
    <t>FMC PK08 1049K</t>
  </si>
  <si>
    <t>5702329539470</t>
  </si>
  <si>
    <t>VELUX Wabenpl. el. FMC PK08 1049K</t>
  </si>
  <si>
    <t>FMC PK08 1049KWL</t>
  </si>
  <si>
    <t>5702329547154</t>
  </si>
  <si>
    <t>VELUX Wabenpl. el. FMC PK08 1049KWL</t>
  </si>
  <si>
    <t>FMC PK08 1156K</t>
  </si>
  <si>
    <t>5702329539494</t>
  </si>
  <si>
    <t>VELUX Wabenpl. el. FMC PK08 1156K</t>
  </si>
  <si>
    <t>FMC PK08 1164K</t>
  </si>
  <si>
    <t>5702329539517</t>
  </si>
  <si>
    <t>VELUX Wabenpl. el. FMC PK08 1164K</t>
  </si>
  <si>
    <t>FMC PK08 1165K</t>
  </si>
  <si>
    <t>5702329539524</t>
  </si>
  <si>
    <t>VELUX Wabenpl. el. FMC PK08 1165K</t>
  </si>
  <si>
    <t>FMC PK08 1165KWL</t>
  </si>
  <si>
    <t>5702329547208</t>
  </si>
  <si>
    <t>VELUX Wabenpl. el. FMC PK08 1165KWL</t>
  </si>
  <si>
    <t>FMC PK08 1167K</t>
  </si>
  <si>
    <t>5702329539548</t>
  </si>
  <si>
    <t>VELUX Wabenpl. el. FMC PK08 1167K</t>
  </si>
  <si>
    <t>FMC PK08 1169K</t>
  </si>
  <si>
    <t>5702329539562</t>
  </si>
  <si>
    <t>VELUX Wabenpl. el. FMC PK08 1169K</t>
  </si>
  <si>
    <t>FMC PK08 1173K</t>
  </si>
  <si>
    <t>5702329539609</t>
  </si>
  <si>
    <t>VELUX Wabenpl. el. FMC PK08 1173K</t>
  </si>
  <si>
    <t>FMC PK10 1047K</t>
  </si>
  <si>
    <t>5702329539623</t>
  </si>
  <si>
    <t>VELUX Wabenpl. el. FMC PK10 1047K</t>
  </si>
  <si>
    <t>FMC PK10 1049K</t>
  </si>
  <si>
    <t>5702329539630</t>
  </si>
  <si>
    <t>VELUX Wabenpl. el. FMC PK10 1049K</t>
  </si>
  <si>
    <t>FMC PK10 1164K</t>
  </si>
  <si>
    <t>5702329539678</t>
  </si>
  <si>
    <t>VELUX Wabenpl. el. FMC PK10 1164K</t>
  </si>
  <si>
    <t>FMC PK10 1164KWL</t>
  </si>
  <si>
    <t>5702329547352</t>
  </si>
  <si>
    <t>VELUX Wabenpl. el. FMC PK10 1164KWL</t>
  </si>
  <si>
    <t>FMC PK10 1165K</t>
  </si>
  <si>
    <t>5702329539685</t>
  </si>
  <si>
    <t>VELUX Wabenpl. el. FMC PK10 1165K</t>
  </si>
  <si>
    <t>FMC PK10 1165KWL</t>
  </si>
  <si>
    <t>5702329547369</t>
  </si>
  <si>
    <t>VELUX Wabenpl. el. FMC PK10 1165KWL</t>
  </si>
  <si>
    <t>FMC PK10 1167K</t>
  </si>
  <si>
    <t>5702329539708</t>
  </si>
  <si>
    <t>VELUX Wabenpl. el. FMC PK10 1167K</t>
  </si>
  <si>
    <t>FMC PK10 1168KWL</t>
  </si>
  <si>
    <t>5702329547390</t>
  </si>
  <si>
    <t>VELUX Wabenpl. el. FMC PK10 1168KWL</t>
  </si>
  <si>
    <t>FMC PK10 1169K</t>
  </si>
  <si>
    <t>5702329539722</t>
  </si>
  <si>
    <t>VELUX Wabenpl. el. FMC PK10 1169K</t>
  </si>
  <si>
    <t>FMC PK10 1172K</t>
  </si>
  <si>
    <t>5702329539753</t>
  </si>
  <si>
    <t>VELUX Wabenpl. el. FMC PK10 1172K</t>
  </si>
  <si>
    <t>FMC S06 1049KWL</t>
  </si>
  <si>
    <t>5702329547796</t>
  </si>
  <si>
    <t>VELUX Wabenpl. el. FMC S06 1049KWL</t>
  </si>
  <si>
    <t>FMC S06 1164K</t>
  </si>
  <si>
    <t>5702329540155</t>
  </si>
  <si>
    <t>VELUX Wabenpl. el. FMC S06 1164K</t>
  </si>
  <si>
    <t>FMC S06 1165K</t>
  </si>
  <si>
    <t>5702329540162</t>
  </si>
  <si>
    <t>VELUX Wabenpl. el. FMC S06 1165K</t>
  </si>
  <si>
    <t>FMC S06 1165KWL</t>
  </si>
  <si>
    <t>5702329547840</t>
  </si>
  <si>
    <t>VELUX Wabenpl. el. FMC S06 1165KWL</t>
  </si>
  <si>
    <t>FMC S06 1166K</t>
  </si>
  <si>
    <t>5702329540179</t>
  </si>
  <si>
    <t>VELUX Wabenpl. el. FMC S06 1166K</t>
  </si>
  <si>
    <t>FMC S06 1167KWL</t>
  </si>
  <si>
    <t>5702329547864</t>
  </si>
  <si>
    <t>VELUX Wabenpl. el. FMC S06 1167KWL</t>
  </si>
  <si>
    <t>FMC S06 1168KWL</t>
  </si>
  <si>
    <t>5702329547871</t>
  </si>
  <si>
    <t>VELUX Wabenpl. el. FMC S06 1168KWL</t>
  </si>
  <si>
    <t>FMC S06 1169K</t>
  </si>
  <si>
    <t>5702329540209</t>
  </si>
  <si>
    <t>VELUX Wabenpl. el. FMC S06 1169K</t>
  </si>
  <si>
    <t>FMC S06 1169KWL</t>
  </si>
  <si>
    <t>5702329547888</t>
  </si>
  <si>
    <t>VELUX Wabenpl. el. FMC S06 1169KWL</t>
  </si>
  <si>
    <t>FMC S06 1170KWL</t>
  </si>
  <si>
    <t>5702329547895</t>
  </si>
  <si>
    <t>VELUX Wabenpl. el. FMC S06 1170KWL</t>
  </si>
  <si>
    <t>FMC S06 1171K</t>
  </si>
  <si>
    <t>5702329540223</t>
  </si>
  <si>
    <t>VELUX Wabenpl. el. FMC S06 1171K</t>
  </si>
  <si>
    <t>FMC S06 1172KWL</t>
  </si>
  <si>
    <t>5702329547918</t>
  </si>
  <si>
    <t>VELUX Wabenpl. el. FMC S06 1172KWL</t>
  </si>
  <si>
    <t>FMC S06 1173K</t>
  </si>
  <si>
    <t>5702329540247</t>
  </si>
  <si>
    <t>VELUX Wabenpl. el. FMC S06 1173K</t>
  </si>
  <si>
    <t>FMC S06 1173KWL</t>
  </si>
  <si>
    <t>5702329547925</t>
  </si>
  <si>
    <t>VELUX Wabenpl. el. FMC S06 1173KWL</t>
  </si>
  <si>
    <t>FMC S08 1045K</t>
  </si>
  <si>
    <t>5702329540254</t>
  </si>
  <si>
    <t>VELUX Wabenpl. el. FMC S08 1045K</t>
  </si>
  <si>
    <t>FMC S08 1047KWL</t>
  </si>
  <si>
    <t>5702329547949</t>
  </si>
  <si>
    <t>VELUX Wabenpl. el. FMC S08 1047KWL</t>
  </si>
  <si>
    <t>FMC S08 1049KWL</t>
  </si>
  <si>
    <t>5702329547956</t>
  </si>
  <si>
    <t>VELUX Wabenpl. el. FMC S08 1049KWL</t>
  </si>
  <si>
    <t>FMC S08 1155K</t>
  </si>
  <si>
    <t>5702329540285</t>
  </si>
  <si>
    <t>VELUX Wabenpl. el. FMC S08 1155K</t>
  </si>
  <si>
    <t>FMC S08 1155KWL</t>
  </si>
  <si>
    <t>5702329547963</t>
  </si>
  <si>
    <t>VELUX Wabenpl. el. FMC S08 1155KWL</t>
  </si>
  <si>
    <t>FMC S08 1156K</t>
  </si>
  <si>
    <t>5702329540292</t>
  </si>
  <si>
    <t>VELUX Wabenpl. el. FMC S08 1156K</t>
  </si>
  <si>
    <t>FMC S08 1163K</t>
  </si>
  <si>
    <t>5702329540308</t>
  </si>
  <si>
    <t>VELUX Wabenpl. el. FMC S08 1163K</t>
  </si>
  <si>
    <t>FMC S08 1164K</t>
  </si>
  <si>
    <t>5702329540315</t>
  </si>
  <si>
    <t>VELUX Wabenpl. el. FMC S08 1164K</t>
  </si>
  <si>
    <t>FMC S08 1164KWL</t>
  </si>
  <si>
    <t>5702329547994</t>
  </si>
  <si>
    <t>VELUX Wabenpl. el. FMC S08 1164KWL</t>
  </si>
  <si>
    <t>FMC S08 1165K</t>
  </si>
  <si>
    <t>5702329540322</t>
  </si>
  <si>
    <t>VELUX Wabenpl. el. FMC S08 1165K</t>
  </si>
  <si>
    <t>FMC S08 1165KWL</t>
  </si>
  <si>
    <t>5702329548007</t>
  </si>
  <si>
    <t>VELUX Wabenpl. el. FMC S08 1165KWL</t>
  </si>
  <si>
    <t>FMC S08 1166K</t>
  </si>
  <si>
    <t>5702329540339</t>
  </si>
  <si>
    <t>VELUX Wabenpl. el. FMC S08 1166K</t>
  </si>
  <si>
    <t>FMC S08 1166KWL</t>
  </si>
  <si>
    <t>5702329548014</t>
  </si>
  <si>
    <t>VELUX Wabenpl. el. FMC S08 1166KWL</t>
  </si>
  <si>
    <t>FMC S08 1167K</t>
  </si>
  <si>
    <t>5702329540346</t>
  </si>
  <si>
    <t>VELUX Wabenpl. el. FMC S08 1167K</t>
  </si>
  <si>
    <t>FMC S08 1167KWL</t>
  </si>
  <si>
    <t>5702329548021</t>
  </si>
  <si>
    <t>VELUX Wabenpl. el. FMC S08 1167KWL</t>
  </si>
  <si>
    <t>FMC S08 1168K</t>
  </si>
  <si>
    <t>5702329540353</t>
  </si>
  <si>
    <t>VELUX Wabenpl. el. FMC S08 1168K</t>
  </si>
  <si>
    <t>FMC S08 1168KWL</t>
  </si>
  <si>
    <t>5702329548038</t>
  </si>
  <si>
    <t>VELUX Wabenpl. el. FMC S08 1168KWL</t>
  </si>
  <si>
    <t>FMC S08 1169K</t>
  </si>
  <si>
    <t>5702329540360</t>
  </si>
  <si>
    <t>VELUX Wabenpl. el. FMC S08 1169K</t>
  </si>
  <si>
    <t>FMC S08 1169KWL</t>
  </si>
  <si>
    <t>5702329548045</t>
  </si>
  <si>
    <t>VELUX Wabenpl. el. FMC S08 1169KWL</t>
  </si>
  <si>
    <t>FMC S08 1170K</t>
  </si>
  <si>
    <t>5702329540377</t>
  </si>
  <si>
    <t>VELUX Wabenpl. el. FMC S08 1170K</t>
  </si>
  <si>
    <t>FMC S08 1170KWL</t>
  </si>
  <si>
    <t>5702329548052</t>
  </si>
  <si>
    <t>VELUX Wabenpl. el. FMC S08 1170KWL</t>
  </si>
  <si>
    <t>FMC S08 1171K</t>
  </si>
  <si>
    <t>5702329540384</t>
  </si>
  <si>
    <t>VELUX Wabenpl. el. FMC S08 1171K</t>
  </si>
  <si>
    <t>FMC S08 1171KWL</t>
  </si>
  <si>
    <t>5702329548069</t>
  </si>
  <si>
    <t>VELUX Wabenpl. el. FMC S08 1171KWL</t>
  </si>
  <si>
    <t>FMC S08 1173K</t>
  </si>
  <si>
    <t>5702329540407</t>
  </si>
  <si>
    <t>VELUX Wabenpl. el. FMC S08 1173K</t>
  </si>
  <si>
    <t>FMC S08 1173KWL</t>
  </si>
  <si>
    <t>5702329548083</t>
  </si>
  <si>
    <t>VELUX Wabenpl. el. FMC S08 1173KWL</t>
  </si>
  <si>
    <t>FMC S10 1045K</t>
  </si>
  <si>
    <t>5702329540414</t>
  </si>
  <si>
    <t>VELUX Wabenpl. el. FMC S10 1045K</t>
  </si>
  <si>
    <t>FMC S10 1045KWL</t>
  </si>
  <si>
    <t>5702329548090</t>
  </si>
  <si>
    <t>VELUX Wabenpl. el. FMC S10 1045KWL</t>
  </si>
  <si>
    <t>FMC S10 1047K</t>
  </si>
  <si>
    <t>5702329540421</t>
  </si>
  <si>
    <t>VELUX Wabenpl. el. FMC S10 1047K</t>
  </si>
  <si>
    <t>FMC S10 1047KWL</t>
  </si>
  <si>
    <t>5702329548106</t>
  </si>
  <si>
    <t>VELUX Wabenpl. el. FMC S10 1047KWL</t>
  </si>
  <si>
    <t>FMC S10 1049K</t>
  </si>
  <si>
    <t>5702329540438</t>
  </si>
  <si>
    <t>VELUX Wabenpl. el. FMC S10 1049K</t>
  </si>
  <si>
    <t>FMC S10 1049KWL</t>
  </si>
  <si>
    <t>5702329548113</t>
  </si>
  <si>
    <t>VELUX Wabenpl. el. FMC S10 1049KWL</t>
  </si>
  <si>
    <t>FMC S10 1155K</t>
  </si>
  <si>
    <t>5702329540445</t>
  </si>
  <si>
    <t>VELUX Wabenpl. el. FMC S10 1155K</t>
  </si>
  <si>
    <t>FMC S10 1155KWL</t>
  </si>
  <si>
    <t>5702329548120</t>
  </si>
  <si>
    <t>VELUX Wabenpl. el. FMC S10 1155KWL</t>
  </si>
  <si>
    <t>FMC S10 1156K</t>
  </si>
  <si>
    <t>5702329540452</t>
  </si>
  <si>
    <t>VELUX Wabenpl. el. FMC S10 1156K</t>
  </si>
  <si>
    <t>FMC S10 1156KWL</t>
  </si>
  <si>
    <t>5702329548137</t>
  </si>
  <si>
    <t>VELUX Wabenpl. el. FMC S10 1156KWL</t>
  </si>
  <si>
    <t>FMC S10 1163K</t>
  </si>
  <si>
    <t>5702329540469</t>
  </si>
  <si>
    <t>VELUX Wabenpl. el. FMC S10 1163K</t>
  </si>
  <si>
    <t>FMC S10 1163KWL</t>
  </si>
  <si>
    <t>5702329548144</t>
  </si>
  <si>
    <t>VELUX Wabenpl. el. FMC S10 1163KWL</t>
  </si>
  <si>
    <t>FMC S10 1164K</t>
  </si>
  <si>
    <t>5702329540476</t>
  </si>
  <si>
    <t>VELUX Wabenpl. el. FMC S10 1164K</t>
  </si>
  <si>
    <t>FMC S10 1164KWL</t>
  </si>
  <si>
    <t>5702329548151</t>
  </si>
  <si>
    <t>VELUX Wabenpl. el. FMC S10 1164KWL</t>
  </si>
  <si>
    <t>FMC S10 1165K</t>
  </si>
  <si>
    <t>5702329540483</t>
  </si>
  <si>
    <t>VELUX Wabenpl. el. FMC S10 1165K</t>
  </si>
  <si>
    <t>FMC S10 1165KWL</t>
  </si>
  <si>
    <t>5702329548168</t>
  </si>
  <si>
    <t>VELUX Wabenpl. el. FMC S10 1165KWL</t>
  </si>
  <si>
    <t>FMC S10 1166K</t>
  </si>
  <si>
    <t>5702329540490</t>
  </si>
  <si>
    <t>VELUX Wabenpl. el. FMC S10 1166K</t>
  </si>
  <si>
    <t>FMC S10 1166KWL</t>
  </si>
  <si>
    <t>5702329548175</t>
  </si>
  <si>
    <t>VELUX Wabenpl. el. FMC S10 1166KWL</t>
  </si>
  <si>
    <t>FMC S10 1167K</t>
  </si>
  <si>
    <t>5702329540506</t>
  </si>
  <si>
    <t>VELUX Wabenpl. el. FMC S10 1167K</t>
  </si>
  <si>
    <t>FMC S10 1167KWL</t>
  </si>
  <si>
    <t>5702329548182</t>
  </si>
  <si>
    <t>VELUX Wabenpl. el. FMC S10 1167KWL</t>
  </si>
  <si>
    <t>FMC S10 1168K</t>
  </si>
  <si>
    <t>5702329540513</t>
  </si>
  <si>
    <t>VELUX Wabenpl. el. FMC S10 1168K</t>
  </si>
  <si>
    <t>FMC S10 1168KWL</t>
  </si>
  <si>
    <t>5702329548199</t>
  </si>
  <si>
    <t>VELUX Wabenpl. el. FMC S10 1168KWL</t>
  </si>
  <si>
    <t>FMC S10 1169K</t>
  </si>
  <si>
    <t>5702329540520</t>
  </si>
  <si>
    <t>VELUX Wabenpl. el. FMC S10 1169K</t>
  </si>
  <si>
    <t>FMC S10 1169KWL</t>
  </si>
  <si>
    <t>5702329548205</t>
  </si>
  <si>
    <t>VELUX Wabenpl. el. FMC S10 1169KWL</t>
  </si>
  <si>
    <t>FMC S10 1170K</t>
  </si>
  <si>
    <t>5702329540537</t>
  </si>
  <si>
    <t>VELUX Wabenpl. el. FMC S10 1170K</t>
  </si>
  <si>
    <t>FMC S10 1170KWL</t>
  </si>
  <si>
    <t>5702329548212</t>
  </si>
  <si>
    <t>VELUX Wabenpl. el. FMC S10 1170KWL</t>
  </si>
  <si>
    <t>FMC S10 1171K</t>
  </si>
  <si>
    <t>5702329540544</t>
  </si>
  <si>
    <t>VELUX Wabenpl. el. FMC S10 1171K</t>
  </si>
  <si>
    <t>FMC S10 1171KWL</t>
  </si>
  <si>
    <t>5702329548229</t>
  </si>
  <si>
    <t>VELUX Wabenpl. el. FMC S10 1171KWL</t>
  </si>
  <si>
    <t>FMC S10 1172K</t>
  </si>
  <si>
    <t>5702329540551</t>
  </si>
  <si>
    <t>VELUX Wabenpl. el. FMC S10 1172K</t>
  </si>
  <si>
    <t>FMC S10 1172KWL</t>
  </si>
  <si>
    <t>5702329548236</t>
  </si>
  <si>
    <t>VELUX Wabenpl. el. FMC S10 1172KWL</t>
  </si>
  <si>
    <t>FMC S10 1173K</t>
  </si>
  <si>
    <t>5702329540568</t>
  </si>
  <si>
    <t>VELUX Wabenpl. el. FMC S10 1173K</t>
  </si>
  <si>
    <t>FMC S10 1173KWL</t>
  </si>
  <si>
    <t>5702329548243</t>
  </si>
  <si>
    <t>VELUX Wabenpl. el. FMC S10 1173KWL</t>
  </si>
  <si>
    <t>FMC SK06 1167K</t>
  </si>
  <si>
    <t>5702329540827</t>
  </si>
  <si>
    <t>VELUX Wabenpl. el. FMC SK06 1167K</t>
  </si>
  <si>
    <t>FMC SK06 1167KWL</t>
  </si>
  <si>
    <t>5702329548502</t>
  </si>
  <si>
    <t>VELUX Wabenpl. el. FMC SK06 1167KWL</t>
  </si>
  <si>
    <t>FMC SK08 1049K</t>
  </si>
  <si>
    <t>5702329540919</t>
  </si>
  <si>
    <t>VELUX Wabenpl. el. FMC SK08 1049K</t>
  </si>
  <si>
    <t>FMC SK08 1049KWL</t>
  </si>
  <si>
    <t>5702329548595</t>
  </si>
  <si>
    <t>VELUX Wabenpl. el. FMC SK08 1049KWL</t>
  </si>
  <si>
    <t>FMC SK08 1156KWL</t>
  </si>
  <si>
    <t>5702329548618</t>
  </si>
  <si>
    <t>VELUX Wabenpl. el. FMC SK08 1156KWL</t>
  </si>
  <si>
    <t>FMC SK08 1165K</t>
  </si>
  <si>
    <t>5702329540964</t>
  </si>
  <si>
    <t>VELUX Wabenpl. el. FMC SK08 1165K</t>
  </si>
  <si>
    <t>FMC SK08 1165KWL</t>
  </si>
  <si>
    <t>5702329548649</t>
  </si>
  <si>
    <t>VELUX Wabenpl. el. FMC SK08 1165KWL</t>
  </si>
  <si>
    <t>FMC SK08 1167KWL</t>
  </si>
  <si>
    <t>5702329548663</t>
  </si>
  <si>
    <t>VELUX Wabenpl. el. FMC SK08 1167KWL</t>
  </si>
  <si>
    <t>FMC SK08 1169K</t>
  </si>
  <si>
    <t>5702329541008</t>
  </si>
  <si>
    <t>VELUX Wabenpl. el. FMC SK08 1169K</t>
  </si>
  <si>
    <t>FMC SK08 1169KWL</t>
  </si>
  <si>
    <t>5702329548687</t>
  </si>
  <si>
    <t>VELUX Wabenpl. el. FMC SK08 1169KWL</t>
  </si>
  <si>
    <t>FMC SK08 1171K</t>
  </si>
  <si>
    <t>5702329541022</t>
  </si>
  <si>
    <t>VELUX Wabenpl. el. FMC SK08 1171K</t>
  </si>
  <si>
    <t>FMC SK08 1173K</t>
  </si>
  <si>
    <t>5702329541046</t>
  </si>
  <si>
    <t>VELUX Wabenpl. el. FMC SK08 1173K</t>
  </si>
  <si>
    <t>FMC SK08 1173KWL</t>
  </si>
  <si>
    <t>5702329548724</t>
  </si>
  <si>
    <t>VELUX Wabenpl. el. FMC SK08 1173KWL</t>
  </si>
  <si>
    <t>FMC SK10 1047K</t>
  </si>
  <si>
    <t>5702329541060</t>
  </si>
  <si>
    <t>VELUX Wabenpl. el. FMC SK10 1047K</t>
  </si>
  <si>
    <t>FMC SK10 1049K</t>
  </si>
  <si>
    <t>5702329541077</t>
  </si>
  <si>
    <t>VELUX Wabenpl. el. FMC SK10 1049K</t>
  </si>
  <si>
    <t>FMC SK10 1049KWL</t>
  </si>
  <si>
    <t>5702329548755</t>
  </si>
  <si>
    <t>VELUX Wabenpl. el. FMC SK10 1049KWL</t>
  </si>
  <si>
    <t>FMC SK10 1156KWL</t>
  </si>
  <si>
    <t>5702329548779</t>
  </si>
  <si>
    <t>VELUX Wabenpl. el. FMC SK10 1156KWL</t>
  </si>
  <si>
    <t>FMC SK10 1163KWL</t>
  </si>
  <si>
    <t>5702329548786</t>
  </si>
  <si>
    <t>VELUX Wabenpl. el. FMC SK10 1163KWL</t>
  </si>
  <si>
    <t>FMC SK10 1164K</t>
  </si>
  <si>
    <t>5702329541114</t>
  </si>
  <si>
    <t>VELUX Wabenpl. el. FMC SK10 1164K</t>
  </si>
  <si>
    <t>FMC SK10 1165K</t>
  </si>
  <si>
    <t>5702329541121</t>
  </si>
  <si>
    <t>VELUX Wabenpl. el. FMC SK10 1165K</t>
  </si>
  <si>
    <t>FMC SK10 1165KWL</t>
  </si>
  <si>
    <t>5702329548809</t>
  </si>
  <si>
    <t>VELUX Wabenpl. el. FMC SK10 1165KWL</t>
  </si>
  <si>
    <t>FMC SK10 1167K</t>
  </si>
  <si>
    <t>5702329541145</t>
  </si>
  <si>
    <t>VELUX Wabenpl. el. FMC SK10 1167K</t>
  </si>
  <si>
    <t>FMC SK10 1167KWL</t>
  </si>
  <si>
    <t>5702329548823</t>
  </si>
  <si>
    <t>VELUX Wabenpl. el. FMC SK10 1167KWL</t>
  </si>
  <si>
    <t>FMC SK10 1168K</t>
  </si>
  <si>
    <t>5702329541152</t>
  </si>
  <si>
    <t>VELUX Wabenpl. el. FMC SK10 1168K</t>
  </si>
  <si>
    <t>FMC SK10 1168KWL</t>
  </si>
  <si>
    <t>5702329548830</t>
  </si>
  <si>
    <t>VELUX Wabenpl. el. FMC SK10 1168KWL</t>
  </si>
  <si>
    <t>FMC SK10 1169K</t>
  </si>
  <si>
    <t>5702329541169</t>
  </si>
  <si>
    <t>VELUX Wabenpl. el. FMC SK10 1169K</t>
  </si>
  <si>
    <t>FMC SK10 1169KWL</t>
  </si>
  <si>
    <t>5702329548847</t>
  </si>
  <si>
    <t>VELUX Wabenpl. el. FMC SK10 1169KWL</t>
  </si>
  <si>
    <t>FMC SK10 1171K</t>
  </si>
  <si>
    <t>5702329541183</t>
  </si>
  <si>
    <t>VELUX Wabenpl. el. FMC SK10 1171K</t>
  </si>
  <si>
    <t>FMC SK10 1173K</t>
  </si>
  <si>
    <t>5702329541206</t>
  </si>
  <si>
    <t>VELUX Wabenpl. el. FMC SK10 1173K</t>
  </si>
  <si>
    <t>FMC SK10 1173KWL</t>
  </si>
  <si>
    <t>5702329548885</t>
  </si>
  <si>
    <t>VELUX Wabenpl. el. FMC SK10 1173KWL</t>
  </si>
  <si>
    <t>FMC U04 1045K</t>
  </si>
  <si>
    <t>5702329541213</t>
  </si>
  <si>
    <t>VELUX Wabenpl. el. FMC U04 1045K</t>
  </si>
  <si>
    <t>FMC U04 1047K</t>
  </si>
  <si>
    <t>5702329541220</t>
  </si>
  <si>
    <t>VELUX Wabenpl. el. FMC U04 1047K</t>
  </si>
  <si>
    <t>FMC U04 1049K</t>
  </si>
  <si>
    <t>5702329541237</t>
  </si>
  <si>
    <t>VELUX Wabenpl. el. FMC U04 1049K</t>
  </si>
  <si>
    <t>FMC U04 1049KWL</t>
  </si>
  <si>
    <t>5702329548915</t>
  </si>
  <si>
    <t>VELUX Wabenpl. el. FMC U04 1049KWL</t>
  </si>
  <si>
    <t>FMC U04 1155K</t>
  </si>
  <si>
    <t>5702329541244</t>
  </si>
  <si>
    <t>VELUX Wabenpl. el. FMC U04 1155K</t>
  </si>
  <si>
    <t>FMC U04 1155KWL</t>
  </si>
  <si>
    <t>5702329548922</t>
  </si>
  <si>
    <t>VELUX Wabenpl. el. FMC U04 1155KWL</t>
  </si>
  <si>
    <t>FMC U04 1156K</t>
  </si>
  <si>
    <t>5702329541251</t>
  </si>
  <si>
    <t>VELUX Wabenpl. el. FMC U04 1156K</t>
  </si>
  <si>
    <t>FMC U04 1156KWL</t>
  </si>
  <si>
    <t>5702329548939</t>
  </si>
  <si>
    <t>VELUX Wabenpl. el. FMC U04 1156KWL</t>
  </si>
  <si>
    <t>FMC U04 1163KWL</t>
  </si>
  <si>
    <t>5702329548946</t>
  </si>
  <si>
    <t>VELUX Wabenpl. el. FMC U04 1163KWL</t>
  </si>
  <si>
    <t>FMC U04 1164K</t>
  </si>
  <si>
    <t>5702329541275</t>
  </si>
  <si>
    <t>VELUX Wabenpl. el. FMC U04 1164K</t>
  </si>
  <si>
    <t>FMC U04 1164KWL</t>
  </si>
  <si>
    <t>5702329548953</t>
  </si>
  <si>
    <t>VELUX Wabenpl. el. FMC U04 1164KWL</t>
  </si>
  <si>
    <t>FMC U04 1165KWL</t>
  </si>
  <si>
    <t>5702329548960</t>
  </si>
  <si>
    <t>VELUX Wabenpl. el. FMC U04 1165KWL</t>
  </si>
  <si>
    <t>FMC U04 1166K</t>
  </si>
  <si>
    <t>5702329541299</t>
  </si>
  <si>
    <t>VELUX Wabenpl. el. FMC U04 1166K</t>
  </si>
  <si>
    <t>FMC U04 1166KWL</t>
  </si>
  <si>
    <t>5702329548977</t>
  </si>
  <si>
    <t>VELUX Wabenpl. el. FMC U04 1166KWL</t>
  </si>
  <si>
    <t>FMC U04 1167K</t>
  </si>
  <si>
    <t>5702329541305</t>
  </si>
  <si>
    <t>VELUX Wabenpl. el. FMC U04 1167K</t>
  </si>
  <si>
    <t>FMC U04 1167KWL</t>
  </si>
  <si>
    <t>5702329548984</t>
  </si>
  <si>
    <t>VELUX Wabenpl. el. FMC U04 1167KWL</t>
  </si>
  <si>
    <t>FMC U04 1168KWL</t>
  </si>
  <si>
    <t>5702329548991</t>
  </si>
  <si>
    <t>VELUX Wabenpl. el. FMC U04 1168KWL</t>
  </si>
  <si>
    <t>FMC U04 1169K</t>
  </si>
  <si>
    <t>5702329541329</t>
  </si>
  <si>
    <t>VELUX Wabenpl. el. FMC U04 1169K</t>
  </si>
  <si>
    <t>FMC U04 1169KWL</t>
  </si>
  <si>
    <t>5702329549004</t>
  </si>
  <si>
    <t>VELUX Wabenpl. el. FMC U04 1169KWL</t>
  </si>
  <si>
    <t>FMC U04 1170K</t>
  </si>
  <si>
    <t>5702329541336</t>
  </si>
  <si>
    <t>VELUX Wabenpl. el. FMC U04 1170K</t>
  </si>
  <si>
    <t>FMC U04 1170KWL</t>
  </si>
  <si>
    <t>5702329549011</t>
  </si>
  <si>
    <t>VELUX Wabenpl. el. FMC U04 1170KWL</t>
  </si>
  <si>
    <t>FMC U04 1171K</t>
  </si>
  <si>
    <t>5702329541343</t>
  </si>
  <si>
    <t>VELUX Wabenpl. el. FMC U04 1171K</t>
  </si>
  <si>
    <t>FMC U04 1171KWL</t>
  </si>
  <si>
    <t>5702329549028</t>
  </si>
  <si>
    <t>VELUX Wabenpl. el. FMC U04 1171KWL</t>
  </si>
  <si>
    <t>FMC U04 1172K</t>
  </si>
  <si>
    <t>5702329541350</t>
  </si>
  <si>
    <t>VELUX Wabenpl. el. FMC U04 1172K</t>
  </si>
  <si>
    <t>FMC U04 1172KWL</t>
  </si>
  <si>
    <t>5702329549035</t>
  </si>
  <si>
    <t>VELUX Wabenpl. el. FMC U04 1172KWL</t>
  </si>
  <si>
    <t>FMC U04 1173KWL</t>
  </si>
  <si>
    <t>5702329549042</t>
  </si>
  <si>
    <t>VELUX Wabenpl. el. FMC U04 1173KWL</t>
  </si>
  <si>
    <t>FMC U08 1047K</t>
  </si>
  <si>
    <t>5702329541381</t>
  </si>
  <si>
    <t>VELUX Wabenpl. el. FMC U08 1047K</t>
  </si>
  <si>
    <t>FMC U08 1047KWL</t>
  </si>
  <si>
    <t>5702329549066</t>
  </si>
  <si>
    <t>VELUX Wabenpl. el. FMC U08 1047KWL</t>
  </si>
  <si>
    <t>FMC U08 1049K</t>
  </si>
  <si>
    <t>5702329541398</t>
  </si>
  <si>
    <t>VELUX Wabenpl. el. FMC U08 1049K</t>
  </si>
  <si>
    <t>FMC U08 1049KWL</t>
  </si>
  <si>
    <t>5702329549073</t>
  </si>
  <si>
    <t>VELUX Wabenpl. el. FMC U08 1049KWL</t>
  </si>
  <si>
    <t>FMC U08 1155K</t>
  </si>
  <si>
    <t>5702329541404</t>
  </si>
  <si>
    <t>VELUX Wabenpl. el. FMC U08 1155K</t>
  </si>
  <si>
    <t>FMC U08 1155KWL</t>
  </si>
  <si>
    <t>5702329549080</t>
  </si>
  <si>
    <t>VELUX Wabenpl. el. FMC U08 1155KWL</t>
  </si>
  <si>
    <t>FMC U08 1156KWL</t>
  </si>
  <si>
    <t>5702329549097</t>
  </si>
  <si>
    <t>VELUX Wabenpl. el. FMC U08 1156KWL</t>
  </si>
  <si>
    <t>FMC U08 1163KWL</t>
  </si>
  <si>
    <t>5702329549103</t>
  </si>
  <si>
    <t>VELUX Wabenpl. el. FMC U08 1163KWL</t>
  </si>
  <si>
    <t>FMC U08 1164K</t>
  </si>
  <si>
    <t>5702329541435</t>
  </si>
  <si>
    <t>VELUX Wabenpl. el. FMC U08 1164K</t>
  </si>
  <si>
    <t>FMC U08 1164KWL</t>
  </si>
  <si>
    <t>5702329549110</t>
  </si>
  <si>
    <t>VELUX Wabenpl. el. FMC U08 1164KWL</t>
  </si>
  <si>
    <t>FMC U08 1165K</t>
  </si>
  <si>
    <t>5702329541442</t>
  </si>
  <si>
    <t>VELUX Wabenpl. el. FMC U08 1165K</t>
  </si>
  <si>
    <t>FMC U08 1165KWL</t>
  </si>
  <si>
    <t>5702329549127</t>
  </si>
  <si>
    <t>VELUX Wabenpl. el. FMC U08 1165KWL</t>
  </si>
  <si>
    <t>FMC U08 1166K</t>
  </si>
  <si>
    <t>5702329541459</t>
  </si>
  <si>
    <t>VELUX Wabenpl. el. FMC U08 1166K</t>
  </si>
  <si>
    <t>FMC U08 1166KWL</t>
  </si>
  <si>
    <t>5702329549134</t>
  </si>
  <si>
    <t>VELUX Wabenpl. el. FMC U08 1166KWL</t>
  </si>
  <si>
    <t>FMC U08 1167KWL</t>
  </si>
  <si>
    <t>5702329549141</t>
  </si>
  <si>
    <t>VELUX Wabenpl. el. FMC U08 1167KWL</t>
  </si>
  <si>
    <t>FMC U08 1168K</t>
  </si>
  <si>
    <t>5702329541473</t>
  </si>
  <si>
    <t>VELUX Wabenpl. el. FMC U08 1168K</t>
  </si>
  <si>
    <t>FMC U08 1168KWL</t>
  </si>
  <si>
    <t>5702329549158</t>
  </si>
  <si>
    <t>VELUX Wabenpl. el. FMC U08 1168KWL</t>
  </si>
  <si>
    <t>FMC U08 1169K</t>
  </si>
  <si>
    <t>5702329541480</t>
  </si>
  <si>
    <t>VELUX Wabenpl. el. FMC U08 1169K</t>
  </si>
  <si>
    <t>FMC U08 1169KWL</t>
  </si>
  <si>
    <t>5702329549165</t>
  </si>
  <si>
    <t>VELUX Wabenpl. el. FMC U08 1169KWL</t>
  </si>
  <si>
    <t>FMC U08 1170K</t>
  </si>
  <si>
    <t>5702329541497</t>
  </si>
  <si>
    <t>VELUX Wabenpl. el. FMC U08 1170K</t>
  </si>
  <si>
    <t>FMC U08 1171K</t>
  </si>
  <si>
    <t>5702329541503</t>
  </si>
  <si>
    <t>VELUX Wabenpl. el. FMC U08 1171K</t>
  </si>
  <si>
    <t>FMC U08 1171KWL</t>
  </si>
  <si>
    <t>5702329549189</t>
  </si>
  <si>
    <t>VELUX Wabenpl. el. FMC U08 1171KWL</t>
  </si>
  <si>
    <t>FMC U08 1172KWL</t>
  </si>
  <si>
    <t>5702329549196</t>
  </si>
  <si>
    <t>VELUX Wabenpl. el. FMC U08 1172KWL</t>
  </si>
  <si>
    <t>FMC U08 1173K</t>
  </si>
  <si>
    <t>5702329541527</t>
  </si>
  <si>
    <t>VELUX Wabenpl. el. FMC U08 1173K</t>
  </si>
  <si>
    <t>FMC U08 1173KWL</t>
  </si>
  <si>
    <t>5702329549202</t>
  </si>
  <si>
    <t>VELUX Wabenpl. el. FMC U08 1173KWL</t>
  </si>
  <si>
    <t>FMC U10 1045KWL</t>
  </si>
  <si>
    <t>5702329549219</t>
  </si>
  <si>
    <t>VELUX Wabenpl. el. FMC U10 1045KWL</t>
  </si>
  <si>
    <t>FMC U10 1047K</t>
  </si>
  <si>
    <t>5702329541541</t>
  </si>
  <si>
    <t>VELUX Wabenpl. el. FMC U10 1047K</t>
  </si>
  <si>
    <t>FMC U10 1047KWL</t>
  </si>
  <si>
    <t>5702329549226</t>
  </si>
  <si>
    <t>VELUX Wabenpl. el. FMC U10 1047KWL</t>
  </si>
  <si>
    <t>FMC U10 1049K</t>
  </si>
  <si>
    <t>5702329541558</t>
  </si>
  <si>
    <t>VELUX Wabenpl. el. FMC U10 1049K</t>
  </si>
  <si>
    <t>FMC U10 1049KWL</t>
  </si>
  <si>
    <t>5702329549233</t>
  </si>
  <si>
    <t>VELUX Wabenpl. el. FMC U10 1049KWL</t>
  </si>
  <si>
    <t>FMC U10 1155K</t>
  </si>
  <si>
    <t>5702329541565</t>
  </si>
  <si>
    <t>VELUX Wabenpl. el. FMC U10 1155K</t>
  </si>
  <si>
    <t>FMC U10 1155KWL</t>
  </si>
  <si>
    <t>5702329549240</t>
  </si>
  <si>
    <t>VELUX Wabenpl. el. FMC U10 1155KWL</t>
  </si>
  <si>
    <t>FMC U10 1156K</t>
  </si>
  <si>
    <t>5702329541572</t>
  </si>
  <si>
    <t>VELUX Wabenpl. el. FMC U10 1156K</t>
  </si>
  <si>
    <t>FMC U10 1156KWL</t>
  </si>
  <si>
    <t>5702329549257</t>
  </si>
  <si>
    <t>VELUX Wabenpl. el. FMC U10 1156KWL</t>
  </si>
  <si>
    <t>FMC U10 1163KWL</t>
  </si>
  <si>
    <t>5702329549264</t>
  </si>
  <si>
    <t>VELUX Wabenpl. el. FMC U10 1163KWL</t>
  </si>
  <si>
    <t>FMC U10 1164K</t>
  </si>
  <si>
    <t>5702329541596</t>
  </si>
  <si>
    <t>VELUX Wabenpl. el. FMC U10 1164K</t>
  </si>
  <si>
    <t>FMC U10 1164KWL</t>
  </si>
  <si>
    <t>5702329549271</t>
  </si>
  <si>
    <t>VELUX Wabenpl. el. FMC U10 1164KWL</t>
  </si>
  <si>
    <t>FMC U10 1165K</t>
  </si>
  <si>
    <t>5702329541602</t>
  </si>
  <si>
    <t>VELUX Wabenpl. el. FMC U10 1165K</t>
  </si>
  <si>
    <t>FMC U10 1165KWL</t>
  </si>
  <si>
    <t>5702329549288</t>
  </si>
  <si>
    <t>VELUX Wabenpl. el. FMC U10 1165KWL</t>
  </si>
  <si>
    <t>FMC U10 1166K</t>
  </si>
  <si>
    <t>5702329541619</t>
  </si>
  <si>
    <t>VELUX Wabenpl. el. FMC U10 1166K</t>
  </si>
  <si>
    <t>FMC U10 1166KWL</t>
  </si>
  <si>
    <t>5702329549295</t>
  </si>
  <si>
    <t>VELUX Wabenpl. el. FMC U10 1166KWL</t>
  </si>
  <si>
    <t>FMC U10 1167K</t>
  </si>
  <si>
    <t>5702329541626</t>
  </si>
  <si>
    <t>VELUX Wabenpl. el. FMC U10 1167K</t>
  </si>
  <si>
    <t>FMC U10 1167KWL</t>
  </si>
  <si>
    <t>5702329549301</t>
  </si>
  <si>
    <t>VELUX Wabenpl. el. FMC U10 1167KWL</t>
  </si>
  <si>
    <t>FMC U10 1168K</t>
  </si>
  <si>
    <t>5702329541633</t>
  </si>
  <si>
    <t>VELUX Wabenpl. el. FMC U10 1168K</t>
  </si>
  <si>
    <t>FMC U10 1168KWL</t>
  </si>
  <si>
    <t>5702329549318</t>
  </si>
  <si>
    <t>VELUX Wabenpl. el. FMC U10 1168KWL</t>
  </si>
  <si>
    <t>FMC U10 1169K</t>
  </si>
  <si>
    <t>5702329541640</t>
  </si>
  <si>
    <t>VELUX Wabenpl. el. FMC U10 1169K</t>
  </si>
  <si>
    <t>FMC U10 1169KWL</t>
  </si>
  <si>
    <t>5702329549325</t>
  </si>
  <si>
    <t>VELUX Wabenpl. el. FMC U10 1169KWL</t>
  </si>
  <si>
    <t>FMC U10 1170K</t>
  </si>
  <si>
    <t>5702329541657</t>
  </si>
  <si>
    <t>VELUX Wabenpl. el. FMC U10 1170K</t>
  </si>
  <si>
    <t>FMC U10 1170KWL</t>
  </si>
  <si>
    <t>5702329549332</t>
  </si>
  <si>
    <t>VELUX Wabenpl. el. FMC U10 1170KWL</t>
  </si>
  <si>
    <t>FMC U10 1171KWL</t>
  </si>
  <si>
    <t>5702329549349</t>
  </si>
  <si>
    <t>VELUX Wabenpl. el. FMC U10 1171KWL</t>
  </si>
  <si>
    <t>FMC U10 1172K</t>
  </si>
  <si>
    <t>5702329541671</t>
  </si>
  <si>
    <t>VELUX Wabenpl. el. FMC U10 1172K</t>
  </si>
  <si>
    <t>FMC U10 1172KWL</t>
  </si>
  <si>
    <t>5702329549356</t>
  </si>
  <si>
    <t>VELUX Wabenpl. el. FMC U10 1172KWL</t>
  </si>
  <si>
    <t>FMC U10 1173K</t>
  </si>
  <si>
    <t>5702329541688</t>
  </si>
  <si>
    <t>VELUX Wabenpl. el. FMC U10 1173K</t>
  </si>
  <si>
    <t>FMC U10 1173KWL</t>
  </si>
  <si>
    <t>5702329549363</t>
  </si>
  <si>
    <t>VELUX Wabenpl. el. FMC U10 1173KWL</t>
  </si>
  <si>
    <t>FMC UK04 1049K</t>
  </si>
  <si>
    <t>5702329541718</t>
  </si>
  <si>
    <t>VELUX Wabenpl. el. FMC UK04 1049K</t>
  </si>
  <si>
    <t>FMC UK04 1049KWL</t>
  </si>
  <si>
    <t>5702329549394</t>
  </si>
  <si>
    <t>VELUX Wabenpl. el. FMC UK04 1049KWL</t>
  </si>
  <si>
    <t>FMC UK04 1155K</t>
  </si>
  <si>
    <t>5702329541725</t>
  </si>
  <si>
    <t>VELUX Wabenpl. el. FMC UK04 1155K</t>
  </si>
  <si>
    <t>FMC UK04 1164K</t>
  </si>
  <si>
    <t>5702329541756</t>
  </si>
  <si>
    <t>VELUX Wabenpl. el. FMC UK04 1164K</t>
  </si>
  <si>
    <t>FMC UK04 1165K</t>
  </si>
  <si>
    <t>5702329541763</t>
  </si>
  <si>
    <t>VELUX Wabenpl. el. FMC UK04 1165K</t>
  </si>
  <si>
    <t>FMC UK04 1166K</t>
  </si>
  <si>
    <t>5702329541770</t>
  </si>
  <si>
    <t>VELUX Wabenpl. el. FMC UK04 1166K</t>
  </si>
  <si>
    <t>FMC UK04 1167K</t>
  </si>
  <si>
    <t>5702329541787</t>
  </si>
  <si>
    <t>VELUX Wabenpl. el. FMC UK04 1167K</t>
  </si>
  <si>
    <t>FMC UK04 1167KWL</t>
  </si>
  <si>
    <t>5702329549462</t>
  </si>
  <si>
    <t>VELUX Wabenpl. el. FMC UK04 1167KWL</t>
  </si>
  <si>
    <t>FMC UK04 1168K</t>
  </si>
  <si>
    <t>5702329541794</t>
  </si>
  <si>
    <t>VELUX Wabenpl. el. FMC UK04 1168K</t>
  </si>
  <si>
    <t>FMC UK04 1169K</t>
  </si>
  <si>
    <t>5702329541800</t>
  </si>
  <si>
    <t>VELUX Wabenpl. el. FMC UK04 1169K</t>
  </si>
  <si>
    <t>FMC UK04 1169KWL</t>
  </si>
  <si>
    <t>5702329549486</t>
  </si>
  <si>
    <t>VELUX Wabenpl. el. FMC UK04 1169KWL</t>
  </si>
  <si>
    <t>FMC UK08 1049K</t>
  </si>
  <si>
    <t>5702329541879</t>
  </si>
  <si>
    <t>VELUX Wabenpl. el. FMC UK08 1049K</t>
  </si>
  <si>
    <t>FMC UK08 1049KWL</t>
  </si>
  <si>
    <t>5702329549554</t>
  </si>
  <si>
    <t>VELUX Wabenpl. el. FMC UK08 1049KWL</t>
  </si>
  <si>
    <t>FMC UK08 1164K</t>
  </si>
  <si>
    <t>5702329541916</t>
  </si>
  <si>
    <t>VELUX Wabenpl. el. FMC UK08 1164K</t>
  </si>
  <si>
    <t>FMC UK08 1165K</t>
  </si>
  <si>
    <t>5702329541923</t>
  </si>
  <si>
    <t>VELUX Wabenpl. el. FMC UK08 1165K</t>
  </si>
  <si>
    <t>FMC UK08 1167KWL</t>
  </si>
  <si>
    <t>5702329549622</t>
  </si>
  <si>
    <t>VELUX Wabenpl. el. FMC UK08 1167KWL</t>
  </si>
  <si>
    <t>FMC UK08 1169K</t>
  </si>
  <si>
    <t>5702329541961</t>
  </si>
  <si>
    <t>VELUX Wabenpl. el. FMC UK08 1169K</t>
  </si>
  <si>
    <t>FMC UK10 1049K</t>
  </si>
  <si>
    <t>5702329542036</t>
  </si>
  <si>
    <t>VELUX Wabenpl. el. FMC UK10 1049K</t>
  </si>
  <si>
    <t>FMC UK10 1155K</t>
  </si>
  <si>
    <t>5702329542043</t>
  </si>
  <si>
    <t>VELUX Wabenpl. el. FMC UK10 1155K</t>
  </si>
  <si>
    <t>FMC UK10 1156K</t>
  </si>
  <si>
    <t>5702329542050</t>
  </si>
  <si>
    <t>VELUX Wabenpl. el. FMC UK10 1156K</t>
  </si>
  <si>
    <t>FMC UK10 1164KWL</t>
  </si>
  <si>
    <t>5702329549752</t>
  </si>
  <si>
    <t>VELUX Wabenpl. el. FMC UK10 1164KWL</t>
  </si>
  <si>
    <t>FMC UK10 1165K</t>
  </si>
  <si>
    <t>5702329542081</t>
  </si>
  <si>
    <t>VELUX Wabenpl. el. FMC UK10 1165K</t>
  </si>
  <si>
    <t>FMC UK10 1167K</t>
  </si>
  <si>
    <t>5702329542104</t>
  </si>
  <si>
    <t>VELUX Wabenpl. el. FMC UK10 1167K</t>
  </si>
  <si>
    <t>FMC UK10 1167KWL</t>
  </si>
  <si>
    <t>5702329549783</t>
  </si>
  <si>
    <t>VELUX Wabenpl. el. FMC UK10 1167KWL</t>
  </si>
  <si>
    <t>FMC UK10 1168K</t>
  </si>
  <si>
    <t>5702329542111</t>
  </si>
  <si>
    <t>VELUX Wabenpl. el. FMC UK10 1168K</t>
  </si>
  <si>
    <t>FMC UK10 1168KWL</t>
  </si>
  <si>
    <t>5702329549790</t>
  </si>
  <si>
    <t>VELUX Wabenpl. el. FMC UK10 1168KWL</t>
  </si>
  <si>
    <t>FMC UK10 1169K</t>
  </si>
  <si>
    <t>5702329542128</t>
  </si>
  <si>
    <t>VELUX Wabenpl. el. FMC UK10 1169K</t>
  </si>
  <si>
    <t>FMC UK10 1169KWL</t>
  </si>
  <si>
    <t>5702329549806</t>
  </si>
  <si>
    <t>VELUX Wabenpl. el. FMC UK10 1169KWL</t>
  </si>
  <si>
    <t>FMC UK10 1170K</t>
  </si>
  <si>
    <t>5702329542135</t>
  </si>
  <si>
    <t>VELUX Wabenpl. el. FMC UK10 1170K</t>
  </si>
  <si>
    <t>FMC UK10 1173K</t>
  </si>
  <si>
    <t>5702329542166</t>
  </si>
  <si>
    <t>VELUX Wabenpl. el. FMC UK10 1173K</t>
  </si>
  <si>
    <t>FMC UK10 1173KWL</t>
  </si>
  <si>
    <t>5702329549844</t>
  </si>
  <si>
    <t>VELUX Wabenpl. el. FMC UK10 1173KWL</t>
  </si>
  <si>
    <t>FML C02 1256K</t>
  </si>
  <si>
    <t>5702329571241</t>
  </si>
  <si>
    <t>VELUX Plissee elektro FML C02 1256K</t>
  </si>
  <si>
    <t>FML C02 1256KWL</t>
  </si>
  <si>
    <t>5702329569125</t>
  </si>
  <si>
    <t>VELUX Plissee elektro FML C02 1256KWL</t>
  </si>
  <si>
    <t>FML C02 1259K</t>
  </si>
  <si>
    <t>5702329571265</t>
  </si>
  <si>
    <t>VELUX Plissee elektro FML C02 1259K</t>
  </si>
  <si>
    <t>FML C02 1259KWL</t>
  </si>
  <si>
    <t>5702329569132</t>
  </si>
  <si>
    <t>VELUX Plissee elektro FML C02 1259KWL</t>
  </si>
  <si>
    <t>FML C02 1274K</t>
  </si>
  <si>
    <t>5702329571289</t>
  </si>
  <si>
    <t>VELUX Plissee elektro FML C02 1274K</t>
  </si>
  <si>
    <t>FML C02 1274KWL</t>
  </si>
  <si>
    <t>5702329569149</t>
  </si>
  <si>
    <t>VELUX Plissee elektro FML C02 1274KWL</t>
  </si>
  <si>
    <t>FML C02 1275K</t>
  </si>
  <si>
    <t>5702329571302</t>
  </si>
  <si>
    <t>VELUX Plissee elektro FML C02 1275K</t>
  </si>
  <si>
    <t>FML C02 1275KWL</t>
  </si>
  <si>
    <t>5702329569156</t>
  </si>
  <si>
    <t>VELUX Plissee elektro FML C02 1275KWL</t>
  </si>
  <si>
    <t>FML C02 1276K</t>
  </si>
  <si>
    <t>5702329571326</t>
  </si>
  <si>
    <t>VELUX Plissee elektro FML C02 1276K</t>
  </si>
  <si>
    <t>FML C02 1276KWL</t>
  </si>
  <si>
    <t>5702329569163</t>
  </si>
  <si>
    <t>VELUX Plissee elektro FML C02 1276KWL</t>
  </si>
  <si>
    <t>FML C02 1277K</t>
  </si>
  <si>
    <t>5702329571340</t>
  </si>
  <si>
    <t>VELUX Plissee elektro FML C02 1277K</t>
  </si>
  <si>
    <t>FML C02 1277KWL</t>
  </si>
  <si>
    <t>5702329569170</t>
  </si>
  <si>
    <t>VELUX Plissee elektro FML C02 1277KWL</t>
  </si>
  <si>
    <t>FML C02 1278K</t>
  </si>
  <si>
    <t>5702329571364</t>
  </si>
  <si>
    <t>VELUX Plissee elektro FML C02 1278K</t>
  </si>
  <si>
    <t>FML C02 1278KWL</t>
  </si>
  <si>
    <t>5702329569187</t>
  </si>
  <si>
    <t>VELUX Plissee elektro FML C02 1278KWL</t>
  </si>
  <si>
    <t>FML C02 1279K</t>
  </si>
  <si>
    <t>5702329571388</t>
  </si>
  <si>
    <t>VELUX Plissee elektro FML C02 1279K</t>
  </si>
  <si>
    <t>FML C02 1279KWL</t>
  </si>
  <si>
    <t>5702329569194</t>
  </si>
  <si>
    <t>VELUX Plissee elektro FML C02 1279KWL</t>
  </si>
  <si>
    <t>FML C02 1280KWL</t>
  </si>
  <si>
    <t>5702329569200</t>
  </si>
  <si>
    <t>VELUX Plissee elektro FML C02 1280KWL</t>
  </si>
  <si>
    <t>FML C02 1281K</t>
  </si>
  <si>
    <t>5702329571425</t>
  </si>
  <si>
    <t>VELUX Plissee elektro FML C02 1281K</t>
  </si>
  <si>
    <t>FML C02 1281KWL</t>
  </si>
  <si>
    <t>5702329569217</t>
  </si>
  <si>
    <t>VELUX Plissee elektro FML C02 1281KWL</t>
  </si>
  <si>
    <t>FML C02 1282K</t>
  </si>
  <si>
    <t>5702329571449</t>
  </si>
  <si>
    <t>VELUX Plissee elektro FML C02 1282K</t>
  </si>
  <si>
    <t>FML C02 1282KWL</t>
  </si>
  <si>
    <t>5702329569224</t>
  </si>
  <si>
    <t>VELUX Plissee elektro FML C02 1282KWL</t>
  </si>
  <si>
    <t>FML C02 1283K</t>
  </si>
  <si>
    <t>5702329571463</t>
  </si>
  <si>
    <t>VELUX Plissee elektro FML C02 1283K</t>
  </si>
  <si>
    <t>FML C02 1283KWL</t>
  </si>
  <si>
    <t>5702329569231</t>
  </si>
  <si>
    <t>VELUX Plissee elektro FML C02 1283KWL</t>
  </si>
  <si>
    <t>FML C02 1284K</t>
  </si>
  <si>
    <t>5702329571487</t>
  </si>
  <si>
    <t>VELUX Plissee elektro FML C02 1284K</t>
  </si>
  <si>
    <t>FML C02 1284KWL</t>
  </si>
  <si>
    <t>5702329569248</t>
  </si>
  <si>
    <t>VELUX Plissee elektro FML C02 1284KWL</t>
  </si>
  <si>
    <t>FML C02 1285K</t>
  </si>
  <si>
    <t>5702329571500</t>
  </si>
  <si>
    <t>VELUX Plissee elektro FML C02 1285K</t>
  </si>
  <si>
    <t>FML C02 1285KWL</t>
  </si>
  <si>
    <t>5702329569255</t>
  </si>
  <si>
    <t>VELUX Plissee elektro FML C02 1285KWL</t>
  </si>
  <si>
    <t>FML C02 1286K</t>
  </si>
  <si>
    <t>5702329571524</t>
  </si>
  <si>
    <t>VELUX Plissee elektro FML C02 1286K</t>
  </si>
  <si>
    <t>FML C02 1286KWL</t>
  </si>
  <si>
    <t>5702329569262</t>
  </si>
  <si>
    <t>VELUX Plissee elektro FML C02 1286KWL</t>
  </si>
  <si>
    <t>FML C04 1256K</t>
  </si>
  <si>
    <t>5702329571562</t>
  </si>
  <si>
    <t>VELUX Plissee elektro FML C04 1256K</t>
  </si>
  <si>
    <t>FML C04 1259K</t>
  </si>
  <si>
    <t>5702329571586</t>
  </si>
  <si>
    <t>VELUX Plissee elektro FML C04 1259K</t>
  </si>
  <si>
    <t>FML C04 1259KWL</t>
  </si>
  <si>
    <t>5702329569293</t>
  </si>
  <si>
    <t>VELUX Plissee elektro FML C04 1259KWL</t>
  </si>
  <si>
    <t>FML C04 1274K</t>
  </si>
  <si>
    <t>5702329571609</t>
  </si>
  <si>
    <t>VELUX Plissee elektro FML C04 1274K</t>
  </si>
  <si>
    <t>FML C04 1274KWL</t>
  </si>
  <si>
    <t>5702329569309</t>
  </si>
  <si>
    <t>VELUX Plissee elektro FML C04 1274KWL</t>
  </si>
  <si>
    <t>FML C04 1275K</t>
  </si>
  <si>
    <t>5702329571623</t>
  </si>
  <si>
    <t>VELUX Plissee elektro FML C04 1275K</t>
  </si>
  <si>
    <t>FML C04 1275KWL</t>
  </si>
  <si>
    <t>5702329569316</t>
  </si>
  <si>
    <t>VELUX Plissee elektro FML C04 1275KWL</t>
  </si>
  <si>
    <t>FML C04 1276K</t>
  </si>
  <si>
    <t>5702329571647</t>
  </si>
  <si>
    <t>VELUX Plissee elektro FML C04 1276K</t>
  </si>
  <si>
    <t>FML C04 1276KWL</t>
  </si>
  <si>
    <t>5702329569323</t>
  </si>
  <si>
    <t>VELUX Plissee elektro FML C04 1276KWL</t>
  </si>
  <si>
    <t>FML C04 1277K</t>
  </si>
  <si>
    <t>5702329571661</t>
  </si>
  <si>
    <t>VELUX Plissee elektro FML C04 1277K</t>
  </si>
  <si>
    <t>FML C04 1277KWL</t>
  </si>
  <si>
    <t>5702329569330</t>
  </si>
  <si>
    <t>VELUX Plissee elektro FML C04 1277KWL</t>
  </si>
  <si>
    <t>FML C04 1278K</t>
  </si>
  <si>
    <t>5702329571685</t>
  </si>
  <si>
    <t>VELUX Plissee elektro FML C04 1278K</t>
  </si>
  <si>
    <t>FML C04 1278KWL</t>
  </si>
  <si>
    <t>5702329569347</t>
  </si>
  <si>
    <t>VELUX Plissee elektro FML C04 1278KWL</t>
  </si>
  <si>
    <t>FML C04 1279K</t>
  </si>
  <si>
    <t>5702329571708</t>
  </si>
  <si>
    <t>VELUX Plissee elektro FML C04 1279K</t>
  </si>
  <si>
    <t>FML C04 1279KWL</t>
  </si>
  <si>
    <t>5702329569354</t>
  </si>
  <si>
    <t>VELUX Plissee elektro FML C04 1279KWL</t>
  </si>
  <si>
    <t>FML C04 1280K</t>
  </si>
  <si>
    <t>5702329571722</t>
  </si>
  <si>
    <t>VELUX Plissee elektro FML C04 1280K</t>
  </si>
  <si>
    <t>FML C04 1280KWL</t>
  </si>
  <si>
    <t>5702329569361</t>
  </si>
  <si>
    <t>VELUX Plissee elektro FML C04 1280KWL</t>
  </si>
  <si>
    <t>FML C04 1281K</t>
  </si>
  <si>
    <t>5702329571746</t>
  </si>
  <si>
    <t>VELUX Plissee elektro FML C04 1281K</t>
  </si>
  <si>
    <t>FML C04 1281KWL</t>
  </si>
  <si>
    <t>5702329569378</t>
  </si>
  <si>
    <t>VELUX Plissee elektro FML C04 1281KWL</t>
  </si>
  <si>
    <t>FML C04 1282K</t>
  </si>
  <si>
    <t>5702329571760</t>
  </si>
  <si>
    <t>VELUX Plissee elektro FML C04 1282K</t>
  </si>
  <si>
    <t>FML C04 1282KWL</t>
  </si>
  <si>
    <t>5702329569385</t>
  </si>
  <si>
    <t>VELUX Plissee elektro FML C04 1282KWL</t>
  </si>
  <si>
    <t>FML C04 1283K</t>
  </si>
  <si>
    <t>5702329571784</t>
  </si>
  <si>
    <t>VELUX Plissee elektro FML C04 1283K</t>
  </si>
  <si>
    <t>FML C04 1283KWL</t>
  </si>
  <si>
    <t>5702329569392</t>
  </si>
  <si>
    <t>VELUX Plissee elektro FML C04 1283KWL</t>
  </si>
  <si>
    <t>FML C04 1284K</t>
  </si>
  <si>
    <t>5702329571807</t>
  </si>
  <si>
    <t>VELUX Plissee elektro FML C04 1284K</t>
  </si>
  <si>
    <t>FML C04 1284KWL</t>
  </si>
  <si>
    <t>5702329569408</t>
  </si>
  <si>
    <t>VELUX Plissee elektro FML C04 1284KWL</t>
  </si>
  <si>
    <t>FML C04 1285K</t>
  </si>
  <si>
    <t>5702329571821</t>
  </si>
  <si>
    <t>VELUX Plissee elektro FML C04 1285K</t>
  </si>
  <si>
    <t>FML C04 1285KWL</t>
  </si>
  <si>
    <t>5702329569415</t>
  </si>
  <si>
    <t>VELUX Plissee elektro FML C04 1285KWL</t>
  </si>
  <si>
    <t>FML C04 1286K</t>
  </si>
  <si>
    <t>5702329571845</t>
  </si>
  <si>
    <t>VELUX Plissee elektro FML C04 1286K</t>
  </si>
  <si>
    <t>FML C04 1286KWL</t>
  </si>
  <si>
    <t>5702329569422</t>
  </si>
  <si>
    <t>VELUX Plissee elektro FML C04 1286KWL</t>
  </si>
  <si>
    <t>FML C06 1016KWL</t>
  </si>
  <si>
    <t>5702329569439</t>
  </si>
  <si>
    <t>VELUX Plissee elektro FML C06 1016KWL</t>
  </si>
  <si>
    <t>FML C06 1256K</t>
  </si>
  <si>
    <t>5702329571883</t>
  </si>
  <si>
    <t>VELUX Plissee elektro FML C06 1256K</t>
  </si>
  <si>
    <t>FML C06 1256KWL</t>
  </si>
  <si>
    <t>5702329569446</t>
  </si>
  <si>
    <t>VELUX Plissee elektro FML C06 1256KWL</t>
  </si>
  <si>
    <t>FML C06 1259K</t>
  </si>
  <si>
    <t>5702329571906</t>
  </si>
  <si>
    <t>VELUX Plissee elektro FML C06 1259K</t>
  </si>
  <si>
    <t>FML C06 1259KWL</t>
  </si>
  <si>
    <t>5702329569453</t>
  </si>
  <si>
    <t>VELUX Plissee elektro FML C06 1259KWL</t>
  </si>
  <si>
    <t>FML C06 1274K</t>
  </si>
  <si>
    <t>5702329571920</t>
  </si>
  <si>
    <t>VELUX Plissee elektro FML C06 1274K</t>
  </si>
  <si>
    <t>FML C06 1274KWL</t>
  </si>
  <si>
    <t>5702329569460</t>
  </si>
  <si>
    <t>VELUX Plissee elektro FML C06 1274KWL</t>
  </si>
  <si>
    <t>FML C06 1275K</t>
  </si>
  <si>
    <t>5702329571944</t>
  </si>
  <si>
    <t>VELUX Plissee elektro FML C06 1275K</t>
  </si>
  <si>
    <t>FML C06 1275KWL</t>
  </si>
  <si>
    <t>5702329569477</t>
  </si>
  <si>
    <t>VELUX Plissee elektro FML C06 1275KWL</t>
  </si>
  <si>
    <t>FML C06 1276K</t>
  </si>
  <si>
    <t>5702329571968</t>
  </si>
  <si>
    <t>VELUX Plissee elektro FML C06 1276K</t>
  </si>
  <si>
    <t>FML C06 1276KWL</t>
  </si>
  <si>
    <t>5702329569484</t>
  </si>
  <si>
    <t>VELUX Plissee elektro FML C06 1276KWL</t>
  </si>
  <si>
    <t>FML C06 1277K</t>
  </si>
  <si>
    <t>5702329571982</t>
  </si>
  <si>
    <t>VELUX Plissee elektro FML C06 1277K</t>
  </si>
  <si>
    <t>FML C06 1277KWL</t>
  </si>
  <si>
    <t>5702329569491</t>
  </si>
  <si>
    <t>VELUX Plissee elektro FML C06 1277KWL</t>
  </si>
  <si>
    <t>FML C06 1278K</t>
  </si>
  <si>
    <t>5702329572002</t>
  </si>
  <si>
    <t>VELUX Plissee elektro FML C06 1278K</t>
  </si>
  <si>
    <t>FML C06 1278KWL</t>
  </si>
  <si>
    <t>5702329569507</t>
  </si>
  <si>
    <t>VELUX Plissee elektro FML C06 1278KWL</t>
  </si>
  <si>
    <t>FML C06 1279K</t>
  </si>
  <si>
    <t>5702329572026</t>
  </si>
  <si>
    <t>VELUX Plissee elektro FML C06 1279K</t>
  </si>
  <si>
    <t>FML C06 1279KWL</t>
  </si>
  <si>
    <t>5702329569514</t>
  </si>
  <si>
    <t>VELUX Plissee elektro FML C06 1279KWL</t>
  </si>
  <si>
    <t>FML C06 1280K</t>
  </si>
  <si>
    <t>5702329572040</t>
  </si>
  <si>
    <t>VELUX Plissee elektro FML C06 1280K</t>
  </si>
  <si>
    <t>FML C06 1280KWL</t>
  </si>
  <si>
    <t>5702329569521</t>
  </si>
  <si>
    <t>VELUX Plissee elektro FML C06 1280KWL</t>
  </si>
  <si>
    <t>FML C06 1281K</t>
  </si>
  <si>
    <t>5702329572064</t>
  </si>
  <si>
    <t>VELUX Plissee elektro FML C06 1281K</t>
  </si>
  <si>
    <t>FML C06 1281KWL</t>
  </si>
  <si>
    <t>5702329569538</t>
  </si>
  <si>
    <t>VELUX Plissee elektro FML C06 1281KWL</t>
  </si>
  <si>
    <t>FML C06 1282K</t>
  </si>
  <si>
    <t>5702329572088</t>
  </si>
  <si>
    <t>VELUX Plissee elektro FML C06 1282K</t>
  </si>
  <si>
    <t>FML C06 1282KWL</t>
  </si>
  <si>
    <t>5702329569545</t>
  </si>
  <si>
    <t>VELUX Plissee elektro FML C06 1282KWL</t>
  </si>
  <si>
    <t>FML C06 1283K</t>
  </si>
  <si>
    <t>5702329572101</t>
  </si>
  <si>
    <t>VELUX Plissee elektro FML C06 1283K</t>
  </si>
  <si>
    <t>FML C06 1283KWL</t>
  </si>
  <si>
    <t>5702329569552</t>
  </si>
  <si>
    <t>VELUX Plissee elektro FML C06 1283KWL</t>
  </si>
  <si>
    <t>FML C06 1284K</t>
  </si>
  <si>
    <t>5702329572125</t>
  </si>
  <si>
    <t>VELUX Plissee elektro FML C06 1284K</t>
  </si>
  <si>
    <t>FML C06 1284KWL</t>
  </si>
  <si>
    <t>5702329569569</t>
  </si>
  <si>
    <t>VELUX Plissee elektro FML C06 1284KWL</t>
  </si>
  <si>
    <t>FML C06 1285K</t>
  </si>
  <si>
    <t>5702329572149</t>
  </si>
  <si>
    <t>VELUX Plissee elektro FML C06 1285K</t>
  </si>
  <si>
    <t>FML C06 1285KWL</t>
  </si>
  <si>
    <t>5702329569576</t>
  </si>
  <si>
    <t>VELUX Plissee elektro FML C06 1285KWL</t>
  </si>
  <si>
    <t>FML C06 1286K</t>
  </si>
  <si>
    <t>5702329572170</t>
  </si>
  <si>
    <t>VELUX Plissee elektro FML C06 1286K</t>
  </si>
  <si>
    <t>FML C06 1286KWL</t>
  </si>
  <si>
    <t>5702329569583</t>
  </si>
  <si>
    <t>VELUX Plissee elektro FML C06 1286KWL</t>
  </si>
  <si>
    <t>FML CK02 1256K</t>
  </si>
  <si>
    <t>5702329572699</t>
  </si>
  <si>
    <t>VELUX Plissee elektro FML CK02 1256K</t>
  </si>
  <si>
    <t>FML CK02 1275K</t>
  </si>
  <si>
    <t>5702329572781</t>
  </si>
  <si>
    <t>VELUX Plissee elektro FML CK02 1275K</t>
  </si>
  <si>
    <t>FML CK02 1276KWL</t>
  </si>
  <si>
    <t>5702329569804</t>
  </si>
  <si>
    <t>VELUX Plissee elektro FML CK02 1276KWL</t>
  </si>
  <si>
    <t>FML CK02 1277KWL</t>
  </si>
  <si>
    <t>5702329569811</t>
  </si>
  <si>
    <t>VELUX Plissee elektro FML CK02 1277KWL</t>
  </si>
  <si>
    <t>FML CK02 1279KWL</t>
  </si>
  <si>
    <t>5702329569835</t>
  </si>
  <si>
    <t>VELUX Plissee elektro FML CK02 1279KWL</t>
  </si>
  <si>
    <t>FML CK02 1280KWL</t>
  </si>
  <si>
    <t>5702329569842</t>
  </si>
  <si>
    <t>VELUX Plissee elektro FML CK02 1280KWL</t>
  </si>
  <si>
    <t>FML CK02 1281K</t>
  </si>
  <si>
    <t>5702329572965</t>
  </si>
  <si>
    <t>VELUX Plissee elektro FML CK02 1281K</t>
  </si>
  <si>
    <t>FML CK02 1281KWL</t>
  </si>
  <si>
    <t>5702329569859</t>
  </si>
  <si>
    <t>VELUX Plissee elektro FML CK02 1281KWL</t>
  </si>
  <si>
    <t>FML CK02 1282KWL</t>
  </si>
  <si>
    <t>5702329569866</t>
  </si>
  <si>
    <t>VELUX Plissee elektro FML CK02 1282KWL</t>
  </si>
  <si>
    <t>FML CK02 1283KWL</t>
  </si>
  <si>
    <t>5702329569873</t>
  </si>
  <si>
    <t>VELUX Plissee elektro FML CK02 1283KWL</t>
  </si>
  <si>
    <t>FML CK02 1284K</t>
  </si>
  <si>
    <t>5702329573054</t>
  </si>
  <si>
    <t>VELUX Plissee elektro FML CK02 1284K</t>
  </si>
  <si>
    <t>FML CK02 1285K</t>
  </si>
  <si>
    <t>5702329573085</t>
  </si>
  <si>
    <t>VELUX Plissee elektro FML CK02 1285K</t>
  </si>
  <si>
    <t>FML CK02 1285KWL</t>
  </si>
  <si>
    <t>5702329569897</t>
  </si>
  <si>
    <t>VELUX Plissee elektro FML CK02 1285KWL</t>
  </si>
  <si>
    <t>FML CK04 1276K</t>
  </si>
  <si>
    <t>5702329573306</t>
  </si>
  <si>
    <t>VELUX Plissee elektro FML CK04 1276K</t>
  </si>
  <si>
    <t>FML CK04 1276KWL</t>
  </si>
  <si>
    <t>5702329569965</t>
  </si>
  <si>
    <t>VELUX Plissee elektro FML CK04 1276KWL</t>
  </si>
  <si>
    <t>FML CK04 1277K</t>
  </si>
  <si>
    <t>5702329573320</t>
  </si>
  <si>
    <t>VELUX Plissee elektro FML CK04 1277K</t>
  </si>
  <si>
    <t>FML CK04 1278KWL</t>
  </si>
  <si>
    <t>5702329569989</t>
  </si>
  <si>
    <t>VELUX Plissee elektro FML CK04 1278KWL</t>
  </si>
  <si>
    <t>FML CK04 1279K</t>
  </si>
  <si>
    <t>5702329573382</t>
  </si>
  <si>
    <t>VELUX Plissee elektro FML CK04 1279K</t>
  </si>
  <si>
    <t>FML CK04 1280K</t>
  </si>
  <si>
    <t>5702329573412</t>
  </si>
  <si>
    <t>VELUX Plissee elektro FML CK04 1280K</t>
  </si>
  <si>
    <t>FML CK04 1280KWL</t>
  </si>
  <si>
    <t>5702329570008</t>
  </si>
  <si>
    <t>VELUX Plissee elektro FML CK04 1280KWL</t>
  </si>
  <si>
    <t>FML CK04 1281K</t>
  </si>
  <si>
    <t>5702329573443</t>
  </si>
  <si>
    <t>VELUX Plissee elektro FML CK04 1281K</t>
  </si>
  <si>
    <t>FML CK04 1281KWL</t>
  </si>
  <si>
    <t>5702329570015</t>
  </si>
  <si>
    <t>VELUX Plissee elektro FML CK04 1281KWL</t>
  </si>
  <si>
    <t>FML CK04 1284K</t>
  </si>
  <si>
    <t>5702329573511</t>
  </si>
  <si>
    <t>VELUX Plissee elektro FML CK04 1284K</t>
  </si>
  <si>
    <t>FML CK04 1284KWL</t>
  </si>
  <si>
    <t>5702329570046</t>
  </si>
  <si>
    <t>VELUX Plissee elektro FML CK04 1284KWL</t>
  </si>
  <si>
    <t>FML CK06 1256K</t>
  </si>
  <si>
    <t>5702329573634</t>
  </si>
  <si>
    <t>VELUX Plissee elektro FML CK06 1256K</t>
  </si>
  <si>
    <t>FML CK06 1274K</t>
  </si>
  <si>
    <t>5702329573696</t>
  </si>
  <si>
    <t>VELUX Plissee elektro FML CK06 1274K</t>
  </si>
  <si>
    <t>FML CK06 1274KWL</t>
  </si>
  <si>
    <t>5702329570107</t>
  </si>
  <si>
    <t>VELUX Plissee elektro FML CK06 1274KWL</t>
  </si>
  <si>
    <t>FML CK06 1275K</t>
  </si>
  <si>
    <t>5702329573726</t>
  </si>
  <si>
    <t>VELUX Plissee elektro FML CK06 1275K</t>
  </si>
  <si>
    <t>FML CK06 1275KWL</t>
  </si>
  <si>
    <t>5702329570114</t>
  </si>
  <si>
    <t>VELUX Plissee elektro FML CK06 1275KWL</t>
  </si>
  <si>
    <t>FML CK06 1276K</t>
  </si>
  <si>
    <t>5702329573757</t>
  </si>
  <si>
    <t>VELUX Plissee elektro FML CK06 1276K</t>
  </si>
  <si>
    <t>FML CK06 1276KWL</t>
  </si>
  <si>
    <t>5702329570121</t>
  </si>
  <si>
    <t>VELUX Plissee elektro FML CK06 1276KWL</t>
  </si>
  <si>
    <t>FML CK06 1277K</t>
  </si>
  <si>
    <t>5702329573788</t>
  </si>
  <si>
    <t>VELUX Plissee elektro FML CK06 1277K</t>
  </si>
  <si>
    <t>FML CK06 1277KWL</t>
  </si>
  <si>
    <t>5702329570138</t>
  </si>
  <si>
    <t>VELUX Plissee elektro FML CK06 1277KWL</t>
  </si>
  <si>
    <t>FML CK06 1278K</t>
  </si>
  <si>
    <t>5702329573818</t>
  </si>
  <si>
    <t>VELUX Plissee elektro FML CK06 1278K</t>
  </si>
  <si>
    <t>FML CK06 1278KWL</t>
  </si>
  <si>
    <t>5702329570145</t>
  </si>
  <si>
    <t>VELUX Plissee elektro FML CK06 1278KWL</t>
  </si>
  <si>
    <t>FML CK06 1279K</t>
  </si>
  <si>
    <t>5702329573849</t>
  </si>
  <si>
    <t>VELUX Plissee elektro FML CK06 1279K</t>
  </si>
  <si>
    <t>FML CK06 1279KWL</t>
  </si>
  <si>
    <t>5702329570152</t>
  </si>
  <si>
    <t>VELUX Plissee elektro FML CK06 1279KWL</t>
  </si>
  <si>
    <t>FML CK06 1280K</t>
  </si>
  <si>
    <t>5702329573870</t>
  </si>
  <si>
    <t>VELUX Plissee elektro FML CK06 1280K</t>
  </si>
  <si>
    <t>FML CK06 1281KWL</t>
  </si>
  <si>
    <t>5702329570176</t>
  </si>
  <si>
    <t>VELUX Plissee elektro FML CK06 1281KWL</t>
  </si>
  <si>
    <t>FML CK06 1283K</t>
  </si>
  <si>
    <t>5702329573962</t>
  </si>
  <si>
    <t>VELUX Plissee elektro FML CK06 1283K</t>
  </si>
  <si>
    <t>FML CK06 1283KWL</t>
  </si>
  <si>
    <t>5702329570190</t>
  </si>
  <si>
    <t>VELUX Plissee elektro FML CK06 1283KWL</t>
  </si>
  <si>
    <t>FML CK06 1284KWL</t>
  </si>
  <si>
    <t>5702329570206</t>
  </si>
  <si>
    <t>VELUX Plissee elektro FML CK06 1284KWL</t>
  </si>
  <si>
    <t>FML CK06 1285K</t>
  </si>
  <si>
    <t>5702329574020</t>
  </si>
  <si>
    <t>VELUX Plissee elektro FML CK06 1285K</t>
  </si>
  <si>
    <t>FML CK06 1285KWL</t>
  </si>
  <si>
    <t>5702329570213</t>
  </si>
  <si>
    <t>VELUX Plissee elektro FML CK06 1285KWL</t>
  </si>
  <si>
    <t>FML F04 1016K</t>
  </si>
  <si>
    <t>5702329574082</t>
  </si>
  <si>
    <t>VELUX Plissee elektro FML F04 1016K</t>
  </si>
  <si>
    <t>FML F04 1016KWL</t>
  </si>
  <si>
    <t>5702329570237</t>
  </si>
  <si>
    <t>VELUX Plissee elektro FML F04 1016KWL</t>
  </si>
  <si>
    <t>FML F04 1256K</t>
  </si>
  <si>
    <t>5702329574112</t>
  </si>
  <si>
    <t>VELUX Plissee elektro FML F04 1256K</t>
  </si>
  <si>
    <t>FML F04 1256KWL</t>
  </si>
  <si>
    <t>5702329570244</t>
  </si>
  <si>
    <t>VELUX Plissee elektro FML F04 1256KWL</t>
  </si>
  <si>
    <t>FML F04 1259K</t>
  </si>
  <si>
    <t>5702329574150</t>
  </si>
  <si>
    <t>VELUX Plissee elektro FML F04 1259K</t>
  </si>
  <si>
    <t>FML F04 1259KWL</t>
  </si>
  <si>
    <t>5702329570251</t>
  </si>
  <si>
    <t>VELUX Plissee elektro FML F04 1259KWL</t>
  </si>
  <si>
    <t>FML F04 1274K</t>
  </si>
  <si>
    <t>5702329574181</t>
  </si>
  <si>
    <t>VELUX Plissee elektro FML F04 1274K</t>
  </si>
  <si>
    <t>FML F04 1274KWL</t>
  </si>
  <si>
    <t>5702329570268</t>
  </si>
  <si>
    <t>VELUX Plissee elektro FML F04 1274KWL</t>
  </si>
  <si>
    <t>FML F04 1275K</t>
  </si>
  <si>
    <t>5702329574211</t>
  </si>
  <si>
    <t>VELUX Plissee elektro FML F04 1275K</t>
  </si>
  <si>
    <t>FML F04 1275KWL</t>
  </si>
  <si>
    <t>5702329570275</t>
  </si>
  <si>
    <t>VELUX Plissee elektro FML F04 1275KWL</t>
  </si>
  <si>
    <t>FML F04 1276K</t>
  </si>
  <si>
    <t>5702329574242</t>
  </si>
  <si>
    <t>VELUX Plissee elektro FML F04 1276K</t>
  </si>
  <si>
    <t>FML F04 1276KWL</t>
  </si>
  <si>
    <t>5702329570282</t>
  </si>
  <si>
    <t>VELUX Plissee elektro FML F04 1276KWL</t>
  </si>
  <si>
    <t>FML F04 1277K</t>
  </si>
  <si>
    <t>5702329574273</t>
  </si>
  <si>
    <t>VELUX Plissee elektro FML F04 1277K</t>
  </si>
  <si>
    <t>FML F04 1277KWL</t>
  </si>
  <si>
    <t>5702329570299</t>
  </si>
  <si>
    <t>VELUX Plissee elektro FML F04 1277KWL</t>
  </si>
  <si>
    <t>FML F04 1278K</t>
  </si>
  <si>
    <t>5702329574303</t>
  </si>
  <si>
    <t>VELUX Plissee elektro FML F04 1278K</t>
  </si>
  <si>
    <t>FML F04 1278KWL</t>
  </si>
  <si>
    <t>5702329570305</t>
  </si>
  <si>
    <t>VELUX Plissee elektro FML F04 1278KWL</t>
  </si>
  <si>
    <t>FML F04 1279K</t>
  </si>
  <si>
    <t>5702329574334</t>
  </si>
  <si>
    <t>VELUX Plissee elektro FML F04 1279K</t>
  </si>
  <si>
    <t>FML F04 1279KWL</t>
  </si>
  <si>
    <t>5702329570312</t>
  </si>
  <si>
    <t>VELUX Plissee elektro FML F04 1279KWL</t>
  </si>
  <si>
    <t>FML F04 1280K</t>
  </si>
  <si>
    <t>5702329574365</t>
  </si>
  <si>
    <t>VELUX Plissee elektro FML F04 1280K</t>
  </si>
  <si>
    <t>FML F04 1280KWL</t>
  </si>
  <si>
    <t>5702329570329</t>
  </si>
  <si>
    <t>VELUX Plissee elektro FML F04 1280KWL</t>
  </si>
  <si>
    <t>FML F04 1281K</t>
  </si>
  <si>
    <t>5702329574396</t>
  </si>
  <si>
    <t>VELUX Plissee elektro FML F04 1281K</t>
  </si>
  <si>
    <t>FML F04 1281KWL</t>
  </si>
  <si>
    <t>5702329570336</t>
  </si>
  <si>
    <t>VELUX Plissee elektro FML F04 1281KWL</t>
  </si>
  <si>
    <t>FML F04 1282K</t>
  </si>
  <si>
    <t>5702329574426</t>
  </si>
  <si>
    <t>VELUX Plissee elektro FML F04 1282K</t>
  </si>
  <si>
    <t>FML F04 1282KWL</t>
  </si>
  <si>
    <t>5702329570343</t>
  </si>
  <si>
    <t>VELUX Plissee elektro FML F04 1282KWL</t>
  </si>
  <si>
    <t>FML F04 1283K</t>
  </si>
  <si>
    <t>5702329574457</t>
  </si>
  <si>
    <t>VELUX Plissee elektro FML F04 1283K</t>
  </si>
  <si>
    <t>FML F04 1283KWL</t>
  </si>
  <si>
    <t>5702329570350</t>
  </si>
  <si>
    <t>VELUX Plissee elektro FML F04 1283KWL</t>
  </si>
  <si>
    <t>FML F04 1284K</t>
  </si>
  <si>
    <t>5702329574488</t>
  </si>
  <si>
    <t>VELUX Plissee elektro FML F04 1284K</t>
  </si>
  <si>
    <t>FML F04 1284KWL</t>
  </si>
  <si>
    <t>5702329570367</t>
  </si>
  <si>
    <t>VELUX Plissee elektro FML F04 1284KWL</t>
  </si>
  <si>
    <t>FML F04 1285K</t>
  </si>
  <si>
    <t>5702329574518</t>
  </si>
  <si>
    <t>VELUX Plissee elektro FML F04 1285K</t>
  </si>
  <si>
    <t>FML F04 1285KWL</t>
  </si>
  <si>
    <t>5702329570374</t>
  </si>
  <si>
    <t>VELUX Plissee elektro FML F04 1285KWL</t>
  </si>
  <si>
    <t>FML F04 1286K</t>
  </si>
  <si>
    <t>5702329574549</t>
  </si>
  <si>
    <t>VELUX Plissee elektro FML F04 1286K</t>
  </si>
  <si>
    <t>FML F04 1286KWL</t>
  </si>
  <si>
    <t>5702329570381</t>
  </si>
  <si>
    <t>VELUX Plissee elektro FML F04 1286KWL</t>
  </si>
  <si>
    <t>FML F06 1256KWL</t>
  </si>
  <si>
    <t>5702329570404</t>
  </si>
  <si>
    <t>VELUX Plissee elektro FML F06 1256KWL</t>
  </si>
  <si>
    <t>FML F06 1259KWL</t>
  </si>
  <si>
    <t>5702329570411</t>
  </si>
  <si>
    <t>VELUX Plissee elektro FML F06 1259KWL</t>
  </si>
  <si>
    <t>FML F06 1274K</t>
  </si>
  <si>
    <t>5702329574655</t>
  </si>
  <si>
    <t>VELUX Plissee elektro FML F06 1274K</t>
  </si>
  <si>
    <t>FML F06 1274KWL</t>
  </si>
  <si>
    <t>5702329570428</t>
  </si>
  <si>
    <t>VELUX Plissee elektro FML F06 1274KWL</t>
  </si>
  <si>
    <t>FML F06 1275KWL</t>
  </si>
  <si>
    <t>5702329570435</t>
  </si>
  <si>
    <t>VELUX Plissee elektro FML F06 1275KWL</t>
  </si>
  <si>
    <t>FML F06 1276K</t>
  </si>
  <si>
    <t>5702329574716</t>
  </si>
  <si>
    <t>VELUX Plissee elektro FML F06 1276K</t>
  </si>
  <si>
    <t>FML F06 1276KWL</t>
  </si>
  <si>
    <t>5702329570442</t>
  </si>
  <si>
    <t>VELUX Plissee elektro FML F06 1276KWL</t>
  </si>
  <si>
    <t>FML F06 1277K</t>
  </si>
  <si>
    <t>5702329574747</t>
  </si>
  <si>
    <t>VELUX Plissee elektro FML F06 1277K</t>
  </si>
  <si>
    <t>FML F06 1277KWL</t>
  </si>
  <si>
    <t>5702329570459</t>
  </si>
  <si>
    <t>VELUX Plissee elektro FML F06 1277KWL</t>
  </si>
  <si>
    <t>FML F06 1278KWL</t>
  </si>
  <si>
    <t>5702329570466</t>
  </si>
  <si>
    <t>VELUX Plissee elektro FML F06 1278KWL</t>
  </si>
  <si>
    <t>FML F06 1279KWL</t>
  </si>
  <si>
    <t>5702329570473</t>
  </si>
  <si>
    <t>VELUX Plissee elektro FML F06 1279KWL</t>
  </si>
  <si>
    <t>FML F06 1280K</t>
  </si>
  <si>
    <t>5702329574822</t>
  </si>
  <si>
    <t>VELUX Plissee elektro FML F06 1280K</t>
  </si>
  <si>
    <t>FML F06 1280KWL</t>
  </si>
  <si>
    <t>5702329570480</t>
  </si>
  <si>
    <t>VELUX Plissee elektro FML F06 1280KWL</t>
  </si>
  <si>
    <t>FML F06 1281K</t>
  </si>
  <si>
    <t>5702329574853</t>
  </si>
  <si>
    <t>VELUX Plissee elektro FML F06 1281K</t>
  </si>
  <si>
    <t>FML F06 1281KWL</t>
  </si>
  <si>
    <t>5702329570497</t>
  </si>
  <si>
    <t>VELUX Plissee elektro FML F06 1281KWL</t>
  </si>
  <si>
    <t>FML F06 1282K</t>
  </si>
  <si>
    <t>5702329574884</t>
  </si>
  <si>
    <t>VELUX Plissee elektro FML F06 1282K</t>
  </si>
  <si>
    <t>FML F06 1282KWL</t>
  </si>
  <si>
    <t>5702329570503</t>
  </si>
  <si>
    <t>VELUX Plissee elektro FML F06 1282KWL</t>
  </si>
  <si>
    <t>FML F06 1283K</t>
  </si>
  <si>
    <t>5702329574914</t>
  </si>
  <si>
    <t>VELUX Plissee elektro FML F06 1283K</t>
  </si>
  <si>
    <t>FML F06 1283KWL</t>
  </si>
  <si>
    <t>5702329570510</t>
  </si>
  <si>
    <t>VELUX Plissee elektro FML F06 1283KWL</t>
  </si>
  <si>
    <t>FML F06 1284K</t>
  </si>
  <si>
    <t>5702329574945</t>
  </si>
  <si>
    <t>VELUX Plissee elektro FML F06 1284K</t>
  </si>
  <si>
    <t>FML F06 1284KWL</t>
  </si>
  <si>
    <t>5702329570527</t>
  </si>
  <si>
    <t>VELUX Plissee elektro FML F06 1284KWL</t>
  </si>
  <si>
    <t>FML F06 1285K</t>
  </si>
  <si>
    <t>5702329574976</t>
  </si>
  <si>
    <t>VELUX Plissee elektro FML F06 1285K</t>
  </si>
  <si>
    <t>FML F06 1285KWL</t>
  </si>
  <si>
    <t>5702329570534</t>
  </si>
  <si>
    <t>VELUX Plissee elektro FML F06 1285KWL</t>
  </si>
  <si>
    <t>FML F06 1286KWL</t>
  </si>
  <si>
    <t>5702329570541</t>
  </si>
  <si>
    <t>VELUX Plissee elektro FML F06 1286KWL</t>
  </si>
  <si>
    <t>FML F08 1016K</t>
  </si>
  <si>
    <t>5702329575034</t>
  </si>
  <si>
    <t>VELUX Plissee elektro FML F08 1016K</t>
  </si>
  <si>
    <t>FML F08 1016KWL</t>
  </si>
  <si>
    <t>5702329570558</t>
  </si>
  <si>
    <t>VELUX Plissee elektro FML F08 1016KWL</t>
  </si>
  <si>
    <t>FML F08 1256K</t>
  </si>
  <si>
    <t>5702329575065</t>
  </si>
  <si>
    <t>VELUX Plissee elektro FML F08 1256K</t>
  </si>
  <si>
    <t>FML F08 1256KWL</t>
  </si>
  <si>
    <t>5702329570565</t>
  </si>
  <si>
    <t>VELUX Plissee elektro FML F08 1256KWL</t>
  </si>
  <si>
    <t>FML F08 1259K</t>
  </si>
  <si>
    <t>5702329575096</t>
  </si>
  <si>
    <t>VELUX Plissee elektro FML F08 1259K</t>
  </si>
  <si>
    <t>FML F08 1259KWL</t>
  </si>
  <si>
    <t>5702329570572</t>
  </si>
  <si>
    <t>VELUX Plissee elektro FML F08 1259KWL</t>
  </si>
  <si>
    <t>FML F08 1274K</t>
  </si>
  <si>
    <t>5702329575126</t>
  </si>
  <si>
    <t>VELUX Plissee elektro FML F08 1274K</t>
  </si>
  <si>
    <t>FML F08 1274KWL</t>
  </si>
  <si>
    <t>5702329570589</t>
  </si>
  <si>
    <t>VELUX Plissee elektro FML F08 1274KWL</t>
  </si>
  <si>
    <t>FML F08 1275K</t>
  </si>
  <si>
    <t>5702329575157</t>
  </si>
  <si>
    <t>VELUX Plissee elektro FML F08 1275K</t>
  </si>
  <si>
    <t>FML F08 1275KWL</t>
  </si>
  <si>
    <t>5702329570596</t>
  </si>
  <si>
    <t>VELUX Plissee elektro FML F08 1275KWL</t>
  </si>
  <si>
    <t>FML F08 1276K</t>
  </si>
  <si>
    <t>5702329575171</t>
  </si>
  <si>
    <t>VELUX Plissee elektro FML F08 1276K</t>
  </si>
  <si>
    <t>FML F08 1276KWL</t>
  </si>
  <si>
    <t>5702329570602</t>
  </si>
  <si>
    <t>VELUX Plissee elektro FML F08 1276KWL</t>
  </si>
  <si>
    <t>FML F08 1277K</t>
  </si>
  <si>
    <t>5702329575201</t>
  </si>
  <si>
    <t>VELUX Plissee elektro FML F08 1277K</t>
  </si>
  <si>
    <t>FML F08 1277KWL</t>
  </si>
  <si>
    <t>5702329570619</t>
  </si>
  <si>
    <t>VELUX Plissee elektro FML F08 1277KWL</t>
  </si>
  <si>
    <t>FML F08 1278K</t>
  </si>
  <si>
    <t>5702329575232</t>
  </si>
  <si>
    <t>VELUX Plissee elektro FML F08 1278K</t>
  </si>
  <si>
    <t>FML F08 1278KWL</t>
  </si>
  <si>
    <t>5702329570626</t>
  </si>
  <si>
    <t>VELUX Plissee elektro FML F08 1278KWL</t>
  </si>
  <si>
    <t>FML F08 1279K</t>
  </si>
  <si>
    <t>5702329575263</t>
  </si>
  <si>
    <t>VELUX Plissee elektro FML F08 1279K</t>
  </si>
  <si>
    <t>FML F08 1279KWL</t>
  </si>
  <si>
    <t>5702329570633</t>
  </si>
  <si>
    <t>VELUX Plissee elektro FML F08 1279KWL</t>
  </si>
  <si>
    <t>FML F08 1280K</t>
  </si>
  <si>
    <t>5702329575294</t>
  </si>
  <si>
    <t>VELUX Plissee elektro FML F08 1280K</t>
  </si>
  <si>
    <t>FML F08 1280KWL</t>
  </si>
  <si>
    <t>5702329570640</t>
  </si>
  <si>
    <t>VELUX Plissee elektro FML F08 1280KWL</t>
  </si>
  <si>
    <t>FML F08 1281K</t>
  </si>
  <si>
    <t>5702329575324</t>
  </si>
  <si>
    <t>VELUX Plissee elektro FML F08 1281K</t>
  </si>
  <si>
    <t>FML F08 1281KWL</t>
  </si>
  <si>
    <t>5702329570657</t>
  </si>
  <si>
    <t>VELUX Plissee elektro FML F08 1281KWL</t>
  </si>
  <si>
    <t>FML F08 1282K</t>
  </si>
  <si>
    <t>5702329575355</t>
  </si>
  <si>
    <t>VELUX Plissee elektro FML F08 1282K</t>
  </si>
  <si>
    <t>FML F08 1283K</t>
  </si>
  <si>
    <t>5702329575386</t>
  </si>
  <si>
    <t>VELUX Plissee elektro FML F08 1283K</t>
  </si>
  <si>
    <t>FML F08 1283KWL</t>
  </si>
  <si>
    <t>5702329570671</t>
  </si>
  <si>
    <t>VELUX Plissee elektro FML F08 1283KWL</t>
  </si>
  <si>
    <t>FML F08 1284K</t>
  </si>
  <si>
    <t>5702329575416</t>
  </si>
  <si>
    <t>VELUX Plissee elektro FML F08 1284K</t>
  </si>
  <si>
    <t>FML F08 1284KWL</t>
  </si>
  <si>
    <t>5702329570688</t>
  </si>
  <si>
    <t>VELUX Plissee elektro FML F08 1284KWL</t>
  </si>
  <si>
    <t>FML F08 1285K</t>
  </si>
  <si>
    <t>5702329575447</t>
  </si>
  <si>
    <t>VELUX Plissee elektro FML F08 1285K</t>
  </si>
  <si>
    <t>FML F08 1285KWL</t>
  </si>
  <si>
    <t>5702329570695</t>
  </si>
  <si>
    <t>VELUX Plissee elektro FML F08 1285KWL</t>
  </si>
  <si>
    <t>FML F08 1286K</t>
  </si>
  <si>
    <t>5702329575478</t>
  </si>
  <si>
    <t>VELUX Plissee elektro FML F08 1286K</t>
  </si>
  <si>
    <t>FML F08 1286KWL</t>
  </si>
  <si>
    <t>5702329570701</t>
  </si>
  <si>
    <t>VELUX Plissee elektro FML F08 1286KWL</t>
  </si>
  <si>
    <t>FML FK04 1256K</t>
  </si>
  <si>
    <t>5702329575539</t>
  </si>
  <si>
    <t>VELUX Plissee elektro FML FK04 1256K</t>
  </si>
  <si>
    <t>FML FK04 1256KWL</t>
  </si>
  <si>
    <t>5702329570725</t>
  </si>
  <si>
    <t>VELUX Plissee elektro FML FK04 1256KWL</t>
  </si>
  <si>
    <t>FML FK04 1274K</t>
  </si>
  <si>
    <t>5702329575607</t>
  </si>
  <si>
    <t>VELUX Plissee elektro FML FK04 1274K</t>
  </si>
  <si>
    <t>FML FK04 1274KWL</t>
  </si>
  <si>
    <t>5702329570749</t>
  </si>
  <si>
    <t>VELUX Plissee elektro FML FK04 1274KWL</t>
  </si>
  <si>
    <t>FML FK04 1275K</t>
  </si>
  <si>
    <t>5702329575638</t>
  </si>
  <si>
    <t>VELUX Plissee elektro FML FK04 1275K</t>
  </si>
  <si>
    <t>FML FK04 1276K</t>
  </si>
  <si>
    <t>5702329575669</t>
  </si>
  <si>
    <t>VELUX Plissee elektro FML FK04 1276K</t>
  </si>
  <si>
    <t>FML FK04 1276KWL</t>
  </si>
  <si>
    <t>5702329570763</t>
  </si>
  <si>
    <t>VELUX Plissee elektro FML FK04 1276KWL</t>
  </si>
  <si>
    <t>FML FK04 1277K</t>
  </si>
  <si>
    <t>5702329575690</t>
  </si>
  <si>
    <t>VELUX Plissee elektro FML FK04 1277K</t>
  </si>
  <si>
    <t>FML FK04 1277KWL</t>
  </si>
  <si>
    <t>5702329570770</t>
  </si>
  <si>
    <t>VELUX Plissee elektro FML FK04 1277KWL</t>
  </si>
  <si>
    <t>FML FK04 1278K</t>
  </si>
  <si>
    <t>5702329575720</t>
  </si>
  <si>
    <t>VELUX Plissee elektro FML FK04 1278K</t>
  </si>
  <si>
    <t>FML FK04 1278KWL</t>
  </si>
  <si>
    <t>5702329570787</t>
  </si>
  <si>
    <t>VELUX Plissee elektro FML FK04 1278KWL</t>
  </si>
  <si>
    <t>FML FK04 1279K</t>
  </si>
  <si>
    <t>5702329575751</t>
  </si>
  <si>
    <t>VELUX Plissee elektro FML FK04 1279K</t>
  </si>
  <si>
    <t>FML FK04 1279KWL</t>
  </si>
  <si>
    <t>5702329570794</t>
  </si>
  <si>
    <t>VELUX Plissee elektro FML FK04 1279KWL</t>
  </si>
  <si>
    <t>FML FK04 1280K</t>
  </si>
  <si>
    <t>5702329575782</t>
  </si>
  <si>
    <t>VELUX Plissee elektro FML FK04 1280K</t>
  </si>
  <si>
    <t>FML FK04 1280KWL</t>
  </si>
  <si>
    <t>5702329570800</t>
  </si>
  <si>
    <t>VELUX Plissee elektro FML FK04 1280KWL</t>
  </si>
  <si>
    <t>FML FK04 1281K</t>
  </si>
  <si>
    <t>5702329575812</t>
  </si>
  <si>
    <t>VELUX Plissee elektro FML FK04 1281K</t>
  </si>
  <si>
    <t>FML FK04 1281KWL</t>
  </si>
  <si>
    <t>5702329570817</t>
  </si>
  <si>
    <t>VELUX Plissee elektro FML FK04 1281KWL</t>
  </si>
  <si>
    <t>FML FK04 1282K</t>
  </si>
  <si>
    <t>5702329575843</t>
  </si>
  <si>
    <t>VELUX Plissee elektro FML FK04 1282K</t>
  </si>
  <si>
    <t>FML FK04 1283K</t>
  </si>
  <si>
    <t>5702329575874</t>
  </si>
  <si>
    <t>VELUX Plissee elektro FML FK04 1283K</t>
  </si>
  <si>
    <t>FML FK04 1284K</t>
  </si>
  <si>
    <t>5702329575904</t>
  </si>
  <si>
    <t>VELUX Plissee elektro FML FK04 1284K</t>
  </si>
  <si>
    <t>FML FK04 1284KWL</t>
  </si>
  <si>
    <t>5702329570848</t>
  </si>
  <si>
    <t>VELUX Plissee elektro FML FK04 1284KWL</t>
  </si>
  <si>
    <t>FML FK04 1285K</t>
  </si>
  <si>
    <t>5702329575935</t>
  </si>
  <si>
    <t>VELUX Plissee elektro FML FK04 1285K</t>
  </si>
  <si>
    <t>FML FK04 1286K</t>
  </si>
  <si>
    <t>5702329575966</t>
  </si>
  <si>
    <t>VELUX Plissee elektro FML FK04 1286K</t>
  </si>
  <si>
    <t>FML FK04 1286KWL</t>
  </si>
  <si>
    <t>5702329570862</t>
  </si>
  <si>
    <t>VELUX Plissee elektro FML FK04 1286KWL</t>
  </si>
  <si>
    <t>FML FK06 1276K</t>
  </si>
  <si>
    <t>5702329576154</t>
  </si>
  <si>
    <t>VELUX Plissee elektro FML FK06 1276K</t>
  </si>
  <si>
    <t>FML FK06 1276KWL</t>
  </si>
  <si>
    <t>5702329570954</t>
  </si>
  <si>
    <t>VELUX Plissee elektro FML FK06 1276KWL</t>
  </si>
  <si>
    <t>FML FK06 1277K</t>
  </si>
  <si>
    <t>5702329576185</t>
  </si>
  <si>
    <t>VELUX Plissee elektro FML FK06 1277K</t>
  </si>
  <si>
    <t>FML FK06 1277KWL</t>
  </si>
  <si>
    <t>5702329570978</t>
  </si>
  <si>
    <t>VELUX Plissee elektro FML FK06 1277KWL</t>
  </si>
  <si>
    <t>FML FK06 1279K</t>
  </si>
  <si>
    <t>5702329576246</t>
  </si>
  <si>
    <t>VELUX Plissee elektro FML FK06 1279K</t>
  </si>
  <si>
    <t>FML FK06 1279KWL</t>
  </si>
  <si>
    <t>5702329571012</t>
  </si>
  <si>
    <t>VELUX Plissee elektro FML FK06 1279KWL</t>
  </si>
  <si>
    <t>FML FK06 1280K</t>
  </si>
  <si>
    <t>5702329576277</t>
  </si>
  <si>
    <t>VELUX Plissee elektro FML FK06 1280K</t>
  </si>
  <si>
    <t>FML FK06 1280KWL</t>
  </si>
  <si>
    <t>5702329571036</t>
  </si>
  <si>
    <t>VELUX Plissee elektro FML FK06 1280KWL</t>
  </si>
  <si>
    <t>FML FK06 1281K</t>
  </si>
  <si>
    <t>5702329576307</t>
  </si>
  <si>
    <t>VELUX Plissee elektro FML FK06 1281K</t>
  </si>
  <si>
    <t>FML FK06 1281KWL</t>
  </si>
  <si>
    <t>5702329571050</t>
  </si>
  <si>
    <t>VELUX Plissee elektro FML FK06 1281KWL</t>
  </si>
  <si>
    <t>FML FK06 1284K</t>
  </si>
  <si>
    <t>5702329576390</t>
  </si>
  <si>
    <t>VELUX Plissee elektro FML FK06 1284K</t>
  </si>
  <si>
    <t>FML FK06 1285K</t>
  </si>
  <si>
    <t>5702329576420</t>
  </si>
  <si>
    <t>VELUX Plissee elektro FML FK06 1285K</t>
  </si>
  <si>
    <t>FML FK06 1285KWL</t>
  </si>
  <si>
    <t>5702329571135</t>
  </si>
  <si>
    <t>VELUX Plissee elektro FML FK06 1285KWL</t>
  </si>
  <si>
    <t>FML FK06 1286K</t>
  </si>
  <si>
    <t>5702329576451</t>
  </si>
  <si>
    <t>VELUX Plissee elektro FML FK06 1286K</t>
  </si>
  <si>
    <t>FML FK08 1256K</t>
  </si>
  <si>
    <t>5702329576505</t>
  </si>
  <si>
    <t>VELUX Plissee elektro FML FK08 1256K</t>
  </si>
  <si>
    <t>FML FK08 1274KWL</t>
  </si>
  <si>
    <t>5702329571234</t>
  </si>
  <si>
    <t>VELUX Plissee elektro FML FK08 1274KWL</t>
  </si>
  <si>
    <t>FML FK08 1275K</t>
  </si>
  <si>
    <t>5702329576598</t>
  </si>
  <si>
    <t>VELUX Plissee elektro FML FK08 1275K</t>
  </si>
  <si>
    <t>FML FK08 1276KWL</t>
  </si>
  <si>
    <t>5702329571272</t>
  </si>
  <si>
    <t>VELUX Plissee elektro FML FK08 1276KWL</t>
  </si>
  <si>
    <t>FML FK08 1277K</t>
  </si>
  <si>
    <t>5702329576659</t>
  </si>
  <si>
    <t>VELUX Plissee elektro FML FK08 1277K</t>
  </si>
  <si>
    <t>FML FK08 1277KWL</t>
  </si>
  <si>
    <t>5702329571296</t>
  </si>
  <si>
    <t>VELUX Plissee elektro FML FK08 1277KWL</t>
  </si>
  <si>
    <t>FML FK08 1278KWL</t>
  </si>
  <si>
    <t>5702329571319</t>
  </si>
  <si>
    <t>VELUX Plissee elektro FML FK08 1278KWL</t>
  </si>
  <si>
    <t>FML FK08 1279K</t>
  </si>
  <si>
    <t>5702329576710</t>
  </si>
  <si>
    <t>VELUX Plissee elektro FML FK08 1279K</t>
  </si>
  <si>
    <t>FML FK08 1279KWL</t>
  </si>
  <si>
    <t>5702329571333</t>
  </si>
  <si>
    <t>VELUX Plissee elektro FML FK08 1279KWL</t>
  </si>
  <si>
    <t>FML FK08 1280K</t>
  </si>
  <si>
    <t>5702329576741</t>
  </si>
  <si>
    <t>VELUX Plissee elektro FML FK08 1280K</t>
  </si>
  <si>
    <t>FML FK08 1280KWL</t>
  </si>
  <si>
    <t>5702329571357</t>
  </si>
  <si>
    <t>VELUX Plissee elektro FML FK08 1280KWL</t>
  </si>
  <si>
    <t>FML FK08 1281KWL</t>
  </si>
  <si>
    <t>5702329571371</t>
  </si>
  <si>
    <t>VELUX Plissee elektro FML FK08 1281KWL</t>
  </si>
  <si>
    <t>FML FK08 1283K</t>
  </si>
  <si>
    <t>5702329576833</t>
  </si>
  <si>
    <t>VELUX Plissee elektro FML FK08 1283K</t>
  </si>
  <si>
    <t>FML FK08 1283KWL</t>
  </si>
  <si>
    <t>5702329571418</t>
  </si>
  <si>
    <t>VELUX Plissee elektro FML FK08 1283KWL</t>
  </si>
  <si>
    <t>FML FK08 1284K</t>
  </si>
  <si>
    <t>5702329576864</t>
  </si>
  <si>
    <t>VELUX Plissee elektro FML FK08 1284K</t>
  </si>
  <si>
    <t>FML FK08 1285K</t>
  </si>
  <si>
    <t>5702329576895</t>
  </si>
  <si>
    <t>VELUX Plissee elektro FML FK08 1285K</t>
  </si>
  <si>
    <t>FML FK08 1286K</t>
  </si>
  <si>
    <t>5702329576925</t>
  </si>
  <si>
    <t>VELUX Plissee elektro FML FK08 1286K</t>
  </si>
  <si>
    <t>FML FK08 1286KWL</t>
  </si>
  <si>
    <t>5702329571470</t>
  </si>
  <si>
    <t>VELUX Plissee elektro FML FK08 1286KWL</t>
  </si>
  <si>
    <t>FML M04 1256KWL</t>
  </si>
  <si>
    <t>5702329571517</t>
  </si>
  <si>
    <t>VELUX Plissee elektro FML M04 1256KWL</t>
  </si>
  <si>
    <t>FML M04 1274K</t>
  </si>
  <si>
    <t>5702329577045</t>
  </si>
  <si>
    <t>VELUX Plissee elektro FML M04 1274K</t>
  </si>
  <si>
    <t>FML M04 1274KWL</t>
  </si>
  <si>
    <t>5702329571555</t>
  </si>
  <si>
    <t>VELUX Plissee elektro FML M04 1274KWL</t>
  </si>
  <si>
    <t>FML M04 1275K</t>
  </si>
  <si>
    <t>5702329577076</t>
  </si>
  <si>
    <t>VELUX Plissee elektro FML M04 1275K</t>
  </si>
  <si>
    <t>FML M04 1276K</t>
  </si>
  <si>
    <t>5702329577106</t>
  </si>
  <si>
    <t>VELUX Plissee elektro FML M04 1276K</t>
  </si>
  <si>
    <t>FML M04 1276KWL</t>
  </si>
  <si>
    <t>5702329571593</t>
  </si>
  <si>
    <t>VELUX Plissee elektro FML M04 1276KWL</t>
  </si>
  <si>
    <t>FML M04 1277KWL</t>
  </si>
  <si>
    <t>5702329571616</t>
  </si>
  <si>
    <t>VELUX Plissee elektro FML M04 1277KWL</t>
  </si>
  <si>
    <t>FML M04 1279K</t>
  </si>
  <si>
    <t>5702329577199</t>
  </si>
  <si>
    <t>VELUX Plissee elektro FML M04 1279K</t>
  </si>
  <si>
    <t>FML M04 1280K</t>
  </si>
  <si>
    <t>5702329577229</t>
  </si>
  <si>
    <t>VELUX Plissee elektro FML M04 1280K</t>
  </si>
  <si>
    <t>FML M04 1280KWL</t>
  </si>
  <si>
    <t>5702329571678</t>
  </si>
  <si>
    <t>VELUX Plissee elektro FML M04 1280KWL</t>
  </si>
  <si>
    <t>FML M04 1281K</t>
  </si>
  <si>
    <t>5702329577250</t>
  </si>
  <si>
    <t>VELUX Plissee elektro FML M04 1281K</t>
  </si>
  <si>
    <t>FML M04 1281KWL</t>
  </si>
  <si>
    <t>5702329571692</t>
  </si>
  <si>
    <t>VELUX Plissee elektro FML M04 1281KWL</t>
  </si>
  <si>
    <t>FML M04 1282K</t>
  </si>
  <si>
    <t>5702329577281</t>
  </si>
  <si>
    <t>VELUX Plissee elektro FML M04 1282K</t>
  </si>
  <si>
    <t>FML M04 1282KWL</t>
  </si>
  <si>
    <t>5702329571715</t>
  </si>
  <si>
    <t>VELUX Plissee elektro FML M04 1282KWL</t>
  </si>
  <si>
    <t>FML M04 1283K</t>
  </si>
  <si>
    <t>5702329577311</t>
  </si>
  <si>
    <t>VELUX Plissee elektro FML M04 1283K</t>
  </si>
  <si>
    <t>FML M04 1283KWL</t>
  </si>
  <si>
    <t>5702329571739</t>
  </si>
  <si>
    <t>VELUX Plissee elektro FML M04 1283KWL</t>
  </si>
  <si>
    <t>FML M04 1284KWL</t>
  </si>
  <si>
    <t>5702329571753</t>
  </si>
  <si>
    <t>VELUX Plissee elektro FML M04 1284KWL</t>
  </si>
  <si>
    <t>FML M04 1285K</t>
  </si>
  <si>
    <t>5702329577373</t>
  </si>
  <si>
    <t>VELUX Plissee elektro FML M04 1285K</t>
  </si>
  <si>
    <t>FML M04 1285KWL</t>
  </si>
  <si>
    <t>5702329571777</t>
  </si>
  <si>
    <t>VELUX Plissee elektro FML M04 1285KWL</t>
  </si>
  <si>
    <t>FML M04 1286KWL</t>
  </si>
  <si>
    <t>5702329571791</t>
  </si>
  <si>
    <t>VELUX Plissee elektro FML M04 1286KWL</t>
  </si>
  <si>
    <t>FML M06 1256K</t>
  </si>
  <si>
    <t>5702329577465</t>
  </si>
  <si>
    <t>VELUX Plissee elektro FML M06 1256K</t>
  </si>
  <si>
    <t>FML M06 1256KWL</t>
  </si>
  <si>
    <t>5702329571838</t>
  </si>
  <si>
    <t>VELUX Plissee elektro FML M06 1256KWL</t>
  </si>
  <si>
    <t>FML M06 1259KWL</t>
  </si>
  <si>
    <t>5702329571852</t>
  </si>
  <si>
    <t>VELUX Plissee elektro FML M06 1259KWL</t>
  </si>
  <si>
    <t>FML M06 1274K</t>
  </si>
  <si>
    <t>5702329577519</t>
  </si>
  <si>
    <t>VELUX Plissee elektro FML M06 1274K</t>
  </si>
  <si>
    <t>FML M06 1274KWL</t>
  </si>
  <si>
    <t>5702329571876</t>
  </si>
  <si>
    <t>VELUX Plissee elektro FML M06 1274KWL</t>
  </si>
  <si>
    <t>FML M06 1275K</t>
  </si>
  <si>
    <t>5702329577540</t>
  </si>
  <si>
    <t>VELUX Plissee elektro FML M06 1275K</t>
  </si>
  <si>
    <t>FML M06 1275KWL</t>
  </si>
  <si>
    <t>5702329571890</t>
  </si>
  <si>
    <t>VELUX Plissee elektro FML M06 1275KWL</t>
  </si>
  <si>
    <t>FML M06 1276K</t>
  </si>
  <si>
    <t>5702329577571</t>
  </si>
  <si>
    <t>VELUX Plissee elektro FML M06 1276K</t>
  </si>
  <si>
    <t>FML M06 1276KWL</t>
  </si>
  <si>
    <t>5702329571913</t>
  </si>
  <si>
    <t>VELUX Plissee elektro FML M06 1276KWL</t>
  </si>
  <si>
    <t>FML M06 1277K</t>
  </si>
  <si>
    <t>5702329577601</t>
  </si>
  <si>
    <t>VELUX Plissee elektro FML M06 1277K</t>
  </si>
  <si>
    <t>FML M06 1277KWL</t>
  </si>
  <si>
    <t>5702329571937</t>
  </si>
  <si>
    <t>VELUX Plissee elektro FML M06 1277KWL</t>
  </si>
  <si>
    <t>FML M06 1278KWL</t>
  </si>
  <si>
    <t>5702329571951</t>
  </si>
  <si>
    <t>VELUX Plissee elektro FML M06 1278KWL</t>
  </si>
  <si>
    <t>FML M06 1279K</t>
  </si>
  <si>
    <t>5702329577663</t>
  </si>
  <si>
    <t>VELUX Plissee elektro FML M06 1279K</t>
  </si>
  <si>
    <t>FML M06 1279KWL</t>
  </si>
  <si>
    <t>5702329571975</t>
  </si>
  <si>
    <t>VELUX Plissee elektro FML M06 1279KWL</t>
  </si>
  <si>
    <t>FML M06 1280K</t>
  </si>
  <si>
    <t>5702329577694</t>
  </si>
  <si>
    <t>VELUX Plissee elektro FML M06 1280K</t>
  </si>
  <si>
    <t>FML M06 1280KWL</t>
  </si>
  <si>
    <t>5702329571999</t>
  </si>
  <si>
    <t>VELUX Plissee elektro FML M06 1280KWL</t>
  </si>
  <si>
    <t>FML M06 1281K</t>
  </si>
  <si>
    <t>5702329577724</t>
  </si>
  <si>
    <t>VELUX Plissee elektro FML M06 1281K</t>
  </si>
  <si>
    <t>FML M06 1282KWL</t>
  </si>
  <si>
    <t>5702329572033</t>
  </si>
  <si>
    <t>VELUX Plissee elektro FML M06 1282KWL</t>
  </si>
  <si>
    <t>FML M06 1283K</t>
  </si>
  <si>
    <t>5702329577786</t>
  </si>
  <si>
    <t>VELUX Plissee elektro FML M06 1283K</t>
  </si>
  <si>
    <t>FML M06 1283KWL</t>
  </si>
  <si>
    <t>5702329572057</t>
  </si>
  <si>
    <t>VELUX Plissee elektro FML M06 1283KWL</t>
  </si>
  <si>
    <t>FML M06 1284KWL</t>
  </si>
  <si>
    <t>5702329572071</t>
  </si>
  <si>
    <t>VELUX Plissee elektro FML M06 1284KWL</t>
  </si>
  <si>
    <t>FML M06 1285K</t>
  </si>
  <si>
    <t>5702329577854</t>
  </si>
  <si>
    <t>VELUX Plissee elektro FML M06 1285K</t>
  </si>
  <si>
    <t>FML M06 1285KWL</t>
  </si>
  <si>
    <t>5702329572095</t>
  </si>
  <si>
    <t>VELUX Plissee elektro FML M06 1285KWL</t>
  </si>
  <si>
    <t>FML M06 1286K</t>
  </si>
  <si>
    <t>5702329577885</t>
  </si>
  <si>
    <t>VELUX Plissee elektro FML M06 1286K</t>
  </si>
  <si>
    <t>FML M06 1286KWL</t>
  </si>
  <si>
    <t>5702329572118</t>
  </si>
  <si>
    <t>VELUX Plissee elektro FML M06 1286KWL</t>
  </si>
  <si>
    <t>FML M08 1256KWL</t>
  </si>
  <si>
    <t>5702329572156</t>
  </si>
  <si>
    <t>VELUX Plissee elektro FML M08 1256KWL</t>
  </si>
  <si>
    <t>FML M08 1259KWL</t>
  </si>
  <si>
    <t>5702329572187</t>
  </si>
  <si>
    <t>VELUX Plissee elektro FML M08 1259KWL</t>
  </si>
  <si>
    <t>FML M08 1276KWL</t>
  </si>
  <si>
    <t>5702329572279</t>
  </si>
  <si>
    <t>VELUX Plissee elektro FML M08 1276KWL</t>
  </si>
  <si>
    <t>FML M08 1277K</t>
  </si>
  <si>
    <t>5702329578097</t>
  </si>
  <si>
    <t>VELUX Plissee elektro FML M08 1277K</t>
  </si>
  <si>
    <t>FML M08 1277KWL</t>
  </si>
  <si>
    <t>5702329572309</t>
  </si>
  <si>
    <t>VELUX Plissee elektro FML M08 1277KWL</t>
  </si>
  <si>
    <t>FML M08 1279K</t>
  </si>
  <si>
    <t>5702329578158</t>
  </si>
  <si>
    <t>VELUX Plissee elektro FML M08 1279K</t>
  </si>
  <si>
    <t>FML M08 1279KWL</t>
  </si>
  <si>
    <t>5702329572361</t>
  </si>
  <si>
    <t>VELUX Plissee elektro FML M08 1279KWL</t>
  </si>
  <si>
    <t>FML M08 1280K</t>
  </si>
  <si>
    <t>5702329578189</t>
  </si>
  <si>
    <t>VELUX Plissee elektro FML M08 1280K</t>
  </si>
  <si>
    <t>FML M08 1280KWL</t>
  </si>
  <si>
    <t>5702329572392</t>
  </si>
  <si>
    <t>VELUX Plissee elektro FML M08 1280KWL</t>
  </si>
  <si>
    <t>FML M08 1281KWL</t>
  </si>
  <si>
    <t>5702329572415</t>
  </si>
  <si>
    <t>VELUX Plissee elektro FML M08 1281KWL</t>
  </si>
  <si>
    <t>FML M08 1282K</t>
  </si>
  <si>
    <t>5702329578240</t>
  </si>
  <si>
    <t>VELUX Plissee elektro FML M08 1282K</t>
  </si>
  <si>
    <t>FML M08 1283KWL</t>
  </si>
  <si>
    <t>5702329572477</t>
  </si>
  <si>
    <t>VELUX Plissee elektro FML M08 1283KWL</t>
  </si>
  <si>
    <t>FML M08 1284K</t>
  </si>
  <si>
    <t>5702329578301</t>
  </si>
  <si>
    <t>VELUX Plissee elektro FML M08 1284K</t>
  </si>
  <si>
    <t>FML M08 1284KWL</t>
  </si>
  <si>
    <t>5702329572507</t>
  </si>
  <si>
    <t>VELUX Plissee elektro FML M08 1284KWL</t>
  </si>
  <si>
    <t>FML M08 1285K</t>
  </si>
  <si>
    <t>5702329578325</t>
  </si>
  <si>
    <t>VELUX Plissee elektro FML M08 1285K</t>
  </si>
  <si>
    <t>FML M08 1285KWL</t>
  </si>
  <si>
    <t>5702329572538</t>
  </si>
  <si>
    <t>VELUX Plissee elektro FML M08 1285KWL</t>
  </si>
  <si>
    <t>FML M08 1286K</t>
  </si>
  <si>
    <t>5702329578356</t>
  </si>
  <si>
    <t>VELUX Plissee elektro FML M08 1286K</t>
  </si>
  <si>
    <t>FML M08 1286KWL</t>
  </si>
  <si>
    <t>5702329572569</t>
  </si>
  <si>
    <t>VELUX Plissee elektro FML M08 1286KWL</t>
  </si>
  <si>
    <t>FML M10 1016K</t>
  </si>
  <si>
    <t>5702329578394</t>
  </si>
  <si>
    <t>VELUX Plissee elektro FML M10 1016K</t>
  </si>
  <si>
    <t>FML M10 1259KWL</t>
  </si>
  <si>
    <t>5702329572651</t>
  </si>
  <si>
    <t>VELUX Plissee elektro FML M10 1259KWL</t>
  </si>
  <si>
    <t>FML M10 1274K</t>
  </si>
  <si>
    <t>5702329578486</t>
  </si>
  <si>
    <t>VELUX Plissee elektro FML M10 1274K</t>
  </si>
  <si>
    <t>FML M10 1275K</t>
  </si>
  <si>
    <t>5702329578516</t>
  </si>
  <si>
    <t>VELUX Plissee elektro FML M10 1275K</t>
  </si>
  <si>
    <t>FML M10 1275KWL</t>
  </si>
  <si>
    <t>5702329572712</t>
  </si>
  <si>
    <t>VELUX Plissee elektro FML M10 1275KWL</t>
  </si>
  <si>
    <t>FML M10 1276K</t>
  </si>
  <si>
    <t>5702329578547</t>
  </si>
  <si>
    <t>VELUX Plissee elektro FML M10 1276K</t>
  </si>
  <si>
    <t>FML M10 1276KWL</t>
  </si>
  <si>
    <t>5702329572743</t>
  </si>
  <si>
    <t>VELUX Plissee elektro FML M10 1276KWL</t>
  </si>
  <si>
    <t>FML M10 1277K</t>
  </si>
  <si>
    <t>5702329578578</t>
  </si>
  <si>
    <t>VELUX Plissee elektro FML M10 1277K</t>
  </si>
  <si>
    <t>FML M10 1277KWL</t>
  </si>
  <si>
    <t>5702329572774</t>
  </si>
  <si>
    <t>VELUX Plissee elektro FML M10 1277KWL</t>
  </si>
  <si>
    <t>FML M10 1278K</t>
  </si>
  <si>
    <t>5702329578608</t>
  </si>
  <si>
    <t>VELUX Plissee elektro FML M10 1278K</t>
  </si>
  <si>
    <t>FML M10 1278KWL</t>
  </si>
  <si>
    <t>5702329572804</t>
  </si>
  <si>
    <t>VELUX Plissee elektro FML M10 1278KWL</t>
  </si>
  <si>
    <t>FML M10 1279K</t>
  </si>
  <si>
    <t>5702329578639</t>
  </si>
  <si>
    <t>VELUX Plissee elektro FML M10 1279K</t>
  </si>
  <si>
    <t>FML M10 1279KWL</t>
  </si>
  <si>
    <t>5702329572835</t>
  </si>
  <si>
    <t>VELUX Plissee elektro FML M10 1279KWL</t>
  </si>
  <si>
    <t>FML M10 1280K</t>
  </si>
  <si>
    <t>5702329578660</t>
  </si>
  <si>
    <t>VELUX Plissee elektro FML M10 1280K</t>
  </si>
  <si>
    <t>FML M10 1280KWL</t>
  </si>
  <si>
    <t>5702329572866</t>
  </si>
  <si>
    <t>VELUX Plissee elektro FML M10 1280KWL</t>
  </si>
  <si>
    <t>FML M10 1281K</t>
  </si>
  <si>
    <t>5702329578691</t>
  </si>
  <si>
    <t>VELUX Plissee elektro FML M10 1281K</t>
  </si>
  <si>
    <t>FML M10 1281KWL</t>
  </si>
  <si>
    <t>5702329572880</t>
  </si>
  <si>
    <t>VELUX Plissee elektro FML M10 1281KWL</t>
  </si>
  <si>
    <t>FML M10 1282K</t>
  </si>
  <si>
    <t>5702329578721</t>
  </si>
  <si>
    <t>VELUX Plissee elektro FML M10 1282K</t>
  </si>
  <si>
    <t>FML M10 1282KWL</t>
  </si>
  <si>
    <t>5702329572910</t>
  </si>
  <si>
    <t>VELUX Plissee elektro FML M10 1282KWL</t>
  </si>
  <si>
    <t>FML M10 1283K</t>
  </si>
  <si>
    <t>5702329578752</t>
  </si>
  <si>
    <t>VELUX Plissee elektro FML M10 1283K</t>
  </si>
  <si>
    <t>FML M10 1283KWL</t>
  </si>
  <si>
    <t>5702329572941</t>
  </si>
  <si>
    <t>VELUX Plissee elektro FML M10 1283KWL</t>
  </si>
  <si>
    <t>FML M10 1284K</t>
  </si>
  <si>
    <t>5702329578783</t>
  </si>
  <si>
    <t>VELUX Plissee elektro FML M10 1284K</t>
  </si>
  <si>
    <t>FML M10 1284KWL</t>
  </si>
  <si>
    <t>5702329572972</t>
  </si>
  <si>
    <t>VELUX Plissee elektro FML M10 1284KWL</t>
  </si>
  <si>
    <t>FML M10 1285K</t>
  </si>
  <si>
    <t>5702329578813</t>
  </si>
  <si>
    <t>VELUX Plissee elektro FML M10 1285K</t>
  </si>
  <si>
    <t>FML M10 1285KWL</t>
  </si>
  <si>
    <t>5702329573009</t>
  </si>
  <si>
    <t>VELUX Plissee elektro FML M10 1285KWL</t>
  </si>
  <si>
    <t>FML M10 1286K</t>
  </si>
  <si>
    <t>5702329578844</t>
  </si>
  <si>
    <t>VELUX Plissee elektro FML M10 1286K</t>
  </si>
  <si>
    <t>FML M10 1286KWL</t>
  </si>
  <si>
    <t>5702329573047</t>
  </si>
  <si>
    <t>VELUX Plissee elektro FML M10 1286KWL</t>
  </si>
  <si>
    <t>FML MK04 1276KWL</t>
  </si>
  <si>
    <t>5702329573719</t>
  </si>
  <si>
    <t>VELUX Plissee elektro FML MK04 1276KWL</t>
  </si>
  <si>
    <t>FML MK04 1277KWL</t>
  </si>
  <si>
    <t>5702329573740</t>
  </si>
  <si>
    <t>VELUX Plissee elektro FML MK04 1277KWL</t>
  </si>
  <si>
    <t>FML MK04 1279K</t>
  </si>
  <si>
    <t>5702329579582</t>
  </si>
  <si>
    <t>VELUX Plissee elektro FML MK04 1279K</t>
  </si>
  <si>
    <t>FML MK04 1280K</t>
  </si>
  <si>
    <t>5702329579612</t>
  </si>
  <si>
    <t>VELUX Plissee elektro FML MK04 1280K</t>
  </si>
  <si>
    <t>FML MK06 1276K</t>
  </si>
  <si>
    <t>5702329579971</t>
  </si>
  <si>
    <t>VELUX Plissee elektro FML MK06 1276K</t>
  </si>
  <si>
    <t>FML MK06 1277K</t>
  </si>
  <si>
    <t>5702329580007</t>
  </si>
  <si>
    <t>VELUX Plissee elektro FML MK06 1277K</t>
  </si>
  <si>
    <t>FML MK06 1277KWL</t>
  </si>
  <si>
    <t>5702329574204</t>
  </si>
  <si>
    <t>VELUX Plissee elektro FML MK06 1277KWL</t>
  </si>
  <si>
    <t>FML MK06 1279K</t>
  </si>
  <si>
    <t>5702329580076</t>
  </si>
  <si>
    <t>VELUX Plissee elektro FML MK06 1279K</t>
  </si>
  <si>
    <t>FML MK08 1275K</t>
  </si>
  <si>
    <t>5702329580441</t>
  </si>
  <si>
    <t>VELUX Plissee elektro FML MK08 1275K</t>
  </si>
  <si>
    <t>FML MK08 1276K</t>
  </si>
  <si>
    <t>5702329580472</t>
  </si>
  <si>
    <t>VELUX Plissee elektro FML MK08 1276K</t>
  </si>
  <si>
    <t>FML MK08 1279K</t>
  </si>
  <si>
    <t>5702329580564</t>
  </si>
  <si>
    <t>VELUX Plissee elektro FML MK08 1279K</t>
  </si>
  <si>
    <t>FML MK08 1280K</t>
  </si>
  <si>
    <t>5702329580595</t>
  </si>
  <si>
    <t>VELUX Plissee elektro FML MK08 1280K</t>
  </si>
  <si>
    <t>FML MK08 1281K</t>
  </si>
  <si>
    <t>5702329580625</t>
  </si>
  <si>
    <t>VELUX Plissee elektro FML MK08 1281K</t>
  </si>
  <si>
    <t>FML MK08 1284K</t>
  </si>
  <si>
    <t>5702329580717</t>
  </si>
  <si>
    <t>VELUX Plissee elektro FML MK08 1284K</t>
  </si>
  <si>
    <t>FML MK08 1285K</t>
  </si>
  <si>
    <t>5702329580748</t>
  </si>
  <si>
    <t>VELUX Plissee elektro FML MK08 1285K</t>
  </si>
  <si>
    <t>FML MK10 1256K</t>
  </si>
  <si>
    <t>5702329580830</t>
  </si>
  <si>
    <t>VELUX Plissee elektro FML MK10 1256K</t>
  </si>
  <si>
    <t>FML MK10 1274KWL</t>
  </si>
  <si>
    <t>5702329575041</t>
  </si>
  <si>
    <t>VELUX Plissee elektro FML MK10 1274KWL</t>
  </si>
  <si>
    <t>FML MK10 1276K</t>
  </si>
  <si>
    <t>5702329580953</t>
  </si>
  <si>
    <t>VELUX Plissee elektro FML MK10 1276K</t>
  </si>
  <si>
    <t>FML MK10 1276KWL</t>
  </si>
  <si>
    <t>5702329575102</t>
  </si>
  <si>
    <t>VELUX Plissee elektro FML MK10 1276KWL</t>
  </si>
  <si>
    <t>FML MK10 1277K</t>
  </si>
  <si>
    <t>5702329580984</t>
  </si>
  <si>
    <t>VELUX Plissee elektro FML MK10 1277K</t>
  </si>
  <si>
    <t>FML MK10 1278K</t>
  </si>
  <si>
    <t>5702329581011</t>
  </si>
  <si>
    <t>VELUX Plissee elektro FML MK10 1278K</t>
  </si>
  <si>
    <t>FML MK10 1279K</t>
  </si>
  <si>
    <t>5702329581042</t>
  </si>
  <si>
    <t>VELUX Plissee elektro FML MK10 1279K</t>
  </si>
  <si>
    <t>FML MK10 1280K</t>
  </si>
  <si>
    <t>5702329581073</t>
  </si>
  <si>
    <t>VELUX Plissee elektro FML MK10 1280K</t>
  </si>
  <si>
    <t>FML MK10 1280KWL</t>
  </si>
  <si>
    <t>5702329575225</t>
  </si>
  <si>
    <t>VELUX Plissee elektro FML MK10 1280KWL</t>
  </si>
  <si>
    <t>FML MK10 1281K</t>
  </si>
  <si>
    <t>5702329581103</t>
  </si>
  <si>
    <t>VELUX Plissee elektro FML MK10 1281K</t>
  </si>
  <si>
    <t>FML MK10 1281KWL</t>
  </si>
  <si>
    <t>5702329575256</t>
  </si>
  <si>
    <t>VELUX Plissee elektro FML MK10 1281KWL</t>
  </si>
  <si>
    <t>FML MK10 1283K</t>
  </si>
  <si>
    <t>5702329581165</t>
  </si>
  <si>
    <t>VELUX Plissee elektro FML MK10 1283K</t>
  </si>
  <si>
    <t>FML MK10 1285K</t>
  </si>
  <si>
    <t>5702329581226</t>
  </si>
  <si>
    <t>VELUX Plissee elektro FML MK10 1285K</t>
  </si>
  <si>
    <t>FML MK10 1285KWL</t>
  </si>
  <si>
    <t>5702329575379</t>
  </si>
  <si>
    <t>VELUX Plissee elektro FML MK10 1285KWL</t>
  </si>
  <si>
    <t>FML MK10 1286K</t>
  </si>
  <si>
    <t>5702329581257</t>
  </si>
  <si>
    <t>VELUX Plissee elektro FML MK10 1286K</t>
  </si>
  <si>
    <t>FML MK10 1286KWL</t>
  </si>
  <si>
    <t>5702329575409</t>
  </si>
  <si>
    <t>VELUX Plissee elektro FML MK10 1286KWL</t>
  </si>
  <si>
    <t>FML MK12 1256K</t>
  </si>
  <si>
    <t>5702329581318</t>
  </si>
  <si>
    <t>VELUX Plissee elektro FML MK12 1256K</t>
  </si>
  <si>
    <t>FML MK12 1259K</t>
  </si>
  <si>
    <t>5702329581349</t>
  </si>
  <si>
    <t>VELUX Plissee elektro FML MK12 1259K</t>
  </si>
  <si>
    <t>FML MK12 1274K</t>
  </si>
  <si>
    <t>5702329581370</t>
  </si>
  <si>
    <t>VELUX Plissee elektro FML MK12 1274K</t>
  </si>
  <si>
    <t>FML MK12 1274KWL</t>
  </si>
  <si>
    <t>5702329575515</t>
  </si>
  <si>
    <t>VELUX Plissee elektro FML MK12 1274KWL</t>
  </si>
  <si>
    <t>FML MK12 1275K</t>
  </si>
  <si>
    <t>5702329581400</t>
  </si>
  <si>
    <t>VELUX Plissee elektro FML MK12 1275K</t>
  </si>
  <si>
    <t>FML MK12 1275KWL</t>
  </si>
  <si>
    <t>5702329575546</t>
  </si>
  <si>
    <t>VELUX Plissee elektro FML MK12 1275KWL</t>
  </si>
  <si>
    <t>FML MK12 1276K</t>
  </si>
  <si>
    <t>5702329581424</t>
  </si>
  <si>
    <t>VELUX Plissee elektro FML MK12 1276K</t>
  </si>
  <si>
    <t>FML MK12 1276KWL</t>
  </si>
  <si>
    <t>5702329575560</t>
  </si>
  <si>
    <t>VELUX Plissee elektro FML MK12 1276KWL</t>
  </si>
  <si>
    <t>FML MK12 1277K</t>
  </si>
  <si>
    <t>5702329581455</t>
  </si>
  <si>
    <t>VELUX Plissee elektro FML MK12 1277K</t>
  </si>
  <si>
    <t>FML MK12 1277KWL</t>
  </si>
  <si>
    <t>5702329575591</t>
  </si>
  <si>
    <t>VELUX Plissee elektro FML MK12 1277KWL</t>
  </si>
  <si>
    <t>FML MK12 1278K</t>
  </si>
  <si>
    <t>5702329581486</t>
  </si>
  <si>
    <t>VELUX Plissee elektro FML MK12 1278K</t>
  </si>
  <si>
    <t>FML MK12 1278KWL</t>
  </si>
  <si>
    <t>5702329575621</t>
  </si>
  <si>
    <t>VELUX Plissee elektro FML MK12 1278KWL</t>
  </si>
  <si>
    <t>FML MK12 1279K</t>
  </si>
  <si>
    <t>5702329581516</t>
  </si>
  <si>
    <t>VELUX Plissee elektro FML MK12 1279K</t>
  </si>
  <si>
    <t>FML MK12 1279KWL</t>
  </si>
  <si>
    <t>5702329575645</t>
  </si>
  <si>
    <t>VELUX Plissee elektro FML MK12 1279KWL</t>
  </si>
  <si>
    <t>FML MK12 1280K</t>
  </si>
  <si>
    <t>5702329581547</t>
  </si>
  <si>
    <t>VELUX Plissee elektro FML MK12 1280K</t>
  </si>
  <si>
    <t>FML MK12 1280KWL</t>
  </si>
  <si>
    <t>5702329575676</t>
  </si>
  <si>
    <t>VELUX Plissee elektro FML MK12 1280KWL</t>
  </si>
  <si>
    <t>FML MK12 1281K</t>
  </si>
  <si>
    <t>5702329581561</t>
  </si>
  <si>
    <t>VELUX Plissee elektro FML MK12 1281K</t>
  </si>
  <si>
    <t>FML MK12 1281KWL</t>
  </si>
  <si>
    <t>5702329575706</t>
  </si>
  <si>
    <t>VELUX Plissee elektro FML MK12 1281KWL</t>
  </si>
  <si>
    <t>FML MK12 1282K</t>
  </si>
  <si>
    <t>5702329581592</t>
  </si>
  <si>
    <t>VELUX Plissee elektro FML MK12 1282K</t>
  </si>
  <si>
    <t>FML MK12 1282KWL</t>
  </si>
  <si>
    <t>5702329575737</t>
  </si>
  <si>
    <t>VELUX Plissee elektro FML MK12 1282KWL</t>
  </si>
  <si>
    <t>FML MK12 1283K</t>
  </si>
  <si>
    <t>5702329581622</t>
  </si>
  <si>
    <t>VELUX Plissee elektro FML MK12 1283K</t>
  </si>
  <si>
    <t>FML MK12 1283KWL</t>
  </si>
  <si>
    <t>5702329575768</t>
  </si>
  <si>
    <t>VELUX Plissee elektro FML MK12 1283KWL</t>
  </si>
  <si>
    <t>FML MK12 1284K</t>
  </si>
  <si>
    <t>5702329581653</t>
  </si>
  <si>
    <t>VELUX Plissee elektro FML MK12 1284K</t>
  </si>
  <si>
    <t>FML MK12 1284KWL</t>
  </si>
  <si>
    <t>5702329575799</t>
  </si>
  <si>
    <t>VELUX Plissee elektro FML MK12 1284KWL</t>
  </si>
  <si>
    <t>FML MK12 1285K</t>
  </si>
  <si>
    <t>5702329581684</t>
  </si>
  <si>
    <t>VELUX Plissee elektro FML MK12 1285K</t>
  </si>
  <si>
    <t>FML MK12 1286K</t>
  </si>
  <si>
    <t>5702329581714</t>
  </si>
  <si>
    <t>VELUX Plissee elektro FML MK12 1286K</t>
  </si>
  <si>
    <t>FML MK12 1286KWL</t>
  </si>
  <si>
    <t>5702329575850</t>
  </si>
  <si>
    <t>VELUX Plissee elektro FML MK12 1286KWL</t>
  </si>
  <si>
    <t>FML P04 1016KWL</t>
  </si>
  <si>
    <t>5702329575881</t>
  </si>
  <si>
    <t>VELUX Plissee elektro FML P04 1016KWL</t>
  </si>
  <si>
    <t>FML P04 1256K</t>
  </si>
  <si>
    <t>5702329581776</t>
  </si>
  <si>
    <t>VELUX Plissee elektro FML P04 1256K</t>
  </si>
  <si>
    <t>FML P04 1256KWL</t>
  </si>
  <si>
    <t>5702329575911</t>
  </si>
  <si>
    <t>VELUX Plissee elektro FML P04 1256KWL</t>
  </si>
  <si>
    <t>FML P04 1259KWL</t>
  </si>
  <si>
    <t>5702329575942</t>
  </si>
  <si>
    <t>VELUX Plissee elektro FML P04 1259KWL</t>
  </si>
  <si>
    <t>FML P04 1274K</t>
  </si>
  <si>
    <t>5702329581837</t>
  </si>
  <si>
    <t>VELUX Plissee elektro FML P04 1274K</t>
  </si>
  <si>
    <t>FML P04 1274KWL</t>
  </si>
  <si>
    <t>5702329575973</t>
  </si>
  <si>
    <t>VELUX Plissee elektro FML P04 1274KWL</t>
  </si>
  <si>
    <t>FML P04 1275K</t>
  </si>
  <si>
    <t>5702329581851</t>
  </si>
  <si>
    <t>VELUX Plissee elektro FML P04 1275K</t>
  </si>
  <si>
    <t>FML P04 1275KWL</t>
  </si>
  <si>
    <t>5702329576000</t>
  </si>
  <si>
    <t>VELUX Plissee elektro FML P04 1275KWL</t>
  </si>
  <si>
    <t>FML P04 1276K</t>
  </si>
  <si>
    <t>5702329581899</t>
  </si>
  <si>
    <t>VELUX Plissee elektro FML P04 1276K</t>
  </si>
  <si>
    <t>FML P04 1276KWL</t>
  </si>
  <si>
    <t>5702329576024</t>
  </si>
  <si>
    <t>VELUX Plissee elektro FML P04 1276KWL</t>
  </si>
  <si>
    <t>FML P04 1277K</t>
  </si>
  <si>
    <t>5702329581929</t>
  </si>
  <si>
    <t>VELUX Plissee elektro FML P04 1277K</t>
  </si>
  <si>
    <t>FML P04 1277KWL</t>
  </si>
  <si>
    <t>5702329576055</t>
  </si>
  <si>
    <t>VELUX Plissee elektro FML P04 1277KWL</t>
  </si>
  <si>
    <t>FML P04 1278K</t>
  </si>
  <si>
    <t>5702329581950</t>
  </si>
  <si>
    <t>VELUX Plissee elektro FML P04 1278K</t>
  </si>
  <si>
    <t>FML P04 1278KWL</t>
  </si>
  <si>
    <t>5702329576086</t>
  </si>
  <si>
    <t>VELUX Plissee elektro FML P04 1278KWL</t>
  </si>
  <si>
    <t>FML P04 1279K</t>
  </si>
  <si>
    <t>5702329581981</t>
  </si>
  <si>
    <t>VELUX Plissee elektro FML P04 1279K</t>
  </si>
  <si>
    <t>FML P04 1279KWL</t>
  </si>
  <si>
    <t>5702329576116</t>
  </si>
  <si>
    <t>VELUX Plissee elektro FML P04 1279KWL</t>
  </si>
  <si>
    <t>FML P04 1280K</t>
  </si>
  <si>
    <t>5702329582025</t>
  </si>
  <si>
    <t>VELUX Plissee elektro FML P04 1280K</t>
  </si>
  <si>
    <t>FML P04 1280KWL</t>
  </si>
  <si>
    <t>5702329576147</t>
  </si>
  <si>
    <t>VELUX Plissee elektro FML P04 1280KWL</t>
  </si>
  <si>
    <t>FML P04 1281KWL</t>
  </si>
  <si>
    <t>5702329576178</t>
  </si>
  <si>
    <t>VELUX Plissee elektro FML P04 1281KWL</t>
  </si>
  <si>
    <t>FML P04 1282KWL</t>
  </si>
  <si>
    <t>5702329576208</t>
  </si>
  <si>
    <t>VELUX Plissee elektro FML P04 1282KWL</t>
  </si>
  <si>
    <t>FML P04 1283K</t>
  </si>
  <si>
    <t>5702329582117</t>
  </si>
  <si>
    <t>VELUX Plissee elektro FML P04 1283K</t>
  </si>
  <si>
    <t>FML P04 1283KWL</t>
  </si>
  <si>
    <t>5702329576239</t>
  </si>
  <si>
    <t>VELUX Plissee elektro FML P04 1283KWL</t>
  </si>
  <si>
    <t>FML P04 1284K</t>
  </si>
  <si>
    <t>5702329582148</t>
  </si>
  <si>
    <t>VELUX Plissee elektro FML P04 1284K</t>
  </si>
  <si>
    <t>FML P04 1284KWL</t>
  </si>
  <si>
    <t>5702329576260</t>
  </si>
  <si>
    <t>VELUX Plissee elektro FML P04 1284KWL</t>
  </si>
  <si>
    <t>FML P04 1285KWL</t>
  </si>
  <si>
    <t>5702329576291</t>
  </si>
  <si>
    <t>VELUX Plissee elektro FML P04 1285KWL</t>
  </si>
  <si>
    <t>FML P04 1286KWL</t>
  </si>
  <si>
    <t>5702329576321</t>
  </si>
  <si>
    <t>VELUX Plissee elektro FML P04 1286KWL</t>
  </si>
  <si>
    <t>FML P06 1016K</t>
  </si>
  <si>
    <t>5702329582230</t>
  </si>
  <si>
    <t>VELUX Plissee elektro FML P06 1016K</t>
  </si>
  <si>
    <t>FML P06 1016KWL</t>
  </si>
  <si>
    <t>5702329576352</t>
  </si>
  <si>
    <t>VELUX Plissee elektro FML P06 1016KWL</t>
  </si>
  <si>
    <t>FML P06 1256K</t>
  </si>
  <si>
    <t>5702329582261</t>
  </si>
  <si>
    <t>VELUX Plissee elektro FML P06 1256K</t>
  </si>
  <si>
    <t>FML P06 1256KWL</t>
  </si>
  <si>
    <t>5702329576383</t>
  </si>
  <si>
    <t>VELUX Plissee elektro FML P06 1256KWL</t>
  </si>
  <si>
    <t>FML P06 1274K</t>
  </si>
  <si>
    <t>5702329582339</t>
  </si>
  <si>
    <t>VELUX Plissee elektro FML P06 1274K</t>
  </si>
  <si>
    <t>FML P06 1274KWL</t>
  </si>
  <si>
    <t>5702329576444</t>
  </si>
  <si>
    <t>VELUX Plissee elektro FML P06 1274KWL</t>
  </si>
  <si>
    <t>FML P06 1275K</t>
  </si>
  <si>
    <t>5702329582360</t>
  </si>
  <si>
    <t>VELUX Plissee elektro FML P06 1275K</t>
  </si>
  <si>
    <t>FML P06 1276K</t>
  </si>
  <si>
    <t>5702329582391</t>
  </si>
  <si>
    <t>VELUX Plissee elektro FML P06 1276K</t>
  </si>
  <si>
    <t>FML P06 1276KWL</t>
  </si>
  <si>
    <t>5702329576529</t>
  </si>
  <si>
    <t>VELUX Plissee elektro FML P06 1276KWL</t>
  </si>
  <si>
    <t>FML P06 1277K</t>
  </si>
  <si>
    <t>5702329582421</t>
  </si>
  <si>
    <t>VELUX Plissee elektro FML P06 1277K</t>
  </si>
  <si>
    <t>FML P06 1277KWL</t>
  </si>
  <si>
    <t>5702329576543</t>
  </si>
  <si>
    <t>VELUX Plissee elektro FML P06 1277KWL</t>
  </si>
  <si>
    <t>FML P06 1278K</t>
  </si>
  <si>
    <t>5702329582452</t>
  </si>
  <si>
    <t>VELUX Plissee elektro FML P06 1278K</t>
  </si>
  <si>
    <t>FML P06 1278KWL</t>
  </si>
  <si>
    <t>5702329576574</t>
  </si>
  <si>
    <t>VELUX Plissee elektro FML P06 1278KWL</t>
  </si>
  <si>
    <t>FML P06 1279K</t>
  </si>
  <si>
    <t>5702329582483</t>
  </si>
  <si>
    <t>VELUX Plissee elektro FML P06 1279K</t>
  </si>
  <si>
    <t>FML P06 1279KWL</t>
  </si>
  <si>
    <t>5702329576611</t>
  </si>
  <si>
    <t>VELUX Plissee elektro FML P06 1279KWL</t>
  </si>
  <si>
    <t>FML P06 1280K</t>
  </si>
  <si>
    <t>5702329582513</t>
  </si>
  <si>
    <t>VELUX Plissee elektro FML P06 1280K</t>
  </si>
  <si>
    <t>FML P06 1280KWL</t>
  </si>
  <si>
    <t>5702329576642</t>
  </si>
  <si>
    <t>VELUX Plissee elektro FML P06 1280KWL</t>
  </si>
  <si>
    <t>FML P06 1281K</t>
  </si>
  <si>
    <t>5702329582544</t>
  </si>
  <si>
    <t>VELUX Plissee elektro FML P06 1281K</t>
  </si>
  <si>
    <t>FML P06 1281KWL</t>
  </si>
  <si>
    <t>5702329576673</t>
  </si>
  <si>
    <t>VELUX Plissee elektro FML P06 1281KWL</t>
  </si>
  <si>
    <t>FML P06 1282KWL</t>
  </si>
  <si>
    <t>5702329576703</t>
  </si>
  <si>
    <t>VELUX Plissee elektro FML P06 1282KWL</t>
  </si>
  <si>
    <t>FML P06 1283K</t>
  </si>
  <si>
    <t>5702329582605</t>
  </si>
  <si>
    <t>VELUX Plissee elektro FML P06 1283K</t>
  </si>
  <si>
    <t>FML P06 1283KWL</t>
  </si>
  <si>
    <t>5702329576727</t>
  </si>
  <si>
    <t>VELUX Plissee elektro FML P06 1283KWL</t>
  </si>
  <si>
    <t>FML P06 1284K</t>
  </si>
  <si>
    <t>5702329582636</t>
  </si>
  <si>
    <t>VELUX Plissee elektro FML P06 1284K</t>
  </si>
  <si>
    <t>FML P06 1284KWL</t>
  </si>
  <si>
    <t>5702329576758</t>
  </si>
  <si>
    <t>VELUX Plissee elektro FML P06 1284KWL</t>
  </si>
  <si>
    <t>FML P06 1285K</t>
  </si>
  <si>
    <t>5702329582667</t>
  </si>
  <si>
    <t>VELUX Plissee elektro FML P06 1285K</t>
  </si>
  <si>
    <t>FML P06 1285KWL</t>
  </si>
  <si>
    <t>5702329576789</t>
  </si>
  <si>
    <t>VELUX Plissee elektro FML P06 1285KWL</t>
  </si>
  <si>
    <t>FML P06 1286K</t>
  </si>
  <si>
    <t>5702329582698</t>
  </si>
  <si>
    <t>VELUX Plissee elektro FML P06 1286K</t>
  </si>
  <si>
    <t>FML P06 1286KWL</t>
  </si>
  <si>
    <t>5702329576819</t>
  </si>
  <si>
    <t>VELUX Plissee elektro FML P06 1286KWL</t>
  </si>
  <si>
    <t>FML P08 1256K</t>
  </si>
  <si>
    <t>5702329582759</t>
  </si>
  <si>
    <t>VELUX Plissee elektro FML P08 1256K</t>
  </si>
  <si>
    <t>FML P08 1256KWL</t>
  </si>
  <si>
    <t>5702329576871</t>
  </si>
  <si>
    <t>VELUX Plissee elektro FML P08 1256KWL</t>
  </si>
  <si>
    <t>FML P08 1259K</t>
  </si>
  <si>
    <t>5702329582780</t>
  </si>
  <si>
    <t>VELUX Plissee elektro FML P08 1259K</t>
  </si>
  <si>
    <t>FML P08 1274K</t>
  </si>
  <si>
    <t>5702329582810</t>
  </si>
  <si>
    <t>VELUX Plissee elektro FML P08 1274K</t>
  </si>
  <si>
    <t>FML P08 1274KWL</t>
  </si>
  <si>
    <t>5702329576932</t>
  </si>
  <si>
    <t>VELUX Plissee elektro FML P08 1274KWL</t>
  </si>
  <si>
    <t>FML P08 1275K</t>
  </si>
  <si>
    <t>5702329582841</t>
  </si>
  <si>
    <t>VELUX Plissee elektro FML P08 1275K</t>
  </si>
  <si>
    <t>FML P08 1275KWL</t>
  </si>
  <si>
    <t>5702329576963</t>
  </si>
  <si>
    <t>VELUX Plissee elektro FML P08 1275KWL</t>
  </si>
  <si>
    <t>FML P08 1276K</t>
  </si>
  <si>
    <t>5702329582872</t>
  </si>
  <si>
    <t>VELUX Plissee elektro FML P08 1276K</t>
  </si>
  <si>
    <t>FML P08 1276KWL</t>
  </si>
  <si>
    <t>5702329576994</t>
  </si>
  <si>
    <t>VELUX Plissee elektro FML P08 1276KWL</t>
  </si>
  <si>
    <t>FML P08 1277K</t>
  </si>
  <si>
    <t>5702329582902</t>
  </si>
  <si>
    <t>VELUX Plissee elektro FML P08 1277K</t>
  </si>
  <si>
    <t>FML P08 1277KWL</t>
  </si>
  <si>
    <t>5702329577021</t>
  </si>
  <si>
    <t>VELUX Plissee elektro FML P08 1277KWL</t>
  </si>
  <si>
    <t>FML P08 1278K</t>
  </si>
  <si>
    <t>5702329582933</t>
  </si>
  <si>
    <t>VELUX Plissee elektro FML P08 1278K</t>
  </si>
  <si>
    <t>FML P08 1278KWL</t>
  </si>
  <si>
    <t>5702329577052</t>
  </si>
  <si>
    <t>VELUX Plissee elektro FML P08 1278KWL</t>
  </si>
  <si>
    <t>FML P08 1279K</t>
  </si>
  <si>
    <t>5702329582964</t>
  </si>
  <si>
    <t>VELUX Plissee elektro FML P08 1279K</t>
  </si>
  <si>
    <t>FML P08 1279KWL</t>
  </si>
  <si>
    <t>5702329577083</t>
  </si>
  <si>
    <t>VELUX Plissee elektro FML P08 1279KWL</t>
  </si>
  <si>
    <t>FML P08 1280K</t>
  </si>
  <si>
    <t>5702329582995</t>
  </si>
  <si>
    <t>VELUX Plissee elektro FML P08 1280K</t>
  </si>
  <si>
    <t>FML P08 1280KWL</t>
  </si>
  <si>
    <t>5702329577113</t>
  </si>
  <si>
    <t>VELUX Plissee elektro FML P08 1280KWL</t>
  </si>
  <si>
    <t>FML P08 1281K</t>
  </si>
  <si>
    <t>5702329583022</t>
  </si>
  <si>
    <t>VELUX Plissee elektro FML P08 1281K</t>
  </si>
  <si>
    <t>FML P08 1281KWL</t>
  </si>
  <si>
    <t>5702329577144</t>
  </si>
  <si>
    <t>VELUX Plissee elektro FML P08 1281KWL</t>
  </si>
  <si>
    <t>FML P08 1282K</t>
  </si>
  <si>
    <t>5702329583046</t>
  </si>
  <si>
    <t>VELUX Plissee elektro FML P08 1282K</t>
  </si>
  <si>
    <t>FML P08 1282KWL</t>
  </si>
  <si>
    <t>5702329577175</t>
  </si>
  <si>
    <t>VELUX Plissee elektro FML P08 1282KWL</t>
  </si>
  <si>
    <t>FML P08 1283K</t>
  </si>
  <si>
    <t>5702329583077</t>
  </si>
  <si>
    <t>VELUX Plissee elektro FML P08 1283K</t>
  </si>
  <si>
    <t>FML P08 1283KWL</t>
  </si>
  <si>
    <t>5702329577205</t>
  </si>
  <si>
    <t>VELUX Plissee elektro FML P08 1283KWL</t>
  </si>
  <si>
    <t>FML P08 1284K</t>
  </si>
  <si>
    <t>5702329583107</t>
  </si>
  <si>
    <t>VELUX Plissee elektro FML P08 1284K</t>
  </si>
  <si>
    <t>FML P08 1284KWL</t>
  </si>
  <si>
    <t>5702329577236</t>
  </si>
  <si>
    <t>VELUX Plissee elektro FML P08 1284KWL</t>
  </si>
  <si>
    <t>FML P08 1285K</t>
  </si>
  <si>
    <t>5702329583138</t>
  </si>
  <si>
    <t>VELUX Plissee elektro FML P08 1285K</t>
  </si>
  <si>
    <t>FML P08 1285KWL</t>
  </si>
  <si>
    <t>5702329577267</t>
  </si>
  <si>
    <t>VELUX Plissee elektro FML P08 1285KWL</t>
  </si>
  <si>
    <t>FML P08 1286K</t>
  </si>
  <si>
    <t>5702329583169</t>
  </si>
  <si>
    <t>VELUX Plissee elektro FML P08 1286K</t>
  </si>
  <si>
    <t>FML P08 1286KWL</t>
  </si>
  <si>
    <t>5702329577298</t>
  </si>
  <si>
    <t>VELUX Plissee elektro FML P08 1286KWL</t>
  </si>
  <si>
    <t>FML P10 1256K</t>
  </si>
  <si>
    <t>5702329583237</t>
  </si>
  <si>
    <t>VELUX Plissee elektro FML P10 1256K</t>
  </si>
  <si>
    <t>FML P10 1256KWL</t>
  </si>
  <si>
    <t>5702329577359</t>
  </si>
  <si>
    <t>VELUX Plissee elektro FML P10 1256KWL</t>
  </si>
  <si>
    <t>FML P10 1274K</t>
  </si>
  <si>
    <t>5702329583299</t>
  </si>
  <si>
    <t>VELUX Plissee elektro FML P10 1274K</t>
  </si>
  <si>
    <t>FML P10 1275K</t>
  </si>
  <si>
    <t>5702329583329</t>
  </si>
  <si>
    <t>VELUX Plissee elektro FML P10 1275K</t>
  </si>
  <si>
    <t>FML P10 1275KWL</t>
  </si>
  <si>
    <t>5702329577441</t>
  </si>
  <si>
    <t>VELUX Plissee elektro FML P10 1275KWL</t>
  </si>
  <si>
    <t>FML P10 1276K</t>
  </si>
  <si>
    <t>5702329583350</t>
  </si>
  <si>
    <t>VELUX Plissee elektro FML P10 1276K</t>
  </si>
  <si>
    <t>FML P10 1276KWL</t>
  </si>
  <si>
    <t>5702329577472</t>
  </si>
  <si>
    <t>VELUX Plissee elektro FML P10 1276KWL</t>
  </si>
  <si>
    <t>FML P10 1277K</t>
  </si>
  <si>
    <t>5702329583381</t>
  </si>
  <si>
    <t>VELUX Plissee elektro FML P10 1277K</t>
  </si>
  <si>
    <t>FML P10 1277KWL</t>
  </si>
  <si>
    <t>5702329577502</t>
  </si>
  <si>
    <t>VELUX Plissee elektro FML P10 1277KWL</t>
  </si>
  <si>
    <t>FML P10 1278K</t>
  </si>
  <si>
    <t>5702329583411</t>
  </si>
  <si>
    <t>VELUX Plissee elektro FML P10 1278K</t>
  </si>
  <si>
    <t>FML P10 1278KWL</t>
  </si>
  <si>
    <t>5702329577533</t>
  </si>
  <si>
    <t>VELUX Plissee elektro FML P10 1278KWL</t>
  </si>
  <si>
    <t>FML P10 1279KWL</t>
  </si>
  <si>
    <t>5702329577564</t>
  </si>
  <si>
    <t>VELUX Plissee elektro FML P10 1279KWL</t>
  </si>
  <si>
    <t>FML P10 1280KWL</t>
  </si>
  <si>
    <t>5702329577595</t>
  </si>
  <si>
    <t>VELUX Plissee elektro FML P10 1280KWL</t>
  </si>
  <si>
    <t>FML P10 1281KWL</t>
  </si>
  <si>
    <t>5702329577625</t>
  </si>
  <si>
    <t>VELUX Plissee elektro FML P10 1281KWL</t>
  </si>
  <si>
    <t>FML P10 1282KWL</t>
  </si>
  <si>
    <t>5702329577656</t>
  </si>
  <si>
    <t>VELUX Plissee elektro FML P10 1282KWL</t>
  </si>
  <si>
    <t>FML P10 1283K</t>
  </si>
  <si>
    <t>5702329583565</t>
  </si>
  <si>
    <t>VELUX Plissee elektro FML P10 1283K</t>
  </si>
  <si>
    <t>FML P10 1285K</t>
  </si>
  <si>
    <t>5702329583626</t>
  </si>
  <si>
    <t>VELUX Plissee elektro FML P10 1285K</t>
  </si>
  <si>
    <t>FML P10 1285KWL</t>
  </si>
  <si>
    <t>5702329577731</t>
  </si>
  <si>
    <t>VELUX Plissee elektro FML P10 1285KWL</t>
  </si>
  <si>
    <t>FML P10 1286K</t>
  </si>
  <si>
    <t>5702329583657</t>
  </si>
  <si>
    <t>VELUX Plissee elektro FML P10 1286K</t>
  </si>
  <si>
    <t>FML P10 1286KWL</t>
  </si>
  <si>
    <t>5702329577762</t>
  </si>
  <si>
    <t>VELUX Plissee elektro FML P10 1286KWL</t>
  </si>
  <si>
    <t>FML PK06 1275K</t>
  </si>
  <si>
    <t>5702329584760</t>
  </si>
  <si>
    <t>VELUX Plissee elektro FML PK06 1275K</t>
  </si>
  <si>
    <t>FML PK06 1276KWL</t>
  </si>
  <si>
    <t>5702329578899</t>
  </si>
  <si>
    <t>VELUX Plissee elektro FML PK06 1276KWL</t>
  </si>
  <si>
    <t>FML PK06 1277KWL</t>
  </si>
  <si>
    <t>5702329578929</t>
  </si>
  <si>
    <t>VELUX Plissee elektro FML PK06 1277KWL</t>
  </si>
  <si>
    <t>FML PK06 1279K</t>
  </si>
  <si>
    <t>5702329584883</t>
  </si>
  <si>
    <t>VELUX Plissee elektro FML PK06 1279K</t>
  </si>
  <si>
    <t>FML PK06 1280K</t>
  </si>
  <si>
    <t>5702329584913</t>
  </si>
  <si>
    <t>VELUX Plissee elektro FML PK06 1280K</t>
  </si>
  <si>
    <t>FML PK06 1280KWL</t>
  </si>
  <si>
    <t>5702329579018</t>
  </si>
  <si>
    <t>VELUX Plissee elektro FML PK06 1280KWL</t>
  </si>
  <si>
    <t>FML PK06 1281K</t>
  </si>
  <si>
    <t>5702329584944</t>
  </si>
  <si>
    <t>VELUX Plissee elektro FML PK06 1281K</t>
  </si>
  <si>
    <t>FML PK06 1283K</t>
  </si>
  <si>
    <t>5702329585002</t>
  </si>
  <si>
    <t>VELUX Plissee elektro FML PK06 1283K</t>
  </si>
  <si>
    <t>FML PK06 1285K</t>
  </si>
  <si>
    <t>5702329585057</t>
  </si>
  <si>
    <t>VELUX Plissee elektro FML PK06 1285K</t>
  </si>
  <si>
    <t>FML PK06 1286K</t>
  </si>
  <si>
    <t>5702329585088</t>
  </si>
  <si>
    <t>VELUX Plissee elektro FML PK06 1286K</t>
  </si>
  <si>
    <t>FML PK08 1274KWL</t>
  </si>
  <si>
    <t>5702329579315</t>
  </si>
  <si>
    <t>VELUX Plissee elektro FML PK08 1274KWL</t>
  </si>
  <si>
    <t>FML PK08 1275K</t>
  </si>
  <si>
    <t>5702329585231</t>
  </si>
  <si>
    <t>VELUX Plissee elektro FML PK08 1275K</t>
  </si>
  <si>
    <t>FML PK08 1276K</t>
  </si>
  <si>
    <t>5702329585262</t>
  </si>
  <si>
    <t>VELUX Plissee elektro FML PK08 1276K</t>
  </si>
  <si>
    <t>FML PK08 1276KWL</t>
  </si>
  <si>
    <t>5702329579377</t>
  </si>
  <si>
    <t>VELUX Plissee elektro FML PK08 1276KWL</t>
  </si>
  <si>
    <t>FML PK08 1277KWL</t>
  </si>
  <si>
    <t>5702329579407</t>
  </si>
  <si>
    <t>VELUX Plissee elektro FML PK08 1277KWL</t>
  </si>
  <si>
    <t>FML PK08 1278KWL</t>
  </si>
  <si>
    <t>5702329579438</t>
  </si>
  <si>
    <t>VELUX Plissee elektro FML PK08 1278KWL</t>
  </si>
  <si>
    <t>FML PK08 1279K</t>
  </si>
  <si>
    <t>5702329585354</t>
  </si>
  <si>
    <t>VELUX Plissee elektro FML PK08 1279K</t>
  </si>
  <si>
    <t>FML PK08 1279KWL</t>
  </si>
  <si>
    <t>5702329579490</t>
  </si>
  <si>
    <t>VELUX Plissee elektro FML PK08 1279KWL</t>
  </si>
  <si>
    <t>FML PK08 1280K</t>
  </si>
  <si>
    <t>5702329585385</t>
  </si>
  <si>
    <t>VELUX Plissee elektro FML PK08 1280K</t>
  </si>
  <si>
    <t>FML PK08 1280KWL</t>
  </si>
  <si>
    <t>5702329579520</t>
  </si>
  <si>
    <t>VELUX Plissee elektro FML PK08 1280KWL</t>
  </si>
  <si>
    <t>FML PK08 1281K</t>
  </si>
  <si>
    <t>5702329585415</t>
  </si>
  <si>
    <t>VELUX Plissee elektro FML PK08 1281K</t>
  </si>
  <si>
    <t>FML PK08 1281KWL</t>
  </si>
  <si>
    <t>5702329579551</t>
  </si>
  <si>
    <t>VELUX Plissee elektro FML PK08 1281KWL</t>
  </si>
  <si>
    <t>FML PK08 1283KWL</t>
  </si>
  <si>
    <t>5702329579605</t>
  </si>
  <si>
    <t>VELUX Plissee elektro FML PK08 1283KWL</t>
  </si>
  <si>
    <t>FML PK08 1284K</t>
  </si>
  <si>
    <t>5702329585507</t>
  </si>
  <si>
    <t>VELUX Plissee elektro FML PK08 1284K</t>
  </si>
  <si>
    <t>FML PK08 1285K</t>
  </si>
  <si>
    <t>5702329585538</t>
  </si>
  <si>
    <t>VELUX Plissee elektro FML PK08 1285K</t>
  </si>
  <si>
    <t>FML PK10 1256K</t>
  </si>
  <si>
    <t>5702329585620</t>
  </si>
  <si>
    <t>VELUX Plissee elektro FML PK10 1256K</t>
  </si>
  <si>
    <t>FML PK10 1276K</t>
  </si>
  <si>
    <t>5702329585743</t>
  </si>
  <si>
    <t>VELUX Plissee elektro FML PK10 1276K</t>
  </si>
  <si>
    <t>FML PK10 1277KWL</t>
  </si>
  <si>
    <t>5702329579902</t>
  </si>
  <si>
    <t>VELUX Plissee elektro FML PK10 1277KWL</t>
  </si>
  <si>
    <t>FML PK10 1279K</t>
  </si>
  <si>
    <t>5702329585835</t>
  </si>
  <si>
    <t>VELUX Plissee elektro FML PK10 1279K</t>
  </si>
  <si>
    <t>FML PK10 1280K</t>
  </si>
  <si>
    <t>5702329585866</t>
  </si>
  <si>
    <t>VELUX Plissee elektro FML PK10 1280K</t>
  </si>
  <si>
    <t>FML PK10 1280KWL</t>
  </si>
  <si>
    <t>5702329579995</t>
  </si>
  <si>
    <t>VELUX Plissee elektro FML PK10 1280KWL</t>
  </si>
  <si>
    <t>FML PK10 1284KWL</t>
  </si>
  <si>
    <t>5702329580113</t>
  </si>
  <si>
    <t>VELUX Plissee elektro FML PK10 1284KWL</t>
  </si>
  <si>
    <t>FML PK10 1285KWL</t>
  </si>
  <si>
    <t>5702329580144</t>
  </si>
  <si>
    <t>VELUX Plissee elektro FML PK10 1285KWL</t>
  </si>
  <si>
    <t>FML S06 1256KWL</t>
  </si>
  <si>
    <t>5702329581189</t>
  </si>
  <si>
    <t>VELUX Plissee elektro FML S06 1256KWL</t>
  </si>
  <si>
    <t>FML S06 1274K</t>
  </si>
  <si>
    <t>5702329587099</t>
  </si>
  <si>
    <t>VELUX Plissee elektro FML S06 1274K</t>
  </si>
  <si>
    <t>FML S06 1276K</t>
  </si>
  <si>
    <t>5702329587150</t>
  </si>
  <si>
    <t>VELUX Plissee elektro FML S06 1276K</t>
  </si>
  <si>
    <t>FML S06 1276KWL</t>
  </si>
  <si>
    <t>5702329581301</t>
  </si>
  <si>
    <t>VELUX Plissee elektro FML S06 1276KWL</t>
  </si>
  <si>
    <t>FML S06 1277KWL</t>
  </si>
  <si>
    <t>5702329581332</t>
  </si>
  <si>
    <t>VELUX Plissee elektro FML S06 1277KWL</t>
  </si>
  <si>
    <t>FML S06 1278KWL</t>
  </si>
  <si>
    <t>5702329581363</t>
  </si>
  <si>
    <t>VELUX Plissee elektro FML S06 1278KWL</t>
  </si>
  <si>
    <t>FML S06 1279K</t>
  </si>
  <si>
    <t>5702329587242</t>
  </si>
  <si>
    <t>VELUX Plissee elektro FML S06 1279K</t>
  </si>
  <si>
    <t>FML S06 1279KWL</t>
  </si>
  <si>
    <t>5702329581394</t>
  </si>
  <si>
    <t>VELUX Plissee elektro FML S06 1279KWL</t>
  </si>
  <si>
    <t>FML S06 1280KWL</t>
  </si>
  <si>
    <t>5702329581431</t>
  </si>
  <si>
    <t>VELUX Plissee elektro FML S06 1280KWL</t>
  </si>
  <si>
    <t>FML S06 1281KWL</t>
  </si>
  <si>
    <t>5702329581462</t>
  </si>
  <si>
    <t>VELUX Plissee elektro FML S06 1281KWL</t>
  </si>
  <si>
    <t>FML S06 1283KWL</t>
  </si>
  <si>
    <t>5702329581523</t>
  </si>
  <si>
    <t>VELUX Plissee elektro FML S06 1283KWL</t>
  </si>
  <si>
    <t>FML S06 1284KWL</t>
  </si>
  <si>
    <t>5702329581554</t>
  </si>
  <si>
    <t>VELUX Plissee elektro FML S06 1284KWL</t>
  </si>
  <si>
    <t>FML S06 1285KWL</t>
  </si>
  <si>
    <t>5702329581585</t>
  </si>
  <si>
    <t>VELUX Plissee elektro FML S06 1285KWL</t>
  </si>
  <si>
    <t>FML S06 1286KWL</t>
  </si>
  <si>
    <t>5702329581615</t>
  </si>
  <si>
    <t>VELUX Plissee elektro FML S06 1286KWL</t>
  </si>
  <si>
    <t>FML S08 1256K</t>
  </si>
  <si>
    <t>5702329587457</t>
  </si>
  <si>
    <t>VELUX Plissee elektro FML S08 1256K</t>
  </si>
  <si>
    <t>FML S08 1256KWL</t>
  </si>
  <si>
    <t>5702329581677</t>
  </si>
  <si>
    <t>VELUX Plissee elektro FML S08 1256KWL</t>
  </si>
  <si>
    <t>FML S08 1274KWL</t>
  </si>
  <si>
    <t>5702329581738</t>
  </si>
  <si>
    <t>VELUX Plissee elektro FML S08 1274KWL</t>
  </si>
  <si>
    <t>FML S08 1275K</t>
  </si>
  <si>
    <t>5702329587518</t>
  </si>
  <si>
    <t>VELUX Plissee elektro FML S08 1275K</t>
  </si>
  <si>
    <t>FML S08 1276K</t>
  </si>
  <si>
    <t>5702329587532</t>
  </si>
  <si>
    <t>VELUX Plissee elektro FML S08 1276K</t>
  </si>
  <si>
    <t>FML S08 1276KWL</t>
  </si>
  <si>
    <t>5702329581790</t>
  </si>
  <si>
    <t>VELUX Plissee elektro FML S08 1276KWL</t>
  </si>
  <si>
    <t>FML S08 1277K</t>
  </si>
  <si>
    <t>5702329587556</t>
  </si>
  <si>
    <t>VELUX Plissee elektro FML S08 1277K</t>
  </si>
  <si>
    <t>FML S08 1277KWL</t>
  </si>
  <si>
    <t>5702329581820</t>
  </si>
  <si>
    <t>VELUX Plissee elektro FML S08 1277KWL</t>
  </si>
  <si>
    <t>FML S08 1278KWL</t>
  </si>
  <si>
    <t>5702329581868</t>
  </si>
  <si>
    <t>VELUX Plissee elektro FML S08 1278KWL</t>
  </si>
  <si>
    <t>FML S08 1279KWL</t>
  </si>
  <si>
    <t>5702329581882</t>
  </si>
  <si>
    <t>VELUX Plissee elektro FML S08 1279KWL</t>
  </si>
  <si>
    <t>FML S08 1280K</t>
  </si>
  <si>
    <t>5702329587617</t>
  </si>
  <si>
    <t>VELUX Plissee elektro FML S08 1280K</t>
  </si>
  <si>
    <t>FML S08 1280KWL</t>
  </si>
  <si>
    <t>5702329581912</t>
  </si>
  <si>
    <t>VELUX Plissee elektro FML S08 1280KWL</t>
  </si>
  <si>
    <t>FML S08 1281K</t>
  </si>
  <si>
    <t>5702329587631</t>
  </si>
  <si>
    <t>VELUX Plissee elektro FML S08 1281K</t>
  </si>
  <si>
    <t>FML S08 1281KWL</t>
  </si>
  <si>
    <t>5702329581943</t>
  </si>
  <si>
    <t>VELUX Plissee elektro FML S08 1281KWL</t>
  </si>
  <si>
    <t>FML S08 1282K</t>
  </si>
  <si>
    <t>5702329587655</t>
  </si>
  <si>
    <t>VELUX Plissee elektro FML S08 1282K</t>
  </si>
  <si>
    <t>FML S08 1283K</t>
  </si>
  <si>
    <t>5702329587679</t>
  </si>
  <si>
    <t>VELUX Plissee elektro FML S08 1283K</t>
  </si>
  <si>
    <t>FML S08 1284K</t>
  </si>
  <si>
    <t>5702329587693</t>
  </si>
  <si>
    <t>VELUX Plissee elektro FML S08 1284K</t>
  </si>
  <si>
    <t>FML S08 1284KWL</t>
  </si>
  <si>
    <t>5702329582032</t>
  </si>
  <si>
    <t>VELUX Plissee elektro FML S08 1284KWL</t>
  </si>
  <si>
    <t>FML S08 1285K</t>
  </si>
  <si>
    <t>5702329587716</t>
  </si>
  <si>
    <t>VELUX Plissee elektro FML S08 1285K</t>
  </si>
  <si>
    <t>FML S08 1285KWL</t>
  </si>
  <si>
    <t>5702329582063</t>
  </si>
  <si>
    <t>VELUX Plissee elektro FML S08 1285KWL</t>
  </si>
  <si>
    <t>FML S08 1286K</t>
  </si>
  <si>
    <t>5702329587730</t>
  </si>
  <si>
    <t>VELUX Plissee elektro FML S08 1286K</t>
  </si>
  <si>
    <t>FML S08 1286KWL</t>
  </si>
  <si>
    <t>5702329582094</t>
  </si>
  <si>
    <t>VELUX Plissee elektro FML S08 1286KWL</t>
  </si>
  <si>
    <t>FML S10 1016K</t>
  </si>
  <si>
    <t>5702329587754</t>
  </si>
  <si>
    <t>VELUX Plissee elektro FML S10 1016K</t>
  </si>
  <si>
    <t>FML S10 1016KWL</t>
  </si>
  <si>
    <t>5702329582124</t>
  </si>
  <si>
    <t>VELUX Plissee elektro FML S10 1016KWL</t>
  </si>
  <si>
    <t>FML S10 1256K</t>
  </si>
  <si>
    <t>5702329587778</t>
  </si>
  <si>
    <t>VELUX Plissee elektro FML S10 1256K</t>
  </si>
  <si>
    <t>FML S10 1256KWL</t>
  </si>
  <si>
    <t>5702329582155</t>
  </si>
  <si>
    <t>VELUX Plissee elektro FML S10 1256KWL</t>
  </si>
  <si>
    <t>FML S10 1259K</t>
  </si>
  <si>
    <t>5702329587792</t>
  </si>
  <si>
    <t>VELUX Plissee elektro FML S10 1259K</t>
  </si>
  <si>
    <t>FML S10 1259KWL</t>
  </si>
  <si>
    <t>5702329582186</t>
  </si>
  <si>
    <t>VELUX Plissee elektro FML S10 1259KWL</t>
  </si>
  <si>
    <t>FML S10 1274K</t>
  </si>
  <si>
    <t>5702329587815</t>
  </si>
  <si>
    <t>VELUX Plissee elektro FML S10 1274K</t>
  </si>
  <si>
    <t>FML S10 1274KWL</t>
  </si>
  <si>
    <t>5702329582216</t>
  </si>
  <si>
    <t>VELUX Plissee elektro FML S10 1274KWL</t>
  </si>
  <si>
    <t>FML S10 1275K</t>
  </si>
  <si>
    <t>5702329587839</t>
  </si>
  <si>
    <t>VELUX Plissee elektro FML S10 1275K</t>
  </si>
  <si>
    <t>FML S10 1275KWL</t>
  </si>
  <si>
    <t>5702329582247</t>
  </si>
  <si>
    <t>VELUX Plissee elektro FML S10 1275KWL</t>
  </si>
  <si>
    <t>FML S10 1276K</t>
  </si>
  <si>
    <t>5702329587853</t>
  </si>
  <si>
    <t>VELUX Plissee elektro FML S10 1276K</t>
  </si>
  <si>
    <t>FML S10 1276KWL</t>
  </si>
  <si>
    <t>5702329582278</t>
  </si>
  <si>
    <t>VELUX Plissee elektro FML S10 1276KWL</t>
  </si>
  <si>
    <t>FML S10 1277K</t>
  </si>
  <si>
    <t>5702329587877</t>
  </si>
  <si>
    <t>VELUX Plissee elektro FML S10 1277K</t>
  </si>
  <si>
    <t>FML S10 1277KWL</t>
  </si>
  <si>
    <t>5702329582308</t>
  </si>
  <si>
    <t>VELUX Plissee elektro FML S10 1277KWL</t>
  </si>
  <si>
    <t>FML S10 1278K</t>
  </si>
  <si>
    <t>5702329587891</t>
  </si>
  <si>
    <t>VELUX Plissee elektro FML S10 1278K</t>
  </si>
  <si>
    <t>FML S10 1278KWL</t>
  </si>
  <si>
    <t>5702329582322</t>
  </si>
  <si>
    <t>VELUX Plissee elektro FML S10 1278KWL</t>
  </si>
  <si>
    <t>FML S10 1279K</t>
  </si>
  <si>
    <t>5702329587914</t>
  </si>
  <si>
    <t>VELUX Plissee elektro FML S10 1279K</t>
  </si>
  <si>
    <t>FML S10 1279KWL</t>
  </si>
  <si>
    <t>5702329582353</t>
  </si>
  <si>
    <t>VELUX Plissee elektro FML S10 1279KWL</t>
  </si>
  <si>
    <t>FML S10 1280K</t>
  </si>
  <si>
    <t>5702329587938</t>
  </si>
  <si>
    <t>VELUX Plissee elektro FML S10 1280K</t>
  </si>
  <si>
    <t>FML S10 1280KWL</t>
  </si>
  <si>
    <t>5702329582384</t>
  </si>
  <si>
    <t>VELUX Plissee elektro FML S10 1280KWL</t>
  </si>
  <si>
    <t>FML S10 1281K</t>
  </si>
  <si>
    <t>5702329587952</t>
  </si>
  <si>
    <t>VELUX Plissee elektro FML S10 1281K</t>
  </si>
  <si>
    <t>FML S10 1281KWL</t>
  </si>
  <si>
    <t>5702329582414</t>
  </si>
  <si>
    <t>VELUX Plissee elektro FML S10 1281KWL</t>
  </si>
  <si>
    <t>FML S10 1282K</t>
  </si>
  <si>
    <t>5702329587976</t>
  </si>
  <si>
    <t>VELUX Plissee elektro FML S10 1282K</t>
  </si>
  <si>
    <t>FML S10 1282KWL</t>
  </si>
  <si>
    <t>5702329582445</t>
  </si>
  <si>
    <t>VELUX Plissee elektro FML S10 1282KWL</t>
  </si>
  <si>
    <t>FML S10 1283K</t>
  </si>
  <si>
    <t>5702329587990</t>
  </si>
  <si>
    <t>VELUX Plissee elektro FML S10 1283K</t>
  </si>
  <si>
    <t>FML S10 1283KWL</t>
  </si>
  <si>
    <t>5702329582469</t>
  </si>
  <si>
    <t>VELUX Plissee elektro FML S10 1283KWL</t>
  </si>
  <si>
    <t>FML S10 1284K</t>
  </si>
  <si>
    <t>5702329588010</t>
  </si>
  <si>
    <t>VELUX Plissee elektro FML S10 1284K</t>
  </si>
  <si>
    <t>FML S10 1284KWL</t>
  </si>
  <si>
    <t>5702329582490</t>
  </si>
  <si>
    <t>VELUX Plissee elektro FML S10 1284KWL</t>
  </si>
  <si>
    <t>FML S10 1285K</t>
  </si>
  <si>
    <t>5702329588034</t>
  </si>
  <si>
    <t>VELUX Plissee elektro FML S10 1285K</t>
  </si>
  <si>
    <t>FML S10 1285KWL</t>
  </si>
  <si>
    <t>5702329582520</t>
  </si>
  <si>
    <t>VELUX Plissee elektro FML S10 1285KWL</t>
  </si>
  <si>
    <t>FML S10 1286K</t>
  </si>
  <si>
    <t>5702329588058</t>
  </si>
  <si>
    <t>VELUX Plissee elektro FML S10 1286K</t>
  </si>
  <si>
    <t>FML S10 1286KWL</t>
  </si>
  <si>
    <t>5702329582551</t>
  </si>
  <si>
    <t>VELUX Plissee elektro FML S10 1286KWL</t>
  </si>
  <si>
    <t>FML SK06 1276K</t>
  </si>
  <si>
    <t>5702329588492</t>
  </si>
  <si>
    <t>VELUX Plissee elektro FML SK06 1276K</t>
  </si>
  <si>
    <t>FML SK06 1276KWL</t>
  </si>
  <si>
    <t>5702329583220</t>
  </si>
  <si>
    <t>VELUX Plissee elektro FML SK06 1276KWL</t>
  </si>
  <si>
    <t>FML SK06 1277KWL</t>
  </si>
  <si>
    <t>5702329583251</t>
  </si>
  <si>
    <t>VELUX Plissee elektro FML SK06 1277KWL</t>
  </si>
  <si>
    <t>FML SK06 1280KWL</t>
  </si>
  <si>
    <t>5702329583343</t>
  </si>
  <si>
    <t>VELUX Plissee elektro FML SK06 1280KWL</t>
  </si>
  <si>
    <t>FML SK06 1281KWL</t>
  </si>
  <si>
    <t>5702329583374</t>
  </si>
  <si>
    <t>VELUX Plissee elektro FML SK06 1281KWL</t>
  </si>
  <si>
    <t>FML SK06 1285K</t>
  </si>
  <si>
    <t>5702329588676</t>
  </si>
  <si>
    <t>VELUX Plissee elektro FML SK06 1285K</t>
  </si>
  <si>
    <t>FML SK08 1276K</t>
  </si>
  <si>
    <t>5702329588812</t>
  </si>
  <si>
    <t>VELUX Plissee elektro FML SK08 1276K</t>
  </si>
  <si>
    <t>FML SK08 1276KWL</t>
  </si>
  <si>
    <t>5702329583701</t>
  </si>
  <si>
    <t>VELUX Plissee elektro FML SK08 1276KWL</t>
  </si>
  <si>
    <t>FML SK08 1277K</t>
  </si>
  <si>
    <t>5702329588836</t>
  </si>
  <si>
    <t>VELUX Plissee elektro FML SK08 1277K</t>
  </si>
  <si>
    <t>FML SK08 1277KWL</t>
  </si>
  <si>
    <t>5702329583732</t>
  </si>
  <si>
    <t>VELUX Plissee elektro FML SK08 1277KWL</t>
  </si>
  <si>
    <t>FML SK08 1279K</t>
  </si>
  <si>
    <t>5702329588874</t>
  </si>
  <si>
    <t>VELUX Plissee elektro FML SK08 1279K</t>
  </si>
  <si>
    <t>FML SK08 1279KWL</t>
  </si>
  <si>
    <t>5702329583794</t>
  </si>
  <si>
    <t>VELUX Plissee elektro FML SK08 1279KWL</t>
  </si>
  <si>
    <t>FML SK08 1280K</t>
  </si>
  <si>
    <t>5702329588898</t>
  </si>
  <si>
    <t>VELUX Plissee elektro FML SK08 1280K</t>
  </si>
  <si>
    <t>FML SK08 1281K</t>
  </si>
  <si>
    <t>5702329588911</t>
  </si>
  <si>
    <t>VELUX Plissee elektro FML SK08 1281K</t>
  </si>
  <si>
    <t>FML SK08 1285K</t>
  </si>
  <si>
    <t>5702329588997</t>
  </si>
  <si>
    <t>VELUX Plissee elektro FML SK08 1285K</t>
  </si>
  <si>
    <t>FML SK10 1276K</t>
  </si>
  <si>
    <t>5702329589130</t>
  </si>
  <si>
    <t>VELUX Plissee elektro FML SK10 1276K</t>
  </si>
  <si>
    <t>FML SK10 1276KWL</t>
  </si>
  <si>
    <t>5702329584166</t>
  </si>
  <si>
    <t>VELUX Plissee elektro FML SK10 1276KWL</t>
  </si>
  <si>
    <t>FML SK10 1277K</t>
  </si>
  <si>
    <t>5702329589154</t>
  </si>
  <si>
    <t>VELUX Plissee elektro FML SK10 1277K</t>
  </si>
  <si>
    <t>FML SK10 1277KWL</t>
  </si>
  <si>
    <t>5702329584197</t>
  </si>
  <si>
    <t>VELUX Plissee elektro FML SK10 1277KWL</t>
  </si>
  <si>
    <t>FML SK10 1278K</t>
  </si>
  <si>
    <t>5702329589178</t>
  </si>
  <si>
    <t>VELUX Plissee elektro FML SK10 1278K</t>
  </si>
  <si>
    <t>FML SK10 1279K</t>
  </si>
  <si>
    <t>5702329589192</t>
  </si>
  <si>
    <t>VELUX Plissee elektro FML SK10 1279K</t>
  </si>
  <si>
    <t>FML SK10 1279KWL</t>
  </si>
  <si>
    <t>5702329584258</t>
  </si>
  <si>
    <t>VELUX Plissee elektro FML SK10 1279KWL</t>
  </si>
  <si>
    <t>FML SK10 1280K</t>
  </si>
  <si>
    <t>5702329589215</t>
  </si>
  <si>
    <t>VELUX Plissee elektro FML SK10 1280K</t>
  </si>
  <si>
    <t>FML SK10 1280KWL</t>
  </si>
  <si>
    <t>5702329584289</t>
  </si>
  <si>
    <t>VELUX Plissee elektro FML SK10 1280KWL</t>
  </si>
  <si>
    <t>FML SK10 1281K</t>
  </si>
  <si>
    <t>5702329589239</t>
  </si>
  <si>
    <t>VELUX Plissee elektro FML SK10 1281K</t>
  </si>
  <si>
    <t>FML SK10 1281KWL</t>
  </si>
  <si>
    <t>5702329584326</t>
  </si>
  <si>
    <t>VELUX Plissee elektro FML SK10 1281KWL</t>
  </si>
  <si>
    <t>FML SK10 1284KWL</t>
  </si>
  <si>
    <t>5702329584401</t>
  </si>
  <si>
    <t>VELUX Plissee elektro FML SK10 1284KWL</t>
  </si>
  <si>
    <t>FML SK10 1285K</t>
  </si>
  <si>
    <t>5702329589314</t>
  </si>
  <si>
    <t>VELUX Plissee elektro FML SK10 1285K</t>
  </si>
  <si>
    <t>FML SK10 1285KWL</t>
  </si>
  <si>
    <t>5702329584432</t>
  </si>
  <si>
    <t>VELUX Plissee elektro FML SK10 1285KWL</t>
  </si>
  <si>
    <t>FML SK10 1286K</t>
  </si>
  <si>
    <t>5702329589338</t>
  </si>
  <si>
    <t>VELUX Plissee elektro FML SK10 1286K</t>
  </si>
  <si>
    <t>FML SK10 1286KWL</t>
  </si>
  <si>
    <t>5702329584463</t>
  </si>
  <si>
    <t>VELUX Plissee elektro FML SK10 1286KWL</t>
  </si>
  <si>
    <t>FML U04 1256K</t>
  </si>
  <si>
    <t>5702329589376</t>
  </si>
  <si>
    <t>VELUX Plissee elektro FML U04 1256K</t>
  </si>
  <si>
    <t>FML U04 1256KWL</t>
  </si>
  <si>
    <t>5702329584524</t>
  </si>
  <si>
    <t>VELUX Plissee elektro FML U04 1256KWL</t>
  </si>
  <si>
    <t>FML U04 1259KWL</t>
  </si>
  <si>
    <t>5702329584555</t>
  </si>
  <si>
    <t>VELUX Plissee elektro FML U04 1259KWL</t>
  </si>
  <si>
    <t>FML U04 1274K</t>
  </si>
  <si>
    <t>5702329589413</t>
  </si>
  <si>
    <t>VELUX Plissee elektro FML U04 1274K</t>
  </si>
  <si>
    <t>FML U04 1274KWL</t>
  </si>
  <si>
    <t>5702329584586</t>
  </si>
  <si>
    <t>VELUX Plissee elektro FML U04 1274KWL</t>
  </si>
  <si>
    <t>FML U04 1276K</t>
  </si>
  <si>
    <t>5702329589451</t>
  </si>
  <si>
    <t>VELUX Plissee elektro FML U04 1276K</t>
  </si>
  <si>
    <t>FML U04 1276KWL</t>
  </si>
  <si>
    <t>5702329584647</t>
  </si>
  <si>
    <t>VELUX Plissee elektro FML U04 1276KWL</t>
  </si>
  <si>
    <t>FML U04 1277K</t>
  </si>
  <si>
    <t>5702329589475</t>
  </si>
  <si>
    <t>VELUX Plissee elektro FML U04 1277K</t>
  </si>
  <si>
    <t>FML U04 1277KWL</t>
  </si>
  <si>
    <t>5702329584678</t>
  </si>
  <si>
    <t>VELUX Plissee elektro FML U04 1277KWL</t>
  </si>
  <si>
    <t>FML U04 1278K</t>
  </si>
  <si>
    <t>5702329589499</t>
  </si>
  <si>
    <t>VELUX Plissee elektro FML U04 1278K</t>
  </si>
  <si>
    <t>FML U04 1278KWL</t>
  </si>
  <si>
    <t>5702329584708</t>
  </si>
  <si>
    <t>VELUX Plissee elektro FML U04 1278KWL</t>
  </si>
  <si>
    <t>FML U04 1279K</t>
  </si>
  <si>
    <t>5702329589512</t>
  </si>
  <si>
    <t>VELUX Plissee elektro FML U04 1279K</t>
  </si>
  <si>
    <t>FML U04 1279KWL</t>
  </si>
  <si>
    <t>5702329584746</t>
  </si>
  <si>
    <t>VELUX Plissee elektro FML U04 1279KWL</t>
  </si>
  <si>
    <t>FML U04 1280K</t>
  </si>
  <si>
    <t>5702329589536</t>
  </si>
  <si>
    <t>VELUX Plissee elektro FML U04 1280K</t>
  </si>
  <si>
    <t>FML U04 1280KWL</t>
  </si>
  <si>
    <t>5702329584777</t>
  </si>
  <si>
    <t>VELUX Plissee elektro FML U04 1280KWL</t>
  </si>
  <si>
    <t>FML U04 1281K</t>
  </si>
  <si>
    <t>5702329589550</t>
  </si>
  <si>
    <t>VELUX Plissee elektro FML U04 1281K</t>
  </si>
  <si>
    <t>FML U04 1281KWL</t>
  </si>
  <si>
    <t>5702329584807</t>
  </si>
  <si>
    <t>VELUX Plissee elektro FML U04 1281KWL</t>
  </si>
  <si>
    <t>FML U04 1282K</t>
  </si>
  <si>
    <t>5702329589574</t>
  </si>
  <si>
    <t>VELUX Plissee elektro FML U04 1282K</t>
  </si>
  <si>
    <t>FML U04 1282KWL</t>
  </si>
  <si>
    <t>5702329584838</t>
  </si>
  <si>
    <t>VELUX Plissee elektro FML U04 1282KWL</t>
  </si>
  <si>
    <t>FML U04 1283K</t>
  </si>
  <si>
    <t>5702329589598</t>
  </si>
  <si>
    <t>VELUX Plissee elektro FML U04 1283K</t>
  </si>
  <si>
    <t>FML U04 1283KWL</t>
  </si>
  <si>
    <t>5702329584869</t>
  </si>
  <si>
    <t>VELUX Plissee elektro FML U04 1283KWL</t>
  </si>
  <si>
    <t>FML U04 1284K</t>
  </si>
  <si>
    <t>5702329589611</t>
  </si>
  <si>
    <t>VELUX Plissee elektro FML U04 1284K</t>
  </si>
  <si>
    <t>FML U04 1284KWL</t>
  </si>
  <si>
    <t>5702329584890</t>
  </si>
  <si>
    <t>VELUX Plissee elektro FML U04 1284KWL</t>
  </si>
  <si>
    <t>FML U04 1285K</t>
  </si>
  <si>
    <t>5702329589635</t>
  </si>
  <si>
    <t>VELUX Plissee elektro FML U04 1285K</t>
  </si>
  <si>
    <t>FML U04 1285KWL</t>
  </si>
  <si>
    <t>5702329584920</t>
  </si>
  <si>
    <t>VELUX Plissee elektro FML U04 1285KWL</t>
  </si>
  <si>
    <t>FML U04 1286KWL</t>
  </si>
  <si>
    <t>5702329584951</t>
  </si>
  <si>
    <t>VELUX Plissee elektro FML U04 1286KWL</t>
  </si>
  <si>
    <t>FML U08 1256K</t>
  </si>
  <si>
    <t>5702329589697</t>
  </si>
  <si>
    <t>VELUX Plissee elektro FML U08 1256K</t>
  </si>
  <si>
    <t>FML U08 1256KWL</t>
  </si>
  <si>
    <t>5702329585033</t>
  </si>
  <si>
    <t>VELUX Plissee elektro FML U08 1256KWL</t>
  </si>
  <si>
    <t>FML U08 1259KWL</t>
  </si>
  <si>
    <t>5702329585064</t>
  </si>
  <si>
    <t>VELUX Plissee elektro FML U08 1259KWL</t>
  </si>
  <si>
    <t>FML U08 1274K</t>
  </si>
  <si>
    <t>5702329589734</t>
  </si>
  <si>
    <t>VELUX Plissee elektro FML U08 1274K</t>
  </si>
  <si>
    <t>FML U08 1275KWL</t>
  </si>
  <si>
    <t>5702329585125</t>
  </si>
  <si>
    <t>VELUX Plissee elektro FML U08 1275KWL</t>
  </si>
  <si>
    <t>FML U08 1276K</t>
  </si>
  <si>
    <t>5702329589772</t>
  </si>
  <si>
    <t>VELUX Plissee elektro FML U08 1276K</t>
  </si>
  <si>
    <t>FML U08 1276KWL</t>
  </si>
  <si>
    <t>5702329585156</t>
  </si>
  <si>
    <t>VELUX Plissee elektro FML U08 1276KWL</t>
  </si>
  <si>
    <t>FML U08 1277K</t>
  </si>
  <si>
    <t>5702329589796</t>
  </si>
  <si>
    <t>VELUX Plissee elektro FML U08 1277K</t>
  </si>
  <si>
    <t>FML U08 1277KWL</t>
  </si>
  <si>
    <t>5702329585187</t>
  </si>
  <si>
    <t>VELUX Plissee elektro FML U08 1277KWL</t>
  </si>
  <si>
    <t>FML U08 1278KWL</t>
  </si>
  <si>
    <t>5702329585217</t>
  </si>
  <si>
    <t>VELUX Plissee elektro FML U08 1278KWL</t>
  </si>
  <si>
    <t>FML U08 1279K</t>
  </si>
  <si>
    <t>5702329589833</t>
  </si>
  <si>
    <t>VELUX Plissee elektro FML U08 1279K</t>
  </si>
  <si>
    <t>FML U08 1279KWL</t>
  </si>
  <si>
    <t>5702329585248</t>
  </si>
  <si>
    <t>VELUX Plissee elektro FML U08 1279KWL</t>
  </si>
  <si>
    <t>FML U08 1280K</t>
  </si>
  <si>
    <t>5702329589857</t>
  </si>
  <si>
    <t>VELUX Plissee elektro FML U08 1280K</t>
  </si>
  <si>
    <t>FML U08 1280KWL</t>
  </si>
  <si>
    <t>5702329585279</t>
  </si>
  <si>
    <t>VELUX Plissee elektro FML U08 1280KWL</t>
  </si>
  <si>
    <t>FML U08 1281KWL</t>
  </si>
  <si>
    <t>5702329585309</t>
  </si>
  <si>
    <t>VELUX Plissee elektro FML U08 1281KWL</t>
  </si>
  <si>
    <t>FML U08 1282K</t>
  </si>
  <si>
    <t>5702329589895</t>
  </si>
  <si>
    <t>VELUX Plissee elektro FML U08 1282K</t>
  </si>
  <si>
    <t>FML U08 1282KWL</t>
  </si>
  <si>
    <t>5702329585330</t>
  </si>
  <si>
    <t>VELUX Plissee elektro FML U08 1282KWL</t>
  </si>
  <si>
    <t>FML U08 1283KWL</t>
  </si>
  <si>
    <t>5702329585361</t>
  </si>
  <si>
    <t>VELUX Plissee elektro FML U08 1283KWL</t>
  </si>
  <si>
    <t>FML U08 1285K</t>
  </si>
  <si>
    <t>5702329589956</t>
  </si>
  <si>
    <t>VELUX Plissee elektro FML U08 1285K</t>
  </si>
  <si>
    <t>FML U08 1285KWL</t>
  </si>
  <si>
    <t>5702329585422</t>
  </si>
  <si>
    <t>VELUX Plissee elektro FML U08 1285KWL</t>
  </si>
  <si>
    <t>FML U08 1286KWL</t>
  </si>
  <si>
    <t>5702329585460</t>
  </si>
  <si>
    <t>VELUX Plissee elektro FML U08 1286KWL</t>
  </si>
  <si>
    <t>FML U10 1016KWL</t>
  </si>
  <si>
    <t>5702329585491</t>
  </si>
  <si>
    <t>VELUX Plissee elektro FML U10 1016KWL</t>
  </si>
  <si>
    <t>FML U10 1256K</t>
  </si>
  <si>
    <t>5702329590013</t>
  </si>
  <si>
    <t>VELUX Plissee elektro FML U10 1256K</t>
  </si>
  <si>
    <t>FML U10 1256KWL</t>
  </si>
  <si>
    <t>5702329585521</t>
  </si>
  <si>
    <t>VELUX Plissee elektro FML U10 1256KWL</t>
  </si>
  <si>
    <t>FML U10 1259K</t>
  </si>
  <si>
    <t>5702329590037</t>
  </si>
  <si>
    <t>VELUX Plissee elektro FML U10 1259K</t>
  </si>
  <si>
    <t>FML U10 1259KWL</t>
  </si>
  <si>
    <t>5702329585552</t>
  </si>
  <si>
    <t>VELUX Plissee elektro FML U10 1259KWL</t>
  </si>
  <si>
    <t>FML U10 1274K</t>
  </si>
  <si>
    <t>5702329590051</t>
  </si>
  <si>
    <t>VELUX Plissee elektro FML U10 1274K</t>
  </si>
  <si>
    <t>FML U10 1274KWL</t>
  </si>
  <si>
    <t>5702329585583</t>
  </si>
  <si>
    <t>VELUX Plissee elektro FML U10 1274KWL</t>
  </si>
  <si>
    <t>FML U10 1275K</t>
  </si>
  <si>
    <t>5702329590075</t>
  </si>
  <si>
    <t>VELUX Plissee elektro FML U10 1275K</t>
  </si>
  <si>
    <t>FML U10 1275KWL</t>
  </si>
  <si>
    <t>5702329585613</t>
  </si>
  <si>
    <t>VELUX Plissee elektro FML U10 1275KWL</t>
  </si>
  <si>
    <t>FML U10 1276K</t>
  </si>
  <si>
    <t>5702329590099</t>
  </si>
  <si>
    <t>VELUX Plissee elektro FML U10 1276K</t>
  </si>
  <si>
    <t>FML U10 1276KWL</t>
  </si>
  <si>
    <t>5702329585644</t>
  </si>
  <si>
    <t>VELUX Plissee elektro FML U10 1276KWL</t>
  </si>
  <si>
    <t>FML U10 1277K</t>
  </si>
  <si>
    <t>5702329590112</t>
  </si>
  <si>
    <t>VELUX Plissee elektro FML U10 1277K</t>
  </si>
  <si>
    <t>FML U10 1277KWL</t>
  </si>
  <si>
    <t>5702329585668</t>
  </si>
  <si>
    <t>VELUX Plissee elektro FML U10 1277KWL</t>
  </si>
  <si>
    <t>FML U10 1278KWL</t>
  </si>
  <si>
    <t>5702329585699</t>
  </si>
  <si>
    <t>VELUX Plissee elektro FML U10 1278KWL</t>
  </si>
  <si>
    <t>FML U10 1279K</t>
  </si>
  <si>
    <t>5702329590150</t>
  </si>
  <si>
    <t>VELUX Plissee elektro FML U10 1279K</t>
  </si>
  <si>
    <t>FML U10 1279KWL</t>
  </si>
  <si>
    <t>5702329585729</t>
  </si>
  <si>
    <t>VELUX Plissee elektro FML U10 1279KWL</t>
  </si>
  <si>
    <t>FML U10 1280K</t>
  </si>
  <si>
    <t>5702329590174</t>
  </si>
  <si>
    <t>VELUX Plissee elektro FML U10 1280K</t>
  </si>
  <si>
    <t>FML U10 1280KWL</t>
  </si>
  <si>
    <t>5702329585767</t>
  </si>
  <si>
    <t>VELUX Plissee elektro FML U10 1280KWL</t>
  </si>
  <si>
    <t>FML U10 1281K</t>
  </si>
  <si>
    <t>5702329590198</t>
  </si>
  <si>
    <t>VELUX Plissee elektro FML U10 1281K</t>
  </si>
  <si>
    <t>FML U10 1281KWL</t>
  </si>
  <si>
    <t>5702329585798</t>
  </si>
  <si>
    <t>VELUX Plissee elektro FML U10 1281KWL</t>
  </si>
  <si>
    <t>FML U10 1282KWL</t>
  </si>
  <si>
    <t>5702329585828</t>
  </si>
  <si>
    <t>VELUX Plissee elektro FML U10 1282KWL</t>
  </si>
  <si>
    <t>FML U10 1283KWL</t>
  </si>
  <si>
    <t>5702329585859</t>
  </si>
  <si>
    <t>VELUX Plissee elektro FML U10 1283KWL</t>
  </si>
  <si>
    <t>FML U10 1284K</t>
  </si>
  <si>
    <t>5702329590242</t>
  </si>
  <si>
    <t>VELUX Plissee elektro FML U10 1284K</t>
  </si>
  <si>
    <t>FML U10 1284KWL</t>
  </si>
  <si>
    <t>5702329585873</t>
  </si>
  <si>
    <t>VELUX Plissee elektro FML U10 1284KWL</t>
  </si>
  <si>
    <t>FML U10 1285K</t>
  </si>
  <si>
    <t>5702329590266</t>
  </si>
  <si>
    <t>VELUX Plissee elektro FML U10 1285K</t>
  </si>
  <si>
    <t>FML U10 1285KWL</t>
  </si>
  <si>
    <t>5702329585903</t>
  </si>
  <si>
    <t>VELUX Plissee elektro FML U10 1285KWL</t>
  </si>
  <si>
    <t>FML U10 1286K</t>
  </si>
  <si>
    <t>5702329590280</t>
  </si>
  <si>
    <t>VELUX Plissee elektro FML U10 1286K</t>
  </si>
  <si>
    <t>FML U10 1286KWL</t>
  </si>
  <si>
    <t>5702329585934</t>
  </si>
  <si>
    <t>VELUX Plissee elektro FML U10 1286KWL</t>
  </si>
  <si>
    <t>FML UK04 1276K</t>
  </si>
  <si>
    <t>5702329590402</t>
  </si>
  <si>
    <t>VELUX Plissee elektro FML UK04 1276K</t>
  </si>
  <si>
    <t>FML UK04 1276KWL</t>
  </si>
  <si>
    <t>5702329586115</t>
  </si>
  <si>
    <t>VELUX Plissee elektro FML UK04 1276KWL</t>
  </si>
  <si>
    <t>FML UK04 1277KWL</t>
  </si>
  <si>
    <t>5702329586146</t>
  </si>
  <si>
    <t>VELUX Plissee elektro FML UK04 1277KWL</t>
  </si>
  <si>
    <t>FML UK04 1280K</t>
  </si>
  <si>
    <t>5702329590488</t>
  </si>
  <si>
    <t>VELUX Plissee elektro FML UK04 1280K</t>
  </si>
  <si>
    <t>FML UK04 1280KWL</t>
  </si>
  <si>
    <t>5702329586238</t>
  </si>
  <si>
    <t>VELUX Plissee elektro FML UK04 1280KWL</t>
  </si>
  <si>
    <t>FML UK04 1281K</t>
  </si>
  <si>
    <t>5702329590501</t>
  </si>
  <si>
    <t>VELUX Plissee elektro FML UK04 1281K</t>
  </si>
  <si>
    <t>FML UK04 1285K</t>
  </si>
  <si>
    <t>5702329590587</t>
  </si>
  <si>
    <t>VELUX Plissee elektro FML UK04 1285K</t>
  </si>
  <si>
    <t>FML UK08 1276K</t>
  </si>
  <si>
    <t>5702329590723</t>
  </si>
  <si>
    <t>VELUX Plissee elektro FML UK08 1276K</t>
  </si>
  <si>
    <t>FML UK08 1279K</t>
  </si>
  <si>
    <t>5702329590785</t>
  </si>
  <si>
    <t>VELUX Plissee elektro FML UK08 1279K</t>
  </si>
  <si>
    <t>FML UK08 1279KWL</t>
  </si>
  <si>
    <t>5702329586672</t>
  </si>
  <si>
    <t>VELUX Plissee elektro FML UK08 1279KWL</t>
  </si>
  <si>
    <t>FML UK08 1280K</t>
  </si>
  <si>
    <t>5702329590808</t>
  </si>
  <si>
    <t>VELUX Plissee elektro FML UK08 1280K</t>
  </si>
  <si>
    <t>FML UK08 1280KWL</t>
  </si>
  <si>
    <t>5702329586702</t>
  </si>
  <si>
    <t>VELUX Plissee elektro FML UK08 1280KWL</t>
  </si>
  <si>
    <t>FML UK08 1281K</t>
  </si>
  <si>
    <t>5702329590822</t>
  </si>
  <si>
    <t>VELUX Plissee elektro FML UK08 1281K</t>
  </si>
  <si>
    <t>FML UK08 1285K</t>
  </si>
  <si>
    <t>5702329590907</t>
  </si>
  <si>
    <t>VELUX Plissee elektro FML UK08 1285K</t>
  </si>
  <si>
    <t>FML UK08 1285KWL</t>
  </si>
  <si>
    <t>5702329586849</t>
  </si>
  <si>
    <t>VELUX Plissee elektro FML UK08 1285KWL</t>
  </si>
  <si>
    <t>FML UK10 1256K</t>
  </si>
  <si>
    <t>5702329590969</t>
  </si>
  <si>
    <t>VELUX Plissee elektro FML UK10 1256K</t>
  </si>
  <si>
    <t>FML UK10 1275K</t>
  </si>
  <si>
    <t>5702329591027</t>
  </si>
  <si>
    <t>VELUX Plissee elektro FML UK10 1275K</t>
  </si>
  <si>
    <t>FML UK10 1276K</t>
  </si>
  <si>
    <t>5702329591041</t>
  </si>
  <si>
    <t>VELUX Plissee elektro FML UK10 1276K</t>
  </si>
  <si>
    <t>FML UK10 1276KWL</t>
  </si>
  <si>
    <t>5702329587051</t>
  </si>
  <si>
    <t>VELUX Plissee elektro FML UK10 1276KWL</t>
  </si>
  <si>
    <t>FML UK10 1277K</t>
  </si>
  <si>
    <t>5702329591065</t>
  </si>
  <si>
    <t>VELUX Plissee elektro FML UK10 1277K</t>
  </si>
  <si>
    <t>FML UK10 1278K</t>
  </si>
  <si>
    <t>5702329591089</t>
  </si>
  <si>
    <t>VELUX Plissee elektro FML UK10 1278K</t>
  </si>
  <si>
    <t>FML UK10 1279K</t>
  </si>
  <si>
    <t>5702329591102</t>
  </si>
  <si>
    <t>VELUX Plissee elektro FML UK10 1279K</t>
  </si>
  <si>
    <t>FML UK10 1279KWL</t>
  </si>
  <si>
    <t>5702329587136</t>
  </si>
  <si>
    <t>VELUX Plissee elektro FML UK10 1279KWL</t>
  </si>
  <si>
    <t>FML UK10 1280K</t>
  </si>
  <si>
    <t>5702329591126</t>
  </si>
  <si>
    <t>VELUX Plissee elektro FML UK10 1280K</t>
  </si>
  <si>
    <t>FML UK10 1280KWL</t>
  </si>
  <si>
    <t>5702329587167</t>
  </si>
  <si>
    <t>VELUX Plissee elektro FML UK10 1280KWL</t>
  </si>
  <si>
    <t>FML UK10 1281K</t>
  </si>
  <si>
    <t>5702329591140</t>
  </si>
  <si>
    <t>VELUX Plissee elektro FML UK10 1281K</t>
  </si>
  <si>
    <t>FML UK10 1284K</t>
  </si>
  <si>
    <t>5702329591201</t>
  </si>
  <si>
    <t>VELUX Plissee elektro FML UK10 1284K</t>
  </si>
  <si>
    <t>FML UK10 1285K</t>
  </si>
  <si>
    <t>5702329591225</t>
  </si>
  <si>
    <t>VELUX Plissee elektro FML UK10 1285K</t>
  </si>
  <si>
    <t>FML UK10 1285KWL</t>
  </si>
  <si>
    <t>5702329587310</t>
  </si>
  <si>
    <t>VELUX Plissee elektro FML UK10 1285KWL</t>
  </si>
  <si>
    <t>FML UK10 1286KWL</t>
  </si>
  <si>
    <t>5702329587341</t>
  </si>
  <si>
    <t>VELUX Plissee elektro FML UK10 1286KWL</t>
  </si>
  <si>
    <t>FSC C02 1049K</t>
  </si>
  <si>
    <t>5702329551182</t>
  </si>
  <si>
    <t>VELUX Wabenpl. Sol. FSC C02 1049K</t>
  </si>
  <si>
    <t>FSC C02 1049KWL</t>
  </si>
  <si>
    <t>5702329560627</t>
  </si>
  <si>
    <t>VELUX Wabenpl. Sol. FSC C02 1049KWL</t>
  </si>
  <si>
    <t>FSC C02 1156KWL</t>
  </si>
  <si>
    <t>5702329560641</t>
  </si>
  <si>
    <t>VELUX Wabenpl. Sol. FSC C02 1156KWL</t>
  </si>
  <si>
    <t>FSC C02 1164KWL</t>
  </si>
  <si>
    <t>5702329560665</t>
  </si>
  <si>
    <t>VELUX Wabenpl. Sol. FSC C02 1164KWL</t>
  </si>
  <si>
    <t>FSC C02 1165K</t>
  </si>
  <si>
    <t>5702329551236</t>
  </si>
  <si>
    <t>VELUX Wabenpl. Sol. FSC C02 1165K</t>
  </si>
  <si>
    <t>FSC C02 1165KWL</t>
  </si>
  <si>
    <t>5702329560672</t>
  </si>
  <si>
    <t>VELUX Wabenpl. Sol. FSC C02 1165KWL</t>
  </si>
  <si>
    <t>FSC C02 1167KWL</t>
  </si>
  <si>
    <t>5702329560696</t>
  </si>
  <si>
    <t>VELUX Wabenpl. Sol. FSC C02 1167KWL</t>
  </si>
  <si>
    <t>FSC C02 1169KWL</t>
  </si>
  <si>
    <t>5702329560719</t>
  </si>
  <si>
    <t>VELUX Wabenpl. Sol. FSC C02 1169KWL</t>
  </si>
  <si>
    <t>FSC C02 1173K</t>
  </si>
  <si>
    <t>5702329551311</t>
  </si>
  <si>
    <t>VELUX Wabenpl. Sol. FSC C02 1173K</t>
  </si>
  <si>
    <t>FSC C04 1049KWL</t>
  </si>
  <si>
    <t>5702329560788</t>
  </si>
  <si>
    <t>VELUX Wabenpl. Sol. FSC C04 1049KWL</t>
  </si>
  <si>
    <t>FSC C04 1167KWL</t>
  </si>
  <si>
    <t>5702329560856</t>
  </si>
  <si>
    <t>VELUX Wabenpl. Sol. FSC C04 1167KWL</t>
  </si>
  <si>
    <t>FSC C04 1170K</t>
  </si>
  <si>
    <t>5702329551441</t>
  </si>
  <si>
    <t>VELUX Wabenpl. Sol. FSC C04 1170K</t>
  </si>
  <si>
    <t>FSC C06 1045K</t>
  </si>
  <si>
    <t>5702329551489</t>
  </si>
  <si>
    <t>VELUX Wabenpl. Sol. FSC C06 1045K</t>
  </si>
  <si>
    <t>FSC C06 1047K</t>
  </si>
  <si>
    <t>5702329551496</t>
  </si>
  <si>
    <t>VELUX Wabenpl. Sol. FSC C06 1047K</t>
  </si>
  <si>
    <t>FSC C06 1049K</t>
  </si>
  <si>
    <t>5702329551502</t>
  </si>
  <si>
    <t>VELUX Wabenpl. Sol. FSC C06 1049K</t>
  </si>
  <si>
    <t>FSC C06 1049KWL</t>
  </si>
  <si>
    <t>5702329560948</t>
  </si>
  <si>
    <t>VELUX Wabenpl. Sol. FSC C06 1049KWL</t>
  </si>
  <si>
    <t>FSC C06 1155K</t>
  </si>
  <si>
    <t>5702329551519</t>
  </si>
  <si>
    <t>VELUX Wabenpl. Sol. FSC C06 1155K</t>
  </si>
  <si>
    <t>FSC C06 1163K</t>
  </si>
  <si>
    <t>5702329551533</t>
  </si>
  <si>
    <t>VELUX Wabenpl. Sol. FSC C06 1163K</t>
  </si>
  <si>
    <t>FSC C06 1163KWL</t>
  </si>
  <si>
    <t>5702329560979</t>
  </si>
  <si>
    <t>VELUX Wabenpl. Sol. FSC C06 1163KWL</t>
  </si>
  <si>
    <t>FSC C06 1164K</t>
  </si>
  <si>
    <t>5702329551540</t>
  </si>
  <si>
    <t>VELUX Wabenpl. Sol. FSC C06 1164K</t>
  </si>
  <si>
    <t>FSC C06 1164KWL</t>
  </si>
  <si>
    <t>5702329560986</t>
  </si>
  <si>
    <t>VELUX Wabenpl. Sol. FSC C06 1164KWL</t>
  </si>
  <si>
    <t>FSC C06 1165K</t>
  </si>
  <si>
    <t>5702329551557</t>
  </si>
  <si>
    <t>VELUX Wabenpl. Sol. FSC C06 1165K</t>
  </si>
  <si>
    <t>FSC C06 1165KWL</t>
  </si>
  <si>
    <t>5702329560993</t>
  </si>
  <si>
    <t>VELUX Wabenpl. Sol. FSC C06 1165KWL</t>
  </si>
  <si>
    <t>FSC C06 1167K</t>
  </si>
  <si>
    <t>5702329551571</t>
  </si>
  <si>
    <t>VELUX Wabenpl. Sol. FSC C06 1167K</t>
  </si>
  <si>
    <t>FSC C06 1167KWL</t>
  </si>
  <si>
    <t>5702329561013</t>
  </si>
  <si>
    <t>VELUX Wabenpl. Sol. FSC C06 1167KWL</t>
  </si>
  <si>
    <t>FSC C06 1168K</t>
  </si>
  <si>
    <t>5702329551588</t>
  </si>
  <si>
    <t>VELUX Wabenpl. Sol. FSC C06 1168K</t>
  </si>
  <si>
    <t>FSC C06 1169K</t>
  </si>
  <si>
    <t>5702329551595</t>
  </si>
  <si>
    <t>VELUX Wabenpl. Sol. FSC C06 1169K</t>
  </si>
  <si>
    <t>FSC C06 1169KWL</t>
  </si>
  <si>
    <t>5702329561037</t>
  </si>
  <si>
    <t>VELUX Wabenpl. Sol. FSC C06 1169KWL</t>
  </si>
  <si>
    <t>FSC C06 1170K</t>
  </si>
  <si>
    <t>5702329551601</t>
  </si>
  <si>
    <t>VELUX Wabenpl. Sol. FSC C06 1170K</t>
  </si>
  <si>
    <t>FSC C06 1170KWL</t>
  </si>
  <si>
    <t>5702329561044</t>
  </si>
  <si>
    <t>VELUX Wabenpl. Sol. FSC C06 1170KWL</t>
  </si>
  <si>
    <t>FSC C06 1171K</t>
  </si>
  <si>
    <t>5702329551618</t>
  </si>
  <si>
    <t>VELUX Wabenpl. Sol. FSC C06 1171K</t>
  </si>
  <si>
    <t>FSC C06 1171KWL</t>
  </si>
  <si>
    <t>5702329561051</t>
  </si>
  <si>
    <t>VELUX Wabenpl. Sol. FSC C06 1171KWL</t>
  </si>
  <si>
    <t>FSC C06 1172K</t>
  </si>
  <si>
    <t>5702329551625</t>
  </si>
  <si>
    <t>VELUX Wabenpl. Sol. FSC C06 1172K</t>
  </si>
  <si>
    <t>FSC C06 1173K</t>
  </si>
  <si>
    <t>5702329551632</t>
  </si>
  <si>
    <t>VELUX Wabenpl. Sol. FSC C06 1173K</t>
  </si>
  <si>
    <t>FSC C06 1173KWL</t>
  </si>
  <si>
    <t>5702329561075</t>
  </si>
  <si>
    <t>VELUX Wabenpl. Sol. FSC C06 1173KWL</t>
  </si>
  <si>
    <t>FSC CK02 1049K</t>
  </si>
  <si>
    <t>5702329551823</t>
  </si>
  <si>
    <t>VELUX Wabenpl. Sol. FSC CK02 1049K</t>
  </si>
  <si>
    <t>FSC CK02 1049KWL</t>
  </si>
  <si>
    <t>5702329561266</t>
  </si>
  <si>
    <t>VELUX Wabenpl. Sol. FSC CK02 1049KWL</t>
  </si>
  <si>
    <t>FSC CK02 1168K</t>
  </si>
  <si>
    <t>5702329551908</t>
  </si>
  <si>
    <t>VELUX Wabenpl. Sol. FSC CK02 1168K</t>
  </si>
  <si>
    <t>FSC CK02 1169K</t>
  </si>
  <si>
    <t>5702329551915</t>
  </si>
  <si>
    <t>VELUX Wabenpl. Sol. FSC CK02 1169K</t>
  </si>
  <si>
    <t>FSC CK02 1171K</t>
  </si>
  <si>
    <t>5702329551939</t>
  </si>
  <si>
    <t>VELUX Wabenpl. Sol. FSC CK02 1171K</t>
  </si>
  <si>
    <t>FSC CK04 1165K</t>
  </si>
  <si>
    <t>5702329552035</t>
  </si>
  <si>
    <t>VELUX Wabenpl. Sol. FSC CK04 1165K</t>
  </si>
  <si>
    <t>FSC CK06 1049K</t>
  </si>
  <si>
    <t>5702329552141</t>
  </si>
  <si>
    <t>VELUX Wabenpl. Sol. FSC CK06 1049K</t>
  </si>
  <si>
    <t>FSC CK06 1049KWL</t>
  </si>
  <si>
    <t>5702329561587</t>
  </si>
  <si>
    <t>VELUX Wabenpl. Sol. FSC CK06 1049KWL</t>
  </si>
  <si>
    <t>FSC CK06 1156K</t>
  </si>
  <si>
    <t>5702329552165</t>
  </si>
  <si>
    <t>VELUX Wabenpl. Sol. FSC CK06 1156K</t>
  </si>
  <si>
    <t>FSC CK06 1164K</t>
  </si>
  <si>
    <t>5702329552189</t>
  </si>
  <si>
    <t>VELUX Wabenpl. Sol. FSC CK06 1164K</t>
  </si>
  <si>
    <t>FSC CK06 1165K</t>
  </si>
  <si>
    <t>5702329552196</t>
  </si>
  <si>
    <t>VELUX Wabenpl. Sol. FSC CK06 1165K</t>
  </si>
  <si>
    <t>FSC CK06 1167K</t>
  </si>
  <si>
    <t>5702329552219</t>
  </si>
  <si>
    <t>VELUX Wabenpl. Sol. FSC CK06 1167K</t>
  </si>
  <si>
    <t>FSC CK06 1167KWL</t>
  </si>
  <si>
    <t>5702329561655</t>
  </si>
  <si>
    <t>VELUX Wabenpl. Sol. FSC CK06 1167KWL</t>
  </si>
  <si>
    <t>FSC CK06 1168K</t>
  </si>
  <si>
    <t>5702329552226</t>
  </si>
  <si>
    <t>VELUX Wabenpl. Sol. FSC CK06 1168K</t>
  </si>
  <si>
    <t>FSC CK06 1169K</t>
  </si>
  <si>
    <t>5702329552233</t>
  </si>
  <si>
    <t>VELUX Wabenpl. Sol. FSC CK06 1169K</t>
  </si>
  <si>
    <t>FSC CK06 1170K</t>
  </si>
  <si>
    <t>5702329552240</t>
  </si>
  <si>
    <t>VELUX Wabenpl. Sol. FSC CK06 1170K</t>
  </si>
  <si>
    <t>FSC CK06 1173KWL</t>
  </si>
  <si>
    <t>5702329561716</t>
  </si>
  <si>
    <t>VELUX Wabenpl. Sol. FSC CK06 1173KWL</t>
  </si>
  <si>
    <t>FSC F04 1047K</t>
  </si>
  <si>
    <t>5702329552295</t>
  </si>
  <si>
    <t>VELUX Wabenpl. Sol. FSC F04 1047K</t>
  </si>
  <si>
    <t>FSC F04 1049K</t>
  </si>
  <si>
    <t>5702329552301</t>
  </si>
  <si>
    <t>VELUX Wabenpl. Sol. FSC F04 1049K</t>
  </si>
  <si>
    <t>FSC F04 1049KWL</t>
  </si>
  <si>
    <t>5702329561747</t>
  </si>
  <si>
    <t>VELUX Wabenpl. Sol. FSC F04 1049KWL</t>
  </si>
  <si>
    <t>FSC F04 1156K</t>
  </si>
  <si>
    <t>5702329552325</t>
  </si>
  <si>
    <t>VELUX Wabenpl. Sol. FSC F04 1156K</t>
  </si>
  <si>
    <t>FSC F04 1156KWL</t>
  </si>
  <si>
    <t>5702329561761</t>
  </si>
  <si>
    <t>VELUX Wabenpl. Sol. FSC F04 1156KWL</t>
  </si>
  <si>
    <t>FSC F04 1163K</t>
  </si>
  <si>
    <t>5702329552332</t>
  </si>
  <si>
    <t>VELUX Wabenpl. Sol. FSC F04 1163K</t>
  </si>
  <si>
    <t>FSC F04 1163KWL</t>
  </si>
  <si>
    <t>5702329561778</t>
  </si>
  <si>
    <t>VELUX Wabenpl. Sol. FSC F04 1163KWL</t>
  </si>
  <si>
    <t>FSC F04 1164K</t>
  </si>
  <si>
    <t>5702329552349</t>
  </si>
  <si>
    <t>VELUX Wabenpl. Sol. FSC F04 1164K</t>
  </si>
  <si>
    <t>FSC F04 1164KWL</t>
  </si>
  <si>
    <t>5702329561785</t>
  </si>
  <si>
    <t>VELUX Wabenpl. Sol. FSC F04 1164KWL</t>
  </si>
  <si>
    <t>FSC F04 1165K</t>
  </si>
  <si>
    <t>5702329552356</t>
  </si>
  <si>
    <t>VELUX Wabenpl. Sol. FSC F04 1165K</t>
  </si>
  <si>
    <t>FSC F04 1165KWL</t>
  </si>
  <si>
    <t>5702329561792</t>
  </si>
  <si>
    <t>VELUX Wabenpl. Sol. FSC F04 1165KWL</t>
  </si>
  <si>
    <t>FSC F04 1166K</t>
  </si>
  <si>
    <t>5702329552363</t>
  </si>
  <si>
    <t>VELUX Wabenpl. Sol. FSC F04 1166K</t>
  </si>
  <si>
    <t>FSC F04 1166KWL</t>
  </si>
  <si>
    <t>5702329561808</t>
  </si>
  <si>
    <t>VELUX Wabenpl. Sol. FSC F04 1166KWL</t>
  </si>
  <si>
    <t>FSC F04 1167K</t>
  </si>
  <si>
    <t>5702329552370</t>
  </si>
  <si>
    <t>VELUX Wabenpl. Sol. FSC F04 1167K</t>
  </si>
  <si>
    <t>FSC F04 1167KWL</t>
  </si>
  <si>
    <t>5702329561815</t>
  </si>
  <si>
    <t>VELUX Wabenpl. Sol. FSC F04 1167KWL</t>
  </si>
  <si>
    <t>FSC F04 1168K</t>
  </si>
  <si>
    <t>5702329552387</t>
  </si>
  <si>
    <t>VELUX Wabenpl. Sol. FSC F04 1168K</t>
  </si>
  <si>
    <t>FSC F04 1169K</t>
  </si>
  <si>
    <t>5702329552394</t>
  </si>
  <si>
    <t>VELUX Wabenpl. Sol. FSC F04 1169K</t>
  </si>
  <si>
    <t>FSC F04 1169KWL</t>
  </si>
  <si>
    <t>5702329561839</t>
  </si>
  <si>
    <t>VELUX Wabenpl. Sol. FSC F04 1169KWL</t>
  </si>
  <si>
    <t>FSC F04 1170K</t>
  </si>
  <si>
    <t>5702329552400</t>
  </si>
  <si>
    <t>VELUX Wabenpl. Sol. FSC F04 1170K</t>
  </si>
  <si>
    <t>FSC F04 1170KWL</t>
  </si>
  <si>
    <t>5702329561846</t>
  </si>
  <si>
    <t>VELUX Wabenpl. Sol. FSC F04 1170KWL</t>
  </si>
  <si>
    <t>FSC F04 1171K</t>
  </si>
  <si>
    <t>5702329552417</t>
  </si>
  <si>
    <t>VELUX Wabenpl. Sol. FSC F04 1171K</t>
  </si>
  <si>
    <t>FSC F04 1171KWL</t>
  </si>
  <si>
    <t>5702329561853</t>
  </si>
  <si>
    <t>VELUX Wabenpl. Sol. FSC F04 1171KWL</t>
  </si>
  <si>
    <t>FSC F04 1172K</t>
  </si>
  <si>
    <t>5702329552424</t>
  </si>
  <si>
    <t>VELUX Wabenpl. Sol. FSC F04 1172K</t>
  </si>
  <si>
    <t>FSC F04 1173K</t>
  </si>
  <si>
    <t>5702329552431</t>
  </si>
  <si>
    <t>VELUX Wabenpl. Sol. FSC F04 1173K</t>
  </si>
  <si>
    <t>FSC F04 1173KWL</t>
  </si>
  <si>
    <t>5702329561877</t>
  </si>
  <si>
    <t>VELUX Wabenpl. Sol. FSC F04 1173KWL</t>
  </si>
  <si>
    <t>FSC F06 1049KWL</t>
  </si>
  <si>
    <t>5702329561907</t>
  </si>
  <si>
    <t>VELUX Wabenpl. Sol. FSC F06 1049KWL</t>
  </si>
  <si>
    <t>FSC F06 1169K</t>
  </si>
  <si>
    <t>5702329552554</t>
  </si>
  <si>
    <t>VELUX Wabenpl. Sol. FSC F06 1169K</t>
  </si>
  <si>
    <t>FSC F06 1173KWL</t>
  </si>
  <si>
    <t>5702329562034</t>
  </si>
  <si>
    <t>VELUX Wabenpl. Sol. FSC F06 1173KWL</t>
  </si>
  <si>
    <t>FSC F08 1047K</t>
  </si>
  <si>
    <t>5702329552615</t>
  </si>
  <si>
    <t>VELUX Wabenpl. Sol. FSC F08 1047K</t>
  </si>
  <si>
    <t>FSC F08 1049K</t>
  </si>
  <si>
    <t>5702329552622</t>
  </si>
  <si>
    <t>VELUX Wabenpl. Sol. FSC F08 1049K</t>
  </si>
  <si>
    <t>FSC F08 1049KWL</t>
  </si>
  <si>
    <t>5702329562065</t>
  </si>
  <si>
    <t>VELUX Wabenpl. Sol. FSC F08 1049KWL</t>
  </si>
  <si>
    <t>FSC F08 1155K</t>
  </si>
  <si>
    <t>5702329552639</t>
  </si>
  <si>
    <t>VELUX Wabenpl. Sol. FSC F08 1155K</t>
  </si>
  <si>
    <t>FSC F08 1156K</t>
  </si>
  <si>
    <t>5702329552646</t>
  </si>
  <si>
    <t>VELUX Wabenpl. Sol. FSC F08 1156K</t>
  </si>
  <si>
    <t>FSC F08 1156KWL</t>
  </si>
  <si>
    <t>5702329562089</t>
  </si>
  <si>
    <t>VELUX Wabenpl. Sol. FSC F08 1156KWL</t>
  </si>
  <si>
    <t>FSC F08 1163K</t>
  </si>
  <si>
    <t>5702329552653</t>
  </si>
  <si>
    <t>VELUX Wabenpl. Sol. FSC F08 1163K</t>
  </si>
  <si>
    <t>FSC F08 1163KWL</t>
  </si>
  <si>
    <t>5702329562096</t>
  </si>
  <si>
    <t>VELUX Wabenpl. Sol. FSC F08 1163KWL</t>
  </si>
  <si>
    <t>FSC F08 1164K</t>
  </si>
  <si>
    <t>5702329552660</t>
  </si>
  <si>
    <t>VELUX Wabenpl. Sol. FSC F08 1164K</t>
  </si>
  <si>
    <t>FSC F08 1164KWL</t>
  </si>
  <si>
    <t>5702329562102</t>
  </si>
  <si>
    <t>VELUX Wabenpl. Sol. FSC F08 1164KWL</t>
  </si>
  <si>
    <t>FSC F08 1165K</t>
  </si>
  <si>
    <t>5702329552677</t>
  </si>
  <si>
    <t>VELUX Wabenpl. Sol. FSC F08 1165K</t>
  </si>
  <si>
    <t>FSC F08 1165KWL</t>
  </si>
  <si>
    <t>5702329562119</t>
  </si>
  <si>
    <t>VELUX Wabenpl. Sol. FSC F08 1165KWL</t>
  </si>
  <si>
    <t>FSC F08 1166K</t>
  </si>
  <si>
    <t>5702329552684</t>
  </si>
  <si>
    <t>VELUX Wabenpl. Sol. FSC F08 1166K</t>
  </si>
  <si>
    <t>FSC F08 1166KWL</t>
  </si>
  <si>
    <t>5702329562126</t>
  </si>
  <si>
    <t>VELUX Wabenpl. Sol. FSC F08 1166KWL</t>
  </si>
  <si>
    <t>FSC F08 1167K</t>
  </si>
  <si>
    <t>5702329552691</t>
  </si>
  <si>
    <t>VELUX Wabenpl. Sol. FSC F08 1167K</t>
  </si>
  <si>
    <t>FSC F08 1168K</t>
  </si>
  <si>
    <t>5702329552707</t>
  </si>
  <si>
    <t>VELUX Wabenpl. Sol. FSC F08 1168K</t>
  </si>
  <si>
    <t>FSC F08 1168KWL</t>
  </si>
  <si>
    <t>5702329562140</t>
  </si>
  <si>
    <t>VELUX Wabenpl. Sol. FSC F08 1168KWL</t>
  </si>
  <si>
    <t>FSC F08 1169K</t>
  </si>
  <si>
    <t>5702329552714</t>
  </si>
  <si>
    <t>VELUX Wabenpl. Sol. FSC F08 1169K</t>
  </si>
  <si>
    <t>FSC F08 1169KWL</t>
  </si>
  <si>
    <t>5702329562157</t>
  </si>
  <si>
    <t>VELUX Wabenpl. Sol. FSC F08 1169KWL</t>
  </si>
  <si>
    <t>FSC F08 1170K</t>
  </si>
  <si>
    <t>5702329552721</t>
  </si>
  <si>
    <t>VELUX Wabenpl. Sol. FSC F08 1170K</t>
  </si>
  <si>
    <t>FSC F08 1170KWL</t>
  </si>
  <si>
    <t>5702329562164</t>
  </si>
  <si>
    <t>VELUX Wabenpl. Sol. FSC F08 1170KWL</t>
  </si>
  <si>
    <t>FSC F08 1171K</t>
  </si>
  <si>
    <t>5702329552738</t>
  </si>
  <si>
    <t>VELUX Wabenpl. Sol. FSC F08 1171K</t>
  </si>
  <si>
    <t>FSC F08 1171KWL</t>
  </si>
  <si>
    <t>5702329562171</t>
  </si>
  <si>
    <t>VELUX Wabenpl. Sol. FSC F08 1171KWL</t>
  </si>
  <si>
    <t>FSC F08 1172K</t>
  </si>
  <si>
    <t>5702329552745</t>
  </si>
  <si>
    <t>VELUX Wabenpl. Sol. FSC F08 1172K</t>
  </si>
  <si>
    <t>FSC F08 1172KWL</t>
  </si>
  <si>
    <t>5702329562188</t>
  </si>
  <si>
    <t>VELUX Wabenpl. Sol. FSC F08 1172KWL</t>
  </si>
  <si>
    <t>FSC F08 1173K</t>
  </si>
  <si>
    <t>5702329552752</t>
  </si>
  <si>
    <t>VELUX Wabenpl. Sol. FSC F08 1173K</t>
  </si>
  <si>
    <t>FSC F08 1173KWL</t>
  </si>
  <si>
    <t>5702329562195</t>
  </si>
  <si>
    <t>VELUX Wabenpl. Sol. FSC F08 1173KWL</t>
  </si>
  <si>
    <t>FSC FK04 1049K</t>
  </si>
  <si>
    <t>5702329552783</t>
  </si>
  <si>
    <t>VELUX Wabenpl. Sol. FSC FK04 1049K</t>
  </si>
  <si>
    <t>FSC FK04 1049KWL</t>
  </si>
  <si>
    <t>5702329562225</t>
  </si>
  <si>
    <t>VELUX Wabenpl. Sol. FSC FK04 1049KWL</t>
  </si>
  <si>
    <t>FSC FK04 1164K</t>
  </si>
  <si>
    <t>5702329552820</t>
  </si>
  <si>
    <t>VELUX Wabenpl. Sol. FSC FK04 1164K</t>
  </si>
  <si>
    <t>FSC FK04 1165K</t>
  </si>
  <si>
    <t>5702329552837</t>
  </si>
  <si>
    <t>VELUX Wabenpl. Sol. FSC FK04 1165K</t>
  </si>
  <si>
    <t>FSC FK04 1167K</t>
  </si>
  <si>
    <t>5702329552851</t>
  </si>
  <si>
    <t>VELUX Wabenpl. Sol. FSC FK04 1167K</t>
  </si>
  <si>
    <t>FSC FK04 1168K</t>
  </si>
  <si>
    <t>5702329552868</t>
  </si>
  <si>
    <t>VELUX Wabenpl. Sol. FSC FK04 1168K</t>
  </si>
  <si>
    <t>FSC FK04 1168KWL</t>
  </si>
  <si>
    <t>5702329562300</t>
  </si>
  <si>
    <t>VELUX Wabenpl. Sol. FSC FK04 1168KWL</t>
  </si>
  <si>
    <t>FSC FK04 1169KWL</t>
  </si>
  <si>
    <t>5702329562317</t>
  </si>
  <si>
    <t>VELUX Wabenpl. Sol. FSC FK04 1169KWL</t>
  </si>
  <si>
    <t>FSC FK04 1170K</t>
  </si>
  <si>
    <t>5702329552882</t>
  </si>
  <si>
    <t>VELUX Wabenpl. Sol. FSC FK04 1170K</t>
  </si>
  <si>
    <t>FSC FK04 1171K</t>
  </si>
  <si>
    <t>5702329552899</t>
  </si>
  <si>
    <t>VELUX Wabenpl. Sol. FSC FK04 1171K</t>
  </si>
  <si>
    <t>FSC FK04 1173K</t>
  </si>
  <si>
    <t>5702329552912</t>
  </si>
  <si>
    <t>VELUX Wabenpl. Sol. FSC FK04 1173K</t>
  </si>
  <si>
    <t>FSC FK04 1173KWL</t>
  </si>
  <si>
    <t>5702329562355</t>
  </si>
  <si>
    <t>VELUX Wabenpl. Sol. FSC FK04 1173KWL</t>
  </si>
  <si>
    <t>FSC FK06 1049K</t>
  </si>
  <si>
    <t>5702329552943</t>
  </si>
  <si>
    <t>VELUX Wabenpl. Sol. FSC FK06 1049K</t>
  </si>
  <si>
    <t>FSC FK06 1167K</t>
  </si>
  <si>
    <t>5702329553018</t>
  </si>
  <si>
    <t>VELUX Wabenpl. Sol. FSC FK06 1167K</t>
  </si>
  <si>
    <t>FSC FK06 1167KWL</t>
  </si>
  <si>
    <t>5702329562454</t>
  </si>
  <si>
    <t>VELUX Wabenpl. Sol. FSC FK06 1167KWL</t>
  </si>
  <si>
    <t>FSC FK06 1169K</t>
  </si>
  <si>
    <t>5702329553032</t>
  </si>
  <si>
    <t>VELUX Wabenpl. Sol. FSC FK06 1169K</t>
  </si>
  <si>
    <t>FSC FK08 1047K</t>
  </si>
  <si>
    <t>5702329553094</t>
  </si>
  <si>
    <t>VELUX Wabenpl. Sol. FSC FK08 1047K</t>
  </si>
  <si>
    <t>FSC FK08 1049K</t>
  </si>
  <si>
    <t>5702329553100</t>
  </si>
  <si>
    <t>VELUX Wabenpl. Sol. FSC FK08 1049K</t>
  </si>
  <si>
    <t>FSC FK08 1156K</t>
  </si>
  <si>
    <t>5702329553124</t>
  </si>
  <si>
    <t>VELUX Wabenpl. Sol. FSC FK08 1156K</t>
  </si>
  <si>
    <t>FSC FK08 1164K</t>
  </si>
  <si>
    <t>5702329553148</t>
  </si>
  <si>
    <t>VELUX Wabenpl. Sol. FSC FK08 1164K</t>
  </si>
  <si>
    <t>FSC FK08 1165K</t>
  </si>
  <si>
    <t>5702329553155</t>
  </si>
  <si>
    <t>VELUX Wabenpl. Sol. FSC FK08 1165K</t>
  </si>
  <si>
    <t>FSC FK08 1168K</t>
  </si>
  <si>
    <t>5702329553186</t>
  </si>
  <si>
    <t>VELUX Wabenpl. Sol. FSC FK08 1168K</t>
  </si>
  <si>
    <t>FSC FK08 1169K</t>
  </si>
  <si>
    <t>5702329553193</t>
  </si>
  <si>
    <t>VELUX Wabenpl. Sol. FSC FK08 1169K</t>
  </si>
  <si>
    <t>FSC FK08 1169KWL</t>
  </si>
  <si>
    <t>5702329562638</t>
  </si>
  <si>
    <t>VELUX Wabenpl. Sol. FSC FK08 1169KWL</t>
  </si>
  <si>
    <t>FSC FK08 1171K</t>
  </si>
  <si>
    <t>5702329553216</t>
  </si>
  <si>
    <t>VELUX Wabenpl. Sol. FSC FK08 1171K</t>
  </si>
  <si>
    <t>FSC FK08 1173KWL</t>
  </si>
  <si>
    <t>5702329562676</t>
  </si>
  <si>
    <t>VELUX Wabenpl. Sol. FSC FK08 1173KWL</t>
  </si>
  <si>
    <t>FSC M04 1165KWL</t>
  </si>
  <si>
    <t>5702329562751</t>
  </si>
  <si>
    <t>VELUX Wabenpl. Sol. FSC M04 1165KWL</t>
  </si>
  <si>
    <t>FSC M06 1049K</t>
  </si>
  <si>
    <t>5702329553421</t>
  </si>
  <si>
    <t>VELUX Wabenpl. Sol. FSC M06 1049K</t>
  </si>
  <si>
    <t>FSC M06 1049KWL</t>
  </si>
  <si>
    <t>5702329562867</t>
  </si>
  <si>
    <t>VELUX Wabenpl. Sol. FSC M06 1049KWL</t>
  </si>
  <si>
    <t>FSC M10 1047KWL</t>
  </si>
  <si>
    <t>5702329563178</t>
  </si>
  <si>
    <t>VELUX Wabenpl. Sol. FSC M10 1047KWL</t>
  </si>
  <si>
    <t>FSC M10 1049K</t>
  </si>
  <si>
    <t>5702329553742</t>
  </si>
  <si>
    <t>VELUX Wabenpl. Sol. FSC M10 1049K</t>
  </si>
  <si>
    <t>FSC M10 1049KWL</t>
  </si>
  <si>
    <t>5702329563185</t>
  </si>
  <si>
    <t>VELUX Wabenpl. Sol. FSC M10 1049KWL</t>
  </si>
  <si>
    <t>FSC M10 1155K</t>
  </si>
  <si>
    <t>5702329553759</t>
  </si>
  <si>
    <t>VELUX Wabenpl. Sol. FSC M10 1155K</t>
  </si>
  <si>
    <t>FSC M10 1155KWL</t>
  </si>
  <si>
    <t>5702329563192</t>
  </si>
  <si>
    <t>VELUX Wabenpl. Sol. FSC M10 1155KWL</t>
  </si>
  <si>
    <t>FSC M10 1156K</t>
  </si>
  <si>
    <t>5702329553766</t>
  </si>
  <si>
    <t>VELUX Wabenpl. Sol. FSC M10 1156K</t>
  </si>
  <si>
    <t>FSC M10 1164K</t>
  </si>
  <si>
    <t>5702329553780</t>
  </si>
  <si>
    <t>VELUX Wabenpl. Sol. FSC M10 1164K</t>
  </si>
  <si>
    <t>FSC M10 1164KWL</t>
  </si>
  <si>
    <t>5702329563222</t>
  </si>
  <si>
    <t>VELUX Wabenpl. Sol. FSC M10 1164KWL</t>
  </si>
  <si>
    <t>FSC M10 1165K</t>
  </si>
  <si>
    <t>5702329553797</t>
  </si>
  <si>
    <t>VELUX Wabenpl. Sol. FSC M10 1165K</t>
  </si>
  <si>
    <t>FSC M10 1165KWL</t>
  </si>
  <si>
    <t>5702329563239</t>
  </si>
  <si>
    <t>VELUX Wabenpl. Sol. FSC M10 1165KWL</t>
  </si>
  <si>
    <t>FSC M10 1166KWL</t>
  </si>
  <si>
    <t>5702329563246</t>
  </si>
  <si>
    <t>VELUX Wabenpl. Sol. FSC M10 1166KWL</t>
  </si>
  <si>
    <t>FSC M10 1167K</t>
  </si>
  <si>
    <t>5702329553810</t>
  </si>
  <si>
    <t>VELUX Wabenpl. Sol. FSC M10 1167K</t>
  </si>
  <si>
    <t>FSC M10 1167KWL</t>
  </si>
  <si>
    <t>5702329563253</t>
  </si>
  <si>
    <t>VELUX Wabenpl. Sol. FSC M10 1167KWL</t>
  </si>
  <si>
    <t>FSC M10 1168K</t>
  </si>
  <si>
    <t>5702329553827</t>
  </si>
  <si>
    <t>VELUX Wabenpl. Sol. FSC M10 1168K</t>
  </si>
  <si>
    <t>FSC M10 1169KWL</t>
  </si>
  <si>
    <t>5702329563277</t>
  </si>
  <si>
    <t>VELUX Wabenpl. Sol. FSC M10 1169KWL</t>
  </si>
  <si>
    <t>FSC M10 1170KWL</t>
  </si>
  <si>
    <t>5702329563284</t>
  </si>
  <si>
    <t>VELUX Wabenpl. Sol. FSC M10 1170KWL</t>
  </si>
  <si>
    <t>FSC M10 1172K</t>
  </si>
  <si>
    <t>5702329553865</t>
  </si>
  <si>
    <t>VELUX Wabenpl. Sol. FSC M10 1172K</t>
  </si>
  <si>
    <t>FSC M10 1172KWL</t>
  </si>
  <si>
    <t>5702329563307</t>
  </si>
  <si>
    <t>VELUX Wabenpl. Sol. FSC M10 1172KWL</t>
  </si>
  <si>
    <t>FSC M10 1173K</t>
  </si>
  <si>
    <t>5702329553872</t>
  </si>
  <si>
    <t>VELUX Wabenpl. Sol. FSC M10 1173K</t>
  </si>
  <si>
    <t>FSC M10 1173KWL</t>
  </si>
  <si>
    <t>5702329563314</t>
  </si>
  <si>
    <t>VELUX Wabenpl. Sol. FSC M10 1173KWL</t>
  </si>
  <si>
    <t>FSC M31 1045K</t>
  </si>
  <si>
    <t>5702329554046</t>
  </si>
  <si>
    <t>VELUX Wabenpl. Sol. FSC M31 1045K</t>
  </si>
  <si>
    <t>FSC M31 1047K</t>
  </si>
  <si>
    <t>5702329554053</t>
  </si>
  <si>
    <t>VELUX Wabenpl. Sol. FSC M31 1047K</t>
  </si>
  <si>
    <t>FSC M31 1047KWL</t>
  </si>
  <si>
    <t>5702329563499</t>
  </si>
  <si>
    <t>VELUX Wabenpl. Sol. FSC M31 1047KWL</t>
  </si>
  <si>
    <t>FSC M31 1049K</t>
  </si>
  <si>
    <t>5702329554060</t>
  </si>
  <si>
    <t>VELUX Wabenpl. Sol. FSC M31 1049K</t>
  </si>
  <si>
    <t>FSC M31 1049KWL</t>
  </si>
  <si>
    <t>5702329563505</t>
  </si>
  <si>
    <t>VELUX Wabenpl. Sol. FSC M31 1049KWL</t>
  </si>
  <si>
    <t>FSC M31 1155K</t>
  </si>
  <si>
    <t>5702329554077</t>
  </si>
  <si>
    <t>VELUX Wabenpl. Sol. FSC M31 1155K</t>
  </si>
  <si>
    <t>FSC M31 1155KWL</t>
  </si>
  <si>
    <t>5702329563512</t>
  </si>
  <si>
    <t>VELUX Wabenpl. Sol. FSC M31 1155KWL</t>
  </si>
  <si>
    <t>FSC M31 1156K</t>
  </si>
  <si>
    <t>5702329554084</t>
  </si>
  <si>
    <t>VELUX Wabenpl. Sol. FSC M31 1156K</t>
  </si>
  <si>
    <t>FSC M31 1156KWL</t>
  </si>
  <si>
    <t>5702329563529</t>
  </si>
  <si>
    <t>VELUX Wabenpl. Sol. FSC M31 1156KWL</t>
  </si>
  <si>
    <t>FSC M31 1163K</t>
  </si>
  <si>
    <t>5702329554091</t>
  </si>
  <si>
    <t>VELUX Wabenpl. Sol. FSC M31 1163K</t>
  </si>
  <si>
    <t>FSC M31 1164K</t>
  </si>
  <si>
    <t>5702329554107</t>
  </si>
  <si>
    <t>VELUX Wabenpl. Sol. FSC M31 1164K</t>
  </si>
  <si>
    <t>FSC M31 1164KWL</t>
  </si>
  <si>
    <t>5702329563543</t>
  </si>
  <si>
    <t>VELUX Wabenpl. Sol. FSC M31 1164KWL</t>
  </si>
  <si>
    <t>FSC M31 1165K</t>
  </si>
  <si>
    <t>5702329554114</t>
  </si>
  <si>
    <t>VELUX Wabenpl. Sol. FSC M31 1165K</t>
  </si>
  <si>
    <t>FSC M31 1165KWL</t>
  </si>
  <si>
    <t>5702329563550</t>
  </si>
  <si>
    <t>VELUX Wabenpl. Sol. FSC M31 1165KWL</t>
  </si>
  <si>
    <t>FSC M31 1166K</t>
  </si>
  <si>
    <t>5702329554121</t>
  </si>
  <si>
    <t>VELUX Wabenpl. Sol. FSC M31 1166K</t>
  </si>
  <si>
    <t>FSC M31 1166KWL</t>
  </si>
  <si>
    <t>5702329563567</t>
  </si>
  <si>
    <t>VELUX Wabenpl. Sol. FSC M31 1166KWL</t>
  </si>
  <si>
    <t>FSC M31 1167K</t>
  </si>
  <si>
    <t>5702329554138</t>
  </si>
  <si>
    <t>VELUX Wabenpl. Sol. FSC M31 1167K</t>
  </si>
  <si>
    <t>FSC M31 1167KWL</t>
  </si>
  <si>
    <t>5702329563574</t>
  </si>
  <si>
    <t>VELUX Wabenpl. Sol. FSC M31 1167KWL</t>
  </si>
  <si>
    <t>FSC M31 1168K</t>
  </si>
  <si>
    <t>5702329554145</t>
  </si>
  <si>
    <t>VELUX Wabenpl. Sol. FSC M31 1168K</t>
  </si>
  <si>
    <t>FSC M31 1168KWL</t>
  </si>
  <si>
    <t>5702329563581</t>
  </si>
  <si>
    <t>VELUX Wabenpl. Sol. FSC M31 1168KWL</t>
  </si>
  <si>
    <t>FSC M31 1169K</t>
  </si>
  <si>
    <t>5702329554152</t>
  </si>
  <si>
    <t>VELUX Wabenpl. Sol. FSC M31 1169K</t>
  </si>
  <si>
    <t>FSC M31 1169KWL</t>
  </si>
  <si>
    <t>5702329563598</t>
  </si>
  <si>
    <t>VELUX Wabenpl. Sol. FSC M31 1169KWL</t>
  </si>
  <si>
    <t>FSC M31 1170K</t>
  </si>
  <si>
    <t>5702329554169</t>
  </si>
  <si>
    <t>VELUX Wabenpl. Sol. FSC M31 1170K</t>
  </si>
  <si>
    <t>FSC M31 1170KWL</t>
  </si>
  <si>
    <t>5702329563604</t>
  </si>
  <si>
    <t>VELUX Wabenpl. Sol. FSC M31 1170KWL</t>
  </si>
  <si>
    <t>FSC M31 1171K</t>
  </si>
  <si>
    <t>5702329554176</t>
  </si>
  <si>
    <t>VELUX Wabenpl. Sol. FSC M31 1171K</t>
  </si>
  <si>
    <t>FSC M31 1171KWL</t>
  </si>
  <si>
    <t>5702329563611</t>
  </si>
  <si>
    <t>VELUX Wabenpl. Sol. FSC M31 1171KWL</t>
  </si>
  <si>
    <t>FSC M31 1172KWL</t>
  </si>
  <si>
    <t>5702329563628</t>
  </si>
  <si>
    <t>VELUX Wabenpl. Sol. FSC M31 1172KWL</t>
  </si>
  <si>
    <t>FSC M31 1173K</t>
  </si>
  <si>
    <t>5702329554190</t>
  </si>
  <si>
    <t>VELUX Wabenpl. Sol. FSC M31 1173K</t>
  </si>
  <si>
    <t>FSC M31 1173KWL</t>
  </si>
  <si>
    <t>5702329563635</t>
  </si>
  <si>
    <t>VELUX Wabenpl. Sol. FSC M31 1173KWL</t>
  </si>
  <si>
    <t>FSC MK06 1173K</t>
  </si>
  <si>
    <t>5702329554671</t>
  </si>
  <si>
    <t>VELUX Wabenpl. Sol. FSC MK06 1173K</t>
  </si>
  <si>
    <t>FSC MK10 1049K</t>
  </si>
  <si>
    <t>5702329554862</t>
  </si>
  <si>
    <t>VELUX Wabenpl. Sol. FSC MK10 1049K</t>
  </si>
  <si>
    <t>FSC MK10 1156K</t>
  </si>
  <si>
    <t>5702329554886</t>
  </si>
  <si>
    <t>VELUX Wabenpl. Sol. FSC MK10 1156K</t>
  </si>
  <si>
    <t>FSC MK10 1164K</t>
  </si>
  <si>
    <t>5702329554909</t>
  </si>
  <si>
    <t>VELUX Wabenpl. Sol. FSC MK10 1164K</t>
  </si>
  <si>
    <t>FSC MK10 1165K</t>
  </si>
  <si>
    <t>5702329554916</t>
  </si>
  <si>
    <t>VELUX Wabenpl. Sol. FSC MK10 1165K</t>
  </si>
  <si>
    <t>FSC MK10 1167K</t>
  </si>
  <si>
    <t>5702329554930</t>
  </si>
  <si>
    <t>VELUX Wabenpl. Sol. FSC MK10 1167K</t>
  </si>
  <si>
    <t>FSC MK10 1167KWL</t>
  </si>
  <si>
    <t>5702329564212</t>
  </si>
  <si>
    <t>VELUX Wabenpl. Sol. FSC MK10 1167KWL</t>
  </si>
  <si>
    <t>FSC MK10 1170K</t>
  </si>
  <si>
    <t>5702329554961</t>
  </si>
  <si>
    <t>VELUX Wabenpl. Sol. FSC MK10 1170K</t>
  </si>
  <si>
    <t>FSC MK12 1047K</t>
  </si>
  <si>
    <t>5702329555012</t>
  </si>
  <si>
    <t>VELUX Wabenpl. Sol. FSC MK12 1047K</t>
  </si>
  <si>
    <t>FSC MK12 1049K</t>
  </si>
  <si>
    <t>5702329555029</t>
  </si>
  <si>
    <t>VELUX Wabenpl. Sol. FSC MK12 1049K</t>
  </si>
  <si>
    <t>FSC MK12 1155K</t>
  </si>
  <si>
    <t>5702329555036</t>
  </si>
  <si>
    <t>VELUX Wabenpl. Sol. FSC MK12 1155K</t>
  </si>
  <si>
    <t>FSC MK12 1156K</t>
  </si>
  <si>
    <t>5702329555043</t>
  </si>
  <si>
    <t>VELUX Wabenpl. Sol. FSC MK12 1156K</t>
  </si>
  <si>
    <t>FSC MK12 1164K</t>
  </si>
  <si>
    <t>5702329555067</t>
  </si>
  <si>
    <t>VELUX Wabenpl. Sol. FSC MK12 1164K</t>
  </si>
  <si>
    <t>FSC MK12 1164KWL</t>
  </si>
  <si>
    <t>5702329564342</t>
  </si>
  <si>
    <t>VELUX Wabenpl. Sol. FSC MK12 1164KWL</t>
  </si>
  <si>
    <t>FSC MK12 1165K</t>
  </si>
  <si>
    <t>5702329555074</t>
  </si>
  <si>
    <t>VELUX Wabenpl. Sol. FSC MK12 1165K</t>
  </si>
  <si>
    <t>FSC MK12 1165KWL</t>
  </si>
  <si>
    <t>5702329564359</t>
  </si>
  <si>
    <t>VELUX Wabenpl. Sol. FSC MK12 1165KWL</t>
  </si>
  <si>
    <t>FSC MK12 1166K</t>
  </si>
  <si>
    <t>5702329555081</t>
  </si>
  <si>
    <t>VELUX Wabenpl. Sol. FSC MK12 1166K</t>
  </si>
  <si>
    <t>FSC MK12 1167K</t>
  </si>
  <si>
    <t>5702329555098</t>
  </si>
  <si>
    <t>VELUX Wabenpl. Sol. FSC MK12 1167K</t>
  </si>
  <si>
    <t>FSC MK12 1167KWL</t>
  </si>
  <si>
    <t>5702329564373</t>
  </si>
  <si>
    <t>VELUX Wabenpl. Sol. FSC MK12 1167KWL</t>
  </si>
  <si>
    <t>FSC MK12 1168K</t>
  </si>
  <si>
    <t>5702329555104</t>
  </si>
  <si>
    <t>VELUX Wabenpl. Sol. FSC MK12 1168K</t>
  </si>
  <si>
    <t>FSC MK12 1169K</t>
  </si>
  <si>
    <t>5702329555111</t>
  </si>
  <si>
    <t>VELUX Wabenpl. Sol. FSC MK12 1169K</t>
  </si>
  <si>
    <t>FSC MK12 1169KWL</t>
  </si>
  <si>
    <t>5702329564397</t>
  </si>
  <si>
    <t>VELUX Wabenpl. Sol. FSC MK12 1169KWL</t>
  </si>
  <si>
    <t>FSC MK12 1170K</t>
  </si>
  <si>
    <t>5702329555128</t>
  </si>
  <si>
    <t>VELUX Wabenpl. Sol. FSC MK12 1170K</t>
  </si>
  <si>
    <t>FSC MK12 1170KWL</t>
  </si>
  <si>
    <t>5702329564403</t>
  </si>
  <si>
    <t>VELUX Wabenpl. Sol. FSC MK12 1170KWL</t>
  </si>
  <si>
    <t>FSC MK12 1173K</t>
  </si>
  <si>
    <t>5702329555159</t>
  </si>
  <si>
    <t>VELUX Wabenpl. Sol. FSC MK12 1173K</t>
  </si>
  <si>
    <t>FSC P04 1049K</t>
  </si>
  <si>
    <t>5702329555180</t>
  </si>
  <si>
    <t>VELUX Wabenpl. Sol. FSC P04 1049K</t>
  </si>
  <si>
    <t>FSC P04 1049KWL</t>
  </si>
  <si>
    <t>5702329564465</t>
  </si>
  <si>
    <t>VELUX Wabenpl. Sol. FSC P04 1049KWL</t>
  </si>
  <si>
    <t>FSC P04 1164K</t>
  </si>
  <si>
    <t>5702329555227</t>
  </si>
  <si>
    <t>VELUX Wabenpl. Sol. FSC P04 1164K</t>
  </si>
  <si>
    <t>FSC P04 1165K</t>
  </si>
  <si>
    <t>5702329555234</t>
  </si>
  <si>
    <t>VELUX Wabenpl. Sol. FSC P04 1165K</t>
  </si>
  <si>
    <t>FSC P04 1167K</t>
  </si>
  <si>
    <t>5702329555258</t>
  </si>
  <si>
    <t>VELUX Wabenpl. Sol. FSC P04 1167K</t>
  </si>
  <si>
    <t>FSC P04 1167KWL</t>
  </si>
  <si>
    <t>5702329564533</t>
  </si>
  <si>
    <t>VELUX Wabenpl. Sol. FSC P04 1167KWL</t>
  </si>
  <si>
    <t>FSC P04 1168K</t>
  </si>
  <si>
    <t>5702329555265</t>
  </si>
  <si>
    <t>VELUX Wabenpl. Sol. FSC P04 1168K</t>
  </si>
  <si>
    <t>FSC P04 1169K</t>
  </si>
  <si>
    <t>5702329555272</t>
  </si>
  <si>
    <t>VELUX Wabenpl. Sol. FSC P04 1169K</t>
  </si>
  <si>
    <t>FSC P04 1170K</t>
  </si>
  <si>
    <t>5702329555289</t>
  </si>
  <si>
    <t>VELUX Wabenpl. Sol. FSC P04 1170K</t>
  </si>
  <si>
    <t>FSC P04 1173K</t>
  </si>
  <si>
    <t>5702329555319</t>
  </si>
  <si>
    <t>VELUX Wabenpl. Sol. FSC P04 1173K</t>
  </si>
  <si>
    <t>FSC P06 1049K</t>
  </si>
  <si>
    <t>5702329555340</t>
  </si>
  <si>
    <t>VELUX Wabenpl. Sol. FSC P06 1049K</t>
  </si>
  <si>
    <t>FSC P06 1049KWL</t>
  </si>
  <si>
    <t>5702329564625</t>
  </si>
  <si>
    <t>VELUX Wabenpl. Sol. FSC P06 1049KWL</t>
  </si>
  <si>
    <t>FSC P06 1155KWL</t>
  </si>
  <si>
    <t>5702329564632</t>
  </si>
  <si>
    <t>VELUX Wabenpl. Sol. FSC P06 1155KWL</t>
  </si>
  <si>
    <t>FSC P06 1164K</t>
  </si>
  <si>
    <t>5702329555388</t>
  </si>
  <si>
    <t>VELUX Wabenpl. Sol. FSC P06 1164K</t>
  </si>
  <si>
    <t>FSC P06 1164KWL</t>
  </si>
  <si>
    <t>5702329564663</t>
  </si>
  <si>
    <t>VELUX Wabenpl. Sol. FSC P06 1164KWL</t>
  </si>
  <si>
    <t>FSC P06 1165KWL</t>
  </si>
  <si>
    <t>5702329564670</t>
  </si>
  <si>
    <t>VELUX Wabenpl. Sol. FSC P06 1165KWL</t>
  </si>
  <si>
    <t>FSC P06 1166K</t>
  </si>
  <si>
    <t>5702329555401</t>
  </si>
  <si>
    <t>VELUX Wabenpl. Sol. FSC P06 1166K</t>
  </si>
  <si>
    <t>FSC P06 1167KWL</t>
  </si>
  <si>
    <t>5702329564694</t>
  </si>
  <si>
    <t>VELUX Wabenpl. Sol. FSC P06 1167KWL</t>
  </si>
  <si>
    <t>FSC P06 1169K</t>
  </si>
  <si>
    <t>5702329555432</t>
  </si>
  <si>
    <t>VELUX Wabenpl. Sol. FSC P06 1169K</t>
  </si>
  <si>
    <t>FSC P06 1170K</t>
  </si>
  <si>
    <t>5702329555449</t>
  </si>
  <si>
    <t>VELUX Wabenpl. Sol. FSC P06 1170K</t>
  </si>
  <si>
    <t>FSC P06 1170KWL</t>
  </si>
  <si>
    <t>5702329564724</t>
  </si>
  <si>
    <t>VELUX Wabenpl. Sol. FSC P06 1170KWL</t>
  </si>
  <si>
    <t>FSC P06 1173K</t>
  </si>
  <si>
    <t>5702329555470</t>
  </si>
  <si>
    <t>VELUX Wabenpl. Sol. FSC P06 1173K</t>
  </si>
  <si>
    <t>FSC P08 1049K</t>
  </si>
  <si>
    <t>5702329555500</t>
  </si>
  <si>
    <t>VELUX Wabenpl. Sol. FSC P08 1049K</t>
  </si>
  <si>
    <t>FSC P08 1164KWL</t>
  </si>
  <si>
    <t>5702329564823</t>
  </si>
  <si>
    <t>VELUX Wabenpl. Sol. FSC P08 1164KWL</t>
  </si>
  <si>
    <t>FSC P08 1165K</t>
  </si>
  <si>
    <t>5702329555555</t>
  </si>
  <si>
    <t>VELUX Wabenpl. Sol. FSC P08 1165K</t>
  </si>
  <si>
    <t>FSC P08 1165KWL</t>
  </si>
  <si>
    <t>5702329564830</t>
  </si>
  <si>
    <t>VELUX Wabenpl. Sol. FSC P08 1165KWL</t>
  </si>
  <si>
    <t>FSC P08 1169K</t>
  </si>
  <si>
    <t>5702329555593</t>
  </si>
  <si>
    <t>VELUX Wabenpl. Sol. FSC P08 1169K</t>
  </si>
  <si>
    <t>FSC P08 1169KWL</t>
  </si>
  <si>
    <t>5702329564878</t>
  </si>
  <si>
    <t>VELUX Wabenpl. Sol. FSC P08 1169KWL</t>
  </si>
  <si>
    <t>FSC P08 1171K</t>
  </si>
  <si>
    <t>5702329555616</t>
  </si>
  <si>
    <t>VELUX Wabenpl. Sol. FSC P08 1171K</t>
  </si>
  <si>
    <t>FSC P08 1173K</t>
  </si>
  <si>
    <t>5702329555630</t>
  </si>
  <si>
    <t>VELUX Wabenpl. Sol. FSC P08 1173K</t>
  </si>
  <si>
    <t>FSC P10 1049KWL</t>
  </si>
  <si>
    <t>5702329564946</t>
  </si>
  <si>
    <t>VELUX Wabenpl. Sol. FSC P10 1049KWL</t>
  </si>
  <si>
    <t>FSC P10 1156KWL</t>
  </si>
  <si>
    <t>5702329564960</t>
  </si>
  <si>
    <t>VELUX Wabenpl. Sol. FSC P10 1156KWL</t>
  </si>
  <si>
    <t>FSC P10 1164KWL</t>
  </si>
  <si>
    <t>5702329564984</t>
  </si>
  <si>
    <t>VELUX Wabenpl. Sol. FSC P10 1164KWL</t>
  </si>
  <si>
    <t>FSC P10 1165KWL</t>
  </si>
  <si>
    <t>5702329564991</t>
  </si>
  <si>
    <t>VELUX Wabenpl. Sol. FSC P10 1165KWL</t>
  </si>
  <si>
    <t>FSC P10 1167KWL</t>
  </si>
  <si>
    <t>5702329565011</t>
  </si>
  <si>
    <t>VELUX Wabenpl. Sol. FSC P10 1167KWL</t>
  </si>
  <si>
    <t>FSC P10 1169KWL</t>
  </si>
  <si>
    <t>5702329565035</t>
  </si>
  <si>
    <t>VELUX Wabenpl. Sol. FSC P10 1169KWL</t>
  </si>
  <si>
    <t>FSC P10 1170KWL</t>
  </si>
  <si>
    <t>5702329565042</t>
  </si>
  <si>
    <t>VELUX Wabenpl. Sol. FSC P10 1170KWL</t>
  </si>
  <si>
    <t>FSC P10 1171KWL</t>
  </si>
  <si>
    <t>5702329565059</t>
  </si>
  <si>
    <t>VELUX Wabenpl. Sol. FSC P10 1171KWL</t>
  </si>
  <si>
    <t>FSC P10 1173KWL</t>
  </si>
  <si>
    <t>5702329565073</t>
  </si>
  <si>
    <t>VELUX Wabenpl. Sol. FSC P10 1173KWL</t>
  </si>
  <si>
    <t>FSC P31 1045K</t>
  </si>
  <si>
    <t>5702329555968</t>
  </si>
  <si>
    <t>VELUX Wabenpl. Sol. FSC P31 1045K</t>
  </si>
  <si>
    <t>FSC P31 1047K</t>
  </si>
  <si>
    <t>5702329555975</t>
  </si>
  <si>
    <t>VELUX Wabenpl. Sol. FSC P31 1047K</t>
  </si>
  <si>
    <t>FSC P31 1047KWL</t>
  </si>
  <si>
    <t>5702329565257</t>
  </si>
  <si>
    <t>VELUX Wabenpl. Sol. FSC P31 1047KWL</t>
  </si>
  <si>
    <t>FSC P31 1049K</t>
  </si>
  <si>
    <t>5702329555982</t>
  </si>
  <si>
    <t>VELUX Wabenpl. Sol. FSC P31 1049K</t>
  </si>
  <si>
    <t>FSC P31 1049KWL</t>
  </si>
  <si>
    <t>5702329565264</t>
  </si>
  <si>
    <t>VELUX Wabenpl. Sol. FSC P31 1049KWL</t>
  </si>
  <si>
    <t>FSC P31 1155K</t>
  </si>
  <si>
    <t>5702329555999</t>
  </si>
  <si>
    <t>VELUX Wabenpl. Sol. FSC P31 1155K</t>
  </si>
  <si>
    <t>FSC P31 1155KWL</t>
  </si>
  <si>
    <t>5702329565271</t>
  </si>
  <si>
    <t>VELUX Wabenpl. Sol. FSC P31 1155KWL</t>
  </si>
  <si>
    <t>FSC P31 1156K</t>
  </si>
  <si>
    <t>5702329556002</t>
  </si>
  <si>
    <t>VELUX Wabenpl. Sol. FSC P31 1156K</t>
  </si>
  <si>
    <t>FSC P31 1156KWL</t>
  </si>
  <si>
    <t>5702329565288</t>
  </si>
  <si>
    <t>VELUX Wabenpl. Sol. FSC P31 1156KWL</t>
  </si>
  <si>
    <t>FSC P31 1163K</t>
  </si>
  <si>
    <t>5702329556019</t>
  </si>
  <si>
    <t>VELUX Wabenpl. Sol. FSC P31 1163K</t>
  </si>
  <si>
    <t>FSC P31 1163KWL</t>
  </si>
  <si>
    <t>5702329565295</t>
  </si>
  <si>
    <t>VELUX Wabenpl. Sol. FSC P31 1163KWL</t>
  </si>
  <si>
    <t>FSC P31 1164K</t>
  </si>
  <si>
    <t>5702329556026</t>
  </si>
  <si>
    <t>VELUX Wabenpl. Sol. FSC P31 1164K</t>
  </si>
  <si>
    <t>FSC P31 1164KWL</t>
  </si>
  <si>
    <t>5702329565301</t>
  </si>
  <si>
    <t>VELUX Wabenpl. Sol. FSC P31 1164KWL</t>
  </si>
  <si>
    <t>FSC P31 1165K</t>
  </si>
  <si>
    <t>5702329556033</t>
  </si>
  <si>
    <t>VELUX Wabenpl. Sol. FSC P31 1165K</t>
  </si>
  <si>
    <t>FSC P31 1165KWL</t>
  </si>
  <si>
    <t>5702329565318</t>
  </si>
  <si>
    <t>VELUX Wabenpl. Sol. FSC P31 1165KWL</t>
  </si>
  <si>
    <t>FSC P31 1166K</t>
  </si>
  <si>
    <t>5702329556040</t>
  </si>
  <si>
    <t>VELUX Wabenpl. Sol. FSC P31 1166K</t>
  </si>
  <si>
    <t>FSC P31 1166KWL</t>
  </si>
  <si>
    <t>5702329565325</t>
  </si>
  <si>
    <t>VELUX Wabenpl. Sol. FSC P31 1166KWL</t>
  </si>
  <si>
    <t>FSC P31 1167K</t>
  </si>
  <si>
    <t>5702329556057</t>
  </si>
  <si>
    <t>VELUX Wabenpl. Sol. FSC P31 1167K</t>
  </si>
  <si>
    <t>FSC P31 1167KWL</t>
  </si>
  <si>
    <t>5702329565332</t>
  </si>
  <si>
    <t>VELUX Wabenpl. Sol. FSC P31 1167KWL</t>
  </si>
  <si>
    <t>FSC P31 1168K</t>
  </si>
  <si>
    <t>5702329556064</t>
  </si>
  <si>
    <t>VELUX Wabenpl. Sol. FSC P31 1168K</t>
  </si>
  <si>
    <t>FSC P31 1168KWL</t>
  </si>
  <si>
    <t>5702329565349</t>
  </si>
  <si>
    <t>VELUX Wabenpl. Sol. FSC P31 1168KWL</t>
  </si>
  <si>
    <t>FSC P31 1169K</t>
  </si>
  <si>
    <t>5702329556071</t>
  </si>
  <si>
    <t>VELUX Wabenpl. Sol. FSC P31 1169K</t>
  </si>
  <si>
    <t>FSC P31 1169KWL</t>
  </si>
  <si>
    <t>5702329565356</t>
  </si>
  <si>
    <t>VELUX Wabenpl. Sol. FSC P31 1169KWL</t>
  </si>
  <si>
    <t>FSC P31 1170K</t>
  </si>
  <si>
    <t>5702329556088</t>
  </si>
  <si>
    <t>VELUX Wabenpl. Sol. FSC P31 1170K</t>
  </si>
  <si>
    <t>FSC P31 1170KWL</t>
  </si>
  <si>
    <t>5702329565363</t>
  </si>
  <si>
    <t>VELUX Wabenpl. Sol. FSC P31 1170KWL</t>
  </si>
  <si>
    <t>FSC P31 1171K</t>
  </si>
  <si>
    <t>5702329556095</t>
  </si>
  <si>
    <t>VELUX Wabenpl. Sol. FSC P31 1171K</t>
  </si>
  <si>
    <t>FSC P31 1171KWL</t>
  </si>
  <si>
    <t>5702329565370</t>
  </si>
  <si>
    <t>VELUX Wabenpl. Sol. FSC P31 1171KWL</t>
  </si>
  <si>
    <t>FSC P31 1172K</t>
  </si>
  <si>
    <t>5702329556101</t>
  </si>
  <si>
    <t>VELUX Wabenpl. Sol. FSC P31 1172K</t>
  </si>
  <si>
    <t>FSC P31 1172KWL</t>
  </si>
  <si>
    <t>5702329565387</t>
  </si>
  <si>
    <t>VELUX Wabenpl. Sol. FSC P31 1172KWL</t>
  </si>
  <si>
    <t>FSC P31 1173K</t>
  </si>
  <si>
    <t>5702329556118</t>
  </si>
  <si>
    <t>VELUX Wabenpl. Sol. FSC P31 1173K</t>
  </si>
  <si>
    <t>FSC P31 1173KWL</t>
  </si>
  <si>
    <t>5702329565394</t>
  </si>
  <si>
    <t>VELUX Wabenpl. Sol. FSC P31 1173KWL</t>
  </si>
  <si>
    <t>FSC PK06 1165K</t>
  </si>
  <si>
    <t>5702329556514</t>
  </si>
  <si>
    <t>VELUX Wabenpl. Sol. FSC PK06 1165K</t>
  </si>
  <si>
    <t>FSC PK06 1167K</t>
  </si>
  <si>
    <t>5702329556538</t>
  </si>
  <si>
    <t>VELUX Wabenpl. Sol. FSC PK06 1167K</t>
  </si>
  <si>
    <t>FSC PK06 1167KWL</t>
  </si>
  <si>
    <t>5702329565653</t>
  </si>
  <si>
    <t>VELUX Wabenpl. Sol. FSC PK06 1167KWL</t>
  </si>
  <si>
    <t>FSC PK06 1169K</t>
  </si>
  <si>
    <t>5702329556552</t>
  </si>
  <si>
    <t>VELUX Wabenpl. Sol. FSC PK06 1169K</t>
  </si>
  <si>
    <t>FSC PK08 1049K</t>
  </si>
  <si>
    <t>5702329556620</t>
  </si>
  <si>
    <t>VELUX Wabenpl. Sol. FSC PK08 1049K</t>
  </si>
  <si>
    <t>FSC PK08 1165KWL</t>
  </si>
  <si>
    <t>5702329565790</t>
  </si>
  <si>
    <t>VELUX Wabenpl. Sol. FSC PK08 1165KWL</t>
  </si>
  <si>
    <t>FSC PK08 1167K</t>
  </si>
  <si>
    <t>5702329556699</t>
  </si>
  <si>
    <t>VELUX Wabenpl. Sol. FSC PK08 1167K</t>
  </si>
  <si>
    <t>FSC PK10 1049K</t>
  </si>
  <si>
    <t>5702329556781</t>
  </si>
  <si>
    <t>VELUX Wabenpl. Sol. FSC PK10 1049K</t>
  </si>
  <si>
    <t>FSC PK10 1164K</t>
  </si>
  <si>
    <t>5702329556828</t>
  </si>
  <si>
    <t>VELUX Wabenpl. Sol. FSC PK10 1164K</t>
  </si>
  <si>
    <t>FSC PK10 1165K</t>
  </si>
  <si>
    <t>5702329556835</t>
  </si>
  <si>
    <t>VELUX Wabenpl. Sol. FSC PK10 1165K</t>
  </si>
  <si>
    <t>FSC PK10 1168K</t>
  </si>
  <si>
    <t>5702329556866</t>
  </si>
  <si>
    <t>VELUX Wabenpl. Sol. FSC PK10 1168K</t>
  </si>
  <si>
    <t>FSC S04 1049K</t>
  </si>
  <si>
    <t>5702329557269</t>
  </si>
  <si>
    <t>VELUX Wabenpl. Sol. FSC S04 1049K</t>
  </si>
  <si>
    <t>FSC S04 1049KWL</t>
  </si>
  <si>
    <t>5702329566384</t>
  </si>
  <si>
    <t>VELUX Wabenpl. Sol. FSC S04 1049KWL</t>
  </si>
  <si>
    <t>FSC S04 1164K</t>
  </si>
  <si>
    <t>5702329557306</t>
  </si>
  <si>
    <t>VELUX Wabenpl. Sol. FSC S04 1164K</t>
  </si>
  <si>
    <t>FSC S04 1165K</t>
  </si>
  <si>
    <t>5702329557313</t>
  </si>
  <si>
    <t>VELUX Wabenpl. Sol. FSC S04 1165K</t>
  </si>
  <si>
    <t>FSC S04 1167KWL</t>
  </si>
  <si>
    <t>5702329566452</t>
  </si>
  <si>
    <t>VELUX Wabenpl. Sol. FSC S04 1167KWL</t>
  </si>
  <si>
    <t>FSC S04 1168K</t>
  </si>
  <si>
    <t>5702329557344</t>
  </si>
  <si>
    <t>VELUX Wabenpl. Sol. FSC S04 1168K</t>
  </si>
  <si>
    <t>FSC S04 1169K</t>
  </si>
  <si>
    <t>5702329557351</t>
  </si>
  <si>
    <t>VELUX Wabenpl. Sol. FSC S04 1169K</t>
  </si>
  <si>
    <t>FSC S04 1170KWL</t>
  </si>
  <si>
    <t>5702329566483</t>
  </si>
  <si>
    <t>VELUX Wabenpl. Sol. FSC S04 1170KWL</t>
  </si>
  <si>
    <t>FSC S04 1171K</t>
  </si>
  <si>
    <t>5702329557375</t>
  </si>
  <si>
    <t>VELUX Wabenpl. Sol. FSC S04 1171K</t>
  </si>
  <si>
    <t>FSC S06 1049KWL</t>
  </si>
  <si>
    <t>5702329566544</t>
  </si>
  <si>
    <t>VELUX Wabenpl. Sol. FSC S06 1049KWL</t>
  </si>
  <si>
    <t>FSC S06 1167KWL</t>
  </si>
  <si>
    <t>5702329566612</t>
  </si>
  <si>
    <t>VELUX Wabenpl. Sol. FSC S06 1167KWL</t>
  </si>
  <si>
    <t>FSC S08 1049K</t>
  </si>
  <si>
    <t>5702329557580</t>
  </si>
  <si>
    <t>VELUX Wabenpl. Sol. FSC S08 1049K</t>
  </si>
  <si>
    <t>FSC S08 1164K</t>
  </si>
  <si>
    <t>5702329557627</t>
  </si>
  <si>
    <t>VELUX Wabenpl. Sol. FSC S08 1164K</t>
  </si>
  <si>
    <t>FSC S08 1165K</t>
  </si>
  <si>
    <t>5702329557634</t>
  </si>
  <si>
    <t>VELUX Wabenpl. Sol. FSC S08 1165K</t>
  </si>
  <si>
    <t>FSC S08 1168KWL</t>
  </si>
  <si>
    <t>5702329566780</t>
  </si>
  <si>
    <t>VELUX Wabenpl. Sol. FSC S08 1168KWL</t>
  </si>
  <si>
    <t>FSC S08 1169K</t>
  </si>
  <si>
    <t>5702329557672</t>
  </si>
  <si>
    <t>VELUX Wabenpl. Sol. FSC S08 1169K</t>
  </si>
  <si>
    <t>FSC S08 1170K</t>
  </si>
  <si>
    <t>5702329557689</t>
  </si>
  <si>
    <t>VELUX Wabenpl. Sol. FSC S08 1170K</t>
  </si>
  <si>
    <t>FSC S10 1047KWL</t>
  </si>
  <si>
    <t>5702329566858</t>
  </si>
  <si>
    <t>VELUX Wabenpl. Sol. FSC S10 1047KWL</t>
  </si>
  <si>
    <t>FSC S10 1049K</t>
  </si>
  <si>
    <t>5702329557740</t>
  </si>
  <si>
    <t>VELUX Wabenpl. Sol. FSC S10 1049K</t>
  </si>
  <si>
    <t>FSC S10 1049KWL</t>
  </si>
  <si>
    <t>5702329566865</t>
  </si>
  <si>
    <t>VELUX Wabenpl. Sol. FSC S10 1049KWL</t>
  </si>
  <si>
    <t>FSC S10 1155K</t>
  </si>
  <si>
    <t>5702329557757</t>
  </si>
  <si>
    <t>VELUX Wabenpl. Sol. FSC S10 1155K</t>
  </si>
  <si>
    <t>FSC S10 1155KWL</t>
  </si>
  <si>
    <t>5702329566872</t>
  </si>
  <si>
    <t>VELUX Wabenpl. Sol. FSC S10 1155KWL</t>
  </si>
  <si>
    <t>FSC S10 1156K</t>
  </si>
  <si>
    <t>5702329557764</t>
  </si>
  <si>
    <t>VELUX Wabenpl. Sol. FSC S10 1156K</t>
  </si>
  <si>
    <t>FSC S10 1156KWL</t>
  </si>
  <si>
    <t>5702329566889</t>
  </si>
  <si>
    <t>VELUX Wabenpl. Sol. FSC S10 1156KWL</t>
  </si>
  <si>
    <t>FSC S10 1164KWL</t>
  </si>
  <si>
    <t>5702329566902</t>
  </si>
  <si>
    <t>VELUX Wabenpl. Sol. FSC S10 1164KWL</t>
  </si>
  <si>
    <t>FSC S10 1165KWL</t>
  </si>
  <si>
    <t>5702329566919</t>
  </si>
  <si>
    <t>VELUX Wabenpl. Sol. FSC S10 1165KWL</t>
  </si>
  <si>
    <t>FSC S10 1167K</t>
  </si>
  <si>
    <t>5702329557818</t>
  </si>
  <si>
    <t>VELUX Wabenpl. Sol. FSC S10 1167K</t>
  </si>
  <si>
    <t>FSC S10 1167KWL</t>
  </si>
  <si>
    <t>5702329566933</t>
  </si>
  <si>
    <t>VELUX Wabenpl. Sol. FSC S10 1167KWL</t>
  </si>
  <si>
    <t>FSC S10 1168K</t>
  </si>
  <si>
    <t>5702329557825</t>
  </si>
  <si>
    <t>VELUX Wabenpl. Sol. FSC S10 1168K</t>
  </si>
  <si>
    <t>FSC S10 1168KWL</t>
  </si>
  <si>
    <t>5702329566940</t>
  </si>
  <si>
    <t>VELUX Wabenpl. Sol. FSC S10 1168KWL</t>
  </si>
  <si>
    <t>FSC S10 1169KWL</t>
  </si>
  <si>
    <t>5702329566957</t>
  </si>
  <si>
    <t>VELUX Wabenpl. Sol. FSC S10 1169KWL</t>
  </si>
  <si>
    <t>FSC S10 1170K</t>
  </si>
  <si>
    <t>5702329557849</t>
  </si>
  <si>
    <t>VELUX Wabenpl. Sol. FSC S10 1170K</t>
  </si>
  <si>
    <t>FSC S10 1170KWL</t>
  </si>
  <si>
    <t>5702329566964</t>
  </si>
  <si>
    <t>VELUX Wabenpl. Sol. FSC S10 1170KWL</t>
  </si>
  <si>
    <t>FSC S10 1171K</t>
  </si>
  <si>
    <t>5702329557856</t>
  </si>
  <si>
    <t>VELUX Wabenpl. Sol. FSC S10 1171K</t>
  </si>
  <si>
    <t>FSC S10 1171KWL</t>
  </si>
  <si>
    <t>5702329566971</t>
  </si>
  <si>
    <t>VELUX Wabenpl. Sol. FSC S10 1171KWL</t>
  </si>
  <si>
    <t>FSC S10 1172KWL</t>
  </si>
  <si>
    <t>5702329566988</t>
  </si>
  <si>
    <t>VELUX Wabenpl. Sol. FSC S10 1172KWL</t>
  </si>
  <si>
    <t>FSC S10 1173K</t>
  </si>
  <si>
    <t>5702329557870</t>
  </si>
  <si>
    <t>VELUX Wabenpl. Sol. FSC S10 1173K</t>
  </si>
  <si>
    <t>FSC S10 1173KWL</t>
  </si>
  <si>
    <t>5702329566995</t>
  </si>
  <si>
    <t>VELUX Wabenpl. Sol. FSC S10 1173KWL</t>
  </si>
  <si>
    <t>FSC S31 1045K</t>
  </si>
  <si>
    <t>5702329557887</t>
  </si>
  <si>
    <t>VELUX Wabenpl. Sol. FSC S31 1045K</t>
  </si>
  <si>
    <t>FSC S31 1045KWL</t>
  </si>
  <si>
    <t>5702329567008</t>
  </si>
  <si>
    <t>VELUX Wabenpl. Sol. FSC S31 1045KWL</t>
  </si>
  <si>
    <t>FSC S31 1047K</t>
  </si>
  <si>
    <t>5702329557894</t>
  </si>
  <si>
    <t>VELUX Wabenpl. Sol. FSC S31 1047K</t>
  </si>
  <si>
    <t>FSC S31 1047KWL</t>
  </si>
  <si>
    <t>5702329567015</t>
  </si>
  <si>
    <t>VELUX Wabenpl. Sol. FSC S31 1047KWL</t>
  </si>
  <si>
    <t>FSC S31 1049K</t>
  </si>
  <si>
    <t>5702329557900</t>
  </si>
  <si>
    <t>VELUX Wabenpl. Sol. FSC S31 1049K</t>
  </si>
  <si>
    <t>FSC S31 1049KWL</t>
  </si>
  <si>
    <t>5702329567022</t>
  </si>
  <si>
    <t>VELUX Wabenpl. Sol. FSC S31 1049KWL</t>
  </si>
  <si>
    <t>FSC S31 1155K</t>
  </si>
  <si>
    <t>5702329557917</t>
  </si>
  <si>
    <t>VELUX Wabenpl. Sol. FSC S31 1155K</t>
  </si>
  <si>
    <t>FSC S31 1155KWL</t>
  </si>
  <si>
    <t>5702329567039</t>
  </si>
  <si>
    <t>VELUX Wabenpl. Sol. FSC S31 1155KWL</t>
  </si>
  <si>
    <t>FSC S31 1156K</t>
  </si>
  <si>
    <t>5702329557924</t>
  </si>
  <si>
    <t>VELUX Wabenpl. Sol. FSC S31 1156K</t>
  </si>
  <si>
    <t>FSC S31 1156KWL</t>
  </si>
  <si>
    <t>5702329567046</t>
  </si>
  <si>
    <t>VELUX Wabenpl. Sol. FSC S31 1156KWL</t>
  </si>
  <si>
    <t>FSC S31 1163K</t>
  </si>
  <si>
    <t>5702329557931</t>
  </si>
  <si>
    <t>VELUX Wabenpl. Sol. FSC S31 1163K</t>
  </si>
  <si>
    <t>FSC S31 1163KWL</t>
  </si>
  <si>
    <t>5702329567053</t>
  </si>
  <si>
    <t>VELUX Wabenpl. Sol. FSC S31 1163KWL</t>
  </si>
  <si>
    <t>FSC S31 1164K</t>
  </si>
  <si>
    <t>5702329557948</t>
  </si>
  <si>
    <t>VELUX Wabenpl. Sol. FSC S31 1164K</t>
  </si>
  <si>
    <t>FSC S31 1165K</t>
  </si>
  <si>
    <t>5702329557955</t>
  </si>
  <si>
    <t>VELUX Wabenpl. Sol. FSC S31 1165K</t>
  </si>
  <si>
    <t>FSC S31 1165KWL</t>
  </si>
  <si>
    <t>5702329567077</t>
  </si>
  <si>
    <t>VELUX Wabenpl. Sol. FSC S31 1165KWL</t>
  </si>
  <si>
    <t>FSC S31 1166K</t>
  </si>
  <si>
    <t>5702329557962</t>
  </si>
  <si>
    <t>VELUX Wabenpl. Sol. FSC S31 1166K</t>
  </si>
  <si>
    <t>FSC S31 1166KWL</t>
  </si>
  <si>
    <t>5702329567084</t>
  </si>
  <si>
    <t>VELUX Wabenpl. Sol. FSC S31 1166KWL</t>
  </si>
  <si>
    <t>FSC S31 1167K</t>
  </si>
  <si>
    <t>5702329557979</t>
  </si>
  <si>
    <t>VELUX Wabenpl. Sol. FSC S31 1167K</t>
  </si>
  <si>
    <t>FSC S31 1167KWL</t>
  </si>
  <si>
    <t>5702329567091</t>
  </si>
  <si>
    <t>VELUX Wabenpl. Sol. FSC S31 1167KWL</t>
  </si>
  <si>
    <t>FSC S31 1168K</t>
  </si>
  <si>
    <t>5702329557986</t>
  </si>
  <si>
    <t>VELUX Wabenpl. Sol. FSC S31 1168K</t>
  </si>
  <si>
    <t>FSC S31 1168KWL</t>
  </si>
  <si>
    <t>5702329567107</t>
  </si>
  <si>
    <t>VELUX Wabenpl. Sol. FSC S31 1168KWL</t>
  </si>
  <si>
    <t>FSC S31 1169K</t>
  </si>
  <si>
    <t>5702329557993</t>
  </si>
  <si>
    <t>VELUX Wabenpl. Sol. FSC S31 1169K</t>
  </si>
  <si>
    <t>FSC S31 1169KWL</t>
  </si>
  <si>
    <t>5702329567114</t>
  </si>
  <si>
    <t>VELUX Wabenpl. Sol. FSC S31 1169KWL</t>
  </si>
  <si>
    <t>FSC S31 1170K</t>
  </si>
  <si>
    <t>5702329558006</t>
  </si>
  <si>
    <t>VELUX Wabenpl. Sol. FSC S31 1170K</t>
  </si>
  <si>
    <t>FSC S31 1170KWL</t>
  </si>
  <si>
    <t>5702329567121</t>
  </si>
  <si>
    <t>VELUX Wabenpl. Sol. FSC S31 1170KWL</t>
  </si>
  <si>
    <t>FSC S31 1171K</t>
  </si>
  <si>
    <t>5702329558013</t>
  </si>
  <si>
    <t>VELUX Wabenpl. Sol. FSC S31 1171K</t>
  </si>
  <si>
    <t>FSC S31 1171KWL</t>
  </si>
  <si>
    <t>5702329567138</t>
  </si>
  <si>
    <t>VELUX Wabenpl. Sol. FSC S31 1171KWL</t>
  </si>
  <si>
    <t>FSC S31 1172K</t>
  </si>
  <si>
    <t>5702329558020</t>
  </si>
  <si>
    <t>VELUX Wabenpl. Sol. FSC S31 1172K</t>
  </si>
  <si>
    <t>FSC S31 1172KWL</t>
  </si>
  <si>
    <t>5702329567145</t>
  </si>
  <si>
    <t>VELUX Wabenpl. Sol. FSC S31 1172KWL</t>
  </si>
  <si>
    <t>FSC S31 1173K</t>
  </si>
  <si>
    <t>5702329558037</t>
  </si>
  <si>
    <t>VELUX Wabenpl. Sol. FSC S31 1173K</t>
  </si>
  <si>
    <t>FSC S31 1173KWL</t>
  </si>
  <si>
    <t>5702329567152</t>
  </si>
  <si>
    <t>VELUX Wabenpl. Sol. FSC S31 1173KWL</t>
  </si>
  <si>
    <t>FSC SK08 1167K</t>
  </si>
  <si>
    <t>5702329558617</t>
  </si>
  <si>
    <t>VELUX Wabenpl. Sol. FSC SK08 1167K</t>
  </si>
  <si>
    <t>FSC SK10 1164K</t>
  </si>
  <si>
    <t>5702329558747</t>
  </si>
  <si>
    <t>VELUX Wabenpl. Sol. FSC SK10 1164K</t>
  </si>
  <si>
    <t>FSC SK10 1165K</t>
  </si>
  <si>
    <t>5702329558754</t>
  </si>
  <si>
    <t>VELUX Wabenpl. Sol. FSC SK10 1165K</t>
  </si>
  <si>
    <t>FSC SK10 1167K</t>
  </si>
  <si>
    <t>5702329558778</t>
  </si>
  <si>
    <t>VELUX Wabenpl. Sol. FSC SK10 1167K</t>
  </si>
  <si>
    <t>FSC SK10 1169K</t>
  </si>
  <si>
    <t>5702329558792</t>
  </si>
  <si>
    <t>VELUX Wabenpl. Sol. FSC SK10 1169K</t>
  </si>
  <si>
    <t>FSC U04 1049K</t>
  </si>
  <si>
    <t>5702329558860</t>
  </si>
  <si>
    <t>VELUX Wabenpl. Sol. FSC U04 1049K</t>
  </si>
  <si>
    <t>FSC U04 1167K</t>
  </si>
  <si>
    <t>5702329558938</t>
  </si>
  <si>
    <t>VELUX Wabenpl. Sol. FSC U04 1167K</t>
  </si>
  <si>
    <t>FSC U04 1173KWL</t>
  </si>
  <si>
    <t>5702329567954</t>
  </si>
  <si>
    <t>VELUX Wabenpl. Sol. FSC U04 1173KWL</t>
  </si>
  <si>
    <t>FSC U08 1156KWL</t>
  </si>
  <si>
    <t>5702329568005</t>
  </si>
  <si>
    <t>VELUX Wabenpl. Sol. FSC U08 1156KWL</t>
  </si>
  <si>
    <t>FSC U08 1167K</t>
  </si>
  <si>
    <t>5702329559096</t>
  </si>
  <si>
    <t>VELUX Wabenpl. Sol. FSC U08 1167K</t>
  </si>
  <si>
    <t>FSC U08 1167KWL</t>
  </si>
  <si>
    <t>5702329568050</t>
  </si>
  <si>
    <t>VELUX Wabenpl. Sol. FSC U08 1167KWL</t>
  </si>
  <si>
    <t>FSC U08 1169KWL</t>
  </si>
  <si>
    <t>5702329568074</t>
  </si>
  <si>
    <t>VELUX Wabenpl. Sol. FSC U08 1169KWL</t>
  </si>
  <si>
    <t>FSC U08 1171K</t>
  </si>
  <si>
    <t>5702329559133</t>
  </si>
  <si>
    <t>VELUX Wabenpl. Sol. FSC U08 1171K</t>
  </si>
  <si>
    <t>FSC U08 1173KWL</t>
  </si>
  <si>
    <t>5702329568111</t>
  </si>
  <si>
    <t>VELUX Wabenpl. Sol. FSC U08 1173KWL</t>
  </si>
  <si>
    <t>FSC U10 1045KWL</t>
  </si>
  <si>
    <t>5702329568128</t>
  </si>
  <si>
    <t>VELUX Wabenpl. Sol. FSC U10 1045KWL</t>
  </si>
  <si>
    <t>FSC U10 1047KWL</t>
  </si>
  <si>
    <t>5702329568135</t>
  </si>
  <si>
    <t>VELUX Wabenpl. Sol. FSC U10 1047KWL</t>
  </si>
  <si>
    <t>FSC U10 1049K</t>
  </si>
  <si>
    <t>5702329559188</t>
  </si>
  <si>
    <t>VELUX Wabenpl. Sol. FSC U10 1049K</t>
  </si>
  <si>
    <t>FSC U10 1049KWL</t>
  </si>
  <si>
    <t>5702329568142</t>
  </si>
  <si>
    <t>VELUX Wabenpl. Sol. FSC U10 1049KWL</t>
  </si>
  <si>
    <t>FSC U10 1155KWL</t>
  </si>
  <si>
    <t>5702329568159</t>
  </si>
  <si>
    <t>VELUX Wabenpl. Sol. FSC U10 1155KWL</t>
  </si>
  <si>
    <t>FSC U10 1156K</t>
  </si>
  <si>
    <t>5702329559201</t>
  </si>
  <si>
    <t>VELUX Wabenpl. Sol. FSC U10 1156K</t>
  </si>
  <si>
    <t>FSC U10 1156KWL</t>
  </si>
  <si>
    <t>5702329568166</t>
  </si>
  <si>
    <t>VELUX Wabenpl. Sol. FSC U10 1156KWL</t>
  </si>
  <si>
    <t>FSC U10 1164K</t>
  </si>
  <si>
    <t>5702329559225</t>
  </si>
  <si>
    <t>VELUX Wabenpl. Sol. FSC U10 1164K</t>
  </si>
  <si>
    <t>FSC U10 1164KWL</t>
  </si>
  <si>
    <t>5702329568180</t>
  </si>
  <si>
    <t>VELUX Wabenpl. Sol. FSC U10 1164KWL</t>
  </si>
  <si>
    <t>FSC U10 1165K</t>
  </si>
  <si>
    <t>5702329559232</t>
  </si>
  <si>
    <t>VELUX Wabenpl. Sol. FSC U10 1165K</t>
  </si>
  <si>
    <t>FSC U10 1165KWL</t>
  </si>
  <si>
    <t>5702329568197</t>
  </si>
  <si>
    <t>VELUX Wabenpl. Sol. FSC U10 1165KWL</t>
  </si>
  <si>
    <t>FSC U10 1166K</t>
  </si>
  <si>
    <t>5702329559249</t>
  </si>
  <si>
    <t>VELUX Wabenpl. Sol. FSC U10 1166K</t>
  </si>
  <si>
    <t>FSC U10 1166KWL</t>
  </si>
  <si>
    <t>5702329568203</t>
  </si>
  <si>
    <t>VELUX Wabenpl. Sol. FSC U10 1166KWL</t>
  </si>
  <si>
    <t>FSC U10 1167K</t>
  </si>
  <si>
    <t>5702329559256</t>
  </si>
  <si>
    <t>VELUX Wabenpl. Sol. FSC U10 1167K</t>
  </si>
  <si>
    <t>FSC U10 1167KWL</t>
  </si>
  <si>
    <t>5702329568210</t>
  </si>
  <si>
    <t>VELUX Wabenpl. Sol. FSC U10 1167KWL</t>
  </si>
  <si>
    <t>FSC U10 1168K</t>
  </si>
  <si>
    <t>5702329559263</t>
  </si>
  <si>
    <t>VELUX Wabenpl. Sol. FSC U10 1168K</t>
  </si>
  <si>
    <t>FSC U10 1169K</t>
  </si>
  <si>
    <t>5702329559270</t>
  </si>
  <si>
    <t>VELUX Wabenpl. Sol. FSC U10 1169K</t>
  </si>
  <si>
    <t>FSC U10 1169KWL</t>
  </si>
  <si>
    <t>5702329568234</t>
  </si>
  <si>
    <t>VELUX Wabenpl. Sol. FSC U10 1169KWL</t>
  </si>
  <si>
    <t>FSC U10 1170KWL</t>
  </si>
  <si>
    <t>5702329568241</t>
  </si>
  <si>
    <t>VELUX Wabenpl. Sol. FSC U10 1170KWL</t>
  </si>
  <si>
    <t>FSC U10 1171K</t>
  </si>
  <si>
    <t>5702329559294</t>
  </si>
  <si>
    <t>VELUX Wabenpl. Sol. FSC U10 1171K</t>
  </si>
  <si>
    <t>FSC U10 1171KWL</t>
  </si>
  <si>
    <t>5702329568258</t>
  </si>
  <si>
    <t>VELUX Wabenpl. Sol. FSC U10 1171KWL</t>
  </si>
  <si>
    <t>FSC U10 1173K</t>
  </si>
  <si>
    <t>5702329559317</t>
  </si>
  <si>
    <t>VELUX Wabenpl. Sol. FSC U10 1173K</t>
  </si>
  <si>
    <t>FSC U10 1173KWL</t>
  </si>
  <si>
    <t>5702329568272</t>
  </si>
  <si>
    <t>VELUX Wabenpl. Sol. FSC U10 1173KWL</t>
  </si>
  <si>
    <t>FSC U31 1045K</t>
  </si>
  <si>
    <t>5702329559324</t>
  </si>
  <si>
    <t>VELUX Wabenpl. Sol. FSC U31 1045K</t>
  </si>
  <si>
    <t>FSC U31 1047K</t>
  </si>
  <si>
    <t>5702329559331</t>
  </si>
  <si>
    <t>VELUX Wabenpl. Sol. FSC U31 1047K</t>
  </si>
  <si>
    <t>FSC U31 1047KWL</t>
  </si>
  <si>
    <t>5702329568296</t>
  </si>
  <si>
    <t>VELUX Wabenpl. Sol. FSC U31 1047KWL</t>
  </si>
  <si>
    <t>FSC U31 1049K</t>
  </si>
  <si>
    <t>5702329559348</t>
  </si>
  <si>
    <t>VELUX Wabenpl. Sol. FSC U31 1049K</t>
  </si>
  <si>
    <t>FSC U31 1049KWL</t>
  </si>
  <si>
    <t>5702329568302</t>
  </si>
  <si>
    <t>VELUX Wabenpl. Sol. FSC U31 1049KWL</t>
  </si>
  <si>
    <t>FSC U31 1155K</t>
  </si>
  <si>
    <t>5702329559355</t>
  </si>
  <si>
    <t>VELUX Wabenpl. Sol. FSC U31 1155K</t>
  </si>
  <si>
    <t>FSC U31 1155KWL</t>
  </si>
  <si>
    <t>5702329568319</t>
  </si>
  <si>
    <t>VELUX Wabenpl. Sol. FSC U31 1155KWL</t>
  </si>
  <si>
    <t>FSC U31 1156K</t>
  </si>
  <si>
    <t>5702329559362</t>
  </si>
  <si>
    <t>VELUX Wabenpl. Sol. FSC U31 1156K</t>
  </si>
  <si>
    <t>FSC U31 1156KWL</t>
  </si>
  <si>
    <t>5702329568326</t>
  </si>
  <si>
    <t>VELUX Wabenpl. Sol. FSC U31 1156KWL</t>
  </si>
  <si>
    <t>FSC U31 1163K</t>
  </si>
  <si>
    <t>5702329559379</t>
  </si>
  <si>
    <t>VELUX Wabenpl. Sol. FSC U31 1163K</t>
  </si>
  <si>
    <t>FSC U31 1163KWL</t>
  </si>
  <si>
    <t>5702329568333</t>
  </si>
  <si>
    <t>VELUX Wabenpl. Sol. FSC U31 1163KWL</t>
  </si>
  <si>
    <t>FSC U31 1164K</t>
  </si>
  <si>
    <t>5702329559386</t>
  </si>
  <si>
    <t>VELUX Wabenpl. Sol. FSC U31 1164K</t>
  </si>
  <si>
    <t>FSC U31 1164KWL</t>
  </si>
  <si>
    <t>5702329568340</t>
  </si>
  <si>
    <t>VELUX Wabenpl. Sol. FSC U31 1164KWL</t>
  </si>
  <si>
    <t>FSC U31 1165K</t>
  </si>
  <si>
    <t>5702329559393</t>
  </si>
  <si>
    <t>VELUX Wabenpl. Sol. FSC U31 1165K</t>
  </si>
  <si>
    <t>FSC U31 1165KWL</t>
  </si>
  <si>
    <t>5702329568357</t>
  </si>
  <si>
    <t>VELUX Wabenpl. Sol. FSC U31 1165KWL</t>
  </si>
  <si>
    <t>FSC U31 1166K</t>
  </si>
  <si>
    <t>5702329559409</t>
  </si>
  <si>
    <t>VELUX Wabenpl. Sol. FSC U31 1166K</t>
  </si>
  <si>
    <t>FSC U31 1166KWL</t>
  </si>
  <si>
    <t>5702329568364</t>
  </si>
  <si>
    <t>VELUX Wabenpl. Sol. FSC U31 1166KWL</t>
  </si>
  <si>
    <t>FSC U31 1167K</t>
  </si>
  <si>
    <t>5702329559416</t>
  </si>
  <si>
    <t>VELUX Wabenpl. Sol. FSC U31 1167K</t>
  </si>
  <si>
    <t>FSC U31 1167KWL</t>
  </si>
  <si>
    <t>5702329568371</t>
  </si>
  <si>
    <t>VELUX Wabenpl. Sol. FSC U31 1167KWL</t>
  </si>
  <si>
    <t>FSC U31 1168K</t>
  </si>
  <si>
    <t>5702329559423</t>
  </si>
  <si>
    <t>VELUX Wabenpl. Sol. FSC U31 1168K</t>
  </si>
  <si>
    <t>FSC U31 1168KWL</t>
  </si>
  <si>
    <t>5702329568388</t>
  </si>
  <si>
    <t>VELUX Wabenpl. Sol. FSC U31 1168KWL</t>
  </si>
  <si>
    <t>FSC U31 1169K</t>
  </si>
  <si>
    <t>5702329559430</t>
  </si>
  <si>
    <t>VELUX Wabenpl. Sol. FSC U31 1169K</t>
  </si>
  <si>
    <t>FSC U31 1169KWL</t>
  </si>
  <si>
    <t>5702329568395</t>
  </si>
  <si>
    <t>VELUX Wabenpl. Sol. FSC U31 1169KWL</t>
  </si>
  <si>
    <t>FSC U31 1170K</t>
  </si>
  <si>
    <t>5702329559447</t>
  </si>
  <si>
    <t>VELUX Wabenpl. Sol. FSC U31 1170K</t>
  </si>
  <si>
    <t>FSC U31 1170KWL</t>
  </si>
  <si>
    <t>5702329568401</t>
  </si>
  <si>
    <t>VELUX Wabenpl. Sol. FSC U31 1170KWL</t>
  </si>
  <si>
    <t>FSC U31 1171K</t>
  </si>
  <si>
    <t>5702329559454</t>
  </si>
  <si>
    <t>VELUX Wabenpl. Sol. FSC U31 1171K</t>
  </si>
  <si>
    <t>FSC U31 1171KWL</t>
  </si>
  <si>
    <t>5702329568418</t>
  </si>
  <si>
    <t>VELUX Wabenpl. Sol. FSC U31 1171KWL</t>
  </si>
  <si>
    <t>FSC U31 1172K</t>
  </si>
  <si>
    <t>5702329559461</t>
  </si>
  <si>
    <t>VELUX Wabenpl. Sol. FSC U31 1172K</t>
  </si>
  <si>
    <t>FSC U31 1172KWL</t>
  </si>
  <si>
    <t>5702329568425</t>
  </si>
  <si>
    <t>VELUX Wabenpl. Sol. FSC U31 1172KWL</t>
  </si>
  <si>
    <t>FSC U31 1173K</t>
  </si>
  <si>
    <t>5702329559478</t>
  </si>
  <si>
    <t>VELUX Wabenpl. Sol. FSC U31 1173K</t>
  </si>
  <si>
    <t>FSC U31 1173KWL</t>
  </si>
  <si>
    <t>5702329568432</t>
  </si>
  <si>
    <t>VELUX Wabenpl. Sol. FSC U31 1173KWL</t>
  </si>
  <si>
    <t>FSC UK04 1165KWL</t>
  </si>
  <si>
    <t>5702329568517</t>
  </si>
  <si>
    <t>VELUX Wabenpl. Sol. FSC UK04 1165KWL</t>
  </si>
  <si>
    <t>FSC UK04 1167K</t>
  </si>
  <si>
    <t>5702329559737</t>
  </si>
  <si>
    <t>VELUX Wabenpl. Sol. FSC UK04 1167K</t>
  </si>
  <si>
    <t>FSC UK08 1049K</t>
  </si>
  <si>
    <t>5702329559829</t>
  </si>
  <si>
    <t>VELUX Wabenpl. Sol. FSC UK08 1049K</t>
  </si>
  <si>
    <t>FSC UK08 1165K</t>
  </si>
  <si>
    <t>5702329559874</t>
  </si>
  <si>
    <t>VELUX Wabenpl. Sol. FSC UK08 1165K</t>
  </si>
  <si>
    <t>FSC UK08 1167K</t>
  </si>
  <si>
    <t>5702329559898</t>
  </si>
  <si>
    <t>VELUX Wabenpl. Sol. FSC UK08 1167K</t>
  </si>
  <si>
    <t>FSC UK08 1168K</t>
  </si>
  <si>
    <t>5702329559904</t>
  </si>
  <si>
    <t>VELUX Wabenpl. Sol. FSC UK08 1168K</t>
  </si>
  <si>
    <t>FSC UK10 1049K</t>
  </si>
  <si>
    <t>5702329559980</t>
  </si>
  <si>
    <t>VELUX Wabenpl. Sol. FSC UK10 1049K</t>
  </si>
  <si>
    <t>FSC UK10 1165K</t>
  </si>
  <si>
    <t>5702329560030</t>
  </si>
  <si>
    <t>VELUX Wabenpl. Sol. FSC UK10 1165K</t>
  </si>
  <si>
    <t>FSC UK10 1165KWL</t>
  </si>
  <si>
    <t>5702329568838</t>
  </si>
  <si>
    <t>VELUX Wabenpl. Sol. FSC UK10 1165KWL</t>
  </si>
  <si>
    <t>FSC UK10 1166K</t>
  </si>
  <si>
    <t>5702329560047</t>
  </si>
  <si>
    <t>VELUX Wabenpl. Sol. FSC UK10 1166K</t>
  </si>
  <si>
    <t>FSC UK10 1167K</t>
  </si>
  <si>
    <t>5702329560054</t>
  </si>
  <si>
    <t>VELUX Wabenpl. Sol. FSC UK10 1167K</t>
  </si>
  <si>
    <t>FSC UK10 1167KWL</t>
  </si>
  <si>
    <t>5702329568852</t>
  </si>
  <si>
    <t>VELUX Wabenpl. Sol. FSC UK10 1167KWL</t>
  </si>
  <si>
    <t>FSC UK10 1168K</t>
  </si>
  <si>
    <t>5702329560061</t>
  </si>
  <si>
    <t>VELUX Wabenpl. Sol. FSC UK10 1168K</t>
  </si>
  <si>
    <t>FSC UK10 1169K</t>
  </si>
  <si>
    <t>5702329560078</t>
  </si>
  <si>
    <t>VELUX Wabenpl. Sol. FSC UK10 1169K</t>
  </si>
  <si>
    <t>FSC UK10 1169KWL</t>
  </si>
  <si>
    <t>5702329568876</t>
  </si>
  <si>
    <t>VELUX Wabenpl. Sol. FSC UK10 1169KWL</t>
  </si>
  <si>
    <t>FSC UK10 1170K</t>
  </si>
  <si>
    <t>5702329560085</t>
  </si>
  <si>
    <t>VELUX Wabenpl. Sol. FSC UK10 1170K</t>
  </si>
  <si>
    <t>FSC UK10 1171K</t>
  </si>
  <si>
    <t>5702329560092</t>
  </si>
  <si>
    <t>VELUX Wabenpl. Sol. FSC UK10 1171K</t>
  </si>
  <si>
    <t>FSC UK10 1171KWL</t>
  </si>
  <si>
    <t>5702329568890</t>
  </si>
  <si>
    <t>VELUX Wabenpl. Sol. FSC UK10 1171KWL</t>
  </si>
  <si>
    <t>FSC UK10 1173K</t>
  </si>
  <si>
    <t>5702329560115</t>
  </si>
  <si>
    <t>VELUX Wabenpl. Sol. FSC UK10 1173K</t>
  </si>
  <si>
    <t>FSC UK10 1173KWL</t>
  </si>
  <si>
    <t>5702329568913</t>
  </si>
  <si>
    <t>VELUX Wabenpl. Sol. FSC UK10 1173KWL</t>
  </si>
  <si>
    <t>FSL C02 1256KWL</t>
  </si>
  <si>
    <t>5702329594240</t>
  </si>
  <si>
    <t>VELUX Plissee solar FSL C02 1256KWL</t>
  </si>
  <si>
    <t>FSL C02 1259KWL</t>
  </si>
  <si>
    <t>5702329594257</t>
  </si>
  <si>
    <t>VELUX Plissee solar FSL C02 1259KWL</t>
  </si>
  <si>
    <t>FSL C02 1274K</t>
  </si>
  <si>
    <t>5702329573733</t>
  </si>
  <si>
    <t>VELUX Plissee solar FSL C02 1274K</t>
  </si>
  <si>
    <t>FSL C02 1274KWL</t>
  </si>
  <si>
    <t>5702329594264</t>
  </si>
  <si>
    <t>VELUX Plissee solar FSL C02 1274KWL</t>
  </si>
  <si>
    <t>FSL C02 1275K</t>
  </si>
  <si>
    <t>5702329573764</t>
  </si>
  <si>
    <t>VELUX Plissee solar FSL C02 1275K</t>
  </si>
  <si>
    <t>FSL C02 1275KWL</t>
  </si>
  <si>
    <t>5702329594271</t>
  </si>
  <si>
    <t>VELUX Plissee solar FSL C02 1275KWL</t>
  </si>
  <si>
    <t>FSL C02 1276K</t>
  </si>
  <si>
    <t>5702329573801</t>
  </si>
  <si>
    <t>VELUX Plissee solar FSL C02 1276K</t>
  </si>
  <si>
    <t>FSL C02 1276KWL</t>
  </si>
  <si>
    <t>5702329594288</t>
  </si>
  <si>
    <t>VELUX Plissee solar FSL C02 1276KWL</t>
  </si>
  <si>
    <t>FSL C02 1277K</t>
  </si>
  <si>
    <t>5702329573832</t>
  </si>
  <si>
    <t>VELUX Plissee solar FSL C02 1277K</t>
  </si>
  <si>
    <t>FSL C02 1277KWL</t>
  </si>
  <si>
    <t>5702329594295</t>
  </si>
  <si>
    <t>VELUX Plissee solar FSL C02 1277KWL</t>
  </si>
  <si>
    <t>FSL C02 1278K</t>
  </si>
  <si>
    <t>5702329573863</t>
  </si>
  <si>
    <t>VELUX Plissee solar FSL C02 1278K</t>
  </si>
  <si>
    <t>FSL C02 1278KWL</t>
  </si>
  <si>
    <t>5702329594301</t>
  </si>
  <si>
    <t>VELUX Plissee solar FSL C02 1278KWL</t>
  </si>
  <si>
    <t>FSL C02 1279K</t>
  </si>
  <si>
    <t>5702329573894</t>
  </si>
  <si>
    <t>VELUX Plissee solar FSL C02 1279K</t>
  </si>
  <si>
    <t>FSL C02 1279KWL</t>
  </si>
  <si>
    <t>5702329594318</t>
  </si>
  <si>
    <t>VELUX Plissee solar FSL C02 1279KWL</t>
  </si>
  <si>
    <t>FSL C02 1280K</t>
  </si>
  <si>
    <t>5702329573924</t>
  </si>
  <si>
    <t>VELUX Plissee solar FSL C02 1280K</t>
  </si>
  <si>
    <t>FSL C02 1280KWL</t>
  </si>
  <si>
    <t>5702329594325</t>
  </si>
  <si>
    <t>VELUX Plissee solar FSL C02 1280KWL</t>
  </si>
  <si>
    <t>FSL C02 1281K</t>
  </si>
  <si>
    <t>5702329573955</t>
  </si>
  <si>
    <t>VELUX Plissee solar FSL C02 1281K</t>
  </si>
  <si>
    <t>FSL C02 1281KWL</t>
  </si>
  <si>
    <t>5702329594332</t>
  </si>
  <si>
    <t>VELUX Plissee solar FSL C02 1281KWL</t>
  </si>
  <si>
    <t>FSL C02 1282K</t>
  </si>
  <si>
    <t>5702329573986</t>
  </si>
  <si>
    <t>VELUX Plissee solar FSL C02 1282K</t>
  </si>
  <si>
    <t>FSL C02 1282KWL</t>
  </si>
  <si>
    <t>5702329594349</t>
  </si>
  <si>
    <t>VELUX Plissee solar FSL C02 1282KWL</t>
  </si>
  <si>
    <t>FSL C02 1283KWL</t>
  </si>
  <si>
    <t>5702329594356</t>
  </si>
  <si>
    <t>VELUX Plissee solar FSL C02 1283KWL</t>
  </si>
  <si>
    <t>FSL C02 1284K</t>
  </si>
  <si>
    <t>5702329574044</t>
  </si>
  <si>
    <t>VELUX Plissee solar FSL C02 1284K</t>
  </si>
  <si>
    <t>FSL C02 1284KWL</t>
  </si>
  <si>
    <t>5702329594363</t>
  </si>
  <si>
    <t>VELUX Plissee solar FSL C02 1284KWL</t>
  </si>
  <si>
    <t>FSL C02 1285K</t>
  </si>
  <si>
    <t>5702329574068</t>
  </si>
  <si>
    <t>VELUX Plissee solar FSL C02 1285K</t>
  </si>
  <si>
    <t>FSL C02 1285KWL</t>
  </si>
  <si>
    <t>5702329594370</t>
  </si>
  <si>
    <t>VELUX Plissee solar FSL C02 1285KWL</t>
  </si>
  <si>
    <t>FSL C02 1286K</t>
  </si>
  <si>
    <t>5702329574105</t>
  </si>
  <si>
    <t>VELUX Plissee solar FSL C02 1286K</t>
  </si>
  <si>
    <t>FSL C02 1286KWL</t>
  </si>
  <si>
    <t>5702329594387</t>
  </si>
  <si>
    <t>VELUX Plissee solar FSL C02 1286KWL</t>
  </si>
  <si>
    <t>FSL C04 1256K</t>
  </si>
  <si>
    <t>5702329574167</t>
  </si>
  <si>
    <t>VELUX Plissee solar FSL C04 1256K</t>
  </si>
  <si>
    <t>FSL C04 1256KWL</t>
  </si>
  <si>
    <t>5702329594400</t>
  </si>
  <si>
    <t>VELUX Plissee solar FSL C04 1256KWL</t>
  </si>
  <si>
    <t>FSL C04 1259KWL</t>
  </si>
  <si>
    <t>5702329594417</t>
  </si>
  <si>
    <t>VELUX Plissee solar FSL C04 1259KWL</t>
  </si>
  <si>
    <t>FSL C04 1275KWL</t>
  </si>
  <si>
    <t>5702329594431</t>
  </si>
  <si>
    <t>VELUX Plissee solar FSL C04 1275KWL</t>
  </si>
  <si>
    <t>FSL C04 1276KWL</t>
  </si>
  <si>
    <t>5702329594448</t>
  </si>
  <si>
    <t>VELUX Plissee solar FSL C04 1276KWL</t>
  </si>
  <si>
    <t>FSL C04 1277K</t>
  </si>
  <si>
    <t>5702329574310</t>
  </si>
  <si>
    <t>VELUX Plissee solar FSL C04 1277K</t>
  </si>
  <si>
    <t>FSL C04 1277KWL</t>
  </si>
  <si>
    <t>5702329594455</t>
  </si>
  <si>
    <t>VELUX Plissee solar FSL C04 1277KWL</t>
  </si>
  <si>
    <t>FSL C04 1278KWL</t>
  </si>
  <si>
    <t>5702329594462</t>
  </si>
  <si>
    <t>VELUX Plissee solar FSL C04 1278KWL</t>
  </si>
  <si>
    <t>FSL C04 1279K</t>
  </si>
  <si>
    <t>5702329574372</t>
  </si>
  <si>
    <t>VELUX Plissee solar FSL C04 1279K</t>
  </si>
  <si>
    <t>FSL C04 1279KWL</t>
  </si>
  <si>
    <t>5702329594479</t>
  </si>
  <si>
    <t>VELUX Plissee solar FSL C04 1279KWL</t>
  </si>
  <si>
    <t>FSL C04 1280K</t>
  </si>
  <si>
    <t>5702329574419</t>
  </si>
  <si>
    <t>VELUX Plissee solar FSL C04 1280K</t>
  </si>
  <si>
    <t>FSL C04 1280KWL</t>
  </si>
  <si>
    <t>5702329594486</t>
  </si>
  <si>
    <t>VELUX Plissee solar FSL C04 1280KWL</t>
  </si>
  <si>
    <t>FSL C04 1281KWL</t>
  </si>
  <si>
    <t>5702329594493</t>
  </si>
  <si>
    <t>VELUX Plissee solar FSL C04 1281KWL</t>
  </si>
  <si>
    <t>FSL C04 1282K</t>
  </si>
  <si>
    <t>5702329574471</t>
  </si>
  <si>
    <t>VELUX Plissee solar FSL C04 1282K</t>
  </si>
  <si>
    <t>FSL C04 1283KWL</t>
  </si>
  <si>
    <t>5702329594516</t>
  </si>
  <si>
    <t>VELUX Plissee solar FSL C04 1283KWL</t>
  </si>
  <si>
    <t>FSL C04 1284K</t>
  </si>
  <si>
    <t>5702329574532</t>
  </si>
  <si>
    <t>VELUX Plissee solar FSL C04 1284K</t>
  </si>
  <si>
    <t>FSL C04 1284KWL</t>
  </si>
  <si>
    <t>5702329594523</t>
  </si>
  <si>
    <t>VELUX Plissee solar FSL C04 1284KWL</t>
  </si>
  <si>
    <t>FSL C04 1285K</t>
  </si>
  <si>
    <t>5702329574570</t>
  </si>
  <si>
    <t>VELUX Plissee solar FSL C04 1285K</t>
  </si>
  <si>
    <t>FSL C04 1285KWL</t>
  </si>
  <si>
    <t>5702329594530</t>
  </si>
  <si>
    <t>VELUX Plissee solar FSL C04 1285KWL</t>
  </si>
  <si>
    <t>FSL C04 1286KWL</t>
  </si>
  <si>
    <t>5702329594547</t>
  </si>
  <si>
    <t>VELUX Plissee solar FSL C04 1286KWL</t>
  </si>
  <si>
    <t>FSL C06 1016K</t>
  </si>
  <si>
    <t>5702329574631</t>
  </si>
  <si>
    <t>VELUX Plissee solar FSL C06 1016K</t>
  </si>
  <si>
    <t>FSL C06 1016KWL</t>
  </si>
  <si>
    <t>5702329594554</t>
  </si>
  <si>
    <t>VELUX Plissee solar FSL C06 1016KWL</t>
  </si>
  <si>
    <t>FSL C06 1256K</t>
  </si>
  <si>
    <t>5702329574662</t>
  </si>
  <si>
    <t>VELUX Plissee solar FSL C06 1256K</t>
  </si>
  <si>
    <t>FSL C06 1256KWL</t>
  </si>
  <si>
    <t>5702329594561</t>
  </si>
  <si>
    <t>VELUX Plissee solar FSL C06 1256KWL</t>
  </si>
  <si>
    <t>FSL C06 1259K</t>
  </si>
  <si>
    <t>5702329574693</t>
  </si>
  <si>
    <t>VELUX Plissee solar FSL C06 1259K</t>
  </si>
  <si>
    <t>FSL C06 1259KWL</t>
  </si>
  <si>
    <t>5702329594578</t>
  </si>
  <si>
    <t>VELUX Plissee solar FSL C06 1259KWL</t>
  </si>
  <si>
    <t>FSL C06 1274K</t>
  </si>
  <si>
    <t>5702329574730</t>
  </si>
  <si>
    <t>VELUX Plissee solar FSL C06 1274K</t>
  </si>
  <si>
    <t>FSL C06 1274KWL</t>
  </si>
  <si>
    <t>5702329594585</t>
  </si>
  <si>
    <t>VELUX Plissee solar FSL C06 1274KWL</t>
  </si>
  <si>
    <t>FSL C06 1275K</t>
  </si>
  <si>
    <t>5702329574761</t>
  </si>
  <si>
    <t>VELUX Plissee solar FSL C06 1275K</t>
  </si>
  <si>
    <t>FSL C06 1275KWL</t>
  </si>
  <si>
    <t>5702329594592</t>
  </si>
  <si>
    <t>VELUX Plissee solar FSL C06 1275KWL</t>
  </si>
  <si>
    <t>FSL C06 1276K</t>
  </si>
  <si>
    <t>5702329574792</t>
  </si>
  <si>
    <t>VELUX Plissee solar FSL C06 1276K</t>
  </si>
  <si>
    <t>FSL C06 1276KWL</t>
  </si>
  <si>
    <t>5702329594608</t>
  </si>
  <si>
    <t>VELUX Plissee solar FSL C06 1276KWL</t>
  </si>
  <si>
    <t>FSL C06 1277K</t>
  </si>
  <si>
    <t>5702329574839</t>
  </si>
  <si>
    <t>VELUX Plissee solar FSL C06 1277K</t>
  </si>
  <si>
    <t>FSL C06 1277KWL</t>
  </si>
  <si>
    <t>5702329594615</t>
  </si>
  <si>
    <t>VELUX Plissee solar FSL C06 1277KWL</t>
  </si>
  <si>
    <t>FSL C06 1278K</t>
  </si>
  <si>
    <t>5702329574860</t>
  </si>
  <si>
    <t>VELUX Plissee solar FSL C06 1278K</t>
  </si>
  <si>
    <t>FSL C06 1278KWL</t>
  </si>
  <si>
    <t>5702329594622</t>
  </si>
  <si>
    <t>VELUX Plissee solar FSL C06 1278KWL</t>
  </si>
  <si>
    <t>FSL C06 1279K</t>
  </si>
  <si>
    <t>5702329574907</t>
  </si>
  <si>
    <t>VELUX Plissee solar FSL C06 1279K</t>
  </si>
  <si>
    <t>FSL C06 1279KWL</t>
  </si>
  <si>
    <t>5702329594639</t>
  </si>
  <si>
    <t>VELUX Plissee solar FSL C06 1279KWL</t>
  </si>
  <si>
    <t>FSL C06 1280K</t>
  </si>
  <si>
    <t>5702329574938</t>
  </si>
  <si>
    <t>VELUX Plissee solar FSL C06 1280K</t>
  </si>
  <si>
    <t>FSL C06 1280KWL</t>
  </si>
  <si>
    <t>5702329594646</t>
  </si>
  <si>
    <t>VELUX Plissee solar FSL C06 1280KWL</t>
  </si>
  <si>
    <t>FSL C06 1281K</t>
  </si>
  <si>
    <t>5702329574952</t>
  </si>
  <si>
    <t>VELUX Plissee solar FSL C06 1281K</t>
  </si>
  <si>
    <t>FSL C06 1281KWL</t>
  </si>
  <si>
    <t>5702329594653</t>
  </si>
  <si>
    <t>VELUX Plissee solar FSL C06 1281KWL</t>
  </si>
  <si>
    <t>FSL C06 1282K</t>
  </si>
  <si>
    <t>5702329574983</t>
  </si>
  <si>
    <t>VELUX Plissee solar FSL C06 1282K</t>
  </si>
  <si>
    <t>FSL C06 1282KWL</t>
  </si>
  <si>
    <t>5702329594660</t>
  </si>
  <si>
    <t>VELUX Plissee solar FSL C06 1282KWL</t>
  </si>
  <si>
    <t>FSL C06 1283K</t>
  </si>
  <si>
    <t>5702329575010</t>
  </si>
  <si>
    <t>VELUX Plissee solar FSL C06 1283K</t>
  </si>
  <si>
    <t>FSL C06 1283KWL</t>
  </si>
  <si>
    <t>5702329594677</t>
  </si>
  <si>
    <t>VELUX Plissee solar FSL C06 1283KWL</t>
  </si>
  <si>
    <t>FSL C06 1284K</t>
  </si>
  <si>
    <t>5702329575058</t>
  </si>
  <si>
    <t>VELUX Plissee solar FSL C06 1284K</t>
  </si>
  <si>
    <t>FSL C06 1284KWL</t>
  </si>
  <si>
    <t>5702329594684</t>
  </si>
  <si>
    <t>VELUX Plissee solar FSL C06 1284KWL</t>
  </si>
  <si>
    <t>FSL C06 1285K</t>
  </si>
  <si>
    <t>5702329575089</t>
  </si>
  <si>
    <t>VELUX Plissee solar FSL C06 1285K</t>
  </si>
  <si>
    <t>FSL C06 1285KWL</t>
  </si>
  <si>
    <t>5702329594691</t>
  </si>
  <si>
    <t>VELUX Plissee solar FSL C06 1285KWL</t>
  </si>
  <si>
    <t>FSL C06 1286K</t>
  </si>
  <si>
    <t>5702329575119</t>
  </si>
  <si>
    <t>VELUX Plissee solar FSL C06 1286K</t>
  </si>
  <si>
    <t>FSL C06 1286KWL</t>
  </si>
  <si>
    <t>5702329594707</t>
  </si>
  <si>
    <t>VELUX Plissee solar FSL C06 1286KWL</t>
  </si>
  <si>
    <t>FSL CK02 1256K</t>
  </si>
  <si>
    <t>5702329575683</t>
  </si>
  <si>
    <t>VELUX Plissee solar FSL CK02 1256K</t>
  </si>
  <si>
    <t>FSL CK02 1276K</t>
  </si>
  <si>
    <t>5702329575805</t>
  </si>
  <si>
    <t>VELUX Plissee solar FSL CK02 1276K</t>
  </si>
  <si>
    <t>FSL CK02 1276KWL</t>
  </si>
  <si>
    <t>5702329594929</t>
  </si>
  <si>
    <t>VELUX Plissee solar FSL CK02 1276KWL</t>
  </si>
  <si>
    <t>FSL CK02 1277K</t>
  </si>
  <si>
    <t>5702329575836</t>
  </si>
  <si>
    <t>VELUX Plissee solar FSL CK02 1277K</t>
  </si>
  <si>
    <t>FSL CK02 1277KWL</t>
  </si>
  <si>
    <t>5702329594936</t>
  </si>
  <si>
    <t>VELUX Plissee solar FSL CK02 1277KWL</t>
  </si>
  <si>
    <t>FSL CK02 1279K</t>
  </si>
  <si>
    <t>5702329575898</t>
  </si>
  <si>
    <t>VELUX Plissee solar FSL CK02 1279K</t>
  </si>
  <si>
    <t>FSL CK02 1279KWL</t>
  </si>
  <si>
    <t>5702329594950</t>
  </si>
  <si>
    <t>VELUX Plissee solar FSL CK02 1279KWL</t>
  </si>
  <si>
    <t>FSL CK02 1280K</t>
  </si>
  <si>
    <t>5702329575928</t>
  </si>
  <si>
    <t>VELUX Plissee solar FSL CK02 1280K</t>
  </si>
  <si>
    <t>FSL CK02 1281K</t>
  </si>
  <si>
    <t>5702329575959</t>
  </si>
  <si>
    <t>VELUX Plissee solar FSL CK02 1281K</t>
  </si>
  <si>
    <t>FSL CK02 1281KWL</t>
  </si>
  <si>
    <t>5702329594974</t>
  </si>
  <si>
    <t>VELUX Plissee solar FSL CK02 1281KWL</t>
  </si>
  <si>
    <t>FSL CK02 1282K</t>
  </si>
  <si>
    <t>5702329575980</t>
  </si>
  <si>
    <t>VELUX Plissee solar FSL CK02 1282K</t>
  </si>
  <si>
    <t>FSL CK02 1283KWL</t>
  </si>
  <si>
    <t>5702329594998</t>
  </si>
  <si>
    <t>VELUX Plissee solar FSL CK02 1283KWL</t>
  </si>
  <si>
    <t>FSL CK02 1285KWL</t>
  </si>
  <si>
    <t>5702329595018</t>
  </si>
  <si>
    <t>VELUX Plissee solar FSL CK02 1285KWL</t>
  </si>
  <si>
    <t>FSL CK04 1274K</t>
  </si>
  <si>
    <t>5702329576222</t>
  </si>
  <si>
    <t>VELUX Plissee solar FSL CK04 1274K</t>
  </si>
  <si>
    <t>FSL CK04 1275K</t>
  </si>
  <si>
    <t>5702329576253</t>
  </si>
  <si>
    <t>VELUX Plissee solar FSL CK04 1275K</t>
  </si>
  <si>
    <t>FSL CK04 1276K</t>
  </si>
  <si>
    <t>5702329576284</t>
  </si>
  <si>
    <t>VELUX Plissee solar FSL CK04 1276K</t>
  </si>
  <si>
    <t>FSL CK04 1276KWL</t>
  </si>
  <si>
    <t>5702329595087</t>
  </si>
  <si>
    <t>VELUX Plissee solar FSL CK04 1276KWL</t>
  </si>
  <si>
    <t>FSL CK04 1279KWL</t>
  </si>
  <si>
    <t>5702329595117</t>
  </si>
  <si>
    <t>VELUX Plissee solar FSL CK04 1279KWL</t>
  </si>
  <si>
    <t>FSL CK04 1280K</t>
  </si>
  <si>
    <t>5702329576406</t>
  </si>
  <si>
    <t>VELUX Plissee solar FSL CK04 1280K</t>
  </si>
  <si>
    <t>FSL CK04 1284K</t>
  </si>
  <si>
    <t>5702329576512</t>
  </si>
  <si>
    <t>VELUX Plissee solar FSL CK04 1284K</t>
  </si>
  <si>
    <t>FSL CK04 1285K</t>
  </si>
  <si>
    <t>5702329576550</t>
  </si>
  <si>
    <t>VELUX Plissee solar FSL CK04 1285K</t>
  </si>
  <si>
    <t>FSL CK04 1285KWL</t>
  </si>
  <si>
    <t>5702329595179</t>
  </si>
  <si>
    <t>VELUX Plissee solar FSL CK04 1285KWL</t>
  </si>
  <si>
    <t>FSL CK06 1256K</t>
  </si>
  <si>
    <t>5702329576635</t>
  </si>
  <si>
    <t>VELUX Plissee solar FSL CK06 1256K</t>
  </si>
  <si>
    <t>FSL CK06 1274K</t>
  </si>
  <si>
    <t>5702329576697</t>
  </si>
  <si>
    <t>VELUX Plissee solar FSL CK06 1274K</t>
  </si>
  <si>
    <t>FSL CK06 1275K</t>
  </si>
  <si>
    <t>5702329576734</t>
  </si>
  <si>
    <t>VELUX Plissee solar FSL CK06 1275K</t>
  </si>
  <si>
    <t>FSL CK06 1276K</t>
  </si>
  <si>
    <t>5702329576765</t>
  </si>
  <si>
    <t>VELUX Plissee solar FSL CK06 1276K</t>
  </si>
  <si>
    <t>FSL CK06 1276KWL</t>
  </si>
  <si>
    <t>5702329595247</t>
  </si>
  <si>
    <t>VELUX Plissee solar FSL CK06 1276KWL</t>
  </si>
  <si>
    <t>FSL CK06 1277K</t>
  </si>
  <si>
    <t>5702329576796</t>
  </si>
  <si>
    <t>VELUX Plissee solar FSL CK06 1277K</t>
  </si>
  <si>
    <t>FSL CK06 1277KWL</t>
  </si>
  <si>
    <t>5702329595254</t>
  </si>
  <si>
    <t>VELUX Plissee solar FSL CK06 1277KWL</t>
  </si>
  <si>
    <t>FSL CK06 1279K</t>
  </si>
  <si>
    <t>5702329576857</t>
  </si>
  <si>
    <t>VELUX Plissee solar FSL CK06 1279K</t>
  </si>
  <si>
    <t>FSL CK06 1279KWL</t>
  </si>
  <si>
    <t>5702329595278</t>
  </si>
  <si>
    <t>VELUX Plissee solar FSL CK06 1279KWL</t>
  </si>
  <si>
    <t>FSL CK06 1280K</t>
  </si>
  <si>
    <t>5702329576888</t>
  </si>
  <si>
    <t>VELUX Plissee solar FSL CK06 1280K</t>
  </si>
  <si>
    <t>FSL CK06 1280KWL</t>
  </si>
  <si>
    <t>5702329595285</t>
  </si>
  <si>
    <t>VELUX Plissee solar FSL CK06 1280KWL</t>
  </si>
  <si>
    <t>FSL CK06 1281K</t>
  </si>
  <si>
    <t>5702329576918</t>
  </si>
  <si>
    <t>VELUX Plissee solar FSL CK06 1281K</t>
  </si>
  <si>
    <t>FSL CK06 1281KWL</t>
  </si>
  <si>
    <t>5702329595292</t>
  </si>
  <si>
    <t>VELUX Plissee solar FSL CK06 1281KWL</t>
  </si>
  <si>
    <t>FSL CK06 1282K</t>
  </si>
  <si>
    <t>5702329576949</t>
  </si>
  <si>
    <t>VELUX Plissee solar FSL CK06 1282K</t>
  </si>
  <si>
    <t>FSL CK06 1283KWL</t>
  </si>
  <si>
    <t>5702329595315</t>
  </si>
  <si>
    <t>VELUX Plissee solar FSL CK06 1283KWL</t>
  </si>
  <si>
    <t>FSL CK06 1284K</t>
  </si>
  <si>
    <t>5702329577007</t>
  </si>
  <si>
    <t>VELUX Plissee solar FSL CK06 1284K</t>
  </si>
  <si>
    <t>FSL CK06 1285K</t>
  </si>
  <si>
    <t>5702329577038</t>
  </si>
  <si>
    <t>VELUX Plissee solar FSL CK06 1285K</t>
  </si>
  <si>
    <t>FSL CK06 1285KWL</t>
  </si>
  <si>
    <t>5702329595339</t>
  </si>
  <si>
    <t>VELUX Plissee solar FSL CK06 1285KWL</t>
  </si>
  <si>
    <t>FSL CK06 1286K</t>
  </si>
  <si>
    <t>5702329577069</t>
  </si>
  <si>
    <t>VELUX Plissee solar FSL CK06 1286K</t>
  </si>
  <si>
    <t>FSL CK06 1286KWL</t>
  </si>
  <si>
    <t>5702329595346</t>
  </si>
  <si>
    <t>VELUX Plissee solar FSL CK06 1286KWL</t>
  </si>
  <si>
    <t>FSL F04 1016K</t>
  </si>
  <si>
    <t>5702329577090</t>
  </si>
  <si>
    <t>VELUX Plissee solar FSL F04 1016K</t>
  </si>
  <si>
    <t>FSL F04 1256K</t>
  </si>
  <si>
    <t>5702329577120</t>
  </si>
  <si>
    <t>VELUX Plissee solar FSL F04 1256K</t>
  </si>
  <si>
    <t>FSL F04 1256KWL</t>
  </si>
  <si>
    <t>5702329595360</t>
  </si>
  <si>
    <t>VELUX Plissee solar FSL F04 1256KWL</t>
  </si>
  <si>
    <t>FSL F04 1259K</t>
  </si>
  <si>
    <t>5702329577151</t>
  </si>
  <si>
    <t>VELUX Plissee solar FSL F04 1259K</t>
  </si>
  <si>
    <t>FSL F04 1259KWL</t>
  </si>
  <si>
    <t>5702329595377</t>
  </si>
  <si>
    <t>VELUX Plissee solar FSL F04 1259KWL</t>
  </si>
  <si>
    <t>FSL F04 1274K</t>
  </si>
  <si>
    <t>5702329577182</t>
  </si>
  <si>
    <t>VELUX Plissee solar FSL F04 1274K</t>
  </si>
  <si>
    <t>FSL F04 1274KWL</t>
  </si>
  <si>
    <t>5702329595384</t>
  </si>
  <si>
    <t>VELUX Plissee solar FSL F04 1274KWL</t>
  </si>
  <si>
    <t>FSL F04 1275K</t>
  </si>
  <si>
    <t>5702329577212</t>
  </si>
  <si>
    <t>VELUX Plissee solar FSL F04 1275K</t>
  </si>
  <si>
    <t>FSL F04 1275KWL</t>
  </si>
  <si>
    <t>5702329595391</t>
  </si>
  <si>
    <t>VELUX Plissee solar FSL F04 1275KWL</t>
  </si>
  <si>
    <t>FSL F04 1276K</t>
  </si>
  <si>
    <t>5702329577243</t>
  </si>
  <si>
    <t>VELUX Plissee solar FSL F04 1276K</t>
  </si>
  <si>
    <t>FSL F04 1276KWL</t>
  </si>
  <si>
    <t>5702329595407</t>
  </si>
  <si>
    <t>VELUX Plissee solar FSL F04 1276KWL</t>
  </si>
  <si>
    <t>FSL F04 1277K</t>
  </si>
  <si>
    <t>5702329577274</t>
  </si>
  <si>
    <t>VELUX Plissee solar FSL F04 1277K</t>
  </si>
  <si>
    <t>FSL F04 1277KWL</t>
  </si>
  <si>
    <t>5702329595414</t>
  </si>
  <si>
    <t>VELUX Plissee solar FSL F04 1277KWL</t>
  </si>
  <si>
    <t>FSL F04 1278K</t>
  </si>
  <si>
    <t>5702329577304</t>
  </si>
  <si>
    <t>VELUX Plissee solar FSL F04 1278K</t>
  </si>
  <si>
    <t>FSL F04 1278KWL</t>
  </si>
  <si>
    <t>5702329595421</t>
  </si>
  <si>
    <t>VELUX Plissee solar FSL F04 1278KWL</t>
  </si>
  <si>
    <t>FSL F04 1279K</t>
  </si>
  <si>
    <t>5702329577335</t>
  </si>
  <si>
    <t>VELUX Plissee solar FSL F04 1279K</t>
  </si>
  <si>
    <t>FSL F04 1279KWL</t>
  </si>
  <si>
    <t>5702329595438</t>
  </si>
  <si>
    <t>VELUX Plissee solar FSL F04 1279KWL</t>
  </si>
  <si>
    <t>FSL F04 1280K</t>
  </si>
  <si>
    <t>5702329577366</t>
  </si>
  <si>
    <t>VELUX Plissee solar FSL F04 1280K</t>
  </si>
  <si>
    <t>FSL F04 1280KWL</t>
  </si>
  <si>
    <t>5702329595445</t>
  </si>
  <si>
    <t>VELUX Plissee solar FSL F04 1280KWL</t>
  </si>
  <si>
    <t>FSL F04 1281K</t>
  </si>
  <si>
    <t>5702329577397</t>
  </si>
  <si>
    <t>VELUX Plissee solar FSL F04 1281K</t>
  </si>
  <si>
    <t>FSL F04 1281KWL</t>
  </si>
  <si>
    <t>5702329595452</t>
  </si>
  <si>
    <t>VELUX Plissee solar FSL F04 1281KWL</t>
  </si>
  <si>
    <t>FSL F04 1282K</t>
  </si>
  <si>
    <t>5702329577427</t>
  </si>
  <si>
    <t>VELUX Plissee solar FSL F04 1282K</t>
  </si>
  <si>
    <t>FSL F04 1282KWL</t>
  </si>
  <si>
    <t>5702329595469</t>
  </si>
  <si>
    <t>VELUX Plissee solar FSL F04 1282KWL</t>
  </si>
  <si>
    <t>FSL F04 1283K</t>
  </si>
  <si>
    <t>5702329577458</t>
  </si>
  <si>
    <t>VELUX Plissee solar FSL F04 1283K</t>
  </si>
  <si>
    <t>FSL F04 1283KWL</t>
  </si>
  <si>
    <t>5702329595476</t>
  </si>
  <si>
    <t>VELUX Plissee solar FSL F04 1283KWL</t>
  </si>
  <si>
    <t>FSL F04 1284K</t>
  </si>
  <si>
    <t>5702329577489</t>
  </si>
  <si>
    <t>VELUX Plissee solar FSL F04 1284K</t>
  </si>
  <si>
    <t>FSL F04 1284KWL</t>
  </si>
  <si>
    <t>5702329595483</t>
  </si>
  <si>
    <t>VELUX Plissee solar FSL F04 1284KWL</t>
  </si>
  <si>
    <t>FSL F04 1285K</t>
  </si>
  <si>
    <t>5702329577526</t>
  </si>
  <si>
    <t>VELUX Plissee solar FSL F04 1285K</t>
  </si>
  <si>
    <t>FSL F04 1285KWL</t>
  </si>
  <si>
    <t>5702329595490</t>
  </si>
  <si>
    <t>VELUX Plissee solar FSL F04 1285KWL</t>
  </si>
  <si>
    <t>FSL F04 1286K</t>
  </si>
  <si>
    <t>5702329577557</t>
  </si>
  <si>
    <t>VELUX Plissee solar FSL F04 1286K</t>
  </si>
  <si>
    <t>FSL F04 1286KWL</t>
  </si>
  <si>
    <t>5702329595506</t>
  </si>
  <si>
    <t>VELUX Plissee solar FSL F04 1286KWL</t>
  </si>
  <si>
    <t>FSL F06 1259KWL</t>
  </si>
  <si>
    <t>5702329595537</t>
  </si>
  <si>
    <t>VELUX Plissee solar FSL F06 1259KWL</t>
  </si>
  <si>
    <t>FSL F06 1274K</t>
  </si>
  <si>
    <t>5702329577687</t>
  </si>
  <si>
    <t>VELUX Plissee solar FSL F06 1274K</t>
  </si>
  <si>
    <t>FSL F06 1274KWL</t>
  </si>
  <si>
    <t>5702329595544</t>
  </si>
  <si>
    <t>VELUX Plissee solar FSL F06 1274KWL</t>
  </si>
  <si>
    <t>FSL F06 1276K</t>
  </si>
  <si>
    <t>5702329577748</t>
  </si>
  <si>
    <t>VELUX Plissee solar FSL F06 1276K</t>
  </si>
  <si>
    <t>FSL F06 1276KWL</t>
  </si>
  <si>
    <t>5702329595568</t>
  </si>
  <si>
    <t>VELUX Plissee solar FSL F06 1276KWL</t>
  </si>
  <si>
    <t>FSL F06 1277K</t>
  </si>
  <si>
    <t>5702329577779</t>
  </si>
  <si>
    <t>VELUX Plissee solar FSL F06 1277K</t>
  </si>
  <si>
    <t>FSL F06 1277KWL</t>
  </si>
  <si>
    <t>5702329595575</t>
  </si>
  <si>
    <t>VELUX Plissee solar FSL F06 1277KWL</t>
  </si>
  <si>
    <t>FSL F06 1279K</t>
  </si>
  <si>
    <t>5702329577830</t>
  </si>
  <si>
    <t>VELUX Plissee solar FSL F06 1279K</t>
  </si>
  <si>
    <t>FSL F06 1279KWL</t>
  </si>
  <si>
    <t>5702329595599</t>
  </si>
  <si>
    <t>VELUX Plissee solar FSL F06 1279KWL</t>
  </si>
  <si>
    <t>FSL F06 1280KWL</t>
  </si>
  <si>
    <t>5702329595605</t>
  </si>
  <si>
    <t>VELUX Plissee solar FSL F06 1280KWL</t>
  </si>
  <si>
    <t>FSL F06 1281KWL</t>
  </si>
  <si>
    <t>5702329595612</t>
  </si>
  <si>
    <t>VELUX Plissee solar FSL F06 1281KWL</t>
  </si>
  <si>
    <t>FSL F06 1282KWL</t>
  </si>
  <si>
    <t>5702329595629</t>
  </si>
  <si>
    <t>VELUX Plissee solar FSL F06 1282KWL</t>
  </si>
  <si>
    <t>FSL F06 1283K</t>
  </si>
  <si>
    <t>5702329577953</t>
  </si>
  <si>
    <t>VELUX Plissee solar FSL F06 1283K</t>
  </si>
  <si>
    <t>FSL F06 1283KWL</t>
  </si>
  <si>
    <t>5702329595636</t>
  </si>
  <si>
    <t>VELUX Plissee solar FSL F06 1283KWL</t>
  </si>
  <si>
    <t>FSL F06 1284K</t>
  </si>
  <si>
    <t>5702329577984</t>
  </si>
  <si>
    <t>VELUX Plissee solar FSL F06 1284K</t>
  </si>
  <si>
    <t>FSL F06 1285K</t>
  </si>
  <si>
    <t>5702329578011</t>
  </si>
  <si>
    <t>VELUX Plissee solar FSL F06 1285K</t>
  </si>
  <si>
    <t>FSL F06 1285KWL</t>
  </si>
  <si>
    <t>5702329595650</t>
  </si>
  <si>
    <t>VELUX Plissee solar FSL F06 1285KWL</t>
  </si>
  <si>
    <t>FSL F08 1256K</t>
  </si>
  <si>
    <t>5702329578103</t>
  </si>
  <si>
    <t>VELUX Plissee solar FSL F08 1256K</t>
  </si>
  <si>
    <t>FSL F08 1256KWL</t>
  </si>
  <si>
    <t>5702329595681</t>
  </si>
  <si>
    <t>VELUX Plissee solar FSL F08 1256KWL</t>
  </si>
  <si>
    <t>FSL F08 1259KWL</t>
  </si>
  <si>
    <t>5702329595698</t>
  </si>
  <si>
    <t>VELUX Plissee solar FSL F08 1259KWL</t>
  </si>
  <si>
    <t>FSL F08 1274K</t>
  </si>
  <si>
    <t>5702329578165</t>
  </si>
  <si>
    <t>VELUX Plissee solar FSL F08 1274K</t>
  </si>
  <si>
    <t>FSL F08 1274KWL</t>
  </si>
  <si>
    <t>5702329595704</t>
  </si>
  <si>
    <t>VELUX Plissee solar FSL F08 1274KWL</t>
  </si>
  <si>
    <t>FSL F08 1275K</t>
  </si>
  <si>
    <t>5702329578196</t>
  </si>
  <si>
    <t>VELUX Plissee solar FSL F08 1275K</t>
  </si>
  <si>
    <t>FSL F08 1275KWL</t>
  </si>
  <si>
    <t>5702329595711</t>
  </si>
  <si>
    <t>VELUX Plissee solar FSL F08 1275KWL</t>
  </si>
  <si>
    <t>FSL F08 1276K</t>
  </si>
  <si>
    <t>5702329578226</t>
  </si>
  <si>
    <t>VELUX Plissee solar FSL F08 1276K</t>
  </si>
  <si>
    <t>FSL F08 1276KWL</t>
  </si>
  <si>
    <t>5702329595728</t>
  </si>
  <si>
    <t>VELUX Plissee solar FSL F08 1276KWL</t>
  </si>
  <si>
    <t>FSL F08 1277K</t>
  </si>
  <si>
    <t>5702329578257</t>
  </si>
  <si>
    <t>VELUX Plissee solar FSL F08 1277K</t>
  </si>
  <si>
    <t>FSL F08 1277KWL</t>
  </si>
  <si>
    <t>5702329595735</t>
  </si>
  <si>
    <t>VELUX Plissee solar FSL F08 1277KWL</t>
  </si>
  <si>
    <t>FSL F08 1278K</t>
  </si>
  <si>
    <t>5702329578288</t>
  </si>
  <si>
    <t>VELUX Plissee solar FSL F08 1278K</t>
  </si>
  <si>
    <t>FSL F08 1278KWL</t>
  </si>
  <si>
    <t>5702329595742</t>
  </si>
  <si>
    <t>VELUX Plissee solar FSL F08 1278KWL</t>
  </si>
  <si>
    <t>FSL F08 1279K</t>
  </si>
  <si>
    <t>5702329578318</t>
  </si>
  <si>
    <t>VELUX Plissee solar FSL F08 1279K</t>
  </si>
  <si>
    <t>FSL F08 1279KWL</t>
  </si>
  <si>
    <t>5702329595759</t>
  </si>
  <si>
    <t>VELUX Plissee solar FSL F08 1279KWL</t>
  </si>
  <si>
    <t>FSL F08 1280K</t>
  </si>
  <si>
    <t>5702329578349</t>
  </si>
  <si>
    <t>VELUX Plissee solar FSL F08 1280K</t>
  </si>
  <si>
    <t>FSL F08 1280KWL</t>
  </si>
  <si>
    <t>5702329595766</t>
  </si>
  <si>
    <t>VELUX Plissee solar FSL F08 1280KWL</t>
  </si>
  <si>
    <t>FSL F08 1281K</t>
  </si>
  <si>
    <t>5702329578370</t>
  </si>
  <si>
    <t>VELUX Plissee solar FSL F08 1281K</t>
  </si>
  <si>
    <t>FSL F08 1281KWL</t>
  </si>
  <si>
    <t>5702329595773</t>
  </si>
  <si>
    <t>VELUX Plissee solar FSL F08 1281KWL</t>
  </si>
  <si>
    <t>FSL F08 1282K</t>
  </si>
  <si>
    <t>5702329578400</t>
  </si>
  <si>
    <t>VELUX Plissee solar FSL F08 1282K</t>
  </si>
  <si>
    <t>FSL F08 1282KWL</t>
  </si>
  <si>
    <t>5702329595780</t>
  </si>
  <si>
    <t>VELUX Plissee solar FSL F08 1282KWL</t>
  </si>
  <si>
    <t>FSL F08 1283K</t>
  </si>
  <si>
    <t>5702329578431</t>
  </si>
  <si>
    <t>VELUX Plissee solar FSL F08 1283K</t>
  </si>
  <si>
    <t>FSL F08 1283KWL</t>
  </si>
  <si>
    <t>5702329595797</t>
  </si>
  <si>
    <t>VELUX Plissee solar FSL F08 1283KWL</t>
  </si>
  <si>
    <t>FSL F08 1284K</t>
  </si>
  <si>
    <t>5702329578462</t>
  </si>
  <si>
    <t>VELUX Plissee solar FSL F08 1284K</t>
  </si>
  <si>
    <t>FSL F08 1284KWL</t>
  </si>
  <si>
    <t>5702329595803</t>
  </si>
  <si>
    <t>VELUX Plissee solar FSL F08 1284KWL</t>
  </si>
  <si>
    <t>FSL F08 1285K</t>
  </si>
  <si>
    <t>5702329578493</t>
  </si>
  <si>
    <t>VELUX Plissee solar FSL F08 1285K</t>
  </si>
  <si>
    <t>FSL F08 1285KWL</t>
  </si>
  <si>
    <t>5702329595810</t>
  </si>
  <si>
    <t>VELUX Plissee solar FSL F08 1285KWL</t>
  </si>
  <si>
    <t>FSL F08 1286K</t>
  </si>
  <si>
    <t>5702329578523</t>
  </si>
  <si>
    <t>VELUX Plissee solar FSL F08 1286K</t>
  </si>
  <si>
    <t>FSL F08 1286KWL</t>
  </si>
  <si>
    <t>5702329595827</t>
  </si>
  <si>
    <t>VELUX Plissee solar FSL F08 1286KWL</t>
  </si>
  <si>
    <t>FSL FK04 1256K</t>
  </si>
  <si>
    <t>5702329578585</t>
  </si>
  <si>
    <t>VELUX Plissee solar FSL FK04 1256K</t>
  </si>
  <si>
    <t>FSL FK04 1274KWL</t>
  </si>
  <si>
    <t>5702329595865</t>
  </si>
  <si>
    <t>VELUX Plissee solar FSL FK04 1274KWL</t>
  </si>
  <si>
    <t>FSL FK04 1275K</t>
  </si>
  <si>
    <t>5702329578677</t>
  </si>
  <si>
    <t>VELUX Plissee solar FSL FK04 1275K</t>
  </si>
  <si>
    <t>FSL FK04 1276K</t>
  </si>
  <si>
    <t>5702329578707</t>
  </si>
  <si>
    <t>VELUX Plissee solar FSL FK04 1276K</t>
  </si>
  <si>
    <t>FSL FK04 1276KWL</t>
  </si>
  <si>
    <t>5702329595889</t>
  </si>
  <si>
    <t>VELUX Plissee solar FSL FK04 1276KWL</t>
  </si>
  <si>
    <t>FSL FK04 1277K</t>
  </si>
  <si>
    <t>5702329578738</t>
  </si>
  <si>
    <t>VELUX Plissee solar FSL FK04 1277K</t>
  </si>
  <si>
    <t>FSL FK04 1277KWL</t>
  </si>
  <si>
    <t>5702329595896</t>
  </si>
  <si>
    <t>VELUX Plissee solar FSL FK04 1277KWL</t>
  </si>
  <si>
    <t>FSL FK04 1278K</t>
  </si>
  <si>
    <t>5702329578769</t>
  </si>
  <si>
    <t>VELUX Plissee solar FSL FK04 1278K</t>
  </si>
  <si>
    <t>FSL FK04 1279K</t>
  </si>
  <si>
    <t>5702329578790</t>
  </si>
  <si>
    <t>VELUX Plissee solar FSL FK04 1279K</t>
  </si>
  <si>
    <t>FSL FK04 1279KWL</t>
  </si>
  <si>
    <t>5702329595919</t>
  </si>
  <si>
    <t>VELUX Plissee solar FSL FK04 1279KWL</t>
  </si>
  <si>
    <t>FSL FK04 1280K</t>
  </si>
  <si>
    <t>5702329578820</t>
  </si>
  <si>
    <t>VELUX Plissee solar FSL FK04 1280K</t>
  </si>
  <si>
    <t>FSL FK04 1280KWL</t>
  </si>
  <si>
    <t>5702329595926</t>
  </si>
  <si>
    <t>VELUX Plissee solar FSL FK04 1280KWL</t>
  </si>
  <si>
    <t>FSL FK04 1281K</t>
  </si>
  <si>
    <t>5702329578851</t>
  </si>
  <si>
    <t>VELUX Plissee solar FSL FK04 1281K</t>
  </si>
  <si>
    <t>FSL FK04 1281KWL</t>
  </si>
  <si>
    <t>5702329595933</t>
  </si>
  <si>
    <t>VELUX Plissee solar FSL FK04 1281KWL</t>
  </si>
  <si>
    <t>FSL FK04 1282K</t>
  </si>
  <si>
    <t>5702329578882</t>
  </si>
  <si>
    <t>VELUX Plissee solar FSL FK04 1282K</t>
  </si>
  <si>
    <t>FSL FK04 1283K</t>
  </si>
  <si>
    <t>5702329578912</t>
  </si>
  <si>
    <t>VELUX Plissee solar FSL FK04 1283K</t>
  </si>
  <si>
    <t>FSL FK04 1283KWL</t>
  </si>
  <si>
    <t>5702329595957</t>
  </si>
  <si>
    <t>VELUX Plissee solar FSL FK04 1283KWL</t>
  </si>
  <si>
    <t>FSL FK04 1284K</t>
  </si>
  <si>
    <t>5702329578943</t>
  </si>
  <si>
    <t>VELUX Plissee solar FSL FK04 1284K</t>
  </si>
  <si>
    <t>FSL FK04 1284KWL</t>
  </si>
  <si>
    <t>5702329595964</t>
  </si>
  <si>
    <t>VELUX Plissee solar FSL FK04 1284KWL</t>
  </si>
  <si>
    <t>FSL FK04 1285K</t>
  </si>
  <si>
    <t>5702329578974</t>
  </si>
  <si>
    <t>VELUX Plissee solar FSL FK04 1285K</t>
  </si>
  <si>
    <t>FSL FK04 1285KWL</t>
  </si>
  <si>
    <t>5702329595971</t>
  </si>
  <si>
    <t>VELUX Plissee solar FSL FK04 1285KWL</t>
  </si>
  <si>
    <t>FSL FK04 1286K</t>
  </si>
  <si>
    <t>5702329579001</t>
  </si>
  <si>
    <t>VELUX Plissee solar FSL FK04 1286K</t>
  </si>
  <si>
    <t>FSL FK04 1286KWL</t>
  </si>
  <si>
    <t>5702329595988</t>
  </si>
  <si>
    <t>VELUX Plissee solar FSL FK04 1286KWL</t>
  </si>
  <si>
    <t>FSL FK06 1274K</t>
  </si>
  <si>
    <t>5702329579124</t>
  </si>
  <si>
    <t>VELUX Plissee solar FSL FK06 1274K</t>
  </si>
  <si>
    <t>FSL FK06 1276K</t>
  </si>
  <si>
    <t>5702329579186</t>
  </si>
  <si>
    <t>VELUX Plissee solar FSL FK06 1276K</t>
  </si>
  <si>
    <t>FSL FK06 1280K</t>
  </si>
  <si>
    <t>5702329579308</t>
  </si>
  <si>
    <t>VELUX Plissee solar FSL FK06 1280K</t>
  </si>
  <si>
    <t>FSL FK06 1281K</t>
  </si>
  <si>
    <t>5702329579339</t>
  </si>
  <si>
    <t>VELUX Plissee solar FSL FK06 1281K</t>
  </si>
  <si>
    <t>FSL FK06 1283K</t>
  </si>
  <si>
    <t>5702329579391</t>
  </si>
  <si>
    <t>VELUX Plissee solar FSL FK06 1283K</t>
  </si>
  <si>
    <t>FSL FK06 1283KWL</t>
  </si>
  <si>
    <t>5702329596114</t>
  </si>
  <si>
    <t>VELUX Plissee solar FSL FK06 1283KWL</t>
  </si>
  <si>
    <t>FSL FK06 1284K</t>
  </si>
  <si>
    <t>5702329579414</t>
  </si>
  <si>
    <t>VELUX Plissee solar FSL FK06 1284K</t>
  </si>
  <si>
    <t>FSL FK06 1285K</t>
  </si>
  <si>
    <t>5702329579452</t>
  </si>
  <si>
    <t>VELUX Plissee solar FSL FK06 1285K</t>
  </si>
  <si>
    <t>FSL FK08 1256K</t>
  </si>
  <si>
    <t>5702329579537</t>
  </si>
  <si>
    <t>VELUX Plissee solar FSL FK08 1256K</t>
  </si>
  <si>
    <t>FSL FK08 1274K</t>
  </si>
  <si>
    <t>5702329579599</t>
  </si>
  <si>
    <t>VELUX Plissee solar FSL FK08 1274K</t>
  </si>
  <si>
    <t>FSL FK08 1275K</t>
  </si>
  <si>
    <t>5702329579629</t>
  </si>
  <si>
    <t>VELUX Plissee solar FSL FK08 1275K</t>
  </si>
  <si>
    <t>FSL FK08 1276K</t>
  </si>
  <si>
    <t>5702329579650</t>
  </si>
  <si>
    <t>VELUX Plissee solar FSL FK08 1276K</t>
  </si>
  <si>
    <t>FSL FK08 1277K</t>
  </si>
  <si>
    <t>5702329579681</t>
  </si>
  <si>
    <t>VELUX Plissee solar FSL FK08 1277K</t>
  </si>
  <si>
    <t>FSL FK08 1278KWL</t>
  </si>
  <si>
    <t>5702329596220</t>
  </si>
  <si>
    <t>VELUX Plissee solar FSL FK08 1278KWL</t>
  </si>
  <si>
    <t>FSL FK08 1279K</t>
  </si>
  <si>
    <t>5702329579742</t>
  </si>
  <si>
    <t>VELUX Plissee solar FSL FK08 1279K</t>
  </si>
  <si>
    <t>FSL FK08 1280K</t>
  </si>
  <si>
    <t>5702329579773</t>
  </si>
  <si>
    <t>VELUX Plissee solar FSL FK08 1280K</t>
  </si>
  <si>
    <t>FSL FK08 1280KWL</t>
  </si>
  <si>
    <t>5702329596244</t>
  </si>
  <si>
    <t>VELUX Plissee solar FSL FK08 1280KWL</t>
  </si>
  <si>
    <t>FSL FK08 1282K</t>
  </si>
  <si>
    <t>5702329579834</t>
  </si>
  <si>
    <t>VELUX Plissee solar FSL FK08 1282K</t>
  </si>
  <si>
    <t>FSL FK08 1282KWL</t>
  </si>
  <si>
    <t>5702329596268</t>
  </si>
  <si>
    <t>VELUX Plissee solar FSL FK08 1282KWL</t>
  </si>
  <si>
    <t>FSL FK08 1283K</t>
  </si>
  <si>
    <t>5702329579865</t>
  </si>
  <si>
    <t>VELUX Plissee solar FSL FK08 1283K</t>
  </si>
  <si>
    <t>FSL FK08 1284KWL</t>
  </si>
  <si>
    <t>5702329596282</t>
  </si>
  <si>
    <t>VELUX Plissee solar FSL FK08 1284KWL</t>
  </si>
  <si>
    <t>FSL FK08 1285K</t>
  </si>
  <si>
    <t>5702329579926</t>
  </si>
  <si>
    <t>VELUX Plissee solar FSL FK08 1285K</t>
  </si>
  <si>
    <t>FSL FK08 1286K</t>
  </si>
  <si>
    <t>5702329579957</t>
  </si>
  <si>
    <t>VELUX Plissee solar FSL FK08 1286K</t>
  </si>
  <si>
    <t>FSL M04 1276K</t>
  </si>
  <si>
    <t>5702329580120</t>
  </si>
  <si>
    <t>VELUX Plissee solar FSL M04 1276K</t>
  </si>
  <si>
    <t>FSL M04 1276KWL</t>
  </si>
  <si>
    <t>5702329596367</t>
  </si>
  <si>
    <t>VELUX Plissee solar FSL M04 1276KWL</t>
  </si>
  <si>
    <t>FSL M04 1277KWL</t>
  </si>
  <si>
    <t>5702329596374</t>
  </si>
  <si>
    <t>VELUX Plissee solar FSL M04 1277KWL</t>
  </si>
  <si>
    <t>FSL M04 1280KWL</t>
  </si>
  <si>
    <t>5702329596404</t>
  </si>
  <si>
    <t>VELUX Plissee solar FSL M04 1280KWL</t>
  </si>
  <si>
    <t>FSL M04 1281K</t>
  </si>
  <si>
    <t>5702329580274</t>
  </si>
  <si>
    <t>VELUX Plissee solar FSL M04 1281K</t>
  </si>
  <si>
    <t>FSL M04 1284KWL</t>
  </si>
  <si>
    <t>5702329596442</t>
  </si>
  <si>
    <t>VELUX Plissee solar FSL M04 1284KWL</t>
  </si>
  <si>
    <t>FSL M06 1274K</t>
  </si>
  <si>
    <t>5702329580540</t>
  </si>
  <si>
    <t>VELUX Plissee solar FSL M06 1274K</t>
  </si>
  <si>
    <t>FSL M06 1274KWL</t>
  </si>
  <si>
    <t>5702329596503</t>
  </si>
  <si>
    <t>VELUX Plissee solar FSL M06 1274KWL</t>
  </si>
  <si>
    <t>FSL M06 1276KWL</t>
  </si>
  <si>
    <t>5702329596527</t>
  </si>
  <si>
    <t>VELUX Plissee solar FSL M06 1276KWL</t>
  </si>
  <si>
    <t>FSL M06 1277K</t>
  </si>
  <si>
    <t>5702329580632</t>
  </si>
  <si>
    <t>VELUX Plissee solar FSL M06 1277K</t>
  </si>
  <si>
    <t>FSL M06 1277KWL</t>
  </si>
  <si>
    <t>5702329596534</t>
  </si>
  <si>
    <t>VELUX Plissee solar FSL M06 1277KWL</t>
  </si>
  <si>
    <t>FSL M06 1279K</t>
  </si>
  <si>
    <t>5702329580694</t>
  </si>
  <si>
    <t>VELUX Plissee solar FSL M06 1279K</t>
  </si>
  <si>
    <t>FSL M06 1279KWL</t>
  </si>
  <si>
    <t>5702329596558</t>
  </si>
  <si>
    <t>VELUX Plissee solar FSL M06 1279KWL</t>
  </si>
  <si>
    <t>FSL M06 1280KWL</t>
  </si>
  <si>
    <t>5702329596565</t>
  </si>
  <si>
    <t>VELUX Plissee solar FSL M06 1280KWL</t>
  </si>
  <si>
    <t>FSL M06 1281K</t>
  </si>
  <si>
    <t>5702329580755</t>
  </si>
  <si>
    <t>VELUX Plissee solar FSL M06 1281K</t>
  </si>
  <si>
    <t>FSL M06 1281KWL</t>
  </si>
  <si>
    <t>5702329596572</t>
  </si>
  <si>
    <t>VELUX Plissee solar FSL M06 1281KWL</t>
  </si>
  <si>
    <t>FSL M06 1283KWL</t>
  </si>
  <si>
    <t>5702329596596</t>
  </si>
  <si>
    <t>VELUX Plissee solar FSL M06 1283KWL</t>
  </si>
  <si>
    <t>FSL M06 1285K</t>
  </si>
  <si>
    <t>5702329580878</t>
  </si>
  <si>
    <t>VELUX Plissee solar FSL M06 1285K</t>
  </si>
  <si>
    <t>FSL M06 1285KWL</t>
  </si>
  <si>
    <t>5702329596619</t>
  </si>
  <si>
    <t>VELUX Plissee solar FSL M06 1285KWL</t>
  </si>
  <si>
    <t>FSL M06 1286KWL</t>
  </si>
  <si>
    <t>5702329596626</t>
  </si>
  <si>
    <t>VELUX Plissee solar FSL M06 1286KWL</t>
  </si>
  <si>
    <t>FSL M08 1276K</t>
  </si>
  <si>
    <t>5702329581080</t>
  </si>
  <si>
    <t>VELUX Plissee solar FSL M08 1276K</t>
  </si>
  <si>
    <t>FSL M08 1279K</t>
  </si>
  <si>
    <t>5702329581172</t>
  </si>
  <si>
    <t>VELUX Plissee solar FSL M08 1279K</t>
  </si>
  <si>
    <t>FSL M08 1279KWL</t>
  </si>
  <si>
    <t>5702329596718</t>
  </si>
  <si>
    <t>VELUX Plissee solar FSL M08 1279KWL</t>
  </si>
  <si>
    <t>FSL M08 1280KWL</t>
  </si>
  <si>
    <t>5702329596725</t>
  </si>
  <si>
    <t>VELUX Plissee solar FSL M08 1280KWL</t>
  </si>
  <si>
    <t>FSL M08 1283KWL</t>
  </si>
  <si>
    <t>5702329596756</t>
  </si>
  <si>
    <t>VELUX Plissee solar FSL M08 1283KWL</t>
  </si>
  <si>
    <t>FSL M10 1016KWL</t>
  </si>
  <si>
    <t>5702329596794</t>
  </si>
  <si>
    <t>VELUX Plissee solar FSL M10 1016KWL</t>
  </si>
  <si>
    <t>FSL M10 1256K</t>
  </si>
  <si>
    <t>5702329581448</t>
  </si>
  <si>
    <t>VELUX Plissee solar FSL M10 1256K</t>
  </si>
  <si>
    <t>FSL M10 1259K</t>
  </si>
  <si>
    <t>5702329581479</t>
  </si>
  <si>
    <t>VELUX Plissee solar FSL M10 1259K</t>
  </si>
  <si>
    <t>FSL M10 1274KWL</t>
  </si>
  <si>
    <t>5702329596824</t>
  </si>
  <si>
    <t>VELUX Plissee solar FSL M10 1274KWL</t>
  </si>
  <si>
    <t>FSL M10 1275K</t>
  </si>
  <si>
    <t>5702329581530</t>
  </si>
  <si>
    <t>VELUX Plissee solar FSL M10 1275K</t>
  </si>
  <si>
    <t>FSL M10 1275KWL</t>
  </si>
  <si>
    <t>5702329596831</t>
  </si>
  <si>
    <t>VELUX Plissee solar FSL M10 1275KWL</t>
  </si>
  <si>
    <t>FSL M10 1276K</t>
  </si>
  <si>
    <t>5702329581578</t>
  </si>
  <si>
    <t>VELUX Plissee solar FSL M10 1276K</t>
  </si>
  <si>
    <t>FSL M10 1276KWL</t>
  </si>
  <si>
    <t>5702329596848</t>
  </si>
  <si>
    <t>VELUX Plissee solar FSL M10 1276KWL</t>
  </si>
  <si>
    <t>FSL M10 1277K</t>
  </si>
  <si>
    <t>5702329581608</t>
  </si>
  <si>
    <t>VELUX Plissee solar FSL M10 1277K</t>
  </si>
  <si>
    <t>FSL M10 1277KWL</t>
  </si>
  <si>
    <t>5702329596855</t>
  </si>
  <si>
    <t>VELUX Plissee solar FSL M10 1277KWL</t>
  </si>
  <si>
    <t>FSL M10 1278K</t>
  </si>
  <si>
    <t>5702329581639</t>
  </si>
  <si>
    <t>VELUX Plissee solar FSL M10 1278K</t>
  </si>
  <si>
    <t>FSL M10 1278KWL</t>
  </si>
  <si>
    <t>5702329596862</t>
  </si>
  <si>
    <t>VELUX Plissee solar FSL M10 1278KWL</t>
  </si>
  <si>
    <t>FSL M10 1279K</t>
  </si>
  <si>
    <t>5702329581660</t>
  </si>
  <si>
    <t>VELUX Plissee solar FSL M10 1279K</t>
  </si>
  <si>
    <t>FSL M10 1279KWL</t>
  </si>
  <si>
    <t>5702329596879</t>
  </si>
  <si>
    <t>VELUX Plissee solar FSL M10 1279KWL</t>
  </si>
  <si>
    <t>FSL M10 1280K</t>
  </si>
  <si>
    <t>5702329581691</t>
  </si>
  <si>
    <t>VELUX Plissee solar FSL M10 1280K</t>
  </si>
  <si>
    <t>FSL M10 1280KWL</t>
  </si>
  <si>
    <t>5702329596886</t>
  </si>
  <si>
    <t>VELUX Plissee solar FSL M10 1280KWL</t>
  </si>
  <si>
    <t>FSL M10 1281K</t>
  </si>
  <si>
    <t>5702329581721</t>
  </si>
  <si>
    <t>VELUX Plissee solar FSL M10 1281K</t>
  </si>
  <si>
    <t>FSL M10 1281KWL</t>
  </si>
  <si>
    <t>5702329596893</t>
  </si>
  <si>
    <t>VELUX Plissee solar FSL M10 1281KWL</t>
  </si>
  <si>
    <t>FSL M10 1282K</t>
  </si>
  <si>
    <t>5702329581752</t>
  </si>
  <si>
    <t>VELUX Plissee solar FSL M10 1282K</t>
  </si>
  <si>
    <t>FSL M10 1282KWL</t>
  </si>
  <si>
    <t>5702329596909</t>
  </si>
  <si>
    <t>VELUX Plissee solar FSL M10 1282KWL</t>
  </si>
  <si>
    <t>FSL M10 1283KWL</t>
  </si>
  <si>
    <t>5702329596916</t>
  </si>
  <si>
    <t>VELUX Plissee solar FSL M10 1283KWL</t>
  </si>
  <si>
    <t>FSL M10 1284K</t>
  </si>
  <si>
    <t>5702329581813</t>
  </si>
  <si>
    <t>VELUX Plissee solar FSL M10 1284K</t>
  </si>
  <si>
    <t>FSL M10 1284KWL</t>
  </si>
  <si>
    <t>5702329596923</t>
  </si>
  <si>
    <t>VELUX Plissee solar FSL M10 1284KWL</t>
  </si>
  <si>
    <t>FSL M10 1285KWL</t>
  </si>
  <si>
    <t>5702329596930</t>
  </si>
  <si>
    <t>VELUX Plissee solar FSL M10 1285KWL</t>
  </si>
  <si>
    <t>FSL M10 1286K</t>
  </si>
  <si>
    <t>5702329581875</t>
  </si>
  <si>
    <t>VELUX Plissee solar FSL M10 1286K</t>
  </si>
  <si>
    <t>FSL M10 1286KWL</t>
  </si>
  <si>
    <t>5702329596947</t>
  </si>
  <si>
    <t>VELUX Plissee solar FSL M10 1286KWL</t>
  </si>
  <si>
    <t>FSL M31 1016K</t>
  </si>
  <si>
    <t>5702329582377</t>
  </si>
  <si>
    <t>VELUX Plissee solar FSL M31 1016K</t>
  </si>
  <si>
    <t>FSL M31 1256KWL</t>
  </si>
  <si>
    <t>5702329597128</t>
  </si>
  <si>
    <t>VELUX Plissee solar FSL M31 1256KWL</t>
  </si>
  <si>
    <t>FSL M31 1259K</t>
  </si>
  <si>
    <t>5702329582438</t>
  </si>
  <si>
    <t>VELUX Plissee solar FSL M31 1259K</t>
  </si>
  <si>
    <t>FSL M31 1274K</t>
  </si>
  <si>
    <t>5702329582476</t>
  </si>
  <si>
    <t>VELUX Plissee solar FSL M31 1274K</t>
  </si>
  <si>
    <t>FSL M31 1274KWL</t>
  </si>
  <si>
    <t>5702329597142</t>
  </si>
  <si>
    <t>VELUX Plissee solar FSL M31 1274KWL</t>
  </si>
  <si>
    <t>FSL M31 1275K</t>
  </si>
  <si>
    <t>5702329582506</t>
  </si>
  <si>
    <t>VELUX Plissee solar FSL M31 1275K</t>
  </si>
  <si>
    <t>FSL M31 1275KWL</t>
  </si>
  <si>
    <t>5702329597159</t>
  </si>
  <si>
    <t>VELUX Plissee solar FSL M31 1275KWL</t>
  </si>
  <si>
    <t>FSL M31 1276K</t>
  </si>
  <si>
    <t>5702329582537</t>
  </si>
  <si>
    <t>VELUX Plissee solar FSL M31 1276K</t>
  </si>
  <si>
    <t>FSL M31 1276KWL</t>
  </si>
  <si>
    <t>5702329597166</t>
  </si>
  <si>
    <t>VELUX Plissee solar FSL M31 1276KWL</t>
  </si>
  <si>
    <t>FSL M31 1277K</t>
  </si>
  <si>
    <t>5702329582568</t>
  </si>
  <si>
    <t>VELUX Plissee solar FSL M31 1277K</t>
  </si>
  <si>
    <t>FSL M31 1277KWL</t>
  </si>
  <si>
    <t>5702329597173</t>
  </si>
  <si>
    <t>VELUX Plissee solar FSL M31 1277KWL</t>
  </si>
  <si>
    <t>FSL M31 1278K</t>
  </si>
  <si>
    <t>5702329582599</t>
  </si>
  <si>
    <t>VELUX Plissee solar FSL M31 1278K</t>
  </si>
  <si>
    <t>FSL M31 1278KWL</t>
  </si>
  <si>
    <t>5702329597180</t>
  </si>
  <si>
    <t>VELUX Plissee solar FSL M31 1278KWL</t>
  </si>
  <si>
    <t>FSL M31 1279K</t>
  </si>
  <si>
    <t>5702329582612</t>
  </si>
  <si>
    <t>VELUX Plissee solar FSL M31 1279K</t>
  </si>
  <si>
    <t>FSL M31 1279KWL</t>
  </si>
  <si>
    <t>5702329597197</t>
  </si>
  <si>
    <t>VELUX Plissee solar FSL M31 1279KWL</t>
  </si>
  <si>
    <t>FSL M31 1280K</t>
  </si>
  <si>
    <t>5702329582643</t>
  </si>
  <si>
    <t>VELUX Plissee solar FSL M31 1280K</t>
  </si>
  <si>
    <t>FSL M31 1280KWL</t>
  </si>
  <si>
    <t>5702329597203</t>
  </si>
  <si>
    <t>VELUX Plissee solar FSL M31 1280KWL</t>
  </si>
  <si>
    <t>FSL M31 1281K</t>
  </si>
  <si>
    <t>5702329582674</t>
  </si>
  <si>
    <t>VELUX Plissee solar FSL M31 1281K</t>
  </si>
  <si>
    <t>FSL M31 1281KWL</t>
  </si>
  <si>
    <t>5702329597210</t>
  </si>
  <si>
    <t>VELUX Plissee solar FSL M31 1281KWL</t>
  </si>
  <si>
    <t>FSL M31 1282K</t>
  </si>
  <si>
    <t>5702329582704</t>
  </si>
  <si>
    <t>VELUX Plissee solar FSL M31 1282K</t>
  </si>
  <si>
    <t>FSL M31 1282KWL</t>
  </si>
  <si>
    <t>5702329597227</t>
  </si>
  <si>
    <t>VELUX Plissee solar FSL M31 1282KWL</t>
  </si>
  <si>
    <t>FSL M31 1283K</t>
  </si>
  <si>
    <t>5702329582735</t>
  </si>
  <si>
    <t>VELUX Plissee solar FSL M31 1283K</t>
  </si>
  <si>
    <t>FSL M31 1283KWL</t>
  </si>
  <si>
    <t>5702329597234</t>
  </si>
  <si>
    <t>VELUX Plissee solar FSL M31 1283KWL</t>
  </si>
  <si>
    <t>FSL M31 1284K</t>
  </si>
  <si>
    <t>5702329582766</t>
  </si>
  <si>
    <t>VELUX Plissee solar FSL M31 1284K</t>
  </si>
  <si>
    <t>FSL M31 1284KWL</t>
  </si>
  <si>
    <t>5702329597241</t>
  </si>
  <si>
    <t>VELUX Plissee solar FSL M31 1284KWL</t>
  </si>
  <si>
    <t>FSL M31 1285K</t>
  </si>
  <si>
    <t>5702329582797</t>
  </si>
  <si>
    <t>VELUX Plissee solar FSL M31 1285K</t>
  </si>
  <si>
    <t>FSL M31 1285KWL</t>
  </si>
  <si>
    <t>5702329597258</t>
  </si>
  <si>
    <t>VELUX Plissee solar FSL M31 1285KWL</t>
  </si>
  <si>
    <t>FSL M31 1286K</t>
  </si>
  <si>
    <t>5702329582827</t>
  </si>
  <si>
    <t>VELUX Plissee solar FSL M31 1286K</t>
  </si>
  <si>
    <t>FSL M31 1286KWL</t>
  </si>
  <si>
    <t>5702329597265</t>
  </si>
  <si>
    <t>VELUX Plissee solar FSL M31 1286KWL</t>
  </si>
  <si>
    <t>FSL MK04 1276K</t>
  </si>
  <si>
    <t>5702329583480</t>
  </si>
  <si>
    <t>VELUX Plissee solar FSL MK04 1276K</t>
  </si>
  <si>
    <t>FSL MK04 1276KWL</t>
  </si>
  <si>
    <t>5702329597326</t>
  </si>
  <si>
    <t>VELUX Plissee solar FSL MK04 1276KWL</t>
  </si>
  <si>
    <t>FSL MK04 1277KWL</t>
  </si>
  <si>
    <t>5702329597333</t>
  </si>
  <si>
    <t>VELUX Plissee solar FSL MK04 1277KWL</t>
  </si>
  <si>
    <t>FSL MK04 1281K</t>
  </si>
  <si>
    <t>5702329583633</t>
  </si>
  <si>
    <t>VELUX Plissee solar FSL MK04 1281K</t>
  </si>
  <si>
    <t>FSL MK06 1256K</t>
  </si>
  <si>
    <t>5702329583831</t>
  </si>
  <si>
    <t>VELUX Plissee solar FSL MK06 1256K</t>
  </si>
  <si>
    <t>FSL MK06 1276K</t>
  </si>
  <si>
    <t>5702329583954</t>
  </si>
  <si>
    <t>VELUX Plissee solar FSL MK06 1276K</t>
  </si>
  <si>
    <t>FSL MK06 1276KWL</t>
  </si>
  <si>
    <t>5702329597487</t>
  </si>
  <si>
    <t>VELUX Plissee solar FSL MK06 1276KWL</t>
  </si>
  <si>
    <t>FSL MK06 1280K</t>
  </si>
  <si>
    <t>5702329584081</t>
  </si>
  <si>
    <t>VELUX Plissee solar FSL MK06 1280K</t>
  </si>
  <si>
    <t>FSL MK06 1281K</t>
  </si>
  <si>
    <t>5702329584111</t>
  </si>
  <si>
    <t>VELUX Plissee solar FSL MK06 1281K</t>
  </si>
  <si>
    <t>FSL MK08 1276K</t>
  </si>
  <si>
    <t>5702329584456</t>
  </si>
  <si>
    <t>VELUX Plissee solar FSL MK08 1276K</t>
  </si>
  <si>
    <t>FSL MK08 1276KWL</t>
  </si>
  <si>
    <t>5702329597647</t>
  </si>
  <si>
    <t>VELUX Plissee solar FSL MK08 1276KWL</t>
  </si>
  <si>
    <t>FSL MK08 1277K</t>
  </si>
  <si>
    <t>5702329584487</t>
  </si>
  <si>
    <t>VELUX Plissee solar FSL MK08 1277K</t>
  </si>
  <si>
    <t>FSL MK08 1279KWL</t>
  </si>
  <si>
    <t>5702329597678</t>
  </si>
  <si>
    <t>VELUX Plissee solar FSL MK08 1279KWL</t>
  </si>
  <si>
    <t>FSL MK08 1280K</t>
  </si>
  <si>
    <t>5702329584579</t>
  </si>
  <si>
    <t>VELUX Plissee solar FSL MK08 1280K</t>
  </si>
  <si>
    <t>FSL MK10 1256K</t>
  </si>
  <si>
    <t>5702329584814</t>
  </si>
  <si>
    <t>VELUX Plissee solar FSL MK10 1256K</t>
  </si>
  <si>
    <t>FSL MK10 1274K</t>
  </si>
  <si>
    <t>5702329584876</t>
  </si>
  <si>
    <t>VELUX Plissee solar FSL MK10 1274K</t>
  </si>
  <si>
    <t>FSL MK10 1276KWL</t>
  </si>
  <si>
    <t>5702329597807</t>
  </si>
  <si>
    <t>VELUX Plissee solar FSL MK10 1276KWL</t>
  </si>
  <si>
    <t>FSL MK10 1277K</t>
  </si>
  <si>
    <t>5702329584968</t>
  </si>
  <si>
    <t>VELUX Plissee solar FSL MK10 1277K</t>
  </si>
  <si>
    <t>FSL MK10 1277KWL</t>
  </si>
  <si>
    <t>5702329597814</t>
  </si>
  <si>
    <t>VELUX Plissee solar FSL MK10 1277KWL</t>
  </si>
  <si>
    <t>FSL MK10 1278K</t>
  </si>
  <si>
    <t>5702329584999</t>
  </si>
  <si>
    <t>VELUX Plissee solar FSL MK10 1278K</t>
  </si>
  <si>
    <t>FSL MK10 1279K</t>
  </si>
  <si>
    <t>5702329585019</t>
  </si>
  <si>
    <t>VELUX Plissee solar FSL MK10 1279K</t>
  </si>
  <si>
    <t>FSL MK10 1280K</t>
  </si>
  <si>
    <t>5702329585040</t>
  </si>
  <si>
    <t>VELUX Plissee solar FSL MK10 1280K</t>
  </si>
  <si>
    <t>FSL MK10 1281K</t>
  </si>
  <si>
    <t>5702329585071</t>
  </si>
  <si>
    <t>VELUX Plissee solar FSL MK10 1281K</t>
  </si>
  <si>
    <t>FSL MK10 1283K</t>
  </si>
  <si>
    <t>5702329585132</t>
  </si>
  <si>
    <t>VELUX Plissee solar FSL MK10 1283K</t>
  </si>
  <si>
    <t>FSL MK10 1283KWL</t>
  </si>
  <si>
    <t>5702329597876</t>
  </si>
  <si>
    <t>VELUX Plissee solar FSL MK10 1283KWL</t>
  </si>
  <si>
    <t>FSL MK10 1285K</t>
  </si>
  <si>
    <t>5702329585194</t>
  </si>
  <si>
    <t>VELUX Plissee solar FSL MK10 1285K</t>
  </si>
  <si>
    <t>FSL MK10 1286K</t>
  </si>
  <si>
    <t>5702329585224</t>
  </si>
  <si>
    <t>VELUX Plissee solar FSL MK10 1286K</t>
  </si>
  <si>
    <t>FSL MK12 1256K</t>
  </si>
  <si>
    <t>5702329585286</t>
  </si>
  <si>
    <t>VELUX Plissee solar FSL MK12 1256K</t>
  </si>
  <si>
    <t>FSL MK12 1256KWL</t>
  </si>
  <si>
    <t>5702329597920</t>
  </si>
  <si>
    <t>VELUX Plissee solar FSL MK12 1256KWL</t>
  </si>
  <si>
    <t>FSL MK12 1274K</t>
  </si>
  <si>
    <t>5702329585347</t>
  </si>
  <si>
    <t>VELUX Plissee solar FSL MK12 1274K</t>
  </si>
  <si>
    <t>FSL MK12 1274KWL</t>
  </si>
  <si>
    <t>5702329597944</t>
  </si>
  <si>
    <t>VELUX Plissee solar FSL MK12 1274KWL</t>
  </si>
  <si>
    <t>FSL MK12 1276K</t>
  </si>
  <si>
    <t>5702329585408</t>
  </si>
  <si>
    <t>VELUX Plissee solar FSL MK12 1276K</t>
  </si>
  <si>
    <t>FSL MK12 1276KWL</t>
  </si>
  <si>
    <t>5702329597968</t>
  </si>
  <si>
    <t>VELUX Plissee solar FSL MK12 1276KWL</t>
  </si>
  <si>
    <t>FSL MK12 1277K</t>
  </si>
  <si>
    <t>5702329585439</t>
  </si>
  <si>
    <t>VELUX Plissee solar FSL MK12 1277K</t>
  </si>
  <si>
    <t>FSL MK12 1277KWL</t>
  </si>
  <si>
    <t>5702329597975</t>
  </si>
  <si>
    <t>VELUX Plissee solar FSL MK12 1277KWL</t>
  </si>
  <si>
    <t>FSL MK12 1278K</t>
  </si>
  <si>
    <t>5702329585453</t>
  </si>
  <si>
    <t>VELUX Plissee solar FSL MK12 1278K</t>
  </si>
  <si>
    <t>FSL MK12 1278KWL</t>
  </si>
  <si>
    <t>5702329597982</t>
  </si>
  <si>
    <t>VELUX Plissee solar FSL MK12 1278KWL</t>
  </si>
  <si>
    <t>FSL MK12 1279K</t>
  </si>
  <si>
    <t>5702329585484</t>
  </si>
  <si>
    <t>VELUX Plissee solar FSL MK12 1279K</t>
  </si>
  <si>
    <t>FSL MK12 1279KWL</t>
  </si>
  <si>
    <t>5702329597999</t>
  </si>
  <si>
    <t>VELUX Plissee solar FSL MK12 1279KWL</t>
  </si>
  <si>
    <t>FSL MK12 1280K</t>
  </si>
  <si>
    <t>5702329585514</t>
  </si>
  <si>
    <t>VELUX Plissee solar FSL MK12 1280K</t>
  </si>
  <si>
    <t>FSL MK12 1280KWL</t>
  </si>
  <si>
    <t>5702329598002</t>
  </si>
  <si>
    <t>VELUX Plissee solar FSL MK12 1280KWL</t>
  </si>
  <si>
    <t>FSL MK12 1281K</t>
  </si>
  <si>
    <t>5702329585545</t>
  </si>
  <si>
    <t>VELUX Plissee solar FSL MK12 1281K</t>
  </si>
  <si>
    <t>FSL MK12 1281KWL</t>
  </si>
  <si>
    <t>5702329598019</t>
  </si>
  <si>
    <t>VELUX Plissee solar FSL MK12 1281KWL</t>
  </si>
  <si>
    <t>FSL MK12 1282K</t>
  </si>
  <si>
    <t>5702329585576</t>
  </si>
  <si>
    <t>VELUX Plissee solar FSL MK12 1282K</t>
  </si>
  <si>
    <t>FSL MK12 1282KWL</t>
  </si>
  <si>
    <t>5702329598026</t>
  </si>
  <si>
    <t>VELUX Plissee solar FSL MK12 1282KWL</t>
  </si>
  <si>
    <t>FSL MK12 1283K</t>
  </si>
  <si>
    <t>5702329585606</t>
  </si>
  <si>
    <t>VELUX Plissee solar FSL MK12 1283K</t>
  </si>
  <si>
    <t>FSL MK12 1284K</t>
  </si>
  <si>
    <t>5702329585637</t>
  </si>
  <si>
    <t>VELUX Plissee solar FSL MK12 1284K</t>
  </si>
  <si>
    <t>FSL MK12 1284KWL</t>
  </si>
  <si>
    <t>5702329598040</t>
  </si>
  <si>
    <t>VELUX Plissee solar FSL MK12 1284KWL</t>
  </si>
  <si>
    <t>FSL MK12 1285K</t>
  </si>
  <si>
    <t>5702329585675</t>
  </si>
  <si>
    <t>VELUX Plissee solar FSL MK12 1285K</t>
  </si>
  <si>
    <t>FSL MK12 1285KWL</t>
  </si>
  <si>
    <t>5702329598057</t>
  </si>
  <si>
    <t>VELUX Plissee solar FSL MK12 1285KWL</t>
  </si>
  <si>
    <t>FSL MK12 1286K</t>
  </si>
  <si>
    <t>5702329585705</t>
  </si>
  <si>
    <t>VELUX Plissee solar FSL MK12 1286K</t>
  </si>
  <si>
    <t>FSL MK12 1286KWL</t>
  </si>
  <si>
    <t>5702329598064</t>
  </si>
  <si>
    <t>VELUX Plissee solar FSL MK12 1286KWL</t>
  </si>
  <si>
    <t>FSL P04 1256K</t>
  </si>
  <si>
    <t>5702329585750</t>
  </si>
  <si>
    <t>VELUX Plissee solar FSL P04 1256K</t>
  </si>
  <si>
    <t>FSL P04 1256KWL</t>
  </si>
  <si>
    <t>5702329598088</t>
  </si>
  <si>
    <t>VELUX Plissee solar FSL P04 1256KWL</t>
  </si>
  <si>
    <t>FSL P04 1276K</t>
  </si>
  <si>
    <t>5702329585880</t>
  </si>
  <si>
    <t>VELUX Plissee solar FSL P04 1276K</t>
  </si>
  <si>
    <t>FSL P04 1276KWL</t>
  </si>
  <si>
    <t>5702329598125</t>
  </si>
  <si>
    <t>VELUX Plissee solar FSL P04 1276KWL</t>
  </si>
  <si>
    <t>FSL P04 1277K</t>
  </si>
  <si>
    <t>5702329585910</t>
  </si>
  <si>
    <t>VELUX Plissee solar FSL P04 1277K</t>
  </si>
  <si>
    <t>FSL P04 1277KWL</t>
  </si>
  <si>
    <t>5702329598132</t>
  </si>
  <si>
    <t>VELUX Plissee solar FSL P04 1277KWL</t>
  </si>
  <si>
    <t>FSL P04 1279K</t>
  </si>
  <si>
    <t>5702329585972</t>
  </si>
  <si>
    <t>VELUX Plissee solar FSL P04 1279K</t>
  </si>
  <si>
    <t>FSL P04 1279KWL</t>
  </si>
  <si>
    <t>5702329598156</t>
  </si>
  <si>
    <t>VELUX Plissee solar FSL P04 1279KWL</t>
  </si>
  <si>
    <t>FSL P04 1280K</t>
  </si>
  <si>
    <t>5702329586009</t>
  </si>
  <si>
    <t>VELUX Plissee solar FSL P04 1280K</t>
  </si>
  <si>
    <t>FSL P04 1280KWL</t>
  </si>
  <si>
    <t>5702329598163</t>
  </si>
  <si>
    <t>VELUX Plissee solar FSL P04 1280KWL</t>
  </si>
  <si>
    <t>FSL P04 1281K</t>
  </si>
  <si>
    <t>5702329586030</t>
  </si>
  <si>
    <t>VELUX Plissee solar FSL P04 1281K</t>
  </si>
  <si>
    <t>FSL P04 1281KWL</t>
  </si>
  <si>
    <t>5702329598170</t>
  </si>
  <si>
    <t>VELUX Plissee solar FSL P04 1281KWL</t>
  </si>
  <si>
    <t>FSL P04 1283KWL</t>
  </si>
  <si>
    <t>5702329598194</t>
  </si>
  <si>
    <t>VELUX Plissee solar FSL P04 1283KWL</t>
  </si>
  <si>
    <t>FSL P04 1284KWL</t>
  </si>
  <si>
    <t>5702329598200</t>
  </si>
  <si>
    <t>VELUX Plissee solar FSL P04 1284KWL</t>
  </si>
  <si>
    <t>FSL P04 1285K</t>
  </si>
  <si>
    <t>5702329586160</t>
  </si>
  <si>
    <t>VELUX Plissee solar FSL P04 1285K</t>
  </si>
  <si>
    <t>FSL P04 1285KWL</t>
  </si>
  <si>
    <t>5702329598217</t>
  </si>
  <si>
    <t>VELUX Plissee solar FSL P04 1285KWL</t>
  </si>
  <si>
    <t>FSL P06 1256KWL</t>
  </si>
  <si>
    <t>5702329598248</t>
  </si>
  <si>
    <t>VELUX Plissee solar FSL P06 1256KWL</t>
  </si>
  <si>
    <t>FSL P06 1259KWL</t>
  </si>
  <si>
    <t>5702329598255</t>
  </si>
  <si>
    <t>VELUX Plissee solar FSL P06 1259KWL</t>
  </si>
  <si>
    <t>FSL P06 1275K</t>
  </si>
  <si>
    <t>5702329586344</t>
  </si>
  <si>
    <t>VELUX Plissee solar FSL P06 1275K</t>
  </si>
  <si>
    <t>FSL P06 1275KWL</t>
  </si>
  <si>
    <t>5702329598279</t>
  </si>
  <si>
    <t>VELUX Plissee solar FSL P06 1275KWL</t>
  </si>
  <si>
    <t>FSL P06 1276K</t>
  </si>
  <si>
    <t>5702329586375</t>
  </si>
  <si>
    <t>VELUX Plissee solar FSL P06 1276K</t>
  </si>
  <si>
    <t>FSL P06 1276KWL</t>
  </si>
  <si>
    <t>5702329598286</t>
  </si>
  <si>
    <t>VELUX Plissee solar FSL P06 1276KWL</t>
  </si>
  <si>
    <t>FSL P06 1277K</t>
  </si>
  <si>
    <t>5702329586405</t>
  </si>
  <si>
    <t>VELUX Plissee solar FSL P06 1277K</t>
  </si>
  <si>
    <t>FSL P06 1278KWL</t>
  </si>
  <si>
    <t>5702329598309</t>
  </si>
  <si>
    <t>VELUX Plissee solar FSL P06 1278KWL</t>
  </si>
  <si>
    <t>FSL P06 1279K</t>
  </si>
  <si>
    <t>5702329586467</t>
  </si>
  <si>
    <t>VELUX Plissee solar FSL P06 1279K</t>
  </si>
  <si>
    <t>FSL P06 1279KWL</t>
  </si>
  <si>
    <t>5702329598316</t>
  </si>
  <si>
    <t>VELUX Plissee solar FSL P06 1279KWL</t>
  </si>
  <si>
    <t>FSL P06 1280K</t>
  </si>
  <si>
    <t>5702329586498</t>
  </si>
  <si>
    <t>VELUX Plissee solar FSL P06 1280K</t>
  </si>
  <si>
    <t>FSL P06 1280KWL</t>
  </si>
  <si>
    <t>5702329598323</t>
  </si>
  <si>
    <t>VELUX Plissee solar FSL P06 1280KWL</t>
  </si>
  <si>
    <t>FSL P06 1281K</t>
  </si>
  <si>
    <t>5702329586535</t>
  </si>
  <si>
    <t>VELUX Plissee solar FSL P06 1281K</t>
  </si>
  <si>
    <t>FSL P06 1281KWL</t>
  </si>
  <si>
    <t>5702329598330</t>
  </si>
  <si>
    <t>VELUX Plissee solar FSL P06 1281KWL</t>
  </si>
  <si>
    <t>FSL P06 1283K</t>
  </si>
  <si>
    <t>5702329586597</t>
  </si>
  <si>
    <t>VELUX Plissee solar FSL P06 1283K</t>
  </si>
  <si>
    <t>FSL P06 1283KWL</t>
  </si>
  <si>
    <t>5702329598354</t>
  </si>
  <si>
    <t>VELUX Plissee solar FSL P06 1283KWL</t>
  </si>
  <si>
    <t>FSL P06 1285K</t>
  </si>
  <si>
    <t>5702329586658</t>
  </si>
  <si>
    <t>VELUX Plissee solar FSL P06 1285K</t>
  </si>
  <si>
    <t>FSL P06 1285KWL</t>
  </si>
  <si>
    <t>5702329598378</t>
  </si>
  <si>
    <t>VELUX Plissee solar FSL P06 1285KWL</t>
  </si>
  <si>
    <t>FSL P06 1286K</t>
  </si>
  <si>
    <t>5702329586689</t>
  </si>
  <si>
    <t>VELUX Plissee solar FSL P06 1286K</t>
  </si>
  <si>
    <t>FSL P06 1286KWL</t>
  </si>
  <si>
    <t>5702329598385</t>
  </si>
  <si>
    <t>VELUX Plissee solar FSL P06 1286KWL</t>
  </si>
  <si>
    <t>FSL P08 1256K</t>
  </si>
  <si>
    <t>5702329586740</t>
  </si>
  <si>
    <t>VELUX Plissee solar FSL P08 1256K</t>
  </si>
  <si>
    <t>FSL P08 1274KWL</t>
  </si>
  <si>
    <t>5702329598422</t>
  </si>
  <si>
    <t>VELUX Plissee solar FSL P08 1274KWL</t>
  </si>
  <si>
    <t>FSL P08 1276K</t>
  </si>
  <si>
    <t>5702329586887</t>
  </si>
  <si>
    <t>VELUX Plissee solar FSL P08 1276K</t>
  </si>
  <si>
    <t>FSL P08 1277K</t>
  </si>
  <si>
    <t>5702329586917</t>
  </si>
  <si>
    <t>VELUX Plissee solar FSL P08 1277K</t>
  </si>
  <si>
    <t>FSL P08 1278KWL</t>
  </si>
  <si>
    <t>5702329598460</t>
  </si>
  <si>
    <t>VELUX Plissee solar FSL P08 1278KWL</t>
  </si>
  <si>
    <t>FSL P08 1279K</t>
  </si>
  <si>
    <t>5702329586986</t>
  </si>
  <si>
    <t>VELUX Plissee solar FSL P08 1279K</t>
  </si>
  <si>
    <t>FSL P08 1279KWL</t>
  </si>
  <si>
    <t>5702329598477</t>
  </si>
  <si>
    <t>VELUX Plissee solar FSL P08 1279KWL</t>
  </si>
  <si>
    <t>FSL P08 1280K</t>
  </si>
  <si>
    <t>5702329587013</t>
  </si>
  <si>
    <t>VELUX Plissee solar FSL P08 1280K</t>
  </si>
  <si>
    <t>FSL P08 1280KWL</t>
  </si>
  <si>
    <t>5702329598484</t>
  </si>
  <si>
    <t>VELUX Plissee solar FSL P08 1280KWL</t>
  </si>
  <si>
    <t>FSL P08 1281K</t>
  </si>
  <si>
    <t>5702329587044</t>
  </si>
  <si>
    <t>VELUX Plissee solar FSL P08 1281K</t>
  </si>
  <si>
    <t>FSL P08 1281KWL</t>
  </si>
  <si>
    <t>5702329598491</t>
  </si>
  <si>
    <t>VELUX Plissee solar FSL P08 1281KWL</t>
  </si>
  <si>
    <t>FSL P08 1283K</t>
  </si>
  <si>
    <t>5702329587105</t>
  </si>
  <si>
    <t>VELUX Plissee solar FSL P08 1283K</t>
  </si>
  <si>
    <t>FSL P08 1283KWL</t>
  </si>
  <si>
    <t>5702329598514</t>
  </si>
  <si>
    <t>VELUX Plissee solar FSL P08 1283KWL</t>
  </si>
  <si>
    <t>FSL P08 1284K</t>
  </si>
  <si>
    <t>5702329587143</t>
  </si>
  <si>
    <t>VELUX Plissee solar FSL P08 1284K</t>
  </si>
  <si>
    <t>FSL P08 1284KWL</t>
  </si>
  <si>
    <t>5702329598521</t>
  </si>
  <si>
    <t>VELUX Plissee solar FSL P08 1284KWL</t>
  </si>
  <si>
    <t>FSL P08 1285K</t>
  </si>
  <si>
    <t>5702329587174</t>
  </si>
  <si>
    <t>VELUX Plissee solar FSL P08 1285K</t>
  </si>
  <si>
    <t>FSL P08 1285KWL</t>
  </si>
  <si>
    <t>5702329598538</t>
  </si>
  <si>
    <t>VELUX Plissee solar FSL P08 1285KWL</t>
  </si>
  <si>
    <t>FSL P08 1286K</t>
  </si>
  <si>
    <t>5702329587204</t>
  </si>
  <si>
    <t>VELUX Plissee solar FSL P08 1286K</t>
  </si>
  <si>
    <t>FSL P08 1286KWL</t>
  </si>
  <si>
    <t>5702329598545</t>
  </si>
  <si>
    <t>VELUX Plissee solar FSL P08 1286KWL</t>
  </si>
  <si>
    <t>FSL P10 1256K</t>
  </si>
  <si>
    <t>5702329587266</t>
  </si>
  <si>
    <t>VELUX Plissee solar FSL P10 1256K</t>
  </si>
  <si>
    <t>FSL P10 1276KWL</t>
  </si>
  <si>
    <t>5702329598606</t>
  </si>
  <si>
    <t>VELUX Plissee solar FSL P10 1276KWL</t>
  </si>
  <si>
    <t>FSL P10 1278KWL</t>
  </si>
  <si>
    <t>5702329598620</t>
  </si>
  <si>
    <t>VELUX Plissee solar FSL P10 1278KWL</t>
  </si>
  <si>
    <t>FSL P10 1279K</t>
  </si>
  <si>
    <t>5702329587440</t>
  </si>
  <si>
    <t>VELUX Plissee solar FSL P10 1279K</t>
  </si>
  <si>
    <t>FSL P10 1279KWL</t>
  </si>
  <si>
    <t>5702329598637</t>
  </si>
  <si>
    <t>VELUX Plissee solar FSL P10 1279KWL</t>
  </si>
  <si>
    <t>FSL P10 1280K</t>
  </si>
  <si>
    <t>5702329587464</t>
  </si>
  <si>
    <t>VELUX Plissee solar FSL P10 1280K</t>
  </si>
  <si>
    <t>FSL P10 1280KWL</t>
  </si>
  <si>
    <t>5702329598644</t>
  </si>
  <si>
    <t>VELUX Plissee solar FSL P10 1280KWL</t>
  </si>
  <si>
    <t>FSL P10 1281K</t>
  </si>
  <si>
    <t>5702329587488</t>
  </si>
  <si>
    <t>VELUX Plissee solar FSL P10 1281K</t>
  </si>
  <si>
    <t>FSL P10 1281KWL</t>
  </si>
  <si>
    <t>5702329598651</t>
  </si>
  <si>
    <t>VELUX Plissee solar FSL P10 1281KWL</t>
  </si>
  <si>
    <t>FSL P10 1284KWL</t>
  </si>
  <si>
    <t>5702329598682</t>
  </si>
  <si>
    <t>VELUX Plissee solar FSL P10 1284KWL</t>
  </si>
  <si>
    <t>FSL P10 1285K</t>
  </si>
  <si>
    <t>5702329587563</t>
  </si>
  <si>
    <t>VELUX Plissee solar FSL P10 1285K</t>
  </si>
  <si>
    <t>FSL P10 1285KWL</t>
  </si>
  <si>
    <t>5702329598699</t>
  </si>
  <si>
    <t>VELUX Plissee solar FSL P10 1285KWL</t>
  </si>
  <si>
    <t>FSL P10 1286KWL</t>
  </si>
  <si>
    <t>5702329598705</t>
  </si>
  <si>
    <t>VELUX Plissee solar FSL P10 1286KWL</t>
  </si>
  <si>
    <t>FSL P31 1016K</t>
  </si>
  <si>
    <t>5702329587921</t>
  </si>
  <si>
    <t>VELUX Plissee solar FSL P31 1016K</t>
  </si>
  <si>
    <t>FSL P31 1016KWL</t>
  </si>
  <si>
    <t>5702329598873</t>
  </si>
  <si>
    <t>VELUX Plissee solar FSL P31 1016KWL</t>
  </si>
  <si>
    <t>FSL P31 1256K</t>
  </si>
  <si>
    <t>5702329587945</t>
  </si>
  <si>
    <t>VELUX Plissee solar FSL P31 1256K</t>
  </si>
  <si>
    <t>FSL P31 1256KWL</t>
  </si>
  <si>
    <t>5702329598880</t>
  </si>
  <si>
    <t>VELUX Plissee solar FSL P31 1256KWL</t>
  </si>
  <si>
    <t>FSL P31 1259K</t>
  </si>
  <si>
    <t>5702329587969</t>
  </si>
  <si>
    <t>VELUX Plissee solar FSL P31 1259K</t>
  </si>
  <si>
    <t>FSL P31 1259KWL</t>
  </si>
  <si>
    <t>5702329598897</t>
  </si>
  <si>
    <t>VELUX Plissee solar FSL P31 1259KWL</t>
  </si>
  <si>
    <t>FSL P31 1274K</t>
  </si>
  <si>
    <t>5702329587983</t>
  </si>
  <si>
    <t>VELUX Plissee solar FSL P31 1274K</t>
  </si>
  <si>
    <t>FSL P31 1274KWL</t>
  </si>
  <si>
    <t>5702329598903</t>
  </si>
  <si>
    <t>VELUX Plissee solar FSL P31 1274KWL</t>
  </si>
  <si>
    <t>FSL P31 1275K</t>
  </si>
  <si>
    <t>5702329588003</t>
  </si>
  <si>
    <t>VELUX Plissee solar FSL P31 1275K</t>
  </si>
  <si>
    <t>FSL P31 1275KWL</t>
  </si>
  <si>
    <t>5702329598910</t>
  </si>
  <si>
    <t>VELUX Plissee solar FSL P31 1275KWL</t>
  </si>
  <si>
    <t>FSL P31 1276K</t>
  </si>
  <si>
    <t>5702329588027</t>
  </si>
  <si>
    <t>VELUX Plissee solar FSL P31 1276K</t>
  </si>
  <si>
    <t>FSL P31 1276KWL</t>
  </si>
  <si>
    <t>5702329598927</t>
  </si>
  <si>
    <t>VELUX Plissee solar FSL P31 1276KWL</t>
  </si>
  <si>
    <t>FSL P31 1277K</t>
  </si>
  <si>
    <t>5702329588041</t>
  </si>
  <si>
    <t>VELUX Plissee solar FSL P31 1277K</t>
  </si>
  <si>
    <t>FSL P31 1277KWL</t>
  </si>
  <si>
    <t>5702329598934</t>
  </si>
  <si>
    <t>VELUX Plissee solar FSL P31 1277KWL</t>
  </si>
  <si>
    <t>FSL P31 1278K</t>
  </si>
  <si>
    <t>5702329588065</t>
  </si>
  <si>
    <t>VELUX Plissee solar FSL P31 1278K</t>
  </si>
  <si>
    <t>FSL P31 1278KWL</t>
  </si>
  <si>
    <t>5702329598941</t>
  </si>
  <si>
    <t>VELUX Plissee solar FSL P31 1278KWL</t>
  </si>
  <si>
    <t>FSL P31 1279K</t>
  </si>
  <si>
    <t>5702329588089</t>
  </si>
  <si>
    <t>VELUX Plissee solar FSL P31 1279K</t>
  </si>
  <si>
    <t>FSL P31 1279KWL</t>
  </si>
  <si>
    <t>5702329598958</t>
  </si>
  <si>
    <t>VELUX Plissee solar FSL P31 1279KWL</t>
  </si>
  <si>
    <t>FSL P31 1280K</t>
  </si>
  <si>
    <t>5702329588102</t>
  </si>
  <si>
    <t>VELUX Plissee solar FSL P31 1280K</t>
  </si>
  <si>
    <t>FSL P31 1280KWL</t>
  </si>
  <si>
    <t>5702329598965</t>
  </si>
  <si>
    <t>VELUX Plissee solar FSL P31 1280KWL</t>
  </si>
  <si>
    <t>FSL P31 1281K</t>
  </si>
  <si>
    <t>5702329588126</t>
  </si>
  <si>
    <t>VELUX Plissee solar FSL P31 1281K</t>
  </si>
  <si>
    <t>FSL P31 1281KWL</t>
  </si>
  <si>
    <t>5702329598972</t>
  </si>
  <si>
    <t>VELUX Plissee solar FSL P31 1281KWL</t>
  </si>
  <si>
    <t>FSL P31 1282K</t>
  </si>
  <si>
    <t>5702329588140</t>
  </si>
  <si>
    <t>VELUX Plissee solar FSL P31 1282K</t>
  </si>
  <si>
    <t>FSL P31 1283K</t>
  </si>
  <si>
    <t>5702329588164</t>
  </si>
  <si>
    <t>VELUX Plissee solar FSL P31 1283K</t>
  </si>
  <si>
    <t>FSL P31 1283KWL</t>
  </si>
  <si>
    <t>5702329598996</t>
  </si>
  <si>
    <t>VELUX Plissee solar FSL P31 1283KWL</t>
  </si>
  <si>
    <t>FSL P31 1284K</t>
  </si>
  <si>
    <t>5702329588188</t>
  </si>
  <si>
    <t>VELUX Plissee solar FSL P31 1284K</t>
  </si>
  <si>
    <t>FSL P31 1284KWL</t>
  </si>
  <si>
    <t>5702329599009</t>
  </si>
  <si>
    <t>VELUX Plissee solar FSL P31 1284KWL</t>
  </si>
  <si>
    <t>FSL P31 1285K</t>
  </si>
  <si>
    <t>5702329588201</t>
  </si>
  <si>
    <t>VELUX Plissee solar FSL P31 1285K</t>
  </si>
  <si>
    <t>FSL P31 1285KWL</t>
  </si>
  <si>
    <t>5702329599016</t>
  </si>
  <si>
    <t>VELUX Plissee solar FSL P31 1285KWL</t>
  </si>
  <si>
    <t>FSL P31 1286K</t>
  </si>
  <si>
    <t>5702329588225</t>
  </si>
  <si>
    <t>VELUX Plissee solar FSL P31 1286K</t>
  </si>
  <si>
    <t>FSL P31 1286KWL</t>
  </si>
  <si>
    <t>5702329599023</t>
  </si>
  <si>
    <t>VELUX Plissee solar FSL P31 1286KWL</t>
  </si>
  <si>
    <t>FSL PK06 1256K</t>
  </si>
  <si>
    <t>5702329588904</t>
  </si>
  <si>
    <t>VELUX Plissee solar FSL PK06 1256K</t>
  </si>
  <si>
    <t>FSL PK06 1274K</t>
  </si>
  <si>
    <t>5702329588942</t>
  </si>
  <si>
    <t>VELUX Plissee solar FSL PK06 1274K</t>
  </si>
  <si>
    <t>FSL PK06 1276K</t>
  </si>
  <si>
    <t>5702329588980</t>
  </si>
  <si>
    <t>VELUX Plissee solar FSL PK06 1276K</t>
  </si>
  <si>
    <t>FSL PK06 1276KWL</t>
  </si>
  <si>
    <t>5702329599245</t>
  </si>
  <si>
    <t>VELUX Plissee solar FSL PK06 1276KWL</t>
  </si>
  <si>
    <t>FSL PK06 1277K</t>
  </si>
  <si>
    <t>5702329589000</t>
  </si>
  <si>
    <t>VELUX Plissee solar FSL PK06 1277K</t>
  </si>
  <si>
    <t>FSL PK06 1278K</t>
  </si>
  <si>
    <t>5702329589024</t>
  </si>
  <si>
    <t>VELUX Plissee solar FSL PK06 1278K</t>
  </si>
  <si>
    <t>FSL PK06 1278KWL</t>
  </si>
  <si>
    <t>5702329599269</t>
  </si>
  <si>
    <t>VELUX Plissee solar FSL PK06 1278KWL</t>
  </si>
  <si>
    <t>FSL PK06 1279K</t>
  </si>
  <si>
    <t>5702329589048</t>
  </si>
  <si>
    <t>VELUX Plissee solar FSL PK06 1279K</t>
  </si>
  <si>
    <t>FSL PK06 1279KWL</t>
  </si>
  <si>
    <t>5702329599276</t>
  </si>
  <si>
    <t>VELUX Plissee solar FSL PK06 1279KWL</t>
  </si>
  <si>
    <t>FSL PK06 1280KWL</t>
  </si>
  <si>
    <t>5702329599283</t>
  </si>
  <si>
    <t>VELUX Plissee solar FSL PK06 1280KWL</t>
  </si>
  <si>
    <t>FSL PK06 1281K</t>
  </si>
  <si>
    <t>5702329589086</t>
  </si>
  <si>
    <t>VELUX Plissee solar FSL PK06 1281K</t>
  </si>
  <si>
    <t>FSL PK06 1285K</t>
  </si>
  <si>
    <t>5702329589161</t>
  </si>
  <si>
    <t>VELUX Plissee solar FSL PK06 1285K</t>
  </si>
  <si>
    <t>FSL PK06 1286K</t>
  </si>
  <si>
    <t>5702329589185</t>
  </si>
  <si>
    <t>VELUX Plissee solar FSL PK06 1286K</t>
  </si>
  <si>
    <t>FSL PK08 1275K</t>
  </si>
  <si>
    <t>5702329589284</t>
  </si>
  <si>
    <t>VELUX Plissee solar FSL PK08 1275K</t>
  </si>
  <si>
    <t>FSL PK08 1276K</t>
  </si>
  <si>
    <t>5702329589307</t>
  </si>
  <si>
    <t>VELUX Plissee solar FSL PK08 1276K</t>
  </si>
  <si>
    <t>FSL PK08 1276KWL</t>
  </si>
  <si>
    <t>5702329599405</t>
  </si>
  <si>
    <t>VELUX Plissee solar FSL PK08 1276KWL</t>
  </si>
  <si>
    <t>FSL PK08 1279K</t>
  </si>
  <si>
    <t>5702329589369</t>
  </si>
  <si>
    <t>VELUX Plissee solar FSL PK08 1279K</t>
  </si>
  <si>
    <t>FSL PK08 1280K</t>
  </si>
  <si>
    <t>5702329589383</t>
  </si>
  <si>
    <t>VELUX Plissee solar FSL PK08 1280K</t>
  </si>
  <si>
    <t>FSL PK08 1280KWL</t>
  </si>
  <si>
    <t>5702329599443</t>
  </si>
  <si>
    <t>VELUX Plissee solar FSL PK08 1280KWL</t>
  </si>
  <si>
    <t>FSL PK08 1281K</t>
  </si>
  <si>
    <t>5702329589406</t>
  </si>
  <si>
    <t>VELUX Plissee solar FSL PK08 1281K</t>
  </si>
  <si>
    <t>FSL PK08 1281KWL</t>
  </si>
  <si>
    <t>5702329599450</t>
  </si>
  <si>
    <t>VELUX Plissee solar FSL PK08 1281KWL</t>
  </si>
  <si>
    <t>FSL PK10 1274K</t>
  </si>
  <si>
    <t>5702329589581</t>
  </si>
  <si>
    <t>VELUX Plissee solar FSL PK10 1274K</t>
  </si>
  <si>
    <t>FSL PK10 1276K</t>
  </si>
  <si>
    <t>5702329589628</t>
  </si>
  <si>
    <t>VELUX Plissee solar FSL PK10 1276K</t>
  </si>
  <si>
    <t>FSL PK10 1276KWL</t>
  </si>
  <si>
    <t>5702329599566</t>
  </si>
  <si>
    <t>VELUX Plissee solar FSL PK10 1276KWL</t>
  </si>
  <si>
    <t>FSL PK10 1279K</t>
  </si>
  <si>
    <t>5702329589680</t>
  </si>
  <si>
    <t>VELUX Plissee solar FSL PK10 1279K</t>
  </si>
  <si>
    <t>FSL PK10 1279KWL</t>
  </si>
  <si>
    <t>5702329599597</t>
  </si>
  <si>
    <t>VELUX Plissee solar FSL PK10 1279KWL</t>
  </si>
  <si>
    <t>FSL PK10 1281K</t>
  </si>
  <si>
    <t>5702329589727</t>
  </si>
  <si>
    <t>VELUX Plissee solar FSL PK10 1281K</t>
  </si>
  <si>
    <t>FSL PK10 1281KWL</t>
  </si>
  <si>
    <t>5702329599610</t>
  </si>
  <si>
    <t>VELUX Plissee solar FSL PK10 1281KWL</t>
  </si>
  <si>
    <t>FSL PK10 1284K</t>
  </si>
  <si>
    <t>5702329589789</t>
  </si>
  <si>
    <t>VELUX Plissee solar FSL PK10 1284K</t>
  </si>
  <si>
    <t>FSL S04 1256K</t>
  </si>
  <si>
    <t>5702329590518</t>
  </si>
  <si>
    <t>VELUX Plissee solar FSL S04 1256K</t>
  </si>
  <si>
    <t>FSL S04 1275K</t>
  </si>
  <si>
    <t>5702329590570</t>
  </si>
  <si>
    <t>VELUX Plissee solar FSL S04 1275K</t>
  </si>
  <si>
    <t>FSL S04 1276K</t>
  </si>
  <si>
    <t>5702329590594</t>
  </si>
  <si>
    <t>VELUX Plissee solar FSL S04 1276K</t>
  </si>
  <si>
    <t>FSL S04 1276KWL</t>
  </si>
  <si>
    <t>5702329600040</t>
  </si>
  <si>
    <t>VELUX Plissee solar FSL S04 1276KWL</t>
  </si>
  <si>
    <t>FSL S04 1277K</t>
  </si>
  <si>
    <t>5702329590617</t>
  </si>
  <si>
    <t>VELUX Plissee solar FSL S04 1277K</t>
  </si>
  <si>
    <t>FSL S04 1277KWL</t>
  </si>
  <si>
    <t>5702329600057</t>
  </si>
  <si>
    <t>VELUX Plissee solar FSL S04 1277KWL</t>
  </si>
  <si>
    <t>FSL S04 1278KWL</t>
  </si>
  <si>
    <t>5702329600064</t>
  </si>
  <si>
    <t>VELUX Plissee solar FSL S04 1278KWL</t>
  </si>
  <si>
    <t>FSL S04 1279K</t>
  </si>
  <si>
    <t>5702329590655</t>
  </si>
  <si>
    <t>VELUX Plissee solar FSL S04 1279K</t>
  </si>
  <si>
    <t>FSL S04 1279KWL</t>
  </si>
  <si>
    <t>5702329600071</t>
  </si>
  <si>
    <t>VELUX Plissee solar FSL S04 1279KWL</t>
  </si>
  <si>
    <t>FSL S04 1280K</t>
  </si>
  <si>
    <t>5702329590679</t>
  </si>
  <si>
    <t>VELUX Plissee solar FSL S04 1280K</t>
  </si>
  <si>
    <t>FSL S04 1280KWL</t>
  </si>
  <si>
    <t>5702329600088</t>
  </si>
  <si>
    <t>VELUX Plissee solar FSL S04 1280KWL</t>
  </si>
  <si>
    <t>FSL S04 1281K</t>
  </si>
  <si>
    <t>5702329590693</t>
  </si>
  <si>
    <t>VELUX Plissee solar FSL S04 1281K</t>
  </si>
  <si>
    <t>FSL S04 1282K</t>
  </si>
  <si>
    <t>5702329590716</t>
  </si>
  <si>
    <t>VELUX Plissee solar FSL S04 1282K</t>
  </si>
  <si>
    <t>FSL S04 1283K</t>
  </si>
  <si>
    <t>5702329590730</t>
  </si>
  <si>
    <t>VELUX Plissee solar FSL S04 1283K</t>
  </si>
  <si>
    <t>FSL S04 1284K</t>
  </si>
  <si>
    <t>5702329590754</t>
  </si>
  <si>
    <t>VELUX Plissee solar FSL S04 1284K</t>
  </si>
  <si>
    <t>FSL S04 1285K</t>
  </si>
  <si>
    <t>5702329590778</t>
  </si>
  <si>
    <t>VELUX Plissee solar FSL S04 1285K</t>
  </si>
  <si>
    <t>FSL S04 1285KWL</t>
  </si>
  <si>
    <t>5702329600132</t>
  </si>
  <si>
    <t>VELUX Plissee solar FSL S04 1285KWL</t>
  </si>
  <si>
    <t>FSL S04 1286K</t>
  </si>
  <si>
    <t>5702329590792</t>
  </si>
  <si>
    <t>VELUX Plissee solar FSL S04 1286K</t>
  </si>
  <si>
    <t>FSL S04 1286KWL</t>
  </si>
  <si>
    <t>5702329600149</t>
  </si>
  <si>
    <t>VELUX Plissee solar FSL S04 1286KWL</t>
  </si>
  <si>
    <t>FSL S06 1276K</t>
  </si>
  <si>
    <t>5702329590914</t>
  </si>
  <si>
    <t>VELUX Plissee solar FSL S06 1276K</t>
  </si>
  <si>
    <t>FSL S06 1276KWL</t>
  </si>
  <si>
    <t>5702329600200</t>
  </si>
  <si>
    <t>VELUX Plissee solar FSL S06 1276KWL</t>
  </si>
  <si>
    <t>FSL S06 1277KWL</t>
  </si>
  <si>
    <t>5702329600217</t>
  </si>
  <si>
    <t>VELUX Plissee solar FSL S06 1277KWL</t>
  </si>
  <si>
    <t>FSL S06 1279KWL</t>
  </si>
  <si>
    <t>5702329600231</t>
  </si>
  <si>
    <t>VELUX Plissee solar FSL S06 1279KWL</t>
  </si>
  <si>
    <t>FSL S06 1280KWL</t>
  </si>
  <si>
    <t>5702329600248</t>
  </si>
  <si>
    <t>VELUX Plissee solar FSL S06 1280KWL</t>
  </si>
  <si>
    <t>FSL S06 1281K</t>
  </si>
  <si>
    <t>5702329591010</t>
  </si>
  <si>
    <t>VELUX Plissee solar FSL S06 1281K</t>
  </si>
  <si>
    <t>FSL S08 1256K</t>
  </si>
  <si>
    <t>5702329591157</t>
  </si>
  <si>
    <t>VELUX Plissee solar FSL S08 1256K</t>
  </si>
  <si>
    <t>FSL S08 1259KWL</t>
  </si>
  <si>
    <t>5702329600330</t>
  </si>
  <si>
    <t>VELUX Plissee solar FSL S08 1259KWL</t>
  </si>
  <si>
    <t>FSL S08 1274K</t>
  </si>
  <si>
    <t>5702329591195</t>
  </si>
  <si>
    <t>VELUX Plissee solar FSL S08 1274K</t>
  </si>
  <si>
    <t>FSL S08 1275K</t>
  </si>
  <si>
    <t>5702329591218</t>
  </si>
  <si>
    <t>VELUX Plissee solar FSL S08 1275K</t>
  </si>
  <si>
    <t>FSL S08 1275KWL</t>
  </si>
  <si>
    <t>5702329600354</t>
  </si>
  <si>
    <t>VELUX Plissee solar FSL S08 1275KWL</t>
  </si>
  <si>
    <t>FSL S08 1276K</t>
  </si>
  <si>
    <t>5702329591232</t>
  </si>
  <si>
    <t>VELUX Plissee solar FSL S08 1276K</t>
  </si>
  <si>
    <t>FSL S08 1277K</t>
  </si>
  <si>
    <t>5702329591256</t>
  </si>
  <si>
    <t>VELUX Plissee solar FSL S08 1277K</t>
  </si>
  <si>
    <t>FSL S08 1277KWL</t>
  </si>
  <si>
    <t>5702329600378</t>
  </si>
  <si>
    <t>VELUX Plissee solar FSL S08 1277KWL</t>
  </si>
  <si>
    <t>FSL S08 1278KWL</t>
  </si>
  <si>
    <t>5702329600385</t>
  </si>
  <si>
    <t>VELUX Plissee solar FSL S08 1278KWL</t>
  </si>
  <si>
    <t>FSL S08 1279K</t>
  </si>
  <si>
    <t>5702329591270</t>
  </si>
  <si>
    <t>VELUX Plissee solar FSL S08 1279K</t>
  </si>
  <si>
    <t>FSL S08 1279KWL</t>
  </si>
  <si>
    <t>5702329600392</t>
  </si>
  <si>
    <t>VELUX Plissee solar FSL S08 1279KWL</t>
  </si>
  <si>
    <t>FSL S08 1280K</t>
  </si>
  <si>
    <t>5702329591287</t>
  </si>
  <si>
    <t>VELUX Plissee solar FSL S08 1280K</t>
  </si>
  <si>
    <t>FSL S08 1280KWL</t>
  </si>
  <si>
    <t>5702329600408</t>
  </si>
  <si>
    <t>VELUX Plissee solar FSL S08 1280KWL</t>
  </si>
  <si>
    <t>FSL S08 1281K</t>
  </si>
  <si>
    <t>5702329591294</t>
  </si>
  <si>
    <t>VELUX Plissee solar FSL S08 1281K</t>
  </si>
  <si>
    <t>FSL S08 1282K</t>
  </si>
  <si>
    <t>5702329591300</t>
  </si>
  <si>
    <t>VELUX Plissee solar FSL S08 1282K</t>
  </si>
  <si>
    <t>FSL S08 1283K</t>
  </si>
  <si>
    <t>5702329591317</t>
  </si>
  <si>
    <t>VELUX Plissee solar FSL S08 1283K</t>
  </si>
  <si>
    <t>FSL S08 1283KWL</t>
  </si>
  <si>
    <t>5702329600439</t>
  </si>
  <si>
    <t>VELUX Plissee solar FSL S08 1283KWL</t>
  </si>
  <si>
    <t>FSL S08 1284K</t>
  </si>
  <si>
    <t>5702329591324</t>
  </si>
  <si>
    <t>VELUX Plissee solar FSL S08 1284K</t>
  </si>
  <si>
    <t>FSL S08 1284KWL</t>
  </si>
  <si>
    <t>5702329600446</t>
  </si>
  <si>
    <t>VELUX Plissee solar FSL S08 1284KWL</t>
  </si>
  <si>
    <t>FSL S08 1285K</t>
  </si>
  <si>
    <t>5702329591331</t>
  </si>
  <si>
    <t>VELUX Plissee solar FSL S08 1285K</t>
  </si>
  <si>
    <t>FSL S08 1285KWL</t>
  </si>
  <si>
    <t>5702329600453</t>
  </si>
  <si>
    <t>VELUX Plissee solar FSL S08 1285KWL</t>
  </si>
  <si>
    <t>FSL S08 1286K</t>
  </si>
  <si>
    <t>5702329591348</t>
  </si>
  <si>
    <t>VELUX Plissee solar FSL S08 1286K</t>
  </si>
  <si>
    <t>FSL S08 1286KWL</t>
  </si>
  <si>
    <t>5702329600460</t>
  </si>
  <si>
    <t>VELUX Plissee solar FSL S08 1286KWL</t>
  </si>
  <si>
    <t>FSL S10 1256K</t>
  </si>
  <si>
    <t>5702329591362</t>
  </si>
  <si>
    <t>VELUX Plissee solar FSL S10 1256K</t>
  </si>
  <si>
    <t>FSL S10 1256KWL</t>
  </si>
  <si>
    <t>5702329600484</t>
  </si>
  <si>
    <t>VELUX Plissee solar FSL S10 1256KWL</t>
  </si>
  <si>
    <t>FSL S10 1259K</t>
  </si>
  <si>
    <t>5702329591379</t>
  </si>
  <si>
    <t>VELUX Plissee solar FSL S10 1259K</t>
  </si>
  <si>
    <t>FSL S10 1259KWL</t>
  </si>
  <si>
    <t>5702329600491</t>
  </si>
  <si>
    <t>VELUX Plissee solar FSL S10 1259KWL</t>
  </si>
  <si>
    <t>FSL S10 1274K</t>
  </si>
  <si>
    <t>5702329591386</t>
  </si>
  <si>
    <t>VELUX Plissee solar FSL S10 1274K</t>
  </si>
  <si>
    <t>FSL S10 1274KWL</t>
  </si>
  <si>
    <t>5702329600507</t>
  </si>
  <si>
    <t>VELUX Plissee solar FSL S10 1274KWL</t>
  </si>
  <si>
    <t>FSL S10 1275K</t>
  </si>
  <si>
    <t>5702329591393</t>
  </si>
  <si>
    <t>VELUX Plissee solar FSL S10 1275K</t>
  </si>
  <si>
    <t>FSL S10 1275KWL</t>
  </si>
  <si>
    <t>5702329600514</t>
  </si>
  <si>
    <t>VELUX Plissee solar FSL S10 1275KWL</t>
  </si>
  <si>
    <t>FSL S10 1276K</t>
  </si>
  <si>
    <t>5702329591409</t>
  </si>
  <si>
    <t>VELUX Plissee solar FSL S10 1276K</t>
  </si>
  <si>
    <t>FSL S10 1276KWL</t>
  </si>
  <si>
    <t>5702329600521</t>
  </si>
  <si>
    <t>VELUX Plissee solar FSL S10 1276KWL</t>
  </si>
  <si>
    <t>FSL S10 1277K</t>
  </si>
  <si>
    <t>5702329591416</t>
  </si>
  <si>
    <t>VELUX Plissee solar FSL S10 1277K</t>
  </si>
  <si>
    <t>FSL S10 1277KWL</t>
  </si>
  <si>
    <t>5702329600538</t>
  </si>
  <si>
    <t>VELUX Plissee solar FSL S10 1277KWL</t>
  </si>
  <si>
    <t>FSL S10 1278KWL</t>
  </si>
  <si>
    <t>5702329600545</t>
  </si>
  <si>
    <t>VELUX Plissee solar FSL S10 1278KWL</t>
  </si>
  <si>
    <t>FSL S10 1279K</t>
  </si>
  <si>
    <t>5702329591430</t>
  </si>
  <si>
    <t>VELUX Plissee solar FSL S10 1279K</t>
  </si>
  <si>
    <t>FSL S10 1279KWL</t>
  </si>
  <si>
    <t>5702329600552</t>
  </si>
  <si>
    <t>VELUX Plissee solar FSL S10 1279KWL</t>
  </si>
  <si>
    <t>FSL S10 1280K</t>
  </si>
  <si>
    <t>5702329591447</t>
  </si>
  <si>
    <t>VELUX Plissee solar FSL S10 1280K</t>
  </si>
  <si>
    <t>FSL S10 1280KWL</t>
  </si>
  <si>
    <t>5702329600569</t>
  </si>
  <si>
    <t>VELUX Plissee solar FSL S10 1280KWL</t>
  </si>
  <si>
    <t>FSL S10 1281K</t>
  </si>
  <si>
    <t>5702329591454</t>
  </si>
  <si>
    <t>VELUX Plissee solar FSL S10 1281K</t>
  </si>
  <si>
    <t>FSL S10 1281KWL</t>
  </si>
  <si>
    <t>5702329600576</t>
  </si>
  <si>
    <t>VELUX Plissee solar FSL S10 1281KWL</t>
  </si>
  <si>
    <t>FSL S10 1282K</t>
  </si>
  <si>
    <t>5702329591461</t>
  </si>
  <si>
    <t>VELUX Plissee solar FSL S10 1282K</t>
  </si>
  <si>
    <t>FSL S10 1283K</t>
  </si>
  <si>
    <t>5702329591478</t>
  </si>
  <si>
    <t>VELUX Plissee solar FSL S10 1283K</t>
  </si>
  <si>
    <t>FSL S10 1283KWL</t>
  </si>
  <si>
    <t>5702329600590</t>
  </si>
  <si>
    <t>VELUX Plissee solar FSL S10 1283KWL</t>
  </si>
  <si>
    <t>FSL S10 1284K</t>
  </si>
  <si>
    <t>5702329591485</t>
  </si>
  <si>
    <t>VELUX Plissee solar FSL S10 1284K</t>
  </si>
  <si>
    <t>FSL S10 1285K</t>
  </si>
  <si>
    <t>5702329591492</t>
  </si>
  <si>
    <t>VELUX Plissee solar FSL S10 1285K</t>
  </si>
  <si>
    <t>FSL S10 1285KWL</t>
  </si>
  <si>
    <t>5702329600613</t>
  </si>
  <si>
    <t>VELUX Plissee solar FSL S10 1285KWL</t>
  </si>
  <si>
    <t>FSL S10 1286K</t>
  </si>
  <si>
    <t>5702329591508</t>
  </si>
  <si>
    <t>VELUX Plissee solar FSL S10 1286K</t>
  </si>
  <si>
    <t>FSL S10 1286KWL</t>
  </si>
  <si>
    <t>5702329600620</t>
  </si>
  <si>
    <t>VELUX Plissee solar FSL S10 1286KWL</t>
  </si>
  <si>
    <t>FSL S31 1016K</t>
  </si>
  <si>
    <t>5702329591515</t>
  </si>
  <si>
    <t>VELUX Plissee solar FSL S31 1016K</t>
  </si>
  <si>
    <t>FSL S31 1016KWL</t>
  </si>
  <si>
    <t>5702329600637</t>
  </si>
  <si>
    <t>VELUX Plissee solar FSL S31 1016KWL</t>
  </si>
  <si>
    <t>FSL S31 1256K</t>
  </si>
  <si>
    <t>5702329591522</t>
  </si>
  <si>
    <t>VELUX Plissee solar FSL S31 1256K</t>
  </si>
  <si>
    <t>FSL S31 1256KWL</t>
  </si>
  <si>
    <t>5702329600644</t>
  </si>
  <si>
    <t>VELUX Plissee solar FSL S31 1256KWL</t>
  </si>
  <si>
    <t>FSL S31 1259K</t>
  </si>
  <si>
    <t>5702329591539</t>
  </si>
  <si>
    <t>VELUX Plissee solar FSL S31 1259K</t>
  </si>
  <si>
    <t>FSL S31 1259KWL</t>
  </si>
  <si>
    <t>5702329600651</t>
  </si>
  <si>
    <t>VELUX Plissee solar FSL S31 1259KWL</t>
  </si>
  <si>
    <t>FSL S31 1274K</t>
  </si>
  <si>
    <t>5702329591546</t>
  </si>
  <si>
    <t>VELUX Plissee solar FSL S31 1274K</t>
  </si>
  <si>
    <t>FSL S31 1274KWL</t>
  </si>
  <si>
    <t>5702329600668</t>
  </si>
  <si>
    <t>VELUX Plissee solar FSL S31 1274KWL</t>
  </si>
  <si>
    <t>FSL S31 1275K</t>
  </si>
  <si>
    <t>5702329591553</t>
  </si>
  <si>
    <t>VELUX Plissee solar FSL S31 1275K</t>
  </si>
  <si>
    <t>FSL S31 1276K</t>
  </si>
  <si>
    <t>5702329591560</t>
  </si>
  <si>
    <t>VELUX Plissee solar FSL S31 1276K</t>
  </si>
  <si>
    <t>FSL S31 1276KWL</t>
  </si>
  <si>
    <t>5702329600682</t>
  </si>
  <si>
    <t>VELUX Plissee solar FSL S31 1276KWL</t>
  </si>
  <si>
    <t>FSL S31 1277K</t>
  </si>
  <si>
    <t>5702329591577</t>
  </si>
  <si>
    <t>VELUX Plissee solar FSL S31 1277K</t>
  </si>
  <si>
    <t>FSL S31 1277KWL</t>
  </si>
  <si>
    <t>5702329600699</t>
  </si>
  <si>
    <t>VELUX Plissee solar FSL S31 1277KWL</t>
  </si>
  <si>
    <t>FSL S31 1278K</t>
  </si>
  <si>
    <t>5702329591584</t>
  </si>
  <si>
    <t>VELUX Plissee solar FSL S31 1278K</t>
  </si>
  <si>
    <t>FSL S31 1278KWL</t>
  </si>
  <si>
    <t>5702329600705</t>
  </si>
  <si>
    <t>VELUX Plissee solar FSL S31 1278KWL</t>
  </si>
  <si>
    <t>FSL S31 1279K</t>
  </si>
  <si>
    <t>5702329591591</t>
  </si>
  <si>
    <t>VELUX Plissee solar FSL S31 1279K</t>
  </si>
  <si>
    <t>FSL S31 1279KWL</t>
  </si>
  <si>
    <t>5702329600712</t>
  </si>
  <si>
    <t>VELUX Plissee solar FSL S31 1279KWL</t>
  </si>
  <si>
    <t>FSL S31 1280K</t>
  </si>
  <si>
    <t>5702329591607</t>
  </si>
  <si>
    <t>VELUX Plissee solar FSL S31 1280K</t>
  </si>
  <si>
    <t>FSL S31 1280KWL</t>
  </si>
  <si>
    <t>5702329600729</t>
  </si>
  <si>
    <t>VELUX Plissee solar FSL S31 1280KWL</t>
  </si>
  <si>
    <t>FSL S31 1281K</t>
  </si>
  <si>
    <t>5702329591614</t>
  </si>
  <si>
    <t>VELUX Plissee solar FSL S31 1281K</t>
  </si>
  <si>
    <t>FSL S31 1281KWL</t>
  </si>
  <si>
    <t>5702329600736</t>
  </si>
  <si>
    <t>VELUX Plissee solar FSL S31 1281KWL</t>
  </si>
  <si>
    <t>FSL S31 1282K</t>
  </si>
  <si>
    <t>5702329591621</t>
  </si>
  <si>
    <t>VELUX Plissee solar FSL S31 1282K</t>
  </si>
  <si>
    <t>FSL S31 1282KWL</t>
  </si>
  <si>
    <t>5702329600743</t>
  </si>
  <si>
    <t>VELUX Plissee solar FSL S31 1282KWL</t>
  </si>
  <si>
    <t>FSL S31 1283K</t>
  </si>
  <si>
    <t>5702329591638</t>
  </si>
  <si>
    <t>VELUX Plissee solar FSL S31 1283K</t>
  </si>
  <si>
    <t>FSL S31 1283KWL</t>
  </si>
  <si>
    <t>5702329600750</t>
  </si>
  <si>
    <t>VELUX Plissee solar FSL S31 1283KWL</t>
  </si>
  <si>
    <t>FSL S31 1284K</t>
  </si>
  <si>
    <t>5702329591645</t>
  </si>
  <si>
    <t>VELUX Plissee solar FSL S31 1284K</t>
  </si>
  <si>
    <t>FSL S31 1284KWL</t>
  </si>
  <si>
    <t>5702329600767</t>
  </si>
  <si>
    <t>VELUX Plissee solar FSL S31 1284KWL</t>
  </si>
  <si>
    <t>FSL S31 1285K</t>
  </si>
  <si>
    <t>5702329591652</t>
  </si>
  <si>
    <t>VELUX Plissee solar FSL S31 1285K</t>
  </si>
  <si>
    <t>FSL S31 1285KWL</t>
  </si>
  <si>
    <t>5702329600774</t>
  </si>
  <si>
    <t>VELUX Plissee solar FSL S31 1285KWL</t>
  </si>
  <si>
    <t>FSL S31 1286K</t>
  </si>
  <si>
    <t>5702329591669</t>
  </si>
  <si>
    <t>VELUX Plissee solar FSL S31 1286K</t>
  </si>
  <si>
    <t>FSL S31 1286KWL</t>
  </si>
  <si>
    <t>5702329600781</t>
  </si>
  <si>
    <t>VELUX Plissee solar FSL S31 1286KWL</t>
  </si>
  <si>
    <t>FSL SK08 1256K</t>
  </si>
  <si>
    <t>5702329592161</t>
  </si>
  <si>
    <t>VELUX Plissee solar FSL SK08 1256K</t>
  </si>
  <si>
    <t>FSL SK08 1276K</t>
  </si>
  <si>
    <t>5702329592208</t>
  </si>
  <si>
    <t>VELUX Plissee solar FSL SK08 1276K</t>
  </si>
  <si>
    <t>FSL SK08 1279K</t>
  </si>
  <si>
    <t>5702329592239</t>
  </si>
  <si>
    <t>VELUX Plissee solar FSL SK08 1279K</t>
  </si>
  <si>
    <t>FSL SK08 1284K</t>
  </si>
  <si>
    <t>5702329592284</t>
  </si>
  <si>
    <t>VELUX Plissee solar FSL SK08 1284K</t>
  </si>
  <si>
    <t>FSL SK10 1276K</t>
  </si>
  <si>
    <t>5702329592369</t>
  </si>
  <si>
    <t>VELUX Plissee solar FSL SK10 1276K</t>
  </si>
  <si>
    <t>FSL SK10 1276KWL</t>
  </si>
  <si>
    <t>5702329601320</t>
  </si>
  <si>
    <t>VELUX Plissee solar FSL SK10 1276KWL</t>
  </si>
  <si>
    <t>FSL SK10 1277K</t>
  </si>
  <si>
    <t>5702329592376</t>
  </si>
  <si>
    <t>VELUX Plissee solar FSL SK10 1277K</t>
  </si>
  <si>
    <t>FSL SK10 1278K</t>
  </si>
  <si>
    <t>5702329592383</t>
  </si>
  <si>
    <t>VELUX Plissee solar FSL SK10 1278K</t>
  </si>
  <si>
    <t>FSL SK10 1279KWL</t>
  </si>
  <si>
    <t>5702329601351</t>
  </si>
  <si>
    <t>VELUX Plissee solar FSL SK10 1279KWL</t>
  </si>
  <si>
    <t>FSL SK10 1280K</t>
  </si>
  <si>
    <t>5702329592406</t>
  </si>
  <si>
    <t>VELUX Plissee solar FSL SK10 1280K</t>
  </si>
  <si>
    <t>FSL SK10 1280KWL</t>
  </si>
  <si>
    <t>5702329601368</t>
  </si>
  <si>
    <t>VELUX Plissee solar FSL SK10 1280KWL</t>
  </si>
  <si>
    <t>FSL SK10 1281K</t>
  </si>
  <si>
    <t>5702329592413</t>
  </si>
  <si>
    <t>VELUX Plissee solar FSL SK10 1281K</t>
  </si>
  <si>
    <t>FSL SK10 1285K</t>
  </si>
  <si>
    <t>5702329592451</t>
  </si>
  <si>
    <t>VELUX Plissee solar FSL SK10 1285K</t>
  </si>
  <si>
    <t>FSL SK10 1285KWL</t>
  </si>
  <si>
    <t>5702329601412</t>
  </si>
  <si>
    <t>VELUX Plissee solar FSL SK10 1285KWL</t>
  </si>
  <si>
    <t>FSL SK10 1286K</t>
  </si>
  <si>
    <t>5702329592468</t>
  </si>
  <si>
    <t>VELUX Plissee solar FSL SK10 1286K</t>
  </si>
  <si>
    <t>FSL SK10 1286KWL</t>
  </si>
  <si>
    <t>5702329601429</t>
  </si>
  <si>
    <t>VELUX Plissee solar FSL SK10 1286KWL</t>
  </si>
  <si>
    <t>FSL U04 1256KWL</t>
  </si>
  <si>
    <t>5702329601443</t>
  </si>
  <si>
    <t>VELUX Plissee solar FSL U04 1256KWL</t>
  </si>
  <si>
    <t>FSL U04 1276K</t>
  </si>
  <si>
    <t>5702329592529</t>
  </si>
  <si>
    <t>VELUX Plissee solar FSL U04 1276K</t>
  </si>
  <si>
    <t>FSL U04 1276KWL</t>
  </si>
  <si>
    <t>5702329601481</t>
  </si>
  <si>
    <t>VELUX Plissee solar FSL U04 1276KWL</t>
  </si>
  <si>
    <t>FSL U04 1278K</t>
  </si>
  <si>
    <t>5702329592543</t>
  </si>
  <si>
    <t>VELUX Plissee solar FSL U04 1278K</t>
  </si>
  <si>
    <t>FSL U04 1278KWL</t>
  </si>
  <si>
    <t>5702329601504</t>
  </si>
  <si>
    <t>VELUX Plissee solar FSL U04 1278KWL</t>
  </si>
  <si>
    <t>FSL U04 1279K</t>
  </si>
  <si>
    <t>5702329592550</t>
  </si>
  <si>
    <t>VELUX Plissee solar FSL U04 1279K</t>
  </si>
  <si>
    <t>FSL U04 1279KWL</t>
  </si>
  <si>
    <t>5702329601511</t>
  </si>
  <si>
    <t>VELUX Plissee solar FSL U04 1279KWL</t>
  </si>
  <si>
    <t>FSL U04 1280KWL</t>
  </si>
  <si>
    <t>5702329601528</t>
  </si>
  <si>
    <t>VELUX Plissee solar FSL U04 1280KWL</t>
  </si>
  <si>
    <t>FSL U04 1281K</t>
  </si>
  <si>
    <t>5702329592574</t>
  </si>
  <si>
    <t>VELUX Plissee solar FSL U04 1281K</t>
  </si>
  <si>
    <t>FSL U04 1281KWL</t>
  </si>
  <si>
    <t>5702329601535</t>
  </si>
  <si>
    <t>VELUX Plissee solar FSL U04 1281KWL</t>
  </si>
  <si>
    <t>FSL U04 1282KWL</t>
  </si>
  <si>
    <t>5702329601542</t>
  </si>
  <si>
    <t>VELUX Plissee solar FSL U04 1282KWL</t>
  </si>
  <si>
    <t>FSL U04 1283K</t>
  </si>
  <si>
    <t>5702329592598</t>
  </si>
  <si>
    <t>VELUX Plissee solar FSL U04 1283K</t>
  </si>
  <si>
    <t>FSL U04 1283KWL</t>
  </si>
  <si>
    <t>5702329601559</t>
  </si>
  <si>
    <t>VELUX Plissee solar FSL U04 1283KWL</t>
  </si>
  <si>
    <t>FSL U04 1285K</t>
  </si>
  <si>
    <t>5702329592611</t>
  </si>
  <si>
    <t>VELUX Plissee solar FSL U04 1285K</t>
  </si>
  <si>
    <t>FSL U04 1285KWL</t>
  </si>
  <si>
    <t>5702329601573</t>
  </si>
  <si>
    <t>VELUX Plissee solar FSL U04 1285KWL</t>
  </si>
  <si>
    <t>FSL U08 1274KWL</t>
  </si>
  <si>
    <t>5702329601627</t>
  </si>
  <si>
    <t>VELUX Plissee solar FSL U08 1274KWL</t>
  </si>
  <si>
    <t>FSL U08 1276K</t>
  </si>
  <si>
    <t>5702329592680</t>
  </si>
  <si>
    <t>VELUX Plissee solar FSL U08 1276K</t>
  </si>
  <si>
    <t>FSL U08 1276KWL</t>
  </si>
  <si>
    <t>5702329601641</t>
  </si>
  <si>
    <t>VELUX Plissee solar FSL U08 1276KWL</t>
  </si>
  <si>
    <t>FSL U08 1277KWL</t>
  </si>
  <si>
    <t>5702329601658</t>
  </si>
  <si>
    <t>VELUX Plissee solar FSL U08 1277KWL</t>
  </si>
  <si>
    <t>FSL U08 1279K</t>
  </si>
  <si>
    <t>5702329592710</t>
  </si>
  <si>
    <t>VELUX Plissee solar FSL U08 1279K</t>
  </si>
  <si>
    <t>FSL U08 1279KWL</t>
  </si>
  <si>
    <t>5702329601672</t>
  </si>
  <si>
    <t>VELUX Plissee solar FSL U08 1279KWL</t>
  </si>
  <si>
    <t>FSL U08 1280K</t>
  </si>
  <si>
    <t>5702329592727</t>
  </si>
  <si>
    <t>VELUX Plissee solar FSL U08 1280K</t>
  </si>
  <si>
    <t>FSL U08 1280KWL</t>
  </si>
  <si>
    <t>5702329601689</t>
  </si>
  <si>
    <t>VELUX Plissee solar FSL U08 1280KWL</t>
  </si>
  <si>
    <t>FSL U08 1283KWL</t>
  </si>
  <si>
    <t>5702329601719</t>
  </si>
  <si>
    <t>VELUX Plissee solar FSL U08 1283KWL</t>
  </si>
  <si>
    <t>FSL U08 1284K</t>
  </si>
  <si>
    <t>5702329592765</t>
  </si>
  <si>
    <t>VELUX Plissee solar FSL U08 1284K</t>
  </si>
  <si>
    <t>FSL U08 1285K</t>
  </si>
  <si>
    <t>5702329592772</t>
  </si>
  <si>
    <t>VELUX Plissee solar FSL U08 1285K</t>
  </si>
  <si>
    <t>FSL U08 1285KWL</t>
  </si>
  <si>
    <t>5702329601733</t>
  </si>
  <si>
    <t>VELUX Plissee solar FSL U08 1285KWL</t>
  </si>
  <si>
    <t>FSL U10 1256KWL</t>
  </si>
  <si>
    <t>5702329601764</t>
  </si>
  <si>
    <t>VELUX Plissee solar FSL U10 1256KWL</t>
  </si>
  <si>
    <t>FSL U10 1259KWL</t>
  </si>
  <si>
    <t>5702329601771</t>
  </si>
  <si>
    <t>VELUX Plissee solar FSL U10 1259KWL</t>
  </si>
  <si>
    <t>FSL U10 1274K</t>
  </si>
  <si>
    <t>5702329592826</t>
  </si>
  <si>
    <t>VELUX Plissee solar FSL U10 1274K</t>
  </si>
  <si>
    <t>FSL U10 1275K</t>
  </si>
  <si>
    <t>5702329592833</t>
  </si>
  <si>
    <t>VELUX Plissee solar FSL U10 1275K</t>
  </si>
  <si>
    <t>FSL U10 1275KWL</t>
  </si>
  <si>
    <t>5702329601795</t>
  </si>
  <si>
    <t>VELUX Plissee solar FSL U10 1275KWL</t>
  </si>
  <si>
    <t>FSL U10 1276K</t>
  </si>
  <si>
    <t>5702329592840</t>
  </si>
  <si>
    <t>VELUX Plissee solar FSL U10 1276K</t>
  </si>
  <si>
    <t>FSL U10 1276KWL</t>
  </si>
  <si>
    <t>5702329601801</t>
  </si>
  <si>
    <t>VELUX Plissee solar FSL U10 1276KWL</t>
  </si>
  <si>
    <t>FSL U10 1277K</t>
  </si>
  <si>
    <t>5702329592857</t>
  </si>
  <si>
    <t>VELUX Plissee solar FSL U10 1277K</t>
  </si>
  <si>
    <t>FSL U10 1277KWL</t>
  </si>
  <si>
    <t>5702329601818</t>
  </si>
  <si>
    <t>VELUX Plissee solar FSL U10 1277KWL</t>
  </si>
  <si>
    <t>FSL U10 1278KWL</t>
  </si>
  <si>
    <t>5702329601825</t>
  </si>
  <si>
    <t>VELUX Plissee solar FSL U10 1278KWL</t>
  </si>
  <si>
    <t>FSL U10 1279K</t>
  </si>
  <si>
    <t>5702329592871</t>
  </si>
  <si>
    <t>VELUX Plissee solar FSL U10 1279K</t>
  </si>
  <si>
    <t>FSL U10 1279KWL</t>
  </si>
  <si>
    <t>5702329601832</t>
  </si>
  <si>
    <t>VELUX Plissee solar FSL U10 1279KWL</t>
  </si>
  <si>
    <t>FSL U10 1280K</t>
  </si>
  <si>
    <t>5702329592888</t>
  </si>
  <si>
    <t>VELUX Plissee solar FSL U10 1280K</t>
  </si>
  <si>
    <t>FSL U10 1280KWL</t>
  </si>
  <si>
    <t>5702329601849</t>
  </si>
  <si>
    <t>VELUX Plissee solar FSL U10 1280KWL</t>
  </si>
  <si>
    <t>FSL U10 1281KWL</t>
  </si>
  <si>
    <t>5702329601856</t>
  </si>
  <si>
    <t>VELUX Plissee solar FSL U10 1281KWL</t>
  </si>
  <si>
    <t>FSL U10 1282KWL</t>
  </si>
  <si>
    <t>5702329601863</t>
  </si>
  <si>
    <t>VELUX Plissee solar FSL U10 1282KWL</t>
  </si>
  <si>
    <t>FSL U10 1283K</t>
  </si>
  <si>
    <t>5702329592918</t>
  </si>
  <si>
    <t>VELUX Plissee solar FSL U10 1283K</t>
  </si>
  <si>
    <t>FSL U10 1283KWL</t>
  </si>
  <si>
    <t>5702329601870</t>
  </si>
  <si>
    <t>VELUX Plissee solar FSL U10 1283KWL</t>
  </si>
  <si>
    <t>FSL U10 1284KWL</t>
  </si>
  <si>
    <t>5702329601887</t>
  </si>
  <si>
    <t>VELUX Plissee solar FSL U10 1284KWL</t>
  </si>
  <si>
    <t>FSL U10 1285K</t>
  </si>
  <si>
    <t>5702329592932</t>
  </si>
  <si>
    <t>VELUX Plissee solar FSL U10 1285K</t>
  </si>
  <si>
    <t>FSL U10 1285KWL</t>
  </si>
  <si>
    <t>5702329601894</t>
  </si>
  <si>
    <t>VELUX Plissee solar FSL U10 1285KWL</t>
  </si>
  <si>
    <t>FSL U10 1286K</t>
  </si>
  <si>
    <t>5702329592949</t>
  </si>
  <si>
    <t>VELUX Plissee solar FSL U10 1286K</t>
  </si>
  <si>
    <t>FSL U10 1286KWL</t>
  </si>
  <si>
    <t>5702329601900</t>
  </si>
  <si>
    <t>VELUX Plissee solar FSL U10 1286KWL</t>
  </si>
  <si>
    <t>FSL U31 1016K</t>
  </si>
  <si>
    <t>5702329592956</t>
  </si>
  <si>
    <t>VELUX Plissee solar FSL U31 1016K</t>
  </si>
  <si>
    <t>FSL U31 1016KWL</t>
  </si>
  <si>
    <t>5702329601917</t>
  </si>
  <si>
    <t>VELUX Plissee solar FSL U31 1016KWL</t>
  </si>
  <si>
    <t>FSL U31 1256K</t>
  </si>
  <si>
    <t>5702329592963</t>
  </si>
  <si>
    <t>VELUX Plissee solar FSL U31 1256K</t>
  </si>
  <si>
    <t>FSL U31 1256KWL</t>
  </si>
  <si>
    <t>5702329601924</t>
  </si>
  <si>
    <t>VELUX Plissee solar FSL U31 1256KWL</t>
  </si>
  <si>
    <t>FSL U31 1259K</t>
  </si>
  <si>
    <t>5702329592970</t>
  </si>
  <si>
    <t>VELUX Plissee solar FSL U31 1259K</t>
  </si>
  <si>
    <t>FSL U31 1259KWL</t>
  </si>
  <si>
    <t>5702329601931</t>
  </si>
  <si>
    <t>VELUX Plissee solar FSL U31 1259KWL</t>
  </si>
  <si>
    <t>FSL U31 1274K</t>
  </si>
  <si>
    <t>5702329592987</t>
  </si>
  <si>
    <t>VELUX Plissee solar FSL U31 1274K</t>
  </si>
  <si>
    <t>FSL U31 1274KWL</t>
  </si>
  <si>
    <t>5702329601948</t>
  </si>
  <si>
    <t>VELUX Plissee solar FSL U31 1274KWL</t>
  </si>
  <si>
    <t>FSL U31 1275K</t>
  </si>
  <si>
    <t>5702329592994</t>
  </si>
  <si>
    <t>VELUX Plissee solar FSL U31 1275K</t>
  </si>
  <si>
    <t>FSL U31 1275KWL</t>
  </si>
  <si>
    <t>5702329601955</t>
  </si>
  <si>
    <t>VELUX Plissee solar FSL U31 1275KWL</t>
  </si>
  <si>
    <t>FSL U31 1276K</t>
  </si>
  <si>
    <t>5702329593007</t>
  </si>
  <si>
    <t>VELUX Plissee solar FSL U31 1276K</t>
  </si>
  <si>
    <t>FSL U31 1276KWL</t>
  </si>
  <si>
    <t>5702329601962</t>
  </si>
  <si>
    <t>VELUX Plissee solar FSL U31 1276KWL</t>
  </si>
  <si>
    <t>FSL U31 1277K</t>
  </si>
  <si>
    <t>5702329593014</t>
  </si>
  <si>
    <t>VELUX Plissee solar FSL U31 1277K</t>
  </si>
  <si>
    <t>FSL U31 1277KWL</t>
  </si>
  <si>
    <t>5702329601979</t>
  </si>
  <si>
    <t>VELUX Plissee solar FSL U31 1277KWL</t>
  </si>
  <si>
    <t>FSL U31 1278K</t>
  </si>
  <si>
    <t>5702329593021</t>
  </si>
  <si>
    <t>VELUX Plissee solar FSL U31 1278K</t>
  </si>
  <si>
    <t>FSL U31 1278KWL</t>
  </si>
  <si>
    <t>5702329601986</t>
  </si>
  <si>
    <t>VELUX Plissee solar FSL U31 1278KWL</t>
  </si>
  <si>
    <t>FSL U31 1279K</t>
  </si>
  <si>
    <t>5702329593038</t>
  </si>
  <si>
    <t>VELUX Plissee solar FSL U31 1279K</t>
  </si>
  <si>
    <t>FSL U31 1279KWL</t>
  </si>
  <si>
    <t>5702329601993</t>
  </si>
  <si>
    <t>VELUX Plissee solar FSL U31 1279KWL</t>
  </si>
  <si>
    <t>FSL U31 1280K</t>
  </si>
  <si>
    <t>5702329593045</t>
  </si>
  <si>
    <t>VELUX Plissee solar FSL U31 1280K</t>
  </si>
  <si>
    <t>FSL U31 1280KWL</t>
  </si>
  <si>
    <t>5702329602006</t>
  </si>
  <si>
    <t>VELUX Plissee solar FSL U31 1280KWL</t>
  </si>
  <si>
    <t>FSL U31 1281K</t>
  </si>
  <si>
    <t>5702329593052</t>
  </si>
  <si>
    <t>VELUX Plissee solar FSL U31 1281K</t>
  </si>
  <si>
    <t>FSL U31 1281KWL</t>
  </si>
  <si>
    <t>5702329602013</t>
  </si>
  <si>
    <t>VELUX Plissee solar FSL U31 1281KWL</t>
  </si>
  <si>
    <t>FSL U31 1282K</t>
  </si>
  <si>
    <t>5702329593069</t>
  </si>
  <si>
    <t>VELUX Plissee solar FSL U31 1282K</t>
  </si>
  <si>
    <t>FSL U31 1282KWL</t>
  </si>
  <si>
    <t>5702329602020</t>
  </si>
  <si>
    <t>VELUX Plissee solar FSL U31 1282KWL</t>
  </si>
  <si>
    <t>FSL U31 1283K</t>
  </si>
  <si>
    <t>5702329593076</t>
  </si>
  <si>
    <t>VELUX Plissee solar FSL U31 1283K</t>
  </si>
  <si>
    <t>FSL U31 1283KWL</t>
  </si>
  <si>
    <t>5702329602037</t>
  </si>
  <si>
    <t>VELUX Plissee solar FSL U31 1283KWL</t>
  </si>
  <si>
    <t>FSL U31 1284K</t>
  </si>
  <si>
    <t>5702329593083</t>
  </si>
  <si>
    <t>VELUX Plissee solar FSL U31 1284K</t>
  </si>
  <si>
    <t>FSL U31 1284KWL</t>
  </si>
  <si>
    <t>5702329602044</t>
  </si>
  <si>
    <t>VELUX Plissee solar FSL U31 1284KWL</t>
  </si>
  <si>
    <t>FSL U31 1285K</t>
  </si>
  <si>
    <t>5702329593090</t>
  </si>
  <si>
    <t>VELUX Plissee solar FSL U31 1285K</t>
  </si>
  <si>
    <t>FSL U31 1285KWL</t>
  </si>
  <si>
    <t>5702329602051</t>
  </si>
  <si>
    <t>VELUX Plissee solar FSL U31 1285KWL</t>
  </si>
  <si>
    <t>FSL U31 1286K</t>
  </si>
  <si>
    <t>5702329593106</t>
  </si>
  <si>
    <t>VELUX Plissee solar FSL U31 1286K</t>
  </si>
  <si>
    <t>FSL U31 1286KWL</t>
  </si>
  <si>
    <t>5702329602068</t>
  </si>
  <si>
    <t>VELUX Plissee solar FSL U31 1286KWL</t>
  </si>
  <si>
    <t>FSL UK04 1274K</t>
  </si>
  <si>
    <t>5702329593304</t>
  </si>
  <si>
    <t>VELUX Plissee solar FSL UK04 1274K</t>
  </si>
  <si>
    <t>FSL UK04 1274KWL</t>
  </si>
  <si>
    <t>5702329602105</t>
  </si>
  <si>
    <t>VELUX Plissee solar FSL UK04 1274KWL</t>
  </si>
  <si>
    <t>FSL UK04 1276K</t>
  </si>
  <si>
    <t>5702329593328</t>
  </si>
  <si>
    <t>VELUX Plissee solar FSL UK04 1276K</t>
  </si>
  <si>
    <t>FSL UK04 1276KWL</t>
  </si>
  <si>
    <t>5702329602129</t>
  </si>
  <si>
    <t>VELUX Plissee solar FSL UK04 1276KWL</t>
  </si>
  <si>
    <t>FSL UK04 1277K</t>
  </si>
  <si>
    <t>5702329593335</t>
  </si>
  <si>
    <t>VELUX Plissee solar FSL UK04 1277K</t>
  </si>
  <si>
    <t>FSL UK04 1279K</t>
  </si>
  <si>
    <t>5702329593359</t>
  </si>
  <si>
    <t>VELUX Plissee solar FSL UK04 1279K</t>
  </si>
  <si>
    <t>FSL UK04 1279KWL</t>
  </si>
  <si>
    <t>5702329602150</t>
  </si>
  <si>
    <t>VELUX Plissee solar FSL UK04 1279KWL</t>
  </si>
  <si>
    <t>FSL UK04 1280K</t>
  </si>
  <si>
    <t>5702329593366</t>
  </si>
  <si>
    <t>VELUX Plissee solar FSL UK04 1280K</t>
  </si>
  <si>
    <t>FSL UK04 1284K</t>
  </si>
  <si>
    <t>5702329593403</t>
  </si>
  <si>
    <t>VELUX Plissee solar FSL UK04 1284K</t>
  </si>
  <si>
    <t>FSL UK04 1286K</t>
  </si>
  <si>
    <t>5702329593427</t>
  </si>
  <si>
    <t>VELUX Plissee solar FSL UK04 1286K</t>
  </si>
  <si>
    <t>FSL UK08 1276K</t>
  </si>
  <si>
    <t>5702329593489</t>
  </si>
  <si>
    <t>VELUX Plissee solar FSL UK08 1276K</t>
  </si>
  <si>
    <t>FSL UK08 1276KWL</t>
  </si>
  <si>
    <t>5702329602280</t>
  </si>
  <si>
    <t>VELUX Plissee solar FSL UK08 1276KWL</t>
  </si>
  <si>
    <t>FSL UK08 1279K</t>
  </si>
  <si>
    <t>5702329593519</t>
  </si>
  <si>
    <t>VELUX Plissee solar FSL UK08 1279K</t>
  </si>
  <si>
    <t>FSL UK08 1280KWL</t>
  </si>
  <si>
    <t>5702329602327</t>
  </si>
  <si>
    <t>VELUX Plissee solar FSL UK08 1280KWL</t>
  </si>
  <si>
    <t>FSL UK08 1281K</t>
  </si>
  <si>
    <t>5702329593533</t>
  </si>
  <si>
    <t>VELUX Plissee solar FSL UK08 1281K</t>
  </si>
  <si>
    <t>FSL UK08 1281KWL</t>
  </si>
  <si>
    <t>5702329602334</t>
  </si>
  <si>
    <t>VELUX Plissee solar FSL UK08 1281KWL</t>
  </si>
  <si>
    <t>FSL UK08 1285K</t>
  </si>
  <si>
    <t>5702329593571</t>
  </si>
  <si>
    <t>VELUX Plissee solar FSL UK08 1285K</t>
  </si>
  <si>
    <t>FSL UK08 1286KWL</t>
  </si>
  <si>
    <t>5702329602389</t>
  </si>
  <si>
    <t>VELUX Plissee solar FSL UK08 1286KWL</t>
  </si>
  <si>
    <t>FSL UK10 1256K</t>
  </si>
  <si>
    <t>5702329593601</t>
  </si>
  <si>
    <t>VELUX Plissee solar FSL UK10 1256K</t>
  </si>
  <si>
    <t>FSL UK10 1275K</t>
  </si>
  <si>
    <t>5702329593632</t>
  </si>
  <si>
    <t>VELUX Plissee solar FSL UK10 1275K</t>
  </si>
  <si>
    <t>FSL UK10 1276K</t>
  </si>
  <si>
    <t>5702329593649</t>
  </si>
  <si>
    <t>VELUX Plissee solar FSL UK10 1276K</t>
  </si>
  <si>
    <t>FSL UK10 1276KWL</t>
  </si>
  <si>
    <t>5702329602440</t>
  </si>
  <si>
    <t>VELUX Plissee solar FSL UK10 1276KWL</t>
  </si>
  <si>
    <t>FSL UK10 1277K</t>
  </si>
  <si>
    <t>5702329593656</t>
  </si>
  <si>
    <t>VELUX Plissee solar FSL UK10 1277K</t>
  </si>
  <si>
    <t>FSL UK10 1277KWL</t>
  </si>
  <si>
    <t>5702329602457</t>
  </si>
  <si>
    <t>VELUX Plissee solar FSL UK10 1277KWL</t>
  </si>
  <si>
    <t>FSL UK10 1279K</t>
  </si>
  <si>
    <t>5702329593670</t>
  </si>
  <si>
    <t>VELUX Plissee solar FSL UK10 1279K</t>
  </si>
  <si>
    <t>FSL UK10 1279KWL</t>
  </si>
  <si>
    <t>5702329602471</t>
  </si>
  <si>
    <t>VELUX Plissee solar FSL UK10 1279KWL</t>
  </si>
  <si>
    <t>FSL UK10 1280K</t>
  </si>
  <si>
    <t>5702329593687</t>
  </si>
  <si>
    <t>VELUX Plissee solar FSL UK10 1280K</t>
  </si>
  <si>
    <t>FSL UK10 1280KWL</t>
  </si>
  <si>
    <t>5702329602488</t>
  </si>
  <si>
    <t>VELUX Plissee solar FSL UK10 1280KWL</t>
  </si>
  <si>
    <t>FSL UK10 1281K</t>
  </si>
  <si>
    <t>5702329593694</t>
  </si>
  <si>
    <t>VELUX Plissee solar FSL UK10 1281K</t>
  </si>
  <si>
    <t>FSL UK10 1281KWL</t>
  </si>
  <si>
    <t>5702329602495</t>
  </si>
  <si>
    <t>VELUX Plissee solar FSL UK10 1281KWL</t>
  </si>
  <si>
    <t>FSL UK10 1283K</t>
  </si>
  <si>
    <t>5702329593717</t>
  </si>
  <si>
    <t>VELUX Plissee solar FSL UK10 1283K</t>
  </si>
  <si>
    <t>FSL UK10 1285KWL</t>
  </si>
  <si>
    <t>5702329602532</t>
  </si>
  <si>
    <t>VELUX Plissee solar FSL UK10 1285KWL</t>
  </si>
  <si>
    <t>FSL UK10 1286K</t>
  </si>
  <si>
    <t>5702329593748</t>
  </si>
  <si>
    <t>VELUX Plissee solar FSL UK10 1286K</t>
  </si>
  <si>
    <t>FSL UK10 1286KWL</t>
  </si>
  <si>
    <t>5702329602549</t>
  </si>
  <si>
    <t>VELUX Plissee solar FSL UK10 1286KWL</t>
  </si>
  <si>
    <t>GDL MK19 2366</t>
  </si>
  <si>
    <t>5702328899872</t>
  </si>
  <si>
    <t>VELUX Dachbalkon GDL MK19 2366</t>
  </si>
  <si>
    <t>weiß lack EN. PLUS Ti walz 78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252 cm
Lichtfläche: 1,29m²
Endlackierung in zwei Schichten
mit weißem wasserverdünnbarem,
lösungsmittelfreiem Acryl-Lack.
Trockenschichtstärke gemäß DIN 68 800,
Teil 3: 85 µ.
Außenabdeckung aus Titanzink walzblank.
ENERGIE PLUS Verglasung
für besonders hohen Wärmeschutz:
Uw = 1,3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PK19 2366</t>
  </si>
  <si>
    <t>5702327914064</t>
  </si>
  <si>
    <t>VELUX Dachbalkon GDL PK19 2366</t>
  </si>
  <si>
    <t>weiß lack EN. PLUS Ti walz 9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252 cm
Lichtfläche: 1,63 m²
Endlackierung in zwei Schichten
mit weißem wasserverdünnbarem,
lösungsmittelfreiem Acryl-Lack.
Trockenschichtstärke gemäß DIN 68 800,
Teil 3: 85 µ.
Außenabdeckung aus Titanzink walzblank.
ENERGIE PLUS Verglasung
für besonders hohen Wärmeschutz:
Uw = 1,1 W/(m²K)
Gesamtenergiedurchlasswert g = 0,44,
erhöhter Einbruchschutz und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DL SK19 2366</t>
  </si>
  <si>
    <t>5702327725240</t>
  </si>
  <si>
    <t>VELUX Dachbalkon GDL SK19 2366</t>
  </si>
  <si>
    <t>weiß lack EN. PLUS Ti walz 114x252</t>
  </si>
  <si>
    <t>----------------------------------------
Zweiflügeliges Dachfenster,
das sich zu einem Dachaustritt
öffnen lässt.
Oberteil mit 45°-Klappflügel,
Lüftungsklappe und Luftfilter.
Unterteil bis zur Senkrechten
ausstellbar mit automatisch
auffaltendem Geländer.
Hervorragend geeignet und in den
meisten Fällen von den örtlichen
Feuerwehren auch anerkannt als zweiter
Rettungsweg.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252cm
Lichtfläche: 2,05m²
Endlackierung in zwei Schichten
mit weißem wasserverdünnbarem,
lösungsmittelfreiem Acryl-Lack.
Trockenschichtstärke gemäß DIN 68 800,
Teil 3: 85 µ.
Außenabdeckung aus Titanzink walzblank.
ENERGIE PLUS Verglasung
für besonders hohen Wärmeschutz:
Uw = 1,1 W/(m²K)
Gesamtenergiedurchlasswert g = 0,55.
erhöhter Einbruchschutz
erhöhter Hagelschutz.
2x2 mm Verbund-Sicherheitsglas innen
für erhöhten Einbruchschutz und
besseren Schallschutz, mit Edelmetall-
beschichtung innen für erhöhten
Wärmeschutz.
2,3 mm gehärtetes Einscheiben-
Sicherheitsglas nach DIN EN 12150
mit Edelmetallbeschichtung 
für erhöhten Wärmeschutz in der Mitte.
3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EL M08 2165</t>
  </si>
  <si>
    <t>5702327870278</t>
  </si>
  <si>
    <t>VELUX Dachterrasse GEL M08 2165</t>
  </si>
  <si>
    <t>weiß lack EN. PLUS Kupfer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EL M08 2365</t>
  </si>
  <si>
    <t>5702327870285</t>
  </si>
  <si>
    <t>VELUX Dachterrasse GEL M08 2365</t>
  </si>
  <si>
    <t>weiß lack EN. PLUS Ti walz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EL M08 3165</t>
  </si>
  <si>
    <t>5702327870308</t>
  </si>
  <si>
    <t>VELUX Dachterrasse GEL M08 3165</t>
  </si>
  <si>
    <t>klar lack EN. PLUS Kupfer 78x136</t>
  </si>
  <si>
    <t>----------------------------------------
Dachterrassen-Element oben mit
45°- Klappflügel, Lüftungsklappe
und Luftfilter.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36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GGL CK02 2162</t>
  </si>
  <si>
    <t>5702328040021</t>
  </si>
  <si>
    <t>VELUX Schwingfenster GGL CK02 2162</t>
  </si>
  <si>
    <t>weiß lack Schallsch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2 2362</t>
  </si>
  <si>
    <t>5702328040151</t>
  </si>
  <si>
    <t>VELUX Schwingfenster GGL CK02 2362</t>
  </si>
  <si>
    <t>weiß lack Schallsch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2 3162</t>
  </si>
  <si>
    <t>5702327114136</t>
  </si>
  <si>
    <t>VELUX Schwingfenster GGL CK02 3162</t>
  </si>
  <si>
    <t>klar lack Schallsch Kupfer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2 3362</t>
  </si>
  <si>
    <t>5702327114143</t>
  </si>
  <si>
    <t>VELUX Schwingfenster GGL CK02 3362</t>
  </si>
  <si>
    <t>klar lack Schallsch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78 cm
Lichtfläche: 0,22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4 2370</t>
  </si>
  <si>
    <t>5702327282996</t>
  </si>
  <si>
    <t>VELUX Schwingfenster GGL CK04 237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CK06 2162</t>
  </si>
  <si>
    <t>5702328040731</t>
  </si>
  <si>
    <t>VELUX Schwingfenster GGL CK06 2162</t>
  </si>
  <si>
    <t>weiß lack Schallsch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CK06 2366</t>
  </si>
  <si>
    <t>5702328040847</t>
  </si>
  <si>
    <t>VELUX Schwingfenster GGL CK06 2366</t>
  </si>
  <si>
    <t>weiß lack EN.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3067</t>
  </si>
  <si>
    <t>5702328932951</t>
  </si>
  <si>
    <t>VELUX Schwingfenster GGL CK06 3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CK06 306921</t>
  </si>
  <si>
    <t>5702328930254</t>
  </si>
  <si>
    <t>VELUX Elektrofenster GGL CK06 3069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CK06 306930</t>
  </si>
  <si>
    <t>5702328930278</t>
  </si>
  <si>
    <t>VELUX Solarfenster GGL CK06 3069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CK06 3162</t>
  </si>
  <si>
    <t>5702327114198</t>
  </si>
  <si>
    <t>VELUX Schwingfenster GGL CK06 3162</t>
  </si>
  <si>
    <t>klar lack Schallsch Kupfer 55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4 2162</t>
  </si>
  <si>
    <t>5702328041004</t>
  </si>
  <si>
    <t>VELUX Schwingfenster GGL FK04 2162</t>
  </si>
  <si>
    <t>weiß lack Schallsch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4 2170</t>
  </si>
  <si>
    <t>5702327283023</t>
  </si>
  <si>
    <t>VELUX Schwingfenster GGL FK04 2170</t>
  </si>
  <si>
    <t>weiß lack THERMO Cu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4 3366</t>
  </si>
  <si>
    <t>5702327002044</t>
  </si>
  <si>
    <t>VELUX Schwingfenster GGL FK04 3366</t>
  </si>
  <si>
    <t>klar lack EN.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98 cm
Lichtfläche: 0,3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6 2162</t>
  </si>
  <si>
    <t>5702328041288</t>
  </si>
  <si>
    <t>VELUX Schwingfenster GGL FK06 2162</t>
  </si>
  <si>
    <t>weiß lack Schallsch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2362</t>
  </si>
  <si>
    <t>5702328041417</t>
  </si>
  <si>
    <t>VELUX Schwingfenster GGL FK06 2362</t>
  </si>
  <si>
    <t>weiß lack Schallsch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3162</t>
  </si>
  <si>
    <t>5702327114259</t>
  </si>
  <si>
    <t>VELUX Schwingfenster GGL FK06 3162</t>
  </si>
  <si>
    <t>klar lack Schallsch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3362</t>
  </si>
  <si>
    <t>5702327114266</t>
  </si>
  <si>
    <t>VELUX Schwingfenster GGL FK06 3362</t>
  </si>
  <si>
    <t>klar lack Schallsch Ti walz 66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6 336621</t>
  </si>
  <si>
    <t>5702327030351</t>
  </si>
  <si>
    <t>VELUX Elektrofenster GGL FK06 336621</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elektrischem
Fenstermotor , Regensensor
und vorprogrammierten Funk-Wandschalter
zum komfortablen Öffnen und Schließen. 
---------------------------------
Die manuelle_x000D_ Bedienung des Fensters
bleibt weiterhin möglich
----------------------------------------
Einfacher Stromanschluss über 230V
----------------------------------------
Einklemmschutz durch das Erkennen von
Hindernissen
während des Schließens
_x000D_---------------------------------
Eigenschaften des Fenstermotors:
Betriebsspannung: 24 V/DC_x000D_
Stromaufnahme: max. 1,6 A_x000D_
Zugkraft: min. 225 N_x000D_
Druckkraft: max. 150 N_x000D_
Kettenhub: 200 mm_x000D_
korrosionsgeschützte Stahlkette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im Gebäude,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önnen ein außenliegendes und
ein innenliegendes Dekorations- und
Sonnenschutzprodukt installiert werden.
Alle technischen Werte sind normgemäß
im senkrechten Einbau ermittelt und 
beziehen sich auf das Fenster als Ganzes</t>
  </si>
  <si>
    <t>GGL FK08 2067</t>
  </si>
  <si>
    <t>5702328933118</t>
  </si>
  <si>
    <t>VELUX Schwingfenster GGL FK08 2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206730</t>
  </si>
  <si>
    <t>5702328933132</t>
  </si>
  <si>
    <t>VELUX Solarfenster GGL FK08 2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2170</t>
  </si>
  <si>
    <t>5702327283061</t>
  </si>
  <si>
    <t>VELUX Schwingfenster GGL FK08 2170</t>
  </si>
  <si>
    <t>weiß lack THERMO Cu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8 2366</t>
  </si>
  <si>
    <t>5702328041752</t>
  </si>
  <si>
    <t>VELUX Schwingfenster GGL FK08 23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2370</t>
  </si>
  <si>
    <t>5702327283078</t>
  </si>
  <si>
    <t>VELUX Schwingfenster GGL FK08 2370</t>
  </si>
  <si>
    <t>weiß lack THERMO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FK08 3067</t>
  </si>
  <si>
    <t>5702328933149</t>
  </si>
  <si>
    <t>VELUX Schwingfenster GGL FK08 3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306730</t>
  </si>
  <si>
    <t>5702328933163</t>
  </si>
  <si>
    <t>VELUX Solarfenster GGL FK08 30673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L FK08 3069</t>
  </si>
  <si>
    <t>5702328930438</t>
  </si>
  <si>
    <t>VELUX Schwingfenster GGL FK08 3069</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FK08 3162</t>
  </si>
  <si>
    <t>5702327114280</t>
  </si>
  <si>
    <t>VELUX Schwingfenster GGL FK08 3162</t>
  </si>
  <si>
    <t>klar lack Schallsch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FK08 3166</t>
  </si>
  <si>
    <t>5702327002075</t>
  </si>
  <si>
    <t>VELUX Schwingfenster GGL FK08 31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FK08 3366</t>
  </si>
  <si>
    <t>5702327002082</t>
  </si>
  <si>
    <t>VELUX Schwingfenster GGL FK08 3366</t>
  </si>
  <si>
    <t>klar lack EN.PLUS Ti walz 66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4 2162</t>
  </si>
  <si>
    <t>5702328041981</t>
  </si>
  <si>
    <t>VELUX Schwingfenster GGL MK04 2162</t>
  </si>
  <si>
    <t>weiß lack Schallsch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4 3162</t>
  </si>
  <si>
    <t>5702327114310</t>
  </si>
  <si>
    <t>VELUX Schwingfenster GGL MK04 3162</t>
  </si>
  <si>
    <t>klar lack Schallsch Kupfer 78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6 2162</t>
  </si>
  <si>
    <t>5702328042353</t>
  </si>
  <si>
    <t>VELUX Schwingfenster GGL MK06 2162</t>
  </si>
  <si>
    <t>weiß lack Schallsch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6 2370</t>
  </si>
  <si>
    <t>5702327283115</t>
  </si>
  <si>
    <t>VELUX Schwingfenster GGL MK06 237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06 3070Q</t>
  </si>
  <si>
    <t>5702327007537</t>
  </si>
  <si>
    <t>VELUX Schwingfenster GGL MK06 3070Q</t>
  </si>
  <si>
    <t>klar lack Son.Verg. Alu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06 3162</t>
  </si>
  <si>
    <t>5702327114341</t>
  </si>
  <si>
    <t>VELUX Schwingfenster GGL MK06 3162</t>
  </si>
  <si>
    <t>klar lack Schallsch Kupfer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06 3366</t>
  </si>
  <si>
    <t>5702327002129</t>
  </si>
  <si>
    <t>VELUX Schwingfenster GGL MK06 3366</t>
  </si>
  <si>
    <t>klar lack EN.PLUS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08 3070Q</t>
  </si>
  <si>
    <t>5702327007544</t>
  </si>
  <si>
    <t>VELUX Schwingfenster GGL MK08 3070Q</t>
  </si>
  <si>
    <t>klar lack Son.Verg. Alu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08 3162</t>
  </si>
  <si>
    <t>5702327114372</t>
  </si>
  <si>
    <t>VELUX Schwingfenster GGL MK08 3162</t>
  </si>
  <si>
    <t>klar lack Schallsch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10 2162</t>
  </si>
  <si>
    <t>5702328043091</t>
  </si>
  <si>
    <t>VELUX Schwingfenster GGL MK10 2162</t>
  </si>
  <si>
    <t>weiß lack Schallsch Kupfer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MK10 2166</t>
  </si>
  <si>
    <t>5702328043114</t>
  </si>
  <si>
    <t>VELUX Schwingfenster GGL MK10 21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0 2170</t>
  </si>
  <si>
    <t>5702327283146</t>
  </si>
  <si>
    <t>VELUX Schwingfenster GGL MK10 2170</t>
  </si>
  <si>
    <t>weiß lack THERMO C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MK10 3070Q</t>
  </si>
  <si>
    <t>5702327007551</t>
  </si>
  <si>
    <t>VELUX Schwingfenster GGL MK10 3070Q</t>
  </si>
  <si>
    <t>klar lack Son.Verg. Alu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MK10 3366</t>
  </si>
  <si>
    <t>5702327002167</t>
  </si>
  <si>
    <t>VELUX Schwingfenster GGL MK10 3366</t>
  </si>
  <si>
    <t>klar lack EN.PLUS Ti walz 78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3067</t>
  </si>
  <si>
    <t>5702328933460</t>
  </si>
  <si>
    <t>VELUX Schwingfenster GGL MK12 3067</t>
  </si>
  <si>
    <t>klar lack EN.WäDämm.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3069</t>
  </si>
  <si>
    <t>5702328930759</t>
  </si>
  <si>
    <t>VELUX Schwingfenster GGL MK12 3069</t>
  </si>
  <si>
    <t>klar lack E.HitzeschAlu 78x18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MK12 3166</t>
  </si>
  <si>
    <t>5702327601858</t>
  </si>
  <si>
    <t>VELUX Schwingfenster GGL MK12 31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MK12 3366</t>
  </si>
  <si>
    <t>5702327601865</t>
  </si>
  <si>
    <t>VELUX Schwingfenster GGL MK12 33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80 cm
Lichtfläche: 0,9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2162</t>
  </si>
  <si>
    <t>5702328043633</t>
  </si>
  <si>
    <t>VELUX Schwingfenster GGL PK06 2162</t>
  </si>
  <si>
    <t>weiß lack Schallsch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06 2166</t>
  </si>
  <si>
    <t>5702328043657</t>
  </si>
  <si>
    <t>VELUX Schwingfenster GGL PK06 2166</t>
  </si>
  <si>
    <t>weiß lack EN.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2170</t>
  </si>
  <si>
    <t>5702327283184</t>
  </si>
  <si>
    <t>VELUX Schwingfenster GGL PK06 2170</t>
  </si>
  <si>
    <t>weiß lack THERMO C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6 2370</t>
  </si>
  <si>
    <t>5702327283191</t>
  </si>
  <si>
    <t>VELUX Schwingfenster GGL PK06 2370</t>
  </si>
  <si>
    <t>weiß lack THERMO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6 3070Q</t>
  </si>
  <si>
    <t>5702327007575</t>
  </si>
  <si>
    <t>VELUX Schwingfenster GGL PK06 3070Q</t>
  </si>
  <si>
    <t>klar lack Son.Verg. Alu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PK06 3166</t>
  </si>
  <si>
    <t>5702327002198</t>
  </si>
  <si>
    <t>VELUX Schwingfenster GGL PK06 3166</t>
  </si>
  <si>
    <t>klar lack EN.PLUS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6 3366</t>
  </si>
  <si>
    <t>5702327002204</t>
  </si>
  <si>
    <t>VELUX Schwingfenster GGL PK06 3366</t>
  </si>
  <si>
    <t>klar lack EN.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2166</t>
  </si>
  <si>
    <t>5702328043923</t>
  </si>
  <si>
    <t>VELUX Schwingfenster GGL PK08 2166</t>
  </si>
  <si>
    <t>weiß lack EN.PLUS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08 2370</t>
  </si>
  <si>
    <t>5702327283214</t>
  </si>
  <si>
    <t>VELUX Schwingfenster GGL PK08 2370</t>
  </si>
  <si>
    <t>weiß lack THERMO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08 3070Q</t>
  </si>
  <si>
    <t>5702327007582</t>
  </si>
  <si>
    <t>VELUX Schwingfenster GGL PK08 3070Q</t>
  </si>
  <si>
    <t>klar lack Son.Verg. Alu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PK08 3366</t>
  </si>
  <si>
    <t>5702327002228</t>
  </si>
  <si>
    <t>VELUX Schwingfenster GGL PK08 3366</t>
  </si>
  <si>
    <t>klar lack EN.PLUS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PK10 2162</t>
  </si>
  <si>
    <t>5702328044180</t>
  </si>
  <si>
    <t>VELUX Schwingfenster GGL PK10 2162</t>
  </si>
  <si>
    <t>weiß lack Schallsch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10 2362</t>
  </si>
  <si>
    <t>5702328044319</t>
  </si>
  <si>
    <t>VELUX Schwingfenster GGL PK10 2362</t>
  </si>
  <si>
    <t>weiß lack Schallsch Ti walz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PK10 2370</t>
  </si>
  <si>
    <t>5702327283238</t>
  </si>
  <si>
    <t>VELUX Schwingfenster GGL PK10 237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PK10 3070Q</t>
  </si>
  <si>
    <t>5702327007599</t>
  </si>
  <si>
    <t>VELUX Schwingfenster GGL PK10 3070Q</t>
  </si>
  <si>
    <t>klar lack Son.Verg. Alu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PK10 3162</t>
  </si>
  <si>
    <t>5702327114525</t>
  </si>
  <si>
    <t>VELUX Schwingfenster GGL PK10 3162</t>
  </si>
  <si>
    <t>klar lack Schallsch Kupfer 9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6 2162</t>
  </si>
  <si>
    <t>5702328044791</t>
  </si>
  <si>
    <t>VELUX Schwingfenster GGL SK06 2162</t>
  </si>
  <si>
    <t>weiß lack Schallsch Kupfer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6 3362</t>
  </si>
  <si>
    <t>5702327114563</t>
  </si>
  <si>
    <t>VELUX Schwingfenster GGL SK06 3362</t>
  </si>
  <si>
    <t>klar lack EN.Schall.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2162</t>
  </si>
  <si>
    <t>5702328045125</t>
  </si>
  <si>
    <t>VELUX Schwingfenster GGL SK08 2162</t>
  </si>
  <si>
    <t>weiß lack Schallsch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2166</t>
  </si>
  <si>
    <t>5702328045149</t>
  </si>
  <si>
    <t>VELUX Schwingfenster GGL SK08 2166</t>
  </si>
  <si>
    <t>weiß lack EN.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2170</t>
  </si>
  <si>
    <t>5702327283269</t>
  </si>
  <si>
    <t>VELUX Schwingfenster GGL SK08 2170</t>
  </si>
  <si>
    <t>weiß lack THERMO C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08 2362</t>
  </si>
  <si>
    <t>5702328045217</t>
  </si>
  <si>
    <t>VELUX Schwingfenster GGL SK08 2362</t>
  </si>
  <si>
    <t>weiß lack EN.Schall.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2366</t>
  </si>
  <si>
    <t>5702328045224</t>
  </si>
  <si>
    <t>VELUX Schwingfenster GGL SK08 2366</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3070Q</t>
  </si>
  <si>
    <t>5702327007629</t>
  </si>
  <si>
    <t>VELUX Schwingfenster GGL SK08 3070Q</t>
  </si>
  <si>
    <t>klar lack Son.Verg. Alu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SK08 3162</t>
  </si>
  <si>
    <t>5702327526083</t>
  </si>
  <si>
    <t>VELUX Schwingfenster GGL SK08 3162</t>
  </si>
  <si>
    <t>klar lack Schallsch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L SK08 3166</t>
  </si>
  <si>
    <t>5702327002273</t>
  </si>
  <si>
    <t>VELUX Schwingfenster GGL SK08 3166</t>
  </si>
  <si>
    <t>klar lack EN.PLUS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08 3366</t>
  </si>
  <si>
    <t>5702327002280</t>
  </si>
  <si>
    <t>VELUX Schwingfenster GGL SK08 3366</t>
  </si>
  <si>
    <t>klar lack EN.PLUS Ti walz 11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2166</t>
  </si>
  <si>
    <t>5702328045316</t>
  </si>
  <si>
    <t>VELUX Schwingfenster GGL SK10 2166</t>
  </si>
  <si>
    <t>weiß lack EN.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2170</t>
  </si>
  <si>
    <t>5702327283283</t>
  </si>
  <si>
    <t>VELUX Schwingfenster GGL SK10 2170</t>
  </si>
  <si>
    <t>weiß lack THERMO C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10 2370</t>
  </si>
  <si>
    <t>5702327283290</t>
  </si>
  <si>
    <t>VELUX Schwingfenster GGL SK10 2370</t>
  </si>
  <si>
    <t>weiß lack THERMO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SK10 3067</t>
  </si>
  <si>
    <t>5702328934016</t>
  </si>
  <si>
    <t>VELUX Schwingfenster GGL SK10 3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3069</t>
  </si>
  <si>
    <t>5702328931305</t>
  </si>
  <si>
    <t>VELUX Schwingfenster GGL SK10 3069</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SK10 3070Q</t>
  </si>
  <si>
    <t>5702327007636</t>
  </si>
  <si>
    <t>VELUX Schwingfenster GGL SK10 3070Q</t>
  </si>
  <si>
    <t>klar lack Son.Verg. Alu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SK10 3166</t>
  </si>
  <si>
    <t>5702327601971</t>
  </si>
  <si>
    <t>VELUX Schwingfenster GGL SK10 3166</t>
  </si>
  <si>
    <t>klar lack EN.PLUS Kupfer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SK10 3366</t>
  </si>
  <si>
    <t>5702327601988</t>
  </si>
  <si>
    <t>VELUX Schwingfenster GGL SK10 3366</t>
  </si>
  <si>
    <t>klar lack EN.PLUS Ti walz 11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2366</t>
  </si>
  <si>
    <t>5702328045651</t>
  </si>
  <si>
    <t>VELUX Schwingfenster GGL UK04 2366</t>
  </si>
  <si>
    <t>weiß lack EN.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4 3070Q</t>
  </si>
  <si>
    <t>5702327007643</t>
  </si>
  <si>
    <t>VELUX Schwingfenster GGL UK04 3070Q</t>
  </si>
  <si>
    <t>klar lack Son.Verg. Alu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UK04 3366</t>
  </si>
  <si>
    <t>5702327002303</t>
  </si>
  <si>
    <t>VELUX Schwingfenster GGL UK04 3366</t>
  </si>
  <si>
    <t>klar lack EN.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08 2370</t>
  </si>
  <si>
    <t>5702327283337</t>
  </si>
  <si>
    <t>VELUX Schwingfenster GGL UK08 237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08 3070Q</t>
  </si>
  <si>
    <t>5702327007650</t>
  </si>
  <si>
    <t>VELUX Schwingfenster GGL UK08 3070Q</t>
  </si>
  <si>
    <t>klar lack Son.Verg. Alu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L UK08 3366</t>
  </si>
  <si>
    <t>5702327002327</t>
  </si>
  <si>
    <t>VELUX Schwingfenster GGL UK08 3366</t>
  </si>
  <si>
    <t>klar lack EN.PLUS Ti walz 134x14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2166</t>
  </si>
  <si>
    <t>5702328046115</t>
  </si>
  <si>
    <t>VELUX Schwingfenster GGL UK10 2166</t>
  </si>
  <si>
    <t>weiß lack EN.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2170</t>
  </si>
  <si>
    <t>5702327283344</t>
  </si>
  <si>
    <t>VELUX Schwingfenster GGL UK10 2170</t>
  </si>
  <si>
    <t>weiß lack THERMO Cu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10 2370</t>
  </si>
  <si>
    <t>5702327283351</t>
  </si>
  <si>
    <t>VELUX Schwingfenster GGL UK10 2370</t>
  </si>
  <si>
    <t>weiß lack THERMO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L UK10 3067</t>
  </si>
  <si>
    <t>5702328934214</t>
  </si>
  <si>
    <t>VELUX Schwingfenster GGL UK10 3067</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3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3069</t>
  </si>
  <si>
    <t>5702328931503</t>
  </si>
  <si>
    <t>VELUX Schwingfenster GGL UK10 3069</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GL UK10 3166</t>
  </si>
  <si>
    <t>5702327602008</t>
  </si>
  <si>
    <t>VELUX Schwingfenster GGL UK10 3166</t>
  </si>
  <si>
    <t>klar lack EN.PLUS Kupfer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L UK10 3366</t>
  </si>
  <si>
    <t>5702327602015</t>
  </si>
  <si>
    <t>VELUX Schwingfenster GGL UK10 3366</t>
  </si>
  <si>
    <t>klar lack EN.PLUS Ti walz 134x160</t>
  </si>
  <si>
    <t>----------------------------------------
Schwingfenster mit Schwingfunktion
des Flügels bis zum Anschlag.
Mit bequemer Einhandbedienung ob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60 cm
Lichtfläche: 1,63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2 0362</t>
  </si>
  <si>
    <t>5702327114600</t>
  </si>
  <si>
    <t>VELUX Schwingfenster GGU CK02 0362</t>
  </si>
  <si>
    <t>Polyur. Schallsch Ti walz 55x7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78 cm
Lichtfläche: 0,22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4 0362</t>
  </si>
  <si>
    <t>5702327114631</t>
  </si>
  <si>
    <t>VELUX Schwingfenster GGU CK04 0362</t>
  </si>
  <si>
    <t>Polyur. Schallsch Ti walz 55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CK06 0366</t>
  </si>
  <si>
    <t>5702327002389</t>
  </si>
  <si>
    <t>VELUX Schwingfenster GGU CK06 0366</t>
  </si>
  <si>
    <t>Polyur. EN.PLUS Ti walz 55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CK06 0370</t>
  </si>
  <si>
    <t>5702327164568</t>
  </si>
  <si>
    <t>VELUX Schwingfenster GGU CK06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4 0162</t>
  </si>
  <si>
    <t>5702327114686</t>
  </si>
  <si>
    <t>VELUX Schwingfenster GGU FK04 0162</t>
  </si>
  <si>
    <t>Polyur. Schallsch Kupfer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4 0362</t>
  </si>
  <si>
    <t>5702327114693</t>
  </si>
  <si>
    <t>VELUX Schwingfenster GGU FK04 0362</t>
  </si>
  <si>
    <t>Polyur. Schallsch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4 0366</t>
  </si>
  <si>
    <t>5702327002402</t>
  </si>
  <si>
    <t>VELUX Schwingfenster GGU FK04 0366</t>
  </si>
  <si>
    <t>Polyur. EN.PLUS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FK04 0370</t>
  </si>
  <si>
    <t>5702327164605</t>
  </si>
  <si>
    <t>VELUX Schwingfenster GGU FK04 0370</t>
  </si>
  <si>
    <t>Polyur. THERMO Ti walz 66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98 cm
Lichtfläche: 0,3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6 0162</t>
  </si>
  <si>
    <t>5702327114716</t>
  </si>
  <si>
    <t>VELUX Schwingfenster GGU FK06 0162</t>
  </si>
  <si>
    <t>Polyur. Schallsch Kupfer 66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8 0162</t>
  </si>
  <si>
    <t>5702327114747</t>
  </si>
  <si>
    <t>VELUX Schwingfenster GGU FK08 0162</t>
  </si>
  <si>
    <t>Polyur. Schallsch Kupfer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FK08 0170</t>
  </si>
  <si>
    <t>5702327164667</t>
  </si>
  <si>
    <t>VELUX Schwingfenster GGU FK08 0170</t>
  </si>
  <si>
    <t>Polyur. THERMO Cu 66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FK08 0370</t>
  </si>
  <si>
    <t>5702327164681</t>
  </si>
  <si>
    <t>VELUX Schwingfenster GGU FK08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MK04 0362</t>
  </si>
  <si>
    <t>5702327114785</t>
  </si>
  <si>
    <t>VELUX Schwingfenster GGU MK04 0362</t>
  </si>
  <si>
    <t>Polyur. Schallsch Ti walz 78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6 0362</t>
  </si>
  <si>
    <t>5702327114815</t>
  </si>
  <si>
    <t>VELUX Schwingfenster GGU MK06 0362</t>
  </si>
  <si>
    <t>Polyur. Schallsch Ti walz 78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8 0162</t>
  </si>
  <si>
    <t>5702327114839</t>
  </si>
  <si>
    <t>VELUX Schwingfenster GGU MK08 0162</t>
  </si>
  <si>
    <t>Polyur. Schallsch Kupfer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08 0362</t>
  </si>
  <si>
    <t>5702327114846</t>
  </si>
  <si>
    <t>VELUX Schwingfenster GGU MK08 0362</t>
  </si>
  <si>
    <t>Polyur. Schallsch Ti walz 78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MK10 0070Q</t>
  </si>
  <si>
    <t>5702327007735</t>
  </si>
  <si>
    <t>VELUX Schwingfenster GGU MK10 0070Q</t>
  </si>
  <si>
    <t>Polyur. Son.Vergl. Alu 78x16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Aluminium,
einbrennlackiert, NCS S 7500-N.
----------------------------------------
Verglasung für erhöhten Einbruchschutz
mit:
Wärmedurchgangswert Uw = 1,3 W/(m²K),
Schalldämmwert Rw(C,Ctr)= 35(-1,-3) dB,
Schallschutzklasse 2,
Gesamtenergiedurchlasswert g = 0,63,
2x3 mm Verbund-Sicherheitsglas mit
Edelmetallbeschichtung innen.
4 mm gehärtetes Einscheiben-
sicherheitsglas nach DIN EN 12150 für
erhöhte Hagelsicherheit außen mit 
Edelmetallbeschichtung innen.
Durchwurfhemmend gemäß DIN EN 356,
Klasse P4A. Widerstandsklasse RC2.
Alle technischen Werte sind normgemäß
im senkrechten Einbau ermittelt und 
beziehen sich auf das Fenster als Ganzes</t>
  </si>
  <si>
    <t>GGU MK10 0170</t>
  </si>
  <si>
    <t>5702327164827</t>
  </si>
  <si>
    <t>VELUX Schwingfenster GGU MK10 01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6 0162</t>
  </si>
  <si>
    <t>5702327114891</t>
  </si>
  <si>
    <t>VELUX Schwingfenster GGU PK06 0162</t>
  </si>
  <si>
    <t>Polyur. Schallsch Kupfer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06 0366</t>
  </si>
  <si>
    <t>5702327002563</t>
  </si>
  <si>
    <t>VELUX Schwingfenster GGU PK06 0366</t>
  </si>
  <si>
    <t>Polyur. EN.PLUS Ti walz 9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PK08 0162</t>
  </si>
  <si>
    <t>5702327114921</t>
  </si>
  <si>
    <t>VELUX Schwingfenster GGU PK08 0162</t>
  </si>
  <si>
    <t>Polyur. Schallsch Kupfer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08 0170</t>
  </si>
  <si>
    <t>5702327164902</t>
  </si>
  <si>
    <t>VELUX Schwingfenster GGU PK08 01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08 0362</t>
  </si>
  <si>
    <t>5702327114938</t>
  </si>
  <si>
    <t>VELUX Schwingfenster GGU PK08 0362</t>
  </si>
  <si>
    <t>Polyur. Schallsch Ti walz 9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PK08 0370</t>
  </si>
  <si>
    <t>5702327164926</t>
  </si>
  <si>
    <t>VELUX Schwingfenster GGU PK08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PK10 0370</t>
  </si>
  <si>
    <t>5702327164964</t>
  </si>
  <si>
    <t>VELUX Schwingfenster GGU PK10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3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60 cm
Lichtfläche: 1,0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6 0162</t>
  </si>
  <si>
    <t>5702327114983</t>
  </si>
  <si>
    <t>VELUX Schwingfenster GGU SK06 0162</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SK06 0362</t>
  </si>
  <si>
    <t>5702327114990</t>
  </si>
  <si>
    <t>VELUX Schwingfenster GGU SK06 0362</t>
  </si>
  <si>
    <t>Polyur. Schallsch Ti walz 114x11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SK06 0370</t>
  </si>
  <si>
    <t>5702327165008</t>
  </si>
  <si>
    <t>VELUX Schwingfenster GGU SK06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08 0162</t>
  </si>
  <si>
    <t>5702327526106</t>
  </si>
  <si>
    <t>VELUX Schwingfenster GGU SK08 0162</t>
  </si>
  <si>
    <t>Polyur. Schallsch Kupfer 114x14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SCHALLSCHUTZ Verglasung
für besonders hohen Schallschutz:
Rw(C,Ctr)= 42(-2,-5)dB;
Schallschutzklasse 4
und besonders hohen Wärmeschutz:
Uw = 0,92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GU SK08 0166</t>
  </si>
  <si>
    <t>5702327002631</t>
  </si>
  <si>
    <t>VELUX Schwingfenster GGU SK08 0166</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10 0170</t>
  </si>
  <si>
    <t>5702328746749</t>
  </si>
  <si>
    <t>VELUX Schwingfenster GGU SK10 01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SK10 0366</t>
  </si>
  <si>
    <t>5702328746770</t>
  </si>
  <si>
    <t>VELUX Schwingfenster GGU SK10 0366</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SK10 0370</t>
  </si>
  <si>
    <t>5702328746831</t>
  </si>
  <si>
    <t>VELUX Schwingfenster GGU SK10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4 0366</t>
  </si>
  <si>
    <t>5702327002662</t>
  </si>
  <si>
    <t>VELUX Schwingfenster GGU UK04 0366</t>
  </si>
  <si>
    <t>Polyur. EN.PLUS Ti walz 134x98</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04 0370</t>
  </si>
  <si>
    <t>5702327165084</t>
  </si>
  <si>
    <t>VELUX Schwingfenster GGU UK04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98 cm
Lichtfläche: 0,91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08 0370</t>
  </si>
  <si>
    <t>5702327165121</t>
  </si>
  <si>
    <t>VELUX Schwingfenster GGU UK08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40 cm
Lichtfläche: 1,4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10 0166</t>
  </si>
  <si>
    <t>5702328963221</t>
  </si>
  <si>
    <t>VELUX Schwingfenster GGU UK10 0166</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10 0170</t>
  </si>
  <si>
    <t>5702328963283</t>
  </si>
  <si>
    <t>VELUX Schwingfenster GGU UK10 01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GU UK10 017030</t>
  </si>
  <si>
    <t>5702328963306</t>
  </si>
  <si>
    <t>VELUX Solarfenster GGU UK10 0170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366</t>
  </si>
  <si>
    <t>5702328963313</t>
  </si>
  <si>
    <t>VELUX Schwingfenster GGU UK10 0366</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GU UK10 036630</t>
  </si>
  <si>
    <t>5702328963337</t>
  </si>
  <si>
    <t>VELUX Solarfenster GGU UK10 03663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Inklusive ab Werk vormontierter
Steuerzentrale, integrierter Akku-
Versorgung, elektrischem Fenstermotor,
Solarmodul, Regensensor und
 vorprogrammierten Funk-Wandschalter
zum komfortablen Öffnen und Schließen. 
----------------------------------
Die manuelle_x000D_ Bedienung des Fensters
bleibt weiterhin möglich
----------------------------------------
Einklemmschutz durch das Erkennen von
Hindernissen
während des Schließens
_x000D_---------------------------------
Eigenschaften des Fenstermotors:
Betriebsspannung: 10,8 V/DC_x000D_
Zugkraft: min. 225 N_x000D_
Druckkraft: max. 150 N_x000D_
Kettenhub: 200 mm_x000D_
----------------------------------
VELUX Funk-Wandschalter KLI 311:
Zur kabellosen Einzel-und
Gruppenbedienung 
von automatischen Fenstern und
Flachdach-Fenstern mit dem
io-homecontrol Logo._x000D_
Sendet auf 868 MHz Frequenz inkl._x000D_
Sicherheitscode durch Code-Hopping._x000D_
Abmessungen: 82 mm x 82 mm x 12.5 mm
(BxHxT)
Farbe Gehäuse : weiß
Bedienungsabstand: 30m Gebäude,_x000D_
ca. 200 im freien Feld_x000D_
Bedienungsfertig mit 2 Stück Batterien_x000D_
AAA(LR03)im Lieferumfang enthalten.
_x000D__x000D_------------------------------------
Einfach kombinierbar mit VELUX Active: 
Intelligente Sensorsteuerung zum 
automatischen Öffnen und Schließen von
automatischen Fenstern,
Rollläden und
Sonnenschutzprodukte aufgrund von CO2,
Feuchtigkeit und Temperatur im Raum,
sowie externen Wetterdaten für
proaktiven Hitzeschutz mit Rollläden und
Sonnenschutzprodukten.
Ansteuerung per Smartphone und
Sprachsteuerung.
Kompatibilität mit SOMFY, Apple HomeKit
und Google Home/Google Assistant
----------------------------------------
Zusätzlich kann ein VELUX Solar-
Rollladen  oder
Solar-Sonnenschutz installiert werden.
Alle technischen Werte sind normgemäß
im senkrechten Einbau ermittelt und 
beziehen sich auf das Fenster als Ganzes</t>
  </si>
  <si>
    <t>GGU UK10 0370</t>
  </si>
  <si>
    <t>5702328963375</t>
  </si>
  <si>
    <t>VELUX Schwingfenster GGU UK10 0370</t>
  </si>
  <si>
    <t>----------------------------------------
Schwingfenster mit Schwingfunktion
des Flügels bis zum Anschlag.
Mit bequemer Einhandbedienung ob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x160 cm
Lichtfläche: 1,63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2162</t>
  </si>
  <si>
    <t>5702328734166</t>
  </si>
  <si>
    <t>VELUX Zusatzelement GIL MK34 2162</t>
  </si>
  <si>
    <t>weiß lack EN.Schall.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2170</t>
  </si>
  <si>
    <t>5702328349216</t>
  </si>
  <si>
    <t>VELUX Zus.el. Dachschr. GIL MK34 2170</t>
  </si>
  <si>
    <t>weiß lack THERMO C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2362</t>
  </si>
  <si>
    <t>5702328734173</t>
  </si>
  <si>
    <t>VELUX Zusatzelement GIL MK34 2362</t>
  </si>
  <si>
    <t>weiß lack EN.Schall.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2366</t>
  </si>
  <si>
    <t>5702328046191</t>
  </si>
  <si>
    <t>VELUX Zus.el. Dachschr. GIL MK34 2366</t>
  </si>
  <si>
    <t>weiß lack EN.PLUS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MK34 2370</t>
  </si>
  <si>
    <t>5702328349223</t>
  </si>
  <si>
    <t>VELUX Zus.el. Dachschr. GIL MK34 2370</t>
  </si>
  <si>
    <t>weiß lack THERMO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3162</t>
  </si>
  <si>
    <t>5702328734197</t>
  </si>
  <si>
    <t>VELUX Zusatzelement GIL MK34 3162</t>
  </si>
  <si>
    <t>klar lack EN.Schall.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3170</t>
  </si>
  <si>
    <t>5702328349247</t>
  </si>
  <si>
    <t>VELUX Zus.el. Dachschr. GIL MK34 3170</t>
  </si>
  <si>
    <t>klar lack THERMO Cu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MK34 3362</t>
  </si>
  <si>
    <t>5702328734203</t>
  </si>
  <si>
    <t>VELUX Zusatzelement GIL MK34 3362</t>
  </si>
  <si>
    <t>klar lack EN.Schall.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MK34 3366</t>
  </si>
  <si>
    <t>5702327135209</t>
  </si>
  <si>
    <t>VELUX Zus.el. Dachschr. GIL MK34 3366</t>
  </si>
  <si>
    <t>klar lack EN.PLUS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MK34 3370</t>
  </si>
  <si>
    <t>5702328349254</t>
  </si>
  <si>
    <t>VELUX Zus.el. Dachschr. GIL MK34 3370</t>
  </si>
  <si>
    <t>klar lack THERMO Ti walz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78 x 92 cm
Lichtfläche: 0,44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2162</t>
  </si>
  <si>
    <t>5702328734227</t>
  </si>
  <si>
    <t>VELUX Zusatzelement GIL PK34 2162</t>
  </si>
  <si>
    <t>weiß lack EN.Schall.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2170</t>
  </si>
  <si>
    <t>5702328349278</t>
  </si>
  <si>
    <t>VELUX Zus.el. Dachschr. GIL PK34 2170</t>
  </si>
  <si>
    <t>weiß lack THERMO C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2362</t>
  </si>
  <si>
    <t>5702328734234</t>
  </si>
  <si>
    <t>VELUX Zusatzelement GIL PK34 2362</t>
  </si>
  <si>
    <t>weiß lack EN.Schall.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2370</t>
  </si>
  <si>
    <t>5702328349285</t>
  </si>
  <si>
    <t>VELUX Zus.el. Dachschr. GIL PK34 2370</t>
  </si>
  <si>
    <t>weiß lack THERMO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3162</t>
  </si>
  <si>
    <t>5702328734258</t>
  </si>
  <si>
    <t>VELUX Zusatzelement GIL PK34 3162</t>
  </si>
  <si>
    <t>klar lack EN.Schall.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3170</t>
  </si>
  <si>
    <t>5702328349308</t>
  </si>
  <si>
    <t>VELUX Zus.el. Dachschr. GIL PK34 3170</t>
  </si>
  <si>
    <t>klar lack THERMO Cu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PK34 3362</t>
  </si>
  <si>
    <t>5702328734265</t>
  </si>
  <si>
    <t>VELUX Zusatzelement GIL PK34 3362</t>
  </si>
  <si>
    <t>klar lack EN.Schall.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PK34 3366</t>
  </si>
  <si>
    <t>5702327135308</t>
  </si>
  <si>
    <t>VELUX Zus.el. Dachschr. GIL PK34 3366</t>
  </si>
  <si>
    <t>klar lack EN.PLUS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PK34 3370</t>
  </si>
  <si>
    <t>5702328349315</t>
  </si>
  <si>
    <t>VELUX Zus.el. Dachschr. GIL PK34 3370</t>
  </si>
  <si>
    <t>klar lack THERMO Ti walz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94 x 92 cm
Lichtfläche: 0,56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2162</t>
  </si>
  <si>
    <t>5702328734289</t>
  </si>
  <si>
    <t>VELUX Zusatzelement GIL SK34 2162</t>
  </si>
  <si>
    <t>weiß lack EN.Schall.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2170</t>
  </si>
  <si>
    <t>5702328349339</t>
  </si>
  <si>
    <t>VELUX Zus.el. Dachschr. GIL SK34 2170</t>
  </si>
  <si>
    <t>weiß lack THERMO C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2362</t>
  </si>
  <si>
    <t>5702328734296</t>
  </si>
  <si>
    <t>VELUX Zusatzelement2 GIL SK34 2362</t>
  </si>
  <si>
    <t>weiß lack EN.Schall.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2366</t>
  </si>
  <si>
    <t>5702327852267</t>
  </si>
  <si>
    <t>VELUX Zus.el. Dachschr. GIL SK34 2366</t>
  </si>
  <si>
    <t>weiß lack. EN.PLUS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SK34 2370</t>
  </si>
  <si>
    <t>5702328349346</t>
  </si>
  <si>
    <t>VELUX Zus.el. Dachschr. GIL SK34 2370</t>
  </si>
  <si>
    <t>weiß lack THERMO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3162</t>
  </si>
  <si>
    <t>5702328734319</t>
  </si>
  <si>
    <t>VELUX Zusatzelement GIL SK34 3162</t>
  </si>
  <si>
    <t>klar lack EN.Schall.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3170</t>
  </si>
  <si>
    <t>5702328349360</t>
  </si>
  <si>
    <t>VELUX Zus.el. Dachschr. GIL SK34 3170</t>
  </si>
  <si>
    <t>klar lack THERMO Cu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SK34 3362</t>
  </si>
  <si>
    <t>5702328734326</t>
  </si>
  <si>
    <t>VELUX Zusatzelement GIL SK34 3362</t>
  </si>
  <si>
    <t>klar lack EN.Schall.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SK34 3366</t>
  </si>
  <si>
    <t>5702327135407</t>
  </si>
  <si>
    <t>VELUX Zus.el. Dachschr. GIL SK34 3366</t>
  </si>
  <si>
    <t>klar lack EN.PLUS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SK34 3370</t>
  </si>
  <si>
    <t>5702328349377</t>
  </si>
  <si>
    <t>VELUX Zus.el. Dachschr. GIL SK34 3370</t>
  </si>
  <si>
    <t>klar lack THERMO Ti walz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14 x 92 cm
Lichtfläche: 0,70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2062</t>
  </si>
  <si>
    <t>5702328734333</t>
  </si>
  <si>
    <t>VELUX Zusatzelement GIL UK34 2062</t>
  </si>
  <si>
    <t>weiß lack EN.Schall.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2162</t>
  </si>
  <si>
    <t>5702328734340</t>
  </si>
  <si>
    <t>VELUX Zusatzelement GIL UK34 2162</t>
  </si>
  <si>
    <t>weiß lack EN.Schall.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2170</t>
  </si>
  <si>
    <t>5702328349391</t>
  </si>
  <si>
    <t>VELUX Zus.el. Dachschr. GIL UK34 2170</t>
  </si>
  <si>
    <t>weiß lack THERMO C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2362</t>
  </si>
  <si>
    <t>5702328734357</t>
  </si>
  <si>
    <t>VELUX Zusatzelement GIL UK34 2362</t>
  </si>
  <si>
    <t>weiß lack EN.Schall.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2366</t>
  </si>
  <si>
    <t>5702328046238</t>
  </si>
  <si>
    <t>VELUX Zus.el. Dachschr. GIL UK34 2366</t>
  </si>
  <si>
    <t>weiß lack EN.PLUS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UK34 2370</t>
  </si>
  <si>
    <t>5702328349407</t>
  </si>
  <si>
    <t>VELUX Zus.el. Dachschr. GIL UK34 2370</t>
  </si>
  <si>
    <t>weiß lack THERMO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3062</t>
  </si>
  <si>
    <t>5702328734364</t>
  </si>
  <si>
    <t>VELUX Zusatzelement GIL UK34 3062</t>
  </si>
  <si>
    <t>klar lack EN.Schall.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3162</t>
  </si>
  <si>
    <t>5702328734371</t>
  </si>
  <si>
    <t>VELUX Zusatzelement GIL UK34 3162</t>
  </si>
  <si>
    <t>klar lack EN.Schall.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3166</t>
  </si>
  <si>
    <t>5702327135476</t>
  </si>
  <si>
    <t>VELUX Zus.el. Dachschr. GIL UK34 3166</t>
  </si>
  <si>
    <t>klar lack EN.PLUS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UK34 3170</t>
  </si>
  <si>
    <t>5702328349421</t>
  </si>
  <si>
    <t>VELUX Zus.el. Dachschr. GIL UK34 3170</t>
  </si>
  <si>
    <t>klar lack THERMO C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L UK34 3362</t>
  </si>
  <si>
    <t>5702328734388</t>
  </si>
  <si>
    <t>VELUX Zusatzelement GIL UK34 3362</t>
  </si>
  <si>
    <t>klar lack EN.Schall.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L UK34 3366</t>
  </si>
  <si>
    <t>5702327135506</t>
  </si>
  <si>
    <t>VELUX Zus.el. Dachschr. GIL UK34 3366</t>
  </si>
  <si>
    <t>klar lack EN.PLUS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L UK34 3370</t>
  </si>
  <si>
    <t>5702328349438</t>
  </si>
  <si>
    <t>VELUX Zus.el. Dachschr. GIL UK34 3370</t>
  </si>
  <si>
    <t>klar lack THERMO Ti walz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
Blendrahmen-Außenmaße (BxL): 134 x 92 cm
Lichtfläche: 0,85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MK34 0162</t>
  </si>
  <si>
    <t>5702328734401</t>
  </si>
  <si>
    <t>VELUX Zusatzel. Dachschr. GIU MK34 0162</t>
  </si>
  <si>
    <t>Polyur, EN-Schallschutz,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MK34 0170</t>
  </si>
  <si>
    <t>5702328349452</t>
  </si>
  <si>
    <t>VELUX Zusatzel. Dachschr. GIU MK34 0170</t>
  </si>
  <si>
    <t>Polyur, THERMO, Kupfer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MK34 0362</t>
  </si>
  <si>
    <t>5702328734418</t>
  </si>
  <si>
    <t>VELUX Zusatzel. Dachschr. GIU MK34 0362</t>
  </si>
  <si>
    <t>Polyur, EN-Schallschutz,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MK34 0370</t>
  </si>
  <si>
    <t>5702328349469</t>
  </si>
  <si>
    <t>VELUX Zusatzel. Dachschr. GIU MK34 0370</t>
  </si>
  <si>
    <t>Polyur, THERMO, Ti-Zink 78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2 cm
Lichtfläche: 0,44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PK34 0162</t>
  </si>
  <si>
    <t>5702328734432</t>
  </si>
  <si>
    <t>VELUX Zusatzel. Dachschr. GIU PK34 0162</t>
  </si>
  <si>
    <t>Polyur, EN-Schallschutz,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PK34 0170</t>
  </si>
  <si>
    <t>5702328349483</t>
  </si>
  <si>
    <t>VELUX Zusatzel. Dachschr. GIU PK34 0170</t>
  </si>
  <si>
    <t>Polyur, THERMO, Kupfer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PK34 0362</t>
  </si>
  <si>
    <t>5702328734449</t>
  </si>
  <si>
    <t>VELUX Zusatzel. Dachschr. GIU PK34 0362</t>
  </si>
  <si>
    <t>Polyur, EN-Schallschutz,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PK34 0366</t>
  </si>
  <si>
    <t>5702327135667</t>
  </si>
  <si>
    <t>VELUX Zusatzel. Dachschr. GIU PK34 0366</t>
  </si>
  <si>
    <t>Polyur, EN-PLUS,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PK34 0370</t>
  </si>
  <si>
    <t>5702328349490</t>
  </si>
  <si>
    <t>VELUX Zusatzel. Dachschr. GIU PK34 0370</t>
  </si>
  <si>
    <t>Polyur, THERMO, Ti-Zink 9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2 cm
Lichtfläche: 0,5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SK34 0170</t>
  </si>
  <si>
    <t>5702328349513</t>
  </si>
  <si>
    <t>VELUX Zusatzel. Dachschr. GIU SK34 0170</t>
  </si>
  <si>
    <t>Polyur, THERMO, Kupfer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SK34 0370</t>
  </si>
  <si>
    <t>5702328349520</t>
  </si>
  <si>
    <t>VELUX Zusatzel. Dachschr. GIU SK34 0370</t>
  </si>
  <si>
    <t>Polyur, THERMO, Ti-Zink 11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92 cm
Lichtfläche: 0,70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UK34 0062</t>
  </si>
  <si>
    <t>5702328734487</t>
  </si>
  <si>
    <t>VELUX Zusatzel. Dachschr. GIU UK34 0062</t>
  </si>
  <si>
    <t>Polyur, EN-Schallschutz, Alu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UK34 0162</t>
  </si>
  <si>
    <t>5702328734494</t>
  </si>
  <si>
    <t>VELUX Zusatzel. Dachschr. GIU UK34 0162</t>
  </si>
  <si>
    <t>Polyur, EN-Schallschutz,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UK34 0170</t>
  </si>
  <si>
    <t>5702328349544</t>
  </si>
  <si>
    <t>VELUX Zusatzel. Dachschr. GIU UK34 0170</t>
  </si>
  <si>
    <t>Polyur, THERMO, Kupfer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IU UK34 0362</t>
  </si>
  <si>
    <t>5702328734500</t>
  </si>
  <si>
    <t>VELUX Zusatzel. Dachschr. GIU UK34 0362</t>
  </si>
  <si>
    <t>Polyur, EN-Schallschutz,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GIU UK34 0366</t>
  </si>
  <si>
    <t>5702327135827</t>
  </si>
  <si>
    <t>VELUX Zusatzel. Dachschr. GIU UK34 0366</t>
  </si>
  <si>
    <t>Polyur, EN-PLUS,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IU UK34 0370</t>
  </si>
  <si>
    <t>5702328349551</t>
  </si>
  <si>
    <t>VELUX Zusatzel. Dachschr. GIU UK34 0370</t>
  </si>
  <si>
    <t>Polyur, THERMO, Ti-Zink 134x92</t>
  </si>
  <si>
    <t>----------------------------------------
Feststehendes Zusatzelement
zur Verlängerung von VELUX Fenstern
nach unten in Dächern mit durchgehender
Dachschräge.
Seitliche Flügelabdeckbleche
schraubenlos vormontiert, Montagewinkel
und Markisenkasten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92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4 2366</t>
  </si>
  <si>
    <t>5702328046290</t>
  </si>
  <si>
    <t>VELUX Klapp-Schw.-Fe. GPL CK04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4 2370</t>
  </si>
  <si>
    <t>5702327283375</t>
  </si>
  <si>
    <t>VELUX Klapp-Schw.-Fe. GPL CK04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4 3069</t>
  </si>
  <si>
    <t>5702328932043</t>
  </si>
  <si>
    <t>VELUX Klapp-Schw.-Fe. GPL CK04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98 cm
Lichtfläche: 0,29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CK06 2069</t>
  </si>
  <si>
    <t>5702328932050</t>
  </si>
  <si>
    <t>VELUX Klapp-Schw.-Fe. GPL CK06 2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CK06 2170</t>
  </si>
  <si>
    <t>5702327283382</t>
  </si>
  <si>
    <t>VELUX Klapp-Schw.-Fe. GPL C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6 2366</t>
  </si>
  <si>
    <t>5702328046351</t>
  </si>
  <si>
    <t>VELUX Klapp-Schw.-Fe. GPL CK06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6 2370</t>
  </si>
  <si>
    <t>5702327283399</t>
  </si>
  <si>
    <t>VELUX Klapp-Schw.-Fe. GPL CK06 2370</t>
  </si>
  <si>
    <t>weiß lack THERMO Ti walz 55x118</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CK06 3067</t>
  </si>
  <si>
    <t>5702328934603</t>
  </si>
  <si>
    <t>VELUX Klapp-Schw.-Fe. GPL CK06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CK06 3069</t>
  </si>
  <si>
    <t>5702328932067</t>
  </si>
  <si>
    <t>VELUX Klapp-Schw.-Fe. GPL CK06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CK06 3166</t>
  </si>
  <si>
    <t>5702327002716</t>
  </si>
  <si>
    <t>VELUX Klapp-Schw.-Fe. GPL C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55 x 118 cm
Lichtfläche: 0,3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6 2370</t>
  </si>
  <si>
    <t>5702327283412</t>
  </si>
  <si>
    <t>VELUX Klapp-Schw.-Fe. GPL F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FK06 3366</t>
  </si>
  <si>
    <t>5702327002747</t>
  </si>
  <si>
    <t>VELUX Klapp-Schw.-Fe. GPL F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2067</t>
  </si>
  <si>
    <t>5702328934634</t>
  </si>
  <si>
    <t>VELUX Klapp-Schw.-Fe. GPL FK08 2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2170</t>
  </si>
  <si>
    <t>5702327283429</t>
  </si>
  <si>
    <t>VELUX Klapp-Schw.-Fe. GPL F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FK08 3067</t>
  </si>
  <si>
    <t>5702328934641</t>
  </si>
  <si>
    <t>VELUX Klapp-Schw.-Fe. GPL FK08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FK08 3069</t>
  </si>
  <si>
    <t>5702328932104</t>
  </si>
  <si>
    <t>VELUX Klapp-Schw.-Fe. GPL FK08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FK08 3366</t>
  </si>
  <si>
    <t>5702327002761</t>
  </si>
  <si>
    <t>VELUX Klapp-Schw.-Fe. GPL F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40 cm
Lichtfläche: 0,58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4 2370</t>
  </si>
  <si>
    <t>5702327283450</t>
  </si>
  <si>
    <t>VELUX Klapp-Schw.-Fe. GPL MK04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4 3069</t>
  </si>
  <si>
    <t>5702328932128</t>
  </si>
  <si>
    <t>VELUX Klapp-Schw.-Fe. GPL MK04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MK04 3366</t>
  </si>
  <si>
    <t>5702327002785</t>
  </si>
  <si>
    <t>VELUX Klapp-Schw.-Fe. GPL MK04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6 2370</t>
  </si>
  <si>
    <t>5702327283474</t>
  </si>
  <si>
    <t>VELUX Klapp-Schw.-Fe. GPL M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6 3366</t>
  </si>
  <si>
    <t>5702327002808</t>
  </si>
  <si>
    <t>VELUX Klapp-Schw.-Fe. GPL M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18 cm
Lichtfläche: 0,5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08 2370</t>
  </si>
  <si>
    <t>5702327283498</t>
  </si>
  <si>
    <t>VELUX Klapp-Schw.-Fe. GPL MK08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08 3366</t>
  </si>
  <si>
    <t>5702327002822</t>
  </si>
  <si>
    <t>VELUX Klapp-Schw.-Fe. GPL M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MK10 2170</t>
  </si>
  <si>
    <t>5702327283504</t>
  </si>
  <si>
    <t>VELUX Klapp-Schw.-Fe. GPL MK10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10 2370</t>
  </si>
  <si>
    <t>5702327283511</t>
  </si>
  <si>
    <t>VELUX Klapp-Schw.-Fe. GPL MK10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MK10 3366</t>
  </si>
  <si>
    <t>5702327002846</t>
  </si>
  <si>
    <t>VELUX Klapp-Schw.-Fe. GPL MK10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60 cm
Lichtfläche: 0,8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2166</t>
  </si>
  <si>
    <t>5702328046818</t>
  </si>
  <si>
    <t>VELUX Klapp-Schw.-Fe. GPL PK06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2170</t>
  </si>
  <si>
    <t>5702327283542</t>
  </si>
  <si>
    <t>VELUX Klapp-Schw.-Fe. GPL PK06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6 2370</t>
  </si>
  <si>
    <t>5702327283559</t>
  </si>
  <si>
    <t>VELUX Klapp-Schw.-Fe. GPL P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6 3166</t>
  </si>
  <si>
    <t>5702327002853</t>
  </si>
  <si>
    <t>VELUX Klapp-Schw.-Fe. GPL PK06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6 3366</t>
  </si>
  <si>
    <t>5702327002860</t>
  </si>
  <si>
    <t>VELUX Klapp-Schw.-Fe. GPL P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18 cm
Lichtfläche: 0,7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2166</t>
  </si>
  <si>
    <t>5702328046870</t>
  </si>
  <si>
    <t>VELUX Klapp-Schw.-Fe. GPL P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2170</t>
  </si>
  <si>
    <t>5702327283566</t>
  </si>
  <si>
    <t>VELUX Klapp-Schw.-Fe. GPL P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8 2370</t>
  </si>
  <si>
    <t>5702327283573</t>
  </si>
  <si>
    <t>VELUX Klapp-Schw.-Fe. GPL PK08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08 3166</t>
  </si>
  <si>
    <t>5702327002877</t>
  </si>
  <si>
    <t>VELUX Klapp-Schw.-Fe. GPL P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08 3366</t>
  </si>
  <si>
    <t>5702327002884</t>
  </si>
  <si>
    <t>VELUX Klapp-Schw.-Fe. GPL P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40 cm
Lichtfläche: 0,9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PK10 2370</t>
  </si>
  <si>
    <t>5702327283597</t>
  </si>
  <si>
    <t>VELUX Klapp-Schw.-Fe. GPL PK10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PK10 3069</t>
  </si>
  <si>
    <t>5702328932265</t>
  </si>
  <si>
    <t>VELUX Klapp-Schw.-Fe. GPL PK10 3069</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Aluminium,
einbrennlackiert, NCS S 7500-N.
----------------------------------------
ENERGIE Hitzeschutz Verglasung,
für hohen Wärmeschutz:Uw = 1,1 W/(m²K),
Gesamtenergiedurchlasswert g = 0,27.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en der Regengeräusche durch
Anti-Regengeräusch-Effekt
Alle technischen Werte sind normgemäß
im senkrechten Einbau ermittelt und 
beziehen sich auf das Fenster als Ganzes</t>
  </si>
  <si>
    <t>GPL PK10 3366</t>
  </si>
  <si>
    <t>5702327002907</t>
  </si>
  <si>
    <t>VELUX Klapp-Schw.-Fe. GPL PK10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160 cm
Lichtfläche: 1,0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6 2370</t>
  </si>
  <si>
    <t>5702327283610</t>
  </si>
  <si>
    <t>VELUX Klapp-Schw.-Fe. GPL SK06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06 3366</t>
  </si>
  <si>
    <t>5702327002921</t>
  </si>
  <si>
    <t>VELUX Klapp-Schw.-Fe. GPL SK06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18 cm
Lichtfläche: 0,9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2166</t>
  </si>
  <si>
    <t>5702328047037</t>
  </si>
  <si>
    <t>VELUX Klapp-Schw.-Fe. GPL SK08 2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2170</t>
  </si>
  <si>
    <t>5702327283627</t>
  </si>
  <si>
    <t>VELUX Klapp-Schw.-Fe. GPL SK08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08 3166</t>
  </si>
  <si>
    <t>5702327002938</t>
  </si>
  <si>
    <t>VELUX Klapp-Schw.-Fe. GPL SK08 31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08 3366</t>
  </si>
  <si>
    <t>5702327002945</t>
  </si>
  <si>
    <t>VELUX Klapp-Schw.-Fe. GPL S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2170</t>
  </si>
  <si>
    <t>5702327283641</t>
  </si>
  <si>
    <t>VELUX Klapp-Schw.-Fe. GPL SK10 21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10 2370</t>
  </si>
  <si>
    <t>5702327283658</t>
  </si>
  <si>
    <t>VELUX Klapp-Schw.-Fe. GPL SK10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SK10 3166L</t>
  </si>
  <si>
    <t>5702327897022</t>
  </si>
  <si>
    <t>VELUX Klapp-Schw.-Fe. GPL SK10 3166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SK10 3366L</t>
  </si>
  <si>
    <t>5702327897039</t>
  </si>
  <si>
    <t>VELUX Klapp-Schw.-Fe. GPL SK10 3366L</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60 cm
Lichtfläche: 1,35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4 2366</t>
  </si>
  <si>
    <t>5702328047181</t>
  </si>
  <si>
    <t>VELUX Klapp-Schw.-Fe. GPL UK04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4 2370</t>
  </si>
  <si>
    <t>5702327283672</t>
  </si>
  <si>
    <t>VELUX Klapp-Schw.-Fe. GPL UK04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4 3067</t>
  </si>
  <si>
    <t>5702328934887</t>
  </si>
  <si>
    <t>VELUX Klapp-Schw.-Fe. GPL UK04 3067</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98 cm
Lichtfläche: 0,91m²
Endlackierung in zwei Schichten
mit transparentem, wasserverdünnbarem,
lösungsmittelfreiem Acryl-Lack.
Trockenschichtstärke gemäß DIN 68 800,
Teil 3: 85 µ.
Außenabdeckung aus Aluminium,
einbrennlackiert, NCS S 7500-N.
----------------------------------------
ENERGIE WÄRMEDÄMMUNG Verglasung
Passivhaus tauglich, für besonders
hohen Wärmeschutz: Uw = 0,86 W/(m²K),
Gesamtenergiedurchlasswert g = 0,44.
Erhöhter Schallschutz:
Rw(C,Ctr)= 38(-1,-5)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2366</t>
  </si>
  <si>
    <t>5702328047242</t>
  </si>
  <si>
    <t>VELUX Klapp-Schw.-Fe. GPL UK08 2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L UK08 2370</t>
  </si>
  <si>
    <t>5702327283696</t>
  </si>
  <si>
    <t>VELUX Klapp-Schw.-Fe. GPL UK08 2370</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L UK08 3366</t>
  </si>
  <si>
    <t>5702327395566</t>
  </si>
  <si>
    <t>VELUX Klapp-Schw.-Fe. GPL UK08 3366</t>
  </si>
  <si>
    <t>----------------------------------------
Klapp-Schwing-Fenster mit
45°-Öffnungswinkel und Schwing-
funktion bis zum Anschlag.
Mit Öffnungsgriff unten, Lüftungsklappe
und Luftfilter.
Seitliche Flügelabdeckbleche
schraubenlos vormontiert, Montagewinkel
und Markisenkasten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x140 cm
Lichtfläche: 1,40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4 0162</t>
  </si>
  <si>
    <t>5702327115027</t>
  </si>
  <si>
    <t>VELUX Klapp-Schw.-Fe. GPU CK04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98 cm
Lichtfläche: 0,29m²
Oberfläche fertig lackiert mit
Zwei-Komponenten-PU-Lack, weiß,
seidenmatt, NCS S 0500-N.
Außenabdeckung aus Kupfer.
Alle technischen Werte sind normgemäß
im senkrechten Einbau ermittelt und 
beziehen sich auf das Fenster als Ganzes</t>
  </si>
  <si>
    <t>GPU CK06 0162</t>
  </si>
  <si>
    <t>5702327115058</t>
  </si>
  <si>
    <t>VELUX Klapp-Schw.-Fe. GPU CK06 0162</t>
  </si>
  <si>
    <t>Polyur. Schallsch Kupfer 55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Kupfer.
Alle technischen Werte sind normgemäß
im senkrechten Einbau ermittelt und 
beziehen sich auf das Fenster als Ganzes</t>
  </si>
  <si>
    <t>GPU CK06 0366</t>
  </si>
  <si>
    <t>5702327002983</t>
  </si>
  <si>
    <t>VELUX Klapp-Schw.-Fe. GPU C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CK06 0370</t>
  </si>
  <si>
    <t>5702327165848</t>
  </si>
  <si>
    <t>VELUX Klapp-Schw.-Fe. GPU C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FK06 0162</t>
  </si>
  <si>
    <t>5702327115089</t>
  </si>
  <si>
    <t>VELUX Klapp-Schw.-Fe. GPU F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Kupfer.
Alle technischen Werte sind normgemäß
im senkrechten Einbau ermittelt und 
beziehen sich auf das Fenster als Ganzes</t>
  </si>
  <si>
    <t>GPU FK06 0362</t>
  </si>
  <si>
    <t>5702327115096</t>
  </si>
  <si>
    <t>VELUX Klapp-Schw.-Fe. GPU FK06 0362</t>
  </si>
  <si>
    <t>Polyur. Schallsch Ti walz 66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Alle technischen Werte sind normgemäß
im senkrechten Einbau ermittelt und 
beziehen sich auf das Fenster als Ganzes</t>
  </si>
  <si>
    <t>GPU FK08 0162</t>
  </si>
  <si>
    <t>5702327115119</t>
  </si>
  <si>
    <t>VELUX Klapp-Schw.-Fe. GPU F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Alle technischen Werte sind normgemäß
im senkrechten Einbau ermittelt und 
beziehen sich auf das Fenster als Ganzes</t>
  </si>
  <si>
    <t>GPU FK08 0170</t>
  </si>
  <si>
    <t>5702327165909</t>
  </si>
  <si>
    <t>VELUX Klapp-Schw.-Fe. GPU FK08 01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FK08 0362</t>
  </si>
  <si>
    <t>5702327115126</t>
  </si>
  <si>
    <t>VELUX Klapp-Schw.-Fe. GPU FK08 0362</t>
  </si>
  <si>
    <t>Polyur. Schallsch Ti walz 66x14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Alle technischen Werte sind normgemäß
im senkrechten Einbau ermittelt und 
beziehen sich auf das Fenster als Ganzes</t>
  </si>
  <si>
    <t>GPU FK08 0366</t>
  </si>
  <si>
    <t>5702327003034</t>
  </si>
  <si>
    <t>VELUX Klapp-Schw.-Fe. GPU FK08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FK08 0370</t>
  </si>
  <si>
    <t>5702327165923</t>
  </si>
  <si>
    <t>VELUX Klapp-Schw.-Fe. GPU F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40 cm
Lichtfläche: 0,58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4 0362</t>
  </si>
  <si>
    <t>5702327115157</t>
  </si>
  <si>
    <t>VELUX Klapp-Schw.-Fe. GPU MK04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Alle technischen Werte sind normgemäß
im senkrechten Einbau ermittelt und 
beziehen sich auf das Fenster als Ganzes</t>
  </si>
  <si>
    <t>GPU MK04 0366</t>
  </si>
  <si>
    <t>5702327003058</t>
  </si>
  <si>
    <t>VELUX Klapp-Schw.-Fe. GPU MK04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MK04 0370</t>
  </si>
  <si>
    <t>5702327165961</t>
  </si>
  <si>
    <t>VELUX Klapp-Schw.-Fe. GPU MK04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8 cm
Lichtfläche: 0,47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MK06 0362</t>
  </si>
  <si>
    <t>5702327115188</t>
  </si>
  <si>
    <t>VELUX Klapp-Schw.-Fe. GPU MK06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18 cm
Lichtfläche: 0,59m²
Oberfläche fertig lackiert mit
Zwei-Komponenten-PU-Lack, weiß,
seidenmatt, NCS S 0500-N.
Außenabdeckung aus Titanzink walzblank.
Alle technischen Werte sind normgemäß
im senkrechten Einbau ermittelt und 
beziehen sich auf das Fenster als Ganzes</t>
  </si>
  <si>
    <t>GPU MK08 0162</t>
  </si>
  <si>
    <t>5702327115201</t>
  </si>
  <si>
    <t>VELUX Klapp-Schw.-Fe. GPU M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Alle technischen Werte sind normgemäß
im senkrechten Einbau ermittelt und 
beziehen sich auf das Fenster als Ganzes</t>
  </si>
  <si>
    <t>GPU MK08 0362</t>
  </si>
  <si>
    <t>5702327115218</t>
  </si>
  <si>
    <t>VELUX Klapp-Schw.-Fe. GPU MK08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Alle technischen Werte sind normgemäß
im senkrechten Einbau ermittelt und 
beziehen sich auf das Fenster als Ganzes</t>
  </si>
  <si>
    <t>GPU MK10 0362</t>
  </si>
  <si>
    <t>5702327115249</t>
  </si>
  <si>
    <t>VELUX Klapp-Schw.-Fe. GPU MK10 0362</t>
  </si>
  <si>
    <t>Polyur. Schallsch Ti walz 78x16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Alle technischen Werte sind normgemäß
im senkrechten Einbau ermittelt und 
beziehen sich auf das Fenster als Ganzes</t>
  </si>
  <si>
    <t>GPU MK10 0370</t>
  </si>
  <si>
    <t>5702327166081</t>
  </si>
  <si>
    <t>VELUX Klapp-Schw.-Fe. GPU MK10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60 cm
Lichtfläche: 0,8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06 0162</t>
  </si>
  <si>
    <t>5702327115263</t>
  </si>
  <si>
    <t>VELUX Klapp-Schw.-Fe. GPU PK06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Kupfer.
Alle technischen Werte sind normgemäß
im senkrechten Einbau ermittelt und 
beziehen sich auf das Fenster als Ganzes</t>
  </si>
  <si>
    <t>GPU PK06 0362</t>
  </si>
  <si>
    <t>5702327115270</t>
  </si>
  <si>
    <t>VELUX Klapp-Schw.-Fe. GPU PK06 0362</t>
  </si>
  <si>
    <t>Polyur. Schallsch Ti walz 94x118</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Alle technischen Werte sind normgemäß
im senkrechten Einbau ermittelt und 
beziehen sich auf das Fenster als Ganzes</t>
  </si>
  <si>
    <t>GPU PK06 0366</t>
  </si>
  <si>
    <t>5702327003133</t>
  </si>
  <si>
    <t>VELUX Klapp-Schw.-Fe. GPU PK06 0366</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PU PK06 0370</t>
  </si>
  <si>
    <t>5702327166128</t>
  </si>
  <si>
    <t>VELUX Klapp-Schw.-Fe. GPU P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18 cm
Lichtfläche: 0,7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PK08 0162</t>
  </si>
  <si>
    <t>5702327115294</t>
  </si>
  <si>
    <t>VELUX Klapp-Schw.-Fe. GPU P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140 cm
Lichtfläche: 0,92m²
Oberfläche fertig lackiert mit
Zwei-Komponenten-PU-Lack, weiß,
seidenmatt, NCS S 0500-N.
Außenabdeckung aus Kupfer.
Alle technischen Werte sind normgemäß
im senkrechten Einbau ermittelt und 
beziehen sich auf das Fenster als Ganzes</t>
  </si>
  <si>
    <t>GPU SK06 0362</t>
  </si>
  <si>
    <t>5702327115348</t>
  </si>
  <si>
    <t>VELUX Klapp-Schw.-Fe. GPU SK06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Alle technischen Werte sind normgemäß
im senkrechten Einbau ermittelt und 
beziehen sich auf das Fenster als Ganzes</t>
  </si>
  <si>
    <t>GPU SK06 0370</t>
  </si>
  <si>
    <t>5702327166241</t>
  </si>
  <si>
    <t>VELUX Klapp-Schw.-Fe. GPU SK06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18 cm
Lichtfläche: 0,9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08 0162</t>
  </si>
  <si>
    <t>5702327526120</t>
  </si>
  <si>
    <t>VELUX Klapp-Schw.-Fe. GPU SK08 01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Alle technischen Werte sind normgemäß
im senkrechten Einbau ermittelt und 
beziehen sich auf das Fenster als Ganzes</t>
  </si>
  <si>
    <t>GPU SK08 0362</t>
  </si>
  <si>
    <t>5702327526137</t>
  </si>
  <si>
    <t>VELUX Klapp-Schw.-Fe. GPU SK08 0362</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Alle technischen Werte sind normgemäß
im senkrechten Einbau ermittelt und 
beziehen sich auf das Fenster als Ganzes</t>
  </si>
  <si>
    <t>GPU SK08 0370</t>
  </si>
  <si>
    <t>5702327166289</t>
  </si>
  <si>
    <t>VELUX Klapp-Schw.-Fe. GPU SK08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PU SK10 0370</t>
  </si>
  <si>
    <t>5702327166326</t>
  </si>
  <si>
    <t>VELUX Klapp-Schw.-Fe. GPU SK10 0370</t>
  </si>
  <si>
    <t>----------------------------------------
Klapp-Schwing-Fenster mit
45°-Öffnungswinkel und Schwing-
funktion bis zum Anschlag.
Mit Öffnungsgriff unten, Lüftungsklappe
und Luftfilter.
Seitliche Flügelabdeckbleche
schraubenlos vormontiert, Montagewinkel
und Markisenkasten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60 cm
Lichtfläche: 1,35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MK08 2166</t>
  </si>
  <si>
    <t>5702328047334</t>
  </si>
  <si>
    <t>VELUX Wohn- u. Aus.Fe. GTL MK08 2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MK08 2170</t>
  </si>
  <si>
    <t>5702328047341</t>
  </si>
  <si>
    <t>VELUX Wohn- u. Aus.Fe. GTL MK08 2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MK08 3166</t>
  </si>
  <si>
    <t>5702326998393</t>
  </si>
  <si>
    <t>VELUX Wohn- u. Aus.Fe. GTL MK08 3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MK08 3170</t>
  </si>
  <si>
    <t>5702327224415</t>
  </si>
  <si>
    <t>VELUX Wohn- u. Aus.Fe. GTL MK08 3170</t>
  </si>
  <si>
    <t>klar lack THERMO Cu 78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MK08 3366</t>
  </si>
  <si>
    <t>5702326998430</t>
  </si>
  <si>
    <t>VELUX Wohn- u. Aus.Fe. GTL MK08 3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MK08 3370</t>
  </si>
  <si>
    <t>5702327224439</t>
  </si>
  <si>
    <t>VELUX Wohn- u. Aus.Fe. GTL MK08 3370</t>
  </si>
  <si>
    <t>klar lack THERMO Ti walz 78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40 cm
Lichtfläche: 0,72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2166</t>
  </si>
  <si>
    <t>5702328047488</t>
  </si>
  <si>
    <t>VELUX Wohn- u. Aus.Fe. GTL SK08 2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2170</t>
  </si>
  <si>
    <t>5702328047495</t>
  </si>
  <si>
    <t>VELUX Wohn- u. Aus.Fe. GTL SK08 2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2366</t>
  </si>
  <si>
    <t>5702328047532</t>
  </si>
  <si>
    <t>VELUX Wohn- u. Aus.Fe. GTL SK08 2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2370</t>
  </si>
  <si>
    <t>5702328047549</t>
  </si>
  <si>
    <t>VELUX Wohn- u. Aus.Fe. GTL SK08 2370</t>
  </si>
  <si>
    <t>weiß lack THERMO Ti walz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3166</t>
  </si>
  <si>
    <t>5702326998515</t>
  </si>
  <si>
    <t>VELUX Wohn- u. Aus.Fe. GTL SK08 3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3170</t>
  </si>
  <si>
    <t>5702327224477</t>
  </si>
  <si>
    <t>VELUX Wohn- u. Aus.Fe. GTL SK08 3170</t>
  </si>
  <si>
    <t>klar lack THERMO Cu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L SK08 3366</t>
  </si>
  <si>
    <t>5702326998553</t>
  </si>
  <si>
    <t>VELUX Wohn- u. Aus.Fe. GTL SK08 3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L SK08 3370</t>
  </si>
  <si>
    <t>5702327224491</t>
  </si>
  <si>
    <t>VELUX Wohn- u. Aus.Fe. GTL SK08 3370</t>
  </si>
  <si>
    <t>klar lack THERMO Ti walz 114x14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Seitliche Flügelabdeckbleche
schraubenlos vormontiert, Montagewinkel,
Markisenkasten und Blendrahmen-
abdeckbleche im Lieferumfang enthalten.
Dämmelemente am Blendrahmen oben und 
seitlich, am Flügel unten und seitlich 
aus geschäumtem Kunststoff, grau.
Luftdichtheitsklasse 4.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x140 cm
Lichtfläche: 1,16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MK08 0166</t>
  </si>
  <si>
    <t>5702326998638</t>
  </si>
  <si>
    <t>VELUX Wohn- u. Aus.Fe. GTU MK08 0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MK08 0170</t>
  </si>
  <si>
    <t>5702327224538</t>
  </si>
  <si>
    <t>VELUX Wohn- u. Aus.Fe. GTU MK08 0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MK08 0366</t>
  </si>
  <si>
    <t>5702326998676</t>
  </si>
  <si>
    <t>VELUX Wohn- u. Aus.Fe. GTU MK08 0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MK08 0370</t>
  </si>
  <si>
    <t>5702327224552</t>
  </si>
  <si>
    <t>VELUX Wohn- u. Aus.Fe. GTU MK08 03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140 cm
Lichtfläche: 0,72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SK08 0166</t>
  </si>
  <si>
    <t>5702326998751</t>
  </si>
  <si>
    <t>VELUX Wohn- u. Aus.Fe. GTU SK08 01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SK08 0170</t>
  </si>
  <si>
    <t>5702327224590</t>
  </si>
  <si>
    <t>VELUX Wohn- u. Aus.Fe. GTU SK08 01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TU SK08 0366</t>
  </si>
  <si>
    <t>5702326998799</t>
  </si>
  <si>
    <t>VELUX Wohn- u. Aus.Fe. GTU SK08 0366</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TU SK08 0370</t>
  </si>
  <si>
    <t>5702327224613</t>
  </si>
  <si>
    <t>VELUX Wohn- u. Aus.Fe. GTU SK08 0370</t>
  </si>
  <si>
    <t>----------------------------------------
Kombiniertes Wohn-/Ausstiegs-Fenster.
Für den täglichen Gebrauch.
Klapp-Schwing-Fenster mit 
45°-Öffnungswinkel und Schwing-
funktion bis zum Anschlag.
Mit Öffnungsgriff unten, Lüftungsklappe
und Luftfilter.
Mit Hilfe zweier Gasdruckfedern
wird der Flügel auf 67° Öffnungswinkel
gebracht.
Ausstiegsöffnungen:
- bei Größe MK08 circa 70 x 120 cm
- bei Größe SK08 circa 106 x 120 cm
- bei Größe SK10 circa 106 x 140 cm
Seitliche Flügelabdeckbleche
schraubenlos vormontiert, Montagewinkel,
Markisenkasten und Blendrahmen-
abdeckbleche im Lieferumfang enthalten.
Dämmelement am Blendrahmen oben aus 
geschäumtem Kunststoff, grau.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x140 cm
Lichtfläche: 1,16m²
Oberfläche fertig lackiert mit
Zwei-Komponenten-PU-Lack, weiß,
seidenmatt, NCS S 0500-N.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 FK06 2366</t>
  </si>
  <si>
    <t>5702329871471</t>
  </si>
  <si>
    <t>VELUX W- u. A.-Fe. li. GXLA FK06 2366</t>
  </si>
  <si>
    <t>weiß lackiert EN. PLUS Titanzink 66x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 FK06 2370</t>
  </si>
  <si>
    <t>5702329871488</t>
  </si>
  <si>
    <t>VELUX W- u. A.-Fe. li. GXLA FK06 2370</t>
  </si>
  <si>
    <t>weiß lackiert THERMO Titanzink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A FK06 3366</t>
  </si>
  <si>
    <t>5702329871532</t>
  </si>
  <si>
    <t>VELUX W- u. A.-Fe. li. GXLA FK06 3366</t>
  </si>
  <si>
    <t>klar lackiert EN. PLUS Titanzink 66x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A FK06 3370</t>
  </si>
  <si>
    <t>5702329871549</t>
  </si>
  <si>
    <t>VELUX W- u. A.-Fe. li. GXLA FK06 3370</t>
  </si>
  <si>
    <t>klar lackiert THERMO Titanzink 66 x 118</t>
  </si>
  <si>
    <t>----------------------------------------
Kombiniertes Wohn-/Ausstiegs-Fenster
für den täglichen Gebrauch.
Dachfenster mit Türfunktion,
Lüftungsklappe und Luftfilter.
Flügelanschlag DIN link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 FK06 2366</t>
  </si>
  <si>
    <t>5702329871617</t>
  </si>
  <si>
    <t>VELUX W- u. A.-Fe. re. GXLB FK06 23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 FK06 2370</t>
  </si>
  <si>
    <t>5702329871624</t>
  </si>
  <si>
    <t>VELUX W- u. A.-Fe. re. GXLB FK06 23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LB FK06 3366</t>
  </si>
  <si>
    <t>5702329871679</t>
  </si>
  <si>
    <t>VELUX W- u. A.-Fe. re. GXLB FK06 3366</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GXLB FK06 3370</t>
  </si>
  <si>
    <t>5702329871686</t>
  </si>
  <si>
    <t>VELUX W- u. A.-Fe. re. GXLB FK06 3370</t>
  </si>
  <si>
    <t>----------------------------------------
Kombiniertes Wohn-/Ausstiegs-Fenster
für den täglichen Gebrauch.
Dachfenster mit Türfunktion,
Lüftungsklappe und Luftfilter.
Flügelanschlag DIN rechts
(von außen gesehen).
Ausstiegsöffnuungen:
- bei Größe FK06 circa 53 x 110 cm
Luftdichtheitsklasse 4. 
Zugelassen vom Fachausschuss Bau.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66 x 118 cm
Lichtfläche: 0,47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GXU CK06 0384</t>
  </si>
  <si>
    <t>5702329845045</t>
  </si>
  <si>
    <t>VELUX Wohn- u. Aus.Fe. GXU CK06 0384</t>
  </si>
  <si>
    <t>ENERGIE, 55x118, Ti walz</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55 x 118 cm
Lichtfläche: 0,36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GXU FK06 0384</t>
  </si>
  <si>
    <t>5702329845076</t>
  </si>
  <si>
    <t>VELUX Wohn- u. Aus.Fe. GXU FK06 0384</t>
  </si>
  <si>
    <t>ENERGIE, 66x118, Ti walz</t>
  </si>
  <si>
    <t>----------------------------------------
Kombiniertes Wohn-/Ausstiegs-Fenster
für den täglichen Gebrauch.
Dachfenster mit Türfunktion,
Lüftungsklappe und Luftfilter.
Flügelanschlag DIN rechts, beim Einbau
umsetzbar auf DIN links (jeweils von
außen gesehen).
Ausstiegsöffnuungen:
- bei Größe CK04 circa 43 x 90 cm
- bei Größe CK06 circa 43 x 110 cm
- bei Größe FK06 circa 53 x 110 cm
Luftdichtheitsklasse 4. 
Zugelassen vom Fachausschuss Bau.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66 x 118 cm
Lichtfläche: 0,47m²
Oberfläche fertig lackiert mit
Zwei-Komponenten-PU-Lack, weiß,
seidenmatt, NCS S 0500-N.
Außenabdeckung aus Titanzink walzblank.
----------------------------------------
ENERGIE Verglasung,
für hohen Wärmeschutz:Uw = 1,0 W/(m²K),
Gesamtenergiedurchlasswert g = 0,46.
Erhöhter Schallschutz:
Rw(C,Ctr)= 35(-1,-3) dB
Schallschutzklasse 2,
erhöhter Einbruchschutz
erhöhter Hagelschutz.
2x3 mm Verbund-Sicherheitsglas innen
für erhöhten Einbruchschutz und
besseren Schallschutz, mit Edelmetall-
beschichtung innen für erhöhten
Wärmeschutz.
3 mm teilvorgespanntes Glas (TVG)
mit Edelmetallbeschichtung und
12mm Spezialgasfüllung  für erhöhten
 Wärmeschutz in der Mitte.
4 mm gehärtetes Einscheiben-
Sicherheitsglas nach DIN EN 12150 außen.
Verringerung der Regengeräusche durch
Anti-Regengeräusch-Effekt.
Alle technischen Werte sind normgemäß
im senkrechten Einbau ermittelt und 
beziehen sich auf das Fenster als Ganzes</t>
  </si>
  <si>
    <t>KFK 100 WW</t>
  </si>
  <si>
    <t>5702325120818</t>
  </si>
  <si>
    <t>VELUX Hauptbedienstelle KFK 100 WW</t>
  </si>
  <si>
    <t>grau, f. RWA-Systeme</t>
  </si>
  <si>
    <t>--------------------------------------_x000D_
RWA-Taster (DIN EN
54),Hauptbedienstelle_x000D_ mit akustischer
Störungsanzeige. Für 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grau,RAL 7035</t>
  </si>
  <si>
    <t>KFK 102 WW</t>
  </si>
  <si>
    <t>5702325120832</t>
  </si>
  <si>
    <t>VELUX Hauptbedienstelle KFK 102 WW</t>
  </si>
  <si>
    <t>gelb, f. RWA-Systeme</t>
  </si>
  <si>
    <t>----------------------------------------
_x000D_RWA-Taster (DIN
EN54),Hauptbedienstelle_x000D_ mit akustischer
Störungsanzeige. Für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gelb,RAL 1004</t>
  </si>
  <si>
    <t>KFK 103 WW</t>
  </si>
  <si>
    <t>5702325120849</t>
  </si>
  <si>
    <t>VELUX Hauptbedienstelle KFK 103 WW</t>
  </si>
  <si>
    <t>blau, f. RWA-Systeme</t>
  </si>
  <si>
    <t>----------------------------------------
_x000D_RWA-Taster (DIN
EN54),Hauptbedienstelle_x000D_ mit akustischer
Störungsanzeige. Für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blau, RAL 5009</t>
  </si>
  <si>
    <t>KFK 104 WW</t>
  </si>
  <si>
    <t>5702325120856</t>
  </si>
  <si>
    <t>VELUX Hauptbedienstelle KFK 104 WW</t>
  </si>
  <si>
    <t>orange, f. RWA-Systeme</t>
  </si>
  <si>
    <t>----------------------------------------
_x000D_RWA-Taster (DIN
EN54),Hauptbedienstelle_x000D_ mit akustischer
Störungsanzeige. Fürdie_x000D_ manuelle
Betätigung von RWA-Anlagen im_x000D_
Notfall sowie als Anzeigeelement über_x000D_
den Zustand der Gesamtanlage mit_x000D_
Anzeigeleuchten._x000D_
_x000D_
Gehäuseausführung nach DIN EN 54_x000D_
Abmessungen:(BxHxT) 125 x 125 x 36 mm_x000D_
Verwendung für alle Systeme KFX_x000D_
Funktionsmerkmale:_x000D_
            : Taste   RWA-AUF_x000D_
            : Taste   RWA-Zu_x000D_
            : Anzeige RWA-Auf_x000D_
            : Anzeige Betrieb_x000D_
            : Anzeige Störung_x000D_
            : Signalgeber Störung_x000D_
            : Signalgeber Auslösung_x000D_
Farbe       : orange, RAL 2011</t>
  </si>
  <si>
    <t>KFX S3051 EU</t>
  </si>
  <si>
    <t>5702320859591</t>
  </si>
  <si>
    <t>VELUX Steuerungssystem KFX S3051 EU</t>
  </si>
  <si>
    <t>5A, rot</t>
  </si>
  <si>
    <t>LSB CK02 2021E</t>
  </si>
  <si>
    <t>5702328078291</t>
  </si>
  <si>
    <t>VELUX Inn.-Gr.El. 30cm LSB CK02 2021E</t>
  </si>
  <si>
    <t>Innenfutter für 2 Fenster nebeneinander
eingebaut als Lichtlösung DUO oder
eingebaut mit Kombi-Eindeckrahmen
unter Verwendung des Hilfssparrens
EKY, Blendrahmen-Abstand 10 cm
----------------------------------------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 CK02 2031E</t>
  </si>
  <si>
    <t>5702328078314</t>
  </si>
  <si>
    <t>Innenv. Kmb-Einb. a=10 LSB CK02 2031E</t>
  </si>
  <si>
    <t>Innenfutter für 3 Fenster nebeneinander
eingebaut als Lichtlösung TRIO oder
eingebaut mit Kombi-Eindeckrahmen
unter Verwendung des Hilfssparrens
EKY, Blendrahmen-Abstand 10 cm
----------------------------------------
Für Fenster in Dachbereichen ohne
Abseite oder als Grundelement für andere
Einbausituationen.
Für Dachdicken von 17 bis 33 cm und
Dachneigungen von 15° bis 90°.
(Bei 15° bis 25° und 65° bis 90° mit
leicht schräg verlaufenden Ober- und
Unterteilen.)
Breitenteile direkt am Fenster in 
lotrechter Ausführung für mehr Platz 
zur Einbringung von Wärmedämmung, 
ansonsten waagerecht/senkrecht 
einbaubar.
Inklusive zur Fenstergröße passender
Dampfsperrschürze zur Herstellung einer
luftdichten Anbindung.
Einschließlich aller Befestigungsmateri-
alien zum Anschließen der Dampfbrems-
schürze an die Dampfsperre des Daches.
Oberflächen aus weißem, seidenmatten
Kunststoff, NCS S 0500-N,
Abdeckleisten weiß foliert.</t>
  </si>
  <si>
    <t>LSB CK04 2021E</t>
  </si>
  <si>
    <t>5702328078338</t>
  </si>
  <si>
    <t>VELUX Inn.-Gr.El. 30cm LSB CK04 2021E</t>
  </si>
  <si>
    <t>LSB CK04 2031E</t>
  </si>
  <si>
    <t>5702328078352</t>
  </si>
  <si>
    <t>Innenv. Kmb-Einb. a=10 LSB CK04 2031E</t>
  </si>
  <si>
    <t>LSB CK06 2021E</t>
  </si>
  <si>
    <t>5702328078376</t>
  </si>
  <si>
    <t>VELUX Inn.-Gr.El. 30cm LSB CK06 2021E</t>
  </si>
  <si>
    <t>LSB CK06 2031E</t>
  </si>
  <si>
    <t>5702328078390</t>
  </si>
  <si>
    <t>Innenv. Kmb-Einb. a=100 LSB CK06 2031E</t>
  </si>
  <si>
    <t>LSB FK04 2021E</t>
  </si>
  <si>
    <t>5702328078413</t>
  </si>
  <si>
    <t>VELUX Inn.-Gr.El. 30cm LSB FK04 2021E</t>
  </si>
  <si>
    <t>LSB FK04 2031E</t>
  </si>
  <si>
    <t>5702328078437</t>
  </si>
  <si>
    <t>Innenv. Kmb-Einb. a=10 LSB FK04 2031E</t>
  </si>
  <si>
    <t>LSB FK06 2021E</t>
  </si>
  <si>
    <t>5702328078451</t>
  </si>
  <si>
    <t>VELUX Inn.-Gr.El. 30cm LSB FK06 2021E</t>
  </si>
  <si>
    <t>LSB FK06 2031E</t>
  </si>
  <si>
    <t>5702328078475</t>
  </si>
  <si>
    <t>Innenv. Kmb-Einb. a=10 LSB FK06 2031E</t>
  </si>
  <si>
    <t>LSB FK08 2021E</t>
  </si>
  <si>
    <t>5702328078499</t>
  </si>
  <si>
    <t>VELUX Inn.-Gr.El. 30cm LSB FK08 2021E</t>
  </si>
  <si>
    <t>LSB FK08 2031E</t>
  </si>
  <si>
    <t>5702328078512</t>
  </si>
  <si>
    <t>Innenv. Kmb-Einb. a=10 LSB FK08 2031E</t>
  </si>
  <si>
    <t>LSB MK04 2021E</t>
  </si>
  <si>
    <t>5702328078536</t>
  </si>
  <si>
    <t>VELUX Inn.-Gr.El. 30cm LSB MK04 2021E</t>
  </si>
  <si>
    <t>LSB MK04 2031E</t>
  </si>
  <si>
    <t>5702328078550</t>
  </si>
  <si>
    <t>Innenv. Kmb-Einb. a=10 LSB MK04 2031E</t>
  </si>
  <si>
    <t>LSB MK06 2021E</t>
  </si>
  <si>
    <t>5702328078611</t>
  </si>
  <si>
    <t>VELUX Inn.-Gr.El. 30cm LSB MK06 2021E</t>
  </si>
  <si>
    <t>LSB MK06 2031E</t>
  </si>
  <si>
    <t>5702328078635</t>
  </si>
  <si>
    <t>Innenv. Kmb-Einb. a=10 LSB MK06 2031E</t>
  </si>
  <si>
    <t>LSB MK06 2222E</t>
  </si>
  <si>
    <t>5702328078659</t>
  </si>
  <si>
    <t>VELUX Inn.-Gr.El. 30cm LSB MK06 2222E</t>
  </si>
  <si>
    <t>LSB MK08 2021E</t>
  </si>
  <si>
    <t>5702328078697</t>
  </si>
  <si>
    <t>VELUX Inn.-Gr.El. 30cm LSB MK08 2021E</t>
  </si>
  <si>
    <t>LSB MK08 2031E</t>
  </si>
  <si>
    <t>5702328078710</t>
  </si>
  <si>
    <t>Innenv. Kmb-Einb. a=10 LSB MK08 2031E</t>
  </si>
  <si>
    <t>LSB MK08 2222E</t>
  </si>
  <si>
    <t>5702328078734</t>
  </si>
  <si>
    <t>VELUX Inn.-Gr.El. 30cm LSB MK08 2222E</t>
  </si>
  <si>
    <t>LSB MK08 2412</t>
  </si>
  <si>
    <t>5702328078765</t>
  </si>
  <si>
    <t>VELUX Inn.-Gr.El. 30cm LSB MK08 2412</t>
  </si>
  <si>
    <t>LSB MK10 2021E</t>
  </si>
  <si>
    <t>5702328078802</t>
  </si>
  <si>
    <t>VELUX Inn.-Gr.El. 30cm LSB MK10 2021E</t>
  </si>
  <si>
    <t>LSB MK10 2031E</t>
  </si>
  <si>
    <t>5702328078826</t>
  </si>
  <si>
    <t>Innenv. Kmb-Einb. a=10 LSB MK10 2031E</t>
  </si>
  <si>
    <t>LSB MK12 2021E</t>
  </si>
  <si>
    <t>5702328078888</t>
  </si>
  <si>
    <t>VELUX Inn.-Gr.El. 30cm LSB MK12 2021E</t>
  </si>
  <si>
    <t>LSB PK06 2021E</t>
  </si>
  <si>
    <t>5702328079014</t>
  </si>
  <si>
    <t>VELUX Inn.-Gr.El. 30cm LSB PK06 2021E</t>
  </si>
  <si>
    <t>LSB PK06 2222E</t>
  </si>
  <si>
    <t>5702328079038</t>
  </si>
  <si>
    <t>VELUX Inn.-Gr.El. 30cm LSB PK06 2222E</t>
  </si>
  <si>
    <t>LSB PK08 2021E</t>
  </si>
  <si>
    <t>5702328079069</t>
  </si>
  <si>
    <t>VELUX Inn.-Gr.El. 30cm LSB PK08 2021E</t>
  </si>
  <si>
    <t>LSB PK08 2222E</t>
  </si>
  <si>
    <t>5702328079083</t>
  </si>
  <si>
    <t>VELUX Inn.-Gr.El. 30cm LSB PK08 2222E</t>
  </si>
  <si>
    <t>LSB PK10 2021E</t>
  </si>
  <si>
    <t>5702328079113</t>
  </si>
  <si>
    <t>VELUX Inn.-Gr.El. 30cm LSB PK10 2021E</t>
  </si>
  <si>
    <t>LSB PK10 2222E</t>
  </si>
  <si>
    <t>5702328079137</t>
  </si>
  <si>
    <t>VELUX Inn.-Gr.El. 30cm LSB PK10 2222E</t>
  </si>
  <si>
    <t>LSB SK06 2021E</t>
  </si>
  <si>
    <t>5702328079168</t>
  </si>
  <si>
    <t>VELUX Inn.-Gr.El. 30cm LSB SK06 2021E</t>
  </si>
  <si>
    <t>LSB SK08 2021E</t>
  </si>
  <si>
    <t>5702328079212</t>
  </si>
  <si>
    <t>VELUX Inn.-Gr.El. 30cm LSB SK08 2021E</t>
  </si>
  <si>
    <t>LSB SK10 2021E</t>
  </si>
  <si>
    <t>5702328079267</t>
  </si>
  <si>
    <t>VELUX Inn.-Gr.El. 30cm LSB SK10 2021E</t>
  </si>
  <si>
    <t>LSB SK10 2222E</t>
  </si>
  <si>
    <t>5702328079281</t>
  </si>
  <si>
    <t>VELUX Inn.-Gr.El. 30cm LSB SK10 2222E</t>
  </si>
  <si>
    <t>LSB UK04 2021E</t>
  </si>
  <si>
    <t>5702328079311</t>
  </si>
  <si>
    <t>VELUX Inn.-Gr.El. 30cm LSB UK04 2021E</t>
  </si>
  <si>
    <t>LSB UK08 2021E</t>
  </si>
  <si>
    <t>5702328079366</t>
  </si>
  <si>
    <t>VELUX Inn.-Gr.El. 30cm LSB UK08 2021E</t>
  </si>
  <si>
    <t>LSB UK08 2222E</t>
  </si>
  <si>
    <t>5702328079380</t>
  </si>
  <si>
    <t>VELUX Inn.-Gr.El. 30cm LSB UK08 2222E</t>
  </si>
  <si>
    <t>LSB UK10 2021E</t>
  </si>
  <si>
    <t>5702328079410</t>
  </si>
  <si>
    <t>VELUX Inn.-Gr.El. 30cm LSB UK10 2021E</t>
  </si>
  <si>
    <t>LSB UK10 2222E</t>
  </si>
  <si>
    <t>5702328079434</t>
  </si>
  <si>
    <t>VELUX Inn.-Gr.El. 30cm LSB UK10 2222E</t>
  </si>
  <si>
    <t>LSC MK06 2222E</t>
  </si>
  <si>
    <t>5702328079823</t>
  </si>
  <si>
    <t>VELUX Inn.-Gr.El. 40cm LSC MK06 2222E</t>
  </si>
  <si>
    <t>LSC MK08 2222E</t>
  </si>
  <si>
    <t>5702328079908</t>
  </si>
  <si>
    <t>VELUX Inn.-Gr.El. 40cm LSC MK08 2222E</t>
  </si>
  <si>
    <t>LSC MK08 2412</t>
  </si>
  <si>
    <t>5702328079939</t>
  </si>
  <si>
    <t>VELUX Inn.-Gr.El. 40cm LSC MK08 2412</t>
  </si>
  <si>
    <t>LSC MK10 2222E</t>
  </si>
  <si>
    <t>5702328080010</t>
  </si>
  <si>
    <t>VELUX Inn.-Gr.El. 40cm LSC MK10 2222E</t>
  </si>
  <si>
    <t>LSC PK08 2222E</t>
  </si>
  <si>
    <t>5702328080256</t>
  </si>
  <si>
    <t>VELUX Inn.-Gr.El. 40cm LSC PK08 2222E</t>
  </si>
  <si>
    <t>LSC PK10 2222E</t>
  </si>
  <si>
    <t>5702328080300</t>
  </si>
  <si>
    <t>VELUX Inn.-Gr.El. 40cm LSC PK10 2222E</t>
  </si>
  <si>
    <t>LSC SK06 2222E</t>
  </si>
  <si>
    <t>5702328080355</t>
  </si>
  <si>
    <t>VELUX Inn.-Gr.El. 40cm LSC SK06 2222E</t>
  </si>
  <si>
    <t>LSC SK08 2222E</t>
  </si>
  <si>
    <t>5702328080409</t>
  </si>
  <si>
    <t>VELUX Inn.-Gr.El. 40cm LSC SK08 2222E</t>
  </si>
  <si>
    <t>LSC UK08 2222E</t>
  </si>
  <si>
    <t>5702328080553</t>
  </si>
  <si>
    <t>VELUX Inn.-Gr.El. 40cm LSC UK08 2222E</t>
  </si>
  <si>
    <t>LSD Y21 2000</t>
  </si>
  <si>
    <t>5702328124530</t>
  </si>
  <si>
    <t>VELUX Inn.-Gr.El. 50cm LSD Y21 2000</t>
  </si>
  <si>
    <t>LSD Y23 2000</t>
  </si>
  <si>
    <t>5702328124547</t>
  </si>
  <si>
    <t>VELUX Inn.-Gr.El. 50cm LSD Y23 2000</t>
  </si>
  <si>
    <t>LSD Y33 2000</t>
  </si>
  <si>
    <t>5702328124554</t>
  </si>
  <si>
    <t>VELUX Inn.-Gr.El. 50cm LSD Y33 2000</t>
  </si>
  <si>
    <t>LSD Y35 2000</t>
  </si>
  <si>
    <t>5702328124561</t>
  </si>
  <si>
    <t>VELUX Inn.-Gr.El. 50cm LSD Y35 2000</t>
  </si>
  <si>
    <t>LSD Y43 2000</t>
  </si>
  <si>
    <t>5702328124578</t>
  </si>
  <si>
    <t>VELUX Inn.-Gr.El. 50cm LSD Y43 2000</t>
  </si>
  <si>
    <t>LSD Y45 2000</t>
  </si>
  <si>
    <t>5702328124585</t>
  </si>
  <si>
    <t>VELUX Inn.-Gr.El. 50cm LSD Y45 2000</t>
  </si>
  <si>
    <t>LSD Y47 2000</t>
  </si>
  <si>
    <t>5702328124592</t>
  </si>
  <si>
    <t>VELUX Inn.-Gr.El. 50cm LSD Y47 2000</t>
  </si>
  <si>
    <t>LSD Y65 2000</t>
  </si>
  <si>
    <t>5702328124608</t>
  </si>
  <si>
    <t>VELUX Inn.-Gr.El. 50cm LSD Y65 2000</t>
  </si>
  <si>
    <t>LSD Y67 2000</t>
  </si>
  <si>
    <t>5702328124615</t>
  </si>
  <si>
    <t>VELUX Inn.-Gr.El. 50cm LSD Y67 2000</t>
  </si>
  <si>
    <t>LSD Y85 2000</t>
  </si>
  <si>
    <t>5702328124622</t>
  </si>
  <si>
    <t>VELUX Inn.-Gr.El. 50cm LSD Y85 2000</t>
  </si>
  <si>
    <t>LSD Y87 2000</t>
  </si>
  <si>
    <t>5702328124639</t>
  </si>
  <si>
    <t>VELUX Inn.-Gr.El. 50cm LSD Y87 2000</t>
  </si>
  <si>
    <t>LSD Y89 2000</t>
  </si>
  <si>
    <t>5702328124646</t>
  </si>
  <si>
    <t>VELUX Inn.-Gr.El. 50cm LSD Y89 2000</t>
  </si>
  <si>
    <t>LSD Y97 2000</t>
  </si>
  <si>
    <t>5702328124653</t>
  </si>
  <si>
    <t>VELUX Inn.-Gr.El. 50cm LSD Y97 2000</t>
  </si>
  <si>
    <t>LSD Y99 2000</t>
  </si>
  <si>
    <t>5702328124660</t>
  </si>
  <si>
    <t>VELUX Inn.-Gr.El. 50cm LSD Y99 2000</t>
  </si>
  <si>
    <t>LVI UK00 2000</t>
  </si>
  <si>
    <t>5702327251220</t>
  </si>
  <si>
    <t>VX Innenf.-Zus. Wand 40cm LVI UK00 2000</t>
  </si>
  <si>
    <t>MH 023 5060</t>
  </si>
  <si>
    <t>5702320116557</t>
  </si>
  <si>
    <t>VELUX Markise Haltekrallen MH 023 5060</t>
  </si>
  <si>
    <t>MH 035 5060</t>
  </si>
  <si>
    <t>5702320116564</t>
  </si>
  <si>
    <t>VELUX Markise Haltekrallen MH 035 5060</t>
  </si>
  <si>
    <t>MH 047 5060</t>
  </si>
  <si>
    <t>5702320116571</t>
  </si>
  <si>
    <t>VELUX Markise Haltekrallen MH 047 5060</t>
  </si>
  <si>
    <t>MH 067 5060</t>
  </si>
  <si>
    <t>5702320116588</t>
  </si>
  <si>
    <t>VELUX Markise Haltekrallen MH 067 5060</t>
  </si>
  <si>
    <t>MH 089 5060</t>
  </si>
  <si>
    <t>5702320116595</t>
  </si>
  <si>
    <t>VELUX Markise Haltekrallen MH 089 5060</t>
  </si>
  <si>
    <t>MH 109 5060</t>
  </si>
  <si>
    <t>5702320116601</t>
  </si>
  <si>
    <t>VELUX Markise Haltekrallen MH 109 5060</t>
  </si>
  <si>
    <t>MH 147 5060</t>
  </si>
  <si>
    <t>5702320116618</t>
  </si>
  <si>
    <t>VELUX Markise Haltekrallen MH 147 5060</t>
  </si>
  <si>
    <t>MK 023 5060</t>
  </si>
  <si>
    <t>4008370302317</t>
  </si>
  <si>
    <t>VELUX Markise Haltekrallen MK 023 5060</t>
  </si>
  <si>
    <t>MK 035 5060</t>
  </si>
  <si>
    <t>4008370304311</t>
  </si>
  <si>
    <t>VELUX Markise Haltekrallen MK 035 5060</t>
  </si>
  <si>
    <t>MK 047 5060</t>
  </si>
  <si>
    <t>4008370307312</t>
  </si>
  <si>
    <t>VELUX Markise Haltekrallen MK 047 5060</t>
  </si>
  <si>
    <t>MK 067 5060</t>
  </si>
  <si>
    <t>4008370309316</t>
  </si>
  <si>
    <t>VELUX Markise Haltekrallen MK 067 5060</t>
  </si>
  <si>
    <t>MK 087 5060</t>
  </si>
  <si>
    <t>4008370311319</t>
  </si>
  <si>
    <t>VELUX Markise Haltekrallen MK 087 5060</t>
  </si>
  <si>
    <t>MK 107 5060</t>
  </si>
  <si>
    <t>4008370313313</t>
  </si>
  <si>
    <t>VELUX Markise Haltekrallen MK 107 5060</t>
  </si>
  <si>
    <t>MML YK21 5060S</t>
  </si>
  <si>
    <t>5702328849204</t>
  </si>
  <si>
    <t>VELUX Markise elektro MML YK21 5060S</t>
  </si>
  <si>
    <t>MML YK23 5060S</t>
  </si>
  <si>
    <t>5702328849211</t>
  </si>
  <si>
    <t>VELUX Markise elektro MML YK23 5060S</t>
  </si>
  <si>
    <t>MML YK33 5060S</t>
  </si>
  <si>
    <t>5702328849228</t>
  </si>
  <si>
    <t>VELUX Markise elektro MML YK33 5060S</t>
  </si>
  <si>
    <t>MML YK35 5060S</t>
  </si>
  <si>
    <t>5702328849235</t>
  </si>
  <si>
    <t>VELUX Markise elektro MML YK35 5060S</t>
  </si>
  <si>
    <t>MML YK43 5060S</t>
  </si>
  <si>
    <t>5702328849242</t>
  </si>
  <si>
    <t>VELUX Markise elektro MML YK43 5060S</t>
  </si>
  <si>
    <t>MML YK47 5060S</t>
  </si>
  <si>
    <t>5702328849266</t>
  </si>
  <si>
    <t>VELUX Markise elektro MML YK47 5060S</t>
  </si>
  <si>
    <t>MML YK65 5060S</t>
  </si>
  <si>
    <t>5702328849273</t>
  </si>
  <si>
    <t>VELUX Markise elektro MML YK65 5060S</t>
  </si>
  <si>
    <t>MML YK67 5060S</t>
  </si>
  <si>
    <t>5702328849280</t>
  </si>
  <si>
    <t>VELUX Markise elektro MML YK67 5060S</t>
  </si>
  <si>
    <t>MML YK85 5060S</t>
  </si>
  <si>
    <t>5702328849297</t>
  </si>
  <si>
    <t>VELUX Markise elektro MML YK85 5060S</t>
  </si>
  <si>
    <t>MML YK87 5060S</t>
  </si>
  <si>
    <t>5702328849303</t>
  </si>
  <si>
    <t>VELUX Markise elektro MML YK87 5060S</t>
  </si>
  <si>
    <t>MML YK89 5060S</t>
  </si>
  <si>
    <t>5702328849310</t>
  </si>
  <si>
    <t>VELUX Markise elektro MML YK89 5060S</t>
  </si>
  <si>
    <t>MML YK97 5060S</t>
  </si>
  <si>
    <t>5702328849327</t>
  </si>
  <si>
    <t>VELUX Markise elektro MML YK97 5060S</t>
  </si>
  <si>
    <t>MML YK99 5060S</t>
  </si>
  <si>
    <t>5702328849334</t>
  </si>
  <si>
    <t>VELUX Markise elektro MML YK99 5060S</t>
  </si>
  <si>
    <t>ODL MK06 200001</t>
  </si>
  <si>
    <t>5702329655958</t>
  </si>
  <si>
    <t>VELUX BIPV-A. m. BDX+BFX ODL MK06 200001</t>
  </si>
  <si>
    <t>Standard, grau</t>
  </si>
  <si>
    <t>ODL MK06 250001</t>
  </si>
  <si>
    <t>5702329655965</t>
  </si>
  <si>
    <t>VELUX BIPV-A. m. BDX+BFX ODL MK06 250001</t>
  </si>
  <si>
    <t>Standard, GSE + HOMIJ schwarz</t>
  </si>
  <si>
    <t>ODL MK08 200001</t>
  </si>
  <si>
    <t>5702329655972</t>
  </si>
  <si>
    <t>VELUX BIPV-A. m. BDX+BFX ODL MK08 200001</t>
  </si>
  <si>
    <t>ODL MK08 250001</t>
  </si>
  <si>
    <t>5702329655989</t>
  </si>
  <si>
    <t>VELUX BIPV-A. m. BDX+BFX ODL MK08 250001</t>
  </si>
  <si>
    <t>ODL PK08 200001</t>
  </si>
  <si>
    <t>5702329655996</t>
  </si>
  <si>
    <t>VELUX BIPV-A. m. BDX+BFX ODL PK08 200001</t>
  </si>
  <si>
    <t>ODL PK08 250001</t>
  </si>
  <si>
    <t>5702329656009</t>
  </si>
  <si>
    <t>VELUX BIPV-A. m. BDX+BFX ODL PK08 250001</t>
  </si>
  <si>
    <t>ODL PK10 200001</t>
  </si>
  <si>
    <t>5702329847544</t>
  </si>
  <si>
    <t>VELUX BIPV-A. m. BDX+BFX ODL PK10 200001</t>
  </si>
  <si>
    <t>ODL PK10 250001</t>
  </si>
  <si>
    <t>5702329832861</t>
  </si>
  <si>
    <t>VELUX BIPV-A. m. BDX+BFX ODL PK10 250001</t>
  </si>
  <si>
    <t>ODL SK10 200001</t>
  </si>
  <si>
    <t>5702329656016</t>
  </si>
  <si>
    <t>VELUX BIPV-A. m. BDX+BFX ODL SK10 200001</t>
  </si>
  <si>
    <t>ODL SK10 250001</t>
  </si>
  <si>
    <t>5702329656023</t>
  </si>
  <si>
    <t>VELUX BIPV-A. m. BDX+BFX ODL SK10 250001</t>
  </si>
  <si>
    <t>ODN MK06 250002</t>
  </si>
  <si>
    <t>5702329656030</t>
  </si>
  <si>
    <t>VELUX BIPV-A. m. BDX+BFX ODN MK06 250002</t>
  </si>
  <si>
    <t>Vertieft, schwarz</t>
  </si>
  <si>
    <t>----------------------------------------
Eindeckrahmen für die Einbindung von
VELUX Dachfenstern in Indach PV-Module
folgender Hersteller:
Emergo
----------------------------------------
Seitliche und untere Blendrahmen-
verblechung.
---------------------------------------
Inkl. Dämm- und Anschluss-Set für den
fachgerechten Anschluss des VELUX
Dachfensters an die Dämmung des
Daches.
Dämmrahmen aus Polyethylen zur
Reduzierung der Wärmebrücke am Übergang
vom Fenster zum Dach, Wärmeleitfähig-
keit = 0,04  W/(m K).
Einschließlich diffusionsoffener
Anschlussschürze aus Polypropylen,
Materialstärke 0,5 mm, sd = 0,03 m.
Wasserableitrinne für einen
regensicheren Anschluss.
----------------------------------------
Material: Aluminium in Schwarz</t>
  </si>
  <si>
    <t>ODN MK06 250003</t>
  </si>
  <si>
    <t>5702329656047</t>
  </si>
  <si>
    <t>VELUX BIPV-A. m. BDX+BFX ODN MK06 250003</t>
  </si>
  <si>
    <t>ODN MK08 250002</t>
  </si>
  <si>
    <t>5702329656054</t>
  </si>
  <si>
    <t>VELUX BIPV-A. m. BDX+BFX ODN MK08 250002</t>
  </si>
  <si>
    <t>ODN MK08 250003</t>
  </si>
  <si>
    <t>5702329656061</t>
  </si>
  <si>
    <t>VELUX BIPV-A. m. BDX+BFX ODN MK08 250003</t>
  </si>
  <si>
    <t>ODN PK08 250002</t>
  </si>
  <si>
    <t>5702329656078</t>
  </si>
  <si>
    <t>VELUX BIPV-A. m. BDX+BFX ODN PK08 250002</t>
  </si>
  <si>
    <t>ODN PK08 250003</t>
  </si>
  <si>
    <t>5702329656085</t>
  </si>
  <si>
    <t>VELUX BIPV-A. m. BDX+BFX ODN PK08 250003</t>
  </si>
  <si>
    <t>ODN SK10 250002</t>
  </si>
  <si>
    <t>5702329656092</t>
  </si>
  <si>
    <t>VELUX BIPV-A. m. BDX+BFX ODN SK10 250002</t>
  </si>
  <si>
    <t>ODN SK10 250003</t>
  </si>
  <si>
    <t>5702329656108</t>
  </si>
  <si>
    <t>VELUX BIPV-A. m. BDX+BFX ODN SK10 250003</t>
  </si>
  <si>
    <t>PAL U10 7057SWL</t>
  </si>
  <si>
    <t>5702329185226</t>
  </si>
  <si>
    <t>VELUX Jalousie manuell PAL U10 7057SWL</t>
  </si>
  <si>
    <t>PAU 102 7001</t>
  </si>
  <si>
    <t>5702325339258</t>
  </si>
  <si>
    <t>VELUX Jalousie manuell PAU 102 7001</t>
  </si>
  <si>
    <t>PAU 104 7001</t>
  </si>
  <si>
    <t>5702325339371</t>
  </si>
  <si>
    <t>VELUX Jalousie manuell PAU 104 7001</t>
  </si>
  <si>
    <t>PAU 206 7001</t>
  </si>
  <si>
    <t>5702325339494</t>
  </si>
  <si>
    <t>VELUX Jalousie manuell PAU 206 7001</t>
  </si>
  <si>
    <t>PAU 304 7001</t>
  </si>
  <si>
    <t>5702325339616</t>
  </si>
  <si>
    <t>VELUX Jalousie manuell PAU 304 7001</t>
  </si>
  <si>
    <t>PAU 306 7001</t>
  </si>
  <si>
    <t>5702325339739</t>
  </si>
  <si>
    <t>VELUX Jalousie manuell PAU 306 7001</t>
  </si>
  <si>
    <t>PAU 308 7001</t>
  </si>
  <si>
    <t>5702325339852</t>
  </si>
  <si>
    <t>VELUX Jalousie manuell PAU 308 7001</t>
  </si>
  <si>
    <t>PAU 404 7001</t>
  </si>
  <si>
    <t>5702325339975</t>
  </si>
  <si>
    <t>VELUX Jalousie manuell PAU 404 7001</t>
  </si>
  <si>
    <t>PAU 406 7001</t>
  </si>
  <si>
    <t>5702325340094</t>
  </si>
  <si>
    <t>VELUX Jalousie manuell PAU 406 7001</t>
  </si>
  <si>
    <t>PAU 408 7001</t>
  </si>
  <si>
    <t>5702325340216</t>
  </si>
  <si>
    <t>VELUX Jalousie manuell PAU 408 7001</t>
  </si>
  <si>
    <t>PAU 604 7001</t>
  </si>
  <si>
    <t>5702325340452</t>
  </si>
  <si>
    <t>VELUX Jalousie manuell PAU 604 7001</t>
  </si>
  <si>
    <t>PAU 606 7001</t>
  </si>
  <si>
    <t>5702325340575</t>
  </si>
  <si>
    <t>VELUX Jalousie manuell PAU 606 7001</t>
  </si>
  <si>
    <t>PAU 608 7001</t>
  </si>
  <si>
    <t>5702325340698</t>
  </si>
  <si>
    <t>VELUX Jalousie manuell PAU 608 7001</t>
  </si>
  <si>
    <t>RFL 0811 1028S</t>
  </si>
  <si>
    <t>5702329416689</t>
  </si>
  <si>
    <t>VELUX Rollo manuell RFL 0811 1028S</t>
  </si>
  <si>
    <t>RFL 0811 1086S</t>
  </si>
  <si>
    <t>5702329416696</t>
  </si>
  <si>
    <t>VELUX Rollo manuell RFL 0811 1086S</t>
  </si>
  <si>
    <t>RFL 0811 4069S</t>
  </si>
  <si>
    <t>5702329416702</t>
  </si>
  <si>
    <t>VELUX Rollo manuell RFL 0811 4069S</t>
  </si>
  <si>
    <t>RFL 0811 4155S</t>
  </si>
  <si>
    <t>5702329416719</t>
  </si>
  <si>
    <t>VELUX Rollo manuell RFL 0811 4155S</t>
  </si>
  <si>
    <t>RFL 0811 4161S</t>
  </si>
  <si>
    <t>5702329416726</t>
  </si>
  <si>
    <t>VELUX Rollo manuell RFL 0811 4161S</t>
  </si>
  <si>
    <t>RFL 0811 4162S</t>
  </si>
  <si>
    <t>5702329416733</t>
  </si>
  <si>
    <t>VELUX Rollo manuell RFL 0811 4162S</t>
  </si>
  <si>
    <t>RFL 0811 4163S</t>
  </si>
  <si>
    <t>5702329416740</t>
  </si>
  <si>
    <t>VELUX Rollo manuell RFL 0811 4163S</t>
  </si>
  <si>
    <t>RFL 0811 4164S</t>
  </si>
  <si>
    <t>5702329416757</t>
  </si>
  <si>
    <t>VELUX Rollo manuell RFL 0811 4164S</t>
  </si>
  <si>
    <t>RFL 0811 4165S</t>
  </si>
  <si>
    <t>5702329416764</t>
  </si>
  <si>
    <t>VELUX Rollo manuell RFL 0811 4165S</t>
  </si>
  <si>
    <t>RFL 0811 4166S</t>
  </si>
  <si>
    <t>5702329416771</t>
  </si>
  <si>
    <t>VELUX Rollo manuell RFL 0811 4166S</t>
  </si>
  <si>
    <t>RFL 0811 4167S</t>
  </si>
  <si>
    <t>5702329416788</t>
  </si>
  <si>
    <t>VELUX Rollo manuell RFL 0811 4167S</t>
  </si>
  <si>
    <t>RFL 0811 4168S</t>
  </si>
  <si>
    <t>5702329416795</t>
  </si>
  <si>
    <t>VELUX Rollo manuell RFL 0811 4168S</t>
  </si>
  <si>
    <t>RFL 0811 4169S</t>
  </si>
  <si>
    <t>5702329416801</t>
  </si>
  <si>
    <t>VELUX Rollo manuell RFL 0811 4169S</t>
  </si>
  <si>
    <t>RFL 0811 4170S</t>
  </si>
  <si>
    <t>5702329416818</t>
  </si>
  <si>
    <t>VELUX Rollo manuell RFL 0811 4170S</t>
  </si>
  <si>
    <t>RFL 0811 4171S</t>
  </si>
  <si>
    <t>5702329416825</t>
  </si>
  <si>
    <t>VELUX Rollo manuell RFL 0811 4171S</t>
  </si>
  <si>
    <t>RFL 0811 9050S</t>
  </si>
  <si>
    <t>5702329416832</t>
  </si>
  <si>
    <t>VELUX Rollo manuell RFL 0811 9050S</t>
  </si>
  <si>
    <t>RFL 1011 1028S</t>
  </si>
  <si>
    <t>5702329416849</t>
  </si>
  <si>
    <t>VELUX Rollo manuell RFL 1011 1028S</t>
  </si>
  <si>
    <t>RFL 1011 1086S</t>
  </si>
  <si>
    <t>5702329416856</t>
  </si>
  <si>
    <t>VELUX Rollo manuell RFL 1011 1086S</t>
  </si>
  <si>
    <t>RFL 1011 4069S</t>
  </si>
  <si>
    <t>5702329416863</t>
  </si>
  <si>
    <t>VELUX Rollo manuell RFL 1011 4069S</t>
  </si>
  <si>
    <t>RFL 1011 4155S</t>
  </si>
  <si>
    <t>5702329416870</t>
  </si>
  <si>
    <t>VELUX Rollo manuell RFL 1011 4155S</t>
  </si>
  <si>
    <t>RFL 1011 4161S</t>
  </si>
  <si>
    <t>5702329416887</t>
  </si>
  <si>
    <t>VELUX Rollo manuell RFL 1011 4161S</t>
  </si>
  <si>
    <t>RFL 1011 4162S</t>
  </si>
  <si>
    <t>5702329416894</t>
  </si>
  <si>
    <t>VELUX Rollo manuell RFL 1011 4162S</t>
  </si>
  <si>
    <t>RFL 1011 4163S</t>
  </si>
  <si>
    <t>5702329416900</t>
  </si>
  <si>
    <t>VELUX Rollo manuell RFL 1011 4163S</t>
  </si>
  <si>
    <t>RFL 1011 4164S</t>
  </si>
  <si>
    <t>5702329416917</t>
  </si>
  <si>
    <t>VELUX Rollo manuell RFL 1011 4164S</t>
  </si>
  <si>
    <t>RFL 1011 4165S</t>
  </si>
  <si>
    <t>5702329416924</t>
  </si>
  <si>
    <t>VELUX Rollo manuell RFL 1011 4165S</t>
  </si>
  <si>
    <t>RFL 1011 4166S</t>
  </si>
  <si>
    <t>5702329416931</t>
  </si>
  <si>
    <t>VELUX Rollo manuell RFL 1011 4166S</t>
  </si>
  <si>
    <t>RFL 1011 4167S</t>
  </si>
  <si>
    <t>5702329416948</t>
  </si>
  <si>
    <t>VELUX Rollo manuell RFL 1011 4167S</t>
  </si>
  <si>
    <t>RFL 1011 4168S</t>
  </si>
  <si>
    <t>5702329416955</t>
  </si>
  <si>
    <t>VELUX Rollo manuell RFL 1011 4168S</t>
  </si>
  <si>
    <t>RFL 1011 4169S</t>
  </si>
  <si>
    <t>5702329416962</t>
  </si>
  <si>
    <t>VELUX Rollo manuell RFL 1011 4169S</t>
  </si>
  <si>
    <t>RFL 1011 4170S</t>
  </si>
  <si>
    <t>5702329416979</t>
  </si>
  <si>
    <t>VELUX Rollo manuell RFL 1011 4170S</t>
  </si>
  <si>
    <t>RFL 1011 4171S</t>
  </si>
  <si>
    <t>5702329416986</t>
  </si>
  <si>
    <t>VELUX Rollo manuell RFL 1011 4171S</t>
  </si>
  <si>
    <t>RFL 1011 9050S</t>
  </si>
  <si>
    <t>5702329416993</t>
  </si>
  <si>
    <t>VELUX Rollo manuell RFL 1011 9050S</t>
  </si>
  <si>
    <t>RFL 1014 1028S</t>
  </si>
  <si>
    <t>5702329417006</t>
  </si>
  <si>
    <t>VELUX Rollo manuell RFL 1014 1028S</t>
  </si>
  <si>
    <t>RFL 1014 1086S</t>
  </si>
  <si>
    <t>5702329417013</t>
  </si>
  <si>
    <t>VELUX Rollo manuell RFL 1014 1086S</t>
  </si>
  <si>
    <t>RFL 1014 4069S</t>
  </si>
  <si>
    <t>5702329417020</t>
  </si>
  <si>
    <t>VELUX Rollo manuell RFL 1014 4069S</t>
  </si>
  <si>
    <t>RFL 1014 4155S</t>
  </si>
  <si>
    <t>5702329417037</t>
  </si>
  <si>
    <t>VELUX Rollo manuell RFL 1014 4155S</t>
  </si>
  <si>
    <t>RFL 1014 4161S</t>
  </si>
  <si>
    <t>5702329417044</t>
  </si>
  <si>
    <t>VELUX Rollo manuell RFL 1014 4161S</t>
  </si>
  <si>
    <t>RFL 1014 4162S</t>
  </si>
  <si>
    <t>5702329417051</t>
  </si>
  <si>
    <t>VELUX Rollo manuell RFL 1014 4162S</t>
  </si>
  <si>
    <t>RFL 1014 4163S</t>
  </si>
  <si>
    <t>5702329417068</t>
  </si>
  <si>
    <t>VELUX Rollo manuell RFL 1014 4163S</t>
  </si>
  <si>
    <t>RFL 1014 4164S</t>
  </si>
  <si>
    <t>5702329417075</t>
  </si>
  <si>
    <t>VELUX Rollo manuell RFL 1014 4164S</t>
  </si>
  <si>
    <t>RFL 1014 4165S</t>
  </si>
  <si>
    <t>5702329417082</t>
  </si>
  <si>
    <t>VELUX Rollo manuell RFL 1014 4165S</t>
  </si>
  <si>
    <t>RFL 1014 4166S</t>
  </si>
  <si>
    <t>5702329417099</t>
  </si>
  <si>
    <t>VELUX Rollo manuell RFL 1014 4166S</t>
  </si>
  <si>
    <t>RFL 1014 4167S</t>
  </si>
  <si>
    <t>5702329417105</t>
  </si>
  <si>
    <t>VELUX Rollo manuell RFL 1014 4167S</t>
  </si>
  <si>
    <t>RFL 1014 4168S</t>
  </si>
  <si>
    <t>5702329417112</t>
  </si>
  <si>
    <t>VELUX Rollo manuell RFL 1014 4168S</t>
  </si>
  <si>
    <t>RFL 1014 4169S</t>
  </si>
  <si>
    <t>5702329417129</t>
  </si>
  <si>
    <t>VELUX Rollo manuell RFL 1014 4169S</t>
  </si>
  <si>
    <t>RFL 1014 4170S</t>
  </si>
  <si>
    <t>5702329417136</t>
  </si>
  <si>
    <t>VELUX Rollo manuell RFL 1014 4170S</t>
  </si>
  <si>
    <t>RFL 1014 4171S</t>
  </si>
  <si>
    <t>5702329417143</t>
  </si>
  <si>
    <t>VELUX Rollo manuell RFL 1014 4171S</t>
  </si>
  <si>
    <t>RFL 1014 9050S</t>
  </si>
  <si>
    <t>5702329417150</t>
  </si>
  <si>
    <t>VELUX Rollo manuell RFL 1014 9050S</t>
  </si>
  <si>
    <t>RFL C02 4069SWL</t>
  </si>
  <si>
    <t>5702326028656</t>
  </si>
  <si>
    <t>VELUX Rollo manuell RFL C02 4069SWL</t>
  </si>
  <si>
    <t>RFL C02 4162S</t>
  </si>
  <si>
    <t>5702329020459</t>
  </si>
  <si>
    <t>VELUX Rollo manuell RFL C02 4162S</t>
  </si>
  <si>
    <t>RFL C02 4162SWL</t>
  </si>
  <si>
    <t>5702329099509</t>
  </si>
  <si>
    <t>VELUX Rollo manuell RFL C02 4162SWL</t>
  </si>
  <si>
    <t>RFL C02 4163SWL</t>
  </si>
  <si>
    <t>5702329099516</t>
  </si>
  <si>
    <t>VELUX Rollo manuell RFL C02 4163SWL</t>
  </si>
  <si>
    <t>RFL C02 4164SWL</t>
  </si>
  <si>
    <t>5702329099523</t>
  </si>
  <si>
    <t>VELUX Rollo manuell RFL C02 4164SWL</t>
  </si>
  <si>
    <t>RFL C02 4165S</t>
  </si>
  <si>
    <t>5702329020480</t>
  </si>
  <si>
    <t>VELUX Rollo manuell RFL C02 4165S</t>
  </si>
  <si>
    <t>RFL C02 4165SWL</t>
  </si>
  <si>
    <t>5702329099530</t>
  </si>
  <si>
    <t>VELUX Rollo manuell RFL C02 4165SWL</t>
  </si>
  <si>
    <t>RFL C02 4166SWL</t>
  </si>
  <si>
    <t>5702329099547</t>
  </si>
  <si>
    <t>VELUX Rollo manuell RFL C02 4166SWL</t>
  </si>
  <si>
    <t>RFL C02 4167S</t>
  </si>
  <si>
    <t>5702329020503</t>
  </si>
  <si>
    <t>VELUX Rollo manuell RFL C02 4167S</t>
  </si>
  <si>
    <t>RFL C02 4167SWL</t>
  </si>
  <si>
    <t>5702329099554</t>
  </si>
  <si>
    <t>VELUX Rollo manuell RFL C02 4167SWL</t>
  </si>
  <si>
    <t>RFL C02 4168S</t>
  </si>
  <si>
    <t>5702329020510</t>
  </si>
  <si>
    <t>VELUX Rollo manuell RFL C02 4168S</t>
  </si>
  <si>
    <t>RFL C02 4168SWL</t>
  </si>
  <si>
    <t>5702329099561</t>
  </si>
  <si>
    <t>VELUX Rollo manuell RFL C02 4168SWL</t>
  </si>
  <si>
    <t>RFL C02 4169SWL</t>
  </si>
  <si>
    <t>5702329099578</t>
  </si>
  <si>
    <t>VELUX Rollo manuell RFL C02 4169SWL</t>
  </si>
  <si>
    <t>RFL C02 4170SWL</t>
  </si>
  <si>
    <t>5702329099585</t>
  </si>
  <si>
    <t>VELUX Rollo manuell RFL C02 4170SWL</t>
  </si>
  <si>
    <t>RFL C02 4171S</t>
  </si>
  <si>
    <t>5702329020541</t>
  </si>
  <si>
    <t>VELUX Rollo manuell RFL C02 4171S</t>
  </si>
  <si>
    <t>RFL C02 4171SWL</t>
  </si>
  <si>
    <t>5702329099592</t>
  </si>
  <si>
    <t>VELUX Rollo manuell RFL C02 4171SWL</t>
  </si>
  <si>
    <t>RFL C02 9050SWL</t>
  </si>
  <si>
    <t>5702326029257</t>
  </si>
  <si>
    <t>VELUX Rollo manuell RFL C02 9050SWL</t>
  </si>
  <si>
    <t>RFL C04 4162SWL</t>
  </si>
  <si>
    <t>5702329099622</t>
  </si>
  <si>
    <t>VELUX Rollo manuell RFL C04 4162SWL</t>
  </si>
  <si>
    <t>RFL C04 4163SWL</t>
  </si>
  <si>
    <t>5702329099639</t>
  </si>
  <si>
    <t>VELUX Rollo manuell RFL C04 4163SWL</t>
  </si>
  <si>
    <t>RFL C04 4164SWL</t>
  </si>
  <si>
    <t>5702329099646</t>
  </si>
  <si>
    <t>VELUX Rollo manuell RFL C04 4164SWL</t>
  </si>
  <si>
    <t>RFL C04 4165S</t>
  </si>
  <si>
    <t>5702329020596</t>
  </si>
  <si>
    <t>VELUX Rollo manuell RFL C04 4165S</t>
  </si>
  <si>
    <t>RFL C04 4165SWL</t>
  </si>
  <si>
    <t>5702329099653</t>
  </si>
  <si>
    <t>VELUX Rollo manuell RFL C04 4165SWL</t>
  </si>
  <si>
    <t>RFL C04 4167S</t>
  </si>
  <si>
    <t>5702329020619</t>
  </si>
  <si>
    <t>VELUX Rollo manuell RFL C04 4167S</t>
  </si>
  <si>
    <t>RFL C04 4167SWL</t>
  </si>
  <si>
    <t>5702329099677</t>
  </si>
  <si>
    <t>VELUX Rollo manuell RFL C04 4167SWL</t>
  </si>
  <si>
    <t>RFL C04 4168SWL</t>
  </si>
  <si>
    <t>5702329099684</t>
  </si>
  <si>
    <t>VELUX Rollo manuell RFL C04 4168SWL</t>
  </si>
  <si>
    <t>RFL C04 4171SWL</t>
  </si>
  <si>
    <t>5702329099714</t>
  </si>
  <si>
    <t>VELUX Rollo manuell RFL C04 4171SWL</t>
  </si>
  <si>
    <t>RFL C06 1086S</t>
  </si>
  <si>
    <t>5702326030277</t>
  </si>
  <si>
    <t>VELUX Rollo manuell RFL C06 1086S</t>
  </si>
  <si>
    <t>RFL C06 1086SWL</t>
  </si>
  <si>
    <t>5702326030291</t>
  </si>
  <si>
    <t>VELUX Rollo manuell RFL C06 1086SWL</t>
  </si>
  <si>
    <t>RFL C06 4069S</t>
  </si>
  <si>
    <t>5702326030499</t>
  </si>
  <si>
    <t>VELUX Rollo manuell RFL C06 4069S</t>
  </si>
  <si>
    <t>RFL C06 4069SWL</t>
  </si>
  <si>
    <t>5702326030505</t>
  </si>
  <si>
    <t>VELUX Rollo manuell RFL C06 4069SWL</t>
  </si>
  <si>
    <t>RFL C06 4155S</t>
  </si>
  <si>
    <t>5702327429919</t>
  </si>
  <si>
    <t>VELUX Rollo manuell RFL C06 4155S</t>
  </si>
  <si>
    <t>RFL C06 4155SWL</t>
  </si>
  <si>
    <t>5702329099721</t>
  </si>
  <si>
    <t>VELUX Rollo manuell RFL C06 4155SWL</t>
  </si>
  <si>
    <t>RFL C06 4161S</t>
  </si>
  <si>
    <t>5702329020664</t>
  </si>
  <si>
    <t>VELUX Rollo manuell RFL C06 4161S</t>
  </si>
  <si>
    <t>RFL C06 4161SWL</t>
  </si>
  <si>
    <t>5702329099738</t>
  </si>
  <si>
    <t>VELUX Rollo manuell RFL C06 4161SWL</t>
  </si>
  <si>
    <t>RFL C06 4162S</t>
  </si>
  <si>
    <t>5702329020671</t>
  </si>
  <si>
    <t>VELUX Rollo manuell RFL C06 4162S</t>
  </si>
  <si>
    <t>RFL C06 4162SWL</t>
  </si>
  <si>
    <t>5702329099745</t>
  </si>
  <si>
    <t>VELUX Rollo manuell RFL C06 4162SWL</t>
  </si>
  <si>
    <t>RFL C06 4163S</t>
  </si>
  <si>
    <t>5702329020688</t>
  </si>
  <si>
    <t>VELUX Rollo manuell RFL C06 4163S</t>
  </si>
  <si>
    <t>RFL C06 4163SWL</t>
  </si>
  <si>
    <t>5702329099752</t>
  </si>
  <si>
    <t>VELUX Rollo manuell RFL C06 4163SWL</t>
  </si>
  <si>
    <t>RFL C06 4164S</t>
  </si>
  <si>
    <t>5702329020695</t>
  </si>
  <si>
    <t>VELUX Rollo manuell RFL C06 4164S</t>
  </si>
  <si>
    <t>RFL C06 4164SWL</t>
  </si>
  <si>
    <t>5702329099769</t>
  </si>
  <si>
    <t>VELUX Rollo manuell RFL C06 4164SWL</t>
  </si>
  <si>
    <t>RFL C06 4165S</t>
  </si>
  <si>
    <t>5702329020701</t>
  </si>
  <si>
    <t>VELUX Rollo manuell RFL C06 4165S</t>
  </si>
  <si>
    <t>RFL C06 4165SWL</t>
  </si>
  <si>
    <t>5702329099776</t>
  </si>
  <si>
    <t>VELUX Rollo manuell RFL C06 4165SWL</t>
  </si>
  <si>
    <t>RFL C06 4166S</t>
  </si>
  <si>
    <t>5702329020718</t>
  </si>
  <si>
    <t>VELUX Rollo manuell RFL C06 4166S</t>
  </si>
  <si>
    <t>RFL C06 4166SWL</t>
  </si>
  <si>
    <t>5702329099783</t>
  </si>
  <si>
    <t>VELUX Rollo manuell RFL C06 4166SWL</t>
  </si>
  <si>
    <t>RFL C06 4167S</t>
  </si>
  <si>
    <t>5702329020725</t>
  </si>
  <si>
    <t>VELUX Rollo manuell RFL C06 4167S</t>
  </si>
  <si>
    <t>RFL C06 4167SWL</t>
  </si>
  <si>
    <t>5702329099790</t>
  </si>
  <si>
    <t>VELUX Rollo manuell RFL C06 4167SWL</t>
  </si>
  <si>
    <t>RFL C06 4168S</t>
  </si>
  <si>
    <t>5702329020732</t>
  </si>
  <si>
    <t>VELUX Rollo manuell RFL C06 4168S</t>
  </si>
  <si>
    <t>RFL C06 4168SWL</t>
  </si>
  <si>
    <t>5702329099806</t>
  </si>
  <si>
    <t>VELUX Rollo manuell RFL C06 4168SWL</t>
  </si>
  <si>
    <t>RFL C06 4169S</t>
  </si>
  <si>
    <t>5702329020749</t>
  </si>
  <si>
    <t>VELUX Rollo manuell RFL C06 4169S</t>
  </si>
  <si>
    <t>RFL C06 4169SWL</t>
  </si>
  <si>
    <t>5702329099813</t>
  </si>
  <si>
    <t>VELUX Rollo manuell RFL C06 4169SWL</t>
  </si>
  <si>
    <t>RFL C06 4170S</t>
  </si>
  <si>
    <t>5702329020756</t>
  </si>
  <si>
    <t>VELUX Rollo manuell RFL C06 4170S</t>
  </si>
  <si>
    <t>RFL C06 4170SWL</t>
  </si>
  <si>
    <t>5702329099820</t>
  </si>
  <si>
    <t>VELUX Rollo manuell RFL C06 4170SWL</t>
  </si>
  <si>
    <t>RFL C06 4171S</t>
  </si>
  <si>
    <t>5702329020763</t>
  </si>
  <si>
    <t>VELUX Rollo manuell RFL C06 4171S</t>
  </si>
  <si>
    <t>RFL C06 4171SWL</t>
  </si>
  <si>
    <t>5702329099837</t>
  </si>
  <si>
    <t>VELUX Rollo manuell RFL C06 4171SWL</t>
  </si>
  <si>
    <t>RFL C06 9050S</t>
  </si>
  <si>
    <t>5702326031083</t>
  </si>
  <si>
    <t>VELUX Rollo manuell RFL C06 9050S</t>
  </si>
  <si>
    <t>RFL C06 9050SWL</t>
  </si>
  <si>
    <t>5702326031090</t>
  </si>
  <si>
    <t>VELUX Rollo manuell RFL C06 9050SWL</t>
  </si>
  <si>
    <t>RFL CK02 4162S</t>
  </si>
  <si>
    <t>5702329020893</t>
  </si>
  <si>
    <t>VELUX Rollo manuell RFL CK02 4162S</t>
  </si>
  <si>
    <t>RFL CK02 4162SWL</t>
  </si>
  <si>
    <t>5702329099981</t>
  </si>
  <si>
    <t>VELUX Rollo manuell RFL CK02 4162SWL</t>
  </si>
  <si>
    <t>RFL CK02 4164SWL</t>
  </si>
  <si>
    <t>5702329100007</t>
  </si>
  <si>
    <t>VELUX Rollo manuell RFL CK02 4164SWL</t>
  </si>
  <si>
    <t>RFL CK02 4165S</t>
  </si>
  <si>
    <t>5702329020923</t>
  </si>
  <si>
    <t>VELUX Rollo manuell RFL CK02 4165S</t>
  </si>
  <si>
    <t>RFL CK02 4167S</t>
  </si>
  <si>
    <t>5702329020947</t>
  </si>
  <si>
    <t>VELUX Rollo manuell RFL CK02 4167S</t>
  </si>
  <si>
    <t>RFL CK02 4167SWL</t>
  </si>
  <si>
    <t>5702329100038</t>
  </si>
  <si>
    <t>VELUX Rollo manuell RFL CK02 4167SWL</t>
  </si>
  <si>
    <t>RFL CK02 4168S</t>
  </si>
  <si>
    <t>5702329020954</t>
  </si>
  <si>
    <t>VELUX Rollo manuell RFL CK02 4168S</t>
  </si>
  <si>
    <t>RFL CK02 4170S</t>
  </si>
  <si>
    <t>5702329020978</t>
  </si>
  <si>
    <t>VELUX Rollo manuell RFL CK02 4170S</t>
  </si>
  <si>
    <t>RFL CK04 4162S</t>
  </si>
  <si>
    <t>5702329021005</t>
  </si>
  <si>
    <t>VELUX Rollo manuell RFL CK04 4162S</t>
  </si>
  <si>
    <t>RFL CK04 4162SWL</t>
  </si>
  <si>
    <t>5702329100106</t>
  </si>
  <si>
    <t>VELUX Rollo manuell RFL CK04 4162SWL</t>
  </si>
  <si>
    <t>RFL CK04 4165SWL</t>
  </si>
  <si>
    <t>5702329100137</t>
  </si>
  <si>
    <t>VELUX Rollo manuell RFL CK04 4165SWL</t>
  </si>
  <si>
    <t>RFL CK04 4167S</t>
  </si>
  <si>
    <t>5702329021050</t>
  </si>
  <si>
    <t>VELUX Rollo manuell RFL CK04 4167S</t>
  </si>
  <si>
    <t>RFL CK04 4168S</t>
  </si>
  <si>
    <t>5702329021067</t>
  </si>
  <si>
    <t>VELUX Rollo manuell RFL CK04 4168S</t>
  </si>
  <si>
    <t>RFL CK04 4168SWL</t>
  </si>
  <si>
    <t>5702329100168</t>
  </si>
  <si>
    <t>VELUX Rollo manuell RFL CK04 4168SWL</t>
  </si>
  <si>
    <t>RFL CK06 4069S</t>
  </si>
  <si>
    <t>5702326799853</t>
  </si>
  <si>
    <t>VELUX Rollo manuell RFL CK06 4069S</t>
  </si>
  <si>
    <t>RFL CK06 4162S</t>
  </si>
  <si>
    <t>5702329021111</t>
  </si>
  <si>
    <t>VELUX Rollo manuell RFL CK06 4162S</t>
  </si>
  <si>
    <t>RFL CK06 4162SWL</t>
  </si>
  <si>
    <t>5702329100229</t>
  </si>
  <si>
    <t>VELUX Rollo manuell RFL CK06 4162SWL</t>
  </si>
  <si>
    <t>RFL CK06 4163S</t>
  </si>
  <si>
    <t>5702329021128</t>
  </si>
  <si>
    <t>VELUX Rollo manuell RFL CK06 4163S</t>
  </si>
  <si>
    <t>RFL CK06 4163SWL</t>
  </si>
  <si>
    <t>5702329100236</t>
  </si>
  <si>
    <t>VELUX Rollo manuell RFL CK06 4163SWL</t>
  </si>
  <si>
    <t>RFL CK06 4164S</t>
  </si>
  <si>
    <t>5702329021135</t>
  </si>
  <si>
    <t>VELUX Rollo manuell RFL CK06 4164S</t>
  </si>
  <si>
    <t>RFL CK06 4164SWL</t>
  </si>
  <si>
    <t>5702329100243</t>
  </si>
  <si>
    <t>VELUX Rollo manuell RFL CK06 4164SWL</t>
  </si>
  <si>
    <t>RFL CK06 4165S</t>
  </si>
  <si>
    <t>5702329021142</t>
  </si>
  <si>
    <t>VELUX Rollo manuell RFL CK06 4165S</t>
  </si>
  <si>
    <t>RFL CK06 4165SWL</t>
  </si>
  <si>
    <t>5702329100250</t>
  </si>
  <si>
    <t>VELUX Rollo manuell RFL CK06 4165SWL</t>
  </si>
  <si>
    <t>RFL CK06 4166S</t>
  </si>
  <si>
    <t>5702329021159</t>
  </si>
  <si>
    <t>VELUX Rollo manuell RFL CK06 4166S</t>
  </si>
  <si>
    <t>RFL CK06 4167S</t>
  </si>
  <si>
    <t>5702329021166</t>
  </si>
  <si>
    <t>VELUX Rollo manuell RFL CK06 4167S</t>
  </si>
  <si>
    <t>RFL CK06 4167SWL</t>
  </si>
  <si>
    <t>5702329100274</t>
  </si>
  <si>
    <t>VELUX Rollo manuell RFL CK06 4167SWL</t>
  </si>
  <si>
    <t>RFL CK06 4168S</t>
  </si>
  <si>
    <t>5702329021173</t>
  </si>
  <si>
    <t>VELUX Rollo manuell RFL CK06 4168S</t>
  </si>
  <si>
    <t>RFL CK06 4168SWL</t>
  </si>
  <si>
    <t>5702329100281</t>
  </si>
  <si>
    <t>VELUX Rollo manuell RFL CK06 4168SWL</t>
  </si>
  <si>
    <t>RFL CK06 4169S</t>
  </si>
  <si>
    <t>5702329021180</t>
  </si>
  <si>
    <t>VELUX Rollo manuell RFL CK06 4169S</t>
  </si>
  <si>
    <t>RFL CK06 4170S</t>
  </si>
  <si>
    <t>5702329021197</t>
  </si>
  <si>
    <t>VELUX Rollo manuell RFL CK06 4170S</t>
  </si>
  <si>
    <t>RFL CK06 4171S</t>
  </si>
  <si>
    <t>5702329021203</t>
  </si>
  <si>
    <t>VELUX Rollo manuell RFL CK06 4171S</t>
  </si>
  <si>
    <t>RFL CK06 4171SWL</t>
  </si>
  <si>
    <t>5702329100311</t>
  </si>
  <si>
    <t>VELUX Rollo manuell RFL CK06 4171SWL</t>
  </si>
  <si>
    <t>RFL F04 4069S</t>
  </si>
  <si>
    <t>5702326031380</t>
  </si>
  <si>
    <t>VELUX Rollo manuell RFL F04 4069S</t>
  </si>
  <si>
    <t>RFL F04 4069SWL</t>
  </si>
  <si>
    <t>5702326031397</t>
  </si>
  <si>
    <t>VELUX Rollo manuell RFL F04 4069SWL</t>
  </si>
  <si>
    <t>RFL F04 4155S</t>
  </si>
  <si>
    <t>5702327430212</t>
  </si>
  <si>
    <t>VELUX Rollo manuell RFL F04 4155S</t>
  </si>
  <si>
    <t>RFL F04 4155SWL</t>
  </si>
  <si>
    <t>5702329100328</t>
  </si>
  <si>
    <t>VELUX Rollo manuell RFL F04 4155SWL</t>
  </si>
  <si>
    <t>RFL F04 4162S</t>
  </si>
  <si>
    <t>5702329021227</t>
  </si>
  <si>
    <t>VELUX Rollo manuell RFL F04 4162S</t>
  </si>
  <si>
    <t>RFL F04 4162SWL</t>
  </si>
  <si>
    <t>5702329100342</t>
  </si>
  <si>
    <t>VELUX Rollo manuell RFL F04 4162SWL</t>
  </si>
  <si>
    <t>RFL F04 4163S</t>
  </si>
  <si>
    <t>5702329021234</t>
  </si>
  <si>
    <t>VELUX Rollo manuell RFL F04 4163S</t>
  </si>
  <si>
    <t>RFL F04 4163SWL</t>
  </si>
  <si>
    <t>5702329100359</t>
  </si>
  <si>
    <t>VELUX Rollo manuell RFL F04 4163SWL</t>
  </si>
  <si>
    <t>RFL F04 4164S</t>
  </si>
  <si>
    <t>5702329021241</t>
  </si>
  <si>
    <t>VELUX Rollo manuell RFL F04 4164S</t>
  </si>
  <si>
    <t>RFL F04 4164SWL</t>
  </si>
  <si>
    <t>5702329100366</t>
  </si>
  <si>
    <t>VELUX Rollo manuell RFL F04 4164SWL</t>
  </si>
  <si>
    <t>RFL F04 4165S</t>
  </si>
  <si>
    <t>5702329021258</t>
  </si>
  <si>
    <t>VELUX Rollo manuell RFL F04 4165S</t>
  </si>
  <si>
    <t>RFL F04 4165SWL</t>
  </si>
  <si>
    <t>5702329100373</t>
  </si>
  <si>
    <t>VELUX Rollo manuell RFL F04 4165SWL</t>
  </si>
  <si>
    <t>RFL F04 4166S</t>
  </si>
  <si>
    <t>5702329021265</t>
  </si>
  <si>
    <t>VELUX Rollo manuell RFL F04 4166S</t>
  </si>
  <si>
    <t>RFL F04 4166SWL</t>
  </si>
  <si>
    <t>5702329100380</t>
  </si>
  <si>
    <t>VELUX Rollo manuell RFL F04 4166SWL</t>
  </si>
  <si>
    <t>RFL F04 4167S</t>
  </si>
  <si>
    <t>5702329021272</t>
  </si>
  <si>
    <t>VELUX Rollo manuell RFL F04 4167S</t>
  </si>
  <si>
    <t>RFL F04 4167SWL</t>
  </si>
  <si>
    <t>5702329100397</t>
  </si>
  <si>
    <t>VELUX Rollo manuell RFL F04 4167SWL</t>
  </si>
  <si>
    <t>RFL F04 4168S</t>
  </si>
  <si>
    <t>5702329021289</t>
  </si>
  <si>
    <t>VELUX Rollo manuell RFL F04 4168S</t>
  </si>
  <si>
    <t>RFL F04 4168SWL</t>
  </si>
  <si>
    <t>5702329100403</t>
  </si>
  <si>
    <t>VELUX Rollo manuell RFL F04 4168SWL</t>
  </si>
  <si>
    <t>RFL F04 4169S</t>
  </si>
  <si>
    <t>5702329021296</t>
  </si>
  <si>
    <t>VELUX Rollo manuell RFL F04 4169S</t>
  </si>
  <si>
    <t>RFL F04 4169SWL</t>
  </si>
  <si>
    <t>5702329100410</t>
  </si>
  <si>
    <t>VELUX Rollo manuell RFL F04 4169SWL</t>
  </si>
  <si>
    <t>RFL F04 4170S</t>
  </si>
  <si>
    <t>5702329021302</t>
  </si>
  <si>
    <t>VELUX Rollo manuell RFL F04 4170S</t>
  </si>
  <si>
    <t>RFL F04 4170SWL</t>
  </si>
  <si>
    <t>5702329100427</t>
  </si>
  <si>
    <t>VELUX Rollo manuell RFL F04 4170SWL</t>
  </si>
  <si>
    <t>RFL F04 4171S</t>
  </si>
  <si>
    <t>5702329021319</t>
  </si>
  <si>
    <t>VELUX Rollo manuell RFL F04 4171S</t>
  </si>
  <si>
    <t>RFL F04 4171SWL</t>
  </si>
  <si>
    <t>5702329100434</t>
  </si>
  <si>
    <t>VELUX Rollo manuell RFL F04 4171SWL</t>
  </si>
  <si>
    <t>RFL F04 9050S</t>
  </si>
  <si>
    <t>5702326031991</t>
  </si>
  <si>
    <t>VELUX Rollo manuell RFL F04 9050S</t>
  </si>
  <si>
    <t>RFL F04 9050SWL</t>
  </si>
  <si>
    <t>5702326032004</t>
  </si>
  <si>
    <t>VELUX Rollo manuell RFL F04 9050SWL</t>
  </si>
  <si>
    <t>RFL F06 4069SWL</t>
  </si>
  <si>
    <t>5702326032295</t>
  </si>
  <si>
    <t>VELUX Rollo manuell RFL F06 4069SWL</t>
  </si>
  <si>
    <t>RFL F06 4162S</t>
  </si>
  <si>
    <t>5702329021333</t>
  </si>
  <si>
    <t>VELUX Rollo manuell RFL F06 4162S</t>
  </si>
  <si>
    <t>RFL F06 4162SWL</t>
  </si>
  <si>
    <t>5702329100465</t>
  </si>
  <si>
    <t>VELUX Rollo manuell RFL F06 4162SWL</t>
  </si>
  <si>
    <t>RFL F06 4163SWL</t>
  </si>
  <si>
    <t>5702329100472</t>
  </si>
  <si>
    <t>VELUX Rollo manuell RFL F06 4163SWL</t>
  </si>
  <si>
    <t>RFL F06 4165S</t>
  </si>
  <si>
    <t>5702329021364</t>
  </si>
  <si>
    <t>VELUX Rollo manuell RFL F06 4165S</t>
  </si>
  <si>
    <t>RFL F06 4165SWL</t>
  </si>
  <si>
    <t>5702329100496</t>
  </si>
  <si>
    <t>VELUX Rollo manuell RFL F06 4165SWL</t>
  </si>
  <si>
    <t>RFL F06 4167SWL</t>
  </si>
  <si>
    <t>5702329100519</t>
  </si>
  <si>
    <t>VELUX Rollo manuell RFL F06 4167SWL</t>
  </si>
  <si>
    <t>RFL F06 4168SWL</t>
  </si>
  <si>
    <t>5702329100526</t>
  </si>
  <si>
    <t>VELUX Rollo manuell RFL F06 4168SWL</t>
  </si>
  <si>
    <t>RFL F06 4171SWL</t>
  </si>
  <si>
    <t>5702329100557</t>
  </si>
  <si>
    <t>VELUX Rollo manuell RFL F06 4171SWL</t>
  </si>
  <si>
    <t>RFL F08 1086SWL</t>
  </si>
  <si>
    <t>5702326033056</t>
  </si>
  <si>
    <t>VELUX Rollo manuell RFL F08 1086SWL</t>
  </si>
  <si>
    <t>RFL F08 4069S</t>
  </si>
  <si>
    <t>5702326033209</t>
  </si>
  <si>
    <t>VELUX Rollo manuell RFL F08 4069S</t>
  </si>
  <si>
    <t>RFL F08 4069SWL</t>
  </si>
  <si>
    <t>5702326033216</t>
  </si>
  <si>
    <t>VELUX Rollo manuell RFL F08 4069SWL</t>
  </si>
  <si>
    <t>RFL F08 4155S</t>
  </si>
  <si>
    <t>5702327430335</t>
  </si>
  <si>
    <t>VELUX Rollo manuell RFL F08 4155S</t>
  </si>
  <si>
    <t>RFL F08 4155SWL</t>
  </si>
  <si>
    <t>5702329100564</t>
  </si>
  <si>
    <t>VELUX Rollo manuell RFL F08 4155SWL</t>
  </si>
  <si>
    <t>RFL F08 4161S</t>
  </si>
  <si>
    <t>5702329021432</t>
  </si>
  <si>
    <t>VELUX Rollo manuell RFL F08 4161S</t>
  </si>
  <si>
    <t>RFL F08 4161SWL</t>
  </si>
  <si>
    <t>5702329100571</t>
  </si>
  <si>
    <t>VELUX Rollo manuell RFL F08 4161SWL</t>
  </si>
  <si>
    <t>RFL F08 4162S</t>
  </si>
  <si>
    <t>5702329021449</t>
  </si>
  <si>
    <t>VELUX Rollo manuell RFL F08 4162S</t>
  </si>
  <si>
    <t>RFL F08 4162SWL</t>
  </si>
  <si>
    <t>5702329100588</t>
  </si>
  <si>
    <t>VELUX Rollo manuell RFL F08 4162SWL</t>
  </si>
  <si>
    <t>RFL F08 4163S</t>
  </si>
  <si>
    <t>5702329021456</t>
  </si>
  <si>
    <t>VELUX Rollo manuell RFL F08 4163S</t>
  </si>
  <si>
    <t>RFL F08 4163SWL</t>
  </si>
  <si>
    <t>5702329100595</t>
  </si>
  <si>
    <t>VELUX Rollo manuell RFL F08 4163SWL</t>
  </si>
  <si>
    <t>RFL F08 4164S</t>
  </si>
  <si>
    <t>5702329021463</t>
  </si>
  <si>
    <t>VELUX Rollo manuell RFL F08 4164S</t>
  </si>
  <si>
    <t>RFL F08 4164SWL</t>
  </si>
  <si>
    <t>5702329100601</t>
  </si>
  <si>
    <t>VELUX Rollo manuell RFL F08 4164SWL</t>
  </si>
  <si>
    <t>RFL F08 4165S</t>
  </si>
  <si>
    <t>5702329021470</t>
  </si>
  <si>
    <t>VELUX Rollo manuell RFL F08 4165S</t>
  </si>
  <si>
    <t>RFL F08 4165SWL</t>
  </si>
  <si>
    <t>5702329100618</t>
  </si>
  <si>
    <t>VELUX Rollo manuell RFL F08 4165SWL</t>
  </si>
  <si>
    <t>RFL F08 4166S</t>
  </si>
  <si>
    <t>5702329021487</t>
  </si>
  <si>
    <t>VELUX Rollo manuell RFL F08 4166S</t>
  </si>
  <si>
    <t>RFL F08 4166SWL</t>
  </si>
  <si>
    <t>5702329100625</t>
  </si>
  <si>
    <t>VELUX Rollo manuell RFL F08 4166SWL</t>
  </si>
  <si>
    <t>RFL F08 4167S</t>
  </si>
  <si>
    <t>5702329021494</t>
  </si>
  <si>
    <t>VELUX Rollo manuell RFL F08 4167S</t>
  </si>
  <si>
    <t>RFL F08 4167SWL</t>
  </si>
  <si>
    <t>5702329100632</t>
  </si>
  <si>
    <t>VELUX Rollo manuell RFL F08 4167SWL</t>
  </si>
  <si>
    <t>RFL F08 4168S</t>
  </si>
  <si>
    <t>5702329021500</t>
  </si>
  <si>
    <t>VELUX Rollo manuell RFL F08 4168S</t>
  </si>
  <si>
    <t>RFL F08 4168SWL</t>
  </si>
  <si>
    <t>5702329100649</t>
  </si>
  <si>
    <t>VELUX Rollo manuell RFL F08 4168SWL</t>
  </si>
  <si>
    <t>RFL F08 4169S</t>
  </si>
  <si>
    <t>5702329021517</t>
  </si>
  <si>
    <t>VELUX Rollo manuell RFL F08 4169S</t>
  </si>
  <si>
    <t>RFL F08 4169SWL</t>
  </si>
  <si>
    <t>5702329100656</t>
  </si>
  <si>
    <t>VELUX Rollo manuell RFL F08 4169SWL</t>
  </si>
  <si>
    <t>RFL F08 4170S</t>
  </si>
  <si>
    <t>5702329021524</t>
  </si>
  <si>
    <t>VELUX Rollo manuell RFL F08 4170S</t>
  </si>
  <si>
    <t>RFL F08 4170SWL</t>
  </si>
  <si>
    <t>5702329100663</t>
  </si>
  <si>
    <t>VELUX Rollo manuell RFL F08 4170SWL</t>
  </si>
  <si>
    <t>RFL F08 4171S</t>
  </si>
  <si>
    <t>5702329021531</t>
  </si>
  <si>
    <t>VELUX Rollo manuell RFL F08 4171S</t>
  </si>
  <si>
    <t>RFL F08 4171SWL</t>
  </si>
  <si>
    <t>5702329100670</t>
  </si>
  <si>
    <t>VELUX Rollo manuell RFL F08 4171SWL</t>
  </si>
  <si>
    <t>RFL F08 9050S</t>
  </si>
  <si>
    <t>5702326033827</t>
  </si>
  <si>
    <t>VELUX Rollo manuell RFL F08 9050S</t>
  </si>
  <si>
    <t>RFL F08 9050SWL</t>
  </si>
  <si>
    <t>5702326033834</t>
  </si>
  <si>
    <t>VELUX Rollo manuell RFL F08 9050SWL</t>
  </si>
  <si>
    <t>RFL FK04 4069S</t>
  </si>
  <si>
    <t>5702326800641</t>
  </si>
  <si>
    <t>VELUX Rollo manuell RFL FK04 4069S</t>
  </si>
  <si>
    <t>RFL FK04 4069SWL</t>
  </si>
  <si>
    <t>5702326800658</t>
  </si>
  <si>
    <t>VELUX Rollo manuell RFL FK04 4069SWL</t>
  </si>
  <si>
    <t>RFL FK04 4162S</t>
  </si>
  <si>
    <t>5702329021555</t>
  </si>
  <si>
    <t>VELUX Rollo manuell RFL FK04 4162S</t>
  </si>
  <si>
    <t>RFL FK04 4162SWL</t>
  </si>
  <si>
    <t>5702329100700</t>
  </si>
  <si>
    <t>VELUX Rollo manuell RFL FK04 4162SWL</t>
  </si>
  <si>
    <t>RFL FK04 4163S</t>
  </si>
  <si>
    <t>5702329021562</t>
  </si>
  <si>
    <t>VELUX Rollo manuell RFL FK04 4163S</t>
  </si>
  <si>
    <t>RFL FK04 4163SWL</t>
  </si>
  <si>
    <t>5702329100717</t>
  </si>
  <si>
    <t>VELUX Rollo manuell RFL FK04 4163SWL</t>
  </si>
  <si>
    <t>RFL FK04 4164S</t>
  </si>
  <si>
    <t>5702329021579</t>
  </si>
  <si>
    <t>VELUX Rollo manuell RFL FK04 4164S</t>
  </si>
  <si>
    <t>RFL FK04 4164SWL</t>
  </si>
  <si>
    <t>5702329100724</t>
  </si>
  <si>
    <t>VELUX Rollo manuell RFL FK04 4164SWL</t>
  </si>
  <si>
    <t>RFL FK04 4165S</t>
  </si>
  <si>
    <t>5702329021586</t>
  </si>
  <si>
    <t>VELUX Rollo manuell RFL FK04 4165S</t>
  </si>
  <si>
    <t>RFL FK04 4165SWL</t>
  </si>
  <si>
    <t>5702329100731</t>
  </si>
  <si>
    <t>VELUX Rollo manuell RFL FK04 4165SWL</t>
  </si>
  <si>
    <t>RFL FK04 4166S</t>
  </si>
  <si>
    <t>5702329021593</t>
  </si>
  <si>
    <t>VELUX Rollo manuell RFL FK04 4166S</t>
  </si>
  <si>
    <t>RFL FK04 4167S</t>
  </si>
  <si>
    <t>5702329021609</t>
  </si>
  <si>
    <t>VELUX Rollo manuell RFL FK04 4167S</t>
  </si>
  <si>
    <t>RFL FK04 4167SWL</t>
  </si>
  <si>
    <t>5702329100755</t>
  </si>
  <si>
    <t>VELUX Rollo manuell RFL FK04 4167SWL</t>
  </si>
  <si>
    <t>RFL FK04 4168S</t>
  </si>
  <si>
    <t>5702329021616</t>
  </si>
  <si>
    <t>VELUX Rollo manuell RFL FK04 4168S</t>
  </si>
  <si>
    <t>RFL FK04 4168SWL</t>
  </si>
  <si>
    <t>5702329100762</t>
  </si>
  <si>
    <t>VELUX Rollo manuell RFL FK04 4168SWL</t>
  </si>
  <si>
    <t>RFL FK04 4169S</t>
  </si>
  <si>
    <t>5702329021623</t>
  </si>
  <si>
    <t>VELUX Rollo manuell RFL FK04 4169S</t>
  </si>
  <si>
    <t>RFL FK04 4170S</t>
  </si>
  <si>
    <t>5702329021630</t>
  </si>
  <si>
    <t>VELUX Rollo manuell RFL FK04 4170S</t>
  </si>
  <si>
    <t>RFL FK04 4170SWL</t>
  </si>
  <si>
    <t>5702329100786</t>
  </si>
  <si>
    <t>VELUX Rollo manuell RFL FK04 4170SWL</t>
  </si>
  <si>
    <t>RFL FK04 4171S</t>
  </si>
  <si>
    <t>5702329021647</t>
  </si>
  <si>
    <t>VELUX Rollo manuell RFL FK04 4171S</t>
  </si>
  <si>
    <t>RFL FK04 4171SWL</t>
  </si>
  <si>
    <t>5702329100793</t>
  </si>
  <si>
    <t>VELUX Rollo manuell RFL FK04 4171SWL</t>
  </si>
  <si>
    <t>RFL FK06 4165S</t>
  </si>
  <si>
    <t>5702329021692</t>
  </si>
  <si>
    <t>VELUX Rollo manuell RFL FK06 4165S</t>
  </si>
  <si>
    <t>RFL FK08 4069SWL</t>
  </si>
  <si>
    <t>5702326802430</t>
  </si>
  <si>
    <t>VELUX Rollo manuell RFL FK08 4069SWL</t>
  </si>
  <si>
    <t>RFL FK08 4162S</t>
  </si>
  <si>
    <t>5702329021777</t>
  </si>
  <si>
    <t>VELUX Rollo manuell RFL FK08 4162S</t>
  </si>
  <si>
    <t>RFL FK08 4162SWL</t>
  </si>
  <si>
    <t>5702329100946</t>
  </si>
  <si>
    <t>VELUX Rollo manuell RFL FK08 4162SWL</t>
  </si>
  <si>
    <t>RFL FK08 4163S</t>
  </si>
  <si>
    <t>5702329021784</t>
  </si>
  <si>
    <t>VELUX Rollo manuell RFL FK08 4163S</t>
  </si>
  <si>
    <t>RFL FK08 4163SWL</t>
  </si>
  <si>
    <t>5702329100953</t>
  </si>
  <si>
    <t>VELUX Rollo manuell RFL FK08 4163SWL</t>
  </si>
  <si>
    <t>RFL FK08 4164S</t>
  </si>
  <si>
    <t>5702329021791</t>
  </si>
  <si>
    <t>VELUX Rollo manuell RFL FK08 4164S</t>
  </si>
  <si>
    <t>RFL FK08 4164SWL</t>
  </si>
  <si>
    <t>5702329100960</t>
  </si>
  <si>
    <t>VELUX Rollo manuell RFL FK08 4164SWL</t>
  </si>
  <si>
    <t>RFL FK08 4165S</t>
  </si>
  <si>
    <t>5702329021807</t>
  </si>
  <si>
    <t>VELUX Rollo manuell RFL FK08 4165S</t>
  </si>
  <si>
    <t>RFL FK08 4165SWL</t>
  </si>
  <si>
    <t>5702329100977</t>
  </si>
  <si>
    <t>VELUX Rollo manuell RFL FK08 4165SWL</t>
  </si>
  <si>
    <t>RFL FK08 4166S</t>
  </si>
  <si>
    <t>5702329021814</t>
  </si>
  <si>
    <t>VELUX Rollo manuell RFL FK08 4166S</t>
  </si>
  <si>
    <t>RFL FK08 4167S</t>
  </si>
  <si>
    <t>5702329021821</t>
  </si>
  <si>
    <t>VELUX Rollo manuell RFL FK08 4167S</t>
  </si>
  <si>
    <t>RFL FK08 4168S</t>
  </si>
  <si>
    <t>5702329021838</t>
  </si>
  <si>
    <t>VELUX Rollo manuell RFL FK08 4168S</t>
  </si>
  <si>
    <t>RFL FK08 4168SWL</t>
  </si>
  <si>
    <t>5702329101004</t>
  </si>
  <si>
    <t>VELUX Rollo manuell RFL FK08 4168SWL</t>
  </si>
  <si>
    <t>RFL FK08 4170S</t>
  </si>
  <si>
    <t>5702329021852</t>
  </si>
  <si>
    <t>VELUX Rollo manuell RFL FK08 4170S</t>
  </si>
  <si>
    <t>RFL FK08 4170SWL</t>
  </si>
  <si>
    <t>5702329101028</t>
  </si>
  <si>
    <t>VELUX Rollo manuell RFL FK08 4170SWL</t>
  </si>
  <si>
    <t>RFL FK08 4171S</t>
  </si>
  <si>
    <t>5702329021869</t>
  </si>
  <si>
    <t>VELUX Rollo manuell RFL FK08 4171S</t>
  </si>
  <si>
    <t>RFL FK08 4171SWL</t>
  </si>
  <si>
    <t>5702329101035</t>
  </si>
  <si>
    <t>VELUX Rollo manuell RFL FK08 4171SWL</t>
  </si>
  <si>
    <t>RFL M04 4162SWL</t>
  </si>
  <si>
    <t>5702329101066</t>
  </si>
  <si>
    <t>VELUX Rollo manuell RFL M04 4162SWL</t>
  </si>
  <si>
    <t>RFL M04 4165SWL</t>
  </si>
  <si>
    <t>5702329101097</t>
  </si>
  <si>
    <t>VELUX Rollo manuell RFL M04 4165SWL</t>
  </si>
  <si>
    <t>RFL M06 4162SWL</t>
  </si>
  <si>
    <t>5702329101189</t>
  </si>
  <si>
    <t>VELUX Rollo manuell RFL M06 4162SWL</t>
  </si>
  <si>
    <t>RFL M06 4165SWL</t>
  </si>
  <si>
    <t>5702329101219</t>
  </si>
  <si>
    <t>VELUX Rollo manuell RFL M06 4165SWL</t>
  </si>
  <si>
    <t>RFL M06 4168SWL</t>
  </si>
  <si>
    <t>5702329101240</t>
  </si>
  <si>
    <t>VELUX Rollo manuell RFL M06 4168SWL</t>
  </si>
  <si>
    <t>RFL M10 4069S</t>
  </si>
  <si>
    <t>5702326036965</t>
  </si>
  <si>
    <t>VELUX Rollo manuell RFL M10 4069S</t>
  </si>
  <si>
    <t>RFL M10 4069SWL</t>
  </si>
  <si>
    <t>5702326036972</t>
  </si>
  <si>
    <t>VELUX Rollo manuell RFL M10 4069SWL</t>
  </si>
  <si>
    <t>RFL M10 4155SWL</t>
  </si>
  <si>
    <t>5702329101400</t>
  </si>
  <si>
    <t>VELUX Rollo manuell RFL M10 4155SWL</t>
  </si>
  <si>
    <t>RFL M10 4162S</t>
  </si>
  <si>
    <t>5702329022217</t>
  </si>
  <si>
    <t>VELUX Rollo manuell RFL M10 4162S</t>
  </si>
  <si>
    <t>RFL M10 4162SWL</t>
  </si>
  <si>
    <t>5702329101424</t>
  </si>
  <si>
    <t>VELUX Rollo manuell RFL M10 4162SWL</t>
  </si>
  <si>
    <t>RFL M10 4163SWL</t>
  </si>
  <si>
    <t>5702329101431</t>
  </si>
  <si>
    <t>VELUX Rollo manuell RFL M10 4163SWL</t>
  </si>
  <si>
    <t>RFL M10 4164S</t>
  </si>
  <si>
    <t>5702329022231</t>
  </si>
  <si>
    <t>VELUX Rollo manuell RFL M10 4164S</t>
  </si>
  <si>
    <t>RFL M10 4164SWL</t>
  </si>
  <si>
    <t>5702329101448</t>
  </si>
  <si>
    <t>VELUX Rollo manuell RFL M10 4164SWL</t>
  </si>
  <si>
    <t>RFL M10 4165S</t>
  </si>
  <si>
    <t>5702329022248</t>
  </si>
  <si>
    <t>VELUX Rollo manuell RFL M10 4165S</t>
  </si>
  <si>
    <t>RFL M10 4165SWL</t>
  </si>
  <si>
    <t>5702329101455</t>
  </si>
  <si>
    <t>VELUX Rollo manuell RFL M10 4165SWL</t>
  </si>
  <si>
    <t>RFL M10 4166SWL</t>
  </si>
  <si>
    <t>5702329101462</t>
  </si>
  <si>
    <t>VELUX Rollo manuell RFL M10 4166SWL</t>
  </si>
  <si>
    <t>RFL M10 4167S</t>
  </si>
  <si>
    <t>5702329022262</t>
  </si>
  <si>
    <t>VELUX Rollo manuell RFL M10 4167S</t>
  </si>
  <si>
    <t>RFL M10 4167SWL</t>
  </si>
  <si>
    <t>5702329101479</t>
  </si>
  <si>
    <t>VELUX Rollo manuell RFL M10 4167SWL</t>
  </si>
  <si>
    <t>RFL M10 4168S</t>
  </si>
  <si>
    <t>5702329022279</t>
  </si>
  <si>
    <t>VELUX Rollo manuell RFL M10 4168S</t>
  </si>
  <si>
    <t>RFL M10 4168SWL</t>
  </si>
  <si>
    <t>5702329101486</t>
  </si>
  <si>
    <t>VELUX Rollo manuell RFL M10 4168SWL</t>
  </si>
  <si>
    <t>RFL M10 4169S</t>
  </si>
  <si>
    <t>5702329022286</t>
  </si>
  <si>
    <t>VELUX Rollo manuell RFL M10 4169S</t>
  </si>
  <si>
    <t>RFL M10 4169SWL</t>
  </si>
  <si>
    <t>5702329101493</t>
  </si>
  <si>
    <t>VELUX Rollo manuell RFL M10 4169SWL</t>
  </si>
  <si>
    <t>RFL M10 4170S</t>
  </si>
  <si>
    <t>5702329022293</t>
  </si>
  <si>
    <t>VELUX Rollo manuell RFL M10 4170S</t>
  </si>
  <si>
    <t>RFL M10 4170SWL</t>
  </si>
  <si>
    <t>5702329101509</t>
  </si>
  <si>
    <t>VELUX Rollo manuell RFL M10 4170SWL</t>
  </si>
  <si>
    <t>RFL M10 4171SWL</t>
  </si>
  <si>
    <t>5702329101516</t>
  </si>
  <si>
    <t>VELUX Rollo manuell RFL M10 4171SWL</t>
  </si>
  <si>
    <t>RFL M10 9050SWL</t>
  </si>
  <si>
    <t>5702326037597</t>
  </si>
  <si>
    <t>VELUX Rollo manuell RFL M10 9050SWL</t>
  </si>
  <si>
    <t>RFL M31 1086SWL</t>
  </si>
  <si>
    <t>5702326039553</t>
  </si>
  <si>
    <t>VELUX Rollo manuell RFL M31 1086SWL</t>
  </si>
  <si>
    <t>RFL M31 4069S</t>
  </si>
  <si>
    <t>5702326039720</t>
  </si>
  <si>
    <t>VELUX Rollo manuell RFL M31 4069S</t>
  </si>
  <si>
    <t>RFL M31 4069SWL</t>
  </si>
  <si>
    <t>5702326039737</t>
  </si>
  <si>
    <t>VELUX Rollo manuell RFL M31 4069SWL</t>
  </si>
  <si>
    <t>RFL M31 4155S</t>
  </si>
  <si>
    <t>5702327430939</t>
  </si>
  <si>
    <t>VELUX Rollo manuell RFL M31 4155S</t>
  </si>
  <si>
    <t>RFL M31 4155SWL</t>
  </si>
  <si>
    <t>5702329227186</t>
  </si>
  <si>
    <t>VELUX Rollo manuell RFL M31 4155SWL</t>
  </si>
  <si>
    <t>RFL M31 4161S</t>
  </si>
  <si>
    <t>5702329022538</t>
  </si>
  <si>
    <t>VELUX Rollo manuell RFL M31 4161S</t>
  </si>
  <si>
    <t>RFL M31 4161SWL</t>
  </si>
  <si>
    <t>5702329227193</t>
  </si>
  <si>
    <t>VELUX Rollo manuell RFL M31 4161SWL</t>
  </si>
  <si>
    <t>RFL M31 4162S</t>
  </si>
  <si>
    <t>5702329022545</t>
  </si>
  <si>
    <t>VELUX Rollo manuell RFL M31 4162S</t>
  </si>
  <si>
    <t>RFL M31 4162SWL</t>
  </si>
  <si>
    <t>5702329227209</t>
  </si>
  <si>
    <t>VELUX Rollo manuell RFL M31 4162SWL</t>
  </si>
  <si>
    <t>RFL M31 4163S</t>
  </si>
  <si>
    <t>5702329022552</t>
  </si>
  <si>
    <t>VELUX Rollo manuell RFL M31 4163S</t>
  </si>
  <si>
    <t>RFL M31 4163SWL</t>
  </si>
  <si>
    <t>5702329227216</t>
  </si>
  <si>
    <t>VELUX Rollo manuell RFL M31 4163SWL</t>
  </si>
  <si>
    <t>RFL M31 4164S</t>
  </si>
  <si>
    <t>5702329022569</t>
  </si>
  <si>
    <t>VELUX Rollo manuell RFL M31 4164S</t>
  </si>
  <si>
    <t>RFL M31 4164SWL</t>
  </si>
  <si>
    <t>5702329227223</t>
  </si>
  <si>
    <t>VELUX Rollo manuell RFL M31 4164SWL</t>
  </si>
  <si>
    <t>RFL M31 4165S</t>
  </si>
  <si>
    <t>5702329022576</t>
  </si>
  <si>
    <t>VELUX Rollo manuell RFL M31 4165S</t>
  </si>
  <si>
    <t>RFL M31 4165SWL</t>
  </si>
  <si>
    <t>5702329227230</t>
  </si>
  <si>
    <t>VELUX Rollo manuell RFL M31 4165SWL</t>
  </si>
  <si>
    <t>RFL M31 4166S</t>
  </si>
  <si>
    <t>5702329022583</t>
  </si>
  <si>
    <t>VELUX Rollo manuell RFL M31 4166S</t>
  </si>
  <si>
    <t>RFL M31 4166SWL</t>
  </si>
  <si>
    <t>5702329227247</t>
  </si>
  <si>
    <t>VELUX Rollo manuell RFL M31 4166SWL</t>
  </si>
  <si>
    <t>RFL M31 4167S</t>
  </si>
  <si>
    <t>5702329022590</t>
  </si>
  <si>
    <t>VELUX Rollo manuell RFL M31 4167S</t>
  </si>
  <si>
    <t>RFL M31 4167SWL</t>
  </si>
  <si>
    <t>5702329227254</t>
  </si>
  <si>
    <t>VELUX Rollo manuell RFL M31 4167SWL</t>
  </si>
  <si>
    <t>RFL M31 4168S</t>
  </si>
  <si>
    <t>5702329022606</t>
  </si>
  <si>
    <t>VELUX Rollo manuell RFL M31 4168S</t>
  </si>
  <si>
    <t>RFL M31 4168SWL</t>
  </si>
  <si>
    <t>5702329227261</t>
  </si>
  <si>
    <t>VELUX Rollo manuell RFL M31 4168SWL</t>
  </si>
  <si>
    <t>RFL M31 4169S</t>
  </si>
  <si>
    <t>5702329022613</t>
  </si>
  <si>
    <t>VELUX Rollo manuell RFL M31 4169S</t>
  </si>
  <si>
    <t>RFL M31 4169SWL</t>
  </si>
  <si>
    <t>5702329227278</t>
  </si>
  <si>
    <t>VELUX Rollo manuell RFL M31 4169SWL</t>
  </si>
  <si>
    <t>RFL M31 4170S</t>
  </si>
  <si>
    <t>5702329022620</t>
  </si>
  <si>
    <t>VELUX Rollo manuell RFL M31 4170S</t>
  </si>
  <si>
    <t>RFL M31 4170SWL</t>
  </si>
  <si>
    <t>5702329227285</t>
  </si>
  <si>
    <t>VELUX Rollo manuell RFL M31 4170SWL</t>
  </si>
  <si>
    <t>RFL M31 4171S</t>
  </si>
  <si>
    <t>5702329022637</t>
  </si>
  <si>
    <t>VELUX Rollo manuell RFL M31 4171S</t>
  </si>
  <si>
    <t>RFL M31 4171SWL</t>
  </si>
  <si>
    <t>5702329227292</t>
  </si>
  <si>
    <t>VELUX Rollo manuell RFL M31 4171SWL</t>
  </si>
  <si>
    <t>RFL M31 9050S</t>
  </si>
  <si>
    <t>5702326040313</t>
  </si>
  <si>
    <t>VELUX Rollo manuell RFL M31 9050S</t>
  </si>
  <si>
    <t>RFL M31 9050SWL</t>
  </si>
  <si>
    <t>5702326040337</t>
  </si>
  <si>
    <t>VELUX Rollo manuell RFL M31 9050SWL</t>
  </si>
  <si>
    <t>RFL MK10 4162S</t>
  </si>
  <si>
    <t>5702329023092</t>
  </si>
  <si>
    <t>VELUX Rollo manuell RFL MK10 4162S</t>
  </si>
  <si>
    <t>RFL MK10 4162SWL</t>
  </si>
  <si>
    <t>5702329102148</t>
  </si>
  <si>
    <t>VELUX Rollo manuell RFL MK10 4162SWL</t>
  </si>
  <si>
    <t>RFL MK10 4164S</t>
  </si>
  <si>
    <t>5702329023115</t>
  </si>
  <si>
    <t>VELUX Rollo manuell RFL MK10 4164S</t>
  </si>
  <si>
    <t>RFL MK10 4164SWL</t>
  </si>
  <si>
    <t>5702329102162</t>
  </si>
  <si>
    <t>VELUX Rollo manuell RFL MK10 4164SWL</t>
  </si>
  <si>
    <t>RFL MK10 4165S</t>
  </si>
  <si>
    <t>5702329023122</t>
  </si>
  <si>
    <t>VELUX Rollo manuell RFL MK10 4165S</t>
  </si>
  <si>
    <t>RFL MK10 4165SWL</t>
  </si>
  <si>
    <t>5702329102179</t>
  </si>
  <si>
    <t>VELUX Rollo manuell RFL MK10 4165SWL</t>
  </si>
  <si>
    <t>RFL MK10 4167S</t>
  </si>
  <si>
    <t>5702329023146</t>
  </si>
  <si>
    <t>VELUX Rollo manuell RFL MK10 4167S</t>
  </si>
  <si>
    <t>RFL MK10 4168S</t>
  </si>
  <si>
    <t>5702329023153</t>
  </si>
  <si>
    <t>VELUX Rollo manuell RFL MK10 4168S</t>
  </si>
  <si>
    <t>RFL MK10 4168SWL</t>
  </si>
  <si>
    <t>5702329102209</t>
  </si>
  <si>
    <t>VELUX Rollo manuell RFL MK10 4168SWL</t>
  </si>
  <si>
    <t>RFL MK10 4170S</t>
  </si>
  <si>
    <t>5702329023177</t>
  </si>
  <si>
    <t>VELUX Rollo manuell RFL MK10 4170S</t>
  </si>
  <si>
    <t>RFL MK10 4171S</t>
  </si>
  <si>
    <t>5702329023184</t>
  </si>
  <si>
    <t>VELUX Rollo manuell RFL MK10 4171S</t>
  </si>
  <si>
    <t>RFL MK10 4171SWL</t>
  </si>
  <si>
    <t>5702329102230</t>
  </si>
  <si>
    <t>VELUX Rollo manuell RFL MK10 4171SWL</t>
  </si>
  <si>
    <t>RFL MK12 1086SWL</t>
  </si>
  <si>
    <t>5702326806728</t>
  </si>
  <si>
    <t>VELUX Rollo manuell RFL MK12 1086SWL</t>
  </si>
  <si>
    <t>RFL MK12 4069S</t>
  </si>
  <si>
    <t>5702326806858</t>
  </si>
  <si>
    <t>VELUX Rollo manuell RFL MK12 4069S</t>
  </si>
  <si>
    <t>RFL MK12 4069SWL</t>
  </si>
  <si>
    <t>5702326806865</t>
  </si>
  <si>
    <t>VELUX Rollo manuell RFL MK12 4069SWL</t>
  </si>
  <si>
    <t>RFL MK12 4155S</t>
  </si>
  <si>
    <t>5702327431295</t>
  </si>
  <si>
    <t>VELUX Rollo manuell RFL MK12 4155S</t>
  </si>
  <si>
    <t>RFL MK12 4155SWL</t>
  </si>
  <si>
    <t>5702329102247</t>
  </si>
  <si>
    <t>VELUX Rollo manuell RFL MK12 4155SWL</t>
  </si>
  <si>
    <t>RFL MK12 4161S</t>
  </si>
  <si>
    <t>5702329023191</t>
  </si>
  <si>
    <t>VELUX Rollo manuell RFL MK12 4161S</t>
  </si>
  <si>
    <t>RFL MK12 4162S</t>
  </si>
  <si>
    <t>5702329023207</t>
  </si>
  <si>
    <t>VELUX Rollo manuell RFL MK12 4162S</t>
  </si>
  <si>
    <t>RFL MK12 4162SWL</t>
  </si>
  <si>
    <t>5702329102261</t>
  </si>
  <si>
    <t>VELUX Rollo manuell RFL MK12 4162SWL</t>
  </si>
  <si>
    <t>RFL MK12 4163S</t>
  </si>
  <si>
    <t>5702329023214</t>
  </si>
  <si>
    <t>VELUX Rollo manuell RFL MK12 4163S</t>
  </si>
  <si>
    <t>RFL MK12 4163SWL</t>
  </si>
  <si>
    <t>5702329102278</t>
  </si>
  <si>
    <t>VELUX Rollo manuell RFL MK12 4163SWL</t>
  </si>
  <si>
    <t>RFL MK12 4164S</t>
  </si>
  <si>
    <t>5702329023221</t>
  </si>
  <si>
    <t>VELUX Rollo manuell RFL MK12 4164S</t>
  </si>
  <si>
    <t>RFL MK12 4164SWL</t>
  </si>
  <si>
    <t>5702329102285</t>
  </si>
  <si>
    <t>VELUX Rollo manuell RFL MK12 4164SWL</t>
  </si>
  <si>
    <t>RFL MK12 4165S</t>
  </si>
  <si>
    <t>5702329023238</t>
  </si>
  <si>
    <t>VELUX Rollo manuell RFL MK12 4165S</t>
  </si>
  <si>
    <t>RFL MK12 4165SWL</t>
  </si>
  <si>
    <t>5702329102292</t>
  </si>
  <si>
    <t>VELUX Rollo manuell RFL MK12 4165SWL</t>
  </si>
  <si>
    <t>RFL MK12 4166S</t>
  </si>
  <si>
    <t>5702329023245</t>
  </si>
  <si>
    <t>VELUX Rollo manuell RFL MK12 4166S</t>
  </si>
  <si>
    <t>RFL MK12 4166SWL</t>
  </si>
  <si>
    <t>5702329102308</t>
  </si>
  <si>
    <t>VELUX Rollo manuell RFL MK12 4166SWL</t>
  </si>
  <si>
    <t>RFL MK12 4167S</t>
  </si>
  <si>
    <t>5702329023252</t>
  </si>
  <si>
    <t>VELUX Rollo manuell RFL MK12 4167S</t>
  </si>
  <si>
    <t>RFL MK12 4167SWL</t>
  </si>
  <si>
    <t>5702329102315</t>
  </si>
  <si>
    <t>VELUX Rollo manuell RFL MK12 4167SWL</t>
  </si>
  <si>
    <t>RFL MK12 4168S</t>
  </si>
  <si>
    <t>5702329023269</t>
  </si>
  <si>
    <t>VELUX Rollo manuell RFL MK12 4168S</t>
  </si>
  <si>
    <t>RFL MK12 4168SWL</t>
  </si>
  <si>
    <t>5702329102322</t>
  </si>
  <si>
    <t>VELUX Rollo manuell RFL MK12 4168SWL</t>
  </si>
  <si>
    <t>RFL MK12 4169S</t>
  </si>
  <si>
    <t>5702329023276</t>
  </si>
  <si>
    <t>VELUX Rollo manuell RFL MK12 4169S</t>
  </si>
  <si>
    <t>RFL MK12 4170S</t>
  </si>
  <si>
    <t>5702329023283</t>
  </si>
  <si>
    <t>VELUX Rollo manuell RFL MK12 4170S</t>
  </si>
  <si>
    <t>RFL MK12 4170SWL</t>
  </si>
  <si>
    <t>5702329102346</t>
  </si>
  <si>
    <t>VELUX Rollo manuell RFL MK12 4170SWL</t>
  </si>
  <si>
    <t>RFL MK12 4171S</t>
  </si>
  <si>
    <t>5702329023290</t>
  </si>
  <si>
    <t>VELUX Rollo manuell RFL MK12 4171S</t>
  </si>
  <si>
    <t>RFL MK12 4171SWL</t>
  </si>
  <si>
    <t>5702329102353</t>
  </si>
  <si>
    <t>VELUX Rollo manuell RFL MK12 4171SWL</t>
  </si>
  <si>
    <t>RFL MK12 9050S</t>
  </si>
  <si>
    <t>5702326807497</t>
  </si>
  <si>
    <t>VELUX Rollo manuell RFL MK12 9050S</t>
  </si>
  <si>
    <t>RFL MK12 9050SWL</t>
  </si>
  <si>
    <t>5702326807503</t>
  </si>
  <si>
    <t>VELUX Rollo manuell RFL MK12 9050SWL</t>
  </si>
  <si>
    <t>RFL P04 4069S</t>
  </si>
  <si>
    <t>5702326042478</t>
  </si>
  <si>
    <t>VELUX Rollo manuell RFL P04 4069S</t>
  </si>
  <si>
    <t>RFL P04 4069SWL</t>
  </si>
  <si>
    <t>5702326042485</t>
  </si>
  <si>
    <t>VELUX Rollo manuell RFL P04 4069SWL</t>
  </si>
  <si>
    <t>RFL P04 4162S</t>
  </si>
  <si>
    <t>5702329023535</t>
  </si>
  <si>
    <t>VELUX Rollo manuell RFL P04 4162S</t>
  </si>
  <si>
    <t>RFL P04 4162SWL</t>
  </si>
  <si>
    <t>5702329102544</t>
  </si>
  <si>
    <t>VELUX Rollo manuell RFL P04 4162SWL</t>
  </si>
  <si>
    <t>RFL P04 4163S</t>
  </si>
  <si>
    <t>5702329023542</t>
  </si>
  <si>
    <t>VELUX Rollo manuell RFL P04 4163S</t>
  </si>
  <si>
    <t>RFL P04 4163SWL</t>
  </si>
  <si>
    <t>5702329102551</t>
  </si>
  <si>
    <t>VELUX Rollo manuell RFL P04 4163SWL</t>
  </si>
  <si>
    <t>RFL P04 4164S</t>
  </si>
  <si>
    <t>5702329023559</t>
  </si>
  <si>
    <t>VELUX Rollo manuell RFL P04 4164S</t>
  </si>
  <si>
    <t>RFL P04 4164SWL</t>
  </si>
  <si>
    <t>5702329102568</t>
  </si>
  <si>
    <t>VELUX Rollo manuell RFL P04 4164SWL</t>
  </si>
  <si>
    <t>RFL P04 4165S</t>
  </si>
  <si>
    <t>5702329023566</t>
  </si>
  <si>
    <t>VELUX Rollo manuell RFL P04 4165S</t>
  </si>
  <si>
    <t>RFL P04 4165SWL</t>
  </si>
  <si>
    <t>5702329102575</t>
  </si>
  <si>
    <t>VELUX Rollo manuell RFL P04 4165SWL</t>
  </si>
  <si>
    <t>RFL P04 4166S</t>
  </si>
  <si>
    <t>5702329023573</t>
  </si>
  <si>
    <t>VELUX Rollo manuell RFL P04 4166S</t>
  </si>
  <si>
    <t>RFL P04 4166SWL</t>
  </si>
  <si>
    <t>5702329102582</t>
  </si>
  <si>
    <t>VELUX Rollo manuell RFL P04 4166SWL</t>
  </si>
  <si>
    <t>RFL P04 4167S</t>
  </si>
  <si>
    <t>5702329023580</t>
  </si>
  <si>
    <t>VELUX Rollo manuell RFL P04 4167S</t>
  </si>
  <si>
    <t>RFL P04 4167SWL</t>
  </si>
  <si>
    <t>5702329102599</t>
  </si>
  <si>
    <t>VELUX Rollo manuell RFL P04 4167SWL</t>
  </si>
  <si>
    <t>RFL P04 4168S</t>
  </si>
  <si>
    <t>5702329023597</t>
  </si>
  <si>
    <t>VELUX Rollo manuell RFL P04 4168S</t>
  </si>
  <si>
    <t>RFL P04 4168SWL</t>
  </si>
  <si>
    <t>5702329102605</t>
  </si>
  <si>
    <t>VELUX Rollo manuell RFL P04 4168SWL</t>
  </si>
  <si>
    <t>RFL P04 4169SWL</t>
  </si>
  <si>
    <t>5702329102612</t>
  </si>
  <si>
    <t>VELUX Rollo manuell RFL P04 4169SWL</t>
  </si>
  <si>
    <t>RFL P04 4170SWL</t>
  </si>
  <si>
    <t>5702329102629</t>
  </si>
  <si>
    <t>VELUX Rollo manuell RFL P04 4170SWL</t>
  </si>
  <si>
    <t>RFL P04 4171S</t>
  </si>
  <si>
    <t>5702329023627</t>
  </si>
  <si>
    <t>VELUX Rollo manuell RFL P04 4171S</t>
  </si>
  <si>
    <t>RFL P04 4171SWL</t>
  </si>
  <si>
    <t>5702329102636</t>
  </si>
  <si>
    <t>VELUX Rollo manuell RFL P04 4171SWL</t>
  </si>
  <si>
    <t>RFL P06 4069SWL</t>
  </si>
  <si>
    <t>5702326043376</t>
  </si>
  <si>
    <t>VELUX Rollo manuell RFL P06 4069SWL</t>
  </si>
  <si>
    <t>RFL P06 4162S</t>
  </si>
  <si>
    <t>5702329023641</t>
  </si>
  <si>
    <t>VELUX Rollo manuell RFL P06 4162S</t>
  </si>
  <si>
    <t>RFL P06 4162SWL</t>
  </si>
  <si>
    <t>5702329102667</t>
  </si>
  <si>
    <t>VELUX Rollo manuell RFL P06 4162SWL</t>
  </si>
  <si>
    <t>RFL P06 4163S</t>
  </si>
  <si>
    <t>5702329023658</t>
  </si>
  <si>
    <t>VELUX Rollo manuell RFL P06 4163S</t>
  </si>
  <si>
    <t>RFL P06 4163SWL</t>
  </si>
  <si>
    <t>5702329102674</t>
  </si>
  <si>
    <t>VELUX Rollo manuell RFL P06 4163SWL</t>
  </si>
  <si>
    <t>RFL P06 4164S</t>
  </si>
  <si>
    <t>5702329023665</t>
  </si>
  <si>
    <t>VELUX Rollo manuell RFL P06 4164S</t>
  </si>
  <si>
    <t>RFL P06 4164SWL</t>
  </si>
  <si>
    <t>5702329102681</t>
  </si>
  <si>
    <t>VELUX Rollo manuell RFL P06 4164SWL</t>
  </si>
  <si>
    <t>RFL P06 4165S</t>
  </si>
  <si>
    <t>5702329023672</t>
  </si>
  <si>
    <t>VELUX Rollo manuell RFL P06 4165S</t>
  </si>
  <si>
    <t>RFL P06 4165SWL</t>
  </si>
  <si>
    <t>5702329102698</t>
  </si>
  <si>
    <t>VELUX Rollo manuell RFL P06 4165SWL</t>
  </si>
  <si>
    <t>RFL P06 4166S</t>
  </si>
  <si>
    <t>5702329023689</t>
  </si>
  <si>
    <t>VELUX Rollo manuell RFL P06 4166S</t>
  </si>
  <si>
    <t>RFL P06 4167S</t>
  </si>
  <si>
    <t>5702329023696</t>
  </si>
  <si>
    <t>VELUX Rollo manuell RFL P06 4167S</t>
  </si>
  <si>
    <t>RFL P06 4167SWL</t>
  </si>
  <si>
    <t>5702329102711</t>
  </si>
  <si>
    <t>VELUX Rollo manuell RFL P06 4167SWL</t>
  </si>
  <si>
    <t>RFL P06 4168S</t>
  </si>
  <si>
    <t>5702329023702</t>
  </si>
  <si>
    <t>VELUX Rollo manuell RFL P06 4168S</t>
  </si>
  <si>
    <t>RFL P06 4168SWL</t>
  </si>
  <si>
    <t>5702329102728</t>
  </si>
  <si>
    <t>VELUX Rollo manuell RFL P06 4168SWL</t>
  </si>
  <si>
    <t>RFL P06 4171SWL</t>
  </si>
  <si>
    <t>5702329102759</t>
  </si>
  <si>
    <t>VELUX Rollo manuell RFL P06 4171SWL</t>
  </si>
  <si>
    <t>RFL P08 4069SWL</t>
  </si>
  <si>
    <t>5702326044267</t>
  </si>
  <si>
    <t>VELUX Rollo manuell RFL P08 4069SWL</t>
  </si>
  <si>
    <t>RFL P08 4162S</t>
  </si>
  <si>
    <t>5702329023757</t>
  </si>
  <si>
    <t>VELUX Rollo manuell RFL P08 4162S</t>
  </si>
  <si>
    <t>RFL P08 4162SWL</t>
  </si>
  <si>
    <t>5702329102780</t>
  </si>
  <si>
    <t>VELUX Rollo manuell RFL P08 4162SWL</t>
  </si>
  <si>
    <t>RFL P08 4163SWL</t>
  </si>
  <si>
    <t>5702329102797</t>
  </si>
  <si>
    <t>VELUX Rollo manuell RFL P08 4163SWL</t>
  </si>
  <si>
    <t>RFL P08 4164SWL</t>
  </si>
  <si>
    <t>5702329102803</t>
  </si>
  <si>
    <t>VELUX Rollo manuell RFL P08 4164SWL</t>
  </si>
  <si>
    <t>RFL P08 4165S</t>
  </si>
  <si>
    <t>5702329023788</t>
  </si>
  <si>
    <t>VELUX Rollo manuell RFL P08 4165S</t>
  </si>
  <si>
    <t>RFL P08 4165SWL</t>
  </si>
  <si>
    <t>5702329102810</t>
  </si>
  <si>
    <t>VELUX Rollo manuell RFL P08 4165SWL</t>
  </si>
  <si>
    <t>RFL P08 4166SWL</t>
  </si>
  <si>
    <t>5702329102827</t>
  </si>
  <si>
    <t>VELUX Rollo manuell RFL P08 4166SWL</t>
  </si>
  <si>
    <t>RFL P08 4167SWL</t>
  </si>
  <si>
    <t>5702329102834</t>
  </si>
  <si>
    <t>VELUX Rollo manuell RFL P08 4167SWL</t>
  </si>
  <si>
    <t>RFL P08 4168S</t>
  </si>
  <si>
    <t>5702329023818</t>
  </si>
  <si>
    <t>VELUX Rollo manuell RFL P08 4168S</t>
  </si>
  <si>
    <t>RFL P08 4168SWL</t>
  </si>
  <si>
    <t>5702329102841</t>
  </si>
  <si>
    <t>VELUX Rollo manuell RFL P08 4168SWL</t>
  </si>
  <si>
    <t>RFL P08 4170SWL</t>
  </si>
  <si>
    <t>5702329102865</t>
  </si>
  <si>
    <t>VELUX Rollo manuell RFL P08 4170SWL</t>
  </si>
  <si>
    <t>RFL P10 4162S</t>
  </si>
  <si>
    <t>5702329023863</t>
  </si>
  <si>
    <t>VELUX Rollo manuell RFL P10 4162S</t>
  </si>
  <si>
    <t>RFL P10 4162SWL</t>
  </si>
  <si>
    <t>5702329102902</t>
  </si>
  <si>
    <t>VELUX Rollo manuell RFL P10 4162SWL</t>
  </si>
  <si>
    <t>RFL P10 4163SWL</t>
  </si>
  <si>
    <t>5702329102919</t>
  </si>
  <si>
    <t>VELUX Rollo manuell RFL P10 4163SWL</t>
  </si>
  <si>
    <t>RFL P10 4164SWL</t>
  </si>
  <si>
    <t>5702329102926</t>
  </si>
  <si>
    <t>VELUX Rollo manuell RFL P10 4164SWL</t>
  </si>
  <si>
    <t>RFL P10 4165S</t>
  </si>
  <si>
    <t>5702329023894</t>
  </si>
  <si>
    <t>VELUX Rollo manuell RFL P10 4165S</t>
  </si>
  <si>
    <t>RFL P10 4165SWL</t>
  </si>
  <si>
    <t>5702329102933</t>
  </si>
  <si>
    <t>VELUX Rollo manuell RFL P10 4165SWL</t>
  </si>
  <si>
    <t>RFL P10 4167SWL</t>
  </si>
  <si>
    <t>5702329102957</t>
  </si>
  <si>
    <t>VELUX Rollo manuell RFL P10 4167SWL</t>
  </si>
  <si>
    <t>RFL P10 4168S</t>
  </si>
  <si>
    <t>5702329023924</t>
  </si>
  <si>
    <t>VELUX Rollo manuell RFL P10 4168S</t>
  </si>
  <si>
    <t>RFL P10 4168SWL</t>
  </si>
  <si>
    <t>5702329102964</t>
  </si>
  <si>
    <t>VELUX Rollo manuell RFL P10 4168SWL</t>
  </si>
  <si>
    <t>RFL P10 4170SWL</t>
  </si>
  <si>
    <t>5702329102988</t>
  </si>
  <si>
    <t>VELUX Rollo manuell RFL P10 4170SWL</t>
  </si>
  <si>
    <t>RFL P10 4171SWL</t>
  </si>
  <si>
    <t>5702329102995</t>
  </si>
  <si>
    <t>VELUX Rollo manuell RFL P10 4171SWL</t>
  </si>
  <si>
    <t>RFL P31 1086S</t>
  </si>
  <si>
    <t>5702326046834</t>
  </si>
  <si>
    <t>VELUX Rollo manuell RFL P31 1086S</t>
  </si>
  <si>
    <t>RFL P31 1086SWL</t>
  </si>
  <si>
    <t>5702326046841</t>
  </si>
  <si>
    <t>VELUX Rollo manuell RFL P31 1086SWL</t>
  </si>
  <si>
    <t>RFL P31 4069S</t>
  </si>
  <si>
    <t>5702326047008</t>
  </si>
  <si>
    <t>VELUX Rollo manuell RFL P31 4069S</t>
  </si>
  <si>
    <t>RFL P31 4069SWL</t>
  </si>
  <si>
    <t>5702326047015</t>
  </si>
  <si>
    <t>VELUX Rollo manuell RFL P31 4069SWL</t>
  </si>
  <si>
    <t>RFL P31 4155S</t>
  </si>
  <si>
    <t>5702327431776</t>
  </si>
  <si>
    <t>VELUX Rollo manuell RFL P31 4155S</t>
  </si>
  <si>
    <t>RFL P31 4155SWL</t>
  </si>
  <si>
    <t>5702329227308</t>
  </si>
  <si>
    <t>VELUX Rollo manuell RFL P31 4155SWL</t>
  </si>
  <si>
    <t>RFL P31 4161S</t>
  </si>
  <si>
    <t>5702329024075</t>
  </si>
  <si>
    <t>VELUX Rollo manuell RFL P31 4161S</t>
  </si>
  <si>
    <t>RFL P31 4161SWL</t>
  </si>
  <si>
    <t>5702329227315</t>
  </si>
  <si>
    <t>VELUX Rollo manuell RFL P31 4161SWL</t>
  </si>
  <si>
    <t>RFL P31 4162S</t>
  </si>
  <si>
    <t>5702329024082</t>
  </si>
  <si>
    <t>VELUX Rollo manuell RFL P31 4162S</t>
  </si>
  <si>
    <t>RFL P31 4162SWL</t>
  </si>
  <si>
    <t>5702329227322</t>
  </si>
  <si>
    <t>VELUX Rollo manuell RFL P31 4162SWL</t>
  </si>
  <si>
    <t>RFL P31 4163S</t>
  </si>
  <si>
    <t>5702329024099</t>
  </si>
  <si>
    <t>VELUX Rollo manuell RFL P31 4163S</t>
  </si>
  <si>
    <t>RFL P31 4163SWL</t>
  </si>
  <si>
    <t>5702329227339</t>
  </si>
  <si>
    <t>VELUX Rollo manuell RFL P31 4163SWL</t>
  </si>
  <si>
    <t>RFL P31 4164S</t>
  </si>
  <si>
    <t>5702329024105</t>
  </si>
  <si>
    <t>VELUX Rollo manuell RFL P31 4164S</t>
  </si>
  <si>
    <t>RFL P31 4164SWL</t>
  </si>
  <si>
    <t>5702329227346</t>
  </si>
  <si>
    <t>VELUX Rollo manuell RFL P31 4164SWL</t>
  </si>
  <si>
    <t>RFL P31 4165S</t>
  </si>
  <si>
    <t>5702329024112</t>
  </si>
  <si>
    <t>VELUX Rollo manuell RFL P31 4165S</t>
  </si>
  <si>
    <t>RFL P31 4165SWL</t>
  </si>
  <si>
    <t>5702329227353</t>
  </si>
  <si>
    <t>VELUX Rollo manuell RFL P31 4165SWL</t>
  </si>
  <si>
    <t>RFL P31 4166S</t>
  </si>
  <si>
    <t>5702329024129</t>
  </si>
  <si>
    <t>VELUX Rollo manuell RFL P31 4166S</t>
  </si>
  <si>
    <t>RFL P31 4166SWL</t>
  </si>
  <si>
    <t>5702329227360</t>
  </si>
  <si>
    <t>VELUX Rollo manuell RFL P31 4166SWL</t>
  </si>
  <si>
    <t>RFL P31 4167S</t>
  </si>
  <si>
    <t>5702329024136</t>
  </si>
  <si>
    <t>VELUX Rollo manuell RFL P31 4167S</t>
  </si>
  <si>
    <t>RFL P31 4167SWL</t>
  </si>
  <si>
    <t>5702329227377</t>
  </si>
  <si>
    <t>VELUX Rollo manuell RFL P31 4167SWL</t>
  </si>
  <si>
    <t>RFL P31 4168S</t>
  </si>
  <si>
    <t>5702329024143</t>
  </si>
  <si>
    <t>VELUX Rollo manuell RFL P31 4168S</t>
  </si>
  <si>
    <t>RFL P31 4168SWL</t>
  </si>
  <si>
    <t>5702329227384</t>
  </si>
  <si>
    <t>VELUX Rollo manuell RFL P31 4168SWL</t>
  </si>
  <si>
    <t>RFL P31 4169S</t>
  </si>
  <si>
    <t>5702329024150</t>
  </si>
  <si>
    <t>VELUX Rollo manuell RFL P31 4169S</t>
  </si>
  <si>
    <t>RFL P31 4169SWL</t>
  </si>
  <si>
    <t>5702329227391</t>
  </si>
  <si>
    <t>VELUX Rollo manuell RFL P31 4169SWL</t>
  </si>
  <si>
    <t>RFL P31 4170S</t>
  </si>
  <si>
    <t>5702329024167</t>
  </si>
  <si>
    <t>VELUX Rollo manuell RFL P31 4170S</t>
  </si>
  <si>
    <t>RFL P31 4170SWL</t>
  </si>
  <si>
    <t>5702329227407</t>
  </si>
  <si>
    <t>VELUX Rollo manuell RFL P31 4170SWL</t>
  </si>
  <si>
    <t>RFL P31 4171S</t>
  </si>
  <si>
    <t>5702329024174</t>
  </si>
  <si>
    <t>VELUX Rollo manuell RFL P31 4171S</t>
  </si>
  <si>
    <t>RFL P31 4171SWL</t>
  </si>
  <si>
    <t>5702329227414</t>
  </si>
  <si>
    <t>VELUX Rollo manuell RFL P31 4171SWL</t>
  </si>
  <si>
    <t>RFL P31 9050S</t>
  </si>
  <si>
    <t>5702326047626</t>
  </si>
  <si>
    <t>VELUX Rollo manuell RFL P31 9050S</t>
  </si>
  <si>
    <t>RFL P31 9050SWL</t>
  </si>
  <si>
    <t>5702326047633</t>
  </si>
  <si>
    <t>VELUX Rollo manuell RFL P31 9050SWL</t>
  </si>
  <si>
    <t>RFL PK06 4069S</t>
  </si>
  <si>
    <t>5702326809569</t>
  </si>
  <si>
    <t>VELUX Rollo manuell RFL PK06 4069S</t>
  </si>
  <si>
    <t>RFL PK06 4162S</t>
  </si>
  <si>
    <t>5702329024419</t>
  </si>
  <si>
    <t>VELUX Rollo manuell RFL PK06 4162S</t>
  </si>
  <si>
    <t>RFL PK06 4162SWL</t>
  </si>
  <si>
    <t>5702329103305</t>
  </si>
  <si>
    <t>VELUX Rollo manuell RFL PK06 4162SWL</t>
  </si>
  <si>
    <t>RFL PK06 4163S</t>
  </si>
  <si>
    <t>5702329024426</t>
  </si>
  <si>
    <t>VELUX Rollo manuell RFL PK06 4163S</t>
  </si>
  <si>
    <t>RFL PK06 4164S</t>
  </si>
  <si>
    <t>5702329024433</t>
  </si>
  <si>
    <t>VELUX Rollo manuell RFL PK06 4164S</t>
  </si>
  <si>
    <t>RFL PK06 4165S</t>
  </si>
  <si>
    <t>5702329024440</t>
  </si>
  <si>
    <t>VELUX Rollo manuell RFL PK06 4165S</t>
  </si>
  <si>
    <t>RFL PK06 4167S</t>
  </si>
  <si>
    <t>5702329024464</t>
  </si>
  <si>
    <t>VELUX Rollo manuell RFL PK06 4167S</t>
  </si>
  <si>
    <t>RFL PK06 4168S</t>
  </si>
  <si>
    <t>5702329024471</t>
  </si>
  <si>
    <t>VELUX Rollo manuell RFL PK06 4168S</t>
  </si>
  <si>
    <t>RFL PK06 4168SWL</t>
  </si>
  <si>
    <t>5702329103367</t>
  </si>
  <si>
    <t>VELUX Rollo manuell RFL PK06 4168SWL</t>
  </si>
  <si>
    <t>RFL PK08 4162S</t>
  </si>
  <si>
    <t>5702329024525</t>
  </si>
  <si>
    <t>VELUX Rollo manuell RFL PK08 4162S</t>
  </si>
  <si>
    <t>RFL PK08 4162SWL</t>
  </si>
  <si>
    <t>5702329103428</t>
  </si>
  <si>
    <t>VELUX Rollo manuell RFL PK08 4162SWL</t>
  </si>
  <si>
    <t>RFL PK08 4164S</t>
  </si>
  <si>
    <t>5702329024549</t>
  </si>
  <si>
    <t>VELUX Rollo manuell RFL PK08 4164S</t>
  </si>
  <si>
    <t>RFL PK08 4165S</t>
  </si>
  <si>
    <t>5702329024556</t>
  </si>
  <si>
    <t>VELUX Rollo manuell RFL PK08 4165S</t>
  </si>
  <si>
    <t>RFL PK08 4168S</t>
  </si>
  <si>
    <t>5702329024587</t>
  </si>
  <si>
    <t>VELUX Rollo manuell RFL PK08 4168S</t>
  </si>
  <si>
    <t>RFL PK08 4168SWL</t>
  </si>
  <si>
    <t>5702329103480</t>
  </si>
  <si>
    <t>VELUX Rollo manuell RFL PK08 4168SWL</t>
  </si>
  <si>
    <t>RFL PK08 4171S</t>
  </si>
  <si>
    <t>5702329024617</t>
  </si>
  <si>
    <t>VELUX Rollo manuell RFL PK08 4171S</t>
  </si>
  <si>
    <t>RFL PK10 4069S</t>
  </si>
  <si>
    <t>5702326811364</t>
  </si>
  <si>
    <t>VELUX Rollo manuell RFL PK10 4069S</t>
  </si>
  <si>
    <t>RFL PK10 4162S</t>
  </si>
  <si>
    <t>5702329024631</t>
  </si>
  <si>
    <t>VELUX Rollo manuell RFL PK10 4162S</t>
  </si>
  <si>
    <t>RFL PK10 4162SWL</t>
  </si>
  <si>
    <t>5702329103541</t>
  </si>
  <si>
    <t>VELUX Rollo manuell RFL PK10 4162SWL</t>
  </si>
  <si>
    <t>RFL PK10 4165S</t>
  </si>
  <si>
    <t>5702329024662</t>
  </si>
  <si>
    <t>VELUX Rollo manuell RFL PK10 4165S</t>
  </si>
  <si>
    <t>RFL PK10 4167S</t>
  </si>
  <si>
    <t>5702329024686</t>
  </si>
  <si>
    <t>VELUX Rollo manuell RFL PK10 4167S</t>
  </si>
  <si>
    <t>RFL PK10 4168S</t>
  </si>
  <si>
    <t>5702329024693</t>
  </si>
  <si>
    <t>VELUX Rollo manuell RFL PK10 4168S</t>
  </si>
  <si>
    <t>RFL PK10 4171S</t>
  </si>
  <si>
    <t>5702329024723</t>
  </si>
  <si>
    <t>VELUX Rollo manuell RFL PK10 4171S</t>
  </si>
  <si>
    <t>RFL S04 4069S</t>
  </si>
  <si>
    <t>5702326049279</t>
  </si>
  <si>
    <t>VELUX Rollo manuell RFL S04 4069S</t>
  </si>
  <si>
    <t>RFL S04 4069SWL</t>
  </si>
  <si>
    <t>5702326049293</t>
  </si>
  <si>
    <t>VELUX Rollo manuell RFL S04 4069SWL</t>
  </si>
  <si>
    <t>RFL S04 4155S</t>
  </si>
  <si>
    <t>5702327432254</t>
  </si>
  <si>
    <t>VELUX Rollo manuell RFL S04 4155S</t>
  </si>
  <si>
    <t>RFL S04 4162S</t>
  </si>
  <si>
    <t>5702329024969</t>
  </si>
  <si>
    <t>VELUX Rollo manuell RFL S04 4162S</t>
  </si>
  <si>
    <t>RFL S04 4162SWL</t>
  </si>
  <si>
    <t>5702329103985</t>
  </si>
  <si>
    <t>VELUX Rollo manuell RFL S04 4162SWL</t>
  </si>
  <si>
    <t>RFL S04 4163S</t>
  </si>
  <si>
    <t>5702329024976</t>
  </si>
  <si>
    <t>VELUX Rollo manuell RFL S04 4163S</t>
  </si>
  <si>
    <t>RFL S04 4163SWL</t>
  </si>
  <si>
    <t>5702329103992</t>
  </si>
  <si>
    <t>VELUX Rollo manuell RFL S04 4163SWL</t>
  </si>
  <si>
    <t>RFL S04 4164S</t>
  </si>
  <si>
    <t>5702329024983</t>
  </si>
  <si>
    <t>VELUX Rollo manuell RFL S04 4164S</t>
  </si>
  <si>
    <t>RFL S04 4164SWL</t>
  </si>
  <si>
    <t>5702329104005</t>
  </si>
  <si>
    <t>VELUX Rollo manuell RFL S04 4164SWL</t>
  </si>
  <si>
    <t>RFL S04 4165S</t>
  </si>
  <si>
    <t>5702329024990</t>
  </si>
  <si>
    <t>VELUX Rollo manuell RFL S04 4165S</t>
  </si>
  <si>
    <t>RFL S04 4165SWL</t>
  </si>
  <si>
    <t>5702329104012</t>
  </si>
  <si>
    <t>VELUX Rollo manuell RFL S04 4165SWL</t>
  </si>
  <si>
    <t>RFL S04 4166S</t>
  </si>
  <si>
    <t>5702329025003</t>
  </si>
  <si>
    <t>VELUX Rollo manuell RFL S04 4166S</t>
  </si>
  <si>
    <t>RFL S04 4166SWL</t>
  </si>
  <si>
    <t>5702329104029</t>
  </si>
  <si>
    <t>VELUX Rollo manuell RFL S04 4166SWL</t>
  </si>
  <si>
    <t>RFL S04 4167S</t>
  </si>
  <si>
    <t>5702329025010</t>
  </si>
  <si>
    <t>VELUX Rollo manuell RFL S04 4167S</t>
  </si>
  <si>
    <t>RFL S04 4167SWL</t>
  </si>
  <si>
    <t>5702329104036</t>
  </si>
  <si>
    <t>VELUX Rollo manuell RFL S04 4167SWL</t>
  </si>
  <si>
    <t>RFL S04 4168S</t>
  </si>
  <si>
    <t>5702329025027</t>
  </si>
  <si>
    <t>VELUX Rollo manuell RFL S04 4168S</t>
  </si>
  <si>
    <t>RFL S04 4168SWL</t>
  </si>
  <si>
    <t>5702329104043</t>
  </si>
  <si>
    <t>VELUX Rollo manuell RFL S04 4168SWL</t>
  </si>
  <si>
    <t>RFL S04 4169S</t>
  </si>
  <si>
    <t>5702329025034</t>
  </si>
  <si>
    <t>VELUX Rollo manuell RFL S04 4169S</t>
  </si>
  <si>
    <t>RFL S04 4169SWL</t>
  </si>
  <si>
    <t>5702329104050</t>
  </si>
  <si>
    <t>VELUX Rollo manuell RFL S04 4169SWL</t>
  </si>
  <si>
    <t>RFL S04 4170S</t>
  </si>
  <si>
    <t>5702329025041</t>
  </si>
  <si>
    <t>VELUX Rollo manuell RFL S04 4170S</t>
  </si>
  <si>
    <t>RFL S04 4170SWL</t>
  </si>
  <si>
    <t>5702329104067</t>
  </si>
  <si>
    <t>VELUX Rollo manuell RFL S04 4170SWL</t>
  </si>
  <si>
    <t>RFL S04 4171S</t>
  </si>
  <si>
    <t>5702329025058</t>
  </si>
  <si>
    <t>VELUX Rollo manuell RFL S04 4171S</t>
  </si>
  <si>
    <t>RFL S04 4171SWL</t>
  </si>
  <si>
    <t>5702329104074</t>
  </si>
  <si>
    <t>VELUX Rollo manuell RFL S04 4171SWL</t>
  </si>
  <si>
    <t>RFL S04 9050S</t>
  </si>
  <si>
    <t>5702326049903</t>
  </si>
  <si>
    <t>VELUX Rollo manuell RFL S04 9050S</t>
  </si>
  <si>
    <t>RFL S04 9050SWL</t>
  </si>
  <si>
    <t>5702326049910</t>
  </si>
  <si>
    <t>VELUX Rollo manuell RFL S04 9050SWL</t>
  </si>
  <si>
    <t>RFL S06 4162SWL</t>
  </si>
  <si>
    <t>5702329104104</t>
  </si>
  <si>
    <t>VELUX Rollo manuell RFL S06 4162SWL</t>
  </si>
  <si>
    <t>RFL S06 4165SWL</t>
  </si>
  <si>
    <t>5702329104135</t>
  </si>
  <si>
    <t>VELUX Rollo manuell RFL S06 4165SWL</t>
  </si>
  <si>
    <t>RFL S06 4168SWL</t>
  </si>
  <si>
    <t>5702329104166</t>
  </si>
  <si>
    <t>VELUX Rollo manuell RFL S06 4168SWL</t>
  </si>
  <si>
    <t>RFL S08 4162S</t>
  </si>
  <si>
    <t>5702329025188</t>
  </si>
  <si>
    <t>VELUX Rollo manuell RFL S08 4162S</t>
  </si>
  <si>
    <t>RFL S08 4162SWL</t>
  </si>
  <si>
    <t>5702329104227</t>
  </si>
  <si>
    <t>VELUX Rollo manuell RFL S08 4162SWL</t>
  </si>
  <si>
    <t>RFL S08 4164SWL</t>
  </si>
  <si>
    <t>5702329104241</t>
  </si>
  <si>
    <t>VELUX Rollo manuell RFL S08 4164SWL</t>
  </si>
  <si>
    <t>RFL S08 4165S</t>
  </si>
  <si>
    <t>5702329025218</t>
  </si>
  <si>
    <t>VELUX Rollo manuell RFL S08 4165S</t>
  </si>
  <si>
    <t>RFL S08 4165SWL</t>
  </si>
  <si>
    <t>5702329104258</t>
  </si>
  <si>
    <t>VELUX Rollo manuell RFL S08 4165SWL</t>
  </si>
  <si>
    <t>RFL S08 4167S</t>
  </si>
  <si>
    <t>5702329025232</t>
  </si>
  <si>
    <t>VELUX Rollo manuell RFL S08 4167S</t>
  </si>
  <si>
    <t>RFL S08 4167SWL</t>
  </si>
  <si>
    <t>5702329104272</t>
  </si>
  <si>
    <t>VELUX Rollo manuell RFL S08 4167SWL</t>
  </si>
  <si>
    <t>RFL S08 4168S</t>
  </si>
  <si>
    <t>5702329025249</t>
  </si>
  <si>
    <t>VELUX Rollo manuell RFL S08 4168S</t>
  </si>
  <si>
    <t>RFL S08 4168SWL</t>
  </si>
  <si>
    <t>5702329104289</t>
  </si>
  <si>
    <t>VELUX Rollo manuell RFL S08 4168SWL</t>
  </si>
  <si>
    <t>RFL S10 4069S</t>
  </si>
  <si>
    <t>5702326052088</t>
  </si>
  <si>
    <t>VELUX Rollo manuell RFL S10 4069S</t>
  </si>
  <si>
    <t>RFL S10 4069SWL</t>
  </si>
  <si>
    <t>5702326052095</t>
  </si>
  <si>
    <t>VELUX Rollo manuell RFL S10 4069SWL</t>
  </si>
  <si>
    <t>RFL S10 4155S</t>
  </si>
  <si>
    <t>5702327432438</t>
  </si>
  <si>
    <t>VELUX Rollo manuell RFL S10 4155S</t>
  </si>
  <si>
    <t>RFL S10 4155SWL</t>
  </si>
  <si>
    <t>5702329104326</t>
  </si>
  <si>
    <t>VELUX Rollo manuell RFL S10 4155SWL</t>
  </si>
  <si>
    <t>RFL S10 4162S</t>
  </si>
  <si>
    <t>5702329025294</t>
  </si>
  <si>
    <t>VELUX Rollo manuell RFL S10 4162S</t>
  </si>
  <si>
    <t>RFL S10 4162SWL</t>
  </si>
  <si>
    <t>5702329104340</t>
  </si>
  <si>
    <t>VELUX Rollo manuell RFL S10 4162SWL</t>
  </si>
  <si>
    <t>RFL S10 4163S</t>
  </si>
  <si>
    <t>5702329025300</t>
  </si>
  <si>
    <t>VELUX Rollo manuell RFL S10 4163S</t>
  </si>
  <si>
    <t>RFL S10 4163SWL</t>
  </si>
  <si>
    <t>5702329104357</t>
  </si>
  <si>
    <t>VELUX Rollo manuell RFL S10 4163SWL</t>
  </si>
  <si>
    <t>RFL S10 4164S</t>
  </si>
  <si>
    <t>5702329025317</t>
  </si>
  <si>
    <t>VELUX Rollo manuell RFL S10 4164S</t>
  </si>
  <si>
    <t>RFL S10 4164SWL</t>
  </si>
  <si>
    <t>5702329104364</t>
  </si>
  <si>
    <t>VELUX Rollo manuell RFL S10 4164SWL</t>
  </si>
  <si>
    <t>RFL S10 4165S</t>
  </si>
  <si>
    <t>5702329025324</t>
  </si>
  <si>
    <t>VELUX Rollo manuell RFL S10 4165S</t>
  </si>
  <si>
    <t>RFL S10 4165SWL</t>
  </si>
  <si>
    <t>5702329104371</t>
  </si>
  <si>
    <t>VELUX Rollo manuell RFL S10 4165SWL</t>
  </si>
  <si>
    <t>RFL S10 4166S</t>
  </si>
  <si>
    <t>5702329025331</t>
  </si>
  <si>
    <t>VELUX Rollo manuell RFL S10 4166S</t>
  </si>
  <si>
    <t>RFL S10 4166SWL</t>
  </si>
  <si>
    <t>5702329104388</t>
  </si>
  <si>
    <t>VELUX Rollo manuell RFL S10 4166SWL</t>
  </si>
  <si>
    <t>RFL S10 4167S</t>
  </si>
  <si>
    <t>5702329025348</t>
  </si>
  <si>
    <t>VELUX Rollo manuell RFL S10 4167S</t>
  </si>
  <si>
    <t>RFL S10 4167SWL</t>
  </si>
  <si>
    <t>5702329104395</t>
  </si>
  <si>
    <t>VELUX Rollo manuell RFL S10 4167SWL</t>
  </si>
  <si>
    <t>RFL S10 4168S</t>
  </si>
  <si>
    <t>5702329025355</t>
  </si>
  <si>
    <t>VELUX Rollo manuell RFL S10 4168S</t>
  </si>
  <si>
    <t>RFL S10 4168SWL</t>
  </si>
  <si>
    <t>5702329104401</t>
  </si>
  <si>
    <t>VELUX Rollo manuell RFL S10 4168SWL</t>
  </si>
  <si>
    <t>RFL S10 4169S</t>
  </si>
  <si>
    <t>5702329025362</t>
  </si>
  <si>
    <t>VELUX Rollo manuell RFL S10 4169S</t>
  </si>
  <si>
    <t>RFL S10 4169SWL</t>
  </si>
  <si>
    <t>5702329104418</t>
  </si>
  <si>
    <t>VELUX Rollo manuell RFL S10 4169SWL</t>
  </si>
  <si>
    <t>RFL S10 4170S</t>
  </si>
  <si>
    <t>5702329025379</t>
  </si>
  <si>
    <t>VELUX Rollo manuell RFL S10 4170S</t>
  </si>
  <si>
    <t>RFL S10 4170SWL</t>
  </si>
  <si>
    <t>5702329104425</t>
  </si>
  <si>
    <t>VELUX Rollo manuell RFL S10 4170SWL</t>
  </si>
  <si>
    <t>RFL S10 4171S</t>
  </si>
  <si>
    <t>5702329025386</t>
  </si>
  <si>
    <t>VELUX Rollo manuell RFL S10 4171S</t>
  </si>
  <si>
    <t>RFL S10 4171SWL</t>
  </si>
  <si>
    <t>5702329104432</t>
  </si>
  <si>
    <t>VELUX Rollo manuell RFL S10 4171SWL</t>
  </si>
  <si>
    <t>RFL S10 9050S</t>
  </si>
  <si>
    <t>5702326052729</t>
  </si>
  <si>
    <t>VELUX Rollo manuell RFL S10 9050S</t>
  </si>
  <si>
    <t>RFL S10 9050SWL</t>
  </si>
  <si>
    <t>5702326052736</t>
  </si>
  <si>
    <t>VELUX Rollo manuell RFL S10 9050SWL</t>
  </si>
  <si>
    <t>RFL S31 1028S</t>
  </si>
  <si>
    <t>5702326052804</t>
  </si>
  <si>
    <t>VELUX Rollo manuell RFL S31 1028S</t>
  </si>
  <si>
    <t>RFL S31 1086S</t>
  </si>
  <si>
    <t>5702326052828</t>
  </si>
  <si>
    <t>VELUX Rollo manuell RFL S31 1086S</t>
  </si>
  <si>
    <t>RFL S31 1086SWL</t>
  </si>
  <si>
    <t>5702326052835</t>
  </si>
  <si>
    <t>VELUX Rollo manuell RFL S31 1086SWL</t>
  </si>
  <si>
    <t>RFL S31 4069S</t>
  </si>
  <si>
    <t>5702326052996</t>
  </si>
  <si>
    <t>VELUX Rollo manuell RFL S31 4069S</t>
  </si>
  <si>
    <t>RFL S31 4069SWL</t>
  </si>
  <si>
    <t>5702326053009</t>
  </si>
  <si>
    <t>VELUX Rollo manuell RFL S31 4069SWL</t>
  </si>
  <si>
    <t>RFL S31 4155S</t>
  </si>
  <si>
    <t>5702327432490</t>
  </si>
  <si>
    <t>VELUX Rollo manuell RFL S31 4155S</t>
  </si>
  <si>
    <t>RFL S31 4155SWL</t>
  </si>
  <si>
    <t>5702329227421</t>
  </si>
  <si>
    <t>VELUX Rollo manuell RFL S31 4155SWL</t>
  </si>
  <si>
    <t>RFL S31 4161S</t>
  </si>
  <si>
    <t>5702329025393</t>
  </si>
  <si>
    <t>VELUX Rollo manuell RFL S31 4161S</t>
  </si>
  <si>
    <t>RFL S31 4161SWL</t>
  </si>
  <si>
    <t>5702329227438</t>
  </si>
  <si>
    <t>VELUX Rollo manuell RFL S31 4161SWL</t>
  </si>
  <si>
    <t>RFL S31 4162S</t>
  </si>
  <si>
    <t>5702329025409</t>
  </si>
  <si>
    <t>VELUX Rollo manuell RFL S31 4162S</t>
  </si>
  <si>
    <t>RFL S31 4162SWL</t>
  </si>
  <si>
    <t>5702329227445</t>
  </si>
  <si>
    <t>VELUX Rollo manuell RFL S31 4162SWL</t>
  </si>
  <si>
    <t>RFL S31 4163S</t>
  </si>
  <si>
    <t>5702329025416</t>
  </si>
  <si>
    <t>VELUX Rollo manuell RFL S31 4163S</t>
  </si>
  <si>
    <t>RFL S31 4163SWL</t>
  </si>
  <si>
    <t>5702329227452</t>
  </si>
  <si>
    <t>VELUX Rollo manuell RFL S31 4163SWL</t>
  </si>
  <si>
    <t>RFL S31 4164S</t>
  </si>
  <si>
    <t>5702329025423</t>
  </si>
  <si>
    <t>VELUX Rollo manuell RFL S31 4164S</t>
  </si>
  <si>
    <t>RFL S31 4164SWL</t>
  </si>
  <si>
    <t>5702329227469</t>
  </si>
  <si>
    <t>VELUX Rollo manuell RFL S31 4164SWL</t>
  </si>
  <si>
    <t>RFL S31 4165S</t>
  </si>
  <si>
    <t>5702329025430</t>
  </si>
  <si>
    <t>VELUX Rollo manuell RFL S31 4165S</t>
  </si>
  <si>
    <t>RFL S31 4165SWL</t>
  </si>
  <si>
    <t>5702329227476</t>
  </si>
  <si>
    <t>VELUX Rollo manuell RFL S31 4165SWL</t>
  </si>
  <si>
    <t>RFL S31 4166S</t>
  </si>
  <si>
    <t>5702329025447</t>
  </si>
  <si>
    <t>VELUX Rollo manuell RFL S31 4166S</t>
  </si>
  <si>
    <t>RFL S31 4166SWL</t>
  </si>
  <si>
    <t>5702329227483</t>
  </si>
  <si>
    <t>VELUX Rollo manuell RFL S31 4166SWL</t>
  </si>
  <si>
    <t>RFL S31 4167S</t>
  </si>
  <si>
    <t>5702329025454</t>
  </si>
  <si>
    <t>VELUX Rollo manuell RFL S31 4167S</t>
  </si>
  <si>
    <t>RFL S31 4167SWL</t>
  </si>
  <si>
    <t>5702329227490</t>
  </si>
  <si>
    <t>VELUX Rollo manuell RFL S31 4167SWL</t>
  </si>
  <si>
    <t>RFL S31 4168S</t>
  </si>
  <si>
    <t>5702329025461</t>
  </si>
  <si>
    <t>VELUX Rollo manuell RFL S31 4168S</t>
  </si>
  <si>
    <t>RFL S31 4168SWL</t>
  </si>
  <si>
    <t>5702329227506</t>
  </si>
  <si>
    <t>VELUX Rollo manuell RFL S31 4168SWL</t>
  </si>
  <si>
    <t>RFL S31 4169S</t>
  </si>
  <si>
    <t>5702329025478</t>
  </si>
  <si>
    <t>VELUX Rollo manuell RFL S31 4169S</t>
  </si>
  <si>
    <t>RFL S31 4169SWL</t>
  </si>
  <si>
    <t>5702329227513</t>
  </si>
  <si>
    <t>VELUX Rollo manuell RFL S31 4169SWL</t>
  </si>
  <si>
    <t>RFL S31 4170S</t>
  </si>
  <si>
    <t>5702329025485</t>
  </si>
  <si>
    <t>VELUX Rollo manuell RFL S31 4170S</t>
  </si>
  <si>
    <t>RFL S31 4170SWL</t>
  </si>
  <si>
    <t>5702329227520</t>
  </si>
  <si>
    <t>VELUX Rollo manuell RFL S31 4170SWL</t>
  </si>
  <si>
    <t>RFL S31 4171S</t>
  </si>
  <si>
    <t>5702329025492</t>
  </si>
  <si>
    <t>VELUX Rollo manuell RFL S31 4171S</t>
  </si>
  <si>
    <t>RFL S31 4171SWL</t>
  </si>
  <si>
    <t>5702329227537</t>
  </si>
  <si>
    <t>VELUX Rollo manuell RFL S31 4171SWL</t>
  </si>
  <si>
    <t>RFL S31 9050S</t>
  </si>
  <si>
    <t>5702326053610</t>
  </si>
  <si>
    <t>VELUX Rollo manuell RFL S31 9050S</t>
  </si>
  <si>
    <t>RFL S31 9050SWL</t>
  </si>
  <si>
    <t>5702326053627</t>
  </si>
  <si>
    <t>VELUX Rollo manuell RFL S31 9050SWL</t>
  </si>
  <si>
    <t>RFL SK06 4162S</t>
  </si>
  <si>
    <t>5702329025737</t>
  </si>
  <si>
    <t>VELUX Rollo manuell RFL SK06 4162S</t>
  </si>
  <si>
    <t>RFL SK06 4162SWL</t>
  </si>
  <si>
    <t>5702329104623</t>
  </si>
  <si>
    <t>VELUX Rollo manuell RFL SK06 4162SWL</t>
  </si>
  <si>
    <t>RFL SK08 4162S</t>
  </si>
  <si>
    <t>5702329025843</t>
  </si>
  <si>
    <t>VELUX Rollo manuell RFL SK08 4162S</t>
  </si>
  <si>
    <t>RFL SK08 4162SWL</t>
  </si>
  <si>
    <t>5702329104746</t>
  </si>
  <si>
    <t>VELUX Rollo manuell RFL SK08 4162SWL</t>
  </si>
  <si>
    <t>RFL SK08 4165S</t>
  </si>
  <si>
    <t>5702329025874</t>
  </si>
  <si>
    <t>VELUX Rollo manuell RFL SK08 4165S</t>
  </si>
  <si>
    <t>RFL SK08 4165SWL</t>
  </si>
  <si>
    <t>5702329104777</t>
  </si>
  <si>
    <t>VELUX Rollo manuell RFL SK08 4165SWL</t>
  </si>
  <si>
    <t>RFL SK08 4167S</t>
  </si>
  <si>
    <t>5702329025898</t>
  </si>
  <si>
    <t>VELUX Rollo manuell RFL SK08 4167S</t>
  </si>
  <si>
    <t>RFL SK08 4168S</t>
  </si>
  <si>
    <t>5702329025904</t>
  </si>
  <si>
    <t>VELUX Rollo manuell RFL SK08 4168S</t>
  </si>
  <si>
    <t>RFL SK08 4171S</t>
  </si>
  <si>
    <t>5702329025935</t>
  </si>
  <si>
    <t>VELUX Rollo manuell RFL SK08 4171S</t>
  </si>
  <si>
    <t>RFL SK10 4069S</t>
  </si>
  <si>
    <t>5702326816086</t>
  </si>
  <si>
    <t>VELUX Rollo manuell RFL SK10 4069S</t>
  </si>
  <si>
    <t>RFL SK10 4069SWL</t>
  </si>
  <si>
    <t>5702326816093</t>
  </si>
  <si>
    <t>VELUX Rollo manuell RFL SK10 4069SWL</t>
  </si>
  <si>
    <t>RFL SK10 4155S</t>
  </si>
  <si>
    <t>5702327432797</t>
  </si>
  <si>
    <t>VELUX Rollo manuell RFL SK10 4155S</t>
  </si>
  <si>
    <t>RFL SK10 4162S</t>
  </si>
  <si>
    <t>5702329025959</t>
  </si>
  <si>
    <t>VELUX Rollo manuell RFL SK10 4162S</t>
  </si>
  <si>
    <t>RFL SK10 4162SWL</t>
  </si>
  <si>
    <t>5702329104869</t>
  </si>
  <si>
    <t>VELUX Rollo manuell RFL SK10 4162SWL</t>
  </si>
  <si>
    <t>RFL SK10 4163SWL</t>
  </si>
  <si>
    <t>5702329104876</t>
  </si>
  <si>
    <t>VELUX Rollo manuell RFL SK10 4163SWL</t>
  </si>
  <si>
    <t>RFL SK10 4164S</t>
  </si>
  <si>
    <t>5702329025973</t>
  </si>
  <si>
    <t>VELUX Rollo manuell RFL SK10 4164S</t>
  </si>
  <si>
    <t>RFL SK10 4164SWL</t>
  </si>
  <si>
    <t>5702329104883</t>
  </si>
  <si>
    <t>VELUX Rollo manuell RFL SK10 4164SWL</t>
  </si>
  <si>
    <t>RFL SK10 4165S</t>
  </si>
  <si>
    <t>5702329025980</t>
  </si>
  <si>
    <t>VELUX Rollo manuell RFL SK10 4165S</t>
  </si>
  <si>
    <t>RFL SK10 4165SWL</t>
  </si>
  <si>
    <t>5702329104890</t>
  </si>
  <si>
    <t>VELUX Rollo manuell RFL SK10 4165SWL</t>
  </si>
  <si>
    <t>RFL SK10 4166S</t>
  </si>
  <si>
    <t>5702329025997</t>
  </si>
  <si>
    <t>VELUX Rollo manuell RFL SK10 4166S</t>
  </si>
  <si>
    <t>RFL SK10 4167S</t>
  </si>
  <si>
    <t>5702329026000</t>
  </si>
  <si>
    <t>VELUX Rollo manuell RFL SK10 4167S</t>
  </si>
  <si>
    <t>RFL SK10 4167SWL</t>
  </si>
  <si>
    <t>5702329104913</t>
  </si>
  <si>
    <t>VELUX Rollo manuell RFL SK10 4167SWL</t>
  </si>
  <si>
    <t>RFL SK10 4168S</t>
  </si>
  <si>
    <t>5702329026017</t>
  </si>
  <si>
    <t>VELUX Rollo manuell RFL SK10 4168S</t>
  </si>
  <si>
    <t>RFL SK10 4168SWL</t>
  </si>
  <si>
    <t>5702329104920</t>
  </si>
  <si>
    <t>VELUX Rollo manuell RFL SK10 4168SWL</t>
  </si>
  <si>
    <t>RFL SK10 4169S</t>
  </si>
  <si>
    <t>5702329026024</t>
  </si>
  <si>
    <t>VELUX Rollo manuell RFL SK10 4169S</t>
  </si>
  <si>
    <t>RFL SK10 4170S</t>
  </si>
  <si>
    <t>5702329026031</t>
  </si>
  <si>
    <t>VELUX Rollo manuell RFL SK10 4170S</t>
  </si>
  <si>
    <t>RFL SK10 4171S</t>
  </si>
  <si>
    <t>5702329026048</t>
  </si>
  <si>
    <t>VELUX Rollo manuell RFL SK10 4171S</t>
  </si>
  <si>
    <t>RFL SK10 4171SWL</t>
  </si>
  <si>
    <t>5702329104951</t>
  </si>
  <si>
    <t>VELUX Rollo manuell RFL SK10 4171SWL</t>
  </si>
  <si>
    <t>RFL SK10 9050S</t>
  </si>
  <si>
    <t>5702326816635</t>
  </si>
  <si>
    <t>VELUX Rollo manuell RFL SK10 9050S</t>
  </si>
  <si>
    <t>RFL U04 4069SWL</t>
  </si>
  <si>
    <t>5702326054839</t>
  </si>
  <si>
    <t>VELUX Rollo manuell RFL U04 4069SWL</t>
  </si>
  <si>
    <t>RFL U04 4162S</t>
  </si>
  <si>
    <t>5702329026062</t>
  </si>
  <si>
    <t>VELUX Rollo manuell RFL U04 4162S</t>
  </si>
  <si>
    <t>RFL U04 4162SWL</t>
  </si>
  <si>
    <t>5702329104982</t>
  </si>
  <si>
    <t>VELUX Rollo manuell RFL U04 4162SWL</t>
  </si>
  <si>
    <t>RFL U04 4163SWL</t>
  </si>
  <si>
    <t>5702329104999</t>
  </si>
  <si>
    <t>VELUX Rollo manuell RFL U04 4163SWL</t>
  </si>
  <si>
    <t>RFL U04 4164SWL</t>
  </si>
  <si>
    <t>5702329105002</t>
  </si>
  <si>
    <t>VELUX Rollo manuell RFL U04 4164SWL</t>
  </si>
  <si>
    <t>RFL U04 4165S</t>
  </si>
  <si>
    <t>5702329026093</t>
  </si>
  <si>
    <t>VELUX Rollo manuell RFL U04 4165S</t>
  </si>
  <si>
    <t>RFL U04 4165SWL</t>
  </si>
  <si>
    <t>5702329105019</t>
  </si>
  <si>
    <t>VELUX Rollo manuell RFL U04 4165SWL</t>
  </si>
  <si>
    <t>RFL U04 4166SWL</t>
  </si>
  <si>
    <t>5702329105026</t>
  </si>
  <si>
    <t>VELUX Rollo manuell RFL U04 4166SWL</t>
  </si>
  <si>
    <t>RFL U04 4167SWL</t>
  </si>
  <si>
    <t>5702329105033</t>
  </si>
  <si>
    <t>VELUX Rollo manuell RFL U04 4167SWL</t>
  </si>
  <si>
    <t>RFL U04 4168S</t>
  </si>
  <si>
    <t>5702329026123</t>
  </si>
  <si>
    <t>VELUX Rollo manuell RFL U04 4168S</t>
  </si>
  <si>
    <t>RFL U04 4168SWL</t>
  </si>
  <si>
    <t>5702329105040</t>
  </si>
  <si>
    <t>VELUX Rollo manuell RFL U04 4168SWL</t>
  </si>
  <si>
    <t>RFL U04 4169SWL</t>
  </si>
  <si>
    <t>5702329105057</t>
  </si>
  <si>
    <t>VELUX Rollo manuell RFL U04 4169SWL</t>
  </si>
  <si>
    <t>RFL U04 4170SWL</t>
  </si>
  <si>
    <t>5702329105064</t>
  </si>
  <si>
    <t>VELUX Rollo manuell RFL U04 4170SWL</t>
  </si>
  <si>
    <t>RFL U04 4171SWL</t>
  </si>
  <si>
    <t>5702329105071</t>
  </si>
  <si>
    <t>VELUX Rollo manuell RFL U04 4171SWL</t>
  </si>
  <si>
    <t>RFL U08 4069SWL</t>
  </si>
  <si>
    <t>5702326055768</t>
  </si>
  <si>
    <t>VELUX Rollo manuell RFL U08 4069SWL</t>
  </si>
  <si>
    <t>RFL U08 4162S</t>
  </si>
  <si>
    <t>5702329026178</t>
  </si>
  <si>
    <t>VELUX Rollo manuell RFL U08 4162S</t>
  </si>
  <si>
    <t>RFL U08 4162SWL</t>
  </si>
  <si>
    <t>5702329105101</t>
  </si>
  <si>
    <t>VELUX Rollo manuell RFL U08 4162SWL</t>
  </si>
  <si>
    <t>RFL U08 4163SWL</t>
  </si>
  <si>
    <t>5702329105118</t>
  </si>
  <si>
    <t>VELUX Rollo manuell RFL U08 4163SWL</t>
  </si>
  <si>
    <t>RFL U08 4164SWL</t>
  </si>
  <si>
    <t>5702329105125</t>
  </si>
  <si>
    <t>VELUX Rollo manuell RFL U08 4164SWL</t>
  </si>
  <si>
    <t>RFL U08 4165S</t>
  </si>
  <si>
    <t>5702329026208</t>
  </si>
  <si>
    <t>VELUX Rollo manuell RFL U08 4165S</t>
  </si>
  <si>
    <t>RFL U08 4165SWL</t>
  </si>
  <si>
    <t>5702329105132</t>
  </si>
  <si>
    <t>VELUX Rollo manuell RFL U08 4165SWL</t>
  </si>
  <si>
    <t>RFL U08 4166SWL</t>
  </si>
  <si>
    <t>5702329105149</t>
  </si>
  <si>
    <t>VELUX Rollo manuell RFL U08 4166SWL</t>
  </si>
  <si>
    <t>RFL U08 4167SWL</t>
  </si>
  <si>
    <t>5702329105156</t>
  </si>
  <si>
    <t>VELUX Rollo manuell RFL U08 4167SWL</t>
  </si>
  <si>
    <t>RFL U08 4168SWL</t>
  </si>
  <si>
    <t>5702329105163</t>
  </si>
  <si>
    <t>VELUX Rollo manuell RFL U08 4168SWL</t>
  </si>
  <si>
    <t>RFL U08 4170SWL</t>
  </si>
  <si>
    <t>5702329105187</t>
  </si>
  <si>
    <t>VELUX Rollo manuell RFL U08 4170SWL</t>
  </si>
  <si>
    <t>RFL U08 4171SWL</t>
  </si>
  <si>
    <t>5702329105194</t>
  </si>
  <si>
    <t>VELUX Rollo manuell RFL U08 4171SWL</t>
  </si>
  <si>
    <t>RFL U10 1028SWL</t>
  </si>
  <si>
    <t>5702326056499</t>
  </si>
  <si>
    <t>VELUX Rollo manuell RFL U10 1028SWL</t>
  </si>
  <si>
    <t>RFL U10 1086S</t>
  </si>
  <si>
    <t>5702326056505</t>
  </si>
  <si>
    <t>VELUX Rollo manuell RFL U10 1086S</t>
  </si>
  <si>
    <t>RFL U10 1086SWL</t>
  </si>
  <si>
    <t>5702326056512</t>
  </si>
  <si>
    <t>VELUX Rollo manuell RFL U10 1086SWL</t>
  </si>
  <si>
    <t>RFL U10 4069S</t>
  </si>
  <si>
    <t>5702326056659</t>
  </si>
  <si>
    <t>VELUX Rollo manuell RFL U10 4069S</t>
  </si>
  <si>
    <t>RFL U10 4069SWL</t>
  </si>
  <si>
    <t>5702326056673</t>
  </si>
  <si>
    <t>VELUX Rollo manuell RFL U10 4069SWL</t>
  </si>
  <si>
    <t>RFL U10 4155S</t>
  </si>
  <si>
    <t>5702327432971</t>
  </si>
  <si>
    <t>VELUX Rollo manuell RFL U10 4155S</t>
  </si>
  <si>
    <t>RFL U10 4155SWL</t>
  </si>
  <si>
    <t>5702329105200</t>
  </si>
  <si>
    <t>VELUX Rollo manuell RFL U10 4155SWL</t>
  </si>
  <si>
    <t>RFL U10 4161S</t>
  </si>
  <si>
    <t>5702329026277</t>
  </si>
  <si>
    <t>VELUX Rollo manuell RFL U10 4161S</t>
  </si>
  <si>
    <t>RFL U10 4161SWL</t>
  </si>
  <si>
    <t>5702329105217</t>
  </si>
  <si>
    <t>VELUX Rollo manuell RFL U10 4161SWL</t>
  </si>
  <si>
    <t>RFL U10 4162S</t>
  </si>
  <si>
    <t>5702329026284</t>
  </si>
  <si>
    <t>VELUX Rollo manuell RFL U10 4162S</t>
  </si>
  <si>
    <t>RFL U10 4162SWL</t>
  </si>
  <si>
    <t>5702329105224</t>
  </si>
  <si>
    <t>VELUX Rollo manuell RFL U10 4162SWL</t>
  </si>
  <si>
    <t>RFL U10 4163S</t>
  </si>
  <si>
    <t>5702329026291</t>
  </si>
  <si>
    <t>VELUX Rollo manuell RFL U10 4163S</t>
  </si>
  <si>
    <t>RFL U10 4163SWL</t>
  </si>
  <si>
    <t>5702329105231</t>
  </si>
  <si>
    <t>VELUX Rollo manuell RFL U10 4163SWL</t>
  </si>
  <si>
    <t>RFL U10 4164S</t>
  </si>
  <si>
    <t>5702329026307</t>
  </si>
  <si>
    <t>VELUX Rollo manuell RFL U10 4164S</t>
  </si>
  <si>
    <t>RFL U10 4164SWL</t>
  </si>
  <si>
    <t>5702329105248</t>
  </si>
  <si>
    <t>VELUX Rollo manuell RFL U10 4164SWL</t>
  </si>
  <si>
    <t>RFL U10 4165S</t>
  </si>
  <si>
    <t>5702329026314</t>
  </si>
  <si>
    <t>VELUX Rollo manuell RFL U10 4165S</t>
  </si>
  <si>
    <t>RFL U10 4165SWL</t>
  </si>
  <si>
    <t>5702329105255</t>
  </si>
  <si>
    <t>VELUX Rollo manuell RFL U10 4165SWL</t>
  </si>
  <si>
    <t>RFL U10 4166S</t>
  </si>
  <si>
    <t>5702329026321</t>
  </si>
  <si>
    <t>VELUX Rollo manuell RFL U10 4166S</t>
  </si>
  <si>
    <t>RFL U10 4166SWL</t>
  </si>
  <si>
    <t>5702329105262</t>
  </si>
  <si>
    <t>VELUX Rollo manuell RFL U10 4166SWL</t>
  </si>
  <si>
    <t>RFL U10 4167S</t>
  </si>
  <si>
    <t>5702329026338</t>
  </si>
  <si>
    <t>VELUX Rollo manuell RFL U10 4167S</t>
  </si>
  <si>
    <t>RFL U10 4167SWL</t>
  </si>
  <si>
    <t>5702329105279</t>
  </si>
  <si>
    <t>VELUX Rollo manuell RFL U10 4167SWL</t>
  </si>
  <si>
    <t>RFL U10 4168S</t>
  </si>
  <si>
    <t>5702329026345</t>
  </si>
  <si>
    <t>VELUX Rollo manuell RFL U10 4168S</t>
  </si>
  <si>
    <t>RFL U10 4168SWL</t>
  </si>
  <si>
    <t>5702329105286</t>
  </si>
  <si>
    <t>VELUX Rollo manuell RFL U10 4168SWL</t>
  </si>
  <si>
    <t>RFL U10 4169S</t>
  </si>
  <si>
    <t>5702329026352</t>
  </si>
  <si>
    <t>VELUX Rollo manuell RFL U10 4169S</t>
  </si>
  <si>
    <t>RFL U10 4169SWL</t>
  </si>
  <si>
    <t>5702329105293</t>
  </si>
  <si>
    <t>VELUX Rollo manuell RFL U10 4169SWL</t>
  </si>
  <si>
    <t>RFL U10 4170S</t>
  </si>
  <si>
    <t>5702329026369</t>
  </si>
  <si>
    <t>VELUX Rollo manuell RFL U10 4170S</t>
  </si>
  <si>
    <t>RFL U10 4170SWL</t>
  </si>
  <si>
    <t>5702329105309</t>
  </si>
  <si>
    <t>VELUX Rollo manuell RFL U10 4170SWL</t>
  </si>
  <si>
    <t>RFL U10 4171S</t>
  </si>
  <si>
    <t>5702329026376</t>
  </si>
  <si>
    <t>VELUX Rollo manuell RFL U10 4171S</t>
  </si>
  <si>
    <t>RFL U10 4171SWL</t>
  </si>
  <si>
    <t>5702329105316</t>
  </si>
  <si>
    <t>VELUX Rollo manuell RFL U10 4171SWL</t>
  </si>
  <si>
    <t>RFL U10 9050S</t>
  </si>
  <si>
    <t>5702326057250</t>
  </si>
  <si>
    <t>VELUX Rollo manuell RFL U10 9050S</t>
  </si>
  <si>
    <t>RFL U10 9050SWL</t>
  </si>
  <si>
    <t>5702326057267</t>
  </si>
  <si>
    <t>VELUX Rollo manuell RFL U10 9050SWL</t>
  </si>
  <si>
    <t>RFL U31 1028S</t>
  </si>
  <si>
    <t>5702326057373</t>
  </si>
  <si>
    <t>VELUX Rollo manuell RFL U31 1028S</t>
  </si>
  <si>
    <t>RFL U31 1028SWL</t>
  </si>
  <si>
    <t>5702326057380</t>
  </si>
  <si>
    <t>VELUX Rollo manuell RFL U31 1028SWL</t>
  </si>
  <si>
    <t>RFL U31 1086S</t>
  </si>
  <si>
    <t>5702326057397</t>
  </si>
  <si>
    <t>VELUX Rollo manuell RFL U31 1086S</t>
  </si>
  <si>
    <t>RFL U31 1086SWL</t>
  </si>
  <si>
    <t>5702326057410</t>
  </si>
  <si>
    <t>VELUX Rollo manuell RFL U31 1086SWL</t>
  </si>
  <si>
    <t>RFL U31 4069S</t>
  </si>
  <si>
    <t>5702326057571</t>
  </si>
  <si>
    <t>VELUX Rollo manuell RFL U31 4069S</t>
  </si>
  <si>
    <t>RFL U31 4069SWL</t>
  </si>
  <si>
    <t>5702326057588</t>
  </si>
  <si>
    <t>VELUX Rollo manuell RFL U31 4069SWL</t>
  </si>
  <si>
    <t>RFL U31 4155S</t>
  </si>
  <si>
    <t>5702327433039</t>
  </si>
  <si>
    <t>VELUX Rollo manuell RFL U31 4155S</t>
  </si>
  <si>
    <t>RFL U31 4155SWL</t>
  </si>
  <si>
    <t>5702329227544</t>
  </si>
  <si>
    <t>VELUX Rollo manuell RFL U31 4155SWL</t>
  </si>
  <si>
    <t>RFL U31 4161S</t>
  </si>
  <si>
    <t>5702329026383</t>
  </si>
  <si>
    <t>VELUX Rollo manuell RFL U31 4161S</t>
  </si>
  <si>
    <t>RFL U31 4161SWL</t>
  </si>
  <si>
    <t>5702329227551</t>
  </si>
  <si>
    <t>VELUX Rollo manuell RFL U31 4161SWL</t>
  </si>
  <si>
    <t>RFL U31 4162S</t>
  </si>
  <si>
    <t>5702329026390</t>
  </si>
  <si>
    <t>VELUX Rollo manuell RFL U31 4162S</t>
  </si>
  <si>
    <t>RFL U31 4162SWL</t>
  </si>
  <si>
    <t>5702329227568</t>
  </si>
  <si>
    <t>VELUX Rollo manuell RFL U31 4162SWL</t>
  </si>
  <si>
    <t>RFL U31 4163S</t>
  </si>
  <si>
    <t>5702329026406</t>
  </si>
  <si>
    <t>VELUX Rollo manuell RFL U31 4163S</t>
  </si>
  <si>
    <t>RFL U31 4163SWL</t>
  </si>
  <si>
    <t>5702329227575</t>
  </si>
  <si>
    <t>VELUX Rollo manuell RFL U31 4163SWL</t>
  </si>
  <si>
    <t>RFL U31 4164S</t>
  </si>
  <si>
    <t>5702329026413</t>
  </si>
  <si>
    <t>VELUX Rollo manuell RFL U31 4164S</t>
  </si>
  <si>
    <t>RFL U31 4164SWL</t>
  </si>
  <si>
    <t>5702329227582</t>
  </si>
  <si>
    <t>VELUX Rollo manuell RFL U31 4164SWL</t>
  </si>
  <si>
    <t>RFL U31 4165S</t>
  </si>
  <si>
    <t>5702329026420</t>
  </si>
  <si>
    <t>VELUX Rollo manuell RFL U31 4165S</t>
  </si>
  <si>
    <t>RFL U31 4165SWL</t>
  </si>
  <si>
    <t>5702329227599</t>
  </si>
  <si>
    <t>VELUX Rollo manuell RFL U31 4165SWL</t>
  </si>
  <si>
    <t>RFL U31 4166S</t>
  </si>
  <si>
    <t>5702329026437</t>
  </si>
  <si>
    <t>VELUX Rollo manuell RFL U31 4166S</t>
  </si>
  <si>
    <t>RFL U31 4166SWL</t>
  </si>
  <si>
    <t>5702329227605</t>
  </si>
  <si>
    <t>VELUX Rollo manuell RFL U31 4166SWL</t>
  </si>
  <si>
    <t>RFL U31 4167S</t>
  </si>
  <si>
    <t>5702329026444</t>
  </si>
  <si>
    <t>VELUX Rollo manuell RFL U31 4167S</t>
  </si>
  <si>
    <t>RFL U31 4167SWL</t>
  </si>
  <si>
    <t>5702329227612</t>
  </si>
  <si>
    <t>VELUX Rollo manuell RFL U31 4167SWL</t>
  </si>
  <si>
    <t>RFL U31 4168S</t>
  </si>
  <si>
    <t>5702329026451</t>
  </si>
  <si>
    <t>VELUX Rollo manuell RFL U31 4168S</t>
  </si>
  <si>
    <t>RFL U31 4168SWL</t>
  </si>
  <si>
    <t>5702329227629</t>
  </si>
  <si>
    <t>VELUX Rollo manuell RFL U31 4168SWL</t>
  </si>
  <si>
    <t>RFL U31 4169S</t>
  </si>
  <si>
    <t>5702329026468</t>
  </si>
  <si>
    <t>VELUX Rollo manuell RFL U31 4169S</t>
  </si>
  <si>
    <t>RFL U31 4169SWL</t>
  </si>
  <si>
    <t>5702329227636</t>
  </si>
  <si>
    <t>VELUX Rollo manuell RFL U31 4169SWL</t>
  </si>
  <si>
    <t>RFL U31 4170S</t>
  </si>
  <si>
    <t>5702329026475</t>
  </si>
  <si>
    <t>VELUX Rollo manuell RFL U31 4170S</t>
  </si>
  <si>
    <t>RFL U31 4170SWL</t>
  </si>
  <si>
    <t>5702329227643</t>
  </si>
  <si>
    <t>VELUX Rollo manuell RFL U31 4170SWL</t>
  </si>
  <si>
    <t>RFL U31 4171S</t>
  </si>
  <si>
    <t>5702329026482</t>
  </si>
  <si>
    <t>VELUX Rollo manuell RFL U31 4171S</t>
  </si>
  <si>
    <t>RFL U31 4171SWL</t>
  </si>
  <si>
    <t>5702329227650</t>
  </si>
  <si>
    <t>VELUX Rollo manuell RFL U31 4171SWL</t>
  </si>
  <si>
    <t>RFL U31 9050S</t>
  </si>
  <si>
    <t>5702326058172</t>
  </si>
  <si>
    <t>VELUX Rollo manuell RFL U31 9050S</t>
  </si>
  <si>
    <t>RFL U31 9050SWL</t>
  </si>
  <si>
    <t>5702326058196</t>
  </si>
  <si>
    <t>VELUX Rollo manuell RFL U31 9050SWL</t>
  </si>
  <si>
    <t>RFL UK04 4162S</t>
  </si>
  <si>
    <t>5702329026611</t>
  </si>
  <si>
    <t>VELUX Rollo manuell RFL UK04 4162S</t>
  </si>
  <si>
    <t>RFL UK04 4162SWL</t>
  </si>
  <si>
    <t>5702329105347</t>
  </si>
  <si>
    <t>VELUX Rollo manuell RFL UK04 4162SWL</t>
  </si>
  <si>
    <t>RFL UK04 4163S</t>
  </si>
  <si>
    <t>5702329026628</t>
  </si>
  <si>
    <t>VELUX Rollo manuell RFL UK04 4163S</t>
  </si>
  <si>
    <t>RFL UK04 4165S</t>
  </si>
  <si>
    <t>5702329026642</t>
  </si>
  <si>
    <t>VELUX Rollo manuell RFL UK04 4165S</t>
  </si>
  <si>
    <t>RFL UK04 4165SWL</t>
  </si>
  <si>
    <t>5702329105378</t>
  </si>
  <si>
    <t>VELUX Rollo manuell RFL UK04 4165SWL</t>
  </si>
  <si>
    <t>RFL UK04 4167S</t>
  </si>
  <si>
    <t>5702329026666</t>
  </si>
  <si>
    <t>VELUX Rollo manuell RFL UK04 4167S</t>
  </si>
  <si>
    <t>RFL UK04 4168S</t>
  </si>
  <si>
    <t>5702329026673</t>
  </si>
  <si>
    <t>VELUX Rollo manuell RFL UK04 4168S</t>
  </si>
  <si>
    <t>RFL UK04 4171S</t>
  </si>
  <si>
    <t>5702329026703</t>
  </si>
  <si>
    <t>VELUX Rollo manuell RFL UK04 4171S</t>
  </si>
  <si>
    <t>RFL UK04 4171SWL</t>
  </si>
  <si>
    <t>5702329105439</t>
  </si>
  <si>
    <t>VELUX Rollo manuell RFL UK04 4171SWL</t>
  </si>
  <si>
    <t>RFL UK08 4162S</t>
  </si>
  <si>
    <t>5702329026727</t>
  </si>
  <si>
    <t>VELUX Rollo manuell RFL UK08 4162S</t>
  </si>
  <si>
    <t>RFL UK08 4162SWL</t>
  </si>
  <si>
    <t>5702329105460</t>
  </si>
  <si>
    <t>VELUX Rollo manuell RFL UK08 4162SWL</t>
  </si>
  <si>
    <t>RFL UK08 4163S</t>
  </si>
  <si>
    <t>5702329026734</t>
  </si>
  <si>
    <t>VELUX Rollo manuell RFL UK08 4163S</t>
  </si>
  <si>
    <t>RFL UK08 4164SWL</t>
  </si>
  <si>
    <t>5702329105484</t>
  </si>
  <si>
    <t>VELUX Rollo manuell RFL UK08 4164SWL</t>
  </si>
  <si>
    <t>RFL UK08 4165S</t>
  </si>
  <si>
    <t>5702329026758</t>
  </si>
  <si>
    <t>VELUX Rollo manuell RFL UK08 4165S</t>
  </si>
  <si>
    <t>RFL UK08 4165SWL</t>
  </si>
  <si>
    <t>5702329105491</t>
  </si>
  <si>
    <t>VELUX Rollo manuell RFL UK08 4165SWL</t>
  </si>
  <si>
    <t>RFL UK08 4167S</t>
  </si>
  <si>
    <t>5702329026772</t>
  </si>
  <si>
    <t>VELUX Rollo manuell RFL UK08 4167S</t>
  </si>
  <si>
    <t>RFL UK08 4168S</t>
  </si>
  <si>
    <t>5702329026789</t>
  </si>
  <si>
    <t>VELUX Rollo manuell RFL UK08 4168S</t>
  </si>
  <si>
    <t>RFL UK08 4171S</t>
  </si>
  <si>
    <t>5702329026819</t>
  </si>
  <si>
    <t>VELUX Rollo manuell RFL UK08 4171S</t>
  </si>
  <si>
    <t>RFL UK10 4069S</t>
  </si>
  <si>
    <t>5702326818509</t>
  </si>
  <si>
    <t>VELUX Rollo manuell RFL UK10 4069S</t>
  </si>
  <si>
    <t>RFL UK10 4069SWL</t>
  </si>
  <si>
    <t>5702326818516</t>
  </si>
  <si>
    <t>VELUX Rollo manuell RFL UK10 4069SWL</t>
  </si>
  <si>
    <t>RFL UK10 4155S</t>
  </si>
  <si>
    <t>5702327433275</t>
  </si>
  <si>
    <t>VELUX Rollo manuell RFL UK10 4155S</t>
  </si>
  <si>
    <t>RFL UK10 4155SWL</t>
  </si>
  <si>
    <t>5702329105569</t>
  </si>
  <si>
    <t>VELUX Rollo manuell RFL UK10 4155SWL</t>
  </si>
  <si>
    <t>RFL UK10 4162S</t>
  </si>
  <si>
    <t>5702329026833</t>
  </si>
  <si>
    <t>VELUX Rollo manuell RFL UK10 4162S</t>
  </si>
  <si>
    <t>RFL UK10 4162SWL</t>
  </si>
  <si>
    <t>5702329105583</t>
  </si>
  <si>
    <t>VELUX Rollo manuell RFL UK10 4162SWL</t>
  </si>
  <si>
    <t>RFL UK10 4163S</t>
  </si>
  <si>
    <t>5702329026840</t>
  </si>
  <si>
    <t>VELUX Rollo manuell RFL UK10 4163S</t>
  </si>
  <si>
    <t>RFL UK10 4163SWL</t>
  </si>
  <si>
    <t>5702329105590</t>
  </si>
  <si>
    <t>VELUX Rollo manuell RFL UK10 4163SWL</t>
  </si>
  <si>
    <t>RFL UK10 4164S</t>
  </si>
  <si>
    <t>5702329026857</t>
  </si>
  <si>
    <t>VELUX Rollo manuell RFL UK10 4164S</t>
  </si>
  <si>
    <t>RFL UK10 4164SWL</t>
  </si>
  <si>
    <t>5702329105606</t>
  </si>
  <si>
    <t>VELUX Rollo manuell RFL UK10 4164SWL</t>
  </si>
  <si>
    <t>RFL UK10 4165S</t>
  </si>
  <si>
    <t>5702329026864</t>
  </si>
  <si>
    <t>VELUX Rollo manuell RFL UK10 4165S</t>
  </si>
  <si>
    <t>RFL UK10 4165SWL</t>
  </si>
  <si>
    <t>5702329105613</t>
  </si>
  <si>
    <t>VELUX Rollo manuell RFL UK10 4165SWL</t>
  </si>
  <si>
    <t>RFL UK10 4166S</t>
  </si>
  <si>
    <t>5702329026871</t>
  </si>
  <si>
    <t>VELUX Rollo manuell RFL UK10 4166S</t>
  </si>
  <si>
    <t>RFL UK10 4166SWL</t>
  </si>
  <si>
    <t>5702329105620</t>
  </si>
  <si>
    <t>VELUX Rollo manuell RFL UK10 4166SWL</t>
  </si>
  <si>
    <t>RFL UK10 4167S</t>
  </si>
  <si>
    <t>5702329026888</t>
  </si>
  <si>
    <t>VELUX Rollo manuell RFL UK10 4167S</t>
  </si>
  <si>
    <t>RFL UK10 4167SWL</t>
  </si>
  <si>
    <t>5702329105637</t>
  </si>
  <si>
    <t>VELUX Rollo manuell RFL UK10 4167SWL</t>
  </si>
  <si>
    <t>RFL UK10 4168S</t>
  </si>
  <si>
    <t>5702329026895</t>
  </si>
  <si>
    <t>VELUX Rollo manuell RFL UK10 4168S</t>
  </si>
  <si>
    <t>RFL UK10 4168SWL</t>
  </si>
  <si>
    <t>5702329105644</t>
  </si>
  <si>
    <t>VELUX Rollo manuell RFL UK10 4168SWL</t>
  </si>
  <si>
    <t>RFL UK10 4169S</t>
  </si>
  <si>
    <t>5702329026901</t>
  </si>
  <si>
    <t>VELUX Rollo manuell RFL UK10 4169S</t>
  </si>
  <si>
    <t>RFL UK10 4169SWL</t>
  </si>
  <si>
    <t>5702329105651</t>
  </si>
  <si>
    <t>VELUX Rollo manuell RFL UK10 4169SWL</t>
  </si>
  <si>
    <t>RFL UK10 4170S</t>
  </si>
  <si>
    <t>5702329026918</t>
  </si>
  <si>
    <t>VELUX Rollo manuell RFL UK10 4170S</t>
  </si>
  <si>
    <t>RFL UK10 4170SWL</t>
  </si>
  <si>
    <t>5702329105668</t>
  </si>
  <si>
    <t>VELUX Rollo manuell RFL UK10 4170SWL</t>
  </si>
  <si>
    <t>RFL UK10 4171S</t>
  </si>
  <si>
    <t>5702329026925</t>
  </si>
  <si>
    <t>VELUX Rollo manuell RFL UK10 4171S</t>
  </si>
  <si>
    <t>RFL UK10 4171SWL</t>
  </si>
  <si>
    <t>5702329105675</t>
  </si>
  <si>
    <t>VELUX Rollo manuell RFL UK10 4171SWL</t>
  </si>
  <si>
    <t>RFL UK10 9050S</t>
  </si>
  <si>
    <t>5702326819025</t>
  </si>
  <si>
    <t>VELUX Rollo manuell RFL UK10 9050S</t>
  </si>
  <si>
    <t>RFL UK10 9050SWL</t>
  </si>
  <si>
    <t>5702326819032</t>
  </si>
  <si>
    <t>VELUX Rollo manuell RFL UK10 9050SWL</t>
  </si>
  <si>
    <t>RFL Y21 4069S</t>
  </si>
  <si>
    <t>5702326059391</t>
  </si>
  <si>
    <t>VELUX Rollo manuell RFL Y21 4069S</t>
  </si>
  <si>
    <t>RFL Y21 4155S</t>
  </si>
  <si>
    <t>5702327433336</t>
  </si>
  <si>
    <t>VELUX Rollo manuell RFL Y21 4155S</t>
  </si>
  <si>
    <t>RFL Y21 4162S</t>
  </si>
  <si>
    <t>5702329026949</t>
  </si>
  <si>
    <t>VELUX Rollo manuell RFL Y21 4162S</t>
  </si>
  <si>
    <t>RFL Y21 4163S</t>
  </si>
  <si>
    <t>5702329026956</t>
  </si>
  <si>
    <t>VELUX Rollo manuell RFL Y21 4163S</t>
  </si>
  <si>
    <t>RFL Y21 4164S</t>
  </si>
  <si>
    <t>5702329026963</t>
  </si>
  <si>
    <t>VELUX Rollo manuell RFL Y21 4164S</t>
  </si>
  <si>
    <t>RFL Y21 4165S</t>
  </si>
  <si>
    <t>5702329026970</t>
  </si>
  <si>
    <t>VELUX Rollo manuell RFL Y21 4165S</t>
  </si>
  <si>
    <t>RFL Y21 4166S</t>
  </si>
  <si>
    <t>5702329026987</t>
  </si>
  <si>
    <t>VELUX Rollo manuell RFL Y21 4166S</t>
  </si>
  <si>
    <t>RFL Y21 4167S</t>
  </si>
  <si>
    <t>5702329026994</t>
  </si>
  <si>
    <t>VELUX Rollo manuell RFL Y21 4167S</t>
  </si>
  <si>
    <t>RFL Y21 4168S</t>
  </si>
  <si>
    <t>5702329027007</t>
  </si>
  <si>
    <t>VELUX Rollo manuell RFL Y21 4168S</t>
  </si>
  <si>
    <t>RFL Y21 4169S</t>
  </si>
  <si>
    <t>5702329027014</t>
  </si>
  <si>
    <t>VELUX Rollo manuell RFL Y21 4169S</t>
  </si>
  <si>
    <t>RFL Y21 4170S</t>
  </si>
  <si>
    <t>5702329027021</t>
  </si>
  <si>
    <t>VELUX Rollo manuell RFL Y21 4170S</t>
  </si>
  <si>
    <t>RFL Y21 4171S</t>
  </si>
  <si>
    <t>5702329027038</t>
  </si>
  <si>
    <t>VELUX Rollo manuell RFL Y21 4171S</t>
  </si>
  <si>
    <t>RFL Y23 4069S</t>
  </si>
  <si>
    <t>5702326060298</t>
  </si>
  <si>
    <t>VELUX Rollo manuell RFL Y23 4069S</t>
  </si>
  <si>
    <t>RFL Y23 4162S</t>
  </si>
  <si>
    <t>5702329027052</t>
  </si>
  <si>
    <t>VELUX Rollo manuell RFL Y23 4162S</t>
  </si>
  <si>
    <t>RFL Y23 4163S</t>
  </si>
  <si>
    <t>5702329027069</t>
  </si>
  <si>
    <t>VELUX Rollo manuell RFL Y23 4163S</t>
  </si>
  <si>
    <t>RFL Y23 4164S</t>
  </si>
  <si>
    <t>5702329027076</t>
  </si>
  <si>
    <t>VELUX Rollo manuell RFL Y23 4164S</t>
  </si>
  <si>
    <t>RFL Y23 4165S</t>
  </si>
  <si>
    <t>5702329027083</t>
  </si>
  <si>
    <t>VELUX Rollo manuell RFL Y23 4165S</t>
  </si>
  <si>
    <t>RFL Y23 4166S</t>
  </si>
  <si>
    <t>5702329027090</t>
  </si>
  <si>
    <t>VELUX Rollo manuell RFL Y23 4166S</t>
  </si>
  <si>
    <t>RFL Y23 4167S</t>
  </si>
  <si>
    <t>5702329027106</t>
  </si>
  <si>
    <t>VELUX Rollo manuell RFL Y23 4167S</t>
  </si>
  <si>
    <t>RFL Y23 4168S</t>
  </si>
  <si>
    <t>5702329027113</t>
  </si>
  <si>
    <t>VELUX Rollo manuell RFL Y23 4168S</t>
  </si>
  <si>
    <t>RFL Y23 4169S</t>
  </si>
  <si>
    <t>5702329027120</t>
  </si>
  <si>
    <t>VELUX Rollo manuell RFL Y23 4169S</t>
  </si>
  <si>
    <t>RFL Y23 4171S</t>
  </si>
  <si>
    <t>5702329027144</t>
  </si>
  <si>
    <t>VELUX Rollo manuell RFL Y23 4171S</t>
  </si>
  <si>
    <t>RFL Y33 4069S</t>
  </si>
  <si>
    <t>5702326061219</t>
  </si>
  <si>
    <t>VELUX Rollo manuell RFL Y33 4069S</t>
  </si>
  <si>
    <t>RFL Y33 4162S</t>
  </si>
  <si>
    <t>5702329027168</t>
  </si>
  <si>
    <t>VELUX Rollo manuell RFL Y33 4162S</t>
  </si>
  <si>
    <t>RFL Y33 4163S</t>
  </si>
  <si>
    <t>5702329027175</t>
  </si>
  <si>
    <t>VELUX Rollo manuell RFL Y33 4163S</t>
  </si>
  <si>
    <t>RFL Y33 4164S</t>
  </si>
  <si>
    <t>5702329027182</t>
  </si>
  <si>
    <t>VELUX Rollo manuell RFL Y33 4164S</t>
  </si>
  <si>
    <t>RFL Y33 4165S</t>
  </si>
  <si>
    <t>5702329027199</t>
  </si>
  <si>
    <t>VELUX Rollo manuell RFL Y33 4165S</t>
  </si>
  <si>
    <t>RFL Y33 4166S</t>
  </si>
  <si>
    <t>5702329027205</t>
  </si>
  <si>
    <t>VELUX Rollo manuell RFL Y33 4166S</t>
  </si>
  <si>
    <t>RFL Y33 4167S</t>
  </si>
  <si>
    <t>5702329027212</t>
  </si>
  <si>
    <t>VELUX Rollo manuell RFL Y33 4167S</t>
  </si>
  <si>
    <t>RFL Y33 4168S</t>
  </si>
  <si>
    <t>5702329027229</t>
  </si>
  <si>
    <t>VELUX Rollo manuell RFL Y33 4168S</t>
  </si>
  <si>
    <t>RFL Y33 4169S</t>
  </si>
  <si>
    <t>5702329027236</t>
  </si>
  <si>
    <t>VELUX Rollo manuell RFL Y33 4169S</t>
  </si>
  <si>
    <t>RFL Y33 4170S</t>
  </si>
  <si>
    <t>5702329027243</t>
  </si>
  <si>
    <t>VELUX Rollo manuell RFL Y33 4170S</t>
  </si>
  <si>
    <t>RFL Y33 4171S</t>
  </si>
  <si>
    <t>5702329027250</t>
  </si>
  <si>
    <t>VELUX Rollo manuell RFL Y33 4171S</t>
  </si>
  <si>
    <t>RFL Y35 4069S</t>
  </si>
  <si>
    <t>5702326062124</t>
  </si>
  <si>
    <t>VELUX Rollo manuell RFL Y35 4069S</t>
  </si>
  <si>
    <t>RFL Y35 4155S</t>
  </si>
  <si>
    <t>5702327433510</t>
  </si>
  <si>
    <t>VELUX Rollo manuell RFL Y35 4155S</t>
  </si>
  <si>
    <t>RFL Y35 4162S</t>
  </si>
  <si>
    <t>5702329027274</t>
  </si>
  <si>
    <t>VELUX Rollo manuell RFL Y35 4162S</t>
  </si>
  <si>
    <t>RFL Y35 4163S</t>
  </si>
  <si>
    <t>5702329027281</t>
  </si>
  <si>
    <t>VELUX Rollo manuell RFL Y35 4163S</t>
  </si>
  <si>
    <t>RFL Y35 4164S</t>
  </si>
  <si>
    <t>5702329027298</t>
  </si>
  <si>
    <t>VELUX Rollo manuell RFL Y35 4164S</t>
  </si>
  <si>
    <t>RFL Y35 4165S</t>
  </si>
  <si>
    <t>5702329027304</t>
  </si>
  <si>
    <t>VELUX Rollo manuell RFL Y35 4165S</t>
  </si>
  <si>
    <t>RFL Y35 4166S</t>
  </si>
  <si>
    <t>5702329027311</t>
  </si>
  <si>
    <t>VELUX Rollo manuell RFL Y35 4166S</t>
  </si>
  <si>
    <t>RFL Y35 4167S</t>
  </si>
  <si>
    <t>5702329027328</t>
  </si>
  <si>
    <t>VELUX Rollo manuell RFL Y35 4167S</t>
  </si>
  <si>
    <t>RFL Y35 4168S</t>
  </si>
  <si>
    <t>5702329027335</t>
  </si>
  <si>
    <t>VELUX Rollo manuell RFL Y35 4168S</t>
  </si>
  <si>
    <t>RFL Y35 4169S</t>
  </si>
  <si>
    <t>5702329027342</t>
  </si>
  <si>
    <t>VELUX Rollo manuell RFL Y35 4169S</t>
  </si>
  <si>
    <t>RFL Y35 4170S</t>
  </si>
  <si>
    <t>5702329027359</t>
  </si>
  <si>
    <t>VELUX Rollo manuell RFL Y35 4170S</t>
  </si>
  <si>
    <t>RFL Y35 4171S</t>
  </si>
  <si>
    <t>5702329027366</t>
  </si>
  <si>
    <t>VELUX Rollo manuell RFL Y35 4171S</t>
  </si>
  <si>
    <t>RFL Y35 9050S</t>
  </si>
  <si>
    <t>5702326062766</t>
  </si>
  <si>
    <t>VELUX Rollo manuell RFL Y35 9050S</t>
  </si>
  <si>
    <t>RFL Y43 4069S</t>
  </si>
  <si>
    <t>5702326063053</t>
  </si>
  <si>
    <t>VELUX Rollo manuell RFL Y43 4069S</t>
  </si>
  <si>
    <t>RFL Y43 4162S</t>
  </si>
  <si>
    <t>5702329027380</t>
  </si>
  <si>
    <t>VELUX Rollo manuell RFL Y43 4162S</t>
  </si>
  <si>
    <t>RFL Y43 4163S</t>
  </si>
  <si>
    <t>5702329027397</t>
  </si>
  <si>
    <t>VELUX Rollo manuell RFL Y43 4163S</t>
  </si>
  <si>
    <t>RFL Y43 4164S</t>
  </si>
  <si>
    <t>5702329027403</t>
  </si>
  <si>
    <t>VELUX Rollo manuell RFL Y43 4164S</t>
  </si>
  <si>
    <t>RFL Y43 4165S</t>
  </si>
  <si>
    <t>5702329027410</t>
  </si>
  <si>
    <t>VELUX Rollo manuell RFL Y43 4165S</t>
  </si>
  <si>
    <t>RFL Y43 4167S</t>
  </si>
  <si>
    <t>5702329027434</t>
  </si>
  <si>
    <t>VELUX Rollo manuell RFL Y43 4167S</t>
  </si>
  <si>
    <t>RFL Y43 4168S</t>
  </si>
  <si>
    <t>5702329027441</t>
  </si>
  <si>
    <t>VELUX Rollo manuell RFL Y43 4168S</t>
  </si>
  <si>
    <t>RFL Y43 4169S</t>
  </si>
  <si>
    <t>5702329027458</t>
  </si>
  <si>
    <t>VELUX Rollo manuell RFL Y43 4169S</t>
  </si>
  <si>
    <t>RFL Y43 4170S</t>
  </si>
  <si>
    <t>5702329027465</t>
  </si>
  <si>
    <t>VELUX Rollo manuell RFL Y43 4170S</t>
  </si>
  <si>
    <t>RFL Y43 4171S</t>
  </si>
  <si>
    <t>5702329027472</t>
  </si>
  <si>
    <t>VELUX Rollo manuell RFL Y43 4171S</t>
  </si>
  <si>
    <t>RFL Y45 4069S</t>
  </si>
  <si>
    <t>5702326063954</t>
  </si>
  <si>
    <t>VELUX Rollo manuell RFL Y45 4069S</t>
  </si>
  <si>
    <t>RFL Y45 4162S</t>
  </si>
  <si>
    <t>5702329027496</t>
  </si>
  <si>
    <t>VELUX Rollo manuell RFL Y45 4162S</t>
  </si>
  <si>
    <t>RFL Y45 4163S</t>
  </si>
  <si>
    <t>5702329027502</t>
  </si>
  <si>
    <t>VELUX Rollo manuell RFL Y45 4163S</t>
  </si>
  <si>
    <t>RFL Y45 4165S</t>
  </si>
  <si>
    <t>5702329027526</t>
  </si>
  <si>
    <t>VELUX Rollo manuell RFL Y45 4165S</t>
  </si>
  <si>
    <t>RFL Y45 4168S</t>
  </si>
  <si>
    <t>5702329027557</t>
  </si>
  <si>
    <t>VELUX Rollo manuell RFL Y45 4168S</t>
  </si>
  <si>
    <t>RFL Y47 4069S</t>
  </si>
  <si>
    <t>5702326064852</t>
  </si>
  <si>
    <t>VELUX Rollo manuell RFL Y47 4069S</t>
  </si>
  <si>
    <t>RFL Y47 4162S</t>
  </si>
  <si>
    <t>5702329027601</t>
  </si>
  <si>
    <t>VELUX Rollo manuell RFL Y47 4162S</t>
  </si>
  <si>
    <t>RFL Y47 4163S</t>
  </si>
  <si>
    <t>5702329027618</t>
  </si>
  <si>
    <t>VELUX Rollo manuell RFL Y47 4163S</t>
  </si>
  <si>
    <t>RFL Y47 4165S</t>
  </si>
  <si>
    <t>5702329027632</t>
  </si>
  <si>
    <t>VELUX Rollo manuell RFL Y47 4165S</t>
  </si>
  <si>
    <t>RFL Y47 4167S</t>
  </si>
  <si>
    <t>5702329027656</t>
  </si>
  <si>
    <t>VELUX Rollo manuell RFL Y47 4167S</t>
  </si>
  <si>
    <t>RFL Y47 4168S</t>
  </si>
  <si>
    <t>5702329027663</t>
  </si>
  <si>
    <t>VELUX Rollo manuell RFL Y47 4168S</t>
  </si>
  <si>
    <t>RFL Y47 4171S</t>
  </si>
  <si>
    <t>5702329027694</t>
  </si>
  <si>
    <t>VELUX Rollo manuell RFL Y47 4171S</t>
  </si>
  <si>
    <t>RFL Y65 4069S</t>
  </si>
  <si>
    <t>5702326065781</t>
  </si>
  <si>
    <t>VELUX Rollo manuell RFL Y65 4069S</t>
  </si>
  <si>
    <t>RFL Y65 4155S</t>
  </si>
  <si>
    <t>5702327433756</t>
  </si>
  <si>
    <t>VELUX Rollo manuell RFL Y65 4155S</t>
  </si>
  <si>
    <t>RFL Y65 4162S</t>
  </si>
  <si>
    <t>5702329027717</t>
  </si>
  <si>
    <t>VELUX Rollo manuell RFL Y65 4162S</t>
  </si>
  <si>
    <t>RFL Y65 4163S</t>
  </si>
  <si>
    <t>5702329027724</t>
  </si>
  <si>
    <t>VELUX Rollo manuell RFL Y65 4163S</t>
  </si>
  <si>
    <t>RFL Y65 4164S</t>
  </si>
  <si>
    <t>5702329027731</t>
  </si>
  <si>
    <t>VELUX Rollo manuell RFL Y65 4164S</t>
  </si>
  <si>
    <t>RFL Y65 4165S</t>
  </si>
  <si>
    <t>5702329027748</t>
  </si>
  <si>
    <t>VELUX Rollo manuell RFL Y65 4165S</t>
  </si>
  <si>
    <t>RFL Y65 4166S</t>
  </si>
  <si>
    <t>5702329027755</t>
  </si>
  <si>
    <t>VELUX Rollo manuell RFL Y65 4166S</t>
  </si>
  <si>
    <t>RFL Y65 4167S</t>
  </si>
  <si>
    <t>5702329027762</t>
  </si>
  <si>
    <t>VELUX Rollo manuell RFL Y65 4167S</t>
  </si>
  <si>
    <t>RFL Y65 4168S</t>
  </si>
  <si>
    <t>5702329027779</t>
  </si>
  <si>
    <t>VELUX Rollo manuell RFL Y65 4168S</t>
  </si>
  <si>
    <t>RFL Y65 4169S</t>
  </si>
  <si>
    <t>5702329027786</t>
  </si>
  <si>
    <t>VELUX Rollo manuell RFL Y65 4169S</t>
  </si>
  <si>
    <t>RFL Y65 4170S</t>
  </si>
  <si>
    <t>5702329027793</t>
  </si>
  <si>
    <t>VELUX Rollo manuell RFL Y65 4170S</t>
  </si>
  <si>
    <t>RFL Y65 4171S</t>
  </si>
  <si>
    <t>5702329027809</t>
  </si>
  <si>
    <t>VELUX Rollo manuell RFL Y65 4171S</t>
  </si>
  <si>
    <t>RFL Y65 9050S</t>
  </si>
  <si>
    <t>5702326066399</t>
  </si>
  <si>
    <t>VELUX Rollo manuell RFL Y65 9050S</t>
  </si>
  <si>
    <t>RFL Y67 4069S</t>
  </si>
  <si>
    <t>5702326066719</t>
  </si>
  <si>
    <t>VELUX Rollo manuell RFL Y67 4069S</t>
  </si>
  <si>
    <t>RFL Y67 4155S</t>
  </si>
  <si>
    <t>5702327433817</t>
  </si>
  <si>
    <t>VELUX Rollo manuell RFL Y67 4155S</t>
  </si>
  <si>
    <t>RFL Y67 4162S</t>
  </si>
  <si>
    <t>5702329027823</t>
  </si>
  <si>
    <t>VELUX Rollo manuell RFL Y67 4162S</t>
  </si>
  <si>
    <t>RFL Y67 4163S</t>
  </si>
  <si>
    <t>5702329027830</t>
  </si>
  <si>
    <t>VELUX Rollo manuell RFL Y67 4163S</t>
  </si>
  <si>
    <t>RFL Y67 4164S</t>
  </si>
  <si>
    <t>5702329027847</t>
  </si>
  <si>
    <t>VELUX Rollo manuell RFL Y67 4164S</t>
  </si>
  <si>
    <t>RFL Y67 4165S</t>
  </si>
  <si>
    <t>5702329027854</t>
  </si>
  <si>
    <t>VELUX Rollo manuell RFL Y67 4165S</t>
  </si>
  <si>
    <t>RFL Y67 4166S</t>
  </si>
  <si>
    <t>5702329027861</t>
  </si>
  <si>
    <t>VELUX Rollo manuell RFL Y67 4166S</t>
  </si>
  <si>
    <t>RFL Y67 4167S</t>
  </si>
  <si>
    <t>5702329027878</t>
  </si>
  <si>
    <t>VELUX Rollo manuell RFL Y67 4167S</t>
  </si>
  <si>
    <t>RFL Y67 4168S</t>
  </si>
  <si>
    <t>5702329027885</t>
  </si>
  <si>
    <t>VELUX Rollo manuell RFL Y67 4168S</t>
  </si>
  <si>
    <t>RFL Y67 4169S</t>
  </si>
  <si>
    <t>5702329027892</t>
  </si>
  <si>
    <t>VELUX Rollo manuell RFL Y67 4169S</t>
  </si>
  <si>
    <t>RFL Y67 4170S</t>
  </si>
  <si>
    <t>5702329027908</t>
  </si>
  <si>
    <t>VELUX Rollo manuell RFL Y67 4170S</t>
  </si>
  <si>
    <t>RFL Y67 4171S</t>
  </si>
  <si>
    <t>5702329027915</t>
  </si>
  <si>
    <t>VELUX Rollo manuell RFL Y67 4171S</t>
  </si>
  <si>
    <t>RFL Y67 9050S</t>
  </si>
  <si>
    <t>5702326067297</t>
  </si>
  <si>
    <t>VELUX Rollo manuell RFL Y67 9050S</t>
  </si>
  <si>
    <t>RFL Y85 4162S</t>
  </si>
  <si>
    <t>5702329027939</t>
  </si>
  <si>
    <t>VELUX Rollo manuell RFL Y85 4162S</t>
  </si>
  <si>
    <t>RFL Y85 4165S</t>
  </si>
  <si>
    <t>5702329027960</t>
  </si>
  <si>
    <t>VELUX Rollo manuell RFL Y85 4165S</t>
  </si>
  <si>
    <t>RFL Y85 4168S</t>
  </si>
  <si>
    <t>5702329027991</t>
  </si>
  <si>
    <t>VELUX Rollo manuell RFL Y85 4168S</t>
  </si>
  <si>
    <t>RFL Y87 4069S</t>
  </si>
  <si>
    <t>5702326068539</t>
  </si>
  <si>
    <t>VELUX Rollo manuell RFL Y87 4069S</t>
  </si>
  <si>
    <t>RFL Y87 4162S</t>
  </si>
  <si>
    <t>5702329028042</t>
  </si>
  <si>
    <t>VELUX Rollo manuell RFL Y87 4162S</t>
  </si>
  <si>
    <t>RFL Y87 4163S</t>
  </si>
  <si>
    <t>5702329028059</t>
  </si>
  <si>
    <t>VELUX Rollo manuell RFL Y87 4163S</t>
  </si>
  <si>
    <t>RFL Y87 4164S</t>
  </si>
  <si>
    <t>5702329028066</t>
  </si>
  <si>
    <t>VELUX Rollo manuell RFL Y87 4164S</t>
  </si>
  <si>
    <t>RFL Y87 4165S</t>
  </si>
  <si>
    <t>5702329028073</t>
  </si>
  <si>
    <t>VELUX Rollo manuell RFL Y87 4165S</t>
  </si>
  <si>
    <t>RFL Y87 4166S</t>
  </si>
  <si>
    <t>5702329028080</t>
  </si>
  <si>
    <t>VELUX Rollo manuell RFL Y87 4166S</t>
  </si>
  <si>
    <t>RFL Y87 4167S</t>
  </si>
  <si>
    <t>5702329028097</t>
  </si>
  <si>
    <t>VELUX Rollo manuell RFL Y87 4167S</t>
  </si>
  <si>
    <t>RFL Y87 4168S</t>
  </si>
  <si>
    <t>5702329028103</t>
  </si>
  <si>
    <t>VELUX Rollo manuell RFL Y87 4168S</t>
  </si>
  <si>
    <t>RFL Y89 1086S</t>
  </si>
  <si>
    <t>5702326069246</t>
  </si>
  <si>
    <t>VELUX Rollo manuell RFL Y89 1086S</t>
  </si>
  <si>
    <t>RFL Y89 4069S</t>
  </si>
  <si>
    <t>5702326069451</t>
  </si>
  <si>
    <t>VELUX Rollo manuell RFL Y89 4069S</t>
  </si>
  <si>
    <t>RFL Y89 4155S</t>
  </si>
  <si>
    <t>5702327433992</t>
  </si>
  <si>
    <t>VELUX Rollo manuell RFL Y89 4155S</t>
  </si>
  <si>
    <t>RFL Y89 4161S</t>
  </si>
  <si>
    <t>5702329028141</t>
  </si>
  <si>
    <t>VELUX Rollo manuell RFL Y89 4161S</t>
  </si>
  <si>
    <t>RFL Y89 4162S</t>
  </si>
  <si>
    <t>5702329028158</t>
  </si>
  <si>
    <t>VELUX Rollo manuell RFL Y89 4162S</t>
  </si>
  <si>
    <t>RFL Y89 4163S</t>
  </si>
  <si>
    <t>5702329028165</t>
  </si>
  <si>
    <t>VELUX Rollo manuell RFL Y89 4163S</t>
  </si>
  <si>
    <t>RFL Y89 4164S</t>
  </si>
  <si>
    <t>5702329028172</t>
  </si>
  <si>
    <t>VELUX Rollo manuell RFL Y89 4164S</t>
  </si>
  <si>
    <t>RFL Y89 4165S</t>
  </si>
  <si>
    <t>5702329028189</t>
  </si>
  <si>
    <t>VELUX Rollo manuell RFL Y89 4165S</t>
  </si>
  <si>
    <t>RFL Y89 4166S</t>
  </si>
  <si>
    <t>5702329028196</t>
  </si>
  <si>
    <t>VELUX Rollo manuell RFL Y89 4166S</t>
  </si>
  <si>
    <t>RFL Y89 4167S</t>
  </si>
  <si>
    <t>5702329028202</t>
  </si>
  <si>
    <t>VELUX Rollo manuell RFL Y89 4167S</t>
  </si>
  <si>
    <t>RFL Y89 4168S</t>
  </si>
  <si>
    <t>5702329028219</t>
  </si>
  <si>
    <t>VELUX Rollo manuell RFL Y89 4168S</t>
  </si>
  <si>
    <t>RFL Y89 4169S</t>
  </si>
  <si>
    <t>5702329028226</t>
  </si>
  <si>
    <t>VELUX Rollo manuell RFL Y89 4169S</t>
  </si>
  <si>
    <t>RFL Y89 4170S</t>
  </si>
  <si>
    <t>5702329028233</t>
  </si>
  <si>
    <t>VELUX Rollo manuell RFL Y89 4170S</t>
  </si>
  <si>
    <t>RFL Y89 4171S</t>
  </si>
  <si>
    <t>5702329028240</t>
  </si>
  <si>
    <t>VELUX Rollo manuell RFL Y89 4171S</t>
  </si>
  <si>
    <t>RFL Y89 9050S</t>
  </si>
  <si>
    <t>5702326070051</t>
  </si>
  <si>
    <t>VELUX Rollo manuell RFL Y89 9050S</t>
  </si>
  <si>
    <t>RFL Y97 4069S</t>
  </si>
  <si>
    <t>5702326070358</t>
  </si>
  <si>
    <t>VELUX Rollo manuell RFL Y97 4069S</t>
  </si>
  <si>
    <t>RFL Y97 4162S</t>
  </si>
  <si>
    <t>5702329028264</t>
  </si>
  <si>
    <t>VELUX Rollo manuell RFL Y97 4162S</t>
  </si>
  <si>
    <t>RFL Y97 4163S</t>
  </si>
  <si>
    <t>5702329028271</t>
  </si>
  <si>
    <t>VELUX Rollo manuell RFL Y97 4163S</t>
  </si>
  <si>
    <t>RFL Y97 4164S</t>
  </si>
  <si>
    <t>5702329028288</t>
  </si>
  <si>
    <t>VELUX Rollo manuell RFL Y97 4164S</t>
  </si>
  <si>
    <t>RFL Y97 4165S</t>
  </si>
  <si>
    <t>5702329028295</t>
  </si>
  <si>
    <t>VELUX Rollo manuell RFL Y97 4165S</t>
  </si>
  <si>
    <t>RFL Y97 4166S</t>
  </si>
  <si>
    <t>5702329028301</t>
  </si>
  <si>
    <t>VELUX Rollo manuell RFL Y97 4166S</t>
  </si>
  <si>
    <t>RFL Y97 4167S</t>
  </si>
  <si>
    <t>5702329028318</t>
  </si>
  <si>
    <t>VELUX Rollo manuell RFL Y97 4167S</t>
  </si>
  <si>
    <t>RFL Y97 4168S</t>
  </si>
  <si>
    <t>5702329028325</t>
  </si>
  <si>
    <t>VELUX Rollo manuell RFL Y97 4168S</t>
  </si>
  <si>
    <t>RFL Y97 4169S</t>
  </si>
  <si>
    <t>5702329028332</t>
  </si>
  <si>
    <t>VELUX Rollo manuell RFL Y97 4169S</t>
  </si>
  <si>
    <t>RFL Y97 4170S</t>
  </si>
  <si>
    <t>5702329028349</t>
  </si>
  <si>
    <t>VELUX Rollo manuell RFL Y97 4170S</t>
  </si>
  <si>
    <t>RFL Y97 4171S</t>
  </si>
  <si>
    <t>5702329028356</t>
  </si>
  <si>
    <t>VELUX Rollo manuell RFL Y97 4171S</t>
  </si>
  <si>
    <t>RFL Y97 9050S</t>
  </si>
  <si>
    <t>5702326070969</t>
  </si>
  <si>
    <t>VELUX Rollo manuell RFL Y97 9050S</t>
  </si>
  <si>
    <t>RFL Y99 1086S</t>
  </si>
  <si>
    <t>5702326071089</t>
  </si>
  <si>
    <t>VELUX Rollo manuell RFL Y99 1086S</t>
  </si>
  <si>
    <t>RFL Y99 4069S</t>
  </si>
  <si>
    <t>5702326071249</t>
  </si>
  <si>
    <t>VELUX Rollo manuell RFL Y99 4069S</t>
  </si>
  <si>
    <t>RFL Y99 4155S</t>
  </si>
  <si>
    <t>5702327434111</t>
  </si>
  <si>
    <t>VELUX Rollo manuell RFL Y99 4155S</t>
  </si>
  <si>
    <t>RFL Y99 4161S</t>
  </si>
  <si>
    <t>5702329028363</t>
  </si>
  <si>
    <t>VELUX Rollo manuell RFL Y99 4161S</t>
  </si>
  <si>
    <t>RFL Y99 4162S</t>
  </si>
  <si>
    <t>5702329028370</t>
  </si>
  <si>
    <t>VELUX Rollo manuell RFL Y99 4162S</t>
  </si>
  <si>
    <t>RFL Y99 4163S</t>
  </si>
  <si>
    <t>5702329028387</t>
  </si>
  <si>
    <t>VELUX Rollo manuell RFL Y99 4163S</t>
  </si>
  <si>
    <t>RFL Y99 4164S</t>
  </si>
  <si>
    <t>5702329028394</t>
  </si>
  <si>
    <t>VELUX Rollo manuell RFL Y99 4164S</t>
  </si>
  <si>
    <t>RFL Y99 4165S</t>
  </si>
  <si>
    <t>5702329028400</t>
  </si>
  <si>
    <t>VELUX Rollo manuell RFL Y99 4165S</t>
  </si>
  <si>
    <t>RFL Y99 4166S</t>
  </si>
  <si>
    <t>5702329028417</t>
  </si>
  <si>
    <t>VELUX Rollo manuell RFL Y99 4166S</t>
  </si>
  <si>
    <t>RFL Y99 4167S</t>
  </si>
  <si>
    <t>5702329028424</t>
  </si>
  <si>
    <t>VELUX Rollo manuell RFL Y99 4167S</t>
  </si>
  <si>
    <t>RFL Y99 4168S</t>
  </si>
  <si>
    <t>5702329028431</t>
  </si>
  <si>
    <t>VELUX Rollo manuell RFL Y99 4168S</t>
  </si>
  <si>
    <t>RFL Y99 4169S</t>
  </si>
  <si>
    <t>5702329028448</t>
  </si>
  <si>
    <t>VELUX Rollo manuell RFL Y99 4169S</t>
  </si>
  <si>
    <t>RFL Y99 4170S</t>
  </si>
  <si>
    <t>5702329028455</t>
  </si>
  <si>
    <t>VELUX Rollo manuell RFL Y99 4170S</t>
  </si>
  <si>
    <t>RFL Y99 4171S</t>
  </si>
  <si>
    <t>5702329028462</t>
  </si>
  <si>
    <t>VELUX Rollo manuell RFL Y99 4171S</t>
  </si>
  <si>
    <t>RFL Y99 9050S</t>
  </si>
  <si>
    <t>5702326071867</t>
  </si>
  <si>
    <t>VELUX Rollo manuell RFL Y99 9050S</t>
  </si>
  <si>
    <t>RG 023 1028</t>
  </si>
  <si>
    <t>5702324335787</t>
  </si>
  <si>
    <t>VELUX Rollo mit Haltekr. RG 023 1028</t>
  </si>
  <si>
    <t>RG 023 1086</t>
  </si>
  <si>
    <t>5702324215034</t>
  </si>
  <si>
    <t>VELUX Rollo mit Haltekr. RG 023 1086</t>
  </si>
  <si>
    <t>RG 023 4161</t>
  </si>
  <si>
    <t>5702329186124</t>
  </si>
  <si>
    <t>VELUX Rollo mit Haltekr. RG 023 4161</t>
  </si>
  <si>
    <t>RG 023 9050</t>
  </si>
  <si>
    <t>5702324215362</t>
  </si>
  <si>
    <t>VELUX Rollo mit Haltekr. RG 023 9050</t>
  </si>
  <si>
    <t>RG 035 1028</t>
  </si>
  <si>
    <t>5702324335862</t>
  </si>
  <si>
    <t>VELUX Rollo mit Haltekr. RG 035 1028</t>
  </si>
  <si>
    <t>RG 035 1086</t>
  </si>
  <si>
    <t>5702324215379</t>
  </si>
  <si>
    <t>VELUX Rollo mit Haltekr. RG 035 1086</t>
  </si>
  <si>
    <t>RG 035 4161</t>
  </si>
  <si>
    <t>5702329186131</t>
  </si>
  <si>
    <t>VELUX Rollo mit Haltekr. RG 035 4161</t>
  </si>
  <si>
    <t>RG 035 9050</t>
  </si>
  <si>
    <t>5702324215706</t>
  </si>
  <si>
    <t>VELUX Rollo mit Haltekr. RG 035 9050</t>
  </si>
  <si>
    <t>RG 047 1028</t>
  </si>
  <si>
    <t>5702324335947</t>
  </si>
  <si>
    <t>VELUX Rollo mit Haltekr. RG 047 1028</t>
  </si>
  <si>
    <t>RG 047 1086</t>
  </si>
  <si>
    <t>5702324215713</t>
  </si>
  <si>
    <t>VELUX Rollo mit Haltekr. RG 047 1086</t>
  </si>
  <si>
    <t>RG 047 4161</t>
  </si>
  <si>
    <t>5702329186148</t>
  </si>
  <si>
    <t>VELUX Rollo mit Haltekr. RG 047 4161</t>
  </si>
  <si>
    <t>RG 047 9050</t>
  </si>
  <si>
    <t>5702324216048</t>
  </si>
  <si>
    <t>VELUX Rollo mit Haltekr. RG 047 9050</t>
  </si>
  <si>
    <t>RG 067 1028</t>
  </si>
  <si>
    <t>5702324336029</t>
  </si>
  <si>
    <t>VELUX Rollo mit Haltekr. RG 067 1028</t>
  </si>
  <si>
    <t>RG 067 1086</t>
  </si>
  <si>
    <t>5702324216055</t>
  </si>
  <si>
    <t>VELUX Rollo mit Haltekr. RG 067 1086</t>
  </si>
  <si>
    <t>RG 067 4161</t>
  </si>
  <si>
    <t>5702329186155</t>
  </si>
  <si>
    <t>VELUX Rollo mit Haltekr. RG 067 4161</t>
  </si>
  <si>
    <t>RG 067 9050</t>
  </si>
  <si>
    <t>5702324216383</t>
  </si>
  <si>
    <t>VELUX Rollo mit Haltekr. RG 067 9050</t>
  </si>
  <si>
    <t>RG 089 1028</t>
  </si>
  <si>
    <t>5702324336104</t>
  </si>
  <si>
    <t>VELUX Rollo mit Haltekr. RG 089 1028</t>
  </si>
  <si>
    <t>RG 089 1086</t>
  </si>
  <si>
    <t>5702324216390</t>
  </si>
  <si>
    <t>VELUX Rollo mit Haltekr. RG 089 1086</t>
  </si>
  <si>
    <t>RG 089 4161</t>
  </si>
  <si>
    <t>5702329186162</t>
  </si>
  <si>
    <t>VELUX Rollo mit Haltekr. RG 089 4161</t>
  </si>
  <si>
    <t>RG 089 9050</t>
  </si>
  <si>
    <t>5702324216727</t>
  </si>
  <si>
    <t>VELUX Rollo mit Haltekr. RG 089 9050</t>
  </si>
  <si>
    <t>RG 109 1028</t>
  </si>
  <si>
    <t>5702324336180</t>
  </si>
  <si>
    <t>VELUX Rollo mit Haltekr. RG 109 1028</t>
  </si>
  <si>
    <t>RG 109 1086</t>
  </si>
  <si>
    <t>5702324216734</t>
  </si>
  <si>
    <t>VELUX Rollo mit Haltekr. RG 109 1086</t>
  </si>
  <si>
    <t>RG 109 4161</t>
  </si>
  <si>
    <t>5702329186179</t>
  </si>
  <si>
    <t>VELUX Rollo mit Haltekr. RG 109 4161</t>
  </si>
  <si>
    <t>RG 109 9050</t>
  </si>
  <si>
    <t>5702324217069</t>
  </si>
  <si>
    <t>VELUX Rollo mit Haltekr. RG 109 9050</t>
  </si>
  <si>
    <t>RG 147 4161</t>
  </si>
  <si>
    <t>5702329186186</t>
  </si>
  <si>
    <t>VELUX Rollo mit Haltekr. RG 147 4161</t>
  </si>
  <si>
    <t>RG 147 9050</t>
  </si>
  <si>
    <t>5702324217403</t>
  </si>
  <si>
    <t>VELUX Rollo mit Haltekr. RG 147 9050</t>
  </si>
  <si>
    <t>RHL MK12 1086</t>
  </si>
  <si>
    <t>5702324233458</t>
  </si>
  <si>
    <t>VELUX Rollo mit Haltekr. RHL MK12 1086</t>
  </si>
  <si>
    <t>RHU 100 1028</t>
  </si>
  <si>
    <t>5702324238019</t>
  </si>
  <si>
    <t>VELUX Rollo mit Haltekr. RHU 100 1028</t>
  </si>
  <si>
    <t>Weiß Standard</t>
  </si>
  <si>
    <t>RHU 100 1086</t>
  </si>
  <si>
    <t>5702324238057</t>
  </si>
  <si>
    <t>VELUX Rollo mit Haltekr. RHU 100 1086</t>
  </si>
  <si>
    <t>Hellbeige Standard</t>
  </si>
  <si>
    <t>RHU 100 4161</t>
  </si>
  <si>
    <t>5702329186360</t>
  </si>
  <si>
    <t>VELUX Rollo mit Haltekr. RHU 100 4161</t>
  </si>
  <si>
    <t>Grau Standard</t>
  </si>
  <si>
    <t>RHU 100 9050</t>
  </si>
  <si>
    <t>5702324238507</t>
  </si>
  <si>
    <t>VELUX Rollo mit Haltekr. RHU 100 9050</t>
  </si>
  <si>
    <t>Dunkelblau Standard</t>
  </si>
  <si>
    <t>RHU 200 1028</t>
  </si>
  <si>
    <t>5702324238545</t>
  </si>
  <si>
    <t>VELUX Rollo mit Haltekr. RHU 200 1028</t>
  </si>
  <si>
    <t>RHU 200 1086</t>
  </si>
  <si>
    <t>5702324238583</t>
  </si>
  <si>
    <t>VELUX Rollo mit Haltekr. RHU 200 1086</t>
  </si>
  <si>
    <t>RHU 200 4161</t>
  </si>
  <si>
    <t>5702329186377</t>
  </si>
  <si>
    <t>VELUX Rollo mit Haltekr. RHU 200 4161</t>
  </si>
  <si>
    <t>RHU 200 9050</t>
  </si>
  <si>
    <t>5702324239030</t>
  </si>
  <si>
    <t>VELUX Rollo mit Haltekr. RHU 200 9050</t>
  </si>
  <si>
    <t>RHU 300 1028</t>
  </si>
  <si>
    <t>5702324239078</t>
  </si>
  <si>
    <t>VELUX Rollo mit Haltekr. RHU 300 1028</t>
  </si>
  <si>
    <t>RHU 300 1086</t>
  </si>
  <si>
    <t>5702324239115</t>
  </si>
  <si>
    <t>VELUX Rollo mit Haltekr. RHU 300 1086</t>
  </si>
  <si>
    <t>RHU 300 4161</t>
  </si>
  <si>
    <t>5702329186384</t>
  </si>
  <si>
    <t>VELUX Rollo mit Haltekr. RHU 300 4161</t>
  </si>
  <si>
    <t>RHU 300 9050</t>
  </si>
  <si>
    <t>5702324239566</t>
  </si>
  <si>
    <t>VELUX Rollo mit Haltekr. RHU 300 9050</t>
  </si>
  <si>
    <t>RHU 400 1028</t>
  </si>
  <si>
    <t>5702324239603</t>
  </si>
  <si>
    <t>VELUX Rollo mit Haltekr. RHU 400 1028</t>
  </si>
  <si>
    <t>RHU 400 1086</t>
  </si>
  <si>
    <t>5702324239641</t>
  </si>
  <si>
    <t>VELUX Rollo mit Haltekr. RHU 400 1086</t>
  </si>
  <si>
    <t>RHU 400 4161</t>
  </si>
  <si>
    <t>5702329186391</t>
  </si>
  <si>
    <t>VELUX Rollo mit Haltekr. RHU 400 4161</t>
  </si>
  <si>
    <t>RHU 400 9050</t>
  </si>
  <si>
    <t>5702324240098</t>
  </si>
  <si>
    <t>VELUX Rollo mit Haltekr. RHU 400 9050</t>
  </si>
  <si>
    <t>RHU 600 1028</t>
  </si>
  <si>
    <t>5702324240135</t>
  </si>
  <si>
    <t>VELUX Rollo mit Haltekr. RHU 600 1028</t>
  </si>
  <si>
    <t>RHU 600 1086</t>
  </si>
  <si>
    <t>5702324240173</t>
  </si>
  <si>
    <t>VELUX Rollo mit Haltekr. RHU 600 1086</t>
  </si>
  <si>
    <t>RHU 600 4161</t>
  </si>
  <si>
    <t>5702329186414</t>
  </si>
  <si>
    <t>VELUX Rollo mit Haltekr. RHU 600 4161</t>
  </si>
  <si>
    <t>RHU 600 9050</t>
  </si>
  <si>
    <t>5702324240623</t>
  </si>
  <si>
    <t>VELUX Rollo mit Haltekr. RHU 600 9050</t>
  </si>
  <si>
    <t>RML C02 1086KWL</t>
  </si>
  <si>
    <t>5702329506502</t>
  </si>
  <si>
    <t>VELUX Sichts.-Rollo el. RML C02 1086KWL</t>
  </si>
  <si>
    <t>RML C02 4069K</t>
  </si>
  <si>
    <t>5702329498357</t>
  </si>
  <si>
    <t>VELUX Sichts.-Rollo el. RML C02 4069K</t>
  </si>
  <si>
    <t>RML C02 4069KWL</t>
  </si>
  <si>
    <t>5702329506519</t>
  </si>
  <si>
    <t>VELUX Sichts.-Rollo el. RML C02 4069KWL</t>
  </si>
  <si>
    <t>RML C02 4155KWL</t>
  </si>
  <si>
    <t>5702329506526</t>
  </si>
  <si>
    <t>VELUX Sichts.-Rollo el. RML C02 4155KWL</t>
  </si>
  <si>
    <t>RML C02 4161KWL</t>
  </si>
  <si>
    <t>5702329506533</t>
  </si>
  <si>
    <t>VELUX Sichts.-Rollo el. RML C02 4161KWL</t>
  </si>
  <si>
    <t>RML C02 4162K</t>
  </si>
  <si>
    <t>5702329498388</t>
  </si>
  <si>
    <t>VELUX Sichts.-Rollo el. RML C02 4162K</t>
  </si>
  <si>
    <t>RML C02 4162KWL</t>
  </si>
  <si>
    <t>5702329506540</t>
  </si>
  <si>
    <t>VELUX Sichts.-Rollo el. RML C02 4162KWL</t>
  </si>
  <si>
    <t>RML C02 4163K</t>
  </si>
  <si>
    <t>5702329498395</t>
  </si>
  <si>
    <t>VELUX Sichts.-Rollo el. RML C02 4163K</t>
  </si>
  <si>
    <t>RML C02 4163KWL</t>
  </si>
  <si>
    <t>5702329506557</t>
  </si>
  <si>
    <t>VELUX Sichts.-Rollo el. RML C02 4163KWL</t>
  </si>
  <si>
    <t>RML C02 4164K</t>
  </si>
  <si>
    <t>5702329498401</t>
  </si>
  <si>
    <t>VELUX Sichts.-Rollo el. RML C02 4164K</t>
  </si>
  <si>
    <t>RML C02 4164KWL</t>
  </si>
  <si>
    <t>5702329506564</t>
  </si>
  <si>
    <t>VELUX Sichts.-Rollo el. RML C02 4164KWL</t>
  </si>
  <si>
    <t>RML C02 4165K</t>
  </si>
  <si>
    <t>5702329498418</t>
  </si>
  <si>
    <t>VELUX Sichts.-Rollo el. RML C02 4165K</t>
  </si>
  <si>
    <t>RML C02 4165KWL</t>
  </si>
  <si>
    <t>5702329506571</t>
  </si>
  <si>
    <t>VELUX Sichts.-Rollo el. RML C02 4165KWL</t>
  </si>
  <si>
    <t>RML C02 4166K</t>
  </si>
  <si>
    <t>5702329498425</t>
  </si>
  <si>
    <t>VELUX Sichts.-Rollo el. RML C02 4166K</t>
  </si>
  <si>
    <t>RML C02 4167K</t>
  </si>
  <si>
    <t>5702329498432</t>
  </si>
  <si>
    <t>VELUX Sichts.-Rollo el. RML C02 4167K</t>
  </si>
  <si>
    <t>RML C02 4167KWL</t>
  </si>
  <si>
    <t>5702329506595</t>
  </si>
  <si>
    <t>VELUX Sichts.-Rollo el. RML C02 4167KWL</t>
  </si>
  <si>
    <t>RML C02 4168K</t>
  </si>
  <si>
    <t>5702329498449</t>
  </si>
  <si>
    <t>VELUX Sichts.-Rollo el. RML C02 4168K</t>
  </si>
  <si>
    <t>RML C02 4168KWL</t>
  </si>
  <si>
    <t>5702329506601</t>
  </si>
  <si>
    <t>VELUX Sichts.-Rollo el. RML C02 4168KWL</t>
  </si>
  <si>
    <t>RML C02 4169K</t>
  </si>
  <si>
    <t>5702329498456</t>
  </si>
  <si>
    <t>VELUX Sichts.-Rollo el. RML C02 4169K</t>
  </si>
  <si>
    <t>RML C02 4169KWL</t>
  </si>
  <si>
    <t>5702329506618</t>
  </si>
  <si>
    <t>VELUX Sichts.-Rollo el. RML C02 4169KWL</t>
  </si>
  <si>
    <t>RML C02 4170KWL</t>
  </si>
  <si>
    <t>5702329506625</t>
  </si>
  <si>
    <t>VELUX Sichts.-Rollo el. RML C02 4170KWL</t>
  </si>
  <si>
    <t>RML C02 4171K</t>
  </si>
  <si>
    <t>5702329498470</t>
  </si>
  <si>
    <t>VELUX Sichts.-Rollo el. RML C02 4171K</t>
  </si>
  <si>
    <t>RML C02 4171KWL</t>
  </si>
  <si>
    <t>5702329506632</t>
  </si>
  <si>
    <t>VELUX Sichts.-Rollo el. RML C02 4171KWL</t>
  </si>
  <si>
    <t>RML C02 9050KWL</t>
  </si>
  <si>
    <t>5702329506649</t>
  </si>
  <si>
    <t>VELUX Sichts.-Rollo el. RML C02 9050KWL</t>
  </si>
  <si>
    <t>RML C04 1086KWL</t>
  </si>
  <si>
    <t>5702329506670</t>
  </si>
  <si>
    <t>VELUX Sichts.-Rollo el. RML C04 1086KWL</t>
  </si>
  <si>
    <t>RML C04 4069KWL</t>
  </si>
  <si>
    <t>5702329506687</t>
  </si>
  <si>
    <t>VELUX Sichts.-Rollo el. RML C04 4069KWL</t>
  </si>
  <si>
    <t>RML C04 4162K</t>
  </si>
  <si>
    <t>5702329498555</t>
  </si>
  <si>
    <t>VELUX Sichts.-Rollo el. RML C04 4162K</t>
  </si>
  <si>
    <t>RML C04 4162KWL</t>
  </si>
  <si>
    <t>5702329506717</t>
  </si>
  <si>
    <t>VELUX Sichts.-Rollo el. RML C04 4162KWL</t>
  </si>
  <si>
    <t>RML C04 4163KWL</t>
  </si>
  <si>
    <t>5702329506724</t>
  </si>
  <si>
    <t>VELUX Sichts.-Rollo el. RML C04 4163KWL</t>
  </si>
  <si>
    <t>RML C04 4164K</t>
  </si>
  <si>
    <t>5702329498579</t>
  </si>
  <si>
    <t>VELUX Sichts.-Rollo el. RML C04 4164K</t>
  </si>
  <si>
    <t>RML C04 4164KWL</t>
  </si>
  <si>
    <t>5702329506731</t>
  </si>
  <si>
    <t>VELUX Sichts.-Rollo el. RML C04 4164KWL</t>
  </si>
  <si>
    <t>RML C04 4165K</t>
  </si>
  <si>
    <t>5702329498586</t>
  </si>
  <si>
    <t>VELUX Sichts.-Rollo el. RML C04 4165K</t>
  </si>
  <si>
    <t>RML C04 4165KWL</t>
  </si>
  <si>
    <t>5702329506748</t>
  </si>
  <si>
    <t>VELUX Sichts.-Rollo el. RML C04 4165KWL</t>
  </si>
  <si>
    <t>RML C04 4166K</t>
  </si>
  <si>
    <t>5702329498593</t>
  </si>
  <si>
    <t>VELUX Sichts.-Rollo el. RML C04 4166K</t>
  </si>
  <si>
    <t>RML C04 4166KWL</t>
  </si>
  <si>
    <t>5702329506755</t>
  </si>
  <si>
    <t>VELUX Sichts.-Rollo el. RML C04 4166KWL</t>
  </si>
  <si>
    <t>RML C04 4167KWL</t>
  </si>
  <si>
    <t>5702329506762</t>
  </si>
  <si>
    <t>VELUX Sichts.-Rollo el. RML C04 4167KWL</t>
  </si>
  <si>
    <t>RML C04 4168K</t>
  </si>
  <si>
    <t>5702329498616</t>
  </si>
  <si>
    <t>VELUX Sichts.-Rollo el. RML C04 4168K</t>
  </si>
  <si>
    <t>RML C04 4168KWL</t>
  </si>
  <si>
    <t>5702329506779</t>
  </si>
  <si>
    <t>VELUX Sichts.-Rollo el. RML C04 4168KWL</t>
  </si>
  <si>
    <t>RML C04 4169K</t>
  </si>
  <si>
    <t>5702329498623</t>
  </si>
  <si>
    <t>VELUX Sichts.-Rollo el. RML C04 4169K</t>
  </si>
  <si>
    <t>RML C04 4169KWL</t>
  </si>
  <si>
    <t>5702329506786</t>
  </si>
  <si>
    <t>VELUX Sichts.-Rollo el. RML C04 4169KWL</t>
  </si>
  <si>
    <t>RML C04 4170KWL</t>
  </si>
  <si>
    <t>5702329506793</t>
  </si>
  <si>
    <t>VELUX Sichts.-Rollo el. RML C04 4170KWL</t>
  </si>
  <si>
    <t>RML C04 4171KWL</t>
  </si>
  <si>
    <t>5702329506809</t>
  </si>
  <si>
    <t>VELUX Sichts.-Rollo el. RML C04 4171KWL</t>
  </si>
  <si>
    <t>RML C04 9050KWL</t>
  </si>
  <si>
    <t>5702329506816</t>
  </si>
  <si>
    <t>VELUX Sichts.-Rollo el. RML C04 9050KWL</t>
  </si>
  <si>
    <t>RML C06 1028K</t>
  </si>
  <si>
    <t>5702329498678</t>
  </si>
  <si>
    <t>VELUX Sichts.-Rollo el. RML C06 1028K</t>
  </si>
  <si>
    <t>RML C06 1086K</t>
  </si>
  <si>
    <t>5702329498685</t>
  </si>
  <si>
    <t>VELUX Sichts.-Rollo el. RML C06 1086K</t>
  </si>
  <si>
    <t>RML C06 1086KWL</t>
  </si>
  <si>
    <t>5702329506847</t>
  </si>
  <si>
    <t>VELUX Sichts.-Rollo el. RML C06 1086KWL</t>
  </si>
  <si>
    <t>RML C06 4069K</t>
  </si>
  <si>
    <t>5702329498692</t>
  </si>
  <si>
    <t>VELUX Sichts.-Rollo el. RML C06 4069K</t>
  </si>
  <si>
    <t>RML C06 4069KWL</t>
  </si>
  <si>
    <t>5702329506854</t>
  </si>
  <si>
    <t>VELUX Sichts.-Rollo el. RML C06 4069KWL</t>
  </si>
  <si>
    <t>RML C06 4155K</t>
  </si>
  <si>
    <t>5702329498708</t>
  </si>
  <si>
    <t>VELUX Sichts.-Rollo el. RML C06 4155K</t>
  </si>
  <si>
    <t>RML C06 4155KWL</t>
  </si>
  <si>
    <t>5702329506861</t>
  </si>
  <si>
    <t>VELUX Sichts.-Rollo el. RML C06 4155KWL</t>
  </si>
  <si>
    <t>RML C06 4161K</t>
  </si>
  <si>
    <t>5702329498715</t>
  </si>
  <si>
    <t>VELUX Sichts.-Rollo el. RML C06 4161K</t>
  </si>
  <si>
    <t>RML C06 4161KWL</t>
  </si>
  <si>
    <t>5702329506878</t>
  </si>
  <si>
    <t>VELUX Sichts.-Rollo el. RML C06 4161KWL</t>
  </si>
  <si>
    <t>RML C06 4162K</t>
  </si>
  <si>
    <t>5702329498722</t>
  </si>
  <si>
    <t>VELUX Sichts.-Rollo el. RML C06 4162K</t>
  </si>
  <si>
    <t>RML C06 4162KWL</t>
  </si>
  <si>
    <t>5702329506885</t>
  </si>
  <si>
    <t>VELUX Sichts.-Rollo el. RML C06 4162KWL</t>
  </si>
  <si>
    <t>RML C06 4163K</t>
  </si>
  <si>
    <t>5702329498739</t>
  </si>
  <si>
    <t>VELUX Sichts.-Rollo el. RML C06 4163K</t>
  </si>
  <si>
    <t>RML C06 4163KWL</t>
  </si>
  <si>
    <t>5702329506892</t>
  </si>
  <si>
    <t>VELUX Sichts.-Rollo el. RML C06 4163KWL</t>
  </si>
  <si>
    <t>RML C06 4164K</t>
  </si>
  <si>
    <t>5702329498746</t>
  </si>
  <si>
    <t>VELUX Sichts.-Rollo el. RML C06 4164K</t>
  </si>
  <si>
    <t>RML C06 4164KWL</t>
  </si>
  <si>
    <t>5702329506908</t>
  </si>
  <si>
    <t>VELUX Sichts.-Rollo el. RML C06 4164KWL</t>
  </si>
  <si>
    <t>RML C06 4165K</t>
  </si>
  <si>
    <t>5702329498753</t>
  </si>
  <si>
    <t>VELUX Sichts.-Rollo el. RML C06 4165K</t>
  </si>
  <si>
    <t>RML C06 4166K</t>
  </si>
  <si>
    <t>5702329498760</t>
  </si>
  <si>
    <t>VELUX Sichts.-Rollo el. RML C06 4166K</t>
  </si>
  <si>
    <t>RML C06 4166KWL</t>
  </si>
  <si>
    <t>5702329506922</t>
  </si>
  <si>
    <t>VELUX Sichts.-Rollo el. RML C06 4166KWL</t>
  </si>
  <si>
    <t>RML C06 4167K</t>
  </si>
  <si>
    <t>5702329498777</t>
  </si>
  <si>
    <t>VELUX Sichts.-Rollo el. RML C06 4167K</t>
  </si>
  <si>
    <t>RML C06 4167KWL</t>
  </si>
  <si>
    <t>5702329506939</t>
  </si>
  <si>
    <t>VELUX Sichts.-Rollo el. RML C06 4167KWL</t>
  </si>
  <si>
    <t>RML C06 4168K</t>
  </si>
  <si>
    <t>5702329498784</t>
  </si>
  <si>
    <t>VELUX Sichts.-Rollo el. RML C06 4168K</t>
  </si>
  <si>
    <t>RML C06 4168KWL</t>
  </si>
  <si>
    <t>5702329506946</t>
  </si>
  <si>
    <t>VELUX Sichts.-Rollo el. RML C06 4168KWL</t>
  </si>
  <si>
    <t>RML C06 4169K</t>
  </si>
  <si>
    <t>5702329498791</t>
  </si>
  <si>
    <t>VELUX Sichts.-Rollo el. RML C06 4169K</t>
  </si>
  <si>
    <t>RML C06 4169KWL</t>
  </si>
  <si>
    <t>5702329506953</t>
  </si>
  <si>
    <t>VELUX Sichts.-Rollo el. RML C06 4169KWL</t>
  </si>
  <si>
    <t>RML C06 4170K</t>
  </si>
  <si>
    <t>5702329498807</t>
  </si>
  <si>
    <t>VELUX Sichts.-Rollo el. RML C06 4170K</t>
  </si>
  <si>
    <t>RML C06 4170KWL</t>
  </si>
  <si>
    <t>5702329506960</t>
  </si>
  <si>
    <t>VELUX Sichts.-Rollo el. RML C06 4170KWL</t>
  </si>
  <si>
    <t>RML C06 4171K</t>
  </si>
  <si>
    <t>5702329498814</t>
  </si>
  <si>
    <t>VELUX Sichts.-Rollo el. RML C06 4171K</t>
  </si>
  <si>
    <t>RML C06 4171KWL</t>
  </si>
  <si>
    <t>5702329506977</t>
  </si>
  <si>
    <t>VELUX Sichts.-Rollo el. RML C06 4171KWL</t>
  </si>
  <si>
    <t>RML C06 9050K</t>
  </si>
  <si>
    <t>5702329498821</t>
  </si>
  <si>
    <t>VELUX Sichts.-Rollo el. RML C06 9050K</t>
  </si>
  <si>
    <t>RML C06 9050KWL</t>
  </si>
  <si>
    <t>5702329506984</t>
  </si>
  <si>
    <t>VELUX Sichts.-Rollo el. RML C06 9050KWL</t>
  </si>
  <si>
    <t>RML CK02 4069KWL</t>
  </si>
  <si>
    <t>5702329507196</t>
  </si>
  <si>
    <t>VELUX Sichts.-Rollo el. RML CK02 4069KWL</t>
  </si>
  <si>
    <t>RML CK02 4162K</t>
  </si>
  <si>
    <t>5702329499064</t>
  </si>
  <si>
    <t>VELUX Sichts.-Rollo el. RML CK02 4162K</t>
  </si>
  <si>
    <t>RML CK02 4163K</t>
  </si>
  <si>
    <t>5702329499071</t>
  </si>
  <si>
    <t>VELUX Sichts.-Rollo el. RML CK02 4163K</t>
  </si>
  <si>
    <t>RML CK02 4165K</t>
  </si>
  <si>
    <t>5702329499095</t>
  </si>
  <si>
    <t>VELUX Sichts.-Rollo el. RML CK02 4165K</t>
  </si>
  <si>
    <t>RML CK02 4168K</t>
  </si>
  <si>
    <t>5702329499125</t>
  </si>
  <si>
    <t>VELUX Sichts.-Rollo el. RML CK02 4168K</t>
  </si>
  <si>
    <t>RML CK02 4168KWL</t>
  </si>
  <si>
    <t>5702329507288</t>
  </si>
  <si>
    <t>VELUX Sichts.-Rollo el. RML CK02 4168KWL</t>
  </si>
  <si>
    <t>RML CK04 4162K</t>
  </si>
  <si>
    <t>5702329499231</t>
  </si>
  <si>
    <t>VELUX Sichts.-Rollo el. RML CK04 4162K</t>
  </si>
  <si>
    <t>RML CK04 4162KWL</t>
  </si>
  <si>
    <t>5702329507394</t>
  </si>
  <si>
    <t>VELUX Sichts.-Rollo el. RML CK04 4162KWL</t>
  </si>
  <si>
    <t>RML CK04 4167KWL</t>
  </si>
  <si>
    <t>5702329507448</t>
  </si>
  <si>
    <t>VELUX Sichts.-Rollo el. RML CK04 4167KWL</t>
  </si>
  <si>
    <t>RML CK04 4168KWL</t>
  </si>
  <si>
    <t>5702329507455</t>
  </si>
  <si>
    <t>VELUX Sichts.-Rollo el. RML CK04 4168KWL</t>
  </si>
  <si>
    <t>RML CK04 4171KWL</t>
  </si>
  <si>
    <t>5702329507486</t>
  </si>
  <si>
    <t>VELUX Sichts.-Rollo el. RML CK04 4171KWL</t>
  </si>
  <si>
    <t>RML CK06 4069K</t>
  </si>
  <si>
    <t>5702329499378</t>
  </si>
  <si>
    <t>VELUX Sichts.-Rollo el. RML CK06 4069K</t>
  </si>
  <si>
    <t>RML CK06 4069KWL</t>
  </si>
  <si>
    <t>5702329507530</t>
  </si>
  <si>
    <t>VELUX Sichts.-Rollo el. RML CK06 4069KWL</t>
  </si>
  <si>
    <t>RML CK06 4162K</t>
  </si>
  <si>
    <t>5702329499408</t>
  </si>
  <si>
    <t>VELUX Sichts.-Rollo el. RML CK06 4162K</t>
  </si>
  <si>
    <t>RML CK06 4162KWL</t>
  </si>
  <si>
    <t>5702329507561</t>
  </si>
  <si>
    <t>VELUX Sichts.-Rollo el. RML CK06 4162KWL</t>
  </si>
  <si>
    <t>RML CK06 4164KWL</t>
  </si>
  <si>
    <t>5702329507585</t>
  </si>
  <si>
    <t>VELUX Sichts.-Rollo el. RML CK06 4164KWL</t>
  </si>
  <si>
    <t>RML CK06 4165K</t>
  </si>
  <si>
    <t>5702329499439</t>
  </si>
  <si>
    <t>VELUX Sichts.-Rollo el. RML CK06 4165K</t>
  </si>
  <si>
    <t>RML CK06 4165KWL</t>
  </si>
  <si>
    <t>5702329507592</t>
  </si>
  <si>
    <t>VELUX Sichts.-Rollo el. RML CK06 4165KWL</t>
  </si>
  <si>
    <t>RML CK06 4166KWL</t>
  </si>
  <si>
    <t>5702329507608</t>
  </si>
  <si>
    <t>VELUX Sichts.-Rollo el. RML CK06 4166KWL</t>
  </si>
  <si>
    <t>RML CK06 4167KWL</t>
  </si>
  <si>
    <t>5702329507615</t>
  </si>
  <si>
    <t>VELUX Sichts.-Rollo el. RML CK06 4167KWL</t>
  </si>
  <si>
    <t>RML CK06 4168K</t>
  </si>
  <si>
    <t>5702329499460</t>
  </si>
  <si>
    <t>VELUX Sichts.-Rollo el. RML CK06 4168K</t>
  </si>
  <si>
    <t>RML CK06 4168KWL</t>
  </si>
  <si>
    <t>5702329507622</t>
  </si>
  <si>
    <t>VELUX Sichts.-Rollo el. RML CK06 4168KWL</t>
  </si>
  <si>
    <t>RML CK06 4170K</t>
  </si>
  <si>
    <t>5702329499484</t>
  </si>
  <si>
    <t>VELUX Sichts.-Rollo el. RML CK06 4170K</t>
  </si>
  <si>
    <t>RML CK06 4171KWL</t>
  </si>
  <si>
    <t>5702329507653</t>
  </si>
  <si>
    <t>VELUX Sichts.-Rollo el. RML CK06 4171KWL</t>
  </si>
  <si>
    <t>RML F04 1028KWL</t>
  </si>
  <si>
    <t>5702329507684</t>
  </si>
  <si>
    <t>VELUX Sichts.-Rollo el. RML F04 1028KWL</t>
  </si>
  <si>
    <t>RML F04 1086K</t>
  </si>
  <si>
    <t>5702329499538</t>
  </si>
  <si>
    <t>VELUX Sichts.-Rollo el. RML F04 1086K</t>
  </si>
  <si>
    <t>RML F04 1086KWL</t>
  </si>
  <si>
    <t>5702329507691</t>
  </si>
  <si>
    <t>VELUX Sichts.-Rollo el. RML F04 1086KWL</t>
  </si>
  <si>
    <t>RML F04 4069K</t>
  </si>
  <si>
    <t>5702329499545</t>
  </si>
  <si>
    <t>VELUX Sichts.-Rollo el. RML F04 4069K</t>
  </si>
  <si>
    <t>RML F04 4069KWL</t>
  </si>
  <si>
    <t>5702329507707</t>
  </si>
  <si>
    <t>VELUX Sichts.-Rollo el. RML F04 4069KWL</t>
  </si>
  <si>
    <t>RML F04 4155K</t>
  </si>
  <si>
    <t>5702329499552</t>
  </si>
  <si>
    <t>VELUX Sichts.-Rollo el. RML F04 4155K</t>
  </si>
  <si>
    <t>RML F04 4155KWL</t>
  </si>
  <si>
    <t>5702329507714</t>
  </si>
  <si>
    <t>VELUX Sichts.-Rollo el. RML F04 4155KWL</t>
  </si>
  <si>
    <t>RML F04 4161K</t>
  </si>
  <si>
    <t>5702329499569</t>
  </si>
  <si>
    <t>VELUX Sichts.-Rollo el. RML F04 4161K</t>
  </si>
  <si>
    <t>RML F04 4161KWL</t>
  </si>
  <si>
    <t>5702329507721</t>
  </si>
  <si>
    <t>VELUX Sichts.-Rollo el. RML F04 4161KWL</t>
  </si>
  <si>
    <t>RML F04 4162K</t>
  </si>
  <si>
    <t>5702329499576</t>
  </si>
  <si>
    <t>VELUX Sichts.-Rollo el. RML F04 4162K</t>
  </si>
  <si>
    <t>RML F04 4162KWL</t>
  </si>
  <si>
    <t>5702329507738</t>
  </si>
  <si>
    <t>VELUX Sichts.-Rollo el. RML F04 4162KWL</t>
  </si>
  <si>
    <t>RML F04 4163K</t>
  </si>
  <si>
    <t>5702329499583</t>
  </si>
  <si>
    <t>VELUX Sichts.-Rollo el. RML F04 4163K</t>
  </si>
  <si>
    <t>RML F04 4163KWL</t>
  </si>
  <si>
    <t>5702329507745</t>
  </si>
  <si>
    <t>VELUX Sichts.-Rollo el. RML F04 4163KWL</t>
  </si>
  <si>
    <t>RML F04 4164K</t>
  </si>
  <si>
    <t>5702329499590</t>
  </si>
  <si>
    <t>VELUX Sichts.-Rollo el. RML F04 4164K</t>
  </si>
  <si>
    <t>RML F04 4164KWL</t>
  </si>
  <si>
    <t>5702329507752</t>
  </si>
  <si>
    <t>VELUX Sichts.-Rollo el. RML F04 4164KWL</t>
  </si>
  <si>
    <t>RML F04 4165K</t>
  </si>
  <si>
    <t>5702329499606</t>
  </si>
  <si>
    <t>VELUX Sichts.-Rollo el. RML F04 4165K</t>
  </si>
  <si>
    <t>RML F04 4165KWL</t>
  </si>
  <si>
    <t>5702329507769</t>
  </si>
  <si>
    <t>VELUX Sichts.-Rollo el. RML F04 4165KWL</t>
  </si>
  <si>
    <t>RML F04 4166K</t>
  </si>
  <si>
    <t>5702329499613</t>
  </si>
  <si>
    <t>VELUX Sichts.-Rollo el. RML F04 4166K</t>
  </si>
  <si>
    <t>RML F04 4166KWL</t>
  </si>
  <si>
    <t>5702329507776</t>
  </si>
  <si>
    <t>VELUX Sichts.-Rollo el. RML F04 4166KWL</t>
  </si>
  <si>
    <t>RML F04 4167K</t>
  </si>
  <si>
    <t>5702329499620</t>
  </si>
  <si>
    <t>VELUX Sichts.-Rollo el. RML F04 4167K</t>
  </si>
  <si>
    <t>RML F04 4167KWL</t>
  </si>
  <si>
    <t>5702329507783</t>
  </si>
  <si>
    <t>VELUX Sichts.-Rollo el. RML F04 4167KWL</t>
  </si>
  <si>
    <t>RML F04 4168K</t>
  </si>
  <si>
    <t>5702329499637</t>
  </si>
  <si>
    <t>VELUX Sichts.-Rollo el. RML F04 4168K</t>
  </si>
  <si>
    <t>RML F04 4168KWL</t>
  </si>
  <si>
    <t>5702329507790</t>
  </si>
  <si>
    <t>VELUX Sichts.-Rollo el. RML F04 4168KWL</t>
  </si>
  <si>
    <t>RML F04 4169K</t>
  </si>
  <si>
    <t>5702329499644</t>
  </si>
  <si>
    <t>VELUX Sichts.-Rollo el. RML F04 4169K</t>
  </si>
  <si>
    <t>RML F04 4169KWL</t>
  </si>
  <si>
    <t>5702329507806</t>
  </si>
  <si>
    <t>VELUX Sichts.-Rollo el. RML F04 4169KWL</t>
  </si>
  <si>
    <t>RML F04 4170K</t>
  </si>
  <si>
    <t>5702329499651</t>
  </si>
  <si>
    <t>VELUX Sichts.-Rollo el. RML F04 4170K</t>
  </si>
  <si>
    <t>RML F04 4170KWL</t>
  </si>
  <si>
    <t>5702329507813</t>
  </si>
  <si>
    <t>VELUX Sichts.-Rollo el. RML F04 4170KWL</t>
  </si>
  <si>
    <t>RML F04 4171K</t>
  </si>
  <si>
    <t>5702329499668</t>
  </si>
  <si>
    <t>VELUX Sichts.-Rollo el. RML F04 4171K</t>
  </si>
  <si>
    <t>RML F04 4171KWL</t>
  </si>
  <si>
    <t>5702329507820</t>
  </si>
  <si>
    <t>VELUX Sichts.-Rollo el. RML F04 4171KWL</t>
  </si>
  <si>
    <t>RML F04 9050K</t>
  </si>
  <si>
    <t>5702329499675</t>
  </si>
  <si>
    <t>VELUX Sichts.-Rollo el. RML F04 9050K</t>
  </si>
  <si>
    <t>RML F04 9050KWL</t>
  </si>
  <si>
    <t>5702329507837</t>
  </si>
  <si>
    <t>VELUX Sichts.-Rollo el. RML F04 9050KWL</t>
  </si>
  <si>
    <t>RML F06 4069K</t>
  </si>
  <si>
    <t>5702329499712</t>
  </si>
  <si>
    <t>VELUX Sichts.-Rollo el. RML F06 4069K</t>
  </si>
  <si>
    <t>RML F06 4069KWL</t>
  </si>
  <si>
    <t>5702329507875</t>
  </si>
  <si>
    <t>VELUX Sichts.-Rollo el. RML F06 4069KWL</t>
  </si>
  <si>
    <t>RML F06 4162KWL</t>
  </si>
  <si>
    <t>5702329507905</t>
  </si>
  <si>
    <t>VELUX Sichts.-Rollo el. RML F06 4162KWL</t>
  </si>
  <si>
    <t>RML F06 4163K</t>
  </si>
  <si>
    <t>5702329499750</t>
  </si>
  <si>
    <t>VELUX Sichts.-Rollo el. RML F06 4163K</t>
  </si>
  <si>
    <t>RML F06 4163KWL</t>
  </si>
  <si>
    <t>5702329507912</t>
  </si>
  <si>
    <t>VELUX Sichts.-Rollo el. RML F06 4163KWL</t>
  </si>
  <si>
    <t>RML F06 4164KWL</t>
  </si>
  <si>
    <t>5702329507929</t>
  </si>
  <si>
    <t>VELUX Sichts.-Rollo el. RML F06 4164KWL</t>
  </si>
  <si>
    <t>RML F06 4165K</t>
  </si>
  <si>
    <t>5702329499774</t>
  </si>
  <si>
    <t>VELUX Sichts.-Rollo el. RML F06 4165K</t>
  </si>
  <si>
    <t>RML F06 4165KWL</t>
  </si>
  <si>
    <t>5702329507936</t>
  </si>
  <si>
    <t>VELUX Sichts.-Rollo el. RML F06 4165KWL</t>
  </si>
  <si>
    <t>RML F06 4166KWL</t>
  </si>
  <si>
    <t>5702329507943</t>
  </si>
  <si>
    <t>VELUX Sichts.-Rollo el. RML F06 4166KWL</t>
  </si>
  <si>
    <t>RML F06 4167KWL</t>
  </si>
  <si>
    <t>5702329507950</t>
  </si>
  <si>
    <t>VELUX Sichts.-Rollo el. RML F06 4167KWL</t>
  </si>
  <si>
    <t>RML F06 4168KWL</t>
  </si>
  <si>
    <t>5702329507967</t>
  </si>
  <si>
    <t>VELUX Sichts.-Rollo el. RML F06 4168KWL</t>
  </si>
  <si>
    <t>RML F06 4169KWL</t>
  </si>
  <si>
    <t>5702329507974</t>
  </si>
  <si>
    <t>VELUX Sichts.-Rollo el. RML F06 4169KWL</t>
  </si>
  <si>
    <t>RML F06 4170K</t>
  </si>
  <si>
    <t>5702329499828</t>
  </si>
  <si>
    <t>VELUX Sichts.-Rollo el. RML F06 4170K</t>
  </si>
  <si>
    <t>RML F06 4170KWL</t>
  </si>
  <si>
    <t>5702329507981</t>
  </si>
  <si>
    <t>VELUX Sichts.-Rollo el. RML F06 4170KWL</t>
  </si>
  <si>
    <t>RML F06 4171K</t>
  </si>
  <si>
    <t>5702329499835</t>
  </si>
  <si>
    <t>VELUX Sichts.-Rollo el. RML F06 4171K</t>
  </si>
  <si>
    <t>RML F06 4171KWL</t>
  </si>
  <si>
    <t>5702329507998</t>
  </si>
  <si>
    <t>VELUX Sichts.-Rollo el. RML F06 4171KWL</t>
  </si>
  <si>
    <t>RML F06 9050KWL</t>
  </si>
  <si>
    <t>5702329508001</t>
  </si>
  <si>
    <t>VELUX Sichts.-Rollo el. RML F06 9050KWL</t>
  </si>
  <si>
    <t>RML F08 4069K</t>
  </si>
  <si>
    <t>5702329499880</t>
  </si>
  <si>
    <t>VELUX Sichts.-Rollo el. RML F08 4069K</t>
  </si>
  <si>
    <t>RML F08 4069KWL</t>
  </si>
  <si>
    <t>5702329508049</t>
  </si>
  <si>
    <t>VELUX Sichts.-Rollo el. RML F08 4069KWL</t>
  </si>
  <si>
    <t>RML F08 4155K</t>
  </si>
  <si>
    <t>5702329499897</t>
  </si>
  <si>
    <t>VELUX Sichts.-Rollo el. RML F08 4155K</t>
  </si>
  <si>
    <t>RML F08 4155KWL</t>
  </si>
  <si>
    <t>5702329508056</t>
  </si>
  <si>
    <t>VELUX Sichts.-Rollo el. RML F08 4155KWL</t>
  </si>
  <si>
    <t>RML F08 4161K</t>
  </si>
  <si>
    <t>5702329499903</t>
  </si>
  <si>
    <t>VELUX Sichts.-Rollo el. RML F08 4161K</t>
  </si>
  <si>
    <t>RML F08 4161KWL</t>
  </si>
  <si>
    <t>5702329508063</t>
  </si>
  <si>
    <t>VELUX Sichts.-Rollo el. RML F08 4161KWL</t>
  </si>
  <si>
    <t>RML F08 4162K</t>
  </si>
  <si>
    <t>5702329499910</t>
  </si>
  <si>
    <t>VELUX Sichts.-Rollo el. RML F08 4162K</t>
  </si>
  <si>
    <t>RML F08 4162KWL</t>
  </si>
  <si>
    <t>5702329508070</t>
  </si>
  <si>
    <t>VELUX Sichts.-Rollo el. RML F08 4162KWL</t>
  </si>
  <si>
    <t>RML F08 4163K</t>
  </si>
  <si>
    <t>5702329499927</t>
  </si>
  <si>
    <t>VELUX Sichts.-Rollo el. RML F08 4163K</t>
  </si>
  <si>
    <t>RML F08 4163KWL</t>
  </si>
  <si>
    <t>5702329508087</t>
  </si>
  <si>
    <t>VELUX Sichts.-Rollo el. RML F08 4163KWL</t>
  </si>
  <si>
    <t>RML F08 4164K</t>
  </si>
  <si>
    <t>5702329499934</t>
  </si>
  <si>
    <t>VELUX Sichts.-Rollo el. RML F08 4164K</t>
  </si>
  <si>
    <t>RML F08 4164KWL</t>
  </si>
  <si>
    <t>5702329508094</t>
  </si>
  <si>
    <t>VELUX Sichts.-Rollo el. RML F08 4164KWL</t>
  </si>
  <si>
    <t>RML F08 4165K</t>
  </si>
  <si>
    <t>5702329499941</t>
  </si>
  <si>
    <t>VELUX Sichts.-Rollo el. RML F08 4165K</t>
  </si>
  <si>
    <t>RML F08 4165KWL</t>
  </si>
  <si>
    <t>5702329508100</t>
  </si>
  <si>
    <t>VELUX Sichts.-Rollo el. RML F08 4165KWL</t>
  </si>
  <si>
    <t>RML F08 4166K</t>
  </si>
  <si>
    <t>5702329499958</t>
  </si>
  <si>
    <t>VELUX Sichts.-Rollo el. RML F08 4166K</t>
  </si>
  <si>
    <t>RML F08 4166KWL</t>
  </si>
  <si>
    <t>5702329508117</t>
  </si>
  <si>
    <t>VELUX Sichts.-Rollo el. RML F08 4166KWL</t>
  </si>
  <si>
    <t>RML F08 4167K</t>
  </si>
  <si>
    <t>5702329499965</t>
  </si>
  <si>
    <t>VELUX Sichts.-Rollo el. RML F08 4167K</t>
  </si>
  <si>
    <t>RML F08 4167KWL</t>
  </si>
  <si>
    <t>5702329508124</t>
  </si>
  <si>
    <t>VELUX Sichts.-Rollo el. RML F08 4167KWL</t>
  </si>
  <si>
    <t>RML F08 4168K</t>
  </si>
  <si>
    <t>5702329499972</t>
  </si>
  <si>
    <t>VELUX Sichts.-Rollo el. RML F08 4168K</t>
  </si>
  <si>
    <t>RML F08 4168KWL</t>
  </si>
  <si>
    <t>5702329508131</t>
  </si>
  <si>
    <t>VELUX Sichts.-Rollo el. RML F08 4168KWL</t>
  </si>
  <si>
    <t>RML F08 4169K</t>
  </si>
  <si>
    <t>5702329499989</t>
  </si>
  <si>
    <t>VELUX Sichts.-Rollo el. RML F08 4169K</t>
  </si>
  <si>
    <t>RML F08 4169KWL</t>
  </si>
  <si>
    <t>5702329508148</t>
  </si>
  <si>
    <t>VELUX Sichts.-Rollo el. RML F08 4169KWL</t>
  </si>
  <si>
    <t>RML F08 4170K</t>
  </si>
  <si>
    <t>5702329499996</t>
  </si>
  <si>
    <t>VELUX Sichts.-Rollo el. RML F08 4170K</t>
  </si>
  <si>
    <t>RML F08 4170KWL</t>
  </si>
  <si>
    <t>5702329508155</t>
  </si>
  <si>
    <t>VELUX Sichts.-Rollo el. RML F08 4170KWL</t>
  </si>
  <si>
    <t>RML F08 4171K</t>
  </si>
  <si>
    <t>5702329500005</t>
  </si>
  <si>
    <t>VELUX Sichts.-Rollo el. RML F08 4171K</t>
  </si>
  <si>
    <t>RML F08 4171KWL</t>
  </si>
  <si>
    <t>5702329508162</t>
  </si>
  <si>
    <t>VELUX Sichts.-Rollo el. RML F08 4171KWL</t>
  </si>
  <si>
    <t>RML F08 9050K</t>
  </si>
  <si>
    <t>5702329500012</t>
  </si>
  <si>
    <t>VELUX Sichts.-Rollo el. RML F08 9050K</t>
  </si>
  <si>
    <t>RML FK04 4162K</t>
  </si>
  <si>
    <t>5702329500081</t>
  </si>
  <si>
    <t>VELUX Sichts.-Rollo el. RML FK04 4162K</t>
  </si>
  <si>
    <t>RML FK04 4162KWL</t>
  </si>
  <si>
    <t>5702329508247</t>
  </si>
  <si>
    <t>VELUX Sichts.-Rollo el. RML FK04 4162KWL</t>
  </si>
  <si>
    <t>RML FK04 4163K</t>
  </si>
  <si>
    <t>5702329500098</t>
  </si>
  <si>
    <t>VELUX Sichts.-Rollo el. RML FK04 4163K</t>
  </si>
  <si>
    <t>RML FK04 4164K</t>
  </si>
  <si>
    <t>5702329500104</t>
  </si>
  <si>
    <t>VELUX Sichts.-Rollo el. RML FK04 4164K</t>
  </si>
  <si>
    <t>RML FK04 4164KWL</t>
  </si>
  <si>
    <t>5702329508261</t>
  </si>
  <si>
    <t>VELUX Sichts.-Rollo el. RML FK04 4164KWL</t>
  </si>
  <si>
    <t>RML FK04 4165K</t>
  </si>
  <si>
    <t>5702329500111</t>
  </si>
  <si>
    <t>VELUX Sichts.-Rollo el. RML FK04 4165K</t>
  </si>
  <si>
    <t>RML FK04 4165KWL</t>
  </si>
  <si>
    <t>5702329508278</t>
  </si>
  <si>
    <t>VELUX Sichts.-Rollo el. RML FK04 4165KWL</t>
  </si>
  <si>
    <t>RML FK04 4167K</t>
  </si>
  <si>
    <t>5702329500135</t>
  </si>
  <si>
    <t>VELUX Sichts.-Rollo el. RML FK04 4167K</t>
  </si>
  <si>
    <t>RML FK04 4167KWL</t>
  </si>
  <si>
    <t>5702329508292</t>
  </si>
  <si>
    <t>VELUX Sichts.-Rollo el. RML FK04 4167KWL</t>
  </si>
  <si>
    <t>RML FK04 4168K</t>
  </si>
  <si>
    <t>5702329500142</t>
  </si>
  <si>
    <t>VELUX Sichts.-Rollo el. RML FK04 4168K</t>
  </si>
  <si>
    <t>RML FK04 4168KWL</t>
  </si>
  <si>
    <t>5702329508308</t>
  </si>
  <si>
    <t>VELUX Sichts.-Rollo el. RML FK04 4168KWL</t>
  </si>
  <si>
    <t>RML FK04 4169KWL</t>
  </si>
  <si>
    <t>5702329508315</t>
  </si>
  <si>
    <t>VELUX Sichts.-Rollo el. RML FK04 4169KWL</t>
  </si>
  <si>
    <t>RML FK04 4170KWL</t>
  </si>
  <si>
    <t>5702329508322</t>
  </si>
  <si>
    <t>VELUX Sichts.-Rollo el. RML FK04 4170KWL</t>
  </si>
  <si>
    <t>RML FK04 4171K</t>
  </si>
  <si>
    <t>5702329500173</t>
  </si>
  <si>
    <t>VELUX Sichts.-Rollo el. RML FK04 4171K</t>
  </si>
  <si>
    <t>RML FK04 4171KWL</t>
  </si>
  <si>
    <t>5702329508339</t>
  </si>
  <si>
    <t>VELUX Sichts.-Rollo el. RML FK04 4171KWL</t>
  </si>
  <si>
    <t>RML FK04 9050K</t>
  </si>
  <si>
    <t>5702329500180</t>
  </si>
  <si>
    <t>VELUX Sichts.-Rollo el. RML FK04 9050K</t>
  </si>
  <si>
    <t>RML FK04 9050KWL</t>
  </si>
  <si>
    <t>5702329508346</t>
  </si>
  <si>
    <t>VELUX Sichts.-Rollo el. RML FK04 9050KWL</t>
  </si>
  <si>
    <t>RML FK06 4162KWL</t>
  </si>
  <si>
    <t>5702329508414</t>
  </si>
  <si>
    <t>VELUX Sichts.-Rollo el. RML FK06 4162KWL</t>
  </si>
  <si>
    <t>RML FK06 4167K</t>
  </si>
  <si>
    <t>5702329500302</t>
  </si>
  <si>
    <t>VELUX Sichts.-Rollo el. RML FK06 4167K</t>
  </si>
  <si>
    <t>RML FK06 4168K</t>
  </si>
  <si>
    <t>5702329500319</t>
  </si>
  <si>
    <t>VELUX Sichts.-Rollo el. RML FK06 4168K</t>
  </si>
  <si>
    <t>RML FK08 4162K</t>
  </si>
  <si>
    <t>5702329500425</t>
  </si>
  <si>
    <t>VELUX Sichts.-Rollo el. RML FK08 4162K</t>
  </si>
  <si>
    <t>RML FK08 4162KWL</t>
  </si>
  <si>
    <t>5702329508582</t>
  </si>
  <si>
    <t>VELUX Sichts.-Rollo el. RML FK08 4162KWL</t>
  </si>
  <si>
    <t>RML FK08 4164K</t>
  </si>
  <si>
    <t>5702329500449</t>
  </si>
  <si>
    <t>VELUX Sichts.-Rollo el. RML FK08 4164K</t>
  </si>
  <si>
    <t>RML FK08 4164KWL</t>
  </si>
  <si>
    <t>5702329508605</t>
  </si>
  <si>
    <t>VELUX Sichts.-Rollo el. RML FK08 4164KWL</t>
  </si>
  <si>
    <t>RML FK08 4165K</t>
  </si>
  <si>
    <t>5702329500456</t>
  </si>
  <si>
    <t>VELUX Sichts.-Rollo el. RML FK08 4165K</t>
  </si>
  <si>
    <t>RML FK08 4165KWL</t>
  </si>
  <si>
    <t>5702329508612</t>
  </si>
  <si>
    <t>VELUX Sichts.-Rollo el. RML FK08 4165KWL</t>
  </si>
  <si>
    <t>RML FK08 4166K</t>
  </si>
  <si>
    <t>5702329500463</t>
  </si>
  <si>
    <t>VELUX Sichts.-Rollo el. RML FK08 4166K</t>
  </si>
  <si>
    <t>RML FK08 4166KWL</t>
  </si>
  <si>
    <t>5702329508629</t>
  </si>
  <si>
    <t>VELUX Sichts.-Rollo el. RML FK08 4166KWL</t>
  </si>
  <si>
    <t>RML FK08 4168KWL</t>
  </si>
  <si>
    <t>5702329508643</t>
  </si>
  <si>
    <t>VELUX Sichts.-Rollo el. RML FK08 4168KWL</t>
  </si>
  <si>
    <t>RML FK08 4171KWL</t>
  </si>
  <si>
    <t>5702329508674</t>
  </si>
  <si>
    <t>VELUX Sichts.-Rollo el. RML FK08 4171KWL</t>
  </si>
  <si>
    <t>RML M04 4069KWL</t>
  </si>
  <si>
    <t>5702329508728</t>
  </si>
  <si>
    <t>VELUX Sichts.-Rollo el. RML M04 4069KWL</t>
  </si>
  <si>
    <t>RML M04 4162K</t>
  </si>
  <si>
    <t>5702329500593</t>
  </si>
  <si>
    <t>VELUX Sichts.-Rollo el. RML M04 4162K</t>
  </si>
  <si>
    <t>RML M04 4162KWL</t>
  </si>
  <si>
    <t>5702329508759</t>
  </si>
  <si>
    <t>VELUX Sichts.-Rollo el. RML M04 4162KWL</t>
  </si>
  <si>
    <t>RML M04 4164K</t>
  </si>
  <si>
    <t>5702329500616</t>
  </si>
  <si>
    <t>VELUX Sichts.-Rollo el. RML M04 4164K</t>
  </si>
  <si>
    <t>RML M04 4164KWL</t>
  </si>
  <si>
    <t>5702329508773</t>
  </si>
  <si>
    <t>VELUX Sichts.-Rollo el. RML M04 4164KWL</t>
  </si>
  <si>
    <t>RML M04 4165K</t>
  </si>
  <si>
    <t>5702329500623</t>
  </si>
  <si>
    <t>VELUX Sichts.-Rollo el. RML M04 4165K</t>
  </si>
  <si>
    <t>RML M04 4165KWL</t>
  </si>
  <si>
    <t>5702329508780</t>
  </si>
  <si>
    <t>VELUX Sichts.-Rollo el. RML M04 4165KWL</t>
  </si>
  <si>
    <t>RML M04 4166K</t>
  </si>
  <si>
    <t>5702329500630</t>
  </si>
  <si>
    <t>VELUX Sichts.-Rollo el. RML M04 4166K</t>
  </si>
  <si>
    <t>RML M04 4166KWL</t>
  </si>
  <si>
    <t>5702329508797</t>
  </si>
  <si>
    <t>VELUX Sichts.-Rollo el. RML M04 4166KWL</t>
  </si>
  <si>
    <t>RML M04 4167K</t>
  </si>
  <si>
    <t>5702329500647</t>
  </si>
  <si>
    <t>VELUX Sichts.-Rollo el. RML M04 4167K</t>
  </si>
  <si>
    <t>RML M04 4167KWL</t>
  </si>
  <si>
    <t>5702329508803</t>
  </si>
  <si>
    <t>VELUX Sichts.-Rollo el. RML M04 4167KWL</t>
  </si>
  <si>
    <t>RML M04 4168KWL</t>
  </si>
  <si>
    <t>5702329508810</t>
  </si>
  <si>
    <t>VELUX Sichts.-Rollo el. RML M04 4168KWL</t>
  </si>
  <si>
    <t>RML M04 4170K</t>
  </si>
  <si>
    <t>5702329500678</t>
  </si>
  <si>
    <t>VELUX Sichts.-Rollo el. RML M04 4170K</t>
  </si>
  <si>
    <t>RML M06 4069K</t>
  </si>
  <si>
    <t>5702329500739</t>
  </si>
  <si>
    <t>VELUX Sichts.-Rollo el. RML M06 4069K</t>
  </si>
  <si>
    <t>RML M06 4155KWL</t>
  </si>
  <si>
    <t>5702329508902</t>
  </si>
  <si>
    <t>VELUX Sichts.-Rollo el. RML M06 4155KWL</t>
  </si>
  <si>
    <t>RML M06 4162K</t>
  </si>
  <si>
    <t>5702329500760</t>
  </si>
  <si>
    <t>VELUX Sichts.-Rollo el. RML M06 4162K</t>
  </si>
  <si>
    <t>RML M06 4162KWL</t>
  </si>
  <si>
    <t>5702329508926</t>
  </si>
  <si>
    <t>VELUX Sichts.-Rollo el. RML M06 4162KWL</t>
  </si>
  <si>
    <t>RML M06 4163K</t>
  </si>
  <si>
    <t>5702329500777</t>
  </si>
  <si>
    <t>VELUX Sichts.-Rollo el. RML M06 4163K</t>
  </si>
  <si>
    <t>RML M06 4164K</t>
  </si>
  <si>
    <t>5702329500784</t>
  </si>
  <si>
    <t>VELUX Sichts.-Rollo el. RML M06 4164K</t>
  </si>
  <si>
    <t>RML M06 4164KWL</t>
  </si>
  <si>
    <t>5702329508940</t>
  </si>
  <si>
    <t>VELUX Sichts.-Rollo el. RML M06 4164KWL</t>
  </si>
  <si>
    <t>RML M06 4165KWL</t>
  </si>
  <si>
    <t>5702329508957</t>
  </si>
  <si>
    <t>VELUX Sichts.-Rollo el. RML M06 4165KWL</t>
  </si>
  <si>
    <t>RML M06 4166K</t>
  </si>
  <si>
    <t>5702329500807</t>
  </si>
  <si>
    <t>VELUX Sichts.-Rollo el. RML M06 4166K</t>
  </si>
  <si>
    <t>RML M06 4166KWL</t>
  </si>
  <si>
    <t>5702329508964</t>
  </si>
  <si>
    <t>VELUX Sichts.-Rollo el. RML M06 4166KWL</t>
  </si>
  <si>
    <t>RML M06 4167KWL</t>
  </si>
  <si>
    <t>5702329508971</t>
  </si>
  <si>
    <t>VELUX Sichts.-Rollo el. RML M06 4167KWL</t>
  </si>
  <si>
    <t>RML M06 4168K</t>
  </si>
  <si>
    <t>5702329500821</t>
  </si>
  <si>
    <t>VELUX Sichts.-Rollo el. RML M06 4168K</t>
  </si>
  <si>
    <t>RML M06 4168KWL</t>
  </si>
  <si>
    <t>5702329508988</t>
  </si>
  <si>
    <t>VELUX Sichts.-Rollo el. RML M06 4168KWL</t>
  </si>
  <si>
    <t>RML M06 4170K</t>
  </si>
  <si>
    <t>5702329500845</t>
  </si>
  <si>
    <t>VELUX Sichts.-Rollo el. RML M06 4170K</t>
  </si>
  <si>
    <t>RML M06 4170KWL</t>
  </si>
  <si>
    <t>5702329509008</t>
  </si>
  <si>
    <t>VELUX Sichts.-Rollo el. RML M06 4170KWL</t>
  </si>
  <si>
    <t>RML M06 4171KWL</t>
  </si>
  <si>
    <t>5702329509015</t>
  </si>
  <si>
    <t>VELUX Sichts.-Rollo el. RML M06 4171KWL</t>
  </si>
  <si>
    <t>RML M06 9050K</t>
  </si>
  <si>
    <t>5702329500869</t>
  </si>
  <si>
    <t>VELUX Sichts.-Rollo el. RML M06 9050K</t>
  </si>
  <si>
    <t>RML M06 9050KWL</t>
  </si>
  <si>
    <t>5702329509022</t>
  </si>
  <si>
    <t>VELUX Sichts.-Rollo el. RML M06 9050KWL</t>
  </si>
  <si>
    <t>RML M08 4162K</t>
  </si>
  <si>
    <t>5702329500937</t>
  </si>
  <si>
    <t>VELUX Sichts.-Rollo el. RML M08 4162K</t>
  </si>
  <si>
    <t>RML M08 4162KWL</t>
  </si>
  <si>
    <t>5702329509091</t>
  </si>
  <si>
    <t>VELUX Sichts.-Rollo el. RML M08 4162KWL</t>
  </si>
  <si>
    <t>RML M08 4164KWL</t>
  </si>
  <si>
    <t>5702329509114</t>
  </si>
  <si>
    <t>VELUX Sichts.-Rollo el. RML M08 4164KWL</t>
  </si>
  <si>
    <t>RML M08 4167KWL</t>
  </si>
  <si>
    <t>5702329509145</t>
  </si>
  <si>
    <t>VELUX Sichts.-Rollo el. RML M08 4167KWL</t>
  </si>
  <si>
    <t>RML M08 4168K</t>
  </si>
  <si>
    <t>5702329500999</t>
  </si>
  <si>
    <t>VELUX Sichts.-Rollo el. RML M08 4168K</t>
  </si>
  <si>
    <t>RML M08 4168KWL</t>
  </si>
  <si>
    <t>5702329509152</t>
  </si>
  <si>
    <t>VELUX Sichts.-Rollo el. RML M08 4168KWL</t>
  </si>
  <si>
    <t>RML M10 4069K</t>
  </si>
  <si>
    <t>5702329501071</t>
  </si>
  <si>
    <t>VELUX Sichts.-Rollo el. RML M10 4069K</t>
  </si>
  <si>
    <t>RML M10 4069KWL</t>
  </si>
  <si>
    <t>5702329509237</t>
  </si>
  <si>
    <t>VELUX Sichts.-Rollo el. RML M10 4069KWL</t>
  </si>
  <si>
    <t>RML M10 4155K</t>
  </si>
  <si>
    <t>5702329501088</t>
  </si>
  <si>
    <t>VELUX Sichts.-Rollo el. RML M10 4155K</t>
  </si>
  <si>
    <t>RML M10 4155KWL</t>
  </si>
  <si>
    <t>5702329509244</t>
  </si>
  <si>
    <t>VELUX Sichts.-Rollo el. RML M10 4155KWL</t>
  </si>
  <si>
    <t>RML M10 4161K</t>
  </si>
  <si>
    <t>5702329501095</t>
  </si>
  <si>
    <t>VELUX Sichts.-Rollo el. RML M10 4161K</t>
  </si>
  <si>
    <t>RML M10 4162K</t>
  </si>
  <si>
    <t>5702329501101</t>
  </si>
  <si>
    <t>VELUX Sichts.-Rollo el. RML M10 4162K</t>
  </si>
  <si>
    <t>RML M10 4162KWL</t>
  </si>
  <si>
    <t>5702329509268</t>
  </si>
  <si>
    <t>VELUX Sichts.-Rollo el. RML M10 4162KWL</t>
  </si>
  <si>
    <t>RML M10 4163K</t>
  </si>
  <si>
    <t>5702329501118</t>
  </si>
  <si>
    <t>VELUX Sichts.-Rollo el. RML M10 4163K</t>
  </si>
  <si>
    <t>RML M10 4163KWL</t>
  </si>
  <si>
    <t>5702329509275</t>
  </si>
  <si>
    <t>VELUX Sichts.-Rollo el. RML M10 4163KWL</t>
  </si>
  <si>
    <t>RML M10 4164K</t>
  </si>
  <si>
    <t>5702329501125</t>
  </si>
  <si>
    <t>VELUX Sichts.-Rollo el. RML M10 4164K</t>
  </si>
  <si>
    <t>RML M10 4164KWL</t>
  </si>
  <si>
    <t>5702329509282</t>
  </si>
  <si>
    <t>VELUX Sichts.-Rollo el. RML M10 4164KWL</t>
  </si>
  <si>
    <t>RML M10 4165K</t>
  </si>
  <si>
    <t>5702329501132</t>
  </si>
  <si>
    <t>VELUX Sichts.-Rollo el. RML M10 4165K</t>
  </si>
  <si>
    <t>RML M10 4165KWL</t>
  </si>
  <si>
    <t>5702329509299</t>
  </si>
  <si>
    <t>VELUX Sichts.-Rollo el. RML M10 4165KWL</t>
  </si>
  <si>
    <t>RML M10 4166K</t>
  </si>
  <si>
    <t>5702329501149</t>
  </si>
  <si>
    <t>VELUX Sichts.-Rollo el. RML M10 4166K</t>
  </si>
  <si>
    <t>RML M10 4166KWL</t>
  </si>
  <si>
    <t>5702329509305</t>
  </si>
  <si>
    <t>VELUX Sichts.-Rollo el. RML M10 4166KWL</t>
  </si>
  <si>
    <t>RML M10 4167K</t>
  </si>
  <si>
    <t>5702329501156</t>
  </si>
  <si>
    <t>VELUX Sichts.-Rollo el. RML M10 4167K</t>
  </si>
  <si>
    <t>RML M10 4167KWL</t>
  </si>
  <si>
    <t>5702329509312</t>
  </si>
  <si>
    <t>VELUX Sichts.-Rollo el. RML M10 4167KWL</t>
  </si>
  <si>
    <t>RML M10 4168K</t>
  </si>
  <si>
    <t>5702329501163</t>
  </si>
  <si>
    <t>VELUX Sichts.-Rollo el. RML M10 4168K</t>
  </si>
  <si>
    <t>RML M10 4168KWL</t>
  </si>
  <si>
    <t>5702329509329</t>
  </si>
  <si>
    <t>VELUX Sichts.-Rollo el. RML M10 4168KWL</t>
  </si>
  <si>
    <t>RML M10 4169K</t>
  </si>
  <si>
    <t>5702329501170</t>
  </si>
  <si>
    <t>VELUX Sichts.-Rollo el. RML M10 4169K</t>
  </si>
  <si>
    <t>RML M10 4169KWL</t>
  </si>
  <si>
    <t>5702329509336</t>
  </si>
  <si>
    <t>VELUX Sichts.-Rollo el. RML M10 4169KWL</t>
  </si>
  <si>
    <t>RML M10 4170K</t>
  </si>
  <si>
    <t>5702329501187</t>
  </si>
  <si>
    <t>VELUX Sichts.-Rollo el. RML M10 4170K</t>
  </si>
  <si>
    <t>RML M10 4170KWL</t>
  </si>
  <si>
    <t>5702329509343</t>
  </si>
  <si>
    <t>VELUX Sichts.-Rollo el. RML M10 4170KWL</t>
  </si>
  <si>
    <t>RML M10 4171K</t>
  </si>
  <si>
    <t>5702329501194</t>
  </si>
  <si>
    <t>VELUX Sichts.-Rollo el. RML M10 4171K</t>
  </si>
  <si>
    <t>RML M10 4171KWL</t>
  </si>
  <si>
    <t>5702329509350</t>
  </si>
  <si>
    <t>VELUX Sichts.-Rollo el. RML M10 4171KWL</t>
  </si>
  <si>
    <t>RML M10 9050K</t>
  </si>
  <si>
    <t>5702329501200</t>
  </si>
  <si>
    <t>VELUX Sichts.-Rollo el. RML M10 9050K</t>
  </si>
  <si>
    <t>RML M10 9050KWL</t>
  </si>
  <si>
    <t>5702329509367</t>
  </si>
  <si>
    <t>VELUX Sichts.-Rollo el. RML M10 9050KWL</t>
  </si>
  <si>
    <t>RML MK04 4162KWL</t>
  </si>
  <si>
    <t>5702329509602</t>
  </si>
  <si>
    <t>VELUX Sichts.-Rollo el. RML MK04 4162KWL</t>
  </si>
  <si>
    <t>RML MK06 4168K</t>
  </si>
  <si>
    <t>5702329501675</t>
  </si>
  <si>
    <t>VELUX Sichts.-Rollo el. RML MK06 4168K</t>
  </si>
  <si>
    <t>RML MK08 4162KWL</t>
  </si>
  <si>
    <t>5702329509947</t>
  </si>
  <si>
    <t>VELUX Sichts.-Rollo el. RML MK08 4162KWL</t>
  </si>
  <si>
    <t>RML MK08 4164K</t>
  </si>
  <si>
    <t>5702329501804</t>
  </si>
  <si>
    <t>VELUX Sichts.-Rollo el. RML MK08 4164K</t>
  </si>
  <si>
    <t>RML MK08 4171K</t>
  </si>
  <si>
    <t>5702329501873</t>
  </si>
  <si>
    <t>VELUX Sichts.-Rollo el. RML MK08 4171K</t>
  </si>
  <si>
    <t>RML MK10 4162K</t>
  </si>
  <si>
    <t>5702329501958</t>
  </si>
  <si>
    <t>VELUX Sichts.-Rollo el. RML MK10 4162K</t>
  </si>
  <si>
    <t>RML MK10 4162KWL</t>
  </si>
  <si>
    <t>5702329510110</t>
  </si>
  <si>
    <t>VELUX Sichts.-Rollo el. RML MK10 4162KWL</t>
  </si>
  <si>
    <t>RML MK10 4164K</t>
  </si>
  <si>
    <t>5702329501972</t>
  </si>
  <si>
    <t>VELUX Sichts.-Rollo el. RML MK10 4164K</t>
  </si>
  <si>
    <t>RML MK10 4164KWL</t>
  </si>
  <si>
    <t>5702329510134</t>
  </si>
  <si>
    <t>VELUX Sichts.-Rollo el. RML MK10 4164KWL</t>
  </si>
  <si>
    <t>RML MK10 4165K</t>
  </si>
  <si>
    <t>5702329501989</t>
  </si>
  <si>
    <t>VELUX Sichts.-Rollo el. RML MK10 4165K</t>
  </si>
  <si>
    <t>RML MK10 4166K</t>
  </si>
  <si>
    <t>5702329501996</t>
  </si>
  <si>
    <t>VELUX Sichts.-Rollo el. RML MK10 4166K</t>
  </si>
  <si>
    <t>RML MK10 4167K</t>
  </si>
  <si>
    <t>5702329502009</t>
  </si>
  <si>
    <t>VELUX Sichts.-Rollo el. RML MK10 4167K</t>
  </si>
  <si>
    <t>RML MK10 4168K</t>
  </si>
  <si>
    <t>5702329502016</t>
  </si>
  <si>
    <t>VELUX Sichts.-Rollo el. RML MK10 4168K</t>
  </si>
  <si>
    <t>RML MK10 4168KWL</t>
  </si>
  <si>
    <t>5702329510172</t>
  </si>
  <si>
    <t>VELUX Sichts.-Rollo el. RML MK10 4168KWL</t>
  </si>
  <si>
    <t>RML MK10 4169KWL</t>
  </si>
  <si>
    <t>5702329510189</t>
  </si>
  <si>
    <t>VELUX Sichts.-Rollo el. RML MK10 4169KWL</t>
  </si>
  <si>
    <t>RML MK10 4171K</t>
  </si>
  <si>
    <t>5702329502047</t>
  </si>
  <si>
    <t>VELUX Sichts.-Rollo el. RML MK10 4171K</t>
  </si>
  <si>
    <t>RML MK10 9050K</t>
  </si>
  <si>
    <t>5702329502054</t>
  </si>
  <si>
    <t>VELUX Sichts.-Rollo el. RML MK10 9050K</t>
  </si>
  <si>
    <t>RML MK12 4069K</t>
  </si>
  <si>
    <t>5702329502092</t>
  </si>
  <si>
    <t>VELUX Sichts.-Rollo el. RML MK12 4069K</t>
  </si>
  <si>
    <t>RML MK12 4162K</t>
  </si>
  <si>
    <t>5702329502122</t>
  </si>
  <si>
    <t>VELUX Sichts.-Rollo el. RML MK12 4162K</t>
  </si>
  <si>
    <t>RML MK12 4162KWL</t>
  </si>
  <si>
    <t>5702329510288</t>
  </si>
  <si>
    <t>VELUX Sichts.-Rollo el. RML MK12 4162KWL</t>
  </si>
  <si>
    <t>RML MK12 4163K</t>
  </si>
  <si>
    <t>5702329502139</t>
  </si>
  <si>
    <t>VELUX Sichts.-Rollo el. RML MK12 4163K</t>
  </si>
  <si>
    <t>RML MK12 4164K</t>
  </si>
  <si>
    <t>5702329502146</t>
  </si>
  <si>
    <t>VELUX Sichts.-Rollo el. RML MK12 4164K</t>
  </si>
  <si>
    <t>RML MK12 4164KWL</t>
  </si>
  <si>
    <t>5702329510301</t>
  </si>
  <si>
    <t>VELUX Sichts.-Rollo el. RML MK12 4164KWL</t>
  </si>
  <si>
    <t>RML MK12 4165K</t>
  </si>
  <si>
    <t>5702329502153</t>
  </si>
  <si>
    <t>VELUX Sichts.-Rollo el. RML MK12 4165K</t>
  </si>
  <si>
    <t>RML MK12 4165KWL</t>
  </si>
  <si>
    <t>5702329510318</t>
  </si>
  <si>
    <t>VELUX Sichts.-Rollo el. RML MK12 4165KWL</t>
  </si>
  <si>
    <t>RML MK12 4166K</t>
  </si>
  <si>
    <t>5702329502160</t>
  </si>
  <si>
    <t>VELUX Sichts.-Rollo el. RML MK12 4166K</t>
  </si>
  <si>
    <t>RML MK12 4166KWL</t>
  </si>
  <si>
    <t>5702329510325</t>
  </si>
  <si>
    <t>VELUX Sichts.-Rollo el. RML MK12 4166KWL</t>
  </si>
  <si>
    <t>RML MK12 4167K</t>
  </si>
  <si>
    <t>5702329502177</t>
  </si>
  <si>
    <t>VELUX Sichts.-Rollo el. RML MK12 4167K</t>
  </si>
  <si>
    <t>RML MK12 4167KWL</t>
  </si>
  <si>
    <t>5702329510332</t>
  </si>
  <si>
    <t>VELUX Sichts.-Rollo el. RML MK12 4167KWL</t>
  </si>
  <si>
    <t>RML MK12 4168K</t>
  </si>
  <si>
    <t>5702329502184</t>
  </si>
  <si>
    <t>VELUX Sichts.-Rollo el. RML MK12 4168K</t>
  </si>
  <si>
    <t>RML MK12 4168KWL</t>
  </si>
  <si>
    <t>5702329510349</t>
  </si>
  <si>
    <t>VELUX Sichts.-Rollo el. RML MK12 4168KWL</t>
  </si>
  <si>
    <t>RML MK12 4170K</t>
  </si>
  <si>
    <t>5702329502207</t>
  </si>
  <si>
    <t>VELUX Sichts.-Rollo el. RML MK12 4170K</t>
  </si>
  <si>
    <t>RML MK12 4171K</t>
  </si>
  <si>
    <t>5702329502214</t>
  </si>
  <si>
    <t>VELUX Sichts.-Rollo el. RML MK12 4171K</t>
  </si>
  <si>
    <t>RML MK12 4171KWL</t>
  </si>
  <si>
    <t>5702329510370</t>
  </si>
  <si>
    <t>VELUX Sichts.-Rollo el. RML MK12 4171KWL</t>
  </si>
  <si>
    <t>RML MK12 9050K</t>
  </si>
  <si>
    <t>5702329502221</t>
  </si>
  <si>
    <t>VELUX Sichts.-Rollo el. RML MK12 9050K</t>
  </si>
  <si>
    <t>RML MK12 9050KWL</t>
  </si>
  <si>
    <t>5702329510387</t>
  </si>
  <si>
    <t>VELUX Sichts.-Rollo el. RML MK12 9050KWL</t>
  </si>
  <si>
    <t>RML P04 1086KWL</t>
  </si>
  <si>
    <t>5702329510417</t>
  </si>
  <si>
    <t>VELUX Sichts.-Rollo el. RML P04 1086KWL</t>
  </si>
  <si>
    <t>RML P04 4069K</t>
  </si>
  <si>
    <t>5702329502269</t>
  </si>
  <si>
    <t>VELUX Sichts.-Rollo el. RML P04 4069K</t>
  </si>
  <si>
    <t>RML P04 4069KWL</t>
  </si>
  <si>
    <t>5702329510424</t>
  </si>
  <si>
    <t>VELUX Sichts.-Rollo el. RML P04 4069KWL</t>
  </si>
  <si>
    <t>RML P04 4155KWL</t>
  </si>
  <si>
    <t>5702329510431</t>
  </si>
  <si>
    <t>VELUX Sichts.-Rollo el. RML P04 4155KWL</t>
  </si>
  <si>
    <t>RML P04 4161KWL</t>
  </si>
  <si>
    <t>5702329510448</t>
  </si>
  <si>
    <t>VELUX Sichts.-Rollo el. RML P04 4161KWL</t>
  </si>
  <si>
    <t>RML P04 4162K</t>
  </si>
  <si>
    <t>5702329502290</t>
  </si>
  <si>
    <t>VELUX Sichts.-Rollo el. RML P04 4162K</t>
  </si>
  <si>
    <t>RML P04 4162KWL</t>
  </si>
  <si>
    <t>5702329510455</t>
  </si>
  <si>
    <t>VELUX Sichts.-Rollo el. RML P04 4162KWL</t>
  </si>
  <si>
    <t>RML P04 4163KWL</t>
  </si>
  <si>
    <t>5702329510462</t>
  </si>
  <si>
    <t>VELUX Sichts.-Rollo el. RML P04 4163KWL</t>
  </si>
  <si>
    <t>RML P04 4164KWL</t>
  </si>
  <si>
    <t>5702329510479</t>
  </si>
  <si>
    <t>VELUX Sichts.-Rollo el. RML P04 4164KWL</t>
  </si>
  <si>
    <t>RML P04 4165K</t>
  </si>
  <si>
    <t>5702329502320</t>
  </si>
  <si>
    <t>VELUX Sichts.-Rollo el. RML P04 4165K</t>
  </si>
  <si>
    <t>RML P04 4165KWL</t>
  </si>
  <si>
    <t>5702329510486</t>
  </si>
  <si>
    <t>VELUX Sichts.-Rollo el. RML P04 4165KWL</t>
  </si>
  <si>
    <t>RML P04 4166KWL</t>
  </si>
  <si>
    <t>5702329510493</t>
  </si>
  <si>
    <t>VELUX Sichts.-Rollo el. RML P04 4166KWL</t>
  </si>
  <si>
    <t>RML P04 4167KWL</t>
  </si>
  <si>
    <t>5702329510509</t>
  </si>
  <si>
    <t>VELUX Sichts.-Rollo el. RML P04 4167KWL</t>
  </si>
  <si>
    <t>RML P04 4168K</t>
  </si>
  <si>
    <t>5702329502351</t>
  </si>
  <si>
    <t>VELUX Sichts.-Rollo el. RML P04 4168K</t>
  </si>
  <si>
    <t>RML P04 4168KWL</t>
  </si>
  <si>
    <t>5702329510516</t>
  </si>
  <si>
    <t>VELUX Sichts.-Rollo el. RML P04 4168KWL</t>
  </si>
  <si>
    <t>RML P04 4169K</t>
  </si>
  <si>
    <t>5702329502368</t>
  </si>
  <si>
    <t>VELUX Sichts.-Rollo el. RML P04 4169K</t>
  </si>
  <si>
    <t>RML P04 4169KWL</t>
  </si>
  <si>
    <t>5702329510523</t>
  </si>
  <si>
    <t>VELUX Sichts.-Rollo el. RML P04 4169KWL</t>
  </si>
  <si>
    <t>RML P04 4170K</t>
  </si>
  <si>
    <t>5702329502375</t>
  </si>
  <si>
    <t>VELUX Sichts.-Rollo el. RML P04 4170K</t>
  </si>
  <si>
    <t>RML P04 4170KWL</t>
  </si>
  <si>
    <t>5702329510530</t>
  </si>
  <si>
    <t>VELUX Sichts.-Rollo el. RML P04 4170KWL</t>
  </si>
  <si>
    <t>RML P04 4171KWL</t>
  </si>
  <si>
    <t>5702329510547</t>
  </si>
  <si>
    <t>VELUX Sichts.-Rollo el. RML P04 4171KWL</t>
  </si>
  <si>
    <t>RML P04 9050KWL</t>
  </si>
  <si>
    <t>5702329510554</t>
  </si>
  <si>
    <t>VELUX Sichts.-Rollo el. RML P04 9050KWL</t>
  </si>
  <si>
    <t>RML P06 4069K</t>
  </si>
  <si>
    <t>5702329502436</t>
  </si>
  <si>
    <t>VELUX Sichts.-Rollo el. RML P06 4069K</t>
  </si>
  <si>
    <t>RML P06 4069KWL</t>
  </si>
  <si>
    <t>5702329510592</t>
  </si>
  <si>
    <t>VELUX Sichts.-Rollo el. RML P06 4069KWL</t>
  </si>
  <si>
    <t>RML P06 4155KWL</t>
  </si>
  <si>
    <t>5702329510608</t>
  </si>
  <si>
    <t>VELUX Sichts.-Rollo el. RML P06 4155KWL</t>
  </si>
  <si>
    <t>RML P06 4161K</t>
  </si>
  <si>
    <t>5702329502450</t>
  </si>
  <si>
    <t>VELUX Sichts.-Rollo el. RML P06 4161K</t>
  </si>
  <si>
    <t>RML P06 4162K</t>
  </si>
  <si>
    <t>5702329502467</t>
  </si>
  <si>
    <t>VELUX Sichts.-Rollo el. RML P06 4162K</t>
  </si>
  <si>
    <t>RML P06 4162KWL</t>
  </si>
  <si>
    <t>5702329510622</t>
  </si>
  <si>
    <t>VELUX Sichts.-Rollo el. RML P06 4162KWL</t>
  </si>
  <si>
    <t>RML P06 4163KWL</t>
  </si>
  <si>
    <t>5702329510639</t>
  </si>
  <si>
    <t>VELUX Sichts.-Rollo el. RML P06 4163KWL</t>
  </si>
  <si>
    <t>RML P06 4164K</t>
  </si>
  <si>
    <t>5702329502481</t>
  </si>
  <si>
    <t>VELUX Sichts.-Rollo el. RML P06 4164K</t>
  </si>
  <si>
    <t>RML P06 4164KWL</t>
  </si>
  <si>
    <t>5702329510646</t>
  </si>
  <si>
    <t>VELUX Sichts.-Rollo el. RML P06 4164KWL</t>
  </si>
  <si>
    <t>RML P06 4165K</t>
  </si>
  <si>
    <t>5702329502498</t>
  </si>
  <si>
    <t>VELUX Sichts.-Rollo el. RML P06 4165K</t>
  </si>
  <si>
    <t>RML P06 4165KWL</t>
  </si>
  <si>
    <t>5702329510653</t>
  </si>
  <si>
    <t>VELUX Sichts.-Rollo el. RML P06 4165KWL</t>
  </si>
  <si>
    <t>RML P06 4166K</t>
  </si>
  <si>
    <t>5702329502504</t>
  </si>
  <si>
    <t>VELUX Sichts.-Rollo el. RML P06 4166K</t>
  </si>
  <si>
    <t>RML P06 4166KWL</t>
  </si>
  <si>
    <t>5702329510660</t>
  </si>
  <si>
    <t>VELUX Sichts.-Rollo el. RML P06 4166KWL</t>
  </si>
  <si>
    <t>RML P06 4167K</t>
  </si>
  <si>
    <t>5702329502511</t>
  </si>
  <si>
    <t>VELUX Sichts.-Rollo el. RML P06 4167K</t>
  </si>
  <si>
    <t>RML P06 4167KWL</t>
  </si>
  <si>
    <t>5702329510677</t>
  </si>
  <si>
    <t>VELUX Sichts.-Rollo el. RML P06 4167KWL</t>
  </si>
  <si>
    <t>RML P06 4168K</t>
  </si>
  <si>
    <t>5702329502528</t>
  </si>
  <si>
    <t>VELUX Sichts.-Rollo el. RML P06 4168K</t>
  </si>
  <si>
    <t>RML P06 4168KWL</t>
  </si>
  <si>
    <t>5702329510684</t>
  </si>
  <si>
    <t>VELUX Sichts.-Rollo el. RML P06 4168KWL</t>
  </si>
  <si>
    <t>RML P06 4169KWL</t>
  </si>
  <si>
    <t>5702329510691</t>
  </si>
  <si>
    <t>VELUX Sichts.-Rollo el. RML P06 4169KWL</t>
  </si>
  <si>
    <t>RML P06 4170K</t>
  </si>
  <si>
    <t>5702329502542</t>
  </si>
  <si>
    <t>VELUX Sichts.-Rollo el. RML P06 4170K</t>
  </si>
  <si>
    <t>RML P06 4171K</t>
  </si>
  <si>
    <t>5702329502559</t>
  </si>
  <si>
    <t>VELUX Sichts.-Rollo el. RML P06 4171K</t>
  </si>
  <si>
    <t>RML P06 4171KWL</t>
  </si>
  <si>
    <t>5702329510714</t>
  </si>
  <si>
    <t>VELUX Sichts.-Rollo el. RML P06 4171KWL</t>
  </si>
  <si>
    <t>RML P06 9050K</t>
  </si>
  <si>
    <t>5702329502566</t>
  </si>
  <si>
    <t>VELUX Sichts.-Rollo el. RML P06 9050K</t>
  </si>
  <si>
    <t>RML P06 9050KWL</t>
  </si>
  <si>
    <t>5702329510721</t>
  </si>
  <si>
    <t>VELUX Sichts.-Rollo el. RML P06 9050KWL</t>
  </si>
  <si>
    <t>RML P08 1086K</t>
  </si>
  <si>
    <t>5702329502597</t>
  </si>
  <si>
    <t>VELUX Sichts.-Rollo el. RML P08 1086K</t>
  </si>
  <si>
    <t>RML P08 1086KWL</t>
  </si>
  <si>
    <t>5702329510752</t>
  </si>
  <si>
    <t>VELUX Sichts.-Rollo el. RML P08 1086KWL</t>
  </si>
  <si>
    <t>RML P08 4069K</t>
  </si>
  <si>
    <t>5702329502603</t>
  </si>
  <si>
    <t>VELUX Sichts.-Rollo el. RML P08 4069K</t>
  </si>
  <si>
    <t>RML P08 4069KWL</t>
  </si>
  <si>
    <t>5702329510769</t>
  </si>
  <si>
    <t>VELUX Sichts.-Rollo el. RML P08 4069KWL</t>
  </si>
  <si>
    <t>RML P08 4155K</t>
  </si>
  <si>
    <t>5702329502610</t>
  </si>
  <si>
    <t>VELUX Sichts.-Rollo el. RML P08 4155K</t>
  </si>
  <si>
    <t>RML P08 4155KWL</t>
  </si>
  <si>
    <t>5702329510776</t>
  </si>
  <si>
    <t>VELUX Sichts.-Rollo el. RML P08 4155KWL</t>
  </si>
  <si>
    <t>RML P08 4162K</t>
  </si>
  <si>
    <t>5702329502634</t>
  </si>
  <si>
    <t>VELUX Sichts.-Rollo el. RML P08 4162K</t>
  </si>
  <si>
    <t>RML P08 4162KWL</t>
  </si>
  <si>
    <t>5702329510790</t>
  </si>
  <si>
    <t>VELUX Sichts.-Rollo el. RML P08 4162KWL</t>
  </si>
  <si>
    <t>RML P08 4163K</t>
  </si>
  <si>
    <t>5702329502641</t>
  </si>
  <si>
    <t>VELUX Sichts.-Rollo el. RML P08 4163K</t>
  </si>
  <si>
    <t>RML P08 4163KWL</t>
  </si>
  <si>
    <t>5702329510806</t>
  </si>
  <si>
    <t>VELUX Sichts.-Rollo el. RML P08 4163KWL</t>
  </si>
  <si>
    <t>RML P08 4164K</t>
  </si>
  <si>
    <t>5702329502658</t>
  </si>
  <si>
    <t>VELUX Sichts.-Rollo el. RML P08 4164K</t>
  </si>
  <si>
    <t>RML P08 4164KWL</t>
  </si>
  <si>
    <t>5702329510813</t>
  </si>
  <si>
    <t>VELUX Sichts.-Rollo el. RML P08 4164KWL</t>
  </si>
  <si>
    <t>RML P08 4165K</t>
  </si>
  <si>
    <t>5702329502665</t>
  </si>
  <si>
    <t>VELUX Sichts.-Rollo el. RML P08 4165K</t>
  </si>
  <si>
    <t>RML P08 4166K</t>
  </si>
  <si>
    <t>5702329502672</t>
  </si>
  <si>
    <t>VELUX Sichts.-Rollo el. RML P08 4166K</t>
  </si>
  <si>
    <t>RML P08 4166KWL</t>
  </si>
  <si>
    <t>5702329510837</t>
  </si>
  <si>
    <t>VELUX Sichts.-Rollo el. RML P08 4166KWL</t>
  </si>
  <si>
    <t>RML P08 4168K</t>
  </si>
  <si>
    <t>5702329502696</t>
  </si>
  <si>
    <t>VELUX Sichts.-Rollo el. RML P08 4168K</t>
  </si>
  <si>
    <t>RML P08 4168KWL</t>
  </si>
  <si>
    <t>5702329510851</t>
  </si>
  <si>
    <t>VELUX Sichts.-Rollo el. RML P08 4168KWL</t>
  </si>
  <si>
    <t>RML P08 4169K</t>
  </si>
  <si>
    <t>5702329502702</t>
  </si>
  <si>
    <t>VELUX Sichts.-Rollo el. RML P08 4169K</t>
  </si>
  <si>
    <t>RML P08 4169KWL</t>
  </si>
  <si>
    <t>5702329510868</t>
  </si>
  <si>
    <t>VELUX Sichts.-Rollo el. RML P08 4169KWL</t>
  </si>
  <si>
    <t>RML P08 4170KWL</t>
  </si>
  <si>
    <t>5702329510875</t>
  </si>
  <si>
    <t>VELUX Sichts.-Rollo el. RML P08 4170KWL</t>
  </si>
  <si>
    <t>RML P08 4171KWL</t>
  </si>
  <si>
    <t>5702329510882</t>
  </si>
  <si>
    <t>VELUX Sichts.-Rollo el. RML P08 4171KWL</t>
  </si>
  <si>
    <t>RML P08 9050K</t>
  </si>
  <si>
    <t>5702329502733</t>
  </si>
  <si>
    <t>VELUX Sichts.-Rollo el. RML P08 9050K</t>
  </si>
  <si>
    <t>RML P08 9050KWL</t>
  </si>
  <si>
    <t>5702329510899</t>
  </si>
  <si>
    <t>VELUX Sichts.-Rollo el. RML P08 9050KWL</t>
  </si>
  <si>
    <t>RML P10 4069K</t>
  </si>
  <si>
    <t>5702329502771</t>
  </si>
  <si>
    <t>VELUX Sichts.-Rollo el. RML P10 4069K</t>
  </si>
  <si>
    <t>RML P10 4069KWL</t>
  </si>
  <si>
    <t>5702329510936</t>
  </si>
  <si>
    <t>VELUX Sichts.-Rollo el. RML P10 4069KWL</t>
  </si>
  <si>
    <t>RML P10 4162K</t>
  </si>
  <si>
    <t>5702329502801</t>
  </si>
  <si>
    <t>VELUX Sichts.-Rollo el. RML P10 4162K</t>
  </si>
  <si>
    <t>RML P10 4162KWL</t>
  </si>
  <si>
    <t>5702329510967</t>
  </si>
  <si>
    <t>VELUX Sichts.-Rollo el. RML P10 4162KWL</t>
  </si>
  <si>
    <t>RML P10 4163K</t>
  </si>
  <si>
    <t>5702329502818</t>
  </si>
  <si>
    <t>VELUX Sichts.-Rollo el. RML P10 4163K</t>
  </si>
  <si>
    <t>RML P10 4164K</t>
  </si>
  <si>
    <t>5702329502825</t>
  </si>
  <si>
    <t>VELUX Sichts.-Rollo el. RML P10 4164K</t>
  </si>
  <si>
    <t>RML P10 4164KWL</t>
  </si>
  <si>
    <t>5702329510981</t>
  </si>
  <si>
    <t>VELUX Sichts.-Rollo el. RML P10 4164KWL</t>
  </si>
  <si>
    <t>RML P10 4165K</t>
  </si>
  <si>
    <t>5702329502832</t>
  </si>
  <si>
    <t>VELUX Sichts.-Rollo el. RML P10 4165K</t>
  </si>
  <si>
    <t>RML P10 4165KWL</t>
  </si>
  <si>
    <t>5702329510998</t>
  </si>
  <si>
    <t>VELUX Sichts.-Rollo el. RML P10 4165KWL</t>
  </si>
  <si>
    <t>RML P10 4167K</t>
  </si>
  <si>
    <t>5702329502856</t>
  </si>
  <si>
    <t>VELUX Sichts.-Rollo el. RML P10 4167K</t>
  </si>
  <si>
    <t>RML P10 4167KWL</t>
  </si>
  <si>
    <t>5702329511018</t>
  </si>
  <si>
    <t>VELUX Sichts.-Rollo el. RML P10 4167KWL</t>
  </si>
  <si>
    <t>RML P10 4168KWL</t>
  </si>
  <si>
    <t>5702329511025</t>
  </si>
  <si>
    <t>VELUX Sichts.-Rollo el. RML P10 4168KWL</t>
  </si>
  <si>
    <t>RML P10 4171K</t>
  </si>
  <si>
    <t>5702329502894</t>
  </si>
  <si>
    <t>VELUX Sichts.-Rollo el. RML P10 4171K</t>
  </si>
  <si>
    <t>RML P10 9050KWL</t>
  </si>
  <si>
    <t>5702329511063</t>
  </si>
  <si>
    <t>VELUX Sichts.-Rollo el. RML P10 9050KWL</t>
  </si>
  <si>
    <t>RML PK06 4162KWL</t>
  </si>
  <si>
    <t>5702329511476</t>
  </si>
  <si>
    <t>VELUX Sichts.-Rollo el. RML PK06 4162KWL</t>
  </si>
  <si>
    <t>RML PK06 4165K</t>
  </si>
  <si>
    <t>5702329503341</t>
  </si>
  <si>
    <t>VELUX Sichts.-Rollo el. RML PK06 4165K</t>
  </si>
  <si>
    <t>RML PK08 4162K</t>
  </si>
  <si>
    <t>5702329503488</t>
  </si>
  <si>
    <t>VELUX Sichts.-Rollo el. RML PK08 4162K</t>
  </si>
  <si>
    <t>RML PK08 4162KWL</t>
  </si>
  <si>
    <t>5702329511643</t>
  </si>
  <si>
    <t>VELUX Sichts.-Rollo el. RML PK08 4162KWL</t>
  </si>
  <si>
    <t>RML PK08 4164K</t>
  </si>
  <si>
    <t>5702329503501</t>
  </si>
  <si>
    <t>VELUX Sichts.-Rollo el. RML PK08 4164K</t>
  </si>
  <si>
    <t>RML PK08 4164KWL</t>
  </si>
  <si>
    <t>5702329511667</t>
  </si>
  <si>
    <t>VELUX Sichts.-Rollo el. RML PK08 4164KWL</t>
  </si>
  <si>
    <t>RML PK08 4165K</t>
  </si>
  <si>
    <t>5702329503518</t>
  </si>
  <si>
    <t>VELUX Sichts.-Rollo el. RML PK08 4165K</t>
  </si>
  <si>
    <t>RML PK08 4165KWL</t>
  </si>
  <si>
    <t>5702329511674</t>
  </si>
  <si>
    <t>VELUX Sichts.-Rollo el. RML PK08 4165KWL</t>
  </si>
  <si>
    <t>RML PK08 4166K</t>
  </si>
  <si>
    <t>5702329503525</t>
  </si>
  <si>
    <t>VELUX Sichts.-Rollo el. RML PK08 4166K</t>
  </si>
  <si>
    <t>RML PK08 4170K</t>
  </si>
  <si>
    <t>5702329503563</t>
  </si>
  <si>
    <t>VELUX Sichts.-Rollo el. RML PK08 4170K</t>
  </si>
  <si>
    <t>RML PK08 4171K</t>
  </si>
  <si>
    <t>5702329503570</t>
  </si>
  <si>
    <t>VELUX Sichts.-Rollo el. RML PK08 4171K</t>
  </si>
  <si>
    <t>RML PK10 4162KWL</t>
  </si>
  <si>
    <t>5702329511810</t>
  </si>
  <si>
    <t>VELUX Sichts.-Rollo el. RML PK10 4162KWL</t>
  </si>
  <si>
    <t>RML PK10 4164K</t>
  </si>
  <si>
    <t>5702329503679</t>
  </si>
  <si>
    <t>VELUX Sichts.-Rollo el. RML PK10 4164K</t>
  </si>
  <si>
    <t>RML PK10 4168K</t>
  </si>
  <si>
    <t>5702329503716</t>
  </si>
  <si>
    <t>VELUX Sichts.-Rollo el. RML PK10 4168K</t>
  </si>
  <si>
    <t>RML S06 4069K</t>
  </si>
  <si>
    <t>5702329504133</t>
  </si>
  <si>
    <t>VELUX Sichts.-Rollo el. RML S06 4069K</t>
  </si>
  <si>
    <t>RML S06 4069KWL</t>
  </si>
  <si>
    <t>5702329512299</t>
  </si>
  <si>
    <t>VELUX Sichts.-Rollo el. RML S06 4069KWL</t>
  </si>
  <si>
    <t>RML S06 4162K</t>
  </si>
  <si>
    <t>5702329504164</t>
  </si>
  <si>
    <t>VELUX Sichts.-Rollo el. RML S06 4162K</t>
  </si>
  <si>
    <t>RML S06 4162KWL</t>
  </si>
  <si>
    <t>5702329512329</t>
  </si>
  <si>
    <t>VELUX Sichts.-Rollo el. RML S06 4162KWL</t>
  </si>
  <si>
    <t>RML S06 4164KWL</t>
  </si>
  <si>
    <t>5702329512343</t>
  </si>
  <si>
    <t>VELUX Sichts.-Rollo el. RML S06 4164KWL</t>
  </si>
  <si>
    <t>RML S06 4165K</t>
  </si>
  <si>
    <t>5702329504195</t>
  </si>
  <si>
    <t>VELUX Sichts.-Rollo el. RML S06 4165K</t>
  </si>
  <si>
    <t>RML S06 4166KWL</t>
  </si>
  <si>
    <t>5702329512367</t>
  </si>
  <si>
    <t>VELUX Sichts.-Rollo el. RML S06 4166KWL</t>
  </si>
  <si>
    <t>RML S06 4167KWL</t>
  </si>
  <si>
    <t>5702329512374</t>
  </si>
  <si>
    <t>VELUX Sichts.-Rollo el. RML S06 4167KWL</t>
  </si>
  <si>
    <t>RML S06 4168KWL</t>
  </si>
  <si>
    <t>5702329512381</t>
  </si>
  <si>
    <t>VELUX Sichts.-Rollo el. RML S06 4168KWL</t>
  </si>
  <si>
    <t>RML S08 4069KWL</t>
  </si>
  <si>
    <t>5702329512466</t>
  </si>
  <si>
    <t>VELUX Sichts.-Rollo el. RML S08 4069KWL</t>
  </si>
  <si>
    <t>RML S08 4155KWL</t>
  </si>
  <si>
    <t>5702329512473</t>
  </si>
  <si>
    <t>VELUX Sichts.-Rollo el. RML S08 4155KWL</t>
  </si>
  <si>
    <t>RML S08 4162K</t>
  </si>
  <si>
    <t>5702329504331</t>
  </si>
  <si>
    <t>VELUX Sichts.-Rollo el. RML S08 4162K</t>
  </si>
  <si>
    <t>RML S08 4162KWL</t>
  </si>
  <si>
    <t>5702329512497</t>
  </si>
  <si>
    <t>VELUX Sichts.-Rollo el. RML S08 4162KWL</t>
  </si>
  <si>
    <t>RML S08 4163KWL</t>
  </si>
  <si>
    <t>5702329512503</t>
  </si>
  <si>
    <t>VELUX Sichts.-Rollo el. RML S08 4163KWL</t>
  </si>
  <si>
    <t>RML S08 4164KWL</t>
  </si>
  <si>
    <t>5702329512510</t>
  </si>
  <si>
    <t>VELUX Sichts.-Rollo el. RML S08 4164KWL</t>
  </si>
  <si>
    <t>RML S08 4165K</t>
  </si>
  <si>
    <t>5702329504362</t>
  </si>
  <si>
    <t>VELUX Sichts.-Rollo el. RML S08 4165K</t>
  </si>
  <si>
    <t>RML S08 4165KWL</t>
  </si>
  <si>
    <t>5702329512527</t>
  </si>
  <si>
    <t>VELUX Sichts.-Rollo el. RML S08 4165KWL</t>
  </si>
  <si>
    <t>RML S08 4166KWL</t>
  </si>
  <si>
    <t>5702329512534</t>
  </si>
  <si>
    <t>VELUX Sichts.-Rollo el. RML S08 4166KWL</t>
  </si>
  <si>
    <t>RML S08 4168K</t>
  </si>
  <si>
    <t>5702329504393</t>
  </si>
  <si>
    <t>VELUX Sichts.-Rollo el. RML S08 4168K</t>
  </si>
  <si>
    <t>RML S08 4168KWL</t>
  </si>
  <si>
    <t>5702329512558</t>
  </si>
  <si>
    <t>VELUX Sichts.-Rollo el. RML S08 4168KWL</t>
  </si>
  <si>
    <t>RML S08 4169K</t>
  </si>
  <si>
    <t>5702329504409</t>
  </si>
  <si>
    <t>VELUX Sichts.-Rollo el. RML S08 4169K</t>
  </si>
  <si>
    <t>RML S08 4170K</t>
  </si>
  <si>
    <t>5702329504416</t>
  </si>
  <si>
    <t>VELUX Sichts.-Rollo el. RML S08 4170K</t>
  </si>
  <si>
    <t>RML S08 4170KWL</t>
  </si>
  <si>
    <t>5702329512572</t>
  </si>
  <si>
    <t>VELUX Sichts.-Rollo el. RML S08 4170KWL</t>
  </si>
  <si>
    <t>RML S08 4171KWL</t>
  </si>
  <si>
    <t>5702329512589</t>
  </si>
  <si>
    <t>VELUX Sichts.-Rollo el. RML S08 4171KWL</t>
  </si>
  <si>
    <t>RML S10 1028K</t>
  </si>
  <si>
    <t>5702329504454</t>
  </si>
  <si>
    <t>VELUX Sichts.-Rollo el. RML S10 1028K</t>
  </si>
  <si>
    <t>RML S10 1028KWL</t>
  </si>
  <si>
    <t>5702329512619</t>
  </si>
  <si>
    <t>VELUX Sichts.-Rollo el. RML S10 1028KWL</t>
  </si>
  <si>
    <t>RML S10 1086KWL</t>
  </si>
  <si>
    <t>5702329512626</t>
  </si>
  <si>
    <t>VELUX Sichts.-Rollo el. RML S10 1086KWL</t>
  </si>
  <si>
    <t>RML S10 4069K</t>
  </si>
  <si>
    <t>5702329504478</t>
  </si>
  <si>
    <t>VELUX Sichts.-Rollo el. RML S10 4069K</t>
  </si>
  <si>
    <t>RML S10 4069KWL</t>
  </si>
  <si>
    <t>5702329512633</t>
  </si>
  <si>
    <t>VELUX Sichts.-Rollo el. RML S10 4069KWL</t>
  </si>
  <si>
    <t>RML S10 4155K</t>
  </si>
  <si>
    <t>5702329504485</t>
  </si>
  <si>
    <t>VELUX Sichts.-Rollo el. RML S10 4155K</t>
  </si>
  <si>
    <t>RML S10 4155KWL</t>
  </si>
  <si>
    <t>5702329512640</t>
  </si>
  <si>
    <t>VELUX Sichts.-Rollo el. RML S10 4155KWL</t>
  </si>
  <si>
    <t>RML S10 4161K</t>
  </si>
  <si>
    <t>5702329504492</t>
  </si>
  <si>
    <t>VELUX Sichts.-Rollo el. RML S10 4161K</t>
  </si>
  <si>
    <t>RML S10 4161KWL</t>
  </si>
  <si>
    <t>5702329512657</t>
  </si>
  <si>
    <t>VELUX Sichts.-Rollo el. RML S10 4161KWL</t>
  </si>
  <si>
    <t>RML S10 4162K</t>
  </si>
  <si>
    <t>5702329504508</t>
  </si>
  <si>
    <t>VELUX Sichts.-Rollo el. RML S10 4162K</t>
  </si>
  <si>
    <t>RML S10 4162KWL</t>
  </si>
  <si>
    <t>5702329512664</t>
  </si>
  <si>
    <t>VELUX Sichts.-Rollo el. RML S10 4162KWL</t>
  </si>
  <si>
    <t>RML S10 4163K</t>
  </si>
  <si>
    <t>5702329504515</t>
  </si>
  <si>
    <t>VELUX Sichts.-Rollo el. RML S10 4163K</t>
  </si>
  <si>
    <t>RML S10 4163KWL</t>
  </si>
  <si>
    <t>5702329512671</t>
  </si>
  <si>
    <t>VELUX Sichts.-Rollo el. RML S10 4163KWL</t>
  </si>
  <si>
    <t>RML S10 4164K</t>
  </si>
  <si>
    <t>5702329504522</t>
  </si>
  <si>
    <t>VELUX Sichts.-Rollo el. RML S10 4164K</t>
  </si>
  <si>
    <t>RML S10 4164KWL</t>
  </si>
  <si>
    <t>5702329512688</t>
  </si>
  <si>
    <t>VELUX Sichts.-Rollo el. RML S10 4164KWL</t>
  </si>
  <si>
    <t>RML S10 4165K</t>
  </si>
  <si>
    <t>5702329504539</t>
  </si>
  <si>
    <t>VELUX Sichts.-Rollo el. RML S10 4165K</t>
  </si>
  <si>
    <t>RML S10 4165KWL</t>
  </si>
  <si>
    <t>5702329512695</t>
  </si>
  <si>
    <t>VELUX Sichts.-Rollo el. RML S10 4165KWL</t>
  </si>
  <si>
    <t>RML S10 4166K</t>
  </si>
  <si>
    <t>5702329504546</t>
  </si>
  <si>
    <t>VELUX Sichts.-Rollo el. RML S10 4166K</t>
  </si>
  <si>
    <t>RML S10 4166KWL</t>
  </si>
  <si>
    <t>5702329512701</t>
  </si>
  <si>
    <t>VELUX Sichts.-Rollo el. RML S10 4166KWL</t>
  </si>
  <si>
    <t>RML S10 4167K</t>
  </si>
  <si>
    <t>5702329504553</t>
  </si>
  <si>
    <t>VELUX Sichts.-Rollo el. RML S10 4167K</t>
  </si>
  <si>
    <t>RML S10 4167KWL</t>
  </si>
  <si>
    <t>5702329512718</t>
  </si>
  <si>
    <t>VELUX Sichts.-Rollo el. RML S10 4167KWL</t>
  </si>
  <si>
    <t>RML S10 4168K</t>
  </si>
  <si>
    <t>5702329504560</t>
  </si>
  <si>
    <t>VELUX Sichts.-Rollo el. RML S10 4168K</t>
  </si>
  <si>
    <t>RML S10 4168KWL</t>
  </si>
  <si>
    <t>5702329512725</t>
  </si>
  <si>
    <t>VELUX Sichts.-Rollo el. RML S10 4168KWL</t>
  </si>
  <si>
    <t>RML S10 4169K</t>
  </si>
  <si>
    <t>5702329504577</t>
  </si>
  <si>
    <t>VELUX Sichts.-Rollo el. RML S10 4169K</t>
  </si>
  <si>
    <t>RML S10 4169KWL</t>
  </si>
  <si>
    <t>5702329512732</t>
  </si>
  <si>
    <t>VELUX Sichts.-Rollo el. RML S10 4169KWL</t>
  </si>
  <si>
    <t>RML S10 4170K</t>
  </si>
  <si>
    <t>5702329504584</t>
  </si>
  <si>
    <t>VELUX Sichts.-Rollo el. RML S10 4170K</t>
  </si>
  <si>
    <t>RML S10 4170KWL</t>
  </si>
  <si>
    <t>5702329512749</t>
  </si>
  <si>
    <t>VELUX Sichts.-Rollo el. RML S10 4170KWL</t>
  </si>
  <si>
    <t>RML S10 4171K</t>
  </si>
  <si>
    <t>5702329504591</t>
  </si>
  <si>
    <t>VELUX Sichts.-Rollo el. RML S10 4171K</t>
  </si>
  <si>
    <t>RML S10 4171KWL</t>
  </si>
  <si>
    <t>5702329512756</t>
  </si>
  <si>
    <t>VELUX Sichts.-Rollo el. RML S10 4171KWL</t>
  </si>
  <si>
    <t>RML S10 9050KWL</t>
  </si>
  <si>
    <t>5702329512763</t>
  </si>
  <si>
    <t>VELUX Sichts.-Rollo el. RML S10 9050KWL</t>
  </si>
  <si>
    <t>RML SK06 4162KWL</t>
  </si>
  <si>
    <t>5702329513005</t>
  </si>
  <si>
    <t>VELUX Sichts.-Rollo el. RML SK06 4162KWL</t>
  </si>
  <si>
    <t>RML SK08 4162K</t>
  </si>
  <si>
    <t>5702329505017</t>
  </si>
  <si>
    <t>VELUX Sichts.-Rollo el. RML SK08 4162K</t>
  </si>
  <si>
    <t>RML SK08 4164K</t>
  </si>
  <si>
    <t>5702329505031</t>
  </si>
  <si>
    <t>VELUX Sichts.-Rollo el. RML SK08 4164K</t>
  </si>
  <si>
    <t>RML SK08 4165KWL</t>
  </si>
  <si>
    <t>5702329513203</t>
  </si>
  <si>
    <t>VELUX Sichts.-Rollo el. RML SK08 4165KWL</t>
  </si>
  <si>
    <t>RML SK08 4168K</t>
  </si>
  <si>
    <t>5702329505079</t>
  </si>
  <si>
    <t>VELUX Sichts.-Rollo el. RML SK08 4168K</t>
  </si>
  <si>
    <t>RML SK08 4168KWL</t>
  </si>
  <si>
    <t>5702329513234</t>
  </si>
  <si>
    <t>VELUX Sichts.-Rollo el. RML SK08 4168KWL</t>
  </si>
  <si>
    <t>RML SK10 4069K</t>
  </si>
  <si>
    <t>5702329505154</t>
  </si>
  <si>
    <t>VELUX Sichts.-Rollo el. RML SK10 4069K</t>
  </si>
  <si>
    <t>RML SK10 4162KWL</t>
  </si>
  <si>
    <t>5702329513340</t>
  </si>
  <si>
    <t>VELUX Sichts.-Rollo el. RML SK10 4162KWL</t>
  </si>
  <si>
    <t>RML SK10 4164K</t>
  </si>
  <si>
    <t>5702329505208</t>
  </si>
  <si>
    <t>VELUX Sichts.-Rollo el. RML SK10 4164K</t>
  </si>
  <si>
    <t>RML SK10 4165K</t>
  </si>
  <si>
    <t>5702329505215</t>
  </si>
  <si>
    <t>VELUX Sichts.-Rollo el. RML SK10 4165K</t>
  </si>
  <si>
    <t>RML SK10 4165KWL</t>
  </si>
  <si>
    <t>5702329513371</t>
  </si>
  <si>
    <t>VELUX Sichts.-Rollo el. RML SK10 4165KWL</t>
  </si>
  <si>
    <t>RML SK10 4166KWL</t>
  </si>
  <si>
    <t>5702329513388</t>
  </si>
  <si>
    <t>VELUX Sichts.-Rollo el. RML SK10 4166KWL</t>
  </si>
  <si>
    <t>RML SK10 4167KWL</t>
  </si>
  <si>
    <t>5702329513395</t>
  </si>
  <si>
    <t>VELUX Sichts.-Rollo el. RML SK10 4167KWL</t>
  </si>
  <si>
    <t>RML SK10 4168K</t>
  </si>
  <si>
    <t>5702329505246</t>
  </si>
  <si>
    <t>VELUX Sichts.-Rollo el. RML SK10 4168K</t>
  </si>
  <si>
    <t>RML SK10 4168KWL</t>
  </si>
  <si>
    <t>5702329513401</t>
  </si>
  <si>
    <t>VELUX Sichts.-Rollo el. RML SK10 4168KWL</t>
  </si>
  <si>
    <t>RML SK10 4169K</t>
  </si>
  <si>
    <t>5702329505253</t>
  </si>
  <si>
    <t>VELUX Sichts.-Rollo el. RML SK10 4169K</t>
  </si>
  <si>
    <t>RML SK10 4170K</t>
  </si>
  <si>
    <t>5702329505260</t>
  </si>
  <si>
    <t>VELUX Sichts.-Rollo el. RML SK10 4170K</t>
  </si>
  <si>
    <t>RML SK10 4171K</t>
  </si>
  <si>
    <t>5702329505277</t>
  </si>
  <si>
    <t>VELUX Sichts.-Rollo el. RML SK10 4171K</t>
  </si>
  <si>
    <t>RML SK10 4171KWL</t>
  </si>
  <si>
    <t>5702329513432</t>
  </si>
  <si>
    <t>VELUX Sichts.-Rollo el. RML SK10 4171KWL</t>
  </si>
  <si>
    <t>RML SK10 9050K</t>
  </si>
  <si>
    <t>5702329505284</t>
  </si>
  <si>
    <t>VELUX Sichts.-Rollo el. RML SK10 9050K</t>
  </si>
  <si>
    <t>RML SK10 9050KWL</t>
  </si>
  <si>
    <t>5702329513449</t>
  </si>
  <si>
    <t>VELUX Sichts.-Rollo el. RML SK10 9050KWL</t>
  </si>
  <si>
    <t>RML U04 1086KWL</t>
  </si>
  <si>
    <t>5702329513470</t>
  </si>
  <si>
    <t>VELUX Sichts.-Rollo el. RML U04 1086KWL</t>
  </si>
  <si>
    <t>RML U04 4155KWL</t>
  </si>
  <si>
    <t>5702329513494</t>
  </si>
  <si>
    <t>VELUX Sichts.-Rollo el. RML U04 4155KWL</t>
  </si>
  <si>
    <t>RML U04 4162K</t>
  </si>
  <si>
    <t>5702329505352</t>
  </si>
  <si>
    <t>VELUX Sichts.-Rollo el. RML U04 4162K</t>
  </si>
  <si>
    <t>RML U04 4162KWL</t>
  </si>
  <si>
    <t>5702329513517</t>
  </si>
  <si>
    <t>VELUX Sichts.-Rollo el. RML U04 4162KWL</t>
  </si>
  <si>
    <t>RML U04 4163K</t>
  </si>
  <si>
    <t>5702329505369</t>
  </si>
  <si>
    <t>VELUX Sichts.-Rollo el. RML U04 4163K</t>
  </si>
  <si>
    <t>RML U04 4163KWL</t>
  </si>
  <si>
    <t>5702329513524</t>
  </si>
  <si>
    <t>VELUX Sichts.-Rollo el. RML U04 4163KWL</t>
  </si>
  <si>
    <t>RML U04 4164K</t>
  </si>
  <si>
    <t>5702329505376</t>
  </si>
  <si>
    <t>VELUX Sichts.-Rollo el. RML U04 4164K</t>
  </si>
  <si>
    <t>RML U04 4164KWL</t>
  </si>
  <si>
    <t>5702329513531</t>
  </si>
  <si>
    <t>VELUX Sichts.-Rollo el. RML U04 4164KWL</t>
  </si>
  <si>
    <t>RML U04 4165K</t>
  </si>
  <si>
    <t>5702329505383</t>
  </si>
  <si>
    <t>VELUX Sichts.-Rollo el. RML U04 4165K</t>
  </si>
  <si>
    <t>RML U04 4165KWL</t>
  </si>
  <si>
    <t>5702329513548</t>
  </si>
  <si>
    <t>VELUX Sichts.-Rollo el. RML U04 4165KWL</t>
  </si>
  <si>
    <t>RML U04 4166K</t>
  </si>
  <si>
    <t>5702329505390</t>
  </si>
  <si>
    <t>VELUX Sichts.-Rollo el. RML U04 4166K</t>
  </si>
  <si>
    <t>RML U04 4166KWL</t>
  </si>
  <si>
    <t>5702329513555</t>
  </si>
  <si>
    <t>VELUX Sichts.-Rollo el. RML U04 4166KWL</t>
  </si>
  <si>
    <t>RML U04 4167K</t>
  </si>
  <si>
    <t>5702329505406</t>
  </si>
  <si>
    <t>VELUX Sichts.-Rollo el. RML U04 4167K</t>
  </si>
  <si>
    <t>RML U04 4167KWL</t>
  </si>
  <si>
    <t>5702329513562</t>
  </si>
  <si>
    <t>VELUX Sichts.-Rollo el. RML U04 4167KWL</t>
  </si>
  <si>
    <t>RML U04 4168K</t>
  </si>
  <si>
    <t>5702329505413</t>
  </si>
  <si>
    <t>VELUX Sichts.-Rollo el. RML U04 4168K</t>
  </si>
  <si>
    <t>RML U04 4168KWL</t>
  </si>
  <si>
    <t>5702329513579</t>
  </si>
  <si>
    <t>VELUX Sichts.-Rollo el. RML U04 4168KWL</t>
  </si>
  <si>
    <t>RML U04 4170K</t>
  </si>
  <si>
    <t>5702329505437</t>
  </si>
  <si>
    <t>VELUX Sichts.-Rollo el. RML U04 4170K</t>
  </si>
  <si>
    <t>RML U04 4171K</t>
  </si>
  <si>
    <t>5702329505444</t>
  </si>
  <si>
    <t>VELUX Sichts.-Rollo el. RML U04 4171K</t>
  </si>
  <si>
    <t>RML U04 4171KWL</t>
  </si>
  <si>
    <t>5702329513609</t>
  </si>
  <si>
    <t>VELUX Sichts.-Rollo el. RML U04 4171KWL</t>
  </si>
  <si>
    <t>RML U04 9050K</t>
  </si>
  <si>
    <t>5702329505451</t>
  </si>
  <si>
    <t>VELUX Sichts.-Rollo el. RML U04 9050K</t>
  </si>
  <si>
    <t>RML U04 9050KWL</t>
  </si>
  <si>
    <t>5702329513616</t>
  </si>
  <si>
    <t>VELUX Sichts.-Rollo el. RML U04 9050KWL</t>
  </si>
  <si>
    <t>RML U08 4069KWL</t>
  </si>
  <si>
    <t>5702329513654</t>
  </si>
  <si>
    <t>VELUX Sichts.-Rollo el. RML U08 4069KWL</t>
  </si>
  <si>
    <t>RML U08 4155K</t>
  </si>
  <si>
    <t>5702329505505</t>
  </si>
  <si>
    <t>VELUX Sichts.-Rollo el. RML U08 4155K</t>
  </si>
  <si>
    <t>RML U08 4162K</t>
  </si>
  <si>
    <t>5702329505529</t>
  </si>
  <si>
    <t>VELUX Sichts.-Rollo el. RML U08 4162K</t>
  </si>
  <si>
    <t>RML U08 4162KWL</t>
  </si>
  <si>
    <t>5702329513685</t>
  </si>
  <si>
    <t>VELUX Sichts.-Rollo el. RML U08 4162KWL</t>
  </si>
  <si>
    <t>RML U08 4163KWL</t>
  </si>
  <si>
    <t>5702329513692</t>
  </si>
  <si>
    <t>VELUX Sichts.-Rollo el. RML U08 4163KWL</t>
  </si>
  <si>
    <t>RML U08 4164KWL</t>
  </si>
  <si>
    <t>5702329513708</t>
  </si>
  <si>
    <t>VELUX Sichts.-Rollo el. RML U08 4164KWL</t>
  </si>
  <si>
    <t>RML U08 4166KWL</t>
  </si>
  <si>
    <t>5702329513722</t>
  </si>
  <si>
    <t>VELUX Sichts.-Rollo el. RML U08 4166KWL</t>
  </si>
  <si>
    <t>RML U08 4167K</t>
  </si>
  <si>
    <t>5702329505574</t>
  </si>
  <si>
    <t>VELUX Sichts.-Rollo el. RML U08 4167K</t>
  </si>
  <si>
    <t>RML U08 4167KWL</t>
  </si>
  <si>
    <t>5702329513739</t>
  </si>
  <si>
    <t>VELUX Sichts.-Rollo el. RML U08 4167KWL</t>
  </si>
  <si>
    <t>RML U08 4168K</t>
  </si>
  <si>
    <t>5702329505581</t>
  </si>
  <si>
    <t>VELUX Sichts.-Rollo el. RML U08 4168K</t>
  </si>
  <si>
    <t>RML U08 4168KWL</t>
  </si>
  <si>
    <t>5702329513746</t>
  </si>
  <si>
    <t>VELUX Sichts.-Rollo el. RML U08 4168KWL</t>
  </si>
  <si>
    <t>RML U08 4169KWL</t>
  </si>
  <si>
    <t>5702329513753</t>
  </si>
  <si>
    <t>VELUX Sichts.-Rollo el. RML U08 4169KWL</t>
  </si>
  <si>
    <t>RML U08 4170KWL</t>
  </si>
  <si>
    <t>5702329513760</t>
  </si>
  <si>
    <t>VELUX Sichts.-Rollo el. RML U08 4170KWL</t>
  </si>
  <si>
    <t>RML U08 4171K</t>
  </si>
  <si>
    <t>5702329505611</t>
  </si>
  <si>
    <t>VELUX Sichts.-Rollo el. RML U08 4171K</t>
  </si>
  <si>
    <t>RML U08 4171KWL</t>
  </si>
  <si>
    <t>5702329513777</t>
  </si>
  <si>
    <t>VELUX Sichts.-Rollo el. RML U08 4171KWL</t>
  </si>
  <si>
    <t>RML U08 9050KWL</t>
  </si>
  <si>
    <t>5702329513784</t>
  </si>
  <si>
    <t>VELUX Sichts.-Rollo el. RML U08 9050KWL</t>
  </si>
  <si>
    <t>RML U10 1086K</t>
  </si>
  <si>
    <t>5702329505659</t>
  </si>
  <si>
    <t>VELUX Sichts.-Rollo el. RML U10 1086K</t>
  </si>
  <si>
    <t>RML U10 1086KWL</t>
  </si>
  <si>
    <t>5702329513814</t>
  </si>
  <si>
    <t>VELUX Sichts.-Rollo el. RML U10 1086KWL</t>
  </si>
  <si>
    <t>RML U10 4069K</t>
  </si>
  <si>
    <t>5702329505666</t>
  </si>
  <si>
    <t>VELUX Sichts.-Rollo el. RML U10 4069K</t>
  </si>
  <si>
    <t>RML U10 4069KWL</t>
  </si>
  <si>
    <t>5702329513821</t>
  </si>
  <si>
    <t>VELUX Sichts.-Rollo el. RML U10 4069KWL</t>
  </si>
  <si>
    <t>RML U10 4155KWL</t>
  </si>
  <si>
    <t>5702329513838</t>
  </si>
  <si>
    <t>VELUX Sichts.-Rollo el. RML U10 4155KWL</t>
  </si>
  <si>
    <t>RML U10 4161K</t>
  </si>
  <si>
    <t>5702329505680</t>
  </si>
  <si>
    <t>VELUX Sichts.-Rollo el. RML U10 4161K</t>
  </si>
  <si>
    <t>RML U10 4161KWL</t>
  </si>
  <si>
    <t>5702329513845</t>
  </si>
  <si>
    <t>VELUX Sichts.-Rollo el. RML U10 4161KWL</t>
  </si>
  <si>
    <t>RML U10 4162K</t>
  </si>
  <si>
    <t>5702329505697</t>
  </si>
  <si>
    <t>VELUX Sichts.-Rollo el. RML U10 4162K</t>
  </si>
  <si>
    <t>RML U10 4162KWL</t>
  </si>
  <si>
    <t>5702329513852</t>
  </si>
  <si>
    <t>VELUX Sichts.-Rollo el. RML U10 4162KWL</t>
  </si>
  <si>
    <t>RML U10 4163K</t>
  </si>
  <si>
    <t>5702329505703</t>
  </si>
  <si>
    <t>VELUX Sichts.-Rollo el. RML U10 4163K</t>
  </si>
  <si>
    <t>RML U10 4163KWL</t>
  </si>
  <si>
    <t>5702329513869</t>
  </si>
  <si>
    <t>VELUX Sichts.-Rollo el. RML U10 4163KWL</t>
  </si>
  <si>
    <t>RML U10 4164K</t>
  </si>
  <si>
    <t>5702329505710</t>
  </si>
  <si>
    <t>VELUX Sichts.-Rollo el. RML U10 4164K</t>
  </si>
  <si>
    <t>RML U10 4164KWL</t>
  </si>
  <si>
    <t>5702329513876</t>
  </si>
  <si>
    <t>VELUX Sichts.-Rollo el. RML U10 4164KWL</t>
  </si>
  <si>
    <t>RML U10 4165K</t>
  </si>
  <si>
    <t>5702329505727</t>
  </si>
  <si>
    <t>VELUX Sichts.-Rollo el. RML U10 4165K</t>
  </si>
  <si>
    <t>RML U10 4165KWL</t>
  </si>
  <si>
    <t>5702329513883</t>
  </si>
  <si>
    <t>VELUX Sichts.-Rollo el. RML U10 4165KWL</t>
  </si>
  <si>
    <t>RML U10 4166KWL</t>
  </si>
  <si>
    <t>5702329513890</t>
  </si>
  <si>
    <t>VELUX Sichts.-Rollo el. RML U10 4166KWL</t>
  </si>
  <si>
    <t>RML U10 4167K</t>
  </si>
  <si>
    <t>5702329505741</t>
  </si>
  <si>
    <t>VELUX Sichts.-Rollo el. RML U10 4167K</t>
  </si>
  <si>
    <t>RML U10 4167KWL</t>
  </si>
  <si>
    <t>5702329513906</t>
  </si>
  <si>
    <t>VELUX Sichts.-Rollo el. RML U10 4167KWL</t>
  </si>
  <si>
    <t>RML U10 4168K</t>
  </si>
  <si>
    <t>5702329505758</t>
  </si>
  <si>
    <t>VELUX Sichts.-Rollo el. RML U10 4168K</t>
  </si>
  <si>
    <t>RML U10 4168KWL</t>
  </si>
  <si>
    <t>5702329513913</t>
  </si>
  <si>
    <t>VELUX Sichts.-Rollo el. RML U10 4168KWL</t>
  </si>
  <si>
    <t>RML U10 4169K</t>
  </si>
  <si>
    <t>5702329505765</t>
  </si>
  <si>
    <t>VELUX Sichts.-Rollo el. RML U10 4169K</t>
  </si>
  <si>
    <t>RML U10 4169KWL</t>
  </si>
  <si>
    <t>5702329513920</t>
  </si>
  <si>
    <t>VELUX Sichts.-Rollo el. RML U10 4169KWL</t>
  </si>
  <si>
    <t>RML U10 4170K</t>
  </si>
  <si>
    <t>5702329505772</t>
  </si>
  <si>
    <t>VELUX Sichts.-Rollo el. RML U10 4170K</t>
  </si>
  <si>
    <t>RML U10 4170KWL</t>
  </si>
  <si>
    <t>5702329513937</t>
  </si>
  <si>
    <t>VELUX Sichts.-Rollo el. RML U10 4170KWL</t>
  </si>
  <si>
    <t>RML U10 4171K</t>
  </si>
  <si>
    <t>5702329505789</t>
  </si>
  <si>
    <t>VELUX Sichts.-Rollo el. RML U10 4171K</t>
  </si>
  <si>
    <t>RML U10 4171KWL</t>
  </si>
  <si>
    <t>5702329513944</t>
  </si>
  <si>
    <t>VELUX Sichts.-Rollo el. RML U10 4171KWL</t>
  </si>
  <si>
    <t>RML U10 9050K</t>
  </si>
  <si>
    <t>5702329505796</t>
  </si>
  <si>
    <t>VELUX Sichts.-Rollo el. RML U10 9050K</t>
  </si>
  <si>
    <t>RML U10 9050KWL</t>
  </si>
  <si>
    <t>5702329513951</t>
  </si>
  <si>
    <t>VELUX Sichts.-Rollo el. RML U10 9050KWL</t>
  </si>
  <si>
    <t>RML UK04 4069KWL</t>
  </si>
  <si>
    <t>5702329513999</t>
  </si>
  <si>
    <t>VELUX Sichts.-Rollo el. RML UK04 4069KWL</t>
  </si>
  <si>
    <t>RML UK04 4165K</t>
  </si>
  <si>
    <t>5702329505895</t>
  </si>
  <si>
    <t>VELUX Sichts.-Rollo el. RML UK04 4165K</t>
  </si>
  <si>
    <t>RML UK04 4171K</t>
  </si>
  <si>
    <t>5702329505956</t>
  </si>
  <si>
    <t>VELUX Sichts.-Rollo el. RML UK04 4171K</t>
  </si>
  <si>
    <t>RML UK08 4162KWL</t>
  </si>
  <si>
    <t>5702329514194</t>
  </si>
  <si>
    <t>VELUX Sichts.-Rollo el. RML UK08 4162KWL</t>
  </si>
  <si>
    <t>RML UK08 4165K</t>
  </si>
  <si>
    <t>5702329506069</t>
  </si>
  <si>
    <t>VELUX Sichts.-Rollo el. RML UK08 4165K</t>
  </si>
  <si>
    <t>RML UK08 4171KWL</t>
  </si>
  <si>
    <t>5702329514286</t>
  </si>
  <si>
    <t>VELUX Sichts.-Rollo el. RML UK08 4171KWL</t>
  </si>
  <si>
    <t>RML UK10 4162K</t>
  </si>
  <si>
    <t>5702329506205</t>
  </si>
  <si>
    <t>VELUX Sichts.-Rollo el. RML UK10 4162K</t>
  </si>
  <si>
    <t>RML UK10 4162KWL</t>
  </si>
  <si>
    <t>5702329514361</t>
  </si>
  <si>
    <t>VELUX Sichts.-Rollo el. RML UK10 4162KWL</t>
  </si>
  <si>
    <t>RML UK10 4164K</t>
  </si>
  <si>
    <t>5702329506229</t>
  </si>
  <si>
    <t>VELUX Sichts.-Rollo el. RML UK10 4164K</t>
  </si>
  <si>
    <t>RML UK10 4164KWL</t>
  </si>
  <si>
    <t>5702329514385</t>
  </si>
  <si>
    <t>VELUX Sichts.-Rollo el. RML UK10 4164KWL</t>
  </si>
  <si>
    <t>RML UK10 4165K</t>
  </si>
  <si>
    <t>5702329506236</t>
  </si>
  <si>
    <t>VELUX Sichts.-Rollo el. RML UK10 4165K</t>
  </si>
  <si>
    <t>RML UK10 4165KWL</t>
  </si>
  <si>
    <t>5702329514392</t>
  </si>
  <si>
    <t>VELUX Sichts.-Rollo el. RML UK10 4165KWL</t>
  </si>
  <si>
    <t>RML UK10 4166K</t>
  </si>
  <si>
    <t>5702329506243</t>
  </si>
  <si>
    <t>VELUX Sichts.-Rollo el. RML UK10 4166K</t>
  </si>
  <si>
    <t>RML UK10 4167K</t>
  </si>
  <si>
    <t>5702329506250</t>
  </si>
  <si>
    <t>VELUX Sichts.-Rollo el. RML UK10 4167K</t>
  </si>
  <si>
    <t>RML UK10 4168K</t>
  </si>
  <si>
    <t>5702329506267</t>
  </si>
  <si>
    <t>VELUX Sichts.-Rollo el. RML UK10 4168K</t>
  </si>
  <si>
    <t>RML UK10 4168KWL</t>
  </si>
  <si>
    <t>5702329514422</t>
  </si>
  <si>
    <t>VELUX Sichts.-Rollo el. RML UK10 4168KWL</t>
  </si>
  <si>
    <t>RML UK10 4170K</t>
  </si>
  <si>
    <t>5702329506281</t>
  </si>
  <si>
    <t>VELUX Sichts.-Rollo el. RML UK10 4170K</t>
  </si>
  <si>
    <t>RML UK10 4170KWL</t>
  </si>
  <si>
    <t>5702329514446</t>
  </si>
  <si>
    <t>VELUX Sichts.-Rollo el. RML UK10 4170KWL</t>
  </si>
  <si>
    <t>RML UK10 4171K</t>
  </si>
  <si>
    <t>5702329506298</t>
  </si>
  <si>
    <t>VELUX Sichts.-Rollo el. RML UK10 4171K</t>
  </si>
  <si>
    <t>RML UK10 4171KWL</t>
  </si>
  <si>
    <t>5702329514453</t>
  </si>
  <si>
    <t>VELUX Sichts.-Rollo el. RML UK10 4171KWL</t>
  </si>
  <si>
    <t>RML UK10 9050KWL</t>
  </si>
  <si>
    <t>5702329514460</t>
  </si>
  <si>
    <t>VELUX Sichts.-Rollo el. RML UK10 9050KWL</t>
  </si>
  <si>
    <t>RSL C02 4069KWL</t>
  </si>
  <si>
    <t>5702329525008</t>
  </si>
  <si>
    <t>VELUX Si.sch.-Ro. sol. RSL C02 4069KWL</t>
  </si>
  <si>
    <t>RSL C02 4162KWL</t>
  </si>
  <si>
    <t>5702329525039</t>
  </si>
  <si>
    <t>VELUX Si.sch.-Ro. sol. RSL C02 4162KWL</t>
  </si>
  <si>
    <t>RSL C02 4164KWL</t>
  </si>
  <si>
    <t>5702329525053</t>
  </si>
  <si>
    <t>VELUX Si.sch.-Ro. sol. RSL C02 4164KWL</t>
  </si>
  <si>
    <t>RSL C02 4165K</t>
  </si>
  <si>
    <t>5702329515078</t>
  </si>
  <si>
    <t>VELUX Si.sch.-Ro. sol. RSL C02 4165K</t>
  </si>
  <si>
    <t>RSL C02 4165KWL</t>
  </si>
  <si>
    <t>5702329525060</t>
  </si>
  <si>
    <t>VELUX Si.sch.-Ro. sol. RSL C02 4165KWL</t>
  </si>
  <si>
    <t>RSL C02 4166KWL</t>
  </si>
  <si>
    <t>5702329525077</t>
  </si>
  <si>
    <t>VELUX Si.sch.-Ro. sol. RSL C02 4166KWL</t>
  </si>
  <si>
    <t>RSL C02 4167K</t>
  </si>
  <si>
    <t>5702329515092</t>
  </si>
  <si>
    <t>VELUX Si.sch.-Ro. sol. RSL C02 4167K</t>
  </si>
  <si>
    <t>RSL C02 4168K</t>
  </si>
  <si>
    <t>5702329515108</t>
  </si>
  <si>
    <t>VELUX Si.sch.-Ro. sol. RSL C02 4168K</t>
  </si>
  <si>
    <t>RSL C02 4168KWL</t>
  </si>
  <si>
    <t>5702329525091</t>
  </si>
  <si>
    <t>VELUX Si.sch.-Ro. sol. RSL C02 4168KWL</t>
  </si>
  <si>
    <t>RSL C02 4169KWL</t>
  </si>
  <si>
    <t>5702329525107</t>
  </si>
  <si>
    <t>VELUX Si.sch.-Ro. sol. RSL C02 4169KWL</t>
  </si>
  <si>
    <t>RSL C02 4171KWL</t>
  </si>
  <si>
    <t>5702329525121</t>
  </si>
  <si>
    <t>VELUX Si.sch.-Ro. sol. RSL C02 4171KWL</t>
  </si>
  <si>
    <t>RSL C04 4069KWL</t>
  </si>
  <si>
    <t>5702329525176</t>
  </si>
  <si>
    <t>VELUX Si.sch.-Ro. sol. RSL C04 4069KWL</t>
  </si>
  <si>
    <t>RSL C04 4162K</t>
  </si>
  <si>
    <t>5702329515214</t>
  </si>
  <si>
    <t>VELUX Si.sch.-Ro. sol. RSL C04 4162K</t>
  </si>
  <si>
    <t>RSL C04 4162KWL</t>
  </si>
  <si>
    <t>5702329525206</t>
  </si>
  <si>
    <t>VELUX Si.sch.-Ro. sol. RSL C04 4162KWL</t>
  </si>
  <si>
    <t>RSL C04 4163KWL</t>
  </si>
  <si>
    <t>5702329525213</t>
  </si>
  <si>
    <t>VELUX Si.sch.-Ro. sol. RSL C04 4163KWL</t>
  </si>
  <si>
    <t>RSL C04 4165K</t>
  </si>
  <si>
    <t>5702329515245</t>
  </si>
  <si>
    <t>VELUX Si.sch.-Ro. sol. RSL C04 4165K</t>
  </si>
  <si>
    <t>RSL C04 4165KWL</t>
  </si>
  <si>
    <t>5702329525237</t>
  </si>
  <si>
    <t>VELUX Si.sch.-Ro. sol. RSL C04 4165KWL</t>
  </si>
  <si>
    <t>RSL C04 4167K</t>
  </si>
  <si>
    <t>5702329515269</t>
  </si>
  <si>
    <t>VELUX Si.sch.-Ro. sol. RSL C04 4167K</t>
  </si>
  <si>
    <t>RSL C04 4167KWL</t>
  </si>
  <si>
    <t>5702329525251</t>
  </si>
  <si>
    <t>VELUX Si.sch.-Ro. sol. RSL C04 4167KWL</t>
  </si>
  <si>
    <t>RSL C04 4168KWL</t>
  </si>
  <si>
    <t>5702329525268</t>
  </si>
  <si>
    <t>VELUX Si.sch.-Ro. sol. RSL C04 4168KWL</t>
  </si>
  <si>
    <t>RSL C04 4169KWL</t>
  </si>
  <si>
    <t>5702329525275</t>
  </si>
  <si>
    <t>VELUX Si.sch.-Ro. sol. RSL C04 4169KWL</t>
  </si>
  <si>
    <t>RSL C06 1028K</t>
  </si>
  <si>
    <t>5702329515337</t>
  </si>
  <si>
    <t>VELUX Si.sch.-Ro. sol. RSL C06 1028K</t>
  </si>
  <si>
    <t>RSL C06 1086KWL</t>
  </si>
  <si>
    <t>5702329525336</t>
  </si>
  <si>
    <t>VELUX Si.sch.-Ro. sol. RSL C06 1086KWL</t>
  </si>
  <si>
    <t>RSL C06 4069KWL</t>
  </si>
  <si>
    <t>5702329525343</t>
  </si>
  <si>
    <t>VELUX Si.sch.-Ro. sol. RSL C06 4069KWL</t>
  </si>
  <si>
    <t>RSL C06 4155KWL</t>
  </si>
  <si>
    <t>5702329525350</t>
  </si>
  <si>
    <t>VELUX Si.sch.-Ro. sol. RSL C06 4155KWL</t>
  </si>
  <si>
    <t>RSL C06 4161KWL</t>
  </si>
  <si>
    <t>5702329525367</t>
  </si>
  <si>
    <t>VELUX Si.sch.-Ro. sol. RSL C06 4161KWL</t>
  </si>
  <si>
    <t>RSL C06 4162K</t>
  </si>
  <si>
    <t>5702329515382</t>
  </si>
  <si>
    <t>VELUX Si.sch.-Ro. sol. RSL C06 4162K</t>
  </si>
  <si>
    <t>RSL C06 4162KWL</t>
  </si>
  <si>
    <t>5702329525374</t>
  </si>
  <si>
    <t>VELUX Si.sch.-Ro. sol. RSL C06 4162KWL</t>
  </si>
  <si>
    <t>RSL C06 4163K</t>
  </si>
  <si>
    <t>5702329515399</t>
  </si>
  <si>
    <t>VELUX Si.sch.-Ro. sol. RSL C06 4163K</t>
  </si>
  <si>
    <t>RSL C06 4163KWL</t>
  </si>
  <si>
    <t>5702329525381</t>
  </si>
  <si>
    <t>VELUX Si.sch.-Ro. sol. RSL C06 4163KWL</t>
  </si>
  <si>
    <t>RSL C06 4164K</t>
  </si>
  <si>
    <t>5702329515405</t>
  </si>
  <si>
    <t>VELUX Si.sch.-Ro. sol. RSL C06 4164K</t>
  </si>
  <si>
    <t>RSL C06 4164KWL</t>
  </si>
  <si>
    <t>5702329525398</t>
  </si>
  <si>
    <t>VELUX Si.sch.-Ro. sol. RSL C06 4164KWL</t>
  </si>
  <si>
    <t>RSL C06 4165K</t>
  </si>
  <si>
    <t>5702329515412</t>
  </si>
  <si>
    <t>VELUX Si.sch.-Ro. sol. RSL C06 4165K</t>
  </si>
  <si>
    <t>RSL C06 4165KWL</t>
  </si>
  <si>
    <t>5702329525404</t>
  </si>
  <si>
    <t>VELUX Si.sch.-Ro. sol. RSL C06 4165KWL</t>
  </si>
  <si>
    <t>RSL C06 4166K</t>
  </si>
  <si>
    <t>5702329515429</t>
  </si>
  <si>
    <t>VELUX Si.sch.-Ro. sol. RSL C06 4166K</t>
  </si>
  <si>
    <t>RSL C06 4166KWL</t>
  </si>
  <si>
    <t>5702329525411</t>
  </si>
  <si>
    <t>VELUX Si.sch.-Ro. sol. RSL C06 4166KWL</t>
  </si>
  <si>
    <t>RSL C06 4167K</t>
  </si>
  <si>
    <t>5702329515436</t>
  </si>
  <si>
    <t>VELUX Si.sch.-Ro. sol. RSL C06 4167K</t>
  </si>
  <si>
    <t>RSL C06 4167KWL</t>
  </si>
  <si>
    <t>5702329525428</t>
  </si>
  <si>
    <t>VELUX Si.sch.-Ro. sol. RSL C06 4167KWL</t>
  </si>
  <si>
    <t>RSL C06 4168K</t>
  </si>
  <si>
    <t>5702329515443</t>
  </si>
  <si>
    <t>VELUX Si.sch.-Ro. sol. RSL C06 4168K</t>
  </si>
  <si>
    <t>RSL C06 4168KWL</t>
  </si>
  <si>
    <t>5702329525435</t>
  </si>
  <si>
    <t>VELUX Si.sch.-Ro. sol. RSL C06 4168KWL</t>
  </si>
  <si>
    <t>RSL C06 4169K</t>
  </si>
  <si>
    <t>5702329515450</t>
  </si>
  <si>
    <t>VELUX Si.sch.-Ro. sol. RSL C06 4169K</t>
  </si>
  <si>
    <t>RSL C06 4171K</t>
  </si>
  <si>
    <t>5702329515474</t>
  </si>
  <si>
    <t>VELUX Si.sch.-Ro. sol. RSL C06 4171K</t>
  </si>
  <si>
    <t>RSL C06 4171KWL</t>
  </si>
  <si>
    <t>5702329525466</t>
  </si>
  <si>
    <t>VELUX Si.sch.-Ro. sol. RSL C06 4171KWL</t>
  </si>
  <si>
    <t>RSL C06 9050K</t>
  </si>
  <si>
    <t>5702329515481</t>
  </si>
  <si>
    <t>VELUX Si.sch.-Ro. sol. RSL C06 9050K</t>
  </si>
  <si>
    <t>RSL C06 9050KWL</t>
  </si>
  <si>
    <t>5702329525473</t>
  </si>
  <si>
    <t>VELUX Si.sch.-Ro. sol. RSL C06 9050KWL</t>
  </si>
  <si>
    <t>RSL CK02 4162K</t>
  </si>
  <si>
    <t>5702329515726</t>
  </si>
  <si>
    <t>VELUX Si.sch.-Ro. sol. RSL CK02 4162K</t>
  </si>
  <si>
    <t>RSL CK02 4162KWL</t>
  </si>
  <si>
    <t>5702329525718</t>
  </si>
  <si>
    <t>VELUX Si.sch.-Ro. sol. RSL CK02 4162KWL</t>
  </si>
  <si>
    <t>RSL CK02 4165K</t>
  </si>
  <si>
    <t>5702329515757</t>
  </si>
  <si>
    <t>VELUX Si.sch.-Ro. sol. RSL CK02 4165K</t>
  </si>
  <si>
    <t>RSL CK02 4167K</t>
  </si>
  <si>
    <t>5702329515771</t>
  </si>
  <si>
    <t>VELUX Si.sch.-Ro. sol. RSL CK02 4167K</t>
  </si>
  <si>
    <t>RSL CK02 4168K</t>
  </si>
  <si>
    <t>5702329515788</t>
  </si>
  <si>
    <t>VELUX Si.sch.-Ro. sol. RSL CK02 4168K</t>
  </si>
  <si>
    <t>RSL CK02 4168KWL</t>
  </si>
  <si>
    <t>5702329525770</t>
  </si>
  <si>
    <t>VELUX Si.sch.-Ro. sol. RSL CK02 4168KWL</t>
  </si>
  <si>
    <t>RSL CK02 4171K</t>
  </si>
  <si>
    <t>5702329515818</t>
  </si>
  <si>
    <t>VELUX Si.sch.-Ro. sol. RSL CK02 4171K</t>
  </si>
  <si>
    <t>RSL CK04 4162KWL</t>
  </si>
  <si>
    <t>5702329525886</t>
  </si>
  <si>
    <t>VELUX Si.sch.-Ro. sol. RSL CK04 4162KWL</t>
  </si>
  <si>
    <t>RSL CK04 4165K</t>
  </si>
  <si>
    <t>5702329515924</t>
  </si>
  <si>
    <t>VELUX Si.sch.-Ro. sol. RSL CK04 4165K</t>
  </si>
  <si>
    <t>RSL CK04 4168K</t>
  </si>
  <si>
    <t>5702329515955</t>
  </si>
  <si>
    <t>VELUX Si.sch.-Ro. sol. RSL CK04 4168K</t>
  </si>
  <si>
    <t>RSL CK06 4069KWL</t>
  </si>
  <si>
    <t>5702329526029</t>
  </si>
  <si>
    <t>VELUX Si.sch.-Ro. sol. RSL CK06 4069KWL</t>
  </si>
  <si>
    <t>RSL CK06 4162K</t>
  </si>
  <si>
    <t>5702329516068</t>
  </si>
  <si>
    <t>VELUX Si.sch.-Ro. sol. RSL CK06 4162K</t>
  </si>
  <si>
    <t>RSL CK06 4162KWL</t>
  </si>
  <si>
    <t>5702329526050</t>
  </si>
  <si>
    <t>VELUX Si.sch.-Ro. sol. RSL CK06 4162KWL</t>
  </si>
  <si>
    <t>RSL CK06 4164K</t>
  </si>
  <si>
    <t>5702329516082</t>
  </si>
  <si>
    <t>VELUX Si.sch.-Ro. sol. RSL CK06 4164K</t>
  </si>
  <si>
    <t>RSL CK06 4165K</t>
  </si>
  <si>
    <t>5702329516099</t>
  </si>
  <si>
    <t>VELUX Si.sch.-Ro. sol. RSL CK06 4165K</t>
  </si>
  <si>
    <t>RSL CK06 4165KWL</t>
  </si>
  <si>
    <t>5702329526081</t>
  </si>
  <si>
    <t>VELUX Si.sch.-Ro. sol. RSL CK06 4165KWL</t>
  </si>
  <si>
    <t>RSL CK06 4168K</t>
  </si>
  <si>
    <t>5702329516129</t>
  </si>
  <si>
    <t>VELUX Si.sch.-Ro. sol. RSL CK06 4168K</t>
  </si>
  <si>
    <t>RSL CK06 4171K</t>
  </si>
  <si>
    <t>5702329516150</t>
  </si>
  <si>
    <t>VELUX Si.sch.-Ro. sol. RSL CK06 4171K</t>
  </si>
  <si>
    <t>RSL F04 1086KWL</t>
  </si>
  <si>
    <t>5702329526180</t>
  </si>
  <si>
    <t>VELUX Si.sch.-Ro. sol. RSL F04 1086KWL</t>
  </si>
  <si>
    <t>RSL F04 4069K</t>
  </si>
  <si>
    <t>5702329516204</t>
  </si>
  <si>
    <t>VELUX Si.sch.-Ro. sol. RSL F04 4069K</t>
  </si>
  <si>
    <t>RSL F04 4069KWL</t>
  </si>
  <si>
    <t>5702329526197</t>
  </si>
  <si>
    <t>VELUX Si.sch.-Ro. sol. RSL F04 4069KWL</t>
  </si>
  <si>
    <t>RSL F04 4155K</t>
  </si>
  <si>
    <t>5702329516211</t>
  </si>
  <si>
    <t>VELUX Si.sch.-Ro. sol. RSL F04 4155K</t>
  </si>
  <si>
    <t>RSL F04 4155KWL</t>
  </si>
  <si>
    <t>5702329526203</t>
  </si>
  <si>
    <t>VELUX Si.sch.-Ro. sol. RSL F04 4155KWL</t>
  </si>
  <si>
    <t>RSL F04 4161K</t>
  </si>
  <si>
    <t>5702329516228</t>
  </si>
  <si>
    <t>VELUX Si.sch.-Ro. sol. RSL F04 4161K</t>
  </si>
  <si>
    <t>RSL F04 4162K</t>
  </si>
  <si>
    <t>5702329516235</t>
  </si>
  <si>
    <t>VELUX Si.sch.-Ro. sol. RSL F04 4162K</t>
  </si>
  <si>
    <t>RSL F04 4162KWL</t>
  </si>
  <si>
    <t>5702329526227</t>
  </si>
  <si>
    <t>VELUX Si.sch.-Ro. sol. RSL F04 4162KWL</t>
  </si>
  <si>
    <t>RSL F04 4163K</t>
  </si>
  <si>
    <t>5702329516242</t>
  </si>
  <si>
    <t>VELUX Si.sch.-Ro. sol. RSL F04 4163K</t>
  </si>
  <si>
    <t>RSL F04 4163KWL</t>
  </si>
  <si>
    <t>5702329526234</t>
  </si>
  <si>
    <t>VELUX Si.sch.-Ro. sol. RSL F04 4163KWL</t>
  </si>
  <si>
    <t>RSL F04 4164K</t>
  </si>
  <si>
    <t>5702329516259</t>
  </si>
  <si>
    <t>VELUX Si.sch.-Ro. sol. RSL F04 4164K</t>
  </si>
  <si>
    <t>RSL F04 4164KWL</t>
  </si>
  <si>
    <t>5702329526241</t>
  </si>
  <si>
    <t>VELUX Si.sch.-Ro. sol. RSL F04 4164KWL</t>
  </si>
  <si>
    <t>RSL F04 4165K</t>
  </si>
  <si>
    <t>5702329516266</t>
  </si>
  <si>
    <t>VELUX Si.sch.-Ro. sol. RSL F04 4165K</t>
  </si>
  <si>
    <t>RSL F04 4165KWL</t>
  </si>
  <si>
    <t>5702329526258</t>
  </si>
  <si>
    <t>VELUX Si.sch.-Ro. sol. RSL F04 4165KWL</t>
  </si>
  <si>
    <t>RSL F04 4166K</t>
  </si>
  <si>
    <t>5702329516273</t>
  </si>
  <si>
    <t>VELUX Si.sch.-Ro. sol. RSL F04 4166K</t>
  </si>
  <si>
    <t>RSL F04 4166KWL</t>
  </si>
  <si>
    <t>5702329526265</t>
  </si>
  <si>
    <t>VELUX Si.sch.-Ro. sol. RSL F04 4166KWL</t>
  </si>
  <si>
    <t>RSL F04 4167K</t>
  </si>
  <si>
    <t>5702329516280</t>
  </si>
  <si>
    <t>VELUX Si.sch.-Ro. sol. RSL F04 4167K</t>
  </si>
  <si>
    <t>RSL F04 4167KWL</t>
  </si>
  <si>
    <t>5702329526272</t>
  </si>
  <si>
    <t>VELUX Si.sch.-Ro. sol. RSL F04 4167KWL</t>
  </si>
  <si>
    <t>RSL F04 4168K</t>
  </si>
  <si>
    <t>5702329516297</t>
  </si>
  <si>
    <t>VELUX Si.sch.-Ro. sol. RSL F04 4168K</t>
  </si>
  <si>
    <t>RSL F04 4168KWL</t>
  </si>
  <si>
    <t>5702329526289</t>
  </si>
  <si>
    <t>VELUX Si.sch.-Ro. sol. RSL F04 4168KWL</t>
  </si>
  <si>
    <t>RSL F04 4169K</t>
  </si>
  <si>
    <t>5702329516303</t>
  </si>
  <si>
    <t>VELUX Si.sch.-Ro. sol. RSL F04 4169K</t>
  </si>
  <si>
    <t>RSL F04 4169KWL</t>
  </si>
  <si>
    <t>5702329526296</t>
  </si>
  <si>
    <t>VELUX Si.sch.-Ro. sol. RSL F04 4169KWL</t>
  </si>
  <si>
    <t>RSL F04 4170KWL</t>
  </si>
  <si>
    <t>5702329526302</t>
  </si>
  <si>
    <t>VELUX Si.sch.-Ro. sol. RSL F04 4170KWL</t>
  </si>
  <si>
    <t>RSL F04 4171K</t>
  </si>
  <si>
    <t>5702329516327</t>
  </si>
  <si>
    <t>VELUX Si.sch.-Ro. sol. RSL F04 4171K</t>
  </si>
  <si>
    <t>RSL F04 4171KWL</t>
  </si>
  <si>
    <t>5702329526319</t>
  </si>
  <si>
    <t>VELUX Si.sch.-Ro. sol. RSL F04 4171KWL</t>
  </si>
  <si>
    <t>RSL F04 9050K</t>
  </si>
  <si>
    <t>5702329516334</t>
  </si>
  <si>
    <t>VELUX Si.sch.-Ro. sol. RSL F04 9050K</t>
  </si>
  <si>
    <t>RSL F04 9050KWL</t>
  </si>
  <si>
    <t>5702329526326</t>
  </si>
  <si>
    <t>VELUX Si.sch.-Ro. sol. RSL F04 9050KWL</t>
  </si>
  <si>
    <t>RSL F06 4162K</t>
  </si>
  <si>
    <t>5702329516402</t>
  </si>
  <si>
    <t>VELUX Si.sch.-Ro. sol. RSL F06 4162K</t>
  </si>
  <si>
    <t>RSL F06 4162KWL</t>
  </si>
  <si>
    <t>5702329526395</t>
  </si>
  <si>
    <t>VELUX Si.sch.-Ro. sol. RSL F06 4162KWL</t>
  </si>
  <si>
    <t>RSL F06 4163KWL</t>
  </si>
  <si>
    <t>5702329526401</t>
  </si>
  <si>
    <t>VELUX Si.sch.-Ro. sol. RSL F06 4163KWL</t>
  </si>
  <si>
    <t>RSL F06 4164K</t>
  </si>
  <si>
    <t>5702329516426</t>
  </si>
  <si>
    <t>VELUX Si.sch.-Ro. sol. RSL F06 4164K</t>
  </si>
  <si>
    <t>RSL F06 4164KWL</t>
  </si>
  <si>
    <t>5702329526418</t>
  </si>
  <si>
    <t>VELUX Si.sch.-Ro. sol. RSL F06 4164KWL</t>
  </si>
  <si>
    <t>RSL F06 4166KWL</t>
  </si>
  <si>
    <t>5702329526432</t>
  </si>
  <si>
    <t>VELUX Si.sch.-Ro. sol. RSL F06 4166KWL</t>
  </si>
  <si>
    <t>RSL F06 4168K</t>
  </si>
  <si>
    <t>5702329516464</t>
  </si>
  <si>
    <t>VELUX Si.sch.-Ro. sol. RSL F06 4168K</t>
  </si>
  <si>
    <t>RSL F06 4168KWL</t>
  </si>
  <si>
    <t>5702329526456</t>
  </si>
  <si>
    <t>VELUX Si.sch.-Ro. sol. RSL F06 4168KWL</t>
  </si>
  <si>
    <t>RSL F06 4169KWL</t>
  </si>
  <si>
    <t>5702329526463</t>
  </si>
  <si>
    <t>VELUX Si.sch.-Ro. sol. RSL F06 4169KWL</t>
  </si>
  <si>
    <t>RSL F08 1086KWL</t>
  </si>
  <si>
    <t>5702329526524</t>
  </si>
  <si>
    <t>VELUX Si.sch.-Ro. sol. RSL F08 1086KWL</t>
  </si>
  <si>
    <t>RSL F08 4069K</t>
  </si>
  <si>
    <t>5702329516549</t>
  </si>
  <si>
    <t>VELUX Si.sch.-Ro. sol. RSL F08 4069K</t>
  </si>
  <si>
    <t>RSL F08 4069KWL</t>
  </si>
  <si>
    <t>5702329526531</t>
  </si>
  <si>
    <t>VELUX Si.sch.-Ro. sol. RSL F08 4069KWL</t>
  </si>
  <si>
    <t>RSL F08 4155K</t>
  </si>
  <si>
    <t>5702329516556</t>
  </si>
  <si>
    <t>VELUX Si.sch.-Ro. sol. RSL F08 4155K</t>
  </si>
  <si>
    <t>RSL F08 4155KWL</t>
  </si>
  <si>
    <t>5702329526548</t>
  </si>
  <si>
    <t>VELUX Si.sch.-Ro. sol. RSL F08 4155KWL</t>
  </si>
  <si>
    <t>RSL F08 4162K</t>
  </si>
  <si>
    <t>5702329516570</t>
  </si>
  <si>
    <t>VELUX Si.sch.-Ro. sol. RSL F08 4162K</t>
  </si>
  <si>
    <t>RSL F08 4162KWL</t>
  </si>
  <si>
    <t>5702329526562</t>
  </si>
  <si>
    <t>VELUX Si.sch.-Ro. sol. RSL F08 4162KWL</t>
  </si>
  <si>
    <t>RSL F08 4163K</t>
  </si>
  <si>
    <t>5702329516587</t>
  </si>
  <si>
    <t>VELUX Si.sch.-Ro. sol. RSL F08 4163K</t>
  </si>
  <si>
    <t>RSL F08 4163KWL</t>
  </si>
  <si>
    <t>5702329526579</t>
  </si>
  <si>
    <t>VELUX Si.sch.-Ro. sol. RSL F08 4163KWL</t>
  </si>
  <si>
    <t>RSL F08 4164K</t>
  </si>
  <si>
    <t>5702329516594</t>
  </si>
  <si>
    <t>VELUX Si.sch.-Ro. sol. RSL F08 4164K</t>
  </si>
  <si>
    <t>RSL F08 4164KWL</t>
  </si>
  <si>
    <t>5702329526586</t>
  </si>
  <si>
    <t>VELUX Si.sch.-Ro. sol. RSL F08 4164KWL</t>
  </si>
  <si>
    <t>RSL F08 4165K</t>
  </si>
  <si>
    <t>5702329516600</t>
  </si>
  <si>
    <t>VELUX Si.sch.-Ro. sol. RSL F08 4165K</t>
  </si>
  <si>
    <t>RSL F08 4165KWL</t>
  </si>
  <si>
    <t>5702329526593</t>
  </si>
  <si>
    <t>VELUX Si.sch.-Ro. sol. RSL F08 4165KWL</t>
  </si>
  <si>
    <t>RSL F08 4166K</t>
  </si>
  <si>
    <t>5702329516617</t>
  </si>
  <si>
    <t>VELUX Si.sch.-Ro. sol. RSL F08 4166K</t>
  </si>
  <si>
    <t>RSL F08 4166KWL</t>
  </si>
  <si>
    <t>5702329526609</t>
  </si>
  <si>
    <t>VELUX Si.sch.-Ro. sol. RSL F08 4166KWL</t>
  </si>
  <si>
    <t>RSL F08 4167K</t>
  </si>
  <si>
    <t>5702329516624</t>
  </si>
  <si>
    <t>VELUX Si.sch.-Ro. sol. RSL F08 4167K</t>
  </si>
  <si>
    <t>RSL F08 4167KWL</t>
  </si>
  <si>
    <t>5702329526616</t>
  </si>
  <si>
    <t>VELUX Si.sch.-Ro. sol. RSL F08 4167KWL</t>
  </si>
  <si>
    <t>RSL F08 4168K</t>
  </si>
  <si>
    <t>5702329516631</t>
  </si>
  <si>
    <t>VELUX Si.sch.-Ro. sol. RSL F08 4168K</t>
  </si>
  <si>
    <t>RSL F08 4168KWL</t>
  </si>
  <si>
    <t>5702329526623</t>
  </si>
  <si>
    <t>VELUX Si.sch.-Ro. sol. RSL F08 4168KWL</t>
  </si>
  <si>
    <t>RSL F08 4169K</t>
  </si>
  <si>
    <t>5702329516648</t>
  </si>
  <si>
    <t>VELUX Si.sch.-Ro. sol. RSL F08 4169K</t>
  </si>
  <si>
    <t>RSL F08 4169KWL</t>
  </si>
  <si>
    <t>5702329526630</t>
  </si>
  <si>
    <t>VELUX Si.sch.-Ro. sol. RSL F08 4169KWL</t>
  </si>
  <si>
    <t>RSL F08 4170K</t>
  </si>
  <si>
    <t>5702329516655</t>
  </si>
  <si>
    <t>VELUX Si.sch.-Ro. sol. RSL F08 4170K</t>
  </si>
  <si>
    <t>RSL F08 4170KWL</t>
  </si>
  <si>
    <t>5702329526647</t>
  </si>
  <si>
    <t>VELUX Si.sch.-Ro. sol. RSL F08 4170KWL</t>
  </si>
  <si>
    <t>RSL F08 4171K</t>
  </si>
  <si>
    <t>5702329516662</t>
  </si>
  <si>
    <t>VELUX Si.sch.-Ro. sol. RSL F08 4171K</t>
  </si>
  <si>
    <t>RSL F08 4171KWL</t>
  </si>
  <si>
    <t>5702329526654</t>
  </si>
  <si>
    <t>VELUX Si.sch.-Ro. sol. RSL F08 4171KWL</t>
  </si>
  <si>
    <t>RSL F08 9050K</t>
  </si>
  <si>
    <t>5702329516679</t>
  </si>
  <si>
    <t>VELUX Si.sch.-Ro. sol. RSL F08 9050K</t>
  </si>
  <si>
    <t>RSL F08 9050KWL</t>
  </si>
  <si>
    <t>5702329526661</t>
  </si>
  <si>
    <t>VELUX Si.sch.-Ro. sol. RSL F08 9050KWL</t>
  </si>
  <si>
    <t>RSL FK04 4069K</t>
  </si>
  <si>
    <t>5702329516716</t>
  </si>
  <si>
    <t>VELUX Si.sch.-Ro. sol. RSL FK04 4069K</t>
  </si>
  <si>
    <t>RSL FK04 4162KWL</t>
  </si>
  <si>
    <t>5702329526739</t>
  </si>
  <si>
    <t>VELUX Si.sch.-Ro. sol. RSL FK04 4162KWL</t>
  </si>
  <si>
    <t>RSL FK04 4163K</t>
  </si>
  <si>
    <t>5702329516754</t>
  </si>
  <si>
    <t>VELUX Si.sch.-Ro. sol. RSL FK04 4163K</t>
  </si>
  <si>
    <t>RSL FK04 4164K</t>
  </si>
  <si>
    <t>5702329516761</t>
  </si>
  <si>
    <t>VELUX Si.sch.-Ro. sol. RSL FK04 4164K</t>
  </si>
  <si>
    <t>RSL FK04 4164KWL</t>
  </si>
  <si>
    <t>5702329526753</t>
  </si>
  <si>
    <t>VELUX Si.sch.-Ro. sol. RSL FK04 4164KWL</t>
  </si>
  <si>
    <t>RSL FK04 4165K</t>
  </si>
  <si>
    <t>5702329516778</t>
  </si>
  <si>
    <t>VELUX Si.sch.-Ro. sol. RSL FK04 4165K</t>
  </si>
  <si>
    <t>RSL FK04 4165KWL</t>
  </si>
  <si>
    <t>5702329526760</t>
  </si>
  <si>
    <t>VELUX Si.sch.-Ro. sol. RSL FK04 4165KWL</t>
  </si>
  <si>
    <t>RSL FK04 4167K</t>
  </si>
  <si>
    <t>5702329516792</t>
  </si>
  <si>
    <t>VELUX Si.sch.-Ro. sol. RSL FK04 4167K</t>
  </si>
  <si>
    <t>RSL FK04 4167KWL</t>
  </si>
  <si>
    <t>5702329526784</t>
  </si>
  <si>
    <t>VELUX Si.sch.-Ro. sol. RSL FK04 4167KWL</t>
  </si>
  <si>
    <t>RSL FK04 4168K</t>
  </si>
  <si>
    <t>5702329516808</t>
  </si>
  <si>
    <t>VELUX Si.sch.-Ro. sol. RSL FK04 4168K</t>
  </si>
  <si>
    <t>RSL FK04 4168KWL</t>
  </si>
  <si>
    <t>5702329526791</t>
  </si>
  <si>
    <t>VELUX Si.sch.-Ro. sol. RSL FK04 4168KWL</t>
  </si>
  <si>
    <t>RSL FK04 4169K</t>
  </si>
  <si>
    <t>5702329516815</t>
  </si>
  <si>
    <t>VELUX Si.sch.-Ro. sol. RSL FK04 4169K</t>
  </si>
  <si>
    <t>RSL FK04 4170K</t>
  </si>
  <si>
    <t>5702329516822</t>
  </si>
  <si>
    <t>VELUX Si.sch.-Ro. sol. RSL FK04 4170K</t>
  </si>
  <si>
    <t>RSL FK04 4171K</t>
  </si>
  <si>
    <t>5702329516839</t>
  </si>
  <si>
    <t>VELUX Si.sch.-Ro. sol. RSL FK04 4171K</t>
  </si>
  <si>
    <t>RSL FK04 9050K</t>
  </si>
  <si>
    <t>5702329516846</t>
  </si>
  <si>
    <t>VELUX Si.sch.-Ro. sol. RSL FK04 9050K</t>
  </si>
  <si>
    <t>RSL FK08 4162K</t>
  </si>
  <si>
    <t>5702329517089</t>
  </si>
  <si>
    <t>VELUX Si.sch.-Ro. sol. RSL FK08 4162K</t>
  </si>
  <si>
    <t>RSL FK08 4162KWL</t>
  </si>
  <si>
    <t>5702329527071</t>
  </si>
  <si>
    <t>VELUX Si.sch.-Ro. sol. RSL FK08 4162KWL</t>
  </si>
  <si>
    <t>RSL FK08 4164K</t>
  </si>
  <si>
    <t>5702329517102</t>
  </si>
  <si>
    <t>VELUX Si.sch.-Ro. sol. RSL FK08 4164K</t>
  </si>
  <si>
    <t>RSL FK08 4165K</t>
  </si>
  <si>
    <t>5702329517119</t>
  </si>
  <si>
    <t>VELUX Si.sch.-Ro. sol. RSL FK08 4165K</t>
  </si>
  <si>
    <t>RSL FK08 4168KWL</t>
  </si>
  <si>
    <t>5702329527132</t>
  </si>
  <si>
    <t>VELUX Si.sch.-Ro. sol. RSL FK08 4168KWL</t>
  </si>
  <si>
    <t>RSL FK08 9050K</t>
  </si>
  <si>
    <t>5702329517188</t>
  </si>
  <si>
    <t>VELUX Si.sch.-Ro. sol. RSL FK08 9050K</t>
  </si>
  <si>
    <t>RSL FK08 9050KWL</t>
  </si>
  <si>
    <t>5702329527170</t>
  </si>
  <si>
    <t>VELUX Si.sch.-Ro. sol. RSL FK08 9050KWL</t>
  </si>
  <si>
    <t>RSL M04 4162KWL</t>
  </si>
  <si>
    <t>5702329527248</t>
  </si>
  <si>
    <t>VELUX Si.sch.-Ro. sol. RSL M04 4162KWL</t>
  </si>
  <si>
    <t>RSL M04 4168KWL</t>
  </si>
  <si>
    <t>5702329527309</t>
  </si>
  <si>
    <t>VELUX Si.sch.-Ro. sol. RSL M04 4168KWL</t>
  </si>
  <si>
    <t>RSL M06 4162K</t>
  </si>
  <si>
    <t>5702329517423</t>
  </si>
  <si>
    <t>VELUX Si.sch.-Ro. sol. RSL M06 4162K</t>
  </si>
  <si>
    <t>RSL M06 4167KWL</t>
  </si>
  <si>
    <t>5702329527460</t>
  </si>
  <si>
    <t>VELUX Si.sch.-Ro. sol. RSL M06 4167KWL</t>
  </si>
  <si>
    <t>RSL M06 4168KWL</t>
  </si>
  <si>
    <t>5702329527477</t>
  </si>
  <si>
    <t>VELUX Si.sch.-Ro. sol. RSL M06 4168KWL</t>
  </si>
  <si>
    <t>RSL M08 4162KWL</t>
  </si>
  <si>
    <t>5702329527583</t>
  </si>
  <si>
    <t>VELUX Si.sch.-Ro. sol. RSL M08 4162KWL</t>
  </si>
  <si>
    <t>RSL M08 4164KWL</t>
  </si>
  <si>
    <t>5702329527606</t>
  </si>
  <si>
    <t>VELUX Si.sch.-Ro. sol. RSL M08 4164KWL</t>
  </si>
  <si>
    <t>RSL M08 4168KWL</t>
  </si>
  <si>
    <t>5702329527644</t>
  </si>
  <si>
    <t>VELUX Si.sch.-Ro. sol. RSL M08 4168KWL</t>
  </si>
  <si>
    <t>RSL M10 1086KWL</t>
  </si>
  <si>
    <t>5702329527712</t>
  </si>
  <si>
    <t>VELUX Si.sch.-Ro. sol. RSL M10 1086KWL</t>
  </si>
  <si>
    <t>RSL M10 4161KWL</t>
  </si>
  <si>
    <t>5702329527743</t>
  </si>
  <si>
    <t>VELUX Si.sch.-Ro. sol. RSL M10 4161KWL</t>
  </si>
  <si>
    <t>RSL M10 4163K</t>
  </si>
  <si>
    <t>5702329517775</t>
  </si>
  <si>
    <t>VELUX Si.sch.-Ro. sol. RSL M10 4163K</t>
  </si>
  <si>
    <t>RSL M10 4163KWL</t>
  </si>
  <si>
    <t>5702329527767</t>
  </si>
  <si>
    <t>VELUX Si.sch.-Ro. sol. RSL M10 4163KWL</t>
  </si>
  <si>
    <t>RSL M10 4164K</t>
  </si>
  <si>
    <t>5702329517782</t>
  </si>
  <si>
    <t>VELUX Si.sch.-Ro. sol. RSL M10 4164K</t>
  </si>
  <si>
    <t>RSL M10 4164KWL</t>
  </si>
  <si>
    <t>5702329527774</t>
  </si>
  <si>
    <t>VELUX Si.sch.-Ro. sol. RSL M10 4164KWL</t>
  </si>
  <si>
    <t>RSL M10 4165K</t>
  </si>
  <si>
    <t>5702329517799</t>
  </si>
  <si>
    <t>VELUX Si.sch.-Ro. sol. RSL M10 4165K</t>
  </si>
  <si>
    <t>RSL M10 4165KWL</t>
  </si>
  <si>
    <t>5702329527781</t>
  </si>
  <si>
    <t>VELUX Si.sch.-Ro. sol. RSL M10 4165KWL</t>
  </si>
  <si>
    <t>RSL M10 4166K</t>
  </si>
  <si>
    <t>5702329517805</t>
  </si>
  <si>
    <t>VELUX Si.sch.-Ro. sol. RSL M10 4166K</t>
  </si>
  <si>
    <t>RSL M10 4166KWL</t>
  </si>
  <si>
    <t>5702329527798</t>
  </si>
  <si>
    <t>VELUX Si.sch.-Ro. sol. RSL M10 4166KWL</t>
  </si>
  <si>
    <t>RSL M10 4167K</t>
  </si>
  <si>
    <t>5702329517812</t>
  </si>
  <si>
    <t>VELUX Si.sch.-Ro. sol. RSL M10 4167K</t>
  </si>
  <si>
    <t>RSL M10 4167KWL</t>
  </si>
  <si>
    <t>5702329527804</t>
  </si>
  <si>
    <t>VELUX Si.sch.-Ro. sol. RSL M10 4167KWL</t>
  </si>
  <si>
    <t>RSL M10 4168K</t>
  </si>
  <si>
    <t>5702329517829</t>
  </si>
  <si>
    <t>VELUX Si.sch.-Ro. sol. RSL M10 4168K</t>
  </si>
  <si>
    <t>RSL M10 4168KWL</t>
  </si>
  <si>
    <t>5702329527811</t>
  </si>
  <si>
    <t>VELUX Si.sch.-Ro. sol. RSL M10 4168KWL</t>
  </si>
  <si>
    <t>RSL M10 4169K</t>
  </si>
  <si>
    <t>5702329517836</t>
  </si>
  <si>
    <t>VELUX Si.sch.-Ro. sol. RSL M10 4169K</t>
  </si>
  <si>
    <t>RSL M10 4169KWL</t>
  </si>
  <si>
    <t>5702329527828</t>
  </si>
  <si>
    <t>VELUX Si.sch.-Ro. sol. RSL M10 4169KWL</t>
  </si>
  <si>
    <t>RSL M10 4170K</t>
  </si>
  <si>
    <t>5702329517843</t>
  </si>
  <si>
    <t>VELUX Si.sch.-Ro. sol. RSL M10 4170K</t>
  </si>
  <si>
    <t>RSL M10 4170KWL</t>
  </si>
  <si>
    <t>5702329527835</t>
  </si>
  <si>
    <t>VELUX Si.sch.-Ro. sol. RSL M10 4170KWL</t>
  </si>
  <si>
    <t>RSL M10 4171K</t>
  </si>
  <si>
    <t>5702329517850</t>
  </si>
  <si>
    <t>VELUX Si.sch.-Ro. sol. RSL M10 4171K</t>
  </si>
  <si>
    <t>RSL M10 4171KWL</t>
  </si>
  <si>
    <t>5702329527842</t>
  </si>
  <si>
    <t>VELUX Si.sch.-Ro. sol. RSL M10 4171KWL</t>
  </si>
  <si>
    <t>RSL M10 9050KWL</t>
  </si>
  <si>
    <t>5702329527859</t>
  </si>
  <si>
    <t>VELUX Si.sch.-Ro. sol. RSL M10 9050KWL</t>
  </si>
  <si>
    <t>RSL M31 1086K</t>
  </si>
  <si>
    <t>5702329518062</t>
  </si>
  <si>
    <t>VELUX Si.sch.-Ro. sol. RSL M31 1086K</t>
  </si>
  <si>
    <t>RSL M31 1086KWL</t>
  </si>
  <si>
    <t>5702329528054</t>
  </si>
  <si>
    <t>VELUX Si.sch.-Ro. sol. RSL M31 1086KWL</t>
  </si>
  <si>
    <t>RSL M31 4069K</t>
  </si>
  <si>
    <t>5702329518079</t>
  </si>
  <si>
    <t>VELUX Si.sch.-Ro. sol. RSL M31 4069K</t>
  </si>
  <si>
    <t>RSL M31 4069KWL</t>
  </si>
  <si>
    <t>5702329528061</t>
  </si>
  <si>
    <t>VELUX Si.sch.-Ro. sol. RSL M31 4069KWL</t>
  </si>
  <si>
    <t>RSL M31 4155K</t>
  </si>
  <si>
    <t>5702329518086</t>
  </si>
  <si>
    <t>VELUX Si.sch.-Ro. sol. RSL M31 4155K</t>
  </si>
  <si>
    <t>RSL M31 4155KWL</t>
  </si>
  <si>
    <t>5702329528078</t>
  </si>
  <si>
    <t>VELUX Si.sch.-Ro. sol. RSL M31 4155KWL</t>
  </si>
  <si>
    <t>RSL M31 4161K</t>
  </si>
  <si>
    <t>5702329518093</t>
  </si>
  <si>
    <t>VELUX Si.sch.-Ro. sol. RSL M31 4161K</t>
  </si>
  <si>
    <t>RSL M31 4161KWL</t>
  </si>
  <si>
    <t>5702329528085</t>
  </si>
  <si>
    <t>VELUX Si.sch.-Ro. sol. RSL M31 4161KWL</t>
  </si>
  <si>
    <t>RSL M31 4162KWL</t>
  </si>
  <si>
    <t>5702329528092</t>
  </si>
  <si>
    <t>VELUX Si.sch.-Ro. sol. RSL M31 4162KWL</t>
  </si>
  <si>
    <t>RSL M31 4163K</t>
  </si>
  <si>
    <t>5702329518116</t>
  </si>
  <si>
    <t>VELUX Si.sch.-Ro. sol. RSL M31 4163K</t>
  </si>
  <si>
    <t>RSL M31 4163KWL</t>
  </si>
  <si>
    <t>5702329528108</t>
  </si>
  <si>
    <t>VELUX Si.sch.-Ro. sol. RSL M31 4163KWL</t>
  </si>
  <si>
    <t>RSL M31 4164K</t>
  </si>
  <si>
    <t>5702329518123</t>
  </si>
  <si>
    <t>VELUX Si.sch.-Ro. sol. RSL M31 4164K</t>
  </si>
  <si>
    <t>RSL M31 4164KWL</t>
  </si>
  <si>
    <t>5702329528115</t>
  </si>
  <si>
    <t>VELUX Si.sch.-Ro. sol. RSL M31 4164KWL</t>
  </si>
  <si>
    <t>RSL M31 4165K</t>
  </si>
  <si>
    <t>5702329518130</t>
  </si>
  <si>
    <t>VELUX Si.sch.-Ro. sol. RSL M31 4165K</t>
  </si>
  <si>
    <t>RSL M31 4165KWL</t>
  </si>
  <si>
    <t>5702329528122</t>
  </si>
  <si>
    <t>VELUX Si.sch.-Ro. sol. RSL M31 4165KWL</t>
  </si>
  <si>
    <t>RSL M31 4166K</t>
  </si>
  <si>
    <t>5702329518147</t>
  </si>
  <si>
    <t>VELUX Si.sch.-Ro. sol. RSL M31 4166K</t>
  </si>
  <si>
    <t>RSL M31 4167K</t>
  </si>
  <si>
    <t>5702329518154</t>
  </si>
  <si>
    <t>VELUX Si.sch.-Ro. sol. RSL M31 4167K</t>
  </si>
  <si>
    <t>RSL M31 4167KWL</t>
  </si>
  <si>
    <t>5702329528146</t>
  </si>
  <si>
    <t>VELUX Si.sch.-Ro. sol. RSL M31 4167KWL</t>
  </si>
  <si>
    <t>RSL M31 4168K</t>
  </si>
  <si>
    <t>5702329518161</t>
  </si>
  <si>
    <t>VELUX Si.sch.-Ro. sol. RSL M31 4168K</t>
  </si>
  <si>
    <t>RSL M31 4168KWL</t>
  </si>
  <si>
    <t>5702329528153</t>
  </si>
  <si>
    <t>VELUX Si.sch.-Ro. sol. RSL M31 4168KWL</t>
  </si>
  <si>
    <t>RSL M31 4169K</t>
  </si>
  <si>
    <t>5702329518178</t>
  </si>
  <si>
    <t>VELUX Si.sch.-Ro. sol. RSL M31 4169K</t>
  </si>
  <si>
    <t>RSL M31 4169KWL</t>
  </si>
  <si>
    <t>5702329528160</t>
  </si>
  <si>
    <t>VELUX Si.sch.-Ro. sol. RSL M31 4169KWL</t>
  </si>
  <si>
    <t>RSL M31 4170K</t>
  </si>
  <si>
    <t>5702329518185</t>
  </si>
  <si>
    <t>VELUX Si.sch.-Ro. sol. RSL M31 4170K</t>
  </si>
  <si>
    <t>RSL M31 4170KWL</t>
  </si>
  <si>
    <t>5702329528177</t>
  </si>
  <si>
    <t>VELUX Si.sch.-Ro. sol. RSL M31 4170KWL</t>
  </si>
  <si>
    <t>RSL M31 4171K</t>
  </si>
  <si>
    <t>5702329518192</t>
  </si>
  <si>
    <t>VELUX Si.sch.-Ro. sol. RSL M31 4171K</t>
  </si>
  <si>
    <t>RSL M31 4171KWL</t>
  </si>
  <si>
    <t>5702329528184</t>
  </si>
  <si>
    <t>VELUX Si.sch.-Ro. sol. RSL M31 4171KWL</t>
  </si>
  <si>
    <t>RSL M31 9050K</t>
  </si>
  <si>
    <t>5702329518208</t>
  </si>
  <si>
    <t>VELUX Si.sch.-Ro. sol. RSL M31 9050K</t>
  </si>
  <si>
    <t>RSL M31 9050KWL</t>
  </si>
  <si>
    <t>5702329528191</t>
  </si>
  <si>
    <t>VELUX Si.sch.-Ro. sol. RSL M31 9050KWL</t>
  </si>
  <si>
    <t>RSL MK06 4165K</t>
  </si>
  <si>
    <t>5702329518635</t>
  </si>
  <si>
    <t>VELUX Si.sch.-Ro. sol. RSL MK06 4165K</t>
  </si>
  <si>
    <t>RSL MK10 4162K</t>
  </si>
  <si>
    <t>5702329518949</t>
  </si>
  <si>
    <t>VELUX Si.sch.-Ro. sol. RSL MK10 4162K</t>
  </si>
  <si>
    <t>RSL MK10 4165K</t>
  </si>
  <si>
    <t>5702329518970</t>
  </si>
  <si>
    <t>VELUX Si.sch.-Ro. sol. RSL MK10 4165K</t>
  </si>
  <si>
    <t>RSL MK10 4165KWL</t>
  </si>
  <si>
    <t>5702329528801</t>
  </si>
  <si>
    <t>VELUX Si.sch.-Ro. sol. RSL MK10 4165KWL</t>
  </si>
  <si>
    <t>RSL MK10 4166K</t>
  </si>
  <si>
    <t>5702329518987</t>
  </si>
  <si>
    <t>VELUX Si.sch.-Ro. sol. RSL MK10 4166K</t>
  </si>
  <si>
    <t>RSL MK10 4167KWL</t>
  </si>
  <si>
    <t>5702329528825</t>
  </si>
  <si>
    <t>VELUX Si.sch.-Ro. sol. RSL MK10 4167KWL</t>
  </si>
  <si>
    <t>RSL MK10 4168K</t>
  </si>
  <si>
    <t>5702329519007</t>
  </si>
  <si>
    <t>VELUX Si.sch.-Ro. sol. RSL MK10 4168K</t>
  </si>
  <si>
    <t>RSL MK10 4170K</t>
  </si>
  <si>
    <t>5702329519021</t>
  </si>
  <si>
    <t>VELUX Si.sch.-Ro. sol. RSL MK10 4170K</t>
  </si>
  <si>
    <t>RSL MK10 4171K</t>
  </si>
  <si>
    <t>5702329519038</t>
  </si>
  <si>
    <t>VELUX Si.sch.-Ro. sol. RSL MK10 4171K</t>
  </si>
  <si>
    <t>RSL MK10 4171KWL</t>
  </si>
  <si>
    <t>5702329528863</t>
  </si>
  <si>
    <t>VELUX Si.sch.-Ro. sol. RSL MK10 4171KWL</t>
  </si>
  <si>
    <t>RSL MK12 4069K</t>
  </si>
  <si>
    <t>5702329519083</t>
  </si>
  <si>
    <t>VELUX Si.sch.-Ro. sol. RSL MK12 4069K</t>
  </si>
  <si>
    <t>RSL MK12 4155KWL</t>
  </si>
  <si>
    <t>5702329528924</t>
  </si>
  <si>
    <t>VELUX Si.sch.-Ro. sol. RSL MK12 4155KWL</t>
  </si>
  <si>
    <t>RSL MK12 4162K</t>
  </si>
  <si>
    <t>5702329519113</t>
  </si>
  <si>
    <t>VELUX Si.sch.-Ro. sol. RSL MK12 4162K</t>
  </si>
  <si>
    <t>RSL MK12 4162KWL</t>
  </si>
  <si>
    <t>5702329528948</t>
  </si>
  <si>
    <t>VELUX Si.sch.-Ro. sol. RSL MK12 4162KWL</t>
  </si>
  <si>
    <t>RSL MK12 4163K</t>
  </si>
  <si>
    <t>5702329519120</t>
  </si>
  <si>
    <t>VELUX Si.sch.-Ro. sol. RSL MK12 4163K</t>
  </si>
  <si>
    <t>RSL MK12 4164K</t>
  </si>
  <si>
    <t>5702329519137</t>
  </si>
  <si>
    <t>VELUX Si.sch.-Ro. sol. RSL MK12 4164K</t>
  </si>
  <si>
    <t>RSL MK12 4164KWL</t>
  </si>
  <si>
    <t>5702329528962</t>
  </si>
  <si>
    <t>VELUX Si.sch.-Ro. sol. RSL MK12 4164KWL</t>
  </si>
  <si>
    <t>RSL MK12 4165K</t>
  </si>
  <si>
    <t>5702329519144</t>
  </si>
  <si>
    <t>VELUX Si.sch.-Ro. sol. RSL MK12 4165K</t>
  </si>
  <si>
    <t>RSL MK12 4166K</t>
  </si>
  <si>
    <t>5702329519151</t>
  </si>
  <si>
    <t>VELUX Si.sch.-Ro. sol. RSL MK12 4166K</t>
  </si>
  <si>
    <t>RSL MK12 4166KWL</t>
  </si>
  <si>
    <t>5702329528986</t>
  </si>
  <si>
    <t>VELUX Si.sch.-Ro. sol. RSL MK12 4166KWL</t>
  </si>
  <si>
    <t>RSL MK12 4167K</t>
  </si>
  <si>
    <t>5702329519168</t>
  </si>
  <si>
    <t>VELUX Si.sch.-Ro. sol. RSL MK12 4167K</t>
  </si>
  <si>
    <t>RSL MK12 4167KWL</t>
  </si>
  <si>
    <t>5702329528993</t>
  </si>
  <si>
    <t>VELUX Si.sch.-Ro. sol. RSL MK12 4167KWL</t>
  </si>
  <si>
    <t>RSL MK12 4168K</t>
  </si>
  <si>
    <t>5702329519175</t>
  </si>
  <si>
    <t>VELUX Si.sch.-Ro. sol. RSL MK12 4168K</t>
  </si>
  <si>
    <t>RSL MK12 4168KWL</t>
  </si>
  <si>
    <t>5702329529006</t>
  </si>
  <si>
    <t>VELUX Si.sch.-Ro. sol. RSL MK12 4168KWL</t>
  </si>
  <si>
    <t>RSL MK12 4170K</t>
  </si>
  <si>
    <t>5702329519199</t>
  </si>
  <si>
    <t>VELUX Si.sch.-Ro. sol. RSL MK12 4170K</t>
  </si>
  <si>
    <t>RSL MK12 4171K</t>
  </si>
  <si>
    <t>5702329519205</t>
  </si>
  <si>
    <t>VELUX Si.sch.-Ro. sol. RSL MK12 4171K</t>
  </si>
  <si>
    <t>RSL P04 4162K</t>
  </si>
  <si>
    <t>5702329519281</t>
  </si>
  <si>
    <t>VELUX Si.sch.-Ro. sol. RSL P04 4162K</t>
  </si>
  <si>
    <t>RSL P04 4162KWL</t>
  </si>
  <si>
    <t>5702329529112</t>
  </si>
  <si>
    <t>VELUX Si.sch.-Ro. sol. RSL P04 4162KWL</t>
  </si>
  <si>
    <t>RSL P04 4164KWL</t>
  </si>
  <si>
    <t>5702329529136</t>
  </si>
  <si>
    <t>VELUX Si.sch.-Ro. sol. RSL P04 4164KWL</t>
  </si>
  <si>
    <t>RSL P04 4165K</t>
  </si>
  <si>
    <t>5702329519311</t>
  </si>
  <si>
    <t>VELUX Si.sch.-Ro. sol. RSL P04 4165K</t>
  </si>
  <si>
    <t>RSL P04 4165KWL</t>
  </si>
  <si>
    <t>5702329529143</t>
  </si>
  <si>
    <t>VELUX Si.sch.-Ro. sol. RSL P04 4165KWL</t>
  </si>
  <si>
    <t>RSL P04 4168K</t>
  </si>
  <si>
    <t>5702329519342</t>
  </si>
  <si>
    <t>VELUX Si.sch.-Ro. sol. RSL P04 4168K</t>
  </si>
  <si>
    <t>RSL P04 4168KWL</t>
  </si>
  <si>
    <t>5702329529174</t>
  </si>
  <si>
    <t>VELUX Si.sch.-Ro. sol. RSL P04 4168KWL</t>
  </si>
  <si>
    <t>RSL P04 4169K</t>
  </si>
  <si>
    <t>5702329519359</t>
  </si>
  <si>
    <t>VELUX Si.sch.-Ro. sol. RSL P04 4169K</t>
  </si>
  <si>
    <t>RSL P04 4171K</t>
  </si>
  <si>
    <t>5702329519373</t>
  </si>
  <si>
    <t>VELUX Si.sch.-Ro. sol. RSL P04 4171K</t>
  </si>
  <si>
    <t>RSL P04 4171KWL</t>
  </si>
  <si>
    <t>5702329529204</t>
  </si>
  <si>
    <t>VELUX Si.sch.-Ro. sol. RSL P04 4171KWL</t>
  </si>
  <si>
    <t>RSL P06 1086KWL</t>
  </si>
  <si>
    <t>5702329529242</t>
  </si>
  <si>
    <t>VELUX Si.sch.-Ro. sol. RSL P06 1086KWL</t>
  </si>
  <si>
    <t>RSL P06 4069KWL</t>
  </si>
  <si>
    <t>5702329529259</t>
  </si>
  <si>
    <t>VELUX Si.sch.-Ro. sol. RSL P06 4069KWL</t>
  </si>
  <si>
    <t>RSL P06 4162K</t>
  </si>
  <si>
    <t>5702329519458</t>
  </si>
  <si>
    <t>VELUX Si.sch.-Ro. sol. RSL P06 4162K</t>
  </si>
  <si>
    <t>RSL P06 4162KWL</t>
  </si>
  <si>
    <t>5702329529280</t>
  </si>
  <si>
    <t>VELUX Si.sch.-Ro. sol. RSL P06 4162KWL</t>
  </si>
  <si>
    <t>RSL P06 4163KWL</t>
  </si>
  <si>
    <t>5702329529297</t>
  </si>
  <si>
    <t>VELUX Si.sch.-Ro. sol. RSL P06 4163KWL</t>
  </si>
  <si>
    <t>RSL P06 4164K</t>
  </si>
  <si>
    <t>5702329519472</t>
  </si>
  <si>
    <t>VELUX Si.sch.-Ro. sol. RSL P06 4164K</t>
  </si>
  <si>
    <t>RSL P06 4165K</t>
  </si>
  <si>
    <t>5702329519489</t>
  </si>
  <si>
    <t>VELUX Si.sch.-Ro. sol. RSL P06 4165K</t>
  </si>
  <si>
    <t>RSL P06 4165KWL</t>
  </si>
  <si>
    <t>5702329529310</t>
  </si>
  <si>
    <t>VELUX Si.sch.-Ro. sol. RSL P06 4165KWL</t>
  </si>
  <si>
    <t>RSL P06 4166KWL</t>
  </si>
  <si>
    <t>5702329529327</t>
  </si>
  <si>
    <t>VELUX Si.sch.-Ro. sol. RSL P06 4166KWL</t>
  </si>
  <si>
    <t>RSL P06 4167K</t>
  </si>
  <si>
    <t>5702329519502</t>
  </si>
  <si>
    <t>VELUX Si.sch.-Ro. sol. RSL P06 4167K</t>
  </si>
  <si>
    <t>RSL P06 4167KWL</t>
  </si>
  <si>
    <t>5702329529334</t>
  </si>
  <si>
    <t>VELUX Si.sch.-Ro. sol. RSL P06 4167KWL</t>
  </si>
  <si>
    <t>RSL P06 4168K</t>
  </si>
  <si>
    <t>5702329519519</t>
  </si>
  <si>
    <t>VELUX Si.sch.-Ro. sol. RSL P06 4168K</t>
  </si>
  <si>
    <t>RSL P06 4168KWL</t>
  </si>
  <si>
    <t>5702329529341</t>
  </si>
  <si>
    <t>VELUX Si.sch.-Ro. sol. RSL P06 4168KWL</t>
  </si>
  <si>
    <t>RSL P06 4169K</t>
  </si>
  <si>
    <t>5702329519526</t>
  </si>
  <si>
    <t>VELUX Si.sch.-Ro. sol. RSL P06 4169K</t>
  </si>
  <si>
    <t>RSL P06 4169KWL</t>
  </si>
  <si>
    <t>5702329529358</t>
  </si>
  <si>
    <t>VELUX Si.sch.-Ro. sol. RSL P06 4169KWL</t>
  </si>
  <si>
    <t>RSL P06 4170K</t>
  </si>
  <si>
    <t>5702329519533</t>
  </si>
  <si>
    <t>VELUX Si.sch.-Ro. sol. RSL P06 4170K</t>
  </si>
  <si>
    <t>RSL P06 4171KWL</t>
  </si>
  <si>
    <t>5702329529372</t>
  </si>
  <si>
    <t>VELUX Si.sch.-Ro. sol. RSL P06 4171KWL</t>
  </si>
  <si>
    <t>RSL P06 9050K</t>
  </si>
  <si>
    <t>5702329519557</t>
  </si>
  <si>
    <t>VELUX Si.sch.-Ro. sol. RSL P06 9050K</t>
  </si>
  <si>
    <t>RSL P06 9050KWL</t>
  </si>
  <si>
    <t>5702329529389</t>
  </si>
  <si>
    <t>VELUX Si.sch.-Ro. sol. RSL P06 9050KWL</t>
  </si>
  <si>
    <t>RSL P08 4069K</t>
  </si>
  <si>
    <t>5702329519595</t>
  </si>
  <si>
    <t>VELUX Si.sch.-Ro. sol. RSL P08 4069K</t>
  </si>
  <si>
    <t>RSL P08 4162K</t>
  </si>
  <si>
    <t>5702329519625</t>
  </si>
  <si>
    <t>VELUX Si.sch.-Ro. sol. RSL P08 4162K</t>
  </si>
  <si>
    <t>RSL P08 4162KWL</t>
  </si>
  <si>
    <t>5702329529457</t>
  </si>
  <si>
    <t>VELUX Si.sch.-Ro. sol. RSL P08 4162KWL</t>
  </si>
  <si>
    <t>RSL P08 4163K</t>
  </si>
  <si>
    <t>5702329519632</t>
  </si>
  <si>
    <t>VELUX Si.sch.-Ro. sol. RSL P08 4163K</t>
  </si>
  <si>
    <t>RSL P08 4163KWL</t>
  </si>
  <si>
    <t>5702329529464</t>
  </si>
  <si>
    <t>VELUX Si.sch.-Ro. sol. RSL P08 4163KWL</t>
  </si>
  <si>
    <t>RSL P08 4164K</t>
  </si>
  <si>
    <t>5702329519649</t>
  </si>
  <si>
    <t>VELUX Si.sch.-Ro. sol. RSL P08 4164K</t>
  </si>
  <si>
    <t>RSL P08 4164KWL</t>
  </si>
  <si>
    <t>5702329529471</t>
  </si>
  <si>
    <t>VELUX Si.sch.-Ro. sol. RSL P08 4164KWL</t>
  </si>
  <si>
    <t>RSL P08 4165K</t>
  </si>
  <si>
    <t>5702329519656</t>
  </si>
  <si>
    <t>VELUX Si.sch.-Ro. sol. RSL P08 4165K</t>
  </si>
  <si>
    <t>RSL P08 4165KWL</t>
  </si>
  <si>
    <t>5702329529488</t>
  </si>
  <si>
    <t>VELUX Si.sch.-Ro. sol. RSL P08 4165KWL</t>
  </si>
  <si>
    <t>RSL P08 4166KWL</t>
  </si>
  <si>
    <t>5702329529495</t>
  </si>
  <si>
    <t>VELUX Si.sch.-Ro. sol. RSL P08 4166KWL</t>
  </si>
  <si>
    <t>RSL P08 4167K</t>
  </si>
  <si>
    <t>5702329519670</t>
  </si>
  <si>
    <t>VELUX Si.sch.-Ro. sol. RSL P08 4167K</t>
  </si>
  <si>
    <t>RSL P08 4167KWL</t>
  </si>
  <si>
    <t>5702329529501</t>
  </si>
  <si>
    <t>VELUX Si.sch.-Ro. sol. RSL P08 4167KWL</t>
  </si>
  <si>
    <t>RSL P08 4168K</t>
  </si>
  <si>
    <t>5702329519687</t>
  </si>
  <si>
    <t>VELUX Si.sch.-Ro. sol. RSL P08 4168K</t>
  </si>
  <si>
    <t>RSL P08 4169K</t>
  </si>
  <si>
    <t>5702329519694</t>
  </si>
  <si>
    <t>VELUX Si.sch.-Ro. sol. RSL P08 4169K</t>
  </si>
  <si>
    <t>RSL P08 4170KWL</t>
  </si>
  <si>
    <t>5702329529532</t>
  </si>
  <si>
    <t>VELUX Si.sch.-Ro. sol. RSL P08 4170KWL</t>
  </si>
  <si>
    <t>RSL P08 4171KWL</t>
  </si>
  <si>
    <t>5702329529549</t>
  </si>
  <si>
    <t>VELUX Si.sch.-Ro. sol. RSL P08 4171KWL</t>
  </si>
  <si>
    <t>RSL P10 4069K</t>
  </si>
  <si>
    <t>5702329519762</t>
  </si>
  <si>
    <t>VELUX Si.sch.-Ro. sol. RSL P10 4069K</t>
  </si>
  <si>
    <t>RSL P10 4162KWL</t>
  </si>
  <si>
    <t>5702329529624</t>
  </si>
  <si>
    <t>VELUX Si.sch.-Ro. sol. RSL P10 4162KWL</t>
  </si>
  <si>
    <t>RSL P10 4164KWL</t>
  </si>
  <si>
    <t>5702329529648</t>
  </si>
  <si>
    <t>VELUX Si.sch.-Ro. sol. RSL P10 4164KWL</t>
  </si>
  <si>
    <t>RSL P10 4169KWL</t>
  </si>
  <si>
    <t>5702329529693</t>
  </si>
  <si>
    <t>VELUX Si.sch.-Ro. sol. RSL P10 4169KWL</t>
  </si>
  <si>
    <t>RSL P31 1086K</t>
  </si>
  <si>
    <t>5702329520096</t>
  </si>
  <si>
    <t>VELUX Si.sch.-Ro. sol. RSL P31 1086K</t>
  </si>
  <si>
    <t>RSL P31 4069K</t>
  </si>
  <si>
    <t>5702329520102</t>
  </si>
  <si>
    <t>VELUX Si.sch.-Ro. sol. RSL P31 4069K</t>
  </si>
  <si>
    <t>RSL P31 4069KWL</t>
  </si>
  <si>
    <t>5702329529938</t>
  </si>
  <si>
    <t>VELUX Si.sch.-Ro. sol. RSL P31 4069KWL</t>
  </si>
  <si>
    <t>RSL P31 4155K</t>
  </si>
  <si>
    <t>5702329520119</t>
  </si>
  <si>
    <t>VELUX Si.sch.-Ro. sol. RSL P31 4155K</t>
  </si>
  <si>
    <t>RSL P31 4155KWL</t>
  </si>
  <si>
    <t>5702329529945</t>
  </si>
  <si>
    <t>VELUX Si.sch.-Ro. sol. RSL P31 4155KWL</t>
  </si>
  <si>
    <t>RSL P31 4162K</t>
  </si>
  <si>
    <t>5702329520133</t>
  </si>
  <si>
    <t>VELUX Si.sch.-Ro. sol. RSL P31 4162K</t>
  </si>
  <si>
    <t>RSL P31 4162KWL</t>
  </si>
  <si>
    <t>5702329529969</t>
  </si>
  <si>
    <t>VELUX Si.sch.-Ro. sol. RSL P31 4162KWL</t>
  </si>
  <si>
    <t>RSL P31 4163K</t>
  </si>
  <si>
    <t>5702329520140</t>
  </si>
  <si>
    <t>VELUX Si.sch.-Ro. sol. RSL P31 4163K</t>
  </si>
  <si>
    <t>RSL P31 4163KWL</t>
  </si>
  <si>
    <t>5702329529976</t>
  </si>
  <si>
    <t>VELUX Si.sch.-Ro. sol. RSL P31 4163KWL</t>
  </si>
  <si>
    <t>RSL P31 4164K</t>
  </si>
  <si>
    <t>5702329520157</t>
  </si>
  <si>
    <t>VELUX Si.sch.-Ro. sol. RSL P31 4164K</t>
  </si>
  <si>
    <t>RSL P31 4164KWL</t>
  </si>
  <si>
    <t>5702329529983</t>
  </si>
  <si>
    <t>VELUX Si.sch.-Ro. sol. RSL P31 4164KWL</t>
  </si>
  <si>
    <t>RSL P31 4165K</t>
  </si>
  <si>
    <t>5702329520164</t>
  </si>
  <si>
    <t>VELUX Si.sch.-Ro. sol. RSL P31 4165K</t>
  </si>
  <si>
    <t>RSL P31 4165KWL</t>
  </si>
  <si>
    <t>5702329529990</t>
  </si>
  <si>
    <t>VELUX Si.sch.-Ro. sol. RSL P31 4165KWL</t>
  </si>
  <si>
    <t>RSL P31 4166K</t>
  </si>
  <si>
    <t>5702329520171</t>
  </si>
  <si>
    <t>VELUX Si.sch.-Ro. sol. RSL P31 4166K</t>
  </si>
  <si>
    <t>RSL P31 4166KWL</t>
  </si>
  <si>
    <t>5702329530002</t>
  </si>
  <si>
    <t>VELUX Si.sch.-Ro. sol. RSL P31 4166KWL</t>
  </si>
  <si>
    <t>RSL P31 4167K</t>
  </si>
  <si>
    <t>5702329520188</t>
  </si>
  <si>
    <t>VELUX Si.sch.-Ro. sol. RSL P31 4167K</t>
  </si>
  <si>
    <t>RSL P31 4167KWL</t>
  </si>
  <si>
    <t>5702329530019</t>
  </si>
  <si>
    <t>VELUX Si.sch.-Ro. sol. RSL P31 4167KWL</t>
  </si>
  <si>
    <t>RSL P31 4168K</t>
  </si>
  <si>
    <t>5702329520195</t>
  </si>
  <si>
    <t>VELUX Si.sch.-Ro. sol. RSL P31 4168K</t>
  </si>
  <si>
    <t>RSL P31 4168KWL</t>
  </si>
  <si>
    <t>5702329530026</t>
  </si>
  <si>
    <t>VELUX Si.sch.-Ro. sol. RSL P31 4168KWL</t>
  </si>
  <si>
    <t>RSL P31 4169K</t>
  </si>
  <si>
    <t>5702329520201</t>
  </si>
  <si>
    <t>VELUX Si.sch.-Ro. sol. RSL P31 4169K</t>
  </si>
  <si>
    <t>RSL P31 4169KWL</t>
  </si>
  <si>
    <t>5702329530033</t>
  </si>
  <si>
    <t>VELUX Si.sch.-Ro. sol. RSL P31 4169KWL</t>
  </si>
  <si>
    <t>RSL P31 4170K</t>
  </si>
  <si>
    <t>5702329520218</t>
  </si>
  <si>
    <t>VELUX Si.sch.-Ro. sol. RSL P31 4170K</t>
  </si>
  <si>
    <t>RSL P31 4170KWL</t>
  </si>
  <si>
    <t>5702329530040</t>
  </si>
  <si>
    <t>VELUX Si.sch.-Ro. sol. RSL P31 4170KWL</t>
  </si>
  <si>
    <t>RSL P31 4171K</t>
  </si>
  <si>
    <t>5702329520225</t>
  </si>
  <si>
    <t>VELUX Si.sch.-Ro. sol. RSL P31 4171K</t>
  </si>
  <si>
    <t>RSL P31 4171KWL</t>
  </si>
  <si>
    <t>5702329530057</t>
  </si>
  <si>
    <t>VELUX Si.sch.-Ro. sol. RSL P31 4171KWL</t>
  </si>
  <si>
    <t>RSL P31 9050K</t>
  </si>
  <si>
    <t>5702329520232</t>
  </si>
  <si>
    <t>VELUX Si.sch.-Ro. sol. RSL P31 9050K</t>
  </si>
  <si>
    <t>RSL P31 9050KWL</t>
  </si>
  <si>
    <t>5702329530064</t>
  </si>
  <si>
    <t>VELUX Si.sch.-Ro. sol. RSL P31 9050KWL</t>
  </si>
  <si>
    <t>RSL PK06 4162K</t>
  </si>
  <si>
    <t>5702329520638</t>
  </si>
  <si>
    <t>VELUX Si.sch.-Ro. sol. RSL PK06 4162K</t>
  </si>
  <si>
    <t>RSL PK06 4162KWL</t>
  </si>
  <si>
    <t>5702329530309</t>
  </si>
  <si>
    <t>VELUX Si.sch.-Ro. sol. RSL PK06 4162KWL</t>
  </si>
  <si>
    <t>RSL PK06 4164K</t>
  </si>
  <si>
    <t>5702329520652</t>
  </si>
  <si>
    <t>VELUX Si.sch.-Ro. sol. RSL PK06 4164K</t>
  </si>
  <si>
    <t>RSL PK06 4165K</t>
  </si>
  <si>
    <t>5702329520669</t>
  </si>
  <si>
    <t>VELUX Si.sch.-Ro. sol. RSL PK06 4165K</t>
  </si>
  <si>
    <t>RSL PK06 4168K</t>
  </si>
  <si>
    <t>5702329520690</t>
  </si>
  <si>
    <t>VELUX Si.sch.-Ro. sol. RSL PK06 4168K</t>
  </si>
  <si>
    <t>RSL PK06 4168KWL</t>
  </si>
  <si>
    <t>5702329530361</t>
  </si>
  <si>
    <t>VELUX Si.sch.-Ro. sol. RSL PK06 4168KWL</t>
  </si>
  <si>
    <t>RSL PK06 9050K</t>
  </si>
  <si>
    <t>5702329520737</t>
  </si>
  <si>
    <t>VELUX Si.sch.-Ro. sol. RSL PK06 9050K</t>
  </si>
  <si>
    <t>RSL PK08 4162K</t>
  </si>
  <si>
    <t>5702329520805</t>
  </si>
  <si>
    <t>VELUX Si.sch.-Ro. sol. RSL PK08 4162K</t>
  </si>
  <si>
    <t>RSL PK08 4162KWL</t>
  </si>
  <si>
    <t>5702329530477</t>
  </si>
  <si>
    <t>VELUX Si.sch.-Ro. sol. RSL PK08 4162KWL</t>
  </si>
  <si>
    <t>RSL PK08 4165KWL</t>
  </si>
  <si>
    <t>5702329530507</t>
  </si>
  <si>
    <t>VELUX Si.sch.-Ro. sol. RSL PK08 4165KWL</t>
  </si>
  <si>
    <t>RSL PK08 4169K</t>
  </si>
  <si>
    <t>5702329520874</t>
  </si>
  <si>
    <t>VELUX Si.sch.-Ro. sol. RSL PK08 4169K</t>
  </si>
  <si>
    <t>RSL PK08 4171K</t>
  </si>
  <si>
    <t>5702329520898</t>
  </si>
  <si>
    <t>VELUX Si.sch.-Ro. sol. RSL PK08 4171K</t>
  </si>
  <si>
    <t>RSL PK10 4164KWL</t>
  </si>
  <si>
    <t>5702329530668</t>
  </si>
  <si>
    <t>VELUX Si.sch.-Ro. sol. RSL PK10 4164KWL</t>
  </si>
  <si>
    <t>RSL PK10 4168K</t>
  </si>
  <si>
    <t>5702329521031</t>
  </si>
  <si>
    <t>VELUX Si.sch.-Ro. sol. RSL PK10 4168K</t>
  </si>
  <si>
    <t>RSL PK10 4171K</t>
  </si>
  <si>
    <t>5702329521062</t>
  </si>
  <si>
    <t>VELUX Si.sch.-Ro. sol. RSL PK10 4171K</t>
  </si>
  <si>
    <t>RSL S04 1086K</t>
  </si>
  <si>
    <t>5702329521444</t>
  </si>
  <si>
    <t>VELUX Si.sch.-Ro. sol. RSL S04 1086K</t>
  </si>
  <si>
    <t>RSL S04 4069KWL</t>
  </si>
  <si>
    <t>5702329531146</t>
  </si>
  <si>
    <t>VELUX Si.sch.-Ro. sol. RSL S04 4069KWL</t>
  </si>
  <si>
    <t>RSL S04 4162K</t>
  </si>
  <si>
    <t>5702329521482</t>
  </si>
  <si>
    <t>VELUX Si.sch.-Ro. sol. RSL S04 4162K</t>
  </si>
  <si>
    <t>RSL S04 4162KWL</t>
  </si>
  <si>
    <t>5702329531177</t>
  </si>
  <si>
    <t>VELUX Si.sch.-Ro. sol. RSL S04 4162KWL</t>
  </si>
  <si>
    <t>RSL S04 4163K</t>
  </si>
  <si>
    <t>5702329521499</t>
  </si>
  <si>
    <t>VELUX Si.sch.-Ro. sol. RSL S04 4163K</t>
  </si>
  <si>
    <t>RSL S04 4164K</t>
  </si>
  <si>
    <t>5702329521505</t>
  </si>
  <si>
    <t>VELUX Si.sch.-Ro. sol. RSL S04 4164K</t>
  </si>
  <si>
    <t>RSL S04 4164KWL</t>
  </si>
  <si>
    <t>5702329531191</t>
  </si>
  <si>
    <t>VELUX Si.sch.-Ro. sol. RSL S04 4164KWL</t>
  </si>
  <si>
    <t>RSL S04 4165K</t>
  </si>
  <si>
    <t>5702329521512</t>
  </si>
  <si>
    <t>VELUX Si.sch.-Ro. sol. RSL S04 4165K</t>
  </si>
  <si>
    <t>RSL S04 4165KWL</t>
  </si>
  <si>
    <t>5702329531207</t>
  </si>
  <si>
    <t>VELUX Si.sch.-Ro. sol. RSL S04 4165KWL</t>
  </si>
  <si>
    <t>RSL S04 4166K</t>
  </si>
  <si>
    <t>5702329521529</t>
  </si>
  <si>
    <t>VELUX Si.sch.-Ro. sol. RSL S04 4166K</t>
  </si>
  <si>
    <t>RSL S04 4167K</t>
  </si>
  <si>
    <t>5702329521536</t>
  </si>
  <si>
    <t>VELUX Si.sch.-Ro. sol. RSL S04 4167K</t>
  </si>
  <si>
    <t>RSL S04 4168K</t>
  </si>
  <si>
    <t>5702329521543</t>
  </si>
  <si>
    <t>VELUX Si.sch.-Ro. sol. RSL S04 4168K</t>
  </si>
  <si>
    <t>RSL S04 4168KWL</t>
  </si>
  <si>
    <t>5702329531238</t>
  </si>
  <si>
    <t>VELUX Si.sch.-Ro. sol. RSL S04 4168KWL</t>
  </si>
  <si>
    <t>RSL S04 4169K</t>
  </si>
  <si>
    <t>5702329521550</t>
  </si>
  <si>
    <t>VELUX Si.sch.-Ro. sol. RSL S04 4169K</t>
  </si>
  <si>
    <t>RSL S04 4169KWL</t>
  </si>
  <si>
    <t>5702329531245</t>
  </si>
  <si>
    <t>VELUX Si.sch.-Ro. sol. RSL S04 4169KWL</t>
  </si>
  <si>
    <t>RSL S04 4170K</t>
  </si>
  <si>
    <t>5702329521567</t>
  </si>
  <si>
    <t>VELUX Si.sch.-Ro. sol. RSL S04 4170K</t>
  </si>
  <si>
    <t>RSL S04 4171K</t>
  </si>
  <si>
    <t>5702329521574</t>
  </si>
  <si>
    <t>VELUX Si.sch.-Ro. sol. RSL S04 4171K</t>
  </si>
  <si>
    <t>RSL S04 4171KWL</t>
  </si>
  <si>
    <t>5702329531269</t>
  </si>
  <si>
    <t>VELUX Si.sch.-Ro. sol. RSL S04 4171KWL</t>
  </si>
  <si>
    <t>RSL S04 9050K</t>
  </si>
  <si>
    <t>5702329521581</t>
  </si>
  <si>
    <t>VELUX Si.sch.-Ro. sol. RSL S04 9050K</t>
  </si>
  <si>
    <t>RSL S04 9050KWL</t>
  </si>
  <si>
    <t>5702329531276</t>
  </si>
  <si>
    <t>VELUX Si.sch.-Ro. sol. RSL S04 9050KWL</t>
  </si>
  <si>
    <t>RSL S06 4162KWL</t>
  </si>
  <si>
    <t>5702329531344</t>
  </si>
  <si>
    <t>VELUX Si.sch.-Ro. sol. RSL S06 4162KWL</t>
  </si>
  <si>
    <t>RSL S06 4168KWL</t>
  </si>
  <si>
    <t>5702329531405</t>
  </si>
  <si>
    <t>VELUX Si.sch.-Ro. sol. RSL S06 4168KWL</t>
  </si>
  <si>
    <t>RSL S08 4162KWL</t>
  </si>
  <si>
    <t>5702329531511</t>
  </si>
  <si>
    <t>VELUX Si.sch.-Ro. sol. RSL S08 4162KWL</t>
  </si>
  <si>
    <t>RSL S08 4164KWL</t>
  </si>
  <si>
    <t>5702329531535</t>
  </si>
  <si>
    <t>VELUX Si.sch.-Ro. sol. RSL S08 4164KWL</t>
  </si>
  <si>
    <t>RSL S08 4165KWL</t>
  </si>
  <si>
    <t>5702329531542</t>
  </si>
  <si>
    <t>VELUX Si.sch.-Ro. sol. RSL S08 4165KWL</t>
  </si>
  <si>
    <t>RSL S08 4166KWL</t>
  </si>
  <si>
    <t>5702329531559</t>
  </si>
  <si>
    <t>VELUX Si.sch.-Ro. sol. RSL S08 4166KWL</t>
  </si>
  <si>
    <t>RSL S08 4168KWL</t>
  </si>
  <si>
    <t>5702329531573</t>
  </si>
  <si>
    <t>VELUX Si.sch.-Ro. sol. RSL S08 4168KWL</t>
  </si>
  <si>
    <t>RSL S08 4171KWL</t>
  </si>
  <si>
    <t>5702329531603</t>
  </si>
  <si>
    <t>VELUX Si.sch.-Ro. sol. RSL S08 4171KWL</t>
  </si>
  <si>
    <t>RSL S10 4069KWL</t>
  </si>
  <si>
    <t>5702329531658</t>
  </si>
  <si>
    <t>VELUX Si.sch.-Ro. sol. RSL S10 4069KWL</t>
  </si>
  <si>
    <t>RSL S10 4155KWL</t>
  </si>
  <si>
    <t>5702329531665</t>
  </si>
  <si>
    <t>VELUX Si.sch.-Ro. sol. RSL S10 4155KWL</t>
  </si>
  <si>
    <t>RSL S10 4162K</t>
  </si>
  <si>
    <t>5702329521994</t>
  </si>
  <si>
    <t>VELUX Si.sch.-Ro. sol. RSL S10 4162K</t>
  </si>
  <si>
    <t>RSL S10 4162KWL</t>
  </si>
  <si>
    <t>5702329531689</t>
  </si>
  <si>
    <t>VELUX Si.sch.-Ro. sol. RSL S10 4162KWL</t>
  </si>
  <si>
    <t>RSL S10 4163K</t>
  </si>
  <si>
    <t>5702329522007</t>
  </si>
  <si>
    <t>VELUX Si.sch.-Ro. sol. RSL S10 4163K</t>
  </si>
  <si>
    <t>RSL S10 4163KWL</t>
  </si>
  <si>
    <t>5702329531696</t>
  </si>
  <si>
    <t>VELUX Si.sch.-Ro. sol. RSL S10 4163KWL</t>
  </si>
  <si>
    <t>RSL S10 4164K</t>
  </si>
  <si>
    <t>5702329522014</t>
  </si>
  <si>
    <t>VELUX Si.sch.-Ro. sol. RSL S10 4164K</t>
  </si>
  <si>
    <t>RSL S10 4164KWL</t>
  </si>
  <si>
    <t>5702329531702</t>
  </si>
  <si>
    <t>VELUX Si.sch.-Ro. sol. RSL S10 4164KWL</t>
  </si>
  <si>
    <t>RSL S10 4165K</t>
  </si>
  <si>
    <t>5702329522021</t>
  </si>
  <si>
    <t>VELUX Si.sch.-Ro. sol. RSL S10 4165K</t>
  </si>
  <si>
    <t>RSL S10 4165KWL</t>
  </si>
  <si>
    <t>5702329531719</t>
  </si>
  <si>
    <t>VELUX Si.sch.-Ro. sol. RSL S10 4165KWL</t>
  </si>
  <si>
    <t>RSL S10 4166KWL</t>
  </si>
  <si>
    <t>5702329531726</t>
  </si>
  <si>
    <t>VELUX Si.sch.-Ro. sol. RSL S10 4166KWL</t>
  </si>
  <si>
    <t>RSL S10 4167K</t>
  </si>
  <si>
    <t>5702329522045</t>
  </si>
  <si>
    <t>VELUX Si.sch.-Ro. sol. RSL S10 4167K</t>
  </si>
  <si>
    <t>RSL S10 4168K</t>
  </si>
  <si>
    <t>5702329522052</t>
  </si>
  <si>
    <t>VELUX Si.sch.-Ro. sol. RSL S10 4168K</t>
  </si>
  <si>
    <t>RSL S10 4168KWL</t>
  </si>
  <si>
    <t>5702329531740</t>
  </si>
  <si>
    <t>VELUX Si.sch.-Ro. sol. RSL S10 4168KWL</t>
  </si>
  <si>
    <t>RSL S10 4169K</t>
  </si>
  <si>
    <t>5702329522069</t>
  </si>
  <si>
    <t>VELUX Si.sch.-Ro. sol. RSL S10 4169K</t>
  </si>
  <si>
    <t>RSL S10 4169KWL</t>
  </si>
  <si>
    <t>5702329531757</t>
  </si>
  <si>
    <t>VELUX Si.sch.-Ro. sol. RSL S10 4169KWL</t>
  </si>
  <si>
    <t>RSL S10 4170K</t>
  </si>
  <si>
    <t>5702329522076</t>
  </si>
  <si>
    <t>VELUX Si.sch.-Ro. sol. RSL S10 4170K</t>
  </si>
  <si>
    <t>RSL S10 4170KWL</t>
  </si>
  <si>
    <t>5702329531764</t>
  </si>
  <si>
    <t>VELUX Si.sch.-Ro. sol. RSL S10 4170KWL</t>
  </si>
  <si>
    <t>RSL S10 4171K</t>
  </si>
  <si>
    <t>5702329522083</t>
  </si>
  <si>
    <t>VELUX Si.sch.-Ro. sol. RSL S10 4171K</t>
  </si>
  <si>
    <t>RSL S10 9050K</t>
  </si>
  <si>
    <t>5702329522090</t>
  </si>
  <si>
    <t>VELUX Si.sch.-Ro. sol. RSL S10 9050K</t>
  </si>
  <si>
    <t>RSL S10 9050KWL</t>
  </si>
  <si>
    <t>5702329531788</t>
  </si>
  <si>
    <t>VELUX Si.sch.-Ro. sol. RSL S10 9050KWL</t>
  </si>
  <si>
    <t>RSL S31 1086K</t>
  </si>
  <si>
    <t>5702329522120</t>
  </si>
  <si>
    <t>VELUX Si.sch.-Ro. sol. RSL S31 1086K</t>
  </si>
  <si>
    <t>RSL S31 1086KWL</t>
  </si>
  <si>
    <t>5702329531818</t>
  </si>
  <si>
    <t>VELUX Si.sch.-Ro. sol. RSL S31 1086KWL</t>
  </si>
  <si>
    <t>RSL S31 4069K</t>
  </si>
  <si>
    <t>5702329522137</t>
  </si>
  <si>
    <t>VELUX Si.sch.-Ro. sol. RSL S31 4069K</t>
  </si>
  <si>
    <t>RSL S31 4069KWL</t>
  </si>
  <si>
    <t>5702329531825</t>
  </si>
  <si>
    <t>VELUX Si.sch.-Ro. sol. RSL S31 4069KWL</t>
  </si>
  <si>
    <t>RSL S31 4155K</t>
  </si>
  <si>
    <t>5702329522144</t>
  </si>
  <si>
    <t>VELUX Si.sch.-Ro. sol. RSL S31 4155K</t>
  </si>
  <si>
    <t>RSL S31 4155KWL</t>
  </si>
  <si>
    <t>5702329531832</t>
  </si>
  <si>
    <t>VELUX Si.sch.-Ro. sol. RSL S31 4155KWL</t>
  </si>
  <si>
    <t>RSL S31 4161K</t>
  </si>
  <si>
    <t>5702329522151</t>
  </si>
  <si>
    <t>VELUX Si.sch.-Ro. sol. RSL S31 4161K</t>
  </si>
  <si>
    <t>RSL S31 4161KWL</t>
  </si>
  <si>
    <t>5702329531849</t>
  </si>
  <si>
    <t>VELUX Si.sch.-Ro. sol. RSL S31 4161KWL</t>
  </si>
  <si>
    <t>RSL S31 4162K</t>
  </si>
  <si>
    <t>5702329522168</t>
  </si>
  <si>
    <t>VELUX Si.sch.-Ro. sol. RSL S31 4162K</t>
  </si>
  <si>
    <t>RSL S31 4162KWL</t>
  </si>
  <si>
    <t>5702329531856</t>
  </si>
  <si>
    <t>VELUX Si.sch.-Ro. sol. RSL S31 4162KWL</t>
  </si>
  <si>
    <t>RSL S31 4163K</t>
  </si>
  <si>
    <t>5702329522175</t>
  </si>
  <si>
    <t>VELUX Si.sch.-Ro. sol. RSL S31 4163K</t>
  </si>
  <si>
    <t>RSL S31 4163KWL</t>
  </si>
  <si>
    <t>5702329531863</t>
  </si>
  <si>
    <t>VELUX Si.sch.-Ro. sol. RSL S31 4163KWL</t>
  </si>
  <si>
    <t>RSL S31 4164K</t>
  </si>
  <si>
    <t>5702329522182</t>
  </si>
  <si>
    <t>VELUX Si.sch.-Ro. sol. RSL S31 4164K</t>
  </si>
  <si>
    <t>RSL S31 4164KWL</t>
  </si>
  <si>
    <t>5702329531870</t>
  </si>
  <si>
    <t>VELUX Si.sch.-Ro. sol. RSL S31 4164KWL</t>
  </si>
  <si>
    <t>RSL S31 4165K</t>
  </si>
  <si>
    <t>5702329522199</t>
  </si>
  <si>
    <t>VELUX Si.sch.-Ro. sol. RSL S31 4165K</t>
  </si>
  <si>
    <t>RSL S31 4165KWL</t>
  </si>
  <si>
    <t>5702329531887</t>
  </si>
  <si>
    <t>VELUX Si.sch.-Ro. sol. RSL S31 4165KWL</t>
  </si>
  <si>
    <t>RSL S31 4166K</t>
  </si>
  <si>
    <t>5702329522205</t>
  </si>
  <si>
    <t>VELUX Si.sch.-Ro. sol. RSL S31 4166K</t>
  </si>
  <si>
    <t>RSL S31 4166KWL</t>
  </si>
  <si>
    <t>5702329531894</t>
  </si>
  <si>
    <t>VELUX Si.sch.-Ro. sol. RSL S31 4166KWL</t>
  </si>
  <si>
    <t>RSL S31 4167K</t>
  </si>
  <si>
    <t>5702329522212</t>
  </si>
  <si>
    <t>VELUX Si.sch.-Ro. sol. RSL S31 4167K</t>
  </si>
  <si>
    <t>RSL S31 4167KWL</t>
  </si>
  <si>
    <t>5702329531900</t>
  </si>
  <si>
    <t>VELUX Si.sch.-Ro. sol. RSL S31 4167KWL</t>
  </si>
  <si>
    <t>RSL S31 4168K</t>
  </si>
  <si>
    <t>5702329522229</t>
  </si>
  <si>
    <t>VELUX Si.sch.-Ro. sol. RSL S31 4168K</t>
  </si>
  <si>
    <t>RSL S31 4168KWL</t>
  </si>
  <si>
    <t>5702329531917</t>
  </si>
  <si>
    <t>VELUX Si.sch.-Ro. sol. RSL S31 4168KWL</t>
  </si>
  <si>
    <t>RSL S31 4169K</t>
  </si>
  <si>
    <t>5702329522236</t>
  </si>
  <si>
    <t>VELUX Si.sch.-Ro. sol. RSL S31 4169K</t>
  </si>
  <si>
    <t>RSL S31 4169KWL</t>
  </si>
  <si>
    <t>5702329531924</t>
  </si>
  <si>
    <t>VELUX Si.sch.-Ro. sol. RSL S31 4169KWL</t>
  </si>
  <si>
    <t>RSL S31 4170K</t>
  </si>
  <si>
    <t>5702329522243</t>
  </si>
  <si>
    <t>VELUX Si.sch.-Ro. sol. RSL S31 4170K</t>
  </si>
  <si>
    <t>RSL S31 4170KWL</t>
  </si>
  <si>
    <t>5702329531931</t>
  </si>
  <si>
    <t>VELUX Si.sch.-Ro. sol. RSL S31 4170KWL</t>
  </si>
  <si>
    <t>RSL S31 4171K</t>
  </si>
  <si>
    <t>5702329522250</t>
  </si>
  <si>
    <t>VELUX Si.sch.-Ro. sol. RSL S31 4171K</t>
  </si>
  <si>
    <t>RSL S31 4171KWL</t>
  </si>
  <si>
    <t>5702329531948</t>
  </si>
  <si>
    <t>VELUX Si.sch.-Ro. sol. RSL S31 4171KWL</t>
  </si>
  <si>
    <t>RSL S31 9050K</t>
  </si>
  <si>
    <t>5702329522267</t>
  </si>
  <si>
    <t>VELUX Si.sch.-Ro. sol. RSL S31 9050K</t>
  </si>
  <si>
    <t>RSL S31 9050KWL</t>
  </si>
  <si>
    <t>5702329531955</t>
  </si>
  <si>
    <t>VELUX Si.sch.-Ro. sol. RSL S31 9050KWL</t>
  </si>
  <si>
    <t>RSL SK06 4162KWL</t>
  </si>
  <si>
    <t>5702329532198</t>
  </si>
  <si>
    <t>VELUX Si.sch.-Ro. sol. RSL SK06 4162KWL</t>
  </si>
  <si>
    <t>RSL SK08 4162KWL</t>
  </si>
  <si>
    <t>5702329532365</t>
  </si>
  <si>
    <t>VELUX Si.sch.-Ro. sol. RSL SK08 4162KWL</t>
  </si>
  <si>
    <t>RSL SK08 4165K</t>
  </si>
  <si>
    <t>5702329522861</t>
  </si>
  <si>
    <t>VELUX Si.sch.-Ro. sol. RSL SK08 4165K</t>
  </si>
  <si>
    <t>RSL SK08 4168K</t>
  </si>
  <si>
    <t>5702329522892</t>
  </si>
  <si>
    <t>VELUX Si.sch.-Ro. sol. RSL SK08 4168K</t>
  </si>
  <si>
    <t>RSL SK08 4168KWL</t>
  </si>
  <si>
    <t>5702329532426</t>
  </si>
  <si>
    <t>VELUX Si.sch.-Ro. sol. RSL SK08 4168KWL</t>
  </si>
  <si>
    <t>RSL SK10 4069KWL</t>
  </si>
  <si>
    <t>5702329532501</t>
  </si>
  <si>
    <t>VELUX Si.sch.-Ro. sol. RSL SK10 4069KWL</t>
  </si>
  <si>
    <t>RSL SK10 4162K</t>
  </si>
  <si>
    <t>5702329523004</t>
  </si>
  <si>
    <t>VELUX Si.sch.-Ro. sol. RSL SK10 4162K</t>
  </si>
  <si>
    <t>RSL SK10 4162KWL</t>
  </si>
  <si>
    <t>5702329532532</t>
  </si>
  <si>
    <t>VELUX Si.sch.-Ro. sol. RSL SK10 4162KWL</t>
  </si>
  <si>
    <t>RSL SK10 4164K</t>
  </si>
  <si>
    <t>5702329523028</t>
  </si>
  <si>
    <t>VELUX Si.sch.-Ro. sol. RSL SK10 4164K</t>
  </si>
  <si>
    <t>RSL SK10 4164KWL</t>
  </si>
  <si>
    <t>5702329532556</t>
  </si>
  <si>
    <t>VELUX Si.sch.-Ro. sol. RSL SK10 4164KWL</t>
  </si>
  <si>
    <t>RSL SK10 4165KWL</t>
  </si>
  <si>
    <t>5702329532563</t>
  </si>
  <si>
    <t>VELUX Si.sch.-Ro. sol. RSL SK10 4165KWL</t>
  </si>
  <si>
    <t>RSL SK10 4167K</t>
  </si>
  <si>
    <t>5702329523059</t>
  </si>
  <si>
    <t>VELUX Si.sch.-Ro. sol. RSL SK10 4167K</t>
  </si>
  <si>
    <t>RSL SK10 4168K</t>
  </si>
  <si>
    <t>5702329523066</t>
  </si>
  <si>
    <t>VELUX Si.sch.-Ro. sol. RSL SK10 4168K</t>
  </si>
  <si>
    <t>RSL SK10 4168KWL</t>
  </si>
  <si>
    <t>5702329532594</t>
  </si>
  <si>
    <t>VELUX Si.sch.-Ro. sol. RSL SK10 4168KWL</t>
  </si>
  <si>
    <t>RSL SK10 4170K</t>
  </si>
  <si>
    <t>5702329523080</t>
  </si>
  <si>
    <t>VELUX Si.sch.-Ro. sol. RSL SK10 4170K</t>
  </si>
  <si>
    <t>RSL SK10 9050K</t>
  </si>
  <si>
    <t>5702329523103</t>
  </si>
  <si>
    <t>VELUX Si.sch.-Ro. sol. RSL SK10 9050K</t>
  </si>
  <si>
    <t>RSL SK10 9050KWL</t>
  </si>
  <si>
    <t>5702329532631</t>
  </si>
  <si>
    <t>VELUX Si.sch.-Ro. sol. RSL SK10 9050KWL</t>
  </si>
  <si>
    <t>RSL U04 4162KWL</t>
  </si>
  <si>
    <t>5702329532709</t>
  </si>
  <si>
    <t>VELUX Si.sch.-Ro. sol. RSL U04 4162KWL</t>
  </si>
  <si>
    <t>RSL U04 4164KWL</t>
  </si>
  <si>
    <t>5702329532723</t>
  </si>
  <si>
    <t>VELUX Si.sch.-Ro. sol. RSL U04 4164KWL</t>
  </si>
  <si>
    <t>RSL U04 4168K</t>
  </si>
  <si>
    <t>5702329523233</t>
  </si>
  <si>
    <t>VELUX Si.sch.-Ro. sol. RSL U04 4168K</t>
  </si>
  <si>
    <t>RSL U04 4168KWL</t>
  </si>
  <si>
    <t>5702329532761</t>
  </si>
  <si>
    <t>VELUX Si.sch.-Ro. sol. RSL U04 4168KWL</t>
  </si>
  <si>
    <t>RSL U04 4169KWL</t>
  </si>
  <si>
    <t>5702329532778</t>
  </si>
  <si>
    <t>VELUX Si.sch.-Ro. sol. RSL U04 4169KWL</t>
  </si>
  <si>
    <t>RSL U04 4171KWL</t>
  </si>
  <si>
    <t>5702329532792</t>
  </si>
  <si>
    <t>VELUX Si.sch.-Ro. sol. RSL U04 4171KWL</t>
  </si>
  <si>
    <t>RSL U08 4162KWL</t>
  </si>
  <si>
    <t>5702329532877</t>
  </si>
  <si>
    <t>VELUX Si.sch.-Ro. sol. RSL U08 4162KWL</t>
  </si>
  <si>
    <t>RSL U08 4164KWL</t>
  </si>
  <si>
    <t>5702329532891</t>
  </si>
  <si>
    <t>VELUX Si.sch.-Ro. sol. RSL U08 4164KWL</t>
  </si>
  <si>
    <t>RSL U08 4167KWL</t>
  </si>
  <si>
    <t>5702329532921</t>
  </si>
  <si>
    <t>VELUX Si.sch.-Ro. sol. RSL U08 4167KWL</t>
  </si>
  <si>
    <t>RSL U08 4168KWL</t>
  </si>
  <si>
    <t>5702329532938</t>
  </si>
  <si>
    <t>VELUX Si.sch.-Ro. sol. RSL U08 4168KWL</t>
  </si>
  <si>
    <t>RSL U10 1086KWL</t>
  </si>
  <si>
    <t>5702329533003</t>
  </si>
  <si>
    <t>VELUX Si.sch.-Ro. sol. RSL U10 1086KWL</t>
  </si>
  <si>
    <t>RSL U10 4069K</t>
  </si>
  <si>
    <t>5702329523486</t>
  </si>
  <si>
    <t>VELUX Si.sch.-Ro. sol. RSL U10 4069K</t>
  </si>
  <si>
    <t>RSL U10 4069KWL</t>
  </si>
  <si>
    <t>5702329533010</t>
  </si>
  <si>
    <t>VELUX Si.sch.-Ro. sol. RSL U10 4069KWL</t>
  </si>
  <si>
    <t>RSL U10 4155K</t>
  </si>
  <si>
    <t>5702329523493</t>
  </si>
  <si>
    <t>VELUX Si.sch.-Ro. sol. RSL U10 4155K</t>
  </si>
  <si>
    <t>RSL U10 4155KWL</t>
  </si>
  <si>
    <t>5702329533027</t>
  </si>
  <si>
    <t>VELUX Si.sch.-Ro. sol. RSL U10 4155KWL</t>
  </si>
  <si>
    <t>RSL U10 4161K</t>
  </si>
  <si>
    <t>5702329523509</t>
  </si>
  <si>
    <t>VELUX Si.sch.-Ro. sol. RSL U10 4161K</t>
  </si>
  <si>
    <t>RSL U10 4161KWL</t>
  </si>
  <si>
    <t>5702329533034</t>
  </si>
  <si>
    <t>VELUX Si.sch.-Ro. sol. RSL U10 4161KWL</t>
  </si>
  <si>
    <t>RSL U10 4162K</t>
  </si>
  <si>
    <t>5702329523516</t>
  </si>
  <si>
    <t>VELUX Si.sch.-Ro. sol. RSL U10 4162K</t>
  </si>
  <si>
    <t>RSL U10 4162KWL</t>
  </si>
  <si>
    <t>5702329533041</t>
  </si>
  <si>
    <t>VELUX Si.sch.-Ro. sol. RSL U10 4162KWL</t>
  </si>
  <si>
    <t>RSL U10 4163K</t>
  </si>
  <si>
    <t>5702329523523</t>
  </si>
  <si>
    <t>VELUX Si.sch.-Ro. sol. RSL U10 4163K</t>
  </si>
  <si>
    <t>RSL U10 4163KWL</t>
  </si>
  <si>
    <t>5702329533058</t>
  </si>
  <si>
    <t>VELUX Si.sch.-Ro. sol. RSL U10 4163KWL</t>
  </si>
  <si>
    <t>RSL U10 4164KWL</t>
  </si>
  <si>
    <t>5702329533065</t>
  </si>
  <si>
    <t>VELUX Si.sch.-Ro. sol. RSL U10 4164KWL</t>
  </si>
  <si>
    <t>RSL U10 4165K</t>
  </si>
  <si>
    <t>5702329523547</t>
  </si>
  <si>
    <t>VELUX Si.sch.-Ro. sol. RSL U10 4165K</t>
  </si>
  <si>
    <t>RSL U10 4165KWL</t>
  </si>
  <si>
    <t>5702329533072</t>
  </si>
  <si>
    <t>VELUX Si.sch.-Ro. sol. RSL U10 4165KWL</t>
  </si>
  <si>
    <t>RSL U10 4166K</t>
  </si>
  <si>
    <t>5702329523554</t>
  </si>
  <si>
    <t>VELUX Si.sch.-Ro. sol. RSL U10 4166K</t>
  </si>
  <si>
    <t>RSL U10 4166KWL</t>
  </si>
  <si>
    <t>5702329533089</t>
  </si>
  <si>
    <t>VELUX Si.sch.-Ro. sol. RSL U10 4166KWL</t>
  </si>
  <si>
    <t>RSL U10 4167K</t>
  </si>
  <si>
    <t>5702329523561</t>
  </si>
  <si>
    <t>VELUX Si.sch.-Ro. sol. RSL U10 4167K</t>
  </si>
  <si>
    <t>RSL U10 4168KWL</t>
  </si>
  <si>
    <t>5702329533102</t>
  </si>
  <si>
    <t>VELUX Si.sch.-Ro. sol. RSL U10 4168KWL</t>
  </si>
  <si>
    <t>RSL U10 4169K</t>
  </si>
  <si>
    <t>5702329523585</t>
  </si>
  <si>
    <t>VELUX Si.sch.-Ro. sol. RSL U10 4169K</t>
  </si>
  <si>
    <t>RSL U10 4169KWL</t>
  </si>
  <si>
    <t>5702329533119</t>
  </si>
  <si>
    <t>VELUX Si.sch.-Ro. sol. RSL U10 4169KWL</t>
  </si>
  <si>
    <t>RSL U10 4170K</t>
  </si>
  <si>
    <t>5702329523592</t>
  </si>
  <si>
    <t>VELUX Si.sch.-Ro. sol. RSL U10 4170K</t>
  </si>
  <si>
    <t>RSL U10 4170KWL</t>
  </si>
  <si>
    <t>5702329533126</t>
  </si>
  <si>
    <t>VELUX Si.sch.-Ro. sol. RSL U10 4170KWL</t>
  </si>
  <si>
    <t>RSL U10 4171KWL</t>
  </si>
  <si>
    <t>5702329533133</t>
  </si>
  <si>
    <t>VELUX Si.sch.-Ro. sol. RSL U10 4171KWL</t>
  </si>
  <si>
    <t>RSL U10 9050K</t>
  </si>
  <si>
    <t>5702329523615</t>
  </si>
  <si>
    <t>VELUX Si.sch.-Ro. sol. RSL U10 9050K</t>
  </si>
  <si>
    <t>RSL U10 9050KWL</t>
  </si>
  <si>
    <t>5702329533140</t>
  </si>
  <si>
    <t>VELUX Si.sch.-Ro. sol. RSL U10 9050KWL</t>
  </si>
  <si>
    <t>RSL U31 1028K</t>
  </si>
  <si>
    <t>5702329523639</t>
  </si>
  <si>
    <t>VELUX Si.sch.-Ro. sol. RSL U31 1028K</t>
  </si>
  <si>
    <t>RSL U31 1028KWL</t>
  </si>
  <si>
    <t>5702329533164</t>
  </si>
  <si>
    <t>VELUX Si.sch.-Ro. sol. RSL U31 1028KWL</t>
  </si>
  <si>
    <t>RSL U31 1086K</t>
  </si>
  <si>
    <t>5702329523646</t>
  </si>
  <si>
    <t>VELUX Si.sch.-Ro. sol. RSL U31 1086K</t>
  </si>
  <si>
    <t>RSL U31 1086KWL</t>
  </si>
  <si>
    <t>5702329533171</t>
  </si>
  <si>
    <t>VELUX Si.sch.-Ro. sol. RSL U31 1086KWL</t>
  </si>
  <si>
    <t>RSL U31 4069K</t>
  </si>
  <si>
    <t>5702329523653</t>
  </si>
  <si>
    <t>VELUX Si.sch.-Ro. sol. RSL U31 4069K</t>
  </si>
  <si>
    <t>RSL U31 4069KWL</t>
  </si>
  <si>
    <t>5702329533188</t>
  </si>
  <si>
    <t>VELUX Si.sch.-Ro. sol. RSL U31 4069KWL</t>
  </si>
  <si>
    <t>RSL U31 4155K</t>
  </si>
  <si>
    <t>5702329523660</t>
  </si>
  <si>
    <t>VELUX Si.sch.-Ro. sol. RSL U31 4155K</t>
  </si>
  <si>
    <t>RSL U31 4155KWL</t>
  </si>
  <si>
    <t>5702329533195</t>
  </si>
  <si>
    <t>VELUX Si.sch.-Ro. sol. RSL U31 4155KWL</t>
  </si>
  <si>
    <t>RSL U31 4161K</t>
  </si>
  <si>
    <t>5702329523677</t>
  </si>
  <si>
    <t>VELUX Si.sch.-Ro. sol. RSL U31 4161K</t>
  </si>
  <si>
    <t>RSL U31 4161KWL</t>
  </si>
  <si>
    <t>5702329533201</t>
  </si>
  <si>
    <t>VELUX Si.sch.-Ro. sol. RSL U31 4161KWL</t>
  </si>
  <si>
    <t>RSL U31 4162K</t>
  </si>
  <si>
    <t>5702329523684</t>
  </si>
  <si>
    <t>VELUX Si.sch.-Ro. sol. RSL U31 4162K</t>
  </si>
  <si>
    <t>RSL U31 4162KWL</t>
  </si>
  <si>
    <t>5702329533218</t>
  </si>
  <si>
    <t>VELUX Si.sch.-Ro. sol. RSL U31 4162KWL</t>
  </si>
  <si>
    <t>RSL U31 4163K</t>
  </si>
  <si>
    <t>5702329523691</t>
  </si>
  <si>
    <t>VELUX Si.sch.-Ro. sol. RSL U31 4163K</t>
  </si>
  <si>
    <t>RSL U31 4163KWL</t>
  </si>
  <si>
    <t>5702329533225</t>
  </si>
  <si>
    <t>VELUX Si.sch.-Ro. sol. RSL U31 4163KWL</t>
  </si>
  <si>
    <t>RSL U31 4164K</t>
  </si>
  <si>
    <t>5702329523707</t>
  </si>
  <si>
    <t>VELUX Si.sch.-Ro. sol. RSL U31 4164K</t>
  </si>
  <si>
    <t>RSL U31 4164KWL</t>
  </si>
  <si>
    <t>5702329533232</t>
  </si>
  <si>
    <t>VELUX Si.sch.-Ro. sol. RSL U31 4164KWL</t>
  </si>
  <si>
    <t>RSL U31 4165K</t>
  </si>
  <si>
    <t>5702329523714</t>
  </si>
  <si>
    <t>VELUX Si.sch.-Ro. sol. RSL U31 4165K</t>
  </si>
  <si>
    <t>RSL U31 4165KWL</t>
  </si>
  <si>
    <t>5702329533249</t>
  </si>
  <si>
    <t>VELUX Si.sch.-Ro. sol. RSL U31 4165KWL</t>
  </si>
  <si>
    <t>RSL U31 4166K</t>
  </si>
  <si>
    <t>5702329523721</t>
  </si>
  <si>
    <t>VELUX Si.sch.-Ro. sol. RSL U31 4166K</t>
  </si>
  <si>
    <t>RSL U31 4166KWL</t>
  </si>
  <si>
    <t>5702329533256</t>
  </si>
  <si>
    <t>VELUX Si.sch.-Ro. sol. RSL U31 4166KWL</t>
  </si>
  <si>
    <t>RSL U31 4167K</t>
  </si>
  <si>
    <t>5702329523738</t>
  </si>
  <si>
    <t>VELUX Si.sch.-Ro. sol. RSL U31 4167K</t>
  </si>
  <si>
    <t>RSL U31 4167KWL</t>
  </si>
  <si>
    <t>5702329533263</t>
  </si>
  <si>
    <t>VELUX Si.sch.-Ro. sol. RSL U31 4167KWL</t>
  </si>
  <si>
    <t>RSL U31 4168K</t>
  </si>
  <si>
    <t>5702329523745</t>
  </si>
  <si>
    <t>VELUX Si.sch.-Ro. sol. RSL U31 4168K</t>
  </si>
  <si>
    <t>RSL U31 4168KWL</t>
  </si>
  <si>
    <t>5702329533270</t>
  </si>
  <si>
    <t>VELUX Si.sch.-Ro. sol. RSL U31 4168KWL</t>
  </si>
  <si>
    <t>RSL U31 4169K</t>
  </si>
  <si>
    <t>5702329523752</t>
  </si>
  <si>
    <t>VELUX Si.sch.-Ro. sol. RSL U31 4169K</t>
  </si>
  <si>
    <t>RSL U31 4169KWL</t>
  </si>
  <si>
    <t>5702329533287</t>
  </si>
  <si>
    <t>VELUX Si.sch.-Ro. sol. RSL U31 4169KWL</t>
  </si>
  <si>
    <t>RSL U31 4170K</t>
  </si>
  <si>
    <t>5702329523769</t>
  </si>
  <si>
    <t>VELUX Si.sch.-Ro. sol. RSL U31 4170K</t>
  </si>
  <si>
    <t>RSL U31 4170KWL</t>
  </si>
  <si>
    <t>5702329533294</t>
  </si>
  <si>
    <t>VELUX Si.sch.-Ro. sol. RSL U31 4170KWL</t>
  </si>
  <si>
    <t>RSL U31 4171K</t>
  </si>
  <si>
    <t>5702329523776</t>
  </si>
  <si>
    <t>VELUX Si.sch.-Ro. sol. RSL U31 4171K</t>
  </si>
  <si>
    <t>RSL U31 4171KWL</t>
  </si>
  <si>
    <t>5702329533300</t>
  </si>
  <si>
    <t>VELUX Si.sch.-Ro. sol. RSL U31 4171KWL</t>
  </si>
  <si>
    <t>RSL U31 9050K</t>
  </si>
  <si>
    <t>5702329523783</t>
  </si>
  <si>
    <t>VELUX Si.sch.-Ro. sol. RSL U31 9050K</t>
  </si>
  <si>
    <t>RSL U31 9050KWL</t>
  </si>
  <si>
    <t>5702329533317</t>
  </si>
  <si>
    <t>VELUX Si.sch.-Ro. sol. RSL U31 9050KWL</t>
  </si>
  <si>
    <t>RSL UK04 4162KWL</t>
  </si>
  <si>
    <t>5702329533386</t>
  </si>
  <si>
    <t>VELUX Si.sch.-Ro. sol. RSL UK04 4162KWL</t>
  </si>
  <si>
    <t>RSL UK04 4167K</t>
  </si>
  <si>
    <t>5702329524063</t>
  </si>
  <si>
    <t>VELUX Si.sch.-Ro. sol. RSL UK04 4167K</t>
  </si>
  <si>
    <t>RSL UK08 4162K</t>
  </si>
  <si>
    <t>5702329524186</t>
  </si>
  <si>
    <t>VELUX Si.sch.-Ro. sol. RSL UK08 4162K</t>
  </si>
  <si>
    <t>RSL UK08 4162KWL</t>
  </si>
  <si>
    <t>5702329533553</t>
  </si>
  <si>
    <t>VELUX Si.sch.-Ro. sol. RSL UK08 4162KWL</t>
  </si>
  <si>
    <t>RSL UK08 4168KWL</t>
  </si>
  <si>
    <t>5702329533614</t>
  </si>
  <si>
    <t>VELUX Si.sch.-Ro. sol. RSL UK08 4168KWL</t>
  </si>
  <si>
    <t>RSL UK10 4069K</t>
  </si>
  <si>
    <t>5702329524322</t>
  </si>
  <si>
    <t>VELUX Si.sch.-Ro. sol. RSL UK10 4069K</t>
  </si>
  <si>
    <t>RSL UK10 4069KWL</t>
  </si>
  <si>
    <t>5702329533690</t>
  </si>
  <si>
    <t>VELUX Si.sch.-Ro. sol. RSL UK10 4069KWL</t>
  </si>
  <si>
    <t>RSL UK10 4162K</t>
  </si>
  <si>
    <t>5702329524353</t>
  </si>
  <si>
    <t>VELUX Si.sch.-Ro. sol. RSL UK10 4162K</t>
  </si>
  <si>
    <t>RSL UK10 4162KWL</t>
  </si>
  <si>
    <t>5702329533720</t>
  </si>
  <si>
    <t>VELUX Si.sch.-Ro. sol. RSL UK10 4162KWL</t>
  </si>
  <si>
    <t>RSL UK10 4163KWL</t>
  </si>
  <si>
    <t>5702329533737</t>
  </si>
  <si>
    <t>VELUX Si.sch.-Ro. sol. RSL UK10 4163KWL</t>
  </si>
  <si>
    <t>RSL UK10 4164K</t>
  </si>
  <si>
    <t>5702329524377</t>
  </si>
  <si>
    <t>VELUX Si.sch.-Ro. sol. RSL UK10 4164K</t>
  </si>
  <si>
    <t>RSL UK10 4164KWL</t>
  </si>
  <si>
    <t>5702329533744</t>
  </si>
  <si>
    <t>VELUX Si.sch.-Ro. sol. RSL UK10 4164KWL</t>
  </si>
  <si>
    <t>RSL UK10 4165K</t>
  </si>
  <si>
    <t>5702329524384</t>
  </si>
  <si>
    <t>VELUX Si.sch.-Ro. sol. RSL UK10 4165K</t>
  </si>
  <si>
    <t>RSL UK10 4166K</t>
  </si>
  <si>
    <t>5702329524391</t>
  </si>
  <si>
    <t>VELUX Si.sch.-Ro. sol. RSL UK10 4166K</t>
  </si>
  <si>
    <t>RSL UK10 4167K</t>
  </si>
  <si>
    <t>5702329524407</t>
  </si>
  <si>
    <t>VELUX Si.sch.-Ro. sol. RSL UK10 4167K</t>
  </si>
  <si>
    <t>RSL UK10 4167KWL</t>
  </si>
  <si>
    <t>5702329533775</t>
  </si>
  <si>
    <t>VELUX Si.sch.-Ro. sol. RSL UK10 4167KWL</t>
  </si>
  <si>
    <t>RSL UK10 4168K</t>
  </si>
  <si>
    <t>5702329524414</t>
  </si>
  <si>
    <t>VELUX Si.sch.-Ro. sol. RSL UK10 4168K</t>
  </si>
  <si>
    <t>RSL UK10 4168KWL</t>
  </si>
  <si>
    <t>5702329533782</t>
  </si>
  <si>
    <t>VELUX Si.sch.-Ro. sol. RSL UK10 4168KWL</t>
  </si>
  <si>
    <t>RSL UK10 4171KWL</t>
  </si>
  <si>
    <t>5702329533812</t>
  </si>
  <si>
    <t>VELUX Si.sch.-Ro. sol. RSL UK10 4171KWL</t>
  </si>
  <si>
    <t>RSL UK10 9050KWL</t>
  </si>
  <si>
    <t>5702329533829</t>
  </si>
  <si>
    <t>VELUX Si.sch.-Ro. sol. RSL UK10 9050KWL</t>
  </si>
  <si>
    <t>SPECIAL GGLX</t>
  </si>
  <si>
    <t>5702324772933</t>
  </si>
  <si>
    <t>Spezialanfertigung SPECIAL GGLX</t>
  </si>
  <si>
    <t>SPECIAL GGUX</t>
  </si>
  <si>
    <t>5702324774524</t>
  </si>
  <si>
    <t>Spezialanfertigung SPECIAL GGUX</t>
  </si>
  <si>
    <t>Schwingfenster kunststoff</t>
  </si>
  <si>
    <t>SPECIAL VFAK</t>
  </si>
  <si>
    <t>5702328869004</t>
  </si>
  <si>
    <t>Spezialanfertigung SPECIAL VFAK</t>
  </si>
  <si>
    <t>Zusatzel. "FASSADE" links</t>
  </si>
  <si>
    <t>SPECIAL VFBK</t>
  </si>
  <si>
    <t>5702328869011</t>
  </si>
  <si>
    <t>Spezialanfertigung SPECIAL VFBK</t>
  </si>
  <si>
    <t>Zusatzel. "FASSADE" rechts</t>
  </si>
  <si>
    <t>SSL 021 0000S</t>
  </si>
  <si>
    <t>5702326620584</t>
  </si>
  <si>
    <t>VELUX Solar-Rollladen SSL 021 00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Alle Bestandteile des Rollladens im
Standardfarbton 0000 Dunkelgrau (NCS S
7500-N).</t>
  </si>
  <si>
    <t>SSL 021 0100S</t>
  </si>
  <si>
    <t>5702326620591</t>
  </si>
  <si>
    <t>VELUX Solar-Rollladen SSL 021 0100S</t>
  </si>
  <si>
    <t>----------------------------------------
Rundum-Schutz durch:
 - wirksamen Hitzeschutz,  
 - optimale (fast völlige) Verdunkelung,
 - zusätzliche Wärmedämmung, 
 - kompletten Sichtschutz, 
 - weniger Lärm
 - mehr Sicherheit gegen Einbruch.
Rollladenpanzer aus Aluminiumlamellen,
in Gummikedern gelagert.
Vorprogrammierter Funk-Wandschalter im
Lieferumfang enthalten.
Steuerzentralen und Verkabelungen werden
nicht benötigt. 
Die Bedienbarkeit ist über einen Akku
sichergestellt, der von einer auf dem
Rollladenkasten befindlichen Solarzelle
versorgt wird. 
Der Rollladen ist
io-homecontrol-kompatibel.
Antriebsmechanismus mit elektrischer
Überlastsicherung. 
Keine Behinderung der Fensterfunktionen
bei hochgefahrenem Rollladen.
Montageblech und unteres Abdeckblech aus
0100 Kupfer.
Lamellen und übrige Bestandteile aus
Aluminium im Standardfarbton 0000
Dunkelgrau.</t>
  </si>
  <si>
    <t>SSL 023 0000S</t>
  </si>
  <si>
    <t>5702326620607</t>
  </si>
  <si>
    <t>VELUX Solar-Rollladen SSL 023 0000S</t>
  </si>
  <si>
    <t>SSL 023 0100S</t>
  </si>
  <si>
    <t>5702326620614</t>
  </si>
  <si>
    <t>VELUX Solar-Rollladen SSL 023 0100S</t>
  </si>
  <si>
    <t>SSL 033 0000S</t>
  </si>
  <si>
    <t>5702326620621</t>
  </si>
  <si>
    <t>VELUX Solar-Rollladen SSL 033 0000S</t>
  </si>
  <si>
    <t>SSL 033 0100S</t>
  </si>
  <si>
    <t>5702326620638</t>
  </si>
  <si>
    <t>VELUX Solar-Rollladen SSL 033 0100S</t>
  </si>
  <si>
    <t>SSL 035 0000S</t>
  </si>
  <si>
    <t>5702326620645</t>
  </si>
  <si>
    <t>VELUX Solar-Rollladen SSL 035 0000S</t>
  </si>
  <si>
    <t>SSL 035 0100S</t>
  </si>
  <si>
    <t>5702326620652</t>
  </si>
  <si>
    <t>VELUX Solar-Rollladen SSL 035 0100S</t>
  </si>
  <si>
    <t>SSL 043 0000S</t>
  </si>
  <si>
    <t>5702326620669</t>
  </si>
  <si>
    <t>VELUX Solar-Rollladen SSL 043 0000S</t>
  </si>
  <si>
    <t>SSL 043 0100S</t>
  </si>
  <si>
    <t>5702326620676</t>
  </si>
  <si>
    <t>VELUX Solar-Rollladen SSL 043 0100S</t>
  </si>
  <si>
    <t>SSL 045 0000S</t>
  </si>
  <si>
    <t>5702326620683</t>
  </si>
  <si>
    <t>VELUX Solar-Rollladen SSL 045 0000S</t>
  </si>
  <si>
    <t>SSL 045 0100S</t>
  </si>
  <si>
    <t>5702326620690</t>
  </si>
  <si>
    <t>VELUX Solar-Rollladen SSL 045 0100S</t>
  </si>
  <si>
    <t>SSL 047 0000S</t>
  </si>
  <si>
    <t>5702326620706</t>
  </si>
  <si>
    <t>VELUX Solar-Rollladen SSL 047 0000S</t>
  </si>
  <si>
    <t>SSL 047 0100S</t>
  </si>
  <si>
    <t>5702326620713</t>
  </si>
  <si>
    <t>VELUX Solar-Rollladen SSL 047 0100S</t>
  </si>
  <si>
    <t>SSL 065 0000S</t>
  </si>
  <si>
    <t>5702326620720</t>
  </si>
  <si>
    <t>VELUX Solar-Rollladen SSL 065 0000S</t>
  </si>
  <si>
    <t>SSL 065 0100S</t>
  </si>
  <si>
    <t>5702326620737</t>
  </si>
  <si>
    <t>VELUX Solar-Rollladen SSL 065 0100S</t>
  </si>
  <si>
    <t>SSL 067 0000S</t>
  </si>
  <si>
    <t>5702326620744</t>
  </si>
  <si>
    <t>VELUX Solar-Rollladen SSL 067 0000S</t>
  </si>
  <si>
    <t>SSL 067 0100S</t>
  </si>
  <si>
    <t>5702326620751</t>
  </si>
  <si>
    <t>VELUX Solar-Rollladen SSL 067 0100S</t>
  </si>
  <si>
    <t>SSL 0811 0000S</t>
  </si>
  <si>
    <t>5702329418553</t>
  </si>
  <si>
    <t>VELUX Solar-Rollladen SSL 0811 0000S</t>
  </si>
  <si>
    <t>SSL 085 0000S</t>
  </si>
  <si>
    <t>5702326620768</t>
  </si>
  <si>
    <t>VELUX Solar-Rollladen SSL 085 0000S</t>
  </si>
  <si>
    <t>SSL 085 0100S</t>
  </si>
  <si>
    <t>5702326620775</t>
  </si>
  <si>
    <t>VELUX Solar-Rollladen SSL 085 0100S</t>
  </si>
  <si>
    <t>SSL 087 0000S</t>
  </si>
  <si>
    <t>5702326620782</t>
  </si>
  <si>
    <t>VELUX Solar-Rollladen SSL 087 0000S</t>
  </si>
  <si>
    <t>SSL 087 0100S</t>
  </si>
  <si>
    <t>5702326620799</t>
  </si>
  <si>
    <t>VELUX Solar-Rollladen SSL 087 0100S</t>
  </si>
  <si>
    <t>SSL 089 0000S</t>
  </si>
  <si>
    <t>5702326620805</t>
  </si>
  <si>
    <t>VELUX Solar-Rollladen SSL 089 0000S</t>
  </si>
  <si>
    <t>SSL 089 0100S</t>
  </si>
  <si>
    <t>5702326620812</t>
  </si>
  <si>
    <t>VELUX Solar-Rollladen SSL 089 0100S</t>
  </si>
  <si>
    <t>SSL 1011 0000S</t>
  </si>
  <si>
    <t>5702329418560</t>
  </si>
  <si>
    <t>VELUX Solar-Rollladen SSL 1011 0000S</t>
  </si>
  <si>
    <t>SSL 1014 0000S</t>
  </si>
  <si>
    <t>5702329418577</t>
  </si>
  <si>
    <t>VELUX Solar-Rollladen SSL 1014 0000S</t>
  </si>
  <si>
    <t>SSL 107 0000S</t>
  </si>
  <si>
    <t>5702326620829</t>
  </si>
  <si>
    <t>VELUX Solar-Rollladen SSL 107 0000S</t>
  </si>
  <si>
    <t>SSL 107 0100S</t>
  </si>
  <si>
    <t>5702326620836</t>
  </si>
  <si>
    <t>VELUX Solar-Rollladen SSL 107 0100S</t>
  </si>
  <si>
    <t>SSL 109 0000S</t>
  </si>
  <si>
    <t>5702326620843</t>
  </si>
  <si>
    <t>VELUX Solar-Rollladen SSL 109 0000S</t>
  </si>
  <si>
    <t>SSL 109 0100S</t>
  </si>
  <si>
    <t>5702326620850</t>
  </si>
  <si>
    <t>VELUX Solar-Rollladen SSL 109 0100S</t>
  </si>
  <si>
    <t>VEA M35 2165</t>
  </si>
  <si>
    <t>5702327870339</t>
  </si>
  <si>
    <t>Dachterrasse,Tür links VEA M35 2165</t>
  </si>
  <si>
    <t>weiß lack EN. PLUS Kupfer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A M35 2365</t>
  </si>
  <si>
    <t>5702327870346</t>
  </si>
  <si>
    <t>Dachterrasse,Tür links VEA M35 2365</t>
  </si>
  <si>
    <t>weiß lack EN. PLUS Ti walz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A M35 3165</t>
  </si>
  <si>
    <t>5702327870360</t>
  </si>
  <si>
    <t>Dachterrasse,Tür links VEA M35 3165</t>
  </si>
  <si>
    <t>klar lack EN. PLUS Kupfer 78x109</t>
  </si>
  <si>
    <t>----------------------------------------
Dachterrassen-Element unten
mit Türanschlag DIN link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 M35 2165</t>
  </si>
  <si>
    <t>5702327870391</t>
  </si>
  <si>
    <t>Dachterasse,Tür rechts VEB M35 21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 M35 2365</t>
  </si>
  <si>
    <t>5702327870407</t>
  </si>
  <si>
    <t>Dachterasse,Tür rechts VEB M35 23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B M35 3165</t>
  </si>
  <si>
    <t>5702327870421</t>
  </si>
  <si>
    <t>Dachterasse,Tür rechts VEB M35 3165</t>
  </si>
  <si>
    <t>----------------------------------------
Dachterrassen-Element unten
mit Türanschlag DIN rechts (von außen
gesehen).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 M35 2165</t>
  </si>
  <si>
    <t>5702327870452</t>
  </si>
  <si>
    <t>Dachterasse,unten fest VEC M35 21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 M35 2365</t>
  </si>
  <si>
    <t>5702327870469</t>
  </si>
  <si>
    <t>Dachterasse,unten fest VEC M35 23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weißem wasserverdünnbarem,
lösungsmittelfreiem Acryl-Lack.
Trockenschichtstärke gemäß DIN 68 800,
Teil 3: 85 µ.
Außenabdeckung aus Titanzink walzblank.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EC M35 3165</t>
  </si>
  <si>
    <t>5702327870483</t>
  </si>
  <si>
    <t>Dachterasse,unten fest VEC M35 3165</t>
  </si>
  <si>
    <t>----------------------------------------
Dachterrassen-Element unten
als feststehendes Element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109 cm
Endlackierung in zwei Schichten
mit transparentem, wasserverdünnbarem,
lösungsmittelfreiem Acryl-Lack.
Trockenschichtstärke gemäß DIN 68 800,
Teil 3: 85 µ.
Außenabdeckung aus Kupfer.
Verglasung mit ENERGIE PLUS Scheibe
für besonders hohen Wärmeschutz:
Wärmedurchgangswert Uw = 1,0 W/(m²K),
erhöhten Hitzeschutz: g = 0,44
erhöhten Schallschutz:
Rw(C,Ctr)=35 (-1,-4)/Kl.2
erhöhten Einbruchschutz
erhöhten Hagelschutz
2x3 mm Verbund-Sicherheitsglas innen
für erhöhten Einbruchschutz und
besseren Schallschutz
3 mm gehärtetes Einscheiben-
Sicherheitsglas nach DIN EN 12150
mit Edelmetallbeschichtung innen
für erhöhten Wärmeschutz in der Mitte.
4 mm gehärtetes Einscheiben-
mit Anti-Tau-Effekt zur Verringerung
von Tauwasserbildung,
mit Edelmetallbeschichtung innen
für erhöhten Hitzeschutz
und erhöhten Wärmeschutz.
Alle technischen Werte sind normgemäß
im senkrechten Einbau ermittelt und 
beziehen sich auf das Fenster als Ganzes</t>
  </si>
  <si>
    <t>VFE MK31 2170</t>
  </si>
  <si>
    <t>5702328349575</t>
  </si>
  <si>
    <t>VELUX Zusatzelement "Wand" VFE MK31 2170</t>
  </si>
  <si>
    <t>weiß lack THERMO C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1 2370</t>
  </si>
  <si>
    <t>5702328349582</t>
  </si>
  <si>
    <t>VELUX Zusatzelement "Wand" VFE MK31 2370</t>
  </si>
  <si>
    <t>weiß lack THERMO 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1 3162</t>
  </si>
  <si>
    <t>5702328734555</t>
  </si>
  <si>
    <t>VELUX Zusatzelement "WAND" VFE MK31 3162</t>
  </si>
  <si>
    <t>klar lack EN.Schall.Kupfer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MK31 3170</t>
  </si>
  <si>
    <t>5702328349605</t>
  </si>
  <si>
    <t>VELUX Zusatzelement "Wand" VFE MK31 3170</t>
  </si>
  <si>
    <t>klar lack THERMO Cu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1 3362</t>
  </si>
  <si>
    <t>5702328734562</t>
  </si>
  <si>
    <t>VELUX Zusatzelement "WAND" VFE MK31 3362</t>
  </si>
  <si>
    <t>klar lack EN.Schall.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MK31 3366</t>
  </si>
  <si>
    <t>5702327132024</t>
  </si>
  <si>
    <t>VELUX Zusatzel. "WAND" VFE MK31 3366</t>
  </si>
  <si>
    <t>klar lack EN.PLUS 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1 3370</t>
  </si>
  <si>
    <t>5702328349612</t>
  </si>
  <si>
    <t>VELUX Zusatzelement "Wand" VFE MK31 3370</t>
  </si>
  <si>
    <t>klar lack THERMO Ti walz 78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60 cm
Lichtfläche: 0,22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5 2366</t>
  </si>
  <si>
    <t>5702328047822</t>
  </si>
  <si>
    <t>VELUX Zusatzel. "WAND" VFE MK35 2366</t>
  </si>
  <si>
    <t>weiß lack EN.PLUS Ti walz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MK35 3170</t>
  </si>
  <si>
    <t>5702328349667</t>
  </si>
  <si>
    <t>VELUX Zusatzelement "Wand" VFE MK35 3170</t>
  </si>
  <si>
    <t>klar lack THERMO Cu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MK35 3366</t>
  </si>
  <si>
    <t>5702327132048</t>
  </si>
  <si>
    <t>VELUX Zusatzel. "WAND" VFE MK35 3366</t>
  </si>
  <si>
    <t>klar lack EN.PLUS Ti walz 78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78 x 95 cm
Lichtfläche: 0,44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2162</t>
  </si>
  <si>
    <t>5702328734647</t>
  </si>
  <si>
    <t>VELUX Zusatzelement "WAND" VFE PK31 2162</t>
  </si>
  <si>
    <t>weiß lack EN.Schall.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2170</t>
  </si>
  <si>
    <t>5702328349735</t>
  </si>
  <si>
    <t>VELUX Zusatzelement "Wand" VFE PK31 2170</t>
  </si>
  <si>
    <t>weiß lack THERMO C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1 2362</t>
  </si>
  <si>
    <t>5702328734654</t>
  </si>
  <si>
    <t>VELUX Zusatzelement "WAND" VFE PK31 2362</t>
  </si>
  <si>
    <t>weiß lack EN.Schall.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2366</t>
  </si>
  <si>
    <t>5702328047914</t>
  </si>
  <si>
    <t>VELUX Zusatzel. "WAND" VFE PK31 2366</t>
  </si>
  <si>
    <t>weiß lack EN.PLUS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2370</t>
  </si>
  <si>
    <t>5702328349742</t>
  </si>
  <si>
    <t>VELUX Zusatzelement "Wand" VFE PK31 2370</t>
  </si>
  <si>
    <t>weiß lack THERMO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1 3162</t>
  </si>
  <si>
    <t>5702328734678</t>
  </si>
  <si>
    <t>VELUX Zusatzelement "WAND" VFE PK31 3162</t>
  </si>
  <si>
    <t>klar lack EN.Schall.Kupfer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3170</t>
  </si>
  <si>
    <t>5702328349766</t>
  </si>
  <si>
    <t>VELUX Zusatzelement "Wand" VFE PK31 3170</t>
  </si>
  <si>
    <t>klar lack THERMO Cu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1 3362</t>
  </si>
  <si>
    <t>5702328734685</t>
  </si>
  <si>
    <t>VELUX Zusatzelement "WAND" VFE PK31 3362</t>
  </si>
  <si>
    <t>klar lack EN.Schall.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PK31 3366</t>
  </si>
  <si>
    <t>5702327132062</t>
  </si>
  <si>
    <t>VELUX Zusatzel. "WAND" VFE PK31 3366</t>
  </si>
  <si>
    <t>klar lack EN.PLUS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PK31 3370</t>
  </si>
  <si>
    <t>5702328349773</t>
  </si>
  <si>
    <t>VELUX Zusatzelement "Wand" VFE PK31 3370</t>
  </si>
  <si>
    <t>klar lack THERMO Ti walz 9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60 cm
Lichtfläche: 0,29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PK35 3170</t>
  </si>
  <si>
    <t>5702328349827</t>
  </si>
  <si>
    <t>VELUX Zusatzelement "Wand" VFE PK35 3170</t>
  </si>
  <si>
    <t>klar lack THERMO Cu 9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94 x 95 cm
Lichtfläche: 0,5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2062</t>
  </si>
  <si>
    <t>5702328734753</t>
  </si>
  <si>
    <t>VELUX Zusatzelement "WAND" VFE SK31 2062</t>
  </si>
  <si>
    <t>weiß lack EN.Schall.Al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2162</t>
  </si>
  <si>
    <t>5702328734760</t>
  </si>
  <si>
    <t>VELUX Zusatzelement "WAND" VFE SK31 2162</t>
  </si>
  <si>
    <t>weiß lack EN.Schall.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2170</t>
  </si>
  <si>
    <t>5702328349896</t>
  </si>
  <si>
    <t>VELUX Zusatzelement "Wand" VFE SK31 2170</t>
  </si>
  <si>
    <t>weiß lack THERMO C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2362</t>
  </si>
  <si>
    <t>5702328734777</t>
  </si>
  <si>
    <t>VELUX Zusatzelement "WAND" VFE SK31 2362</t>
  </si>
  <si>
    <t>weiß lack EN.Schall.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2370</t>
  </si>
  <si>
    <t>5702328349902</t>
  </si>
  <si>
    <t>VELUX Zusatzelement "Wand" VFE SK31 2370</t>
  </si>
  <si>
    <t>weiß lack THERMO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3162</t>
  </si>
  <si>
    <t>5702328734791</t>
  </si>
  <si>
    <t>VELUX Zusatzelement "WAND" VFE SK31 3162</t>
  </si>
  <si>
    <t>klar lack EN.Schall.Kupfer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3170</t>
  </si>
  <si>
    <t>5702328349926</t>
  </si>
  <si>
    <t>VELUX Zusatzelement "Wand" VFE SK31 3170</t>
  </si>
  <si>
    <t>klar lack THERMO Cu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1 3362</t>
  </si>
  <si>
    <t>5702328734807</t>
  </si>
  <si>
    <t>VELUX Zusatzelement "WAND" VFE SK31 3362</t>
  </si>
  <si>
    <t>klar lack EN.Schall.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SK31 3366</t>
  </si>
  <si>
    <t>5702327132109</t>
  </si>
  <si>
    <t>VELUX Zusatzel. "WAND" VFE SK31 3366</t>
  </si>
  <si>
    <t>klar lack EN.PLUS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SK31 3370</t>
  </si>
  <si>
    <t>5702328349933</t>
  </si>
  <si>
    <t>VELUX Zusatzelement "Wand" VFE SK31 3370</t>
  </si>
  <si>
    <t>klar lack THERMO Ti walz 11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60 cm
Lichtfläche: 0,36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SK35 3170</t>
  </si>
  <si>
    <t>5702328349988</t>
  </si>
  <si>
    <t>VELUX Zusatzelement "Wand" VFE SK35 3170</t>
  </si>
  <si>
    <t>klar lack THERMO Cu 11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14 x 95 cm
Lichtfläche: 0,70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2162</t>
  </si>
  <si>
    <t>5702328734883</t>
  </si>
  <si>
    <t>VELUX Zusatzelement "WAND" VFE UK31 2162</t>
  </si>
  <si>
    <t>weiß lack EN.Schall.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2170</t>
  </si>
  <si>
    <t>5702328350052</t>
  </si>
  <si>
    <t>VELUX Zusatzelement "Wand" VFE UK31 2170</t>
  </si>
  <si>
    <t>weiß lack THERMO C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2362</t>
  </si>
  <si>
    <t>5702328734890</t>
  </si>
  <si>
    <t>VELUX Zusatzelement "WAND" VFE UK31 2362</t>
  </si>
  <si>
    <t>weiß lack EN.Schall.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2366</t>
  </si>
  <si>
    <t>5702328048232</t>
  </si>
  <si>
    <t>VELUX Zusatzel. "WAND" VFE UK31 2366</t>
  </si>
  <si>
    <t>weiß lack EN.PLUS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1 2370</t>
  </si>
  <si>
    <t>5702328350069</t>
  </si>
  <si>
    <t>VELUX Zusatzelement "Wand" VFE UK31 2370</t>
  </si>
  <si>
    <t>weiß lack THERMO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weiß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3062</t>
  </si>
  <si>
    <t>5702328734906</t>
  </si>
  <si>
    <t>VELUX Zusatzelement "WAND" VFE UK31 3062</t>
  </si>
  <si>
    <t>klar lack EN.Schall.Al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3162</t>
  </si>
  <si>
    <t>5702328734913</t>
  </si>
  <si>
    <t>VELUX Zusatzelement "WAND" VFE UK31 3162</t>
  </si>
  <si>
    <t>klar lack EN.Schall.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3166</t>
  </si>
  <si>
    <t>5702327132130</t>
  </si>
  <si>
    <t>VELUX Zusatzel. "WAND" VFE UK31 3166</t>
  </si>
  <si>
    <t>klar lack EN.PLUS Kupfer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1 3170</t>
  </si>
  <si>
    <t>5702328350083</t>
  </si>
  <si>
    <t>VELUX Zusatzelement "Wand" VFE UK31 3170</t>
  </si>
  <si>
    <t>klar lack THERMO Cu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1 3362</t>
  </si>
  <si>
    <t>5702328734920</t>
  </si>
  <si>
    <t>VELUX Zusatzelement "WAND" VFE UK31 3362</t>
  </si>
  <si>
    <t>klar lack EN.Schall.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FE UK31 3366</t>
  </si>
  <si>
    <t>5702327132147</t>
  </si>
  <si>
    <t>VELUX Zusatzel. "WAND" VFE UK31 3366</t>
  </si>
  <si>
    <t>klar lack EN.PLUS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1 3370</t>
  </si>
  <si>
    <t>5702328350090</t>
  </si>
  <si>
    <t>VELUX Zusatzelement "Wand" VFE UK31 3370</t>
  </si>
  <si>
    <t>klar lack THERMO Ti walz 134x60</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60 cm
Lichtfläche: 0,44m²
Endlackierung in zwei Schichten
mit transparentem, wasserverdünnbarem,
lösungsmittelfreiem Acryl-Lack.
Trockenschichtstärke gemäß DIN 68 800,
Teil 3: 85 µ.
Außenabdeckung aus Titanzink walzblank.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FE UK35 2366</t>
  </si>
  <si>
    <t>5702328048300</t>
  </si>
  <si>
    <t>VELUX Zusatzel. "WAND" VFE UK35 2366</t>
  </si>
  <si>
    <t>weiß lack EN.PLUS Ti walz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weißem wasserverdünnbarem,
lösungsmittelfreiem Acryl-Lack.
Trockenschichtstärke gemäß DIN 68 800,
Teil 3: 85 µ.
Außenabdeckung aus Titanzink walzblank.
----------------------------------------
ENERGIE PLUS Verglasung
Passivhaus tauglich, für besonders
hohen Wärmeschutz: Uw = 1,0 W/(m²K),
Gesamtenergiedurchlasswert g = 0,44.
Erhöhter Schallschutz:
Rw(C,Ctr)= 37(-2,-4) dB
Schallschutzklasse 3,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4 mm gehärtetes Einscheiben-
Sicherheitsglas nach DIN EN 12150 außen
mit Anti-Tau-Effekt zur Verringerung
von Tauwasserbildung und mit natürlichem
Reinigungseffekt.
Verringerung der Regengeräusche durch
Anti-Regengeräusch-Effekt.
Alle technischen Werte sind normgemäß
im senkrechten Einbau ermittelt und 
beziehen sich auf das Fenster als Ganzes</t>
  </si>
  <si>
    <t>VFE UK35 3170</t>
  </si>
  <si>
    <t>5702328350144</t>
  </si>
  <si>
    <t>VELUX Zusatzelement "Wand" VFE UK35 3170</t>
  </si>
  <si>
    <t>klar lack THERMO Cu 134x95</t>
  </si>
  <si>
    <t>----------------------------------------
Zusatzelement mit Kippfunktion
zur Verlängerung von VELUX Fenstern
nach unten bei einer ins Dachgeschoss
reichenden Außenmauer.(Drempel/
Kniestock. Flügelanschlag unten.
Seitliche Flügelabdeckbleche
schraubenlos vormontiert, Montagewinkel,
Markisenkasten und Blendrahmen-
abdeckbleche im Lieferumfang enthalten.
Luftdichtheitsklasse 3.
----------------------------------------
Flügel und Blendrahmen aus massivem
Kiefernholz.
Holzschutz nach Einbringung aller
Bohrungen und Fräsungen durch 
Imprägnierung mit wasserverdünnbarer und
fungizider (pilz- und fäulnishemmender)
Imprägnierlasur, frei von PCP, Dioxin
und Lindan.
----------------------------------------
Umlaufende Anschlagdichtung aus EPDM,
umlaufende Gleitdichtung aus Santoprene,
seitliche Dichtung aus EPDM zwischen
Flügel- und Blendrahmenverblechung
Blendrahmen-Außenmaße (BxL): 134 x 95 cm
Lichtfläche: 0,85m²
Endlackierung in zwei Schichten
mit transparentem, wasserverdünnbarem,
lösungsmittelfreiem Acryl-Lack.
Trockenschichtstärke gemäß DIN 68 800,
Teil 3: 85 µ.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MK31 0162</t>
  </si>
  <si>
    <t>5702328735002</t>
  </si>
  <si>
    <t>VELUX Zusatzelement "WAND" VIU MK31 0162</t>
  </si>
  <si>
    <t>Polyur. EN.Schall.Kupfer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MK31 0170</t>
  </si>
  <si>
    <t>5702328350212</t>
  </si>
  <si>
    <t>VELUX Zusatzelement "Wand" VIU MK31 0170</t>
  </si>
  <si>
    <t>Polyur. THERMO Cu 78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60 cm
Lichtfläche: 0,22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MK35 0170</t>
  </si>
  <si>
    <t>5702328350236</t>
  </si>
  <si>
    <t>VELUX Zusatzelement "Wand" VIU MK35 0170</t>
  </si>
  <si>
    <t>Polyur. THERMO Cu 78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78 x 95 cm
Lichtfläche: 0,44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PK31 0162</t>
  </si>
  <si>
    <t>5702328735040</t>
  </si>
  <si>
    <t>VELUX Zusatzelement "WAND" VIU PK31 0162</t>
  </si>
  <si>
    <t>Polyur. EN.Schall.Kupfer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PK31 0166</t>
  </si>
  <si>
    <t>5702327021960</t>
  </si>
  <si>
    <t>VELUX Zusatzel. "WAND" VIU PK31 0166</t>
  </si>
  <si>
    <t>Polyur. EN.PLUS Kupfer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Alle technischen Werte sind normgemäß
im senkrechten Einbau ermittelt und 
beziehen sich auf das Fenster als Ganzes</t>
  </si>
  <si>
    <t>VIU PK31 0170</t>
  </si>
  <si>
    <t>5702328350274</t>
  </si>
  <si>
    <t>VELUX Zusatzelement "Wand" VIU PK31 0170</t>
  </si>
  <si>
    <t>Polyur. THERMO Cu 9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60 cm
Lichtfläche: 0,29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PK35 0170</t>
  </si>
  <si>
    <t>5702328350298</t>
  </si>
  <si>
    <t>VELUX Zusatzelement "Wand" VIU PK35 0170</t>
  </si>
  <si>
    <t>Polyur. THERMO Cu 94x95</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94 x 95 cm
Lichtfläche: 0,5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SK31 0162</t>
  </si>
  <si>
    <t>5702328735088</t>
  </si>
  <si>
    <t>VELUX Zusatzelement "WAND" VIU SK31 0162</t>
  </si>
  <si>
    <t>Polyur. EN.Schall.Kupfer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SK31 0170</t>
  </si>
  <si>
    <t>5702328350335</t>
  </si>
  <si>
    <t>VELUX Zusatzelement "Wand" VIU SK31 0170</t>
  </si>
  <si>
    <t>Polyur. THERMO Cu 11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14 x 60 cm
Lichtfläche: 0,36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VIU UK31 0062</t>
  </si>
  <si>
    <t>5702328735118</t>
  </si>
  <si>
    <t>VELUX Zusatzelement "WAND" VIU UK31 0062</t>
  </si>
  <si>
    <t>Polyur. EN.Schall.Al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Aluminium,
einbrennlackiert, NCS S 7500-N.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UK31 0162</t>
  </si>
  <si>
    <t>5702328735125</t>
  </si>
  <si>
    <t>VELUX Zusatzelement "WAND" VIU UK31 0162</t>
  </si>
  <si>
    <t>Polyur. EN.Schall.Kupfer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
ENERGIE SCHALLSCHUTZ Verglasung
für besonders hohen Schallschutz:
Rw(C,Ctr)= 42(-2,-5)dB;
Schallschutzklasse 4
und besonders hohen Wärmeschutz:
Uw = 1,0 W/(m²K).
Gesamtenergiedurchlassungsgrad g=0,47
Erhöhter Einbruchschutz,
erhöhter Hagelschutz.
2x3 mm Verbund-Sicherheitsglas innen
für erhöhten Einbruchschutz und
besseren Schallschutz, mit Edelmetall-
beschichtung innen für erhöhten
Wärmeschutz.
3 mm gehärtetes Einscheiben-
Sicherheitsglas nach DIN EN 12150
mit Edelmetallbeschichtung 
für erhöhten Wärmeschutz in der Mitte.
8 mm gehärtetes Einscheiben-
Sicherheitsglas nach DIN EN 12150 außen
mit Anti-Tau-Effekt zur Verringerung
von Tauwasserbildung.
Verringerung der Regengeräusche durch
Anti-Regengeräusch-Effekt
Alle technischen Werte sind normgemäß
im senkrechten Einbau ermittelt und 
beziehen sich auf das Fenster als Ganzes</t>
  </si>
  <si>
    <t>VIU UK31 0166</t>
  </si>
  <si>
    <t>5702327022202</t>
  </si>
  <si>
    <t>VELUX Zusatzel. "WAND" VIU UK31 0166</t>
  </si>
  <si>
    <t>Polyur. EN.PLUS Kupfer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Alle technischen Werte sind normgemäß
im senkrechten Einbau ermittelt und 
beziehen sich auf das Fenster als Ganzes</t>
  </si>
  <si>
    <t>VIU UK31 0170</t>
  </si>
  <si>
    <t>5702328350397</t>
  </si>
  <si>
    <t>VELUX Zusatzelement "Wand" VIU UK31 0170</t>
  </si>
  <si>
    <t>Polyur. THERMO Cu 134x60</t>
  </si>
  <si>
    <t>----------------------------------------
Feststehendes Zusatzelement
zur Verlängerung von VELUX Kunststoff-
Fenstern nach unten bei einer ins
Dachgeschoss reichenden Außenmauer
(Drempel / Kniestock).
Seitliche Flügelabdeckbleche
schraubenlos vormontiert, Montagewinkel,
Markisenkasten und Blendrahmen-
abdeckbleche im Lieferumfang enthalten.
Luftdichtheitsklasse 4. 
----------------------------------------
Flügel und Blendrahmen: Holzkern mit
nahtloser Kunststoff-Ummantelung aus
Polyurethan, feuchtigkeitsunempfindlich,
dauerhaft, besonders pflegeleicht,
PVC-frei. 
----------------------------------------
Umlaufende Dichtung mit Anschlag-
und Gleitfunktion aus Santoprene,
seitliche Dichtung aus EPDM zwischen
Flügel- und Blendrahmenverblechung
Blendrahmen-Außenmaße (BxL): 134 x 60 cm
Lichtfläche: 0,44m²
Oberfläche fertig lackiert mit
Zwei-Komponenten-PU-Lack, weiß,
seidenmatt, NCS S 0500-N.
Außenabdeckung aus Kupfer.
----------------------------------------
THERMO Verglasung mit
sehr guten technischen Werten:
Wärmedurchgangswert Uw = 1,3 W/(m²K),
Schalldämmwert Rw(C,Ctr)= 35(-1,-3) dB,
Schallschutzklasse 2,
Gesamtenergiedurchlasswert g = 0,46,
2 x 3 mm Verbund-Sicherheitsglas innen
für erhöhten Einbruchschutz, erhöhte
Sicherheit und besseren Schallschutz.
4 mm gehärtetes Einscheiben-
sicherheitsglas außen nach 
DIN EN 12150 für erhöhte Hagelsicherheit
mit Edelmetallbeschichtung innen.
Verringerung der Regengeräusche durch
Anti-Regengeräusch-Effekt
Alle technischen Werte sind normgemäß
im senkrechten Einbau ermittelt und 
beziehen sich auf das Fenster als Ganzes</t>
  </si>
  <si>
    <t>WLA 331</t>
  </si>
  <si>
    <t>5702329185714</t>
  </si>
  <si>
    <t>VELUX Regen-Sensor WLA 331</t>
  </si>
  <si>
    <t>VMR, Vario, VGP</t>
  </si>
  <si>
    <t>WSC 104 S 0101 E1</t>
  </si>
  <si>
    <t>5702329989572</t>
  </si>
  <si>
    <t>WindowM. CompactSmoke WSC 104 S 0101 E1</t>
  </si>
  <si>
    <t>4A RWA-Zentrale</t>
  </si>
  <si>
    <t>WSC 310 P 0202 E4</t>
  </si>
  <si>
    <t>5702329989589</t>
  </si>
  <si>
    <t>WindowM. CompactSmoke WSC 310 P 0202 E4</t>
  </si>
  <si>
    <t>10A RWA-Zentrale mit Touchbildschirm</t>
  </si>
  <si>
    <t>WSC 310 P 0202 E7</t>
  </si>
  <si>
    <t>5706654428287</t>
  </si>
  <si>
    <t>VELUX WindowMasterWSC 310 P 0202 E7</t>
  </si>
  <si>
    <t>WSK 503 0002 02</t>
  </si>
  <si>
    <t>5702329989596</t>
  </si>
  <si>
    <t>RWA-Hauptbedienstelle WSK 503 0002 02</t>
  </si>
  <si>
    <t>Kunststoff, o Anschluss für Komponenten</t>
  </si>
  <si>
    <t>WSK 503 0003 02</t>
  </si>
  <si>
    <t>5702329989602</t>
  </si>
  <si>
    <t>RWA-Hauptbedienstelle WSK 503 0003 02</t>
  </si>
  <si>
    <t>WSK 503 0005 02</t>
  </si>
  <si>
    <t>5702329989619</t>
  </si>
  <si>
    <t>RWA-Hauptbedienstelle WSK 503 0005 02</t>
  </si>
  <si>
    <t>ZWC CK02 0000</t>
  </si>
  <si>
    <t>5702326907883</t>
  </si>
  <si>
    <t>VELUX Fenster-Bleche ZWC CK02 0000</t>
  </si>
  <si>
    <t>Stock und Sohlbank Alu</t>
  </si>
  <si>
    <t>ZWC CK02 0300</t>
  </si>
  <si>
    <t>5702327200877</t>
  </si>
  <si>
    <t>VELUX Fenster-Bleche ZWC CK02 0300</t>
  </si>
  <si>
    <t>Stock und Sohlbank Ti walz</t>
  </si>
  <si>
    <t>ZWC CK04 0000</t>
  </si>
  <si>
    <t>5702326907890</t>
  </si>
  <si>
    <t>VELUX Fenster-Bleche ZWC CK04 0000</t>
  </si>
  <si>
    <t>ZWC CK04 0100</t>
  </si>
  <si>
    <t>5702327200884</t>
  </si>
  <si>
    <t>VELUX Fenster-Bleche ZWC CK04 0100</t>
  </si>
  <si>
    <t>ZWC CK04 0300</t>
  </si>
  <si>
    <t>5702327200891</t>
  </si>
  <si>
    <t>VELUX Fenster-Bleche ZWC CK04 0300</t>
  </si>
  <si>
    <t>ZWC CK06 0000</t>
  </si>
  <si>
    <t>5702326907906</t>
  </si>
  <si>
    <t>VELUX Fenster-Bleche ZWC CK06 0000</t>
  </si>
  <si>
    <t>ZWC CK06 0100</t>
  </si>
  <si>
    <t>5702327200907</t>
  </si>
  <si>
    <t>VELUX Fenster-Bleche ZWC CK06 0100</t>
  </si>
  <si>
    <t>ZWC CK06 0300</t>
  </si>
  <si>
    <t>5702327200914</t>
  </si>
  <si>
    <t>VELUX Fenster-Bleche ZWC CK06 0300</t>
  </si>
  <si>
    <t>ZWC FK04 0000</t>
  </si>
  <si>
    <t>5702326907913</t>
  </si>
  <si>
    <t>VELUX Fenster-Bleche ZWC FK04 0000</t>
  </si>
  <si>
    <t>ZWC FK04 0100</t>
  </si>
  <si>
    <t>5702327200921</t>
  </si>
  <si>
    <t>VELUX Fenster-Bleche ZWC FK04 0100</t>
  </si>
  <si>
    <t>ZWC FK04 0300</t>
  </si>
  <si>
    <t>5702327200938</t>
  </si>
  <si>
    <t>VELUX Fenster-Bleche ZWC FK04 0300</t>
  </si>
  <si>
    <t>ZWC FK06 0000</t>
  </si>
  <si>
    <t>5702326907920</t>
  </si>
  <si>
    <t>VELUX Fenster-Bleche ZWC FK06 0000</t>
  </si>
  <si>
    <t>ZWC FK06 0100</t>
  </si>
  <si>
    <t>5702327200945</t>
  </si>
  <si>
    <t>VELUX Fenster-Bleche ZWC FK06 0100</t>
  </si>
  <si>
    <t>ZWC FK06 0300</t>
  </si>
  <si>
    <t>5702327200952</t>
  </si>
  <si>
    <t>VELUX Fenster-Bleche ZWC FK06 0300</t>
  </si>
  <si>
    <t>ZWC FK08 0000</t>
  </si>
  <si>
    <t>5702326907937</t>
  </si>
  <si>
    <t>VELUX Fenster-Bleche ZWC FK08 0000</t>
  </si>
  <si>
    <t>ZWC FK08 0100</t>
  </si>
  <si>
    <t>5702327200969</t>
  </si>
  <si>
    <t>VELUX Fenster-Bleche ZWC FK08 0100</t>
  </si>
  <si>
    <t>ZWC FK08 0300</t>
  </si>
  <si>
    <t>5702327200976</t>
  </si>
  <si>
    <t>VELUX Fenster-Bleche ZWC FK08 0300</t>
  </si>
  <si>
    <t>ZWC MK04 0000</t>
  </si>
  <si>
    <t>5702326907944</t>
  </si>
  <si>
    <t>VELUX Fenster-Bleche ZWC MK04 0000</t>
  </si>
  <si>
    <t>ZWC MK04 0100</t>
  </si>
  <si>
    <t>5702327200983</t>
  </si>
  <si>
    <t>VELUX Fenster-Bleche ZWC MK04 0100</t>
  </si>
  <si>
    <t>ZWC MK04 0300</t>
  </si>
  <si>
    <t>5702327200990</t>
  </si>
  <si>
    <t>VELUX Fenster-Bleche ZWC MK04 0300</t>
  </si>
  <si>
    <t>ZWC MK06 0000</t>
  </si>
  <si>
    <t>5702326907951</t>
  </si>
  <si>
    <t>VELUX Fenster-Bleche ZWC MK06 0000</t>
  </si>
  <si>
    <t>ZWC MK06 0100</t>
  </si>
  <si>
    <t>5702327201003</t>
  </si>
  <si>
    <t>VELUX Fenster-Bleche ZWC MK06 0100</t>
  </si>
  <si>
    <t>ZWC MK06 0300</t>
  </si>
  <si>
    <t>5702327201010</t>
  </si>
  <si>
    <t>VELUX Fenster-Bleche ZWC MK06 0300</t>
  </si>
  <si>
    <t>ZWC MK08 0000</t>
  </si>
  <si>
    <t>5702326907968</t>
  </si>
  <si>
    <t>VELUX Fenster-Bleche ZWC MK08 0000</t>
  </si>
  <si>
    <t>ZWC MK08 0100</t>
  </si>
  <si>
    <t>5702327201027</t>
  </si>
  <si>
    <t>VELUX Fenster-Bleche ZWC MK08 0100</t>
  </si>
  <si>
    <t>ZWC MK08 0300</t>
  </si>
  <si>
    <t>5702327201034</t>
  </si>
  <si>
    <t>VELUX Fenster-Bleche ZWC MK08 0300</t>
  </si>
  <si>
    <t>ZWC MK10 0000</t>
  </si>
  <si>
    <t>5702326907975</t>
  </si>
  <si>
    <t>VELUX Fenster-Bleche ZWC MK10 0000</t>
  </si>
  <si>
    <t>ZWC MK10 0100</t>
  </si>
  <si>
    <t>5702327201041</t>
  </si>
  <si>
    <t>VELUX Fenster-Bleche ZWC MK10 0100</t>
  </si>
  <si>
    <t>ZWC MK10 0300</t>
  </si>
  <si>
    <t>5702327201058</t>
  </si>
  <si>
    <t>VELUX Fenster-Bleche ZWC MK10 0300</t>
  </si>
  <si>
    <t>ZWC MK12 0000</t>
  </si>
  <si>
    <t>5702326907982</t>
  </si>
  <si>
    <t>VELUX Fenster-Bleche ZWC MK12 0000</t>
  </si>
  <si>
    <t>Stock.-und Sohlbank Alu</t>
  </si>
  <si>
    <t>ZWC MK12 0100</t>
  </si>
  <si>
    <t>5702327688620</t>
  </si>
  <si>
    <t>VELUX Fenster-Bleche ZWC MK12 0100</t>
  </si>
  <si>
    <t>Stock.-und Sohlbank Kupfer</t>
  </si>
  <si>
    <t>ZWC PK06 0000</t>
  </si>
  <si>
    <t>5702326907999</t>
  </si>
  <si>
    <t>VELUX Fenster-Bleche ZWC PK06 0000</t>
  </si>
  <si>
    <t>ZWC PK06 0100</t>
  </si>
  <si>
    <t>5702327201089</t>
  </si>
  <si>
    <t>VELUX Fenster-Bleche ZWC PK06 0100</t>
  </si>
  <si>
    <t>ZWC PK06 0300</t>
  </si>
  <si>
    <t>5702327201096</t>
  </si>
  <si>
    <t>VELUX Fenster-Bleche ZWC PK06 0300</t>
  </si>
  <si>
    <t>ZWC PK08 0000</t>
  </si>
  <si>
    <t>5702326908002</t>
  </si>
  <si>
    <t>VELUX Fenster-Bleche ZWC PK08 0000</t>
  </si>
  <si>
    <t>ZWC PK08 0100</t>
  </si>
  <si>
    <t>5702327201102</t>
  </si>
  <si>
    <t>VELUX Fenster-Bleche ZWC PK08 0100</t>
  </si>
  <si>
    <t>ZWC PK08 0300</t>
  </si>
  <si>
    <t>5702327201119</t>
  </si>
  <si>
    <t>VELUX Fenster-Bleche ZWC PK08 0300</t>
  </si>
  <si>
    <t>ZWC PK10 0000</t>
  </si>
  <si>
    <t>5702326908019</t>
  </si>
  <si>
    <t>VELUX Fenster-Bleche ZWC PK10 0000</t>
  </si>
  <si>
    <t>ZWC PK10 0100</t>
  </si>
  <si>
    <t>5702327201126</t>
  </si>
  <si>
    <t>VELUX Fenster-Bleche ZWC PK10 0100</t>
  </si>
  <si>
    <t>ZWC PK10 0300</t>
  </si>
  <si>
    <t>5702327201133</t>
  </si>
  <si>
    <t>VELUX Fenster-Bleche ZWC PK10 0300</t>
  </si>
  <si>
    <t>ZWC SK06 0000</t>
  </si>
  <si>
    <t>5702326908033</t>
  </si>
  <si>
    <t>VELUX Fenster-Bleche ZWC SK06 0000</t>
  </si>
  <si>
    <t>ZWC SK06 0100</t>
  </si>
  <si>
    <t>5702327201157</t>
  </si>
  <si>
    <t>VELUX Fenster-Bleche ZWC SK06 0100</t>
  </si>
  <si>
    <t>ZWC SK06 0300</t>
  </si>
  <si>
    <t>5702327201164</t>
  </si>
  <si>
    <t>VELUX Fenster-Bleche ZWC SK06 0300</t>
  </si>
  <si>
    <t>ZWC SK08 0000</t>
  </si>
  <si>
    <t>5702326908040</t>
  </si>
  <si>
    <t>VELUX Fenster-Bleche ZWC SK08 0000</t>
  </si>
  <si>
    <t>ZWC SK08 0100</t>
  </si>
  <si>
    <t>5702327201171</t>
  </si>
  <si>
    <t>VELUX Fenster-Bleche ZWC SK08 0100</t>
  </si>
  <si>
    <t>ZWC SK08 0300</t>
  </si>
  <si>
    <t>5702327201188</t>
  </si>
  <si>
    <t>VELUX Fenster-Bleche ZWC SK08 0300</t>
  </si>
  <si>
    <t>ZWC SK10 0000</t>
  </si>
  <si>
    <t>5702326908057</t>
  </si>
  <si>
    <t>VELUX Fenster-Bleche ZWC SK10 0000</t>
  </si>
  <si>
    <t>ZWC SK10 0100</t>
  </si>
  <si>
    <t>5702327201195</t>
  </si>
  <si>
    <t>VELUX Fenster-Bleche ZWC SK10 0100</t>
  </si>
  <si>
    <t>ZWC SK10 0300</t>
  </si>
  <si>
    <t>5702327201201</t>
  </si>
  <si>
    <t>VELUX Fenster-Bleche ZWC SK10 0300</t>
  </si>
  <si>
    <t>ZWC UK04 0000</t>
  </si>
  <si>
    <t>5702326908064</t>
  </si>
  <si>
    <t>VELUX Fenster-Bleche ZWC UK04 0000</t>
  </si>
  <si>
    <t>ZWC UK04 0100</t>
  </si>
  <si>
    <t>5702327201218</t>
  </si>
  <si>
    <t>VELUX Fenster-Bleche ZWC UK04 0100</t>
  </si>
  <si>
    <t>ZWC UK04 0300</t>
  </si>
  <si>
    <t>5702327201225</t>
  </si>
  <si>
    <t>VELUX Fenster-Bleche ZWC UK04 0300</t>
  </si>
  <si>
    <t>ZWC UK08 0000</t>
  </si>
  <si>
    <t>5702326908071</t>
  </si>
  <si>
    <t>VELUX Fenster-Bleche ZWC UK08 0000</t>
  </si>
  <si>
    <t>ZWC UK08 0100</t>
  </si>
  <si>
    <t>5702327201232</t>
  </si>
  <si>
    <t>VELUX Fenster-Bleche ZWC UK08 0100</t>
  </si>
  <si>
    <t>ZWC UK08 0300</t>
  </si>
  <si>
    <t>5702327201249</t>
  </si>
  <si>
    <t>VELUX Fenster-Bleche ZWC UK08 0300</t>
  </si>
  <si>
    <t>ZWC UK10 0000</t>
  </si>
  <si>
    <t>5702327163301</t>
  </si>
  <si>
    <t>VELUX Fenster-Bleche ZWC UK10 0000</t>
  </si>
  <si>
    <t>ZWC UK10 0100</t>
  </si>
  <si>
    <t>5702327201256</t>
  </si>
  <si>
    <t>VELUX Fenster-Bleche ZWC UK10 0100</t>
  </si>
  <si>
    <t>ZWC UK10 0300</t>
  </si>
  <si>
    <t>5702327201263</t>
  </si>
  <si>
    <t>VELUX Fenster-Bleche ZWC UK10 0300</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4">
    <numFmt numFmtId="164" formatCode="#,##0\ _€"/>
    <numFmt numFmtId="165" formatCode="0000000000000"/>
    <numFmt numFmtId="166" formatCode="#,##0.000"/>
    <numFmt numFmtId="167" formatCode="0.000"/>
  </numFmts>
  <fonts count="26">
    <font>
      <sz val="10"/>
      <color theme="1"/>
      <name val="VELUX Transform Office"/>
      <family val="2"/>
      <scheme val="minor"/>
    </font>
    <font>
      <sz val="11"/>
      <color indexed="8"/>
      <name val="VELUX Transform Office"/>
      <family val="2"/>
      <scheme val="minor"/>
    </font>
    <font>
      <sz val="10"/>
      <color theme="1"/>
      <name val="Courier New"/>
      <family val="3"/>
    </font>
    <font>
      <sz val="11"/>
      <color theme="1"/>
      <name val="Courier New"/>
      <family val="3"/>
    </font>
    <font>
      <sz val="11"/>
      <name val="Courier New"/>
      <family val="3"/>
    </font>
    <font>
      <sz val="8"/>
      <name val="VELUX Transform Office"/>
      <family val="2"/>
      <scheme val="minor"/>
    </font>
    <font>
      <sz val="18"/>
      <color theme="3"/>
      <name val="VELUX Transform Office"/>
      <family val="2"/>
      <scheme val="major"/>
    </font>
    <font>
      <b/>
      <sz val="15"/>
      <color theme="3"/>
      <name val="VELUX Transform Office"/>
      <family val="2"/>
    </font>
    <font>
      <b/>
      <sz val="13"/>
      <color theme="3"/>
      <name val="VELUX Transform Office"/>
      <family val="2"/>
    </font>
    <font>
      <b/>
      <sz val="11"/>
      <color theme="3"/>
      <name val="VELUX Transform Office"/>
      <family val="2"/>
    </font>
    <font>
      <sz val="11"/>
      <color theme="1"/>
      <name val="VELUX Transform Office"/>
      <family val="2"/>
    </font>
    <font>
      <sz val="11"/>
      <color rgb="FF006100"/>
      <name val="VELUX Transform Office"/>
      <family val="2"/>
    </font>
    <font>
      <sz val="11"/>
      <color rgb="FF9C0006"/>
      <name val="VELUX Transform Office"/>
      <family val="2"/>
    </font>
    <font>
      <sz val="11"/>
      <color rgb="FF9C5700"/>
      <name val="VELUX Transform Office"/>
      <family val="2"/>
    </font>
    <font>
      <sz val="11"/>
      <color rgb="FF3F3F76"/>
      <name val="VELUX Transform Office"/>
      <family val="2"/>
    </font>
    <font>
      <b/>
      <sz val="11"/>
      <color rgb="FF3F3F3F"/>
      <name val="VELUX Transform Office"/>
      <family val="2"/>
    </font>
    <font>
      <b/>
      <sz val="11"/>
      <color rgb="FFFA7D00"/>
      <name val="VELUX Transform Office"/>
      <family val="2"/>
    </font>
    <font>
      <sz val="11"/>
      <color rgb="FFFA7D00"/>
      <name val="VELUX Transform Office"/>
      <family val="2"/>
    </font>
    <font>
      <b/>
      <sz val="11"/>
      <color theme="0"/>
      <name val="VELUX Transform Office"/>
      <family val="2"/>
    </font>
    <font>
      <sz val="11"/>
      <color rgb="FFFF0000"/>
      <name val="VELUX Transform Office"/>
      <family val="2"/>
    </font>
    <font>
      <i/>
      <sz val="11"/>
      <color rgb="FF7F7F7F"/>
      <name val="VELUX Transform Office"/>
      <family val="2"/>
    </font>
    <font>
      <b/>
      <sz val="11"/>
      <color theme="1"/>
      <name val="VELUX Transform Office"/>
      <family val="2"/>
    </font>
    <font>
      <sz val="11"/>
      <color theme="0"/>
      <name val="VELUX Transform Office"/>
      <family val="2"/>
    </font>
    <font>
      <b/>
      <sz val="10"/>
      <color rgb="FF00B050"/>
      <name val="Courier New"/>
      <family val="3"/>
    </font>
    <font>
      <sz val="10"/>
      <name val="Arial"/>
      <family val="2"/>
    </font>
    <font>
      <b/>
      <sz val="11"/>
      <color theme="1"/>
      <name val="Courier New"/>
      <family val="3"/>
    </font>
  </fonts>
  <fills count="36">
    <fill>
      <patternFill patternType="none"/>
    </fill>
    <fill>
      <patternFill patternType="gray125"/>
    </fill>
    <fill>
      <patternFill patternType="solid">
        <fgColor theme="0"/>
        <bgColor indexed="64"/>
      </patternFill>
    </fill>
    <fill>
      <patternFill patternType="solid">
        <fgColor rgb="FFC6EFCE"/>
      </patternFill>
    </fill>
    <fill>
      <patternFill patternType="solid">
        <fgColor rgb="FFFFC7CE"/>
      </patternFill>
    </fill>
    <fill>
      <patternFill patternType="solid">
        <fgColor rgb="FFFFEB9C"/>
      </patternFill>
    </fill>
    <fill>
      <patternFill patternType="solid">
        <fgColor rgb="FFFFCC99"/>
      </patternFill>
    </fill>
    <fill>
      <patternFill patternType="solid">
        <fgColor rgb="FFF2F2F2"/>
      </patternFill>
    </fill>
    <fill>
      <patternFill patternType="solid">
        <fgColor rgb="FFA5A5A5"/>
      </patternFill>
    </fill>
    <fill>
      <patternFill patternType="solid">
        <fgColor rgb="FFFFFFCC"/>
      </patternFill>
    </fill>
    <fill>
      <patternFill patternType="solid">
        <fgColor theme="4"/>
      </patternFill>
    </fill>
    <fill>
      <patternFill patternType="solid">
        <fgColor theme="4" tint="0.79998168889431442"/>
        <bgColor indexed="65"/>
      </patternFill>
    </fill>
    <fill>
      <patternFill patternType="solid">
        <fgColor theme="4" tint="0.59999389629810485"/>
        <bgColor indexed="65"/>
      </patternFill>
    </fill>
    <fill>
      <patternFill patternType="solid">
        <fgColor theme="4" tint="0.39997558519241921"/>
        <bgColor indexed="65"/>
      </patternFill>
    </fill>
    <fill>
      <patternFill patternType="solid">
        <fgColor theme="5"/>
      </patternFill>
    </fill>
    <fill>
      <patternFill patternType="solid">
        <fgColor theme="5" tint="0.79998168889431442"/>
        <bgColor indexed="65"/>
      </patternFill>
    </fill>
    <fill>
      <patternFill patternType="solid">
        <fgColor theme="5" tint="0.59999389629810485"/>
        <bgColor indexed="65"/>
      </patternFill>
    </fill>
    <fill>
      <patternFill patternType="solid">
        <fgColor theme="5" tint="0.39997558519241921"/>
        <bgColor indexed="65"/>
      </patternFill>
    </fill>
    <fill>
      <patternFill patternType="solid">
        <fgColor theme="6"/>
      </patternFill>
    </fill>
    <fill>
      <patternFill patternType="solid">
        <fgColor theme="6" tint="0.79998168889431442"/>
        <bgColor indexed="65"/>
      </patternFill>
    </fill>
    <fill>
      <patternFill patternType="solid">
        <fgColor theme="6" tint="0.59999389629810485"/>
        <bgColor indexed="65"/>
      </patternFill>
    </fill>
    <fill>
      <patternFill patternType="solid">
        <fgColor theme="6" tint="0.39997558519241921"/>
        <bgColor indexed="65"/>
      </patternFill>
    </fill>
    <fill>
      <patternFill patternType="solid">
        <fgColor theme="7"/>
      </patternFill>
    </fill>
    <fill>
      <patternFill patternType="solid">
        <fgColor theme="7" tint="0.79998168889431442"/>
        <bgColor indexed="65"/>
      </patternFill>
    </fill>
    <fill>
      <patternFill patternType="solid">
        <fgColor theme="7" tint="0.59999389629810485"/>
        <bgColor indexed="65"/>
      </patternFill>
    </fill>
    <fill>
      <patternFill patternType="solid">
        <fgColor theme="7" tint="0.39997558519241921"/>
        <bgColor indexed="65"/>
      </patternFill>
    </fill>
    <fill>
      <patternFill patternType="solid">
        <fgColor theme="8"/>
      </patternFill>
    </fill>
    <fill>
      <patternFill patternType="solid">
        <fgColor theme="8" tint="0.79998168889431442"/>
        <bgColor indexed="65"/>
      </patternFill>
    </fill>
    <fill>
      <patternFill patternType="solid">
        <fgColor theme="8" tint="0.59999389629810485"/>
        <bgColor indexed="65"/>
      </patternFill>
    </fill>
    <fill>
      <patternFill patternType="solid">
        <fgColor theme="8" tint="0.39997558519241921"/>
        <bgColor indexed="65"/>
      </patternFill>
    </fill>
    <fill>
      <patternFill patternType="solid">
        <fgColor theme="9"/>
      </patternFill>
    </fill>
    <fill>
      <patternFill patternType="solid">
        <fgColor theme="9" tint="0.79998168889431442"/>
        <bgColor indexed="65"/>
      </patternFill>
    </fill>
    <fill>
      <patternFill patternType="solid">
        <fgColor theme="9" tint="0.59999389629810485"/>
        <bgColor indexed="65"/>
      </patternFill>
    </fill>
    <fill>
      <patternFill patternType="solid">
        <fgColor theme="9" tint="0.39997558519241921"/>
        <bgColor indexed="65"/>
      </patternFill>
    </fill>
    <fill>
      <patternFill patternType="solid">
        <fgColor rgb="FFFFFF00"/>
        <bgColor indexed="64"/>
      </patternFill>
    </fill>
    <fill>
      <patternFill patternType="solid">
        <fgColor theme="0" tint="-0.14999847407452621"/>
        <bgColor theme="0" tint="-0.14999847407452621"/>
      </patternFill>
    </fill>
  </fills>
  <borders count="12">
    <border>
      <left/>
      <right/>
      <top/>
      <bottom/>
      <diagonal/>
    </border>
    <border>
      <left style="thin">
        <color indexed="64"/>
      </left>
      <right style="thin">
        <color indexed="64"/>
      </right>
      <top style="thin">
        <color indexed="64"/>
      </top>
      <bottom style="thin">
        <color indexed="64"/>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top/>
      <bottom style="double">
        <color rgb="FFFF8001"/>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style="thin">
        <color theme="4"/>
      </top>
      <bottom style="double">
        <color theme="4"/>
      </bottom>
      <diagonal/>
    </border>
    <border>
      <left style="thin">
        <color indexed="64"/>
      </left>
      <right style="thin">
        <color indexed="64"/>
      </right>
      <top/>
      <bottom style="thin">
        <color indexed="64"/>
      </bottom>
      <diagonal/>
    </border>
  </borders>
  <cellStyleXfs count="46">
    <xf numFmtId="0" fontId="0" fillId="0" borderId="0"/>
    <xf numFmtId="0" fontId="1" fillId="0" borderId="0"/>
    <xf numFmtId="0" fontId="6" fillId="0" borderId="0" applyNumberFormat="0" applyFill="0" applyBorder="0" applyAlignment="0" applyProtection="0"/>
    <xf numFmtId="0" fontId="7" fillId="0" borderId="2" applyNumberFormat="0" applyFill="0" applyAlignment="0" applyProtection="0"/>
    <xf numFmtId="0" fontId="8" fillId="0" borderId="3" applyNumberFormat="0" applyFill="0" applyAlignment="0" applyProtection="0"/>
    <xf numFmtId="0" fontId="9" fillId="0" borderId="4" applyNumberFormat="0" applyFill="0" applyAlignment="0" applyProtection="0"/>
    <xf numFmtId="0" fontId="9" fillId="0" borderId="0" applyNumberFormat="0" applyFill="0" applyBorder="0" applyAlignment="0" applyProtection="0"/>
    <xf numFmtId="0" fontId="10" fillId="0" borderId="0"/>
    <xf numFmtId="0" fontId="11" fillId="3" borderId="0" applyNumberFormat="0" applyBorder="0" applyAlignment="0" applyProtection="0"/>
    <xf numFmtId="0" fontId="12" fillId="4" borderId="0" applyNumberFormat="0" applyBorder="0" applyAlignment="0" applyProtection="0"/>
    <xf numFmtId="0" fontId="13" fillId="5" borderId="0" applyNumberFormat="0" applyBorder="0" applyAlignment="0" applyProtection="0"/>
    <xf numFmtId="0" fontId="14" fillId="6" borderId="5" applyNumberFormat="0" applyAlignment="0" applyProtection="0"/>
    <xf numFmtId="0" fontId="15" fillId="7" borderId="6" applyNumberFormat="0" applyAlignment="0" applyProtection="0"/>
    <xf numFmtId="0" fontId="16" fillId="7" borderId="5" applyNumberFormat="0" applyAlignment="0" applyProtection="0"/>
    <xf numFmtId="0" fontId="17" fillId="0" borderId="7" applyNumberFormat="0" applyFill="0" applyAlignment="0" applyProtection="0"/>
    <xf numFmtId="0" fontId="18" fillId="8" borderId="8" applyNumberFormat="0" applyAlignment="0" applyProtection="0"/>
    <xf numFmtId="0" fontId="19" fillId="0" borderId="0" applyNumberFormat="0" applyFill="0" applyBorder="0" applyAlignment="0" applyProtection="0"/>
    <xf numFmtId="0" fontId="10" fillId="9" borderId="9" applyNumberFormat="0" applyFont="0" applyAlignment="0" applyProtection="0"/>
    <xf numFmtId="0" fontId="20" fillId="0" borderId="0" applyNumberFormat="0" applyFill="0" applyBorder="0" applyAlignment="0" applyProtection="0"/>
    <xf numFmtId="0" fontId="21" fillId="0" borderId="10" applyNumberFormat="0" applyFill="0" applyAlignment="0" applyProtection="0"/>
    <xf numFmtId="0" fontId="22" fillId="10" borderId="0" applyNumberFormat="0" applyBorder="0" applyAlignment="0" applyProtection="0"/>
    <xf numFmtId="0" fontId="10" fillId="11" borderId="0" applyNumberFormat="0" applyBorder="0" applyAlignment="0" applyProtection="0"/>
    <xf numFmtId="0" fontId="10" fillId="12" borderId="0" applyNumberFormat="0" applyBorder="0" applyAlignment="0" applyProtection="0"/>
    <xf numFmtId="0" fontId="10" fillId="13" borderId="0" applyNumberFormat="0" applyBorder="0" applyAlignment="0" applyProtection="0"/>
    <xf numFmtId="0" fontId="22" fillId="14" borderId="0" applyNumberFormat="0" applyBorder="0" applyAlignment="0" applyProtection="0"/>
    <xf numFmtId="0" fontId="10" fillId="15" borderId="0" applyNumberFormat="0" applyBorder="0" applyAlignment="0" applyProtection="0"/>
    <xf numFmtId="0" fontId="10" fillId="16" borderId="0" applyNumberFormat="0" applyBorder="0" applyAlignment="0" applyProtection="0"/>
    <xf numFmtId="0" fontId="10" fillId="17" borderId="0" applyNumberFormat="0" applyBorder="0" applyAlignment="0" applyProtection="0"/>
    <xf numFmtId="0" fontId="22" fillId="18" borderId="0" applyNumberFormat="0" applyBorder="0" applyAlignment="0" applyProtection="0"/>
    <xf numFmtId="0" fontId="10" fillId="19" borderId="0" applyNumberFormat="0" applyBorder="0" applyAlignment="0" applyProtection="0"/>
    <xf numFmtId="0" fontId="10" fillId="20" borderId="0" applyNumberFormat="0" applyBorder="0" applyAlignment="0" applyProtection="0"/>
    <xf numFmtId="0" fontId="10" fillId="21" borderId="0" applyNumberFormat="0" applyBorder="0" applyAlignment="0" applyProtection="0"/>
    <xf numFmtId="0" fontId="22" fillId="22" borderId="0" applyNumberFormat="0" applyBorder="0" applyAlignment="0" applyProtection="0"/>
    <xf numFmtId="0" fontId="10" fillId="23" borderId="0" applyNumberFormat="0" applyBorder="0" applyAlignment="0" applyProtection="0"/>
    <xf numFmtId="0" fontId="10" fillId="24" borderId="0" applyNumberFormat="0" applyBorder="0" applyAlignment="0" applyProtection="0"/>
    <xf numFmtId="0" fontId="10" fillId="25" borderId="0" applyNumberFormat="0" applyBorder="0" applyAlignment="0" applyProtection="0"/>
    <xf numFmtId="0" fontId="22" fillId="26" borderId="0" applyNumberFormat="0" applyBorder="0" applyAlignment="0" applyProtection="0"/>
    <xf numFmtId="0" fontId="10" fillId="27" borderId="0" applyNumberFormat="0" applyBorder="0" applyAlignment="0" applyProtection="0"/>
    <xf numFmtId="0" fontId="10" fillId="28" borderId="0" applyNumberFormat="0" applyBorder="0" applyAlignment="0" applyProtection="0"/>
    <xf numFmtId="0" fontId="10" fillId="29" borderId="0" applyNumberFormat="0" applyBorder="0" applyAlignment="0" applyProtection="0"/>
    <xf numFmtId="0" fontId="22" fillId="30" borderId="0" applyNumberFormat="0" applyBorder="0" applyAlignment="0" applyProtection="0"/>
    <xf numFmtId="0" fontId="10" fillId="31" borderId="0" applyNumberFormat="0" applyBorder="0" applyAlignment="0" applyProtection="0"/>
    <xf numFmtId="0" fontId="10" fillId="32" borderId="0" applyNumberFormat="0" applyBorder="0" applyAlignment="0" applyProtection="0"/>
    <xf numFmtId="0" fontId="10" fillId="33" borderId="0" applyNumberFormat="0" applyBorder="0" applyAlignment="0" applyProtection="0"/>
    <xf numFmtId="0" fontId="1" fillId="0" borderId="0"/>
    <xf numFmtId="0" fontId="24" fillId="0" borderId="0"/>
  </cellStyleXfs>
  <cellXfs count="33">
    <xf numFmtId="0" fontId="0" fillId="0" borderId="0" xfId="0"/>
    <xf numFmtId="0" fontId="2" fillId="0" borderId="0" xfId="0" applyFont="1"/>
    <xf numFmtId="0" fontId="3" fillId="0" borderId="0" xfId="0" applyFont="1"/>
    <xf numFmtId="0" fontId="4" fillId="2" borderId="1" xfId="0" applyFont="1" applyFill="1" applyBorder="1" applyAlignment="1">
      <alignment horizontal="center" vertical="center" wrapText="1"/>
    </xf>
    <xf numFmtId="0" fontId="23" fillId="0" borderId="0" xfId="0" applyFont="1"/>
    <xf numFmtId="0" fontId="3" fillId="0" borderId="0" xfId="0" applyFont="1" applyAlignment="1">
      <alignment horizontal="center" vertical="center"/>
    </xf>
    <xf numFmtId="0" fontId="2" fillId="0" borderId="0" xfId="0" applyFont="1" applyAlignment="1">
      <alignment horizontal="center" vertical="center"/>
    </xf>
    <xf numFmtId="164" fontId="2" fillId="0" borderId="0" xfId="0" applyNumberFormat="1" applyFont="1" applyAlignment="1">
      <alignment horizontal="center" vertical="center"/>
    </xf>
    <xf numFmtId="0" fontId="3" fillId="0" borderId="0" xfId="0" applyFont="1" applyAlignment="1">
      <alignment horizontal="right" vertical="center"/>
    </xf>
    <xf numFmtId="0" fontId="2" fillId="0" borderId="0" xfId="0" applyFont="1" applyAlignment="1">
      <alignment horizontal="right" vertical="center"/>
    </xf>
    <xf numFmtId="0" fontId="4" fillId="2" borderId="11" xfId="0" applyFont="1" applyFill="1" applyBorder="1" applyAlignment="1">
      <alignment horizontal="center" vertical="center" wrapText="1"/>
    </xf>
    <xf numFmtId="0" fontId="3" fillId="0" borderId="0" xfId="0" applyFont="1" applyAlignment="1">
      <alignment horizontal="left" vertical="center"/>
    </xf>
    <xf numFmtId="0" fontId="3" fillId="0" borderId="0" xfId="0" applyFont="1" applyAlignment="1">
      <alignment horizontal="center"/>
    </xf>
    <xf numFmtId="0" fontId="4" fillId="2" borderId="0" xfId="0" applyFont="1" applyFill="1" applyAlignment="1">
      <alignment horizontal="center" vertical="center" wrapText="1"/>
    </xf>
    <xf numFmtId="165" fontId="3" fillId="0" borderId="0" xfId="0" applyNumberFormat="1" applyFont="1" applyAlignment="1">
      <alignment horizontal="center" vertical="center"/>
    </xf>
    <xf numFmtId="49" fontId="3" fillId="0" borderId="0" xfId="0" applyNumberFormat="1" applyFont="1" applyAlignment="1">
      <alignment horizontal="center" vertical="center"/>
    </xf>
    <xf numFmtId="0" fontId="2" fillId="0" borderId="0" xfId="0" applyFont="1" applyAlignment="1">
      <alignment horizontal="left"/>
    </xf>
    <xf numFmtId="0" fontId="25" fillId="0" borderId="0" xfId="0" applyFont="1" applyAlignment="1">
      <alignment horizontal="left" vertical="center"/>
    </xf>
    <xf numFmtId="0" fontId="2" fillId="34" borderId="0" xfId="0" applyFont="1" applyFill="1"/>
    <xf numFmtId="14" fontId="4" fillId="2" borderId="11" xfId="0" applyNumberFormat="1" applyFont="1" applyFill="1" applyBorder="1" applyAlignment="1">
      <alignment horizontal="center" vertical="center" wrapText="1"/>
    </xf>
    <xf numFmtId="14" fontId="3" fillId="0" borderId="0" xfId="0" applyNumberFormat="1" applyFont="1" applyAlignment="1">
      <alignment horizontal="left" vertical="center"/>
    </xf>
    <xf numFmtId="14" fontId="3" fillId="0" borderId="0" xfId="0" applyNumberFormat="1" applyFont="1" applyAlignment="1">
      <alignment horizontal="center" vertical="center"/>
    </xf>
    <xf numFmtId="14" fontId="25" fillId="0" borderId="0" xfId="0" applyNumberFormat="1" applyFont="1" applyAlignment="1">
      <alignment horizontal="left" vertical="center"/>
    </xf>
    <xf numFmtId="14" fontId="2" fillId="0" borderId="0" xfId="0" applyNumberFormat="1" applyFont="1" applyAlignment="1">
      <alignment horizontal="center" vertical="center"/>
    </xf>
    <xf numFmtId="0" fontId="3" fillId="35" borderId="0" xfId="0" applyFont="1" applyFill="1"/>
    <xf numFmtId="165" fontId="3" fillId="35" borderId="0" xfId="0" applyNumberFormat="1" applyFont="1" applyFill="1" applyAlignment="1">
      <alignment horizontal="center" vertical="center"/>
    </xf>
    <xf numFmtId="0" fontId="3" fillId="35" borderId="0" xfId="0" applyFont="1" applyFill="1" applyAlignment="1">
      <alignment horizontal="right" vertical="center"/>
    </xf>
    <xf numFmtId="0" fontId="3" fillId="35" borderId="0" xfId="0" applyFont="1" applyFill="1" applyAlignment="1">
      <alignment horizontal="center" vertical="center"/>
    </xf>
    <xf numFmtId="164" fontId="3" fillId="0" borderId="0" xfId="0" applyNumberFormat="1" applyFont="1" applyAlignment="1">
      <alignment horizontal="center" vertical="center"/>
    </xf>
    <xf numFmtId="0" fontId="3" fillId="0" borderId="0" xfId="0" applyFont="1" applyAlignment="1">
      <alignment horizontal="left"/>
    </xf>
    <xf numFmtId="49" fontId="3" fillId="0" borderId="0" xfId="0" applyNumberFormat="1" applyFont="1" applyAlignment="1">
      <alignment horizontal="left" vertical="center"/>
    </xf>
    <xf numFmtId="166" fontId="3" fillId="0" borderId="0" xfId="0" applyNumberFormat="1" applyFont="1"/>
    <xf numFmtId="167" fontId="3" fillId="0" borderId="0" xfId="0" applyNumberFormat="1" applyFont="1"/>
  </cellXfs>
  <cellStyles count="46">
    <cellStyle name="20% - Accent1 2" xfId="21" xr:uid="{6B8D7434-90AB-448B-8170-A732A1C074E4}"/>
    <cellStyle name="20% - Accent2 2" xfId="25" xr:uid="{6F47C3C8-432C-4116-AE6E-A68492977E54}"/>
    <cellStyle name="20% - Accent3 2" xfId="29" xr:uid="{B0ADACC3-C6CF-45D8-8B38-C8BB67679FB8}"/>
    <cellStyle name="20% - Accent4 2" xfId="33" xr:uid="{4E035CA1-9CEF-4453-A277-0A03F641471C}"/>
    <cellStyle name="20% - Accent5 2" xfId="37" xr:uid="{92BCF96F-4A38-4399-B32F-98F7000AF4E9}"/>
    <cellStyle name="20% - Accent6 2" xfId="41" xr:uid="{3B1C9772-6A72-4EF0-A778-970D6A33F366}"/>
    <cellStyle name="40% - Accent1 2" xfId="22" xr:uid="{A3B59865-9B6C-4D48-BAA1-07C19830B37C}"/>
    <cellStyle name="40% - Accent2 2" xfId="26" xr:uid="{B0605A3C-F3FA-4AB8-AB71-F38AEFC93B96}"/>
    <cellStyle name="40% - Accent3 2" xfId="30" xr:uid="{1B92A772-4D46-4420-992B-18A0D48C1EA7}"/>
    <cellStyle name="40% - Accent4 2" xfId="34" xr:uid="{1457F085-E5B2-4159-BF90-9E3707FD1D82}"/>
    <cellStyle name="40% - Accent5 2" xfId="38" xr:uid="{075BA3D8-6100-45AB-B90E-4D84B9F66345}"/>
    <cellStyle name="40% - Accent6 2" xfId="42" xr:uid="{B95453B0-B718-4085-A200-8428D1918C3A}"/>
    <cellStyle name="60% - Accent1 2" xfId="23" xr:uid="{D52C69D0-09A3-4644-B26B-B7186E6C3433}"/>
    <cellStyle name="60% - Accent2 2" xfId="27" xr:uid="{46DA5323-FDA1-4C81-A247-0EBD9D79B45A}"/>
    <cellStyle name="60% - Accent3 2" xfId="31" xr:uid="{BEDDC58A-B9B2-4832-B714-A3786E08D254}"/>
    <cellStyle name="60% - Accent4 2" xfId="35" xr:uid="{5BD229AE-7D43-4232-9929-555618614BBA}"/>
    <cellStyle name="60% - Accent5 2" xfId="39" xr:uid="{99542702-3A74-499D-8A69-943D86A42E4F}"/>
    <cellStyle name="60% - Accent6 2" xfId="43" xr:uid="{905B733A-BCB1-49C3-9D0E-8831A3C144A9}"/>
    <cellStyle name="Accent1 2" xfId="20" xr:uid="{F79DD878-F017-427D-96BC-246A31B2C979}"/>
    <cellStyle name="Accent2 2" xfId="24" xr:uid="{0FD85068-5F68-4B3F-9467-5D11CB2A6A75}"/>
    <cellStyle name="Accent3 2" xfId="28" xr:uid="{AB538BEA-468B-4187-84CE-E89FC893880A}"/>
    <cellStyle name="Accent4 2" xfId="32" xr:uid="{7AB2A35E-A28D-4651-B2DB-96F9BC859231}"/>
    <cellStyle name="Accent5 2" xfId="36" xr:uid="{BAFB3DFF-1AC7-4FF4-A97A-502A405B9B45}"/>
    <cellStyle name="Accent6 2" xfId="40" xr:uid="{A3EB4192-B8F5-4064-9ABB-6422488B50C6}"/>
    <cellStyle name="Bad 2" xfId="9" xr:uid="{09E90EFA-8CA2-4EBA-8C54-AC8022752685}"/>
    <cellStyle name="Calculation 2" xfId="13" xr:uid="{89EDFD03-C4CB-40D3-BBA0-F2BBFDD0CFB2}"/>
    <cellStyle name="Check Cell 2" xfId="15" xr:uid="{62D6D8FF-9EB2-4AC3-9825-7A63727CEFBB}"/>
    <cellStyle name="Explanatory Text 2" xfId="18" xr:uid="{2B97D1F3-F98A-443A-A6C3-411EE7A35754}"/>
    <cellStyle name="Good 2" xfId="8" xr:uid="{B5F26E23-D41E-4772-80A7-91BD28F4E739}"/>
    <cellStyle name="Input 2" xfId="11" xr:uid="{7852419F-A9D6-471E-8387-D8B07CFCB0BF}"/>
    <cellStyle name="Linked Cell 2" xfId="14" xr:uid="{303A5C81-8F1A-4CC8-9B6C-191F0D36DCCB}"/>
    <cellStyle name="Neutral 2" xfId="10" xr:uid="{20F015F4-09B7-40E0-8AE6-C3D295CFB8C3}"/>
    <cellStyle name="Normal 2" xfId="7" xr:uid="{2D4B1D38-F302-4C3D-A01C-9978FA61029D}"/>
    <cellStyle name="Normal 3" xfId="44" xr:uid="{ACC0223D-113D-46D9-B315-23E08165DECD}"/>
    <cellStyle name="Note 2" xfId="17" xr:uid="{52FF2652-9A4C-4144-847D-3C65B440151F}"/>
    <cellStyle name="Output 2" xfId="12" xr:uid="{ABA70EE3-5D23-43EB-96B3-508D9D9D8B79}"/>
    <cellStyle name="Standard" xfId="0" builtinId="0" customBuiltin="1"/>
    <cellStyle name="Standard 2" xfId="1" xr:uid="{AF111519-31EA-4D48-85D6-F260CA13201D}"/>
    <cellStyle name="Standard 3" xfId="45" xr:uid="{F8E99172-20E9-48C0-B6DD-808B422AA4EF}"/>
    <cellStyle name="Total 2" xfId="19" xr:uid="{C4460C3B-DEB0-4159-B78E-1638092A22F6}"/>
    <cellStyle name="Überschrift" xfId="2" builtinId="15" customBuiltin="1"/>
    <cellStyle name="Überschrift 1" xfId="3" builtinId="16" customBuiltin="1"/>
    <cellStyle name="Überschrift 2" xfId="4" builtinId="17" customBuiltin="1"/>
    <cellStyle name="Überschrift 3" xfId="5" builtinId="18" customBuiltin="1"/>
    <cellStyle name="Überschrift 4" xfId="6" builtinId="19" customBuiltin="1"/>
    <cellStyle name="Warning Text 2" xfId="16" xr:uid="{8E21A6DF-25A9-4441-A9B8-EBC711F3A7DF}"/>
  </cellStyles>
  <dxfs count="98">
    <dxf>
      <font>
        <strike val="0"/>
        <outline val="0"/>
        <shadow val="0"/>
        <u val="none"/>
        <vertAlign val="baseline"/>
        <sz val="11"/>
        <color theme="1"/>
        <name val="Courier New"/>
        <family val="3"/>
        <scheme val="none"/>
      </font>
      <numFmt numFmtId="0" formatCode="General"/>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numFmt numFmtId="0" formatCode="General"/>
      <alignment horizontal="right"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165" formatCode="0000000000000"/>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border outline="0">
        <bottom style="thin">
          <color indexed="64"/>
        </bottom>
      </border>
    </dxf>
    <dxf>
      <font>
        <strike val="0"/>
        <outline val="0"/>
        <shadow val="0"/>
        <u val="none"/>
        <vertAlign val="baseline"/>
        <sz val="11"/>
        <color rgb="FF000000"/>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auto="1"/>
        <name val="Courier New"/>
        <family val="3"/>
        <scheme val="none"/>
      </font>
      <fill>
        <patternFill patternType="solid">
          <fgColor indexed="64"/>
          <bgColor theme="0"/>
        </patternFill>
      </fill>
      <alignment horizontal="center" vertical="center" textRotation="0" wrapText="1" indent="0" justifyLastLine="0" shrinkToFit="0" readingOrder="0"/>
      <border diagonalUp="0" diagonalDown="0" outline="0">
        <left style="thin">
          <color indexed="64"/>
        </left>
        <right style="thin">
          <color indexed="64"/>
        </right>
        <top/>
        <bottom/>
      </border>
    </dxf>
    <dxf>
      <font>
        <strike val="0"/>
        <outline val="0"/>
        <shadow val="0"/>
        <u val="none"/>
        <vertAlign val="baseline"/>
        <sz val="11"/>
        <color theme="1"/>
        <name val="Courier New"/>
        <family val="3"/>
        <scheme val="none"/>
      </font>
      <numFmt numFmtId="0" formatCode="General"/>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numFmt numFmtId="0" formatCode="General"/>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numFmt numFmtId="0" formatCode="General"/>
      <alignment horizontal="right"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165" formatCode="0000000000000"/>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19" formatCode="dd/mm/yyyy"/>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border>
        <bottom style="thin">
          <color rgb="FF000000"/>
        </bottom>
      </border>
    </dxf>
    <dxf>
      <font>
        <strike val="0"/>
        <outline val="0"/>
        <shadow val="0"/>
        <u val="none"/>
        <vertAlign val="baseline"/>
        <sz val="11"/>
        <color rgb="FF000000"/>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auto="1"/>
        <name val="Courier New"/>
        <family val="3"/>
        <scheme val="none"/>
      </font>
      <fill>
        <patternFill patternType="solid">
          <fgColor indexed="64"/>
          <bgColor theme="0"/>
        </patternFill>
      </fill>
      <alignment horizontal="center" vertical="center" textRotation="0" wrapText="1" indent="0" justifyLastLine="0" shrinkToFit="0" readingOrder="0"/>
      <border diagonalUp="0" diagonalDown="0">
        <left style="thin">
          <color indexed="64"/>
        </left>
        <right style="thin">
          <color indexed="64"/>
        </right>
        <top/>
        <bottom/>
        <vertical style="thin">
          <color indexed="64"/>
        </vertical>
        <horizontal style="thin">
          <color indexed="64"/>
        </horizontal>
      </border>
    </dxf>
    <dxf>
      <font>
        <strike val="0"/>
        <outline val="0"/>
        <shadow val="0"/>
        <u val="none"/>
        <vertAlign val="baseline"/>
        <sz val="11"/>
        <color theme="1"/>
        <name val="Courier New"/>
        <family val="3"/>
        <scheme val="none"/>
      </font>
      <numFmt numFmtId="0" formatCode="General"/>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strike val="0"/>
        <outline val="0"/>
        <shadow val="0"/>
        <u val="none"/>
        <vertAlign val="baseline"/>
        <sz val="11"/>
        <color theme="1"/>
        <name val="Courier New"/>
        <family val="3"/>
        <scheme val="none"/>
      </font>
      <numFmt numFmtId="0" formatCode="General"/>
      <alignment horizontal="center" vertical="center" textRotation="0" wrapText="0" indent="0" justifyLastLine="0" shrinkToFit="0" readingOrder="0"/>
    </dxf>
    <dxf>
      <font>
        <b val="0"/>
        <i val="0"/>
        <strike val="0"/>
        <condense val="0"/>
        <extend val="0"/>
        <outline val="0"/>
        <shadow val="0"/>
        <u val="none"/>
        <vertAlign val="baseline"/>
        <sz val="11"/>
        <color theme="1"/>
        <name val="Courier New"/>
        <family val="3"/>
        <scheme val="none"/>
      </font>
      <numFmt numFmtId="0" formatCode="General"/>
      <alignment horizontal="right" vertical="center" textRotation="0" wrapText="0" indent="0" justifyLastLine="0" shrinkToFit="0" readingOrder="0"/>
    </dxf>
    <dxf>
      <font>
        <strike val="0"/>
        <outline val="0"/>
        <shadow val="0"/>
        <u val="none"/>
        <vertAlign val="baseline"/>
        <sz val="11"/>
        <color theme="1"/>
        <name val="Courier New"/>
        <family val="3"/>
        <scheme val="none"/>
      </font>
    </dxf>
    <dxf>
      <font>
        <strike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165" formatCode="0000000000000"/>
      <alignment horizontal="center" vertical="center" textRotation="0" wrapText="0" indent="0" justifyLastLine="0" shrinkToFit="0" readingOrder="0"/>
    </dxf>
    <dxf>
      <font>
        <strike val="0"/>
        <outline val="0"/>
        <shadow val="0"/>
        <u val="none"/>
        <vertAlign val="baseline"/>
        <sz val="11"/>
        <color theme="1"/>
        <name val="Courier New"/>
        <family val="3"/>
        <scheme val="none"/>
      </font>
    </dxf>
    <dxf>
      <font>
        <b val="0"/>
        <i val="0"/>
        <strike val="0"/>
        <condense val="0"/>
        <extend val="0"/>
        <outline val="0"/>
        <shadow val="0"/>
        <u val="none"/>
        <vertAlign val="baseline"/>
        <sz val="11"/>
        <color theme="1"/>
        <name val="Courier New"/>
        <family val="3"/>
        <scheme val="none"/>
      </font>
      <numFmt numFmtId="19" formatCode="dd/mm/yyyy"/>
      <alignment horizontal="left" vertical="center" textRotation="0" wrapText="0" indent="0" justifyLastLine="0" shrinkToFit="0" readingOrder="0"/>
    </dxf>
    <dxf>
      <font>
        <strike val="0"/>
        <outline val="0"/>
        <shadow val="0"/>
        <u val="none"/>
        <vertAlign val="baseline"/>
        <sz val="11"/>
        <color theme="1"/>
        <name val="Courier New"/>
        <family val="3"/>
        <scheme val="none"/>
      </font>
      <alignment horizontal="left" vertical="center" textRotation="0" wrapText="0" indent="0" justifyLastLine="0" shrinkToFit="0" readingOrder="0"/>
    </dxf>
    <dxf>
      <border>
        <bottom style="thin">
          <color indexed="64"/>
        </bottom>
      </border>
    </dxf>
    <dxf>
      <font>
        <strike val="0"/>
        <outline val="0"/>
        <shadow val="0"/>
        <u val="none"/>
        <vertAlign val="baseline"/>
        <sz val="11"/>
        <color theme="1"/>
        <name val="Courier New"/>
        <family val="3"/>
        <scheme val="none"/>
      </font>
      <alignment horizontal="center" vertical="center" textRotation="0" wrapText="0" indent="0" justifyLastLine="0" shrinkToFit="0" readingOrder="0"/>
    </dxf>
    <dxf>
      <font>
        <b val="0"/>
        <i val="0"/>
        <strike val="0"/>
        <condense val="0"/>
        <extend val="0"/>
        <outline val="0"/>
        <shadow val="0"/>
        <u val="none"/>
        <vertAlign val="baseline"/>
        <sz val="11"/>
        <color auto="1"/>
        <name val="Courier New"/>
        <family val="3"/>
        <scheme val="none"/>
      </font>
      <fill>
        <patternFill patternType="solid">
          <fgColor indexed="64"/>
          <bgColor theme="0"/>
        </patternFill>
      </fill>
      <alignment horizontal="center" vertical="center" textRotation="0" wrapText="1" indent="0" justifyLastLine="0" shrinkToFit="0" readingOrder="0"/>
      <border diagonalUp="0" diagonalDown="0">
        <left style="thin">
          <color indexed="64"/>
        </left>
        <right style="thin">
          <color indexed="64"/>
        </right>
        <top/>
        <bottom/>
        <vertical style="thin">
          <color indexed="64"/>
        </vertical>
        <horizontal style="thin">
          <color indexed="64"/>
        </horizontal>
      </border>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13" Type="http://schemas.openxmlformats.org/officeDocument/2006/relationships/customXml" Target="../customXml/item6.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5.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4.xml"/><Relationship Id="rId5" Type="http://schemas.openxmlformats.org/officeDocument/2006/relationships/connections" Target="connections.xml"/><Relationship Id="rId10" Type="http://schemas.openxmlformats.org/officeDocument/2006/relationships/customXml" Target="../customXml/item3.xml"/><Relationship Id="rId4" Type="http://schemas.openxmlformats.org/officeDocument/2006/relationships/theme" Target="theme/theme1.xml"/><Relationship Id="rId9" Type="http://schemas.openxmlformats.org/officeDocument/2006/relationships/customXml" Target="../customXml/item2.xml"/></Relationship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62003A40-5164-4DC3-B18B-626BEC011E57}" name="Artikelstammdaten_2025" displayName="Artikelstammdaten_2025" ref="A1:AD25961" totalsRowShown="0" headerRowDxfId="97" dataDxfId="96" headerRowBorderDxfId="95">
  <autoFilter ref="A1:AD25961" xr:uid="{62003A40-5164-4DC3-B18B-626BEC011E57}"/>
  <sortState xmlns:xlrd2="http://schemas.microsoft.com/office/spreadsheetml/2017/richdata2" ref="A2:AD25961">
    <sortCondition ref="C1:C25961"/>
  </sortState>
  <tableColumns count="30">
    <tableColumn id="5" xr3:uid="{7DDEF272-2C11-44BC-B6D1-BEA9A4ED0C00}" name="Neuheiten 1.2.2026" dataDxfId="94"/>
    <tableColumn id="1" xr3:uid="{77D71D11-9EA7-4A44-A456-68188E87A043}" name="Gültig ab" dataDxfId="93"/>
    <tableColumn id="3" xr3:uid="{2FEC78E2-D09C-41B4-8F41-9E3CE9537FAD}" name="Artikelnummer" dataDxfId="92"/>
    <tableColumn id="4" xr3:uid="{3CE39A32-288F-4131-BAB0-17501392F581}" name="EAN - Europäische Artikelnummer" dataDxfId="91"/>
    <tableColumn id="10" xr3:uid="{B3E82DD5-210B-48AB-B561-F3B0915C6712}" name="Beschreibung 1 (40 Zeichen)" dataDxfId="90"/>
    <tableColumn id="11" xr3:uid="{5284C1EF-F734-4A19-AA19-15799372C4EB}" name="Beschreibung 2 (40 Zeichen)" dataDxfId="89"/>
    <tableColumn id="2" xr3:uid="{474E4E62-67C5-42C2-8CAA-134007B61900}" name="Preis in Euro ab 01.02.2026" dataDxfId="88"/>
    <tableColumn id="13" xr3:uid="{103210A7-94F1-4D90-BD99-A694F18A251C}" name="Kataloglieferzeit" dataDxfId="87"/>
    <tableColumn id="14" xr3:uid="{6D75A374-EC17-47F0-978B-1BB0E6189468}" name="Sortiment" dataDxfId="86"/>
    <tableColumn id="15" xr3:uid="{B99F9199-0389-479C-BB8D-7DFF6B0A8D94}" name="DATANORM-Warengruppe" dataDxfId="85"/>
    <tableColumn id="16" xr3:uid="{AB33E2D1-F3DC-4B98-BEE1-549AE8984317}" name="Warengruppenbezeichnung" dataDxfId="84"/>
    <tableColumn id="17" xr3:uid="{D976CAE5-F57C-4238-891F-A2AE1168C9DD}" name="DATANORM-Rabattgruppe" dataDxfId="83"/>
    <tableColumn id="18" xr3:uid="{38DCEEE2-2E3C-4760-9971-A52B3A5533BA}" name="Rabattgruppenbezeichnung" dataDxfId="82"/>
    <tableColumn id="19" xr3:uid="{A5C238BD-95D7-41EF-A0CB-B49C3B9C87DA}" name="Baugruppe" dataDxfId="81"/>
    <tableColumn id="20" xr3:uid="{3F703AC3-6B8A-4445-81FC-A33EE0C22DE9}" name="Preiskennzeichen" dataDxfId="80"/>
    <tableColumn id="21" xr3:uid="{728704CE-C024-463C-97AC-B854FB36839B}" name="Preiseinheit" dataDxfId="79"/>
    <tableColumn id="22" xr3:uid="{10A615FE-6225-445D-A7BF-4B45D2AE1A94}" name="Mengeneinheit" dataDxfId="78"/>
    <tableColumn id="23" xr3:uid="{0DB89066-7512-4B98-B895-015FDAD1DA5D}" name="Zolltarifnummer" dataDxfId="77"/>
    <tableColumn id="24" xr3:uid="{431F82BD-76B4-4459-9333-214C54030AD1}" name="Mengeneinheit der Zolltarifnummer" dataDxfId="76"/>
    <tableColumn id="7" xr3:uid="{0693B462-1972-4479-8072-47145AF1C8F8}" name="Ursprungsland" dataDxfId="75"/>
    <tableColumn id="25" xr3:uid="{B98482AA-D60D-42D2-934E-6041C94204C8}" name="Bruttogewicht in kg" dataDxfId="74"/>
    <tableColumn id="26" xr3:uid="{A7A9985C-FE2D-4858-92EE-88612D568BF9}" name="Nettogewicht in kg" dataDxfId="73"/>
    <tableColumn id="27" xr3:uid="{A262334A-4063-4BB2-A13B-A10AE477EE6C}" name="Volumen in m3" dataDxfId="72"/>
    <tableColumn id="28" xr3:uid="{199BA191-040B-4A10-AB1B-B476D01A82BC}" name="Länge in cm" dataDxfId="71"/>
    <tableColumn id="29" xr3:uid="{B9AFA4A9-186B-4B84-B7D6-15196E0509C4}" name="Breite in cm" dataDxfId="70"/>
    <tableColumn id="30" xr3:uid="{4390EFCB-B55D-4D2B-ABE8-D43DFFFFA90A}" name="Höhe in cm" dataDxfId="69"/>
    <tableColumn id="38" xr3:uid="{B964EE51-02AF-40C6-8D98-CE8F0E193C43}" name="Palettenrabattmenge" dataDxfId="68"/>
    <tableColumn id="32" xr3:uid="{8870D876-D219-45F3-8545-177009B6771F}" name="Palettentyp" dataDxfId="67"/>
    <tableColumn id="33" xr3:uid="{8B300067-8912-4391-B692-1F0723CE72C6}" name="Bonus Absatzdaten melderelevant" dataDxfId="66"/>
    <tableColumn id="34" xr3:uid="{3C37B7C1-6811-4027-AED6-181CF02164D3}" name="Ausschreibungstext" dataDxfId="65"/>
  </tableColumns>
  <tableStyleInfo name="TableStyleMedium16"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6F1F02BE-FBAD-404B-823B-E0DB4C1750B7}" name="Artikelstammdaten_20253" displayName="Artikelstammdaten_20253" ref="A1:AD694" totalsRowShown="0" headerRowDxfId="64" dataDxfId="63" headerRowBorderDxfId="62">
  <autoFilter ref="A1:AD694" xr:uid="{62003A40-5164-4DC3-B18B-626BEC011E57}"/>
  <sortState xmlns:xlrd2="http://schemas.microsoft.com/office/spreadsheetml/2017/richdata2" ref="A2:AD694">
    <sortCondition ref="C1:C694"/>
  </sortState>
  <tableColumns count="30">
    <tableColumn id="5" xr3:uid="{D6631EAF-FD03-4FCD-A4FC-5D63DFA0F93B}" name="Neuheiten 1.2.2026" dataDxfId="61"/>
    <tableColumn id="1" xr3:uid="{BA6CDDDC-5BD5-4EEF-A9DF-8B5B46C094D5}" name="Gültig ab" dataDxfId="60"/>
    <tableColumn id="3" xr3:uid="{DBEA8430-AB46-413C-9AEB-96E3B2561B62}" name="Artikelnummer" dataDxfId="59"/>
    <tableColumn id="4" xr3:uid="{AA9A0A14-1513-4ADA-AC5E-FD0129489803}" name="EAN - Europäische Artikelnummer" dataDxfId="58"/>
    <tableColumn id="10" xr3:uid="{F74614FE-C9E8-417C-B2F9-F8844482D7F0}" name="Beschreibung 1 (40 Zeichen)" dataDxfId="57"/>
    <tableColumn id="11" xr3:uid="{D055FE96-39C6-4369-8987-BC2B92ACFA42}" name="Beschreibung 2 (40 Zeichen)" dataDxfId="56"/>
    <tableColumn id="2" xr3:uid="{5FB4E097-0C4C-4F3B-B211-125D3202182B}" name="Preis in Euro ab 01.02.2026" dataDxfId="55"/>
    <tableColumn id="13" xr3:uid="{E7DF21A2-CC51-424C-96CE-BBDF1935298E}" name="Kataloglieferzeit" dataDxfId="54"/>
    <tableColumn id="14" xr3:uid="{44A61C24-3A58-446D-B920-5B5209403562}" name="Sortiment" dataDxfId="53"/>
    <tableColumn id="15" xr3:uid="{61F5D69A-4178-4FF6-828D-8AB7F1FD5968}" name="DATANORM-Warengruppe" dataDxfId="52"/>
    <tableColumn id="16" xr3:uid="{E67C952B-2EB5-4015-A805-4719DCB95435}" name="Warengruppenbezeichnung" dataDxfId="51"/>
    <tableColumn id="17" xr3:uid="{DE6953E9-047A-49BA-9DE4-F4D410562236}" name="DATANORM-Rabattgruppe" dataDxfId="50"/>
    <tableColumn id="18" xr3:uid="{40E9E487-4B76-4851-90F8-1DDE6FA3D5FF}" name="Rabattgruppenbezeichnung" dataDxfId="49"/>
    <tableColumn id="19" xr3:uid="{5F0EF7D6-A881-408E-8913-BFB625E7F977}" name="Baugruppe" dataDxfId="48"/>
    <tableColumn id="20" xr3:uid="{4C7FD9BC-1FEC-456A-9087-2B49A366A840}" name="Preiskennzeichen" dataDxfId="47"/>
    <tableColumn id="21" xr3:uid="{232AFF4A-2EC1-41E2-8807-1A8A282480D9}" name="Preiseinheit" dataDxfId="46"/>
    <tableColumn id="22" xr3:uid="{2B15CA55-93BA-40C2-80BD-4E1CFBEDFE24}" name="Mengeneinheit" dataDxfId="45"/>
    <tableColumn id="23" xr3:uid="{2F61B704-2EE0-4F57-8251-94C55CF9FCF9}" name="Zolltarifnummer" dataDxfId="44"/>
    <tableColumn id="24" xr3:uid="{A71FEB08-F10E-4FE9-BCEA-26CD83AC1751}" name="Mengeneinheit der Zolltarifnummer" dataDxfId="43"/>
    <tableColumn id="7" xr3:uid="{4474D9BC-0A7C-4C55-A0A4-EC6A0D5E6D54}" name="Ursprungsland" dataDxfId="42"/>
    <tableColumn id="25" xr3:uid="{789D174D-495E-4F3F-AD4E-E8091752CE51}" name="Bruttogewicht in kg" dataDxfId="41"/>
    <tableColumn id="26" xr3:uid="{AA650849-B983-4B26-A008-3212D77684EE}" name="Nettogewicht in kg" dataDxfId="40"/>
    <tableColumn id="27" xr3:uid="{3F430A91-7B73-4FE8-8A78-01CEDAE10EF5}" name="Volumen in m3" dataDxfId="39"/>
    <tableColumn id="28" xr3:uid="{5D1ADF44-3D77-4A79-B5DE-8A691DC1B85F}" name="Länge in cm" dataDxfId="38"/>
    <tableColumn id="29" xr3:uid="{3415D34E-8D54-4B08-A651-6D44CD6EDD8A}" name="Breite in cm" dataDxfId="37"/>
    <tableColumn id="30" xr3:uid="{41146BF6-A579-4E53-8C56-F05A507BA8C8}" name="Höhe in cm" dataDxfId="36"/>
    <tableColumn id="38" xr3:uid="{33A922A8-4FE0-417E-8037-495865EA7C13}" name="Palettenrabattmenge" dataDxfId="35"/>
    <tableColumn id="32" xr3:uid="{75D5FD8D-4A8E-43B1-8FB1-B3BB43479DDD}" name="Palettentyp" dataDxfId="34"/>
    <tableColumn id="33" xr3:uid="{1BA774A3-1026-4E37-B268-8563E21D7668}" name="Bonus Absatzdaten melderelevant" dataDxfId="33"/>
    <tableColumn id="34" xr3:uid="{CFD72FE6-850D-48FE-8A6B-29912DA7E34F}" name="Ausschreibungstext" dataDxfId="32"/>
  </tableColumns>
  <tableStyleInfo name="TableStyleMedium16" showFirstColumn="0" showLastColumn="0" showRowStripes="1" showColumnStripes="0"/>
</table>
</file>

<file path=xl/tables/table3.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4" xr:uid="{E4FDC8CD-617C-40B6-9048-E005E73F967A}" name="Artikelstammdaten_202535" displayName="Artikelstammdaten_202535" ref="A1:AC8062" totalsRowShown="0" headerRowDxfId="31" dataDxfId="30" headerRowBorderDxfId="29">
  <autoFilter ref="A1:AC8062" xr:uid="{62003A40-5164-4DC3-B18B-626BEC011E57}"/>
  <sortState xmlns:xlrd2="http://schemas.microsoft.com/office/spreadsheetml/2017/richdata2" ref="A2:AC8062">
    <sortCondition ref="B1:B8062"/>
  </sortState>
  <tableColumns count="29">
    <tableColumn id="5" xr3:uid="{1FBD3DB7-B616-417F-B526-3F9CB673A82C}" name="Gelöschte Artikel 01.02.2026" dataDxfId="28"/>
    <tableColumn id="3" xr3:uid="{CDD771DC-0807-483B-B791-5898FE50814E}" name="Artikelnummer" dataDxfId="27"/>
    <tableColumn id="4" xr3:uid="{BE78D58F-8D3B-4487-BFCA-2EB9782C5D5A}" name="EAN - Europäische Artikelnummer" dataDxfId="26"/>
    <tableColumn id="10" xr3:uid="{ECB119C3-7D31-49FE-AEDD-28E778FC9B4C}" name="Beschreibung 1 (40 Zeichen)" dataDxfId="25"/>
    <tableColumn id="11" xr3:uid="{C5C850F8-0FAC-4C3D-AF03-6C7A3F2C04E3}" name="Beschreibung 2 (40 Zeichen)" dataDxfId="24"/>
    <tableColumn id="2" xr3:uid="{FE84FB20-56A5-41D3-AE13-905D8755EC92}" name="Preis in Euro ab 01.02.2026" dataDxfId="23"/>
    <tableColumn id="13" xr3:uid="{67596C6A-154E-4D96-A73E-F0EA25543BFA}" name="Kataloglieferzeit" dataDxfId="22"/>
    <tableColumn id="14" xr3:uid="{97DFB8E6-C99A-4D5A-9BCA-A5B63210A9A8}" name="Sortiment" dataDxfId="21"/>
    <tableColumn id="15" xr3:uid="{986265AE-0346-4A6E-AF62-88C407936589}" name="DATANORM-Warengruppe" dataDxfId="20"/>
    <tableColumn id="16" xr3:uid="{DED00F5C-D3B4-4CE8-A690-04195864D4B1}" name="Warengruppenbezeichnung" dataDxfId="19"/>
    <tableColumn id="17" xr3:uid="{8008546F-5C4F-4946-8FCF-27D8BF6C6E86}" name="DATANORM-Rabattgruppe" dataDxfId="18"/>
    <tableColumn id="18" xr3:uid="{0D866107-E0DB-44D9-ADEB-A6F5CB72E3FF}" name="Rabattgruppenbezeichnung" dataDxfId="17"/>
    <tableColumn id="19" xr3:uid="{3D1BE831-43DE-445C-8494-EBE7D30E72BF}" name="Baugruppe" dataDxfId="16"/>
    <tableColumn id="20" xr3:uid="{AA479858-3BEC-4E8D-A10D-2B67194A9A70}" name="Preiskennzeichen" dataDxfId="15"/>
    <tableColumn id="21" xr3:uid="{35E90C42-2404-4053-ABB9-121B6EA2A12B}" name="Preiseinheit" dataDxfId="14"/>
    <tableColumn id="22" xr3:uid="{77800C32-AA04-4248-8399-C1B7FB8FD768}" name="Mengeneinheit" dataDxfId="13"/>
    <tableColumn id="23" xr3:uid="{351FE7C9-7BE5-41BF-8245-D09979675D2E}" name="Zolltarifnummer" dataDxfId="12"/>
    <tableColumn id="24" xr3:uid="{5EF9B119-B171-4399-9EC6-56719865267F}" name="Mengeneinheit der Zolltarifnummer" dataDxfId="11"/>
    <tableColumn id="7" xr3:uid="{D7152075-1FF1-47D7-A1B2-F49BFC1097CC}" name="Ursprungsland" dataDxfId="10"/>
    <tableColumn id="25" xr3:uid="{E71EEAD9-B935-4B01-8D01-E2C68ED1619D}" name="Bruttogewicht in kg" dataDxfId="9"/>
    <tableColumn id="26" xr3:uid="{F1711FB7-6B5A-4296-A01C-035E184B4F5B}" name="Nettogewicht in kg" dataDxfId="8"/>
    <tableColumn id="27" xr3:uid="{BF8D4DA3-73A2-49F3-B00E-70D49EB85BCE}" name="Volumen in m3" dataDxfId="7"/>
    <tableColumn id="28" xr3:uid="{EF06A82E-1A34-43F3-93C6-A02D0F503A9D}" name="Länge in cm" dataDxfId="6"/>
    <tableColumn id="29" xr3:uid="{DFE6B6B1-6C23-4E57-A3EF-63879EE55FFC}" name="Breite in cm" dataDxfId="5"/>
    <tableColumn id="30" xr3:uid="{416AE9D5-81B2-4572-BFCB-9A70C821BCE0}" name="Höhe in cm" dataDxfId="4"/>
    <tableColumn id="38" xr3:uid="{8D32F60D-272B-4651-BBD9-CAC65D59BD38}" name="Palettenrabattmenge" dataDxfId="3"/>
    <tableColumn id="32" xr3:uid="{D6C88F5F-8752-4DE4-B176-6784373858B4}" name="Palettentyp" dataDxfId="2"/>
    <tableColumn id="33" xr3:uid="{99A0F694-3B41-4527-9DE4-ADEFD60EF5B6}" name="Bonus Absatzdaten melderelevant" dataDxfId="1"/>
    <tableColumn id="34" xr3:uid="{0D38CC14-147C-422A-AA6B-D3709F18561D}" name="Ausschreibungstext" dataDxfId="0"/>
  </tableColumns>
  <tableStyleInfo name="TableStyleMedium16" showFirstColumn="0" showLastColumn="0" showRowStripes="1" showColumnStripes="0"/>
</table>
</file>

<file path=xl/theme/theme1.xml><?xml version="1.0" encoding="utf-8"?>
<a:theme xmlns:a="http://schemas.openxmlformats.org/drawingml/2006/main" name="Office Theme">
  <a:themeElements>
    <a:clrScheme name="Blaugrün">
      <a:dk1>
        <a:sysClr val="windowText" lastClr="000000"/>
      </a:dk1>
      <a:lt1>
        <a:sysClr val="window" lastClr="FFFFFF"/>
      </a:lt1>
      <a:dk2>
        <a:srgbClr val="373545"/>
      </a:dk2>
      <a:lt2>
        <a:srgbClr val="CEDBE6"/>
      </a:lt2>
      <a:accent1>
        <a:srgbClr val="3494BA"/>
      </a:accent1>
      <a:accent2>
        <a:srgbClr val="58B6C0"/>
      </a:accent2>
      <a:accent3>
        <a:srgbClr val="75BDA7"/>
      </a:accent3>
      <a:accent4>
        <a:srgbClr val="7A8C8E"/>
      </a:accent4>
      <a:accent5>
        <a:srgbClr val="84ACB6"/>
      </a:accent5>
      <a:accent6>
        <a:srgbClr val="2683C6"/>
      </a:accent6>
      <a:hlink>
        <a:srgbClr val="6B9F25"/>
      </a:hlink>
      <a:folHlink>
        <a:srgbClr val="9F6715"/>
      </a:folHlink>
    </a:clrScheme>
    <a:fontScheme name="VELUX 2022">
      <a:majorFont>
        <a:latin typeface="VELUX Transform Office"/>
        <a:ea typeface=""/>
        <a:cs typeface=""/>
      </a:majorFont>
      <a:minorFont>
        <a:latin typeface="VELUX Transform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Light Green">
      <a:srgbClr val="B3C4C1"/>
    </a:custClr>
    <a:custClr name="Background Green">
      <a:srgbClr val="D9E1E0"/>
    </a:custClr>
    <a:custClr name="Light Purple">
      <a:srgbClr val="BBB9D2"/>
    </a:custClr>
    <a:custClr name="Background Purple">
      <a:srgbClr val="E3E2EC"/>
    </a:custClr>
    <a:custClr name="Background Yellow">
      <a:srgbClr val="F9EEDD"/>
    </a:custClr>
    <a:custClr name="Background Grey">
      <a:srgbClr val="F3F0EB"/>
    </a:custClr>
    <a:custClr name="Background Red">
      <a:srgbClr val="F2E1E1"/>
    </a:custClr>
    <a:custClr name="Background Blue">
      <a:srgbClr val="EDF0F5"/>
    </a:custClr>
    <a:custClr name="Professional Red">
      <a:srgbClr val="A11515"/>
    </a:custClr>
    <a:custClr name="Commercial Grey">
      <a:srgbClr val="454142"/>
    </a:custClr>
  </a:custClr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3" Type="http://schemas.openxmlformats.org/officeDocument/2006/relationships/table" Target="../tables/table1.xml"/><Relationship Id="rId2" Type="http://schemas.openxmlformats.org/officeDocument/2006/relationships/customProperty" Target="../customProperty1.bin"/><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table" Target="../tables/table2.xml"/><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2" Type="http://schemas.openxmlformats.org/officeDocument/2006/relationships/table" Target="../tables/table3.xml"/><Relationship Id="rId1" Type="http://schemas.openxmlformats.org/officeDocument/2006/relationships/printerSettings" Target="../printerSettings/printerSettings3.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00AFDA4-EE5B-4232-8BF0-5882EAABB0AF}">
  <dimension ref="A1:AE25961"/>
  <sheetViews>
    <sheetView tabSelected="1" zoomScaleNormal="100" workbookViewId="0"/>
  </sheetViews>
  <sheetFormatPr defaultColWidth="9" defaultRowHeight="15" customHeight="1"/>
  <cols>
    <col min="1" max="1" width="14.28515625" style="6" customWidth="1"/>
    <col min="2" max="2" width="14.28515625" style="23" customWidth="1"/>
    <col min="3" max="3" width="31" style="1" bestFit="1" customWidth="1"/>
    <col min="4" max="4" width="20.7109375" style="15" customWidth="1"/>
    <col min="5" max="5" width="47.140625" style="1" bestFit="1" customWidth="1"/>
    <col min="6" max="6" width="50.5703125" style="1" customWidth="1"/>
    <col min="7" max="7" width="18" style="9" customWidth="1"/>
    <col min="8" max="8" width="20.7109375" style="6" customWidth="1"/>
    <col min="9" max="9" width="15.7109375" style="6" bestFit="1" customWidth="1"/>
    <col min="10" max="10" width="14.7109375" style="7" bestFit="1" customWidth="1"/>
    <col min="11" max="11" width="48.42578125" style="1" bestFit="1" customWidth="1"/>
    <col min="12" max="12" width="48.140625" style="6" bestFit="1" customWidth="1"/>
    <col min="13" max="13" width="48.42578125" style="1" bestFit="1" customWidth="1"/>
    <col min="14" max="14" width="34" style="6" customWidth="1"/>
    <col min="15" max="15" width="14.7109375" style="6" bestFit="1" customWidth="1"/>
    <col min="16" max="16" width="10.140625" style="6" bestFit="1" customWidth="1"/>
    <col min="17" max="17" width="14.140625" style="6" bestFit="1" customWidth="1"/>
    <col min="18" max="18" width="11.140625" style="6" bestFit="1" customWidth="1"/>
    <col min="19" max="19" width="18.140625" style="6" bestFit="1" customWidth="1"/>
    <col min="20" max="20" width="18.140625" style="6" customWidth="1"/>
    <col min="21" max="21" width="26.42578125" style="1" customWidth="1"/>
    <col min="22" max="26" width="15.7109375" style="1" bestFit="1" customWidth="1"/>
    <col min="27" max="27" width="12.85546875" style="6" customWidth="1"/>
    <col min="28" max="28" width="10.5703125" style="6" customWidth="1"/>
    <col min="29" max="29" width="20.42578125" style="6" bestFit="1" customWidth="1"/>
    <col min="30" max="30" width="44.7109375" style="1" customWidth="1"/>
    <col min="31" max="31" width="21.7109375" style="16" bestFit="1" customWidth="1"/>
    <col min="32" max="32" width="255.5703125" style="1" bestFit="1" customWidth="1"/>
    <col min="33" max="16384" width="9" style="1"/>
  </cols>
  <sheetData>
    <row r="1" spans="1:31" s="13" customFormat="1" ht="43.15">
      <c r="A1" s="10" t="s">
        <v>0</v>
      </c>
      <c r="B1" s="19" t="s">
        <v>1</v>
      </c>
      <c r="C1" s="3" t="s">
        <v>2</v>
      </c>
      <c r="D1" s="3" t="s">
        <v>3</v>
      </c>
      <c r="E1" s="3" t="s">
        <v>4</v>
      </c>
      <c r="F1" s="3" t="s">
        <v>5</v>
      </c>
      <c r="G1" s="3" t="s">
        <v>6</v>
      </c>
      <c r="H1" s="3" t="s">
        <v>7</v>
      </c>
      <c r="I1" s="3" t="s">
        <v>8</v>
      </c>
      <c r="J1" s="3" t="s">
        <v>9</v>
      </c>
      <c r="K1" s="3" t="s">
        <v>10</v>
      </c>
      <c r="L1" s="3" t="s">
        <v>11</v>
      </c>
      <c r="M1" s="3" t="s">
        <v>12</v>
      </c>
      <c r="N1" s="3" t="s">
        <v>13</v>
      </c>
      <c r="O1" s="3" t="s">
        <v>14</v>
      </c>
      <c r="P1" s="3" t="s">
        <v>15</v>
      </c>
      <c r="Q1" s="3" t="s">
        <v>16</v>
      </c>
      <c r="R1" s="3" t="s">
        <v>17</v>
      </c>
      <c r="S1" s="3" t="s">
        <v>18</v>
      </c>
      <c r="T1" s="3" t="s">
        <v>19</v>
      </c>
      <c r="U1" s="3" t="s">
        <v>20</v>
      </c>
      <c r="V1" s="3" t="s">
        <v>21</v>
      </c>
      <c r="W1" s="3" t="s">
        <v>22</v>
      </c>
      <c r="X1" s="3" t="s">
        <v>23</v>
      </c>
      <c r="Y1" s="3" t="s">
        <v>24</v>
      </c>
      <c r="Z1" s="3" t="s">
        <v>25</v>
      </c>
      <c r="AA1" s="3" t="s">
        <v>26</v>
      </c>
      <c r="AB1" s="3" t="s">
        <v>27</v>
      </c>
      <c r="AC1" s="3" t="s">
        <v>28</v>
      </c>
      <c r="AD1" s="3" t="s">
        <v>29</v>
      </c>
    </row>
    <row r="2" spans="1:31" ht="14.45">
      <c r="A2" s="11"/>
      <c r="B2" s="20"/>
      <c r="C2" s="2" t="s">
        <v>30</v>
      </c>
      <c r="D2" s="14" t="s">
        <v>31</v>
      </c>
      <c r="E2" s="2" t="s">
        <v>32</v>
      </c>
      <c r="F2" s="2" t="s">
        <v>33</v>
      </c>
      <c r="G2" s="8">
        <v>52</v>
      </c>
      <c r="H2" s="5">
        <v>4</v>
      </c>
      <c r="I2" s="5" t="s">
        <v>34</v>
      </c>
      <c r="J2" s="5" t="s">
        <v>35</v>
      </c>
      <c r="K2" s="2" t="s">
        <v>36</v>
      </c>
      <c r="L2" s="5" t="s">
        <v>35</v>
      </c>
      <c r="M2" s="2" t="s">
        <v>36</v>
      </c>
      <c r="N2" s="5" t="s">
        <v>37</v>
      </c>
      <c r="O2" s="5" t="s">
        <v>38</v>
      </c>
      <c r="P2" s="5" t="s">
        <v>39</v>
      </c>
      <c r="Q2" s="5" t="s">
        <v>40</v>
      </c>
      <c r="R2" s="5" t="s">
        <v>41</v>
      </c>
      <c r="S2" s="5" t="s">
        <v>40</v>
      </c>
      <c r="T2" s="5" t="s">
        <v>42</v>
      </c>
      <c r="U2" s="2">
        <v>0.2</v>
      </c>
      <c r="V2" s="2">
        <v>0.2</v>
      </c>
      <c r="W2" s="2">
        <v>2E-3</v>
      </c>
      <c r="X2" s="2">
        <v>18</v>
      </c>
      <c r="Y2" s="2">
        <v>8</v>
      </c>
      <c r="Z2" s="2">
        <v>8</v>
      </c>
      <c r="AA2" s="5"/>
      <c r="AB2" s="5" t="s">
        <v>43</v>
      </c>
      <c r="AC2" s="5" t="s">
        <v>44</v>
      </c>
      <c r="AD2" s="2"/>
      <c r="AE2" s="1"/>
    </row>
    <row r="3" spans="1:31" ht="14.45">
      <c r="A3" s="11"/>
      <c r="B3" s="20"/>
      <c r="C3" s="2" t="s">
        <v>45</v>
      </c>
      <c r="D3" s="14" t="s">
        <v>46</v>
      </c>
      <c r="E3" s="2" t="s">
        <v>47</v>
      </c>
      <c r="F3" s="2" t="s">
        <v>48</v>
      </c>
      <c r="G3" s="8">
        <v>52</v>
      </c>
      <c r="H3" s="5">
        <v>4</v>
      </c>
      <c r="I3" s="5" t="s">
        <v>34</v>
      </c>
      <c r="J3" s="5" t="s">
        <v>35</v>
      </c>
      <c r="K3" s="2" t="s">
        <v>36</v>
      </c>
      <c r="L3" s="5" t="s">
        <v>35</v>
      </c>
      <c r="M3" s="2" t="s">
        <v>36</v>
      </c>
      <c r="N3" s="5" t="s">
        <v>37</v>
      </c>
      <c r="O3" s="5" t="s">
        <v>38</v>
      </c>
      <c r="P3" s="5" t="s">
        <v>39</v>
      </c>
      <c r="Q3" s="5" t="s">
        <v>40</v>
      </c>
      <c r="R3" s="5" t="s">
        <v>41</v>
      </c>
      <c r="S3" s="5" t="s">
        <v>40</v>
      </c>
      <c r="T3" s="5" t="s">
        <v>42</v>
      </c>
      <c r="U3" s="2">
        <v>0.24299999999999999</v>
      </c>
      <c r="V3" s="2">
        <v>0.24299999999999999</v>
      </c>
      <c r="W3" s="2">
        <v>1E-3</v>
      </c>
      <c r="X3" s="2">
        <v>18</v>
      </c>
      <c r="Y3" s="2">
        <v>8</v>
      </c>
      <c r="Z3" s="2">
        <v>8</v>
      </c>
      <c r="AA3" s="5"/>
      <c r="AB3" s="5" t="s">
        <v>43</v>
      </c>
      <c r="AC3" s="5" t="s">
        <v>44</v>
      </c>
      <c r="AD3" s="2"/>
      <c r="AE3" s="1"/>
    </row>
    <row r="4" spans="1:31" ht="14.45">
      <c r="A4" s="11"/>
      <c r="B4" s="20"/>
      <c r="C4" s="2" t="s">
        <v>49</v>
      </c>
      <c r="D4" s="14" t="s">
        <v>50</v>
      </c>
      <c r="E4" s="2" t="s">
        <v>51</v>
      </c>
      <c r="F4" s="2" t="s">
        <v>52</v>
      </c>
      <c r="G4" s="8">
        <v>52</v>
      </c>
      <c r="H4" s="5">
        <v>4</v>
      </c>
      <c r="I4" s="5" t="s">
        <v>34</v>
      </c>
      <c r="J4" s="5" t="s">
        <v>35</v>
      </c>
      <c r="K4" s="2" t="s">
        <v>36</v>
      </c>
      <c r="L4" s="5" t="s">
        <v>35</v>
      </c>
      <c r="M4" s="2" t="s">
        <v>36</v>
      </c>
      <c r="N4" s="5" t="s">
        <v>37</v>
      </c>
      <c r="O4" s="5" t="s">
        <v>38</v>
      </c>
      <c r="P4" s="5" t="s">
        <v>39</v>
      </c>
      <c r="Q4" s="5" t="s">
        <v>40</v>
      </c>
      <c r="R4" s="5" t="s">
        <v>41</v>
      </c>
      <c r="S4" s="5" t="s">
        <v>40</v>
      </c>
      <c r="T4" s="5" t="s">
        <v>42</v>
      </c>
      <c r="U4" s="2">
        <v>0.27900000000000003</v>
      </c>
      <c r="V4" s="2">
        <v>0.249</v>
      </c>
      <c r="W4" s="2">
        <v>2E-3</v>
      </c>
      <c r="X4" s="2">
        <v>18</v>
      </c>
      <c r="Y4" s="2">
        <v>8</v>
      </c>
      <c r="Z4" s="2">
        <v>8</v>
      </c>
      <c r="AA4" s="5"/>
      <c r="AB4" s="5" t="s">
        <v>43</v>
      </c>
      <c r="AC4" s="5" t="s">
        <v>44</v>
      </c>
      <c r="AD4" s="2"/>
      <c r="AE4" s="1"/>
    </row>
    <row r="5" spans="1:31" ht="14.45">
      <c r="A5" s="11"/>
      <c r="B5" s="20"/>
      <c r="C5" s="2" t="s">
        <v>53</v>
      </c>
      <c r="D5" s="14" t="s">
        <v>54</v>
      </c>
      <c r="E5" s="2" t="s">
        <v>55</v>
      </c>
      <c r="F5" s="2" t="s">
        <v>56</v>
      </c>
      <c r="G5" s="8">
        <v>52</v>
      </c>
      <c r="H5" s="5">
        <v>4</v>
      </c>
      <c r="I5" s="5" t="s">
        <v>34</v>
      </c>
      <c r="J5" s="5" t="s">
        <v>35</v>
      </c>
      <c r="K5" s="2" t="s">
        <v>36</v>
      </c>
      <c r="L5" s="5" t="s">
        <v>35</v>
      </c>
      <c r="M5" s="2" t="s">
        <v>36</v>
      </c>
      <c r="N5" s="5" t="s">
        <v>37</v>
      </c>
      <c r="O5" s="5" t="s">
        <v>38</v>
      </c>
      <c r="P5" s="5" t="s">
        <v>39</v>
      </c>
      <c r="Q5" s="5" t="s">
        <v>40</v>
      </c>
      <c r="R5" s="5" t="s">
        <v>41</v>
      </c>
      <c r="S5" s="5" t="s">
        <v>40</v>
      </c>
      <c r="T5" s="5" t="s">
        <v>42</v>
      </c>
      <c r="U5" s="2">
        <v>0.54800000000000004</v>
      </c>
      <c r="V5" s="2">
        <v>0.41799999999999998</v>
      </c>
      <c r="W5" s="2">
        <v>1E-3</v>
      </c>
      <c r="X5" s="2">
        <v>16</v>
      </c>
      <c r="Y5" s="2">
        <v>9</v>
      </c>
      <c r="Z5" s="2">
        <v>3</v>
      </c>
      <c r="AA5" s="5"/>
      <c r="AB5" s="5" t="s">
        <v>43</v>
      </c>
      <c r="AC5" s="5" t="s">
        <v>44</v>
      </c>
      <c r="AD5" s="2"/>
      <c r="AE5" s="1"/>
    </row>
    <row r="6" spans="1:31" ht="14.45">
      <c r="A6" s="11"/>
      <c r="B6" s="20"/>
      <c r="C6" s="2" t="s">
        <v>57</v>
      </c>
      <c r="D6" s="14" t="s">
        <v>58</v>
      </c>
      <c r="E6" s="2" t="s">
        <v>59</v>
      </c>
      <c r="F6" s="2" t="s">
        <v>60</v>
      </c>
      <c r="G6" s="8">
        <v>52</v>
      </c>
      <c r="H6" s="5">
        <v>4</v>
      </c>
      <c r="I6" s="5" t="s">
        <v>34</v>
      </c>
      <c r="J6" s="5" t="s">
        <v>35</v>
      </c>
      <c r="K6" s="2" t="s">
        <v>36</v>
      </c>
      <c r="L6" s="5" t="s">
        <v>35</v>
      </c>
      <c r="M6" s="2" t="s">
        <v>36</v>
      </c>
      <c r="N6" s="5" t="s">
        <v>37</v>
      </c>
      <c r="O6" s="5" t="s">
        <v>38</v>
      </c>
      <c r="P6" s="5" t="s">
        <v>39</v>
      </c>
      <c r="Q6" s="5" t="s">
        <v>40</v>
      </c>
      <c r="R6" s="5" t="s">
        <v>41</v>
      </c>
      <c r="S6" s="5" t="s">
        <v>40</v>
      </c>
      <c r="T6" s="5" t="s">
        <v>42</v>
      </c>
      <c r="U6" s="2">
        <v>0.44900000000000001</v>
      </c>
      <c r="V6" s="2">
        <v>0.44900000000000001</v>
      </c>
      <c r="W6" s="2">
        <v>1E-3</v>
      </c>
      <c r="X6" s="2">
        <v>15.5</v>
      </c>
      <c r="Y6" s="2">
        <v>9.8000000000000007</v>
      </c>
      <c r="Z6" s="2">
        <v>3.5</v>
      </c>
      <c r="AA6" s="5"/>
      <c r="AB6" s="5" t="s">
        <v>43</v>
      </c>
      <c r="AC6" s="5" t="s">
        <v>44</v>
      </c>
      <c r="AD6" s="2"/>
      <c r="AE6" s="1"/>
    </row>
    <row r="7" spans="1:31" ht="14.45">
      <c r="A7" s="11"/>
      <c r="B7" s="20"/>
      <c r="C7" s="2" t="s">
        <v>61</v>
      </c>
      <c r="D7" s="14" t="s">
        <v>62</v>
      </c>
      <c r="E7" s="2" t="s">
        <v>63</v>
      </c>
      <c r="F7" s="2" t="s">
        <v>64</v>
      </c>
      <c r="G7" s="8">
        <v>52</v>
      </c>
      <c r="H7" s="5">
        <v>4</v>
      </c>
      <c r="I7" s="5" t="s">
        <v>34</v>
      </c>
      <c r="J7" s="5" t="s">
        <v>35</v>
      </c>
      <c r="K7" s="2" t="s">
        <v>36</v>
      </c>
      <c r="L7" s="5" t="s">
        <v>35</v>
      </c>
      <c r="M7" s="2" t="s">
        <v>36</v>
      </c>
      <c r="N7" s="5" t="s">
        <v>37</v>
      </c>
      <c r="O7" s="5" t="s">
        <v>38</v>
      </c>
      <c r="P7" s="5" t="s">
        <v>39</v>
      </c>
      <c r="Q7" s="5" t="s">
        <v>40</v>
      </c>
      <c r="R7" s="5" t="s">
        <v>41</v>
      </c>
      <c r="S7" s="5" t="s">
        <v>40</v>
      </c>
      <c r="T7" s="5" t="s">
        <v>42</v>
      </c>
      <c r="U7" s="2">
        <v>0.92</v>
      </c>
      <c r="V7" s="2">
        <v>0.46</v>
      </c>
      <c r="W7" s="2">
        <v>1E-3</v>
      </c>
      <c r="X7" s="2">
        <v>15</v>
      </c>
      <c r="Y7" s="2">
        <v>10</v>
      </c>
      <c r="Z7" s="2">
        <v>2</v>
      </c>
      <c r="AA7" s="5"/>
      <c r="AB7" s="5" t="s">
        <v>43</v>
      </c>
      <c r="AC7" s="5" t="s">
        <v>44</v>
      </c>
      <c r="AD7" s="2"/>
      <c r="AE7" s="1"/>
    </row>
    <row r="8" spans="1:31" ht="14.45">
      <c r="A8" s="11"/>
      <c r="B8" s="20"/>
      <c r="C8" s="2" t="s">
        <v>65</v>
      </c>
      <c r="D8" s="14" t="s">
        <v>66</v>
      </c>
      <c r="E8" s="2" t="s">
        <v>67</v>
      </c>
      <c r="F8" s="2" t="s">
        <v>68</v>
      </c>
      <c r="G8" s="8">
        <v>44</v>
      </c>
      <c r="H8" s="5">
        <v>5</v>
      </c>
      <c r="I8" s="5" t="s">
        <v>69</v>
      </c>
      <c r="J8" s="5" t="s">
        <v>70</v>
      </c>
      <c r="K8" s="2" t="s">
        <v>71</v>
      </c>
      <c r="L8" s="5" t="s">
        <v>70</v>
      </c>
      <c r="M8" s="2" t="s">
        <v>71</v>
      </c>
      <c r="N8" s="5" t="s">
        <v>72</v>
      </c>
      <c r="O8" s="5" t="s">
        <v>38</v>
      </c>
      <c r="P8" s="5" t="s">
        <v>39</v>
      </c>
      <c r="Q8" s="5" t="s">
        <v>40</v>
      </c>
      <c r="R8" s="5" t="s">
        <v>73</v>
      </c>
      <c r="S8" s="5" t="s">
        <v>40</v>
      </c>
      <c r="T8" s="5" t="s">
        <v>42</v>
      </c>
      <c r="U8" s="2">
        <v>0.98599999999999999</v>
      </c>
      <c r="V8" s="2">
        <v>0.73099999999999998</v>
      </c>
      <c r="W8" s="2">
        <v>7.0000000000000001E-3</v>
      </c>
      <c r="X8" s="2">
        <v>80.599999999999994</v>
      </c>
      <c r="Y8" s="2">
        <v>10.7</v>
      </c>
      <c r="Z8" s="2">
        <v>7.7</v>
      </c>
      <c r="AA8" s="5">
        <v>240</v>
      </c>
      <c r="AB8" s="5" t="s">
        <v>43</v>
      </c>
      <c r="AC8" s="5" t="s">
        <v>44</v>
      </c>
      <c r="AD8" s="2" t="s">
        <v>74</v>
      </c>
      <c r="AE8" s="1"/>
    </row>
    <row r="9" spans="1:31" ht="14.45">
      <c r="A9" s="11"/>
      <c r="B9" s="20"/>
      <c r="C9" s="2" t="s">
        <v>75</v>
      </c>
      <c r="D9" s="14" t="s">
        <v>76</v>
      </c>
      <c r="E9" s="2" t="s">
        <v>77</v>
      </c>
      <c r="F9" s="2" t="s">
        <v>78</v>
      </c>
      <c r="G9" s="8">
        <v>44</v>
      </c>
      <c r="H9" s="5">
        <v>5</v>
      </c>
      <c r="I9" s="5" t="s">
        <v>69</v>
      </c>
      <c r="J9" s="5" t="s">
        <v>70</v>
      </c>
      <c r="K9" s="2" t="s">
        <v>71</v>
      </c>
      <c r="L9" s="5" t="s">
        <v>70</v>
      </c>
      <c r="M9" s="2" t="s">
        <v>71</v>
      </c>
      <c r="N9" s="5" t="s">
        <v>72</v>
      </c>
      <c r="O9" s="5" t="s">
        <v>38</v>
      </c>
      <c r="P9" s="5" t="s">
        <v>39</v>
      </c>
      <c r="Q9" s="5" t="s">
        <v>40</v>
      </c>
      <c r="R9" s="5" t="s">
        <v>73</v>
      </c>
      <c r="S9" s="5" t="s">
        <v>40</v>
      </c>
      <c r="T9" s="5" t="s">
        <v>42</v>
      </c>
      <c r="U9" s="2">
        <v>1.0980000000000001</v>
      </c>
      <c r="V9" s="2">
        <v>0.84299999999999997</v>
      </c>
      <c r="W9" s="2">
        <v>7.0000000000000001E-3</v>
      </c>
      <c r="X9" s="2">
        <v>80.599999999999994</v>
      </c>
      <c r="Y9" s="2">
        <v>10.7</v>
      </c>
      <c r="Z9" s="2">
        <v>7.7</v>
      </c>
      <c r="AA9" s="5">
        <v>240</v>
      </c>
      <c r="AB9" s="5" t="s">
        <v>43</v>
      </c>
      <c r="AC9" s="5" t="s">
        <v>44</v>
      </c>
      <c r="AD9" s="2" t="s">
        <v>74</v>
      </c>
      <c r="AE9" s="1"/>
    </row>
    <row r="10" spans="1:31" ht="14.45">
      <c r="A10" s="11"/>
      <c r="B10" s="20"/>
      <c r="C10" s="2" t="s">
        <v>79</v>
      </c>
      <c r="D10" s="14" t="s">
        <v>80</v>
      </c>
      <c r="E10" s="2" t="s">
        <v>81</v>
      </c>
      <c r="F10" s="2" t="s">
        <v>78</v>
      </c>
      <c r="G10" s="8">
        <v>44</v>
      </c>
      <c r="H10" s="5">
        <v>5</v>
      </c>
      <c r="I10" s="5" t="s">
        <v>69</v>
      </c>
      <c r="J10" s="5" t="s">
        <v>70</v>
      </c>
      <c r="K10" s="2" t="s">
        <v>71</v>
      </c>
      <c r="L10" s="5" t="s">
        <v>70</v>
      </c>
      <c r="M10" s="2" t="s">
        <v>71</v>
      </c>
      <c r="N10" s="5" t="s">
        <v>72</v>
      </c>
      <c r="O10" s="5" t="s">
        <v>38</v>
      </c>
      <c r="P10" s="5" t="s">
        <v>39</v>
      </c>
      <c r="Q10" s="5" t="s">
        <v>40</v>
      </c>
      <c r="R10" s="5" t="s">
        <v>73</v>
      </c>
      <c r="S10" s="5" t="s">
        <v>40</v>
      </c>
      <c r="T10" s="5" t="s">
        <v>42</v>
      </c>
      <c r="U10" s="2">
        <v>1.1200000000000001</v>
      </c>
      <c r="V10" s="2">
        <v>0.86499999999999999</v>
      </c>
      <c r="W10" s="2">
        <v>7.0000000000000001E-3</v>
      </c>
      <c r="X10" s="2">
        <v>80.599999999999994</v>
      </c>
      <c r="Y10" s="2">
        <v>10.7</v>
      </c>
      <c r="Z10" s="2">
        <v>7.7</v>
      </c>
      <c r="AA10" s="5">
        <v>240</v>
      </c>
      <c r="AB10" s="5" t="s">
        <v>43</v>
      </c>
      <c r="AC10" s="5" t="s">
        <v>44</v>
      </c>
      <c r="AD10" s="2" t="s">
        <v>74</v>
      </c>
      <c r="AE10" s="1"/>
    </row>
    <row r="11" spans="1:31" ht="14.45">
      <c r="A11" s="11"/>
      <c r="B11" s="20"/>
      <c r="C11" s="2" t="s">
        <v>82</v>
      </c>
      <c r="D11" s="14" t="s">
        <v>83</v>
      </c>
      <c r="E11" s="2" t="s">
        <v>84</v>
      </c>
      <c r="F11" s="2" t="s">
        <v>78</v>
      </c>
      <c r="G11" s="8">
        <v>44</v>
      </c>
      <c r="H11" s="5">
        <v>5</v>
      </c>
      <c r="I11" s="5" t="s">
        <v>69</v>
      </c>
      <c r="J11" s="5" t="s">
        <v>70</v>
      </c>
      <c r="K11" s="2" t="s">
        <v>71</v>
      </c>
      <c r="L11" s="5" t="s">
        <v>70</v>
      </c>
      <c r="M11" s="2" t="s">
        <v>71</v>
      </c>
      <c r="N11" s="5" t="s">
        <v>72</v>
      </c>
      <c r="O11" s="5" t="s">
        <v>38</v>
      </c>
      <c r="P11" s="5" t="s">
        <v>39</v>
      </c>
      <c r="Q11" s="5" t="s">
        <v>40</v>
      </c>
      <c r="R11" s="5" t="s">
        <v>73</v>
      </c>
      <c r="S11" s="5" t="s">
        <v>40</v>
      </c>
      <c r="T11" s="5" t="s">
        <v>42</v>
      </c>
      <c r="U11" s="2">
        <v>1.204</v>
      </c>
      <c r="V11" s="2">
        <v>0.94899999999999995</v>
      </c>
      <c r="W11" s="2">
        <v>7.0000000000000001E-3</v>
      </c>
      <c r="X11" s="2">
        <v>80.599999999999994</v>
      </c>
      <c r="Y11" s="2">
        <v>10.7</v>
      </c>
      <c r="Z11" s="2">
        <v>7.7</v>
      </c>
      <c r="AA11" s="5">
        <v>240</v>
      </c>
      <c r="AB11" s="5" t="s">
        <v>43</v>
      </c>
      <c r="AC11" s="5" t="s">
        <v>44</v>
      </c>
      <c r="AD11" s="2" t="s">
        <v>74</v>
      </c>
      <c r="AE11" s="1"/>
    </row>
    <row r="12" spans="1:31" ht="14.45">
      <c r="A12" s="11"/>
      <c r="B12" s="20"/>
      <c r="C12" s="2" t="s">
        <v>85</v>
      </c>
      <c r="D12" s="14" t="s">
        <v>86</v>
      </c>
      <c r="E12" s="2" t="s">
        <v>87</v>
      </c>
      <c r="F12" s="2" t="s">
        <v>78</v>
      </c>
      <c r="G12" s="8">
        <v>44</v>
      </c>
      <c r="H12" s="5">
        <v>5</v>
      </c>
      <c r="I12" s="5" t="s">
        <v>69</v>
      </c>
      <c r="J12" s="5" t="s">
        <v>70</v>
      </c>
      <c r="K12" s="2" t="s">
        <v>71</v>
      </c>
      <c r="L12" s="5" t="s">
        <v>70</v>
      </c>
      <c r="M12" s="2" t="s">
        <v>71</v>
      </c>
      <c r="N12" s="5" t="s">
        <v>72</v>
      </c>
      <c r="O12" s="5" t="s">
        <v>38</v>
      </c>
      <c r="P12" s="5" t="s">
        <v>39</v>
      </c>
      <c r="Q12" s="5" t="s">
        <v>40</v>
      </c>
      <c r="R12" s="5" t="s">
        <v>73</v>
      </c>
      <c r="S12" s="5" t="s">
        <v>40</v>
      </c>
      <c r="T12" s="5" t="s">
        <v>42</v>
      </c>
      <c r="U12" s="2">
        <v>1.29</v>
      </c>
      <c r="V12" s="2">
        <v>1.0349999999999999</v>
      </c>
      <c r="W12" s="2">
        <v>7.0000000000000001E-3</v>
      </c>
      <c r="X12" s="2">
        <v>80.599999999999994</v>
      </c>
      <c r="Y12" s="2">
        <v>10.7</v>
      </c>
      <c r="Z12" s="2">
        <v>7.7</v>
      </c>
      <c r="AA12" s="5">
        <v>240</v>
      </c>
      <c r="AB12" s="5" t="s">
        <v>43</v>
      </c>
      <c r="AC12" s="5" t="s">
        <v>44</v>
      </c>
      <c r="AD12" s="2" t="s">
        <v>74</v>
      </c>
      <c r="AE12" s="1"/>
    </row>
    <row r="13" spans="1:31" ht="14.45">
      <c r="A13" s="11"/>
      <c r="B13" s="20"/>
      <c r="C13" s="2" t="s">
        <v>88</v>
      </c>
      <c r="D13" s="14" t="s">
        <v>89</v>
      </c>
      <c r="E13" s="2" t="s">
        <v>90</v>
      </c>
      <c r="F13" s="2" t="s">
        <v>78</v>
      </c>
      <c r="G13" s="8">
        <v>44</v>
      </c>
      <c r="H13" s="5">
        <v>5</v>
      </c>
      <c r="I13" s="5" t="s">
        <v>69</v>
      </c>
      <c r="J13" s="5" t="s">
        <v>70</v>
      </c>
      <c r="K13" s="2" t="s">
        <v>71</v>
      </c>
      <c r="L13" s="5" t="s">
        <v>70</v>
      </c>
      <c r="M13" s="2" t="s">
        <v>71</v>
      </c>
      <c r="N13" s="5" t="s">
        <v>72</v>
      </c>
      <c r="O13" s="5" t="s">
        <v>38</v>
      </c>
      <c r="P13" s="5" t="s">
        <v>39</v>
      </c>
      <c r="Q13" s="5" t="s">
        <v>40</v>
      </c>
      <c r="R13" s="5" t="s">
        <v>73</v>
      </c>
      <c r="S13" s="5" t="s">
        <v>40</v>
      </c>
      <c r="T13" s="5" t="s">
        <v>42</v>
      </c>
      <c r="U13" s="2">
        <v>1.2609999999999999</v>
      </c>
      <c r="V13" s="2">
        <v>1.006</v>
      </c>
      <c r="W13" s="2">
        <v>7.0000000000000001E-3</v>
      </c>
      <c r="X13" s="2">
        <v>80.599999999999994</v>
      </c>
      <c r="Y13" s="2">
        <v>10.7</v>
      </c>
      <c r="Z13" s="2">
        <v>7.7</v>
      </c>
      <c r="AA13" s="5">
        <v>240</v>
      </c>
      <c r="AB13" s="5" t="s">
        <v>43</v>
      </c>
      <c r="AC13" s="5" t="s">
        <v>44</v>
      </c>
      <c r="AD13" s="2" t="s">
        <v>74</v>
      </c>
      <c r="AE13" s="1"/>
    </row>
    <row r="14" spans="1:31" ht="14.45">
      <c r="A14" s="11"/>
      <c r="B14" s="20"/>
      <c r="C14" s="2" t="s">
        <v>91</v>
      </c>
      <c r="D14" s="14" t="s">
        <v>92</v>
      </c>
      <c r="E14" s="2" t="s">
        <v>93</v>
      </c>
      <c r="F14" s="2" t="s">
        <v>78</v>
      </c>
      <c r="G14" s="8">
        <v>44</v>
      </c>
      <c r="H14" s="5">
        <v>5</v>
      </c>
      <c r="I14" s="5" t="s">
        <v>69</v>
      </c>
      <c r="J14" s="5" t="s">
        <v>70</v>
      </c>
      <c r="K14" s="2" t="s">
        <v>71</v>
      </c>
      <c r="L14" s="5" t="s">
        <v>70</v>
      </c>
      <c r="M14" s="2" t="s">
        <v>71</v>
      </c>
      <c r="N14" s="5" t="s">
        <v>72</v>
      </c>
      <c r="O14" s="5" t="s">
        <v>38</v>
      </c>
      <c r="P14" s="5" t="s">
        <v>39</v>
      </c>
      <c r="Q14" s="5" t="s">
        <v>40</v>
      </c>
      <c r="R14" s="5" t="s">
        <v>73</v>
      </c>
      <c r="S14" s="5" t="s">
        <v>40</v>
      </c>
      <c r="T14" s="5" t="s">
        <v>42</v>
      </c>
      <c r="U14" s="2">
        <v>1.4239999999999999</v>
      </c>
      <c r="V14" s="2">
        <v>1.169</v>
      </c>
      <c r="W14" s="2">
        <v>7.0000000000000001E-3</v>
      </c>
      <c r="X14" s="2">
        <v>80.599999999999994</v>
      </c>
      <c r="Y14" s="2">
        <v>10.7</v>
      </c>
      <c r="Z14" s="2">
        <v>7.7</v>
      </c>
      <c r="AA14" s="5">
        <v>240</v>
      </c>
      <c r="AB14" s="5" t="s">
        <v>43</v>
      </c>
      <c r="AC14" s="5" t="s">
        <v>44</v>
      </c>
      <c r="AD14" s="2" t="s">
        <v>74</v>
      </c>
      <c r="AE14" s="1"/>
    </row>
    <row r="15" spans="1:31" ht="14.45">
      <c r="A15" s="11"/>
      <c r="B15" s="20"/>
      <c r="C15" s="2" t="s">
        <v>94</v>
      </c>
      <c r="D15" s="14" t="s">
        <v>95</v>
      </c>
      <c r="E15" s="2" t="s">
        <v>96</v>
      </c>
      <c r="F15" s="2" t="s">
        <v>78</v>
      </c>
      <c r="G15" s="8">
        <v>44</v>
      </c>
      <c r="H15" s="5">
        <v>5</v>
      </c>
      <c r="I15" s="5" t="s">
        <v>69</v>
      </c>
      <c r="J15" s="5" t="s">
        <v>70</v>
      </c>
      <c r="K15" s="2" t="s">
        <v>71</v>
      </c>
      <c r="L15" s="5" t="s">
        <v>70</v>
      </c>
      <c r="M15" s="2" t="s">
        <v>71</v>
      </c>
      <c r="N15" s="5" t="s">
        <v>72</v>
      </c>
      <c r="O15" s="5" t="s">
        <v>38</v>
      </c>
      <c r="P15" s="5" t="s">
        <v>39</v>
      </c>
      <c r="Q15" s="5" t="s">
        <v>40</v>
      </c>
      <c r="R15" s="5" t="s">
        <v>73</v>
      </c>
      <c r="S15" s="5" t="s">
        <v>40</v>
      </c>
      <c r="T15" s="5" t="s">
        <v>42</v>
      </c>
      <c r="U15" s="2">
        <v>1.3959999999999999</v>
      </c>
      <c r="V15" s="2">
        <v>1.141</v>
      </c>
      <c r="W15" s="2">
        <v>7.0000000000000001E-3</v>
      </c>
      <c r="X15" s="2">
        <v>80.599999999999994</v>
      </c>
      <c r="Y15" s="2">
        <v>10.7</v>
      </c>
      <c r="Z15" s="2">
        <v>7.7</v>
      </c>
      <c r="AA15" s="5">
        <v>240</v>
      </c>
      <c r="AB15" s="5" t="s">
        <v>43</v>
      </c>
      <c r="AC15" s="5" t="s">
        <v>44</v>
      </c>
      <c r="AD15" s="2" t="s">
        <v>74</v>
      </c>
      <c r="AE15" s="1"/>
    </row>
    <row r="16" spans="1:31" ht="14.45">
      <c r="A16" s="11"/>
      <c r="B16" s="20"/>
      <c r="C16" s="2" t="s">
        <v>97</v>
      </c>
      <c r="D16" s="14" t="s">
        <v>98</v>
      </c>
      <c r="E16" s="2" t="s">
        <v>99</v>
      </c>
      <c r="F16" s="2" t="s">
        <v>68</v>
      </c>
      <c r="G16" s="8">
        <v>44</v>
      </c>
      <c r="H16" s="5">
        <v>5</v>
      </c>
      <c r="I16" s="5" t="s">
        <v>69</v>
      </c>
      <c r="J16" s="5" t="s">
        <v>70</v>
      </c>
      <c r="K16" s="2" t="s">
        <v>71</v>
      </c>
      <c r="L16" s="5" t="s">
        <v>70</v>
      </c>
      <c r="M16" s="2" t="s">
        <v>71</v>
      </c>
      <c r="N16" s="5" t="s">
        <v>72</v>
      </c>
      <c r="O16" s="5" t="s">
        <v>38</v>
      </c>
      <c r="P16" s="5" t="s">
        <v>39</v>
      </c>
      <c r="Q16" s="5" t="s">
        <v>40</v>
      </c>
      <c r="R16" s="5" t="s">
        <v>73</v>
      </c>
      <c r="S16" s="5" t="s">
        <v>40</v>
      </c>
      <c r="T16" s="5" t="s">
        <v>42</v>
      </c>
      <c r="U16" s="2">
        <v>1.4930000000000001</v>
      </c>
      <c r="V16" s="2">
        <v>1.2310000000000001</v>
      </c>
      <c r="W16" s="2">
        <v>7.0000000000000001E-3</v>
      </c>
      <c r="X16" s="2">
        <v>80.599999999999994</v>
      </c>
      <c r="Y16" s="2">
        <v>10.7</v>
      </c>
      <c r="Z16" s="2">
        <v>7.7</v>
      </c>
      <c r="AA16" s="5">
        <v>240</v>
      </c>
      <c r="AB16" s="5" t="s">
        <v>43</v>
      </c>
      <c r="AC16" s="5" t="s">
        <v>44</v>
      </c>
      <c r="AD16" s="2" t="s">
        <v>74</v>
      </c>
      <c r="AE16" s="1"/>
    </row>
    <row r="17" spans="1:31" ht="14.45">
      <c r="A17" s="11"/>
      <c r="B17" s="20"/>
      <c r="C17" s="2" t="s">
        <v>100</v>
      </c>
      <c r="D17" s="14" t="s">
        <v>101</v>
      </c>
      <c r="E17" s="2" t="s">
        <v>102</v>
      </c>
      <c r="F17" s="2" t="s">
        <v>68</v>
      </c>
      <c r="G17" s="8">
        <v>44</v>
      </c>
      <c r="H17" s="5">
        <v>5</v>
      </c>
      <c r="I17" s="5" t="s">
        <v>69</v>
      </c>
      <c r="J17" s="5" t="s">
        <v>70</v>
      </c>
      <c r="K17" s="2" t="s">
        <v>71</v>
      </c>
      <c r="L17" s="5" t="s">
        <v>70</v>
      </c>
      <c r="M17" s="2" t="s">
        <v>71</v>
      </c>
      <c r="N17" s="5" t="s">
        <v>72</v>
      </c>
      <c r="O17" s="5" t="s">
        <v>38</v>
      </c>
      <c r="P17" s="5" t="s">
        <v>39</v>
      </c>
      <c r="Q17" s="5" t="s">
        <v>40</v>
      </c>
      <c r="R17" s="5" t="s">
        <v>73</v>
      </c>
      <c r="S17" s="5" t="s">
        <v>40</v>
      </c>
      <c r="T17" s="5" t="s">
        <v>42</v>
      </c>
      <c r="U17" s="2">
        <v>1.6080000000000001</v>
      </c>
      <c r="V17" s="2">
        <v>1.3460000000000001</v>
      </c>
      <c r="W17" s="2">
        <v>7.0000000000000001E-3</v>
      </c>
      <c r="X17" s="2">
        <v>80.599999999999994</v>
      </c>
      <c r="Y17" s="2">
        <v>10.7</v>
      </c>
      <c r="Z17" s="2">
        <v>7.7</v>
      </c>
      <c r="AA17" s="5">
        <v>240</v>
      </c>
      <c r="AB17" s="5" t="s">
        <v>43</v>
      </c>
      <c r="AC17" s="5" t="s">
        <v>44</v>
      </c>
      <c r="AD17" s="2" t="s">
        <v>74</v>
      </c>
      <c r="AE17" s="1"/>
    </row>
    <row r="18" spans="1:31" ht="14.45">
      <c r="A18" s="11"/>
      <c r="B18" s="20"/>
      <c r="C18" s="2" t="s">
        <v>103</v>
      </c>
      <c r="D18" s="14" t="s">
        <v>104</v>
      </c>
      <c r="E18" s="2" t="s">
        <v>105</v>
      </c>
      <c r="F18" s="2" t="s">
        <v>78</v>
      </c>
      <c r="G18" s="8">
        <v>44</v>
      </c>
      <c r="H18" s="5">
        <v>5</v>
      </c>
      <c r="I18" s="5" t="s">
        <v>69</v>
      </c>
      <c r="J18" s="5" t="s">
        <v>70</v>
      </c>
      <c r="K18" s="2" t="s">
        <v>71</v>
      </c>
      <c r="L18" s="5" t="s">
        <v>70</v>
      </c>
      <c r="M18" s="2" t="s">
        <v>71</v>
      </c>
      <c r="N18" s="5" t="s">
        <v>72</v>
      </c>
      <c r="O18" s="5" t="s">
        <v>38</v>
      </c>
      <c r="P18" s="5" t="s">
        <v>39</v>
      </c>
      <c r="Q18" s="5" t="s">
        <v>40</v>
      </c>
      <c r="R18" s="5" t="s">
        <v>73</v>
      </c>
      <c r="S18" s="5" t="s">
        <v>40</v>
      </c>
      <c r="T18" s="5" t="s">
        <v>42</v>
      </c>
      <c r="U18" s="2">
        <v>1.647</v>
      </c>
      <c r="V18" s="2">
        <v>1.385</v>
      </c>
      <c r="W18" s="2">
        <v>7.0000000000000001E-3</v>
      </c>
      <c r="X18" s="2">
        <v>80.599999999999994</v>
      </c>
      <c r="Y18" s="2">
        <v>10.7</v>
      </c>
      <c r="Z18" s="2">
        <v>7.7</v>
      </c>
      <c r="AA18" s="5">
        <v>240</v>
      </c>
      <c r="AB18" s="5" t="s">
        <v>43</v>
      </c>
      <c r="AC18" s="5" t="s">
        <v>44</v>
      </c>
      <c r="AD18" s="2" t="s">
        <v>74</v>
      </c>
      <c r="AE18" s="1"/>
    </row>
    <row r="19" spans="1:31" ht="14.45">
      <c r="A19" s="11"/>
      <c r="B19" s="20"/>
      <c r="C19" s="2" t="s">
        <v>106</v>
      </c>
      <c r="D19" s="14" t="s">
        <v>107</v>
      </c>
      <c r="E19" s="2" t="s">
        <v>108</v>
      </c>
      <c r="F19" s="2" t="s">
        <v>68</v>
      </c>
      <c r="G19" s="8">
        <v>44</v>
      </c>
      <c r="H19" s="5">
        <v>5</v>
      </c>
      <c r="I19" s="5" t="s">
        <v>69</v>
      </c>
      <c r="J19" s="5" t="s">
        <v>70</v>
      </c>
      <c r="K19" s="2" t="s">
        <v>71</v>
      </c>
      <c r="L19" s="5" t="s">
        <v>70</v>
      </c>
      <c r="M19" s="2" t="s">
        <v>71</v>
      </c>
      <c r="N19" s="5" t="s">
        <v>72</v>
      </c>
      <c r="O19" s="5" t="s">
        <v>38</v>
      </c>
      <c r="P19" s="5" t="s">
        <v>39</v>
      </c>
      <c r="Q19" s="5" t="s">
        <v>40</v>
      </c>
      <c r="R19" s="5" t="s">
        <v>73</v>
      </c>
      <c r="S19" s="5" t="s">
        <v>40</v>
      </c>
      <c r="T19" s="5" t="s">
        <v>42</v>
      </c>
      <c r="U19" s="2">
        <v>1.579</v>
      </c>
      <c r="V19" s="2">
        <v>1.3169999999999999</v>
      </c>
      <c r="W19" s="2">
        <v>7.0000000000000001E-3</v>
      </c>
      <c r="X19" s="2">
        <v>80.599999999999994</v>
      </c>
      <c r="Y19" s="2">
        <v>10.7</v>
      </c>
      <c r="Z19" s="2">
        <v>7.7</v>
      </c>
      <c r="AA19" s="5">
        <v>240</v>
      </c>
      <c r="AB19" s="5" t="s">
        <v>43</v>
      </c>
      <c r="AC19" s="5" t="s">
        <v>44</v>
      </c>
      <c r="AD19" s="2" t="s">
        <v>74</v>
      </c>
      <c r="AE19" s="1"/>
    </row>
    <row r="20" spans="1:31" ht="14.45">
      <c r="A20" s="11"/>
      <c r="B20" s="20"/>
      <c r="C20" s="2" t="s">
        <v>109</v>
      </c>
      <c r="D20" s="14" t="s">
        <v>110</v>
      </c>
      <c r="E20" s="2" t="s">
        <v>111</v>
      </c>
      <c r="F20" s="2" t="s">
        <v>68</v>
      </c>
      <c r="G20" s="8">
        <v>44</v>
      </c>
      <c r="H20" s="5">
        <v>5</v>
      </c>
      <c r="I20" s="5" t="s">
        <v>69</v>
      </c>
      <c r="J20" s="5" t="s">
        <v>70</v>
      </c>
      <c r="K20" s="2" t="s">
        <v>71</v>
      </c>
      <c r="L20" s="5" t="s">
        <v>70</v>
      </c>
      <c r="M20" s="2" t="s">
        <v>71</v>
      </c>
      <c r="N20" s="5" t="s">
        <v>72</v>
      </c>
      <c r="O20" s="5" t="s">
        <v>38</v>
      </c>
      <c r="P20" s="5" t="s">
        <v>39</v>
      </c>
      <c r="Q20" s="5" t="s">
        <v>40</v>
      </c>
      <c r="R20" s="5" t="s">
        <v>73</v>
      </c>
      <c r="S20" s="5" t="s">
        <v>40</v>
      </c>
      <c r="T20" s="5" t="s">
        <v>42</v>
      </c>
      <c r="U20" s="2">
        <v>1.6870000000000001</v>
      </c>
      <c r="V20" s="2">
        <v>1.425</v>
      </c>
      <c r="W20" s="2">
        <v>7.0000000000000001E-3</v>
      </c>
      <c r="X20" s="2">
        <v>80.599999999999994</v>
      </c>
      <c r="Y20" s="2">
        <v>10.7</v>
      </c>
      <c r="Z20" s="2">
        <v>7.7</v>
      </c>
      <c r="AA20" s="5">
        <v>240</v>
      </c>
      <c r="AB20" s="5" t="s">
        <v>43</v>
      </c>
      <c r="AC20" s="5" t="s">
        <v>44</v>
      </c>
      <c r="AD20" s="2"/>
      <c r="AE20" s="1"/>
    </row>
    <row r="21" spans="1:31" ht="14.45">
      <c r="A21" s="11"/>
      <c r="B21" s="20"/>
      <c r="C21" s="2" t="s">
        <v>112</v>
      </c>
      <c r="D21" s="14" t="s">
        <v>113</v>
      </c>
      <c r="E21" s="2" t="s">
        <v>114</v>
      </c>
      <c r="F21" s="2" t="s">
        <v>115</v>
      </c>
      <c r="G21" s="8">
        <v>45</v>
      </c>
      <c r="H21" s="5">
        <v>5</v>
      </c>
      <c r="I21" s="5" t="s">
        <v>69</v>
      </c>
      <c r="J21" s="5" t="s">
        <v>70</v>
      </c>
      <c r="K21" s="2" t="s">
        <v>71</v>
      </c>
      <c r="L21" s="5" t="s">
        <v>70</v>
      </c>
      <c r="M21" s="2" t="s">
        <v>71</v>
      </c>
      <c r="N21" s="5" t="s">
        <v>72</v>
      </c>
      <c r="O21" s="5" t="s">
        <v>38</v>
      </c>
      <c r="P21" s="5" t="s">
        <v>39</v>
      </c>
      <c r="Q21" s="5" t="s">
        <v>40</v>
      </c>
      <c r="R21" s="5" t="s">
        <v>73</v>
      </c>
      <c r="S21" s="5" t="s">
        <v>40</v>
      </c>
      <c r="T21" s="5" t="s">
        <v>42</v>
      </c>
      <c r="U21" s="2">
        <v>0.91400000000000003</v>
      </c>
      <c r="V21" s="2">
        <v>0.65800000000000003</v>
      </c>
      <c r="W21" s="2">
        <v>7.0000000000000001E-3</v>
      </c>
      <c r="X21" s="2">
        <v>80.599999999999994</v>
      </c>
      <c r="Y21" s="2">
        <v>10.7</v>
      </c>
      <c r="Z21" s="2">
        <v>7.7</v>
      </c>
      <c r="AA21" s="5">
        <v>240</v>
      </c>
      <c r="AB21" s="5" t="s">
        <v>43</v>
      </c>
      <c r="AC21" s="5" t="s">
        <v>44</v>
      </c>
      <c r="AD21" s="2" t="s">
        <v>74</v>
      </c>
      <c r="AE21" s="1"/>
    </row>
    <row r="22" spans="1:31" ht="14.45">
      <c r="A22" s="5" t="s">
        <v>116</v>
      </c>
      <c r="B22" s="21">
        <v>46054</v>
      </c>
      <c r="C22" s="2" t="s">
        <v>117</v>
      </c>
      <c r="D22" s="14" t="s">
        <v>118</v>
      </c>
      <c r="E22" s="2" t="s">
        <v>119</v>
      </c>
      <c r="F22" s="2" t="s">
        <v>120</v>
      </c>
      <c r="G22" s="8">
        <v>90</v>
      </c>
      <c r="H22" s="5">
        <v>5</v>
      </c>
      <c r="I22" s="5" t="s">
        <v>69</v>
      </c>
      <c r="J22" s="5" t="s">
        <v>70</v>
      </c>
      <c r="K22" s="2" t="s">
        <v>71</v>
      </c>
      <c r="L22" s="5" t="s">
        <v>70</v>
      </c>
      <c r="M22" s="2" t="s">
        <v>71</v>
      </c>
      <c r="N22" s="5" t="s">
        <v>72</v>
      </c>
      <c r="O22" s="5" t="s">
        <v>38</v>
      </c>
      <c r="P22" s="5" t="s">
        <v>39</v>
      </c>
      <c r="Q22" s="5" t="s">
        <v>40</v>
      </c>
      <c r="R22" s="5" t="s">
        <v>73</v>
      </c>
      <c r="S22" s="5" t="s">
        <v>40</v>
      </c>
      <c r="T22" s="5" t="s">
        <v>42</v>
      </c>
      <c r="U22" s="2">
        <v>1.2430000000000001</v>
      </c>
      <c r="V22" s="2">
        <v>0.98699999999999999</v>
      </c>
      <c r="W22" s="2">
        <v>7.0000000000000001E-3</v>
      </c>
      <c r="X22" s="2">
        <v>80.599999999999994</v>
      </c>
      <c r="Y22" s="2">
        <v>10.7</v>
      </c>
      <c r="Z22" s="2">
        <v>7.7</v>
      </c>
      <c r="AA22" s="5">
        <v>240</v>
      </c>
      <c r="AB22" s="5" t="s">
        <v>43</v>
      </c>
      <c r="AC22" s="5" t="s">
        <v>44</v>
      </c>
      <c r="AD22" s="2" t="s">
        <v>74</v>
      </c>
      <c r="AE22" s="1"/>
    </row>
    <row r="23" spans="1:31" ht="14.45">
      <c r="C23" s="2" t="s">
        <v>121</v>
      </c>
      <c r="D23" s="14" t="s">
        <v>122</v>
      </c>
      <c r="E23" s="2" t="s">
        <v>123</v>
      </c>
      <c r="F23" s="2" t="s">
        <v>124</v>
      </c>
      <c r="G23" s="8">
        <v>90</v>
      </c>
      <c r="H23" s="5">
        <v>5</v>
      </c>
      <c r="I23" s="5" t="s">
        <v>69</v>
      </c>
      <c r="J23" s="5" t="s">
        <v>70</v>
      </c>
      <c r="K23" s="2" t="s">
        <v>71</v>
      </c>
      <c r="L23" s="5" t="s">
        <v>70</v>
      </c>
      <c r="M23" s="2" t="s">
        <v>71</v>
      </c>
      <c r="N23" s="5" t="s">
        <v>72</v>
      </c>
      <c r="O23" s="5" t="s">
        <v>38</v>
      </c>
      <c r="P23" s="5" t="s">
        <v>39</v>
      </c>
      <c r="Q23" s="5" t="s">
        <v>40</v>
      </c>
      <c r="R23" s="5" t="s">
        <v>73</v>
      </c>
      <c r="S23" s="5" t="s">
        <v>40</v>
      </c>
      <c r="T23" s="5" t="s">
        <v>125</v>
      </c>
      <c r="U23" s="2">
        <v>1.2689999999999999</v>
      </c>
      <c r="V23" s="2">
        <v>1.0129999999999999</v>
      </c>
      <c r="W23" s="2">
        <v>7.0000000000000001E-3</v>
      </c>
      <c r="X23" s="2">
        <v>80.599999999999994</v>
      </c>
      <c r="Y23" s="2">
        <v>10.7</v>
      </c>
      <c r="Z23" s="2">
        <v>7.7</v>
      </c>
      <c r="AA23" s="5">
        <v>240</v>
      </c>
      <c r="AB23" s="5" t="s">
        <v>43</v>
      </c>
      <c r="AC23" s="5" t="s">
        <v>44</v>
      </c>
      <c r="AD23" s="2" t="s">
        <v>126</v>
      </c>
      <c r="AE23" s="1"/>
    </row>
    <row r="24" spans="1:31" ht="14.45">
      <c r="A24" s="5" t="s">
        <v>116</v>
      </c>
      <c r="B24" s="21">
        <v>46266</v>
      </c>
      <c r="C24" s="2" t="s">
        <v>127</v>
      </c>
      <c r="D24" s="14" t="s">
        <v>128</v>
      </c>
      <c r="E24" s="2" t="s">
        <v>129</v>
      </c>
      <c r="F24" s="2" t="s">
        <v>130</v>
      </c>
      <c r="G24" s="8">
        <v>61</v>
      </c>
      <c r="H24" s="5">
        <v>5</v>
      </c>
      <c r="I24" s="5" t="s">
        <v>69</v>
      </c>
      <c r="J24" s="5" t="s">
        <v>70</v>
      </c>
      <c r="K24" s="2" t="s">
        <v>71</v>
      </c>
      <c r="L24" s="5" t="s">
        <v>70</v>
      </c>
      <c r="M24" s="2" t="s">
        <v>71</v>
      </c>
      <c r="N24" s="5" t="s">
        <v>72</v>
      </c>
      <c r="O24" s="5" t="s">
        <v>38</v>
      </c>
      <c r="P24" s="5" t="s">
        <v>39</v>
      </c>
      <c r="Q24" s="5" t="s">
        <v>40</v>
      </c>
      <c r="R24" s="5" t="s">
        <v>73</v>
      </c>
      <c r="S24" s="5" t="s">
        <v>40</v>
      </c>
      <c r="T24" s="5" t="s">
        <v>42</v>
      </c>
      <c r="U24" s="2">
        <v>1.8049999999999999</v>
      </c>
      <c r="V24" s="2">
        <v>1.5069999999999999</v>
      </c>
      <c r="W24" s="2">
        <v>1.0999999999999999E-2</v>
      </c>
      <c r="X24" s="2">
        <v>94.4</v>
      </c>
      <c r="Y24" s="2">
        <v>13.9</v>
      </c>
      <c r="Z24" s="2">
        <v>8.6999999999999993</v>
      </c>
      <c r="AA24" s="5">
        <v>240</v>
      </c>
      <c r="AB24" s="5" t="s">
        <v>43</v>
      </c>
      <c r="AC24" s="5" t="s">
        <v>44</v>
      </c>
      <c r="AD24" s="2" t="s">
        <v>131</v>
      </c>
      <c r="AE24" s="1"/>
    </row>
    <row r="25" spans="1:31" ht="14.45">
      <c r="A25" s="5" t="s">
        <v>116</v>
      </c>
      <c r="B25" s="21">
        <v>46266</v>
      </c>
      <c r="C25" s="2" t="s">
        <v>132</v>
      </c>
      <c r="D25" s="14" t="s">
        <v>133</v>
      </c>
      <c r="E25" s="2" t="s">
        <v>134</v>
      </c>
      <c r="F25" s="2" t="s">
        <v>130</v>
      </c>
      <c r="G25" s="8">
        <v>122</v>
      </c>
      <c r="H25" s="5">
        <v>5</v>
      </c>
      <c r="I25" s="5" t="s">
        <v>69</v>
      </c>
      <c r="J25" s="5" t="s">
        <v>70</v>
      </c>
      <c r="K25" s="2" t="s">
        <v>71</v>
      </c>
      <c r="L25" s="5" t="s">
        <v>70</v>
      </c>
      <c r="M25" s="2" t="s">
        <v>71</v>
      </c>
      <c r="N25" s="5" t="s">
        <v>72</v>
      </c>
      <c r="O25" s="5" t="s">
        <v>38</v>
      </c>
      <c r="P25" s="5" t="s">
        <v>39</v>
      </c>
      <c r="Q25" s="5" t="s">
        <v>40</v>
      </c>
      <c r="R25" s="5" t="s">
        <v>73</v>
      </c>
      <c r="S25" s="5" t="s">
        <v>40</v>
      </c>
      <c r="T25" s="5" t="s">
        <v>42</v>
      </c>
      <c r="U25" s="2">
        <v>2.1339999999999999</v>
      </c>
      <c r="V25" s="2">
        <v>1.8360000000000001</v>
      </c>
      <c r="W25" s="2">
        <v>1.0999999999999999E-2</v>
      </c>
      <c r="X25" s="2">
        <v>94.4</v>
      </c>
      <c r="Y25" s="2">
        <v>13.9</v>
      </c>
      <c r="Z25" s="2">
        <v>8.6999999999999993</v>
      </c>
      <c r="AA25" s="5">
        <v>240</v>
      </c>
      <c r="AB25" s="5" t="s">
        <v>43</v>
      </c>
      <c r="AC25" s="5" t="s">
        <v>44</v>
      </c>
      <c r="AD25" s="2" t="s">
        <v>135</v>
      </c>
      <c r="AE25" s="1"/>
    </row>
    <row r="26" spans="1:31" ht="14.45">
      <c r="A26" s="5" t="s">
        <v>116</v>
      </c>
      <c r="B26" s="21">
        <v>46266</v>
      </c>
      <c r="C26" s="2" t="s">
        <v>136</v>
      </c>
      <c r="D26" s="14" t="s">
        <v>137</v>
      </c>
      <c r="E26" s="2" t="s">
        <v>138</v>
      </c>
      <c r="F26" s="2" t="s">
        <v>130</v>
      </c>
      <c r="G26" s="8">
        <v>122</v>
      </c>
      <c r="H26" s="5">
        <v>5</v>
      </c>
      <c r="I26" s="5" t="s">
        <v>69</v>
      </c>
      <c r="J26" s="5" t="s">
        <v>70</v>
      </c>
      <c r="K26" s="2" t="s">
        <v>71</v>
      </c>
      <c r="L26" s="5" t="s">
        <v>70</v>
      </c>
      <c r="M26" s="2" t="s">
        <v>71</v>
      </c>
      <c r="N26" s="5" t="s">
        <v>72</v>
      </c>
      <c r="O26" s="5" t="s">
        <v>38</v>
      </c>
      <c r="P26" s="5" t="s">
        <v>39</v>
      </c>
      <c r="Q26" s="5" t="s">
        <v>40</v>
      </c>
      <c r="R26" s="5" t="s">
        <v>73</v>
      </c>
      <c r="S26" s="5" t="s">
        <v>40</v>
      </c>
      <c r="T26" s="5" t="s">
        <v>42</v>
      </c>
      <c r="U26" s="2">
        <v>2.16</v>
      </c>
      <c r="V26" s="2">
        <v>1.8620000000000001</v>
      </c>
      <c r="W26" s="2">
        <v>1.0999999999999999E-2</v>
      </c>
      <c r="X26" s="2">
        <v>94.4</v>
      </c>
      <c r="Y26" s="2">
        <v>13.9</v>
      </c>
      <c r="Z26" s="2">
        <v>8.6999999999999993</v>
      </c>
      <c r="AA26" s="5">
        <v>240</v>
      </c>
      <c r="AB26" s="5" t="s">
        <v>43</v>
      </c>
      <c r="AC26" s="5" t="s">
        <v>44</v>
      </c>
      <c r="AD26" s="2" t="s">
        <v>139</v>
      </c>
      <c r="AE26" s="1"/>
    </row>
    <row r="27" spans="1:31" ht="14.45">
      <c r="A27" s="5"/>
      <c r="B27" s="21"/>
      <c r="C27" s="2" t="s">
        <v>140</v>
      </c>
      <c r="D27" s="14" t="s">
        <v>141</v>
      </c>
      <c r="E27" s="2" t="s">
        <v>142</v>
      </c>
      <c r="F27" s="2" t="s">
        <v>115</v>
      </c>
      <c r="G27" s="8">
        <v>45</v>
      </c>
      <c r="H27" s="5">
        <v>5</v>
      </c>
      <c r="I27" s="5" t="s">
        <v>69</v>
      </c>
      <c r="J27" s="5" t="s">
        <v>70</v>
      </c>
      <c r="K27" s="2" t="s">
        <v>71</v>
      </c>
      <c r="L27" s="5" t="s">
        <v>70</v>
      </c>
      <c r="M27" s="2" t="s">
        <v>71</v>
      </c>
      <c r="N27" s="5" t="s">
        <v>72</v>
      </c>
      <c r="O27" s="5" t="s">
        <v>38</v>
      </c>
      <c r="P27" s="5" t="s">
        <v>39</v>
      </c>
      <c r="Q27" s="5" t="s">
        <v>40</v>
      </c>
      <c r="R27" s="5" t="s">
        <v>73</v>
      </c>
      <c r="S27" s="5" t="s">
        <v>40</v>
      </c>
      <c r="T27" s="5" t="s">
        <v>42</v>
      </c>
      <c r="U27" s="2">
        <v>0.95499999999999996</v>
      </c>
      <c r="V27" s="2">
        <v>0.69899999999999995</v>
      </c>
      <c r="W27" s="2">
        <v>7.0000000000000001E-3</v>
      </c>
      <c r="X27" s="2">
        <v>80.599999999999994</v>
      </c>
      <c r="Y27" s="2">
        <v>10.7</v>
      </c>
      <c r="Z27" s="2">
        <v>7.7</v>
      </c>
      <c r="AA27" s="5">
        <v>240</v>
      </c>
      <c r="AB27" s="5" t="s">
        <v>43</v>
      </c>
      <c r="AC27" s="5" t="s">
        <v>44</v>
      </c>
      <c r="AD27" s="2" t="s">
        <v>74</v>
      </c>
      <c r="AE27" s="1"/>
    </row>
    <row r="28" spans="1:31" ht="14.45">
      <c r="A28" s="5" t="s">
        <v>116</v>
      </c>
      <c r="B28" s="21">
        <v>46054</v>
      </c>
      <c r="C28" s="2" t="s">
        <v>143</v>
      </c>
      <c r="D28" s="14" t="s">
        <v>144</v>
      </c>
      <c r="E28" s="2" t="s">
        <v>145</v>
      </c>
      <c r="F28" s="2" t="s">
        <v>120</v>
      </c>
      <c r="G28" s="8">
        <v>90</v>
      </c>
      <c r="H28" s="5">
        <v>5</v>
      </c>
      <c r="I28" s="5" t="s">
        <v>69</v>
      </c>
      <c r="J28" s="5" t="s">
        <v>70</v>
      </c>
      <c r="K28" s="2" t="s">
        <v>71</v>
      </c>
      <c r="L28" s="5" t="s">
        <v>70</v>
      </c>
      <c r="M28" s="2" t="s">
        <v>71</v>
      </c>
      <c r="N28" s="5" t="s">
        <v>72</v>
      </c>
      <c r="O28" s="5" t="s">
        <v>38</v>
      </c>
      <c r="P28" s="5" t="s">
        <v>39</v>
      </c>
      <c r="Q28" s="5" t="s">
        <v>40</v>
      </c>
      <c r="R28" s="5" t="s">
        <v>73</v>
      </c>
      <c r="S28" s="5" t="s">
        <v>40</v>
      </c>
      <c r="T28" s="5" t="s">
        <v>42</v>
      </c>
      <c r="U28" s="2">
        <v>1.304</v>
      </c>
      <c r="V28" s="2">
        <v>1.048</v>
      </c>
      <c r="W28" s="2">
        <v>7.0000000000000001E-3</v>
      </c>
      <c r="X28" s="2">
        <v>80.599999999999994</v>
      </c>
      <c r="Y28" s="2">
        <v>10.7</v>
      </c>
      <c r="Z28" s="2">
        <v>7.7</v>
      </c>
      <c r="AA28" s="5">
        <v>240</v>
      </c>
      <c r="AB28" s="5" t="s">
        <v>43</v>
      </c>
      <c r="AC28" s="5" t="s">
        <v>44</v>
      </c>
      <c r="AD28" s="2" t="s">
        <v>74</v>
      </c>
      <c r="AE28" s="1"/>
    </row>
    <row r="29" spans="1:31" ht="14.45">
      <c r="C29" s="2" t="s">
        <v>146</v>
      </c>
      <c r="D29" s="14" t="s">
        <v>147</v>
      </c>
      <c r="E29" s="2" t="s">
        <v>148</v>
      </c>
      <c r="F29" s="2" t="s">
        <v>124</v>
      </c>
      <c r="G29" s="8">
        <v>90</v>
      </c>
      <c r="H29" s="5">
        <v>5</v>
      </c>
      <c r="I29" s="5" t="s">
        <v>69</v>
      </c>
      <c r="J29" s="5" t="s">
        <v>70</v>
      </c>
      <c r="K29" s="2" t="s">
        <v>71</v>
      </c>
      <c r="L29" s="5" t="s">
        <v>70</v>
      </c>
      <c r="M29" s="2" t="s">
        <v>71</v>
      </c>
      <c r="N29" s="5" t="s">
        <v>72</v>
      </c>
      <c r="O29" s="5" t="s">
        <v>38</v>
      </c>
      <c r="P29" s="5" t="s">
        <v>39</v>
      </c>
      <c r="Q29" s="5" t="s">
        <v>40</v>
      </c>
      <c r="R29" s="5" t="s">
        <v>73</v>
      </c>
      <c r="S29" s="5" t="s">
        <v>40</v>
      </c>
      <c r="T29" s="5" t="s">
        <v>125</v>
      </c>
      <c r="U29" s="2">
        <v>1.33</v>
      </c>
      <c r="V29" s="2">
        <v>1.0740000000000001</v>
      </c>
      <c r="W29" s="2">
        <v>7.0000000000000001E-3</v>
      </c>
      <c r="X29" s="2">
        <v>80.599999999999994</v>
      </c>
      <c r="Y29" s="2">
        <v>10.7</v>
      </c>
      <c r="Z29" s="2">
        <v>7.7</v>
      </c>
      <c r="AA29" s="5">
        <v>240</v>
      </c>
      <c r="AB29" s="5" t="s">
        <v>43</v>
      </c>
      <c r="AC29" s="5" t="s">
        <v>44</v>
      </c>
      <c r="AD29" s="2" t="s">
        <v>126</v>
      </c>
      <c r="AE29" s="1"/>
    </row>
    <row r="30" spans="1:31" ht="14.45">
      <c r="A30" s="5" t="s">
        <v>116</v>
      </c>
      <c r="B30" s="21">
        <v>46266</v>
      </c>
      <c r="C30" s="2" t="s">
        <v>149</v>
      </c>
      <c r="D30" s="14" t="s">
        <v>150</v>
      </c>
      <c r="E30" s="2" t="s">
        <v>151</v>
      </c>
      <c r="F30" s="2" t="s">
        <v>130</v>
      </c>
      <c r="G30" s="8">
        <v>61</v>
      </c>
      <c r="H30" s="5">
        <v>5</v>
      </c>
      <c r="I30" s="5" t="s">
        <v>69</v>
      </c>
      <c r="J30" s="5" t="s">
        <v>70</v>
      </c>
      <c r="K30" s="2" t="s">
        <v>71</v>
      </c>
      <c r="L30" s="5" t="s">
        <v>70</v>
      </c>
      <c r="M30" s="2" t="s">
        <v>71</v>
      </c>
      <c r="N30" s="5" t="s">
        <v>72</v>
      </c>
      <c r="O30" s="5" t="s">
        <v>38</v>
      </c>
      <c r="P30" s="5" t="s">
        <v>39</v>
      </c>
      <c r="Q30" s="5" t="s">
        <v>40</v>
      </c>
      <c r="R30" s="5" t="s">
        <v>73</v>
      </c>
      <c r="S30" s="5" t="s">
        <v>40</v>
      </c>
      <c r="T30" s="5" t="s">
        <v>42</v>
      </c>
      <c r="U30" s="2">
        <v>1.8460000000000001</v>
      </c>
      <c r="V30" s="2">
        <v>1.548</v>
      </c>
      <c r="W30" s="2">
        <v>1.0999999999999999E-2</v>
      </c>
      <c r="X30" s="2">
        <v>94.4</v>
      </c>
      <c r="Y30" s="2">
        <v>13.9</v>
      </c>
      <c r="Z30" s="2">
        <v>8.6999999999999993</v>
      </c>
      <c r="AA30" s="5">
        <v>240</v>
      </c>
      <c r="AB30" s="5" t="s">
        <v>43</v>
      </c>
      <c r="AC30" s="5" t="s">
        <v>44</v>
      </c>
      <c r="AD30" s="2" t="s">
        <v>131</v>
      </c>
      <c r="AE30" s="1"/>
    </row>
    <row r="31" spans="1:31" ht="14.45">
      <c r="A31" s="5" t="s">
        <v>116</v>
      </c>
      <c r="B31" s="21">
        <v>46266</v>
      </c>
      <c r="C31" s="2" t="s">
        <v>152</v>
      </c>
      <c r="D31" s="14" t="s">
        <v>153</v>
      </c>
      <c r="E31" s="2" t="s">
        <v>154</v>
      </c>
      <c r="F31" s="2" t="s">
        <v>130</v>
      </c>
      <c r="G31" s="8">
        <v>122</v>
      </c>
      <c r="H31" s="5">
        <v>5</v>
      </c>
      <c r="I31" s="5" t="s">
        <v>69</v>
      </c>
      <c r="J31" s="5" t="s">
        <v>70</v>
      </c>
      <c r="K31" s="2" t="s">
        <v>71</v>
      </c>
      <c r="L31" s="5" t="s">
        <v>70</v>
      </c>
      <c r="M31" s="2" t="s">
        <v>71</v>
      </c>
      <c r="N31" s="5" t="s">
        <v>72</v>
      </c>
      <c r="O31" s="5" t="s">
        <v>38</v>
      </c>
      <c r="P31" s="5" t="s">
        <v>39</v>
      </c>
      <c r="Q31" s="5" t="s">
        <v>40</v>
      </c>
      <c r="R31" s="5" t="s">
        <v>73</v>
      </c>
      <c r="S31" s="5" t="s">
        <v>40</v>
      </c>
      <c r="T31" s="5" t="s">
        <v>42</v>
      </c>
      <c r="U31" s="2">
        <v>2.1949999999999998</v>
      </c>
      <c r="V31" s="2">
        <v>1.897</v>
      </c>
      <c r="W31" s="2">
        <v>1.0999999999999999E-2</v>
      </c>
      <c r="X31" s="2">
        <v>94.4</v>
      </c>
      <c r="Y31" s="2">
        <v>13.9</v>
      </c>
      <c r="Z31" s="2">
        <v>8.6999999999999993</v>
      </c>
      <c r="AA31" s="5">
        <v>240</v>
      </c>
      <c r="AB31" s="5" t="s">
        <v>43</v>
      </c>
      <c r="AC31" s="5" t="s">
        <v>44</v>
      </c>
      <c r="AD31" s="2" t="s">
        <v>135</v>
      </c>
      <c r="AE31" s="1"/>
    </row>
    <row r="32" spans="1:31" ht="14.45">
      <c r="A32" s="5" t="s">
        <v>116</v>
      </c>
      <c r="B32" s="21">
        <v>46266</v>
      </c>
      <c r="C32" s="2" t="s">
        <v>155</v>
      </c>
      <c r="D32" s="14" t="s">
        <v>156</v>
      </c>
      <c r="E32" s="2" t="s">
        <v>157</v>
      </c>
      <c r="F32" s="2" t="s">
        <v>130</v>
      </c>
      <c r="G32" s="8">
        <v>122</v>
      </c>
      <c r="H32" s="5">
        <v>5</v>
      </c>
      <c r="I32" s="5" t="s">
        <v>69</v>
      </c>
      <c r="J32" s="5" t="s">
        <v>70</v>
      </c>
      <c r="K32" s="2" t="s">
        <v>71</v>
      </c>
      <c r="L32" s="5" t="s">
        <v>70</v>
      </c>
      <c r="M32" s="2" t="s">
        <v>71</v>
      </c>
      <c r="N32" s="5" t="s">
        <v>72</v>
      </c>
      <c r="O32" s="5" t="s">
        <v>38</v>
      </c>
      <c r="P32" s="5" t="s">
        <v>39</v>
      </c>
      <c r="Q32" s="5" t="s">
        <v>40</v>
      </c>
      <c r="R32" s="5" t="s">
        <v>73</v>
      </c>
      <c r="S32" s="5" t="s">
        <v>40</v>
      </c>
      <c r="T32" s="5" t="s">
        <v>42</v>
      </c>
      <c r="U32" s="2">
        <v>2.2210000000000001</v>
      </c>
      <c r="V32" s="2">
        <v>1.923</v>
      </c>
      <c r="W32" s="2">
        <v>1.0999999999999999E-2</v>
      </c>
      <c r="X32" s="2">
        <v>94.4</v>
      </c>
      <c r="Y32" s="2">
        <v>13.9</v>
      </c>
      <c r="Z32" s="2">
        <v>8.6999999999999993</v>
      </c>
      <c r="AA32" s="5">
        <v>240</v>
      </c>
      <c r="AB32" s="5" t="s">
        <v>43</v>
      </c>
      <c r="AC32" s="5" t="s">
        <v>44</v>
      </c>
      <c r="AD32" s="2" t="s">
        <v>139</v>
      </c>
      <c r="AE32" s="1"/>
    </row>
    <row r="33" spans="1:31" ht="14.45">
      <c r="A33" s="5"/>
      <c r="B33" s="21"/>
      <c r="C33" s="2" t="s">
        <v>158</v>
      </c>
      <c r="D33" s="14" t="s">
        <v>159</v>
      </c>
      <c r="E33" s="2" t="s">
        <v>160</v>
      </c>
      <c r="F33" s="2" t="s">
        <v>115</v>
      </c>
      <c r="G33" s="8">
        <v>45</v>
      </c>
      <c r="H33" s="5">
        <v>5</v>
      </c>
      <c r="I33" s="5" t="s">
        <v>69</v>
      </c>
      <c r="J33" s="5" t="s">
        <v>70</v>
      </c>
      <c r="K33" s="2" t="s">
        <v>71</v>
      </c>
      <c r="L33" s="5" t="s">
        <v>70</v>
      </c>
      <c r="M33" s="2" t="s">
        <v>71</v>
      </c>
      <c r="N33" s="5" t="s">
        <v>72</v>
      </c>
      <c r="O33" s="5" t="s">
        <v>38</v>
      </c>
      <c r="P33" s="5" t="s">
        <v>39</v>
      </c>
      <c r="Q33" s="5" t="s">
        <v>40</v>
      </c>
      <c r="R33" s="5" t="s">
        <v>73</v>
      </c>
      <c r="S33" s="5" t="s">
        <v>40</v>
      </c>
      <c r="T33" s="5" t="s">
        <v>42</v>
      </c>
      <c r="U33" s="2">
        <v>1.016</v>
      </c>
      <c r="V33" s="2">
        <v>0.76</v>
      </c>
      <c r="W33" s="2">
        <v>7.0000000000000001E-3</v>
      </c>
      <c r="X33" s="2">
        <v>80.599999999999994</v>
      </c>
      <c r="Y33" s="2">
        <v>10.7</v>
      </c>
      <c r="Z33" s="2">
        <v>7.7</v>
      </c>
      <c r="AA33" s="5">
        <v>240</v>
      </c>
      <c r="AB33" s="5" t="s">
        <v>43</v>
      </c>
      <c r="AC33" s="5" t="s">
        <v>44</v>
      </c>
      <c r="AD33" s="2" t="s">
        <v>74</v>
      </c>
      <c r="AE33" s="1"/>
    </row>
    <row r="34" spans="1:31" ht="14.45">
      <c r="A34" s="5" t="s">
        <v>116</v>
      </c>
      <c r="B34" s="21">
        <v>46054</v>
      </c>
      <c r="C34" s="2" t="s">
        <v>161</v>
      </c>
      <c r="D34" s="14" t="s">
        <v>162</v>
      </c>
      <c r="E34" s="2" t="s">
        <v>163</v>
      </c>
      <c r="F34" s="2" t="s">
        <v>120</v>
      </c>
      <c r="G34" s="8">
        <v>90</v>
      </c>
      <c r="H34" s="5">
        <v>5</v>
      </c>
      <c r="I34" s="5" t="s">
        <v>69</v>
      </c>
      <c r="J34" s="5" t="s">
        <v>70</v>
      </c>
      <c r="K34" s="2" t="s">
        <v>71</v>
      </c>
      <c r="L34" s="5" t="s">
        <v>70</v>
      </c>
      <c r="M34" s="2" t="s">
        <v>71</v>
      </c>
      <c r="N34" s="5" t="s">
        <v>72</v>
      </c>
      <c r="O34" s="5" t="s">
        <v>38</v>
      </c>
      <c r="P34" s="5" t="s">
        <v>39</v>
      </c>
      <c r="Q34" s="5" t="s">
        <v>40</v>
      </c>
      <c r="R34" s="5" t="s">
        <v>73</v>
      </c>
      <c r="S34" s="5" t="s">
        <v>40</v>
      </c>
      <c r="T34" s="5" t="s">
        <v>42</v>
      </c>
      <c r="U34" s="2">
        <v>1.345</v>
      </c>
      <c r="V34" s="2">
        <v>1.089</v>
      </c>
      <c r="W34" s="2">
        <v>7.0000000000000001E-3</v>
      </c>
      <c r="X34" s="2">
        <v>80.599999999999994</v>
      </c>
      <c r="Y34" s="2">
        <v>10.7</v>
      </c>
      <c r="Z34" s="2">
        <v>7.7</v>
      </c>
      <c r="AA34" s="5">
        <v>240</v>
      </c>
      <c r="AB34" s="5" t="s">
        <v>43</v>
      </c>
      <c r="AC34" s="5" t="s">
        <v>44</v>
      </c>
      <c r="AD34" s="2" t="s">
        <v>74</v>
      </c>
      <c r="AE34" s="1"/>
    </row>
    <row r="35" spans="1:31" ht="14.45">
      <c r="A35" s="5" t="s">
        <v>116</v>
      </c>
      <c r="B35" s="21">
        <v>46266</v>
      </c>
      <c r="C35" s="2" t="s">
        <v>164</v>
      </c>
      <c r="D35" s="14" t="s">
        <v>165</v>
      </c>
      <c r="E35" s="2" t="s">
        <v>166</v>
      </c>
      <c r="F35" s="2" t="s">
        <v>130</v>
      </c>
      <c r="G35" s="8">
        <v>61</v>
      </c>
      <c r="H35" s="5">
        <v>5</v>
      </c>
      <c r="I35" s="5" t="s">
        <v>69</v>
      </c>
      <c r="J35" s="5" t="s">
        <v>70</v>
      </c>
      <c r="K35" s="2" t="s">
        <v>71</v>
      </c>
      <c r="L35" s="5" t="s">
        <v>70</v>
      </c>
      <c r="M35" s="2" t="s">
        <v>71</v>
      </c>
      <c r="N35" s="5" t="s">
        <v>72</v>
      </c>
      <c r="O35" s="5" t="s">
        <v>38</v>
      </c>
      <c r="P35" s="5" t="s">
        <v>39</v>
      </c>
      <c r="Q35" s="5" t="s">
        <v>40</v>
      </c>
      <c r="R35" s="5" t="s">
        <v>73</v>
      </c>
      <c r="S35" s="5" t="s">
        <v>40</v>
      </c>
      <c r="T35" s="5" t="s">
        <v>42</v>
      </c>
      <c r="U35" s="2">
        <v>1.907</v>
      </c>
      <c r="V35" s="2">
        <v>1.609</v>
      </c>
      <c r="W35" s="2">
        <v>1.0999999999999999E-2</v>
      </c>
      <c r="X35" s="2">
        <v>94.4</v>
      </c>
      <c r="Y35" s="2">
        <v>13.9</v>
      </c>
      <c r="Z35" s="2">
        <v>8.6999999999999993</v>
      </c>
      <c r="AA35" s="5">
        <v>240</v>
      </c>
      <c r="AB35" s="5" t="s">
        <v>43</v>
      </c>
      <c r="AC35" s="5" t="s">
        <v>44</v>
      </c>
      <c r="AD35" s="2" t="s">
        <v>131</v>
      </c>
      <c r="AE35" s="1"/>
    </row>
    <row r="36" spans="1:31" ht="14.45">
      <c r="A36" s="5" t="s">
        <v>116</v>
      </c>
      <c r="B36" s="21">
        <v>46266</v>
      </c>
      <c r="C36" s="2" t="s">
        <v>167</v>
      </c>
      <c r="D36" s="14" t="s">
        <v>168</v>
      </c>
      <c r="E36" s="2" t="s">
        <v>169</v>
      </c>
      <c r="F36" s="2" t="s">
        <v>130</v>
      </c>
      <c r="G36" s="8">
        <v>122</v>
      </c>
      <c r="H36" s="5">
        <v>5</v>
      </c>
      <c r="I36" s="5" t="s">
        <v>69</v>
      </c>
      <c r="J36" s="5" t="s">
        <v>70</v>
      </c>
      <c r="K36" s="2" t="s">
        <v>71</v>
      </c>
      <c r="L36" s="5" t="s">
        <v>70</v>
      </c>
      <c r="M36" s="2" t="s">
        <v>71</v>
      </c>
      <c r="N36" s="5" t="s">
        <v>72</v>
      </c>
      <c r="O36" s="5" t="s">
        <v>38</v>
      </c>
      <c r="P36" s="5" t="s">
        <v>39</v>
      </c>
      <c r="Q36" s="5" t="s">
        <v>40</v>
      </c>
      <c r="R36" s="5" t="s">
        <v>73</v>
      </c>
      <c r="S36" s="5" t="s">
        <v>40</v>
      </c>
      <c r="T36" s="5" t="s">
        <v>42</v>
      </c>
      <c r="U36" s="2">
        <v>2.2360000000000002</v>
      </c>
      <c r="V36" s="2">
        <v>1.9379999999999999</v>
      </c>
      <c r="W36" s="2">
        <v>1.0999999999999999E-2</v>
      </c>
      <c r="X36" s="2">
        <v>94.4</v>
      </c>
      <c r="Y36" s="2">
        <v>13.9</v>
      </c>
      <c r="Z36" s="2">
        <v>8.6999999999999993</v>
      </c>
      <c r="AA36" s="5">
        <v>240</v>
      </c>
      <c r="AB36" s="5" t="s">
        <v>43</v>
      </c>
      <c r="AC36" s="5" t="s">
        <v>44</v>
      </c>
      <c r="AD36" s="2" t="s">
        <v>135</v>
      </c>
      <c r="AE36" s="1"/>
    </row>
    <row r="37" spans="1:31" ht="14.45">
      <c r="A37" s="5" t="s">
        <v>116</v>
      </c>
      <c r="B37" s="21">
        <v>46266</v>
      </c>
      <c r="C37" s="2" t="s">
        <v>170</v>
      </c>
      <c r="D37" s="14" t="s">
        <v>171</v>
      </c>
      <c r="E37" s="2" t="s">
        <v>172</v>
      </c>
      <c r="F37" s="2" t="s">
        <v>130</v>
      </c>
      <c r="G37" s="8">
        <v>122</v>
      </c>
      <c r="H37" s="5">
        <v>5</v>
      </c>
      <c r="I37" s="5" t="s">
        <v>69</v>
      </c>
      <c r="J37" s="5" t="s">
        <v>70</v>
      </c>
      <c r="K37" s="2" t="s">
        <v>71</v>
      </c>
      <c r="L37" s="5" t="s">
        <v>70</v>
      </c>
      <c r="M37" s="2" t="s">
        <v>71</v>
      </c>
      <c r="N37" s="5" t="s">
        <v>72</v>
      </c>
      <c r="O37" s="5" t="s">
        <v>38</v>
      </c>
      <c r="P37" s="5" t="s">
        <v>39</v>
      </c>
      <c r="Q37" s="5" t="s">
        <v>40</v>
      </c>
      <c r="R37" s="5" t="s">
        <v>73</v>
      </c>
      <c r="S37" s="5" t="s">
        <v>40</v>
      </c>
      <c r="T37" s="5" t="s">
        <v>42</v>
      </c>
      <c r="U37" s="2">
        <v>2.262</v>
      </c>
      <c r="V37" s="2">
        <v>1.964</v>
      </c>
      <c r="W37" s="2">
        <v>1.0999999999999999E-2</v>
      </c>
      <c r="X37" s="2">
        <v>94.4</v>
      </c>
      <c r="Y37" s="2">
        <v>13.9</v>
      </c>
      <c r="Z37" s="2">
        <v>8.6999999999999993</v>
      </c>
      <c r="AA37" s="5">
        <v>240</v>
      </c>
      <c r="AB37" s="5" t="s">
        <v>43</v>
      </c>
      <c r="AC37" s="5" t="s">
        <v>44</v>
      </c>
      <c r="AD37" s="2" t="s">
        <v>139</v>
      </c>
      <c r="AE37" s="1"/>
    </row>
    <row r="38" spans="1:31" ht="14.45">
      <c r="A38" s="11"/>
      <c r="B38" s="20"/>
      <c r="C38" s="2" t="s">
        <v>173</v>
      </c>
      <c r="D38" s="14" t="s">
        <v>174</v>
      </c>
      <c r="E38" s="2" t="s">
        <v>175</v>
      </c>
      <c r="F38" s="2"/>
      <c r="G38" s="8">
        <v>45</v>
      </c>
      <c r="H38" s="5">
        <v>5</v>
      </c>
      <c r="I38" s="5" t="s">
        <v>69</v>
      </c>
      <c r="J38" s="5" t="s">
        <v>70</v>
      </c>
      <c r="K38" s="2" t="s">
        <v>71</v>
      </c>
      <c r="L38" s="5" t="s">
        <v>70</v>
      </c>
      <c r="M38" s="2" t="s">
        <v>71</v>
      </c>
      <c r="N38" s="5" t="s">
        <v>72</v>
      </c>
      <c r="O38" s="5" t="s">
        <v>38</v>
      </c>
      <c r="P38" s="5" t="s">
        <v>39</v>
      </c>
      <c r="Q38" s="5" t="s">
        <v>40</v>
      </c>
      <c r="R38" s="5" t="s">
        <v>73</v>
      </c>
      <c r="S38" s="5" t="s">
        <v>40</v>
      </c>
      <c r="T38" s="5" t="s">
        <v>42</v>
      </c>
      <c r="U38" s="2">
        <v>1.5529999999999999</v>
      </c>
      <c r="V38" s="2">
        <v>1.2969999999999999</v>
      </c>
      <c r="W38" s="2">
        <v>7.0000000000000001E-3</v>
      </c>
      <c r="X38" s="2">
        <v>80.599999999999994</v>
      </c>
      <c r="Y38" s="2">
        <v>10.7</v>
      </c>
      <c r="Z38" s="2">
        <v>7.7</v>
      </c>
      <c r="AA38" s="5">
        <v>240</v>
      </c>
      <c r="AB38" s="5" t="s">
        <v>43</v>
      </c>
      <c r="AC38" s="5" t="s">
        <v>44</v>
      </c>
      <c r="AD38" s="2" t="s">
        <v>74</v>
      </c>
      <c r="AE38" s="1"/>
    </row>
    <row r="39" spans="1:31" ht="14.45">
      <c r="A39" s="11"/>
      <c r="B39" s="20"/>
      <c r="C39" s="2" t="s">
        <v>176</v>
      </c>
      <c r="D39" s="14" t="s">
        <v>177</v>
      </c>
      <c r="E39" s="2" t="s">
        <v>178</v>
      </c>
      <c r="F39" s="2"/>
      <c r="G39" s="8">
        <v>45</v>
      </c>
      <c r="H39" s="5">
        <v>5</v>
      </c>
      <c r="I39" s="5" t="s">
        <v>69</v>
      </c>
      <c r="J39" s="5" t="s">
        <v>70</v>
      </c>
      <c r="K39" s="2" t="s">
        <v>71</v>
      </c>
      <c r="L39" s="5" t="s">
        <v>70</v>
      </c>
      <c r="M39" s="2" t="s">
        <v>71</v>
      </c>
      <c r="N39" s="5" t="s">
        <v>72</v>
      </c>
      <c r="O39" s="5" t="s">
        <v>38</v>
      </c>
      <c r="P39" s="5" t="s">
        <v>39</v>
      </c>
      <c r="Q39" s="5" t="s">
        <v>40</v>
      </c>
      <c r="R39" s="5" t="s">
        <v>73</v>
      </c>
      <c r="S39" s="5" t="s">
        <v>40</v>
      </c>
      <c r="T39" s="5" t="s">
        <v>42</v>
      </c>
      <c r="U39" s="2">
        <v>1.5980000000000001</v>
      </c>
      <c r="V39" s="2">
        <v>1.3420000000000001</v>
      </c>
      <c r="W39" s="2">
        <v>7.0000000000000001E-3</v>
      </c>
      <c r="X39" s="2">
        <v>80.599999999999994</v>
      </c>
      <c r="Y39" s="2">
        <v>10.7</v>
      </c>
      <c r="Z39" s="2">
        <v>7.7</v>
      </c>
      <c r="AA39" s="5">
        <v>240</v>
      </c>
      <c r="AB39" s="5" t="s">
        <v>43</v>
      </c>
      <c r="AC39" s="5" t="s">
        <v>44</v>
      </c>
      <c r="AD39" s="2" t="s">
        <v>74</v>
      </c>
      <c r="AE39" s="1"/>
    </row>
    <row r="40" spans="1:31" ht="14.45">
      <c r="C40" s="2" t="s">
        <v>179</v>
      </c>
      <c r="D40" s="14" t="s">
        <v>180</v>
      </c>
      <c r="E40" s="2" t="s">
        <v>181</v>
      </c>
      <c r="F40" s="2" t="s">
        <v>115</v>
      </c>
      <c r="G40" s="8">
        <v>45</v>
      </c>
      <c r="H40" s="5">
        <v>5</v>
      </c>
      <c r="I40" s="5" t="s">
        <v>69</v>
      </c>
      <c r="J40" s="5" t="s">
        <v>70</v>
      </c>
      <c r="K40" s="2" t="s">
        <v>71</v>
      </c>
      <c r="L40" s="5" t="s">
        <v>70</v>
      </c>
      <c r="M40" s="2" t="s">
        <v>71</v>
      </c>
      <c r="N40" s="5" t="s">
        <v>72</v>
      </c>
      <c r="O40" s="5" t="s">
        <v>38</v>
      </c>
      <c r="P40" s="5" t="s">
        <v>39</v>
      </c>
      <c r="Q40" s="5" t="s">
        <v>40</v>
      </c>
      <c r="R40" s="5" t="s">
        <v>73</v>
      </c>
      <c r="S40" s="5" t="s">
        <v>40</v>
      </c>
      <c r="T40" s="5" t="s">
        <v>42</v>
      </c>
      <c r="U40" s="2">
        <v>0.995</v>
      </c>
      <c r="V40" s="2">
        <v>0.73899999999999999</v>
      </c>
      <c r="W40" s="2">
        <v>7.0000000000000001E-3</v>
      </c>
      <c r="X40" s="2">
        <v>80.599999999999994</v>
      </c>
      <c r="Y40" s="2">
        <v>10.7</v>
      </c>
      <c r="Z40" s="2">
        <v>7.7</v>
      </c>
      <c r="AA40" s="5">
        <v>240</v>
      </c>
      <c r="AB40" s="5" t="s">
        <v>43</v>
      </c>
      <c r="AC40" s="5" t="s">
        <v>44</v>
      </c>
      <c r="AD40" s="2" t="s">
        <v>74</v>
      </c>
      <c r="AE40" s="1"/>
    </row>
    <row r="41" spans="1:31" ht="14.45">
      <c r="A41" s="5" t="s">
        <v>116</v>
      </c>
      <c r="B41" s="21">
        <v>46266</v>
      </c>
      <c r="C41" s="2" t="s">
        <v>182</v>
      </c>
      <c r="D41" s="14" t="s">
        <v>183</v>
      </c>
      <c r="E41" s="2" t="s">
        <v>184</v>
      </c>
      <c r="F41" s="2" t="s">
        <v>130</v>
      </c>
      <c r="G41" s="8">
        <v>61</v>
      </c>
      <c r="H41" s="5">
        <v>5</v>
      </c>
      <c r="I41" s="5" t="s">
        <v>69</v>
      </c>
      <c r="J41" s="5" t="s">
        <v>70</v>
      </c>
      <c r="K41" s="2" t="s">
        <v>71</v>
      </c>
      <c r="L41" s="5" t="s">
        <v>70</v>
      </c>
      <c r="M41" s="2" t="s">
        <v>71</v>
      </c>
      <c r="N41" s="5" t="s">
        <v>72</v>
      </c>
      <c r="O41" s="5" t="s">
        <v>38</v>
      </c>
      <c r="P41" s="5" t="s">
        <v>39</v>
      </c>
      <c r="Q41" s="5" t="s">
        <v>40</v>
      </c>
      <c r="R41" s="5" t="s">
        <v>73</v>
      </c>
      <c r="S41" s="5" t="s">
        <v>40</v>
      </c>
      <c r="T41" s="5" t="s">
        <v>42</v>
      </c>
      <c r="U41" s="2">
        <v>1.998</v>
      </c>
      <c r="V41" s="2">
        <v>1.7</v>
      </c>
      <c r="W41" s="2">
        <v>1.0999999999999999E-2</v>
      </c>
      <c r="X41" s="2">
        <v>94.4</v>
      </c>
      <c r="Y41" s="2">
        <v>13.9</v>
      </c>
      <c r="Z41" s="2">
        <v>8.6999999999999993</v>
      </c>
      <c r="AA41" s="5">
        <v>240</v>
      </c>
      <c r="AB41" s="5" t="s">
        <v>43</v>
      </c>
      <c r="AC41" s="5" t="s">
        <v>44</v>
      </c>
      <c r="AD41" s="2" t="s">
        <v>131</v>
      </c>
      <c r="AE41" s="1"/>
    </row>
    <row r="42" spans="1:31" ht="14.45">
      <c r="A42" s="5" t="s">
        <v>116</v>
      </c>
      <c r="B42" s="21">
        <v>46266</v>
      </c>
      <c r="C42" s="2" t="s">
        <v>185</v>
      </c>
      <c r="D42" s="14" t="s">
        <v>186</v>
      </c>
      <c r="E42" s="2" t="s">
        <v>187</v>
      </c>
      <c r="F42" s="2" t="s">
        <v>130</v>
      </c>
      <c r="G42" s="8">
        <v>122</v>
      </c>
      <c r="H42" s="5">
        <v>5</v>
      </c>
      <c r="I42" s="5" t="s">
        <v>69</v>
      </c>
      <c r="J42" s="5" t="s">
        <v>70</v>
      </c>
      <c r="K42" s="2" t="s">
        <v>71</v>
      </c>
      <c r="L42" s="5" t="s">
        <v>70</v>
      </c>
      <c r="M42" s="2" t="s">
        <v>71</v>
      </c>
      <c r="N42" s="5" t="s">
        <v>72</v>
      </c>
      <c r="O42" s="5" t="s">
        <v>38</v>
      </c>
      <c r="P42" s="5" t="s">
        <v>39</v>
      </c>
      <c r="Q42" s="5" t="s">
        <v>40</v>
      </c>
      <c r="R42" s="5" t="s">
        <v>73</v>
      </c>
      <c r="S42" s="5" t="s">
        <v>40</v>
      </c>
      <c r="T42" s="5" t="s">
        <v>42</v>
      </c>
      <c r="U42" s="2">
        <v>2.3820000000000001</v>
      </c>
      <c r="V42" s="2">
        <v>2.0840000000000001</v>
      </c>
      <c r="W42" s="2">
        <v>1.0999999999999999E-2</v>
      </c>
      <c r="X42" s="2">
        <v>94.4</v>
      </c>
      <c r="Y42" s="2">
        <v>13.9</v>
      </c>
      <c r="Z42" s="2">
        <v>8.6999999999999993</v>
      </c>
      <c r="AA42" s="5">
        <v>240</v>
      </c>
      <c r="AB42" s="5" t="s">
        <v>43</v>
      </c>
      <c r="AC42" s="5" t="s">
        <v>44</v>
      </c>
      <c r="AD42" s="2" t="s">
        <v>135</v>
      </c>
      <c r="AE42" s="1"/>
    </row>
    <row r="43" spans="1:31" ht="14.45">
      <c r="A43" s="5" t="s">
        <v>116</v>
      </c>
      <c r="B43" s="21">
        <v>46266</v>
      </c>
      <c r="C43" s="2" t="s">
        <v>188</v>
      </c>
      <c r="D43" s="14" t="s">
        <v>189</v>
      </c>
      <c r="E43" s="2" t="s">
        <v>190</v>
      </c>
      <c r="F43" s="2" t="s">
        <v>130</v>
      </c>
      <c r="G43" s="8">
        <v>122</v>
      </c>
      <c r="H43" s="5">
        <v>5</v>
      </c>
      <c r="I43" s="5" t="s">
        <v>69</v>
      </c>
      <c r="J43" s="5" t="s">
        <v>70</v>
      </c>
      <c r="K43" s="2" t="s">
        <v>71</v>
      </c>
      <c r="L43" s="5" t="s">
        <v>70</v>
      </c>
      <c r="M43" s="2" t="s">
        <v>71</v>
      </c>
      <c r="N43" s="5" t="s">
        <v>72</v>
      </c>
      <c r="O43" s="5" t="s">
        <v>38</v>
      </c>
      <c r="P43" s="5" t="s">
        <v>39</v>
      </c>
      <c r="Q43" s="5" t="s">
        <v>40</v>
      </c>
      <c r="R43" s="5" t="s">
        <v>73</v>
      </c>
      <c r="S43" s="5" t="s">
        <v>40</v>
      </c>
      <c r="T43" s="5" t="s">
        <v>42</v>
      </c>
      <c r="U43" s="2">
        <v>2.4089999999999998</v>
      </c>
      <c r="V43" s="2">
        <v>2.1110000000000002</v>
      </c>
      <c r="W43" s="2">
        <v>1.0999999999999999E-2</v>
      </c>
      <c r="X43" s="2">
        <v>94.4</v>
      </c>
      <c r="Y43" s="2">
        <v>13.9</v>
      </c>
      <c r="Z43" s="2">
        <v>8.6999999999999993</v>
      </c>
      <c r="AA43" s="5">
        <v>240</v>
      </c>
      <c r="AB43" s="5" t="s">
        <v>43</v>
      </c>
      <c r="AC43" s="5" t="s">
        <v>44</v>
      </c>
      <c r="AD43" s="2" t="s">
        <v>139</v>
      </c>
      <c r="AE43" s="1"/>
    </row>
    <row r="44" spans="1:31" ht="14.45">
      <c r="C44" s="24" t="s">
        <v>191</v>
      </c>
      <c r="D44" s="25" t="s">
        <v>192</v>
      </c>
      <c r="E44" s="24" t="s">
        <v>193</v>
      </c>
      <c r="F44" s="24" t="s">
        <v>115</v>
      </c>
      <c r="G44" s="26">
        <v>45</v>
      </c>
      <c r="H44" s="27">
        <v>5</v>
      </c>
      <c r="I44" s="27" t="s">
        <v>69</v>
      </c>
      <c r="J44" s="27" t="s">
        <v>70</v>
      </c>
      <c r="K44" s="24" t="s">
        <v>71</v>
      </c>
      <c r="L44" s="27" t="s">
        <v>70</v>
      </c>
      <c r="M44" s="24" t="s">
        <v>71</v>
      </c>
      <c r="N44" s="27" t="s">
        <v>72</v>
      </c>
      <c r="O44" s="27" t="s">
        <v>38</v>
      </c>
      <c r="P44" s="27" t="s">
        <v>39</v>
      </c>
      <c r="Q44" s="27" t="s">
        <v>40</v>
      </c>
      <c r="R44" s="27" t="s">
        <v>73</v>
      </c>
      <c r="S44" s="27" t="s">
        <v>40</v>
      </c>
      <c r="T44" s="27" t="s">
        <v>42</v>
      </c>
      <c r="U44" s="24">
        <v>1.056</v>
      </c>
      <c r="V44" s="24">
        <v>0.8</v>
      </c>
      <c r="W44" s="2">
        <v>7.0000000000000001E-3</v>
      </c>
      <c r="X44" s="24">
        <v>80.599999999999994</v>
      </c>
      <c r="Y44" s="24">
        <v>10.7</v>
      </c>
      <c r="Z44" s="24">
        <v>7.7</v>
      </c>
      <c r="AA44" s="27">
        <v>240</v>
      </c>
      <c r="AB44" s="27" t="s">
        <v>43</v>
      </c>
      <c r="AC44" s="27" t="s">
        <v>44</v>
      </c>
      <c r="AD44" s="24" t="s">
        <v>74</v>
      </c>
      <c r="AE44" s="1"/>
    </row>
    <row r="45" spans="1:31" ht="14.45">
      <c r="A45" s="5" t="s">
        <v>116</v>
      </c>
      <c r="B45" s="21">
        <v>46054</v>
      </c>
      <c r="C45" s="2" t="s">
        <v>194</v>
      </c>
      <c r="D45" s="14" t="s">
        <v>195</v>
      </c>
      <c r="E45" s="2" t="s">
        <v>196</v>
      </c>
      <c r="F45" s="2" t="s">
        <v>120</v>
      </c>
      <c r="G45" s="8">
        <v>90</v>
      </c>
      <c r="H45" s="5">
        <v>5</v>
      </c>
      <c r="I45" s="5" t="s">
        <v>69</v>
      </c>
      <c r="J45" s="5" t="s">
        <v>70</v>
      </c>
      <c r="K45" s="2" t="s">
        <v>71</v>
      </c>
      <c r="L45" s="5" t="s">
        <v>70</v>
      </c>
      <c r="M45" s="2" t="s">
        <v>71</v>
      </c>
      <c r="N45" s="5" t="s">
        <v>72</v>
      </c>
      <c r="O45" s="5" t="s">
        <v>38</v>
      </c>
      <c r="P45" s="5" t="s">
        <v>39</v>
      </c>
      <c r="Q45" s="5" t="s">
        <v>40</v>
      </c>
      <c r="R45" s="5" t="s">
        <v>73</v>
      </c>
      <c r="S45" s="5" t="s">
        <v>40</v>
      </c>
      <c r="T45" s="5" t="s">
        <v>42</v>
      </c>
      <c r="U45" s="2">
        <v>1.42</v>
      </c>
      <c r="V45" s="2">
        <v>1.1639999999999999</v>
      </c>
      <c r="W45" s="2">
        <v>7.0000000000000001E-3</v>
      </c>
      <c r="X45" s="2">
        <v>80.599999999999994</v>
      </c>
      <c r="Y45" s="2">
        <v>10.7</v>
      </c>
      <c r="Z45" s="2">
        <v>7.7</v>
      </c>
      <c r="AA45" s="5">
        <v>240</v>
      </c>
      <c r="AB45" s="5" t="s">
        <v>43</v>
      </c>
      <c r="AC45" s="5" t="s">
        <v>44</v>
      </c>
      <c r="AD45" s="2" t="s">
        <v>74</v>
      </c>
      <c r="AE45" s="1"/>
    </row>
    <row r="46" spans="1:31" ht="14.45">
      <c r="C46" s="2" t="s">
        <v>197</v>
      </c>
      <c r="D46" s="14" t="s">
        <v>198</v>
      </c>
      <c r="E46" s="2" t="s">
        <v>199</v>
      </c>
      <c r="F46" s="2" t="s">
        <v>124</v>
      </c>
      <c r="G46" s="8">
        <v>90</v>
      </c>
      <c r="H46" s="5">
        <v>5</v>
      </c>
      <c r="I46" s="5" t="s">
        <v>69</v>
      </c>
      <c r="J46" s="5" t="s">
        <v>70</v>
      </c>
      <c r="K46" s="2" t="s">
        <v>71</v>
      </c>
      <c r="L46" s="5" t="s">
        <v>70</v>
      </c>
      <c r="M46" s="2" t="s">
        <v>71</v>
      </c>
      <c r="N46" s="5" t="s">
        <v>72</v>
      </c>
      <c r="O46" s="5" t="s">
        <v>38</v>
      </c>
      <c r="P46" s="5" t="s">
        <v>39</v>
      </c>
      <c r="Q46" s="5" t="s">
        <v>40</v>
      </c>
      <c r="R46" s="5" t="s">
        <v>73</v>
      </c>
      <c r="S46" s="5" t="s">
        <v>40</v>
      </c>
      <c r="T46" s="5" t="s">
        <v>125</v>
      </c>
      <c r="U46" s="2">
        <v>1.4470000000000001</v>
      </c>
      <c r="V46" s="2">
        <v>1.1910000000000001</v>
      </c>
      <c r="W46" s="2">
        <v>7.0000000000000001E-3</v>
      </c>
      <c r="X46" s="2">
        <v>80.599999999999994</v>
      </c>
      <c r="Y46" s="2">
        <v>10.7</v>
      </c>
      <c r="Z46" s="2">
        <v>7.7</v>
      </c>
      <c r="AA46" s="5">
        <v>240</v>
      </c>
      <c r="AB46" s="5" t="s">
        <v>43</v>
      </c>
      <c r="AC46" s="5" t="s">
        <v>44</v>
      </c>
      <c r="AD46" s="2" t="s">
        <v>126</v>
      </c>
      <c r="AE46" s="1"/>
    </row>
    <row r="47" spans="1:31" ht="14.45">
      <c r="A47" s="5" t="s">
        <v>116</v>
      </c>
      <c r="B47" s="21">
        <v>46266</v>
      </c>
      <c r="C47" s="2" t="s">
        <v>200</v>
      </c>
      <c r="D47" s="14" t="s">
        <v>201</v>
      </c>
      <c r="E47" s="2" t="s">
        <v>202</v>
      </c>
      <c r="F47" s="2" t="s">
        <v>130</v>
      </c>
      <c r="G47" s="8">
        <v>61</v>
      </c>
      <c r="H47" s="5">
        <v>5</v>
      </c>
      <c r="I47" s="5" t="s">
        <v>69</v>
      </c>
      <c r="J47" s="5" t="s">
        <v>70</v>
      </c>
      <c r="K47" s="2" t="s">
        <v>71</v>
      </c>
      <c r="L47" s="5" t="s">
        <v>70</v>
      </c>
      <c r="M47" s="2" t="s">
        <v>71</v>
      </c>
      <c r="N47" s="5" t="s">
        <v>72</v>
      </c>
      <c r="O47" s="5" t="s">
        <v>38</v>
      </c>
      <c r="P47" s="5" t="s">
        <v>39</v>
      </c>
      <c r="Q47" s="5" t="s">
        <v>40</v>
      </c>
      <c r="R47" s="5" t="s">
        <v>73</v>
      </c>
      <c r="S47" s="5" t="s">
        <v>40</v>
      </c>
      <c r="T47" s="5" t="s">
        <v>42</v>
      </c>
      <c r="U47" s="2">
        <v>2.1320000000000001</v>
      </c>
      <c r="V47" s="2">
        <v>1.8340000000000001</v>
      </c>
      <c r="W47" s="2">
        <v>1.0999999999999999E-2</v>
      </c>
      <c r="X47" s="2">
        <v>94.4</v>
      </c>
      <c r="Y47" s="2">
        <v>13.9</v>
      </c>
      <c r="Z47" s="2">
        <v>8.6999999999999993</v>
      </c>
      <c r="AA47" s="5">
        <v>240</v>
      </c>
      <c r="AB47" s="5" t="s">
        <v>43</v>
      </c>
      <c r="AC47" s="5" t="s">
        <v>44</v>
      </c>
      <c r="AD47" s="2" t="s">
        <v>131</v>
      </c>
      <c r="AE47" s="1"/>
    </row>
    <row r="48" spans="1:31" ht="14.45">
      <c r="A48" s="5" t="s">
        <v>116</v>
      </c>
      <c r="B48" s="21">
        <v>46266</v>
      </c>
      <c r="C48" s="2" t="s">
        <v>203</v>
      </c>
      <c r="D48" s="14" t="s">
        <v>204</v>
      </c>
      <c r="E48" s="2" t="s">
        <v>205</v>
      </c>
      <c r="F48" s="2" t="s">
        <v>130</v>
      </c>
      <c r="G48" s="8">
        <v>122</v>
      </c>
      <c r="H48" s="5">
        <v>5</v>
      </c>
      <c r="I48" s="5" t="s">
        <v>69</v>
      </c>
      <c r="J48" s="5" t="s">
        <v>70</v>
      </c>
      <c r="K48" s="2" t="s">
        <v>71</v>
      </c>
      <c r="L48" s="5" t="s">
        <v>70</v>
      </c>
      <c r="M48" s="2" t="s">
        <v>71</v>
      </c>
      <c r="N48" s="5" t="s">
        <v>72</v>
      </c>
      <c r="O48" s="5" t="s">
        <v>38</v>
      </c>
      <c r="P48" s="5" t="s">
        <v>39</v>
      </c>
      <c r="Q48" s="5" t="s">
        <v>40</v>
      </c>
      <c r="R48" s="5" t="s">
        <v>73</v>
      </c>
      <c r="S48" s="5" t="s">
        <v>40</v>
      </c>
      <c r="T48" s="5" t="s">
        <v>42</v>
      </c>
      <c r="U48" s="2">
        <v>2.496</v>
      </c>
      <c r="V48" s="2">
        <v>2.198</v>
      </c>
      <c r="W48" s="2">
        <v>1.0999999999999999E-2</v>
      </c>
      <c r="X48" s="2">
        <v>94.4</v>
      </c>
      <c r="Y48" s="2">
        <v>13.9</v>
      </c>
      <c r="Z48" s="2">
        <v>8.6999999999999993</v>
      </c>
      <c r="AA48" s="5">
        <v>240</v>
      </c>
      <c r="AB48" s="5" t="s">
        <v>43</v>
      </c>
      <c r="AC48" s="5" t="s">
        <v>44</v>
      </c>
      <c r="AD48" s="2" t="s">
        <v>135</v>
      </c>
      <c r="AE48" s="1"/>
    </row>
    <row r="49" spans="1:31" ht="14.45">
      <c r="A49" s="5" t="s">
        <v>116</v>
      </c>
      <c r="B49" s="21">
        <v>46266</v>
      </c>
      <c r="C49" s="2" t="s">
        <v>206</v>
      </c>
      <c r="D49" s="14" t="s">
        <v>207</v>
      </c>
      <c r="E49" s="2" t="s">
        <v>208</v>
      </c>
      <c r="F49" s="2" t="s">
        <v>130</v>
      </c>
      <c r="G49" s="8">
        <v>122</v>
      </c>
      <c r="H49" s="5">
        <v>5</v>
      </c>
      <c r="I49" s="5" t="s">
        <v>69</v>
      </c>
      <c r="J49" s="5" t="s">
        <v>70</v>
      </c>
      <c r="K49" s="2" t="s">
        <v>71</v>
      </c>
      <c r="L49" s="5" t="s">
        <v>70</v>
      </c>
      <c r="M49" s="2" t="s">
        <v>71</v>
      </c>
      <c r="N49" s="5" t="s">
        <v>72</v>
      </c>
      <c r="O49" s="5" t="s">
        <v>38</v>
      </c>
      <c r="P49" s="5" t="s">
        <v>39</v>
      </c>
      <c r="Q49" s="5" t="s">
        <v>40</v>
      </c>
      <c r="R49" s="5" t="s">
        <v>73</v>
      </c>
      <c r="S49" s="5" t="s">
        <v>40</v>
      </c>
      <c r="T49" s="5" t="s">
        <v>42</v>
      </c>
      <c r="U49" s="2">
        <v>2.5230000000000001</v>
      </c>
      <c r="V49" s="2">
        <v>2.2250000000000001</v>
      </c>
      <c r="W49" s="2">
        <v>1.0999999999999999E-2</v>
      </c>
      <c r="X49" s="2">
        <v>94.4</v>
      </c>
      <c r="Y49" s="2">
        <v>13.9</v>
      </c>
      <c r="Z49" s="2">
        <v>8.6999999999999993</v>
      </c>
      <c r="AA49" s="5">
        <v>240</v>
      </c>
      <c r="AB49" s="5" t="s">
        <v>43</v>
      </c>
      <c r="AC49" s="5" t="s">
        <v>44</v>
      </c>
      <c r="AD49" s="2" t="s">
        <v>139</v>
      </c>
      <c r="AE49" s="1"/>
    </row>
    <row r="50" spans="1:31" ht="14.45">
      <c r="C50" s="24" t="s">
        <v>209</v>
      </c>
      <c r="D50" s="25" t="s">
        <v>210</v>
      </c>
      <c r="E50" s="24" t="s">
        <v>211</v>
      </c>
      <c r="F50" s="24" t="s">
        <v>115</v>
      </c>
      <c r="G50" s="26">
        <v>45</v>
      </c>
      <c r="H50" s="27">
        <v>5</v>
      </c>
      <c r="I50" s="27" t="s">
        <v>69</v>
      </c>
      <c r="J50" s="27" t="s">
        <v>70</v>
      </c>
      <c r="K50" s="24" t="s">
        <v>71</v>
      </c>
      <c r="L50" s="27" t="s">
        <v>70</v>
      </c>
      <c r="M50" s="24" t="s">
        <v>71</v>
      </c>
      <c r="N50" s="27" t="s">
        <v>72</v>
      </c>
      <c r="O50" s="27" t="s">
        <v>38</v>
      </c>
      <c r="P50" s="27" t="s">
        <v>39</v>
      </c>
      <c r="Q50" s="27" t="s">
        <v>40</v>
      </c>
      <c r="R50" s="27" t="s">
        <v>73</v>
      </c>
      <c r="S50" s="27" t="s">
        <v>40</v>
      </c>
      <c r="T50" s="27" t="s">
        <v>42</v>
      </c>
      <c r="U50" s="24">
        <v>1.1020000000000001</v>
      </c>
      <c r="V50" s="24">
        <v>0.84599999999999997</v>
      </c>
      <c r="W50" s="2">
        <v>7.0000000000000001E-3</v>
      </c>
      <c r="X50" s="24">
        <v>80.599999999999994</v>
      </c>
      <c r="Y50" s="24">
        <v>10.7</v>
      </c>
      <c r="Z50" s="24">
        <v>7.7</v>
      </c>
      <c r="AA50" s="27">
        <v>240</v>
      </c>
      <c r="AB50" s="27" t="s">
        <v>43</v>
      </c>
      <c r="AC50" s="27" t="s">
        <v>44</v>
      </c>
      <c r="AD50" s="24" t="s">
        <v>74</v>
      </c>
      <c r="AE50" s="1"/>
    </row>
    <row r="51" spans="1:31" ht="14.45">
      <c r="A51" s="5" t="s">
        <v>116</v>
      </c>
      <c r="B51" s="21">
        <v>46054</v>
      </c>
      <c r="C51" s="2" t="s">
        <v>212</v>
      </c>
      <c r="D51" s="14" t="s">
        <v>213</v>
      </c>
      <c r="E51" s="2" t="s">
        <v>214</v>
      </c>
      <c r="F51" s="2" t="s">
        <v>120</v>
      </c>
      <c r="G51" s="8">
        <v>90</v>
      </c>
      <c r="H51" s="5">
        <v>5</v>
      </c>
      <c r="I51" s="5" t="s">
        <v>69</v>
      </c>
      <c r="J51" s="5" t="s">
        <v>70</v>
      </c>
      <c r="K51" s="2" t="s">
        <v>71</v>
      </c>
      <c r="L51" s="5" t="s">
        <v>70</v>
      </c>
      <c r="M51" s="2" t="s">
        <v>71</v>
      </c>
      <c r="N51" s="5" t="s">
        <v>72</v>
      </c>
      <c r="O51" s="5" t="s">
        <v>38</v>
      </c>
      <c r="P51" s="5" t="s">
        <v>39</v>
      </c>
      <c r="Q51" s="5" t="s">
        <v>40</v>
      </c>
      <c r="R51" s="5" t="s">
        <v>73</v>
      </c>
      <c r="S51" s="5" t="s">
        <v>40</v>
      </c>
      <c r="T51" s="5" t="s">
        <v>42</v>
      </c>
      <c r="U51" s="2">
        <v>1.466</v>
      </c>
      <c r="V51" s="2">
        <v>1.21</v>
      </c>
      <c r="W51" s="2">
        <v>7.0000000000000001E-3</v>
      </c>
      <c r="X51" s="2">
        <v>80.599999999999994</v>
      </c>
      <c r="Y51" s="2">
        <v>10.7</v>
      </c>
      <c r="Z51" s="2">
        <v>7.7</v>
      </c>
      <c r="AA51" s="5">
        <v>240</v>
      </c>
      <c r="AB51" s="5" t="s">
        <v>43</v>
      </c>
      <c r="AC51" s="5" t="s">
        <v>44</v>
      </c>
      <c r="AD51" s="2" t="s">
        <v>74</v>
      </c>
      <c r="AE51" s="1"/>
    </row>
    <row r="52" spans="1:31" ht="14.45">
      <c r="C52" s="2" t="s">
        <v>215</v>
      </c>
      <c r="D52" s="14" t="s">
        <v>216</v>
      </c>
      <c r="E52" s="2" t="s">
        <v>217</v>
      </c>
      <c r="F52" s="2" t="s">
        <v>124</v>
      </c>
      <c r="G52" s="8">
        <v>90</v>
      </c>
      <c r="H52" s="5">
        <v>5</v>
      </c>
      <c r="I52" s="5" t="s">
        <v>69</v>
      </c>
      <c r="J52" s="5" t="s">
        <v>70</v>
      </c>
      <c r="K52" s="2" t="s">
        <v>71</v>
      </c>
      <c r="L52" s="5" t="s">
        <v>70</v>
      </c>
      <c r="M52" s="2" t="s">
        <v>71</v>
      </c>
      <c r="N52" s="5" t="s">
        <v>72</v>
      </c>
      <c r="O52" s="5" t="s">
        <v>38</v>
      </c>
      <c r="P52" s="5" t="s">
        <v>39</v>
      </c>
      <c r="Q52" s="5" t="s">
        <v>40</v>
      </c>
      <c r="R52" s="5" t="s">
        <v>73</v>
      </c>
      <c r="S52" s="5" t="s">
        <v>40</v>
      </c>
      <c r="T52" s="5" t="s">
        <v>125</v>
      </c>
      <c r="U52" s="2">
        <v>1.4930000000000001</v>
      </c>
      <c r="V52" s="2">
        <v>1.2370000000000001</v>
      </c>
      <c r="W52" s="2">
        <v>7.0000000000000001E-3</v>
      </c>
      <c r="X52" s="2">
        <v>80.599999999999994</v>
      </c>
      <c r="Y52" s="2">
        <v>10.7</v>
      </c>
      <c r="Z52" s="2">
        <v>7.7</v>
      </c>
      <c r="AA52" s="5">
        <v>240</v>
      </c>
      <c r="AB52" s="5" t="s">
        <v>43</v>
      </c>
      <c r="AC52" s="5" t="s">
        <v>44</v>
      </c>
      <c r="AD52" s="2" t="s">
        <v>126</v>
      </c>
      <c r="AE52" s="1"/>
    </row>
    <row r="53" spans="1:31" ht="14.45">
      <c r="A53" s="5" t="s">
        <v>116</v>
      </c>
      <c r="B53" s="21">
        <v>46266</v>
      </c>
      <c r="C53" s="2" t="s">
        <v>218</v>
      </c>
      <c r="D53" s="14" t="s">
        <v>219</v>
      </c>
      <c r="E53" s="2" t="s">
        <v>220</v>
      </c>
      <c r="F53" s="2" t="s">
        <v>130</v>
      </c>
      <c r="G53" s="8">
        <v>61</v>
      </c>
      <c r="H53" s="5">
        <v>5</v>
      </c>
      <c r="I53" s="5" t="s">
        <v>69</v>
      </c>
      <c r="J53" s="5" t="s">
        <v>70</v>
      </c>
      <c r="K53" s="2" t="s">
        <v>71</v>
      </c>
      <c r="L53" s="5" t="s">
        <v>70</v>
      </c>
      <c r="M53" s="2" t="s">
        <v>71</v>
      </c>
      <c r="N53" s="5" t="s">
        <v>72</v>
      </c>
      <c r="O53" s="5" t="s">
        <v>38</v>
      </c>
      <c r="P53" s="5" t="s">
        <v>39</v>
      </c>
      <c r="Q53" s="5" t="s">
        <v>40</v>
      </c>
      <c r="R53" s="5" t="s">
        <v>73</v>
      </c>
      <c r="S53" s="5" t="s">
        <v>40</v>
      </c>
      <c r="T53" s="5" t="s">
        <v>42</v>
      </c>
      <c r="U53" s="2">
        <v>2.1779999999999999</v>
      </c>
      <c r="V53" s="2">
        <v>1.88</v>
      </c>
      <c r="W53" s="2">
        <v>1.0999999999999999E-2</v>
      </c>
      <c r="X53" s="2">
        <v>94.4</v>
      </c>
      <c r="Y53" s="2">
        <v>13.9</v>
      </c>
      <c r="Z53" s="2">
        <v>8.6999999999999993</v>
      </c>
      <c r="AA53" s="5">
        <v>240</v>
      </c>
      <c r="AB53" s="5" t="s">
        <v>43</v>
      </c>
      <c r="AC53" s="5" t="s">
        <v>44</v>
      </c>
      <c r="AD53" s="2" t="s">
        <v>131</v>
      </c>
      <c r="AE53" s="1"/>
    </row>
    <row r="54" spans="1:31" ht="14.45">
      <c r="A54" s="5" t="s">
        <v>116</v>
      </c>
      <c r="B54" s="21">
        <v>46266</v>
      </c>
      <c r="C54" s="2" t="s">
        <v>221</v>
      </c>
      <c r="D54" s="14" t="s">
        <v>222</v>
      </c>
      <c r="E54" s="2" t="s">
        <v>223</v>
      </c>
      <c r="F54" s="2" t="s">
        <v>130</v>
      </c>
      <c r="G54" s="8">
        <v>122</v>
      </c>
      <c r="H54" s="5">
        <v>5</v>
      </c>
      <c r="I54" s="5" t="s">
        <v>69</v>
      </c>
      <c r="J54" s="5" t="s">
        <v>70</v>
      </c>
      <c r="K54" s="2" t="s">
        <v>71</v>
      </c>
      <c r="L54" s="5" t="s">
        <v>70</v>
      </c>
      <c r="M54" s="2" t="s">
        <v>71</v>
      </c>
      <c r="N54" s="5" t="s">
        <v>72</v>
      </c>
      <c r="O54" s="5" t="s">
        <v>38</v>
      </c>
      <c r="P54" s="5" t="s">
        <v>39</v>
      </c>
      <c r="Q54" s="5" t="s">
        <v>40</v>
      </c>
      <c r="R54" s="5" t="s">
        <v>73</v>
      </c>
      <c r="S54" s="5" t="s">
        <v>40</v>
      </c>
      <c r="T54" s="5" t="s">
        <v>42</v>
      </c>
      <c r="U54" s="2">
        <v>2.5419999999999998</v>
      </c>
      <c r="V54" s="2">
        <v>2.2440000000000002</v>
      </c>
      <c r="W54" s="2">
        <v>1.0999999999999999E-2</v>
      </c>
      <c r="X54" s="2">
        <v>94.4</v>
      </c>
      <c r="Y54" s="2">
        <v>13.9</v>
      </c>
      <c r="Z54" s="2">
        <v>8.6999999999999993</v>
      </c>
      <c r="AA54" s="5">
        <v>240</v>
      </c>
      <c r="AB54" s="5" t="s">
        <v>43</v>
      </c>
      <c r="AC54" s="5" t="s">
        <v>44</v>
      </c>
      <c r="AD54" s="2" t="s">
        <v>135</v>
      </c>
      <c r="AE54" s="1"/>
    </row>
    <row r="55" spans="1:31" ht="14.45">
      <c r="A55" s="5" t="s">
        <v>116</v>
      </c>
      <c r="B55" s="21">
        <v>46266</v>
      </c>
      <c r="C55" s="2" t="s">
        <v>224</v>
      </c>
      <c r="D55" s="14" t="s">
        <v>225</v>
      </c>
      <c r="E55" s="2" t="s">
        <v>226</v>
      </c>
      <c r="F55" s="2" t="s">
        <v>130</v>
      </c>
      <c r="G55" s="8">
        <v>122</v>
      </c>
      <c r="H55" s="5">
        <v>5</v>
      </c>
      <c r="I55" s="5" t="s">
        <v>69</v>
      </c>
      <c r="J55" s="5" t="s">
        <v>70</v>
      </c>
      <c r="K55" s="2" t="s">
        <v>71</v>
      </c>
      <c r="L55" s="5" t="s">
        <v>70</v>
      </c>
      <c r="M55" s="2" t="s">
        <v>71</v>
      </c>
      <c r="N55" s="5" t="s">
        <v>72</v>
      </c>
      <c r="O55" s="5" t="s">
        <v>38</v>
      </c>
      <c r="P55" s="5" t="s">
        <v>39</v>
      </c>
      <c r="Q55" s="5" t="s">
        <v>40</v>
      </c>
      <c r="R55" s="5" t="s">
        <v>73</v>
      </c>
      <c r="S55" s="5" t="s">
        <v>40</v>
      </c>
      <c r="T55" s="5" t="s">
        <v>42</v>
      </c>
      <c r="U55" s="2">
        <v>2.569</v>
      </c>
      <c r="V55" s="2">
        <v>2.2709999999999999</v>
      </c>
      <c r="W55" s="2">
        <v>1.0999999999999999E-2</v>
      </c>
      <c r="X55" s="2">
        <v>94.4</v>
      </c>
      <c r="Y55" s="2">
        <v>13.9</v>
      </c>
      <c r="Z55" s="2">
        <v>8.6999999999999993</v>
      </c>
      <c r="AA55" s="5">
        <v>240</v>
      </c>
      <c r="AB55" s="5" t="s">
        <v>43</v>
      </c>
      <c r="AC55" s="5" t="s">
        <v>44</v>
      </c>
      <c r="AD55" s="2" t="s">
        <v>139</v>
      </c>
      <c r="AE55" s="1"/>
    </row>
    <row r="56" spans="1:31" ht="14.45">
      <c r="C56" s="24" t="s">
        <v>227</v>
      </c>
      <c r="D56" s="25" t="s">
        <v>228</v>
      </c>
      <c r="E56" s="24" t="s">
        <v>229</v>
      </c>
      <c r="F56" s="24" t="s">
        <v>115</v>
      </c>
      <c r="G56" s="26">
        <v>45</v>
      </c>
      <c r="H56" s="27">
        <v>5</v>
      </c>
      <c r="I56" s="27" t="s">
        <v>69</v>
      </c>
      <c r="J56" s="27" t="s">
        <v>70</v>
      </c>
      <c r="K56" s="24" t="s">
        <v>71</v>
      </c>
      <c r="L56" s="27" t="s">
        <v>70</v>
      </c>
      <c r="M56" s="24" t="s">
        <v>71</v>
      </c>
      <c r="N56" s="27" t="s">
        <v>72</v>
      </c>
      <c r="O56" s="27" t="s">
        <v>38</v>
      </c>
      <c r="P56" s="27" t="s">
        <v>39</v>
      </c>
      <c r="Q56" s="27" t="s">
        <v>40</v>
      </c>
      <c r="R56" s="27" t="s">
        <v>73</v>
      </c>
      <c r="S56" s="27" t="s">
        <v>40</v>
      </c>
      <c r="T56" s="27" t="s">
        <v>42</v>
      </c>
      <c r="U56" s="24">
        <v>1.0389999999999999</v>
      </c>
      <c r="V56" s="24">
        <v>0.78300000000000003</v>
      </c>
      <c r="W56" s="2">
        <v>7.0000000000000001E-3</v>
      </c>
      <c r="X56" s="24">
        <v>80.599999999999994</v>
      </c>
      <c r="Y56" s="24">
        <v>10.7</v>
      </c>
      <c r="Z56" s="24">
        <v>7.7</v>
      </c>
      <c r="AA56" s="27">
        <v>240</v>
      </c>
      <c r="AB56" s="27" t="s">
        <v>43</v>
      </c>
      <c r="AC56" s="27" t="s">
        <v>44</v>
      </c>
      <c r="AD56" s="24" t="s">
        <v>74</v>
      </c>
      <c r="AE56" s="1"/>
    </row>
    <row r="57" spans="1:31" ht="14.45">
      <c r="A57" s="5" t="s">
        <v>116</v>
      </c>
      <c r="B57" s="21">
        <v>46054</v>
      </c>
      <c r="C57" s="2" t="s">
        <v>230</v>
      </c>
      <c r="D57" s="14" t="s">
        <v>231</v>
      </c>
      <c r="E57" s="2" t="s">
        <v>232</v>
      </c>
      <c r="F57" s="2" t="s">
        <v>120</v>
      </c>
      <c r="G57" s="8">
        <v>90</v>
      </c>
      <c r="H57" s="5">
        <v>5</v>
      </c>
      <c r="I57" s="5" t="s">
        <v>69</v>
      </c>
      <c r="J57" s="5" t="s">
        <v>70</v>
      </c>
      <c r="K57" s="2" t="s">
        <v>71</v>
      </c>
      <c r="L57" s="5" t="s">
        <v>70</v>
      </c>
      <c r="M57" s="2" t="s">
        <v>71</v>
      </c>
      <c r="N57" s="5" t="s">
        <v>72</v>
      </c>
      <c r="O57" s="5" t="s">
        <v>38</v>
      </c>
      <c r="P57" s="5" t="s">
        <v>39</v>
      </c>
      <c r="Q57" s="5" t="s">
        <v>40</v>
      </c>
      <c r="R57" s="5" t="s">
        <v>73</v>
      </c>
      <c r="S57" s="5" t="s">
        <v>40</v>
      </c>
      <c r="T57" s="5" t="s">
        <v>42</v>
      </c>
      <c r="U57" s="2">
        <v>1.462</v>
      </c>
      <c r="V57" s="2">
        <v>1.206</v>
      </c>
      <c r="W57" s="2">
        <v>7.0000000000000001E-3</v>
      </c>
      <c r="X57" s="2">
        <v>80.599999999999994</v>
      </c>
      <c r="Y57" s="2">
        <v>10.7</v>
      </c>
      <c r="Z57" s="2">
        <v>7.7</v>
      </c>
      <c r="AA57" s="5">
        <v>240</v>
      </c>
      <c r="AB57" s="5" t="s">
        <v>43</v>
      </c>
      <c r="AC57" s="5" t="s">
        <v>44</v>
      </c>
      <c r="AD57" s="2" t="s">
        <v>74</v>
      </c>
      <c r="AE57" s="1"/>
    </row>
    <row r="58" spans="1:31" ht="14.45">
      <c r="C58" s="2" t="s">
        <v>233</v>
      </c>
      <c r="D58" s="14" t="s">
        <v>234</v>
      </c>
      <c r="E58" s="2" t="s">
        <v>235</v>
      </c>
      <c r="F58" s="2" t="s">
        <v>124</v>
      </c>
      <c r="G58" s="8">
        <v>90</v>
      </c>
      <c r="H58" s="5">
        <v>5</v>
      </c>
      <c r="I58" s="5" t="s">
        <v>69</v>
      </c>
      <c r="J58" s="5" t="s">
        <v>70</v>
      </c>
      <c r="K58" s="2" t="s">
        <v>71</v>
      </c>
      <c r="L58" s="5" t="s">
        <v>70</v>
      </c>
      <c r="M58" s="2" t="s">
        <v>71</v>
      </c>
      <c r="N58" s="5" t="s">
        <v>72</v>
      </c>
      <c r="O58" s="5" t="s">
        <v>38</v>
      </c>
      <c r="P58" s="5" t="s">
        <v>39</v>
      </c>
      <c r="Q58" s="5" t="s">
        <v>40</v>
      </c>
      <c r="R58" s="5" t="s">
        <v>73</v>
      </c>
      <c r="S58" s="5" t="s">
        <v>40</v>
      </c>
      <c r="T58" s="5" t="s">
        <v>125</v>
      </c>
      <c r="U58" s="2">
        <v>1.488</v>
      </c>
      <c r="V58" s="2">
        <v>1.232</v>
      </c>
      <c r="W58" s="2">
        <v>7.0000000000000001E-3</v>
      </c>
      <c r="X58" s="2">
        <v>80.599999999999994</v>
      </c>
      <c r="Y58" s="2">
        <v>10.7</v>
      </c>
      <c r="Z58" s="2">
        <v>7.7</v>
      </c>
      <c r="AA58" s="5">
        <v>240</v>
      </c>
      <c r="AB58" s="5" t="s">
        <v>43</v>
      </c>
      <c r="AC58" s="5" t="s">
        <v>44</v>
      </c>
      <c r="AD58" s="2" t="s">
        <v>126</v>
      </c>
      <c r="AE58" s="1"/>
    </row>
    <row r="59" spans="1:31" ht="14.45">
      <c r="A59" s="5" t="s">
        <v>116</v>
      </c>
      <c r="B59" s="21">
        <v>46266</v>
      </c>
      <c r="C59" s="2" t="s">
        <v>236</v>
      </c>
      <c r="D59" s="14" t="s">
        <v>237</v>
      </c>
      <c r="E59" s="2" t="s">
        <v>238</v>
      </c>
      <c r="F59" s="2" t="s">
        <v>130</v>
      </c>
      <c r="G59" s="8">
        <v>61</v>
      </c>
      <c r="H59" s="5">
        <v>5</v>
      </c>
      <c r="I59" s="5" t="s">
        <v>69</v>
      </c>
      <c r="J59" s="5" t="s">
        <v>70</v>
      </c>
      <c r="K59" s="2" t="s">
        <v>71</v>
      </c>
      <c r="L59" s="5" t="s">
        <v>70</v>
      </c>
      <c r="M59" s="2" t="s">
        <v>71</v>
      </c>
      <c r="N59" s="5" t="s">
        <v>72</v>
      </c>
      <c r="O59" s="5" t="s">
        <v>38</v>
      </c>
      <c r="P59" s="5" t="s">
        <v>39</v>
      </c>
      <c r="Q59" s="5" t="s">
        <v>40</v>
      </c>
      <c r="R59" s="5" t="s">
        <v>73</v>
      </c>
      <c r="S59" s="5" t="s">
        <v>40</v>
      </c>
      <c r="T59" s="5" t="s">
        <v>42</v>
      </c>
      <c r="U59" s="2">
        <v>2.1640000000000001</v>
      </c>
      <c r="V59" s="2">
        <v>1.8660000000000001</v>
      </c>
      <c r="W59" s="2">
        <v>1.0999999999999999E-2</v>
      </c>
      <c r="X59" s="2">
        <v>94.4</v>
      </c>
      <c r="Y59" s="2">
        <v>13.9</v>
      </c>
      <c r="Z59" s="2">
        <v>8.6999999999999993</v>
      </c>
      <c r="AA59" s="5">
        <v>240</v>
      </c>
      <c r="AB59" s="5" t="s">
        <v>43</v>
      </c>
      <c r="AC59" s="5" t="s">
        <v>44</v>
      </c>
      <c r="AD59" s="2" t="s">
        <v>131</v>
      </c>
      <c r="AE59" s="1"/>
    </row>
    <row r="60" spans="1:31" ht="14.45">
      <c r="A60" s="5" t="s">
        <v>116</v>
      </c>
      <c r="B60" s="21">
        <v>46266</v>
      </c>
      <c r="C60" s="2" t="s">
        <v>239</v>
      </c>
      <c r="D60" s="14" t="s">
        <v>240</v>
      </c>
      <c r="E60" s="2" t="s">
        <v>241</v>
      </c>
      <c r="F60" s="2" t="s">
        <v>130</v>
      </c>
      <c r="G60" s="8">
        <v>122</v>
      </c>
      <c r="H60" s="5">
        <v>5</v>
      </c>
      <c r="I60" s="5" t="s">
        <v>69</v>
      </c>
      <c r="J60" s="5" t="s">
        <v>70</v>
      </c>
      <c r="K60" s="2" t="s">
        <v>71</v>
      </c>
      <c r="L60" s="5" t="s">
        <v>70</v>
      </c>
      <c r="M60" s="2" t="s">
        <v>71</v>
      </c>
      <c r="N60" s="5" t="s">
        <v>72</v>
      </c>
      <c r="O60" s="5" t="s">
        <v>38</v>
      </c>
      <c r="P60" s="5" t="s">
        <v>39</v>
      </c>
      <c r="Q60" s="5" t="s">
        <v>40</v>
      </c>
      <c r="R60" s="5" t="s">
        <v>73</v>
      </c>
      <c r="S60" s="5" t="s">
        <v>40</v>
      </c>
      <c r="T60" s="5" t="s">
        <v>42</v>
      </c>
      <c r="U60" s="2">
        <v>2.5870000000000002</v>
      </c>
      <c r="V60" s="2">
        <v>2.2890000000000001</v>
      </c>
      <c r="W60" s="2">
        <v>1.0999999999999999E-2</v>
      </c>
      <c r="X60" s="2">
        <v>94.4</v>
      </c>
      <c r="Y60" s="2">
        <v>13.9</v>
      </c>
      <c r="Z60" s="2">
        <v>8.6999999999999993</v>
      </c>
      <c r="AA60" s="5">
        <v>240</v>
      </c>
      <c r="AB60" s="5" t="s">
        <v>43</v>
      </c>
      <c r="AC60" s="5" t="s">
        <v>44</v>
      </c>
      <c r="AD60" s="2" t="s">
        <v>135</v>
      </c>
      <c r="AE60" s="1"/>
    </row>
    <row r="61" spans="1:31" ht="14.45">
      <c r="A61" s="5" t="s">
        <v>116</v>
      </c>
      <c r="B61" s="21">
        <v>46266</v>
      </c>
      <c r="C61" s="2" t="s">
        <v>242</v>
      </c>
      <c r="D61" s="14" t="s">
        <v>243</v>
      </c>
      <c r="E61" s="2" t="s">
        <v>244</v>
      </c>
      <c r="F61" s="2" t="s">
        <v>130</v>
      </c>
      <c r="G61" s="8">
        <v>122</v>
      </c>
      <c r="H61" s="5">
        <v>5</v>
      </c>
      <c r="I61" s="5" t="s">
        <v>69</v>
      </c>
      <c r="J61" s="5" t="s">
        <v>70</v>
      </c>
      <c r="K61" s="2" t="s">
        <v>71</v>
      </c>
      <c r="L61" s="5" t="s">
        <v>70</v>
      </c>
      <c r="M61" s="2" t="s">
        <v>71</v>
      </c>
      <c r="N61" s="5" t="s">
        <v>72</v>
      </c>
      <c r="O61" s="5" t="s">
        <v>38</v>
      </c>
      <c r="P61" s="5" t="s">
        <v>39</v>
      </c>
      <c r="Q61" s="5" t="s">
        <v>40</v>
      </c>
      <c r="R61" s="5" t="s">
        <v>73</v>
      </c>
      <c r="S61" s="5" t="s">
        <v>40</v>
      </c>
      <c r="T61" s="5" t="s">
        <v>42</v>
      </c>
      <c r="U61" s="2">
        <v>2.613</v>
      </c>
      <c r="V61" s="2">
        <v>2.3149999999999999</v>
      </c>
      <c r="W61" s="2">
        <v>1.0999999999999999E-2</v>
      </c>
      <c r="X61" s="2">
        <v>94.4</v>
      </c>
      <c r="Y61" s="2">
        <v>13.9</v>
      </c>
      <c r="Z61" s="2">
        <v>8.6999999999999993</v>
      </c>
      <c r="AA61" s="5">
        <v>240</v>
      </c>
      <c r="AB61" s="5" t="s">
        <v>43</v>
      </c>
      <c r="AC61" s="5" t="s">
        <v>44</v>
      </c>
      <c r="AD61" s="2" t="s">
        <v>139</v>
      </c>
      <c r="AE61" s="1"/>
    </row>
    <row r="62" spans="1:31" ht="14.45">
      <c r="C62" s="24" t="s">
        <v>245</v>
      </c>
      <c r="D62" s="25" t="s">
        <v>246</v>
      </c>
      <c r="E62" s="24" t="s">
        <v>247</v>
      </c>
      <c r="F62" s="24" t="s">
        <v>115</v>
      </c>
      <c r="G62" s="26">
        <v>45</v>
      </c>
      <c r="H62" s="27">
        <v>5</v>
      </c>
      <c r="I62" s="27" t="s">
        <v>69</v>
      </c>
      <c r="J62" s="27" t="s">
        <v>70</v>
      </c>
      <c r="K62" s="24" t="s">
        <v>71</v>
      </c>
      <c r="L62" s="27" t="s">
        <v>70</v>
      </c>
      <c r="M62" s="24" t="s">
        <v>71</v>
      </c>
      <c r="N62" s="27" t="s">
        <v>72</v>
      </c>
      <c r="O62" s="27" t="s">
        <v>38</v>
      </c>
      <c r="P62" s="27" t="s">
        <v>39</v>
      </c>
      <c r="Q62" s="27" t="s">
        <v>40</v>
      </c>
      <c r="R62" s="27" t="s">
        <v>73</v>
      </c>
      <c r="S62" s="27" t="s">
        <v>40</v>
      </c>
      <c r="T62" s="27" t="s">
        <v>42</v>
      </c>
      <c r="U62" s="24">
        <v>1.099</v>
      </c>
      <c r="V62" s="24">
        <v>0.86299999999999999</v>
      </c>
      <c r="W62" s="2">
        <v>7.0000000000000001E-3</v>
      </c>
      <c r="X62" s="24">
        <v>80.599999999999994</v>
      </c>
      <c r="Y62" s="24">
        <v>10.7</v>
      </c>
      <c r="Z62" s="24">
        <v>7.7</v>
      </c>
      <c r="AA62" s="27">
        <v>240</v>
      </c>
      <c r="AB62" s="27" t="s">
        <v>43</v>
      </c>
      <c r="AC62" s="27" t="s">
        <v>44</v>
      </c>
      <c r="AD62" s="24" t="s">
        <v>74</v>
      </c>
      <c r="AE62" s="1"/>
    </row>
    <row r="63" spans="1:31" ht="14.45">
      <c r="A63" s="5" t="s">
        <v>116</v>
      </c>
      <c r="B63" s="21">
        <v>46054</v>
      </c>
      <c r="C63" s="2" t="s">
        <v>248</v>
      </c>
      <c r="D63" s="14" t="s">
        <v>249</v>
      </c>
      <c r="E63" s="2" t="s">
        <v>250</v>
      </c>
      <c r="F63" s="2" t="s">
        <v>120</v>
      </c>
      <c r="G63" s="8">
        <v>90</v>
      </c>
      <c r="H63" s="5">
        <v>5</v>
      </c>
      <c r="I63" s="5" t="s">
        <v>69</v>
      </c>
      <c r="J63" s="5" t="s">
        <v>70</v>
      </c>
      <c r="K63" s="2" t="s">
        <v>71</v>
      </c>
      <c r="L63" s="5" t="s">
        <v>70</v>
      </c>
      <c r="M63" s="2" t="s">
        <v>71</v>
      </c>
      <c r="N63" s="5" t="s">
        <v>72</v>
      </c>
      <c r="O63" s="5" t="s">
        <v>38</v>
      </c>
      <c r="P63" s="5" t="s">
        <v>39</v>
      </c>
      <c r="Q63" s="5" t="s">
        <v>40</v>
      </c>
      <c r="R63" s="5" t="s">
        <v>73</v>
      </c>
      <c r="S63" s="5" t="s">
        <v>40</v>
      </c>
      <c r="T63" s="5" t="s">
        <v>42</v>
      </c>
      <c r="U63" s="2">
        <v>1.5029999999999999</v>
      </c>
      <c r="V63" s="2">
        <v>1.2470000000000001</v>
      </c>
      <c r="W63" s="2">
        <v>7.0000000000000001E-3</v>
      </c>
      <c r="X63" s="2">
        <v>80.599999999999994</v>
      </c>
      <c r="Y63" s="2">
        <v>10.7</v>
      </c>
      <c r="Z63" s="2">
        <v>7.7</v>
      </c>
      <c r="AA63" s="5">
        <v>240</v>
      </c>
      <c r="AB63" s="5" t="s">
        <v>43</v>
      </c>
      <c r="AC63" s="5" t="s">
        <v>44</v>
      </c>
      <c r="AD63" s="2" t="s">
        <v>74</v>
      </c>
      <c r="AE63" s="1"/>
    </row>
    <row r="64" spans="1:31" ht="14.45">
      <c r="C64" s="2" t="s">
        <v>251</v>
      </c>
      <c r="D64" s="14" t="s">
        <v>252</v>
      </c>
      <c r="E64" s="2" t="s">
        <v>253</v>
      </c>
      <c r="F64" s="2" t="s">
        <v>124</v>
      </c>
      <c r="G64" s="8">
        <v>90</v>
      </c>
      <c r="H64" s="5">
        <v>5</v>
      </c>
      <c r="I64" s="5" t="s">
        <v>69</v>
      </c>
      <c r="J64" s="5" t="s">
        <v>70</v>
      </c>
      <c r="K64" s="2" t="s">
        <v>71</v>
      </c>
      <c r="L64" s="5" t="s">
        <v>70</v>
      </c>
      <c r="M64" s="2" t="s">
        <v>71</v>
      </c>
      <c r="N64" s="5" t="s">
        <v>72</v>
      </c>
      <c r="O64" s="5" t="s">
        <v>38</v>
      </c>
      <c r="P64" s="5" t="s">
        <v>39</v>
      </c>
      <c r="Q64" s="5" t="s">
        <v>40</v>
      </c>
      <c r="R64" s="5" t="s">
        <v>73</v>
      </c>
      <c r="S64" s="5" t="s">
        <v>40</v>
      </c>
      <c r="T64" s="5" t="s">
        <v>125</v>
      </c>
      <c r="U64" s="2">
        <v>1.5289999999999999</v>
      </c>
      <c r="V64" s="2">
        <v>1.2729999999999999</v>
      </c>
      <c r="W64" s="2">
        <v>7.0000000000000001E-3</v>
      </c>
      <c r="X64" s="2">
        <v>80.599999999999994</v>
      </c>
      <c r="Y64" s="2">
        <v>10.7</v>
      </c>
      <c r="Z64" s="2">
        <v>7.7</v>
      </c>
      <c r="AA64" s="5">
        <v>240</v>
      </c>
      <c r="AB64" s="5" t="s">
        <v>43</v>
      </c>
      <c r="AC64" s="5" t="s">
        <v>44</v>
      </c>
      <c r="AD64" s="2" t="s">
        <v>126</v>
      </c>
      <c r="AE64" s="1"/>
    </row>
    <row r="65" spans="1:31" ht="14.45">
      <c r="A65" s="5" t="s">
        <v>116</v>
      </c>
      <c r="B65" s="21">
        <v>46266</v>
      </c>
      <c r="C65" s="2" t="s">
        <v>254</v>
      </c>
      <c r="D65" s="14" t="s">
        <v>255</v>
      </c>
      <c r="E65" s="2" t="s">
        <v>256</v>
      </c>
      <c r="F65" s="2" t="s">
        <v>130</v>
      </c>
      <c r="G65" s="8">
        <v>61</v>
      </c>
      <c r="H65" s="5">
        <v>5</v>
      </c>
      <c r="I65" s="5" t="s">
        <v>69</v>
      </c>
      <c r="J65" s="5" t="s">
        <v>70</v>
      </c>
      <c r="K65" s="2" t="s">
        <v>71</v>
      </c>
      <c r="L65" s="5" t="s">
        <v>70</v>
      </c>
      <c r="M65" s="2" t="s">
        <v>71</v>
      </c>
      <c r="N65" s="5" t="s">
        <v>72</v>
      </c>
      <c r="O65" s="5" t="s">
        <v>38</v>
      </c>
      <c r="P65" s="5" t="s">
        <v>39</v>
      </c>
      <c r="Q65" s="5" t="s">
        <v>40</v>
      </c>
      <c r="R65" s="5" t="s">
        <v>73</v>
      </c>
      <c r="S65" s="5" t="s">
        <v>40</v>
      </c>
      <c r="T65" s="5" t="s">
        <v>42</v>
      </c>
      <c r="U65" s="2">
        <v>2.298</v>
      </c>
      <c r="V65" s="2">
        <v>2</v>
      </c>
      <c r="W65" s="2">
        <v>1.0999999999999999E-2</v>
      </c>
      <c r="X65" s="2">
        <v>94.4</v>
      </c>
      <c r="Y65" s="2">
        <v>13.9</v>
      </c>
      <c r="Z65" s="2">
        <v>8.6999999999999993</v>
      </c>
      <c r="AA65" s="5">
        <v>240</v>
      </c>
      <c r="AB65" s="5" t="s">
        <v>43</v>
      </c>
      <c r="AC65" s="5" t="s">
        <v>44</v>
      </c>
      <c r="AD65" s="2" t="s">
        <v>131</v>
      </c>
      <c r="AE65" s="1"/>
    </row>
    <row r="66" spans="1:31" ht="14.45">
      <c r="A66" s="5" t="s">
        <v>116</v>
      </c>
      <c r="B66" s="21">
        <v>46266</v>
      </c>
      <c r="C66" s="2" t="s">
        <v>257</v>
      </c>
      <c r="D66" s="14" t="s">
        <v>258</v>
      </c>
      <c r="E66" s="2" t="s">
        <v>259</v>
      </c>
      <c r="F66" s="2" t="s">
        <v>130</v>
      </c>
      <c r="G66" s="8">
        <v>122</v>
      </c>
      <c r="H66" s="5">
        <v>5</v>
      </c>
      <c r="I66" s="5" t="s">
        <v>69</v>
      </c>
      <c r="J66" s="5" t="s">
        <v>70</v>
      </c>
      <c r="K66" s="2" t="s">
        <v>71</v>
      </c>
      <c r="L66" s="5" t="s">
        <v>70</v>
      </c>
      <c r="M66" s="2" t="s">
        <v>71</v>
      </c>
      <c r="N66" s="5" t="s">
        <v>72</v>
      </c>
      <c r="O66" s="5" t="s">
        <v>38</v>
      </c>
      <c r="P66" s="5" t="s">
        <v>39</v>
      </c>
      <c r="Q66" s="5" t="s">
        <v>40</v>
      </c>
      <c r="R66" s="5" t="s">
        <v>73</v>
      </c>
      <c r="S66" s="5" t="s">
        <v>40</v>
      </c>
      <c r="T66" s="5" t="s">
        <v>42</v>
      </c>
      <c r="U66" s="2">
        <v>2.7010000000000001</v>
      </c>
      <c r="V66" s="2">
        <v>2.403</v>
      </c>
      <c r="W66" s="2">
        <v>1.0999999999999999E-2</v>
      </c>
      <c r="X66" s="2">
        <v>94.4</v>
      </c>
      <c r="Y66" s="2">
        <v>13.9</v>
      </c>
      <c r="Z66" s="2">
        <v>8.6999999999999993</v>
      </c>
      <c r="AA66" s="5">
        <v>240</v>
      </c>
      <c r="AB66" s="5" t="s">
        <v>43</v>
      </c>
      <c r="AC66" s="5" t="s">
        <v>44</v>
      </c>
      <c r="AD66" s="2" t="s">
        <v>135</v>
      </c>
      <c r="AE66" s="1"/>
    </row>
    <row r="67" spans="1:31" ht="14.45">
      <c r="A67" s="5" t="s">
        <v>116</v>
      </c>
      <c r="B67" s="21">
        <v>46266</v>
      </c>
      <c r="C67" s="2" t="s">
        <v>260</v>
      </c>
      <c r="D67" s="14" t="s">
        <v>261</v>
      </c>
      <c r="E67" s="2" t="s">
        <v>262</v>
      </c>
      <c r="F67" s="2" t="s">
        <v>130</v>
      </c>
      <c r="G67" s="8">
        <v>122</v>
      </c>
      <c r="H67" s="5">
        <v>5</v>
      </c>
      <c r="I67" s="5" t="s">
        <v>69</v>
      </c>
      <c r="J67" s="5" t="s">
        <v>70</v>
      </c>
      <c r="K67" s="2" t="s">
        <v>71</v>
      </c>
      <c r="L67" s="5" t="s">
        <v>70</v>
      </c>
      <c r="M67" s="2" t="s">
        <v>71</v>
      </c>
      <c r="N67" s="5" t="s">
        <v>72</v>
      </c>
      <c r="O67" s="5" t="s">
        <v>38</v>
      </c>
      <c r="P67" s="5" t="s">
        <v>39</v>
      </c>
      <c r="Q67" s="5" t="s">
        <v>40</v>
      </c>
      <c r="R67" s="5" t="s">
        <v>73</v>
      </c>
      <c r="S67" s="5" t="s">
        <v>40</v>
      </c>
      <c r="T67" s="5" t="s">
        <v>42</v>
      </c>
      <c r="U67" s="2">
        <v>2.7269999999999999</v>
      </c>
      <c r="V67" s="2">
        <v>2.4289999999999998</v>
      </c>
      <c r="W67" s="2">
        <v>1.0999999999999999E-2</v>
      </c>
      <c r="X67" s="2">
        <v>94.4</v>
      </c>
      <c r="Y67" s="2">
        <v>13.9</v>
      </c>
      <c r="Z67" s="2">
        <v>8.6999999999999993</v>
      </c>
      <c r="AA67" s="5">
        <v>240</v>
      </c>
      <c r="AB67" s="5" t="s">
        <v>43</v>
      </c>
      <c r="AC67" s="5" t="s">
        <v>44</v>
      </c>
      <c r="AD67" s="2" t="s">
        <v>139</v>
      </c>
      <c r="AE67" s="1"/>
    </row>
    <row r="68" spans="1:31" ht="14.45">
      <c r="C68" s="24" t="s">
        <v>263</v>
      </c>
      <c r="D68" s="25" t="s">
        <v>264</v>
      </c>
      <c r="E68" s="24" t="s">
        <v>265</v>
      </c>
      <c r="F68" s="24" t="s">
        <v>115</v>
      </c>
      <c r="G68" s="26">
        <v>45</v>
      </c>
      <c r="H68" s="27">
        <v>5</v>
      </c>
      <c r="I68" s="27" t="s">
        <v>69</v>
      </c>
      <c r="J68" s="27" t="s">
        <v>70</v>
      </c>
      <c r="K68" s="24" t="s">
        <v>71</v>
      </c>
      <c r="L68" s="27" t="s">
        <v>70</v>
      </c>
      <c r="M68" s="24" t="s">
        <v>71</v>
      </c>
      <c r="N68" s="27" t="s">
        <v>72</v>
      </c>
      <c r="O68" s="27" t="s">
        <v>38</v>
      </c>
      <c r="P68" s="27" t="s">
        <v>39</v>
      </c>
      <c r="Q68" s="27" t="s">
        <v>40</v>
      </c>
      <c r="R68" s="27" t="s">
        <v>73</v>
      </c>
      <c r="S68" s="27" t="s">
        <v>40</v>
      </c>
      <c r="T68" s="27" t="s">
        <v>42</v>
      </c>
      <c r="U68" s="24">
        <v>1.145</v>
      </c>
      <c r="V68" s="24">
        <v>0.88900000000000001</v>
      </c>
      <c r="W68" s="2">
        <v>7.0000000000000001E-3</v>
      </c>
      <c r="X68" s="24">
        <v>80.599999999999994</v>
      </c>
      <c r="Y68" s="24">
        <v>10.7</v>
      </c>
      <c r="Z68" s="24">
        <v>7.7</v>
      </c>
      <c r="AA68" s="27">
        <v>240</v>
      </c>
      <c r="AB68" s="27" t="s">
        <v>43</v>
      </c>
      <c r="AC68" s="27" t="s">
        <v>44</v>
      </c>
      <c r="AD68" s="24" t="s">
        <v>74</v>
      </c>
      <c r="AE68" s="1"/>
    </row>
    <row r="69" spans="1:31" ht="14.45">
      <c r="A69" s="5" t="s">
        <v>116</v>
      </c>
      <c r="B69" s="21">
        <v>46054</v>
      </c>
      <c r="C69" s="2" t="s">
        <v>266</v>
      </c>
      <c r="D69" s="14" t="s">
        <v>267</v>
      </c>
      <c r="E69" s="2" t="s">
        <v>268</v>
      </c>
      <c r="F69" s="2" t="s">
        <v>120</v>
      </c>
      <c r="G69" s="8">
        <v>90</v>
      </c>
      <c r="H69" s="5">
        <v>5</v>
      </c>
      <c r="I69" s="5" t="s">
        <v>69</v>
      </c>
      <c r="J69" s="5" t="s">
        <v>70</v>
      </c>
      <c r="K69" s="2" t="s">
        <v>71</v>
      </c>
      <c r="L69" s="5" t="s">
        <v>70</v>
      </c>
      <c r="M69" s="2" t="s">
        <v>71</v>
      </c>
      <c r="N69" s="5" t="s">
        <v>72</v>
      </c>
      <c r="O69" s="5" t="s">
        <v>38</v>
      </c>
      <c r="P69" s="5" t="s">
        <v>39</v>
      </c>
      <c r="Q69" s="5" t="s">
        <v>40</v>
      </c>
      <c r="R69" s="5" t="s">
        <v>73</v>
      </c>
      <c r="S69" s="5" t="s">
        <v>40</v>
      </c>
      <c r="T69" s="5" t="s">
        <v>42</v>
      </c>
      <c r="U69" s="2">
        <v>1.6679999999999999</v>
      </c>
      <c r="V69" s="2">
        <v>1.405</v>
      </c>
      <c r="W69" s="2">
        <v>7.0000000000000001E-3</v>
      </c>
      <c r="X69" s="2">
        <v>80.599999999999994</v>
      </c>
      <c r="Y69" s="2">
        <v>10.7</v>
      </c>
      <c r="Z69" s="2">
        <v>7.7</v>
      </c>
      <c r="AA69" s="5">
        <v>240</v>
      </c>
      <c r="AB69" s="5" t="s">
        <v>43</v>
      </c>
      <c r="AC69" s="5" t="s">
        <v>44</v>
      </c>
      <c r="AD69" s="2" t="s">
        <v>74</v>
      </c>
      <c r="AE69" s="1"/>
    </row>
    <row r="70" spans="1:31" ht="14.45">
      <c r="C70" s="2" t="s">
        <v>269</v>
      </c>
      <c r="D70" s="14" t="s">
        <v>270</v>
      </c>
      <c r="E70" s="2" t="s">
        <v>271</v>
      </c>
      <c r="F70" s="2" t="s">
        <v>124</v>
      </c>
      <c r="G70" s="8">
        <v>90</v>
      </c>
      <c r="H70" s="5">
        <v>5</v>
      </c>
      <c r="I70" s="5" t="s">
        <v>69</v>
      </c>
      <c r="J70" s="5" t="s">
        <v>70</v>
      </c>
      <c r="K70" s="2" t="s">
        <v>71</v>
      </c>
      <c r="L70" s="5" t="s">
        <v>70</v>
      </c>
      <c r="M70" s="2" t="s">
        <v>71</v>
      </c>
      <c r="N70" s="5" t="s">
        <v>72</v>
      </c>
      <c r="O70" s="5" t="s">
        <v>38</v>
      </c>
      <c r="P70" s="5" t="s">
        <v>39</v>
      </c>
      <c r="Q70" s="5" t="s">
        <v>40</v>
      </c>
      <c r="R70" s="5" t="s">
        <v>73</v>
      </c>
      <c r="S70" s="5" t="s">
        <v>40</v>
      </c>
      <c r="T70" s="5" t="s">
        <v>125</v>
      </c>
      <c r="U70" s="2">
        <v>1.694</v>
      </c>
      <c r="V70" s="2">
        <v>1.431</v>
      </c>
      <c r="W70" s="2">
        <v>7.0000000000000001E-3</v>
      </c>
      <c r="X70" s="2">
        <v>80.599999999999994</v>
      </c>
      <c r="Y70" s="2">
        <v>10.7</v>
      </c>
      <c r="Z70" s="2">
        <v>7.7</v>
      </c>
      <c r="AA70" s="5">
        <v>240</v>
      </c>
      <c r="AB70" s="5" t="s">
        <v>43</v>
      </c>
      <c r="AC70" s="5" t="s">
        <v>44</v>
      </c>
      <c r="AD70" s="2" t="s">
        <v>126</v>
      </c>
      <c r="AE70" s="1"/>
    </row>
    <row r="71" spans="1:31" ht="14.45">
      <c r="A71" s="5" t="s">
        <v>116</v>
      </c>
      <c r="B71" s="21">
        <v>46266</v>
      </c>
      <c r="C71" s="2" t="s">
        <v>272</v>
      </c>
      <c r="D71" s="14" t="s">
        <v>273</v>
      </c>
      <c r="E71" s="2" t="s">
        <v>274</v>
      </c>
      <c r="F71" s="2" t="s">
        <v>130</v>
      </c>
      <c r="G71" s="8">
        <v>61</v>
      </c>
      <c r="H71" s="5">
        <v>5</v>
      </c>
      <c r="I71" s="5" t="s">
        <v>69</v>
      </c>
      <c r="J71" s="5" t="s">
        <v>70</v>
      </c>
      <c r="K71" s="2" t="s">
        <v>71</v>
      </c>
      <c r="L71" s="5" t="s">
        <v>70</v>
      </c>
      <c r="M71" s="2" t="s">
        <v>71</v>
      </c>
      <c r="N71" s="5" t="s">
        <v>72</v>
      </c>
      <c r="O71" s="5" t="s">
        <v>38</v>
      </c>
      <c r="P71" s="5" t="s">
        <v>39</v>
      </c>
      <c r="Q71" s="5" t="s">
        <v>40</v>
      </c>
      <c r="R71" s="5" t="s">
        <v>73</v>
      </c>
      <c r="S71" s="5" t="s">
        <v>40</v>
      </c>
      <c r="T71" s="5" t="s">
        <v>42</v>
      </c>
      <c r="U71" s="2">
        <v>2.343</v>
      </c>
      <c r="V71" s="2">
        <v>2.0449999999999999</v>
      </c>
      <c r="W71" s="2">
        <v>1.0999999999999999E-2</v>
      </c>
      <c r="X71" s="2">
        <v>94.4</v>
      </c>
      <c r="Y71" s="2">
        <v>13.9</v>
      </c>
      <c r="Z71" s="2">
        <v>8.6999999999999993</v>
      </c>
      <c r="AA71" s="5">
        <v>240</v>
      </c>
      <c r="AB71" s="5" t="s">
        <v>43</v>
      </c>
      <c r="AC71" s="5" t="s">
        <v>44</v>
      </c>
      <c r="AD71" s="2" t="s">
        <v>131</v>
      </c>
      <c r="AE71" s="1"/>
    </row>
    <row r="72" spans="1:31" ht="14.45">
      <c r="A72" s="5" t="s">
        <v>116</v>
      </c>
      <c r="B72" s="21">
        <v>46266</v>
      </c>
      <c r="C72" s="2" t="s">
        <v>275</v>
      </c>
      <c r="D72" s="14" t="s">
        <v>276</v>
      </c>
      <c r="E72" s="2" t="s">
        <v>277</v>
      </c>
      <c r="F72" s="2" t="s">
        <v>130</v>
      </c>
      <c r="G72" s="8">
        <v>122</v>
      </c>
      <c r="H72" s="5">
        <v>5</v>
      </c>
      <c r="I72" s="5" t="s">
        <v>69</v>
      </c>
      <c r="J72" s="5" t="s">
        <v>70</v>
      </c>
      <c r="K72" s="2" t="s">
        <v>71</v>
      </c>
      <c r="L72" s="5" t="s">
        <v>70</v>
      </c>
      <c r="M72" s="2" t="s">
        <v>71</v>
      </c>
      <c r="N72" s="5" t="s">
        <v>72</v>
      </c>
      <c r="O72" s="5" t="s">
        <v>38</v>
      </c>
      <c r="P72" s="5" t="s">
        <v>39</v>
      </c>
      <c r="Q72" s="5" t="s">
        <v>40</v>
      </c>
      <c r="R72" s="5" t="s">
        <v>73</v>
      </c>
      <c r="S72" s="5" t="s">
        <v>40</v>
      </c>
      <c r="T72" s="5" t="s">
        <v>42</v>
      </c>
      <c r="U72" s="2">
        <v>2.8660000000000001</v>
      </c>
      <c r="V72" s="2">
        <v>2.5609999999999999</v>
      </c>
      <c r="W72" s="2">
        <v>1.0999999999999999E-2</v>
      </c>
      <c r="X72" s="2">
        <v>94.4</v>
      </c>
      <c r="Y72" s="2">
        <v>13.9</v>
      </c>
      <c r="Z72" s="2">
        <v>8.6999999999999993</v>
      </c>
      <c r="AA72" s="5">
        <v>240</v>
      </c>
      <c r="AB72" s="5" t="s">
        <v>43</v>
      </c>
      <c r="AC72" s="5" t="s">
        <v>44</v>
      </c>
      <c r="AD72" s="2" t="s">
        <v>135</v>
      </c>
      <c r="AE72" s="1"/>
    </row>
    <row r="73" spans="1:31" ht="14.45">
      <c r="A73" s="5" t="s">
        <v>116</v>
      </c>
      <c r="B73" s="21">
        <v>46266</v>
      </c>
      <c r="C73" s="2" t="s">
        <v>278</v>
      </c>
      <c r="D73" s="14" t="s">
        <v>279</v>
      </c>
      <c r="E73" s="2" t="s">
        <v>280</v>
      </c>
      <c r="F73" s="2" t="s">
        <v>130</v>
      </c>
      <c r="G73" s="8">
        <v>122</v>
      </c>
      <c r="H73" s="5">
        <v>5</v>
      </c>
      <c r="I73" s="5" t="s">
        <v>69</v>
      </c>
      <c r="J73" s="5" t="s">
        <v>70</v>
      </c>
      <c r="K73" s="2" t="s">
        <v>71</v>
      </c>
      <c r="L73" s="5" t="s">
        <v>70</v>
      </c>
      <c r="M73" s="2" t="s">
        <v>71</v>
      </c>
      <c r="N73" s="5" t="s">
        <v>72</v>
      </c>
      <c r="O73" s="5" t="s">
        <v>38</v>
      </c>
      <c r="P73" s="5" t="s">
        <v>39</v>
      </c>
      <c r="Q73" s="5" t="s">
        <v>40</v>
      </c>
      <c r="R73" s="5" t="s">
        <v>73</v>
      </c>
      <c r="S73" s="5" t="s">
        <v>40</v>
      </c>
      <c r="T73" s="5" t="s">
        <v>42</v>
      </c>
      <c r="U73" s="2">
        <v>2.8919999999999999</v>
      </c>
      <c r="V73" s="2">
        <v>2.5870000000000002</v>
      </c>
      <c r="W73" s="2">
        <v>1.0999999999999999E-2</v>
      </c>
      <c r="X73" s="2">
        <v>94.4</v>
      </c>
      <c r="Y73" s="2">
        <v>13.9</v>
      </c>
      <c r="Z73" s="2">
        <v>8.6999999999999993</v>
      </c>
      <c r="AA73" s="5">
        <v>240</v>
      </c>
      <c r="AB73" s="5" t="s">
        <v>43</v>
      </c>
      <c r="AC73" s="5" t="s">
        <v>44</v>
      </c>
      <c r="AD73" s="2" t="s">
        <v>139</v>
      </c>
      <c r="AE73" s="1"/>
    </row>
    <row r="74" spans="1:31" ht="14.45">
      <c r="C74" s="24" t="s">
        <v>281</v>
      </c>
      <c r="D74" s="25" t="s">
        <v>282</v>
      </c>
      <c r="E74" s="24" t="s">
        <v>283</v>
      </c>
      <c r="F74" s="24" t="s">
        <v>115</v>
      </c>
      <c r="G74" s="26">
        <v>45</v>
      </c>
      <c r="H74" s="27">
        <v>5</v>
      </c>
      <c r="I74" s="27" t="s">
        <v>69</v>
      </c>
      <c r="J74" s="27" t="s">
        <v>70</v>
      </c>
      <c r="K74" s="24" t="s">
        <v>71</v>
      </c>
      <c r="L74" s="27" t="s">
        <v>70</v>
      </c>
      <c r="M74" s="24" t="s">
        <v>71</v>
      </c>
      <c r="N74" s="27" t="s">
        <v>72</v>
      </c>
      <c r="O74" s="27" t="s">
        <v>38</v>
      </c>
      <c r="P74" s="27" t="s">
        <v>39</v>
      </c>
      <c r="Q74" s="27" t="s">
        <v>40</v>
      </c>
      <c r="R74" s="27" t="s">
        <v>73</v>
      </c>
      <c r="S74" s="27" t="s">
        <v>40</v>
      </c>
      <c r="T74" s="27" t="s">
        <v>42</v>
      </c>
      <c r="U74" s="24">
        <v>1.206</v>
      </c>
      <c r="V74" s="24">
        <v>0.95</v>
      </c>
      <c r="W74" s="2">
        <v>7.0000000000000001E-3</v>
      </c>
      <c r="X74" s="24">
        <v>80.599999999999994</v>
      </c>
      <c r="Y74" s="24">
        <v>10.7</v>
      </c>
      <c r="Z74" s="24">
        <v>7.7</v>
      </c>
      <c r="AA74" s="27">
        <v>240</v>
      </c>
      <c r="AB74" s="27" t="s">
        <v>43</v>
      </c>
      <c r="AC74" s="27" t="s">
        <v>44</v>
      </c>
      <c r="AD74" s="24" t="s">
        <v>74</v>
      </c>
      <c r="AE74" s="1"/>
    </row>
    <row r="75" spans="1:31" ht="14.45">
      <c r="A75" s="5" t="s">
        <v>116</v>
      </c>
      <c r="B75" s="21">
        <v>46054</v>
      </c>
      <c r="C75" s="2" t="s">
        <v>284</v>
      </c>
      <c r="D75" s="14" t="s">
        <v>285</v>
      </c>
      <c r="E75" s="2" t="s">
        <v>286</v>
      </c>
      <c r="F75" s="2" t="s">
        <v>120</v>
      </c>
      <c r="G75" s="8">
        <v>90</v>
      </c>
      <c r="H75" s="5">
        <v>5</v>
      </c>
      <c r="I75" s="5" t="s">
        <v>69</v>
      </c>
      <c r="J75" s="5" t="s">
        <v>70</v>
      </c>
      <c r="K75" s="2" t="s">
        <v>71</v>
      </c>
      <c r="L75" s="5" t="s">
        <v>70</v>
      </c>
      <c r="M75" s="2" t="s">
        <v>71</v>
      </c>
      <c r="N75" s="5" t="s">
        <v>72</v>
      </c>
      <c r="O75" s="5" t="s">
        <v>38</v>
      </c>
      <c r="P75" s="5" t="s">
        <v>39</v>
      </c>
      <c r="Q75" s="5" t="s">
        <v>40</v>
      </c>
      <c r="R75" s="5" t="s">
        <v>73</v>
      </c>
      <c r="S75" s="5" t="s">
        <v>40</v>
      </c>
      <c r="T75" s="5" t="s">
        <v>42</v>
      </c>
      <c r="U75" s="2">
        <v>1.7090000000000001</v>
      </c>
      <c r="V75" s="2">
        <v>1.446</v>
      </c>
      <c r="W75" s="2">
        <v>7.0000000000000001E-3</v>
      </c>
      <c r="X75" s="2">
        <v>80.599999999999994</v>
      </c>
      <c r="Y75" s="2">
        <v>10.7</v>
      </c>
      <c r="Z75" s="2">
        <v>7.7</v>
      </c>
      <c r="AA75" s="5">
        <v>240</v>
      </c>
      <c r="AB75" s="5" t="s">
        <v>43</v>
      </c>
      <c r="AC75" s="5" t="s">
        <v>44</v>
      </c>
      <c r="AD75" s="2" t="s">
        <v>74</v>
      </c>
      <c r="AE75" s="1"/>
    </row>
    <row r="76" spans="1:31" ht="14.45">
      <c r="C76" s="2" t="s">
        <v>287</v>
      </c>
      <c r="D76" s="14" t="s">
        <v>288</v>
      </c>
      <c r="E76" s="2" t="s">
        <v>289</v>
      </c>
      <c r="F76" s="2" t="s">
        <v>124</v>
      </c>
      <c r="G76" s="8">
        <v>90</v>
      </c>
      <c r="H76" s="5">
        <v>5</v>
      </c>
      <c r="I76" s="5" t="s">
        <v>69</v>
      </c>
      <c r="J76" s="5" t="s">
        <v>70</v>
      </c>
      <c r="K76" s="2" t="s">
        <v>71</v>
      </c>
      <c r="L76" s="5" t="s">
        <v>70</v>
      </c>
      <c r="M76" s="2" t="s">
        <v>71</v>
      </c>
      <c r="N76" s="5" t="s">
        <v>72</v>
      </c>
      <c r="O76" s="5" t="s">
        <v>38</v>
      </c>
      <c r="P76" s="5" t="s">
        <v>39</v>
      </c>
      <c r="Q76" s="5" t="s">
        <v>40</v>
      </c>
      <c r="R76" s="5" t="s">
        <v>73</v>
      </c>
      <c r="S76" s="5" t="s">
        <v>40</v>
      </c>
      <c r="T76" s="5" t="s">
        <v>125</v>
      </c>
      <c r="U76" s="2">
        <v>1.7350000000000001</v>
      </c>
      <c r="V76" s="2">
        <v>1.472</v>
      </c>
      <c r="W76" s="2">
        <v>7.0000000000000001E-3</v>
      </c>
      <c r="X76" s="2">
        <v>80.599999999999994</v>
      </c>
      <c r="Y76" s="2">
        <v>10.7</v>
      </c>
      <c r="Z76" s="2">
        <v>7.7</v>
      </c>
      <c r="AA76" s="5">
        <v>240</v>
      </c>
      <c r="AB76" s="5" t="s">
        <v>43</v>
      </c>
      <c r="AC76" s="5" t="s">
        <v>44</v>
      </c>
      <c r="AD76" s="2" t="s">
        <v>126</v>
      </c>
      <c r="AE76" s="1"/>
    </row>
    <row r="77" spans="1:31" ht="14.45">
      <c r="A77" s="5" t="s">
        <v>116</v>
      </c>
      <c r="B77" s="21">
        <v>46266</v>
      </c>
      <c r="C77" s="2" t="s">
        <v>290</v>
      </c>
      <c r="D77" s="14" t="s">
        <v>291</v>
      </c>
      <c r="E77" s="2" t="s">
        <v>292</v>
      </c>
      <c r="F77" s="2" t="s">
        <v>130</v>
      </c>
      <c r="G77" s="8">
        <v>61</v>
      </c>
      <c r="H77" s="5">
        <v>5</v>
      </c>
      <c r="I77" s="5" t="s">
        <v>69</v>
      </c>
      <c r="J77" s="5" t="s">
        <v>70</v>
      </c>
      <c r="K77" s="2" t="s">
        <v>71</v>
      </c>
      <c r="L77" s="5" t="s">
        <v>70</v>
      </c>
      <c r="M77" s="2" t="s">
        <v>71</v>
      </c>
      <c r="N77" s="5" t="s">
        <v>72</v>
      </c>
      <c r="O77" s="5" t="s">
        <v>38</v>
      </c>
      <c r="P77" s="5" t="s">
        <v>39</v>
      </c>
      <c r="Q77" s="5" t="s">
        <v>40</v>
      </c>
      <c r="R77" s="5" t="s">
        <v>73</v>
      </c>
      <c r="S77" s="5" t="s">
        <v>40</v>
      </c>
      <c r="T77" s="5" t="s">
        <v>42</v>
      </c>
      <c r="U77" s="2">
        <v>2.4039999999999999</v>
      </c>
      <c r="V77" s="2">
        <v>2.1059999999999999</v>
      </c>
      <c r="W77" s="2">
        <v>1.0999999999999999E-2</v>
      </c>
      <c r="X77" s="2">
        <v>94.4</v>
      </c>
      <c r="Y77" s="2">
        <v>13.9</v>
      </c>
      <c r="Z77" s="2">
        <v>8.6999999999999993</v>
      </c>
      <c r="AA77" s="5">
        <v>240</v>
      </c>
      <c r="AB77" s="5" t="s">
        <v>43</v>
      </c>
      <c r="AC77" s="5" t="s">
        <v>44</v>
      </c>
      <c r="AD77" s="2" t="s">
        <v>131</v>
      </c>
      <c r="AE77" s="1"/>
    </row>
    <row r="78" spans="1:31" ht="14.45">
      <c r="A78" s="5" t="s">
        <v>116</v>
      </c>
      <c r="B78" s="21">
        <v>46266</v>
      </c>
      <c r="C78" s="2" t="s">
        <v>293</v>
      </c>
      <c r="D78" s="14" t="s">
        <v>294</v>
      </c>
      <c r="E78" s="2" t="s">
        <v>295</v>
      </c>
      <c r="F78" s="2" t="s">
        <v>130</v>
      </c>
      <c r="G78" s="8">
        <v>122</v>
      </c>
      <c r="H78" s="5">
        <v>5</v>
      </c>
      <c r="I78" s="5" t="s">
        <v>69</v>
      </c>
      <c r="J78" s="5" t="s">
        <v>70</v>
      </c>
      <c r="K78" s="2" t="s">
        <v>71</v>
      </c>
      <c r="L78" s="5" t="s">
        <v>70</v>
      </c>
      <c r="M78" s="2" t="s">
        <v>71</v>
      </c>
      <c r="N78" s="5" t="s">
        <v>72</v>
      </c>
      <c r="O78" s="5" t="s">
        <v>38</v>
      </c>
      <c r="P78" s="5" t="s">
        <v>39</v>
      </c>
      <c r="Q78" s="5" t="s">
        <v>40</v>
      </c>
      <c r="R78" s="5" t="s">
        <v>73</v>
      </c>
      <c r="S78" s="5" t="s">
        <v>40</v>
      </c>
      <c r="T78" s="5" t="s">
        <v>42</v>
      </c>
      <c r="U78" s="2">
        <v>2.907</v>
      </c>
      <c r="V78" s="2">
        <v>2.6019999999999999</v>
      </c>
      <c r="W78" s="2">
        <v>1.0999999999999999E-2</v>
      </c>
      <c r="X78" s="2">
        <v>94.4</v>
      </c>
      <c r="Y78" s="2">
        <v>13.9</v>
      </c>
      <c r="Z78" s="2">
        <v>8.6999999999999993</v>
      </c>
      <c r="AA78" s="5">
        <v>240</v>
      </c>
      <c r="AB78" s="5" t="s">
        <v>43</v>
      </c>
      <c r="AC78" s="5" t="s">
        <v>44</v>
      </c>
      <c r="AD78" s="2" t="s">
        <v>135</v>
      </c>
      <c r="AE78" s="1"/>
    </row>
    <row r="79" spans="1:31" ht="14.45">
      <c r="A79" s="5" t="s">
        <v>116</v>
      </c>
      <c r="B79" s="21">
        <v>46266</v>
      </c>
      <c r="C79" s="2" t="s">
        <v>296</v>
      </c>
      <c r="D79" s="14" t="s">
        <v>297</v>
      </c>
      <c r="E79" s="2" t="s">
        <v>298</v>
      </c>
      <c r="F79" s="2" t="s">
        <v>130</v>
      </c>
      <c r="G79" s="8">
        <v>122</v>
      </c>
      <c r="H79" s="5">
        <v>5</v>
      </c>
      <c r="I79" s="5" t="s">
        <v>69</v>
      </c>
      <c r="J79" s="5" t="s">
        <v>70</v>
      </c>
      <c r="K79" s="2" t="s">
        <v>71</v>
      </c>
      <c r="L79" s="5" t="s">
        <v>70</v>
      </c>
      <c r="M79" s="2" t="s">
        <v>71</v>
      </c>
      <c r="N79" s="5" t="s">
        <v>72</v>
      </c>
      <c r="O79" s="5" t="s">
        <v>38</v>
      </c>
      <c r="P79" s="5" t="s">
        <v>39</v>
      </c>
      <c r="Q79" s="5" t="s">
        <v>40</v>
      </c>
      <c r="R79" s="5" t="s">
        <v>73</v>
      </c>
      <c r="S79" s="5" t="s">
        <v>40</v>
      </c>
      <c r="T79" s="5" t="s">
        <v>42</v>
      </c>
      <c r="U79" s="2">
        <v>2.9329999999999998</v>
      </c>
      <c r="V79" s="2">
        <v>2.6280000000000001</v>
      </c>
      <c r="W79" s="2">
        <v>1.0999999999999999E-2</v>
      </c>
      <c r="X79" s="2">
        <v>94.4</v>
      </c>
      <c r="Y79" s="2">
        <v>13.9</v>
      </c>
      <c r="Z79" s="2">
        <v>8.6999999999999993</v>
      </c>
      <c r="AA79" s="5">
        <v>240</v>
      </c>
      <c r="AB79" s="5" t="s">
        <v>43</v>
      </c>
      <c r="AC79" s="5" t="s">
        <v>44</v>
      </c>
      <c r="AD79" s="2" t="s">
        <v>139</v>
      </c>
      <c r="AE79" s="1"/>
    </row>
    <row r="80" spans="1:31" ht="14.45">
      <c r="C80" s="24" t="s">
        <v>299</v>
      </c>
      <c r="D80" s="25" t="s">
        <v>300</v>
      </c>
      <c r="E80" s="24" t="s">
        <v>301</v>
      </c>
      <c r="F80" s="24" t="s">
        <v>115</v>
      </c>
      <c r="G80" s="26">
        <v>45</v>
      </c>
      <c r="H80" s="27">
        <v>5</v>
      </c>
      <c r="I80" s="27" t="s">
        <v>69</v>
      </c>
      <c r="J80" s="27" t="s">
        <v>70</v>
      </c>
      <c r="K80" s="24" t="s">
        <v>71</v>
      </c>
      <c r="L80" s="27" t="s">
        <v>70</v>
      </c>
      <c r="M80" s="24" t="s">
        <v>71</v>
      </c>
      <c r="N80" s="27" t="s">
        <v>72</v>
      </c>
      <c r="O80" s="27" t="s">
        <v>38</v>
      </c>
      <c r="P80" s="27" t="s">
        <v>39</v>
      </c>
      <c r="Q80" s="27" t="s">
        <v>40</v>
      </c>
      <c r="R80" s="27" t="s">
        <v>73</v>
      </c>
      <c r="S80" s="27" t="s">
        <v>40</v>
      </c>
      <c r="T80" s="27" t="s">
        <v>42</v>
      </c>
      <c r="U80" s="24">
        <v>1.248</v>
      </c>
      <c r="V80" s="24">
        <v>0.99199999999999999</v>
      </c>
      <c r="W80" s="2">
        <v>7.0000000000000001E-3</v>
      </c>
      <c r="X80" s="24">
        <v>80.599999999999994</v>
      </c>
      <c r="Y80" s="24">
        <v>10.7</v>
      </c>
      <c r="Z80" s="24">
        <v>7.7</v>
      </c>
      <c r="AA80" s="27">
        <v>240</v>
      </c>
      <c r="AB80" s="27" t="s">
        <v>43</v>
      </c>
      <c r="AC80" s="27" t="s">
        <v>44</v>
      </c>
      <c r="AD80" s="24" t="s">
        <v>74</v>
      </c>
      <c r="AE80" s="1"/>
    </row>
    <row r="81" spans="1:31" ht="14.45">
      <c r="C81" s="2" t="s">
        <v>302</v>
      </c>
      <c r="D81" s="14" t="s">
        <v>303</v>
      </c>
      <c r="E81" s="2" t="s">
        <v>304</v>
      </c>
      <c r="F81" s="2" t="s">
        <v>124</v>
      </c>
      <c r="G81" s="8">
        <v>90</v>
      </c>
      <c r="H81" s="5">
        <v>5</v>
      </c>
      <c r="I81" s="5" t="s">
        <v>69</v>
      </c>
      <c r="J81" s="5" t="s">
        <v>70</v>
      </c>
      <c r="K81" s="2" t="s">
        <v>71</v>
      </c>
      <c r="L81" s="5" t="s">
        <v>70</v>
      </c>
      <c r="M81" s="2" t="s">
        <v>71</v>
      </c>
      <c r="N81" s="5" t="s">
        <v>72</v>
      </c>
      <c r="O81" s="5" t="s">
        <v>38</v>
      </c>
      <c r="P81" s="5" t="s">
        <v>39</v>
      </c>
      <c r="Q81" s="5" t="s">
        <v>40</v>
      </c>
      <c r="R81" s="5" t="s">
        <v>73</v>
      </c>
      <c r="S81" s="5" t="s">
        <v>40</v>
      </c>
      <c r="T81" s="5" t="s">
        <v>125</v>
      </c>
      <c r="U81" s="2">
        <v>1.7769999999999999</v>
      </c>
      <c r="V81" s="2">
        <v>1.514</v>
      </c>
      <c r="W81" s="2">
        <v>7.0000000000000001E-3</v>
      </c>
      <c r="X81" s="2">
        <v>80.599999999999994</v>
      </c>
      <c r="Y81" s="2">
        <v>10.7</v>
      </c>
      <c r="Z81" s="2">
        <v>7.7</v>
      </c>
      <c r="AA81" s="5">
        <v>240</v>
      </c>
      <c r="AB81" s="5" t="s">
        <v>43</v>
      </c>
      <c r="AC81" s="5" t="s">
        <v>44</v>
      </c>
      <c r="AD81" s="2" t="s">
        <v>126</v>
      </c>
      <c r="AE81" s="1"/>
    </row>
    <row r="82" spans="1:31" ht="14.45">
      <c r="A82" s="5" t="s">
        <v>116</v>
      </c>
      <c r="B82" s="21">
        <v>46266</v>
      </c>
      <c r="C82" s="2" t="s">
        <v>305</v>
      </c>
      <c r="D82" s="14" t="s">
        <v>306</v>
      </c>
      <c r="E82" s="2" t="s">
        <v>307</v>
      </c>
      <c r="F82" s="2" t="s">
        <v>130</v>
      </c>
      <c r="G82" s="8">
        <v>61</v>
      </c>
      <c r="H82" s="5">
        <v>5</v>
      </c>
      <c r="I82" s="5" t="s">
        <v>69</v>
      </c>
      <c r="J82" s="5" t="s">
        <v>70</v>
      </c>
      <c r="K82" s="2" t="s">
        <v>71</v>
      </c>
      <c r="L82" s="5" t="s">
        <v>70</v>
      </c>
      <c r="M82" s="2" t="s">
        <v>71</v>
      </c>
      <c r="N82" s="5" t="s">
        <v>72</v>
      </c>
      <c r="O82" s="5" t="s">
        <v>38</v>
      </c>
      <c r="P82" s="5" t="s">
        <v>39</v>
      </c>
      <c r="Q82" s="5" t="s">
        <v>40</v>
      </c>
      <c r="R82" s="5" t="s">
        <v>73</v>
      </c>
      <c r="S82" s="5" t="s">
        <v>40</v>
      </c>
      <c r="T82" s="5" t="s">
        <v>42</v>
      </c>
      <c r="U82" s="2">
        <v>2.4460000000000002</v>
      </c>
      <c r="V82" s="2">
        <v>2.1480000000000001</v>
      </c>
      <c r="W82" s="2">
        <v>1.0999999999999999E-2</v>
      </c>
      <c r="X82" s="2">
        <v>94.4</v>
      </c>
      <c r="Y82" s="2">
        <v>13.9</v>
      </c>
      <c r="Z82" s="2">
        <v>8.6999999999999993</v>
      </c>
      <c r="AA82" s="5">
        <v>240</v>
      </c>
      <c r="AB82" s="5" t="s">
        <v>43</v>
      </c>
      <c r="AC82" s="5" t="s">
        <v>44</v>
      </c>
      <c r="AD82" s="2" t="s">
        <v>131</v>
      </c>
      <c r="AE82" s="1"/>
    </row>
    <row r="83" spans="1:31" ht="14.45">
      <c r="A83" s="5" t="s">
        <v>116</v>
      </c>
      <c r="B83" s="21">
        <v>46266</v>
      </c>
      <c r="C83" s="2" t="s">
        <v>308</v>
      </c>
      <c r="D83" s="14" t="s">
        <v>309</v>
      </c>
      <c r="E83" s="2" t="s">
        <v>310</v>
      </c>
      <c r="F83" s="2" t="s">
        <v>130</v>
      </c>
      <c r="G83" s="8">
        <v>122</v>
      </c>
      <c r="H83" s="5">
        <v>5</v>
      </c>
      <c r="I83" s="5" t="s">
        <v>69</v>
      </c>
      <c r="J83" s="5" t="s">
        <v>70</v>
      </c>
      <c r="K83" s="2" t="s">
        <v>71</v>
      </c>
      <c r="L83" s="5" t="s">
        <v>70</v>
      </c>
      <c r="M83" s="2" t="s">
        <v>71</v>
      </c>
      <c r="N83" s="5" t="s">
        <v>72</v>
      </c>
      <c r="O83" s="5" t="s">
        <v>38</v>
      </c>
      <c r="P83" s="5" t="s">
        <v>39</v>
      </c>
      <c r="Q83" s="5" t="s">
        <v>40</v>
      </c>
      <c r="R83" s="5" t="s">
        <v>73</v>
      </c>
      <c r="S83" s="5" t="s">
        <v>40</v>
      </c>
      <c r="T83" s="5" t="s">
        <v>42</v>
      </c>
      <c r="U83" s="2">
        <v>2.9489999999999998</v>
      </c>
      <c r="V83" s="2">
        <v>2.6440000000000001</v>
      </c>
      <c r="W83" s="2">
        <v>1.0999999999999999E-2</v>
      </c>
      <c r="X83" s="2">
        <v>94.4</v>
      </c>
      <c r="Y83" s="2">
        <v>13.9</v>
      </c>
      <c r="Z83" s="2">
        <v>8.6999999999999993</v>
      </c>
      <c r="AA83" s="5">
        <v>240</v>
      </c>
      <c r="AB83" s="5" t="s">
        <v>43</v>
      </c>
      <c r="AC83" s="5" t="s">
        <v>44</v>
      </c>
      <c r="AD83" s="2" t="s">
        <v>135</v>
      </c>
      <c r="AE83" s="1"/>
    </row>
    <row r="84" spans="1:31" ht="14.45">
      <c r="A84" s="5" t="s">
        <v>116</v>
      </c>
      <c r="B84" s="21">
        <v>46266</v>
      </c>
      <c r="C84" s="2" t="s">
        <v>311</v>
      </c>
      <c r="D84" s="14" t="s">
        <v>312</v>
      </c>
      <c r="E84" s="2" t="s">
        <v>313</v>
      </c>
      <c r="F84" s="2" t="s">
        <v>130</v>
      </c>
      <c r="G84" s="8">
        <v>122</v>
      </c>
      <c r="H84" s="5">
        <v>5</v>
      </c>
      <c r="I84" s="5" t="s">
        <v>69</v>
      </c>
      <c r="J84" s="5" t="s">
        <v>70</v>
      </c>
      <c r="K84" s="2" t="s">
        <v>71</v>
      </c>
      <c r="L84" s="5" t="s">
        <v>70</v>
      </c>
      <c r="M84" s="2" t="s">
        <v>71</v>
      </c>
      <c r="N84" s="5" t="s">
        <v>72</v>
      </c>
      <c r="O84" s="5" t="s">
        <v>38</v>
      </c>
      <c r="P84" s="5" t="s">
        <v>39</v>
      </c>
      <c r="Q84" s="5" t="s">
        <v>40</v>
      </c>
      <c r="R84" s="5" t="s">
        <v>73</v>
      </c>
      <c r="S84" s="5" t="s">
        <v>40</v>
      </c>
      <c r="T84" s="5" t="s">
        <v>42</v>
      </c>
      <c r="U84" s="2">
        <v>2.9750000000000001</v>
      </c>
      <c r="V84" s="2">
        <v>2.67</v>
      </c>
      <c r="W84" s="2">
        <v>1.0999999999999999E-2</v>
      </c>
      <c r="X84" s="2">
        <v>94.4</v>
      </c>
      <c r="Y84" s="2">
        <v>13.9</v>
      </c>
      <c r="Z84" s="2">
        <v>8.6999999999999993</v>
      </c>
      <c r="AA84" s="5">
        <v>240</v>
      </c>
      <c r="AB84" s="5" t="s">
        <v>43</v>
      </c>
      <c r="AC84" s="5" t="s">
        <v>44</v>
      </c>
      <c r="AD84" s="2" t="s">
        <v>139</v>
      </c>
      <c r="AE84" s="1"/>
    </row>
    <row r="85" spans="1:31" ht="14.45">
      <c r="A85" s="5"/>
      <c r="B85" s="21"/>
      <c r="C85" s="2" t="s">
        <v>314</v>
      </c>
      <c r="D85" s="14" t="s">
        <v>315</v>
      </c>
      <c r="E85" s="2" t="s">
        <v>316</v>
      </c>
      <c r="F85" s="2" t="s">
        <v>115</v>
      </c>
      <c r="G85" s="8">
        <v>45</v>
      </c>
      <c r="H85" s="5">
        <v>5</v>
      </c>
      <c r="I85" s="5" t="s">
        <v>69</v>
      </c>
      <c r="J85" s="5" t="s">
        <v>70</v>
      </c>
      <c r="K85" s="2" t="s">
        <v>71</v>
      </c>
      <c r="L85" s="5" t="s">
        <v>70</v>
      </c>
      <c r="M85" s="2" t="s">
        <v>71</v>
      </c>
      <c r="N85" s="5" t="s">
        <v>72</v>
      </c>
      <c r="O85" s="5" t="s">
        <v>38</v>
      </c>
      <c r="P85" s="5" t="s">
        <v>39</v>
      </c>
      <c r="Q85" s="5" t="s">
        <v>40</v>
      </c>
      <c r="R85" s="5" t="s">
        <v>73</v>
      </c>
      <c r="S85" s="5" t="s">
        <v>40</v>
      </c>
      <c r="T85" s="5" t="s">
        <v>42</v>
      </c>
      <c r="U85" s="2">
        <v>1.159</v>
      </c>
      <c r="V85" s="2">
        <v>0.90300000000000002</v>
      </c>
      <c r="W85" s="2">
        <v>7.0000000000000001E-3</v>
      </c>
      <c r="X85" s="2">
        <v>80.599999999999994</v>
      </c>
      <c r="Y85" s="2">
        <v>10.7</v>
      </c>
      <c r="Z85" s="2">
        <v>7.7</v>
      </c>
      <c r="AA85" s="5">
        <v>240</v>
      </c>
      <c r="AB85" s="5" t="s">
        <v>43</v>
      </c>
      <c r="AC85" s="5" t="s">
        <v>44</v>
      </c>
      <c r="AD85" s="2" t="s">
        <v>74</v>
      </c>
      <c r="AE85" s="1"/>
    </row>
    <row r="86" spans="1:31" ht="14.45">
      <c r="A86" s="5" t="s">
        <v>116</v>
      </c>
      <c r="B86" s="21">
        <v>46054</v>
      </c>
      <c r="C86" s="2" t="s">
        <v>317</v>
      </c>
      <c r="D86" s="14" t="s">
        <v>318</v>
      </c>
      <c r="E86" s="2" t="s">
        <v>319</v>
      </c>
      <c r="F86" s="2" t="s">
        <v>120</v>
      </c>
      <c r="G86" s="8">
        <v>90</v>
      </c>
      <c r="H86" s="5">
        <v>5</v>
      </c>
      <c r="I86" s="5" t="s">
        <v>69</v>
      </c>
      <c r="J86" s="5" t="s">
        <v>70</v>
      </c>
      <c r="K86" s="2" t="s">
        <v>71</v>
      </c>
      <c r="L86" s="5" t="s">
        <v>70</v>
      </c>
      <c r="M86" s="2" t="s">
        <v>71</v>
      </c>
      <c r="N86" s="5" t="s">
        <v>72</v>
      </c>
      <c r="O86" s="5" t="s">
        <v>38</v>
      </c>
      <c r="P86" s="5" t="s">
        <v>39</v>
      </c>
      <c r="Q86" s="5" t="s">
        <v>40</v>
      </c>
      <c r="R86" s="5" t="s">
        <v>73</v>
      </c>
      <c r="S86" s="5" t="s">
        <v>40</v>
      </c>
      <c r="T86" s="5" t="s">
        <v>42</v>
      </c>
      <c r="U86" s="2">
        <v>1.734</v>
      </c>
      <c r="V86" s="2">
        <v>1.4710000000000001</v>
      </c>
      <c r="W86" s="2">
        <v>7.0000000000000001E-3</v>
      </c>
      <c r="X86" s="2">
        <v>80.599999999999994</v>
      </c>
      <c r="Y86" s="2">
        <v>10.7</v>
      </c>
      <c r="Z86" s="2">
        <v>7.7</v>
      </c>
      <c r="AA86" s="5">
        <v>240</v>
      </c>
      <c r="AB86" s="5" t="s">
        <v>43</v>
      </c>
      <c r="AC86" s="5" t="s">
        <v>44</v>
      </c>
      <c r="AD86" s="2" t="s">
        <v>74</v>
      </c>
      <c r="AE86" s="1"/>
    </row>
    <row r="87" spans="1:31" ht="14.45">
      <c r="C87" s="2" t="s">
        <v>320</v>
      </c>
      <c r="D87" s="14" t="s">
        <v>321</v>
      </c>
      <c r="E87" s="2" t="s">
        <v>322</v>
      </c>
      <c r="F87" s="2" t="s">
        <v>124</v>
      </c>
      <c r="G87" s="8">
        <v>90</v>
      </c>
      <c r="H87" s="5">
        <v>5</v>
      </c>
      <c r="I87" s="5" t="s">
        <v>69</v>
      </c>
      <c r="J87" s="5" t="s">
        <v>70</v>
      </c>
      <c r="K87" s="2" t="s">
        <v>71</v>
      </c>
      <c r="L87" s="5" t="s">
        <v>70</v>
      </c>
      <c r="M87" s="2" t="s">
        <v>71</v>
      </c>
      <c r="N87" s="5" t="s">
        <v>72</v>
      </c>
      <c r="O87" s="5" t="s">
        <v>38</v>
      </c>
      <c r="P87" s="5" t="s">
        <v>39</v>
      </c>
      <c r="Q87" s="5" t="s">
        <v>40</v>
      </c>
      <c r="R87" s="5" t="s">
        <v>73</v>
      </c>
      <c r="S87" s="5" t="s">
        <v>40</v>
      </c>
      <c r="T87" s="5" t="s">
        <v>125</v>
      </c>
      <c r="U87" s="2">
        <v>1.76</v>
      </c>
      <c r="V87" s="2">
        <v>1.4970000000000001</v>
      </c>
      <c r="W87" s="2">
        <v>7.0000000000000001E-3</v>
      </c>
      <c r="X87" s="2">
        <v>80.599999999999994</v>
      </c>
      <c r="Y87" s="2">
        <v>10.7</v>
      </c>
      <c r="Z87" s="2">
        <v>7.7</v>
      </c>
      <c r="AA87" s="5">
        <v>240</v>
      </c>
      <c r="AB87" s="5" t="s">
        <v>43</v>
      </c>
      <c r="AC87" s="5" t="s">
        <v>44</v>
      </c>
      <c r="AD87" s="2" t="s">
        <v>126</v>
      </c>
      <c r="AE87" s="1"/>
    </row>
    <row r="88" spans="1:31" ht="14.45">
      <c r="A88" s="5" t="s">
        <v>116</v>
      </c>
      <c r="B88" s="21">
        <v>46266</v>
      </c>
      <c r="C88" s="2" t="s">
        <v>323</v>
      </c>
      <c r="D88" s="14" t="s">
        <v>324</v>
      </c>
      <c r="E88" s="2" t="s">
        <v>325</v>
      </c>
      <c r="F88" s="2" t="s">
        <v>130</v>
      </c>
      <c r="G88" s="8">
        <v>61</v>
      </c>
      <c r="H88" s="5">
        <v>5</v>
      </c>
      <c r="I88" s="5" t="s">
        <v>69</v>
      </c>
      <c r="J88" s="5" t="s">
        <v>70</v>
      </c>
      <c r="K88" s="2" t="s">
        <v>71</v>
      </c>
      <c r="L88" s="5" t="s">
        <v>70</v>
      </c>
      <c r="M88" s="2" t="s">
        <v>71</v>
      </c>
      <c r="N88" s="5" t="s">
        <v>72</v>
      </c>
      <c r="O88" s="5" t="s">
        <v>38</v>
      </c>
      <c r="P88" s="5" t="s">
        <v>39</v>
      </c>
      <c r="Q88" s="5" t="s">
        <v>40</v>
      </c>
      <c r="R88" s="5" t="s">
        <v>73</v>
      </c>
      <c r="S88" s="5" t="s">
        <v>40</v>
      </c>
      <c r="T88" s="5" t="s">
        <v>42</v>
      </c>
      <c r="U88" s="2">
        <v>2.5129999999999999</v>
      </c>
      <c r="V88" s="2">
        <v>2.2149999999999999</v>
      </c>
      <c r="W88" s="2">
        <v>1.0999999999999999E-2</v>
      </c>
      <c r="X88" s="2">
        <v>94.4</v>
      </c>
      <c r="Y88" s="2">
        <v>13.9</v>
      </c>
      <c r="Z88" s="2">
        <v>8.6999999999999993</v>
      </c>
      <c r="AA88" s="5">
        <v>240</v>
      </c>
      <c r="AB88" s="5" t="s">
        <v>43</v>
      </c>
      <c r="AC88" s="5" t="s">
        <v>44</v>
      </c>
      <c r="AD88" s="2" t="s">
        <v>131</v>
      </c>
      <c r="AE88" s="1"/>
    </row>
    <row r="89" spans="1:31" ht="14.45">
      <c r="A89" s="5" t="s">
        <v>116</v>
      </c>
      <c r="B89" s="21">
        <v>46266</v>
      </c>
      <c r="C89" s="2" t="s">
        <v>326</v>
      </c>
      <c r="D89" s="14" t="s">
        <v>327</v>
      </c>
      <c r="E89" s="2" t="s">
        <v>328</v>
      </c>
      <c r="F89" s="2" t="s">
        <v>130</v>
      </c>
      <c r="G89" s="8">
        <v>122</v>
      </c>
      <c r="H89" s="5">
        <v>5</v>
      </c>
      <c r="I89" s="5" t="s">
        <v>69</v>
      </c>
      <c r="J89" s="5" t="s">
        <v>70</v>
      </c>
      <c r="K89" s="2" t="s">
        <v>71</v>
      </c>
      <c r="L89" s="5" t="s">
        <v>70</v>
      </c>
      <c r="M89" s="2" t="s">
        <v>71</v>
      </c>
      <c r="N89" s="5" t="s">
        <v>72</v>
      </c>
      <c r="O89" s="5" t="s">
        <v>38</v>
      </c>
      <c r="P89" s="5" t="s">
        <v>39</v>
      </c>
      <c r="Q89" s="5" t="s">
        <v>40</v>
      </c>
      <c r="R89" s="5" t="s">
        <v>73</v>
      </c>
      <c r="S89" s="5" t="s">
        <v>40</v>
      </c>
      <c r="T89" s="5" t="s">
        <v>42</v>
      </c>
      <c r="U89" s="2">
        <v>3.0880000000000001</v>
      </c>
      <c r="V89" s="2">
        <v>2.7829999999999999</v>
      </c>
      <c r="W89" s="2">
        <v>1.0999999999999999E-2</v>
      </c>
      <c r="X89" s="2">
        <v>94.4</v>
      </c>
      <c r="Y89" s="2">
        <v>13.9</v>
      </c>
      <c r="Z89" s="2">
        <v>8.6999999999999993</v>
      </c>
      <c r="AA89" s="5">
        <v>240</v>
      </c>
      <c r="AB89" s="5" t="s">
        <v>43</v>
      </c>
      <c r="AC89" s="5" t="s">
        <v>44</v>
      </c>
      <c r="AD89" s="2" t="s">
        <v>135</v>
      </c>
      <c r="AE89" s="1"/>
    </row>
    <row r="90" spans="1:31" ht="14.45">
      <c r="A90" s="5" t="s">
        <v>116</v>
      </c>
      <c r="B90" s="21">
        <v>46266</v>
      </c>
      <c r="C90" s="2" t="s">
        <v>329</v>
      </c>
      <c r="D90" s="14" t="s">
        <v>330</v>
      </c>
      <c r="E90" s="2" t="s">
        <v>331</v>
      </c>
      <c r="F90" s="2" t="s">
        <v>130</v>
      </c>
      <c r="G90" s="8">
        <v>122</v>
      </c>
      <c r="H90" s="5">
        <v>5</v>
      </c>
      <c r="I90" s="5" t="s">
        <v>69</v>
      </c>
      <c r="J90" s="5" t="s">
        <v>70</v>
      </c>
      <c r="K90" s="2" t="s">
        <v>71</v>
      </c>
      <c r="L90" s="5" t="s">
        <v>70</v>
      </c>
      <c r="M90" s="2" t="s">
        <v>71</v>
      </c>
      <c r="N90" s="5" t="s">
        <v>72</v>
      </c>
      <c r="O90" s="5" t="s">
        <v>38</v>
      </c>
      <c r="P90" s="5" t="s">
        <v>39</v>
      </c>
      <c r="Q90" s="5" t="s">
        <v>40</v>
      </c>
      <c r="R90" s="5" t="s">
        <v>73</v>
      </c>
      <c r="S90" s="5" t="s">
        <v>40</v>
      </c>
      <c r="T90" s="5" t="s">
        <v>42</v>
      </c>
      <c r="U90" s="2">
        <v>3.1139999999999999</v>
      </c>
      <c r="V90" s="2">
        <v>2.8090000000000002</v>
      </c>
      <c r="W90" s="2">
        <v>1.0999999999999999E-2</v>
      </c>
      <c r="X90" s="2">
        <v>94.4</v>
      </c>
      <c r="Y90" s="2">
        <v>13.9</v>
      </c>
      <c r="Z90" s="2">
        <v>8.6999999999999993</v>
      </c>
      <c r="AA90" s="5">
        <v>240</v>
      </c>
      <c r="AB90" s="5" t="s">
        <v>43</v>
      </c>
      <c r="AC90" s="5" t="s">
        <v>44</v>
      </c>
      <c r="AD90" s="2" t="s">
        <v>139</v>
      </c>
      <c r="AE90" s="1"/>
    </row>
    <row r="91" spans="1:31" ht="14.45">
      <c r="A91" s="5"/>
      <c r="B91" s="21"/>
      <c r="C91" s="2" t="s">
        <v>332</v>
      </c>
      <c r="D91" s="14" t="s">
        <v>333</v>
      </c>
      <c r="E91" s="2" t="s">
        <v>334</v>
      </c>
      <c r="F91" s="2" t="s">
        <v>115</v>
      </c>
      <c r="G91" s="8">
        <v>45</v>
      </c>
      <c r="H91" s="5">
        <v>5</v>
      </c>
      <c r="I91" s="5" t="s">
        <v>69</v>
      </c>
      <c r="J91" s="5" t="s">
        <v>70</v>
      </c>
      <c r="K91" s="2" t="s">
        <v>71</v>
      </c>
      <c r="L91" s="5" t="s">
        <v>70</v>
      </c>
      <c r="M91" s="2" t="s">
        <v>71</v>
      </c>
      <c r="N91" s="5" t="s">
        <v>72</v>
      </c>
      <c r="O91" s="5" t="s">
        <v>38</v>
      </c>
      <c r="P91" s="5" t="s">
        <v>39</v>
      </c>
      <c r="Q91" s="5" t="s">
        <v>40</v>
      </c>
      <c r="R91" s="5" t="s">
        <v>73</v>
      </c>
      <c r="S91" s="5" t="s">
        <v>40</v>
      </c>
      <c r="T91" s="5" t="s">
        <v>42</v>
      </c>
      <c r="U91" s="2">
        <v>1.2250000000000001</v>
      </c>
      <c r="V91" s="2">
        <v>0.96899999999999997</v>
      </c>
      <c r="W91" s="2">
        <v>7.0000000000000001E-3</v>
      </c>
      <c r="X91" s="2">
        <v>80.599999999999994</v>
      </c>
      <c r="Y91" s="2">
        <v>10.7</v>
      </c>
      <c r="Z91" s="2">
        <v>7.7</v>
      </c>
      <c r="AA91" s="5">
        <v>240</v>
      </c>
      <c r="AB91" s="5" t="s">
        <v>43</v>
      </c>
      <c r="AC91" s="5" t="s">
        <v>44</v>
      </c>
      <c r="AD91" s="2" t="s">
        <v>74</v>
      </c>
      <c r="AE91" s="1"/>
    </row>
    <row r="92" spans="1:31" ht="14.45">
      <c r="A92" s="5" t="s">
        <v>116</v>
      </c>
      <c r="B92" s="21">
        <v>46054</v>
      </c>
      <c r="C92" s="2" t="s">
        <v>335</v>
      </c>
      <c r="D92" s="14" t="s">
        <v>336</v>
      </c>
      <c r="E92" s="2" t="s">
        <v>337</v>
      </c>
      <c r="F92" s="2" t="s">
        <v>120</v>
      </c>
      <c r="G92" s="8">
        <v>90</v>
      </c>
      <c r="H92" s="5">
        <v>5</v>
      </c>
      <c r="I92" s="5" t="s">
        <v>69</v>
      </c>
      <c r="J92" s="5" t="s">
        <v>70</v>
      </c>
      <c r="K92" s="2" t="s">
        <v>71</v>
      </c>
      <c r="L92" s="5" t="s">
        <v>70</v>
      </c>
      <c r="M92" s="2" t="s">
        <v>71</v>
      </c>
      <c r="N92" s="5" t="s">
        <v>72</v>
      </c>
      <c r="O92" s="5" t="s">
        <v>38</v>
      </c>
      <c r="P92" s="5" t="s">
        <v>39</v>
      </c>
      <c r="Q92" s="5" t="s">
        <v>40</v>
      </c>
      <c r="R92" s="5" t="s">
        <v>73</v>
      </c>
      <c r="S92" s="5" t="s">
        <v>40</v>
      </c>
      <c r="T92" s="5" t="s">
        <v>42</v>
      </c>
      <c r="U92" s="2">
        <v>1.78</v>
      </c>
      <c r="V92" s="2">
        <v>1.5169999999999999</v>
      </c>
      <c r="W92" s="2">
        <v>7.0000000000000001E-3</v>
      </c>
      <c r="X92" s="2">
        <v>80.599999999999994</v>
      </c>
      <c r="Y92" s="2">
        <v>10.7</v>
      </c>
      <c r="Z92" s="2">
        <v>7.7</v>
      </c>
      <c r="AA92" s="5">
        <v>240</v>
      </c>
      <c r="AB92" s="5" t="s">
        <v>43</v>
      </c>
      <c r="AC92" s="5" t="s">
        <v>44</v>
      </c>
      <c r="AD92" s="2" t="s">
        <v>74</v>
      </c>
      <c r="AE92" s="1"/>
    </row>
    <row r="93" spans="1:31" ht="14.45">
      <c r="C93" s="2" t="s">
        <v>338</v>
      </c>
      <c r="D93" s="14" t="s">
        <v>339</v>
      </c>
      <c r="E93" s="2" t="s">
        <v>340</v>
      </c>
      <c r="F93" s="2" t="s">
        <v>124</v>
      </c>
      <c r="G93" s="8">
        <v>90</v>
      </c>
      <c r="H93" s="5">
        <v>5</v>
      </c>
      <c r="I93" s="5" t="s">
        <v>69</v>
      </c>
      <c r="J93" s="5" t="s">
        <v>70</v>
      </c>
      <c r="K93" s="2" t="s">
        <v>71</v>
      </c>
      <c r="L93" s="5" t="s">
        <v>70</v>
      </c>
      <c r="M93" s="2" t="s">
        <v>71</v>
      </c>
      <c r="N93" s="5" t="s">
        <v>72</v>
      </c>
      <c r="O93" s="5" t="s">
        <v>38</v>
      </c>
      <c r="P93" s="5" t="s">
        <v>39</v>
      </c>
      <c r="Q93" s="5" t="s">
        <v>40</v>
      </c>
      <c r="R93" s="5" t="s">
        <v>73</v>
      </c>
      <c r="S93" s="5" t="s">
        <v>40</v>
      </c>
      <c r="T93" s="5" t="s">
        <v>125</v>
      </c>
      <c r="U93" s="2">
        <v>1.806</v>
      </c>
      <c r="V93" s="2">
        <v>1.5429999999999999</v>
      </c>
      <c r="W93" s="2">
        <v>7.0000000000000001E-3</v>
      </c>
      <c r="X93" s="2">
        <v>80.599999999999994</v>
      </c>
      <c r="Y93" s="2">
        <v>10.7</v>
      </c>
      <c r="Z93" s="2">
        <v>7.7</v>
      </c>
      <c r="AA93" s="5">
        <v>240</v>
      </c>
      <c r="AB93" s="5" t="s">
        <v>43</v>
      </c>
      <c r="AC93" s="5" t="s">
        <v>44</v>
      </c>
      <c r="AD93" s="2" t="s">
        <v>126</v>
      </c>
      <c r="AE93" s="1"/>
    </row>
    <row r="94" spans="1:31" ht="14.45">
      <c r="A94" s="5" t="s">
        <v>116</v>
      </c>
      <c r="B94" s="21">
        <v>46266</v>
      </c>
      <c r="C94" s="2" t="s">
        <v>341</v>
      </c>
      <c r="D94" s="14" t="s">
        <v>342</v>
      </c>
      <c r="E94" s="2" t="s">
        <v>343</v>
      </c>
      <c r="F94" s="2" t="s">
        <v>130</v>
      </c>
      <c r="G94" s="8">
        <v>61</v>
      </c>
      <c r="H94" s="5">
        <v>5</v>
      </c>
      <c r="I94" s="5" t="s">
        <v>69</v>
      </c>
      <c r="J94" s="5" t="s">
        <v>70</v>
      </c>
      <c r="K94" s="2" t="s">
        <v>71</v>
      </c>
      <c r="L94" s="5" t="s">
        <v>70</v>
      </c>
      <c r="M94" s="2" t="s">
        <v>71</v>
      </c>
      <c r="N94" s="5" t="s">
        <v>72</v>
      </c>
      <c r="O94" s="5" t="s">
        <v>38</v>
      </c>
      <c r="P94" s="5" t="s">
        <v>39</v>
      </c>
      <c r="Q94" s="5" t="s">
        <v>40</v>
      </c>
      <c r="R94" s="5" t="s">
        <v>73</v>
      </c>
      <c r="S94" s="5" t="s">
        <v>40</v>
      </c>
      <c r="T94" s="5" t="s">
        <v>42</v>
      </c>
      <c r="U94" s="2">
        <v>2.5790000000000002</v>
      </c>
      <c r="V94" s="2">
        <v>2.2810000000000001</v>
      </c>
      <c r="W94" s="2">
        <v>1.0999999999999999E-2</v>
      </c>
      <c r="X94" s="2">
        <v>94.4</v>
      </c>
      <c r="Y94" s="2">
        <v>13.9</v>
      </c>
      <c r="Z94" s="2">
        <v>8.6999999999999993</v>
      </c>
      <c r="AA94" s="5">
        <v>240</v>
      </c>
      <c r="AB94" s="5" t="s">
        <v>43</v>
      </c>
      <c r="AC94" s="5" t="s">
        <v>44</v>
      </c>
      <c r="AD94" s="2" t="s">
        <v>131</v>
      </c>
      <c r="AE94" s="1"/>
    </row>
    <row r="95" spans="1:31" ht="14.45">
      <c r="A95" s="5" t="s">
        <v>116</v>
      </c>
      <c r="B95" s="21">
        <v>46266</v>
      </c>
      <c r="C95" s="2" t="s">
        <v>344</v>
      </c>
      <c r="D95" s="14" t="s">
        <v>345</v>
      </c>
      <c r="E95" s="2" t="s">
        <v>346</v>
      </c>
      <c r="F95" s="2" t="s">
        <v>130</v>
      </c>
      <c r="G95" s="8">
        <v>122</v>
      </c>
      <c r="H95" s="5">
        <v>5</v>
      </c>
      <c r="I95" s="5" t="s">
        <v>69</v>
      </c>
      <c r="J95" s="5" t="s">
        <v>70</v>
      </c>
      <c r="K95" s="2" t="s">
        <v>71</v>
      </c>
      <c r="L95" s="5" t="s">
        <v>70</v>
      </c>
      <c r="M95" s="2" t="s">
        <v>71</v>
      </c>
      <c r="N95" s="5" t="s">
        <v>72</v>
      </c>
      <c r="O95" s="5" t="s">
        <v>38</v>
      </c>
      <c r="P95" s="5" t="s">
        <v>39</v>
      </c>
      <c r="Q95" s="5" t="s">
        <v>40</v>
      </c>
      <c r="R95" s="5" t="s">
        <v>73</v>
      </c>
      <c r="S95" s="5" t="s">
        <v>40</v>
      </c>
      <c r="T95" s="5" t="s">
        <v>42</v>
      </c>
      <c r="U95" s="2">
        <v>3.1339999999999999</v>
      </c>
      <c r="V95" s="2">
        <v>2.8290000000000002</v>
      </c>
      <c r="W95" s="2">
        <v>1.0999999999999999E-2</v>
      </c>
      <c r="X95" s="2">
        <v>94.4</v>
      </c>
      <c r="Y95" s="2">
        <v>13.9</v>
      </c>
      <c r="Z95" s="2">
        <v>8.6999999999999993</v>
      </c>
      <c r="AA95" s="5">
        <v>240</v>
      </c>
      <c r="AB95" s="5" t="s">
        <v>43</v>
      </c>
      <c r="AC95" s="5" t="s">
        <v>44</v>
      </c>
      <c r="AD95" s="2" t="s">
        <v>135</v>
      </c>
      <c r="AE95" s="1"/>
    </row>
    <row r="96" spans="1:31" ht="14.45">
      <c r="A96" s="5" t="s">
        <v>116</v>
      </c>
      <c r="B96" s="21">
        <v>46266</v>
      </c>
      <c r="C96" s="2" t="s">
        <v>347</v>
      </c>
      <c r="D96" s="14" t="s">
        <v>348</v>
      </c>
      <c r="E96" s="2" t="s">
        <v>349</v>
      </c>
      <c r="F96" s="2" t="s">
        <v>130</v>
      </c>
      <c r="G96" s="8">
        <v>122</v>
      </c>
      <c r="H96" s="5">
        <v>5</v>
      </c>
      <c r="I96" s="5" t="s">
        <v>69</v>
      </c>
      <c r="J96" s="5" t="s">
        <v>70</v>
      </c>
      <c r="K96" s="2" t="s">
        <v>71</v>
      </c>
      <c r="L96" s="5" t="s">
        <v>70</v>
      </c>
      <c r="M96" s="2" t="s">
        <v>71</v>
      </c>
      <c r="N96" s="5" t="s">
        <v>72</v>
      </c>
      <c r="O96" s="5" t="s">
        <v>38</v>
      </c>
      <c r="P96" s="5" t="s">
        <v>39</v>
      </c>
      <c r="Q96" s="5" t="s">
        <v>40</v>
      </c>
      <c r="R96" s="5" t="s">
        <v>73</v>
      </c>
      <c r="S96" s="5" t="s">
        <v>40</v>
      </c>
      <c r="T96" s="5" t="s">
        <v>42</v>
      </c>
      <c r="U96" s="2">
        <v>3.16</v>
      </c>
      <c r="V96" s="2">
        <v>2.855</v>
      </c>
      <c r="W96" s="2">
        <v>1.0999999999999999E-2</v>
      </c>
      <c r="X96" s="2">
        <v>94.4</v>
      </c>
      <c r="Y96" s="2">
        <v>13.9</v>
      </c>
      <c r="Z96" s="2">
        <v>8.6999999999999993</v>
      </c>
      <c r="AA96" s="5">
        <v>240</v>
      </c>
      <c r="AB96" s="5" t="s">
        <v>43</v>
      </c>
      <c r="AC96" s="5" t="s">
        <v>44</v>
      </c>
      <c r="AD96" s="2" t="s">
        <v>139</v>
      </c>
      <c r="AE96" s="1"/>
    </row>
    <row r="97" spans="1:31" ht="14.45">
      <c r="A97" s="5"/>
      <c r="B97" s="21"/>
      <c r="C97" s="2" t="s">
        <v>350</v>
      </c>
      <c r="D97" s="14" t="s">
        <v>351</v>
      </c>
      <c r="E97" s="2" t="s">
        <v>352</v>
      </c>
      <c r="F97" s="2" t="s">
        <v>115</v>
      </c>
      <c r="G97" s="8">
        <v>45</v>
      </c>
      <c r="H97" s="5">
        <v>5</v>
      </c>
      <c r="I97" s="5" t="s">
        <v>69</v>
      </c>
      <c r="J97" s="5" t="s">
        <v>70</v>
      </c>
      <c r="K97" s="2" t="s">
        <v>71</v>
      </c>
      <c r="L97" s="5" t="s">
        <v>70</v>
      </c>
      <c r="M97" s="2" t="s">
        <v>71</v>
      </c>
      <c r="N97" s="5" t="s">
        <v>72</v>
      </c>
      <c r="O97" s="5" t="s">
        <v>38</v>
      </c>
      <c r="P97" s="5" t="s">
        <v>39</v>
      </c>
      <c r="Q97" s="5" t="s">
        <v>40</v>
      </c>
      <c r="R97" s="5" t="s">
        <v>73</v>
      </c>
      <c r="S97" s="5" t="s">
        <v>40</v>
      </c>
      <c r="T97" s="5" t="s">
        <v>42</v>
      </c>
      <c r="U97" s="2">
        <v>1.266</v>
      </c>
      <c r="V97" s="2">
        <v>1.01</v>
      </c>
      <c r="W97" s="2">
        <v>7.0000000000000001E-3</v>
      </c>
      <c r="X97" s="2">
        <v>80.599999999999994</v>
      </c>
      <c r="Y97" s="2">
        <v>10.7</v>
      </c>
      <c r="Z97" s="2">
        <v>7.7</v>
      </c>
      <c r="AA97" s="5">
        <v>240</v>
      </c>
      <c r="AB97" s="5" t="s">
        <v>43</v>
      </c>
      <c r="AC97" s="5" t="s">
        <v>44</v>
      </c>
      <c r="AD97" s="2" t="s">
        <v>74</v>
      </c>
      <c r="AE97" s="1"/>
    </row>
    <row r="98" spans="1:31" ht="14.45">
      <c r="A98" s="5" t="s">
        <v>116</v>
      </c>
      <c r="B98" s="21">
        <v>46054</v>
      </c>
      <c r="C98" s="2" t="s">
        <v>353</v>
      </c>
      <c r="D98" s="14" t="s">
        <v>354</v>
      </c>
      <c r="E98" s="2" t="s">
        <v>355</v>
      </c>
      <c r="F98" s="2" t="s">
        <v>120</v>
      </c>
      <c r="G98" s="8">
        <v>90</v>
      </c>
      <c r="H98" s="5">
        <v>5</v>
      </c>
      <c r="I98" s="5" t="s">
        <v>69</v>
      </c>
      <c r="J98" s="5" t="s">
        <v>70</v>
      </c>
      <c r="K98" s="2" t="s">
        <v>71</v>
      </c>
      <c r="L98" s="5" t="s">
        <v>70</v>
      </c>
      <c r="M98" s="2" t="s">
        <v>71</v>
      </c>
      <c r="N98" s="5" t="s">
        <v>72</v>
      </c>
      <c r="O98" s="5" t="s">
        <v>38</v>
      </c>
      <c r="P98" s="5" t="s">
        <v>39</v>
      </c>
      <c r="Q98" s="5" t="s">
        <v>40</v>
      </c>
      <c r="R98" s="5" t="s">
        <v>73</v>
      </c>
      <c r="S98" s="5" t="s">
        <v>40</v>
      </c>
      <c r="T98" s="5" t="s">
        <v>42</v>
      </c>
      <c r="U98" s="2">
        <v>1.821</v>
      </c>
      <c r="V98" s="2">
        <v>1.5580000000000001</v>
      </c>
      <c r="W98" s="2">
        <v>7.0000000000000001E-3</v>
      </c>
      <c r="X98" s="2">
        <v>80.599999999999994</v>
      </c>
      <c r="Y98" s="2">
        <v>10.7</v>
      </c>
      <c r="Z98" s="2">
        <v>7.7</v>
      </c>
      <c r="AA98" s="5">
        <v>240</v>
      </c>
      <c r="AB98" s="5" t="s">
        <v>43</v>
      </c>
      <c r="AC98" s="5" t="s">
        <v>44</v>
      </c>
      <c r="AD98" s="2" t="s">
        <v>74</v>
      </c>
      <c r="AE98" s="1"/>
    </row>
    <row r="99" spans="1:31" ht="14.45">
      <c r="C99" s="2" t="s">
        <v>356</v>
      </c>
      <c r="D99" s="14" t="s">
        <v>357</v>
      </c>
      <c r="E99" s="2" t="s">
        <v>358</v>
      </c>
      <c r="F99" s="2" t="s">
        <v>124</v>
      </c>
      <c r="G99" s="8">
        <v>90</v>
      </c>
      <c r="H99" s="5">
        <v>5</v>
      </c>
      <c r="I99" s="5" t="s">
        <v>69</v>
      </c>
      <c r="J99" s="5" t="s">
        <v>70</v>
      </c>
      <c r="K99" s="2" t="s">
        <v>71</v>
      </c>
      <c r="L99" s="5" t="s">
        <v>70</v>
      </c>
      <c r="M99" s="2" t="s">
        <v>71</v>
      </c>
      <c r="N99" s="5" t="s">
        <v>72</v>
      </c>
      <c r="O99" s="5" t="s">
        <v>38</v>
      </c>
      <c r="P99" s="5" t="s">
        <v>39</v>
      </c>
      <c r="Q99" s="5" t="s">
        <v>40</v>
      </c>
      <c r="R99" s="5" t="s">
        <v>73</v>
      </c>
      <c r="S99" s="5" t="s">
        <v>40</v>
      </c>
      <c r="T99" s="5" t="s">
        <v>125</v>
      </c>
      <c r="U99" s="2">
        <v>1.847</v>
      </c>
      <c r="V99" s="2">
        <v>1.5840000000000001</v>
      </c>
      <c r="W99" s="2">
        <v>7.0000000000000001E-3</v>
      </c>
      <c r="X99" s="2">
        <v>80.599999999999994</v>
      </c>
      <c r="Y99" s="2">
        <v>10.7</v>
      </c>
      <c r="Z99" s="2">
        <v>7.7</v>
      </c>
      <c r="AA99" s="5">
        <v>240</v>
      </c>
      <c r="AB99" s="5" t="s">
        <v>43</v>
      </c>
      <c r="AC99" s="5" t="s">
        <v>44</v>
      </c>
      <c r="AD99" s="2" t="s">
        <v>126</v>
      </c>
      <c r="AE99" s="1"/>
    </row>
    <row r="100" spans="1:31" ht="14.45">
      <c r="A100" s="5" t="s">
        <v>116</v>
      </c>
      <c r="B100" s="21">
        <v>46266</v>
      </c>
      <c r="C100" s="2" t="s">
        <v>359</v>
      </c>
      <c r="D100" s="14" t="s">
        <v>360</v>
      </c>
      <c r="E100" s="2" t="s">
        <v>361</v>
      </c>
      <c r="F100" s="2" t="s">
        <v>130</v>
      </c>
      <c r="G100" s="8">
        <v>61</v>
      </c>
      <c r="H100" s="5">
        <v>5</v>
      </c>
      <c r="I100" s="5" t="s">
        <v>69</v>
      </c>
      <c r="J100" s="5" t="s">
        <v>70</v>
      </c>
      <c r="K100" s="2" t="s">
        <v>71</v>
      </c>
      <c r="L100" s="5" t="s">
        <v>70</v>
      </c>
      <c r="M100" s="2" t="s">
        <v>71</v>
      </c>
      <c r="N100" s="5" t="s">
        <v>72</v>
      </c>
      <c r="O100" s="5" t="s">
        <v>38</v>
      </c>
      <c r="P100" s="5" t="s">
        <v>39</v>
      </c>
      <c r="Q100" s="5" t="s">
        <v>40</v>
      </c>
      <c r="R100" s="5" t="s">
        <v>73</v>
      </c>
      <c r="S100" s="5" t="s">
        <v>40</v>
      </c>
      <c r="T100" s="5" t="s">
        <v>42</v>
      </c>
      <c r="U100" s="2">
        <v>2.62</v>
      </c>
      <c r="V100" s="2">
        <v>2.3220000000000001</v>
      </c>
      <c r="W100" s="2">
        <v>1.0999999999999999E-2</v>
      </c>
      <c r="X100" s="2">
        <v>94.4</v>
      </c>
      <c r="Y100" s="2">
        <v>13.9</v>
      </c>
      <c r="Z100" s="2">
        <v>8.6999999999999993</v>
      </c>
      <c r="AA100" s="5">
        <v>240</v>
      </c>
      <c r="AB100" s="5" t="s">
        <v>43</v>
      </c>
      <c r="AC100" s="5" t="s">
        <v>44</v>
      </c>
      <c r="AD100" s="2" t="s">
        <v>131</v>
      </c>
      <c r="AE100" s="1"/>
    </row>
    <row r="101" spans="1:31" ht="14.45">
      <c r="A101" s="5" t="s">
        <v>116</v>
      </c>
      <c r="B101" s="21">
        <v>46266</v>
      </c>
      <c r="C101" s="2" t="s">
        <v>362</v>
      </c>
      <c r="D101" s="14" t="s">
        <v>363</v>
      </c>
      <c r="E101" s="2" t="s">
        <v>364</v>
      </c>
      <c r="F101" s="2" t="s">
        <v>130</v>
      </c>
      <c r="G101" s="8">
        <v>122</v>
      </c>
      <c r="H101" s="5">
        <v>5</v>
      </c>
      <c r="I101" s="5" t="s">
        <v>69</v>
      </c>
      <c r="J101" s="5" t="s">
        <v>70</v>
      </c>
      <c r="K101" s="2" t="s">
        <v>71</v>
      </c>
      <c r="L101" s="5" t="s">
        <v>70</v>
      </c>
      <c r="M101" s="2" t="s">
        <v>71</v>
      </c>
      <c r="N101" s="5" t="s">
        <v>72</v>
      </c>
      <c r="O101" s="5" t="s">
        <v>38</v>
      </c>
      <c r="P101" s="5" t="s">
        <v>39</v>
      </c>
      <c r="Q101" s="5" t="s">
        <v>40</v>
      </c>
      <c r="R101" s="5" t="s">
        <v>73</v>
      </c>
      <c r="S101" s="5" t="s">
        <v>40</v>
      </c>
      <c r="T101" s="5" t="s">
        <v>42</v>
      </c>
      <c r="U101" s="2">
        <v>3.1749999999999998</v>
      </c>
      <c r="V101" s="2">
        <v>2.87</v>
      </c>
      <c r="W101" s="2">
        <v>1.0999999999999999E-2</v>
      </c>
      <c r="X101" s="2">
        <v>94.4</v>
      </c>
      <c r="Y101" s="2">
        <v>13.9</v>
      </c>
      <c r="Z101" s="2">
        <v>8.6999999999999993</v>
      </c>
      <c r="AA101" s="5">
        <v>240</v>
      </c>
      <c r="AB101" s="5" t="s">
        <v>43</v>
      </c>
      <c r="AC101" s="5" t="s">
        <v>44</v>
      </c>
      <c r="AD101" s="2" t="s">
        <v>135</v>
      </c>
      <c r="AE101" s="1"/>
    </row>
    <row r="102" spans="1:31" ht="14.45">
      <c r="A102" s="5" t="s">
        <v>116</v>
      </c>
      <c r="B102" s="21">
        <v>46266</v>
      </c>
      <c r="C102" s="2" t="s">
        <v>365</v>
      </c>
      <c r="D102" s="14" t="s">
        <v>366</v>
      </c>
      <c r="E102" s="2" t="s">
        <v>367</v>
      </c>
      <c r="F102" s="2" t="s">
        <v>130</v>
      </c>
      <c r="G102" s="8">
        <v>122</v>
      </c>
      <c r="H102" s="5">
        <v>5</v>
      </c>
      <c r="I102" s="5" t="s">
        <v>69</v>
      </c>
      <c r="J102" s="5" t="s">
        <v>70</v>
      </c>
      <c r="K102" s="2" t="s">
        <v>71</v>
      </c>
      <c r="L102" s="5" t="s">
        <v>70</v>
      </c>
      <c r="M102" s="2" t="s">
        <v>71</v>
      </c>
      <c r="N102" s="5" t="s">
        <v>72</v>
      </c>
      <c r="O102" s="5" t="s">
        <v>38</v>
      </c>
      <c r="P102" s="5" t="s">
        <v>39</v>
      </c>
      <c r="Q102" s="5" t="s">
        <v>40</v>
      </c>
      <c r="R102" s="5" t="s">
        <v>73</v>
      </c>
      <c r="S102" s="5" t="s">
        <v>40</v>
      </c>
      <c r="T102" s="5" t="s">
        <v>42</v>
      </c>
      <c r="U102" s="2">
        <v>3.2010000000000001</v>
      </c>
      <c r="V102" s="2">
        <v>2.8959999999999999</v>
      </c>
      <c r="W102" s="2">
        <v>1.0999999999999999E-2</v>
      </c>
      <c r="X102" s="2">
        <v>94.4</v>
      </c>
      <c r="Y102" s="2">
        <v>13.9</v>
      </c>
      <c r="Z102" s="2">
        <v>8.6999999999999993</v>
      </c>
      <c r="AA102" s="5">
        <v>240</v>
      </c>
      <c r="AB102" s="5" t="s">
        <v>43</v>
      </c>
      <c r="AC102" s="5" t="s">
        <v>44</v>
      </c>
      <c r="AD102" s="2" t="s">
        <v>139</v>
      </c>
      <c r="AE102" s="1"/>
    </row>
    <row r="103" spans="1:31" ht="14.45">
      <c r="A103" s="5"/>
      <c r="B103" s="21"/>
      <c r="C103" s="2" t="s">
        <v>368</v>
      </c>
      <c r="D103" s="14" t="s">
        <v>369</v>
      </c>
      <c r="E103" s="2" t="s">
        <v>370</v>
      </c>
      <c r="F103" s="2" t="s">
        <v>115</v>
      </c>
      <c r="G103" s="8">
        <v>45</v>
      </c>
      <c r="H103" s="5">
        <v>5</v>
      </c>
      <c r="I103" s="5" t="s">
        <v>69</v>
      </c>
      <c r="J103" s="5" t="s">
        <v>70</v>
      </c>
      <c r="K103" s="2" t="s">
        <v>71</v>
      </c>
      <c r="L103" s="5" t="s">
        <v>70</v>
      </c>
      <c r="M103" s="2" t="s">
        <v>71</v>
      </c>
      <c r="N103" s="5" t="s">
        <v>72</v>
      </c>
      <c r="O103" s="5" t="s">
        <v>38</v>
      </c>
      <c r="P103" s="5" t="s">
        <v>39</v>
      </c>
      <c r="Q103" s="5" t="s">
        <v>40</v>
      </c>
      <c r="R103" s="5" t="s">
        <v>73</v>
      </c>
      <c r="S103" s="5" t="s">
        <v>40</v>
      </c>
      <c r="T103" s="5" t="s">
        <v>42</v>
      </c>
      <c r="U103" s="2">
        <v>1.2509999999999999</v>
      </c>
      <c r="V103" s="2">
        <v>0.995</v>
      </c>
      <c r="W103" s="2">
        <v>7.0000000000000001E-3</v>
      </c>
      <c r="X103" s="2">
        <v>80.599999999999994</v>
      </c>
      <c r="Y103" s="2">
        <v>10.7</v>
      </c>
      <c r="Z103" s="2">
        <v>7.7</v>
      </c>
      <c r="AA103" s="5">
        <v>240</v>
      </c>
      <c r="AB103" s="5" t="s">
        <v>43</v>
      </c>
      <c r="AC103" s="5" t="s">
        <v>44</v>
      </c>
      <c r="AD103" s="2" t="s">
        <v>74</v>
      </c>
      <c r="AE103" s="1"/>
    </row>
    <row r="104" spans="1:31" ht="14.45">
      <c r="A104" s="5" t="s">
        <v>116</v>
      </c>
      <c r="B104" s="21">
        <v>46054</v>
      </c>
      <c r="C104" s="2" t="s">
        <v>371</v>
      </c>
      <c r="D104" s="14" t="s">
        <v>372</v>
      </c>
      <c r="E104" s="2" t="s">
        <v>373</v>
      </c>
      <c r="F104" s="2" t="s">
        <v>120</v>
      </c>
      <c r="G104" s="8">
        <v>90</v>
      </c>
      <c r="H104" s="5">
        <v>5</v>
      </c>
      <c r="I104" s="5" t="s">
        <v>69</v>
      </c>
      <c r="J104" s="5" t="s">
        <v>70</v>
      </c>
      <c r="K104" s="2" t="s">
        <v>71</v>
      </c>
      <c r="L104" s="5" t="s">
        <v>70</v>
      </c>
      <c r="M104" s="2" t="s">
        <v>71</v>
      </c>
      <c r="N104" s="5" t="s">
        <v>72</v>
      </c>
      <c r="O104" s="5" t="s">
        <v>38</v>
      </c>
      <c r="P104" s="5" t="s">
        <v>39</v>
      </c>
      <c r="Q104" s="5" t="s">
        <v>40</v>
      </c>
      <c r="R104" s="5" t="s">
        <v>73</v>
      </c>
      <c r="S104" s="5" t="s">
        <v>40</v>
      </c>
      <c r="T104" s="5" t="s">
        <v>42</v>
      </c>
      <c r="U104" s="2">
        <v>1.87</v>
      </c>
      <c r="V104" s="2">
        <v>1.607</v>
      </c>
      <c r="W104" s="2">
        <v>7.0000000000000001E-3</v>
      </c>
      <c r="X104" s="2">
        <v>80.599999999999994</v>
      </c>
      <c r="Y104" s="2">
        <v>10.7</v>
      </c>
      <c r="Z104" s="2">
        <v>7.7</v>
      </c>
      <c r="AA104" s="5">
        <v>240</v>
      </c>
      <c r="AB104" s="5" t="s">
        <v>43</v>
      </c>
      <c r="AC104" s="5" t="s">
        <v>44</v>
      </c>
      <c r="AD104" s="2" t="s">
        <v>74</v>
      </c>
      <c r="AE104" s="1"/>
    </row>
    <row r="105" spans="1:31" ht="14.45">
      <c r="C105" s="2" t="s">
        <v>374</v>
      </c>
      <c r="D105" s="14" t="s">
        <v>375</v>
      </c>
      <c r="E105" s="2" t="s">
        <v>376</v>
      </c>
      <c r="F105" s="2" t="s">
        <v>124</v>
      </c>
      <c r="G105" s="8">
        <v>90</v>
      </c>
      <c r="H105" s="5">
        <v>5</v>
      </c>
      <c r="I105" s="5" t="s">
        <v>69</v>
      </c>
      <c r="J105" s="5" t="s">
        <v>70</v>
      </c>
      <c r="K105" s="2" t="s">
        <v>71</v>
      </c>
      <c r="L105" s="5" t="s">
        <v>70</v>
      </c>
      <c r="M105" s="2" t="s">
        <v>71</v>
      </c>
      <c r="N105" s="5" t="s">
        <v>72</v>
      </c>
      <c r="O105" s="5" t="s">
        <v>38</v>
      </c>
      <c r="P105" s="5" t="s">
        <v>39</v>
      </c>
      <c r="Q105" s="5" t="s">
        <v>40</v>
      </c>
      <c r="R105" s="5" t="s">
        <v>73</v>
      </c>
      <c r="S105" s="5" t="s">
        <v>40</v>
      </c>
      <c r="T105" s="5" t="s">
        <v>125</v>
      </c>
      <c r="U105" s="2">
        <v>1.8959999999999999</v>
      </c>
      <c r="V105" s="2">
        <v>1.633</v>
      </c>
      <c r="W105" s="2">
        <v>7.0000000000000001E-3</v>
      </c>
      <c r="X105" s="2">
        <v>80.599999999999994</v>
      </c>
      <c r="Y105" s="2">
        <v>10.7</v>
      </c>
      <c r="Z105" s="2">
        <v>7.7</v>
      </c>
      <c r="AA105" s="5">
        <v>240</v>
      </c>
      <c r="AB105" s="5" t="s">
        <v>43</v>
      </c>
      <c r="AC105" s="5" t="s">
        <v>44</v>
      </c>
      <c r="AD105" s="2" t="s">
        <v>126</v>
      </c>
      <c r="AE105" s="1"/>
    </row>
    <row r="106" spans="1:31" ht="14.45">
      <c r="A106" s="5" t="s">
        <v>116</v>
      </c>
      <c r="B106" s="21">
        <v>46266</v>
      </c>
      <c r="C106" s="2" t="s">
        <v>377</v>
      </c>
      <c r="D106" s="14" t="s">
        <v>378</v>
      </c>
      <c r="E106" s="2" t="s">
        <v>379</v>
      </c>
      <c r="F106" s="2" t="s">
        <v>130</v>
      </c>
      <c r="G106" s="8">
        <v>61</v>
      </c>
      <c r="H106" s="5">
        <v>5</v>
      </c>
      <c r="I106" s="5" t="s">
        <v>69</v>
      </c>
      <c r="J106" s="5" t="s">
        <v>70</v>
      </c>
      <c r="K106" s="2" t="s">
        <v>71</v>
      </c>
      <c r="L106" s="5" t="s">
        <v>70</v>
      </c>
      <c r="M106" s="2" t="s">
        <v>71</v>
      </c>
      <c r="N106" s="5" t="s">
        <v>72</v>
      </c>
      <c r="O106" s="5" t="s">
        <v>38</v>
      </c>
      <c r="P106" s="5" t="s">
        <v>39</v>
      </c>
      <c r="Q106" s="5" t="s">
        <v>40</v>
      </c>
      <c r="R106" s="5" t="s">
        <v>73</v>
      </c>
      <c r="S106" s="5" t="s">
        <v>40</v>
      </c>
      <c r="T106" s="5" t="s">
        <v>42</v>
      </c>
      <c r="U106" s="2">
        <v>2.8050000000000002</v>
      </c>
      <c r="V106" s="2">
        <v>2.5070000000000001</v>
      </c>
      <c r="W106" s="2">
        <v>1.0999999999999999E-2</v>
      </c>
      <c r="X106" s="2">
        <v>94.4</v>
      </c>
      <c r="Y106" s="2">
        <v>13.9</v>
      </c>
      <c r="Z106" s="2">
        <v>8.6999999999999993</v>
      </c>
      <c r="AA106" s="5">
        <v>240</v>
      </c>
      <c r="AB106" s="5" t="s">
        <v>43</v>
      </c>
      <c r="AC106" s="5" t="s">
        <v>44</v>
      </c>
      <c r="AD106" s="2" t="s">
        <v>131</v>
      </c>
      <c r="AE106" s="1"/>
    </row>
    <row r="107" spans="1:31" ht="14.45">
      <c r="A107" s="5" t="s">
        <v>116</v>
      </c>
      <c r="B107" s="21">
        <v>46266</v>
      </c>
      <c r="C107" s="2" t="s">
        <v>380</v>
      </c>
      <c r="D107" s="14" t="s">
        <v>381</v>
      </c>
      <c r="E107" s="2" t="s">
        <v>382</v>
      </c>
      <c r="F107" s="2" t="s">
        <v>130</v>
      </c>
      <c r="G107" s="8">
        <v>122</v>
      </c>
      <c r="H107" s="5">
        <v>5</v>
      </c>
      <c r="I107" s="5" t="s">
        <v>69</v>
      </c>
      <c r="J107" s="5" t="s">
        <v>70</v>
      </c>
      <c r="K107" s="2" t="s">
        <v>71</v>
      </c>
      <c r="L107" s="5" t="s">
        <v>70</v>
      </c>
      <c r="M107" s="2" t="s">
        <v>71</v>
      </c>
      <c r="N107" s="5" t="s">
        <v>72</v>
      </c>
      <c r="O107" s="5" t="s">
        <v>38</v>
      </c>
      <c r="P107" s="5" t="s">
        <v>39</v>
      </c>
      <c r="Q107" s="5" t="s">
        <v>40</v>
      </c>
      <c r="R107" s="5" t="s">
        <v>73</v>
      </c>
      <c r="S107" s="5" t="s">
        <v>40</v>
      </c>
      <c r="T107" s="5" t="s">
        <v>42</v>
      </c>
      <c r="U107" s="2">
        <v>3.4239999999999999</v>
      </c>
      <c r="V107" s="2">
        <v>3.1190000000000002</v>
      </c>
      <c r="W107" s="2">
        <v>1.0999999999999999E-2</v>
      </c>
      <c r="X107" s="2">
        <v>94.4</v>
      </c>
      <c r="Y107" s="2">
        <v>13.9</v>
      </c>
      <c r="Z107" s="2">
        <v>8.6999999999999993</v>
      </c>
      <c r="AA107" s="5">
        <v>240</v>
      </c>
      <c r="AB107" s="5" t="s">
        <v>43</v>
      </c>
      <c r="AC107" s="5" t="s">
        <v>44</v>
      </c>
      <c r="AD107" s="2" t="s">
        <v>135</v>
      </c>
      <c r="AE107" s="1"/>
    </row>
    <row r="108" spans="1:31" ht="14.45">
      <c r="A108" s="5" t="s">
        <v>116</v>
      </c>
      <c r="B108" s="21">
        <v>46266</v>
      </c>
      <c r="C108" s="2" t="s">
        <v>383</v>
      </c>
      <c r="D108" s="14" t="s">
        <v>384</v>
      </c>
      <c r="E108" s="2" t="s">
        <v>385</v>
      </c>
      <c r="F108" s="2" t="s">
        <v>130</v>
      </c>
      <c r="G108" s="8">
        <v>122</v>
      </c>
      <c r="H108" s="5">
        <v>5</v>
      </c>
      <c r="I108" s="5" t="s">
        <v>69</v>
      </c>
      <c r="J108" s="5" t="s">
        <v>70</v>
      </c>
      <c r="K108" s="2" t="s">
        <v>71</v>
      </c>
      <c r="L108" s="5" t="s">
        <v>70</v>
      </c>
      <c r="M108" s="2" t="s">
        <v>71</v>
      </c>
      <c r="N108" s="5" t="s">
        <v>72</v>
      </c>
      <c r="O108" s="5" t="s">
        <v>38</v>
      </c>
      <c r="P108" s="5" t="s">
        <v>39</v>
      </c>
      <c r="Q108" s="5" t="s">
        <v>40</v>
      </c>
      <c r="R108" s="5" t="s">
        <v>73</v>
      </c>
      <c r="S108" s="5" t="s">
        <v>40</v>
      </c>
      <c r="T108" s="5" t="s">
        <v>42</v>
      </c>
      <c r="U108" s="2">
        <v>3.45</v>
      </c>
      <c r="V108" s="2">
        <v>3.145</v>
      </c>
      <c r="W108" s="2">
        <v>1.0999999999999999E-2</v>
      </c>
      <c r="X108" s="2">
        <v>94.4</v>
      </c>
      <c r="Y108" s="2">
        <v>13.9</v>
      </c>
      <c r="Z108" s="2">
        <v>8.6999999999999993</v>
      </c>
      <c r="AA108" s="5">
        <v>240</v>
      </c>
      <c r="AB108" s="5" t="s">
        <v>43</v>
      </c>
      <c r="AC108" s="5" t="s">
        <v>44</v>
      </c>
      <c r="AD108" s="2" t="s">
        <v>139</v>
      </c>
      <c r="AE108" s="1"/>
    </row>
    <row r="109" spans="1:31" ht="14.45">
      <c r="A109" s="5"/>
      <c r="B109" s="21"/>
      <c r="C109" s="2" t="s">
        <v>386</v>
      </c>
      <c r="D109" s="14" t="s">
        <v>387</v>
      </c>
      <c r="E109" s="2" t="s">
        <v>388</v>
      </c>
      <c r="F109" s="2" t="s">
        <v>115</v>
      </c>
      <c r="G109" s="8">
        <v>45</v>
      </c>
      <c r="H109" s="5">
        <v>5</v>
      </c>
      <c r="I109" s="5" t="s">
        <v>69</v>
      </c>
      <c r="J109" s="5" t="s">
        <v>70</v>
      </c>
      <c r="K109" s="2" t="s">
        <v>71</v>
      </c>
      <c r="L109" s="5" t="s">
        <v>70</v>
      </c>
      <c r="M109" s="2" t="s">
        <v>71</v>
      </c>
      <c r="N109" s="5" t="s">
        <v>72</v>
      </c>
      <c r="O109" s="5" t="s">
        <v>38</v>
      </c>
      <c r="P109" s="5" t="s">
        <v>39</v>
      </c>
      <c r="Q109" s="5" t="s">
        <v>40</v>
      </c>
      <c r="R109" s="5" t="s">
        <v>73</v>
      </c>
      <c r="S109" s="5" t="s">
        <v>40</v>
      </c>
      <c r="T109" s="5" t="s">
        <v>42</v>
      </c>
      <c r="U109" s="2">
        <v>1.2969999999999999</v>
      </c>
      <c r="V109" s="2">
        <v>1.0409999999999999</v>
      </c>
      <c r="W109" s="2">
        <v>7.0000000000000001E-3</v>
      </c>
      <c r="X109" s="2">
        <v>80.599999999999994</v>
      </c>
      <c r="Y109" s="2">
        <v>10.7</v>
      </c>
      <c r="Z109" s="2">
        <v>7.7</v>
      </c>
      <c r="AA109" s="5">
        <v>240</v>
      </c>
      <c r="AB109" s="5" t="s">
        <v>43</v>
      </c>
      <c r="AC109" s="5" t="s">
        <v>44</v>
      </c>
      <c r="AD109" s="2" t="s">
        <v>74</v>
      </c>
      <c r="AE109" s="1"/>
    </row>
    <row r="110" spans="1:31" ht="14.45">
      <c r="A110" s="5" t="s">
        <v>116</v>
      </c>
      <c r="B110" s="21">
        <v>46054</v>
      </c>
      <c r="C110" s="2" t="s">
        <v>389</v>
      </c>
      <c r="D110" s="14" t="s">
        <v>390</v>
      </c>
      <c r="E110" s="2" t="s">
        <v>391</v>
      </c>
      <c r="F110" s="2" t="s">
        <v>120</v>
      </c>
      <c r="G110" s="8">
        <v>90</v>
      </c>
      <c r="H110" s="5">
        <v>5</v>
      </c>
      <c r="I110" s="5" t="s">
        <v>69</v>
      </c>
      <c r="J110" s="5" t="s">
        <v>70</v>
      </c>
      <c r="K110" s="2" t="s">
        <v>71</v>
      </c>
      <c r="L110" s="5" t="s">
        <v>70</v>
      </c>
      <c r="M110" s="2" t="s">
        <v>71</v>
      </c>
      <c r="N110" s="5" t="s">
        <v>72</v>
      </c>
      <c r="O110" s="5" t="s">
        <v>38</v>
      </c>
      <c r="P110" s="5" t="s">
        <v>39</v>
      </c>
      <c r="Q110" s="5" t="s">
        <v>40</v>
      </c>
      <c r="R110" s="5" t="s">
        <v>73</v>
      </c>
      <c r="S110" s="5" t="s">
        <v>40</v>
      </c>
      <c r="T110" s="5" t="s">
        <v>42</v>
      </c>
      <c r="U110" s="2">
        <v>1.9159999999999999</v>
      </c>
      <c r="V110" s="2">
        <v>1.653</v>
      </c>
      <c r="W110" s="2">
        <v>7.0000000000000001E-3</v>
      </c>
      <c r="X110" s="2">
        <v>80.599999999999994</v>
      </c>
      <c r="Y110" s="2">
        <v>10.7</v>
      </c>
      <c r="Z110" s="2">
        <v>7.7</v>
      </c>
      <c r="AA110" s="5">
        <v>240</v>
      </c>
      <c r="AB110" s="5" t="s">
        <v>43</v>
      </c>
      <c r="AC110" s="5" t="s">
        <v>44</v>
      </c>
      <c r="AD110" s="2" t="s">
        <v>74</v>
      </c>
      <c r="AE110" s="1"/>
    </row>
    <row r="111" spans="1:31" ht="14.45">
      <c r="C111" s="2" t="s">
        <v>392</v>
      </c>
      <c r="D111" s="14" t="s">
        <v>393</v>
      </c>
      <c r="E111" s="2" t="s">
        <v>394</v>
      </c>
      <c r="F111" s="2" t="s">
        <v>124</v>
      </c>
      <c r="G111" s="8">
        <v>90</v>
      </c>
      <c r="H111" s="5">
        <v>5</v>
      </c>
      <c r="I111" s="5" t="s">
        <v>69</v>
      </c>
      <c r="J111" s="5" t="s">
        <v>70</v>
      </c>
      <c r="K111" s="2" t="s">
        <v>71</v>
      </c>
      <c r="L111" s="5" t="s">
        <v>70</v>
      </c>
      <c r="M111" s="2" t="s">
        <v>71</v>
      </c>
      <c r="N111" s="5" t="s">
        <v>72</v>
      </c>
      <c r="O111" s="5" t="s">
        <v>38</v>
      </c>
      <c r="P111" s="5" t="s">
        <v>39</v>
      </c>
      <c r="Q111" s="5" t="s">
        <v>40</v>
      </c>
      <c r="R111" s="5" t="s">
        <v>73</v>
      </c>
      <c r="S111" s="5" t="s">
        <v>40</v>
      </c>
      <c r="T111" s="5" t="s">
        <v>125</v>
      </c>
      <c r="U111" s="2">
        <v>1.9419999999999999</v>
      </c>
      <c r="V111" s="2">
        <v>1.679</v>
      </c>
      <c r="W111" s="2">
        <v>7.0000000000000001E-3</v>
      </c>
      <c r="X111" s="2">
        <v>80.599999999999994</v>
      </c>
      <c r="Y111" s="2">
        <v>10.7</v>
      </c>
      <c r="Z111" s="2">
        <v>7.7</v>
      </c>
      <c r="AA111" s="5">
        <v>240</v>
      </c>
      <c r="AB111" s="5" t="s">
        <v>43</v>
      </c>
      <c r="AC111" s="5" t="s">
        <v>44</v>
      </c>
      <c r="AD111" s="2" t="s">
        <v>126</v>
      </c>
      <c r="AE111" s="1"/>
    </row>
    <row r="112" spans="1:31" ht="14.45">
      <c r="A112" s="5" t="s">
        <v>116</v>
      </c>
      <c r="B112" s="21">
        <v>46266</v>
      </c>
      <c r="C112" s="2" t="s">
        <v>395</v>
      </c>
      <c r="D112" s="14" t="s">
        <v>396</v>
      </c>
      <c r="E112" s="2" t="s">
        <v>397</v>
      </c>
      <c r="F112" s="2" t="s">
        <v>130</v>
      </c>
      <c r="G112" s="8">
        <v>61</v>
      </c>
      <c r="H112" s="5">
        <v>5</v>
      </c>
      <c r="I112" s="5" t="s">
        <v>69</v>
      </c>
      <c r="J112" s="5" t="s">
        <v>70</v>
      </c>
      <c r="K112" s="2" t="s">
        <v>71</v>
      </c>
      <c r="L112" s="5" t="s">
        <v>70</v>
      </c>
      <c r="M112" s="2" t="s">
        <v>71</v>
      </c>
      <c r="N112" s="5" t="s">
        <v>72</v>
      </c>
      <c r="O112" s="5" t="s">
        <v>38</v>
      </c>
      <c r="P112" s="5" t="s">
        <v>39</v>
      </c>
      <c r="Q112" s="5" t="s">
        <v>40</v>
      </c>
      <c r="R112" s="5" t="s">
        <v>73</v>
      </c>
      <c r="S112" s="5" t="s">
        <v>40</v>
      </c>
      <c r="T112" s="5" t="s">
        <v>42</v>
      </c>
      <c r="U112" s="2">
        <v>2.851</v>
      </c>
      <c r="V112" s="2">
        <v>2.5529999999999999</v>
      </c>
      <c r="W112" s="2">
        <v>1.0999999999999999E-2</v>
      </c>
      <c r="X112" s="2">
        <v>94.4</v>
      </c>
      <c r="Y112" s="2">
        <v>13.9</v>
      </c>
      <c r="Z112" s="2">
        <v>8.6999999999999993</v>
      </c>
      <c r="AA112" s="5">
        <v>240</v>
      </c>
      <c r="AB112" s="5" t="s">
        <v>43</v>
      </c>
      <c r="AC112" s="5" t="s">
        <v>44</v>
      </c>
      <c r="AD112" s="2" t="s">
        <v>131</v>
      </c>
      <c r="AE112" s="1"/>
    </row>
    <row r="113" spans="1:31" ht="14.45">
      <c r="A113" s="5" t="s">
        <v>116</v>
      </c>
      <c r="B113" s="21">
        <v>46266</v>
      </c>
      <c r="C113" s="2" t="s">
        <v>398</v>
      </c>
      <c r="D113" s="14" t="s">
        <v>399</v>
      </c>
      <c r="E113" s="2" t="s">
        <v>400</v>
      </c>
      <c r="F113" s="2" t="s">
        <v>130</v>
      </c>
      <c r="G113" s="8">
        <v>122</v>
      </c>
      <c r="H113" s="5">
        <v>5</v>
      </c>
      <c r="I113" s="5" t="s">
        <v>69</v>
      </c>
      <c r="J113" s="5" t="s">
        <v>70</v>
      </c>
      <c r="K113" s="2" t="s">
        <v>71</v>
      </c>
      <c r="L113" s="5" t="s">
        <v>70</v>
      </c>
      <c r="M113" s="2" t="s">
        <v>71</v>
      </c>
      <c r="N113" s="5" t="s">
        <v>72</v>
      </c>
      <c r="O113" s="5" t="s">
        <v>38</v>
      </c>
      <c r="P113" s="5" t="s">
        <v>39</v>
      </c>
      <c r="Q113" s="5" t="s">
        <v>40</v>
      </c>
      <c r="R113" s="5" t="s">
        <v>73</v>
      </c>
      <c r="S113" s="5" t="s">
        <v>40</v>
      </c>
      <c r="T113" s="5" t="s">
        <v>42</v>
      </c>
      <c r="U113" s="2">
        <v>3.47</v>
      </c>
      <c r="V113" s="2">
        <v>3.165</v>
      </c>
      <c r="W113" s="2">
        <v>1.0999999999999999E-2</v>
      </c>
      <c r="X113" s="2">
        <v>94.4</v>
      </c>
      <c r="Y113" s="2">
        <v>13.9</v>
      </c>
      <c r="Z113" s="2">
        <v>8.6999999999999993</v>
      </c>
      <c r="AA113" s="5">
        <v>240</v>
      </c>
      <c r="AB113" s="5" t="s">
        <v>43</v>
      </c>
      <c r="AC113" s="5" t="s">
        <v>44</v>
      </c>
      <c r="AD113" s="2" t="s">
        <v>135</v>
      </c>
      <c r="AE113" s="1"/>
    </row>
    <row r="114" spans="1:31" ht="14.45">
      <c r="A114" s="5" t="s">
        <v>116</v>
      </c>
      <c r="B114" s="21">
        <v>46266</v>
      </c>
      <c r="C114" s="2" t="s">
        <v>401</v>
      </c>
      <c r="D114" s="14" t="s">
        <v>402</v>
      </c>
      <c r="E114" s="2" t="s">
        <v>403</v>
      </c>
      <c r="F114" s="2" t="s">
        <v>130</v>
      </c>
      <c r="G114" s="8">
        <v>122</v>
      </c>
      <c r="H114" s="5">
        <v>5</v>
      </c>
      <c r="I114" s="5" t="s">
        <v>69</v>
      </c>
      <c r="J114" s="5" t="s">
        <v>70</v>
      </c>
      <c r="K114" s="2" t="s">
        <v>71</v>
      </c>
      <c r="L114" s="5" t="s">
        <v>70</v>
      </c>
      <c r="M114" s="2" t="s">
        <v>71</v>
      </c>
      <c r="N114" s="5" t="s">
        <v>72</v>
      </c>
      <c r="O114" s="5" t="s">
        <v>38</v>
      </c>
      <c r="P114" s="5" t="s">
        <v>39</v>
      </c>
      <c r="Q114" s="5" t="s">
        <v>40</v>
      </c>
      <c r="R114" s="5" t="s">
        <v>73</v>
      </c>
      <c r="S114" s="5" t="s">
        <v>40</v>
      </c>
      <c r="T114" s="5" t="s">
        <v>42</v>
      </c>
      <c r="U114" s="2">
        <v>3.496</v>
      </c>
      <c r="V114" s="2">
        <v>3.1909999999999998</v>
      </c>
      <c r="W114" s="2">
        <v>1.0999999999999999E-2</v>
      </c>
      <c r="X114" s="2">
        <v>94.4</v>
      </c>
      <c r="Y114" s="2">
        <v>13.9</v>
      </c>
      <c r="Z114" s="2">
        <v>8.6999999999999993</v>
      </c>
      <c r="AA114" s="5">
        <v>240</v>
      </c>
      <c r="AB114" s="5" t="s">
        <v>43</v>
      </c>
      <c r="AC114" s="5" t="s">
        <v>44</v>
      </c>
      <c r="AD114" s="2" t="s">
        <v>139</v>
      </c>
      <c r="AE114" s="1"/>
    </row>
    <row r="115" spans="1:31" ht="14.45">
      <c r="A115" s="5"/>
      <c r="B115" s="21"/>
      <c r="C115" s="2" t="s">
        <v>404</v>
      </c>
      <c r="D115" s="14" t="s">
        <v>405</v>
      </c>
      <c r="E115" s="2" t="s">
        <v>406</v>
      </c>
      <c r="F115" s="2" t="s">
        <v>115</v>
      </c>
      <c r="G115" s="8">
        <v>45</v>
      </c>
      <c r="H115" s="5">
        <v>5</v>
      </c>
      <c r="I115" s="5" t="s">
        <v>69</v>
      </c>
      <c r="J115" s="5" t="s">
        <v>70</v>
      </c>
      <c r="K115" s="2" t="s">
        <v>71</v>
      </c>
      <c r="L115" s="5" t="s">
        <v>70</v>
      </c>
      <c r="M115" s="2" t="s">
        <v>71</v>
      </c>
      <c r="N115" s="5" t="s">
        <v>72</v>
      </c>
      <c r="O115" s="5" t="s">
        <v>38</v>
      </c>
      <c r="P115" s="5" t="s">
        <v>39</v>
      </c>
      <c r="Q115" s="5" t="s">
        <v>40</v>
      </c>
      <c r="R115" s="5" t="s">
        <v>73</v>
      </c>
      <c r="S115" s="5" t="s">
        <v>40</v>
      </c>
      <c r="T115" s="5" t="s">
        <v>42</v>
      </c>
      <c r="U115" s="2">
        <v>1.3580000000000001</v>
      </c>
      <c r="V115" s="2">
        <v>1.1020000000000001</v>
      </c>
      <c r="W115" s="2">
        <v>7.0000000000000001E-3</v>
      </c>
      <c r="X115" s="2">
        <v>80.599999999999994</v>
      </c>
      <c r="Y115" s="2">
        <v>10.7</v>
      </c>
      <c r="Z115" s="2">
        <v>7.7</v>
      </c>
      <c r="AA115" s="5">
        <v>240</v>
      </c>
      <c r="AB115" s="5" t="s">
        <v>43</v>
      </c>
      <c r="AC115" s="5" t="s">
        <v>44</v>
      </c>
      <c r="AD115" s="2" t="s">
        <v>74</v>
      </c>
      <c r="AE115" s="1"/>
    </row>
    <row r="116" spans="1:31" ht="14.45">
      <c r="A116" s="5" t="s">
        <v>116</v>
      </c>
      <c r="B116" s="21">
        <v>46054</v>
      </c>
      <c r="C116" s="2" t="s">
        <v>407</v>
      </c>
      <c r="D116" s="14" t="s">
        <v>408</v>
      </c>
      <c r="E116" s="2" t="s">
        <v>409</v>
      </c>
      <c r="F116" s="2" t="s">
        <v>120</v>
      </c>
      <c r="G116" s="8">
        <v>90</v>
      </c>
      <c r="H116" s="5">
        <v>5</v>
      </c>
      <c r="I116" s="5" t="s">
        <v>69</v>
      </c>
      <c r="J116" s="5" t="s">
        <v>70</v>
      </c>
      <c r="K116" s="2" t="s">
        <v>71</v>
      </c>
      <c r="L116" s="5" t="s">
        <v>70</v>
      </c>
      <c r="M116" s="2" t="s">
        <v>71</v>
      </c>
      <c r="N116" s="5" t="s">
        <v>72</v>
      </c>
      <c r="O116" s="5" t="s">
        <v>38</v>
      </c>
      <c r="P116" s="5" t="s">
        <v>39</v>
      </c>
      <c r="Q116" s="5" t="s">
        <v>40</v>
      </c>
      <c r="R116" s="5" t="s">
        <v>73</v>
      </c>
      <c r="S116" s="5" t="s">
        <v>40</v>
      </c>
      <c r="T116" s="5" t="s">
        <v>42</v>
      </c>
      <c r="U116" s="2">
        <v>1.9570000000000001</v>
      </c>
      <c r="V116" s="2">
        <v>1.694</v>
      </c>
      <c r="W116" s="2">
        <v>7.0000000000000001E-3</v>
      </c>
      <c r="X116" s="2">
        <v>80.599999999999994</v>
      </c>
      <c r="Y116" s="2">
        <v>10.7</v>
      </c>
      <c r="Z116" s="2">
        <v>7.7</v>
      </c>
      <c r="AA116" s="5">
        <v>240</v>
      </c>
      <c r="AB116" s="5" t="s">
        <v>43</v>
      </c>
      <c r="AC116" s="5" t="s">
        <v>44</v>
      </c>
      <c r="AD116" s="2" t="s">
        <v>74</v>
      </c>
      <c r="AE116" s="1"/>
    </row>
    <row r="117" spans="1:31" ht="14.45">
      <c r="C117" s="2" t="s">
        <v>410</v>
      </c>
      <c r="D117" s="14" t="s">
        <v>411</v>
      </c>
      <c r="E117" s="2" t="s">
        <v>412</v>
      </c>
      <c r="F117" s="2" t="s">
        <v>124</v>
      </c>
      <c r="G117" s="8">
        <v>90</v>
      </c>
      <c r="H117" s="5">
        <v>5</v>
      </c>
      <c r="I117" s="5" t="s">
        <v>69</v>
      </c>
      <c r="J117" s="5" t="s">
        <v>70</v>
      </c>
      <c r="K117" s="2" t="s">
        <v>71</v>
      </c>
      <c r="L117" s="5" t="s">
        <v>70</v>
      </c>
      <c r="M117" s="2" t="s">
        <v>71</v>
      </c>
      <c r="N117" s="5" t="s">
        <v>72</v>
      </c>
      <c r="O117" s="5" t="s">
        <v>38</v>
      </c>
      <c r="P117" s="5" t="s">
        <v>39</v>
      </c>
      <c r="Q117" s="5" t="s">
        <v>40</v>
      </c>
      <c r="R117" s="5" t="s">
        <v>73</v>
      </c>
      <c r="S117" s="5" t="s">
        <v>40</v>
      </c>
      <c r="T117" s="5" t="s">
        <v>125</v>
      </c>
      <c r="U117" s="2">
        <v>1.9830000000000001</v>
      </c>
      <c r="V117" s="2">
        <v>1.72</v>
      </c>
      <c r="W117" s="2">
        <v>7.0000000000000001E-3</v>
      </c>
      <c r="X117" s="2">
        <v>80.599999999999994</v>
      </c>
      <c r="Y117" s="2">
        <v>10.7</v>
      </c>
      <c r="Z117" s="2">
        <v>7.7</v>
      </c>
      <c r="AA117" s="5">
        <v>240</v>
      </c>
      <c r="AB117" s="5" t="s">
        <v>43</v>
      </c>
      <c r="AC117" s="5" t="s">
        <v>44</v>
      </c>
      <c r="AD117" s="2" t="s">
        <v>126</v>
      </c>
      <c r="AE117" s="1"/>
    </row>
    <row r="118" spans="1:31" ht="14.45">
      <c r="A118" s="5" t="s">
        <v>116</v>
      </c>
      <c r="B118" s="21">
        <v>46266</v>
      </c>
      <c r="C118" s="2" t="s">
        <v>413</v>
      </c>
      <c r="D118" s="14" t="s">
        <v>414</v>
      </c>
      <c r="E118" s="2" t="s">
        <v>415</v>
      </c>
      <c r="F118" s="2" t="s">
        <v>130</v>
      </c>
      <c r="G118" s="8">
        <v>61</v>
      </c>
      <c r="H118" s="5">
        <v>5</v>
      </c>
      <c r="I118" s="5" t="s">
        <v>69</v>
      </c>
      <c r="J118" s="5" t="s">
        <v>70</v>
      </c>
      <c r="K118" s="2" t="s">
        <v>71</v>
      </c>
      <c r="L118" s="5" t="s">
        <v>70</v>
      </c>
      <c r="M118" s="2" t="s">
        <v>71</v>
      </c>
      <c r="N118" s="5" t="s">
        <v>72</v>
      </c>
      <c r="O118" s="5" t="s">
        <v>38</v>
      </c>
      <c r="P118" s="5" t="s">
        <v>39</v>
      </c>
      <c r="Q118" s="5" t="s">
        <v>40</v>
      </c>
      <c r="R118" s="5" t="s">
        <v>73</v>
      </c>
      <c r="S118" s="5" t="s">
        <v>40</v>
      </c>
      <c r="T118" s="5" t="s">
        <v>42</v>
      </c>
      <c r="U118" s="2">
        <v>2.9119999999999999</v>
      </c>
      <c r="V118" s="2">
        <v>2.6139999999999999</v>
      </c>
      <c r="W118" s="2">
        <v>1.0999999999999999E-2</v>
      </c>
      <c r="X118" s="2">
        <v>94.4</v>
      </c>
      <c r="Y118" s="2">
        <v>13.9</v>
      </c>
      <c r="Z118" s="2">
        <v>8.6999999999999993</v>
      </c>
      <c r="AA118" s="5">
        <v>240</v>
      </c>
      <c r="AB118" s="5" t="s">
        <v>43</v>
      </c>
      <c r="AC118" s="5" t="s">
        <v>44</v>
      </c>
      <c r="AD118" s="2" t="s">
        <v>131</v>
      </c>
      <c r="AE118" s="1"/>
    </row>
    <row r="119" spans="1:31" ht="14.45">
      <c r="A119" s="5" t="s">
        <v>116</v>
      </c>
      <c r="B119" s="21">
        <v>46266</v>
      </c>
      <c r="C119" s="2" t="s">
        <v>416</v>
      </c>
      <c r="D119" s="14" t="s">
        <v>417</v>
      </c>
      <c r="E119" s="2" t="s">
        <v>418</v>
      </c>
      <c r="F119" s="2" t="s">
        <v>130</v>
      </c>
      <c r="G119" s="8">
        <v>122</v>
      </c>
      <c r="H119" s="5">
        <v>5</v>
      </c>
      <c r="I119" s="5" t="s">
        <v>69</v>
      </c>
      <c r="J119" s="5" t="s">
        <v>70</v>
      </c>
      <c r="K119" s="2" t="s">
        <v>71</v>
      </c>
      <c r="L119" s="5" t="s">
        <v>70</v>
      </c>
      <c r="M119" s="2" t="s">
        <v>71</v>
      </c>
      <c r="N119" s="5" t="s">
        <v>72</v>
      </c>
      <c r="O119" s="5" t="s">
        <v>38</v>
      </c>
      <c r="P119" s="5" t="s">
        <v>39</v>
      </c>
      <c r="Q119" s="5" t="s">
        <v>40</v>
      </c>
      <c r="R119" s="5" t="s">
        <v>73</v>
      </c>
      <c r="S119" s="5" t="s">
        <v>40</v>
      </c>
      <c r="T119" s="5" t="s">
        <v>42</v>
      </c>
      <c r="U119" s="2">
        <v>3.5110000000000001</v>
      </c>
      <c r="V119" s="2">
        <v>3.206</v>
      </c>
      <c r="W119" s="2">
        <v>1.0999999999999999E-2</v>
      </c>
      <c r="X119" s="2">
        <v>94.4</v>
      </c>
      <c r="Y119" s="2">
        <v>13.9</v>
      </c>
      <c r="Z119" s="2">
        <v>8.6999999999999993</v>
      </c>
      <c r="AA119" s="5">
        <v>240</v>
      </c>
      <c r="AB119" s="5" t="s">
        <v>43</v>
      </c>
      <c r="AC119" s="5" t="s">
        <v>44</v>
      </c>
      <c r="AD119" s="2" t="s">
        <v>135</v>
      </c>
      <c r="AE119" s="1"/>
    </row>
    <row r="120" spans="1:31" ht="14.45">
      <c r="A120" s="5" t="s">
        <v>116</v>
      </c>
      <c r="B120" s="21">
        <v>46266</v>
      </c>
      <c r="C120" s="2" t="s">
        <v>419</v>
      </c>
      <c r="D120" s="14" t="s">
        <v>420</v>
      </c>
      <c r="E120" s="2" t="s">
        <v>421</v>
      </c>
      <c r="F120" s="2" t="s">
        <v>130</v>
      </c>
      <c r="G120" s="8">
        <v>122</v>
      </c>
      <c r="H120" s="5">
        <v>5</v>
      </c>
      <c r="I120" s="5" t="s">
        <v>69</v>
      </c>
      <c r="J120" s="5" t="s">
        <v>70</v>
      </c>
      <c r="K120" s="2" t="s">
        <v>71</v>
      </c>
      <c r="L120" s="5" t="s">
        <v>70</v>
      </c>
      <c r="M120" s="2" t="s">
        <v>71</v>
      </c>
      <c r="N120" s="5" t="s">
        <v>72</v>
      </c>
      <c r="O120" s="5" t="s">
        <v>38</v>
      </c>
      <c r="P120" s="5" t="s">
        <v>39</v>
      </c>
      <c r="Q120" s="5" t="s">
        <v>40</v>
      </c>
      <c r="R120" s="5" t="s">
        <v>73</v>
      </c>
      <c r="S120" s="5" t="s">
        <v>40</v>
      </c>
      <c r="T120" s="5" t="s">
        <v>42</v>
      </c>
      <c r="U120" s="2">
        <v>3.5369999999999999</v>
      </c>
      <c r="V120" s="2">
        <v>3.2320000000000002</v>
      </c>
      <c r="W120" s="2">
        <v>1.0999999999999999E-2</v>
      </c>
      <c r="X120" s="2">
        <v>94.4</v>
      </c>
      <c r="Y120" s="2">
        <v>13.9</v>
      </c>
      <c r="Z120" s="2">
        <v>8.6999999999999993</v>
      </c>
      <c r="AA120" s="5">
        <v>240</v>
      </c>
      <c r="AB120" s="5" t="s">
        <v>43</v>
      </c>
      <c r="AC120" s="5" t="s">
        <v>44</v>
      </c>
      <c r="AD120" s="2" t="s">
        <v>139</v>
      </c>
      <c r="AE120" s="1"/>
    </row>
    <row r="121" spans="1:31" ht="14.45">
      <c r="A121" s="5"/>
      <c r="B121" s="21"/>
      <c r="C121" s="2" t="s">
        <v>422</v>
      </c>
      <c r="D121" s="14" t="s">
        <v>423</v>
      </c>
      <c r="E121" s="2" t="s">
        <v>424</v>
      </c>
      <c r="F121" s="2" t="s">
        <v>115</v>
      </c>
      <c r="G121" s="8">
        <v>45</v>
      </c>
      <c r="H121" s="5">
        <v>5</v>
      </c>
      <c r="I121" s="5" t="s">
        <v>69</v>
      </c>
      <c r="J121" s="5" t="s">
        <v>70</v>
      </c>
      <c r="K121" s="2" t="s">
        <v>71</v>
      </c>
      <c r="L121" s="5" t="s">
        <v>70</v>
      </c>
      <c r="M121" s="2" t="s">
        <v>71</v>
      </c>
      <c r="N121" s="5" t="s">
        <v>72</v>
      </c>
      <c r="O121" s="5" t="s">
        <v>38</v>
      </c>
      <c r="P121" s="5" t="s">
        <v>39</v>
      </c>
      <c r="Q121" s="5" t="s">
        <v>40</v>
      </c>
      <c r="R121" s="5" t="s">
        <v>73</v>
      </c>
      <c r="S121" s="5" t="s">
        <v>40</v>
      </c>
      <c r="T121" s="5" t="s">
        <v>42</v>
      </c>
      <c r="U121" s="2">
        <v>1.2829999999999999</v>
      </c>
      <c r="V121" s="2">
        <v>1.0269999999999999</v>
      </c>
      <c r="W121" s="2">
        <v>7.0000000000000001E-3</v>
      </c>
      <c r="X121" s="2">
        <v>80.599999999999994</v>
      </c>
      <c r="Y121" s="2">
        <v>10.7</v>
      </c>
      <c r="Z121" s="2">
        <v>7.7</v>
      </c>
      <c r="AA121" s="5">
        <v>240</v>
      </c>
      <c r="AB121" s="5" t="s">
        <v>43</v>
      </c>
      <c r="AC121" s="5" t="s">
        <v>44</v>
      </c>
      <c r="AD121" s="2" t="s">
        <v>74</v>
      </c>
      <c r="AE121" s="1"/>
    </row>
    <row r="122" spans="1:31" ht="14.45">
      <c r="A122" s="5" t="s">
        <v>116</v>
      </c>
      <c r="B122" s="21">
        <v>46266</v>
      </c>
      <c r="C122" s="2" t="s">
        <v>425</v>
      </c>
      <c r="D122" s="14" t="s">
        <v>426</v>
      </c>
      <c r="E122" s="2" t="s">
        <v>427</v>
      </c>
      <c r="F122" s="2" t="s">
        <v>130</v>
      </c>
      <c r="G122" s="8">
        <v>61</v>
      </c>
      <c r="H122" s="5">
        <v>5</v>
      </c>
      <c r="I122" s="5" t="s">
        <v>69</v>
      </c>
      <c r="J122" s="5" t="s">
        <v>70</v>
      </c>
      <c r="K122" s="2" t="s">
        <v>71</v>
      </c>
      <c r="L122" s="5" t="s">
        <v>70</v>
      </c>
      <c r="M122" s="2" t="s">
        <v>71</v>
      </c>
      <c r="N122" s="5" t="s">
        <v>72</v>
      </c>
      <c r="O122" s="5" t="s">
        <v>38</v>
      </c>
      <c r="P122" s="5" t="s">
        <v>39</v>
      </c>
      <c r="Q122" s="5" t="s">
        <v>40</v>
      </c>
      <c r="R122" s="5" t="s">
        <v>73</v>
      </c>
      <c r="S122" s="5" t="s">
        <v>40</v>
      </c>
      <c r="T122" s="5" t="s">
        <v>42</v>
      </c>
      <c r="U122" s="2">
        <v>2.9660000000000002</v>
      </c>
      <c r="V122" s="2">
        <v>2.6680000000000001</v>
      </c>
      <c r="W122" s="2">
        <v>1.0999999999999999E-2</v>
      </c>
      <c r="X122" s="2">
        <v>94.4</v>
      </c>
      <c r="Y122" s="2">
        <v>13.9</v>
      </c>
      <c r="Z122" s="2">
        <v>8.6999999999999993</v>
      </c>
      <c r="AA122" s="5">
        <v>240</v>
      </c>
      <c r="AB122" s="5" t="s">
        <v>43</v>
      </c>
      <c r="AC122" s="5" t="s">
        <v>44</v>
      </c>
      <c r="AD122" s="2" t="s">
        <v>131</v>
      </c>
      <c r="AE122" s="1"/>
    </row>
    <row r="123" spans="1:31" ht="14.45">
      <c r="A123" s="5" t="s">
        <v>116</v>
      </c>
      <c r="B123" s="21">
        <v>46266</v>
      </c>
      <c r="C123" s="2" t="s">
        <v>428</v>
      </c>
      <c r="D123" s="14" t="s">
        <v>429</v>
      </c>
      <c r="E123" s="2" t="s">
        <v>430</v>
      </c>
      <c r="F123" s="2" t="s">
        <v>130</v>
      </c>
      <c r="G123" s="8">
        <v>122</v>
      </c>
      <c r="H123" s="5">
        <v>5</v>
      </c>
      <c r="I123" s="5" t="s">
        <v>69</v>
      </c>
      <c r="J123" s="5" t="s">
        <v>70</v>
      </c>
      <c r="K123" s="2" t="s">
        <v>71</v>
      </c>
      <c r="L123" s="5" t="s">
        <v>70</v>
      </c>
      <c r="M123" s="2" t="s">
        <v>71</v>
      </c>
      <c r="N123" s="5" t="s">
        <v>72</v>
      </c>
      <c r="O123" s="5" t="s">
        <v>38</v>
      </c>
      <c r="P123" s="5" t="s">
        <v>39</v>
      </c>
      <c r="Q123" s="5" t="s">
        <v>40</v>
      </c>
      <c r="R123" s="5" t="s">
        <v>73</v>
      </c>
      <c r="S123" s="5" t="s">
        <v>40</v>
      </c>
      <c r="T123" s="5" t="s">
        <v>42</v>
      </c>
      <c r="U123" s="2">
        <v>3.649</v>
      </c>
      <c r="V123" s="2">
        <v>3.3439999999999999</v>
      </c>
      <c r="W123" s="2">
        <v>1.0999999999999999E-2</v>
      </c>
      <c r="X123" s="2">
        <v>94.4</v>
      </c>
      <c r="Y123" s="2">
        <v>13.9</v>
      </c>
      <c r="Z123" s="2">
        <v>8.6999999999999993</v>
      </c>
      <c r="AA123" s="5">
        <v>240</v>
      </c>
      <c r="AB123" s="5" t="s">
        <v>43</v>
      </c>
      <c r="AC123" s="5" t="s">
        <v>44</v>
      </c>
      <c r="AD123" s="2" t="s">
        <v>135</v>
      </c>
      <c r="AE123" s="1"/>
    </row>
    <row r="124" spans="1:31" ht="14.45">
      <c r="A124" s="5" t="s">
        <v>116</v>
      </c>
      <c r="B124" s="21">
        <v>46266</v>
      </c>
      <c r="C124" s="2" t="s">
        <v>431</v>
      </c>
      <c r="D124" s="14" t="s">
        <v>432</v>
      </c>
      <c r="E124" s="2" t="s">
        <v>433</v>
      </c>
      <c r="F124" s="2" t="s">
        <v>130</v>
      </c>
      <c r="G124" s="8">
        <v>122</v>
      </c>
      <c r="H124" s="5">
        <v>5</v>
      </c>
      <c r="I124" s="5" t="s">
        <v>69</v>
      </c>
      <c r="J124" s="5" t="s">
        <v>70</v>
      </c>
      <c r="K124" s="2" t="s">
        <v>71</v>
      </c>
      <c r="L124" s="5" t="s">
        <v>70</v>
      </c>
      <c r="M124" s="2" t="s">
        <v>71</v>
      </c>
      <c r="N124" s="5" t="s">
        <v>72</v>
      </c>
      <c r="O124" s="5" t="s">
        <v>38</v>
      </c>
      <c r="P124" s="5" t="s">
        <v>39</v>
      </c>
      <c r="Q124" s="5" t="s">
        <v>40</v>
      </c>
      <c r="R124" s="5" t="s">
        <v>73</v>
      </c>
      <c r="S124" s="5" t="s">
        <v>40</v>
      </c>
      <c r="T124" s="5" t="s">
        <v>42</v>
      </c>
      <c r="U124" s="2">
        <v>3.6749999999999998</v>
      </c>
      <c r="V124" s="2">
        <v>3.37</v>
      </c>
      <c r="W124" s="2">
        <v>1.0999999999999999E-2</v>
      </c>
      <c r="X124" s="2">
        <v>94.4</v>
      </c>
      <c r="Y124" s="2">
        <v>13.9</v>
      </c>
      <c r="Z124" s="2">
        <v>8.6999999999999993</v>
      </c>
      <c r="AA124" s="5">
        <v>240</v>
      </c>
      <c r="AB124" s="5" t="s">
        <v>43</v>
      </c>
      <c r="AC124" s="5" t="s">
        <v>44</v>
      </c>
      <c r="AD124" s="2" t="s">
        <v>139</v>
      </c>
      <c r="AE124" s="1"/>
    </row>
    <row r="125" spans="1:31" ht="14.45">
      <c r="C125" s="2" t="s">
        <v>434</v>
      </c>
      <c r="D125" s="14" t="s">
        <v>435</v>
      </c>
      <c r="E125" s="2" t="s">
        <v>436</v>
      </c>
      <c r="F125" s="2" t="s">
        <v>115</v>
      </c>
      <c r="G125" s="8">
        <v>45</v>
      </c>
      <c r="H125" s="5">
        <v>5</v>
      </c>
      <c r="I125" s="5" t="s">
        <v>69</v>
      </c>
      <c r="J125" s="5" t="s">
        <v>70</v>
      </c>
      <c r="K125" s="2" t="s">
        <v>71</v>
      </c>
      <c r="L125" s="5" t="s">
        <v>70</v>
      </c>
      <c r="M125" s="2" t="s">
        <v>71</v>
      </c>
      <c r="N125" s="5" t="s">
        <v>72</v>
      </c>
      <c r="O125" s="5" t="s">
        <v>38</v>
      </c>
      <c r="P125" s="5" t="s">
        <v>39</v>
      </c>
      <c r="Q125" s="5" t="s">
        <v>40</v>
      </c>
      <c r="R125" s="5" t="s">
        <v>73</v>
      </c>
      <c r="S125" s="5" t="s">
        <v>40</v>
      </c>
      <c r="T125" s="5" t="s">
        <v>42</v>
      </c>
      <c r="U125" s="2">
        <v>1.39</v>
      </c>
      <c r="V125" s="2">
        <v>1.1339999999999999</v>
      </c>
      <c r="W125" s="2">
        <v>7.0000000000000001E-3</v>
      </c>
      <c r="X125" s="2">
        <v>80.599999999999994</v>
      </c>
      <c r="Y125" s="2">
        <v>10.7</v>
      </c>
      <c r="Z125" s="2">
        <v>7.7</v>
      </c>
      <c r="AA125" s="5">
        <v>240</v>
      </c>
      <c r="AB125" s="5" t="s">
        <v>43</v>
      </c>
      <c r="AC125" s="5" t="s">
        <v>44</v>
      </c>
      <c r="AD125" s="2" t="s">
        <v>74</v>
      </c>
      <c r="AE125" s="1"/>
    </row>
    <row r="126" spans="1:31" ht="14.45">
      <c r="A126" s="5" t="s">
        <v>116</v>
      </c>
      <c r="B126" s="21">
        <v>46054</v>
      </c>
      <c r="C126" s="2" t="s">
        <v>437</v>
      </c>
      <c r="D126" s="14" t="s">
        <v>438</v>
      </c>
      <c r="E126" s="2" t="s">
        <v>439</v>
      </c>
      <c r="F126" s="2" t="s">
        <v>120</v>
      </c>
      <c r="G126" s="8">
        <v>90</v>
      </c>
      <c r="H126" s="5">
        <v>5</v>
      </c>
      <c r="I126" s="5" t="s">
        <v>69</v>
      </c>
      <c r="J126" s="5" t="s">
        <v>70</v>
      </c>
      <c r="K126" s="2" t="s">
        <v>71</v>
      </c>
      <c r="L126" s="5" t="s">
        <v>70</v>
      </c>
      <c r="M126" s="2" t="s">
        <v>71</v>
      </c>
      <c r="N126" s="5" t="s">
        <v>72</v>
      </c>
      <c r="O126" s="5" t="s">
        <v>38</v>
      </c>
      <c r="P126" s="5" t="s">
        <v>39</v>
      </c>
      <c r="Q126" s="5" t="s">
        <v>40</v>
      </c>
      <c r="R126" s="5" t="s">
        <v>73</v>
      </c>
      <c r="S126" s="5" t="s">
        <v>40</v>
      </c>
      <c r="T126" s="5" t="s">
        <v>42</v>
      </c>
      <c r="U126" s="2">
        <v>2.0529999999999999</v>
      </c>
      <c r="V126" s="2">
        <v>1.79</v>
      </c>
      <c r="W126" s="2">
        <v>7.0000000000000001E-3</v>
      </c>
      <c r="X126" s="2">
        <v>80.599999999999994</v>
      </c>
      <c r="Y126" s="2">
        <v>10.7</v>
      </c>
      <c r="Z126" s="2">
        <v>7.7</v>
      </c>
      <c r="AA126" s="5">
        <v>240</v>
      </c>
      <c r="AB126" s="5" t="s">
        <v>43</v>
      </c>
      <c r="AC126" s="5" t="s">
        <v>44</v>
      </c>
      <c r="AD126" s="2" t="s">
        <v>74</v>
      </c>
      <c r="AE126" s="1"/>
    </row>
    <row r="127" spans="1:31" ht="14.45">
      <c r="C127" s="2" t="s">
        <v>440</v>
      </c>
      <c r="D127" s="14" t="s">
        <v>441</v>
      </c>
      <c r="E127" s="2" t="s">
        <v>442</v>
      </c>
      <c r="F127" s="2" t="s">
        <v>124</v>
      </c>
      <c r="G127" s="8">
        <v>90</v>
      </c>
      <c r="H127" s="5">
        <v>5</v>
      </c>
      <c r="I127" s="5" t="s">
        <v>69</v>
      </c>
      <c r="J127" s="5" t="s">
        <v>70</v>
      </c>
      <c r="K127" s="2" t="s">
        <v>71</v>
      </c>
      <c r="L127" s="5" t="s">
        <v>70</v>
      </c>
      <c r="M127" s="2" t="s">
        <v>71</v>
      </c>
      <c r="N127" s="5" t="s">
        <v>72</v>
      </c>
      <c r="O127" s="5" t="s">
        <v>38</v>
      </c>
      <c r="P127" s="5" t="s">
        <v>39</v>
      </c>
      <c r="Q127" s="5" t="s">
        <v>40</v>
      </c>
      <c r="R127" s="5" t="s">
        <v>73</v>
      </c>
      <c r="S127" s="5" t="s">
        <v>40</v>
      </c>
      <c r="T127" s="5" t="s">
        <v>125</v>
      </c>
      <c r="U127" s="2">
        <v>2.0790000000000002</v>
      </c>
      <c r="V127" s="2">
        <v>1.8160000000000001</v>
      </c>
      <c r="W127" s="2">
        <v>7.0000000000000001E-3</v>
      </c>
      <c r="X127" s="2">
        <v>80.599999999999994</v>
      </c>
      <c r="Y127" s="2">
        <v>10.7</v>
      </c>
      <c r="Z127" s="2">
        <v>7.7</v>
      </c>
      <c r="AA127" s="5">
        <v>240</v>
      </c>
      <c r="AB127" s="5" t="s">
        <v>43</v>
      </c>
      <c r="AC127" s="5" t="s">
        <v>44</v>
      </c>
      <c r="AD127" s="2" t="s">
        <v>126</v>
      </c>
      <c r="AE127" s="1"/>
    </row>
    <row r="128" spans="1:31" ht="14.45">
      <c r="A128" s="5" t="s">
        <v>116</v>
      </c>
      <c r="B128" s="21">
        <v>46266</v>
      </c>
      <c r="C128" s="2" t="s">
        <v>443</v>
      </c>
      <c r="D128" s="14" t="s">
        <v>444</v>
      </c>
      <c r="E128" s="2" t="s">
        <v>445</v>
      </c>
      <c r="F128" s="2" t="s">
        <v>130</v>
      </c>
      <c r="G128" s="8">
        <v>61</v>
      </c>
      <c r="H128" s="5">
        <v>5</v>
      </c>
      <c r="I128" s="5" t="s">
        <v>69</v>
      </c>
      <c r="J128" s="5" t="s">
        <v>70</v>
      </c>
      <c r="K128" s="2" t="s">
        <v>71</v>
      </c>
      <c r="L128" s="5" t="s">
        <v>70</v>
      </c>
      <c r="M128" s="2" t="s">
        <v>71</v>
      </c>
      <c r="N128" s="5" t="s">
        <v>72</v>
      </c>
      <c r="O128" s="5" t="s">
        <v>38</v>
      </c>
      <c r="P128" s="5" t="s">
        <v>39</v>
      </c>
      <c r="Q128" s="5" t="s">
        <v>40</v>
      </c>
      <c r="R128" s="5" t="s">
        <v>73</v>
      </c>
      <c r="S128" s="5" t="s">
        <v>40</v>
      </c>
      <c r="T128" s="5" t="s">
        <v>42</v>
      </c>
      <c r="U128" s="2">
        <v>3.1459999999999999</v>
      </c>
      <c r="V128" s="2">
        <v>2.8479999999999999</v>
      </c>
      <c r="W128" s="2">
        <v>1.0999999999999999E-2</v>
      </c>
      <c r="X128" s="2">
        <v>94.4</v>
      </c>
      <c r="Y128" s="2">
        <v>13.9</v>
      </c>
      <c r="Z128" s="2">
        <v>8.6999999999999993</v>
      </c>
      <c r="AA128" s="5">
        <v>240</v>
      </c>
      <c r="AB128" s="5" t="s">
        <v>43</v>
      </c>
      <c r="AC128" s="5" t="s">
        <v>44</v>
      </c>
      <c r="AD128" s="2" t="s">
        <v>131</v>
      </c>
      <c r="AE128" s="1"/>
    </row>
    <row r="129" spans="1:31" ht="14.45">
      <c r="A129" s="5" t="s">
        <v>116</v>
      </c>
      <c r="B129" s="21">
        <v>46266</v>
      </c>
      <c r="C129" s="2" t="s">
        <v>446</v>
      </c>
      <c r="D129" s="14" t="s">
        <v>447</v>
      </c>
      <c r="E129" s="2" t="s">
        <v>448</v>
      </c>
      <c r="F129" s="2" t="s">
        <v>130</v>
      </c>
      <c r="G129" s="8">
        <v>122</v>
      </c>
      <c r="H129" s="5">
        <v>5</v>
      </c>
      <c r="I129" s="5" t="s">
        <v>69</v>
      </c>
      <c r="J129" s="5" t="s">
        <v>70</v>
      </c>
      <c r="K129" s="2" t="s">
        <v>71</v>
      </c>
      <c r="L129" s="5" t="s">
        <v>70</v>
      </c>
      <c r="M129" s="2" t="s">
        <v>71</v>
      </c>
      <c r="N129" s="5" t="s">
        <v>72</v>
      </c>
      <c r="O129" s="5" t="s">
        <v>38</v>
      </c>
      <c r="P129" s="5" t="s">
        <v>39</v>
      </c>
      <c r="Q129" s="5" t="s">
        <v>40</v>
      </c>
      <c r="R129" s="5" t="s">
        <v>73</v>
      </c>
      <c r="S129" s="5" t="s">
        <v>40</v>
      </c>
      <c r="T129" s="5" t="s">
        <v>42</v>
      </c>
      <c r="U129" s="2">
        <v>3.8090000000000002</v>
      </c>
      <c r="V129" s="2">
        <v>3.504</v>
      </c>
      <c r="W129" s="2">
        <v>1.0999999999999999E-2</v>
      </c>
      <c r="X129" s="2">
        <v>94.4</v>
      </c>
      <c r="Y129" s="2">
        <v>13.9</v>
      </c>
      <c r="Z129" s="2">
        <v>8.6999999999999993</v>
      </c>
      <c r="AA129" s="5">
        <v>240</v>
      </c>
      <c r="AB129" s="5" t="s">
        <v>43</v>
      </c>
      <c r="AC129" s="5" t="s">
        <v>44</v>
      </c>
      <c r="AD129" s="2" t="s">
        <v>135</v>
      </c>
      <c r="AE129" s="1"/>
    </row>
    <row r="130" spans="1:31" ht="14.45">
      <c r="A130" s="5" t="s">
        <v>116</v>
      </c>
      <c r="B130" s="21">
        <v>46266</v>
      </c>
      <c r="C130" s="2" t="s">
        <v>449</v>
      </c>
      <c r="D130" s="14" t="s">
        <v>450</v>
      </c>
      <c r="E130" s="2" t="s">
        <v>451</v>
      </c>
      <c r="F130" s="2" t="s">
        <v>130</v>
      </c>
      <c r="G130" s="8">
        <v>122</v>
      </c>
      <c r="H130" s="5">
        <v>5</v>
      </c>
      <c r="I130" s="5" t="s">
        <v>69</v>
      </c>
      <c r="J130" s="5" t="s">
        <v>70</v>
      </c>
      <c r="K130" s="2" t="s">
        <v>71</v>
      </c>
      <c r="L130" s="5" t="s">
        <v>70</v>
      </c>
      <c r="M130" s="2" t="s">
        <v>71</v>
      </c>
      <c r="N130" s="5" t="s">
        <v>72</v>
      </c>
      <c r="O130" s="5" t="s">
        <v>38</v>
      </c>
      <c r="P130" s="5" t="s">
        <v>39</v>
      </c>
      <c r="Q130" s="5" t="s">
        <v>40</v>
      </c>
      <c r="R130" s="5" t="s">
        <v>73</v>
      </c>
      <c r="S130" s="5" t="s">
        <v>40</v>
      </c>
      <c r="T130" s="5" t="s">
        <v>42</v>
      </c>
      <c r="U130" s="2">
        <v>3.835</v>
      </c>
      <c r="V130" s="2">
        <v>3.53</v>
      </c>
      <c r="W130" s="2">
        <v>1.0999999999999999E-2</v>
      </c>
      <c r="X130" s="2">
        <v>94.4</v>
      </c>
      <c r="Y130" s="2">
        <v>13.9</v>
      </c>
      <c r="Z130" s="2">
        <v>8.6999999999999993</v>
      </c>
      <c r="AA130" s="5">
        <v>240</v>
      </c>
      <c r="AB130" s="5" t="s">
        <v>43</v>
      </c>
      <c r="AC130" s="5" t="s">
        <v>44</v>
      </c>
      <c r="AD130" s="2" t="s">
        <v>139</v>
      </c>
      <c r="AE130" s="1"/>
    </row>
    <row r="131" spans="1:31" ht="14.45">
      <c r="C131" s="2" t="s">
        <v>452</v>
      </c>
      <c r="D131" s="14" t="s">
        <v>453</v>
      </c>
      <c r="E131" s="2" t="s">
        <v>454</v>
      </c>
      <c r="F131" s="2" t="s">
        <v>115</v>
      </c>
      <c r="G131" s="8">
        <v>45</v>
      </c>
      <c r="H131" s="5">
        <v>5</v>
      </c>
      <c r="I131" s="5" t="s">
        <v>69</v>
      </c>
      <c r="J131" s="5" t="s">
        <v>70</v>
      </c>
      <c r="K131" s="2" t="s">
        <v>71</v>
      </c>
      <c r="L131" s="5" t="s">
        <v>70</v>
      </c>
      <c r="M131" s="2" t="s">
        <v>71</v>
      </c>
      <c r="N131" s="5" t="s">
        <v>72</v>
      </c>
      <c r="O131" s="5" t="s">
        <v>38</v>
      </c>
      <c r="P131" s="5" t="s">
        <v>39</v>
      </c>
      <c r="Q131" s="5" t="s">
        <v>40</v>
      </c>
      <c r="R131" s="5" t="s">
        <v>73</v>
      </c>
      <c r="S131" s="5" t="s">
        <v>40</v>
      </c>
      <c r="T131" s="5" t="s">
        <v>42</v>
      </c>
      <c r="U131" s="2">
        <v>1.431</v>
      </c>
      <c r="V131" s="2">
        <v>1.175</v>
      </c>
      <c r="W131" s="2">
        <v>7.0000000000000001E-3</v>
      </c>
      <c r="X131" s="2">
        <v>80.599999999999994</v>
      </c>
      <c r="Y131" s="2">
        <v>10.7</v>
      </c>
      <c r="Z131" s="2">
        <v>7.7</v>
      </c>
      <c r="AA131" s="5">
        <v>240</v>
      </c>
      <c r="AB131" s="5" t="s">
        <v>43</v>
      </c>
      <c r="AC131" s="5" t="s">
        <v>44</v>
      </c>
      <c r="AD131" s="2" t="s">
        <v>74</v>
      </c>
      <c r="AE131" s="1"/>
    </row>
    <row r="132" spans="1:31" ht="14.45">
      <c r="A132" s="5" t="s">
        <v>116</v>
      </c>
      <c r="B132" s="21">
        <v>46266</v>
      </c>
      <c r="C132" s="2" t="s">
        <v>455</v>
      </c>
      <c r="D132" s="14" t="s">
        <v>456</v>
      </c>
      <c r="E132" s="2" t="s">
        <v>457</v>
      </c>
      <c r="F132" s="2" t="s">
        <v>130</v>
      </c>
      <c r="G132" s="8">
        <v>61</v>
      </c>
      <c r="H132" s="5">
        <v>5</v>
      </c>
      <c r="I132" s="5" t="s">
        <v>69</v>
      </c>
      <c r="J132" s="5" t="s">
        <v>70</v>
      </c>
      <c r="K132" s="2" t="s">
        <v>71</v>
      </c>
      <c r="L132" s="5" t="s">
        <v>70</v>
      </c>
      <c r="M132" s="2" t="s">
        <v>71</v>
      </c>
      <c r="N132" s="5" t="s">
        <v>72</v>
      </c>
      <c r="O132" s="5" t="s">
        <v>38</v>
      </c>
      <c r="P132" s="5" t="s">
        <v>39</v>
      </c>
      <c r="Q132" s="5" t="s">
        <v>40</v>
      </c>
      <c r="R132" s="5" t="s">
        <v>73</v>
      </c>
      <c r="S132" s="5" t="s">
        <v>40</v>
      </c>
      <c r="T132" s="5" t="s">
        <v>42</v>
      </c>
      <c r="U132" s="2">
        <v>3.1869999999999998</v>
      </c>
      <c r="V132" s="2">
        <v>2.8889999999999998</v>
      </c>
      <c r="W132" s="2">
        <v>1.0999999999999999E-2</v>
      </c>
      <c r="X132" s="2">
        <v>94.4</v>
      </c>
      <c r="Y132" s="2">
        <v>13.9</v>
      </c>
      <c r="Z132" s="2">
        <v>8.6999999999999993</v>
      </c>
      <c r="AA132" s="5">
        <v>240</v>
      </c>
      <c r="AB132" s="5" t="s">
        <v>43</v>
      </c>
      <c r="AC132" s="5" t="s">
        <v>44</v>
      </c>
      <c r="AD132" s="2" t="s">
        <v>131</v>
      </c>
      <c r="AE132" s="1"/>
    </row>
    <row r="133" spans="1:31" ht="14.45">
      <c r="C133" s="2" t="s">
        <v>458</v>
      </c>
      <c r="D133" s="14" t="s">
        <v>459</v>
      </c>
      <c r="E133" s="2" t="s">
        <v>460</v>
      </c>
      <c r="F133" s="2" t="s">
        <v>115</v>
      </c>
      <c r="G133" s="8">
        <v>45</v>
      </c>
      <c r="H133" s="5">
        <v>5</v>
      </c>
      <c r="I133" s="5" t="s">
        <v>69</v>
      </c>
      <c r="J133" s="5" t="s">
        <v>70</v>
      </c>
      <c r="K133" s="2" t="s">
        <v>71</v>
      </c>
      <c r="L133" s="5" t="s">
        <v>70</v>
      </c>
      <c r="M133" s="2" t="s">
        <v>71</v>
      </c>
      <c r="N133" s="5" t="s">
        <v>72</v>
      </c>
      <c r="O133" s="5" t="s">
        <v>38</v>
      </c>
      <c r="P133" s="5" t="s">
        <v>39</v>
      </c>
      <c r="Q133" s="5" t="s">
        <v>40</v>
      </c>
      <c r="R133" s="5" t="s">
        <v>73</v>
      </c>
      <c r="S133" s="5" t="s">
        <v>40</v>
      </c>
      <c r="T133" s="5" t="s">
        <v>42</v>
      </c>
      <c r="U133" s="2">
        <v>0.63100000000000001</v>
      </c>
      <c r="V133" s="2">
        <v>0.371</v>
      </c>
      <c r="W133" s="2">
        <v>7.0000000000000001E-3</v>
      </c>
      <c r="X133" s="2">
        <v>80.599999999999994</v>
      </c>
      <c r="Y133" s="2">
        <v>10.7</v>
      </c>
      <c r="Z133" s="2">
        <v>7.7</v>
      </c>
      <c r="AA133" s="5">
        <v>240</v>
      </c>
      <c r="AB133" s="5" t="s">
        <v>43</v>
      </c>
      <c r="AC133" s="5" t="s">
        <v>44</v>
      </c>
      <c r="AD133" s="2" t="s">
        <v>74</v>
      </c>
      <c r="AE133" s="1"/>
    </row>
    <row r="134" spans="1:31" ht="14.45">
      <c r="A134" s="5" t="s">
        <v>116</v>
      </c>
      <c r="B134" s="21">
        <v>46266</v>
      </c>
      <c r="C134" s="2" t="s">
        <v>461</v>
      </c>
      <c r="D134" s="14" t="s">
        <v>462</v>
      </c>
      <c r="E134" s="2" t="s">
        <v>463</v>
      </c>
      <c r="F134" s="2" t="s">
        <v>130</v>
      </c>
      <c r="G134" s="8">
        <v>61</v>
      </c>
      <c r="H134" s="5">
        <v>5</v>
      </c>
      <c r="I134" s="5" t="s">
        <v>69</v>
      </c>
      <c r="J134" s="5" t="s">
        <v>70</v>
      </c>
      <c r="K134" s="2" t="s">
        <v>71</v>
      </c>
      <c r="L134" s="5" t="s">
        <v>70</v>
      </c>
      <c r="M134" s="2" t="s">
        <v>71</v>
      </c>
      <c r="N134" s="5" t="s">
        <v>72</v>
      </c>
      <c r="O134" s="5" t="s">
        <v>38</v>
      </c>
      <c r="P134" s="5" t="s">
        <v>39</v>
      </c>
      <c r="Q134" s="5" t="s">
        <v>40</v>
      </c>
      <c r="R134" s="5" t="s">
        <v>73</v>
      </c>
      <c r="S134" s="5" t="s">
        <v>40</v>
      </c>
      <c r="T134" s="5" t="s">
        <v>42</v>
      </c>
      <c r="U134" s="2">
        <v>0.94699999999999995</v>
      </c>
      <c r="V134" s="2">
        <v>0.64500000000000002</v>
      </c>
      <c r="W134" s="2">
        <v>1.0999999999999999E-2</v>
      </c>
      <c r="X134" s="2">
        <v>94.4</v>
      </c>
      <c r="Y134" s="2">
        <v>13.9</v>
      </c>
      <c r="Z134" s="2">
        <v>8.6999999999999993</v>
      </c>
      <c r="AA134" s="5">
        <v>240</v>
      </c>
      <c r="AB134" s="5" t="s">
        <v>43</v>
      </c>
      <c r="AC134" s="5" t="s">
        <v>44</v>
      </c>
      <c r="AD134" s="2" t="s">
        <v>131</v>
      </c>
      <c r="AE134" s="1"/>
    </row>
    <row r="135" spans="1:31" ht="14.45">
      <c r="A135" s="11"/>
      <c r="B135" s="20"/>
      <c r="C135" s="2" t="s">
        <v>464</v>
      </c>
      <c r="D135" s="14" t="s">
        <v>465</v>
      </c>
      <c r="E135" s="2" t="s">
        <v>466</v>
      </c>
      <c r="F135" s="2" t="s">
        <v>467</v>
      </c>
      <c r="G135" s="8">
        <v>96</v>
      </c>
      <c r="H135" s="5">
        <v>5</v>
      </c>
      <c r="I135" s="5" t="s">
        <v>69</v>
      </c>
      <c r="J135" s="5" t="s">
        <v>70</v>
      </c>
      <c r="K135" s="2" t="s">
        <v>71</v>
      </c>
      <c r="L135" s="5" t="s">
        <v>70</v>
      </c>
      <c r="M135" s="2" t="s">
        <v>71</v>
      </c>
      <c r="N135" s="5" t="s">
        <v>72</v>
      </c>
      <c r="O135" s="5" t="s">
        <v>38</v>
      </c>
      <c r="P135" s="5" t="s">
        <v>39</v>
      </c>
      <c r="Q135" s="5" t="s">
        <v>40</v>
      </c>
      <c r="R135" s="5" t="s">
        <v>73</v>
      </c>
      <c r="S135" s="5" t="s">
        <v>40</v>
      </c>
      <c r="T135" s="5" t="s">
        <v>42</v>
      </c>
      <c r="U135" s="2">
        <v>2.6360000000000001</v>
      </c>
      <c r="V135" s="2">
        <v>2.016</v>
      </c>
      <c r="W135" s="2">
        <v>0.02</v>
      </c>
      <c r="X135" s="2">
        <v>111.6</v>
      </c>
      <c r="Y135" s="2">
        <v>24</v>
      </c>
      <c r="Z135" s="2">
        <v>11</v>
      </c>
      <c r="AA135" s="5">
        <v>50</v>
      </c>
      <c r="AB135" s="5" t="s">
        <v>43</v>
      </c>
      <c r="AC135" s="5" t="s">
        <v>44</v>
      </c>
      <c r="AD135" s="2" t="s">
        <v>468</v>
      </c>
      <c r="AE135" s="1"/>
    </row>
    <row r="136" spans="1:31" ht="14.45">
      <c r="A136" s="11"/>
      <c r="B136" s="20"/>
      <c r="C136" s="2" t="s">
        <v>469</v>
      </c>
      <c r="D136" s="14" t="s">
        <v>470</v>
      </c>
      <c r="E136" s="2" t="s">
        <v>471</v>
      </c>
      <c r="F136" s="2" t="s">
        <v>472</v>
      </c>
      <c r="G136" s="8">
        <v>96</v>
      </c>
      <c r="H136" s="5">
        <v>15</v>
      </c>
      <c r="I136" s="5" t="s">
        <v>69</v>
      </c>
      <c r="J136" s="5" t="s">
        <v>70</v>
      </c>
      <c r="K136" s="2" t="s">
        <v>71</v>
      </c>
      <c r="L136" s="5" t="s">
        <v>70</v>
      </c>
      <c r="M136" s="2" t="s">
        <v>71</v>
      </c>
      <c r="N136" s="5" t="s">
        <v>72</v>
      </c>
      <c r="O136" s="5" t="s">
        <v>38</v>
      </c>
      <c r="P136" s="5" t="s">
        <v>39</v>
      </c>
      <c r="Q136" s="5" t="s">
        <v>40</v>
      </c>
      <c r="R136" s="5" t="s">
        <v>73</v>
      </c>
      <c r="S136" s="5" t="s">
        <v>40</v>
      </c>
      <c r="T136" s="5" t="s">
        <v>42</v>
      </c>
      <c r="U136" s="2">
        <v>3.3959999999999999</v>
      </c>
      <c r="V136" s="2">
        <v>2.7170000000000001</v>
      </c>
      <c r="W136" s="2">
        <v>3.4000000000000002E-2</v>
      </c>
      <c r="X136" s="2">
        <v>114.4</v>
      </c>
      <c r="Y136" s="2">
        <v>27</v>
      </c>
      <c r="Z136" s="2">
        <v>11</v>
      </c>
      <c r="AA136" s="5">
        <v>44</v>
      </c>
      <c r="AB136" s="5" t="s">
        <v>43</v>
      </c>
      <c r="AC136" s="5" t="s">
        <v>44</v>
      </c>
      <c r="AD136" s="2" t="s">
        <v>473</v>
      </c>
      <c r="AE136" s="1"/>
    </row>
    <row r="137" spans="1:31" ht="14.45">
      <c r="A137" s="11"/>
      <c r="B137" s="20"/>
      <c r="C137" s="2" t="s">
        <v>474</v>
      </c>
      <c r="D137" s="14" t="s">
        <v>475</v>
      </c>
      <c r="E137" s="2" t="s">
        <v>476</v>
      </c>
      <c r="F137" s="2" t="s">
        <v>467</v>
      </c>
      <c r="G137" s="8">
        <v>96</v>
      </c>
      <c r="H137" s="5">
        <v>5</v>
      </c>
      <c r="I137" s="5" t="s">
        <v>69</v>
      </c>
      <c r="J137" s="5" t="s">
        <v>70</v>
      </c>
      <c r="K137" s="2" t="s">
        <v>71</v>
      </c>
      <c r="L137" s="5" t="s">
        <v>70</v>
      </c>
      <c r="M137" s="2" t="s">
        <v>71</v>
      </c>
      <c r="N137" s="5" t="s">
        <v>72</v>
      </c>
      <c r="O137" s="5" t="s">
        <v>38</v>
      </c>
      <c r="P137" s="5" t="s">
        <v>39</v>
      </c>
      <c r="Q137" s="5" t="s">
        <v>40</v>
      </c>
      <c r="R137" s="5" t="s">
        <v>73</v>
      </c>
      <c r="S137" s="5" t="s">
        <v>40</v>
      </c>
      <c r="T137" s="5" t="s">
        <v>42</v>
      </c>
      <c r="U137" s="2">
        <v>2.8</v>
      </c>
      <c r="V137" s="2">
        <v>2.1800000000000002</v>
      </c>
      <c r="W137" s="2">
        <v>0.02</v>
      </c>
      <c r="X137" s="2">
        <v>111.6</v>
      </c>
      <c r="Y137" s="2">
        <v>24</v>
      </c>
      <c r="Z137" s="2">
        <v>11</v>
      </c>
      <c r="AA137" s="5">
        <v>50</v>
      </c>
      <c r="AB137" s="5" t="s">
        <v>43</v>
      </c>
      <c r="AC137" s="5" t="s">
        <v>44</v>
      </c>
      <c r="AD137" s="2" t="s">
        <v>468</v>
      </c>
      <c r="AE137" s="1"/>
    </row>
    <row r="138" spans="1:31" ht="14.45">
      <c r="A138" s="11"/>
      <c r="B138" s="20"/>
      <c r="C138" s="2" t="s">
        <v>477</v>
      </c>
      <c r="D138" s="14" t="s">
        <v>478</v>
      </c>
      <c r="E138" s="2" t="s">
        <v>479</v>
      </c>
      <c r="F138" s="2" t="s">
        <v>472</v>
      </c>
      <c r="G138" s="8">
        <v>96</v>
      </c>
      <c r="H138" s="5">
        <v>15</v>
      </c>
      <c r="I138" s="5" t="s">
        <v>69</v>
      </c>
      <c r="J138" s="5" t="s">
        <v>70</v>
      </c>
      <c r="K138" s="2" t="s">
        <v>71</v>
      </c>
      <c r="L138" s="5" t="s">
        <v>70</v>
      </c>
      <c r="M138" s="2" t="s">
        <v>71</v>
      </c>
      <c r="N138" s="5" t="s">
        <v>72</v>
      </c>
      <c r="O138" s="5" t="s">
        <v>38</v>
      </c>
      <c r="P138" s="5" t="s">
        <v>39</v>
      </c>
      <c r="Q138" s="5" t="s">
        <v>40</v>
      </c>
      <c r="R138" s="5" t="s">
        <v>73</v>
      </c>
      <c r="S138" s="5" t="s">
        <v>40</v>
      </c>
      <c r="T138" s="5" t="s">
        <v>42</v>
      </c>
      <c r="U138" s="2">
        <v>3.6280000000000001</v>
      </c>
      <c r="V138" s="2">
        <v>2.9489999999999998</v>
      </c>
      <c r="W138" s="2">
        <v>3.4000000000000002E-2</v>
      </c>
      <c r="X138" s="2">
        <v>114.4</v>
      </c>
      <c r="Y138" s="2">
        <v>27</v>
      </c>
      <c r="Z138" s="2">
        <v>11</v>
      </c>
      <c r="AA138" s="5">
        <v>44</v>
      </c>
      <c r="AB138" s="5" t="s">
        <v>43</v>
      </c>
      <c r="AC138" s="5" t="s">
        <v>44</v>
      </c>
      <c r="AD138" s="2" t="s">
        <v>473</v>
      </c>
      <c r="AE138" s="1"/>
    </row>
    <row r="139" spans="1:31" ht="14.45">
      <c r="A139" s="11"/>
      <c r="B139" s="20"/>
      <c r="C139" s="2" t="s">
        <v>480</v>
      </c>
      <c r="D139" s="14" t="s">
        <v>481</v>
      </c>
      <c r="E139" s="2" t="s">
        <v>482</v>
      </c>
      <c r="F139" s="2" t="s">
        <v>467</v>
      </c>
      <c r="G139" s="8">
        <v>97</v>
      </c>
      <c r="H139" s="5">
        <v>5</v>
      </c>
      <c r="I139" s="5" t="s">
        <v>69</v>
      </c>
      <c r="J139" s="5" t="s">
        <v>70</v>
      </c>
      <c r="K139" s="2" t="s">
        <v>71</v>
      </c>
      <c r="L139" s="5" t="s">
        <v>70</v>
      </c>
      <c r="M139" s="2" t="s">
        <v>71</v>
      </c>
      <c r="N139" s="5" t="s">
        <v>72</v>
      </c>
      <c r="O139" s="5" t="s">
        <v>38</v>
      </c>
      <c r="P139" s="5" t="s">
        <v>39</v>
      </c>
      <c r="Q139" s="5" t="s">
        <v>40</v>
      </c>
      <c r="R139" s="5" t="s">
        <v>73</v>
      </c>
      <c r="S139" s="5" t="s">
        <v>40</v>
      </c>
      <c r="T139" s="5" t="s">
        <v>42</v>
      </c>
      <c r="U139" s="2">
        <v>2.9950000000000001</v>
      </c>
      <c r="V139" s="2">
        <v>2.3460000000000001</v>
      </c>
      <c r="W139" s="2">
        <v>2.4E-2</v>
      </c>
      <c r="X139" s="2">
        <v>130.4</v>
      </c>
      <c r="Y139" s="2">
        <v>24</v>
      </c>
      <c r="Z139" s="2">
        <v>11</v>
      </c>
      <c r="AA139" s="5">
        <v>50</v>
      </c>
      <c r="AB139" s="5" t="s">
        <v>43</v>
      </c>
      <c r="AC139" s="5" t="s">
        <v>44</v>
      </c>
      <c r="AD139" s="2" t="s">
        <v>468</v>
      </c>
      <c r="AE139" s="1"/>
    </row>
    <row r="140" spans="1:31" ht="14.45">
      <c r="A140" s="11"/>
      <c r="B140" s="20"/>
      <c r="C140" s="2" t="s">
        <v>483</v>
      </c>
      <c r="D140" s="14" t="s">
        <v>484</v>
      </c>
      <c r="E140" s="2" t="s">
        <v>485</v>
      </c>
      <c r="F140" s="2" t="s">
        <v>472</v>
      </c>
      <c r="G140" s="8">
        <v>97</v>
      </c>
      <c r="H140" s="5">
        <v>15</v>
      </c>
      <c r="I140" s="5" t="s">
        <v>69</v>
      </c>
      <c r="J140" s="5" t="s">
        <v>70</v>
      </c>
      <c r="K140" s="2" t="s">
        <v>71</v>
      </c>
      <c r="L140" s="5" t="s">
        <v>70</v>
      </c>
      <c r="M140" s="2" t="s">
        <v>71</v>
      </c>
      <c r="N140" s="5" t="s">
        <v>72</v>
      </c>
      <c r="O140" s="5" t="s">
        <v>38</v>
      </c>
      <c r="P140" s="5" t="s">
        <v>39</v>
      </c>
      <c r="Q140" s="5" t="s">
        <v>40</v>
      </c>
      <c r="R140" s="5" t="s">
        <v>73</v>
      </c>
      <c r="S140" s="5" t="s">
        <v>40</v>
      </c>
      <c r="T140" s="5" t="s">
        <v>42</v>
      </c>
      <c r="U140" s="2">
        <v>3.9670000000000001</v>
      </c>
      <c r="V140" s="2">
        <v>3.1829999999999998</v>
      </c>
      <c r="W140" s="2">
        <v>0.04</v>
      </c>
      <c r="X140" s="2">
        <v>134.4</v>
      </c>
      <c r="Y140" s="2">
        <v>27</v>
      </c>
      <c r="Z140" s="2">
        <v>11</v>
      </c>
      <c r="AA140" s="5">
        <v>44</v>
      </c>
      <c r="AB140" s="5" t="s">
        <v>43</v>
      </c>
      <c r="AC140" s="5" t="s">
        <v>44</v>
      </c>
      <c r="AD140" s="2" t="s">
        <v>473</v>
      </c>
      <c r="AE140" s="1"/>
    </row>
    <row r="141" spans="1:31" ht="14.45">
      <c r="A141" s="11"/>
      <c r="B141" s="20"/>
      <c r="C141" s="2" t="s">
        <v>486</v>
      </c>
      <c r="D141" s="14" t="s">
        <v>487</v>
      </c>
      <c r="E141" s="2" t="s">
        <v>488</v>
      </c>
      <c r="F141" s="2" t="s">
        <v>467</v>
      </c>
      <c r="G141" s="8">
        <v>97</v>
      </c>
      <c r="H141" s="5">
        <v>5</v>
      </c>
      <c r="I141" s="5" t="s">
        <v>69</v>
      </c>
      <c r="J141" s="5" t="s">
        <v>70</v>
      </c>
      <c r="K141" s="2" t="s">
        <v>71</v>
      </c>
      <c r="L141" s="5" t="s">
        <v>70</v>
      </c>
      <c r="M141" s="2" t="s">
        <v>71</v>
      </c>
      <c r="N141" s="5" t="s">
        <v>72</v>
      </c>
      <c r="O141" s="5" t="s">
        <v>38</v>
      </c>
      <c r="P141" s="5" t="s">
        <v>39</v>
      </c>
      <c r="Q141" s="5" t="s">
        <v>40</v>
      </c>
      <c r="R141" s="5" t="s">
        <v>73</v>
      </c>
      <c r="S141" s="5" t="s">
        <v>40</v>
      </c>
      <c r="T141" s="5" t="s">
        <v>42</v>
      </c>
      <c r="U141" s="2">
        <v>2.8889999999999998</v>
      </c>
      <c r="V141" s="2">
        <v>2.2690000000000001</v>
      </c>
      <c r="W141" s="2">
        <v>0.02</v>
      </c>
      <c r="X141" s="2">
        <v>111.6</v>
      </c>
      <c r="Y141" s="2">
        <v>24</v>
      </c>
      <c r="Z141" s="2">
        <v>11</v>
      </c>
      <c r="AA141" s="5">
        <v>50</v>
      </c>
      <c r="AB141" s="5" t="s">
        <v>43</v>
      </c>
      <c r="AC141" s="5" t="s">
        <v>44</v>
      </c>
      <c r="AD141" s="2" t="s">
        <v>468</v>
      </c>
      <c r="AE141" s="1"/>
    </row>
    <row r="142" spans="1:31" ht="14.45">
      <c r="A142" s="11"/>
      <c r="B142" s="20"/>
      <c r="C142" s="2" t="s">
        <v>489</v>
      </c>
      <c r="D142" s="14" t="s">
        <v>490</v>
      </c>
      <c r="E142" s="2" t="s">
        <v>491</v>
      </c>
      <c r="F142" s="2" t="s">
        <v>472</v>
      </c>
      <c r="G142" s="8">
        <v>97</v>
      </c>
      <c r="H142" s="5">
        <v>15</v>
      </c>
      <c r="I142" s="5" t="s">
        <v>69</v>
      </c>
      <c r="J142" s="5" t="s">
        <v>70</v>
      </c>
      <c r="K142" s="2" t="s">
        <v>71</v>
      </c>
      <c r="L142" s="5" t="s">
        <v>70</v>
      </c>
      <c r="M142" s="2" t="s">
        <v>71</v>
      </c>
      <c r="N142" s="5" t="s">
        <v>72</v>
      </c>
      <c r="O142" s="5" t="s">
        <v>38</v>
      </c>
      <c r="P142" s="5" t="s">
        <v>39</v>
      </c>
      <c r="Q142" s="5" t="s">
        <v>40</v>
      </c>
      <c r="R142" s="5" t="s">
        <v>73</v>
      </c>
      <c r="S142" s="5" t="s">
        <v>40</v>
      </c>
      <c r="T142" s="5" t="s">
        <v>42</v>
      </c>
      <c r="U142" s="2">
        <v>3.778</v>
      </c>
      <c r="V142" s="2">
        <v>3.0990000000000002</v>
      </c>
      <c r="W142" s="2">
        <v>3.4000000000000002E-2</v>
      </c>
      <c r="X142" s="2">
        <v>114.4</v>
      </c>
      <c r="Y142" s="2">
        <v>27</v>
      </c>
      <c r="Z142" s="2">
        <v>11</v>
      </c>
      <c r="AA142" s="5">
        <v>44</v>
      </c>
      <c r="AB142" s="5" t="s">
        <v>43</v>
      </c>
      <c r="AC142" s="5" t="s">
        <v>44</v>
      </c>
      <c r="AD142" s="2" t="s">
        <v>473</v>
      </c>
      <c r="AE142" s="1"/>
    </row>
    <row r="143" spans="1:31" ht="14.45">
      <c r="A143" s="11"/>
      <c r="B143" s="20"/>
      <c r="C143" s="2" t="s">
        <v>492</v>
      </c>
      <c r="D143" s="14" t="s">
        <v>493</v>
      </c>
      <c r="E143" s="2" t="s">
        <v>494</v>
      </c>
      <c r="F143" s="2" t="s">
        <v>467</v>
      </c>
      <c r="G143" s="8">
        <v>97</v>
      </c>
      <c r="H143" s="5">
        <v>5</v>
      </c>
      <c r="I143" s="5" t="s">
        <v>69</v>
      </c>
      <c r="J143" s="5" t="s">
        <v>70</v>
      </c>
      <c r="K143" s="2" t="s">
        <v>71</v>
      </c>
      <c r="L143" s="5" t="s">
        <v>70</v>
      </c>
      <c r="M143" s="2" t="s">
        <v>71</v>
      </c>
      <c r="N143" s="5" t="s">
        <v>72</v>
      </c>
      <c r="O143" s="5" t="s">
        <v>38</v>
      </c>
      <c r="P143" s="5" t="s">
        <v>39</v>
      </c>
      <c r="Q143" s="5" t="s">
        <v>40</v>
      </c>
      <c r="R143" s="5" t="s">
        <v>73</v>
      </c>
      <c r="S143" s="5" t="s">
        <v>40</v>
      </c>
      <c r="T143" s="5" t="s">
        <v>42</v>
      </c>
      <c r="U143" s="2">
        <v>3.0859999999999999</v>
      </c>
      <c r="V143" s="2">
        <v>2.4369999999999998</v>
      </c>
      <c r="W143" s="2">
        <v>2.4E-2</v>
      </c>
      <c r="X143" s="2">
        <v>130.4</v>
      </c>
      <c r="Y143" s="2">
        <v>24</v>
      </c>
      <c r="Z143" s="2">
        <v>11</v>
      </c>
      <c r="AA143" s="5">
        <v>50</v>
      </c>
      <c r="AB143" s="5" t="s">
        <v>43</v>
      </c>
      <c r="AC143" s="5" t="s">
        <v>44</v>
      </c>
      <c r="AD143" s="2" t="s">
        <v>468</v>
      </c>
      <c r="AE143" s="1"/>
    </row>
    <row r="144" spans="1:31" ht="14.45">
      <c r="A144" s="11"/>
      <c r="B144" s="20"/>
      <c r="C144" s="2" t="s">
        <v>495</v>
      </c>
      <c r="D144" s="14" t="s">
        <v>496</v>
      </c>
      <c r="E144" s="2" t="s">
        <v>497</v>
      </c>
      <c r="F144" s="2" t="s">
        <v>472</v>
      </c>
      <c r="G144" s="8">
        <v>97</v>
      </c>
      <c r="H144" s="5">
        <v>15</v>
      </c>
      <c r="I144" s="5" t="s">
        <v>69</v>
      </c>
      <c r="J144" s="5" t="s">
        <v>70</v>
      </c>
      <c r="K144" s="2" t="s">
        <v>71</v>
      </c>
      <c r="L144" s="5" t="s">
        <v>70</v>
      </c>
      <c r="M144" s="2" t="s">
        <v>71</v>
      </c>
      <c r="N144" s="5" t="s">
        <v>72</v>
      </c>
      <c r="O144" s="5" t="s">
        <v>38</v>
      </c>
      <c r="P144" s="5" t="s">
        <v>39</v>
      </c>
      <c r="Q144" s="5" t="s">
        <v>40</v>
      </c>
      <c r="R144" s="5" t="s">
        <v>73</v>
      </c>
      <c r="S144" s="5" t="s">
        <v>40</v>
      </c>
      <c r="T144" s="5" t="s">
        <v>42</v>
      </c>
      <c r="U144" s="2">
        <v>4.1189999999999998</v>
      </c>
      <c r="V144" s="2">
        <v>3.335</v>
      </c>
      <c r="W144" s="2">
        <v>0.04</v>
      </c>
      <c r="X144" s="2">
        <v>134.4</v>
      </c>
      <c r="Y144" s="2">
        <v>27</v>
      </c>
      <c r="Z144" s="2">
        <v>11</v>
      </c>
      <c r="AA144" s="5">
        <v>44</v>
      </c>
      <c r="AB144" s="5" t="s">
        <v>43</v>
      </c>
      <c r="AC144" s="5" t="s">
        <v>44</v>
      </c>
      <c r="AD144" s="2" t="s">
        <v>473</v>
      </c>
      <c r="AE144" s="1"/>
    </row>
    <row r="145" spans="1:31" ht="14.45">
      <c r="A145" s="11"/>
      <c r="B145" s="20"/>
      <c r="C145" s="2" t="s">
        <v>498</v>
      </c>
      <c r="D145" s="14" t="s">
        <v>499</v>
      </c>
      <c r="E145" s="2" t="s">
        <v>500</v>
      </c>
      <c r="F145" s="2" t="s">
        <v>467</v>
      </c>
      <c r="G145" s="8">
        <v>102</v>
      </c>
      <c r="H145" s="5">
        <v>5</v>
      </c>
      <c r="I145" s="5" t="s">
        <v>69</v>
      </c>
      <c r="J145" s="5" t="s">
        <v>70</v>
      </c>
      <c r="K145" s="2" t="s">
        <v>71</v>
      </c>
      <c r="L145" s="5" t="s">
        <v>70</v>
      </c>
      <c r="M145" s="2" t="s">
        <v>71</v>
      </c>
      <c r="N145" s="5" t="s">
        <v>72</v>
      </c>
      <c r="O145" s="5" t="s">
        <v>38</v>
      </c>
      <c r="P145" s="5" t="s">
        <v>39</v>
      </c>
      <c r="Q145" s="5" t="s">
        <v>40</v>
      </c>
      <c r="R145" s="5" t="s">
        <v>73</v>
      </c>
      <c r="S145" s="5" t="s">
        <v>40</v>
      </c>
      <c r="T145" s="5" t="s">
        <v>42</v>
      </c>
      <c r="U145" s="2">
        <v>3.4390000000000001</v>
      </c>
      <c r="V145" s="2">
        <v>2.621</v>
      </c>
      <c r="W145" s="2">
        <v>2.8000000000000001E-2</v>
      </c>
      <c r="X145" s="2">
        <v>152.4</v>
      </c>
      <c r="Y145" s="2">
        <v>24</v>
      </c>
      <c r="Z145" s="2">
        <v>11</v>
      </c>
      <c r="AA145" s="5">
        <v>50</v>
      </c>
      <c r="AB145" s="5" t="s">
        <v>43</v>
      </c>
      <c r="AC145" s="5" t="s">
        <v>44</v>
      </c>
      <c r="AD145" s="2" t="s">
        <v>468</v>
      </c>
      <c r="AE145" s="1"/>
    </row>
    <row r="146" spans="1:31" ht="14.45">
      <c r="A146" s="11"/>
      <c r="B146" s="20"/>
      <c r="C146" s="2" t="s">
        <v>501</v>
      </c>
      <c r="D146" s="14" t="s">
        <v>502</v>
      </c>
      <c r="E146" s="2" t="s">
        <v>503</v>
      </c>
      <c r="F146" s="2" t="s">
        <v>472</v>
      </c>
      <c r="G146" s="8">
        <v>102</v>
      </c>
      <c r="H146" s="5">
        <v>15</v>
      </c>
      <c r="I146" s="5" t="s">
        <v>69</v>
      </c>
      <c r="J146" s="5" t="s">
        <v>70</v>
      </c>
      <c r="K146" s="2" t="s">
        <v>71</v>
      </c>
      <c r="L146" s="5" t="s">
        <v>70</v>
      </c>
      <c r="M146" s="2" t="s">
        <v>71</v>
      </c>
      <c r="N146" s="5" t="s">
        <v>72</v>
      </c>
      <c r="O146" s="5" t="s">
        <v>38</v>
      </c>
      <c r="P146" s="5" t="s">
        <v>39</v>
      </c>
      <c r="Q146" s="5" t="s">
        <v>40</v>
      </c>
      <c r="R146" s="5" t="s">
        <v>73</v>
      </c>
      <c r="S146" s="5" t="s">
        <v>40</v>
      </c>
      <c r="T146" s="5" t="s">
        <v>42</v>
      </c>
      <c r="U146" s="2">
        <v>4.4960000000000004</v>
      </c>
      <c r="V146" s="2">
        <v>3.597</v>
      </c>
      <c r="W146" s="2">
        <v>4.5999999999999999E-2</v>
      </c>
      <c r="X146" s="2">
        <v>156.4</v>
      </c>
      <c r="Y146" s="2">
        <v>27</v>
      </c>
      <c r="Z146" s="2">
        <v>11</v>
      </c>
      <c r="AA146" s="5">
        <v>44</v>
      </c>
      <c r="AB146" s="5" t="s">
        <v>43</v>
      </c>
      <c r="AC146" s="5" t="s">
        <v>44</v>
      </c>
      <c r="AD146" s="2" t="s">
        <v>473</v>
      </c>
      <c r="AE146" s="1"/>
    </row>
    <row r="147" spans="1:31" ht="14.45">
      <c r="A147" s="11"/>
      <c r="B147" s="20"/>
      <c r="C147" s="2" t="s">
        <v>504</v>
      </c>
      <c r="D147" s="14" t="s">
        <v>505</v>
      </c>
      <c r="E147" s="2" t="s">
        <v>506</v>
      </c>
      <c r="F147" s="2" t="s">
        <v>467</v>
      </c>
      <c r="G147" s="8">
        <v>99</v>
      </c>
      <c r="H147" s="5">
        <v>5</v>
      </c>
      <c r="I147" s="5" t="s">
        <v>69</v>
      </c>
      <c r="J147" s="5" t="s">
        <v>70</v>
      </c>
      <c r="K147" s="2" t="s">
        <v>71</v>
      </c>
      <c r="L147" s="5" t="s">
        <v>70</v>
      </c>
      <c r="M147" s="2" t="s">
        <v>71</v>
      </c>
      <c r="N147" s="5" t="s">
        <v>72</v>
      </c>
      <c r="O147" s="5" t="s">
        <v>38</v>
      </c>
      <c r="P147" s="5" t="s">
        <v>39</v>
      </c>
      <c r="Q147" s="5" t="s">
        <v>40</v>
      </c>
      <c r="R147" s="5" t="s">
        <v>73</v>
      </c>
      <c r="S147" s="5" t="s">
        <v>40</v>
      </c>
      <c r="T147" s="5" t="s">
        <v>42</v>
      </c>
      <c r="U147" s="2">
        <v>3.22</v>
      </c>
      <c r="V147" s="2">
        <v>2.6</v>
      </c>
      <c r="W147" s="2">
        <v>0.02</v>
      </c>
      <c r="X147" s="2">
        <v>111.6</v>
      </c>
      <c r="Y147" s="2">
        <v>24</v>
      </c>
      <c r="Z147" s="2">
        <v>11</v>
      </c>
      <c r="AA147" s="5">
        <v>50</v>
      </c>
      <c r="AB147" s="5" t="s">
        <v>43</v>
      </c>
      <c r="AC147" s="5" t="s">
        <v>44</v>
      </c>
      <c r="AD147" s="2" t="s">
        <v>468</v>
      </c>
      <c r="AE147" s="1"/>
    </row>
    <row r="148" spans="1:31" ht="14.45">
      <c r="A148" s="11"/>
      <c r="B148" s="20"/>
      <c r="C148" s="2" t="s">
        <v>507</v>
      </c>
      <c r="D148" s="14" t="s">
        <v>508</v>
      </c>
      <c r="E148" s="2" t="s">
        <v>509</v>
      </c>
      <c r="F148" s="2" t="s">
        <v>472</v>
      </c>
      <c r="G148" s="8">
        <v>99</v>
      </c>
      <c r="H148" s="5">
        <v>15</v>
      </c>
      <c r="I148" s="5" t="s">
        <v>69</v>
      </c>
      <c r="J148" s="5" t="s">
        <v>70</v>
      </c>
      <c r="K148" s="2" t="s">
        <v>71</v>
      </c>
      <c r="L148" s="5" t="s">
        <v>70</v>
      </c>
      <c r="M148" s="2" t="s">
        <v>71</v>
      </c>
      <c r="N148" s="5" t="s">
        <v>72</v>
      </c>
      <c r="O148" s="5" t="s">
        <v>38</v>
      </c>
      <c r="P148" s="5" t="s">
        <v>39</v>
      </c>
      <c r="Q148" s="5" t="s">
        <v>40</v>
      </c>
      <c r="R148" s="5" t="s">
        <v>73</v>
      </c>
      <c r="S148" s="5" t="s">
        <v>40</v>
      </c>
      <c r="T148" s="5" t="s">
        <v>42</v>
      </c>
      <c r="U148" s="2">
        <v>4.2830000000000004</v>
      </c>
      <c r="V148" s="2">
        <v>3.4990000000000001</v>
      </c>
      <c r="W148" s="2">
        <v>0.04</v>
      </c>
      <c r="X148" s="2">
        <v>134.4</v>
      </c>
      <c r="Y148" s="2">
        <v>27</v>
      </c>
      <c r="Z148" s="2">
        <v>11</v>
      </c>
      <c r="AA148" s="5">
        <v>44</v>
      </c>
      <c r="AB148" s="5" t="s">
        <v>43</v>
      </c>
      <c r="AC148" s="5" t="s">
        <v>44</v>
      </c>
      <c r="AD148" s="2" t="s">
        <v>473</v>
      </c>
      <c r="AE148" s="1"/>
    </row>
    <row r="149" spans="1:31" ht="14.45">
      <c r="A149" s="11"/>
      <c r="B149" s="20"/>
      <c r="C149" s="2" t="s">
        <v>510</v>
      </c>
      <c r="D149" s="14" t="s">
        <v>511</v>
      </c>
      <c r="E149" s="2" t="s">
        <v>512</v>
      </c>
      <c r="F149" s="2" t="s">
        <v>467</v>
      </c>
      <c r="G149" s="8">
        <v>102</v>
      </c>
      <c r="H149" s="5">
        <v>5</v>
      </c>
      <c r="I149" s="5" t="s">
        <v>69</v>
      </c>
      <c r="J149" s="5" t="s">
        <v>70</v>
      </c>
      <c r="K149" s="2" t="s">
        <v>71</v>
      </c>
      <c r="L149" s="5" t="s">
        <v>70</v>
      </c>
      <c r="M149" s="2" t="s">
        <v>71</v>
      </c>
      <c r="N149" s="5" t="s">
        <v>72</v>
      </c>
      <c r="O149" s="5" t="s">
        <v>38</v>
      </c>
      <c r="P149" s="5" t="s">
        <v>39</v>
      </c>
      <c r="Q149" s="5" t="s">
        <v>40</v>
      </c>
      <c r="R149" s="5" t="s">
        <v>73</v>
      </c>
      <c r="S149" s="5" t="s">
        <v>40</v>
      </c>
      <c r="T149" s="5" t="s">
        <v>42</v>
      </c>
      <c r="U149" s="2">
        <v>3.4169999999999998</v>
      </c>
      <c r="V149" s="2">
        <v>2.7679999999999998</v>
      </c>
      <c r="W149" s="2">
        <v>2.4E-2</v>
      </c>
      <c r="X149" s="2">
        <v>130.4</v>
      </c>
      <c r="Y149" s="2">
        <v>24</v>
      </c>
      <c r="Z149" s="2">
        <v>11</v>
      </c>
      <c r="AA149" s="5">
        <v>50</v>
      </c>
      <c r="AB149" s="5" t="s">
        <v>43</v>
      </c>
      <c r="AC149" s="5" t="s">
        <v>44</v>
      </c>
      <c r="AD149" s="2" t="s">
        <v>468</v>
      </c>
      <c r="AE149" s="1"/>
    </row>
    <row r="150" spans="1:31" ht="14.45">
      <c r="A150" s="11"/>
      <c r="B150" s="20"/>
      <c r="C150" s="2" t="s">
        <v>513</v>
      </c>
      <c r="D150" s="14" t="s">
        <v>514</v>
      </c>
      <c r="E150" s="2" t="s">
        <v>515</v>
      </c>
      <c r="F150" s="2" t="s">
        <v>472</v>
      </c>
      <c r="G150" s="8">
        <v>102</v>
      </c>
      <c r="H150" s="5">
        <v>15</v>
      </c>
      <c r="I150" s="5" t="s">
        <v>69</v>
      </c>
      <c r="J150" s="5" t="s">
        <v>70</v>
      </c>
      <c r="K150" s="2" t="s">
        <v>71</v>
      </c>
      <c r="L150" s="5" t="s">
        <v>70</v>
      </c>
      <c r="M150" s="2" t="s">
        <v>71</v>
      </c>
      <c r="N150" s="5" t="s">
        <v>72</v>
      </c>
      <c r="O150" s="5" t="s">
        <v>38</v>
      </c>
      <c r="P150" s="5" t="s">
        <v>39</v>
      </c>
      <c r="Q150" s="5" t="s">
        <v>40</v>
      </c>
      <c r="R150" s="5" t="s">
        <v>73</v>
      </c>
      <c r="S150" s="5" t="s">
        <v>40</v>
      </c>
      <c r="T150" s="5" t="s">
        <v>42</v>
      </c>
      <c r="U150" s="2">
        <v>4.5199999999999996</v>
      </c>
      <c r="V150" s="2">
        <v>3.7360000000000002</v>
      </c>
      <c r="W150" s="2">
        <v>0.04</v>
      </c>
      <c r="X150" s="2">
        <v>134.4</v>
      </c>
      <c r="Y150" s="2">
        <v>27</v>
      </c>
      <c r="Z150" s="2">
        <v>11</v>
      </c>
      <c r="AA150" s="5">
        <v>44</v>
      </c>
      <c r="AB150" s="5" t="s">
        <v>43</v>
      </c>
      <c r="AC150" s="5" t="s">
        <v>44</v>
      </c>
      <c r="AD150" s="2" t="s">
        <v>473</v>
      </c>
      <c r="AE150" s="1"/>
    </row>
    <row r="151" spans="1:31" ht="14.45">
      <c r="A151" s="11"/>
      <c r="B151" s="20"/>
      <c r="C151" s="2" t="s">
        <v>516</v>
      </c>
      <c r="D151" s="14" t="s">
        <v>517</v>
      </c>
      <c r="E151" s="2" t="s">
        <v>518</v>
      </c>
      <c r="F151" s="2" t="s">
        <v>467</v>
      </c>
      <c r="G151" s="8">
        <v>102</v>
      </c>
      <c r="H151" s="5">
        <v>5</v>
      </c>
      <c r="I151" s="5" t="s">
        <v>69</v>
      </c>
      <c r="J151" s="5" t="s">
        <v>70</v>
      </c>
      <c r="K151" s="2" t="s">
        <v>71</v>
      </c>
      <c r="L151" s="5" t="s">
        <v>70</v>
      </c>
      <c r="M151" s="2" t="s">
        <v>71</v>
      </c>
      <c r="N151" s="5" t="s">
        <v>72</v>
      </c>
      <c r="O151" s="5" t="s">
        <v>38</v>
      </c>
      <c r="P151" s="5" t="s">
        <v>39</v>
      </c>
      <c r="Q151" s="5" t="s">
        <v>40</v>
      </c>
      <c r="R151" s="5" t="s">
        <v>73</v>
      </c>
      <c r="S151" s="5" t="s">
        <v>40</v>
      </c>
      <c r="T151" s="5" t="s">
        <v>42</v>
      </c>
      <c r="U151" s="2">
        <v>3.77</v>
      </c>
      <c r="V151" s="2">
        <v>2.952</v>
      </c>
      <c r="W151" s="2">
        <v>2.8000000000000001E-2</v>
      </c>
      <c r="X151" s="2">
        <v>152.4</v>
      </c>
      <c r="Y151" s="2">
        <v>24</v>
      </c>
      <c r="Z151" s="2">
        <v>11</v>
      </c>
      <c r="AA151" s="5">
        <v>50</v>
      </c>
      <c r="AB151" s="5" t="s">
        <v>43</v>
      </c>
      <c r="AC151" s="5" t="s">
        <v>44</v>
      </c>
      <c r="AD151" s="2" t="s">
        <v>468</v>
      </c>
      <c r="AE151" s="1"/>
    </row>
    <row r="152" spans="1:31" ht="14.45">
      <c r="A152" s="11"/>
      <c r="B152" s="20"/>
      <c r="C152" s="2" t="s">
        <v>519</v>
      </c>
      <c r="D152" s="14" t="s">
        <v>520</v>
      </c>
      <c r="E152" s="2" t="s">
        <v>521</v>
      </c>
      <c r="F152" s="2" t="s">
        <v>472</v>
      </c>
      <c r="G152" s="8">
        <v>102</v>
      </c>
      <c r="H152" s="5">
        <v>15</v>
      </c>
      <c r="I152" s="5" t="s">
        <v>69</v>
      </c>
      <c r="J152" s="5" t="s">
        <v>70</v>
      </c>
      <c r="K152" s="2" t="s">
        <v>71</v>
      </c>
      <c r="L152" s="5" t="s">
        <v>70</v>
      </c>
      <c r="M152" s="2" t="s">
        <v>71</v>
      </c>
      <c r="N152" s="5" t="s">
        <v>72</v>
      </c>
      <c r="O152" s="5" t="s">
        <v>38</v>
      </c>
      <c r="P152" s="5" t="s">
        <v>39</v>
      </c>
      <c r="Q152" s="5" t="s">
        <v>40</v>
      </c>
      <c r="R152" s="5" t="s">
        <v>73</v>
      </c>
      <c r="S152" s="5" t="s">
        <v>40</v>
      </c>
      <c r="T152" s="5" t="s">
        <v>42</v>
      </c>
      <c r="U152" s="2">
        <v>4.8959999999999999</v>
      </c>
      <c r="V152" s="2">
        <v>3.9969999999999999</v>
      </c>
      <c r="W152" s="2">
        <v>4.5999999999999999E-2</v>
      </c>
      <c r="X152" s="2">
        <v>156.4</v>
      </c>
      <c r="Y152" s="2">
        <v>27</v>
      </c>
      <c r="Z152" s="2">
        <v>11</v>
      </c>
      <c r="AA152" s="5">
        <v>44</v>
      </c>
      <c r="AB152" s="5" t="s">
        <v>43</v>
      </c>
      <c r="AC152" s="5" t="s">
        <v>44</v>
      </c>
      <c r="AD152" s="2" t="s">
        <v>473</v>
      </c>
      <c r="AE152" s="1"/>
    </row>
    <row r="153" spans="1:31" ht="14.45">
      <c r="A153" s="11"/>
      <c r="B153" s="20"/>
      <c r="C153" s="2" t="s">
        <v>522</v>
      </c>
      <c r="D153" s="14" t="s">
        <v>523</v>
      </c>
      <c r="E153" s="2" t="s">
        <v>524</v>
      </c>
      <c r="F153" s="2" t="s">
        <v>467</v>
      </c>
      <c r="G153" s="8">
        <v>104</v>
      </c>
      <c r="H153" s="5">
        <v>5</v>
      </c>
      <c r="I153" s="5" t="s">
        <v>69</v>
      </c>
      <c r="J153" s="5" t="s">
        <v>70</v>
      </c>
      <c r="K153" s="2" t="s">
        <v>71</v>
      </c>
      <c r="L153" s="5" t="s">
        <v>70</v>
      </c>
      <c r="M153" s="2" t="s">
        <v>71</v>
      </c>
      <c r="N153" s="5" t="s">
        <v>72</v>
      </c>
      <c r="O153" s="5" t="s">
        <v>38</v>
      </c>
      <c r="P153" s="5" t="s">
        <v>39</v>
      </c>
      <c r="Q153" s="5" t="s">
        <v>40</v>
      </c>
      <c r="R153" s="5" t="s">
        <v>73</v>
      </c>
      <c r="S153" s="5" t="s">
        <v>40</v>
      </c>
      <c r="T153" s="5" t="s">
        <v>42</v>
      </c>
      <c r="U153" s="2">
        <v>4.0389999999999997</v>
      </c>
      <c r="V153" s="2">
        <v>3.1230000000000002</v>
      </c>
      <c r="W153" s="2">
        <v>3.1E-2</v>
      </c>
      <c r="X153" s="2">
        <v>172.6</v>
      </c>
      <c r="Y153" s="2">
        <v>24</v>
      </c>
      <c r="Z153" s="2">
        <v>11</v>
      </c>
      <c r="AA153" s="5">
        <v>50</v>
      </c>
      <c r="AB153" s="5" t="s">
        <v>43</v>
      </c>
      <c r="AC153" s="5" t="s">
        <v>44</v>
      </c>
      <c r="AD153" s="2" t="s">
        <v>468</v>
      </c>
      <c r="AE153" s="1"/>
    </row>
    <row r="154" spans="1:31" ht="14.45">
      <c r="A154" s="11"/>
      <c r="B154" s="20"/>
      <c r="C154" s="2" t="s">
        <v>525</v>
      </c>
      <c r="D154" s="14" t="s">
        <v>526</v>
      </c>
      <c r="E154" s="2" t="s">
        <v>527</v>
      </c>
      <c r="F154" s="2" t="s">
        <v>472</v>
      </c>
      <c r="G154" s="8">
        <v>104</v>
      </c>
      <c r="H154" s="5">
        <v>15</v>
      </c>
      <c r="I154" s="5" t="s">
        <v>69</v>
      </c>
      <c r="J154" s="5" t="s">
        <v>70</v>
      </c>
      <c r="K154" s="2" t="s">
        <v>71</v>
      </c>
      <c r="L154" s="5" t="s">
        <v>70</v>
      </c>
      <c r="M154" s="2" t="s">
        <v>71</v>
      </c>
      <c r="N154" s="5" t="s">
        <v>72</v>
      </c>
      <c r="O154" s="5" t="s">
        <v>38</v>
      </c>
      <c r="P154" s="5" t="s">
        <v>39</v>
      </c>
      <c r="Q154" s="5" t="s">
        <v>40</v>
      </c>
      <c r="R154" s="5" t="s">
        <v>73</v>
      </c>
      <c r="S154" s="5" t="s">
        <v>40</v>
      </c>
      <c r="T154" s="5" t="s">
        <v>42</v>
      </c>
      <c r="U154" s="2">
        <v>5.24</v>
      </c>
      <c r="V154" s="2">
        <v>4.2359999999999998</v>
      </c>
      <c r="W154" s="2">
        <v>5.1999999999999998E-2</v>
      </c>
      <c r="X154" s="2">
        <v>176.4</v>
      </c>
      <c r="Y154" s="2">
        <v>27</v>
      </c>
      <c r="Z154" s="2">
        <v>11</v>
      </c>
      <c r="AA154" s="5">
        <v>44</v>
      </c>
      <c r="AB154" s="5" t="s">
        <v>43</v>
      </c>
      <c r="AC154" s="5" t="s">
        <v>44</v>
      </c>
      <c r="AD154" s="2" t="s">
        <v>473</v>
      </c>
      <c r="AE154" s="1"/>
    </row>
    <row r="155" spans="1:31" ht="14.45">
      <c r="A155" s="11"/>
      <c r="B155" s="20"/>
      <c r="C155" s="2" t="s">
        <v>528</v>
      </c>
      <c r="D155" s="14" t="s">
        <v>529</v>
      </c>
      <c r="E155" s="2" t="s">
        <v>530</v>
      </c>
      <c r="F155" s="2" t="s">
        <v>467</v>
      </c>
      <c r="G155" s="8">
        <v>108</v>
      </c>
      <c r="H155" s="5">
        <v>5</v>
      </c>
      <c r="I155" s="5" t="s">
        <v>69</v>
      </c>
      <c r="J155" s="5" t="s">
        <v>70</v>
      </c>
      <c r="K155" s="2" t="s">
        <v>71</v>
      </c>
      <c r="L155" s="5" t="s">
        <v>70</v>
      </c>
      <c r="M155" s="2" t="s">
        <v>71</v>
      </c>
      <c r="N155" s="5" t="s">
        <v>72</v>
      </c>
      <c r="O155" s="5" t="s">
        <v>38</v>
      </c>
      <c r="P155" s="5" t="s">
        <v>39</v>
      </c>
      <c r="Q155" s="5" t="s">
        <v>40</v>
      </c>
      <c r="R155" s="5" t="s">
        <v>73</v>
      </c>
      <c r="S155" s="5" t="s">
        <v>40</v>
      </c>
      <c r="T155" s="5" t="s">
        <v>42</v>
      </c>
      <c r="U155" s="2">
        <v>4.3010000000000002</v>
      </c>
      <c r="V155" s="2">
        <v>3.2879999999999998</v>
      </c>
      <c r="W155" s="2">
        <v>3.5000000000000003E-2</v>
      </c>
      <c r="X155" s="2">
        <v>192.6</v>
      </c>
      <c r="Y155" s="2">
        <v>24</v>
      </c>
      <c r="Z155" s="2">
        <v>11</v>
      </c>
      <c r="AA155" s="5">
        <v>50</v>
      </c>
      <c r="AB155" s="5" t="s">
        <v>43</v>
      </c>
      <c r="AC155" s="5" t="s">
        <v>44</v>
      </c>
      <c r="AD155" s="2" t="s">
        <v>468</v>
      </c>
      <c r="AE155" s="1"/>
    </row>
    <row r="156" spans="1:31" ht="14.45">
      <c r="A156" s="11"/>
      <c r="B156" s="20"/>
      <c r="C156" s="2" t="s">
        <v>531</v>
      </c>
      <c r="D156" s="14" t="s">
        <v>532</v>
      </c>
      <c r="E156" s="2" t="s">
        <v>533</v>
      </c>
      <c r="F156" s="2" t="s">
        <v>467</v>
      </c>
      <c r="G156" s="8">
        <v>108</v>
      </c>
      <c r="H156" s="5">
        <v>15</v>
      </c>
      <c r="I156" s="5" t="s">
        <v>69</v>
      </c>
      <c r="J156" s="5" t="s">
        <v>70</v>
      </c>
      <c r="K156" s="2" t="s">
        <v>71</v>
      </c>
      <c r="L156" s="5" t="s">
        <v>70</v>
      </c>
      <c r="M156" s="2" t="s">
        <v>71</v>
      </c>
      <c r="N156" s="5" t="s">
        <v>72</v>
      </c>
      <c r="O156" s="5" t="s">
        <v>38</v>
      </c>
      <c r="P156" s="5" t="s">
        <v>39</v>
      </c>
      <c r="Q156" s="5" t="s">
        <v>40</v>
      </c>
      <c r="R156" s="5" t="s">
        <v>73</v>
      </c>
      <c r="S156" s="5" t="s">
        <v>40</v>
      </c>
      <c r="T156" s="5" t="s">
        <v>42</v>
      </c>
      <c r="U156" s="2">
        <v>5.5789999999999997</v>
      </c>
      <c r="V156" s="2">
        <v>4.4710000000000001</v>
      </c>
      <c r="W156" s="2">
        <v>5.8000000000000003E-2</v>
      </c>
      <c r="X156" s="2">
        <v>196.4</v>
      </c>
      <c r="Y156" s="2">
        <v>27</v>
      </c>
      <c r="Z156" s="2">
        <v>11</v>
      </c>
      <c r="AA156" s="5">
        <v>44</v>
      </c>
      <c r="AB156" s="5" t="s">
        <v>43</v>
      </c>
      <c r="AC156" s="5" t="s">
        <v>44</v>
      </c>
      <c r="AD156" s="2" t="s">
        <v>473</v>
      </c>
      <c r="AE156" s="1"/>
    </row>
    <row r="157" spans="1:31" ht="14.45">
      <c r="A157" s="11"/>
      <c r="B157" s="20"/>
      <c r="C157" s="2" t="s">
        <v>534</v>
      </c>
      <c r="D157" s="14" t="s">
        <v>535</v>
      </c>
      <c r="E157" s="2" t="s">
        <v>536</v>
      </c>
      <c r="F157" s="2" t="s">
        <v>467</v>
      </c>
      <c r="G157" s="8">
        <v>104</v>
      </c>
      <c r="H157" s="5">
        <v>5</v>
      </c>
      <c r="I157" s="5" t="s">
        <v>69</v>
      </c>
      <c r="J157" s="5" t="s">
        <v>70</v>
      </c>
      <c r="K157" s="2" t="s">
        <v>71</v>
      </c>
      <c r="L157" s="5" t="s">
        <v>70</v>
      </c>
      <c r="M157" s="2" t="s">
        <v>71</v>
      </c>
      <c r="N157" s="5" t="s">
        <v>72</v>
      </c>
      <c r="O157" s="5" t="s">
        <v>38</v>
      </c>
      <c r="P157" s="5" t="s">
        <v>39</v>
      </c>
      <c r="Q157" s="5" t="s">
        <v>40</v>
      </c>
      <c r="R157" s="5" t="s">
        <v>73</v>
      </c>
      <c r="S157" s="5" t="s">
        <v>40</v>
      </c>
      <c r="T157" s="5" t="s">
        <v>42</v>
      </c>
      <c r="U157" s="2">
        <v>3.544</v>
      </c>
      <c r="V157" s="2">
        <v>2.895</v>
      </c>
      <c r="W157" s="2">
        <v>2.4E-2</v>
      </c>
      <c r="X157" s="2">
        <v>130.4</v>
      </c>
      <c r="Y157" s="2">
        <v>24</v>
      </c>
      <c r="Z157" s="2">
        <v>11</v>
      </c>
      <c r="AA157" s="5">
        <v>50</v>
      </c>
      <c r="AB157" s="5" t="s">
        <v>43</v>
      </c>
      <c r="AC157" s="5" t="s">
        <v>44</v>
      </c>
      <c r="AD157" s="2" t="s">
        <v>468</v>
      </c>
      <c r="AE157" s="1"/>
    </row>
    <row r="158" spans="1:31" ht="14.45">
      <c r="A158" s="11"/>
      <c r="B158" s="20"/>
      <c r="C158" s="2" t="s">
        <v>537</v>
      </c>
      <c r="D158" s="14" t="s">
        <v>538</v>
      </c>
      <c r="E158" s="2" t="s">
        <v>539</v>
      </c>
      <c r="F158" s="2" t="s">
        <v>472</v>
      </c>
      <c r="G158" s="8">
        <v>104</v>
      </c>
      <c r="H158" s="5">
        <v>15</v>
      </c>
      <c r="I158" s="5" t="s">
        <v>69</v>
      </c>
      <c r="J158" s="5" t="s">
        <v>70</v>
      </c>
      <c r="K158" s="2" t="s">
        <v>71</v>
      </c>
      <c r="L158" s="5" t="s">
        <v>70</v>
      </c>
      <c r="M158" s="2" t="s">
        <v>71</v>
      </c>
      <c r="N158" s="5" t="s">
        <v>72</v>
      </c>
      <c r="O158" s="5" t="s">
        <v>38</v>
      </c>
      <c r="P158" s="5" t="s">
        <v>39</v>
      </c>
      <c r="Q158" s="5" t="s">
        <v>40</v>
      </c>
      <c r="R158" s="5" t="s">
        <v>73</v>
      </c>
      <c r="S158" s="5" t="s">
        <v>40</v>
      </c>
      <c r="T158" s="5" t="s">
        <v>42</v>
      </c>
      <c r="U158" s="2">
        <v>4.742</v>
      </c>
      <c r="V158" s="2">
        <v>3.9580000000000002</v>
      </c>
      <c r="W158" s="2">
        <v>0.04</v>
      </c>
      <c r="X158" s="2">
        <v>134.4</v>
      </c>
      <c r="Y158" s="2">
        <v>27</v>
      </c>
      <c r="Z158" s="2">
        <v>11</v>
      </c>
      <c r="AA158" s="5">
        <v>44</v>
      </c>
      <c r="AB158" s="5" t="s">
        <v>43</v>
      </c>
      <c r="AC158" s="5" t="s">
        <v>44</v>
      </c>
      <c r="AD158" s="2" t="s">
        <v>473</v>
      </c>
      <c r="AE158" s="1"/>
    </row>
    <row r="159" spans="1:31" ht="14.45">
      <c r="A159" s="11"/>
      <c r="B159" s="20"/>
      <c r="C159" s="2" t="s">
        <v>540</v>
      </c>
      <c r="D159" s="14" t="s">
        <v>541</v>
      </c>
      <c r="E159" s="2" t="s">
        <v>542</v>
      </c>
      <c r="F159" s="2" t="s">
        <v>467</v>
      </c>
      <c r="G159" s="8">
        <v>104</v>
      </c>
      <c r="H159" s="5">
        <v>5</v>
      </c>
      <c r="I159" s="5" t="s">
        <v>69</v>
      </c>
      <c r="J159" s="5" t="s">
        <v>70</v>
      </c>
      <c r="K159" s="2" t="s">
        <v>71</v>
      </c>
      <c r="L159" s="5" t="s">
        <v>70</v>
      </c>
      <c r="M159" s="2" t="s">
        <v>71</v>
      </c>
      <c r="N159" s="5" t="s">
        <v>72</v>
      </c>
      <c r="O159" s="5" t="s">
        <v>38</v>
      </c>
      <c r="P159" s="5" t="s">
        <v>39</v>
      </c>
      <c r="Q159" s="5" t="s">
        <v>40</v>
      </c>
      <c r="R159" s="5" t="s">
        <v>73</v>
      </c>
      <c r="S159" s="5" t="s">
        <v>40</v>
      </c>
      <c r="T159" s="5" t="s">
        <v>42</v>
      </c>
      <c r="U159" s="2">
        <v>3.8959999999999999</v>
      </c>
      <c r="V159" s="2">
        <v>3.0779999999999998</v>
      </c>
      <c r="W159" s="2">
        <v>2.8000000000000001E-2</v>
      </c>
      <c r="X159" s="2">
        <v>152.4</v>
      </c>
      <c r="Y159" s="2">
        <v>24</v>
      </c>
      <c r="Z159" s="2">
        <v>11</v>
      </c>
      <c r="AA159" s="5">
        <v>50</v>
      </c>
      <c r="AB159" s="5" t="s">
        <v>43</v>
      </c>
      <c r="AC159" s="5" t="s">
        <v>44</v>
      </c>
      <c r="AD159" s="2" t="s">
        <v>468</v>
      </c>
      <c r="AE159" s="1"/>
    </row>
    <row r="160" spans="1:31" ht="14.45">
      <c r="A160" s="11"/>
      <c r="B160" s="20"/>
      <c r="C160" s="2" t="s">
        <v>543</v>
      </c>
      <c r="D160" s="14" t="s">
        <v>544</v>
      </c>
      <c r="E160" s="2" t="s">
        <v>545</v>
      </c>
      <c r="F160" s="2" t="s">
        <v>472</v>
      </c>
      <c r="G160" s="8">
        <v>104</v>
      </c>
      <c r="H160" s="5">
        <v>15</v>
      </c>
      <c r="I160" s="5" t="s">
        <v>69</v>
      </c>
      <c r="J160" s="5" t="s">
        <v>70</v>
      </c>
      <c r="K160" s="2" t="s">
        <v>71</v>
      </c>
      <c r="L160" s="5" t="s">
        <v>70</v>
      </c>
      <c r="M160" s="2" t="s">
        <v>71</v>
      </c>
      <c r="N160" s="5" t="s">
        <v>72</v>
      </c>
      <c r="O160" s="5" t="s">
        <v>38</v>
      </c>
      <c r="P160" s="5" t="s">
        <v>39</v>
      </c>
      <c r="Q160" s="5" t="s">
        <v>40</v>
      </c>
      <c r="R160" s="5" t="s">
        <v>73</v>
      </c>
      <c r="S160" s="5" t="s">
        <v>40</v>
      </c>
      <c r="T160" s="5" t="s">
        <v>42</v>
      </c>
      <c r="U160" s="2">
        <v>5.1180000000000003</v>
      </c>
      <c r="V160" s="2">
        <v>4.2190000000000003</v>
      </c>
      <c r="W160" s="2">
        <v>4.5999999999999999E-2</v>
      </c>
      <c r="X160" s="2">
        <v>156.4</v>
      </c>
      <c r="Y160" s="2">
        <v>27</v>
      </c>
      <c r="Z160" s="2">
        <v>11</v>
      </c>
      <c r="AA160" s="5">
        <v>44</v>
      </c>
      <c r="AB160" s="5" t="s">
        <v>43</v>
      </c>
      <c r="AC160" s="5" t="s">
        <v>44</v>
      </c>
      <c r="AD160" s="2" t="s">
        <v>473</v>
      </c>
      <c r="AE160" s="1"/>
    </row>
    <row r="161" spans="1:31" ht="14.45">
      <c r="A161" s="11"/>
      <c r="B161" s="20"/>
      <c r="C161" s="2" t="s">
        <v>546</v>
      </c>
      <c r="D161" s="14" t="s">
        <v>547</v>
      </c>
      <c r="E161" s="2" t="s">
        <v>548</v>
      </c>
      <c r="F161" s="2" t="s">
        <v>467</v>
      </c>
      <c r="G161" s="8">
        <v>105</v>
      </c>
      <c r="H161" s="5">
        <v>5</v>
      </c>
      <c r="I161" s="5" t="s">
        <v>69</v>
      </c>
      <c r="J161" s="5" t="s">
        <v>70</v>
      </c>
      <c r="K161" s="2" t="s">
        <v>71</v>
      </c>
      <c r="L161" s="5" t="s">
        <v>70</v>
      </c>
      <c r="M161" s="2" t="s">
        <v>71</v>
      </c>
      <c r="N161" s="5" t="s">
        <v>72</v>
      </c>
      <c r="O161" s="5" t="s">
        <v>38</v>
      </c>
      <c r="P161" s="5" t="s">
        <v>39</v>
      </c>
      <c r="Q161" s="5" t="s">
        <v>40</v>
      </c>
      <c r="R161" s="5" t="s">
        <v>73</v>
      </c>
      <c r="S161" s="5" t="s">
        <v>40</v>
      </c>
      <c r="T161" s="5" t="s">
        <v>42</v>
      </c>
      <c r="U161" s="2">
        <v>4.1669999999999998</v>
      </c>
      <c r="V161" s="2">
        <v>3.2509999999999999</v>
      </c>
      <c r="W161" s="2">
        <v>3.1E-2</v>
      </c>
      <c r="X161" s="2">
        <v>172.6</v>
      </c>
      <c r="Y161" s="2">
        <v>24</v>
      </c>
      <c r="Z161" s="2">
        <v>11</v>
      </c>
      <c r="AA161" s="5">
        <v>50</v>
      </c>
      <c r="AB161" s="5" t="s">
        <v>43</v>
      </c>
      <c r="AC161" s="5" t="s">
        <v>44</v>
      </c>
      <c r="AD161" s="2" t="s">
        <v>468</v>
      </c>
      <c r="AE161" s="1"/>
    </row>
    <row r="162" spans="1:31" ht="14.45">
      <c r="A162" s="11"/>
      <c r="B162" s="20"/>
      <c r="C162" s="2" t="s">
        <v>549</v>
      </c>
      <c r="D162" s="14" t="s">
        <v>550</v>
      </c>
      <c r="E162" s="2" t="s">
        <v>551</v>
      </c>
      <c r="F162" s="2" t="s">
        <v>472</v>
      </c>
      <c r="G162" s="8">
        <v>105</v>
      </c>
      <c r="H162" s="5">
        <v>15</v>
      </c>
      <c r="I162" s="5" t="s">
        <v>69</v>
      </c>
      <c r="J162" s="5" t="s">
        <v>70</v>
      </c>
      <c r="K162" s="2" t="s">
        <v>71</v>
      </c>
      <c r="L162" s="5" t="s">
        <v>70</v>
      </c>
      <c r="M162" s="2" t="s">
        <v>71</v>
      </c>
      <c r="N162" s="5" t="s">
        <v>72</v>
      </c>
      <c r="O162" s="5" t="s">
        <v>38</v>
      </c>
      <c r="P162" s="5" t="s">
        <v>39</v>
      </c>
      <c r="Q162" s="5" t="s">
        <v>40</v>
      </c>
      <c r="R162" s="5" t="s">
        <v>73</v>
      </c>
      <c r="S162" s="5" t="s">
        <v>40</v>
      </c>
      <c r="T162" s="5" t="s">
        <v>42</v>
      </c>
      <c r="U162" s="2">
        <v>5.4640000000000004</v>
      </c>
      <c r="V162" s="2">
        <v>4.46</v>
      </c>
      <c r="W162" s="2">
        <v>5.1999999999999998E-2</v>
      </c>
      <c r="X162" s="2">
        <v>176.4</v>
      </c>
      <c r="Y162" s="2">
        <v>27</v>
      </c>
      <c r="Z162" s="2">
        <v>11</v>
      </c>
      <c r="AA162" s="5">
        <v>44</v>
      </c>
      <c r="AB162" s="5" t="s">
        <v>43</v>
      </c>
      <c r="AC162" s="5" t="s">
        <v>44</v>
      </c>
      <c r="AD162" s="2" t="s">
        <v>473</v>
      </c>
      <c r="AE162" s="1"/>
    </row>
    <row r="163" spans="1:31" ht="14.45">
      <c r="A163" s="11"/>
      <c r="B163" s="20"/>
      <c r="C163" s="2" t="s">
        <v>552</v>
      </c>
      <c r="D163" s="14" t="s">
        <v>553</v>
      </c>
      <c r="E163" s="2" t="s">
        <v>554</v>
      </c>
      <c r="F163" s="2" t="s">
        <v>467</v>
      </c>
      <c r="G163" s="8">
        <v>110</v>
      </c>
      <c r="H163" s="5">
        <v>5</v>
      </c>
      <c r="I163" s="5" t="s">
        <v>69</v>
      </c>
      <c r="J163" s="5" t="s">
        <v>70</v>
      </c>
      <c r="K163" s="2" t="s">
        <v>71</v>
      </c>
      <c r="L163" s="5" t="s">
        <v>70</v>
      </c>
      <c r="M163" s="2" t="s">
        <v>71</v>
      </c>
      <c r="N163" s="5" t="s">
        <v>72</v>
      </c>
      <c r="O163" s="5" t="s">
        <v>38</v>
      </c>
      <c r="P163" s="5" t="s">
        <v>39</v>
      </c>
      <c r="Q163" s="5" t="s">
        <v>40</v>
      </c>
      <c r="R163" s="5" t="s">
        <v>73</v>
      </c>
      <c r="S163" s="5" t="s">
        <v>40</v>
      </c>
      <c r="T163" s="5" t="s">
        <v>42</v>
      </c>
      <c r="U163" s="2">
        <v>3.835</v>
      </c>
      <c r="V163" s="2">
        <v>3.1859999999999999</v>
      </c>
      <c r="W163" s="2">
        <v>2.4E-2</v>
      </c>
      <c r="X163" s="2">
        <v>130.4</v>
      </c>
      <c r="Y163" s="2">
        <v>24</v>
      </c>
      <c r="Z163" s="2">
        <v>11</v>
      </c>
      <c r="AA163" s="5">
        <v>50</v>
      </c>
      <c r="AB163" s="5" t="s">
        <v>43</v>
      </c>
      <c r="AC163" s="5" t="s">
        <v>44</v>
      </c>
      <c r="AD163" s="2" t="s">
        <v>468</v>
      </c>
      <c r="AE163" s="1"/>
    </row>
    <row r="164" spans="1:31" ht="14.45">
      <c r="A164" s="11"/>
      <c r="B164" s="20"/>
      <c r="C164" s="2" t="s">
        <v>555</v>
      </c>
      <c r="D164" s="14" t="s">
        <v>556</v>
      </c>
      <c r="E164" s="2" t="s">
        <v>557</v>
      </c>
      <c r="F164" s="2" t="s">
        <v>472</v>
      </c>
      <c r="G164" s="8">
        <v>110</v>
      </c>
      <c r="H164" s="5">
        <v>15</v>
      </c>
      <c r="I164" s="5" t="s">
        <v>69</v>
      </c>
      <c r="J164" s="5" t="s">
        <v>70</v>
      </c>
      <c r="K164" s="2" t="s">
        <v>71</v>
      </c>
      <c r="L164" s="5" t="s">
        <v>70</v>
      </c>
      <c r="M164" s="2" t="s">
        <v>71</v>
      </c>
      <c r="N164" s="5" t="s">
        <v>72</v>
      </c>
      <c r="O164" s="5" t="s">
        <v>38</v>
      </c>
      <c r="P164" s="5" t="s">
        <v>39</v>
      </c>
      <c r="Q164" s="5" t="s">
        <v>40</v>
      </c>
      <c r="R164" s="5" t="s">
        <v>73</v>
      </c>
      <c r="S164" s="5" t="s">
        <v>40</v>
      </c>
      <c r="T164" s="5" t="s">
        <v>42</v>
      </c>
      <c r="U164" s="2">
        <v>5.2649999999999997</v>
      </c>
      <c r="V164" s="2">
        <v>4.3659999999999997</v>
      </c>
      <c r="W164" s="2">
        <v>4.5999999999999999E-2</v>
      </c>
      <c r="X164" s="2">
        <v>156.4</v>
      </c>
      <c r="Y164" s="2">
        <v>27</v>
      </c>
      <c r="Z164" s="2">
        <v>11</v>
      </c>
      <c r="AA164" s="5">
        <v>44</v>
      </c>
      <c r="AB164" s="5" t="s">
        <v>43</v>
      </c>
      <c r="AC164" s="5" t="s">
        <v>44</v>
      </c>
      <c r="AD164" s="2" t="s">
        <v>473</v>
      </c>
      <c r="AE164" s="1"/>
    </row>
    <row r="165" spans="1:31" ht="14.45">
      <c r="A165" s="11"/>
      <c r="B165" s="20"/>
      <c r="C165" s="2" t="s">
        <v>558</v>
      </c>
      <c r="D165" s="14" t="s">
        <v>559</v>
      </c>
      <c r="E165" s="2" t="s">
        <v>560</v>
      </c>
      <c r="F165" s="2" t="s">
        <v>467</v>
      </c>
      <c r="G165" s="8">
        <v>111</v>
      </c>
      <c r="H165" s="5">
        <v>5</v>
      </c>
      <c r="I165" s="5" t="s">
        <v>69</v>
      </c>
      <c r="J165" s="5" t="s">
        <v>70</v>
      </c>
      <c r="K165" s="2" t="s">
        <v>71</v>
      </c>
      <c r="L165" s="5" t="s">
        <v>70</v>
      </c>
      <c r="M165" s="2" t="s">
        <v>71</v>
      </c>
      <c r="N165" s="5" t="s">
        <v>72</v>
      </c>
      <c r="O165" s="5" t="s">
        <v>38</v>
      </c>
      <c r="P165" s="5" t="s">
        <v>39</v>
      </c>
      <c r="Q165" s="5" t="s">
        <v>40</v>
      </c>
      <c r="R165" s="5" t="s">
        <v>73</v>
      </c>
      <c r="S165" s="5" t="s">
        <v>40</v>
      </c>
      <c r="T165" s="5" t="s">
        <v>42</v>
      </c>
      <c r="U165" s="2">
        <v>4.1879999999999997</v>
      </c>
      <c r="V165" s="2">
        <v>3.37</v>
      </c>
      <c r="W165" s="2">
        <v>2.8000000000000001E-2</v>
      </c>
      <c r="X165" s="2">
        <v>152.4</v>
      </c>
      <c r="Y165" s="2">
        <v>24</v>
      </c>
      <c r="Z165" s="2">
        <v>11</v>
      </c>
      <c r="AA165" s="5">
        <v>50</v>
      </c>
      <c r="AB165" s="5" t="s">
        <v>43</v>
      </c>
      <c r="AC165" s="5" t="s">
        <v>44</v>
      </c>
      <c r="AD165" s="2" t="s">
        <v>468</v>
      </c>
      <c r="AE165" s="1"/>
    </row>
    <row r="166" spans="1:31" ht="14.45">
      <c r="A166" s="11"/>
      <c r="B166" s="20"/>
      <c r="C166" s="2" t="s">
        <v>561</v>
      </c>
      <c r="D166" s="14" t="s">
        <v>562</v>
      </c>
      <c r="E166" s="2" t="s">
        <v>563</v>
      </c>
      <c r="F166" s="2" t="s">
        <v>472</v>
      </c>
      <c r="G166" s="8">
        <v>111</v>
      </c>
      <c r="H166" s="5">
        <v>15</v>
      </c>
      <c r="I166" s="5" t="s">
        <v>69</v>
      </c>
      <c r="J166" s="5" t="s">
        <v>70</v>
      </c>
      <c r="K166" s="2" t="s">
        <v>71</v>
      </c>
      <c r="L166" s="5" t="s">
        <v>70</v>
      </c>
      <c r="M166" s="2" t="s">
        <v>71</v>
      </c>
      <c r="N166" s="5" t="s">
        <v>72</v>
      </c>
      <c r="O166" s="5" t="s">
        <v>38</v>
      </c>
      <c r="P166" s="5" t="s">
        <v>39</v>
      </c>
      <c r="Q166" s="5" t="s">
        <v>40</v>
      </c>
      <c r="R166" s="5" t="s">
        <v>73</v>
      </c>
      <c r="S166" s="5" t="s">
        <v>40</v>
      </c>
      <c r="T166" s="5" t="s">
        <v>42</v>
      </c>
      <c r="U166" s="2">
        <v>5.5259999999999998</v>
      </c>
      <c r="V166" s="2">
        <v>4.6269999999999998</v>
      </c>
      <c r="W166" s="2">
        <v>4.5999999999999999E-2</v>
      </c>
      <c r="X166" s="2">
        <v>156.4</v>
      </c>
      <c r="Y166" s="2">
        <v>27</v>
      </c>
      <c r="Z166" s="2">
        <v>11</v>
      </c>
      <c r="AA166" s="5">
        <v>44</v>
      </c>
      <c r="AB166" s="5" t="s">
        <v>43</v>
      </c>
      <c r="AC166" s="5" t="s">
        <v>44</v>
      </c>
      <c r="AD166" s="2" t="s">
        <v>473</v>
      </c>
      <c r="AE166" s="1"/>
    </row>
    <row r="167" spans="1:31" ht="14.45">
      <c r="A167" s="11"/>
      <c r="B167" s="20"/>
      <c r="C167" s="2" t="s">
        <v>564</v>
      </c>
      <c r="D167" s="14" t="s">
        <v>565</v>
      </c>
      <c r="E167" s="2" t="s">
        <v>566</v>
      </c>
      <c r="F167" s="2" t="s">
        <v>467</v>
      </c>
      <c r="G167" s="8">
        <v>111</v>
      </c>
      <c r="H167" s="5">
        <v>5</v>
      </c>
      <c r="I167" s="5" t="s">
        <v>69</v>
      </c>
      <c r="J167" s="5" t="s">
        <v>70</v>
      </c>
      <c r="K167" s="2" t="s">
        <v>71</v>
      </c>
      <c r="L167" s="5" t="s">
        <v>70</v>
      </c>
      <c r="M167" s="2" t="s">
        <v>71</v>
      </c>
      <c r="N167" s="5" t="s">
        <v>72</v>
      </c>
      <c r="O167" s="5" t="s">
        <v>38</v>
      </c>
      <c r="P167" s="5" t="s">
        <v>39</v>
      </c>
      <c r="Q167" s="5" t="s">
        <v>40</v>
      </c>
      <c r="R167" s="5" t="s">
        <v>73</v>
      </c>
      <c r="S167" s="5" t="s">
        <v>40</v>
      </c>
      <c r="T167" s="5" t="s">
        <v>42</v>
      </c>
      <c r="U167" s="2">
        <v>4.4569999999999999</v>
      </c>
      <c r="V167" s="2">
        <v>3.5409999999999999</v>
      </c>
      <c r="W167" s="2">
        <v>3.1E-2</v>
      </c>
      <c r="X167" s="2">
        <v>172.6</v>
      </c>
      <c r="Y167" s="2">
        <v>24</v>
      </c>
      <c r="Z167" s="2">
        <v>11</v>
      </c>
      <c r="AA167" s="5">
        <v>50</v>
      </c>
      <c r="AB167" s="5" t="s">
        <v>43</v>
      </c>
      <c r="AC167" s="5" t="s">
        <v>44</v>
      </c>
      <c r="AD167" s="2" t="s">
        <v>468</v>
      </c>
      <c r="AE167" s="1"/>
    </row>
    <row r="168" spans="1:31" ht="14.45">
      <c r="A168" s="11"/>
      <c r="B168" s="20"/>
      <c r="C168" s="2" t="s">
        <v>567</v>
      </c>
      <c r="D168" s="14" t="s">
        <v>568</v>
      </c>
      <c r="E168" s="2" t="s">
        <v>569</v>
      </c>
      <c r="F168" s="2" t="s">
        <v>472</v>
      </c>
      <c r="G168" s="8">
        <v>111</v>
      </c>
      <c r="H168" s="5">
        <v>15</v>
      </c>
      <c r="I168" s="5" t="s">
        <v>69</v>
      </c>
      <c r="J168" s="5" t="s">
        <v>70</v>
      </c>
      <c r="K168" s="2" t="s">
        <v>71</v>
      </c>
      <c r="L168" s="5" t="s">
        <v>70</v>
      </c>
      <c r="M168" s="2" t="s">
        <v>71</v>
      </c>
      <c r="N168" s="5" t="s">
        <v>72</v>
      </c>
      <c r="O168" s="5" t="s">
        <v>38</v>
      </c>
      <c r="P168" s="5" t="s">
        <v>39</v>
      </c>
      <c r="Q168" s="5" t="s">
        <v>40</v>
      </c>
      <c r="R168" s="5" t="s">
        <v>73</v>
      </c>
      <c r="S168" s="5" t="s">
        <v>40</v>
      </c>
      <c r="T168" s="5" t="s">
        <v>42</v>
      </c>
      <c r="U168" s="2">
        <v>5.87</v>
      </c>
      <c r="V168" s="2">
        <v>4.8659999999999997</v>
      </c>
      <c r="W168" s="2">
        <v>5.1999999999999998E-2</v>
      </c>
      <c r="X168" s="2">
        <v>176.4</v>
      </c>
      <c r="Y168" s="2">
        <v>27</v>
      </c>
      <c r="Z168" s="2">
        <v>11</v>
      </c>
      <c r="AA168" s="5">
        <v>44</v>
      </c>
      <c r="AB168" s="5" t="s">
        <v>43</v>
      </c>
      <c r="AC168" s="5" t="s">
        <v>44</v>
      </c>
      <c r="AD168" s="2" t="s">
        <v>473</v>
      </c>
      <c r="AE168" s="1"/>
    </row>
    <row r="169" spans="1:31" ht="14.45">
      <c r="A169" s="11"/>
      <c r="B169" s="20"/>
      <c r="C169" s="2" t="s">
        <v>570</v>
      </c>
      <c r="D169" s="14" t="s">
        <v>571</v>
      </c>
      <c r="E169" s="2" t="s">
        <v>572</v>
      </c>
      <c r="F169" s="2" t="s">
        <v>467</v>
      </c>
      <c r="G169" s="8">
        <v>110</v>
      </c>
      <c r="H169" s="5">
        <v>5</v>
      </c>
      <c r="I169" s="5" t="s">
        <v>69</v>
      </c>
      <c r="J169" s="5" t="s">
        <v>70</v>
      </c>
      <c r="K169" s="2" t="s">
        <v>71</v>
      </c>
      <c r="L169" s="5" t="s">
        <v>70</v>
      </c>
      <c r="M169" s="2" t="s">
        <v>71</v>
      </c>
      <c r="N169" s="5" t="s">
        <v>72</v>
      </c>
      <c r="O169" s="5" t="s">
        <v>38</v>
      </c>
      <c r="P169" s="5" t="s">
        <v>39</v>
      </c>
      <c r="Q169" s="5" t="s">
        <v>40</v>
      </c>
      <c r="R169" s="5" t="s">
        <v>73</v>
      </c>
      <c r="S169" s="5" t="s">
        <v>40</v>
      </c>
      <c r="T169" s="5" t="s">
        <v>42</v>
      </c>
      <c r="U169" s="2">
        <v>3.996</v>
      </c>
      <c r="V169" s="2">
        <v>3.1779999999999999</v>
      </c>
      <c r="W169" s="2">
        <v>2.8000000000000001E-2</v>
      </c>
      <c r="X169" s="2">
        <v>152.4</v>
      </c>
      <c r="Y169" s="2">
        <v>24</v>
      </c>
      <c r="Z169" s="2">
        <v>11</v>
      </c>
      <c r="AA169" s="5">
        <v>50</v>
      </c>
      <c r="AB169" s="5" t="s">
        <v>43</v>
      </c>
      <c r="AC169" s="5" t="s">
        <v>44</v>
      </c>
      <c r="AD169" s="2" t="s">
        <v>468</v>
      </c>
      <c r="AE169" s="1"/>
    </row>
    <row r="170" spans="1:31" ht="14.45">
      <c r="A170" s="11"/>
      <c r="B170" s="20"/>
      <c r="C170" s="2" t="s">
        <v>573</v>
      </c>
      <c r="D170" s="14" t="s">
        <v>574</v>
      </c>
      <c r="E170" s="2" t="s">
        <v>575</v>
      </c>
      <c r="F170" s="2" t="s">
        <v>472</v>
      </c>
      <c r="G170" s="8">
        <v>110</v>
      </c>
      <c r="H170" s="5">
        <v>15</v>
      </c>
      <c r="I170" s="5" t="s">
        <v>69</v>
      </c>
      <c r="J170" s="5" t="s">
        <v>70</v>
      </c>
      <c r="K170" s="2" t="s">
        <v>71</v>
      </c>
      <c r="L170" s="5" t="s">
        <v>70</v>
      </c>
      <c r="M170" s="2" t="s">
        <v>71</v>
      </c>
      <c r="N170" s="5" t="s">
        <v>72</v>
      </c>
      <c r="O170" s="5" t="s">
        <v>38</v>
      </c>
      <c r="P170" s="5" t="s">
        <v>39</v>
      </c>
      <c r="Q170" s="5" t="s">
        <v>40</v>
      </c>
      <c r="R170" s="5" t="s">
        <v>73</v>
      </c>
      <c r="S170" s="5" t="s">
        <v>40</v>
      </c>
      <c r="T170" s="5" t="s">
        <v>42</v>
      </c>
      <c r="U170" s="2">
        <v>5.3109999999999999</v>
      </c>
      <c r="V170" s="2">
        <v>4.4119999999999999</v>
      </c>
      <c r="W170" s="2">
        <v>4.5999999999999999E-2</v>
      </c>
      <c r="X170" s="2">
        <v>156.4</v>
      </c>
      <c r="Y170" s="2">
        <v>27</v>
      </c>
      <c r="Z170" s="2">
        <v>11</v>
      </c>
      <c r="AA170" s="5">
        <v>44</v>
      </c>
      <c r="AB170" s="5" t="s">
        <v>43</v>
      </c>
      <c r="AC170" s="5" t="s">
        <v>44</v>
      </c>
      <c r="AD170" s="2" t="s">
        <v>473</v>
      </c>
      <c r="AE170" s="1"/>
    </row>
    <row r="171" spans="1:31" ht="14.45">
      <c r="A171" s="11"/>
      <c r="B171" s="20"/>
      <c r="C171" s="2" t="s">
        <v>576</v>
      </c>
      <c r="D171" s="14" t="s">
        <v>577</v>
      </c>
      <c r="E171" s="2" t="s">
        <v>578</v>
      </c>
      <c r="F171" s="2" t="s">
        <v>467</v>
      </c>
      <c r="G171" s="8">
        <v>114</v>
      </c>
      <c r="H171" s="5">
        <v>5</v>
      </c>
      <c r="I171" s="5" t="s">
        <v>69</v>
      </c>
      <c r="J171" s="5" t="s">
        <v>70</v>
      </c>
      <c r="K171" s="2" t="s">
        <v>71</v>
      </c>
      <c r="L171" s="5" t="s">
        <v>70</v>
      </c>
      <c r="M171" s="2" t="s">
        <v>71</v>
      </c>
      <c r="N171" s="5" t="s">
        <v>72</v>
      </c>
      <c r="O171" s="5" t="s">
        <v>38</v>
      </c>
      <c r="P171" s="5" t="s">
        <v>39</v>
      </c>
      <c r="Q171" s="5" t="s">
        <v>40</v>
      </c>
      <c r="R171" s="5" t="s">
        <v>73</v>
      </c>
      <c r="S171" s="5" t="s">
        <v>40</v>
      </c>
      <c r="T171" s="5" t="s">
        <v>42</v>
      </c>
      <c r="U171" s="2">
        <v>4.3460000000000001</v>
      </c>
      <c r="V171" s="2">
        <v>3.528</v>
      </c>
      <c r="W171" s="2">
        <v>2.8000000000000001E-2</v>
      </c>
      <c r="X171" s="2">
        <v>152.4</v>
      </c>
      <c r="Y171" s="2">
        <v>24</v>
      </c>
      <c r="Z171" s="2">
        <v>11</v>
      </c>
      <c r="AA171" s="5">
        <v>50</v>
      </c>
      <c r="AB171" s="5" t="s">
        <v>43</v>
      </c>
      <c r="AC171" s="5" t="s">
        <v>44</v>
      </c>
      <c r="AD171" s="2" t="s">
        <v>468</v>
      </c>
      <c r="AE171" s="1"/>
    </row>
    <row r="172" spans="1:31" ht="14.45">
      <c r="A172" s="11"/>
      <c r="B172" s="20"/>
      <c r="C172" s="2" t="s">
        <v>579</v>
      </c>
      <c r="D172" s="14" t="s">
        <v>580</v>
      </c>
      <c r="E172" s="2" t="s">
        <v>581</v>
      </c>
      <c r="F172" s="2" t="s">
        <v>472</v>
      </c>
      <c r="G172" s="8">
        <v>114</v>
      </c>
      <c r="H172" s="5">
        <v>15</v>
      </c>
      <c r="I172" s="5" t="s">
        <v>69</v>
      </c>
      <c r="J172" s="5" t="s">
        <v>70</v>
      </c>
      <c r="K172" s="2" t="s">
        <v>71</v>
      </c>
      <c r="L172" s="5" t="s">
        <v>70</v>
      </c>
      <c r="M172" s="2" t="s">
        <v>71</v>
      </c>
      <c r="N172" s="5" t="s">
        <v>72</v>
      </c>
      <c r="O172" s="5" t="s">
        <v>38</v>
      </c>
      <c r="P172" s="5" t="s">
        <v>39</v>
      </c>
      <c r="Q172" s="5" t="s">
        <v>40</v>
      </c>
      <c r="R172" s="5" t="s">
        <v>73</v>
      </c>
      <c r="S172" s="5" t="s">
        <v>40</v>
      </c>
      <c r="T172" s="5" t="s">
        <v>42</v>
      </c>
      <c r="U172" s="2">
        <v>5.9119999999999999</v>
      </c>
      <c r="V172" s="2">
        <v>4.9080000000000004</v>
      </c>
      <c r="W172" s="2">
        <v>5.1999999999999998E-2</v>
      </c>
      <c r="X172" s="2">
        <v>176.4</v>
      </c>
      <c r="Y172" s="2">
        <v>27</v>
      </c>
      <c r="Z172" s="2">
        <v>11</v>
      </c>
      <c r="AA172" s="5">
        <v>44</v>
      </c>
      <c r="AB172" s="5" t="s">
        <v>43</v>
      </c>
      <c r="AC172" s="5" t="s">
        <v>44</v>
      </c>
      <c r="AD172" s="2" t="s">
        <v>473</v>
      </c>
      <c r="AE172" s="1"/>
    </row>
    <row r="173" spans="1:31" ht="14.45">
      <c r="A173" s="11"/>
      <c r="B173" s="20"/>
      <c r="C173" s="2" t="s">
        <v>582</v>
      </c>
      <c r="D173" s="14" t="s">
        <v>583</v>
      </c>
      <c r="E173" s="2" t="s">
        <v>584</v>
      </c>
      <c r="F173" s="2" t="s">
        <v>467</v>
      </c>
      <c r="G173" s="8">
        <v>119</v>
      </c>
      <c r="H173" s="5">
        <v>5</v>
      </c>
      <c r="I173" s="5" t="s">
        <v>69</v>
      </c>
      <c r="J173" s="5" t="s">
        <v>70</v>
      </c>
      <c r="K173" s="2" t="s">
        <v>71</v>
      </c>
      <c r="L173" s="5" t="s">
        <v>70</v>
      </c>
      <c r="M173" s="2" t="s">
        <v>71</v>
      </c>
      <c r="N173" s="5" t="s">
        <v>72</v>
      </c>
      <c r="O173" s="5" t="s">
        <v>38</v>
      </c>
      <c r="P173" s="5" t="s">
        <v>39</v>
      </c>
      <c r="Q173" s="5" t="s">
        <v>40</v>
      </c>
      <c r="R173" s="5" t="s">
        <v>73</v>
      </c>
      <c r="S173" s="5" t="s">
        <v>40</v>
      </c>
      <c r="T173" s="5" t="s">
        <v>42</v>
      </c>
      <c r="U173" s="2">
        <v>4.6159999999999997</v>
      </c>
      <c r="V173" s="2">
        <v>3.7</v>
      </c>
      <c r="W173" s="2">
        <v>3.1E-2</v>
      </c>
      <c r="X173" s="2">
        <v>172.6</v>
      </c>
      <c r="Y173" s="2">
        <v>24</v>
      </c>
      <c r="Z173" s="2">
        <v>11</v>
      </c>
      <c r="AA173" s="5">
        <v>50</v>
      </c>
      <c r="AB173" s="5" t="s">
        <v>43</v>
      </c>
      <c r="AC173" s="5" t="s">
        <v>44</v>
      </c>
      <c r="AD173" s="2" t="s">
        <v>468</v>
      </c>
      <c r="AE173" s="1"/>
    </row>
    <row r="174" spans="1:31" ht="14.45">
      <c r="A174" s="11"/>
      <c r="B174" s="20"/>
      <c r="C174" s="2" t="s">
        <v>585</v>
      </c>
      <c r="D174" s="14" t="s">
        <v>586</v>
      </c>
      <c r="E174" s="2" t="s">
        <v>587</v>
      </c>
      <c r="F174" s="2" t="s">
        <v>472</v>
      </c>
      <c r="G174" s="8">
        <v>119</v>
      </c>
      <c r="H174" s="5">
        <v>15</v>
      </c>
      <c r="I174" s="5" t="s">
        <v>69</v>
      </c>
      <c r="J174" s="5" t="s">
        <v>70</v>
      </c>
      <c r="K174" s="2" t="s">
        <v>71</v>
      </c>
      <c r="L174" s="5" t="s">
        <v>70</v>
      </c>
      <c r="M174" s="2" t="s">
        <v>71</v>
      </c>
      <c r="N174" s="5" t="s">
        <v>72</v>
      </c>
      <c r="O174" s="5" t="s">
        <v>38</v>
      </c>
      <c r="P174" s="5" t="s">
        <v>39</v>
      </c>
      <c r="Q174" s="5" t="s">
        <v>40</v>
      </c>
      <c r="R174" s="5" t="s">
        <v>73</v>
      </c>
      <c r="S174" s="5" t="s">
        <v>40</v>
      </c>
      <c r="T174" s="5" t="s">
        <v>42</v>
      </c>
      <c r="U174" s="2">
        <v>6.1529999999999996</v>
      </c>
      <c r="V174" s="2">
        <v>5.149</v>
      </c>
      <c r="W174" s="2">
        <v>5.1999999999999998E-2</v>
      </c>
      <c r="X174" s="2">
        <v>176.4</v>
      </c>
      <c r="Y174" s="2">
        <v>27</v>
      </c>
      <c r="Z174" s="2">
        <v>11</v>
      </c>
      <c r="AA174" s="5">
        <v>44</v>
      </c>
      <c r="AB174" s="5" t="s">
        <v>43</v>
      </c>
      <c r="AC174" s="5" t="s">
        <v>44</v>
      </c>
      <c r="AD174" s="2" t="s">
        <v>473</v>
      </c>
      <c r="AE174" s="1"/>
    </row>
    <row r="175" spans="1:31" ht="14.45">
      <c r="A175" s="11"/>
      <c r="B175" s="20"/>
      <c r="C175" s="2" t="s">
        <v>588</v>
      </c>
      <c r="D175" s="14" t="s">
        <v>589</v>
      </c>
      <c r="E175" s="2" t="s">
        <v>590</v>
      </c>
      <c r="F175" s="2" t="s">
        <v>591</v>
      </c>
      <c r="G175" s="8">
        <v>43</v>
      </c>
      <c r="H175" s="5">
        <v>5</v>
      </c>
      <c r="I175" s="5" t="s">
        <v>69</v>
      </c>
      <c r="J175" s="5" t="s">
        <v>70</v>
      </c>
      <c r="K175" s="2" t="s">
        <v>71</v>
      </c>
      <c r="L175" s="5" t="s">
        <v>70</v>
      </c>
      <c r="M175" s="2" t="s">
        <v>71</v>
      </c>
      <c r="N175" s="5" t="s">
        <v>72</v>
      </c>
      <c r="O175" s="5" t="s">
        <v>38</v>
      </c>
      <c r="P175" s="5" t="s">
        <v>39</v>
      </c>
      <c r="Q175" s="5" t="s">
        <v>40</v>
      </c>
      <c r="R175" s="5" t="s">
        <v>73</v>
      </c>
      <c r="S175" s="5" t="s">
        <v>40</v>
      </c>
      <c r="T175" s="5" t="s">
        <v>42</v>
      </c>
      <c r="U175" s="2">
        <v>1.7370000000000001</v>
      </c>
      <c r="V175" s="2">
        <v>1.258</v>
      </c>
      <c r="W175" s="2">
        <v>0.02</v>
      </c>
      <c r="X175" s="2">
        <v>109.1</v>
      </c>
      <c r="Y175" s="2">
        <v>24</v>
      </c>
      <c r="Z175" s="2">
        <v>11</v>
      </c>
      <c r="AA175" s="5">
        <v>50</v>
      </c>
      <c r="AB175" s="5" t="s">
        <v>43</v>
      </c>
      <c r="AC175" s="5" t="s">
        <v>44</v>
      </c>
      <c r="AD175" s="2" t="s">
        <v>468</v>
      </c>
      <c r="AE175" s="1"/>
    </row>
    <row r="176" spans="1:31" ht="14.45">
      <c r="A176" s="11"/>
      <c r="B176" s="20"/>
      <c r="C176" s="2" t="s">
        <v>592</v>
      </c>
      <c r="D176" s="14" t="s">
        <v>593</v>
      </c>
      <c r="E176" s="2" t="s">
        <v>594</v>
      </c>
      <c r="F176" s="2" t="s">
        <v>472</v>
      </c>
      <c r="G176" s="8">
        <v>43</v>
      </c>
      <c r="H176" s="5">
        <v>15</v>
      </c>
      <c r="I176" s="5" t="s">
        <v>69</v>
      </c>
      <c r="J176" s="5" t="s">
        <v>70</v>
      </c>
      <c r="K176" s="2" t="s">
        <v>71</v>
      </c>
      <c r="L176" s="5" t="s">
        <v>70</v>
      </c>
      <c r="M176" s="2" t="s">
        <v>71</v>
      </c>
      <c r="N176" s="5" t="s">
        <v>72</v>
      </c>
      <c r="O176" s="5" t="s">
        <v>38</v>
      </c>
      <c r="P176" s="5" t="s">
        <v>39</v>
      </c>
      <c r="Q176" s="5" t="s">
        <v>40</v>
      </c>
      <c r="R176" s="5" t="s">
        <v>73</v>
      </c>
      <c r="S176" s="5" t="s">
        <v>40</v>
      </c>
      <c r="T176" s="5" t="s">
        <v>42</v>
      </c>
      <c r="U176" s="2">
        <v>2.1579999999999999</v>
      </c>
      <c r="V176" s="2">
        <v>1.673</v>
      </c>
      <c r="W176" s="2">
        <v>0.02</v>
      </c>
      <c r="X176" s="2">
        <v>109.1</v>
      </c>
      <c r="Y176" s="2">
        <v>24</v>
      </c>
      <c r="Z176" s="2">
        <v>11</v>
      </c>
      <c r="AA176" s="5">
        <v>44</v>
      </c>
      <c r="AB176" s="5" t="s">
        <v>43</v>
      </c>
      <c r="AC176" s="5" t="s">
        <v>44</v>
      </c>
      <c r="AD176" s="2" t="s">
        <v>473</v>
      </c>
      <c r="AE176" s="1"/>
    </row>
    <row r="177" spans="1:31" ht="14.45">
      <c r="A177" s="11"/>
      <c r="B177" s="20"/>
      <c r="C177" s="2" t="s">
        <v>595</v>
      </c>
      <c r="D177" s="14" t="s">
        <v>596</v>
      </c>
      <c r="E177" s="2" t="s">
        <v>597</v>
      </c>
      <c r="F177" s="2" t="s">
        <v>598</v>
      </c>
      <c r="G177" s="8">
        <v>44</v>
      </c>
      <c r="H177" s="5">
        <v>5</v>
      </c>
      <c r="I177" s="5" t="s">
        <v>69</v>
      </c>
      <c r="J177" s="5" t="s">
        <v>70</v>
      </c>
      <c r="K177" s="2" t="s">
        <v>71</v>
      </c>
      <c r="L177" s="5" t="s">
        <v>70</v>
      </c>
      <c r="M177" s="2" t="s">
        <v>71</v>
      </c>
      <c r="N177" s="5" t="s">
        <v>72</v>
      </c>
      <c r="O177" s="5" t="s">
        <v>38</v>
      </c>
      <c r="P177" s="5" t="s">
        <v>39</v>
      </c>
      <c r="Q177" s="5" t="s">
        <v>40</v>
      </c>
      <c r="R177" s="5" t="s">
        <v>73</v>
      </c>
      <c r="S177" s="5" t="s">
        <v>40</v>
      </c>
      <c r="T177" s="5" t="s">
        <v>42</v>
      </c>
      <c r="U177" s="2">
        <v>1.367</v>
      </c>
      <c r="V177" s="2">
        <v>1.0209999999999999</v>
      </c>
      <c r="W177" s="2">
        <v>0.01</v>
      </c>
      <c r="X177" s="2">
        <v>127.4</v>
      </c>
      <c r="Y177" s="2">
        <v>6</v>
      </c>
      <c r="Z177" s="2">
        <v>12.5</v>
      </c>
      <c r="AA177" s="5">
        <v>80</v>
      </c>
      <c r="AB177" s="5" t="s">
        <v>43</v>
      </c>
      <c r="AC177" s="5" t="s">
        <v>44</v>
      </c>
      <c r="AD177" s="2" t="s">
        <v>599</v>
      </c>
      <c r="AE177" s="1"/>
    </row>
    <row r="178" spans="1:31" ht="14.45">
      <c r="A178" s="11"/>
      <c r="B178" s="20"/>
      <c r="C178" s="2" t="s">
        <v>600</v>
      </c>
      <c r="D178" s="14" t="s">
        <v>601</v>
      </c>
      <c r="E178" s="2" t="s">
        <v>602</v>
      </c>
      <c r="F178" s="2" t="s">
        <v>598</v>
      </c>
      <c r="G178" s="8">
        <v>44</v>
      </c>
      <c r="H178" s="5">
        <v>5</v>
      </c>
      <c r="I178" s="5" t="s">
        <v>69</v>
      </c>
      <c r="J178" s="5" t="s">
        <v>70</v>
      </c>
      <c r="K178" s="2" t="s">
        <v>71</v>
      </c>
      <c r="L178" s="5" t="s">
        <v>70</v>
      </c>
      <c r="M178" s="2" t="s">
        <v>71</v>
      </c>
      <c r="N178" s="5" t="s">
        <v>72</v>
      </c>
      <c r="O178" s="5" t="s">
        <v>38</v>
      </c>
      <c r="P178" s="5" t="s">
        <v>39</v>
      </c>
      <c r="Q178" s="5" t="s">
        <v>40</v>
      </c>
      <c r="R178" s="5" t="s">
        <v>73</v>
      </c>
      <c r="S178" s="5" t="s">
        <v>40</v>
      </c>
      <c r="T178" s="5" t="s">
        <v>42</v>
      </c>
      <c r="U178" s="2">
        <v>1.387</v>
      </c>
      <c r="V178" s="2">
        <v>1.0409999999999999</v>
      </c>
      <c r="W178" s="2">
        <v>0.01</v>
      </c>
      <c r="X178" s="2">
        <v>127.4</v>
      </c>
      <c r="Y178" s="2">
        <v>6</v>
      </c>
      <c r="Z178" s="2">
        <v>12.5</v>
      </c>
      <c r="AA178" s="5">
        <v>80</v>
      </c>
      <c r="AB178" s="5" t="s">
        <v>43</v>
      </c>
      <c r="AC178" s="5" t="s">
        <v>44</v>
      </c>
      <c r="AD178" s="2" t="s">
        <v>599</v>
      </c>
      <c r="AE178" s="1"/>
    </row>
    <row r="179" spans="1:31" ht="14.45">
      <c r="A179" s="11"/>
      <c r="B179" s="20"/>
      <c r="C179" s="2" t="s">
        <v>603</v>
      </c>
      <c r="D179" s="14" t="s">
        <v>604</v>
      </c>
      <c r="E179" s="2" t="s">
        <v>605</v>
      </c>
      <c r="F179" s="2" t="s">
        <v>598</v>
      </c>
      <c r="G179" s="8">
        <v>44</v>
      </c>
      <c r="H179" s="5">
        <v>5</v>
      </c>
      <c r="I179" s="5" t="s">
        <v>69</v>
      </c>
      <c r="J179" s="5" t="s">
        <v>70</v>
      </c>
      <c r="K179" s="2" t="s">
        <v>71</v>
      </c>
      <c r="L179" s="5" t="s">
        <v>70</v>
      </c>
      <c r="M179" s="2" t="s">
        <v>71</v>
      </c>
      <c r="N179" s="5" t="s">
        <v>72</v>
      </c>
      <c r="O179" s="5" t="s">
        <v>38</v>
      </c>
      <c r="P179" s="5" t="s">
        <v>39</v>
      </c>
      <c r="Q179" s="5" t="s">
        <v>40</v>
      </c>
      <c r="R179" s="5" t="s">
        <v>73</v>
      </c>
      <c r="S179" s="5" t="s">
        <v>40</v>
      </c>
      <c r="T179" s="5" t="s">
        <v>42</v>
      </c>
      <c r="U179" s="2">
        <v>1.4039999999999999</v>
      </c>
      <c r="V179" s="2">
        <v>1.0580000000000001</v>
      </c>
      <c r="W179" s="2">
        <v>0.01</v>
      </c>
      <c r="X179" s="2">
        <v>127.4</v>
      </c>
      <c r="Y179" s="2">
        <v>6</v>
      </c>
      <c r="Z179" s="2">
        <v>12.5</v>
      </c>
      <c r="AA179" s="5">
        <v>80</v>
      </c>
      <c r="AB179" s="5" t="s">
        <v>43</v>
      </c>
      <c r="AC179" s="5" t="s">
        <v>44</v>
      </c>
      <c r="AD179" s="2" t="s">
        <v>599</v>
      </c>
      <c r="AE179" s="1"/>
    </row>
    <row r="180" spans="1:31" ht="14.45">
      <c r="A180" s="11"/>
      <c r="B180" s="20"/>
      <c r="C180" s="2" t="s">
        <v>606</v>
      </c>
      <c r="D180" s="14" t="s">
        <v>607</v>
      </c>
      <c r="E180" s="2" t="s">
        <v>608</v>
      </c>
      <c r="F180" s="2" t="s">
        <v>598</v>
      </c>
      <c r="G180" s="8">
        <v>44</v>
      </c>
      <c r="H180" s="5">
        <v>5</v>
      </c>
      <c r="I180" s="5" t="s">
        <v>69</v>
      </c>
      <c r="J180" s="5" t="s">
        <v>70</v>
      </c>
      <c r="K180" s="2" t="s">
        <v>71</v>
      </c>
      <c r="L180" s="5" t="s">
        <v>70</v>
      </c>
      <c r="M180" s="2" t="s">
        <v>71</v>
      </c>
      <c r="N180" s="5" t="s">
        <v>72</v>
      </c>
      <c r="O180" s="5" t="s">
        <v>38</v>
      </c>
      <c r="P180" s="5" t="s">
        <v>39</v>
      </c>
      <c r="Q180" s="5" t="s">
        <v>40</v>
      </c>
      <c r="R180" s="5" t="s">
        <v>73</v>
      </c>
      <c r="S180" s="5" t="s">
        <v>40</v>
      </c>
      <c r="T180" s="5" t="s">
        <v>42</v>
      </c>
      <c r="U180" s="2">
        <v>1.3979999999999999</v>
      </c>
      <c r="V180" s="2">
        <v>1.052</v>
      </c>
      <c r="W180" s="2">
        <v>0.01</v>
      </c>
      <c r="X180" s="2">
        <v>127.4</v>
      </c>
      <c r="Y180" s="2">
        <v>6</v>
      </c>
      <c r="Z180" s="2">
        <v>12.5</v>
      </c>
      <c r="AA180" s="5">
        <v>80</v>
      </c>
      <c r="AB180" s="5" t="s">
        <v>43</v>
      </c>
      <c r="AC180" s="5" t="s">
        <v>44</v>
      </c>
      <c r="AD180" s="2" t="s">
        <v>599</v>
      </c>
      <c r="AE180" s="1"/>
    </row>
    <row r="181" spans="1:31" ht="14.45">
      <c r="A181" s="11"/>
      <c r="B181" s="20"/>
      <c r="C181" s="2" t="s">
        <v>609</v>
      </c>
      <c r="D181" s="14" t="s">
        <v>610</v>
      </c>
      <c r="E181" s="2" t="s">
        <v>611</v>
      </c>
      <c r="F181" s="2" t="s">
        <v>598</v>
      </c>
      <c r="G181" s="8">
        <v>44</v>
      </c>
      <c r="H181" s="5">
        <v>5</v>
      </c>
      <c r="I181" s="5" t="s">
        <v>69</v>
      </c>
      <c r="J181" s="5" t="s">
        <v>70</v>
      </c>
      <c r="K181" s="2" t="s">
        <v>71</v>
      </c>
      <c r="L181" s="5" t="s">
        <v>70</v>
      </c>
      <c r="M181" s="2" t="s">
        <v>71</v>
      </c>
      <c r="N181" s="5" t="s">
        <v>72</v>
      </c>
      <c r="O181" s="5" t="s">
        <v>38</v>
      </c>
      <c r="P181" s="5" t="s">
        <v>39</v>
      </c>
      <c r="Q181" s="5" t="s">
        <v>40</v>
      </c>
      <c r="R181" s="5" t="s">
        <v>73</v>
      </c>
      <c r="S181" s="5" t="s">
        <v>40</v>
      </c>
      <c r="T181" s="5" t="s">
        <v>42</v>
      </c>
      <c r="U181" s="2">
        <v>1.417</v>
      </c>
      <c r="V181" s="2">
        <v>1.071</v>
      </c>
      <c r="W181" s="2">
        <v>0.01</v>
      </c>
      <c r="X181" s="2">
        <v>127.4</v>
      </c>
      <c r="Y181" s="2">
        <v>6</v>
      </c>
      <c r="Z181" s="2">
        <v>12.5</v>
      </c>
      <c r="AA181" s="5">
        <v>80</v>
      </c>
      <c r="AB181" s="5" t="s">
        <v>43</v>
      </c>
      <c r="AC181" s="5" t="s">
        <v>44</v>
      </c>
      <c r="AD181" s="2" t="s">
        <v>599</v>
      </c>
      <c r="AE181" s="1"/>
    </row>
    <row r="182" spans="1:31" ht="14.45">
      <c r="A182" s="11"/>
      <c r="B182" s="20"/>
      <c r="C182" s="2" t="s">
        <v>612</v>
      </c>
      <c r="D182" s="14" t="s">
        <v>613</v>
      </c>
      <c r="E182" s="2" t="s">
        <v>614</v>
      </c>
      <c r="F182" s="2" t="s">
        <v>598</v>
      </c>
      <c r="G182" s="8">
        <v>44</v>
      </c>
      <c r="H182" s="5">
        <v>5</v>
      </c>
      <c r="I182" s="5" t="s">
        <v>69</v>
      </c>
      <c r="J182" s="5" t="s">
        <v>70</v>
      </c>
      <c r="K182" s="2" t="s">
        <v>71</v>
      </c>
      <c r="L182" s="5" t="s">
        <v>70</v>
      </c>
      <c r="M182" s="2" t="s">
        <v>71</v>
      </c>
      <c r="N182" s="5" t="s">
        <v>72</v>
      </c>
      <c r="O182" s="5" t="s">
        <v>38</v>
      </c>
      <c r="P182" s="5" t="s">
        <v>39</v>
      </c>
      <c r="Q182" s="5" t="s">
        <v>40</v>
      </c>
      <c r="R182" s="5" t="s">
        <v>73</v>
      </c>
      <c r="S182" s="5" t="s">
        <v>40</v>
      </c>
      <c r="T182" s="5" t="s">
        <v>42</v>
      </c>
      <c r="U182" s="2">
        <v>1.4390000000000001</v>
      </c>
      <c r="V182" s="2">
        <v>1.093</v>
      </c>
      <c r="W182" s="2">
        <v>0.01</v>
      </c>
      <c r="X182" s="2">
        <v>127.4</v>
      </c>
      <c r="Y182" s="2">
        <v>6</v>
      </c>
      <c r="Z182" s="2">
        <v>12.5</v>
      </c>
      <c r="AA182" s="5">
        <v>80</v>
      </c>
      <c r="AB182" s="5" t="s">
        <v>43</v>
      </c>
      <c r="AC182" s="5" t="s">
        <v>44</v>
      </c>
      <c r="AD182" s="2" t="s">
        <v>599</v>
      </c>
      <c r="AE182" s="1"/>
    </row>
    <row r="183" spans="1:31" ht="14.45">
      <c r="A183" s="11"/>
      <c r="B183" s="20"/>
      <c r="C183" s="2" t="s">
        <v>615</v>
      </c>
      <c r="D183" s="14" t="s">
        <v>616</v>
      </c>
      <c r="E183" s="2" t="s">
        <v>617</v>
      </c>
      <c r="F183" s="2" t="s">
        <v>598</v>
      </c>
      <c r="G183" s="8">
        <v>44</v>
      </c>
      <c r="H183" s="5">
        <v>5</v>
      </c>
      <c r="I183" s="5" t="s">
        <v>69</v>
      </c>
      <c r="J183" s="5" t="s">
        <v>70</v>
      </c>
      <c r="K183" s="2" t="s">
        <v>71</v>
      </c>
      <c r="L183" s="5" t="s">
        <v>70</v>
      </c>
      <c r="M183" s="2" t="s">
        <v>71</v>
      </c>
      <c r="N183" s="5" t="s">
        <v>72</v>
      </c>
      <c r="O183" s="5" t="s">
        <v>38</v>
      </c>
      <c r="P183" s="5" t="s">
        <v>39</v>
      </c>
      <c r="Q183" s="5" t="s">
        <v>40</v>
      </c>
      <c r="R183" s="5" t="s">
        <v>73</v>
      </c>
      <c r="S183" s="5" t="s">
        <v>40</v>
      </c>
      <c r="T183" s="5" t="s">
        <v>42</v>
      </c>
      <c r="U183" s="2">
        <v>1.643</v>
      </c>
      <c r="V183" s="2">
        <v>1.2949999999999999</v>
      </c>
      <c r="W183" s="2">
        <v>0.01</v>
      </c>
      <c r="X183" s="2">
        <v>127.4</v>
      </c>
      <c r="Y183" s="2">
        <v>6</v>
      </c>
      <c r="Z183" s="2">
        <v>12.5</v>
      </c>
      <c r="AA183" s="5">
        <v>80</v>
      </c>
      <c r="AB183" s="5" t="s">
        <v>43</v>
      </c>
      <c r="AC183" s="5" t="s">
        <v>44</v>
      </c>
      <c r="AD183" s="2" t="s">
        <v>599</v>
      </c>
      <c r="AE183" s="1"/>
    </row>
    <row r="184" spans="1:31" ht="14.45">
      <c r="A184" s="11"/>
      <c r="B184" s="20"/>
      <c r="C184" s="2" t="s">
        <v>618</v>
      </c>
      <c r="D184" s="14" t="s">
        <v>619</v>
      </c>
      <c r="E184" s="2" t="s">
        <v>620</v>
      </c>
      <c r="F184" s="2" t="s">
        <v>598</v>
      </c>
      <c r="G184" s="8">
        <v>44</v>
      </c>
      <c r="H184" s="5">
        <v>5</v>
      </c>
      <c r="I184" s="5" t="s">
        <v>69</v>
      </c>
      <c r="J184" s="5" t="s">
        <v>70</v>
      </c>
      <c r="K184" s="2" t="s">
        <v>71</v>
      </c>
      <c r="L184" s="5" t="s">
        <v>70</v>
      </c>
      <c r="M184" s="2" t="s">
        <v>71</v>
      </c>
      <c r="N184" s="5" t="s">
        <v>72</v>
      </c>
      <c r="O184" s="5" t="s">
        <v>38</v>
      </c>
      <c r="P184" s="5" t="s">
        <v>39</v>
      </c>
      <c r="Q184" s="5" t="s">
        <v>40</v>
      </c>
      <c r="R184" s="5" t="s">
        <v>73</v>
      </c>
      <c r="S184" s="5" t="s">
        <v>40</v>
      </c>
      <c r="T184" s="5" t="s">
        <v>42</v>
      </c>
      <c r="U184" s="2">
        <v>1.6619999999999999</v>
      </c>
      <c r="V184" s="2">
        <v>1.3140000000000001</v>
      </c>
      <c r="W184" s="2">
        <v>0.01</v>
      </c>
      <c r="X184" s="2">
        <v>127.4</v>
      </c>
      <c r="Y184" s="2">
        <v>6</v>
      </c>
      <c r="Z184" s="2">
        <v>12.5</v>
      </c>
      <c r="AA184" s="5">
        <v>80</v>
      </c>
      <c r="AB184" s="5" t="s">
        <v>43</v>
      </c>
      <c r="AC184" s="5" t="s">
        <v>44</v>
      </c>
      <c r="AD184" s="2" t="s">
        <v>599</v>
      </c>
      <c r="AE184" s="1"/>
    </row>
    <row r="185" spans="1:31" ht="14.45">
      <c r="A185" s="11"/>
      <c r="B185" s="20"/>
      <c r="C185" s="2" t="s">
        <v>621</v>
      </c>
      <c r="D185" s="14" t="s">
        <v>622</v>
      </c>
      <c r="E185" s="2" t="s">
        <v>623</v>
      </c>
      <c r="F185" s="2" t="s">
        <v>598</v>
      </c>
      <c r="G185" s="8">
        <v>44</v>
      </c>
      <c r="H185" s="5">
        <v>5</v>
      </c>
      <c r="I185" s="5" t="s">
        <v>69</v>
      </c>
      <c r="J185" s="5" t="s">
        <v>70</v>
      </c>
      <c r="K185" s="2" t="s">
        <v>71</v>
      </c>
      <c r="L185" s="5" t="s">
        <v>70</v>
      </c>
      <c r="M185" s="2" t="s">
        <v>71</v>
      </c>
      <c r="N185" s="5" t="s">
        <v>72</v>
      </c>
      <c r="O185" s="5" t="s">
        <v>38</v>
      </c>
      <c r="P185" s="5" t="s">
        <v>39</v>
      </c>
      <c r="Q185" s="5" t="s">
        <v>40</v>
      </c>
      <c r="R185" s="5" t="s">
        <v>73</v>
      </c>
      <c r="S185" s="5" t="s">
        <v>40</v>
      </c>
      <c r="T185" s="5" t="s">
        <v>42</v>
      </c>
      <c r="U185" s="2">
        <v>1.6839999999999999</v>
      </c>
      <c r="V185" s="2">
        <v>1.3360000000000001</v>
      </c>
      <c r="W185" s="2">
        <v>0.01</v>
      </c>
      <c r="X185" s="2">
        <v>127.4</v>
      </c>
      <c r="Y185" s="2">
        <v>6</v>
      </c>
      <c r="Z185" s="2">
        <v>12.5</v>
      </c>
      <c r="AA185" s="5">
        <v>80</v>
      </c>
      <c r="AB185" s="5" t="s">
        <v>43</v>
      </c>
      <c r="AC185" s="5" t="s">
        <v>44</v>
      </c>
      <c r="AD185" s="2" t="s">
        <v>599</v>
      </c>
      <c r="AE185" s="1"/>
    </row>
    <row r="186" spans="1:31" ht="14.45">
      <c r="A186" s="11"/>
      <c r="B186" s="20"/>
      <c r="C186" s="2" t="s">
        <v>624</v>
      </c>
      <c r="D186" s="14" t="s">
        <v>625</v>
      </c>
      <c r="E186" s="2" t="s">
        <v>626</v>
      </c>
      <c r="F186" s="2" t="s">
        <v>598</v>
      </c>
      <c r="G186" s="8">
        <v>44</v>
      </c>
      <c r="H186" s="5">
        <v>5</v>
      </c>
      <c r="I186" s="5" t="s">
        <v>69</v>
      </c>
      <c r="J186" s="5" t="s">
        <v>70</v>
      </c>
      <c r="K186" s="2" t="s">
        <v>71</v>
      </c>
      <c r="L186" s="5" t="s">
        <v>70</v>
      </c>
      <c r="M186" s="2" t="s">
        <v>71</v>
      </c>
      <c r="N186" s="5" t="s">
        <v>72</v>
      </c>
      <c r="O186" s="5" t="s">
        <v>38</v>
      </c>
      <c r="P186" s="5" t="s">
        <v>39</v>
      </c>
      <c r="Q186" s="5" t="s">
        <v>40</v>
      </c>
      <c r="R186" s="5" t="s">
        <v>73</v>
      </c>
      <c r="S186" s="5" t="s">
        <v>40</v>
      </c>
      <c r="T186" s="5" t="s">
        <v>42</v>
      </c>
      <c r="U186" s="2">
        <v>1.702</v>
      </c>
      <c r="V186" s="2">
        <v>1.3540000000000001</v>
      </c>
      <c r="W186" s="2">
        <v>0.01</v>
      </c>
      <c r="X186" s="2">
        <v>127.4</v>
      </c>
      <c r="Y186" s="2">
        <v>6</v>
      </c>
      <c r="Z186" s="2">
        <v>12.5</v>
      </c>
      <c r="AA186" s="5">
        <v>80</v>
      </c>
      <c r="AB186" s="5" t="s">
        <v>43</v>
      </c>
      <c r="AC186" s="5" t="s">
        <v>44</v>
      </c>
      <c r="AD186" s="2" t="s">
        <v>599</v>
      </c>
      <c r="AE186" s="1"/>
    </row>
    <row r="187" spans="1:31" ht="14.45">
      <c r="A187" s="11"/>
      <c r="B187" s="20"/>
      <c r="C187" s="2" t="s">
        <v>627</v>
      </c>
      <c r="D187" s="14" t="s">
        <v>628</v>
      </c>
      <c r="E187" s="2" t="s">
        <v>629</v>
      </c>
      <c r="F187" s="2" t="s">
        <v>598</v>
      </c>
      <c r="G187" s="8">
        <v>44</v>
      </c>
      <c r="H187" s="5">
        <v>5</v>
      </c>
      <c r="I187" s="5" t="s">
        <v>69</v>
      </c>
      <c r="J187" s="5" t="s">
        <v>70</v>
      </c>
      <c r="K187" s="2" t="s">
        <v>71</v>
      </c>
      <c r="L187" s="5" t="s">
        <v>70</v>
      </c>
      <c r="M187" s="2" t="s">
        <v>71</v>
      </c>
      <c r="N187" s="5" t="s">
        <v>72</v>
      </c>
      <c r="O187" s="5" t="s">
        <v>38</v>
      </c>
      <c r="P187" s="5" t="s">
        <v>39</v>
      </c>
      <c r="Q187" s="5" t="s">
        <v>40</v>
      </c>
      <c r="R187" s="5" t="s">
        <v>73</v>
      </c>
      <c r="S187" s="5" t="s">
        <v>40</v>
      </c>
      <c r="T187" s="5" t="s">
        <v>42</v>
      </c>
      <c r="U187" s="2">
        <v>1.7230000000000001</v>
      </c>
      <c r="V187" s="2">
        <v>1.375</v>
      </c>
      <c r="W187" s="2">
        <v>0.01</v>
      </c>
      <c r="X187" s="2">
        <v>127.4</v>
      </c>
      <c r="Y187" s="2">
        <v>6</v>
      </c>
      <c r="Z187" s="2">
        <v>12.5</v>
      </c>
      <c r="AA187" s="5">
        <v>80</v>
      </c>
      <c r="AB187" s="5" t="s">
        <v>43</v>
      </c>
      <c r="AC187" s="5" t="s">
        <v>44</v>
      </c>
      <c r="AD187" s="2" t="s">
        <v>599</v>
      </c>
      <c r="AE187" s="1"/>
    </row>
    <row r="188" spans="1:31" ht="14.45">
      <c r="A188" s="11"/>
      <c r="B188" s="20"/>
      <c r="C188" s="2" t="s">
        <v>630</v>
      </c>
      <c r="D188" s="14" t="s">
        <v>631</v>
      </c>
      <c r="E188" s="2" t="s">
        <v>632</v>
      </c>
      <c r="F188" s="2" t="s">
        <v>598</v>
      </c>
      <c r="G188" s="8">
        <v>44</v>
      </c>
      <c r="H188" s="5">
        <v>5</v>
      </c>
      <c r="I188" s="5" t="s">
        <v>69</v>
      </c>
      <c r="J188" s="5" t="s">
        <v>70</v>
      </c>
      <c r="K188" s="2" t="s">
        <v>71</v>
      </c>
      <c r="L188" s="5" t="s">
        <v>70</v>
      </c>
      <c r="M188" s="2" t="s">
        <v>71</v>
      </c>
      <c r="N188" s="5" t="s">
        <v>72</v>
      </c>
      <c r="O188" s="5" t="s">
        <v>38</v>
      </c>
      <c r="P188" s="5" t="s">
        <v>39</v>
      </c>
      <c r="Q188" s="5" t="s">
        <v>40</v>
      </c>
      <c r="R188" s="5" t="s">
        <v>73</v>
      </c>
      <c r="S188" s="5" t="s">
        <v>40</v>
      </c>
      <c r="T188" s="5" t="s">
        <v>42</v>
      </c>
      <c r="U188" s="2">
        <v>1.681</v>
      </c>
      <c r="V188" s="2">
        <v>1.333</v>
      </c>
      <c r="W188" s="2">
        <v>0.01</v>
      </c>
      <c r="X188" s="2">
        <v>127.4</v>
      </c>
      <c r="Y188" s="2">
        <v>6</v>
      </c>
      <c r="Z188" s="2">
        <v>12.5</v>
      </c>
      <c r="AA188" s="5">
        <v>80</v>
      </c>
      <c r="AB188" s="5" t="s">
        <v>43</v>
      </c>
      <c r="AC188" s="5" t="s">
        <v>44</v>
      </c>
      <c r="AD188" s="2" t="s">
        <v>599</v>
      </c>
      <c r="AE188" s="1"/>
    </row>
    <row r="189" spans="1:31" ht="14.45">
      <c r="A189" s="11"/>
      <c r="B189" s="20"/>
      <c r="C189" s="2" t="s">
        <v>633</v>
      </c>
      <c r="D189" s="14" t="s">
        <v>634</v>
      </c>
      <c r="E189" s="2" t="s">
        <v>635</v>
      </c>
      <c r="F189" s="2" t="s">
        <v>598</v>
      </c>
      <c r="G189" s="8">
        <v>44</v>
      </c>
      <c r="H189" s="5">
        <v>5</v>
      </c>
      <c r="I189" s="5" t="s">
        <v>69</v>
      </c>
      <c r="J189" s="5" t="s">
        <v>70</v>
      </c>
      <c r="K189" s="2" t="s">
        <v>71</v>
      </c>
      <c r="L189" s="5" t="s">
        <v>70</v>
      </c>
      <c r="M189" s="2" t="s">
        <v>71</v>
      </c>
      <c r="N189" s="5" t="s">
        <v>72</v>
      </c>
      <c r="O189" s="5" t="s">
        <v>38</v>
      </c>
      <c r="P189" s="5" t="s">
        <v>39</v>
      </c>
      <c r="Q189" s="5" t="s">
        <v>40</v>
      </c>
      <c r="R189" s="5" t="s">
        <v>73</v>
      </c>
      <c r="S189" s="5" t="s">
        <v>40</v>
      </c>
      <c r="T189" s="5" t="s">
        <v>42</v>
      </c>
      <c r="U189" s="2">
        <v>1.702</v>
      </c>
      <c r="V189" s="2">
        <v>1.3540000000000001</v>
      </c>
      <c r="W189" s="2">
        <v>0.01</v>
      </c>
      <c r="X189" s="2">
        <v>127.4</v>
      </c>
      <c r="Y189" s="2">
        <v>6</v>
      </c>
      <c r="Z189" s="2">
        <v>12.5</v>
      </c>
      <c r="AA189" s="5">
        <v>80</v>
      </c>
      <c r="AB189" s="5" t="s">
        <v>43</v>
      </c>
      <c r="AC189" s="5" t="s">
        <v>44</v>
      </c>
      <c r="AD189" s="2" t="s">
        <v>599</v>
      </c>
      <c r="AE189" s="1"/>
    </row>
    <row r="190" spans="1:31" ht="14.45">
      <c r="A190" s="11"/>
      <c r="B190" s="20"/>
      <c r="C190" s="2" t="s">
        <v>636</v>
      </c>
      <c r="D190" s="14" t="s">
        <v>637</v>
      </c>
      <c r="E190" s="2" t="s">
        <v>638</v>
      </c>
      <c r="F190" s="2" t="s">
        <v>598</v>
      </c>
      <c r="G190" s="8">
        <v>44</v>
      </c>
      <c r="H190" s="5">
        <v>5</v>
      </c>
      <c r="I190" s="5" t="s">
        <v>69</v>
      </c>
      <c r="J190" s="5" t="s">
        <v>70</v>
      </c>
      <c r="K190" s="2" t="s">
        <v>71</v>
      </c>
      <c r="L190" s="5" t="s">
        <v>70</v>
      </c>
      <c r="M190" s="2" t="s">
        <v>71</v>
      </c>
      <c r="N190" s="5" t="s">
        <v>72</v>
      </c>
      <c r="O190" s="5" t="s">
        <v>38</v>
      </c>
      <c r="P190" s="5" t="s">
        <v>39</v>
      </c>
      <c r="Q190" s="5" t="s">
        <v>40</v>
      </c>
      <c r="R190" s="5" t="s">
        <v>73</v>
      </c>
      <c r="S190" s="5" t="s">
        <v>40</v>
      </c>
      <c r="T190" s="5" t="s">
        <v>42</v>
      </c>
      <c r="U190" s="2">
        <v>1.722</v>
      </c>
      <c r="V190" s="2">
        <v>1.3740000000000001</v>
      </c>
      <c r="W190" s="2">
        <v>0.01</v>
      </c>
      <c r="X190" s="2">
        <v>127.4</v>
      </c>
      <c r="Y190" s="2">
        <v>6</v>
      </c>
      <c r="Z190" s="2">
        <v>12.5</v>
      </c>
      <c r="AA190" s="5">
        <v>80</v>
      </c>
      <c r="AB190" s="5" t="s">
        <v>43</v>
      </c>
      <c r="AC190" s="5" t="s">
        <v>44</v>
      </c>
      <c r="AD190" s="2" t="s">
        <v>599</v>
      </c>
      <c r="AE190" s="1"/>
    </row>
    <row r="191" spans="1:31" ht="14.45">
      <c r="A191" s="11"/>
      <c r="B191" s="20"/>
      <c r="C191" s="2" t="s">
        <v>639</v>
      </c>
      <c r="D191" s="14" t="s">
        <v>640</v>
      </c>
      <c r="E191" s="2" t="s">
        <v>641</v>
      </c>
      <c r="F191" s="2" t="s">
        <v>598</v>
      </c>
      <c r="G191" s="8">
        <v>44</v>
      </c>
      <c r="H191" s="5">
        <v>5</v>
      </c>
      <c r="I191" s="5" t="s">
        <v>69</v>
      </c>
      <c r="J191" s="5" t="s">
        <v>70</v>
      </c>
      <c r="K191" s="2" t="s">
        <v>71</v>
      </c>
      <c r="L191" s="5" t="s">
        <v>70</v>
      </c>
      <c r="M191" s="2" t="s">
        <v>71</v>
      </c>
      <c r="N191" s="5" t="s">
        <v>72</v>
      </c>
      <c r="O191" s="5" t="s">
        <v>38</v>
      </c>
      <c r="P191" s="5" t="s">
        <v>39</v>
      </c>
      <c r="Q191" s="5" t="s">
        <v>40</v>
      </c>
      <c r="R191" s="5" t="s">
        <v>73</v>
      </c>
      <c r="S191" s="5" t="s">
        <v>40</v>
      </c>
      <c r="T191" s="5" t="s">
        <v>42</v>
      </c>
      <c r="U191" s="2">
        <v>1.841</v>
      </c>
      <c r="V191" s="2">
        <v>1.492</v>
      </c>
      <c r="W191" s="2">
        <v>0.01</v>
      </c>
      <c r="X191" s="2">
        <v>127.4</v>
      </c>
      <c r="Y191" s="2">
        <v>6</v>
      </c>
      <c r="Z191" s="2">
        <v>12.5</v>
      </c>
      <c r="AA191" s="5">
        <v>80</v>
      </c>
      <c r="AB191" s="5" t="s">
        <v>43</v>
      </c>
      <c r="AC191" s="5" t="s">
        <v>44</v>
      </c>
      <c r="AD191" s="2" t="s">
        <v>599</v>
      </c>
      <c r="AE191" s="1"/>
    </row>
    <row r="192" spans="1:31" ht="14.45">
      <c r="A192" s="11"/>
      <c r="B192" s="20"/>
      <c r="C192" s="2" t="s">
        <v>642</v>
      </c>
      <c r="D192" s="14" t="s">
        <v>643</v>
      </c>
      <c r="E192" s="2" t="s">
        <v>644</v>
      </c>
      <c r="F192" s="2" t="s">
        <v>598</v>
      </c>
      <c r="G192" s="8">
        <v>44</v>
      </c>
      <c r="H192" s="5">
        <v>5</v>
      </c>
      <c r="I192" s="5" t="s">
        <v>69</v>
      </c>
      <c r="J192" s="5" t="s">
        <v>70</v>
      </c>
      <c r="K192" s="2" t="s">
        <v>71</v>
      </c>
      <c r="L192" s="5" t="s">
        <v>70</v>
      </c>
      <c r="M192" s="2" t="s">
        <v>71</v>
      </c>
      <c r="N192" s="5" t="s">
        <v>72</v>
      </c>
      <c r="O192" s="5" t="s">
        <v>38</v>
      </c>
      <c r="P192" s="5" t="s">
        <v>39</v>
      </c>
      <c r="Q192" s="5" t="s">
        <v>40</v>
      </c>
      <c r="R192" s="5" t="s">
        <v>73</v>
      </c>
      <c r="S192" s="5" t="s">
        <v>40</v>
      </c>
      <c r="T192" s="5" t="s">
        <v>42</v>
      </c>
      <c r="U192" s="2">
        <v>1.863</v>
      </c>
      <c r="V192" s="2">
        <v>1.514</v>
      </c>
      <c r="W192" s="2">
        <v>0.01</v>
      </c>
      <c r="X192" s="2">
        <v>127.4</v>
      </c>
      <c r="Y192" s="2">
        <v>6</v>
      </c>
      <c r="Z192" s="2">
        <v>12.5</v>
      </c>
      <c r="AA192" s="5">
        <v>80</v>
      </c>
      <c r="AB192" s="5" t="s">
        <v>43</v>
      </c>
      <c r="AC192" s="5" t="s">
        <v>44</v>
      </c>
      <c r="AD192" s="2" t="s">
        <v>599</v>
      </c>
      <c r="AE192" s="1"/>
    </row>
    <row r="193" spans="1:31" ht="14.45">
      <c r="A193" s="11"/>
      <c r="B193" s="20"/>
      <c r="C193" s="2" t="s">
        <v>645</v>
      </c>
      <c r="D193" s="14" t="s">
        <v>646</v>
      </c>
      <c r="E193" s="2" t="s">
        <v>647</v>
      </c>
      <c r="F193" s="2" t="s">
        <v>598</v>
      </c>
      <c r="G193" s="8">
        <v>44</v>
      </c>
      <c r="H193" s="5">
        <v>5</v>
      </c>
      <c r="I193" s="5" t="s">
        <v>69</v>
      </c>
      <c r="J193" s="5" t="s">
        <v>70</v>
      </c>
      <c r="K193" s="2" t="s">
        <v>71</v>
      </c>
      <c r="L193" s="5" t="s">
        <v>70</v>
      </c>
      <c r="M193" s="2" t="s">
        <v>71</v>
      </c>
      <c r="N193" s="5" t="s">
        <v>72</v>
      </c>
      <c r="O193" s="5" t="s">
        <v>38</v>
      </c>
      <c r="P193" s="5" t="s">
        <v>39</v>
      </c>
      <c r="Q193" s="5" t="s">
        <v>40</v>
      </c>
      <c r="R193" s="5" t="s">
        <v>73</v>
      </c>
      <c r="S193" s="5" t="s">
        <v>40</v>
      </c>
      <c r="T193" s="5" t="s">
        <v>42</v>
      </c>
      <c r="U193" s="2">
        <v>1.881</v>
      </c>
      <c r="V193" s="2">
        <v>1.532</v>
      </c>
      <c r="W193" s="2">
        <v>0.01</v>
      </c>
      <c r="X193" s="2">
        <v>127.4</v>
      </c>
      <c r="Y193" s="2">
        <v>6</v>
      </c>
      <c r="Z193" s="2">
        <v>12.5</v>
      </c>
      <c r="AA193" s="5">
        <v>80</v>
      </c>
      <c r="AB193" s="5" t="s">
        <v>43</v>
      </c>
      <c r="AC193" s="5" t="s">
        <v>44</v>
      </c>
      <c r="AD193" s="2" t="s">
        <v>599</v>
      </c>
      <c r="AE193" s="1"/>
    </row>
    <row r="194" spans="1:31" ht="14.45">
      <c r="A194" s="11"/>
      <c r="B194" s="20"/>
      <c r="C194" s="2" t="s">
        <v>648</v>
      </c>
      <c r="D194" s="14" t="s">
        <v>649</v>
      </c>
      <c r="E194" s="2" t="s">
        <v>650</v>
      </c>
      <c r="F194" s="2" t="s">
        <v>598</v>
      </c>
      <c r="G194" s="8">
        <v>44</v>
      </c>
      <c r="H194" s="5">
        <v>5</v>
      </c>
      <c r="I194" s="5" t="s">
        <v>69</v>
      </c>
      <c r="J194" s="5" t="s">
        <v>70</v>
      </c>
      <c r="K194" s="2" t="s">
        <v>71</v>
      </c>
      <c r="L194" s="5" t="s">
        <v>70</v>
      </c>
      <c r="M194" s="2" t="s">
        <v>71</v>
      </c>
      <c r="N194" s="5" t="s">
        <v>72</v>
      </c>
      <c r="O194" s="5" t="s">
        <v>38</v>
      </c>
      <c r="P194" s="5" t="s">
        <v>39</v>
      </c>
      <c r="Q194" s="5" t="s">
        <v>40</v>
      </c>
      <c r="R194" s="5" t="s">
        <v>73</v>
      </c>
      <c r="S194" s="5" t="s">
        <v>40</v>
      </c>
      <c r="T194" s="5" t="s">
        <v>42</v>
      </c>
      <c r="U194" s="2">
        <v>1.845</v>
      </c>
      <c r="V194" s="2">
        <v>1.496</v>
      </c>
      <c r="W194" s="2">
        <v>0.01</v>
      </c>
      <c r="X194" s="2">
        <v>127.4</v>
      </c>
      <c r="Y194" s="2">
        <v>6</v>
      </c>
      <c r="Z194" s="2">
        <v>12.5</v>
      </c>
      <c r="AA194" s="5">
        <v>80</v>
      </c>
      <c r="AB194" s="5" t="s">
        <v>43</v>
      </c>
      <c r="AC194" s="5" t="s">
        <v>44</v>
      </c>
      <c r="AD194" s="2" t="s">
        <v>599</v>
      </c>
      <c r="AE194" s="1"/>
    </row>
    <row r="195" spans="1:31" ht="14.45">
      <c r="A195" s="11"/>
      <c r="B195" s="20"/>
      <c r="C195" s="2" t="s">
        <v>651</v>
      </c>
      <c r="D195" s="14" t="s">
        <v>652</v>
      </c>
      <c r="E195" s="2" t="s">
        <v>653</v>
      </c>
      <c r="F195" s="2" t="s">
        <v>598</v>
      </c>
      <c r="G195" s="8">
        <v>44</v>
      </c>
      <c r="H195" s="5">
        <v>5</v>
      </c>
      <c r="I195" s="5" t="s">
        <v>69</v>
      </c>
      <c r="J195" s="5" t="s">
        <v>70</v>
      </c>
      <c r="K195" s="2" t="s">
        <v>71</v>
      </c>
      <c r="L195" s="5" t="s">
        <v>70</v>
      </c>
      <c r="M195" s="2" t="s">
        <v>71</v>
      </c>
      <c r="N195" s="5" t="s">
        <v>72</v>
      </c>
      <c r="O195" s="5" t="s">
        <v>38</v>
      </c>
      <c r="P195" s="5" t="s">
        <v>39</v>
      </c>
      <c r="Q195" s="5" t="s">
        <v>40</v>
      </c>
      <c r="R195" s="5" t="s">
        <v>73</v>
      </c>
      <c r="S195" s="5" t="s">
        <v>40</v>
      </c>
      <c r="T195" s="5" t="s">
        <v>42</v>
      </c>
      <c r="U195" s="2">
        <v>1.885</v>
      </c>
      <c r="V195" s="2">
        <v>1.536</v>
      </c>
      <c r="W195" s="2">
        <v>0.01</v>
      </c>
      <c r="X195" s="2">
        <v>127.4</v>
      </c>
      <c r="Y195" s="2">
        <v>6</v>
      </c>
      <c r="Z195" s="2">
        <v>12.5</v>
      </c>
      <c r="AA195" s="5">
        <v>80</v>
      </c>
      <c r="AB195" s="5" t="s">
        <v>43</v>
      </c>
      <c r="AC195" s="5" t="s">
        <v>44</v>
      </c>
      <c r="AD195" s="2" t="s">
        <v>599</v>
      </c>
      <c r="AE195" s="1"/>
    </row>
    <row r="196" spans="1:31" ht="14.45">
      <c r="A196" s="11"/>
      <c r="B196" s="20"/>
      <c r="C196" s="2" t="s">
        <v>654</v>
      </c>
      <c r="D196" s="14" t="s">
        <v>655</v>
      </c>
      <c r="E196" s="2" t="s">
        <v>656</v>
      </c>
      <c r="F196" s="2" t="s">
        <v>598</v>
      </c>
      <c r="G196" s="8">
        <v>44</v>
      </c>
      <c r="H196" s="5">
        <v>5</v>
      </c>
      <c r="I196" s="5" t="s">
        <v>69</v>
      </c>
      <c r="J196" s="5" t="s">
        <v>70</v>
      </c>
      <c r="K196" s="2" t="s">
        <v>71</v>
      </c>
      <c r="L196" s="5" t="s">
        <v>70</v>
      </c>
      <c r="M196" s="2" t="s">
        <v>71</v>
      </c>
      <c r="N196" s="5" t="s">
        <v>72</v>
      </c>
      <c r="O196" s="5" t="s">
        <v>38</v>
      </c>
      <c r="P196" s="5" t="s">
        <v>39</v>
      </c>
      <c r="Q196" s="5" t="s">
        <v>40</v>
      </c>
      <c r="R196" s="5" t="s">
        <v>73</v>
      </c>
      <c r="S196" s="5" t="s">
        <v>40</v>
      </c>
      <c r="T196" s="5" t="s">
        <v>42</v>
      </c>
      <c r="U196" s="2">
        <v>1.9039999999999999</v>
      </c>
      <c r="V196" s="2">
        <v>1.5549999999999999</v>
      </c>
      <c r="W196" s="2">
        <v>0.01</v>
      </c>
      <c r="X196" s="2">
        <v>127.4</v>
      </c>
      <c r="Y196" s="2">
        <v>6</v>
      </c>
      <c r="Z196" s="2">
        <v>12.5</v>
      </c>
      <c r="AA196" s="5">
        <v>80</v>
      </c>
      <c r="AB196" s="5" t="s">
        <v>43</v>
      </c>
      <c r="AC196" s="5" t="s">
        <v>44</v>
      </c>
      <c r="AD196" s="2" t="s">
        <v>599</v>
      </c>
      <c r="AE196" s="1"/>
    </row>
    <row r="197" spans="1:31" ht="14.45">
      <c r="A197" s="11"/>
      <c r="B197" s="20"/>
      <c r="C197" s="2" t="s">
        <v>657</v>
      </c>
      <c r="D197" s="14" t="s">
        <v>658</v>
      </c>
      <c r="E197" s="2" t="s">
        <v>659</v>
      </c>
      <c r="F197" s="2" t="s">
        <v>660</v>
      </c>
      <c r="G197" s="8">
        <v>43</v>
      </c>
      <c r="H197" s="5">
        <v>5</v>
      </c>
      <c r="I197" s="5" t="s">
        <v>69</v>
      </c>
      <c r="J197" s="5" t="s">
        <v>70</v>
      </c>
      <c r="K197" s="2" t="s">
        <v>71</v>
      </c>
      <c r="L197" s="5" t="s">
        <v>70</v>
      </c>
      <c r="M197" s="2" t="s">
        <v>71</v>
      </c>
      <c r="N197" s="5" t="s">
        <v>72</v>
      </c>
      <c r="O197" s="5" t="s">
        <v>38</v>
      </c>
      <c r="P197" s="5" t="s">
        <v>39</v>
      </c>
      <c r="Q197" s="5" t="s">
        <v>40</v>
      </c>
      <c r="R197" s="5" t="s">
        <v>73</v>
      </c>
      <c r="S197" s="5" t="s">
        <v>40</v>
      </c>
      <c r="T197" s="5" t="s">
        <v>42</v>
      </c>
      <c r="U197" s="2">
        <v>0.57599999999999996</v>
      </c>
      <c r="V197" s="2">
        <v>0.23200000000000001</v>
      </c>
      <c r="W197" s="2">
        <v>0.01</v>
      </c>
      <c r="X197" s="2">
        <v>127.4</v>
      </c>
      <c r="Y197" s="2">
        <v>6</v>
      </c>
      <c r="Z197" s="2">
        <v>12.5</v>
      </c>
      <c r="AA197" s="5">
        <v>48</v>
      </c>
      <c r="AB197" s="5" t="s">
        <v>43</v>
      </c>
      <c r="AC197" s="5" t="s">
        <v>44</v>
      </c>
      <c r="AD197" s="2" t="s">
        <v>599</v>
      </c>
      <c r="AE197" s="1"/>
    </row>
    <row r="198" spans="1:31" ht="14.45">
      <c r="A198" s="11"/>
      <c r="B198" s="20"/>
      <c r="C198" s="2" t="s">
        <v>661</v>
      </c>
      <c r="D198" s="14" t="s">
        <v>662</v>
      </c>
      <c r="E198" s="2" t="s">
        <v>663</v>
      </c>
      <c r="F198" s="2" t="s">
        <v>664</v>
      </c>
      <c r="G198" s="8">
        <v>169</v>
      </c>
      <c r="H198" s="5">
        <v>5</v>
      </c>
      <c r="I198" s="5" t="s">
        <v>69</v>
      </c>
      <c r="J198" s="5" t="s">
        <v>70</v>
      </c>
      <c r="K198" s="2" t="s">
        <v>71</v>
      </c>
      <c r="L198" s="5" t="s">
        <v>70</v>
      </c>
      <c r="M198" s="2" t="s">
        <v>71</v>
      </c>
      <c r="N198" s="5" t="s">
        <v>72</v>
      </c>
      <c r="O198" s="5" t="s">
        <v>38</v>
      </c>
      <c r="P198" s="5" t="s">
        <v>39</v>
      </c>
      <c r="Q198" s="5" t="s">
        <v>40</v>
      </c>
      <c r="R198" s="5" t="s">
        <v>73</v>
      </c>
      <c r="S198" s="5" t="s">
        <v>40</v>
      </c>
      <c r="T198" s="5" t="s">
        <v>42</v>
      </c>
      <c r="U198" s="2">
        <v>8.3520000000000003</v>
      </c>
      <c r="V198" s="2">
        <v>7.1219999999999999</v>
      </c>
      <c r="W198" s="2">
        <v>4.2999999999999997E-2</v>
      </c>
      <c r="X198" s="2">
        <v>100</v>
      </c>
      <c r="Y198" s="2">
        <v>24.2</v>
      </c>
      <c r="Z198" s="2">
        <v>17.7</v>
      </c>
      <c r="AA198" s="5">
        <v>18</v>
      </c>
      <c r="AB198" s="5" t="s">
        <v>43</v>
      </c>
      <c r="AC198" s="5" t="s">
        <v>44</v>
      </c>
      <c r="AD198" s="2" t="s">
        <v>665</v>
      </c>
      <c r="AE198" s="1"/>
    </row>
    <row r="199" spans="1:31" ht="14.45">
      <c r="A199" s="11"/>
      <c r="B199" s="20"/>
      <c r="C199" s="2" t="s">
        <v>666</v>
      </c>
      <c r="D199" s="14" t="s">
        <v>667</v>
      </c>
      <c r="E199" s="2" t="s">
        <v>668</v>
      </c>
      <c r="F199" s="2" t="s">
        <v>664</v>
      </c>
      <c r="G199" s="8">
        <v>178</v>
      </c>
      <c r="H199" s="5">
        <v>5</v>
      </c>
      <c r="I199" s="5" t="s">
        <v>69</v>
      </c>
      <c r="J199" s="5" t="s">
        <v>70</v>
      </c>
      <c r="K199" s="2" t="s">
        <v>71</v>
      </c>
      <c r="L199" s="5" t="s">
        <v>70</v>
      </c>
      <c r="M199" s="2" t="s">
        <v>71</v>
      </c>
      <c r="N199" s="5" t="s">
        <v>72</v>
      </c>
      <c r="O199" s="5" t="s">
        <v>38</v>
      </c>
      <c r="P199" s="5" t="s">
        <v>39</v>
      </c>
      <c r="Q199" s="5" t="s">
        <v>40</v>
      </c>
      <c r="R199" s="5" t="s">
        <v>73</v>
      </c>
      <c r="S199" s="5" t="s">
        <v>40</v>
      </c>
      <c r="T199" s="5" t="s">
        <v>42</v>
      </c>
      <c r="U199" s="2">
        <v>9.1159999999999997</v>
      </c>
      <c r="V199" s="2">
        <v>7.8860000000000001</v>
      </c>
      <c r="W199" s="2">
        <v>5.0999999999999997E-2</v>
      </c>
      <c r="X199" s="2">
        <v>119</v>
      </c>
      <c r="Y199" s="2">
        <v>24.2</v>
      </c>
      <c r="Z199" s="2">
        <v>17.7</v>
      </c>
      <c r="AA199" s="5">
        <v>18</v>
      </c>
      <c r="AB199" s="5" t="s">
        <v>43</v>
      </c>
      <c r="AC199" s="5" t="s">
        <v>44</v>
      </c>
      <c r="AD199" s="2" t="s">
        <v>665</v>
      </c>
      <c r="AE199" s="1"/>
    </row>
    <row r="200" spans="1:31" ht="14.45">
      <c r="A200" s="11"/>
      <c r="B200" s="20"/>
      <c r="C200" s="2" t="s">
        <v>669</v>
      </c>
      <c r="D200" s="14" t="s">
        <v>670</v>
      </c>
      <c r="E200" s="2" t="s">
        <v>671</v>
      </c>
      <c r="F200" s="2" t="s">
        <v>664</v>
      </c>
      <c r="G200" s="8">
        <v>185</v>
      </c>
      <c r="H200" s="5">
        <v>5</v>
      </c>
      <c r="I200" s="5" t="s">
        <v>69</v>
      </c>
      <c r="J200" s="5" t="s">
        <v>70</v>
      </c>
      <c r="K200" s="2" t="s">
        <v>71</v>
      </c>
      <c r="L200" s="5" t="s">
        <v>70</v>
      </c>
      <c r="M200" s="2" t="s">
        <v>71</v>
      </c>
      <c r="N200" s="5" t="s">
        <v>72</v>
      </c>
      <c r="O200" s="5" t="s">
        <v>38</v>
      </c>
      <c r="P200" s="5" t="s">
        <v>39</v>
      </c>
      <c r="Q200" s="5" t="s">
        <v>40</v>
      </c>
      <c r="R200" s="5" t="s">
        <v>73</v>
      </c>
      <c r="S200" s="5" t="s">
        <v>40</v>
      </c>
      <c r="T200" s="5" t="s">
        <v>42</v>
      </c>
      <c r="U200" s="2">
        <v>9.8800000000000008</v>
      </c>
      <c r="V200" s="2">
        <v>8.65</v>
      </c>
      <c r="W200" s="2">
        <v>0.06</v>
      </c>
      <c r="X200" s="2">
        <v>139</v>
      </c>
      <c r="Y200" s="2">
        <v>24.2</v>
      </c>
      <c r="Z200" s="2">
        <v>17.7</v>
      </c>
      <c r="AA200" s="5">
        <v>18</v>
      </c>
      <c r="AB200" s="5" t="s">
        <v>43</v>
      </c>
      <c r="AC200" s="5" t="s">
        <v>44</v>
      </c>
      <c r="AD200" s="2" t="s">
        <v>665</v>
      </c>
      <c r="AE200" s="1"/>
    </row>
    <row r="201" spans="1:31" ht="14.45">
      <c r="A201" s="11"/>
      <c r="B201" s="20"/>
      <c r="C201" s="2" t="s">
        <v>672</v>
      </c>
      <c r="D201" s="14" t="s">
        <v>673</v>
      </c>
      <c r="E201" s="2" t="s">
        <v>674</v>
      </c>
      <c r="F201" s="2" t="s">
        <v>664</v>
      </c>
      <c r="G201" s="8">
        <v>185</v>
      </c>
      <c r="H201" s="5">
        <v>5</v>
      </c>
      <c r="I201" s="5" t="s">
        <v>69</v>
      </c>
      <c r="J201" s="5" t="s">
        <v>70</v>
      </c>
      <c r="K201" s="2" t="s">
        <v>71</v>
      </c>
      <c r="L201" s="5" t="s">
        <v>70</v>
      </c>
      <c r="M201" s="2" t="s">
        <v>71</v>
      </c>
      <c r="N201" s="5" t="s">
        <v>72</v>
      </c>
      <c r="O201" s="5" t="s">
        <v>38</v>
      </c>
      <c r="P201" s="5" t="s">
        <v>39</v>
      </c>
      <c r="Q201" s="5" t="s">
        <v>40</v>
      </c>
      <c r="R201" s="5" t="s">
        <v>73</v>
      </c>
      <c r="S201" s="5" t="s">
        <v>40</v>
      </c>
      <c r="T201" s="5" t="s">
        <v>42</v>
      </c>
      <c r="U201" s="2">
        <v>9.5370000000000008</v>
      </c>
      <c r="V201" s="2">
        <v>8.3070000000000004</v>
      </c>
      <c r="W201" s="2">
        <v>5.0999999999999997E-2</v>
      </c>
      <c r="X201" s="2">
        <v>119</v>
      </c>
      <c r="Y201" s="2">
        <v>24.2</v>
      </c>
      <c r="Z201" s="2">
        <v>17.7</v>
      </c>
      <c r="AA201" s="5">
        <v>18</v>
      </c>
      <c r="AB201" s="5" t="s">
        <v>43</v>
      </c>
      <c r="AC201" s="5" t="s">
        <v>44</v>
      </c>
      <c r="AD201" s="2" t="s">
        <v>665</v>
      </c>
      <c r="AE201" s="1"/>
    </row>
    <row r="202" spans="1:31" ht="14.45">
      <c r="A202" s="11"/>
      <c r="B202" s="20"/>
      <c r="C202" s="2" t="s">
        <v>675</v>
      </c>
      <c r="D202" s="14" t="s">
        <v>676</v>
      </c>
      <c r="E202" s="2" t="s">
        <v>677</v>
      </c>
      <c r="F202" s="2" t="s">
        <v>664</v>
      </c>
      <c r="G202" s="8">
        <v>197</v>
      </c>
      <c r="H202" s="5">
        <v>5</v>
      </c>
      <c r="I202" s="5" t="s">
        <v>69</v>
      </c>
      <c r="J202" s="5" t="s">
        <v>70</v>
      </c>
      <c r="K202" s="2" t="s">
        <v>71</v>
      </c>
      <c r="L202" s="5" t="s">
        <v>70</v>
      </c>
      <c r="M202" s="2" t="s">
        <v>71</v>
      </c>
      <c r="N202" s="5" t="s">
        <v>72</v>
      </c>
      <c r="O202" s="5" t="s">
        <v>38</v>
      </c>
      <c r="P202" s="5" t="s">
        <v>39</v>
      </c>
      <c r="Q202" s="5" t="s">
        <v>40</v>
      </c>
      <c r="R202" s="5" t="s">
        <v>73</v>
      </c>
      <c r="S202" s="5" t="s">
        <v>40</v>
      </c>
      <c r="T202" s="5" t="s">
        <v>42</v>
      </c>
      <c r="U202" s="2">
        <v>10.301</v>
      </c>
      <c r="V202" s="2">
        <v>9.0709999999999997</v>
      </c>
      <c r="W202" s="2">
        <v>0.06</v>
      </c>
      <c r="X202" s="2">
        <v>139</v>
      </c>
      <c r="Y202" s="2">
        <v>24.2</v>
      </c>
      <c r="Z202" s="2">
        <v>17.7</v>
      </c>
      <c r="AA202" s="5">
        <v>18</v>
      </c>
      <c r="AB202" s="5" t="s">
        <v>43</v>
      </c>
      <c r="AC202" s="5" t="s">
        <v>44</v>
      </c>
      <c r="AD202" s="2" t="s">
        <v>665</v>
      </c>
      <c r="AE202" s="1"/>
    </row>
    <row r="203" spans="1:31" ht="14.45">
      <c r="A203" s="11"/>
      <c r="B203" s="20"/>
      <c r="C203" s="2" t="s">
        <v>678</v>
      </c>
      <c r="D203" s="14" t="s">
        <v>679</v>
      </c>
      <c r="E203" s="2" t="s">
        <v>680</v>
      </c>
      <c r="F203" s="2" t="s">
        <v>664</v>
      </c>
      <c r="G203" s="8">
        <v>200</v>
      </c>
      <c r="H203" s="5">
        <v>5</v>
      </c>
      <c r="I203" s="5" t="s">
        <v>69</v>
      </c>
      <c r="J203" s="5" t="s">
        <v>70</v>
      </c>
      <c r="K203" s="2" t="s">
        <v>71</v>
      </c>
      <c r="L203" s="5" t="s">
        <v>70</v>
      </c>
      <c r="M203" s="2" t="s">
        <v>71</v>
      </c>
      <c r="N203" s="5" t="s">
        <v>72</v>
      </c>
      <c r="O203" s="5" t="s">
        <v>38</v>
      </c>
      <c r="P203" s="5" t="s">
        <v>39</v>
      </c>
      <c r="Q203" s="5" t="s">
        <v>40</v>
      </c>
      <c r="R203" s="5" t="s">
        <v>73</v>
      </c>
      <c r="S203" s="5" t="s">
        <v>40</v>
      </c>
      <c r="T203" s="5" t="s">
        <v>42</v>
      </c>
      <c r="U203" s="2">
        <v>11.385999999999999</v>
      </c>
      <c r="V203" s="2">
        <v>10.156000000000001</v>
      </c>
      <c r="W203" s="2">
        <v>6.9000000000000006E-2</v>
      </c>
      <c r="X203" s="2">
        <v>161</v>
      </c>
      <c r="Y203" s="2">
        <v>24.2</v>
      </c>
      <c r="Z203" s="2">
        <v>17.7</v>
      </c>
      <c r="AA203" s="5">
        <v>18</v>
      </c>
      <c r="AB203" s="5" t="s">
        <v>43</v>
      </c>
      <c r="AC203" s="5" t="s">
        <v>44</v>
      </c>
      <c r="AD203" s="2" t="s">
        <v>665</v>
      </c>
      <c r="AE203" s="1"/>
    </row>
    <row r="204" spans="1:31" ht="14.45">
      <c r="A204" s="11"/>
      <c r="B204" s="20"/>
      <c r="C204" s="2" t="s">
        <v>681</v>
      </c>
      <c r="D204" s="14" t="s">
        <v>682</v>
      </c>
      <c r="E204" s="2" t="s">
        <v>683</v>
      </c>
      <c r="F204" s="2" t="s">
        <v>664</v>
      </c>
      <c r="G204" s="8">
        <v>187</v>
      </c>
      <c r="H204" s="5">
        <v>5</v>
      </c>
      <c r="I204" s="5" t="s">
        <v>69</v>
      </c>
      <c r="J204" s="5" t="s">
        <v>70</v>
      </c>
      <c r="K204" s="2" t="s">
        <v>71</v>
      </c>
      <c r="L204" s="5" t="s">
        <v>70</v>
      </c>
      <c r="M204" s="2" t="s">
        <v>71</v>
      </c>
      <c r="N204" s="5" t="s">
        <v>72</v>
      </c>
      <c r="O204" s="5" t="s">
        <v>38</v>
      </c>
      <c r="P204" s="5" t="s">
        <v>39</v>
      </c>
      <c r="Q204" s="5" t="s">
        <v>40</v>
      </c>
      <c r="R204" s="5" t="s">
        <v>73</v>
      </c>
      <c r="S204" s="5" t="s">
        <v>40</v>
      </c>
      <c r="T204" s="5" t="s">
        <v>42</v>
      </c>
      <c r="U204" s="2">
        <v>9.9949999999999992</v>
      </c>
      <c r="V204" s="2">
        <v>8.7650000000000006</v>
      </c>
      <c r="W204" s="2">
        <v>5.0999999999999997E-2</v>
      </c>
      <c r="X204" s="2">
        <v>119</v>
      </c>
      <c r="Y204" s="2">
        <v>24.2</v>
      </c>
      <c r="Z204" s="2">
        <v>17.7</v>
      </c>
      <c r="AA204" s="5">
        <v>18</v>
      </c>
      <c r="AB204" s="5" t="s">
        <v>43</v>
      </c>
      <c r="AC204" s="5" t="s">
        <v>44</v>
      </c>
      <c r="AD204" s="2" t="s">
        <v>665</v>
      </c>
      <c r="AE204" s="1"/>
    </row>
    <row r="205" spans="1:31" ht="14.45">
      <c r="A205" s="11"/>
      <c r="B205" s="20"/>
      <c r="C205" s="2" t="s">
        <v>684</v>
      </c>
      <c r="D205" s="14" t="s">
        <v>685</v>
      </c>
      <c r="E205" s="2" t="s">
        <v>686</v>
      </c>
      <c r="F205" s="2" t="s">
        <v>664</v>
      </c>
      <c r="G205" s="8">
        <v>200</v>
      </c>
      <c r="H205" s="5">
        <v>5</v>
      </c>
      <c r="I205" s="5" t="s">
        <v>69</v>
      </c>
      <c r="J205" s="5" t="s">
        <v>70</v>
      </c>
      <c r="K205" s="2" t="s">
        <v>71</v>
      </c>
      <c r="L205" s="5" t="s">
        <v>70</v>
      </c>
      <c r="M205" s="2" t="s">
        <v>71</v>
      </c>
      <c r="N205" s="5" t="s">
        <v>72</v>
      </c>
      <c r="O205" s="5" t="s">
        <v>38</v>
      </c>
      <c r="P205" s="5" t="s">
        <v>39</v>
      </c>
      <c r="Q205" s="5" t="s">
        <v>40</v>
      </c>
      <c r="R205" s="5" t="s">
        <v>73</v>
      </c>
      <c r="S205" s="5" t="s">
        <v>40</v>
      </c>
      <c r="T205" s="5" t="s">
        <v>42</v>
      </c>
      <c r="U205" s="2">
        <v>10.759</v>
      </c>
      <c r="V205" s="2">
        <v>9.5289999999999999</v>
      </c>
      <c r="W205" s="2">
        <v>0.06</v>
      </c>
      <c r="X205" s="2">
        <v>139</v>
      </c>
      <c r="Y205" s="2">
        <v>24.2</v>
      </c>
      <c r="Z205" s="2">
        <v>17.7</v>
      </c>
      <c r="AA205" s="5">
        <v>18</v>
      </c>
      <c r="AB205" s="5" t="s">
        <v>43</v>
      </c>
      <c r="AC205" s="5" t="s">
        <v>44</v>
      </c>
      <c r="AD205" s="2" t="s">
        <v>665</v>
      </c>
      <c r="AE205" s="1"/>
    </row>
    <row r="206" spans="1:31" ht="14.45">
      <c r="A206" s="11"/>
      <c r="B206" s="20"/>
      <c r="C206" s="2" t="s">
        <v>687</v>
      </c>
      <c r="D206" s="14" t="s">
        <v>688</v>
      </c>
      <c r="E206" s="2" t="s">
        <v>689</v>
      </c>
      <c r="F206" s="2" t="s">
        <v>664</v>
      </c>
      <c r="G206" s="8">
        <v>212</v>
      </c>
      <c r="H206" s="5">
        <v>5</v>
      </c>
      <c r="I206" s="5" t="s">
        <v>69</v>
      </c>
      <c r="J206" s="5" t="s">
        <v>70</v>
      </c>
      <c r="K206" s="2" t="s">
        <v>71</v>
      </c>
      <c r="L206" s="5" t="s">
        <v>70</v>
      </c>
      <c r="M206" s="2" t="s">
        <v>71</v>
      </c>
      <c r="N206" s="5" t="s">
        <v>72</v>
      </c>
      <c r="O206" s="5" t="s">
        <v>38</v>
      </c>
      <c r="P206" s="5" t="s">
        <v>39</v>
      </c>
      <c r="Q206" s="5" t="s">
        <v>40</v>
      </c>
      <c r="R206" s="5" t="s">
        <v>73</v>
      </c>
      <c r="S206" s="5" t="s">
        <v>40</v>
      </c>
      <c r="T206" s="5" t="s">
        <v>42</v>
      </c>
      <c r="U206" s="2">
        <v>11.843999999999999</v>
      </c>
      <c r="V206" s="2">
        <v>10.614000000000001</v>
      </c>
      <c r="W206" s="2">
        <v>6.9000000000000006E-2</v>
      </c>
      <c r="X206" s="2">
        <v>161</v>
      </c>
      <c r="Y206" s="2">
        <v>24.2</v>
      </c>
      <c r="Z206" s="2">
        <v>17.7</v>
      </c>
      <c r="AA206" s="5">
        <v>18</v>
      </c>
      <c r="AB206" s="5" t="s">
        <v>43</v>
      </c>
      <c r="AC206" s="5" t="s">
        <v>44</v>
      </c>
      <c r="AD206" s="2" t="s">
        <v>665</v>
      </c>
      <c r="AE206" s="1"/>
    </row>
    <row r="207" spans="1:31" ht="14.45">
      <c r="A207" s="11"/>
      <c r="B207" s="20"/>
      <c r="C207" s="2" t="s">
        <v>690</v>
      </c>
      <c r="D207" s="14" t="s">
        <v>691</v>
      </c>
      <c r="E207" s="2" t="s">
        <v>692</v>
      </c>
      <c r="F207" s="2" t="s">
        <v>664</v>
      </c>
      <c r="G207" s="8">
        <v>220</v>
      </c>
      <c r="H207" s="5">
        <v>5</v>
      </c>
      <c r="I207" s="5" t="s">
        <v>69</v>
      </c>
      <c r="J207" s="5" t="s">
        <v>70</v>
      </c>
      <c r="K207" s="2" t="s">
        <v>71</v>
      </c>
      <c r="L207" s="5" t="s">
        <v>70</v>
      </c>
      <c r="M207" s="2" t="s">
        <v>71</v>
      </c>
      <c r="N207" s="5" t="s">
        <v>72</v>
      </c>
      <c r="O207" s="5" t="s">
        <v>38</v>
      </c>
      <c r="P207" s="5" t="s">
        <v>39</v>
      </c>
      <c r="Q207" s="5" t="s">
        <v>40</v>
      </c>
      <c r="R207" s="5" t="s">
        <v>73</v>
      </c>
      <c r="S207" s="5" t="s">
        <v>40</v>
      </c>
      <c r="T207" s="5" t="s">
        <v>42</v>
      </c>
      <c r="U207" s="2">
        <v>12.616</v>
      </c>
      <c r="V207" s="2">
        <v>11.385999999999999</v>
      </c>
      <c r="W207" s="2">
        <v>7.8E-2</v>
      </c>
      <c r="X207" s="2">
        <v>182</v>
      </c>
      <c r="Y207" s="2">
        <v>24.2</v>
      </c>
      <c r="Z207" s="2">
        <v>17.7</v>
      </c>
      <c r="AA207" s="5">
        <v>18</v>
      </c>
      <c r="AB207" s="5" t="s">
        <v>43</v>
      </c>
      <c r="AC207" s="5" t="s">
        <v>44</v>
      </c>
      <c r="AD207" s="2" t="s">
        <v>665</v>
      </c>
      <c r="AE207" s="1"/>
    </row>
    <row r="208" spans="1:31" ht="14.45">
      <c r="A208" s="11"/>
      <c r="B208" s="20"/>
      <c r="C208" s="2" t="s">
        <v>693</v>
      </c>
      <c r="D208" s="14" t="s">
        <v>694</v>
      </c>
      <c r="E208" s="2" t="s">
        <v>695</v>
      </c>
      <c r="F208" s="2" t="s">
        <v>664</v>
      </c>
      <c r="G208" s="8">
        <v>212</v>
      </c>
      <c r="H208" s="5">
        <v>5</v>
      </c>
      <c r="I208" s="5" t="s">
        <v>69</v>
      </c>
      <c r="J208" s="5" t="s">
        <v>70</v>
      </c>
      <c r="K208" s="2" t="s">
        <v>71</v>
      </c>
      <c r="L208" s="5" t="s">
        <v>70</v>
      </c>
      <c r="M208" s="2" t="s">
        <v>71</v>
      </c>
      <c r="N208" s="5" t="s">
        <v>72</v>
      </c>
      <c r="O208" s="5" t="s">
        <v>38</v>
      </c>
      <c r="P208" s="5" t="s">
        <v>39</v>
      </c>
      <c r="Q208" s="5" t="s">
        <v>40</v>
      </c>
      <c r="R208" s="5" t="s">
        <v>73</v>
      </c>
      <c r="S208" s="5" t="s">
        <v>40</v>
      </c>
      <c r="T208" s="5" t="s">
        <v>42</v>
      </c>
      <c r="U208" s="2">
        <v>11.622999999999999</v>
      </c>
      <c r="V208" s="2">
        <v>10.393000000000001</v>
      </c>
      <c r="W208" s="2">
        <v>0.06</v>
      </c>
      <c r="X208" s="2">
        <v>139</v>
      </c>
      <c r="Y208" s="2">
        <v>24.2</v>
      </c>
      <c r="Z208" s="2">
        <v>17.7</v>
      </c>
      <c r="AA208" s="5">
        <v>18</v>
      </c>
      <c r="AB208" s="5" t="s">
        <v>43</v>
      </c>
      <c r="AC208" s="5" t="s">
        <v>44</v>
      </c>
      <c r="AD208" s="2" t="s">
        <v>665</v>
      </c>
      <c r="AE208" s="1"/>
    </row>
    <row r="209" spans="1:31" ht="14.45">
      <c r="A209" s="11"/>
      <c r="B209" s="20"/>
      <c r="C209" s="2" t="s">
        <v>696</v>
      </c>
      <c r="D209" s="14" t="s">
        <v>697</v>
      </c>
      <c r="E209" s="2" t="s">
        <v>698</v>
      </c>
      <c r="F209" s="2" t="s">
        <v>664</v>
      </c>
      <c r="G209" s="8">
        <v>220</v>
      </c>
      <c r="H209" s="5">
        <v>5</v>
      </c>
      <c r="I209" s="5" t="s">
        <v>69</v>
      </c>
      <c r="J209" s="5" t="s">
        <v>70</v>
      </c>
      <c r="K209" s="2" t="s">
        <v>71</v>
      </c>
      <c r="L209" s="5" t="s">
        <v>70</v>
      </c>
      <c r="M209" s="2" t="s">
        <v>71</v>
      </c>
      <c r="N209" s="5" t="s">
        <v>72</v>
      </c>
      <c r="O209" s="5" t="s">
        <v>38</v>
      </c>
      <c r="P209" s="5" t="s">
        <v>39</v>
      </c>
      <c r="Q209" s="5" t="s">
        <v>40</v>
      </c>
      <c r="R209" s="5" t="s">
        <v>73</v>
      </c>
      <c r="S209" s="5" t="s">
        <v>40</v>
      </c>
      <c r="T209" s="5" t="s">
        <v>42</v>
      </c>
      <c r="U209" s="2">
        <v>12.462999999999999</v>
      </c>
      <c r="V209" s="2">
        <v>11.233000000000001</v>
      </c>
      <c r="W209" s="2">
        <v>6.9000000000000006E-2</v>
      </c>
      <c r="X209" s="2">
        <v>161</v>
      </c>
      <c r="Y209" s="2">
        <v>24.2</v>
      </c>
      <c r="Z209" s="2">
        <v>17.7</v>
      </c>
      <c r="AA209" s="5">
        <v>18</v>
      </c>
      <c r="AB209" s="5" t="s">
        <v>43</v>
      </c>
      <c r="AC209" s="5" t="s">
        <v>44</v>
      </c>
      <c r="AD209" s="2" t="s">
        <v>665</v>
      </c>
      <c r="AE209" s="1"/>
    </row>
    <row r="210" spans="1:31" ht="14.45">
      <c r="A210" s="11"/>
      <c r="B210" s="20"/>
      <c r="C210" s="2" t="s">
        <v>699</v>
      </c>
      <c r="D210" s="14" t="s">
        <v>700</v>
      </c>
      <c r="E210" s="2" t="s">
        <v>701</v>
      </c>
      <c r="F210" s="2" t="s">
        <v>664</v>
      </c>
      <c r="G210" s="8">
        <v>229</v>
      </c>
      <c r="H210" s="5">
        <v>5</v>
      </c>
      <c r="I210" s="5" t="s">
        <v>69</v>
      </c>
      <c r="J210" s="5" t="s">
        <v>70</v>
      </c>
      <c r="K210" s="2" t="s">
        <v>71</v>
      </c>
      <c r="L210" s="5" t="s">
        <v>70</v>
      </c>
      <c r="M210" s="2" t="s">
        <v>71</v>
      </c>
      <c r="N210" s="5" t="s">
        <v>72</v>
      </c>
      <c r="O210" s="5" t="s">
        <v>38</v>
      </c>
      <c r="P210" s="5" t="s">
        <v>39</v>
      </c>
      <c r="Q210" s="5" t="s">
        <v>40</v>
      </c>
      <c r="R210" s="5" t="s">
        <v>73</v>
      </c>
      <c r="S210" s="5" t="s">
        <v>40</v>
      </c>
      <c r="T210" s="5" t="s">
        <v>42</v>
      </c>
      <c r="U210" s="2">
        <v>13.234999999999999</v>
      </c>
      <c r="V210" s="2">
        <v>12.005000000000001</v>
      </c>
      <c r="W210" s="2">
        <v>7.8E-2</v>
      </c>
      <c r="X210" s="2">
        <v>182</v>
      </c>
      <c r="Y210" s="2">
        <v>24.2</v>
      </c>
      <c r="Z210" s="2">
        <v>17.7</v>
      </c>
      <c r="AA210" s="5">
        <v>18</v>
      </c>
      <c r="AB210" s="5" t="s">
        <v>43</v>
      </c>
      <c r="AC210" s="5" t="s">
        <v>44</v>
      </c>
      <c r="AD210" s="2" t="s">
        <v>665</v>
      </c>
      <c r="AE210" s="1"/>
    </row>
    <row r="211" spans="1:31" ht="14.45">
      <c r="A211" s="11"/>
      <c r="B211" s="20"/>
      <c r="C211" s="2" t="s">
        <v>702</v>
      </c>
      <c r="D211" s="14" t="s">
        <v>703</v>
      </c>
      <c r="E211" s="2" t="s">
        <v>704</v>
      </c>
      <c r="F211" s="2" t="s">
        <v>664</v>
      </c>
      <c r="G211" s="8">
        <v>226</v>
      </c>
      <c r="H211" s="5">
        <v>5</v>
      </c>
      <c r="I211" s="5" t="s">
        <v>69</v>
      </c>
      <c r="J211" s="5" t="s">
        <v>70</v>
      </c>
      <c r="K211" s="2" t="s">
        <v>71</v>
      </c>
      <c r="L211" s="5" t="s">
        <v>70</v>
      </c>
      <c r="M211" s="2" t="s">
        <v>71</v>
      </c>
      <c r="N211" s="5" t="s">
        <v>72</v>
      </c>
      <c r="O211" s="5" t="s">
        <v>38</v>
      </c>
      <c r="P211" s="5" t="s">
        <v>39</v>
      </c>
      <c r="Q211" s="5" t="s">
        <v>40</v>
      </c>
      <c r="R211" s="5" t="s">
        <v>73</v>
      </c>
      <c r="S211" s="5" t="s">
        <v>40</v>
      </c>
      <c r="T211" s="5" t="s">
        <v>42</v>
      </c>
      <c r="U211" s="2">
        <v>12.379</v>
      </c>
      <c r="V211" s="2">
        <v>11.148999999999999</v>
      </c>
      <c r="W211" s="2">
        <v>6.2E-2</v>
      </c>
      <c r="X211" s="2">
        <v>144</v>
      </c>
      <c r="Y211" s="2">
        <v>24.2</v>
      </c>
      <c r="Z211" s="2">
        <v>17.7</v>
      </c>
      <c r="AA211" s="5">
        <v>18</v>
      </c>
      <c r="AB211" s="5" t="s">
        <v>43</v>
      </c>
      <c r="AC211" s="5" t="s">
        <v>44</v>
      </c>
      <c r="AD211" s="2" t="s">
        <v>665</v>
      </c>
      <c r="AE211" s="1"/>
    </row>
    <row r="212" spans="1:31" ht="14.45">
      <c r="A212" s="11"/>
      <c r="B212" s="20"/>
      <c r="C212" s="2" t="s">
        <v>705</v>
      </c>
      <c r="D212" s="14" t="s">
        <v>706</v>
      </c>
      <c r="E212" s="2" t="s">
        <v>707</v>
      </c>
      <c r="F212" s="2" t="s">
        <v>664</v>
      </c>
      <c r="G212" s="8">
        <v>232</v>
      </c>
      <c r="H212" s="5">
        <v>5</v>
      </c>
      <c r="I212" s="5" t="s">
        <v>69</v>
      </c>
      <c r="J212" s="5" t="s">
        <v>70</v>
      </c>
      <c r="K212" s="2" t="s">
        <v>71</v>
      </c>
      <c r="L212" s="5" t="s">
        <v>70</v>
      </c>
      <c r="M212" s="2" t="s">
        <v>71</v>
      </c>
      <c r="N212" s="5" t="s">
        <v>72</v>
      </c>
      <c r="O212" s="5" t="s">
        <v>38</v>
      </c>
      <c r="P212" s="5" t="s">
        <v>39</v>
      </c>
      <c r="Q212" s="5" t="s">
        <v>40</v>
      </c>
      <c r="R212" s="5" t="s">
        <v>73</v>
      </c>
      <c r="S212" s="5" t="s">
        <v>40</v>
      </c>
      <c r="T212" s="5" t="s">
        <v>42</v>
      </c>
      <c r="U212" s="2">
        <v>13.22</v>
      </c>
      <c r="V212" s="2">
        <v>11.99</v>
      </c>
      <c r="W212" s="2">
        <v>6.9000000000000006E-2</v>
      </c>
      <c r="X212" s="2">
        <v>161</v>
      </c>
      <c r="Y212" s="2">
        <v>24.2</v>
      </c>
      <c r="Z212" s="2">
        <v>17.7</v>
      </c>
      <c r="AA212" s="5">
        <v>18</v>
      </c>
      <c r="AB212" s="5" t="s">
        <v>43</v>
      </c>
      <c r="AC212" s="5" t="s">
        <v>44</v>
      </c>
      <c r="AD212" s="2" t="s">
        <v>665</v>
      </c>
      <c r="AE212" s="1"/>
    </row>
    <row r="213" spans="1:31" ht="14.45">
      <c r="A213" s="11"/>
      <c r="B213" s="20"/>
      <c r="C213" s="2" t="s">
        <v>708</v>
      </c>
      <c r="D213" s="14" t="s">
        <v>709</v>
      </c>
      <c r="E213" s="2" t="s">
        <v>710</v>
      </c>
      <c r="F213" s="2" t="s">
        <v>664</v>
      </c>
      <c r="G213" s="8">
        <v>245</v>
      </c>
      <c r="H213" s="5">
        <v>5</v>
      </c>
      <c r="I213" s="5" t="s">
        <v>69</v>
      </c>
      <c r="J213" s="5" t="s">
        <v>70</v>
      </c>
      <c r="K213" s="2" t="s">
        <v>71</v>
      </c>
      <c r="L213" s="5" t="s">
        <v>70</v>
      </c>
      <c r="M213" s="2" t="s">
        <v>71</v>
      </c>
      <c r="N213" s="5" t="s">
        <v>72</v>
      </c>
      <c r="O213" s="5" t="s">
        <v>38</v>
      </c>
      <c r="P213" s="5" t="s">
        <v>39</v>
      </c>
      <c r="Q213" s="5" t="s">
        <v>40</v>
      </c>
      <c r="R213" s="5" t="s">
        <v>73</v>
      </c>
      <c r="S213" s="5" t="s">
        <v>40</v>
      </c>
      <c r="T213" s="5" t="s">
        <v>42</v>
      </c>
      <c r="U213" s="2">
        <v>13.991</v>
      </c>
      <c r="V213" s="2">
        <v>12.760999999999999</v>
      </c>
      <c r="W213" s="2">
        <v>7.8E-2</v>
      </c>
      <c r="X213" s="2">
        <v>182</v>
      </c>
      <c r="Y213" s="2">
        <v>24.2</v>
      </c>
      <c r="Z213" s="2">
        <v>17.7</v>
      </c>
      <c r="AA213" s="5">
        <v>18</v>
      </c>
      <c r="AB213" s="5" t="s">
        <v>43</v>
      </c>
      <c r="AC213" s="5" t="s">
        <v>44</v>
      </c>
      <c r="AD213" s="2" t="s">
        <v>665</v>
      </c>
      <c r="AE213" s="1"/>
    </row>
    <row r="214" spans="1:31" ht="14.45">
      <c r="A214" s="11"/>
      <c r="B214" s="20"/>
      <c r="C214" s="2" t="s">
        <v>711</v>
      </c>
      <c r="D214" s="14" t="s">
        <v>712</v>
      </c>
      <c r="E214" s="2" t="s">
        <v>713</v>
      </c>
      <c r="F214" s="2" t="s">
        <v>664</v>
      </c>
      <c r="G214" s="8">
        <v>226</v>
      </c>
      <c r="H214" s="5">
        <v>19</v>
      </c>
      <c r="I214" s="5" t="s">
        <v>69</v>
      </c>
      <c r="J214" s="5" t="s">
        <v>70</v>
      </c>
      <c r="K214" s="2" t="s">
        <v>71</v>
      </c>
      <c r="L214" s="5" t="s">
        <v>70</v>
      </c>
      <c r="M214" s="2" t="s">
        <v>71</v>
      </c>
      <c r="N214" s="5" t="s">
        <v>72</v>
      </c>
      <c r="O214" s="5" t="s">
        <v>38</v>
      </c>
      <c r="P214" s="5" t="s">
        <v>39</v>
      </c>
      <c r="Q214" s="5" t="s">
        <v>40</v>
      </c>
      <c r="R214" s="5" t="s">
        <v>73</v>
      </c>
      <c r="S214" s="5" t="s">
        <v>40</v>
      </c>
      <c r="T214" s="5" t="s">
        <v>42</v>
      </c>
      <c r="U214" s="2">
        <v>12.379</v>
      </c>
      <c r="V214" s="2">
        <v>11.148999999999999</v>
      </c>
      <c r="W214" s="2">
        <v>7.0000000000000007E-2</v>
      </c>
      <c r="X214" s="2">
        <v>164</v>
      </c>
      <c r="Y214" s="2">
        <v>24.2</v>
      </c>
      <c r="Z214" s="2">
        <v>17.7</v>
      </c>
      <c r="AA214" s="5">
        <v>18</v>
      </c>
      <c r="AB214" s="5" t="s">
        <v>43</v>
      </c>
      <c r="AC214" s="5" t="s">
        <v>44</v>
      </c>
      <c r="AD214" s="2" t="s">
        <v>665</v>
      </c>
      <c r="AE214" s="1"/>
    </row>
    <row r="215" spans="1:31" ht="14.45">
      <c r="A215" s="11"/>
      <c r="B215" s="20"/>
      <c r="C215" s="2" t="s">
        <v>714</v>
      </c>
      <c r="D215" s="14" t="s">
        <v>715</v>
      </c>
      <c r="E215" s="2" t="s">
        <v>716</v>
      </c>
      <c r="F215" s="2" t="s">
        <v>664</v>
      </c>
      <c r="G215" s="8">
        <v>245</v>
      </c>
      <c r="H215" s="5">
        <v>5</v>
      </c>
      <c r="I215" s="5" t="s">
        <v>69</v>
      </c>
      <c r="J215" s="5" t="s">
        <v>70</v>
      </c>
      <c r="K215" s="2" t="s">
        <v>71</v>
      </c>
      <c r="L215" s="5" t="s">
        <v>70</v>
      </c>
      <c r="M215" s="2" t="s">
        <v>71</v>
      </c>
      <c r="N215" s="5" t="s">
        <v>72</v>
      </c>
      <c r="O215" s="5" t="s">
        <v>38</v>
      </c>
      <c r="P215" s="5" t="s">
        <v>39</v>
      </c>
      <c r="Q215" s="5" t="s">
        <v>40</v>
      </c>
      <c r="R215" s="5" t="s">
        <v>73</v>
      </c>
      <c r="S215" s="5" t="s">
        <v>40</v>
      </c>
      <c r="T215" s="5" t="s">
        <v>42</v>
      </c>
      <c r="U215" s="2">
        <v>13.984</v>
      </c>
      <c r="V215" s="2">
        <v>12.754</v>
      </c>
      <c r="W215" s="2">
        <v>7.0000000000000007E-2</v>
      </c>
      <c r="X215" s="2">
        <v>164</v>
      </c>
      <c r="Y215" s="2">
        <v>24.2</v>
      </c>
      <c r="Z215" s="2">
        <v>17.7</v>
      </c>
      <c r="AA215" s="5">
        <v>18</v>
      </c>
      <c r="AB215" s="5" t="s">
        <v>43</v>
      </c>
      <c r="AC215" s="5" t="s">
        <v>44</v>
      </c>
      <c r="AD215" s="2" t="s">
        <v>665</v>
      </c>
      <c r="AE215" s="1"/>
    </row>
    <row r="216" spans="1:31" ht="14.45">
      <c r="A216" s="11"/>
      <c r="B216" s="20"/>
      <c r="C216" s="2" t="s">
        <v>717</v>
      </c>
      <c r="D216" s="14" t="s">
        <v>718</v>
      </c>
      <c r="E216" s="2" t="s">
        <v>719</v>
      </c>
      <c r="F216" s="2" t="s">
        <v>664</v>
      </c>
      <c r="G216" s="8">
        <v>254</v>
      </c>
      <c r="H216" s="5">
        <v>19</v>
      </c>
      <c r="I216" s="5" t="s">
        <v>69</v>
      </c>
      <c r="J216" s="5" t="s">
        <v>70</v>
      </c>
      <c r="K216" s="2" t="s">
        <v>71</v>
      </c>
      <c r="L216" s="5" t="s">
        <v>70</v>
      </c>
      <c r="M216" s="2" t="s">
        <v>71</v>
      </c>
      <c r="N216" s="5" t="s">
        <v>72</v>
      </c>
      <c r="O216" s="5" t="s">
        <v>38</v>
      </c>
      <c r="P216" s="5" t="s">
        <v>39</v>
      </c>
      <c r="Q216" s="5" t="s">
        <v>40</v>
      </c>
      <c r="R216" s="5" t="s">
        <v>73</v>
      </c>
      <c r="S216" s="5" t="s">
        <v>40</v>
      </c>
      <c r="T216" s="5" t="s">
        <v>42</v>
      </c>
      <c r="U216" s="2">
        <v>14.755000000000001</v>
      </c>
      <c r="V216" s="2">
        <v>13.525</v>
      </c>
      <c r="W216" s="2">
        <v>7.8E-2</v>
      </c>
      <c r="X216" s="2">
        <v>182</v>
      </c>
      <c r="Y216" s="2">
        <v>24.2</v>
      </c>
      <c r="Z216" s="2">
        <v>17.7</v>
      </c>
      <c r="AA216" s="5">
        <v>18</v>
      </c>
      <c r="AB216" s="5" t="s">
        <v>43</v>
      </c>
      <c r="AC216" s="5" t="s">
        <v>44</v>
      </c>
      <c r="AD216" s="2" t="s">
        <v>665</v>
      </c>
      <c r="AE216" s="1"/>
    </row>
    <row r="217" spans="1:31" ht="14.45">
      <c r="A217" s="11"/>
      <c r="B217" s="20"/>
      <c r="C217" s="2" t="s">
        <v>720</v>
      </c>
      <c r="D217" s="14" t="s">
        <v>721</v>
      </c>
      <c r="E217" s="2" t="s">
        <v>722</v>
      </c>
      <c r="F217" s="2" t="s">
        <v>723</v>
      </c>
      <c r="G217" s="8">
        <v>127</v>
      </c>
      <c r="H217" s="5">
        <v>19</v>
      </c>
      <c r="I217" s="5" t="s">
        <v>69</v>
      </c>
      <c r="J217" s="5" t="s">
        <v>70</v>
      </c>
      <c r="K217" s="2" t="s">
        <v>71</v>
      </c>
      <c r="L217" s="5" t="s">
        <v>70</v>
      </c>
      <c r="M217" s="2" t="s">
        <v>71</v>
      </c>
      <c r="N217" s="5" t="s">
        <v>72</v>
      </c>
      <c r="O217" s="5" t="s">
        <v>38</v>
      </c>
      <c r="P217" s="5" t="s">
        <v>39</v>
      </c>
      <c r="Q217" s="5" t="s">
        <v>40</v>
      </c>
      <c r="R217" s="5" t="s">
        <v>73</v>
      </c>
      <c r="S217" s="5" t="s">
        <v>40</v>
      </c>
      <c r="T217" s="5" t="s">
        <v>42</v>
      </c>
      <c r="U217" s="2">
        <v>5.476</v>
      </c>
      <c r="V217" s="2">
        <v>4.2460000000000004</v>
      </c>
      <c r="W217" s="2">
        <v>4.2999999999999997E-2</v>
      </c>
      <c r="X217" s="2">
        <v>100</v>
      </c>
      <c r="Y217" s="2">
        <v>24.2</v>
      </c>
      <c r="Z217" s="2">
        <v>17.7</v>
      </c>
      <c r="AA217" s="5">
        <v>18</v>
      </c>
      <c r="AB217" s="5" t="s">
        <v>43</v>
      </c>
      <c r="AC217" s="5" t="s">
        <v>44</v>
      </c>
      <c r="AD217" s="2" t="s">
        <v>665</v>
      </c>
      <c r="AE217" s="1"/>
    </row>
    <row r="218" spans="1:31" ht="14.45">
      <c r="A218" s="11"/>
      <c r="B218" s="20"/>
      <c r="C218" s="2" t="s">
        <v>724</v>
      </c>
      <c r="D218" s="14" t="s">
        <v>725</v>
      </c>
      <c r="E218" s="2" t="s">
        <v>726</v>
      </c>
      <c r="F218" s="2" t="s">
        <v>723</v>
      </c>
      <c r="G218" s="8">
        <v>112</v>
      </c>
      <c r="H218" s="5">
        <v>5</v>
      </c>
      <c r="I218" s="5" t="s">
        <v>69</v>
      </c>
      <c r="J218" s="5" t="s">
        <v>70</v>
      </c>
      <c r="K218" s="2" t="s">
        <v>71</v>
      </c>
      <c r="L218" s="5" t="s">
        <v>70</v>
      </c>
      <c r="M218" s="2" t="s">
        <v>71</v>
      </c>
      <c r="N218" s="5" t="s">
        <v>72</v>
      </c>
      <c r="O218" s="5" t="s">
        <v>38</v>
      </c>
      <c r="P218" s="5" t="s">
        <v>39</v>
      </c>
      <c r="Q218" s="5" t="s">
        <v>40</v>
      </c>
      <c r="R218" s="5" t="s">
        <v>73</v>
      </c>
      <c r="S218" s="5" t="s">
        <v>40</v>
      </c>
      <c r="T218" s="5" t="s">
        <v>42</v>
      </c>
      <c r="U218" s="2">
        <v>5.0060000000000002</v>
      </c>
      <c r="V218" s="2">
        <v>3.7759999999999998</v>
      </c>
      <c r="W218" s="2">
        <v>4.2999999999999997E-2</v>
      </c>
      <c r="X218" s="2">
        <v>100</v>
      </c>
      <c r="Y218" s="2">
        <v>24.2</v>
      </c>
      <c r="Z218" s="2">
        <v>17.7</v>
      </c>
      <c r="AA218" s="5">
        <v>18</v>
      </c>
      <c r="AB218" s="5" t="s">
        <v>43</v>
      </c>
      <c r="AC218" s="5" t="s">
        <v>44</v>
      </c>
      <c r="AD218" s="2" t="s">
        <v>665</v>
      </c>
      <c r="AE218" s="1"/>
    </row>
    <row r="219" spans="1:31" ht="14.45">
      <c r="A219" s="11"/>
      <c r="B219" s="20"/>
      <c r="C219" s="2" t="s">
        <v>727</v>
      </c>
      <c r="D219" s="14" t="s">
        <v>728</v>
      </c>
      <c r="E219" s="2" t="s">
        <v>729</v>
      </c>
      <c r="F219" s="2" t="s">
        <v>730</v>
      </c>
      <c r="G219" s="8">
        <v>265</v>
      </c>
      <c r="H219" s="5">
        <v>19</v>
      </c>
      <c r="I219" s="5" t="s">
        <v>69</v>
      </c>
      <c r="J219" s="5" t="s">
        <v>731</v>
      </c>
      <c r="K219" s="2" t="s">
        <v>732</v>
      </c>
      <c r="L219" s="5" t="s">
        <v>731</v>
      </c>
      <c r="M219" s="2" t="s">
        <v>732</v>
      </c>
      <c r="N219" s="5" t="s">
        <v>733</v>
      </c>
      <c r="O219" s="5" t="s">
        <v>38</v>
      </c>
      <c r="P219" s="5" t="s">
        <v>39</v>
      </c>
      <c r="Q219" s="5" t="s">
        <v>40</v>
      </c>
      <c r="R219" s="5" t="s">
        <v>734</v>
      </c>
      <c r="S219" s="5" t="s">
        <v>40</v>
      </c>
      <c r="T219" s="5" t="s">
        <v>42</v>
      </c>
      <c r="U219" s="2">
        <v>11.65</v>
      </c>
      <c r="V219" s="2">
        <v>8.2100000000000009</v>
      </c>
      <c r="W219" s="2">
        <v>0.307</v>
      </c>
      <c r="X219" s="2">
        <v>121</v>
      </c>
      <c r="Y219" s="2">
        <v>121</v>
      </c>
      <c r="Z219" s="2">
        <v>21</v>
      </c>
      <c r="AA219" s="5">
        <v>5</v>
      </c>
      <c r="AB219" s="5" t="s">
        <v>43</v>
      </c>
      <c r="AC219" s="5" t="s">
        <v>735</v>
      </c>
      <c r="AD219" s="2" t="s">
        <v>736</v>
      </c>
      <c r="AE219" s="1"/>
    </row>
    <row r="220" spans="1:31" ht="14.45">
      <c r="A220" s="11"/>
      <c r="B220" s="20"/>
      <c r="C220" s="2" t="s">
        <v>737</v>
      </c>
      <c r="D220" s="14" t="s">
        <v>738</v>
      </c>
      <c r="E220" s="2" t="s">
        <v>739</v>
      </c>
      <c r="F220" s="2" t="s">
        <v>740</v>
      </c>
      <c r="G220" s="8">
        <v>344</v>
      </c>
      <c r="H220" s="5">
        <v>19</v>
      </c>
      <c r="I220" s="5" t="s">
        <v>69</v>
      </c>
      <c r="J220" s="5" t="s">
        <v>731</v>
      </c>
      <c r="K220" s="2" t="s">
        <v>732</v>
      </c>
      <c r="L220" s="5" t="s">
        <v>731</v>
      </c>
      <c r="M220" s="2" t="s">
        <v>732</v>
      </c>
      <c r="N220" s="5" t="s">
        <v>733</v>
      </c>
      <c r="O220" s="5" t="s">
        <v>38</v>
      </c>
      <c r="P220" s="5" t="s">
        <v>39</v>
      </c>
      <c r="Q220" s="5" t="s">
        <v>40</v>
      </c>
      <c r="R220" s="5" t="s">
        <v>734</v>
      </c>
      <c r="S220" s="5" t="s">
        <v>40</v>
      </c>
      <c r="T220" s="5" t="s">
        <v>42</v>
      </c>
      <c r="U220" s="2">
        <v>12.92</v>
      </c>
      <c r="V220" s="2">
        <v>12.53</v>
      </c>
      <c r="W220" s="2">
        <v>0.52900000000000003</v>
      </c>
      <c r="X220" s="2">
        <v>94</v>
      </c>
      <c r="Y220" s="2">
        <v>121</v>
      </c>
      <c r="Z220" s="2">
        <v>36.1</v>
      </c>
      <c r="AA220" s="5">
        <v>3</v>
      </c>
      <c r="AB220" s="5" t="s">
        <v>43</v>
      </c>
      <c r="AC220" s="5" t="s">
        <v>735</v>
      </c>
      <c r="AD220" s="2" t="s">
        <v>741</v>
      </c>
      <c r="AE220" s="1"/>
    </row>
    <row r="221" spans="1:31" ht="14.45">
      <c r="A221" s="11"/>
      <c r="B221" s="20"/>
      <c r="C221" s="2" t="s">
        <v>742</v>
      </c>
      <c r="D221" s="14" t="s">
        <v>743</v>
      </c>
      <c r="E221" s="2" t="s">
        <v>744</v>
      </c>
      <c r="F221" s="2" t="s">
        <v>745</v>
      </c>
      <c r="G221" s="8">
        <v>608</v>
      </c>
      <c r="H221" s="5">
        <v>25</v>
      </c>
      <c r="I221" s="5" t="s">
        <v>69</v>
      </c>
      <c r="J221" s="5" t="s">
        <v>731</v>
      </c>
      <c r="K221" s="2" t="s">
        <v>732</v>
      </c>
      <c r="L221" s="5" t="s">
        <v>731</v>
      </c>
      <c r="M221" s="2" t="s">
        <v>732</v>
      </c>
      <c r="N221" s="5" t="s">
        <v>733</v>
      </c>
      <c r="O221" s="5" t="s">
        <v>38</v>
      </c>
      <c r="P221" s="5" t="s">
        <v>39</v>
      </c>
      <c r="Q221" s="5" t="s">
        <v>40</v>
      </c>
      <c r="R221" s="5" t="s">
        <v>734</v>
      </c>
      <c r="S221" s="5" t="s">
        <v>40</v>
      </c>
      <c r="T221" s="5" t="s">
        <v>42</v>
      </c>
      <c r="U221" s="2">
        <v>10.553000000000001</v>
      </c>
      <c r="V221" s="2">
        <v>10.5</v>
      </c>
      <c r="W221" s="2">
        <v>0.40899999999999997</v>
      </c>
      <c r="X221" s="2">
        <v>90</v>
      </c>
      <c r="Y221" s="2">
        <v>90</v>
      </c>
      <c r="Z221" s="2">
        <v>50.5</v>
      </c>
      <c r="AA221" s="5">
        <v>2</v>
      </c>
      <c r="AB221" s="5" t="s">
        <v>43</v>
      </c>
      <c r="AC221" s="5" t="s">
        <v>735</v>
      </c>
      <c r="AD221" s="2" t="s">
        <v>746</v>
      </c>
      <c r="AE221" s="1"/>
    </row>
    <row r="222" spans="1:31" ht="14.45">
      <c r="A222" s="11"/>
      <c r="B222" s="20"/>
      <c r="C222" s="2" t="s">
        <v>747</v>
      </c>
      <c r="D222" s="14" t="s">
        <v>748</v>
      </c>
      <c r="E222" s="2" t="s">
        <v>749</v>
      </c>
      <c r="F222" s="2" t="s">
        <v>730</v>
      </c>
      <c r="G222" s="8">
        <v>315</v>
      </c>
      <c r="H222" s="5">
        <v>19</v>
      </c>
      <c r="I222" s="5" t="s">
        <v>69</v>
      </c>
      <c r="J222" s="5" t="s">
        <v>731</v>
      </c>
      <c r="K222" s="2" t="s">
        <v>732</v>
      </c>
      <c r="L222" s="5" t="s">
        <v>731</v>
      </c>
      <c r="M222" s="2" t="s">
        <v>732</v>
      </c>
      <c r="N222" s="5" t="s">
        <v>733</v>
      </c>
      <c r="O222" s="5" t="s">
        <v>38</v>
      </c>
      <c r="P222" s="5" t="s">
        <v>39</v>
      </c>
      <c r="Q222" s="5" t="s">
        <v>40</v>
      </c>
      <c r="R222" s="5" t="s">
        <v>734</v>
      </c>
      <c r="S222" s="5" t="s">
        <v>40</v>
      </c>
      <c r="T222" s="5" t="s">
        <v>42</v>
      </c>
      <c r="U222" s="2">
        <v>13.65</v>
      </c>
      <c r="V222" s="2">
        <v>10.210000000000001</v>
      </c>
      <c r="W222" s="2">
        <v>0.307</v>
      </c>
      <c r="X222" s="2">
        <v>121</v>
      </c>
      <c r="Y222" s="2">
        <v>121</v>
      </c>
      <c r="Z222" s="2">
        <v>21</v>
      </c>
      <c r="AA222" s="5">
        <v>5</v>
      </c>
      <c r="AB222" s="5" t="s">
        <v>43</v>
      </c>
      <c r="AC222" s="5" t="s">
        <v>735</v>
      </c>
      <c r="AD222" s="2" t="s">
        <v>750</v>
      </c>
      <c r="AE222" s="1"/>
    </row>
    <row r="223" spans="1:31" ht="14.45">
      <c r="A223" s="11"/>
      <c r="B223" s="20"/>
      <c r="C223" s="2" t="s">
        <v>751</v>
      </c>
      <c r="D223" s="14" t="s">
        <v>752</v>
      </c>
      <c r="E223" s="2" t="s">
        <v>753</v>
      </c>
      <c r="F223" s="2" t="s">
        <v>740</v>
      </c>
      <c r="G223" s="8">
        <v>410</v>
      </c>
      <c r="H223" s="5">
        <v>19</v>
      </c>
      <c r="I223" s="5" t="s">
        <v>69</v>
      </c>
      <c r="J223" s="5" t="s">
        <v>731</v>
      </c>
      <c r="K223" s="2" t="s">
        <v>732</v>
      </c>
      <c r="L223" s="5" t="s">
        <v>731</v>
      </c>
      <c r="M223" s="2" t="s">
        <v>732</v>
      </c>
      <c r="N223" s="5" t="s">
        <v>733</v>
      </c>
      <c r="O223" s="5" t="s">
        <v>38</v>
      </c>
      <c r="P223" s="5" t="s">
        <v>39</v>
      </c>
      <c r="Q223" s="5" t="s">
        <v>40</v>
      </c>
      <c r="R223" s="5" t="s">
        <v>734</v>
      </c>
      <c r="S223" s="5" t="s">
        <v>40</v>
      </c>
      <c r="T223" s="5" t="s">
        <v>42</v>
      </c>
      <c r="U223" s="2">
        <v>16.72</v>
      </c>
      <c r="V223" s="2">
        <v>16.329999999999998</v>
      </c>
      <c r="W223" s="2">
        <v>0.52900000000000003</v>
      </c>
      <c r="X223" s="2">
        <v>121</v>
      </c>
      <c r="Y223" s="2">
        <v>121</v>
      </c>
      <c r="Z223" s="2">
        <v>36.1</v>
      </c>
      <c r="AA223" s="5">
        <v>3</v>
      </c>
      <c r="AB223" s="5" t="s">
        <v>43</v>
      </c>
      <c r="AC223" s="5" t="s">
        <v>735</v>
      </c>
      <c r="AD223" s="2" t="s">
        <v>754</v>
      </c>
      <c r="AE223" s="1"/>
    </row>
    <row r="224" spans="1:31" ht="14.45">
      <c r="A224" s="11"/>
      <c r="B224" s="20"/>
      <c r="C224" s="2" t="s">
        <v>755</v>
      </c>
      <c r="D224" s="14" t="s">
        <v>756</v>
      </c>
      <c r="E224" s="2" t="s">
        <v>757</v>
      </c>
      <c r="F224" s="2" t="s">
        <v>745</v>
      </c>
      <c r="G224" s="8">
        <v>725</v>
      </c>
      <c r="H224" s="5">
        <v>25</v>
      </c>
      <c r="I224" s="5" t="s">
        <v>69</v>
      </c>
      <c r="J224" s="5" t="s">
        <v>731</v>
      </c>
      <c r="K224" s="2" t="s">
        <v>732</v>
      </c>
      <c r="L224" s="5" t="s">
        <v>731</v>
      </c>
      <c r="M224" s="2" t="s">
        <v>732</v>
      </c>
      <c r="N224" s="5" t="s">
        <v>733</v>
      </c>
      <c r="O224" s="5" t="s">
        <v>38</v>
      </c>
      <c r="P224" s="5" t="s">
        <v>39</v>
      </c>
      <c r="Q224" s="5" t="s">
        <v>40</v>
      </c>
      <c r="R224" s="5" t="s">
        <v>734</v>
      </c>
      <c r="S224" s="5" t="s">
        <v>40</v>
      </c>
      <c r="T224" s="5" t="s">
        <v>42</v>
      </c>
      <c r="U224" s="2">
        <v>14.153</v>
      </c>
      <c r="V224" s="2">
        <v>14.1</v>
      </c>
      <c r="W224" s="2">
        <v>0.61099999999999999</v>
      </c>
      <c r="X224" s="2">
        <v>110</v>
      </c>
      <c r="Y224" s="2">
        <v>110</v>
      </c>
      <c r="Z224" s="2">
        <v>50.5</v>
      </c>
      <c r="AA224" s="5">
        <v>2</v>
      </c>
      <c r="AB224" s="5" t="s">
        <v>43</v>
      </c>
      <c r="AC224" s="5" t="s">
        <v>735</v>
      </c>
      <c r="AD224" s="2" t="s">
        <v>758</v>
      </c>
      <c r="AE224" s="1"/>
    </row>
    <row r="225" spans="1:31" ht="14.45">
      <c r="A225" s="11"/>
      <c r="B225" s="20"/>
      <c r="C225" s="2" t="s">
        <v>759</v>
      </c>
      <c r="D225" s="14" t="s">
        <v>760</v>
      </c>
      <c r="E225" s="2" t="s">
        <v>761</v>
      </c>
      <c r="F225" s="2" t="s">
        <v>730</v>
      </c>
      <c r="G225" s="8">
        <v>292</v>
      </c>
      <c r="H225" s="5">
        <v>19</v>
      </c>
      <c r="I225" s="5" t="s">
        <v>69</v>
      </c>
      <c r="J225" s="5" t="s">
        <v>731</v>
      </c>
      <c r="K225" s="2" t="s">
        <v>732</v>
      </c>
      <c r="L225" s="5" t="s">
        <v>731</v>
      </c>
      <c r="M225" s="2" t="s">
        <v>732</v>
      </c>
      <c r="N225" s="5" t="s">
        <v>733</v>
      </c>
      <c r="O225" s="5" t="s">
        <v>38</v>
      </c>
      <c r="P225" s="5" t="s">
        <v>39</v>
      </c>
      <c r="Q225" s="5" t="s">
        <v>40</v>
      </c>
      <c r="R225" s="5" t="s">
        <v>734</v>
      </c>
      <c r="S225" s="5" t="s">
        <v>40</v>
      </c>
      <c r="T225" s="5" t="s">
        <v>42</v>
      </c>
      <c r="U225" s="2">
        <v>13.15</v>
      </c>
      <c r="V225" s="2">
        <v>9.7100000000000009</v>
      </c>
      <c r="W225" s="2">
        <v>0.307</v>
      </c>
      <c r="X225" s="2">
        <v>121</v>
      </c>
      <c r="Y225" s="2">
        <v>121</v>
      </c>
      <c r="Z225" s="2">
        <v>21</v>
      </c>
      <c r="AA225" s="5">
        <v>5</v>
      </c>
      <c r="AB225" s="5" t="s">
        <v>43</v>
      </c>
      <c r="AC225" s="5" t="s">
        <v>735</v>
      </c>
      <c r="AD225" s="2" t="s">
        <v>762</v>
      </c>
      <c r="AE225" s="1"/>
    </row>
    <row r="226" spans="1:31" ht="14.45">
      <c r="A226" s="11"/>
      <c r="B226" s="20"/>
      <c r="C226" s="2" t="s">
        <v>763</v>
      </c>
      <c r="D226" s="14" t="s">
        <v>764</v>
      </c>
      <c r="E226" s="2" t="s">
        <v>765</v>
      </c>
      <c r="F226" s="2" t="s">
        <v>740</v>
      </c>
      <c r="G226" s="8">
        <v>379</v>
      </c>
      <c r="H226" s="5">
        <v>19</v>
      </c>
      <c r="I226" s="5" t="s">
        <v>69</v>
      </c>
      <c r="J226" s="5" t="s">
        <v>731</v>
      </c>
      <c r="K226" s="2" t="s">
        <v>732</v>
      </c>
      <c r="L226" s="5" t="s">
        <v>731</v>
      </c>
      <c r="M226" s="2" t="s">
        <v>732</v>
      </c>
      <c r="N226" s="5" t="s">
        <v>733</v>
      </c>
      <c r="O226" s="5" t="s">
        <v>38</v>
      </c>
      <c r="P226" s="5" t="s">
        <v>39</v>
      </c>
      <c r="Q226" s="5" t="s">
        <v>40</v>
      </c>
      <c r="R226" s="5" t="s">
        <v>734</v>
      </c>
      <c r="S226" s="5" t="s">
        <v>40</v>
      </c>
      <c r="T226" s="5" t="s">
        <v>42</v>
      </c>
      <c r="U226" s="2">
        <v>15.82</v>
      </c>
      <c r="V226" s="2">
        <v>15.43</v>
      </c>
      <c r="W226" s="2">
        <v>0.52900000000000003</v>
      </c>
      <c r="X226" s="2">
        <v>121</v>
      </c>
      <c r="Y226" s="2">
        <v>121</v>
      </c>
      <c r="Z226" s="2">
        <v>36.1</v>
      </c>
      <c r="AA226" s="5">
        <v>3</v>
      </c>
      <c r="AB226" s="5" t="s">
        <v>43</v>
      </c>
      <c r="AC226" s="5" t="s">
        <v>735</v>
      </c>
      <c r="AD226" s="2" t="s">
        <v>766</v>
      </c>
      <c r="AE226" s="1"/>
    </row>
    <row r="227" spans="1:31" ht="14.45">
      <c r="A227" s="11"/>
      <c r="B227" s="20"/>
      <c r="C227" s="2" t="s">
        <v>767</v>
      </c>
      <c r="D227" s="14" t="s">
        <v>768</v>
      </c>
      <c r="E227" s="2" t="s">
        <v>769</v>
      </c>
      <c r="F227" s="2" t="s">
        <v>745</v>
      </c>
      <c r="G227" s="8">
        <v>671</v>
      </c>
      <c r="H227" s="5">
        <v>25</v>
      </c>
      <c r="I227" s="5" t="s">
        <v>69</v>
      </c>
      <c r="J227" s="5" t="s">
        <v>731</v>
      </c>
      <c r="K227" s="2" t="s">
        <v>732</v>
      </c>
      <c r="L227" s="5" t="s">
        <v>731</v>
      </c>
      <c r="M227" s="2" t="s">
        <v>732</v>
      </c>
      <c r="N227" s="5" t="s">
        <v>733</v>
      </c>
      <c r="O227" s="5" t="s">
        <v>38</v>
      </c>
      <c r="P227" s="5" t="s">
        <v>39</v>
      </c>
      <c r="Q227" s="5" t="s">
        <v>40</v>
      </c>
      <c r="R227" s="5" t="s">
        <v>734</v>
      </c>
      <c r="S227" s="5" t="s">
        <v>40</v>
      </c>
      <c r="T227" s="5" t="s">
        <v>42</v>
      </c>
      <c r="U227" s="2">
        <v>13.253</v>
      </c>
      <c r="V227" s="2">
        <v>13.2</v>
      </c>
      <c r="W227" s="2">
        <v>0.54500000000000004</v>
      </c>
      <c r="X227" s="2">
        <v>120</v>
      </c>
      <c r="Y227" s="2">
        <v>90</v>
      </c>
      <c r="Z227" s="2">
        <v>50.5</v>
      </c>
      <c r="AA227" s="5">
        <v>2</v>
      </c>
      <c r="AB227" s="5" t="s">
        <v>43</v>
      </c>
      <c r="AC227" s="5" t="s">
        <v>735</v>
      </c>
      <c r="AD227" s="2" t="s">
        <v>770</v>
      </c>
      <c r="AE227" s="1"/>
    </row>
    <row r="228" spans="1:31" ht="14.45">
      <c r="A228" s="11"/>
      <c r="B228" s="20"/>
      <c r="C228" s="2" t="s">
        <v>771</v>
      </c>
      <c r="D228" s="14" t="s">
        <v>772</v>
      </c>
      <c r="E228" s="2" t="s">
        <v>773</v>
      </c>
      <c r="F228" s="2" t="s">
        <v>730</v>
      </c>
      <c r="G228" s="8">
        <v>350</v>
      </c>
      <c r="H228" s="5">
        <v>19</v>
      </c>
      <c r="I228" s="5" t="s">
        <v>69</v>
      </c>
      <c r="J228" s="5" t="s">
        <v>731</v>
      </c>
      <c r="K228" s="2" t="s">
        <v>732</v>
      </c>
      <c r="L228" s="5" t="s">
        <v>731</v>
      </c>
      <c r="M228" s="2" t="s">
        <v>732</v>
      </c>
      <c r="N228" s="5" t="s">
        <v>733</v>
      </c>
      <c r="O228" s="5" t="s">
        <v>38</v>
      </c>
      <c r="P228" s="5" t="s">
        <v>39</v>
      </c>
      <c r="Q228" s="5" t="s">
        <v>40</v>
      </c>
      <c r="R228" s="5" t="s">
        <v>734</v>
      </c>
      <c r="S228" s="5" t="s">
        <v>40</v>
      </c>
      <c r="T228" s="5" t="s">
        <v>42</v>
      </c>
      <c r="U228" s="2">
        <v>14.65</v>
      </c>
      <c r="V228" s="2">
        <v>11.21</v>
      </c>
      <c r="W228" s="2">
        <v>0.307</v>
      </c>
      <c r="X228" s="2">
        <v>121</v>
      </c>
      <c r="Y228" s="2">
        <v>121</v>
      </c>
      <c r="Z228" s="2">
        <v>21</v>
      </c>
      <c r="AA228" s="5">
        <v>5</v>
      </c>
      <c r="AB228" s="5" t="s">
        <v>43</v>
      </c>
      <c r="AC228" s="5" t="s">
        <v>735</v>
      </c>
      <c r="AD228" s="2" t="s">
        <v>774</v>
      </c>
      <c r="AE228" s="1"/>
    </row>
    <row r="229" spans="1:31" ht="14.45">
      <c r="A229" s="11"/>
      <c r="B229" s="20"/>
      <c r="C229" s="2" t="s">
        <v>775</v>
      </c>
      <c r="D229" s="14" t="s">
        <v>776</v>
      </c>
      <c r="E229" s="2" t="s">
        <v>777</v>
      </c>
      <c r="F229" s="2" t="s">
        <v>740</v>
      </c>
      <c r="G229" s="8">
        <v>455</v>
      </c>
      <c r="H229" s="5">
        <v>19</v>
      </c>
      <c r="I229" s="5" t="s">
        <v>69</v>
      </c>
      <c r="J229" s="5" t="s">
        <v>731</v>
      </c>
      <c r="K229" s="2" t="s">
        <v>732</v>
      </c>
      <c r="L229" s="5" t="s">
        <v>731</v>
      </c>
      <c r="M229" s="2" t="s">
        <v>732</v>
      </c>
      <c r="N229" s="5" t="s">
        <v>733</v>
      </c>
      <c r="O229" s="5" t="s">
        <v>38</v>
      </c>
      <c r="P229" s="5" t="s">
        <v>39</v>
      </c>
      <c r="Q229" s="5" t="s">
        <v>40</v>
      </c>
      <c r="R229" s="5" t="s">
        <v>734</v>
      </c>
      <c r="S229" s="5" t="s">
        <v>40</v>
      </c>
      <c r="T229" s="5" t="s">
        <v>42</v>
      </c>
      <c r="U229" s="2">
        <v>18.62</v>
      </c>
      <c r="V229" s="2">
        <v>18.23</v>
      </c>
      <c r="W229" s="2">
        <v>0.52900000000000003</v>
      </c>
      <c r="X229" s="2">
        <v>121</v>
      </c>
      <c r="Y229" s="2">
        <v>121</v>
      </c>
      <c r="Z229" s="2">
        <v>36.1</v>
      </c>
      <c r="AA229" s="5">
        <v>3</v>
      </c>
      <c r="AB229" s="5" t="s">
        <v>43</v>
      </c>
      <c r="AC229" s="5" t="s">
        <v>735</v>
      </c>
      <c r="AD229" s="2" t="s">
        <v>778</v>
      </c>
      <c r="AE229" s="1"/>
    </row>
    <row r="230" spans="1:31" ht="14.45">
      <c r="A230" s="11"/>
      <c r="B230" s="20"/>
      <c r="C230" s="2" t="s">
        <v>779</v>
      </c>
      <c r="D230" s="14" t="s">
        <v>780</v>
      </c>
      <c r="E230" s="2" t="s">
        <v>781</v>
      </c>
      <c r="F230" s="2" t="s">
        <v>745</v>
      </c>
      <c r="G230" s="8">
        <v>805</v>
      </c>
      <c r="H230" s="5">
        <v>25</v>
      </c>
      <c r="I230" s="5" t="s">
        <v>69</v>
      </c>
      <c r="J230" s="5" t="s">
        <v>731</v>
      </c>
      <c r="K230" s="2" t="s">
        <v>732</v>
      </c>
      <c r="L230" s="5" t="s">
        <v>731</v>
      </c>
      <c r="M230" s="2" t="s">
        <v>732</v>
      </c>
      <c r="N230" s="5" t="s">
        <v>733</v>
      </c>
      <c r="O230" s="5" t="s">
        <v>38</v>
      </c>
      <c r="P230" s="5" t="s">
        <v>39</v>
      </c>
      <c r="Q230" s="5" t="s">
        <v>40</v>
      </c>
      <c r="R230" s="5" t="s">
        <v>734</v>
      </c>
      <c r="S230" s="5" t="s">
        <v>40</v>
      </c>
      <c r="T230" s="5" t="s">
        <v>42</v>
      </c>
      <c r="U230" s="2">
        <v>15.853</v>
      </c>
      <c r="V230" s="2">
        <v>15.8</v>
      </c>
      <c r="W230" s="2">
        <v>0.72699999999999998</v>
      </c>
      <c r="X230" s="2">
        <v>120</v>
      </c>
      <c r="Y230" s="2">
        <v>120</v>
      </c>
      <c r="Z230" s="2">
        <v>50.5</v>
      </c>
      <c r="AA230" s="5">
        <v>2</v>
      </c>
      <c r="AB230" s="5" t="s">
        <v>43</v>
      </c>
      <c r="AC230" s="5" t="s">
        <v>735</v>
      </c>
      <c r="AD230" s="2" t="s">
        <v>782</v>
      </c>
      <c r="AE230" s="1"/>
    </row>
    <row r="231" spans="1:31" ht="14.45">
      <c r="A231" s="11"/>
      <c r="B231" s="20"/>
      <c r="C231" s="2" t="s">
        <v>783</v>
      </c>
      <c r="D231" s="14" t="s">
        <v>784</v>
      </c>
      <c r="E231" s="2" t="s">
        <v>785</v>
      </c>
      <c r="F231" s="2" t="s">
        <v>730</v>
      </c>
      <c r="G231" s="8">
        <v>389</v>
      </c>
      <c r="H231" s="5">
        <v>19</v>
      </c>
      <c r="I231" s="5" t="s">
        <v>69</v>
      </c>
      <c r="J231" s="5" t="s">
        <v>731</v>
      </c>
      <c r="K231" s="2" t="s">
        <v>732</v>
      </c>
      <c r="L231" s="5" t="s">
        <v>731</v>
      </c>
      <c r="M231" s="2" t="s">
        <v>732</v>
      </c>
      <c r="N231" s="5" t="s">
        <v>733</v>
      </c>
      <c r="O231" s="5" t="s">
        <v>38</v>
      </c>
      <c r="P231" s="5" t="s">
        <v>39</v>
      </c>
      <c r="Q231" s="5" t="s">
        <v>40</v>
      </c>
      <c r="R231" s="5" t="s">
        <v>734</v>
      </c>
      <c r="S231" s="5" t="s">
        <v>40</v>
      </c>
      <c r="T231" s="5" t="s">
        <v>42</v>
      </c>
      <c r="U231" s="2">
        <v>16.12</v>
      </c>
      <c r="V231" s="2">
        <v>12.13</v>
      </c>
      <c r="W231" s="2">
        <v>0.36</v>
      </c>
      <c r="X231" s="2">
        <v>131</v>
      </c>
      <c r="Y231" s="2">
        <v>131</v>
      </c>
      <c r="Z231" s="2">
        <v>21</v>
      </c>
      <c r="AA231" s="5">
        <v>5</v>
      </c>
      <c r="AB231" s="5" t="s">
        <v>43</v>
      </c>
      <c r="AC231" s="5" t="s">
        <v>735</v>
      </c>
      <c r="AD231" s="2" t="s">
        <v>786</v>
      </c>
      <c r="AE231" s="1"/>
    </row>
    <row r="232" spans="1:31" ht="14.45">
      <c r="A232" s="11"/>
      <c r="B232" s="20"/>
      <c r="C232" s="2" t="s">
        <v>787</v>
      </c>
      <c r="D232" s="14" t="s">
        <v>788</v>
      </c>
      <c r="E232" s="2" t="s">
        <v>789</v>
      </c>
      <c r="F232" s="2" t="s">
        <v>740</v>
      </c>
      <c r="G232" s="8">
        <v>506</v>
      </c>
      <c r="H232" s="5">
        <v>19</v>
      </c>
      <c r="I232" s="5" t="s">
        <v>69</v>
      </c>
      <c r="J232" s="5" t="s">
        <v>731</v>
      </c>
      <c r="K232" s="2" t="s">
        <v>732</v>
      </c>
      <c r="L232" s="5" t="s">
        <v>731</v>
      </c>
      <c r="M232" s="2" t="s">
        <v>732</v>
      </c>
      <c r="N232" s="5" t="s">
        <v>733</v>
      </c>
      <c r="O232" s="5" t="s">
        <v>38</v>
      </c>
      <c r="P232" s="5" t="s">
        <v>39</v>
      </c>
      <c r="Q232" s="5" t="s">
        <v>40</v>
      </c>
      <c r="R232" s="5" t="s">
        <v>734</v>
      </c>
      <c r="S232" s="5" t="s">
        <v>40</v>
      </c>
      <c r="T232" s="5" t="s">
        <v>42</v>
      </c>
      <c r="U232" s="2">
        <v>21.15</v>
      </c>
      <c r="V232" s="2">
        <v>16.77</v>
      </c>
      <c r="W232" s="2">
        <v>0.62</v>
      </c>
      <c r="X232" s="2">
        <v>131</v>
      </c>
      <c r="Y232" s="2">
        <v>131</v>
      </c>
      <c r="Z232" s="2">
        <v>36.1</v>
      </c>
      <c r="AA232" s="5">
        <v>3</v>
      </c>
      <c r="AB232" s="5" t="s">
        <v>43</v>
      </c>
      <c r="AC232" s="5" t="s">
        <v>735</v>
      </c>
      <c r="AD232" s="2" t="s">
        <v>790</v>
      </c>
      <c r="AE232" s="1"/>
    </row>
    <row r="233" spans="1:31" ht="14.45">
      <c r="A233" s="11"/>
      <c r="B233" s="20"/>
      <c r="C233" s="2" t="s">
        <v>791</v>
      </c>
      <c r="D233" s="14" t="s">
        <v>792</v>
      </c>
      <c r="E233" s="2" t="s">
        <v>793</v>
      </c>
      <c r="F233" s="2" t="s">
        <v>745</v>
      </c>
      <c r="G233" s="8">
        <v>895</v>
      </c>
      <c r="H233" s="5">
        <v>25</v>
      </c>
      <c r="I233" s="5" t="s">
        <v>69</v>
      </c>
      <c r="J233" s="5" t="s">
        <v>731</v>
      </c>
      <c r="K233" s="2" t="s">
        <v>732</v>
      </c>
      <c r="L233" s="5" t="s">
        <v>731</v>
      </c>
      <c r="M233" s="2" t="s">
        <v>732</v>
      </c>
      <c r="N233" s="5" t="s">
        <v>733</v>
      </c>
      <c r="O233" s="5" t="s">
        <v>38</v>
      </c>
      <c r="P233" s="5" t="s">
        <v>39</v>
      </c>
      <c r="Q233" s="5" t="s">
        <v>40</v>
      </c>
      <c r="R233" s="5" t="s">
        <v>734</v>
      </c>
      <c r="S233" s="5" t="s">
        <v>40</v>
      </c>
      <c r="T233" s="5" t="s">
        <v>42</v>
      </c>
      <c r="U233" s="2">
        <v>17.652999999999999</v>
      </c>
      <c r="V233" s="2">
        <v>17.600000000000001</v>
      </c>
      <c r="W233" s="2">
        <v>0.85299999999999998</v>
      </c>
      <c r="X233" s="2">
        <v>130</v>
      </c>
      <c r="Y233" s="2">
        <v>130</v>
      </c>
      <c r="Z233" s="2">
        <v>50.5</v>
      </c>
      <c r="AA233" s="5">
        <v>2</v>
      </c>
      <c r="AB233" s="5" t="s">
        <v>43</v>
      </c>
      <c r="AC233" s="5" t="s">
        <v>735</v>
      </c>
      <c r="AD233" s="2" t="s">
        <v>794</v>
      </c>
      <c r="AE233" s="1"/>
    </row>
    <row r="234" spans="1:31" ht="14.45">
      <c r="A234" s="11"/>
      <c r="B234" s="20"/>
      <c r="C234" s="2" t="s">
        <v>795</v>
      </c>
      <c r="D234" s="14" t="s">
        <v>796</v>
      </c>
      <c r="E234" s="2" t="s">
        <v>797</v>
      </c>
      <c r="F234" s="2" t="s">
        <v>730</v>
      </c>
      <c r="G234" s="8">
        <v>405</v>
      </c>
      <c r="H234" s="5">
        <v>19</v>
      </c>
      <c r="I234" s="5" t="s">
        <v>69</v>
      </c>
      <c r="J234" s="5" t="s">
        <v>731</v>
      </c>
      <c r="K234" s="2" t="s">
        <v>732</v>
      </c>
      <c r="L234" s="5" t="s">
        <v>731</v>
      </c>
      <c r="M234" s="2" t="s">
        <v>732</v>
      </c>
      <c r="N234" s="5" t="s">
        <v>733</v>
      </c>
      <c r="O234" s="5" t="s">
        <v>38</v>
      </c>
      <c r="P234" s="5" t="s">
        <v>39</v>
      </c>
      <c r="Q234" s="5" t="s">
        <v>40</v>
      </c>
      <c r="R234" s="5" t="s">
        <v>734</v>
      </c>
      <c r="S234" s="5" t="s">
        <v>40</v>
      </c>
      <c r="T234" s="5" t="s">
        <v>42</v>
      </c>
      <c r="U234" s="2">
        <v>17.64</v>
      </c>
      <c r="V234" s="2">
        <v>12.44</v>
      </c>
      <c r="W234" s="2">
        <v>0.47899999999999998</v>
      </c>
      <c r="X234" s="2">
        <v>151</v>
      </c>
      <c r="Y234" s="2">
        <v>151</v>
      </c>
      <c r="Z234" s="2">
        <v>21</v>
      </c>
      <c r="AA234" s="5">
        <v>5</v>
      </c>
      <c r="AB234" s="5" t="s">
        <v>43</v>
      </c>
      <c r="AC234" s="5" t="s">
        <v>735</v>
      </c>
      <c r="AD234" s="2" t="s">
        <v>798</v>
      </c>
      <c r="AE234" s="1"/>
    </row>
    <row r="235" spans="1:31" ht="14.45">
      <c r="A235" s="11"/>
      <c r="B235" s="20"/>
      <c r="C235" s="2" t="s">
        <v>799</v>
      </c>
      <c r="D235" s="14" t="s">
        <v>800</v>
      </c>
      <c r="E235" s="2" t="s">
        <v>801</v>
      </c>
      <c r="F235" s="2" t="s">
        <v>740</v>
      </c>
      <c r="G235" s="8">
        <v>526</v>
      </c>
      <c r="H235" s="5">
        <v>19</v>
      </c>
      <c r="I235" s="5" t="s">
        <v>69</v>
      </c>
      <c r="J235" s="5" t="s">
        <v>731</v>
      </c>
      <c r="K235" s="2" t="s">
        <v>732</v>
      </c>
      <c r="L235" s="5" t="s">
        <v>731</v>
      </c>
      <c r="M235" s="2" t="s">
        <v>732</v>
      </c>
      <c r="N235" s="5" t="s">
        <v>733</v>
      </c>
      <c r="O235" s="5" t="s">
        <v>38</v>
      </c>
      <c r="P235" s="5" t="s">
        <v>39</v>
      </c>
      <c r="Q235" s="5" t="s">
        <v>40</v>
      </c>
      <c r="R235" s="5" t="s">
        <v>734</v>
      </c>
      <c r="S235" s="5" t="s">
        <v>40</v>
      </c>
      <c r="T235" s="5" t="s">
        <v>42</v>
      </c>
      <c r="U235" s="2">
        <v>23.2</v>
      </c>
      <c r="V235" s="2">
        <v>17.55</v>
      </c>
      <c r="W235" s="2">
        <v>0.82299999999999995</v>
      </c>
      <c r="X235" s="2">
        <v>151</v>
      </c>
      <c r="Y235" s="2">
        <v>151</v>
      </c>
      <c r="Z235" s="2">
        <v>36.1</v>
      </c>
      <c r="AA235" s="5">
        <v>3</v>
      </c>
      <c r="AB235" s="5" t="s">
        <v>43</v>
      </c>
      <c r="AC235" s="5" t="s">
        <v>735</v>
      </c>
      <c r="AD235" s="2" t="s">
        <v>802</v>
      </c>
      <c r="AE235" s="1"/>
    </row>
    <row r="236" spans="1:31" ht="14.45">
      <c r="A236" s="11"/>
      <c r="B236" s="20"/>
      <c r="C236" s="2" t="s">
        <v>803</v>
      </c>
      <c r="D236" s="14" t="s">
        <v>804</v>
      </c>
      <c r="E236" s="2" t="s">
        <v>805</v>
      </c>
      <c r="F236" s="2" t="s">
        <v>745</v>
      </c>
      <c r="G236" s="8">
        <v>930</v>
      </c>
      <c r="H236" s="5">
        <v>25</v>
      </c>
      <c r="I236" s="5" t="s">
        <v>69</v>
      </c>
      <c r="J236" s="5" t="s">
        <v>731</v>
      </c>
      <c r="K236" s="2" t="s">
        <v>732</v>
      </c>
      <c r="L236" s="5" t="s">
        <v>731</v>
      </c>
      <c r="M236" s="2" t="s">
        <v>732</v>
      </c>
      <c r="N236" s="5" t="s">
        <v>733</v>
      </c>
      <c r="O236" s="5" t="s">
        <v>38</v>
      </c>
      <c r="P236" s="5" t="s">
        <v>39</v>
      </c>
      <c r="Q236" s="5" t="s">
        <v>40</v>
      </c>
      <c r="R236" s="5" t="s">
        <v>734</v>
      </c>
      <c r="S236" s="5" t="s">
        <v>40</v>
      </c>
      <c r="T236" s="5" t="s">
        <v>42</v>
      </c>
      <c r="U236" s="2">
        <v>18.553000000000001</v>
      </c>
      <c r="V236" s="2">
        <v>18.5</v>
      </c>
      <c r="W236" s="2">
        <v>0.90900000000000003</v>
      </c>
      <c r="X236" s="2">
        <v>150</v>
      </c>
      <c r="Y236" s="2">
        <v>120</v>
      </c>
      <c r="Z236" s="2">
        <v>50.5</v>
      </c>
      <c r="AA236" s="5">
        <v>2</v>
      </c>
      <c r="AB236" s="5" t="s">
        <v>43</v>
      </c>
      <c r="AC236" s="5" t="s">
        <v>735</v>
      </c>
      <c r="AD236" s="2" t="s">
        <v>806</v>
      </c>
      <c r="AE236" s="1"/>
    </row>
    <row r="237" spans="1:31" ht="14.45">
      <c r="A237" s="11"/>
      <c r="B237" s="20"/>
      <c r="C237" s="2" t="s">
        <v>807</v>
      </c>
      <c r="D237" s="14" t="s">
        <v>808</v>
      </c>
      <c r="E237" s="2" t="s">
        <v>809</v>
      </c>
      <c r="F237" s="2" t="s">
        <v>730</v>
      </c>
      <c r="G237" s="8">
        <v>467</v>
      </c>
      <c r="H237" s="5">
        <v>19</v>
      </c>
      <c r="I237" s="5" t="s">
        <v>69</v>
      </c>
      <c r="J237" s="5" t="s">
        <v>731</v>
      </c>
      <c r="K237" s="2" t="s">
        <v>732</v>
      </c>
      <c r="L237" s="5" t="s">
        <v>731</v>
      </c>
      <c r="M237" s="2" t="s">
        <v>732</v>
      </c>
      <c r="N237" s="5" t="s">
        <v>733</v>
      </c>
      <c r="O237" s="5" t="s">
        <v>38</v>
      </c>
      <c r="P237" s="5" t="s">
        <v>39</v>
      </c>
      <c r="Q237" s="5" t="s">
        <v>40</v>
      </c>
      <c r="R237" s="5" t="s">
        <v>734</v>
      </c>
      <c r="S237" s="5" t="s">
        <v>40</v>
      </c>
      <c r="T237" s="5" t="s">
        <v>42</v>
      </c>
      <c r="U237" s="2">
        <v>19.14</v>
      </c>
      <c r="V237" s="2">
        <v>13.94</v>
      </c>
      <c r="W237" s="2">
        <v>0.47899999999999998</v>
      </c>
      <c r="X237" s="2">
        <v>151</v>
      </c>
      <c r="Y237" s="2">
        <v>151</v>
      </c>
      <c r="Z237" s="2">
        <v>21</v>
      </c>
      <c r="AA237" s="5">
        <v>5</v>
      </c>
      <c r="AB237" s="5" t="s">
        <v>43</v>
      </c>
      <c r="AC237" s="5" t="s">
        <v>735</v>
      </c>
      <c r="AD237" s="2" t="s">
        <v>810</v>
      </c>
      <c r="AE237" s="1"/>
    </row>
    <row r="238" spans="1:31" ht="14.45">
      <c r="A238" s="11"/>
      <c r="B238" s="20"/>
      <c r="C238" s="2" t="s">
        <v>811</v>
      </c>
      <c r="D238" s="14" t="s">
        <v>812</v>
      </c>
      <c r="E238" s="2" t="s">
        <v>813</v>
      </c>
      <c r="F238" s="2" t="s">
        <v>740</v>
      </c>
      <c r="G238" s="8">
        <v>607</v>
      </c>
      <c r="H238" s="5">
        <v>19</v>
      </c>
      <c r="I238" s="5" t="s">
        <v>69</v>
      </c>
      <c r="J238" s="5" t="s">
        <v>731</v>
      </c>
      <c r="K238" s="2" t="s">
        <v>732</v>
      </c>
      <c r="L238" s="5" t="s">
        <v>731</v>
      </c>
      <c r="M238" s="2" t="s">
        <v>732</v>
      </c>
      <c r="N238" s="5" t="s">
        <v>733</v>
      </c>
      <c r="O238" s="5" t="s">
        <v>38</v>
      </c>
      <c r="P238" s="5" t="s">
        <v>39</v>
      </c>
      <c r="Q238" s="5" t="s">
        <v>40</v>
      </c>
      <c r="R238" s="5" t="s">
        <v>734</v>
      </c>
      <c r="S238" s="5" t="s">
        <v>40</v>
      </c>
      <c r="T238" s="5" t="s">
        <v>42</v>
      </c>
      <c r="U238" s="2">
        <v>26.1</v>
      </c>
      <c r="V238" s="2">
        <v>20.45</v>
      </c>
      <c r="W238" s="2">
        <v>0.82299999999999995</v>
      </c>
      <c r="X238" s="2">
        <v>151</v>
      </c>
      <c r="Y238" s="2">
        <v>151</v>
      </c>
      <c r="Z238" s="2">
        <v>36.1</v>
      </c>
      <c r="AA238" s="5">
        <v>3</v>
      </c>
      <c r="AB238" s="5" t="s">
        <v>43</v>
      </c>
      <c r="AC238" s="5" t="s">
        <v>735</v>
      </c>
      <c r="AD238" s="2" t="s">
        <v>814</v>
      </c>
      <c r="AE238" s="1"/>
    </row>
    <row r="239" spans="1:31" ht="14.45">
      <c r="A239" s="11"/>
      <c r="B239" s="20"/>
      <c r="C239" s="2" t="s">
        <v>815</v>
      </c>
      <c r="D239" s="14" t="s">
        <v>816</v>
      </c>
      <c r="E239" s="2" t="s">
        <v>817</v>
      </c>
      <c r="F239" s="2" t="s">
        <v>745</v>
      </c>
      <c r="G239" s="8">
        <v>1074</v>
      </c>
      <c r="H239" s="5">
        <v>25</v>
      </c>
      <c r="I239" s="5" t="s">
        <v>69</v>
      </c>
      <c r="J239" s="5" t="s">
        <v>731</v>
      </c>
      <c r="K239" s="2" t="s">
        <v>732</v>
      </c>
      <c r="L239" s="5" t="s">
        <v>731</v>
      </c>
      <c r="M239" s="2" t="s">
        <v>732</v>
      </c>
      <c r="N239" s="5" t="s">
        <v>733</v>
      </c>
      <c r="O239" s="5" t="s">
        <v>38</v>
      </c>
      <c r="P239" s="5" t="s">
        <v>39</v>
      </c>
      <c r="Q239" s="5" t="s">
        <v>40</v>
      </c>
      <c r="R239" s="5" t="s">
        <v>734</v>
      </c>
      <c r="S239" s="5" t="s">
        <v>40</v>
      </c>
      <c r="T239" s="5" t="s">
        <v>42</v>
      </c>
      <c r="U239" s="2">
        <v>21.152999999999999</v>
      </c>
      <c r="V239" s="2">
        <v>21.1</v>
      </c>
      <c r="W239" s="2">
        <v>1.1359999999999999</v>
      </c>
      <c r="X239" s="2">
        <v>150</v>
      </c>
      <c r="Y239" s="2">
        <v>150</v>
      </c>
      <c r="Z239" s="2">
        <v>50.5</v>
      </c>
      <c r="AA239" s="5">
        <v>2</v>
      </c>
      <c r="AB239" s="5" t="s">
        <v>43</v>
      </c>
      <c r="AC239" s="5" t="s">
        <v>735</v>
      </c>
      <c r="AD239" s="2" t="s">
        <v>818</v>
      </c>
      <c r="AE239" s="1"/>
    </row>
    <row r="240" spans="1:31" ht="14.45">
      <c r="A240" s="11"/>
      <c r="B240" s="20"/>
      <c r="C240" s="2" t="s">
        <v>819</v>
      </c>
      <c r="D240" s="14" t="s">
        <v>820</v>
      </c>
      <c r="E240" s="2" t="s">
        <v>821</v>
      </c>
      <c r="F240" s="2" t="s">
        <v>730</v>
      </c>
      <c r="G240" s="8">
        <v>486</v>
      </c>
      <c r="H240" s="5">
        <v>19</v>
      </c>
      <c r="I240" s="5" t="s">
        <v>69</v>
      </c>
      <c r="J240" s="5" t="s">
        <v>731</v>
      </c>
      <c r="K240" s="2" t="s">
        <v>732</v>
      </c>
      <c r="L240" s="5" t="s">
        <v>731</v>
      </c>
      <c r="M240" s="2" t="s">
        <v>732</v>
      </c>
      <c r="N240" s="5" t="s">
        <v>733</v>
      </c>
      <c r="O240" s="5" t="s">
        <v>38</v>
      </c>
      <c r="P240" s="5" t="s">
        <v>39</v>
      </c>
      <c r="Q240" s="5" t="s">
        <v>40</v>
      </c>
      <c r="R240" s="5" t="s">
        <v>734</v>
      </c>
      <c r="S240" s="5" t="s">
        <v>40</v>
      </c>
      <c r="T240" s="5" t="s">
        <v>42</v>
      </c>
      <c r="U240" s="2">
        <v>19.91</v>
      </c>
      <c r="V240" s="2">
        <v>14.62</v>
      </c>
      <c r="W240" s="2">
        <v>0.498</v>
      </c>
      <c r="X240" s="2">
        <v>181</v>
      </c>
      <c r="Y240" s="2">
        <v>131</v>
      </c>
      <c r="Z240" s="2">
        <v>21</v>
      </c>
      <c r="AA240" s="5">
        <v>5</v>
      </c>
      <c r="AB240" s="5" t="s">
        <v>43</v>
      </c>
      <c r="AC240" s="5" t="s">
        <v>735</v>
      </c>
      <c r="AD240" s="2" t="s">
        <v>822</v>
      </c>
      <c r="AE240" s="1"/>
    </row>
    <row r="241" spans="1:31" ht="14.45">
      <c r="A241" s="11"/>
      <c r="B241" s="20"/>
      <c r="C241" s="2" t="s">
        <v>823</v>
      </c>
      <c r="D241" s="14" t="s">
        <v>824</v>
      </c>
      <c r="E241" s="2" t="s">
        <v>825</v>
      </c>
      <c r="F241" s="2" t="s">
        <v>740</v>
      </c>
      <c r="G241" s="8">
        <v>632</v>
      </c>
      <c r="H241" s="5">
        <v>19</v>
      </c>
      <c r="I241" s="5" t="s">
        <v>69</v>
      </c>
      <c r="J241" s="5" t="s">
        <v>731</v>
      </c>
      <c r="K241" s="2" t="s">
        <v>732</v>
      </c>
      <c r="L241" s="5" t="s">
        <v>731</v>
      </c>
      <c r="M241" s="2" t="s">
        <v>732</v>
      </c>
      <c r="N241" s="5" t="s">
        <v>733</v>
      </c>
      <c r="O241" s="5" t="s">
        <v>38</v>
      </c>
      <c r="P241" s="5" t="s">
        <v>39</v>
      </c>
      <c r="Q241" s="5" t="s">
        <v>40</v>
      </c>
      <c r="R241" s="5" t="s">
        <v>734</v>
      </c>
      <c r="S241" s="5" t="s">
        <v>40</v>
      </c>
      <c r="T241" s="5" t="s">
        <v>42</v>
      </c>
      <c r="U241" s="2">
        <v>29.05</v>
      </c>
      <c r="V241" s="2">
        <v>21.19</v>
      </c>
      <c r="W241" s="2">
        <v>1.1830000000000001</v>
      </c>
      <c r="X241" s="2">
        <v>181</v>
      </c>
      <c r="Y241" s="2">
        <v>131</v>
      </c>
      <c r="Z241" s="2">
        <v>36.1</v>
      </c>
      <c r="AA241" s="5">
        <v>3</v>
      </c>
      <c r="AB241" s="5" t="s">
        <v>43</v>
      </c>
      <c r="AC241" s="5" t="s">
        <v>735</v>
      </c>
      <c r="AD241" s="2" t="s">
        <v>826</v>
      </c>
      <c r="AE241" s="1"/>
    </row>
    <row r="242" spans="1:31" ht="14.45">
      <c r="A242" s="11"/>
      <c r="B242" s="20"/>
      <c r="C242" s="2" t="s">
        <v>827</v>
      </c>
      <c r="D242" s="14" t="s">
        <v>828</v>
      </c>
      <c r="E242" s="2" t="s">
        <v>829</v>
      </c>
      <c r="F242" s="2" t="s">
        <v>745</v>
      </c>
      <c r="G242" s="8">
        <v>1118</v>
      </c>
      <c r="H242" s="5">
        <v>25</v>
      </c>
      <c r="I242" s="5" t="s">
        <v>69</v>
      </c>
      <c r="J242" s="5" t="s">
        <v>731</v>
      </c>
      <c r="K242" s="2" t="s">
        <v>732</v>
      </c>
      <c r="L242" s="5" t="s">
        <v>731</v>
      </c>
      <c r="M242" s="2" t="s">
        <v>732</v>
      </c>
      <c r="N242" s="5" t="s">
        <v>733</v>
      </c>
      <c r="O242" s="5" t="s">
        <v>38</v>
      </c>
      <c r="P242" s="5" t="s">
        <v>39</v>
      </c>
      <c r="Q242" s="5" t="s">
        <v>40</v>
      </c>
      <c r="R242" s="5" t="s">
        <v>734</v>
      </c>
      <c r="S242" s="5" t="s">
        <v>40</v>
      </c>
      <c r="T242" s="5" t="s">
        <v>42</v>
      </c>
      <c r="U242" s="2">
        <v>22.053000000000001</v>
      </c>
      <c r="V242" s="2">
        <v>22</v>
      </c>
      <c r="W242" s="2">
        <v>1.1819999999999999</v>
      </c>
      <c r="X242" s="2">
        <v>180</v>
      </c>
      <c r="Y242" s="2">
        <v>130</v>
      </c>
      <c r="Z242" s="2">
        <v>50.5</v>
      </c>
      <c r="AA242" s="5">
        <v>2</v>
      </c>
      <c r="AB242" s="5" t="s">
        <v>43</v>
      </c>
      <c r="AC242" s="5" t="s">
        <v>735</v>
      </c>
      <c r="AD242" s="2" t="s">
        <v>830</v>
      </c>
      <c r="AE242" s="1"/>
    </row>
    <row r="243" spans="1:31" ht="14.45">
      <c r="A243" s="11"/>
      <c r="B243" s="20"/>
      <c r="C243" s="2" t="s">
        <v>831</v>
      </c>
      <c r="D243" s="14" t="s">
        <v>832</v>
      </c>
      <c r="E243" s="2" t="s">
        <v>833</v>
      </c>
      <c r="F243" s="2" t="s">
        <v>730</v>
      </c>
      <c r="G243" s="8">
        <v>552</v>
      </c>
      <c r="H243" s="5">
        <v>19</v>
      </c>
      <c r="I243" s="5" t="s">
        <v>69</v>
      </c>
      <c r="J243" s="5" t="s">
        <v>731</v>
      </c>
      <c r="K243" s="2" t="s">
        <v>732</v>
      </c>
      <c r="L243" s="5" t="s">
        <v>731</v>
      </c>
      <c r="M243" s="2" t="s">
        <v>732</v>
      </c>
      <c r="N243" s="5" t="s">
        <v>733</v>
      </c>
      <c r="O243" s="5" t="s">
        <v>38</v>
      </c>
      <c r="P243" s="5" t="s">
        <v>39</v>
      </c>
      <c r="Q243" s="5" t="s">
        <v>40</v>
      </c>
      <c r="R243" s="5" t="s">
        <v>734</v>
      </c>
      <c r="S243" s="5" t="s">
        <v>40</v>
      </c>
      <c r="T243" s="5" t="s">
        <v>42</v>
      </c>
      <c r="U243" s="2">
        <v>23.89</v>
      </c>
      <c r="V243" s="2">
        <v>16.579999999999998</v>
      </c>
      <c r="W243" s="2">
        <v>0.68799999999999994</v>
      </c>
      <c r="X243" s="2">
        <v>181</v>
      </c>
      <c r="Y243" s="2">
        <v>181</v>
      </c>
      <c r="Z243" s="2">
        <v>21</v>
      </c>
      <c r="AA243" s="5">
        <v>5</v>
      </c>
      <c r="AB243" s="5" t="s">
        <v>43</v>
      </c>
      <c r="AC243" s="5" t="s">
        <v>735</v>
      </c>
      <c r="AD243" s="2" t="s">
        <v>834</v>
      </c>
      <c r="AE243" s="1"/>
    </row>
    <row r="244" spans="1:31" ht="14.45">
      <c r="A244" s="11"/>
      <c r="B244" s="20"/>
      <c r="C244" s="2" t="s">
        <v>835</v>
      </c>
      <c r="D244" s="14" t="s">
        <v>836</v>
      </c>
      <c r="E244" s="2" t="s">
        <v>837</v>
      </c>
      <c r="F244" s="2" t="s">
        <v>740</v>
      </c>
      <c r="G244" s="8">
        <v>718</v>
      </c>
      <c r="H244" s="5">
        <v>19</v>
      </c>
      <c r="I244" s="5" t="s">
        <v>69</v>
      </c>
      <c r="J244" s="5" t="s">
        <v>731</v>
      </c>
      <c r="K244" s="2" t="s">
        <v>732</v>
      </c>
      <c r="L244" s="5" t="s">
        <v>731</v>
      </c>
      <c r="M244" s="2" t="s">
        <v>732</v>
      </c>
      <c r="N244" s="5" t="s">
        <v>733</v>
      </c>
      <c r="O244" s="5" t="s">
        <v>38</v>
      </c>
      <c r="P244" s="5" t="s">
        <v>39</v>
      </c>
      <c r="Q244" s="5" t="s">
        <v>40</v>
      </c>
      <c r="R244" s="5" t="s">
        <v>734</v>
      </c>
      <c r="S244" s="5" t="s">
        <v>40</v>
      </c>
      <c r="T244" s="5" t="s">
        <v>42</v>
      </c>
      <c r="U244" s="2">
        <v>33.85</v>
      </c>
      <c r="V244" s="2">
        <v>25.99</v>
      </c>
      <c r="W244" s="2">
        <v>1.1830000000000001</v>
      </c>
      <c r="X244" s="2">
        <v>181</v>
      </c>
      <c r="Y244" s="2">
        <v>181</v>
      </c>
      <c r="Z244" s="2">
        <v>36.1</v>
      </c>
      <c r="AA244" s="5">
        <v>3</v>
      </c>
      <c r="AB244" s="5" t="s">
        <v>43</v>
      </c>
      <c r="AC244" s="5" t="s">
        <v>735</v>
      </c>
      <c r="AD244" s="2" t="s">
        <v>838</v>
      </c>
      <c r="AE244" s="1"/>
    </row>
    <row r="245" spans="1:31" ht="14.45">
      <c r="A245" s="11"/>
      <c r="B245" s="20"/>
      <c r="C245" s="2" t="s">
        <v>839</v>
      </c>
      <c r="D245" s="14" t="s">
        <v>840</v>
      </c>
      <c r="E245" s="2" t="s">
        <v>841</v>
      </c>
      <c r="F245" s="2" t="s">
        <v>745</v>
      </c>
      <c r="G245" s="8">
        <v>1270</v>
      </c>
      <c r="H245" s="5">
        <v>25</v>
      </c>
      <c r="I245" s="5" t="s">
        <v>69</v>
      </c>
      <c r="J245" s="5" t="s">
        <v>731</v>
      </c>
      <c r="K245" s="2" t="s">
        <v>732</v>
      </c>
      <c r="L245" s="5" t="s">
        <v>731</v>
      </c>
      <c r="M245" s="2" t="s">
        <v>732</v>
      </c>
      <c r="N245" s="5" t="s">
        <v>733</v>
      </c>
      <c r="O245" s="5" t="s">
        <v>38</v>
      </c>
      <c r="P245" s="5" t="s">
        <v>39</v>
      </c>
      <c r="Q245" s="5" t="s">
        <v>40</v>
      </c>
      <c r="R245" s="5" t="s">
        <v>734</v>
      </c>
      <c r="S245" s="5" t="s">
        <v>40</v>
      </c>
      <c r="T245" s="5" t="s">
        <v>42</v>
      </c>
      <c r="U245" s="2">
        <v>26.452999999999999</v>
      </c>
      <c r="V245" s="2">
        <v>26.4</v>
      </c>
      <c r="W245" s="2">
        <v>1.6359999999999999</v>
      </c>
      <c r="X245" s="2">
        <v>180</v>
      </c>
      <c r="Y245" s="2">
        <v>180</v>
      </c>
      <c r="Z245" s="2">
        <v>50.5</v>
      </c>
      <c r="AA245" s="5">
        <v>2</v>
      </c>
      <c r="AB245" s="5" t="s">
        <v>43</v>
      </c>
      <c r="AC245" s="5" t="s">
        <v>735</v>
      </c>
      <c r="AD245" s="2" t="s">
        <v>842</v>
      </c>
      <c r="AE245" s="1"/>
    </row>
    <row r="246" spans="1:31" ht="14.45">
      <c r="A246" s="11"/>
      <c r="B246" s="20"/>
      <c r="C246" s="2" t="s">
        <v>843</v>
      </c>
      <c r="D246" s="14" t="s">
        <v>844</v>
      </c>
      <c r="E246" s="2" t="s">
        <v>845</v>
      </c>
      <c r="F246" s="2" t="s">
        <v>730</v>
      </c>
      <c r="G246" s="8">
        <v>513</v>
      </c>
      <c r="H246" s="5">
        <v>19</v>
      </c>
      <c r="I246" s="5" t="s">
        <v>69</v>
      </c>
      <c r="J246" s="5" t="s">
        <v>731</v>
      </c>
      <c r="K246" s="2" t="s">
        <v>732</v>
      </c>
      <c r="L246" s="5" t="s">
        <v>731</v>
      </c>
      <c r="M246" s="2" t="s">
        <v>732</v>
      </c>
      <c r="N246" s="5" t="s">
        <v>733</v>
      </c>
      <c r="O246" s="5" t="s">
        <v>38</v>
      </c>
      <c r="P246" s="5" t="s">
        <v>39</v>
      </c>
      <c r="Q246" s="5" t="s">
        <v>40</v>
      </c>
      <c r="R246" s="5" t="s">
        <v>734</v>
      </c>
      <c r="S246" s="5" t="s">
        <v>40</v>
      </c>
      <c r="T246" s="5" t="s">
        <v>42</v>
      </c>
      <c r="U246" s="2">
        <v>23.77</v>
      </c>
      <c r="V246" s="2">
        <v>17.170000000000002</v>
      </c>
      <c r="W246" s="2">
        <v>0.63500000000000001</v>
      </c>
      <c r="X246" s="2">
        <v>231</v>
      </c>
      <c r="Y246" s="2">
        <v>131</v>
      </c>
      <c r="Z246" s="2">
        <v>21</v>
      </c>
      <c r="AA246" s="5">
        <v>5</v>
      </c>
      <c r="AB246" s="5" t="s">
        <v>43</v>
      </c>
      <c r="AC246" s="5" t="s">
        <v>735</v>
      </c>
      <c r="AD246" s="2" t="s">
        <v>846</v>
      </c>
      <c r="AE246" s="1"/>
    </row>
    <row r="247" spans="1:31" ht="14.45">
      <c r="A247" s="11"/>
      <c r="B247" s="20"/>
      <c r="C247" s="2" t="s">
        <v>847</v>
      </c>
      <c r="D247" s="14" t="s">
        <v>848</v>
      </c>
      <c r="E247" s="2" t="s">
        <v>849</v>
      </c>
      <c r="F247" s="2" t="s">
        <v>850</v>
      </c>
      <c r="G247" s="8">
        <v>411</v>
      </c>
      <c r="H247" s="5">
        <v>5</v>
      </c>
      <c r="I247" s="5" t="s">
        <v>69</v>
      </c>
      <c r="J247" s="5" t="s">
        <v>731</v>
      </c>
      <c r="K247" s="2" t="s">
        <v>732</v>
      </c>
      <c r="L247" s="5" t="s">
        <v>731</v>
      </c>
      <c r="M247" s="2" t="s">
        <v>732</v>
      </c>
      <c r="N247" s="5" t="s">
        <v>733</v>
      </c>
      <c r="O247" s="5" t="s">
        <v>38</v>
      </c>
      <c r="P247" s="5" t="s">
        <v>39</v>
      </c>
      <c r="Q247" s="5" t="s">
        <v>40</v>
      </c>
      <c r="R247" s="5" t="s">
        <v>734</v>
      </c>
      <c r="S247" s="5" t="s">
        <v>40</v>
      </c>
      <c r="T247" s="5" t="s">
        <v>42</v>
      </c>
      <c r="U247" s="2">
        <v>26.341999999999999</v>
      </c>
      <c r="V247" s="2">
        <v>23.867999999999999</v>
      </c>
      <c r="W247" s="2">
        <v>0.15</v>
      </c>
      <c r="X247" s="2">
        <v>22.32</v>
      </c>
      <c r="Y247" s="2">
        <v>82.56</v>
      </c>
      <c r="Z247" s="2">
        <v>81.36</v>
      </c>
      <c r="AA247" s="5">
        <v>5</v>
      </c>
      <c r="AB247" s="5" t="s">
        <v>43</v>
      </c>
      <c r="AC247" s="5" t="s">
        <v>735</v>
      </c>
      <c r="AD247" s="2" t="s">
        <v>851</v>
      </c>
      <c r="AE247" s="1"/>
    </row>
    <row r="248" spans="1:31" ht="14.45">
      <c r="A248" s="11"/>
      <c r="B248" s="20"/>
      <c r="C248" s="2" t="s">
        <v>852</v>
      </c>
      <c r="D248" s="14" t="s">
        <v>853</v>
      </c>
      <c r="E248" s="2" t="s">
        <v>854</v>
      </c>
      <c r="F248" s="2" t="s">
        <v>855</v>
      </c>
      <c r="G248" s="8">
        <v>453</v>
      </c>
      <c r="H248" s="5">
        <v>5</v>
      </c>
      <c r="I248" s="5" t="s">
        <v>69</v>
      </c>
      <c r="J248" s="5" t="s">
        <v>731</v>
      </c>
      <c r="K248" s="2" t="s">
        <v>732</v>
      </c>
      <c r="L248" s="5" t="s">
        <v>731</v>
      </c>
      <c r="M248" s="2" t="s">
        <v>732</v>
      </c>
      <c r="N248" s="5" t="s">
        <v>733</v>
      </c>
      <c r="O248" s="5" t="s">
        <v>38</v>
      </c>
      <c r="P248" s="5" t="s">
        <v>39</v>
      </c>
      <c r="Q248" s="5" t="s">
        <v>40</v>
      </c>
      <c r="R248" s="5" t="s">
        <v>734</v>
      </c>
      <c r="S248" s="5" t="s">
        <v>40</v>
      </c>
      <c r="T248" s="5" t="s">
        <v>42</v>
      </c>
      <c r="U248" s="2">
        <v>33.656999999999996</v>
      </c>
      <c r="V248" s="2">
        <v>31.007000000000001</v>
      </c>
      <c r="W248" s="2">
        <v>0.20499999999999999</v>
      </c>
      <c r="X248" s="2">
        <v>22.32</v>
      </c>
      <c r="Y248" s="2">
        <v>82.56</v>
      </c>
      <c r="Z248" s="2">
        <v>111.36</v>
      </c>
      <c r="AA248" s="5">
        <v>5</v>
      </c>
      <c r="AB248" s="5" t="s">
        <v>43</v>
      </c>
      <c r="AC248" s="5" t="s">
        <v>735</v>
      </c>
      <c r="AD248" s="2" t="s">
        <v>856</v>
      </c>
      <c r="AE248" s="1"/>
    </row>
    <row r="249" spans="1:31" ht="14.45">
      <c r="A249" s="11"/>
      <c r="B249" s="20"/>
      <c r="C249" s="2" t="s">
        <v>857</v>
      </c>
      <c r="D249" s="14" t="s">
        <v>858</v>
      </c>
      <c r="E249" s="2" t="s">
        <v>859</v>
      </c>
      <c r="F249" s="2" t="s">
        <v>860</v>
      </c>
      <c r="G249" s="8">
        <v>483</v>
      </c>
      <c r="H249" s="5">
        <v>5</v>
      </c>
      <c r="I249" s="5" t="s">
        <v>69</v>
      </c>
      <c r="J249" s="5" t="s">
        <v>731</v>
      </c>
      <c r="K249" s="2" t="s">
        <v>732</v>
      </c>
      <c r="L249" s="5" t="s">
        <v>731</v>
      </c>
      <c r="M249" s="2" t="s">
        <v>732</v>
      </c>
      <c r="N249" s="5" t="s">
        <v>733</v>
      </c>
      <c r="O249" s="5" t="s">
        <v>38</v>
      </c>
      <c r="P249" s="5" t="s">
        <v>39</v>
      </c>
      <c r="Q249" s="5" t="s">
        <v>40</v>
      </c>
      <c r="R249" s="5" t="s">
        <v>734</v>
      </c>
      <c r="S249" s="5" t="s">
        <v>40</v>
      </c>
      <c r="T249" s="5" t="s">
        <v>42</v>
      </c>
      <c r="U249" s="2">
        <v>38.161999999999999</v>
      </c>
      <c r="V249" s="2">
        <v>34.912999999999997</v>
      </c>
      <c r="W249" s="2">
        <v>0.23200000000000001</v>
      </c>
      <c r="X249" s="2">
        <v>22.32</v>
      </c>
      <c r="Y249" s="2">
        <v>102.56</v>
      </c>
      <c r="Z249" s="2">
        <v>101.36</v>
      </c>
      <c r="AA249" s="5">
        <v>5</v>
      </c>
      <c r="AB249" s="5" t="s">
        <v>43</v>
      </c>
      <c r="AC249" s="5" t="s">
        <v>735</v>
      </c>
      <c r="AD249" s="2" t="s">
        <v>861</v>
      </c>
      <c r="AE249" s="1"/>
    </row>
    <row r="250" spans="1:31" ht="14.45">
      <c r="A250" s="11"/>
      <c r="B250" s="20"/>
      <c r="C250" s="2" t="s">
        <v>862</v>
      </c>
      <c r="D250" s="14" t="s">
        <v>863</v>
      </c>
      <c r="E250" s="2" t="s">
        <v>864</v>
      </c>
      <c r="F250" s="2" t="s">
        <v>865</v>
      </c>
      <c r="G250" s="8">
        <v>536</v>
      </c>
      <c r="H250" s="5">
        <v>5</v>
      </c>
      <c r="I250" s="5" t="s">
        <v>69</v>
      </c>
      <c r="J250" s="5" t="s">
        <v>731</v>
      </c>
      <c r="K250" s="2" t="s">
        <v>732</v>
      </c>
      <c r="L250" s="5" t="s">
        <v>731</v>
      </c>
      <c r="M250" s="2" t="s">
        <v>732</v>
      </c>
      <c r="N250" s="5" t="s">
        <v>733</v>
      </c>
      <c r="O250" s="5" t="s">
        <v>38</v>
      </c>
      <c r="P250" s="5" t="s">
        <v>39</v>
      </c>
      <c r="Q250" s="5" t="s">
        <v>40</v>
      </c>
      <c r="R250" s="5" t="s">
        <v>734</v>
      </c>
      <c r="S250" s="5" t="s">
        <v>40</v>
      </c>
      <c r="T250" s="5" t="s">
        <v>42</v>
      </c>
      <c r="U250" s="2">
        <v>44.636000000000003</v>
      </c>
      <c r="V250" s="2">
        <v>40.957999999999998</v>
      </c>
      <c r="W250" s="2">
        <v>0.28000000000000003</v>
      </c>
      <c r="X250" s="2">
        <v>22.32</v>
      </c>
      <c r="Y250" s="2">
        <v>112.56</v>
      </c>
      <c r="Z250" s="2">
        <v>111.36</v>
      </c>
      <c r="AA250" s="5">
        <v>5</v>
      </c>
      <c r="AB250" s="5" t="s">
        <v>43</v>
      </c>
      <c r="AC250" s="5" t="s">
        <v>735</v>
      </c>
      <c r="AD250" s="2" t="s">
        <v>866</v>
      </c>
      <c r="AE250" s="1"/>
    </row>
    <row r="251" spans="1:31" ht="14.45">
      <c r="A251" s="11"/>
      <c r="B251" s="20"/>
      <c r="C251" s="2" t="s">
        <v>867</v>
      </c>
      <c r="D251" s="14" t="s">
        <v>868</v>
      </c>
      <c r="E251" s="2" t="s">
        <v>869</v>
      </c>
      <c r="F251" s="2" t="s">
        <v>870</v>
      </c>
      <c r="G251" s="8">
        <v>626</v>
      </c>
      <c r="H251" s="5">
        <v>5</v>
      </c>
      <c r="I251" s="5" t="s">
        <v>69</v>
      </c>
      <c r="J251" s="5" t="s">
        <v>731</v>
      </c>
      <c r="K251" s="2" t="s">
        <v>732</v>
      </c>
      <c r="L251" s="5" t="s">
        <v>731</v>
      </c>
      <c r="M251" s="2" t="s">
        <v>732</v>
      </c>
      <c r="N251" s="5" t="s">
        <v>733</v>
      </c>
      <c r="O251" s="5" t="s">
        <v>38</v>
      </c>
      <c r="P251" s="5" t="s">
        <v>39</v>
      </c>
      <c r="Q251" s="5" t="s">
        <v>40</v>
      </c>
      <c r="R251" s="5" t="s">
        <v>734</v>
      </c>
      <c r="S251" s="5" t="s">
        <v>40</v>
      </c>
      <c r="T251" s="5" t="s">
        <v>42</v>
      </c>
      <c r="U251" s="2">
        <v>53.789000000000001</v>
      </c>
      <c r="V251" s="2">
        <v>50.15</v>
      </c>
      <c r="W251" s="2">
        <v>0.35499999999999998</v>
      </c>
      <c r="X251" s="2">
        <v>22.32</v>
      </c>
      <c r="Y251" s="2">
        <v>112.56</v>
      </c>
      <c r="Z251" s="2">
        <v>141.36000000000001</v>
      </c>
      <c r="AA251" s="5">
        <v>5</v>
      </c>
      <c r="AB251" s="5" t="s">
        <v>43</v>
      </c>
      <c r="AC251" s="5" t="s">
        <v>735</v>
      </c>
      <c r="AD251" s="2" t="s">
        <v>871</v>
      </c>
      <c r="AE251" s="1"/>
    </row>
    <row r="252" spans="1:31" ht="14.45">
      <c r="A252" s="11"/>
      <c r="B252" s="20"/>
      <c r="C252" s="2" t="s">
        <v>872</v>
      </c>
      <c r="D252" s="14" t="s">
        <v>873</v>
      </c>
      <c r="E252" s="2" t="s">
        <v>874</v>
      </c>
      <c r="F252" s="2" t="s">
        <v>875</v>
      </c>
      <c r="G252" s="8">
        <v>596</v>
      </c>
      <c r="H252" s="5">
        <v>5</v>
      </c>
      <c r="I252" s="5" t="s">
        <v>69</v>
      </c>
      <c r="J252" s="5" t="s">
        <v>731</v>
      </c>
      <c r="K252" s="2" t="s">
        <v>732</v>
      </c>
      <c r="L252" s="5" t="s">
        <v>731</v>
      </c>
      <c r="M252" s="2" t="s">
        <v>732</v>
      </c>
      <c r="N252" s="5" t="s">
        <v>733</v>
      </c>
      <c r="O252" s="5" t="s">
        <v>38</v>
      </c>
      <c r="P252" s="5" t="s">
        <v>39</v>
      </c>
      <c r="Q252" s="5" t="s">
        <v>40</v>
      </c>
      <c r="R252" s="5" t="s">
        <v>734</v>
      </c>
      <c r="S252" s="5" t="s">
        <v>40</v>
      </c>
      <c r="T252" s="5" t="s">
        <v>42</v>
      </c>
      <c r="U252" s="2">
        <v>50.902999999999999</v>
      </c>
      <c r="V252" s="2">
        <v>46.77</v>
      </c>
      <c r="W252" s="2">
        <v>0.33200000000000002</v>
      </c>
      <c r="X252" s="2">
        <v>22.32</v>
      </c>
      <c r="Y252" s="2">
        <v>122.56</v>
      </c>
      <c r="Z252" s="2">
        <v>121.36</v>
      </c>
      <c r="AA252" s="5">
        <v>5</v>
      </c>
      <c r="AB252" s="5" t="s">
        <v>43</v>
      </c>
      <c r="AC252" s="5" t="s">
        <v>735</v>
      </c>
      <c r="AD252" s="2" t="s">
        <v>876</v>
      </c>
      <c r="AE252" s="1"/>
    </row>
    <row r="253" spans="1:31" ht="14.45">
      <c r="A253" s="11"/>
      <c r="B253" s="20"/>
      <c r="C253" s="2" t="s">
        <v>877</v>
      </c>
      <c r="D253" s="14" t="s">
        <v>878</v>
      </c>
      <c r="E253" s="2" t="s">
        <v>879</v>
      </c>
      <c r="F253" s="2" t="s">
        <v>880</v>
      </c>
      <c r="G253" s="8">
        <v>745</v>
      </c>
      <c r="H253" s="5">
        <v>5</v>
      </c>
      <c r="I253" s="5" t="s">
        <v>69</v>
      </c>
      <c r="J253" s="5" t="s">
        <v>731</v>
      </c>
      <c r="K253" s="2" t="s">
        <v>732</v>
      </c>
      <c r="L253" s="5" t="s">
        <v>731</v>
      </c>
      <c r="M253" s="2" t="s">
        <v>732</v>
      </c>
      <c r="N253" s="5" t="s">
        <v>733</v>
      </c>
      <c r="O253" s="5" t="s">
        <v>38</v>
      </c>
      <c r="P253" s="5" t="s">
        <v>39</v>
      </c>
      <c r="Q253" s="5" t="s">
        <v>40</v>
      </c>
      <c r="R253" s="5" t="s">
        <v>734</v>
      </c>
      <c r="S253" s="5" t="s">
        <v>40</v>
      </c>
      <c r="T253" s="5" t="s">
        <v>881</v>
      </c>
      <c r="U253" s="2">
        <v>69.120999999999995</v>
      </c>
      <c r="V253" s="2">
        <v>64.650000000000006</v>
      </c>
      <c r="W253" s="2">
        <v>0.46899999999999997</v>
      </c>
      <c r="X253" s="2">
        <v>22.32</v>
      </c>
      <c r="Y253" s="2">
        <v>122.56</v>
      </c>
      <c r="Z253" s="2">
        <v>171.36</v>
      </c>
      <c r="AA253" s="5">
        <v>5</v>
      </c>
      <c r="AB253" s="5" t="s">
        <v>43</v>
      </c>
      <c r="AC253" s="5" t="s">
        <v>735</v>
      </c>
      <c r="AD253" s="2" t="s">
        <v>882</v>
      </c>
      <c r="AE253" s="1"/>
    </row>
    <row r="254" spans="1:31" ht="14.45">
      <c r="A254" s="11"/>
      <c r="B254" s="20"/>
      <c r="C254" s="2" t="s">
        <v>883</v>
      </c>
      <c r="D254" s="14" t="s">
        <v>884</v>
      </c>
      <c r="E254" s="2" t="s">
        <v>885</v>
      </c>
      <c r="F254" s="2" t="s">
        <v>886</v>
      </c>
      <c r="G254" s="8">
        <v>685</v>
      </c>
      <c r="H254" s="5">
        <v>5</v>
      </c>
      <c r="I254" s="5" t="s">
        <v>69</v>
      </c>
      <c r="J254" s="5" t="s">
        <v>731</v>
      </c>
      <c r="K254" s="2" t="s">
        <v>732</v>
      </c>
      <c r="L254" s="5" t="s">
        <v>731</v>
      </c>
      <c r="M254" s="2" t="s">
        <v>732</v>
      </c>
      <c r="N254" s="5" t="s">
        <v>733</v>
      </c>
      <c r="O254" s="5" t="s">
        <v>38</v>
      </c>
      <c r="P254" s="5" t="s">
        <v>39</v>
      </c>
      <c r="Q254" s="5" t="s">
        <v>40</v>
      </c>
      <c r="R254" s="5" t="s">
        <v>734</v>
      </c>
      <c r="S254" s="5" t="s">
        <v>40</v>
      </c>
      <c r="T254" s="5" t="s">
        <v>42</v>
      </c>
      <c r="U254" s="2">
        <v>62.100999999999999</v>
      </c>
      <c r="V254" s="2">
        <v>56.963999999999999</v>
      </c>
      <c r="W254" s="2">
        <v>0.45</v>
      </c>
      <c r="X254" s="2">
        <v>22.32</v>
      </c>
      <c r="Y254" s="2">
        <v>142.56</v>
      </c>
      <c r="Z254" s="2">
        <v>141.36000000000001</v>
      </c>
      <c r="AA254" s="5">
        <v>5</v>
      </c>
      <c r="AB254" s="5" t="s">
        <v>43</v>
      </c>
      <c r="AC254" s="5" t="s">
        <v>735</v>
      </c>
      <c r="AD254" s="2" t="s">
        <v>887</v>
      </c>
      <c r="AE254" s="1"/>
    </row>
    <row r="255" spans="1:31" ht="14.45">
      <c r="A255" s="11"/>
      <c r="B255" s="20"/>
      <c r="C255" s="2" t="s">
        <v>888</v>
      </c>
      <c r="D255" s="14" t="s">
        <v>889</v>
      </c>
      <c r="E255" s="2" t="s">
        <v>890</v>
      </c>
      <c r="F255" s="2" t="s">
        <v>891</v>
      </c>
      <c r="G255" s="8">
        <v>882</v>
      </c>
      <c r="H255" s="5">
        <v>5</v>
      </c>
      <c r="I255" s="5" t="s">
        <v>69</v>
      </c>
      <c r="J255" s="5" t="s">
        <v>731</v>
      </c>
      <c r="K255" s="2" t="s">
        <v>732</v>
      </c>
      <c r="L255" s="5" t="s">
        <v>731</v>
      </c>
      <c r="M255" s="2" t="s">
        <v>732</v>
      </c>
      <c r="N255" s="5" t="s">
        <v>733</v>
      </c>
      <c r="O255" s="5" t="s">
        <v>38</v>
      </c>
      <c r="P255" s="5" t="s">
        <v>39</v>
      </c>
      <c r="Q255" s="5" t="s">
        <v>40</v>
      </c>
      <c r="R255" s="5" t="s">
        <v>734</v>
      </c>
      <c r="S255" s="5" t="s">
        <v>40</v>
      </c>
      <c r="T255" s="5" t="s">
        <v>42</v>
      </c>
      <c r="U255" s="2">
        <v>149.488</v>
      </c>
      <c r="V255" s="2">
        <v>116.086</v>
      </c>
      <c r="W255" s="2">
        <v>0.63700000000000001</v>
      </c>
      <c r="X255" s="2">
        <v>22.32</v>
      </c>
      <c r="Y255" s="2">
        <v>169</v>
      </c>
      <c r="Z255" s="2">
        <v>169</v>
      </c>
      <c r="AA255" s="5">
        <v>4</v>
      </c>
      <c r="AB255" s="5" t="s">
        <v>43</v>
      </c>
      <c r="AC255" s="5" t="s">
        <v>735</v>
      </c>
      <c r="AD255" s="2" t="s">
        <v>892</v>
      </c>
      <c r="AE255" s="1"/>
    </row>
    <row r="256" spans="1:31" ht="14.45">
      <c r="A256" s="11"/>
      <c r="B256" s="20"/>
      <c r="C256" s="2" t="s">
        <v>893</v>
      </c>
      <c r="D256" s="14" t="s">
        <v>894</v>
      </c>
      <c r="E256" s="2" t="s">
        <v>895</v>
      </c>
      <c r="F256" s="2" t="s">
        <v>896</v>
      </c>
      <c r="G256" s="8">
        <v>463</v>
      </c>
      <c r="H256" s="5">
        <v>5</v>
      </c>
      <c r="I256" s="5" t="s">
        <v>69</v>
      </c>
      <c r="J256" s="5" t="s">
        <v>731</v>
      </c>
      <c r="K256" s="2" t="s">
        <v>732</v>
      </c>
      <c r="L256" s="5" t="s">
        <v>731</v>
      </c>
      <c r="M256" s="2" t="s">
        <v>732</v>
      </c>
      <c r="N256" s="5" t="s">
        <v>733</v>
      </c>
      <c r="O256" s="5" t="s">
        <v>38</v>
      </c>
      <c r="P256" s="5" t="s">
        <v>39</v>
      </c>
      <c r="Q256" s="5" t="s">
        <v>40</v>
      </c>
      <c r="R256" s="5" t="s">
        <v>897</v>
      </c>
      <c r="S256" s="5" t="s">
        <v>40</v>
      </c>
      <c r="T256" s="5" t="s">
        <v>42</v>
      </c>
      <c r="U256" s="2">
        <v>31.658000000000001</v>
      </c>
      <c r="V256" s="2">
        <v>28.617000000000001</v>
      </c>
      <c r="W256" s="2">
        <v>0.20599999999999999</v>
      </c>
      <c r="X256" s="2">
        <v>22.3</v>
      </c>
      <c r="Y256" s="2">
        <v>96.7</v>
      </c>
      <c r="Z256" s="2">
        <v>95.6</v>
      </c>
      <c r="AA256" s="5">
        <v>5</v>
      </c>
      <c r="AB256" s="5" t="s">
        <v>43</v>
      </c>
      <c r="AC256" s="5" t="s">
        <v>735</v>
      </c>
      <c r="AD256" s="2" t="s">
        <v>898</v>
      </c>
      <c r="AE256" s="1"/>
    </row>
    <row r="257" spans="1:31" ht="14.45">
      <c r="A257" s="11"/>
      <c r="B257" s="20"/>
      <c r="C257" s="2" t="s">
        <v>899</v>
      </c>
      <c r="D257" s="14" t="s">
        <v>900</v>
      </c>
      <c r="E257" s="2" t="s">
        <v>901</v>
      </c>
      <c r="F257" s="2" t="s">
        <v>902</v>
      </c>
      <c r="G257" s="8">
        <v>602</v>
      </c>
      <c r="H257" s="5">
        <v>5</v>
      </c>
      <c r="I257" s="5" t="s">
        <v>69</v>
      </c>
      <c r="J257" s="5" t="s">
        <v>731</v>
      </c>
      <c r="K257" s="2" t="s">
        <v>732</v>
      </c>
      <c r="L257" s="5" t="s">
        <v>731</v>
      </c>
      <c r="M257" s="2" t="s">
        <v>732</v>
      </c>
      <c r="N257" s="5" t="s">
        <v>733</v>
      </c>
      <c r="O257" s="5" t="s">
        <v>38</v>
      </c>
      <c r="P257" s="5" t="s">
        <v>39</v>
      </c>
      <c r="Q257" s="5" t="s">
        <v>40</v>
      </c>
      <c r="R257" s="5" t="s">
        <v>897</v>
      </c>
      <c r="S257" s="5" t="s">
        <v>40</v>
      </c>
      <c r="T257" s="5" t="s">
        <v>42</v>
      </c>
      <c r="U257" s="2">
        <v>34.616999999999997</v>
      </c>
      <c r="V257" s="2">
        <v>31.576000000000001</v>
      </c>
      <c r="W257" s="2">
        <v>0.20599999999999999</v>
      </c>
      <c r="X257" s="2">
        <v>22.3</v>
      </c>
      <c r="Y257" s="2">
        <v>96.7</v>
      </c>
      <c r="Z257" s="2">
        <v>95.6</v>
      </c>
      <c r="AA257" s="5">
        <v>5</v>
      </c>
      <c r="AB257" s="5" t="s">
        <v>43</v>
      </c>
      <c r="AC257" s="5" t="s">
        <v>735</v>
      </c>
      <c r="AD257" s="2" t="s">
        <v>903</v>
      </c>
      <c r="AE257" s="1"/>
    </row>
    <row r="258" spans="1:31" ht="14.45">
      <c r="A258" s="11"/>
      <c r="B258" s="20"/>
      <c r="C258" s="2" t="s">
        <v>904</v>
      </c>
      <c r="D258" s="14" t="s">
        <v>905</v>
      </c>
      <c r="E258" s="2" t="s">
        <v>906</v>
      </c>
      <c r="F258" s="2" t="s">
        <v>907</v>
      </c>
      <c r="G258" s="8">
        <v>552</v>
      </c>
      <c r="H258" s="5">
        <v>5</v>
      </c>
      <c r="I258" s="5" t="s">
        <v>69</v>
      </c>
      <c r="J258" s="5" t="s">
        <v>731</v>
      </c>
      <c r="K258" s="2" t="s">
        <v>732</v>
      </c>
      <c r="L258" s="5" t="s">
        <v>731</v>
      </c>
      <c r="M258" s="2" t="s">
        <v>732</v>
      </c>
      <c r="N258" s="5" t="s">
        <v>733</v>
      </c>
      <c r="O258" s="5" t="s">
        <v>38</v>
      </c>
      <c r="P258" s="5" t="s">
        <v>39</v>
      </c>
      <c r="Q258" s="5" t="s">
        <v>40</v>
      </c>
      <c r="R258" s="5" t="s">
        <v>897</v>
      </c>
      <c r="S258" s="5" t="s">
        <v>40</v>
      </c>
      <c r="T258" s="5" t="s">
        <v>42</v>
      </c>
      <c r="U258" s="2">
        <v>44.832999999999998</v>
      </c>
      <c r="V258" s="2">
        <v>40.936999999999998</v>
      </c>
      <c r="W258" s="2">
        <v>0.30099999999999999</v>
      </c>
      <c r="X258" s="2">
        <v>22.3</v>
      </c>
      <c r="Y258" s="2">
        <v>116.7</v>
      </c>
      <c r="Z258" s="2">
        <v>115.6</v>
      </c>
      <c r="AA258" s="5">
        <v>5</v>
      </c>
      <c r="AB258" s="5" t="s">
        <v>43</v>
      </c>
      <c r="AC258" s="5" t="s">
        <v>735</v>
      </c>
      <c r="AD258" s="2" t="s">
        <v>908</v>
      </c>
      <c r="AE258" s="1"/>
    </row>
    <row r="259" spans="1:31" ht="14.45">
      <c r="A259" s="11"/>
      <c r="B259" s="20"/>
      <c r="C259" s="2" t="s">
        <v>909</v>
      </c>
      <c r="D259" s="14" t="s">
        <v>910</v>
      </c>
      <c r="E259" s="2" t="s">
        <v>911</v>
      </c>
      <c r="F259" s="2" t="s">
        <v>912</v>
      </c>
      <c r="G259" s="8">
        <v>717</v>
      </c>
      <c r="H259" s="5">
        <v>5</v>
      </c>
      <c r="I259" s="5" t="s">
        <v>69</v>
      </c>
      <c r="J259" s="5" t="s">
        <v>731</v>
      </c>
      <c r="K259" s="2" t="s">
        <v>732</v>
      </c>
      <c r="L259" s="5" t="s">
        <v>731</v>
      </c>
      <c r="M259" s="2" t="s">
        <v>732</v>
      </c>
      <c r="N259" s="5" t="s">
        <v>733</v>
      </c>
      <c r="O259" s="5" t="s">
        <v>38</v>
      </c>
      <c r="P259" s="5" t="s">
        <v>39</v>
      </c>
      <c r="Q259" s="5" t="s">
        <v>40</v>
      </c>
      <c r="R259" s="5" t="s">
        <v>897</v>
      </c>
      <c r="S259" s="5" t="s">
        <v>40</v>
      </c>
      <c r="T259" s="5" t="s">
        <v>42</v>
      </c>
      <c r="U259" s="2">
        <v>49.91</v>
      </c>
      <c r="V259" s="2">
        <v>46.014000000000003</v>
      </c>
      <c r="W259" s="2">
        <v>0.30099999999999999</v>
      </c>
      <c r="X259" s="2">
        <v>22.3</v>
      </c>
      <c r="Y259" s="2">
        <v>116.7</v>
      </c>
      <c r="Z259" s="2">
        <v>115.6</v>
      </c>
      <c r="AA259" s="5">
        <v>5</v>
      </c>
      <c r="AB259" s="5" t="s">
        <v>43</v>
      </c>
      <c r="AC259" s="5" t="s">
        <v>735</v>
      </c>
      <c r="AD259" s="2" t="s">
        <v>913</v>
      </c>
      <c r="AE259" s="1"/>
    </row>
    <row r="260" spans="1:31" ht="14.45">
      <c r="A260" s="11"/>
      <c r="B260" s="20"/>
      <c r="C260" s="2" t="s">
        <v>914</v>
      </c>
      <c r="D260" s="14" t="s">
        <v>915</v>
      </c>
      <c r="E260" s="2" t="s">
        <v>916</v>
      </c>
      <c r="F260" s="2" t="s">
        <v>917</v>
      </c>
      <c r="G260" s="8">
        <v>511</v>
      </c>
      <c r="H260" s="5">
        <v>5</v>
      </c>
      <c r="I260" s="5" t="s">
        <v>69</v>
      </c>
      <c r="J260" s="5" t="s">
        <v>731</v>
      </c>
      <c r="K260" s="2" t="s">
        <v>732</v>
      </c>
      <c r="L260" s="5" t="s">
        <v>731</v>
      </c>
      <c r="M260" s="2" t="s">
        <v>732</v>
      </c>
      <c r="N260" s="5" t="s">
        <v>733</v>
      </c>
      <c r="O260" s="5" t="s">
        <v>38</v>
      </c>
      <c r="P260" s="5" t="s">
        <v>39</v>
      </c>
      <c r="Q260" s="5" t="s">
        <v>40</v>
      </c>
      <c r="R260" s="5" t="s">
        <v>897</v>
      </c>
      <c r="S260" s="5" t="s">
        <v>40</v>
      </c>
      <c r="T260" s="5" t="s">
        <v>42</v>
      </c>
      <c r="U260" s="2">
        <v>40.871000000000002</v>
      </c>
      <c r="V260" s="2">
        <v>37.085999999999999</v>
      </c>
      <c r="W260" s="2">
        <v>0.27</v>
      </c>
      <c r="X260" s="2">
        <v>22.3</v>
      </c>
      <c r="Y260" s="2">
        <v>126.7</v>
      </c>
      <c r="Z260" s="2">
        <v>95.6</v>
      </c>
      <c r="AA260" s="5">
        <v>5</v>
      </c>
      <c r="AB260" s="5" t="s">
        <v>43</v>
      </c>
      <c r="AC260" s="5" t="s">
        <v>735</v>
      </c>
      <c r="AD260" s="2" t="s">
        <v>918</v>
      </c>
      <c r="AE260" s="1"/>
    </row>
    <row r="261" spans="1:31" ht="14.45">
      <c r="A261" s="11"/>
      <c r="B261" s="20"/>
      <c r="C261" s="2" t="s">
        <v>919</v>
      </c>
      <c r="D261" s="14" t="s">
        <v>920</v>
      </c>
      <c r="E261" s="2" t="s">
        <v>921</v>
      </c>
      <c r="F261" s="2" t="s">
        <v>922</v>
      </c>
      <c r="G261" s="8">
        <v>664</v>
      </c>
      <c r="H261" s="5">
        <v>5</v>
      </c>
      <c r="I261" s="5" t="s">
        <v>69</v>
      </c>
      <c r="J261" s="5" t="s">
        <v>731</v>
      </c>
      <c r="K261" s="2" t="s">
        <v>732</v>
      </c>
      <c r="L261" s="5" t="s">
        <v>731</v>
      </c>
      <c r="M261" s="2" t="s">
        <v>732</v>
      </c>
      <c r="N261" s="5" t="s">
        <v>733</v>
      </c>
      <c r="O261" s="5" t="s">
        <v>38</v>
      </c>
      <c r="P261" s="5" t="s">
        <v>39</v>
      </c>
      <c r="Q261" s="5" t="s">
        <v>40</v>
      </c>
      <c r="R261" s="5" t="s">
        <v>897</v>
      </c>
      <c r="S261" s="5" t="s">
        <v>40</v>
      </c>
      <c r="T261" s="5" t="s">
        <v>42</v>
      </c>
      <c r="U261" s="2">
        <v>45.201000000000001</v>
      </c>
      <c r="V261" s="2">
        <v>41.415999999999997</v>
      </c>
      <c r="W261" s="2">
        <v>0.27</v>
      </c>
      <c r="X261" s="2">
        <v>22.3</v>
      </c>
      <c r="Y261" s="2">
        <v>126.7</v>
      </c>
      <c r="Z261" s="2">
        <v>95.6</v>
      </c>
      <c r="AA261" s="5">
        <v>5</v>
      </c>
      <c r="AB261" s="5" t="s">
        <v>43</v>
      </c>
      <c r="AC261" s="5" t="s">
        <v>735</v>
      </c>
      <c r="AD261" s="2" t="s">
        <v>923</v>
      </c>
      <c r="AE261" s="1"/>
    </row>
    <row r="262" spans="1:31" ht="14.45">
      <c r="A262" s="11"/>
      <c r="B262" s="20"/>
      <c r="C262" s="2" t="s">
        <v>924</v>
      </c>
      <c r="D262" s="14" t="s">
        <v>925</v>
      </c>
      <c r="E262" s="2" t="s">
        <v>926</v>
      </c>
      <c r="F262" s="2" t="s">
        <v>927</v>
      </c>
      <c r="G262" s="8">
        <v>613</v>
      </c>
      <c r="H262" s="5">
        <v>5</v>
      </c>
      <c r="I262" s="5" t="s">
        <v>69</v>
      </c>
      <c r="J262" s="5" t="s">
        <v>731</v>
      </c>
      <c r="K262" s="2" t="s">
        <v>732</v>
      </c>
      <c r="L262" s="5" t="s">
        <v>731</v>
      </c>
      <c r="M262" s="2" t="s">
        <v>732</v>
      </c>
      <c r="N262" s="5" t="s">
        <v>733</v>
      </c>
      <c r="O262" s="5" t="s">
        <v>38</v>
      </c>
      <c r="P262" s="5" t="s">
        <v>39</v>
      </c>
      <c r="Q262" s="5" t="s">
        <v>40</v>
      </c>
      <c r="R262" s="5" t="s">
        <v>897</v>
      </c>
      <c r="S262" s="5" t="s">
        <v>40</v>
      </c>
      <c r="T262" s="5" t="s">
        <v>42</v>
      </c>
      <c r="U262" s="2">
        <v>52.529000000000003</v>
      </c>
      <c r="V262" s="2">
        <v>47.863</v>
      </c>
      <c r="W262" s="2">
        <v>0.35499999999999998</v>
      </c>
      <c r="X262" s="2">
        <v>22.3</v>
      </c>
      <c r="Y262" s="2">
        <v>126.7</v>
      </c>
      <c r="Z262" s="2">
        <v>125.6</v>
      </c>
      <c r="AA262" s="5">
        <v>5</v>
      </c>
      <c r="AB262" s="5" t="s">
        <v>43</v>
      </c>
      <c r="AC262" s="5" t="s">
        <v>735</v>
      </c>
      <c r="AD262" s="2" t="s">
        <v>928</v>
      </c>
      <c r="AE262" s="1"/>
    </row>
    <row r="263" spans="1:31" ht="14.45">
      <c r="A263" s="11"/>
      <c r="B263" s="20"/>
      <c r="C263" s="2" t="s">
        <v>929</v>
      </c>
      <c r="D263" s="14" t="s">
        <v>930</v>
      </c>
      <c r="E263" s="2" t="s">
        <v>931</v>
      </c>
      <c r="F263" s="2" t="s">
        <v>932</v>
      </c>
      <c r="G263" s="8">
        <v>797</v>
      </c>
      <c r="H263" s="5">
        <v>5</v>
      </c>
      <c r="I263" s="5" t="s">
        <v>69</v>
      </c>
      <c r="J263" s="5" t="s">
        <v>731</v>
      </c>
      <c r="K263" s="2" t="s">
        <v>732</v>
      </c>
      <c r="L263" s="5" t="s">
        <v>731</v>
      </c>
      <c r="M263" s="2" t="s">
        <v>732</v>
      </c>
      <c r="N263" s="5" t="s">
        <v>733</v>
      </c>
      <c r="O263" s="5" t="s">
        <v>38</v>
      </c>
      <c r="P263" s="5" t="s">
        <v>39</v>
      </c>
      <c r="Q263" s="5" t="s">
        <v>40</v>
      </c>
      <c r="R263" s="5" t="s">
        <v>897</v>
      </c>
      <c r="S263" s="5" t="s">
        <v>40</v>
      </c>
      <c r="T263" s="5" t="s">
        <v>42</v>
      </c>
      <c r="U263" s="2">
        <v>58.878999999999998</v>
      </c>
      <c r="V263" s="2">
        <v>54.213000000000001</v>
      </c>
      <c r="W263" s="2">
        <v>0.35499999999999998</v>
      </c>
      <c r="X263" s="2">
        <v>22.3</v>
      </c>
      <c r="Y263" s="2">
        <v>126.7</v>
      </c>
      <c r="Z263" s="2">
        <v>125.6</v>
      </c>
      <c r="AA263" s="5">
        <v>5</v>
      </c>
      <c r="AB263" s="5" t="s">
        <v>43</v>
      </c>
      <c r="AC263" s="5" t="s">
        <v>735</v>
      </c>
      <c r="AD263" s="2" t="s">
        <v>933</v>
      </c>
      <c r="AE263" s="1"/>
    </row>
    <row r="264" spans="1:31" ht="14.45">
      <c r="A264" s="11"/>
      <c r="B264" s="20"/>
      <c r="C264" s="2" t="s">
        <v>934</v>
      </c>
      <c r="D264" s="14" t="s">
        <v>935</v>
      </c>
      <c r="E264" s="2" t="s">
        <v>936</v>
      </c>
      <c r="F264" s="2" t="s">
        <v>937</v>
      </c>
      <c r="G264" s="8">
        <v>681</v>
      </c>
      <c r="H264" s="5">
        <v>5</v>
      </c>
      <c r="I264" s="5" t="s">
        <v>69</v>
      </c>
      <c r="J264" s="5" t="s">
        <v>731</v>
      </c>
      <c r="K264" s="2" t="s">
        <v>732</v>
      </c>
      <c r="L264" s="5" t="s">
        <v>731</v>
      </c>
      <c r="M264" s="2" t="s">
        <v>732</v>
      </c>
      <c r="N264" s="5" t="s">
        <v>733</v>
      </c>
      <c r="O264" s="5" t="s">
        <v>38</v>
      </c>
      <c r="P264" s="5" t="s">
        <v>39</v>
      </c>
      <c r="Q264" s="5" t="s">
        <v>40</v>
      </c>
      <c r="R264" s="5" t="s">
        <v>897</v>
      </c>
      <c r="S264" s="5" t="s">
        <v>40</v>
      </c>
      <c r="T264" s="5" t="s">
        <v>42</v>
      </c>
      <c r="U264" s="2">
        <v>60.606000000000002</v>
      </c>
      <c r="V264" s="2">
        <v>55.44</v>
      </c>
      <c r="W264" s="2">
        <v>0.41299999999999998</v>
      </c>
      <c r="X264" s="2">
        <v>22.3</v>
      </c>
      <c r="Y264" s="2">
        <v>136.69999999999999</v>
      </c>
      <c r="Z264" s="2">
        <v>135.6</v>
      </c>
      <c r="AA264" s="5">
        <v>5</v>
      </c>
      <c r="AB264" s="5" t="s">
        <v>43</v>
      </c>
      <c r="AC264" s="5" t="s">
        <v>735</v>
      </c>
      <c r="AD264" s="2" t="s">
        <v>938</v>
      </c>
      <c r="AE264" s="1"/>
    </row>
    <row r="265" spans="1:31" ht="14.45">
      <c r="A265" s="11"/>
      <c r="B265" s="20"/>
      <c r="C265" s="2" t="s">
        <v>939</v>
      </c>
      <c r="D265" s="14" t="s">
        <v>940</v>
      </c>
      <c r="E265" s="2" t="s">
        <v>941</v>
      </c>
      <c r="F265" s="2" t="s">
        <v>942</v>
      </c>
      <c r="G265" s="8">
        <v>885</v>
      </c>
      <c r="H265" s="5">
        <v>5</v>
      </c>
      <c r="I265" s="5" t="s">
        <v>69</v>
      </c>
      <c r="J265" s="5" t="s">
        <v>731</v>
      </c>
      <c r="K265" s="2" t="s">
        <v>732</v>
      </c>
      <c r="L265" s="5" t="s">
        <v>731</v>
      </c>
      <c r="M265" s="2" t="s">
        <v>732</v>
      </c>
      <c r="N265" s="5" t="s">
        <v>733</v>
      </c>
      <c r="O265" s="5" t="s">
        <v>38</v>
      </c>
      <c r="P265" s="5" t="s">
        <v>39</v>
      </c>
      <c r="Q265" s="5" t="s">
        <v>40</v>
      </c>
      <c r="R265" s="5" t="s">
        <v>897</v>
      </c>
      <c r="S265" s="5" t="s">
        <v>40</v>
      </c>
      <c r="T265" s="5" t="s">
        <v>42</v>
      </c>
      <c r="U265" s="2">
        <v>68.236999999999995</v>
      </c>
      <c r="V265" s="2">
        <v>63.070999999999998</v>
      </c>
      <c r="W265" s="2">
        <v>0.41299999999999998</v>
      </c>
      <c r="X265" s="2">
        <v>22.3</v>
      </c>
      <c r="Y265" s="2">
        <v>136.69999999999999</v>
      </c>
      <c r="Z265" s="2">
        <v>135.6</v>
      </c>
      <c r="AA265" s="5">
        <v>5</v>
      </c>
      <c r="AB265" s="5" t="s">
        <v>43</v>
      </c>
      <c r="AC265" s="5" t="s">
        <v>735</v>
      </c>
      <c r="AD265" s="2" t="s">
        <v>943</v>
      </c>
      <c r="AE265" s="1"/>
    </row>
    <row r="266" spans="1:31" ht="14.45">
      <c r="A266" s="11"/>
      <c r="B266" s="20"/>
      <c r="C266" s="2" t="s">
        <v>944</v>
      </c>
      <c r="D266" s="14" t="s">
        <v>945</v>
      </c>
      <c r="E266" s="2" t="s">
        <v>946</v>
      </c>
      <c r="F266" s="2" t="s">
        <v>947</v>
      </c>
      <c r="G266" s="8">
        <v>708</v>
      </c>
      <c r="H266" s="5">
        <v>5</v>
      </c>
      <c r="I266" s="5" t="s">
        <v>69</v>
      </c>
      <c r="J266" s="5" t="s">
        <v>731</v>
      </c>
      <c r="K266" s="2" t="s">
        <v>732</v>
      </c>
      <c r="L266" s="5" t="s">
        <v>731</v>
      </c>
      <c r="M266" s="2" t="s">
        <v>732</v>
      </c>
      <c r="N266" s="5" t="s">
        <v>733</v>
      </c>
      <c r="O266" s="5" t="s">
        <v>38</v>
      </c>
      <c r="P266" s="5" t="s">
        <v>39</v>
      </c>
      <c r="Q266" s="5" t="s">
        <v>40</v>
      </c>
      <c r="R266" s="5" t="s">
        <v>897</v>
      </c>
      <c r="S266" s="5" t="s">
        <v>40</v>
      </c>
      <c r="T266" s="5" t="s">
        <v>42</v>
      </c>
      <c r="U266" s="2">
        <v>64.069000000000003</v>
      </c>
      <c r="V266" s="2">
        <v>58.679000000000002</v>
      </c>
      <c r="W266" s="2">
        <v>0.439</v>
      </c>
      <c r="X266" s="2">
        <v>22.3</v>
      </c>
      <c r="Y266" s="2">
        <v>156.69999999999999</v>
      </c>
      <c r="Z266" s="2">
        <v>125.6</v>
      </c>
      <c r="AA266" s="5">
        <v>5</v>
      </c>
      <c r="AB266" s="5" t="s">
        <v>43</v>
      </c>
      <c r="AC266" s="5" t="s">
        <v>735</v>
      </c>
      <c r="AD266" s="2" t="s">
        <v>948</v>
      </c>
      <c r="AE266" s="1"/>
    </row>
    <row r="267" spans="1:31" ht="14.45">
      <c r="A267" s="11"/>
      <c r="B267" s="20"/>
      <c r="C267" s="2" t="s">
        <v>949</v>
      </c>
      <c r="D267" s="14" t="s">
        <v>950</v>
      </c>
      <c r="E267" s="2" t="s">
        <v>951</v>
      </c>
      <c r="F267" s="2" t="s">
        <v>952</v>
      </c>
      <c r="G267" s="8">
        <v>921</v>
      </c>
      <c r="H267" s="5">
        <v>5</v>
      </c>
      <c r="I267" s="5" t="s">
        <v>69</v>
      </c>
      <c r="J267" s="5" t="s">
        <v>731</v>
      </c>
      <c r="K267" s="2" t="s">
        <v>732</v>
      </c>
      <c r="L267" s="5" t="s">
        <v>731</v>
      </c>
      <c r="M267" s="2" t="s">
        <v>732</v>
      </c>
      <c r="N267" s="5" t="s">
        <v>733</v>
      </c>
      <c r="O267" s="5" t="s">
        <v>38</v>
      </c>
      <c r="P267" s="5" t="s">
        <v>39</v>
      </c>
      <c r="Q267" s="5" t="s">
        <v>40</v>
      </c>
      <c r="R267" s="5" t="s">
        <v>897</v>
      </c>
      <c r="S267" s="5" t="s">
        <v>40</v>
      </c>
      <c r="T267" s="5" t="s">
        <v>42</v>
      </c>
      <c r="U267" s="2">
        <v>72.438000000000002</v>
      </c>
      <c r="V267" s="2">
        <v>67.048000000000002</v>
      </c>
      <c r="W267" s="2">
        <v>0.439</v>
      </c>
      <c r="X267" s="2">
        <v>22.3</v>
      </c>
      <c r="Y267" s="2">
        <v>156.69999999999999</v>
      </c>
      <c r="Z267" s="2">
        <v>125.6</v>
      </c>
      <c r="AA267" s="5">
        <v>5</v>
      </c>
      <c r="AB267" s="5" t="s">
        <v>43</v>
      </c>
      <c r="AC267" s="5" t="s">
        <v>735</v>
      </c>
      <c r="AD267" s="2" t="s">
        <v>953</v>
      </c>
      <c r="AE267" s="1"/>
    </row>
    <row r="268" spans="1:31" ht="14.45">
      <c r="A268" s="11"/>
      <c r="B268" s="20"/>
      <c r="C268" s="2" t="s">
        <v>954</v>
      </c>
      <c r="D268" s="14" t="s">
        <v>955</v>
      </c>
      <c r="E268" s="2" t="s">
        <v>956</v>
      </c>
      <c r="F268" s="2" t="s">
        <v>957</v>
      </c>
      <c r="G268" s="8">
        <v>831</v>
      </c>
      <c r="H268" s="5">
        <v>5</v>
      </c>
      <c r="I268" s="5" t="s">
        <v>69</v>
      </c>
      <c r="J268" s="5" t="s">
        <v>731</v>
      </c>
      <c r="K268" s="2" t="s">
        <v>732</v>
      </c>
      <c r="L268" s="5" t="s">
        <v>731</v>
      </c>
      <c r="M268" s="2" t="s">
        <v>732</v>
      </c>
      <c r="N268" s="5" t="s">
        <v>733</v>
      </c>
      <c r="O268" s="5" t="s">
        <v>38</v>
      </c>
      <c r="P268" s="5" t="s">
        <v>39</v>
      </c>
      <c r="Q268" s="5" t="s">
        <v>40</v>
      </c>
      <c r="R268" s="5" t="s">
        <v>897</v>
      </c>
      <c r="S268" s="5" t="s">
        <v>40</v>
      </c>
      <c r="T268" s="5" t="s">
        <v>42</v>
      </c>
      <c r="U268" s="2">
        <v>78.022999999999996</v>
      </c>
      <c r="V268" s="2">
        <v>71.77</v>
      </c>
      <c r="W268" s="2">
        <v>0.54400000000000004</v>
      </c>
      <c r="X268" s="2">
        <v>22.3</v>
      </c>
      <c r="Y268" s="2">
        <v>156.69999999999999</v>
      </c>
      <c r="Z268" s="2">
        <v>155.6</v>
      </c>
      <c r="AA268" s="5">
        <v>5</v>
      </c>
      <c r="AB268" s="5" t="s">
        <v>43</v>
      </c>
      <c r="AC268" s="5" t="s">
        <v>735</v>
      </c>
      <c r="AD268" s="2" t="s">
        <v>958</v>
      </c>
      <c r="AE268" s="1"/>
    </row>
    <row r="269" spans="1:31" ht="14.45">
      <c r="A269" s="11"/>
      <c r="B269" s="20"/>
      <c r="C269" s="2" t="s">
        <v>959</v>
      </c>
      <c r="D269" s="14" t="s">
        <v>960</v>
      </c>
      <c r="E269" s="2" t="s">
        <v>961</v>
      </c>
      <c r="F269" s="2" t="s">
        <v>962</v>
      </c>
      <c r="G269" s="8">
        <v>1080</v>
      </c>
      <c r="H269" s="5">
        <v>5</v>
      </c>
      <c r="I269" s="5" t="s">
        <v>69</v>
      </c>
      <c r="J269" s="5" t="s">
        <v>731</v>
      </c>
      <c r="K269" s="2" t="s">
        <v>732</v>
      </c>
      <c r="L269" s="5" t="s">
        <v>731</v>
      </c>
      <c r="M269" s="2" t="s">
        <v>732</v>
      </c>
      <c r="N269" s="5" t="s">
        <v>733</v>
      </c>
      <c r="O269" s="5" t="s">
        <v>38</v>
      </c>
      <c r="P269" s="5" t="s">
        <v>39</v>
      </c>
      <c r="Q269" s="5" t="s">
        <v>40</v>
      </c>
      <c r="R269" s="5" t="s">
        <v>897</v>
      </c>
      <c r="S269" s="5" t="s">
        <v>40</v>
      </c>
      <c r="T269" s="5" t="s">
        <v>42</v>
      </c>
      <c r="U269" s="2">
        <v>89.045000000000002</v>
      </c>
      <c r="V269" s="2">
        <v>82.792000000000002</v>
      </c>
      <c r="W269" s="2">
        <v>0.54400000000000004</v>
      </c>
      <c r="X269" s="2">
        <v>22.3</v>
      </c>
      <c r="Y269" s="2">
        <v>156.69999999999999</v>
      </c>
      <c r="Z269" s="2">
        <v>155.6</v>
      </c>
      <c r="AA269" s="5">
        <v>5</v>
      </c>
      <c r="AB269" s="5" t="s">
        <v>43</v>
      </c>
      <c r="AC269" s="5" t="s">
        <v>735</v>
      </c>
      <c r="AD269" s="2" t="s">
        <v>963</v>
      </c>
      <c r="AE269" s="1"/>
    </row>
    <row r="270" spans="1:31" ht="14.45">
      <c r="A270" s="11"/>
      <c r="B270" s="20"/>
      <c r="C270" s="2" t="s">
        <v>964</v>
      </c>
      <c r="D270" s="14" t="s">
        <v>965</v>
      </c>
      <c r="E270" s="2" t="s">
        <v>966</v>
      </c>
      <c r="F270" s="2" t="s">
        <v>967</v>
      </c>
      <c r="G270" s="8">
        <v>749</v>
      </c>
      <c r="H270" s="5">
        <v>5</v>
      </c>
      <c r="I270" s="5" t="s">
        <v>69</v>
      </c>
      <c r="J270" s="5" t="s">
        <v>731</v>
      </c>
      <c r="K270" s="2" t="s">
        <v>732</v>
      </c>
      <c r="L270" s="5" t="s">
        <v>731</v>
      </c>
      <c r="M270" s="2" t="s">
        <v>732</v>
      </c>
      <c r="N270" s="5" t="s">
        <v>733</v>
      </c>
      <c r="O270" s="5" t="s">
        <v>38</v>
      </c>
      <c r="P270" s="5" t="s">
        <v>39</v>
      </c>
      <c r="Q270" s="5" t="s">
        <v>40</v>
      </c>
      <c r="R270" s="5" t="s">
        <v>897</v>
      </c>
      <c r="S270" s="5" t="s">
        <v>40</v>
      </c>
      <c r="T270" s="5" t="s">
        <v>42</v>
      </c>
      <c r="U270" s="2">
        <v>88.673000000000002</v>
      </c>
      <c r="V270" s="2">
        <v>83.614999999999995</v>
      </c>
      <c r="W270" s="2">
        <v>0.48099999999999998</v>
      </c>
      <c r="X270" s="2">
        <v>22.3</v>
      </c>
      <c r="Y270" s="2">
        <v>186.7</v>
      </c>
      <c r="Z270" s="2">
        <v>115.6</v>
      </c>
      <c r="AA270" s="5">
        <v>5</v>
      </c>
      <c r="AB270" s="5" t="s">
        <v>43</v>
      </c>
      <c r="AC270" s="5" t="s">
        <v>735</v>
      </c>
      <c r="AD270" s="2" t="s">
        <v>968</v>
      </c>
      <c r="AE270" s="1"/>
    </row>
    <row r="271" spans="1:31" ht="14.45">
      <c r="A271" s="11"/>
      <c r="B271" s="20"/>
      <c r="C271" s="2" t="s">
        <v>969</v>
      </c>
      <c r="D271" s="14" t="s">
        <v>970</v>
      </c>
      <c r="E271" s="2" t="s">
        <v>971</v>
      </c>
      <c r="F271" s="2" t="s">
        <v>972</v>
      </c>
      <c r="G271" s="8">
        <v>974</v>
      </c>
      <c r="H271" s="5">
        <v>5</v>
      </c>
      <c r="I271" s="5" t="s">
        <v>69</v>
      </c>
      <c r="J271" s="5" t="s">
        <v>731</v>
      </c>
      <c r="K271" s="2" t="s">
        <v>732</v>
      </c>
      <c r="L271" s="5" t="s">
        <v>731</v>
      </c>
      <c r="M271" s="2" t="s">
        <v>732</v>
      </c>
      <c r="N271" s="5" t="s">
        <v>733</v>
      </c>
      <c r="O271" s="5" t="s">
        <v>38</v>
      </c>
      <c r="P271" s="5" t="s">
        <v>39</v>
      </c>
      <c r="Q271" s="5" t="s">
        <v>40</v>
      </c>
      <c r="R271" s="5" t="s">
        <v>897</v>
      </c>
      <c r="S271" s="5" t="s">
        <v>40</v>
      </c>
      <c r="T271" s="5" t="s">
        <v>42</v>
      </c>
      <c r="U271" s="2">
        <v>101.13500000000001</v>
      </c>
      <c r="V271" s="2">
        <v>96.076999999999998</v>
      </c>
      <c r="W271" s="2">
        <v>0.48099999999999998</v>
      </c>
      <c r="X271" s="2">
        <v>22.3</v>
      </c>
      <c r="Y271" s="2">
        <v>186.7</v>
      </c>
      <c r="Z271" s="2">
        <v>115.6</v>
      </c>
      <c r="AA271" s="5">
        <v>5</v>
      </c>
      <c r="AB271" s="5" t="s">
        <v>43</v>
      </c>
      <c r="AC271" s="5" t="s">
        <v>735</v>
      </c>
      <c r="AD271" s="2" t="s">
        <v>973</v>
      </c>
      <c r="AE271" s="1"/>
    </row>
    <row r="272" spans="1:31" ht="14.45">
      <c r="A272" s="11"/>
      <c r="B272" s="20"/>
      <c r="C272" s="2" t="s">
        <v>974</v>
      </c>
      <c r="D272" s="14" t="s">
        <v>975</v>
      </c>
      <c r="E272" s="2" t="s">
        <v>976</v>
      </c>
      <c r="F272" s="2" t="s">
        <v>977</v>
      </c>
      <c r="G272" s="8">
        <v>851</v>
      </c>
      <c r="H272" s="5">
        <v>5</v>
      </c>
      <c r="I272" s="5" t="s">
        <v>69</v>
      </c>
      <c r="J272" s="5" t="s">
        <v>731</v>
      </c>
      <c r="K272" s="2" t="s">
        <v>732</v>
      </c>
      <c r="L272" s="5" t="s">
        <v>731</v>
      </c>
      <c r="M272" s="2" t="s">
        <v>732</v>
      </c>
      <c r="N272" s="5" t="s">
        <v>733</v>
      </c>
      <c r="O272" s="5" t="s">
        <v>38</v>
      </c>
      <c r="P272" s="5" t="s">
        <v>39</v>
      </c>
      <c r="Q272" s="5" t="s">
        <v>40</v>
      </c>
      <c r="R272" s="5" t="s">
        <v>897</v>
      </c>
      <c r="S272" s="5" t="s">
        <v>40</v>
      </c>
      <c r="T272" s="5" t="s">
        <v>42</v>
      </c>
      <c r="U272" s="2">
        <v>80.997</v>
      </c>
      <c r="V272" s="2">
        <v>74.549000000000007</v>
      </c>
      <c r="W272" s="2">
        <v>0.56499999999999995</v>
      </c>
      <c r="X272" s="2">
        <v>22.3</v>
      </c>
      <c r="Y272" s="2">
        <v>186.7</v>
      </c>
      <c r="Z272" s="2">
        <v>135.6</v>
      </c>
      <c r="AA272" s="5">
        <v>5</v>
      </c>
      <c r="AB272" s="5" t="s">
        <v>43</v>
      </c>
      <c r="AC272" s="5" t="s">
        <v>735</v>
      </c>
      <c r="AD272" s="2" t="s">
        <v>978</v>
      </c>
      <c r="AE272" s="1"/>
    </row>
    <row r="273" spans="1:31" ht="14.45">
      <c r="A273" s="11"/>
      <c r="B273" s="20"/>
      <c r="C273" s="2" t="s">
        <v>979</v>
      </c>
      <c r="D273" s="14" t="s">
        <v>980</v>
      </c>
      <c r="E273" s="2" t="s">
        <v>981</v>
      </c>
      <c r="F273" s="2" t="s">
        <v>982</v>
      </c>
      <c r="G273" s="8">
        <v>1107</v>
      </c>
      <c r="H273" s="5">
        <v>5</v>
      </c>
      <c r="I273" s="5" t="s">
        <v>69</v>
      </c>
      <c r="J273" s="5" t="s">
        <v>731</v>
      </c>
      <c r="K273" s="2" t="s">
        <v>732</v>
      </c>
      <c r="L273" s="5" t="s">
        <v>731</v>
      </c>
      <c r="M273" s="2" t="s">
        <v>732</v>
      </c>
      <c r="N273" s="5" t="s">
        <v>733</v>
      </c>
      <c r="O273" s="5" t="s">
        <v>38</v>
      </c>
      <c r="P273" s="5" t="s">
        <v>39</v>
      </c>
      <c r="Q273" s="5" t="s">
        <v>40</v>
      </c>
      <c r="R273" s="5" t="s">
        <v>897</v>
      </c>
      <c r="S273" s="5" t="s">
        <v>40</v>
      </c>
      <c r="T273" s="5" t="s">
        <v>42</v>
      </c>
      <c r="U273" s="2">
        <v>92.475999999999999</v>
      </c>
      <c r="V273" s="2">
        <v>86.028000000000006</v>
      </c>
      <c r="W273" s="2">
        <v>0.56499999999999995</v>
      </c>
      <c r="X273" s="2">
        <v>22.3</v>
      </c>
      <c r="Y273" s="2">
        <v>186.7</v>
      </c>
      <c r="Z273" s="2">
        <v>135.6</v>
      </c>
      <c r="AA273" s="5">
        <v>5</v>
      </c>
      <c r="AB273" s="5" t="s">
        <v>43</v>
      </c>
      <c r="AC273" s="5" t="s">
        <v>735</v>
      </c>
      <c r="AD273" s="2" t="s">
        <v>983</v>
      </c>
      <c r="AE273" s="1"/>
    </row>
    <row r="274" spans="1:31" ht="14.45">
      <c r="A274" s="11"/>
      <c r="B274" s="20"/>
      <c r="C274" s="2" t="s">
        <v>984</v>
      </c>
      <c r="D274" s="14" t="s">
        <v>985</v>
      </c>
      <c r="E274" s="2" t="s">
        <v>986</v>
      </c>
      <c r="F274" s="2" t="s">
        <v>987</v>
      </c>
      <c r="G274" s="8">
        <v>960</v>
      </c>
      <c r="H274" s="5">
        <v>5</v>
      </c>
      <c r="I274" s="5" t="s">
        <v>69</v>
      </c>
      <c r="J274" s="5" t="s">
        <v>731</v>
      </c>
      <c r="K274" s="2" t="s">
        <v>732</v>
      </c>
      <c r="L274" s="5" t="s">
        <v>731</v>
      </c>
      <c r="M274" s="2" t="s">
        <v>732</v>
      </c>
      <c r="N274" s="5" t="s">
        <v>733</v>
      </c>
      <c r="O274" s="5" t="s">
        <v>38</v>
      </c>
      <c r="P274" s="5" t="s">
        <v>39</v>
      </c>
      <c r="Q274" s="5" t="s">
        <v>40</v>
      </c>
      <c r="R274" s="5" t="s">
        <v>897</v>
      </c>
      <c r="S274" s="5" t="s">
        <v>40</v>
      </c>
      <c r="T274" s="5" t="s">
        <v>42</v>
      </c>
      <c r="U274" s="2">
        <v>199.428</v>
      </c>
      <c r="V274" s="2">
        <v>113.75</v>
      </c>
      <c r="W274" s="2">
        <v>1.702</v>
      </c>
      <c r="X274" s="2">
        <v>43.9</v>
      </c>
      <c r="Y274" s="2">
        <v>193.8</v>
      </c>
      <c r="Z274" s="2">
        <v>200</v>
      </c>
      <c r="AA274" s="5">
        <v>5</v>
      </c>
      <c r="AB274" s="5" t="s">
        <v>43</v>
      </c>
      <c r="AC274" s="5" t="s">
        <v>735</v>
      </c>
      <c r="AD274" s="2" t="s">
        <v>988</v>
      </c>
      <c r="AE274" s="1"/>
    </row>
    <row r="275" spans="1:31" ht="14.45">
      <c r="A275" s="11"/>
      <c r="B275" s="20"/>
      <c r="C275" s="2" t="s">
        <v>989</v>
      </c>
      <c r="D275" s="14" t="s">
        <v>990</v>
      </c>
      <c r="E275" s="2" t="s">
        <v>991</v>
      </c>
      <c r="F275" s="2" t="s">
        <v>992</v>
      </c>
      <c r="G275" s="8">
        <v>1248</v>
      </c>
      <c r="H275" s="5">
        <v>5</v>
      </c>
      <c r="I275" s="5" t="s">
        <v>69</v>
      </c>
      <c r="J275" s="5" t="s">
        <v>731</v>
      </c>
      <c r="K275" s="2" t="s">
        <v>732</v>
      </c>
      <c r="L275" s="5" t="s">
        <v>731</v>
      </c>
      <c r="M275" s="2" t="s">
        <v>732</v>
      </c>
      <c r="N275" s="5" t="s">
        <v>733</v>
      </c>
      <c r="O275" s="5" t="s">
        <v>38</v>
      </c>
      <c r="P275" s="5" t="s">
        <v>39</v>
      </c>
      <c r="Q275" s="5" t="s">
        <v>40</v>
      </c>
      <c r="R275" s="5" t="s">
        <v>897</v>
      </c>
      <c r="S275" s="5" t="s">
        <v>40</v>
      </c>
      <c r="T275" s="5" t="s">
        <v>42</v>
      </c>
      <c r="U275" s="2">
        <v>217.81</v>
      </c>
      <c r="V275" s="2">
        <v>132.13200000000001</v>
      </c>
      <c r="W275" s="2">
        <v>1.702</v>
      </c>
      <c r="X275" s="2">
        <v>43.9</v>
      </c>
      <c r="Y275" s="2">
        <v>193.8</v>
      </c>
      <c r="Z275" s="2">
        <v>200</v>
      </c>
      <c r="AA275" s="5">
        <v>5</v>
      </c>
      <c r="AB275" s="5" t="s">
        <v>43</v>
      </c>
      <c r="AC275" s="5" t="s">
        <v>735</v>
      </c>
      <c r="AD275" s="2" t="s">
        <v>993</v>
      </c>
      <c r="AE275" s="1"/>
    </row>
    <row r="276" spans="1:31" ht="14.45">
      <c r="A276" s="11"/>
      <c r="B276" s="20"/>
      <c r="C276" s="2" t="s">
        <v>994</v>
      </c>
      <c r="D276" s="14" t="s">
        <v>995</v>
      </c>
      <c r="E276" s="2" t="s">
        <v>996</v>
      </c>
      <c r="F276" s="2" t="s">
        <v>997</v>
      </c>
      <c r="G276" s="8">
        <v>1226</v>
      </c>
      <c r="H276" s="5">
        <v>5</v>
      </c>
      <c r="I276" s="5" t="s">
        <v>69</v>
      </c>
      <c r="J276" s="5" t="s">
        <v>731</v>
      </c>
      <c r="K276" s="2" t="s">
        <v>732</v>
      </c>
      <c r="L276" s="5" t="s">
        <v>731</v>
      </c>
      <c r="M276" s="2" t="s">
        <v>732</v>
      </c>
      <c r="N276" s="5" t="s">
        <v>733</v>
      </c>
      <c r="O276" s="5" t="s">
        <v>38</v>
      </c>
      <c r="P276" s="5" t="s">
        <v>39</v>
      </c>
      <c r="Q276" s="5" t="s">
        <v>40</v>
      </c>
      <c r="R276" s="5" t="s">
        <v>897</v>
      </c>
      <c r="S276" s="5" t="s">
        <v>40</v>
      </c>
      <c r="T276" s="5" t="s">
        <v>42</v>
      </c>
      <c r="U276" s="2">
        <v>221.47300000000001</v>
      </c>
      <c r="V276" s="2">
        <v>136.15199999999999</v>
      </c>
      <c r="W276" s="2">
        <v>1.702</v>
      </c>
      <c r="X276" s="2">
        <v>43.9</v>
      </c>
      <c r="Y276" s="2">
        <v>193.8</v>
      </c>
      <c r="Z276" s="2">
        <v>200</v>
      </c>
      <c r="AA276" s="5">
        <v>5</v>
      </c>
      <c r="AB276" s="5" t="s">
        <v>43</v>
      </c>
      <c r="AC276" s="5" t="s">
        <v>735</v>
      </c>
      <c r="AD276" s="2" t="s">
        <v>998</v>
      </c>
      <c r="AE276" s="1"/>
    </row>
    <row r="277" spans="1:31" ht="14.45">
      <c r="A277" s="11"/>
      <c r="B277" s="20"/>
      <c r="C277" s="2" t="s">
        <v>999</v>
      </c>
      <c r="D277" s="14" t="s">
        <v>1000</v>
      </c>
      <c r="E277" s="2" t="s">
        <v>1001</v>
      </c>
      <c r="F277" s="2" t="s">
        <v>1002</v>
      </c>
      <c r="G277" s="8">
        <v>1594</v>
      </c>
      <c r="H277" s="5">
        <v>5</v>
      </c>
      <c r="I277" s="5" t="s">
        <v>69</v>
      </c>
      <c r="J277" s="5" t="s">
        <v>731</v>
      </c>
      <c r="K277" s="2" t="s">
        <v>732</v>
      </c>
      <c r="L277" s="5" t="s">
        <v>731</v>
      </c>
      <c r="M277" s="2" t="s">
        <v>732</v>
      </c>
      <c r="N277" s="5" t="s">
        <v>733</v>
      </c>
      <c r="O277" s="5" t="s">
        <v>38</v>
      </c>
      <c r="P277" s="5" t="s">
        <v>39</v>
      </c>
      <c r="Q277" s="5" t="s">
        <v>40</v>
      </c>
      <c r="R277" s="5" t="s">
        <v>897</v>
      </c>
      <c r="S277" s="5" t="s">
        <v>40</v>
      </c>
      <c r="T277" s="5" t="s">
        <v>42</v>
      </c>
      <c r="U277" s="2">
        <v>244.28800000000001</v>
      </c>
      <c r="V277" s="2">
        <v>158.96700000000001</v>
      </c>
      <c r="W277" s="2">
        <v>1.702</v>
      </c>
      <c r="X277" s="2">
        <v>43.9</v>
      </c>
      <c r="Y277" s="2">
        <v>193.8</v>
      </c>
      <c r="Z277" s="2">
        <v>200</v>
      </c>
      <c r="AA277" s="5">
        <v>5</v>
      </c>
      <c r="AB277" s="5" t="s">
        <v>43</v>
      </c>
      <c r="AC277" s="5" t="s">
        <v>735</v>
      </c>
      <c r="AD277" s="2" t="s">
        <v>1003</v>
      </c>
      <c r="AE277" s="1"/>
    </row>
    <row r="278" spans="1:31" ht="14.45">
      <c r="A278" s="11"/>
      <c r="B278" s="20"/>
      <c r="C278" s="2" t="s">
        <v>1004</v>
      </c>
      <c r="D278" s="14" t="s">
        <v>1005</v>
      </c>
      <c r="E278" s="2" t="s">
        <v>1006</v>
      </c>
      <c r="F278" s="2" t="s">
        <v>1007</v>
      </c>
      <c r="G278" s="8">
        <v>851</v>
      </c>
      <c r="H278" s="5">
        <v>5</v>
      </c>
      <c r="I278" s="5" t="s">
        <v>69</v>
      </c>
      <c r="J278" s="5" t="s">
        <v>731</v>
      </c>
      <c r="K278" s="2" t="s">
        <v>732</v>
      </c>
      <c r="L278" s="5" t="s">
        <v>731</v>
      </c>
      <c r="M278" s="2" t="s">
        <v>732</v>
      </c>
      <c r="N278" s="5" t="s">
        <v>733</v>
      </c>
      <c r="O278" s="5" t="s">
        <v>38</v>
      </c>
      <c r="P278" s="5" t="s">
        <v>39</v>
      </c>
      <c r="Q278" s="5" t="s">
        <v>40</v>
      </c>
      <c r="R278" s="5" t="s">
        <v>897</v>
      </c>
      <c r="S278" s="5" t="s">
        <v>40</v>
      </c>
      <c r="T278" s="5" t="s">
        <v>42</v>
      </c>
      <c r="U278" s="2">
        <v>166.18700000000001</v>
      </c>
      <c r="V278" s="2">
        <v>87.807000000000002</v>
      </c>
      <c r="W278" s="2">
        <v>1.605</v>
      </c>
      <c r="X278" s="2">
        <v>43.9</v>
      </c>
      <c r="Y278" s="2">
        <v>243.8</v>
      </c>
      <c r="Z278" s="2">
        <v>150</v>
      </c>
      <c r="AA278" s="5">
        <v>5</v>
      </c>
      <c r="AB278" s="5" t="s">
        <v>43</v>
      </c>
      <c r="AC278" s="5" t="s">
        <v>735</v>
      </c>
      <c r="AD278" s="2" t="s">
        <v>1008</v>
      </c>
      <c r="AE278" s="1"/>
    </row>
    <row r="279" spans="1:31" ht="14.45">
      <c r="A279" s="11"/>
      <c r="B279" s="20"/>
      <c r="C279" s="2" t="s">
        <v>1009</v>
      </c>
      <c r="D279" s="14" t="s">
        <v>1010</v>
      </c>
      <c r="E279" s="2" t="s">
        <v>1011</v>
      </c>
      <c r="F279" s="2" t="s">
        <v>1012</v>
      </c>
      <c r="G279" s="8">
        <v>1107</v>
      </c>
      <c r="H279" s="5">
        <v>5</v>
      </c>
      <c r="I279" s="5" t="s">
        <v>69</v>
      </c>
      <c r="J279" s="5" t="s">
        <v>731</v>
      </c>
      <c r="K279" s="2" t="s">
        <v>732</v>
      </c>
      <c r="L279" s="5" t="s">
        <v>731</v>
      </c>
      <c r="M279" s="2" t="s">
        <v>732</v>
      </c>
      <c r="N279" s="5" t="s">
        <v>733</v>
      </c>
      <c r="O279" s="5" t="s">
        <v>38</v>
      </c>
      <c r="P279" s="5" t="s">
        <v>39</v>
      </c>
      <c r="Q279" s="5" t="s">
        <v>40</v>
      </c>
      <c r="R279" s="5" t="s">
        <v>897</v>
      </c>
      <c r="S279" s="5" t="s">
        <v>40</v>
      </c>
      <c r="T279" s="5" t="s">
        <v>42</v>
      </c>
      <c r="U279" s="2">
        <v>178.77799999999999</v>
      </c>
      <c r="V279" s="2">
        <v>100.398</v>
      </c>
      <c r="W279" s="2">
        <v>1.605</v>
      </c>
      <c r="X279" s="2">
        <v>43.9</v>
      </c>
      <c r="Y279" s="2">
        <v>243.8</v>
      </c>
      <c r="Z279" s="2">
        <v>150</v>
      </c>
      <c r="AA279" s="5">
        <v>5</v>
      </c>
      <c r="AB279" s="5" t="s">
        <v>43</v>
      </c>
      <c r="AC279" s="5" t="s">
        <v>735</v>
      </c>
      <c r="AD279" s="2" t="s">
        <v>1013</v>
      </c>
      <c r="AE279" s="1"/>
    </row>
    <row r="280" spans="1:31" ht="14.45">
      <c r="A280" s="11"/>
      <c r="B280" s="20"/>
      <c r="C280" s="2" t="s">
        <v>1014</v>
      </c>
      <c r="D280" s="14" t="s">
        <v>1015</v>
      </c>
      <c r="E280" s="2" t="s">
        <v>1016</v>
      </c>
      <c r="F280" s="2" t="s">
        <v>1017</v>
      </c>
      <c r="G280" s="8">
        <v>1171</v>
      </c>
      <c r="H280" s="5">
        <v>5</v>
      </c>
      <c r="I280" s="5" t="s">
        <v>69</v>
      </c>
      <c r="J280" s="5" t="s">
        <v>731</v>
      </c>
      <c r="K280" s="2" t="s">
        <v>732</v>
      </c>
      <c r="L280" s="5" t="s">
        <v>731</v>
      </c>
      <c r="M280" s="2" t="s">
        <v>732</v>
      </c>
      <c r="N280" s="5" t="s">
        <v>733</v>
      </c>
      <c r="O280" s="5" t="s">
        <v>38</v>
      </c>
      <c r="P280" s="5" t="s">
        <v>39</v>
      </c>
      <c r="Q280" s="5" t="s">
        <v>40</v>
      </c>
      <c r="R280" s="5" t="s">
        <v>897</v>
      </c>
      <c r="S280" s="5" t="s">
        <v>40</v>
      </c>
      <c r="T280" s="5" t="s">
        <v>42</v>
      </c>
      <c r="U280" s="2">
        <v>204.38499999999999</v>
      </c>
      <c r="V280" s="2">
        <v>125.877</v>
      </c>
      <c r="W280" s="2">
        <v>1.605</v>
      </c>
      <c r="X280" s="2">
        <v>43.9</v>
      </c>
      <c r="Y280" s="2">
        <v>243.8</v>
      </c>
      <c r="Z280" s="2">
        <v>150</v>
      </c>
      <c r="AA280" s="5">
        <v>5</v>
      </c>
      <c r="AB280" s="5" t="s">
        <v>43</v>
      </c>
      <c r="AC280" s="5" t="s">
        <v>735</v>
      </c>
      <c r="AD280" s="2" t="s">
        <v>1018</v>
      </c>
      <c r="AE280" s="1"/>
    </row>
    <row r="281" spans="1:31" ht="14.45">
      <c r="A281" s="11"/>
      <c r="B281" s="20"/>
      <c r="C281" s="2" t="s">
        <v>1019</v>
      </c>
      <c r="D281" s="14" t="s">
        <v>1020</v>
      </c>
      <c r="E281" s="2" t="s">
        <v>1021</v>
      </c>
      <c r="F281" s="2" t="s">
        <v>1022</v>
      </c>
      <c r="G281" s="8">
        <v>1523</v>
      </c>
      <c r="H281" s="5">
        <v>5</v>
      </c>
      <c r="I281" s="5" t="s">
        <v>69</v>
      </c>
      <c r="J281" s="5" t="s">
        <v>731</v>
      </c>
      <c r="K281" s="2" t="s">
        <v>732</v>
      </c>
      <c r="L281" s="5" t="s">
        <v>731</v>
      </c>
      <c r="M281" s="2" t="s">
        <v>732</v>
      </c>
      <c r="N281" s="5" t="s">
        <v>733</v>
      </c>
      <c r="O281" s="5" t="s">
        <v>38</v>
      </c>
      <c r="P281" s="5" t="s">
        <v>39</v>
      </c>
      <c r="Q281" s="5" t="s">
        <v>40</v>
      </c>
      <c r="R281" s="5" t="s">
        <v>897</v>
      </c>
      <c r="S281" s="5" t="s">
        <v>40</v>
      </c>
      <c r="T281" s="5" t="s">
        <v>42</v>
      </c>
      <c r="U281" s="2">
        <v>224.803</v>
      </c>
      <c r="V281" s="2">
        <v>146.29499999999999</v>
      </c>
      <c r="W281" s="2">
        <v>1.605</v>
      </c>
      <c r="X281" s="2">
        <v>43.9</v>
      </c>
      <c r="Y281" s="2">
        <v>243.8</v>
      </c>
      <c r="Z281" s="2">
        <v>150</v>
      </c>
      <c r="AA281" s="5">
        <v>5</v>
      </c>
      <c r="AB281" s="5" t="s">
        <v>43</v>
      </c>
      <c r="AC281" s="5" t="s">
        <v>735</v>
      </c>
      <c r="AD281" s="2" t="s">
        <v>1023</v>
      </c>
      <c r="AE281" s="1"/>
    </row>
    <row r="282" spans="1:31" ht="14.45">
      <c r="A282" s="11"/>
      <c r="B282" s="20"/>
      <c r="C282" s="2" t="s">
        <v>1024</v>
      </c>
      <c r="D282" s="14" t="s">
        <v>1025</v>
      </c>
      <c r="E282" s="2" t="s">
        <v>1026</v>
      </c>
      <c r="F282" s="2" t="s">
        <v>1027</v>
      </c>
      <c r="G282" s="8">
        <v>1312</v>
      </c>
      <c r="H282" s="5">
        <v>20</v>
      </c>
      <c r="I282" s="5" t="s">
        <v>69</v>
      </c>
      <c r="J282" s="5" t="s">
        <v>731</v>
      </c>
      <c r="K282" s="2" t="s">
        <v>732</v>
      </c>
      <c r="L282" s="5" t="s">
        <v>731</v>
      </c>
      <c r="M282" s="2" t="s">
        <v>732</v>
      </c>
      <c r="N282" s="5" t="s">
        <v>733</v>
      </c>
      <c r="O282" s="5" t="s">
        <v>38</v>
      </c>
      <c r="P282" s="5" t="s">
        <v>39</v>
      </c>
      <c r="Q282" s="5" t="s">
        <v>40</v>
      </c>
      <c r="R282" s="5" t="s">
        <v>734</v>
      </c>
      <c r="S282" s="5" t="s">
        <v>40</v>
      </c>
      <c r="T282" s="5" t="s">
        <v>42</v>
      </c>
      <c r="U282" s="2">
        <v>38.090000000000003</v>
      </c>
      <c r="V282" s="2">
        <v>32.43</v>
      </c>
      <c r="W282" s="2">
        <v>0.82299999999999995</v>
      </c>
      <c r="X282" s="2">
        <v>151</v>
      </c>
      <c r="Y282" s="2">
        <v>151</v>
      </c>
      <c r="Z282" s="2">
        <v>36.1</v>
      </c>
      <c r="AA282" s="5">
        <v>3</v>
      </c>
      <c r="AB282" s="5" t="s">
        <v>43</v>
      </c>
      <c r="AC282" s="5" t="s">
        <v>735</v>
      </c>
      <c r="AD282" s="2" t="s">
        <v>1028</v>
      </c>
      <c r="AE282" s="1"/>
    </row>
    <row r="283" spans="1:31" ht="14.45">
      <c r="A283" s="11"/>
      <c r="B283" s="20"/>
      <c r="C283" s="2" t="s">
        <v>1029</v>
      </c>
      <c r="D283" s="14" t="s">
        <v>1030</v>
      </c>
      <c r="E283" s="2" t="s">
        <v>1031</v>
      </c>
      <c r="F283" s="2" t="s">
        <v>1032</v>
      </c>
      <c r="G283" s="8">
        <v>2082</v>
      </c>
      <c r="H283" s="5">
        <v>20</v>
      </c>
      <c r="I283" s="5" t="s">
        <v>69</v>
      </c>
      <c r="J283" s="5" t="s">
        <v>731</v>
      </c>
      <c r="K283" s="2" t="s">
        <v>732</v>
      </c>
      <c r="L283" s="5" t="s">
        <v>731</v>
      </c>
      <c r="M283" s="2" t="s">
        <v>732</v>
      </c>
      <c r="N283" s="5" t="s">
        <v>733</v>
      </c>
      <c r="O283" s="5" t="s">
        <v>38</v>
      </c>
      <c r="P283" s="5" t="s">
        <v>39</v>
      </c>
      <c r="Q283" s="5" t="s">
        <v>40</v>
      </c>
      <c r="R283" s="5" t="s">
        <v>734</v>
      </c>
      <c r="S283" s="5" t="s">
        <v>40</v>
      </c>
      <c r="T283" s="5" t="s">
        <v>42</v>
      </c>
      <c r="U283" s="2">
        <v>41.018999999999998</v>
      </c>
      <c r="V283" s="2">
        <v>35.369999999999997</v>
      </c>
      <c r="W283" s="2">
        <v>0.82299999999999995</v>
      </c>
      <c r="X283" s="2">
        <v>151</v>
      </c>
      <c r="Y283" s="2">
        <v>151</v>
      </c>
      <c r="Z283" s="2">
        <v>36.1</v>
      </c>
      <c r="AA283" s="5">
        <v>3</v>
      </c>
      <c r="AB283" s="5" t="s">
        <v>43</v>
      </c>
      <c r="AC283" s="5" t="s">
        <v>735</v>
      </c>
      <c r="AD283" s="2" t="s">
        <v>1033</v>
      </c>
      <c r="AE283" s="1"/>
    </row>
    <row r="284" spans="1:31" ht="14.45">
      <c r="A284" s="11"/>
      <c r="B284" s="20"/>
      <c r="C284" s="2" t="s">
        <v>1034</v>
      </c>
      <c r="D284" s="14" t="s">
        <v>1035</v>
      </c>
      <c r="E284" s="2" t="s">
        <v>1036</v>
      </c>
      <c r="F284" s="2" t="s">
        <v>1032</v>
      </c>
      <c r="G284" s="8">
        <v>2169</v>
      </c>
      <c r="H284" s="5">
        <v>20</v>
      </c>
      <c r="I284" s="5" t="s">
        <v>69</v>
      </c>
      <c r="J284" s="5" t="s">
        <v>731</v>
      </c>
      <c r="K284" s="2" t="s">
        <v>732</v>
      </c>
      <c r="L284" s="5" t="s">
        <v>731</v>
      </c>
      <c r="M284" s="2" t="s">
        <v>732</v>
      </c>
      <c r="N284" s="5" t="s">
        <v>733</v>
      </c>
      <c r="O284" s="5" t="s">
        <v>38</v>
      </c>
      <c r="P284" s="5" t="s">
        <v>39</v>
      </c>
      <c r="Q284" s="5" t="s">
        <v>40</v>
      </c>
      <c r="R284" s="5" t="s">
        <v>734</v>
      </c>
      <c r="S284" s="5" t="s">
        <v>40</v>
      </c>
      <c r="T284" s="5" t="s">
        <v>42</v>
      </c>
      <c r="U284" s="2">
        <v>43.966999999999999</v>
      </c>
      <c r="V284" s="2">
        <v>36.11</v>
      </c>
      <c r="W284" s="2">
        <v>1.1830000000000001</v>
      </c>
      <c r="X284" s="2">
        <v>181</v>
      </c>
      <c r="Y284" s="2">
        <v>131</v>
      </c>
      <c r="Z284" s="2">
        <v>36.1</v>
      </c>
      <c r="AA284" s="5">
        <v>3</v>
      </c>
      <c r="AB284" s="5" t="s">
        <v>43</v>
      </c>
      <c r="AC284" s="5" t="s">
        <v>735</v>
      </c>
      <c r="AD284" s="2" t="s">
        <v>1037</v>
      </c>
      <c r="AE284" s="1"/>
    </row>
    <row r="285" spans="1:31" ht="14.45">
      <c r="A285" s="11"/>
      <c r="B285" s="20"/>
      <c r="C285" s="2" t="s">
        <v>1038</v>
      </c>
      <c r="D285" s="14" t="s">
        <v>1039</v>
      </c>
      <c r="E285" s="2" t="s">
        <v>1040</v>
      </c>
      <c r="F285" s="2" t="s">
        <v>1041</v>
      </c>
      <c r="G285" s="8">
        <v>2211</v>
      </c>
      <c r="H285" s="5">
        <v>5</v>
      </c>
      <c r="I285" s="5" t="s">
        <v>69</v>
      </c>
      <c r="J285" s="5" t="s">
        <v>731</v>
      </c>
      <c r="K285" s="2" t="s">
        <v>732</v>
      </c>
      <c r="L285" s="5" t="s">
        <v>731</v>
      </c>
      <c r="M285" s="2" t="s">
        <v>732</v>
      </c>
      <c r="N285" s="5" t="s">
        <v>733</v>
      </c>
      <c r="O285" s="5" t="s">
        <v>38</v>
      </c>
      <c r="P285" s="5" t="s">
        <v>39</v>
      </c>
      <c r="Q285" s="5" t="s">
        <v>40</v>
      </c>
      <c r="R285" s="5" t="s">
        <v>734</v>
      </c>
      <c r="S285" s="5" t="s">
        <v>40</v>
      </c>
      <c r="T285" s="5" t="s">
        <v>42</v>
      </c>
      <c r="U285" s="2">
        <v>113.92</v>
      </c>
      <c r="V285" s="2">
        <v>85.980999999999995</v>
      </c>
      <c r="W285" s="2">
        <v>0.78800000000000003</v>
      </c>
      <c r="X285" s="2">
        <v>38</v>
      </c>
      <c r="Y285" s="2">
        <v>144</v>
      </c>
      <c r="Z285" s="2">
        <v>144</v>
      </c>
      <c r="AA285" s="5">
        <v>2</v>
      </c>
      <c r="AB285" s="5" t="s">
        <v>43</v>
      </c>
      <c r="AC285" s="5" t="s">
        <v>735</v>
      </c>
      <c r="AD285" s="2" t="s">
        <v>1042</v>
      </c>
      <c r="AE285" s="1"/>
    </row>
    <row r="286" spans="1:31" ht="14.45">
      <c r="A286" s="11"/>
      <c r="B286" s="20"/>
      <c r="C286" s="2" t="s">
        <v>1043</v>
      </c>
      <c r="D286" s="14" t="s">
        <v>1044</v>
      </c>
      <c r="E286" s="2" t="s">
        <v>1045</v>
      </c>
      <c r="F286" s="2" t="s">
        <v>1046</v>
      </c>
      <c r="G286" s="8">
        <v>2543</v>
      </c>
      <c r="H286" s="5">
        <v>5</v>
      </c>
      <c r="I286" s="5" t="s">
        <v>69</v>
      </c>
      <c r="J286" s="5" t="s">
        <v>731</v>
      </c>
      <c r="K286" s="2" t="s">
        <v>732</v>
      </c>
      <c r="L286" s="5" t="s">
        <v>731</v>
      </c>
      <c r="M286" s="2" t="s">
        <v>732</v>
      </c>
      <c r="N286" s="5" t="s">
        <v>733</v>
      </c>
      <c r="O286" s="5" t="s">
        <v>38</v>
      </c>
      <c r="P286" s="5" t="s">
        <v>39</v>
      </c>
      <c r="Q286" s="5" t="s">
        <v>40</v>
      </c>
      <c r="R286" s="5" t="s">
        <v>734</v>
      </c>
      <c r="S286" s="5" t="s">
        <v>40</v>
      </c>
      <c r="T286" s="5" t="s">
        <v>42</v>
      </c>
      <c r="U286" s="2">
        <v>159.11699999999999</v>
      </c>
      <c r="V286" s="2">
        <v>124.11499999999999</v>
      </c>
      <c r="W286" s="2">
        <v>1.022</v>
      </c>
      <c r="X286" s="2">
        <v>38</v>
      </c>
      <c r="Y286" s="2">
        <v>164</v>
      </c>
      <c r="Z286" s="2">
        <v>164</v>
      </c>
      <c r="AA286" s="5">
        <v>2</v>
      </c>
      <c r="AB286" s="5" t="s">
        <v>43</v>
      </c>
      <c r="AC286" s="5" t="s">
        <v>735</v>
      </c>
      <c r="AD286" s="2" t="s">
        <v>1047</v>
      </c>
      <c r="AE286" s="1"/>
    </row>
    <row r="287" spans="1:31" ht="14.45">
      <c r="A287" s="11"/>
      <c r="B287" s="20"/>
      <c r="C287" s="2" t="s">
        <v>1048</v>
      </c>
      <c r="D287" s="14" t="s">
        <v>1049</v>
      </c>
      <c r="E287" s="2" t="s">
        <v>1050</v>
      </c>
      <c r="F287" s="2" t="s">
        <v>1051</v>
      </c>
      <c r="G287" s="8">
        <v>892</v>
      </c>
      <c r="H287" s="5">
        <v>19</v>
      </c>
      <c r="I287" s="5" t="s">
        <v>69</v>
      </c>
      <c r="J287" s="5" t="s">
        <v>731</v>
      </c>
      <c r="K287" s="2" t="s">
        <v>732</v>
      </c>
      <c r="L287" s="5" t="s">
        <v>731</v>
      </c>
      <c r="M287" s="2" t="s">
        <v>732</v>
      </c>
      <c r="N287" s="5" t="s">
        <v>733</v>
      </c>
      <c r="O287" s="5" t="s">
        <v>38</v>
      </c>
      <c r="P287" s="5" t="s">
        <v>39</v>
      </c>
      <c r="Q287" s="5" t="s">
        <v>40</v>
      </c>
      <c r="R287" s="5" t="s">
        <v>734</v>
      </c>
      <c r="S287" s="5" t="s">
        <v>40</v>
      </c>
      <c r="T287" s="5" t="s">
        <v>42</v>
      </c>
      <c r="U287" s="2">
        <v>18.190000000000001</v>
      </c>
      <c r="V287" s="2">
        <v>14.75</v>
      </c>
      <c r="W287" s="2">
        <v>0.307</v>
      </c>
      <c r="X287" s="2">
        <v>121</v>
      </c>
      <c r="Y287" s="2">
        <v>121</v>
      </c>
      <c r="Z287" s="2">
        <v>21</v>
      </c>
      <c r="AA287" s="5">
        <v>5</v>
      </c>
      <c r="AB287" s="5" t="s">
        <v>43</v>
      </c>
      <c r="AC287" s="5" t="s">
        <v>735</v>
      </c>
      <c r="AD287" s="2" t="s">
        <v>1052</v>
      </c>
      <c r="AE287" s="1"/>
    </row>
    <row r="288" spans="1:31" ht="14.45">
      <c r="A288" s="11"/>
      <c r="B288" s="20"/>
      <c r="C288" s="2" t="s">
        <v>1053</v>
      </c>
      <c r="D288" s="14" t="s">
        <v>1054</v>
      </c>
      <c r="E288" s="2" t="s">
        <v>1055</v>
      </c>
      <c r="F288" s="2" t="s">
        <v>1056</v>
      </c>
      <c r="G288" s="8">
        <v>971</v>
      </c>
      <c r="H288" s="5">
        <v>19</v>
      </c>
      <c r="I288" s="5" t="s">
        <v>69</v>
      </c>
      <c r="J288" s="5" t="s">
        <v>731</v>
      </c>
      <c r="K288" s="2" t="s">
        <v>732</v>
      </c>
      <c r="L288" s="5" t="s">
        <v>731</v>
      </c>
      <c r="M288" s="2" t="s">
        <v>732</v>
      </c>
      <c r="N288" s="5" t="s">
        <v>733</v>
      </c>
      <c r="O288" s="5" t="s">
        <v>38</v>
      </c>
      <c r="P288" s="5" t="s">
        <v>39</v>
      </c>
      <c r="Q288" s="5" t="s">
        <v>40</v>
      </c>
      <c r="R288" s="5" t="s">
        <v>734</v>
      </c>
      <c r="S288" s="5" t="s">
        <v>40</v>
      </c>
      <c r="T288" s="5" t="s">
        <v>42</v>
      </c>
      <c r="U288" s="2">
        <v>19.46</v>
      </c>
      <c r="V288" s="2">
        <v>19.079999999999998</v>
      </c>
      <c r="W288" s="2">
        <v>0.52900000000000003</v>
      </c>
      <c r="X288" s="2">
        <v>121</v>
      </c>
      <c r="Y288" s="2">
        <v>121</v>
      </c>
      <c r="Z288" s="2">
        <v>36.1</v>
      </c>
      <c r="AA288" s="5">
        <v>3</v>
      </c>
      <c r="AB288" s="5" t="s">
        <v>43</v>
      </c>
      <c r="AC288" s="5" t="s">
        <v>735</v>
      </c>
      <c r="AD288" s="2" t="s">
        <v>1057</v>
      </c>
      <c r="AE288" s="1"/>
    </row>
    <row r="289" spans="1:31" ht="14.45">
      <c r="A289" s="11"/>
      <c r="B289" s="20"/>
      <c r="C289" s="2" t="s">
        <v>1058</v>
      </c>
      <c r="D289" s="14" t="s">
        <v>1059</v>
      </c>
      <c r="E289" s="2" t="s">
        <v>1060</v>
      </c>
      <c r="F289" s="2" t="s">
        <v>1061</v>
      </c>
      <c r="G289" s="8">
        <v>1360</v>
      </c>
      <c r="H289" s="5">
        <v>25</v>
      </c>
      <c r="I289" s="5" t="s">
        <v>69</v>
      </c>
      <c r="J289" s="5" t="s">
        <v>731</v>
      </c>
      <c r="K289" s="2" t="s">
        <v>732</v>
      </c>
      <c r="L289" s="5" t="s">
        <v>731</v>
      </c>
      <c r="M289" s="2" t="s">
        <v>732</v>
      </c>
      <c r="N289" s="5" t="s">
        <v>733</v>
      </c>
      <c r="O289" s="5" t="s">
        <v>38</v>
      </c>
      <c r="P289" s="5" t="s">
        <v>39</v>
      </c>
      <c r="Q289" s="5" t="s">
        <v>40</v>
      </c>
      <c r="R289" s="5" t="s">
        <v>734</v>
      </c>
      <c r="S289" s="5" t="s">
        <v>40</v>
      </c>
      <c r="T289" s="5" t="s">
        <v>42</v>
      </c>
      <c r="U289" s="2">
        <v>17.149000000000001</v>
      </c>
      <c r="V289" s="2">
        <v>16.984999999999999</v>
      </c>
      <c r="W289" s="2">
        <v>0.45400000000000001</v>
      </c>
      <c r="X289" s="2">
        <v>90</v>
      </c>
      <c r="Y289" s="2">
        <v>90</v>
      </c>
      <c r="Z289" s="2">
        <v>56.1</v>
      </c>
      <c r="AA289" s="5">
        <v>2</v>
      </c>
      <c r="AB289" s="5" t="s">
        <v>43</v>
      </c>
      <c r="AC289" s="5" t="s">
        <v>735</v>
      </c>
      <c r="AD289" s="2" t="s">
        <v>1062</v>
      </c>
      <c r="AE289" s="1"/>
    </row>
    <row r="290" spans="1:31" ht="14.45">
      <c r="A290" s="11"/>
      <c r="B290" s="20"/>
      <c r="C290" s="2" t="s">
        <v>1063</v>
      </c>
      <c r="D290" s="14" t="s">
        <v>1064</v>
      </c>
      <c r="E290" s="2" t="s">
        <v>1065</v>
      </c>
      <c r="F290" s="2" t="s">
        <v>1051</v>
      </c>
      <c r="G290" s="8">
        <v>942</v>
      </c>
      <c r="H290" s="5">
        <v>19</v>
      </c>
      <c r="I290" s="5" t="s">
        <v>69</v>
      </c>
      <c r="J290" s="5" t="s">
        <v>731</v>
      </c>
      <c r="K290" s="2" t="s">
        <v>732</v>
      </c>
      <c r="L290" s="5" t="s">
        <v>731</v>
      </c>
      <c r="M290" s="2" t="s">
        <v>732</v>
      </c>
      <c r="N290" s="5" t="s">
        <v>733</v>
      </c>
      <c r="O290" s="5" t="s">
        <v>38</v>
      </c>
      <c r="P290" s="5" t="s">
        <v>39</v>
      </c>
      <c r="Q290" s="5" t="s">
        <v>40</v>
      </c>
      <c r="R290" s="5" t="s">
        <v>734</v>
      </c>
      <c r="S290" s="5" t="s">
        <v>40</v>
      </c>
      <c r="T290" s="5" t="s">
        <v>42</v>
      </c>
      <c r="U290" s="2">
        <v>21.49</v>
      </c>
      <c r="V290" s="2">
        <v>18.05</v>
      </c>
      <c r="W290" s="2">
        <v>0.307</v>
      </c>
      <c r="X290" s="2">
        <v>121</v>
      </c>
      <c r="Y290" s="2">
        <v>121</v>
      </c>
      <c r="Z290" s="2">
        <v>21</v>
      </c>
      <c r="AA290" s="5">
        <v>5</v>
      </c>
      <c r="AB290" s="5" t="s">
        <v>43</v>
      </c>
      <c r="AC290" s="5" t="s">
        <v>735</v>
      </c>
      <c r="AD290" s="2" t="s">
        <v>1066</v>
      </c>
      <c r="AE290" s="1"/>
    </row>
    <row r="291" spans="1:31" ht="14.45">
      <c r="A291" s="11"/>
      <c r="B291" s="20"/>
      <c r="C291" s="2" t="s">
        <v>1067</v>
      </c>
      <c r="D291" s="14" t="s">
        <v>1068</v>
      </c>
      <c r="E291" s="2" t="s">
        <v>1069</v>
      </c>
      <c r="F291" s="2" t="s">
        <v>1056</v>
      </c>
      <c r="G291" s="8">
        <v>1037</v>
      </c>
      <c r="H291" s="5">
        <v>19</v>
      </c>
      <c r="I291" s="5" t="s">
        <v>69</v>
      </c>
      <c r="J291" s="5" t="s">
        <v>731</v>
      </c>
      <c r="K291" s="2" t="s">
        <v>732</v>
      </c>
      <c r="L291" s="5" t="s">
        <v>731</v>
      </c>
      <c r="M291" s="2" t="s">
        <v>732</v>
      </c>
      <c r="N291" s="5" t="s">
        <v>733</v>
      </c>
      <c r="O291" s="5" t="s">
        <v>38</v>
      </c>
      <c r="P291" s="5" t="s">
        <v>39</v>
      </c>
      <c r="Q291" s="5" t="s">
        <v>40</v>
      </c>
      <c r="R291" s="5" t="s">
        <v>734</v>
      </c>
      <c r="S291" s="5" t="s">
        <v>40</v>
      </c>
      <c r="T291" s="5" t="s">
        <v>42</v>
      </c>
      <c r="U291" s="2">
        <v>24.56</v>
      </c>
      <c r="V291" s="2">
        <v>24.18</v>
      </c>
      <c r="W291" s="2">
        <v>0.52900000000000003</v>
      </c>
      <c r="X291" s="2">
        <v>121</v>
      </c>
      <c r="Y291" s="2">
        <v>121</v>
      </c>
      <c r="Z291" s="2">
        <v>36.1</v>
      </c>
      <c r="AA291" s="5">
        <v>3</v>
      </c>
      <c r="AB291" s="5" t="s">
        <v>43</v>
      </c>
      <c r="AC291" s="5" t="s">
        <v>735</v>
      </c>
      <c r="AD291" s="2" t="s">
        <v>1070</v>
      </c>
      <c r="AE291" s="1"/>
    </row>
    <row r="292" spans="1:31" ht="14.45">
      <c r="A292" s="11"/>
      <c r="B292" s="20"/>
      <c r="C292" s="2" t="s">
        <v>1071</v>
      </c>
      <c r="D292" s="14" t="s">
        <v>1072</v>
      </c>
      <c r="E292" s="2" t="s">
        <v>1073</v>
      </c>
      <c r="F292" s="2" t="s">
        <v>1061</v>
      </c>
      <c r="G292" s="8">
        <v>1477</v>
      </c>
      <c r="H292" s="5">
        <v>25</v>
      </c>
      <c r="I292" s="5" t="s">
        <v>69</v>
      </c>
      <c r="J292" s="5" t="s">
        <v>731</v>
      </c>
      <c r="K292" s="2" t="s">
        <v>732</v>
      </c>
      <c r="L292" s="5" t="s">
        <v>731</v>
      </c>
      <c r="M292" s="2" t="s">
        <v>732</v>
      </c>
      <c r="N292" s="5" t="s">
        <v>733</v>
      </c>
      <c r="O292" s="5" t="s">
        <v>38</v>
      </c>
      <c r="P292" s="5" t="s">
        <v>39</v>
      </c>
      <c r="Q292" s="5" t="s">
        <v>40</v>
      </c>
      <c r="R292" s="5" t="s">
        <v>734</v>
      </c>
      <c r="S292" s="5" t="s">
        <v>40</v>
      </c>
      <c r="T292" s="5" t="s">
        <v>42</v>
      </c>
      <c r="U292" s="2">
        <v>22.085000000000001</v>
      </c>
      <c r="V292" s="2">
        <v>21.920999999999999</v>
      </c>
      <c r="W292" s="2">
        <v>0.67900000000000005</v>
      </c>
      <c r="X292" s="2">
        <v>110</v>
      </c>
      <c r="Y292" s="2">
        <v>110</v>
      </c>
      <c r="Z292" s="2">
        <v>56.1</v>
      </c>
      <c r="AA292" s="5">
        <v>2</v>
      </c>
      <c r="AB292" s="5" t="s">
        <v>43</v>
      </c>
      <c r="AC292" s="5" t="s">
        <v>735</v>
      </c>
      <c r="AD292" s="2" t="s">
        <v>1074</v>
      </c>
      <c r="AE292" s="1"/>
    </row>
    <row r="293" spans="1:31" ht="14.45">
      <c r="A293" s="11"/>
      <c r="B293" s="20"/>
      <c r="C293" s="2" t="s">
        <v>1075</v>
      </c>
      <c r="D293" s="14" t="s">
        <v>1076</v>
      </c>
      <c r="E293" s="2" t="s">
        <v>1077</v>
      </c>
      <c r="F293" s="2" t="s">
        <v>1051</v>
      </c>
      <c r="G293" s="8">
        <v>919</v>
      </c>
      <c r="H293" s="5">
        <v>19</v>
      </c>
      <c r="I293" s="5" t="s">
        <v>69</v>
      </c>
      <c r="J293" s="5" t="s">
        <v>731</v>
      </c>
      <c r="K293" s="2" t="s">
        <v>732</v>
      </c>
      <c r="L293" s="5" t="s">
        <v>731</v>
      </c>
      <c r="M293" s="2" t="s">
        <v>732</v>
      </c>
      <c r="N293" s="5" t="s">
        <v>733</v>
      </c>
      <c r="O293" s="5" t="s">
        <v>38</v>
      </c>
      <c r="P293" s="5" t="s">
        <v>39</v>
      </c>
      <c r="Q293" s="5" t="s">
        <v>40</v>
      </c>
      <c r="R293" s="5" t="s">
        <v>734</v>
      </c>
      <c r="S293" s="5" t="s">
        <v>40</v>
      </c>
      <c r="T293" s="5" t="s">
        <v>42</v>
      </c>
      <c r="U293" s="2">
        <v>20.69</v>
      </c>
      <c r="V293" s="2">
        <v>17.25</v>
      </c>
      <c r="W293" s="2">
        <v>0.307</v>
      </c>
      <c r="X293" s="2">
        <v>121</v>
      </c>
      <c r="Y293" s="2">
        <v>121</v>
      </c>
      <c r="Z293" s="2">
        <v>21</v>
      </c>
      <c r="AA293" s="5">
        <v>5</v>
      </c>
      <c r="AB293" s="5" t="s">
        <v>43</v>
      </c>
      <c r="AC293" s="5" t="s">
        <v>735</v>
      </c>
      <c r="AD293" s="2" t="s">
        <v>1078</v>
      </c>
      <c r="AE293" s="1"/>
    </row>
    <row r="294" spans="1:31" ht="14.45">
      <c r="A294" s="11"/>
      <c r="B294" s="20"/>
      <c r="C294" s="2" t="s">
        <v>1079</v>
      </c>
      <c r="D294" s="14" t="s">
        <v>1080</v>
      </c>
      <c r="E294" s="2" t="s">
        <v>1081</v>
      </c>
      <c r="F294" s="2" t="s">
        <v>1056</v>
      </c>
      <c r="G294" s="8">
        <v>1006</v>
      </c>
      <c r="H294" s="5">
        <v>19</v>
      </c>
      <c r="I294" s="5" t="s">
        <v>69</v>
      </c>
      <c r="J294" s="5" t="s">
        <v>731</v>
      </c>
      <c r="K294" s="2" t="s">
        <v>732</v>
      </c>
      <c r="L294" s="5" t="s">
        <v>731</v>
      </c>
      <c r="M294" s="2" t="s">
        <v>732</v>
      </c>
      <c r="N294" s="5" t="s">
        <v>733</v>
      </c>
      <c r="O294" s="5" t="s">
        <v>38</v>
      </c>
      <c r="P294" s="5" t="s">
        <v>39</v>
      </c>
      <c r="Q294" s="5" t="s">
        <v>40</v>
      </c>
      <c r="R294" s="5" t="s">
        <v>734</v>
      </c>
      <c r="S294" s="5" t="s">
        <v>40</v>
      </c>
      <c r="T294" s="5" t="s">
        <v>42</v>
      </c>
      <c r="U294" s="2">
        <v>23.26</v>
      </c>
      <c r="V294" s="2">
        <v>22.88</v>
      </c>
      <c r="W294" s="2">
        <v>0.52900000000000003</v>
      </c>
      <c r="X294" s="2">
        <v>121</v>
      </c>
      <c r="Y294" s="2">
        <v>121</v>
      </c>
      <c r="Z294" s="2">
        <v>36.1</v>
      </c>
      <c r="AA294" s="5">
        <v>3</v>
      </c>
      <c r="AB294" s="5" t="s">
        <v>43</v>
      </c>
      <c r="AC294" s="5" t="s">
        <v>735</v>
      </c>
      <c r="AD294" s="2" t="s">
        <v>1082</v>
      </c>
      <c r="AE294" s="1"/>
    </row>
    <row r="295" spans="1:31" ht="14.45">
      <c r="A295" s="11"/>
      <c r="B295" s="20"/>
      <c r="C295" s="2" t="s">
        <v>1083</v>
      </c>
      <c r="D295" s="14" t="s">
        <v>1084</v>
      </c>
      <c r="E295" s="2" t="s">
        <v>1085</v>
      </c>
      <c r="F295" s="2" t="s">
        <v>1061</v>
      </c>
      <c r="G295" s="8">
        <v>1423</v>
      </c>
      <c r="H295" s="5">
        <v>25</v>
      </c>
      <c r="I295" s="5" t="s">
        <v>69</v>
      </c>
      <c r="J295" s="5" t="s">
        <v>731</v>
      </c>
      <c r="K295" s="2" t="s">
        <v>732</v>
      </c>
      <c r="L295" s="5" t="s">
        <v>731</v>
      </c>
      <c r="M295" s="2" t="s">
        <v>732</v>
      </c>
      <c r="N295" s="5" t="s">
        <v>733</v>
      </c>
      <c r="O295" s="5" t="s">
        <v>38</v>
      </c>
      <c r="P295" s="5" t="s">
        <v>39</v>
      </c>
      <c r="Q295" s="5" t="s">
        <v>40</v>
      </c>
      <c r="R295" s="5" t="s">
        <v>734</v>
      </c>
      <c r="S295" s="5" t="s">
        <v>40</v>
      </c>
      <c r="T295" s="5" t="s">
        <v>42</v>
      </c>
      <c r="U295" s="2">
        <v>20.850999999999999</v>
      </c>
      <c r="V295" s="2">
        <v>20.687000000000001</v>
      </c>
      <c r="W295" s="2">
        <v>0.60599999999999998</v>
      </c>
      <c r="X295" s="2">
        <v>120</v>
      </c>
      <c r="Y295" s="2">
        <v>90</v>
      </c>
      <c r="Z295" s="2">
        <v>56.1</v>
      </c>
      <c r="AA295" s="5">
        <v>2</v>
      </c>
      <c r="AB295" s="5" t="s">
        <v>43</v>
      </c>
      <c r="AC295" s="5" t="s">
        <v>735</v>
      </c>
      <c r="AD295" s="2" t="s">
        <v>1086</v>
      </c>
      <c r="AE295" s="1"/>
    </row>
    <row r="296" spans="1:31" ht="14.45">
      <c r="A296" s="11"/>
      <c r="B296" s="20"/>
      <c r="C296" s="2" t="s">
        <v>1087</v>
      </c>
      <c r="D296" s="14" t="s">
        <v>1088</v>
      </c>
      <c r="E296" s="2" t="s">
        <v>1089</v>
      </c>
      <c r="F296" s="2" t="s">
        <v>1051</v>
      </c>
      <c r="G296" s="8">
        <v>977</v>
      </c>
      <c r="H296" s="5">
        <v>19</v>
      </c>
      <c r="I296" s="5" t="s">
        <v>69</v>
      </c>
      <c r="J296" s="5" t="s">
        <v>731</v>
      </c>
      <c r="K296" s="2" t="s">
        <v>732</v>
      </c>
      <c r="L296" s="5" t="s">
        <v>731</v>
      </c>
      <c r="M296" s="2" t="s">
        <v>732</v>
      </c>
      <c r="N296" s="5" t="s">
        <v>733</v>
      </c>
      <c r="O296" s="5" t="s">
        <v>38</v>
      </c>
      <c r="P296" s="5" t="s">
        <v>39</v>
      </c>
      <c r="Q296" s="5" t="s">
        <v>40</v>
      </c>
      <c r="R296" s="5" t="s">
        <v>734</v>
      </c>
      <c r="S296" s="5" t="s">
        <v>40</v>
      </c>
      <c r="T296" s="5" t="s">
        <v>42</v>
      </c>
      <c r="U296" s="2">
        <v>23.19</v>
      </c>
      <c r="V296" s="2">
        <v>19.75</v>
      </c>
      <c r="W296" s="2">
        <v>0.307</v>
      </c>
      <c r="X296" s="2">
        <v>121</v>
      </c>
      <c r="Y296" s="2">
        <v>121</v>
      </c>
      <c r="Z296" s="2">
        <v>21</v>
      </c>
      <c r="AA296" s="5">
        <v>5</v>
      </c>
      <c r="AB296" s="5" t="s">
        <v>43</v>
      </c>
      <c r="AC296" s="5" t="s">
        <v>735</v>
      </c>
      <c r="AD296" s="2" t="s">
        <v>1090</v>
      </c>
      <c r="AE296" s="1"/>
    </row>
    <row r="297" spans="1:31" ht="14.45">
      <c r="A297" s="11"/>
      <c r="B297" s="20"/>
      <c r="C297" s="2" t="s">
        <v>1091</v>
      </c>
      <c r="D297" s="14" t="s">
        <v>1092</v>
      </c>
      <c r="E297" s="2" t="s">
        <v>1093</v>
      </c>
      <c r="F297" s="2" t="s">
        <v>1056</v>
      </c>
      <c r="G297" s="8">
        <v>1082</v>
      </c>
      <c r="H297" s="5">
        <v>19</v>
      </c>
      <c r="I297" s="5" t="s">
        <v>69</v>
      </c>
      <c r="J297" s="5" t="s">
        <v>731</v>
      </c>
      <c r="K297" s="2" t="s">
        <v>732</v>
      </c>
      <c r="L297" s="5" t="s">
        <v>731</v>
      </c>
      <c r="M297" s="2" t="s">
        <v>732</v>
      </c>
      <c r="N297" s="5" t="s">
        <v>733</v>
      </c>
      <c r="O297" s="5" t="s">
        <v>38</v>
      </c>
      <c r="P297" s="5" t="s">
        <v>39</v>
      </c>
      <c r="Q297" s="5" t="s">
        <v>40</v>
      </c>
      <c r="R297" s="5" t="s">
        <v>734</v>
      </c>
      <c r="S297" s="5" t="s">
        <v>40</v>
      </c>
      <c r="T297" s="5" t="s">
        <v>42</v>
      </c>
      <c r="U297" s="2">
        <v>27.16</v>
      </c>
      <c r="V297" s="2">
        <v>26.78</v>
      </c>
      <c r="W297" s="2">
        <v>0.52900000000000003</v>
      </c>
      <c r="X297" s="2">
        <v>121</v>
      </c>
      <c r="Y297" s="2">
        <v>121</v>
      </c>
      <c r="Z297" s="2">
        <v>36.1</v>
      </c>
      <c r="AA297" s="5">
        <v>3</v>
      </c>
      <c r="AB297" s="5" t="s">
        <v>43</v>
      </c>
      <c r="AC297" s="5" t="s">
        <v>735</v>
      </c>
      <c r="AD297" s="2" t="s">
        <v>1094</v>
      </c>
      <c r="AE297" s="1"/>
    </row>
    <row r="298" spans="1:31" ht="14.45">
      <c r="A298" s="11"/>
      <c r="B298" s="20"/>
      <c r="C298" s="2" t="s">
        <v>1095</v>
      </c>
      <c r="D298" s="14" t="s">
        <v>1096</v>
      </c>
      <c r="E298" s="2" t="s">
        <v>1097</v>
      </c>
      <c r="F298" s="2" t="s">
        <v>1061</v>
      </c>
      <c r="G298" s="8">
        <v>1557</v>
      </c>
      <c r="H298" s="5">
        <v>25</v>
      </c>
      <c r="I298" s="5" t="s">
        <v>69</v>
      </c>
      <c r="J298" s="5" t="s">
        <v>731</v>
      </c>
      <c r="K298" s="2" t="s">
        <v>732</v>
      </c>
      <c r="L298" s="5" t="s">
        <v>731</v>
      </c>
      <c r="M298" s="2" t="s">
        <v>732</v>
      </c>
      <c r="N298" s="5" t="s">
        <v>733</v>
      </c>
      <c r="O298" s="5" t="s">
        <v>38</v>
      </c>
      <c r="P298" s="5" t="s">
        <v>39</v>
      </c>
      <c r="Q298" s="5" t="s">
        <v>40</v>
      </c>
      <c r="R298" s="5" t="s">
        <v>734</v>
      </c>
      <c r="S298" s="5" t="s">
        <v>40</v>
      </c>
      <c r="T298" s="5" t="s">
        <v>42</v>
      </c>
      <c r="U298" s="2">
        <v>24.452999999999999</v>
      </c>
      <c r="V298" s="2">
        <v>24.289000000000001</v>
      </c>
      <c r="W298" s="2">
        <v>0.80800000000000005</v>
      </c>
      <c r="X298" s="2">
        <v>120</v>
      </c>
      <c r="Y298" s="2">
        <v>120</v>
      </c>
      <c r="Z298" s="2">
        <v>56.1</v>
      </c>
      <c r="AA298" s="5">
        <v>2</v>
      </c>
      <c r="AB298" s="5" t="s">
        <v>43</v>
      </c>
      <c r="AC298" s="5" t="s">
        <v>735</v>
      </c>
      <c r="AD298" s="2" t="s">
        <v>1098</v>
      </c>
      <c r="AE298" s="1"/>
    </row>
    <row r="299" spans="1:31" ht="14.45">
      <c r="A299" s="11"/>
      <c r="B299" s="20"/>
      <c r="C299" s="2" t="s">
        <v>1099</v>
      </c>
      <c r="D299" s="14" t="s">
        <v>1100</v>
      </c>
      <c r="E299" s="2" t="s">
        <v>1101</v>
      </c>
      <c r="F299" s="2" t="s">
        <v>1051</v>
      </c>
      <c r="G299" s="8">
        <v>1016</v>
      </c>
      <c r="H299" s="5">
        <v>19</v>
      </c>
      <c r="I299" s="5" t="s">
        <v>69</v>
      </c>
      <c r="J299" s="5" t="s">
        <v>731</v>
      </c>
      <c r="K299" s="2" t="s">
        <v>732</v>
      </c>
      <c r="L299" s="5" t="s">
        <v>731</v>
      </c>
      <c r="M299" s="2" t="s">
        <v>732</v>
      </c>
      <c r="N299" s="5" t="s">
        <v>733</v>
      </c>
      <c r="O299" s="5" t="s">
        <v>38</v>
      </c>
      <c r="P299" s="5" t="s">
        <v>39</v>
      </c>
      <c r="Q299" s="5" t="s">
        <v>40</v>
      </c>
      <c r="R299" s="5" t="s">
        <v>734</v>
      </c>
      <c r="S299" s="5" t="s">
        <v>40</v>
      </c>
      <c r="T299" s="5" t="s">
        <v>42</v>
      </c>
      <c r="U299" s="2">
        <v>25.36</v>
      </c>
      <c r="V299" s="2">
        <v>21.38</v>
      </c>
      <c r="W299" s="2">
        <v>0.36</v>
      </c>
      <c r="X299" s="2">
        <v>131</v>
      </c>
      <c r="Y299" s="2">
        <v>131</v>
      </c>
      <c r="Z299" s="2">
        <v>21</v>
      </c>
      <c r="AA299" s="5">
        <v>5</v>
      </c>
      <c r="AB299" s="5" t="s">
        <v>43</v>
      </c>
      <c r="AC299" s="5" t="s">
        <v>735</v>
      </c>
      <c r="AD299" s="2" t="s">
        <v>1102</v>
      </c>
      <c r="AE299" s="1"/>
    </row>
    <row r="300" spans="1:31" ht="14.45">
      <c r="A300" s="11"/>
      <c r="B300" s="20"/>
      <c r="C300" s="2" t="s">
        <v>1103</v>
      </c>
      <c r="D300" s="14" t="s">
        <v>1104</v>
      </c>
      <c r="E300" s="2" t="s">
        <v>1105</v>
      </c>
      <c r="F300" s="2" t="s">
        <v>1056</v>
      </c>
      <c r="G300" s="8">
        <v>1133</v>
      </c>
      <c r="H300" s="5">
        <v>19</v>
      </c>
      <c r="I300" s="5" t="s">
        <v>69</v>
      </c>
      <c r="J300" s="5" t="s">
        <v>731</v>
      </c>
      <c r="K300" s="2" t="s">
        <v>732</v>
      </c>
      <c r="L300" s="5" t="s">
        <v>731</v>
      </c>
      <c r="M300" s="2" t="s">
        <v>732</v>
      </c>
      <c r="N300" s="5" t="s">
        <v>733</v>
      </c>
      <c r="O300" s="5" t="s">
        <v>38</v>
      </c>
      <c r="P300" s="5" t="s">
        <v>39</v>
      </c>
      <c r="Q300" s="5" t="s">
        <v>40</v>
      </c>
      <c r="R300" s="5" t="s">
        <v>734</v>
      </c>
      <c r="S300" s="5" t="s">
        <v>40</v>
      </c>
      <c r="T300" s="5" t="s">
        <v>42</v>
      </c>
      <c r="U300" s="2">
        <v>30.29</v>
      </c>
      <c r="V300" s="2">
        <v>25.91</v>
      </c>
      <c r="W300" s="2">
        <v>0.62</v>
      </c>
      <c r="X300" s="2">
        <v>131</v>
      </c>
      <c r="Y300" s="2">
        <v>131</v>
      </c>
      <c r="Z300" s="2">
        <v>36.1</v>
      </c>
      <c r="AA300" s="5">
        <v>3</v>
      </c>
      <c r="AB300" s="5" t="s">
        <v>43</v>
      </c>
      <c r="AC300" s="5" t="s">
        <v>735</v>
      </c>
      <c r="AD300" s="2" t="s">
        <v>1106</v>
      </c>
      <c r="AE300" s="1"/>
    </row>
    <row r="301" spans="1:31" ht="14.45">
      <c r="A301" s="11"/>
      <c r="B301" s="20"/>
      <c r="C301" s="2" t="s">
        <v>1107</v>
      </c>
      <c r="D301" s="14" t="s">
        <v>1108</v>
      </c>
      <c r="E301" s="2" t="s">
        <v>1109</v>
      </c>
      <c r="F301" s="2" t="s">
        <v>1061</v>
      </c>
      <c r="G301" s="8">
        <v>1647</v>
      </c>
      <c r="H301" s="5">
        <v>25</v>
      </c>
      <c r="I301" s="5" t="s">
        <v>69</v>
      </c>
      <c r="J301" s="5" t="s">
        <v>731</v>
      </c>
      <c r="K301" s="2" t="s">
        <v>732</v>
      </c>
      <c r="L301" s="5" t="s">
        <v>731</v>
      </c>
      <c r="M301" s="2" t="s">
        <v>732</v>
      </c>
      <c r="N301" s="5" t="s">
        <v>733</v>
      </c>
      <c r="O301" s="5" t="s">
        <v>38</v>
      </c>
      <c r="P301" s="5" t="s">
        <v>39</v>
      </c>
      <c r="Q301" s="5" t="s">
        <v>40</v>
      </c>
      <c r="R301" s="5" t="s">
        <v>734</v>
      </c>
      <c r="S301" s="5" t="s">
        <v>40</v>
      </c>
      <c r="T301" s="5" t="s">
        <v>42</v>
      </c>
      <c r="U301" s="2">
        <v>26.920999999999999</v>
      </c>
      <c r="V301" s="2">
        <v>26.757000000000001</v>
      </c>
      <c r="W301" s="2">
        <v>0.94799999999999995</v>
      </c>
      <c r="X301" s="2">
        <v>130</v>
      </c>
      <c r="Y301" s="2">
        <v>130</v>
      </c>
      <c r="Z301" s="2">
        <v>56.1</v>
      </c>
      <c r="AA301" s="5">
        <v>2</v>
      </c>
      <c r="AB301" s="5" t="s">
        <v>43</v>
      </c>
      <c r="AC301" s="5" t="s">
        <v>735</v>
      </c>
      <c r="AD301" s="2" t="s">
        <v>1110</v>
      </c>
      <c r="AE301" s="1"/>
    </row>
    <row r="302" spans="1:31" ht="14.45">
      <c r="A302" s="11"/>
      <c r="B302" s="20"/>
      <c r="C302" s="2" t="s">
        <v>1111</v>
      </c>
      <c r="D302" s="14" t="s">
        <v>1112</v>
      </c>
      <c r="E302" s="2" t="s">
        <v>1113</v>
      </c>
      <c r="F302" s="2" t="s">
        <v>1051</v>
      </c>
      <c r="G302" s="8">
        <v>1032</v>
      </c>
      <c r="H302" s="5">
        <v>19</v>
      </c>
      <c r="I302" s="5" t="s">
        <v>69</v>
      </c>
      <c r="J302" s="5" t="s">
        <v>731</v>
      </c>
      <c r="K302" s="2" t="s">
        <v>732</v>
      </c>
      <c r="L302" s="5" t="s">
        <v>731</v>
      </c>
      <c r="M302" s="2" t="s">
        <v>732</v>
      </c>
      <c r="N302" s="5" t="s">
        <v>733</v>
      </c>
      <c r="O302" s="5" t="s">
        <v>38</v>
      </c>
      <c r="P302" s="5" t="s">
        <v>39</v>
      </c>
      <c r="Q302" s="5" t="s">
        <v>40</v>
      </c>
      <c r="R302" s="5" t="s">
        <v>734</v>
      </c>
      <c r="S302" s="5" t="s">
        <v>40</v>
      </c>
      <c r="T302" s="5" t="s">
        <v>42</v>
      </c>
      <c r="U302" s="2">
        <v>27.18</v>
      </c>
      <c r="V302" s="2">
        <v>21.99</v>
      </c>
      <c r="W302" s="2">
        <v>0.47899999999999998</v>
      </c>
      <c r="X302" s="2">
        <v>151</v>
      </c>
      <c r="Y302" s="2">
        <v>151</v>
      </c>
      <c r="Z302" s="2">
        <v>21</v>
      </c>
      <c r="AA302" s="5">
        <v>5</v>
      </c>
      <c r="AB302" s="5" t="s">
        <v>43</v>
      </c>
      <c r="AC302" s="5" t="s">
        <v>735</v>
      </c>
      <c r="AD302" s="2" t="s">
        <v>1114</v>
      </c>
      <c r="AE302" s="1"/>
    </row>
    <row r="303" spans="1:31" ht="14.45">
      <c r="A303" s="11"/>
      <c r="B303" s="20"/>
      <c r="C303" s="2" t="s">
        <v>1115</v>
      </c>
      <c r="D303" s="14" t="s">
        <v>1116</v>
      </c>
      <c r="E303" s="2" t="s">
        <v>1117</v>
      </c>
      <c r="F303" s="2" t="s">
        <v>1056</v>
      </c>
      <c r="G303" s="8">
        <v>1153</v>
      </c>
      <c r="H303" s="5">
        <v>19</v>
      </c>
      <c r="I303" s="5" t="s">
        <v>69</v>
      </c>
      <c r="J303" s="5" t="s">
        <v>731</v>
      </c>
      <c r="K303" s="2" t="s">
        <v>732</v>
      </c>
      <c r="L303" s="5" t="s">
        <v>731</v>
      </c>
      <c r="M303" s="2" t="s">
        <v>732</v>
      </c>
      <c r="N303" s="5" t="s">
        <v>733</v>
      </c>
      <c r="O303" s="5" t="s">
        <v>38</v>
      </c>
      <c r="P303" s="5" t="s">
        <v>39</v>
      </c>
      <c r="Q303" s="5" t="s">
        <v>40</v>
      </c>
      <c r="R303" s="5" t="s">
        <v>734</v>
      </c>
      <c r="S303" s="5" t="s">
        <v>40</v>
      </c>
      <c r="T303" s="5" t="s">
        <v>42</v>
      </c>
      <c r="U303" s="2">
        <v>32.74</v>
      </c>
      <c r="V303" s="2">
        <v>27.09</v>
      </c>
      <c r="W303" s="2">
        <v>0.82299999999999995</v>
      </c>
      <c r="X303" s="2">
        <v>151</v>
      </c>
      <c r="Y303" s="2">
        <v>151</v>
      </c>
      <c r="Z303" s="2">
        <v>36.1</v>
      </c>
      <c r="AA303" s="5">
        <v>3</v>
      </c>
      <c r="AB303" s="5" t="s">
        <v>43</v>
      </c>
      <c r="AC303" s="5" t="s">
        <v>735</v>
      </c>
      <c r="AD303" s="2" t="s">
        <v>1118</v>
      </c>
      <c r="AE303" s="1"/>
    </row>
    <row r="304" spans="1:31" ht="14.45">
      <c r="A304" s="11"/>
      <c r="B304" s="20"/>
      <c r="C304" s="2" t="s">
        <v>1119</v>
      </c>
      <c r="D304" s="14" t="s">
        <v>1120</v>
      </c>
      <c r="E304" s="2" t="s">
        <v>1121</v>
      </c>
      <c r="F304" s="2" t="s">
        <v>1061</v>
      </c>
      <c r="G304" s="8">
        <v>1682</v>
      </c>
      <c r="H304" s="5">
        <v>25</v>
      </c>
      <c r="I304" s="5" t="s">
        <v>69</v>
      </c>
      <c r="J304" s="5" t="s">
        <v>731</v>
      </c>
      <c r="K304" s="2" t="s">
        <v>732</v>
      </c>
      <c r="L304" s="5" t="s">
        <v>731</v>
      </c>
      <c r="M304" s="2" t="s">
        <v>732</v>
      </c>
      <c r="N304" s="5" t="s">
        <v>733</v>
      </c>
      <c r="O304" s="5" t="s">
        <v>38</v>
      </c>
      <c r="P304" s="5" t="s">
        <v>39</v>
      </c>
      <c r="Q304" s="5" t="s">
        <v>40</v>
      </c>
      <c r="R304" s="5" t="s">
        <v>734</v>
      </c>
      <c r="S304" s="5" t="s">
        <v>40</v>
      </c>
      <c r="T304" s="5" t="s">
        <v>42</v>
      </c>
      <c r="U304" s="2">
        <v>28.155000000000001</v>
      </c>
      <c r="V304" s="2">
        <v>27.991</v>
      </c>
      <c r="W304" s="2">
        <v>1.01</v>
      </c>
      <c r="X304" s="2">
        <v>150</v>
      </c>
      <c r="Y304" s="2">
        <v>120</v>
      </c>
      <c r="Z304" s="2">
        <v>56.1</v>
      </c>
      <c r="AA304" s="5">
        <v>2</v>
      </c>
      <c r="AB304" s="5" t="s">
        <v>43</v>
      </c>
      <c r="AC304" s="5" t="s">
        <v>735</v>
      </c>
      <c r="AD304" s="2" t="s">
        <v>1122</v>
      </c>
      <c r="AE304" s="1"/>
    </row>
    <row r="305" spans="1:31" ht="14.45">
      <c r="A305" s="11"/>
      <c r="B305" s="20"/>
      <c r="C305" s="2" t="s">
        <v>1123</v>
      </c>
      <c r="D305" s="14" t="s">
        <v>1124</v>
      </c>
      <c r="E305" s="2" t="s">
        <v>1125</v>
      </c>
      <c r="F305" s="2" t="s">
        <v>1051</v>
      </c>
      <c r="G305" s="8">
        <v>1094</v>
      </c>
      <c r="H305" s="5">
        <v>19</v>
      </c>
      <c r="I305" s="5" t="s">
        <v>69</v>
      </c>
      <c r="J305" s="5" t="s">
        <v>731</v>
      </c>
      <c r="K305" s="2" t="s">
        <v>732</v>
      </c>
      <c r="L305" s="5" t="s">
        <v>731</v>
      </c>
      <c r="M305" s="2" t="s">
        <v>732</v>
      </c>
      <c r="N305" s="5" t="s">
        <v>733</v>
      </c>
      <c r="O305" s="5" t="s">
        <v>38</v>
      </c>
      <c r="P305" s="5" t="s">
        <v>39</v>
      </c>
      <c r="Q305" s="5" t="s">
        <v>40</v>
      </c>
      <c r="R305" s="5" t="s">
        <v>734</v>
      </c>
      <c r="S305" s="5" t="s">
        <v>40</v>
      </c>
      <c r="T305" s="5" t="s">
        <v>42</v>
      </c>
      <c r="U305" s="2">
        <v>29.68</v>
      </c>
      <c r="V305" s="2">
        <v>24.49</v>
      </c>
      <c r="W305" s="2">
        <v>0.47899999999999998</v>
      </c>
      <c r="X305" s="2">
        <v>151</v>
      </c>
      <c r="Y305" s="2">
        <v>151</v>
      </c>
      <c r="Z305" s="2">
        <v>21</v>
      </c>
      <c r="AA305" s="5">
        <v>5</v>
      </c>
      <c r="AB305" s="5" t="s">
        <v>43</v>
      </c>
      <c r="AC305" s="5" t="s">
        <v>735</v>
      </c>
      <c r="AD305" s="2" t="s">
        <v>1126</v>
      </c>
      <c r="AE305" s="1"/>
    </row>
    <row r="306" spans="1:31" ht="14.45">
      <c r="A306" s="11"/>
      <c r="B306" s="20"/>
      <c r="C306" s="2" t="s">
        <v>1127</v>
      </c>
      <c r="D306" s="14" t="s">
        <v>1128</v>
      </c>
      <c r="E306" s="2" t="s">
        <v>1129</v>
      </c>
      <c r="F306" s="2" t="s">
        <v>1056</v>
      </c>
      <c r="G306" s="8">
        <v>1234</v>
      </c>
      <c r="H306" s="5">
        <v>19</v>
      </c>
      <c r="I306" s="5" t="s">
        <v>69</v>
      </c>
      <c r="J306" s="5" t="s">
        <v>731</v>
      </c>
      <c r="K306" s="2" t="s">
        <v>732</v>
      </c>
      <c r="L306" s="5" t="s">
        <v>731</v>
      </c>
      <c r="M306" s="2" t="s">
        <v>732</v>
      </c>
      <c r="N306" s="5" t="s">
        <v>733</v>
      </c>
      <c r="O306" s="5" t="s">
        <v>38</v>
      </c>
      <c r="P306" s="5" t="s">
        <v>39</v>
      </c>
      <c r="Q306" s="5" t="s">
        <v>40</v>
      </c>
      <c r="R306" s="5" t="s">
        <v>734</v>
      </c>
      <c r="S306" s="5" t="s">
        <v>40</v>
      </c>
      <c r="T306" s="5" t="s">
        <v>42</v>
      </c>
      <c r="U306" s="2">
        <v>36.64</v>
      </c>
      <c r="V306" s="2">
        <v>30.99</v>
      </c>
      <c r="W306" s="2">
        <v>0.82299999999999995</v>
      </c>
      <c r="X306" s="2">
        <v>151</v>
      </c>
      <c r="Y306" s="2">
        <v>151</v>
      </c>
      <c r="Z306" s="2">
        <v>36.1</v>
      </c>
      <c r="AA306" s="5">
        <v>3</v>
      </c>
      <c r="AB306" s="5" t="s">
        <v>43</v>
      </c>
      <c r="AC306" s="5" t="s">
        <v>735</v>
      </c>
      <c r="AD306" s="2" t="s">
        <v>1130</v>
      </c>
      <c r="AE306" s="1"/>
    </row>
    <row r="307" spans="1:31" ht="14.45">
      <c r="A307" s="11"/>
      <c r="B307" s="20"/>
      <c r="C307" s="2" t="s">
        <v>1131</v>
      </c>
      <c r="D307" s="14" t="s">
        <v>1132</v>
      </c>
      <c r="E307" s="2" t="s">
        <v>1133</v>
      </c>
      <c r="F307" s="2" t="s">
        <v>1061</v>
      </c>
      <c r="G307" s="8">
        <v>1826</v>
      </c>
      <c r="H307" s="5">
        <v>25</v>
      </c>
      <c r="I307" s="5" t="s">
        <v>69</v>
      </c>
      <c r="J307" s="5" t="s">
        <v>731</v>
      </c>
      <c r="K307" s="2" t="s">
        <v>732</v>
      </c>
      <c r="L307" s="5" t="s">
        <v>731</v>
      </c>
      <c r="M307" s="2" t="s">
        <v>732</v>
      </c>
      <c r="N307" s="5" t="s">
        <v>733</v>
      </c>
      <c r="O307" s="5" t="s">
        <v>38</v>
      </c>
      <c r="P307" s="5" t="s">
        <v>39</v>
      </c>
      <c r="Q307" s="5" t="s">
        <v>40</v>
      </c>
      <c r="R307" s="5" t="s">
        <v>734</v>
      </c>
      <c r="S307" s="5" t="s">
        <v>40</v>
      </c>
      <c r="T307" s="5" t="s">
        <v>42</v>
      </c>
      <c r="U307" s="2">
        <v>31.757000000000001</v>
      </c>
      <c r="V307" s="2">
        <v>31.593</v>
      </c>
      <c r="W307" s="2">
        <v>1.262</v>
      </c>
      <c r="X307" s="2">
        <v>150</v>
      </c>
      <c r="Y307" s="2">
        <v>150</v>
      </c>
      <c r="Z307" s="2">
        <v>56.1</v>
      </c>
      <c r="AA307" s="5">
        <v>2</v>
      </c>
      <c r="AB307" s="5" t="s">
        <v>43</v>
      </c>
      <c r="AC307" s="5" t="s">
        <v>735</v>
      </c>
      <c r="AD307" s="2" t="s">
        <v>1134</v>
      </c>
      <c r="AE307" s="1"/>
    </row>
    <row r="308" spans="1:31" ht="14.45">
      <c r="A308" s="11"/>
      <c r="B308" s="20"/>
      <c r="C308" s="2" t="s">
        <v>1135</v>
      </c>
      <c r="D308" s="14" t="s">
        <v>1136</v>
      </c>
      <c r="E308" s="2" t="s">
        <v>1137</v>
      </c>
      <c r="F308" s="2" t="s">
        <v>1051</v>
      </c>
      <c r="G308" s="8">
        <v>1113</v>
      </c>
      <c r="H308" s="5">
        <v>19</v>
      </c>
      <c r="I308" s="5" t="s">
        <v>69</v>
      </c>
      <c r="J308" s="5" t="s">
        <v>731</v>
      </c>
      <c r="K308" s="2" t="s">
        <v>732</v>
      </c>
      <c r="L308" s="5" t="s">
        <v>731</v>
      </c>
      <c r="M308" s="2" t="s">
        <v>732</v>
      </c>
      <c r="N308" s="5" t="s">
        <v>733</v>
      </c>
      <c r="O308" s="5" t="s">
        <v>38</v>
      </c>
      <c r="P308" s="5" t="s">
        <v>39</v>
      </c>
      <c r="Q308" s="5" t="s">
        <v>40</v>
      </c>
      <c r="R308" s="5" t="s">
        <v>734</v>
      </c>
      <c r="S308" s="5" t="s">
        <v>40</v>
      </c>
      <c r="T308" s="5" t="s">
        <v>42</v>
      </c>
      <c r="U308" s="2">
        <v>30.75</v>
      </c>
      <c r="V308" s="2">
        <v>25.46</v>
      </c>
      <c r="W308" s="2">
        <v>0.498</v>
      </c>
      <c r="X308" s="2">
        <v>181</v>
      </c>
      <c r="Y308" s="2">
        <v>131</v>
      </c>
      <c r="Z308" s="2">
        <v>21</v>
      </c>
      <c r="AA308" s="5">
        <v>5</v>
      </c>
      <c r="AB308" s="5" t="s">
        <v>43</v>
      </c>
      <c r="AC308" s="5" t="s">
        <v>735</v>
      </c>
      <c r="AD308" s="2" t="s">
        <v>1138</v>
      </c>
      <c r="AE308" s="1"/>
    </row>
    <row r="309" spans="1:31" ht="14.45">
      <c r="A309" s="11"/>
      <c r="B309" s="20"/>
      <c r="C309" s="2" t="s">
        <v>1139</v>
      </c>
      <c r="D309" s="14" t="s">
        <v>1140</v>
      </c>
      <c r="E309" s="2" t="s">
        <v>1141</v>
      </c>
      <c r="F309" s="2" t="s">
        <v>1056</v>
      </c>
      <c r="G309" s="8">
        <v>1259</v>
      </c>
      <c r="H309" s="5">
        <v>19</v>
      </c>
      <c r="I309" s="5" t="s">
        <v>69</v>
      </c>
      <c r="J309" s="5" t="s">
        <v>731</v>
      </c>
      <c r="K309" s="2" t="s">
        <v>732</v>
      </c>
      <c r="L309" s="5" t="s">
        <v>731</v>
      </c>
      <c r="M309" s="2" t="s">
        <v>732</v>
      </c>
      <c r="N309" s="5" t="s">
        <v>733</v>
      </c>
      <c r="O309" s="5" t="s">
        <v>38</v>
      </c>
      <c r="P309" s="5" t="s">
        <v>39</v>
      </c>
      <c r="Q309" s="5" t="s">
        <v>40</v>
      </c>
      <c r="R309" s="5" t="s">
        <v>734</v>
      </c>
      <c r="S309" s="5" t="s">
        <v>40</v>
      </c>
      <c r="T309" s="5" t="s">
        <v>42</v>
      </c>
      <c r="U309" s="2">
        <v>39.89</v>
      </c>
      <c r="V309" s="2">
        <v>32.03</v>
      </c>
      <c r="W309" s="2">
        <v>1.1830000000000001</v>
      </c>
      <c r="X309" s="2">
        <v>181</v>
      </c>
      <c r="Y309" s="2">
        <v>131</v>
      </c>
      <c r="Z309" s="2">
        <v>36.1</v>
      </c>
      <c r="AA309" s="5">
        <v>3</v>
      </c>
      <c r="AB309" s="5" t="s">
        <v>43</v>
      </c>
      <c r="AC309" s="5" t="s">
        <v>735</v>
      </c>
      <c r="AD309" s="2" t="s">
        <v>1142</v>
      </c>
      <c r="AE309" s="1"/>
    </row>
    <row r="310" spans="1:31" ht="14.45">
      <c r="A310" s="11"/>
      <c r="B310" s="20"/>
      <c r="C310" s="2" t="s">
        <v>1143</v>
      </c>
      <c r="D310" s="14" t="s">
        <v>1144</v>
      </c>
      <c r="E310" s="2" t="s">
        <v>1145</v>
      </c>
      <c r="F310" s="2" t="s">
        <v>1061</v>
      </c>
      <c r="G310" s="8">
        <v>1870</v>
      </c>
      <c r="H310" s="5">
        <v>25</v>
      </c>
      <c r="I310" s="5" t="s">
        <v>69</v>
      </c>
      <c r="J310" s="5" t="s">
        <v>731</v>
      </c>
      <c r="K310" s="2" t="s">
        <v>732</v>
      </c>
      <c r="L310" s="5" t="s">
        <v>731</v>
      </c>
      <c r="M310" s="2" t="s">
        <v>732</v>
      </c>
      <c r="N310" s="5" t="s">
        <v>733</v>
      </c>
      <c r="O310" s="5" t="s">
        <v>38</v>
      </c>
      <c r="P310" s="5" t="s">
        <v>39</v>
      </c>
      <c r="Q310" s="5" t="s">
        <v>40</v>
      </c>
      <c r="R310" s="5" t="s">
        <v>734</v>
      </c>
      <c r="S310" s="5" t="s">
        <v>40</v>
      </c>
      <c r="T310" s="5" t="s">
        <v>42</v>
      </c>
      <c r="U310" s="2">
        <v>32.991</v>
      </c>
      <c r="V310" s="2">
        <v>32.826999999999998</v>
      </c>
      <c r="W310" s="2">
        <v>1.3129999999999999</v>
      </c>
      <c r="X310" s="2">
        <v>180</v>
      </c>
      <c r="Y310" s="2">
        <v>130</v>
      </c>
      <c r="Z310" s="2">
        <v>56.1</v>
      </c>
      <c r="AA310" s="5">
        <v>2</v>
      </c>
      <c r="AB310" s="5" t="s">
        <v>43</v>
      </c>
      <c r="AC310" s="5" t="s">
        <v>735</v>
      </c>
      <c r="AD310" s="2" t="s">
        <v>1146</v>
      </c>
      <c r="AE310" s="1"/>
    </row>
    <row r="311" spans="1:31" ht="14.45">
      <c r="A311" s="11"/>
      <c r="B311" s="20"/>
      <c r="C311" s="2" t="s">
        <v>1147</v>
      </c>
      <c r="D311" s="14" t="s">
        <v>1148</v>
      </c>
      <c r="E311" s="2" t="s">
        <v>1149</v>
      </c>
      <c r="F311" s="2" t="s">
        <v>1051</v>
      </c>
      <c r="G311" s="8">
        <v>1179</v>
      </c>
      <c r="H311" s="5">
        <v>19</v>
      </c>
      <c r="I311" s="5" t="s">
        <v>69</v>
      </c>
      <c r="J311" s="5" t="s">
        <v>731</v>
      </c>
      <c r="K311" s="2" t="s">
        <v>732</v>
      </c>
      <c r="L311" s="5" t="s">
        <v>731</v>
      </c>
      <c r="M311" s="2" t="s">
        <v>732</v>
      </c>
      <c r="N311" s="5" t="s">
        <v>733</v>
      </c>
      <c r="O311" s="5" t="s">
        <v>38</v>
      </c>
      <c r="P311" s="5" t="s">
        <v>39</v>
      </c>
      <c r="Q311" s="5" t="s">
        <v>40</v>
      </c>
      <c r="R311" s="5" t="s">
        <v>734</v>
      </c>
      <c r="S311" s="5" t="s">
        <v>40</v>
      </c>
      <c r="T311" s="5" t="s">
        <v>42</v>
      </c>
      <c r="U311" s="2">
        <v>36.43</v>
      </c>
      <c r="V311" s="2">
        <v>31.14</v>
      </c>
      <c r="W311" s="2">
        <v>0.498</v>
      </c>
      <c r="X311" s="2">
        <v>181</v>
      </c>
      <c r="Y311" s="2">
        <v>131</v>
      </c>
      <c r="Z311" s="2">
        <v>21</v>
      </c>
      <c r="AA311" s="5">
        <v>5</v>
      </c>
      <c r="AB311" s="5" t="s">
        <v>43</v>
      </c>
      <c r="AC311" s="5" t="s">
        <v>735</v>
      </c>
      <c r="AD311" s="2" t="s">
        <v>1150</v>
      </c>
      <c r="AE311" s="1"/>
    </row>
    <row r="312" spans="1:31" ht="14.45">
      <c r="A312" s="11"/>
      <c r="B312" s="20"/>
      <c r="C312" s="2" t="s">
        <v>1151</v>
      </c>
      <c r="D312" s="14" t="s">
        <v>1152</v>
      </c>
      <c r="E312" s="2" t="s">
        <v>1153</v>
      </c>
      <c r="F312" s="2" t="s">
        <v>1056</v>
      </c>
      <c r="G312" s="8">
        <v>1345</v>
      </c>
      <c r="H312" s="5">
        <v>19</v>
      </c>
      <c r="I312" s="5" t="s">
        <v>69</v>
      </c>
      <c r="J312" s="5" t="s">
        <v>731</v>
      </c>
      <c r="K312" s="2" t="s">
        <v>732</v>
      </c>
      <c r="L312" s="5" t="s">
        <v>731</v>
      </c>
      <c r="M312" s="2" t="s">
        <v>732</v>
      </c>
      <c r="N312" s="5" t="s">
        <v>733</v>
      </c>
      <c r="O312" s="5" t="s">
        <v>38</v>
      </c>
      <c r="P312" s="5" t="s">
        <v>39</v>
      </c>
      <c r="Q312" s="5" t="s">
        <v>40</v>
      </c>
      <c r="R312" s="5" t="s">
        <v>734</v>
      </c>
      <c r="S312" s="5" t="s">
        <v>40</v>
      </c>
      <c r="T312" s="5" t="s">
        <v>42</v>
      </c>
      <c r="U312" s="2">
        <v>46.39</v>
      </c>
      <c r="V312" s="2">
        <v>38.53</v>
      </c>
      <c r="W312" s="2">
        <v>1.1830000000000001</v>
      </c>
      <c r="X312" s="2">
        <v>181</v>
      </c>
      <c r="Y312" s="2">
        <v>181</v>
      </c>
      <c r="Z312" s="2">
        <v>36.1</v>
      </c>
      <c r="AA312" s="5">
        <v>3</v>
      </c>
      <c r="AB312" s="5" t="s">
        <v>43</v>
      </c>
      <c r="AC312" s="5" t="s">
        <v>735</v>
      </c>
      <c r="AD312" s="2" t="s">
        <v>1154</v>
      </c>
      <c r="AE312" s="1"/>
    </row>
    <row r="313" spans="1:31" ht="14.45">
      <c r="A313" s="11"/>
      <c r="B313" s="20"/>
      <c r="C313" s="2" t="s">
        <v>1155</v>
      </c>
      <c r="D313" s="14" t="s">
        <v>1156</v>
      </c>
      <c r="E313" s="2" t="s">
        <v>1157</v>
      </c>
      <c r="F313" s="2" t="s">
        <v>1061</v>
      </c>
      <c r="G313" s="8">
        <v>2022</v>
      </c>
      <c r="H313" s="5">
        <v>25</v>
      </c>
      <c r="I313" s="5" t="s">
        <v>69</v>
      </c>
      <c r="J313" s="5" t="s">
        <v>731</v>
      </c>
      <c r="K313" s="2" t="s">
        <v>732</v>
      </c>
      <c r="L313" s="5" t="s">
        <v>731</v>
      </c>
      <c r="M313" s="2" t="s">
        <v>732</v>
      </c>
      <c r="N313" s="5" t="s">
        <v>733</v>
      </c>
      <c r="O313" s="5" t="s">
        <v>38</v>
      </c>
      <c r="P313" s="5" t="s">
        <v>39</v>
      </c>
      <c r="Q313" s="5" t="s">
        <v>40</v>
      </c>
      <c r="R313" s="5" t="s">
        <v>734</v>
      </c>
      <c r="S313" s="5" t="s">
        <v>40</v>
      </c>
      <c r="T313" s="5" t="s">
        <v>42</v>
      </c>
      <c r="U313" s="2">
        <v>39.061</v>
      </c>
      <c r="V313" s="2">
        <v>38.896999999999998</v>
      </c>
      <c r="W313" s="2">
        <v>1.8180000000000001</v>
      </c>
      <c r="X313" s="2">
        <v>180</v>
      </c>
      <c r="Y313" s="2">
        <v>180</v>
      </c>
      <c r="Z313" s="2">
        <v>56.1</v>
      </c>
      <c r="AA313" s="5">
        <v>2</v>
      </c>
      <c r="AB313" s="5" t="s">
        <v>43</v>
      </c>
      <c r="AC313" s="5" t="s">
        <v>735</v>
      </c>
      <c r="AD313" s="2" t="s">
        <v>1158</v>
      </c>
      <c r="AE313" s="1"/>
    </row>
    <row r="314" spans="1:31" ht="14.45">
      <c r="A314" s="11"/>
      <c r="B314" s="20"/>
      <c r="C314" s="2" t="s">
        <v>1159</v>
      </c>
      <c r="D314" s="14" t="s">
        <v>1160</v>
      </c>
      <c r="E314" s="2" t="s">
        <v>1161</v>
      </c>
      <c r="F314" s="2" t="s">
        <v>1051</v>
      </c>
      <c r="G314" s="8">
        <v>1140</v>
      </c>
      <c r="H314" s="5">
        <v>19</v>
      </c>
      <c r="I314" s="5" t="s">
        <v>69</v>
      </c>
      <c r="J314" s="5" t="s">
        <v>731</v>
      </c>
      <c r="K314" s="2" t="s">
        <v>732</v>
      </c>
      <c r="L314" s="5" t="s">
        <v>731</v>
      </c>
      <c r="M314" s="2" t="s">
        <v>732</v>
      </c>
      <c r="N314" s="5" t="s">
        <v>733</v>
      </c>
      <c r="O314" s="5" t="s">
        <v>38</v>
      </c>
      <c r="P314" s="5" t="s">
        <v>39</v>
      </c>
      <c r="Q314" s="5" t="s">
        <v>40</v>
      </c>
      <c r="R314" s="5" t="s">
        <v>734</v>
      </c>
      <c r="S314" s="5" t="s">
        <v>40</v>
      </c>
      <c r="T314" s="5" t="s">
        <v>42</v>
      </c>
      <c r="U314" s="2">
        <v>36.311</v>
      </c>
      <c r="V314" s="2">
        <v>29.49</v>
      </c>
      <c r="W314" s="2">
        <v>0.63500000000000001</v>
      </c>
      <c r="X314" s="2">
        <v>231</v>
      </c>
      <c r="Y314" s="2">
        <v>131</v>
      </c>
      <c r="Z314" s="2">
        <v>21</v>
      </c>
      <c r="AA314" s="5">
        <v>5</v>
      </c>
      <c r="AB314" s="5" t="s">
        <v>43</v>
      </c>
      <c r="AC314" s="5" t="s">
        <v>735</v>
      </c>
      <c r="AD314" s="2" t="s">
        <v>1162</v>
      </c>
      <c r="AE314" s="1"/>
    </row>
    <row r="315" spans="1:31" ht="14.45">
      <c r="A315" s="11"/>
      <c r="B315" s="20"/>
      <c r="C315" s="2" t="s">
        <v>1163</v>
      </c>
      <c r="D315" s="14" t="s">
        <v>1164</v>
      </c>
      <c r="E315" s="2" t="s">
        <v>1165</v>
      </c>
      <c r="F315" s="2" t="s">
        <v>1166</v>
      </c>
      <c r="G315" s="8">
        <v>1189</v>
      </c>
      <c r="H315" s="5">
        <v>5</v>
      </c>
      <c r="I315" s="5" t="s">
        <v>69</v>
      </c>
      <c r="J315" s="5" t="s">
        <v>731</v>
      </c>
      <c r="K315" s="2" t="s">
        <v>732</v>
      </c>
      <c r="L315" s="5" t="s">
        <v>731</v>
      </c>
      <c r="M315" s="2" t="s">
        <v>732</v>
      </c>
      <c r="N315" s="5" t="s">
        <v>733</v>
      </c>
      <c r="O315" s="5" t="s">
        <v>38</v>
      </c>
      <c r="P315" s="5" t="s">
        <v>39</v>
      </c>
      <c r="Q315" s="5" t="s">
        <v>40</v>
      </c>
      <c r="R315" s="5" t="s">
        <v>734</v>
      </c>
      <c r="S315" s="5" t="s">
        <v>40</v>
      </c>
      <c r="T315" s="5" t="s">
        <v>42</v>
      </c>
      <c r="U315" s="2">
        <v>33.950000000000003</v>
      </c>
      <c r="V315" s="2">
        <v>31.356000000000002</v>
      </c>
      <c r="W315" s="2">
        <v>0.15</v>
      </c>
      <c r="X315" s="2">
        <v>22.32</v>
      </c>
      <c r="Y315" s="2">
        <v>82.56</v>
      </c>
      <c r="Z315" s="2">
        <v>81.36</v>
      </c>
      <c r="AA315" s="5">
        <v>5</v>
      </c>
      <c r="AB315" s="5" t="s">
        <v>43</v>
      </c>
      <c r="AC315" s="5" t="s">
        <v>735</v>
      </c>
      <c r="AD315" s="2" t="s">
        <v>1167</v>
      </c>
      <c r="AE315" s="1"/>
    </row>
    <row r="316" spans="1:31" ht="14.45">
      <c r="A316" s="11"/>
      <c r="B316" s="20"/>
      <c r="C316" s="2" t="s">
        <v>1168</v>
      </c>
      <c r="D316" s="14" t="s">
        <v>1169</v>
      </c>
      <c r="E316" s="2" t="s">
        <v>1170</v>
      </c>
      <c r="F316" s="2" t="s">
        <v>1171</v>
      </c>
      <c r="G316" s="8">
        <v>1231</v>
      </c>
      <c r="H316" s="5">
        <v>5</v>
      </c>
      <c r="I316" s="5" t="s">
        <v>69</v>
      </c>
      <c r="J316" s="5" t="s">
        <v>731</v>
      </c>
      <c r="K316" s="2" t="s">
        <v>732</v>
      </c>
      <c r="L316" s="5" t="s">
        <v>731</v>
      </c>
      <c r="M316" s="2" t="s">
        <v>732</v>
      </c>
      <c r="N316" s="5" t="s">
        <v>733</v>
      </c>
      <c r="O316" s="5" t="s">
        <v>38</v>
      </c>
      <c r="P316" s="5" t="s">
        <v>39</v>
      </c>
      <c r="Q316" s="5" t="s">
        <v>40</v>
      </c>
      <c r="R316" s="5" t="s">
        <v>734</v>
      </c>
      <c r="S316" s="5" t="s">
        <v>40</v>
      </c>
      <c r="T316" s="5" t="s">
        <v>42</v>
      </c>
      <c r="U316" s="2">
        <v>42.898000000000003</v>
      </c>
      <c r="V316" s="2">
        <v>40.128</v>
      </c>
      <c r="W316" s="2">
        <v>0.20499999999999999</v>
      </c>
      <c r="X316" s="2">
        <v>22.32</v>
      </c>
      <c r="Y316" s="2">
        <v>82.56</v>
      </c>
      <c r="Z316" s="2">
        <v>111.36</v>
      </c>
      <c r="AA316" s="5">
        <v>5</v>
      </c>
      <c r="AB316" s="5" t="s">
        <v>43</v>
      </c>
      <c r="AC316" s="5" t="s">
        <v>735</v>
      </c>
      <c r="AD316" s="2" t="s">
        <v>1172</v>
      </c>
      <c r="AE316" s="1"/>
    </row>
    <row r="317" spans="1:31" ht="14.45">
      <c r="A317" s="11"/>
      <c r="B317" s="20"/>
      <c r="C317" s="2" t="s">
        <v>1173</v>
      </c>
      <c r="D317" s="14" t="s">
        <v>1174</v>
      </c>
      <c r="E317" s="2" t="s">
        <v>1175</v>
      </c>
      <c r="F317" s="2" t="s">
        <v>1176</v>
      </c>
      <c r="G317" s="8">
        <v>1261</v>
      </c>
      <c r="H317" s="5">
        <v>5</v>
      </c>
      <c r="I317" s="5" t="s">
        <v>69</v>
      </c>
      <c r="J317" s="5" t="s">
        <v>731</v>
      </c>
      <c r="K317" s="2" t="s">
        <v>732</v>
      </c>
      <c r="L317" s="5" t="s">
        <v>731</v>
      </c>
      <c r="M317" s="2" t="s">
        <v>732</v>
      </c>
      <c r="N317" s="5" t="s">
        <v>733</v>
      </c>
      <c r="O317" s="5" t="s">
        <v>38</v>
      </c>
      <c r="P317" s="5" t="s">
        <v>39</v>
      </c>
      <c r="Q317" s="5" t="s">
        <v>40</v>
      </c>
      <c r="R317" s="5" t="s">
        <v>734</v>
      </c>
      <c r="S317" s="5" t="s">
        <v>40</v>
      </c>
      <c r="T317" s="5" t="s">
        <v>42</v>
      </c>
      <c r="U317" s="2">
        <v>46.087000000000003</v>
      </c>
      <c r="V317" s="2">
        <v>42.718000000000004</v>
      </c>
      <c r="W317" s="2">
        <v>0.23200000000000001</v>
      </c>
      <c r="X317" s="2">
        <v>22.32</v>
      </c>
      <c r="Y317" s="2">
        <v>102.56</v>
      </c>
      <c r="Z317" s="2">
        <v>101.36</v>
      </c>
      <c r="AA317" s="5">
        <v>5</v>
      </c>
      <c r="AB317" s="5" t="s">
        <v>43</v>
      </c>
      <c r="AC317" s="5" t="s">
        <v>735</v>
      </c>
      <c r="AD317" s="2" t="s">
        <v>1177</v>
      </c>
      <c r="AE317" s="1"/>
    </row>
    <row r="318" spans="1:31" ht="14.45">
      <c r="A318" s="11"/>
      <c r="B318" s="20"/>
      <c r="C318" s="2" t="s">
        <v>1178</v>
      </c>
      <c r="D318" s="14" t="s">
        <v>1179</v>
      </c>
      <c r="E318" s="2" t="s">
        <v>1180</v>
      </c>
      <c r="F318" s="2" t="s">
        <v>1181</v>
      </c>
      <c r="G318" s="8">
        <v>1314</v>
      </c>
      <c r="H318" s="5">
        <v>5</v>
      </c>
      <c r="I318" s="5" t="s">
        <v>69</v>
      </c>
      <c r="J318" s="5" t="s">
        <v>731</v>
      </c>
      <c r="K318" s="2" t="s">
        <v>732</v>
      </c>
      <c r="L318" s="5" t="s">
        <v>731</v>
      </c>
      <c r="M318" s="2" t="s">
        <v>732</v>
      </c>
      <c r="N318" s="5" t="s">
        <v>733</v>
      </c>
      <c r="O318" s="5" t="s">
        <v>38</v>
      </c>
      <c r="P318" s="5" t="s">
        <v>39</v>
      </c>
      <c r="Q318" s="5" t="s">
        <v>40</v>
      </c>
      <c r="R318" s="5" t="s">
        <v>734</v>
      </c>
      <c r="S318" s="5" t="s">
        <v>40</v>
      </c>
      <c r="T318" s="5" t="s">
        <v>42</v>
      </c>
      <c r="U318" s="2">
        <v>55.854999999999997</v>
      </c>
      <c r="V318" s="2">
        <v>52.057000000000002</v>
      </c>
      <c r="W318" s="2">
        <v>0.28000000000000003</v>
      </c>
      <c r="X318" s="2">
        <v>22.32</v>
      </c>
      <c r="Y318" s="2">
        <v>112.56</v>
      </c>
      <c r="Z318" s="2">
        <v>111.36</v>
      </c>
      <c r="AA318" s="5">
        <v>5</v>
      </c>
      <c r="AB318" s="5" t="s">
        <v>43</v>
      </c>
      <c r="AC318" s="5" t="s">
        <v>735</v>
      </c>
      <c r="AD318" s="2" t="s">
        <v>1182</v>
      </c>
      <c r="AE318" s="1"/>
    </row>
    <row r="319" spans="1:31" ht="14.45">
      <c r="A319" s="11"/>
      <c r="B319" s="20"/>
      <c r="C319" s="2" t="s">
        <v>1183</v>
      </c>
      <c r="D319" s="14" t="s">
        <v>1184</v>
      </c>
      <c r="E319" s="2" t="s">
        <v>1185</v>
      </c>
      <c r="F319" s="2" t="s">
        <v>1186</v>
      </c>
      <c r="G319" s="8">
        <v>1404</v>
      </c>
      <c r="H319" s="5">
        <v>5</v>
      </c>
      <c r="I319" s="5" t="s">
        <v>69</v>
      </c>
      <c r="J319" s="5" t="s">
        <v>731</v>
      </c>
      <c r="K319" s="2" t="s">
        <v>732</v>
      </c>
      <c r="L319" s="5" t="s">
        <v>731</v>
      </c>
      <c r="M319" s="2" t="s">
        <v>732</v>
      </c>
      <c r="N319" s="5" t="s">
        <v>733</v>
      </c>
      <c r="O319" s="5" t="s">
        <v>38</v>
      </c>
      <c r="P319" s="5" t="s">
        <v>39</v>
      </c>
      <c r="Q319" s="5" t="s">
        <v>40</v>
      </c>
      <c r="R319" s="5" t="s">
        <v>734</v>
      </c>
      <c r="S319" s="5" t="s">
        <v>40</v>
      </c>
      <c r="T319" s="5" t="s">
        <v>42</v>
      </c>
      <c r="U319" s="2">
        <v>63.655000000000001</v>
      </c>
      <c r="V319" s="2">
        <v>59.896000000000001</v>
      </c>
      <c r="W319" s="2">
        <v>0.35499999999999998</v>
      </c>
      <c r="X319" s="2">
        <v>22.32</v>
      </c>
      <c r="Y319" s="2">
        <v>112.56</v>
      </c>
      <c r="Z319" s="2">
        <v>141.36000000000001</v>
      </c>
      <c r="AA319" s="5">
        <v>5</v>
      </c>
      <c r="AB319" s="5" t="s">
        <v>43</v>
      </c>
      <c r="AC319" s="5" t="s">
        <v>735</v>
      </c>
      <c r="AD319" s="2" t="s">
        <v>1187</v>
      </c>
      <c r="AE319" s="1"/>
    </row>
    <row r="320" spans="1:31" ht="14.45">
      <c r="A320" s="11"/>
      <c r="B320" s="20"/>
      <c r="C320" s="2" t="s">
        <v>1188</v>
      </c>
      <c r="D320" s="14" t="s">
        <v>1189</v>
      </c>
      <c r="E320" s="2" t="s">
        <v>1190</v>
      </c>
      <c r="F320" s="2" t="s">
        <v>1191</v>
      </c>
      <c r="G320" s="8">
        <v>1374</v>
      </c>
      <c r="H320" s="5">
        <v>5</v>
      </c>
      <c r="I320" s="5" t="s">
        <v>69</v>
      </c>
      <c r="J320" s="5" t="s">
        <v>731</v>
      </c>
      <c r="K320" s="2" t="s">
        <v>732</v>
      </c>
      <c r="L320" s="5" t="s">
        <v>731</v>
      </c>
      <c r="M320" s="2" t="s">
        <v>732</v>
      </c>
      <c r="N320" s="5" t="s">
        <v>733</v>
      </c>
      <c r="O320" s="5" t="s">
        <v>38</v>
      </c>
      <c r="P320" s="5" t="s">
        <v>39</v>
      </c>
      <c r="Q320" s="5" t="s">
        <v>40</v>
      </c>
      <c r="R320" s="5" t="s">
        <v>734</v>
      </c>
      <c r="S320" s="5" t="s">
        <v>40</v>
      </c>
      <c r="T320" s="5" t="s">
        <v>42</v>
      </c>
      <c r="U320" s="2">
        <v>63.405000000000001</v>
      </c>
      <c r="V320" s="2">
        <v>59.152000000000001</v>
      </c>
      <c r="W320" s="2">
        <v>0.33200000000000002</v>
      </c>
      <c r="X320" s="2">
        <v>22.32</v>
      </c>
      <c r="Y320" s="2">
        <v>122.56</v>
      </c>
      <c r="Z320" s="2">
        <v>121.36</v>
      </c>
      <c r="AA320" s="5">
        <v>5</v>
      </c>
      <c r="AB320" s="5" t="s">
        <v>43</v>
      </c>
      <c r="AC320" s="5" t="s">
        <v>735</v>
      </c>
      <c r="AD320" s="2" t="s">
        <v>1192</v>
      </c>
      <c r="AE320" s="1"/>
    </row>
    <row r="321" spans="1:31" ht="14.45">
      <c r="A321" s="11"/>
      <c r="B321" s="20"/>
      <c r="C321" s="2" t="s">
        <v>1193</v>
      </c>
      <c r="D321" s="14" t="s">
        <v>1194</v>
      </c>
      <c r="E321" s="2" t="s">
        <v>1195</v>
      </c>
      <c r="F321" s="2" t="s">
        <v>1196</v>
      </c>
      <c r="G321" s="8">
        <v>1523</v>
      </c>
      <c r="H321" s="5">
        <v>5</v>
      </c>
      <c r="I321" s="5" t="s">
        <v>69</v>
      </c>
      <c r="J321" s="5" t="s">
        <v>731</v>
      </c>
      <c r="K321" s="2" t="s">
        <v>732</v>
      </c>
      <c r="L321" s="5" t="s">
        <v>731</v>
      </c>
      <c r="M321" s="2" t="s">
        <v>732</v>
      </c>
      <c r="N321" s="5" t="s">
        <v>733</v>
      </c>
      <c r="O321" s="5" t="s">
        <v>38</v>
      </c>
      <c r="P321" s="5" t="s">
        <v>39</v>
      </c>
      <c r="Q321" s="5" t="s">
        <v>40</v>
      </c>
      <c r="R321" s="5" t="s">
        <v>734</v>
      </c>
      <c r="S321" s="5" t="s">
        <v>40</v>
      </c>
      <c r="T321" s="5" t="s">
        <v>42</v>
      </c>
      <c r="U321" s="2">
        <v>88.736999999999995</v>
      </c>
      <c r="V321" s="2">
        <v>84.141999999999996</v>
      </c>
      <c r="W321" s="2">
        <v>0.43099999999999999</v>
      </c>
      <c r="X321" s="2">
        <v>22.32</v>
      </c>
      <c r="Y321" s="2">
        <v>112.56</v>
      </c>
      <c r="Z321" s="2">
        <v>171.36</v>
      </c>
      <c r="AA321" s="5">
        <v>5</v>
      </c>
      <c r="AB321" s="5" t="s">
        <v>43</v>
      </c>
      <c r="AC321" s="5" t="s">
        <v>735</v>
      </c>
      <c r="AD321" s="2" t="s">
        <v>1197</v>
      </c>
      <c r="AE321" s="1"/>
    </row>
    <row r="322" spans="1:31" ht="14.45">
      <c r="A322" s="11"/>
      <c r="B322" s="20"/>
      <c r="C322" s="2" t="s">
        <v>1198</v>
      </c>
      <c r="D322" s="14" t="s">
        <v>1199</v>
      </c>
      <c r="E322" s="2" t="s">
        <v>1200</v>
      </c>
      <c r="F322" s="2" t="s">
        <v>1201</v>
      </c>
      <c r="G322" s="8">
        <v>1463</v>
      </c>
      <c r="H322" s="5">
        <v>5</v>
      </c>
      <c r="I322" s="5" t="s">
        <v>69</v>
      </c>
      <c r="J322" s="5" t="s">
        <v>731</v>
      </c>
      <c r="K322" s="2" t="s">
        <v>732</v>
      </c>
      <c r="L322" s="5" t="s">
        <v>731</v>
      </c>
      <c r="M322" s="2" t="s">
        <v>732</v>
      </c>
      <c r="N322" s="5" t="s">
        <v>733</v>
      </c>
      <c r="O322" s="5" t="s">
        <v>38</v>
      </c>
      <c r="P322" s="5" t="s">
        <v>39</v>
      </c>
      <c r="Q322" s="5" t="s">
        <v>40</v>
      </c>
      <c r="R322" s="5" t="s">
        <v>734</v>
      </c>
      <c r="S322" s="5" t="s">
        <v>40</v>
      </c>
      <c r="T322" s="5" t="s">
        <v>42</v>
      </c>
      <c r="U322" s="2">
        <v>84.957999999999998</v>
      </c>
      <c r="V322" s="2">
        <v>79.697000000000003</v>
      </c>
      <c r="W322" s="2">
        <v>0.45</v>
      </c>
      <c r="X322" s="2">
        <v>22.32</v>
      </c>
      <c r="Y322" s="2">
        <v>142.56</v>
      </c>
      <c r="Z322" s="2">
        <v>141.36000000000001</v>
      </c>
      <c r="AA322" s="5">
        <v>5</v>
      </c>
      <c r="AB322" s="5" t="s">
        <v>43</v>
      </c>
      <c r="AC322" s="5" t="s">
        <v>735</v>
      </c>
      <c r="AD322" s="2" t="s">
        <v>1202</v>
      </c>
      <c r="AE322" s="1"/>
    </row>
    <row r="323" spans="1:31" ht="14.45">
      <c r="A323" s="11"/>
      <c r="B323" s="20"/>
      <c r="C323" s="2" t="s">
        <v>1203</v>
      </c>
      <c r="D323" s="14" t="s">
        <v>1204</v>
      </c>
      <c r="E323" s="2" t="s">
        <v>1205</v>
      </c>
      <c r="F323" s="2" t="s">
        <v>1206</v>
      </c>
      <c r="G323" s="8">
        <v>1702</v>
      </c>
      <c r="H323" s="5">
        <v>5</v>
      </c>
      <c r="I323" s="5" t="s">
        <v>69</v>
      </c>
      <c r="J323" s="5" t="s">
        <v>731</v>
      </c>
      <c r="K323" s="2" t="s">
        <v>732</v>
      </c>
      <c r="L323" s="5" t="s">
        <v>731</v>
      </c>
      <c r="M323" s="2" t="s">
        <v>732</v>
      </c>
      <c r="N323" s="5" t="s">
        <v>733</v>
      </c>
      <c r="O323" s="5" t="s">
        <v>38</v>
      </c>
      <c r="P323" s="5" t="s">
        <v>39</v>
      </c>
      <c r="Q323" s="5" t="s">
        <v>40</v>
      </c>
      <c r="R323" s="5" t="s">
        <v>734</v>
      </c>
      <c r="S323" s="5" t="s">
        <v>40</v>
      </c>
      <c r="T323" s="5" t="s">
        <v>42</v>
      </c>
      <c r="U323" s="2">
        <v>152.65199999999999</v>
      </c>
      <c r="V323" s="2">
        <v>119.126</v>
      </c>
      <c r="W323" s="2">
        <v>0.63700000000000001</v>
      </c>
      <c r="X323" s="2">
        <v>22.32</v>
      </c>
      <c r="Y323" s="2">
        <v>169</v>
      </c>
      <c r="Z323" s="2">
        <v>169</v>
      </c>
      <c r="AA323" s="5">
        <v>4</v>
      </c>
      <c r="AB323" s="5" t="s">
        <v>43</v>
      </c>
      <c r="AC323" s="5" t="s">
        <v>735</v>
      </c>
      <c r="AD323" s="2" t="s">
        <v>1207</v>
      </c>
      <c r="AE323" s="1"/>
    </row>
    <row r="324" spans="1:31" ht="14.45">
      <c r="A324" s="11"/>
      <c r="B324" s="20"/>
      <c r="C324" s="2" t="s">
        <v>1208</v>
      </c>
      <c r="D324" s="14" t="s">
        <v>1209</v>
      </c>
      <c r="E324" s="2" t="s">
        <v>1210</v>
      </c>
      <c r="F324" s="2" t="s">
        <v>1211</v>
      </c>
      <c r="G324" s="8">
        <v>1290</v>
      </c>
      <c r="H324" s="5">
        <v>5</v>
      </c>
      <c r="I324" s="5" t="s">
        <v>69</v>
      </c>
      <c r="J324" s="5" t="s">
        <v>731</v>
      </c>
      <c r="K324" s="2" t="s">
        <v>732</v>
      </c>
      <c r="L324" s="5" t="s">
        <v>731</v>
      </c>
      <c r="M324" s="2" t="s">
        <v>732</v>
      </c>
      <c r="N324" s="5" t="s">
        <v>733</v>
      </c>
      <c r="O324" s="5" t="s">
        <v>38</v>
      </c>
      <c r="P324" s="5" t="s">
        <v>39</v>
      </c>
      <c r="Q324" s="5" t="s">
        <v>40</v>
      </c>
      <c r="R324" s="5" t="s">
        <v>897</v>
      </c>
      <c r="S324" s="5" t="s">
        <v>40</v>
      </c>
      <c r="T324" s="5" t="s">
        <v>42</v>
      </c>
      <c r="U324" s="2">
        <v>41.722000000000001</v>
      </c>
      <c r="V324" s="2">
        <v>38.271999999999998</v>
      </c>
      <c r="W324" s="2">
        <v>0.20599999999999999</v>
      </c>
      <c r="X324" s="2">
        <v>22.3</v>
      </c>
      <c r="Y324" s="2">
        <v>96.7</v>
      </c>
      <c r="Z324" s="2">
        <v>95.6</v>
      </c>
      <c r="AA324" s="5">
        <v>5</v>
      </c>
      <c r="AB324" s="5" t="s">
        <v>43</v>
      </c>
      <c r="AC324" s="5" t="s">
        <v>735</v>
      </c>
      <c r="AD324" s="2" t="s">
        <v>1212</v>
      </c>
      <c r="AE324" s="1"/>
    </row>
    <row r="325" spans="1:31" ht="14.45">
      <c r="A325" s="11"/>
      <c r="B325" s="20"/>
      <c r="C325" s="2" t="s">
        <v>1213</v>
      </c>
      <c r="D325" s="14" t="s">
        <v>1214</v>
      </c>
      <c r="E325" s="2" t="s">
        <v>1215</v>
      </c>
      <c r="F325" s="2" t="s">
        <v>1216</v>
      </c>
      <c r="G325" s="8">
        <v>1429</v>
      </c>
      <c r="H325" s="5">
        <v>5</v>
      </c>
      <c r="I325" s="5" t="s">
        <v>69</v>
      </c>
      <c r="J325" s="5" t="s">
        <v>731</v>
      </c>
      <c r="K325" s="2" t="s">
        <v>732</v>
      </c>
      <c r="L325" s="5" t="s">
        <v>731</v>
      </c>
      <c r="M325" s="2" t="s">
        <v>732</v>
      </c>
      <c r="N325" s="5" t="s">
        <v>733</v>
      </c>
      <c r="O325" s="5" t="s">
        <v>38</v>
      </c>
      <c r="P325" s="5" t="s">
        <v>39</v>
      </c>
      <c r="Q325" s="5" t="s">
        <v>40</v>
      </c>
      <c r="R325" s="5" t="s">
        <v>897</v>
      </c>
      <c r="S325" s="5" t="s">
        <v>40</v>
      </c>
      <c r="T325" s="5" t="s">
        <v>42</v>
      </c>
      <c r="U325" s="2">
        <v>44.680999999999997</v>
      </c>
      <c r="V325" s="2">
        <v>41.231000000000002</v>
      </c>
      <c r="W325" s="2">
        <v>0.20599999999999999</v>
      </c>
      <c r="X325" s="2">
        <v>22.3</v>
      </c>
      <c r="Y325" s="2">
        <v>96.7</v>
      </c>
      <c r="Z325" s="2">
        <v>95.6</v>
      </c>
      <c r="AA325" s="5">
        <v>5</v>
      </c>
      <c r="AB325" s="5" t="s">
        <v>43</v>
      </c>
      <c r="AC325" s="5" t="s">
        <v>735</v>
      </c>
      <c r="AD325" s="2" t="s">
        <v>1217</v>
      </c>
      <c r="AE325" s="1"/>
    </row>
    <row r="326" spans="1:31" ht="14.45">
      <c r="A326" s="11"/>
      <c r="B326" s="20"/>
      <c r="C326" s="2" t="s">
        <v>1218</v>
      </c>
      <c r="D326" s="14" t="s">
        <v>1219</v>
      </c>
      <c r="E326" s="2" t="s">
        <v>1220</v>
      </c>
      <c r="F326" s="2" t="s">
        <v>1221</v>
      </c>
      <c r="G326" s="8">
        <v>1290</v>
      </c>
      <c r="H326" s="5">
        <v>5</v>
      </c>
      <c r="I326" s="5" t="s">
        <v>69</v>
      </c>
      <c r="J326" s="5" t="s">
        <v>731</v>
      </c>
      <c r="K326" s="2" t="s">
        <v>732</v>
      </c>
      <c r="L326" s="5" t="s">
        <v>731</v>
      </c>
      <c r="M326" s="2" t="s">
        <v>732</v>
      </c>
      <c r="N326" s="5" t="s">
        <v>733</v>
      </c>
      <c r="O326" s="5" t="s">
        <v>38</v>
      </c>
      <c r="P326" s="5" t="s">
        <v>39</v>
      </c>
      <c r="Q326" s="5" t="s">
        <v>40</v>
      </c>
      <c r="R326" s="5" t="s">
        <v>897</v>
      </c>
      <c r="S326" s="5" t="s">
        <v>40</v>
      </c>
      <c r="T326" s="5" t="s">
        <v>42</v>
      </c>
      <c r="U326" s="2">
        <v>42.439</v>
      </c>
      <c r="V326" s="2">
        <v>38.777000000000001</v>
      </c>
      <c r="W326" s="2">
        <v>0.20599999999999999</v>
      </c>
      <c r="X326" s="2">
        <v>22.3</v>
      </c>
      <c r="Y326" s="2">
        <v>96.7</v>
      </c>
      <c r="Z326" s="2">
        <v>95.6</v>
      </c>
      <c r="AA326" s="5">
        <v>5</v>
      </c>
      <c r="AB326" s="5" t="s">
        <v>43</v>
      </c>
      <c r="AC326" s="5" t="s">
        <v>735</v>
      </c>
      <c r="AD326" s="2" t="s">
        <v>1222</v>
      </c>
      <c r="AE326" s="1"/>
    </row>
    <row r="327" spans="1:31" ht="14.45">
      <c r="A327" s="11"/>
      <c r="B327" s="20"/>
      <c r="C327" s="2" t="s">
        <v>1223</v>
      </c>
      <c r="D327" s="14" t="s">
        <v>1224</v>
      </c>
      <c r="E327" s="2" t="s">
        <v>1225</v>
      </c>
      <c r="F327" s="2" t="s">
        <v>1226</v>
      </c>
      <c r="G327" s="8">
        <v>1429</v>
      </c>
      <c r="H327" s="5">
        <v>5</v>
      </c>
      <c r="I327" s="5" t="s">
        <v>69</v>
      </c>
      <c r="J327" s="5" t="s">
        <v>731</v>
      </c>
      <c r="K327" s="2" t="s">
        <v>732</v>
      </c>
      <c r="L327" s="5" t="s">
        <v>731</v>
      </c>
      <c r="M327" s="2" t="s">
        <v>732</v>
      </c>
      <c r="N327" s="5" t="s">
        <v>733</v>
      </c>
      <c r="O327" s="5" t="s">
        <v>38</v>
      </c>
      <c r="P327" s="5" t="s">
        <v>39</v>
      </c>
      <c r="Q327" s="5" t="s">
        <v>40</v>
      </c>
      <c r="R327" s="5" t="s">
        <v>897</v>
      </c>
      <c r="S327" s="5" t="s">
        <v>40</v>
      </c>
      <c r="T327" s="5" t="s">
        <v>42</v>
      </c>
      <c r="U327" s="2">
        <v>45.398000000000003</v>
      </c>
      <c r="V327" s="2">
        <v>41.735999999999997</v>
      </c>
      <c r="W327" s="2">
        <v>0.20599999999999999</v>
      </c>
      <c r="X327" s="2">
        <v>22.3</v>
      </c>
      <c r="Y327" s="2">
        <v>96.7</v>
      </c>
      <c r="Z327" s="2">
        <v>95.6</v>
      </c>
      <c r="AA327" s="5">
        <v>5</v>
      </c>
      <c r="AB327" s="5" t="s">
        <v>43</v>
      </c>
      <c r="AC327" s="5" t="s">
        <v>735</v>
      </c>
      <c r="AD327" s="2" t="s">
        <v>1227</v>
      </c>
      <c r="AE327" s="1"/>
    </row>
    <row r="328" spans="1:31" ht="14.45">
      <c r="A328" s="11"/>
      <c r="B328" s="20"/>
      <c r="C328" s="2" t="s">
        <v>1228</v>
      </c>
      <c r="D328" s="14" t="s">
        <v>1229</v>
      </c>
      <c r="E328" s="2" t="s">
        <v>1230</v>
      </c>
      <c r="F328" s="2" t="s">
        <v>1231</v>
      </c>
      <c r="G328" s="8">
        <v>1379</v>
      </c>
      <c r="H328" s="5">
        <v>5</v>
      </c>
      <c r="I328" s="5" t="s">
        <v>69</v>
      </c>
      <c r="J328" s="5" t="s">
        <v>731</v>
      </c>
      <c r="K328" s="2" t="s">
        <v>732</v>
      </c>
      <c r="L328" s="5" t="s">
        <v>731</v>
      </c>
      <c r="M328" s="2" t="s">
        <v>732</v>
      </c>
      <c r="N328" s="5" t="s">
        <v>733</v>
      </c>
      <c r="O328" s="5" t="s">
        <v>38</v>
      </c>
      <c r="P328" s="5" t="s">
        <v>39</v>
      </c>
      <c r="Q328" s="5" t="s">
        <v>40</v>
      </c>
      <c r="R328" s="5" t="s">
        <v>897</v>
      </c>
      <c r="S328" s="5" t="s">
        <v>40</v>
      </c>
      <c r="T328" s="5" t="s">
        <v>42</v>
      </c>
      <c r="U328" s="2">
        <v>55.426000000000002</v>
      </c>
      <c r="V328" s="2">
        <v>51.121000000000002</v>
      </c>
      <c r="W328" s="2">
        <v>0.30099999999999999</v>
      </c>
      <c r="X328" s="2">
        <v>22.3</v>
      </c>
      <c r="Y328" s="2">
        <v>116.7</v>
      </c>
      <c r="Z328" s="2">
        <v>115.6</v>
      </c>
      <c r="AA328" s="5">
        <v>5</v>
      </c>
      <c r="AB328" s="5" t="s">
        <v>43</v>
      </c>
      <c r="AC328" s="5" t="s">
        <v>735</v>
      </c>
      <c r="AD328" s="2" t="s">
        <v>1232</v>
      </c>
      <c r="AE328" s="1"/>
    </row>
    <row r="329" spans="1:31" ht="14.45">
      <c r="A329" s="11"/>
      <c r="B329" s="20"/>
      <c r="C329" s="2" t="s">
        <v>1233</v>
      </c>
      <c r="D329" s="14" t="s">
        <v>1234</v>
      </c>
      <c r="E329" s="2" t="s">
        <v>1235</v>
      </c>
      <c r="F329" s="2" t="s">
        <v>1236</v>
      </c>
      <c r="G329" s="8">
        <v>1544</v>
      </c>
      <c r="H329" s="5">
        <v>5</v>
      </c>
      <c r="I329" s="5" t="s">
        <v>69</v>
      </c>
      <c r="J329" s="5" t="s">
        <v>731</v>
      </c>
      <c r="K329" s="2" t="s">
        <v>732</v>
      </c>
      <c r="L329" s="5" t="s">
        <v>731</v>
      </c>
      <c r="M329" s="2" t="s">
        <v>732</v>
      </c>
      <c r="N329" s="5" t="s">
        <v>733</v>
      </c>
      <c r="O329" s="5" t="s">
        <v>38</v>
      </c>
      <c r="P329" s="5" t="s">
        <v>39</v>
      </c>
      <c r="Q329" s="5" t="s">
        <v>40</v>
      </c>
      <c r="R329" s="5" t="s">
        <v>897</v>
      </c>
      <c r="S329" s="5" t="s">
        <v>40</v>
      </c>
      <c r="T329" s="5" t="s">
        <v>42</v>
      </c>
      <c r="U329" s="2">
        <v>60.503</v>
      </c>
      <c r="V329" s="2">
        <v>56.198</v>
      </c>
      <c r="W329" s="2">
        <v>0.30099999999999999</v>
      </c>
      <c r="X329" s="2">
        <v>22.3</v>
      </c>
      <c r="Y329" s="2">
        <v>116.7</v>
      </c>
      <c r="Z329" s="2">
        <v>115.6</v>
      </c>
      <c r="AA329" s="5">
        <v>5</v>
      </c>
      <c r="AB329" s="5" t="s">
        <v>43</v>
      </c>
      <c r="AC329" s="5" t="s">
        <v>735</v>
      </c>
      <c r="AD329" s="2" t="s">
        <v>1237</v>
      </c>
      <c r="AE329" s="1"/>
    </row>
    <row r="330" spans="1:31" ht="14.45">
      <c r="A330" s="11"/>
      <c r="B330" s="20"/>
      <c r="C330" s="2" t="s">
        <v>1238</v>
      </c>
      <c r="D330" s="14" t="s">
        <v>1239</v>
      </c>
      <c r="E330" s="2" t="s">
        <v>1240</v>
      </c>
      <c r="F330" s="2" t="s">
        <v>1241</v>
      </c>
      <c r="G330" s="8">
        <v>1379</v>
      </c>
      <c r="H330" s="5">
        <v>5</v>
      </c>
      <c r="I330" s="5" t="s">
        <v>69</v>
      </c>
      <c r="J330" s="5" t="s">
        <v>731</v>
      </c>
      <c r="K330" s="2" t="s">
        <v>732</v>
      </c>
      <c r="L330" s="5" t="s">
        <v>731</v>
      </c>
      <c r="M330" s="2" t="s">
        <v>732</v>
      </c>
      <c r="N330" s="5" t="s">
        <v>733</v>
      </c>
      <c r="O330" s="5" t="s">
        <v>38</v>
      </c>
      <c r="P330" s="5" t="s">
        <v>39</v>
      </c>
      <c r="Q330" s="5" t="s">
        <v>40</v>
      </c>
      <c r="R330" s="5" t="s">
        <v>897</v>
      </c>
      <c r="S330" s="5" t="s">
        <v>40</v>
      </c>
      <c r="T330" s="5" t="s">
        <v>42</v>
      </c>
      <c r="U330" s="2">
        <v>56.143000000000001</v>
      </c>
      <c r="V330" s="2">
        <v>51.625999999999998</v>
      </c>
      <c r="W330" s="2">
        <v>0.30099999999999999</v>
      </c>
      <c r="X330" s="2">
        <v>22.3</v>
      </c>
      <c r="Y330" s="2">
        <v>116.7</v>
      </c>
      <c r="Z330" s="2">
        <v>115.6</v>
      </c>
      <c r="AA330" s="5">
        <v>5</v>
      </c>
      <c r="AB330" s="5" t="s">
        <v>43</v>
      </c>
      <c r="AC330" s="5" t="s">
        <v>735</v>
      </c>
      <c r="AD330" s="2" t="s">
        <v>1242</v>
      </c>
      <c r="AE330" s="1"/>
    </row>
    <row r="331" spans="1:31" ht="14.45">
      <c r="A331" s="11"/>
      <c r="B331" s="20"/>
      <c r="C331" s="2" t="s">
        <v>1243</v>
      </c>
      <c r="D331" s="14" t="s">
        <v>1244</v>
      </c>
      <c r="E331" s="2" t="s">
        <v>1245</v>
      </c>
      <c r="F331" s="2" t="s">
        <v>1246</v>
      </c>
      <c r="G331" s="8">
        <v>1544</v>
      </c>
      <c r="H331" s="5">
        <v>5</v>
      </c>
      <c r="I331" s="5" t="s">
        <v>69</v>
      </c>
      <c r="J331" s="5" t="s">
        <v>731</v>
      </c>
      <c r="K331" s="2" t="s">
        <v>732</v>
      </c>
      <c r="L331" s="5" t="s">
        <v>731</v>
      </c>
      <c r="M331" s="2" t="s">
        <v>732</v>
      </c>
      <c r="N331" s="5" t="s">
        <v>733</v>
      </c>
      <c r="O331" s="5" t="s">
        <v>38</v>
      </c>
      <c r="P331" s="5" t="s">
        <v>39</v>
      </c>
      <c r="Q331" s="5" t="s">
        <v>40</v>
      </c>
      <c r="R331" s="5" t="s">
        <v>897</v>
      </c>
      <c r="S331" s="5" t="s">
        <v>40</v>
      </c>
      <c r="T331" s="5" t="s">
        <v>42</v>
      </c>
      <c r="U331" s="2">
        <v>61.22</v>
      </c>
      <c r="V331" s="2">
        <v>56.703000000000003</v>
      </c>
      <c r="W331" s="2">
        <v>0.30099999999999999</v>
      </c>
      <c r="X331" s="2">
        <v>22.3</v>
      </c>
      <c r="Y331" s="2">
        <v>116.7</v>
      </c>
      <c r="Z331" s="2">
        <v>115.6</v>
      </c>
      <c r="AA331" s="5">
        <v>5</v>
      </c>
      <c r="AB331" s="5" t="s">
        <v>43</v>
      </c>
      <c r="AC331" s="5" t="s">
        <v>735</v>
      </c>
      <c r="AD331" s="2" t="s">
        <v>1247</v>
      </c>
      <c r="AE331" s="1"/>
    </row>
    <row r="332" spans="1:31" ht="14.45">
      <c r="A332" s="11"/>
      <c r="B332" s="20"/>
      <c r="C332" s="2" t="s">
        <v>1248</v>
      </c>
      <c r="D332" s="14" t="s">
        <v>1249</v>
      </c>
      <c r="E332" s="2" t="s">
        <v>1250</v>
      </c>
      <c r="F332" s="2" t="s">
        <v>1251</v>
      </c>
      <c r="G332" s="8">
        <v>1338</v>
      </c>
      <c r="H332" s="5">
        <v>5</v>
      </c>
      <c r="I332" s="5" t="s">
        <v>69</v>
      </c>
      <c r="J332" s="5" t="s">
        <v>731</v>
      </c>
      <c r="K332" s="2" t="s">
        <v>732</v>
      </c>
      <c r="L332" s="5" t="s">
        <v>731</v>
      </c>
      <c r="M332" s="2" t="s">
        <v>732</v>
      </c>
      <c r="N332" s="5" t="s">
        <v>733</v>
      </c>
      <c r="O332" s="5" t="s">
        <v>38</v>
      </c>
      <c r="P332" s="5" t="s">
        <v>39</v>
      </c>
      <c r="Q332" s="5" t="s">
        <v>40</v>
      </c>
      <c r="R332" s="5" t="s">
        <v>897</v>
      </c>
      <c r="S332" s="5" t="s">
        <v>40</v>
      </c>
      <c r="T332" s="5" t="s">
        <v>42</v>
      </c>
      <c r="U332" s="2">
        <v>51.183</v>
      </c>
      <c r="V332" s="2">
        <v>47.139000000000003</v>
      </c>
      <c r="W332" s="2">
        <v>0.27</v>
      </c>
      <c r="X332" s="2">
        <v>22.3</v>
      </c>
      <c r="Y332" s="2">
        <v>126.7</v>
      </c>
      <c r="Z332" s="2">
        <v>95.6</v>
      </c>
      <c r="AA332" s="5">
        <v>5</v>
      </c>
      <c r="AB332" s="5" t="s">
        <v>43</v>
      </c>
      <c r="AC332" s="5" t="s">
        <v>735</v>
      </c>
      <c r="AD332" s="2" t="s">
        <v>1252</v>
      </c>
      <c r="AE332" s="1"/>
    </row>
    <row r="333" spans="1:31" ht="14.45">
      <c r="A333" s="11"/>
      <c r="B333" s="20"/>
      <c r="C333" s="2" t="s">
        <v>1253</v>
      </c>
      <c r="D333" s="14" t="s">
        <v>1254</v>
      </c>
      <c r="E333" s="2" t="s">
        <v>1255</v>
      </c>
      <c r="F333" s="2" t="s">
        <v>1256</v>
      </c>
      <c r="G333" s="8">
        <v>1491</v>
      </c>
      <c r="H333" s="5">
        <v>5</v>
      </c>
      <c r="I333" s="5" t="s">
        <v>69</v>
      </c>
      <c r="J333" s="5" t="s">
        <v>731</v>
      </c>
      <c r="K333" s="2" t="s">
        <v>732</v>
      </c>
      <c r="L333" s="5" t="s">
        <v>731</v>
      </c>
      <c r="M333" s="2" t="s">
        <v>732</v>
      </c>
      <c r="N333" s="5" t="s">
        <v>733</v>
      </c>
      <c r="O333" s="5" t="s">
        <v>38</v>
      </c>
      <c r="P333" s="5" t="s">
        <v>39</v>
      </c>
      <c r="Q333" s="5" t="s">
        <v>40</v>
      </c>
      <c r="R333" s="5" t="s">
        <v>897</v>
      </c>
      <c r="S333" s="5" t="s">
        <v>40</v>
      </c>
      <c r="T333" s="5" t="s">
        <v>42</v>
      </c>
      <c r="U333" s="2">
        <v>55.512999999999998</v>
      </c>
      <c r="V333" s="2">
        <v>51.469000000000001</v>
      </c>
      <c r="W333" s="2">
        <v>0.27</v>
      </c>
      <c r="X333" s="2">
        <v>22.3</v>
      </c>
      <c r="Y333" s="2">
        <v>126.7</v>
      </c>
      <c r="Z333" s="2">
        <v>95.6</v>
      </c>
      <c r="AA333" s="5">
        <v>5</v>
      </c>
      <c r="AB333" s="5" t="s">
        <v>43</v>
      </c>
      <c r="AC333" s="5" t="s">
        <v>735</v>
      </c>
      <c r="AD333" s="2" t="s">
        <v>1257</v>
      </c>
      <c r="AE333" s="1"/>
    </row>
    <row r="334" spans="1:31" ht="14.45">
      <c r="A334" s="11"/>
      <c r="B334" s="20"/>
      <c r="C334" s="2" t="s">
        <v>1258</v>
      </c>
      <c r="D334" s="14" t="s">
        <v>1259</v>
      </c>
      <c r="E334" s="2" t="s">
        <v>1260</v>
      </c>
      <c r="F334" s="2" t="s">
        <v>1261</v>
      </c>
      <c r="G334" s="8">
        <v>1338</v>
      </c>
      <c r="H334" s="5">
        <v>5</v>
      </c>
      <c r="I334" s="5" t="s">
        <v>69</v>
      </c>
      <c r="J334" s="5" t="s">
        <v>731</v>
      </c>
      <c r="K334" s="2" t="s">
        <v>732</v>
      </c>
      <c r="L334" s="5" t="s">
        <v>731</v>
      </c>
      <c r="M334" s="2" t="s">
        <v>732</v>
      </c>
      <c r="N334" s="5" t="s">
        <v>733</v>
      </c>
      <c r="O334" s="5" t="s">
        <v>38</v>
      </c>
      <c r="P334" s="5" t="s">
        <v>39</v>
      </c>
      <c r="Q334" s="5" t="s">
        <v>40</v>
      </c>
      <c r="R334" s="5" t="s">
        <v>897</v>
      </c>
      <c r="S334" s="5" t="s">
        <v>40</v>
      </c>
      <c r="T334" s="5" t="s">
        <v>42</v>
      </c>
      <c r="U334" s="2">
        <v>51.9</v>
      </c>
      <c r="V334" s="2">
        <v>47.643999999999998</v>
      </c>
      <c r="W334" s="2">
        <v>0.27</v>
      </c>
      <c r="X334" s="2">
        <v>22.3</v>
      </c>
      <c r="Y334" s="2">
        <v>126.7</v>
      </c>
      <c r="Z334" s="2">
        <v>95.6</v>
      </c>
      <c r="AA334" s="5">
        <v>5</v>
      </c>
      <c r="AB334" s="5" t="s">
        <v>43</v>
      </c>
      <c r="AC334" s="5" t="s">
        <v>735</v>
      </c>
      <c r="AD334" s="2" t="s">
        <v>1262</v>
      </c>
      <c r="AE334" s="1"/>
    </row>
    <row r="335" spans="1:31" ht="14.45">
      <c r="A335" s="11"/>
      <c r="B335" s="20"/>
      <c r="C335" s="2" t="s">
        <v>1263</v>
      </c>
      <c r="D335" s="14" t="s">
        <v>1264</v>
      </c>
      <c r="E335" s="2" t="s">
        <v>1265</v>
      </c>
      <c r="F335" s="2" t="s">
        <v>1266</v>
      </c>
      <c r="G335" s="8">
        <v>1491</v>
      </c>
      <c r="H335" s="5">
        <v>5</v>
      </c>
      <c r="I335" s="5" t="s">
        <v>69</v>
      </c>
      <c r="J335" s="5" t="s">
        <v>731</v>
      </c>
      <c r="K335" s="2" t="s">
        <v>732</v>
      </c>
      <c r="L335" s="5" t="s">
        <v>731</v>
      </c>
      <c r="M335" s="2" t="s">
        <v>732</v>
      </c>
      <c r="N335" s="5" t="s">
        <v>733</v>
      </c>
      <c r="O335" s="5" t="s">
        <v>38</v>
      </c>
      <c r="P335" s="5" t="s">
        <v>39</v>
      </c>
      <c r="Q335" s="5" t="s">
        <v>40</v>
      </c>
      <c r="R335" s="5" t="s">
        <v>897</v>
      </c>
      <c r="S335" s="5" t="s">
        <v>40</v>
      </c>
      <c r="T335" s="5" t="s">
        <v>42</v>
      </c>
      <c r="U335" s="2">
        <v>56.23</v>
      </c>
      <c r="V335" s="2">
        <v>51.973999999999997</v>
      </c>
      <c r="W335" s="2">
        <v>0.27</v>
      </c>
      <c r="X335" s="2">
        <v>22.3</v>
      </c>
      <c r="Y335" s="2">
        <v>126.7</v>
      </c>
      <c r="Z335" s="2">
        <v>95.6</v>
      </c>
      <c r="AA335" s="5">
        <v>5</v>
      </c>
      <c r="AB335" s="5" t="s">
        <v>43</v>
      </c>
      <c r="AC335" s="5" t="s">
        <v>735</v>
      </c>
      <c r="AD335" s="2" t="s">
        <v>1267</v>
      </c>
      <c r="AE335" s="1"/>
    </row>
    <row r="336" spans="1:31" ht="14.45">
      <c r="A336" s="11"/>
      <c r="B336" s="20"/>
      <c r="C336" s="2" t="s">
        <v>1268</v>
      </c>
      <c r="D336" s="14" t="s">
        <v>1269</v>
      </c>
      <c r="E336" s="2" t="s">
        <v>1270</v>
      </c>
      <c r="F336" s="2" t="s">
        <v>1271</v>
      </c>
      <c r="G336" s="8">
        <v>1440</v>
      </c>
      <c r="H336" s="5">
        <v>5</v>
      </c>
      <c r="I336" s="5" t="s">
        <v>69</v>
      </c>
      <c r="J336" s="5" t="s">
        <v>731</v>
      </c>
      <c r="K336" s="2" t="s">
        <v>732</v>
      </c>
      <c r="L336" s="5" t="s">
        <v>731</v>
      </c>
      <c r="M336" s="2" t="s">
        <v>732</v>
      </c>
      <c r="N336" s="5" t="s">
        <v>733</v>
      </c>
      <c r="O336" s="5" t="s">
        <v>38</v>
      </c>
      <c r="P336" s="5" t="s">
        <v>39</v>
      </c>
      <c r="Q336" s="5" t="s">
        <v>40</v>
      </c>
      <c r="R336" s="5" t="s">
        <v>897</v>
      </c>
      <c r="S336" s="5" t="s">
        <v>40</v>
      </c>
      <c r="T336" s="5" t="s">
        <v>42</v>
      </c>
      <c r="U336" s="2">
        <v>63.08</v>
      </c>
      <c r="V336" s="2">
        <v>58.305</v>
      </c>
      <c r="W336" s="2">
        <v>0.35499999999999998</v>
      </c>
      <c r="X336" s="2">
        <v>22.3</v>
      </c>
      <c r="Y336" s="2">
        <v>126.7</v>
      </c>
      <c r="Z336" s="2">
        <v>125.6</v>
      </c>
      <c r="AA336" s="5">
        <v>5</v>
      </c>
      <c r="AB336" s="5" t="s">
        <v>43</v>
      </c>
      <c r="AC336" s="5" t="s">
        <v>735</v>
      </c>
      <c r="AD336" s="2" t="s">
        <v>1272</v>
      </c>
      <c r="AE336" s="1"/>
    </row>
    <row r="337" spans="1:31" ht="14.45">
      <c r="A337" s="11"/>
      <c r="B337" s="20"/>
      <c r="C337" s="2" t="s">
        <v>1273</v>
      </c>
      <c r="D337" s="14" t="s">
        <v>1274</v>
      </c>
      <c r="E337" s="2" t="s">
        <v>1275</v>
      </c>
      <c r="F337" s="2" t="s">
        <v>1276</v>
      </c>
      <c r="G337" s="8">
        <v>1624</v>
      </c>
      <c r="H337" s="5">
        <v>5</v>
      </c>
      <c r="I337" s="5" t="s">
        <v>69</v>
      </c>
      <c r="J337" s="5" t="s">
        <v>731</v>
      </c>
      <c r="K337" s="2" t="s">
        <v>732</v>
      </c>
      <c r="L337" s="5" t="s">
        <v>731</v>
      </c>
      <c r="M337" s="2" t="s">
        <v>732</v>
      </c>
      <c r="N337" s="5" t="s">
        <v>733</v>
      </c>
      <c r="O337" s="5" t="s">
        <v>38</v>
      </c>
      <c r="P337" s="5" t="s">
        <v>39</v>
      </c>
      <c r="Q337" s="5" t="s">
        <v>40</v>
      </c>
      <c r="R337" s="5" t="s">
        <v>897</v>
      </c>
      <c r="S337" s="5" t="s">
        <v>40</v>
      </c>
      <c r="T337" s="5" t="s">
        <v>42</v>
      </c>
      <c r="U337" s="2">
        <v>69.430000000000007</v>
      </c>
      <c r="V337" s="2">
        <v>64.655000000000001</v>
      </c>
      <c r="W337" s="2">
        <v>0.35499999999999998</v>
      </c>
      <c r="X337" s="2">
        <v>22.3</v>
      </c>
      <c r="Y337" s="2">
        <v>126.7</v>
      </c>
      <c r="Z337" s="2">
        <v>125.6</v>
      </c>
      <c r="AA337" s="5">
        <v>5</v>
      </c>
      <c r="AB337" s="5" t="s">
        <v>43</v>
      </c>
      <c r="AC337" s="5" t="s">
        <v>735</v>
      </c>
      <c r="AD337" s="2" t="s">
        <v>1277</v>
      </c>
      <c r="AE337" s="1"/>
    </row>
    <row r="338" spans="1:31" ht="14.45">
      <c r="A338" s="11"/>
      <c r="B338" s="20"/>
      <c r="C338" s="2" t="s">
        <v>1278</v>
      </c>
      <c r="D338" s="14" t="s">
        <v>1279</v>
      </c>
      <c r="E338" s="2" t="s">
        <v>1280</v>
      </c>
      <c r="F338" s="2" t="s">
        <v>1281</v>
      </c>
      <c r="G338" s="8">
        <v>1440</v>
      </c>
      <c r="H338" s="5">
        <v>5</v>
      </c>
      <c r="I338" s="5" t="s">
        <v>69</v>
      </c>
      <c r="J338" s="5" t="s">
        <v>731</v>
      </c>
      <c r="K338" s="2" t="s">
        <v>732</v>
      </c>
      <c r="L338" s="5" t="s">
        <v>731</v>
      </c>
      <c r="M338" s="2" t="s">
        <v>732</v>
      </c>
      <c r="N338" s="5" t="s">
        <v>733</v>
      </c>
      <c r="O338" s="5" t="s">
        <v>38</v>
      </c>
      <c r="P338" s="5" t="s">
        <v>39</v>
      </c>
      <c r="Q338" s="5" t="s">
        <v>40</v>
      </c>
      <c r="R338" s="5" t="s">
        <v>897</v>
      </c>
      <c r="S338" s="5" t="s">
        <v>40</v>
      </c>
      <c r="T338" s="5" t="s">
        <v>42</v>
      </c>
      <c r="U338" s="2">
        <v>63.796999999999997</v>
      </c>
      <c r="V338" s="2">
        <v>58.81</v>
      </c>
      <c r="W338" s="2">
        <v>0.35499999999999998</v>
      </c>
      <c r="X338" s="2">
        <v>22.3</v>
      </c>
      <c r="Y338" s="2">
        <v>126.7</v>
      </c>
      <c r="Z338" s="2">
        <v>125.6</v>
      </c>
      <c r="AA338" s="5">
        <v>5</v>
      </c>
      <c r="AB338" s="5" t="s">
        <v>43</v>
      </c>
      <c r="AC338" s="5" t="s">
        <v>735</v>
      </c>
      <c r="AD338" s="2" t="s">
        <v>1282</v>
      </c>
      <c r="AE338" s="1"/>
    </row>
    <row r="339" spans="1:31" ht="14.45">
      <c r="A339" s="11"/>
      <c r="B339" s="20"/>
      <c r="C339" s="2" t="s">
        <v>1283</v>
      </c>
      <c r="D339" s="14" t="s">
        <v>1284</v>
      </c>
      <c r="E339" s="2" t="s">
        <v>1285</v>
      </c>
      <c r="F339" s="2" t="s">
        <v>1286</v>
      </c>
      <c r="G339" s="8">
        <v>1624</v>
      </c>
      <c r="H339" s="5">
        <v>5</v>
      </c>
      <c r="I339" s="5" t="s">
        <v>69</v>
      </c>
      <c r="J339" s="5" t="s">
        <v>731</v>
      </c>
      <c r="K339" s="2" t="s">
        <v>732</v>
      </c>
      <c r="L339" s="5" t="s">
        <v>731</v>
      </c>
      <c r="M339" s="2" t="s">
        <v>732</v>
      </c>
      <c r="N339" s="5" t="s">
        <v>733</v>
      </c>
      <c r="O339" s="5" t="s">
        <v>38</v>
      </c>
      <c r="P339" s="5" t="s">
        <v>39</v>
      </c>
      <c r="Q339" s="5" t="s">
        <v>40</v>
      </c>
      <c r="R339" s="5" t="s">
        <v>897</v>
      </c>
      <c r="S339" s="5" t="s">
        <v>40</v>
      </c>
      <c r="T339" s="5" t="s">
        <v>42</v>
      </c>
      <c r="U339" s="2">
        <v>70.147000000000006</v>
      </c>
      <c r="V339" s="2">
        <v>65.16</v>
      </c>
      <c r="W339" s="2">
        <v>0.35499999999999998</v>
      </c>
      <c r="X339" s="2">
        <v>22.3</v>
      </c>
      <c r="Y339" s="2">
        <v>126.7</v>
      </c>
      <c r="Z339" s="2">
        <v>125.6</v>
      </c>
      <c r="AA339" s="5">
        <v>5</v>
      </c>
      <c r="AB339" s="5" t="s">
        <v>43</v>
      </c>
      <c r="AC339" s="5" t="s">
        <v>735</v>
      </c>
      <c r="AD339" s="2" t="s">
        <v>1287</v>
      </c>
      <c r="AE339" s="1"/>
    </row>
    <row r="340" spans="1:31" ht="14.45">
      <c r="A340" s="11"/>
      <c r="B340" s="20"/>
      <c r="C340" s="2" t="s">
        <v>1288</v>
      </c>
      <c r="D340" s="14" t="s">
        <v>1289</v>
      </c>
      <c r="E340" s="2" t="s">
        <v>1290</v>
      </c>
      <c r="F340" s="2" t="s">
        <v>1291</v>
      </c>
      <c r="G340" s="8">
        <v>1508</v>
      </c>
      <c r="H340" s="5">
        <v>5</v>
      </c>
      <c r="I340" s="5" t="s">
        <v>69</v>
      </c>
      <c r="J340" s="5" t="s">
        <v>731</v>
      </c>
      <c r="K340" s="2" t="s">
        <v>732</v>
      </c>
      <c r="L340" s="5" t="s">
        <v>731</v>
      </c>
      <c r="M340" s="2" t="s">
        <v>732</v>
      </c>
      <c r="N340" s="5" t="s">
        <v>733</v>
      </c>
      <c r="O340" s="5" t="s">
        <v>38</v>
      </c>
      <c r="P340" s="5" t="s">
        <v>39</v>
      </c>
      <c r="Q340" s="5" t="s">
        <v>40</v>
      </c>
      <c r="R340" s="5" t="s">
        <v>897</v>
      </c>
      <c r="S340" s="5" t="s">
        <v>40</v>
      </c>
      <c r="T340" s="5" t="s">
        <v>42</v>
      </c>
      <c r="U340" s="2">
        <v>71.272000000000006</v>
      </c>
      <c r="V340" s="2">
        <v>65.997</v>
      </c>
      <c r="W340" s="2">
        <v>0.41299999999999998</v>
      </c>
      <c r="X340" s="2">
        <v>22.3</v>
      </c>
      <c r="Y340" s="2">
        <v>136.69999999999999</v>
      </c>
      <c r="Z340" s="2">
        <v>135.6</v>
      </c>
      <c r="AA340" s="5">
        <v>5</v>
      </c>
      <c r="AB340" s="5" t="s">
        <v>43</v>
      </c>
      <c r="AC340" s="5" t="s">
        <v>735</v>
      </c>
      <c r="AD340" s="2" t="s">
        <v>1292</v>
      </c>
      <c r="AE340" s="1"/>
    </row>
    <row r="341" spans="1:31" ht="14.45">
      <c r="A341" s="11"/>
      <c r="B341" s="20"/>
      <c r="C341" s="2" t="s">
        <v>1293</v>
      </c>
      <c r="D341" s="14" t="s">
        <v>1294</v>
      </c>
      <c r="E341" s="2" t="s">
        <v>1295</v>
      </c>
      <c r="F341" s="2" t="s">
        <v>1296</v>
      </c>
      <c r="G341" s="8">
        <v>1712</v>
      </c>
      <c r="H341" s="5">
        <v>5</v>
      </c>
      <c r="I341" s="5" t="s">
        <v>69</v>
      </c>
      <c r="J341" s="5" t="s">
        <v>731</v>
      </c>
      <c r="K341" s="2" t="s">
        <v>732</v>
      </c>
      <c r="L341" s="5" t="s">
        <v>731</v>
      </c>
      <c r="M341" s="2" t="s">
        <v>732</v>
      </c>
      <c r="N341" s="5" t="s">
        <v>733</v>
      </c>
      <c r="O341" s="5" t="s">
        <v>38</v>
      </c>
      <c r="P341" s="5" t="s">
        <v>39</v>
      </c>
      <c r="Q341" s="5" t="s">
        <v>40</v>
      </c>
      <c r="R341" s="5" t="s">
        <v>897</v>
      </c>
      <c r="S341" s="5" t="s">
        <v>40</v>
      </c>
      <c r="T341" s="5" t="s">
        <v>42</v>
      </c>
      <c r="U341" s="2">
        <v>79.034999999999997</v>
      </c>
      <c r="V341" s="2">
        <v>73.760000000000005</v>
      </c>
      <c r="W341" s="2">
        <v>0.41299999999999998</v>
      </c>
      <c r="X341" s="2">
        <v>22.3</v>
      </c>
      <c r="Y341" s="2">
        <v>136.69999999999999</v>
      </c>
      <c r="Z341" s="2">
        <v>135.6</v>
      </c>
      <c r="AA341" s="5">
        <v>5</v>
      </c>
      <c r="AB341" s="5" t="s">
        <v>43</v>
      </c>
      <c r="AC341" s="5" t="s">
        <v>735</v>
      </c>
      <c r="AD341" s="2" t="s">
        <v>1297</v>
      </c>
      <c r="AE341" s="1"/>
    </row>
    <row r="342" spans="1:31" ht="14.45">
      <c r="A342" s="11"/>
      <c r="B342" s="20"/>
      <c r="C342" s="2" t="s">
        <v>1298</v>
      </c>
      <c r="D342" s="14" t="s">
        <v>1299</v>
      </c>
      <c r="E342" s="2" t="s">
        <v>1300</v>
      </c>
      <c r="F342" s="2" t="s">
        <v>1301</v>
      </c>
      <c r="G342" s="8">
        <v>1508</v>
      </c>
      <c r="H342" s="5">
        <v>5</v>
      </c>
      <c r="I342" s="5" t="s">
        <v>69</v>
      </c>
      <c r="J342" s="5" t="s">
        <v>731</v>
      </c>
      <c r="K342" s="2" t="s">
        <v>732</v>
      </c>
      <c r="L342" s="5" t="s">
        <v>731</v>
      </c>
      <c r="M342" s="2" t="s">
        <v>732</v>
      </c>
      <c r="N342" s="5" t="s">
        <v>733</v>
      </c>
      <c r="O342" s="5" t="s">
        <v>38</v>
      </c>
      <c r="P342" s="5" t="s">
        <v>39</v>
      </c>
      <c r="Q342" s="5" t="s">
        <v>40</v>
      </c>
      <c r="R342" s="5" t="s">
        <v>897</v>
      </c>
      <c r="S342" s="5" t="s">
        <v>40</v>
      </c>
      <c r="T342" s="5" t="s">
        <v>42</v>
      </c>
      <c r="U342" s="2">
        <v>71.989000000000004</v>
      </c>
      <c r="V342" s="2">
        <v>66.501999999999995</v>
      </c>
      <c r="W342" s="2">
        <v>0.41299999999999998</v>
      </c>
      <c r="X342" s="2">
        <v>22.3</v>
      </c>
      <c r="Y342" s="2">
        <v>136.69999999999999</v>
      </c>
      <c r="Z342" s="2">
        <v>135.6</v>
      </c>
      <c r="AA342" s="5">
        <v>5</v>
      </c>
      <c r="AB342" s="5" t="s">
        <v>43</v>
      </c>
      <c r="AC342" s="5" t="s">
        <v>735</v>
      </c>
      <c r="AD342" s="2" t="s">
        <v>1302</v>
      </c>
      <c r="AE342" s="1"/>
    </row>
    <row r="343" spans="1:31" ht="14.45">
      <c r="A343" s="11"/>
      <c r="B343" s="20"/>
      <c r="C343" s="2" t="s">
        <v>1303</v>
      </c>
      <c r="D343" s="14" t="s">
        <v>1304</v>
      </c>
      <c r="E343" s="2" t="s">
        <v>1305</v>
      </c>
      <c r="F343" s="2" t="s">
        <v>1306</v>
      </c>
      <c r="G343" s="8">
        <v>1712</v>
      </c>
      <c r="H343" s="5">
        <v>5</v>
      </c>
      <c r="I343" s="5" t="s">
        <v>69</v>
      </c>
      <c r="J343" s="5" t="s">
        <v>731</v>
      </c>
      <c r="K343" s="2" t="s">
        <v>732</v>
      </c>
      <c r="L343" s="5" t="s">
        <v>731</v>
      </c>
      <c r="M343" s="2" t="s">
        <v>732</v>
      </c>
      <c r="N343" s="5" t="s">
        <v>733</v>
      </c>
      <c r="O343" s="5" t="s">
        <v>38</v>
      </c>
      <c r="P343" s="5" t="s">
        <v>39</v>
      </c>
      <c r="Q343" s="5" t="s">
        <v>40</v>
      </c>
      <c r="R343" s="5" t="s">
        <v>897</v>
      </c>
      <c r="S343" s="5" t="s">
        <v>40</v>
      </c>
      <c r="T343" s="5" t="s">
        <v>42</v>
      </c>
      <c r="U343" s="2">
        <v>79.751999999999995</v>
      </c>
      <c r="V343" s="2">
        <v>74.265000000000001</v>
      </c>
      <c r="W343" s="2">
        <v>0.41299999999999998</v>
      </c>
      <c r="X343" s="2">
        <v>22.3</v>
      </c>
      <c r="Y343" s="2">
        <v>136.69999999999999</v>
      </c>
      <c r="Z343" s="2">
        <v>135.6</v>
      </c>
      <c r="AA343" s="5">
        <v>5</v>
      </c>
      <c r="AB343" s="5" t="s">
        <v>43</v>
      </c>
      <c r="AC343" s="5" t="s">
        <v>735</v>
      </c>
      <c r="AD343" s="2" t="s">
        <v>1307</v>
      </c>
      <c r="AE343" s="1"/>
    </row>
    <row r="344" spans="1:31" ht="14.45">
      <c r="A344" s="11"/>
      <c r="B344" s="20"/>
      <c r="C344" s="2" t="s">
        <v>1308</v>
      </c>
      <c r="D344" s="14" t="s">
        <v>1309</v>
      </c>
      <c r="E344" s="2" t="s">
        <v>1310</v>
      </c>
      <c r="F344" s="2" t="s">
        <v>1311</v>
      </c>
      <c r="G344" s="8">
        <v>1535</v>
      </c>
      <c r="H344" s="5">
        <v>5</v>
      </c>
      <c r="I344" s="5" t="s">
        <v>69</v>
      </c>
      <c r="J344" s="5" t="s">
        <v>731</v>
      </c>
      <c r="K344" s="2" t="s">
        <v>732</v>
      </c>
      <c r="L344" s="5" t="s">
        <v>731</v>
      </c>
      <c r="M344" s="2" t="s">
        <v>732</v>
      </c>
      <c r="N344" s="5" t="s">
        <v>733</v>
      </c>
      <c r="O344" s="5" t="s">
        <v>38</v>
      </c>
      <c r="P344" s="5" t="s">
        <v>39</v>
      </c>
      <c r="Q344" s="5" t="s">
        <v>40</v>
      </c>
      <c r="R344" s="5" t="s">
        <v>897</v>
      </c>
      <c r="S344" s="5" t="s">
        <v>40</v>
      </c>
      <c r="T344" s="5" t="s">
        <v>42</v>
      </c>
      <c r="U344" s="2">
        <v>74.722999999999999</v>
      </c>
      <c r="V344" s="2">
        <v>69.224000000000004</v>
      </c>
      <c r="W344" s="2">
        <v>0.439</v>
      </c>
      <c r="X344" s="2">
        <v>22.3</v>
      </c>
      <c r="Y344" s="2">
        <v>156.69999999999999</v>
      </c>
      <c r="Z344" s="2">
        <v>125.6</v>
      </c>
      <c r="AA344" s="5">
        <v>5</v>
      </c>
      <c r="AB344" s="5" t="s">
        <v>43</v>
      </c>
      <c r="AC344" s="5" t="s">
        <v>735</v>
      </c>
      <c r="AD344" s="2" t="s">
        <v>1312</v>
      </c>
      <c r="AE344" s="1"/>
    </row>
    <row r="345" spans="1:31" ht="14.45">
      <c r="A345" s="11"/>
      <c r="B345" s="20"/>
      <c r="C345" s="2" t="s">
        <v>1313</v>
      </c>
      <c r="D345" s="14" t="s">
        <v>1314</v>
      </c>
      <c r="E345" s="2" t="s">
        <v>1315</v>
      </c>
      <c r="F345" s="2" t="s">
        <v>1316</v>
      </c>
      <c r="G345" s="8">
        <v>1748</v>
      </c>
      <c r="H345" s="5">
        <v>5</v>
      </c>
      <c r="I345" s="5" t="s">
        <v>69</v>
      </c>
      <c r="J345" s="5" t="s">
        <v>731</v>
      </c>
      <c r="K345" s="2" t="s">
        <v>732</v>
      </c>
      <c r="L345" s="5" t="s">
        <v>731</v>
      </c>
      <c r="M345" s="2" t="s">
        <v>732</v>
      </c>
      <c r="N345" s="5" t="s">
        <v>733</v>
      </c>
      <c r="O345" s="5" t="s">
        <v>38</v>
      </c>
      <c r="P345" s="5" t="s">
        <v>39</v>
      </c>
      <c r="Q345" s="5" t="s">
        <v>40</v>
      </c>
      <c r="R345" s="5" t="s">
        <v>897</v>
      </c>
      <c r="S345" s="5" t="s">
        <v>40</v>
      </c>
      <c r="T345" s="5" t="s">
        <v>42</v>
      </c>
      <c r="U345" s="2">
        <v>83.091999999999999</v>
      </c>
      <c r="V345" s="2">
        <v>77.593000000000004</v>
      </c>
      <c r="W345" s="2">
        <v>0.439</v>
      </c>
      <c r="X345" s="2">
        <v>22.3</v>
      </c>
      <c r="Y345" s="2">
        <v>156.69999999999999</v>
      </c>
      <c r="Z345" s="2">
        <v>125.6</v>
      </c>
      <c r="AA345" s="5">
        <v>5</v>
      </c>
      <c r="AB345" s="5" t="s">
        <v>43</v>
      </c>
      <c r="AC345" s="5" t="s">
        <v>735</v>
      </c>
      <c r="AD345" s="2" t="s">
        <v>1317</v>
      </c>
      <c r="AE345" s="1"/>
    </row>
    <row r="346" spans="1:31" ht="14.45">
      <c r="A346" s="11"/>
      <c r="B346" s="20"/>
      <c r="C346" s="2" t="s">
        <v>1318</v>
      </c>
      <c r="D346" s="14" t="s">
        <v>1319</v>
      </c>
      <c r="E346" s="2" t="s">
        <v>1320</v>
      </c>
      <c r="F346" s="2" t="s">
        <v>1321</v>
      </c>
      <c r="G346" s="8">
        <v>1535</v>
      </c>
      <c r="H346" s="5">
        <v>5</v>
      </c>
      <c r="I346" s="5" t="s">
        <v>69</v>
      </c>
      <c r="J346" s="5" t="s">
        <v>731</v>
      </c>
      <c r="K346" s="2" t="s">
        <v>732</v>
      </c>
      <c r="L346" s="5" t="s">
        <v>731</v>
      </c>
      <c r="M346" s="2" t="s">
        <v>732</v>
      </c>
      <c r="N346" s="5" t="s">
        <v>733</v>
      </c>
      <c r="O346" s="5" t="s">
        <v>38</v>
      </c>
      <c r="P346" s="5" t="s">
        <v>39</v>
      </c>
      <c r="Q346" s="5" t="s">
        <v>40</v>
      </c>
      <c r="R346" s="5" t="s">
        <v>897</v>
      </c>
      <c r="S346" s="5" t="s">
        <v>40</v>
      </c>
      <c r="T346" s="5" t="s">
        <v>42</v>
      </c>
      <c r="U346" s="2">
        <v>75.415999999999997</v>
      </c>
      <c r="V346" s="2">
        <v>69.704999999999998</v>
      </c>
      <c r="W346" s="2">
        <v>0.439</v>
      </c>
      <c r="X346" s="2">
        <v>22.3</v>
      </c>
      <c r="Y346" s="2">
        <v>156.69999999999999</v>
      </c>
      <c r="Z346" s="2">
        <v>125.6</v>
      </c>
      <c r="AA346" s="5">
        <v>5</v>
      </c>
      <c r="AB346" s="5" t="s">
        <v>43</v>
      </c>
      <c r="AC346" s="5" t="s">
        <v>735</v>
      </c>
      <c r="AD346" s="2" t="s">
        <v>1322</v>
      </c>
      <c r="AE346" s="1"/>
    </row>
    <row r="347" spans="1:31" ht="14.45">
      <c r="A347" s="11"/>
      <c r="B347" s="20"/>
      <c r="C347" s="2" t="s">
        <v>1323</v>
      </c>
      <c r="D347" s="14" t="s">
        <v>1324</v>
      </c>
      <c r="E347" s="2" t="s">
        <v>1325</v>
      </c>
      <c r="F347" s="2" t="s">
        <v>1326</v>
      </c>
      <c r="G347" s="8">
        <v>1748</v>
      </c>
      <c r="H347" s="5">
        <v>5</v>
      </c>
      <c r="I347" s="5" t="s">
        <v>69</v>
      </c>
      <c r="J347" s="5" t="s">
        <v>731</v>
      </c>
      <c r="K347" s="2" t="s">
        <v>732</v>
      </c>
      <c r="L347" s="5" t="s">
        <v>731</v>
      </c>
      <c r="M347" s="2" t="s">
        <v>732</v>
      </c>
      <c r="N347" s="5" t="s">
        <v>733</v>
      </c>
      <c r="O347" s="5" t="s">
        <v>38</v>
      </c>
      <c r="P347" s="5" t="s">
        <v>39</v>
      </c>
      <c r="Q347" s="5" t="s">
        <v>40</v>
      </c>
      <c r="R347" s="5" t="s">
        <v>897</v>
      </c>
      <c r="S347" s="5" t="s">
        <v>40</v>
      </c>
      <c r="T347" s="5" t="s">
        <v>42</v>
      </c>
      <c r="U347" s="2">
        <v>83.784999999999997</v>
      </c>
      <c r="V347" s="2">
        <v>78.073999999999998</v>
      </c>
      <c r="W347" s="2">
        <v>0.439</v>
      </c>
      <c r="X347" s="2">
        <v>22.3</v>
      </c>
      <c r="Y347" s="2">
        <v>156.69999999999999</v>
      </c>
      <c r="Z347" s="2">
        <v>125.6</v>
      </c>
      <c r="AA347" s="5">
        <v>5</v>
      </c>
      <c r="AB347" s="5" t="s">
        <v>43</v>
      </c>
      <c r="AC347" s="5" t="s">
        <v>735</v>
      </c>
      <c r="AD347" s="2" t="s">
        <v>1327</v>
      </c>
      <c r="AE347" s="1"/>
    </row>
    <row r="348" spans="1:31" ht="14.45">
      <c r="A348" s="11"/>
      <c r="B348" s="20"/>
      <c r="C348" s="2" t="s">
        <v>1328</v>
      </c>
      <c r="D348" s="14" t="s">
        <v>1329</v>
      </c>
      <c r="E348" s="2" t="s">
        <v>1330</v>
      </c>
      <c r="F348" s="2" t="s">
        <v>1331</v>
      </c>
      <c r="G348" s="8">
        <v>1658</v>
      </c>
      <c r="H348" s="5">
        <v>5</v>
      </c>
      <c r="I348" s="5" t="s">
        <v>69</v>
      </c>
      <c r="J348" s="5" t="s">
        <v>731</v>
      </c>
      <c r="K348" s="2" t="s">
        <v>732</v>
      </c>
      <c r="L348" s="5" t="s">
        <v>731</v>
      </c>
      <c r="M348" s="2" t="s">
        <v>732</v>
      </c>
      <c r="N348" s="5" t="s">
        <v>733</v>
      </c>
      <c r="O348" s="5" t="s">
        <v>38</v>
      </c>
      <c r="P348" s="5" t="s">
        <v>39</v>
      </c>
      <c r="Q348" s="5" t="s">
        <v>40</v>
      </c>
      <c r="R348" s="5" t="s">
        <v>897</v>
      </c>
      <c r="S348" s="5" t="s">
        <v>40</v>
      </c>
      <c r="T348" s="5" t="s">
        <v>42</v>
      </c>
      <c r="U348" s="2">
        <v>88.900999999999996</v>
      </c>
      <c r="V348" s="2">
        <v>82.539000000000001</v>
      </c>
      <c r="W348" s="2">
        <v>0.54400000000000004</v>
      </c>
      <c r="X348" s="2">
        <v>22.3</v>
      </c>
      <c r="Y348" s="2">
        <v>156.69999999999999</v>
      </c>
      <c r="Z348" s="2">
        <v>155.6</v>
      </c>
      <c r="AA348" s="5">
        <v>5</v>
      </c>
      <c r="AB348" s="5" t="s">
        <v>43</v>
      </c>
      <c r="AC348" s="5" t="s">
        <v>735</v>
      </c>
      <c r="AD348" s="2" t="s">
        <v>1332</v>
      </c>
      <c r="AE348" s="1"/>
    </row>
    <row r="349" spans="1:31" ht="14.45">
      <c r="A349" s="11"/>
      <c r="B349" s="20"/>
      <c r="C349" s="2" t="s">
        <v>1333</v>
      </c>
      <c r="D349" s="14" t="s">
        <v>1334</v>
      </c>
      <c r="E349" s="2" t="s">
        <v>1335</v>
      </c>
      <c r="F349" s="2" t="s">
        <v>1336</v>
      </c>
      <c r="G349" s="8">
        <v>1907</v>
      </c>
      <c r="H349" s="5">
        <v>5</v>
      </c>
      <c r="I349" s="5" t="s">
        <v>69</v>
      </c>
      <c r="J349" s="5" t="s">
        <v>731</v>
      </c>
      <c r="K349" s="2" t="s">
        <v>732</v>
      </c>
      <c r="L349" s="5" t="s">
        <v>731</v>
      </c>
      <c r="M349" s="2" t="s">
        <v>732</v>
      </c>
      <c r="N349" s="5" t="s">
        <v>733</v>
      </c>
      <c r="O349" s="5" t="s">
        <v>38</v>
      </c>
      <c r="P349" s="5" t="s">
        <v>39</v>
      </c>
      <c r="Q349" s="5" t="s">
        <v>40</v>
      </c>
      <c r="R349" s="5" t="s">
        <v>897</v>
      </c>
      <c r="S349" s="5" t="s">
        <v>40</v>
      </c>
      <c r="T349" s="5" t="s">
        <v>42</v>
      </c>
      <c r="U349" s="2">
        <v>99.923000000000002</v>
      </c>
      <c r="V349" s="2">
        <v>93.561000000000007</v>
      </c>
      <c r="W349" s="2">
        <v>0.54400000000000004</v>
      </c>
      <c r="X349" s="2">
        <v>22.3</v>
      </c>
      <c r="Y349" s="2">
        <v>156.69999999999999</v>
      </c>
      <c r="Z349" s="2">
        <v>155.6</v>
      </c>
      <c r="AA349" s="5">
        <v>5</v>
      </c>
      <c r="AB349" s="5" t="s">
        <v>43</v>
      </c>
      <c r="AC349" s="5" t="s">
        <v>735</v>
      </c>
      <c r="AD349" s="2" t="s">
        <v>1337</v>
      </c>
      <c r="AE349" s="1"/>
    </row>
    <row r="350" spans="1:31" ht="14.45">
      <c r="A350" s="11"/>
      <c r="B350" s="20"/>
      <c r="C350" s="2" t="s">
        <v>1338</v>
      </c>
      <c r="D350" s="14" t="s">
        <v>1339</v>
      </c>
      <c r="E350" s="2" t="s">
        <v>1340</v>
      </c>
      <c r="F350" s="2" t="s">
        <v>1341</v>
      </c>
      <c r="G350" s="8">
        <v>1658</v>
      </c>
      <c r="H350" s="5">
        <v>5</v>
      </c>
      <c r="I350" s="5" t="s">
        <v>69</v>
      </c>
      <c r="J350" s="5" t="s">
        <v>731</v>
      </c>
      <c r="K350" s="2" t="s">
        <v>732</v>
      </c>
      <c r="L350" s="5" t="s">
        <v>731</v>
      </c>
      <c r="M350" s="2" t="s">
        <v>732</v>
      </c>
      <c r="N350" s="5" t="s">
        <v>733</v>
      </c>
      <c r="O350" s="5" t="s">
        <v>38</v>
      </c>
      <c r="P350" s="5" t="s">
        <v>39</v>
      </c>
      <c r="Q350" s="5" t="s">
        <v>40</v>
      </c>
      <c r="R350" s="5" t="s">
        <v>897</v>
      </c>
      <c r="S350" s="5" t="s">
        <v>40</v>
      </c>
      <c r="T350" s="5" t="s">
        <v>42</v>
      </c>
      <c r="U350" s="2">
        <v>90.314999999999998</v>
      </c>
      <c r="V350" s="2">
        <v>83.531999999999996</v>
      </c>
      <c r="W350" s="2">
        <v>0.54400000000000004</v>
      </c>
      <c r="X350" s="2">
        <v>22.3</v>
      </c>
      <c r="Y350" s="2">
        <v>156.69999999999999</v>
      </c>
      <c r="Z350" s="2">
        <v>155.6</v>
      </c>
      <c r="AA350" s="5">
        <v>5</v>
      </c>
      <c r="AB350" s="5" t="s">
        <v>43</v>
      </c>
      <c r="AC350" s="5" t="s">
        <v>735</v>
      </c>
      <c r="AD350" s="2" t="s">
        <v>1342</v>
      </c>
      <c r="AE350" s="1"/>
    </row>
    <row r="351" spans="1:31" ht="14.45">
      <c r="A351" s="11"/>
      <c r="B351" s="20"/>
      <c r="C351" s="2" t="s">
        <v>1343</v>
      </c>
      <c r="D351" s="14" t="s">
        <v>1344</v>
      </c>
      <c r="E351" s="2" t="s">
        <v>1345</v>
      </c>
      <c r="F351" s="2" t="s">
        <v>1346</v>
      </c>
      <c r="G351" s="8">
        <v>1907</v>
      </c>
      <c r="H351" s="5">
        <v>5</v>
      </c>
      <c r="I351" s="5" t="s">
        <v>69</v>
      </c>
      <c r="J351" s="5" t="s">
        <v>731</v>
      </c>
      <c r="K351" s="2" t="s">
        <v>732</v>
      </c>
      <c r="L351" s="5" t="s">
        <v>731</v>
      </c>
      <c r="M351" s="2" t="s">
        <v>732</v>
      </c>
      <c r="N351" s="5" t="s">
        <v>733</v>
      </c>
      <c r="O351" s="5" t="s">
        <v>38</v>
      </c>
      <c r="P351" s="5" t="s">
        <v>39</v>
      </c>
      <c r="Q351" s="5" t="s">
        <v>40</v>
      </c>
      <c r="R351" s="5" t="s">
        <v>897</v>
      </c>
      <c r="S351" s="5" t="s">
        <v>40</v>
      </c>
      <c r="T351" s="5" t="s">
        <v>42</v>
      </c>
      <c r="U351" s="2">
        <v>101.337</v>
      </c>
      <c r="V351" s="2">
        <v>94.554000000000002</v>
      </c>
      <c r="W351" s="2">
        <v>0.54400000000000004</v>
      </c>
      <c r="X351" s="2">
        <v>22.3</v>
      </c>
      <c r="Y351" s="2">
        <v>156.69999999999999</v>
      </c>
      <c r="Z351" s="2">
        <v>155.6</v>
      </c>
      <c r="AA351" s="5">
        <v>5</v>
      </c>
      <c r="AB351" s="5" t="s">
        <v>43</v>
      </c>
      <c r="AC351" s="5" t="s">
        <v>735</v>
      </c>
      <c r="AD351" s="2" t="s">
        <v>1347</v>
      </c>
      <c r="AE351" s="1"/>
    </row>
    <row r="352" spans="1:31" ht="14.45">
      <c r="A352" s="11"/>
      <c r="B352" s="20"/>
      <c r="C352" s="2" t="s">
        <v>1348</v>
      </c>
      <c r="D352" s="14" t="s">
        <v>1349</v>
      </c>
      <c r="E352" s="2" t="s">
        <v>1350</v>
      </c>
      <c r="F352" s="2" t="s">
        <v>1351</v>
      </c>
      <c r="G352" s="8">
        <v>1576</v>
      </c>
      <c r="H352" s="5">
        <v>5</v>
      </c>
      <c r="I352" s="5" t="s">
        <v>69</v>
      </c>
      <c r="J352" s="5" t="s">
        <v>731</v>
      </c>
      <c r="K352" s="2" t="s">
        <v>732</v>
      </c>
      <c r="L352" s="5" t="s">
        <v>731</v>
      </c>
      <c r="M352" s="2" t="s">
        <v>732</v>
      </c>
      <c r="N352" s="5" t="s">
        <v>733</v>
      </c>
      <c r="O352" s="5" t="s">
        <v>38</v>
      </c>
      <c r="P352" s="5" t="s">
        <v>39</v>
      </c>
      <c r="Q352" s="5" t="s">
        <v>40</v>
      </c>
      <c r="R352" s="5" t="s">
        <v>897</v>
      </c>
      <c r="S352" s="5" t="s">
        <v>40</v>
      </c>
      <c r="T352" s="5" t="s">
        <v>42</v>
      </c>
      <c r="U352" s="2">
        <v>101.511</v>
      </c>
      <c r="V352" s="2">
        <v>96.194000000000003</v>
      </c>
      <c r="W352" s="2">
        <v>0.48099999999999998</v>
      </c>
      <c r="X352" s="2">
        <v>22.3</v>
      </c>
      <c r="Y352" s="2">
        <v>186.7</v>
      </c>
      <c r="Z352" s="2">
        <v>115.6</v>
      </c>
      <c r="AA352" s="5">
        <v>5</v>
      </c>
      <c r="AB352" s="5" t="s">
        <v>43</v>
      </c>
      <c r="AC352" s="5" t="s">
        <v>735</v>
      </c>
      <c r="AD352" s="2" t="s">
        <v>1352</v>
      </c>
      <c r="AE352" s="1"/>
    </row>
    <row r="353" spans="1:31" ht="14.45">
      <c r="A353" s="11"/>
      <c r="B353" s="20"/>
      <c r="C353" s="2" t="s">
        <v>1353</v>
      </c>
      <c r="D353" s="14" t="s">
        <v>1354</v>
      </c>
      <c r="E353" s="2" t="s">
        <v>1355</v>
      </c>
      <c r="F353" s="2" t="s">
        <v>1356</v>
      </c>
      <c r="G353" s="8">
        <v>1801</v>
      </c>
      <c r="H353" s="5">
        <v>5</v>
      </c>
      <c r="I353" s="5" t="s">
        <v>69</v>
      </c>
      <c r="J353" s="5" t="s">
        <v>731</v>
      </c>
      <c r="K353" s="2" t="s">
        <v>732</v>
      </c>
      <c r="L353" s="5" t="s">
        <v>731</v>
      </c>
      <c r="M353" s="2" t="s">
        <v>732</v>
      </c>
      <c r="N353" s="5" t="s">
        <v>733</v>
      </c>
      <c r="O353" s="5" t="s">
        <v>38</v>
      </c>
      <c r="P353" s="5" t="s">
        <v>39</v>
      </c>
      <c r="Q353" s="5" t="s">
        <v>40</v>
      </c>
      <c r="R353" s="5" t="s">
        <v>897</v>
      </c>
      <c r="S353" s="5" t="s">
        <v>40</v>
      </c>
      <c r="T353" s="5" t="s">
        <v>42</v>
      </c>
      <c r="U353" s="2">
        <v>113.973</v>
      </c>
      <c r="V353" s="2">
        <v>108.65600000000001</v>
      </c>
      <c r="W353" s="2">
        <v>0.48099999999999998</v>
      </c>
      <c r="X353" s="2">
        <v>22.3</v>
      </c>
      <c r="Y353" s="2">
        <v>186.7</v>
      </c>
      <c r="Z353" s="2">
        <v>115.6</v>
      </c>
      <c r="AA353" s="5">
        <v>5</v>
      </c>
      <c r="AB353" s="5" t="s">
        <v>43</v>
      </c>
      <c r="AC353" s="5" t="s">
        <v>735</v>
      </c>
      <c r="AD353" s="2" t="s">
        <v>1357</v>
      </c>
      <c r="AE353" s="1"/>
    </row>
    <row r="354" spans="1:31" ht="14.45">
      <c r="A354" s="11"/>
      <c r="B354" s="20"/>
      <c r="C354" s="2" t="s">
        <v>1358</v>
      </c>
      <c r="D354" s="14" t="s">
        <v>1359</v>
      </c>
      <c r="E354" s="2" t="s">
        <v>1360</v>
      </c>
      <c r="F354" s="2" t="s">
        <v>1361</v>
      </c>
      <c r="G354" s="8">
        <v>1576</v>
      </c>
      <c r="H354" s="5">
        <v>5</v>
      </c>
      <c r="I354" s="5" t="s">
        <v>69</v>
      </c>
      <c r="J354" s="5" t="s">
        <v>731</v>
      </c>
      <c r="K354" s="2" t="s">
        <v>732</v>
      </c>
      <c r="L354" s="5" t="s">
        <v>731</v>
      </c>
      <c r="M354" s="2" t="s">
        <v>732</v>
      </c>
      <c r="N354" s="5" t="s">
        <v>733</v>
      </c>
      <c r="O354" s="5" t="s">
        <v>38</v>
      </c>
      <c r="P354" s="5" t="s">
        <v>39</v>
      </c>
      <c r="Q354" s="5" t="s">
        <v>40</v>
      </c>
      <c r="R354" s="5" t="s">
        <v>897</v>
      </c>
      <c r="S354" s="5" t="s">
        <v>40</v>
      </c>
      <c r="T354" s="5" t="s">
        <v>42</v>
      </c>
      <c r="U354" s="2">
        <v>102.874</v>
      </c>
      <c r="V354" s="2">
        <v>97.210999999999999</v>
      </c>
      <c r="W354" s="2">
        <v>0.48099999999999998</v>
      </c>
      <c r="X354" s="2">
        <v>22.3</v>
      </c>
      <c r="Y354" s="2">
        <v>186.7</v>
      </c>
      <c r="Z354" s="2">
        <v>115.6</v>
      </c>
      <c r="AA354" s="5">
        <v>5</v>
      </c>
      <c r="AB354" s="5" t="s">
        <v>43</v>
      </c>
      <c r="AC354" s="5" t="s">
        <v>735</v>
      </c>
      <c r="AD354" s="2" t="s">
        <v>1362</v>
      </c>
      <c r="AE354" s="1"/>
    </row>
    <row r="355" spans="1:31" ht="14.45">
      <c r="A355" s="11"/>
      <c r="B355" s="20"/>
      <c r="C355" s="2" t="s">
        <v>1363</v>
      </c>
      <c r="D355" s="14" t="s">
        <v>1364</v>
      </c>
      <c r="E355" s="2" t="s">
        <v>1365</v>
      </c>
      <c r="F355" s="2" t="s">
        <v>1366</v>
      </c>
      <c r="G355" s="8">
        <v>1801</v>
      </c>
      <c r="H355" s="5">
        <v>5</v>
      </c>
      <c r="I355" s="5" t="s">
        <v>69</v>
      </c>
      <c r="J355" s="5" t="s">
        <v>731</v>
      </c>
      <c r="K355" s="2" t="s">
        <v>732</v>
      </c>
      <c r="L355" s="5" t="s">
        <v>731</v>
      </c>
      <c r="M355" s="2" t="s">
        <v>732</v>
      </c>
      <c r="N355" s="5" t="s">
        <v>733</v>
      </c>
      <c r="O355" s="5" t="s">
        <v>38</v>
      </c>
      <c r="P355" s="5" t="s">
        <v>39</v>
      </c>
      <c r="Q355" s="5" t="s">
        <v>40</v>
      </c>
      <c r="R355" s="5" t="s">
        <v>897</v>
      </c>
      <c r="S355" s="5" t="s">
        <v>40</v>
      </c>
      <c r="T355" s="5" t="s">
        <v>42</v>
      </c>
      <c r="U355" s="2">
        <v>115.336</v>
      </c>
      <c r="V355" s="2">
        <v>109.673</v>
      </c>
      <c r="W355" s="2">
        <v>0.48099999999999998</v>
      </c>
      <c r="X355" s="2">
        <v>22.3</v>
      </c>
      <c r="Y355" s="2">
        <v>186.7</v>
      </c>
      <c r="Z355" s="2">
        <v>115.6</v>
      </c>
      <c r="AA355" s="5">
        <v>5</v>
      </c>
      <c r="AB355" s="5" t="s">
        <v>43</v>
      </c>
      <c r="AC355" s="5" t="s">
        <v>735</v>
      </c>
      <c r="AD355" s="2" t="s">
        <v>1367</v>
      </c>
      <c r="AE355" s="1"/>
    </row>
    <row r="356" spans="1:31" ht="14.45">
      <c r="A356" s="11"/>
      <c r="B356" s="20"/>
      <c r="C356" s="2" t="s">
        <v>1368</v>
      </c>
      <c r="D356" s="14" t="s">
        <v>1369</v>
      </c>
      <c r="E356" s="2" t="s">
        <v>1370</v>
      </c>
      <c r="F356" s="2" t="s">
        <v>1371</v>
      </c>
      <c r="G356" s="8">
        <v>1678</v>
      </c>
      <c r="H356" s="5">
        <v>5</v>
      </c>
      <c r="I356" s="5" t="s">
        <v>69</v>
      </c>
      <c r="J356" s="5" t="s">
        <v>731</v>
      </c>
      <c r="K356" s="2" t="s">
        <v>732</v>
      </c>
      <c r="L356" s="5" t="s">
        <v>731</v>
      </c>
      <c r="M356" s="2" t="s">
        <v>732</v>
      </c>
      <c r="N356" s="5" t="s">
        <v>733</v>
      </c>
      <c r="O356" s="5" t="s">
        <v>38</v>
      </c>
      <c r="P356" s="5" t="s">
        <v>39</v>
      </c>
      <c r="Q356" s="5" t="s">
        <v>40</v>
      </c>
      <c r="R356" s="5" t="s">
        <v>897</v>
      </c>
      <c r="S356" s="5" t="s">
        <v>40</v>
      </c>
      <c r="T356" s="5" t="s">
        <v>42</v>
      </c>
      <c r="U356" s="2">
        <v>94.085999999999999</v>
      </c>
      <c r="V356" s="2">
        <v>87.379000000000005</v>
      </c>
      <c r="W356" s="2">
        <v>0.56499999999999995</v>
      </c>
      <c r="X356" s="2">
        <v>22.3</v>
      </c>
      <c r="Y356" s="2">
        <v>186.7</v>
      </c>
      <c r="Z356" s="2">
        <v>135.6</v>
      </c>
      <c r="AA356" s="5">
        <v>5</v>
      </c>
      <c r="AB356" s="5" t="s">
        <v>43</v>
      </c>
      <c r="AC356" s="5" t="s">
        <v>735</v>
      </c>
      <c r="AD356" s="2" t="s">
        <v>1372</v>
      </c>
      <c r="AE356" s="1"/>
    </row>
    <row r="357" spans="1:31" ht="14.45">
      <c r="A357" s="11"/>
      <c r="B357" s="20"/>
      <c r="C357" s="2" t="s">
        <v>1373</v>
      </c>
      <c r="D357" s="14" t="s">
        <v>1374</v>
      </c>
      <c r="E357" s="2" t="s">
        <v>1375</v>
      </c>
      <c r="F357" s="2" t="s">
        <v>1376</v>
      </c>
      <c r="G357" s="8">
        <v>1934</v>
      </c>
      <c r="H357" s="5">
        <v>5</v>
      </c>
      <c r="I357" s="5" t="s">
        <v>69</v>
      </c>
      <c r="J357" s="5" t="s">
        <v>731</v>
      </c>
      <c r="K357" s="2" t="s">
        <v>732</v>
      </c>
      <c r="L357" s="5" t="s">
        <v>731</v>
      </c>
      <c r="M357" s="2" t="s">
        <v>732</v>
      </c>
      <c r="N357" s="5" t="s">
        <v>733</v>
      </c>
      <c r="O357" s="5" t="s">
        <v>38</v>
      </c>
      <c r="P357" s="5" t="s">
        <v>39</v>
      </c>
      <c r="Q357" s="5" t="s">
        <v>40</v>
      </c>
      <c r="R357" s="5" t="s">
        <v>897</v>
      </c>
      <c r="S357" s="5" t="s">
        <v>40</v>
      </c>
      <c r="T357" s="5" t="s">
        <v>42</v>
      </c>
      <c r="U357" s="2">
        <v>105.565</v>
      </c>
      <c r="V357" s="2">
        <v>98.858000000000004</v>
      </c>
      <c r="W357" s="2">
        <v>0.56499999999999995</v>
      </c>
      <c r="X357" s="2">
        <v>22.3</v>
      </c>
      <c r="Y357" s="2">
        <v>186.7</v>
      </c>
      <c r="Z357" s="2">
        <v>135.6</v>
      </c>
      <c r="AA357" s="5">
        <v>5</v>
      </c>
      <c r="AB357" s="5" t="s">
        <v>43</v>
      </c>
      <c r="AC357" s="5" t="s">
        <v>735</v>
      </c>
      <c r="AD357" s="2" t="s">
        <v>1377</v>
      </c>
      <c r="AE357" s="1"/>
    </row>
    <row r="358" spans="1:31" ht="14.45">
      <c r="A358" s="11"/>
      <c r="B358" s="20"/>
      <c r="C358" s="2" t="s">
        <v>1378</v>
      </c>
      <c r="D358" s="14" t="s">
        <v>1379</v>
      </c>
      <c r="E358" s="2" t="s">
        <v>1380</v>
      </c>
      <c r="F358" s="2" t="s">
        <v>1381</v>
      </c>
      <c r="G358" s="8">
        <v>1678</v>
      </c>
      <c r="H358" s="5">
        <v>5</v>
      </c>
      <c r="I358" s="5" t="s">
        <v>69</v>
      </c>
      <c r="J358" s="5" t="s">
        <v>731</v>
      </c>
      <c r="K358" s="2" t="s">
        <v>732</v>
      </c>
      <c r="L358" s="5" t="s">
        <v>731</v>
      </c>
      <c r="M358" s="2" t="s">
        <v>732</v>
      </c>
      <c r="N358" s="5" t="s">
        <v>733</v>
      </c>
      <c r="O358" s="5" t="s">
        <v>38</v>
      </c>
      <c r="P358" s="5" t="s">
        <v>39</v>
      </c>
      <c r="Q358" s="5" t="s">
        <v>40</v>
      </c>
      <c r="R358" s="5" t="s">
        <v>897</v>
      </c>
      <c r="S358" s="5" t="s">
        <v>40</v>
      </c>
      <c r="T358" s="5" t="s">
        <v>42</v>
      </c>
      <c r="U358" s="2">
        <v>95.524000000000001</v>
      </c>
      <c r="V358" s="2">
        <v>88.396000000000001</v>
      </c>
      <c r="W358" s="2">
        <v>0.56499999999999995</v>
      </c>
      <c r="X358" s="2">
        <v>22.3</v>
      </c>
      <c r="Y358" s="2">
        <v>186.7</v>
      </c>
      <c r="Z358" s="2">
        <v>135.6</v>
      </c>
      <c r="AA358" s="5">
        <v>5</v>
      </c>
      <c r="AB358" s="5" t="s">
        <v>43</v>
      </c>
      <c r="AC358" s="5" t="s">
        <v>735</v>
      </c>
      <c r="AD358" s="2" t="s">
        <v>1382</v>
      </c>
      <c r="AE358" s="1"/>
    </row>
    <row r="359" spans="1:31" ht="14.45">
      <c r="A359" s="11"/>
      <c r="B359" s="20"/>
      <c r="C359" s="2" t="s">
        <v>1383</v>
      </c>
      <c r="D359" s="14" t="s">
        <v>1384</v>
      </c>
      <c r="E359" s="2" t="s">
        <v>1385</v>
      </c>
      <c r="F359" s="2" t="s">
        <v>1386</v>
      </c>
      <c r="G359" s="8">
        <v>1934</v>
      </c>
      <c r="H359" s="5">
        <v>5</v>
      </c>
      <c r="I359" s="5" t="s">
        <v>69</v>
      </c>
      <c r="J359" s="5" t="s">
        <v>731</v>
      </c>
      <c r="K359" s="2" t="s">
        <v>732</v>
      </c>
      <c r="L359" s="5" t="s">
        <v>731</v>
      </c>
      <c r="M359" s="2" t="s">
        <v>732</v>
      </c>
      <c r="N359" s="5" t="s">
        <v>733</v>
      </c>
      <c r="O359" s="5" t="s">
        <v>38</v>
      </c>
      <c r="P359" s="5" t="s">
        <v>39</v>
      </c>
      <c r="Q359" s="5" t="s">
        <v>40</v>
      </c>
      <c r="R359" s="5" t="s">
        <v>897</v>
      </c>
      <c r="S359" s="5" t="s">
        <v>40</v>
      </c>
      <c r="T359" s="5" t="s">
        <v>42</v>
      </c>
      <c r="U359" s="2">
        <v>107.003</v>
      </c>
      <c r="V359" s="2">
        <v>99.875</v>
      </c>
      <c r="W359" s="2">
        <v>0.56499999999999995</v>
      </c>
      <c r="X359" s="2">
        <v>22.3</v>
      </c>
      <c r="Y359" s="2">
        <v>186.7</v>
      </c>
      <c r="Z359" s="2">
        <v>135.6</v>
      </c>
      <c r="AA359" s="5">
        <v>5</v>
      </c>
      <c r="AB359" s="5" t="s">
        <v>43</v>
      </c>
      <c r="AC359" s="5" t="s">
        <v>735</v>
      </c>
      <c r="AD359" s="2" t="s">
        <v>1387</v>
      </c>
      <c r="AE359" s="1"/>
    </row>
    <row r="360" spans="1:31" ht="14.45">
      <c r="A360" s="11"/>
      <c r="B360" s="20"/>
      <c r="C360" s="2" t="s">
        <v>1388</v>
      </c>
      <c r="D360" s="14" t="s">
        <v>1389</v>
      </c>
      <c r="E360" s="2" t="s">
        <v>1390</v>
      </c>
      <c r="F360" s="2" t="s">
        <v>1391</v>
      </c>
      <c r="G360" s="8">
        <v>1787</v>
      </c>
      <c r="H360" s="5">
        <v>5</v>
      </c>
      <c r="I360" s="5" t="s">
        <v>69</v>
      </c>
      <c r="J360" s="5" t="s">
        <v>731</v>
      </c>
      <c r="K360" s="2" t="s">
        <v>732</v>
      </c>
      <c r="L360" s="5" t="s">
        <v>731</v>
      </c>
      <c r="M360" s="2" t="s">
        <v>732</v>
      </c>
      <c r="N360" s="5" t="s">
        <v>733</v>
      </c>
      <c r="O360" s="5" t="s">
        <v>38</v>
      </c>
      <c r="P360" s="5" t="s">
        <v>39</v>
      </c>
      <c r="Q360" s="5" t="s">
        <v>40</v>
      </c>
      <c r="R360" s="5" t="s">
        <v>897</v>
      </c>
      <c r="S360" s="5" t="s">
        <v>40</v>
      </c>
      <c r="T360" s="5" t="s">
        <v>42</v>
      </c>
      <c r="U360" s="2">
        <v>214.995</v>
      </c>
      <c r="V360" s="2">
        <v>129.024</v>
      </c>
      <c r="W360" s="2">
        <v>1.702</v>
      </c>
      <c r="X360" s="2">
        <v>43.9</v>
      </c>
      <c r="Y360" s="2">
        <v>193.8</v>
      </c>
      <c r="Z360" s="2">
        <v>200</v>
      </c>
      <c r="AA360" s="5">
        <v>5</v>
      </c>
      <c r="AB360" s="5" t="s">
        <v>43</v>
      </c>
      <c r="AC360" s="5" t="s">
        <v>735</v>
      </c>
      <c r="AD360" s="2" t="s">
        <v>1392</v>
      </c>
      <c r="AE360" s="1"/>
    </row>
    <row r="361" spans="1:31" ht="14.45">
      <c r="A361" s="11"/>
      <c r="B361" s="20"/>
      <c r="C361" s="2" t="s">
        <v>1393</v>
      </c>
      <c r="D361" s="14" t="s">
        <v>1394</v>
      </c>
      <c r="E361" s="2" t="s">
        <v>1395</v>
      </c>
      <c r="F361" s="2" t="s">
        <v>1396</v>
      </c>
      <c r="G361" s="8">
        <v>2075</v>
      </c>
      <c r="H361" s="5">
        <v>5</v>
      </c>
      <c r="I361" s="5" t="s">
        <v>69</v>
      </c>
      <c r="J361" s="5" t="s">
        <v>731</v>
      </c>
      <c r="K361" s="2" t="s">
        <v>732</v>
      </c>
      <c r="L361" s="5" t="s">
        <v>731</v>
      </c>
      <c r="M361" s="2" t="s">
        <v>732</v>
      </c>
      <c r="N361" s="5" t="s">
        <v>733</v>
      </c>
      <c r="O361" s="5" t="s">
        <v>38</v>
      </c>
      <c r="P361" s="5" t="s">
        <v>39</v>
      </c>
      <c r="Q361" s="5" t="s">
        <v>40</v>
      </c>
      <c r="R361" s="5" t="s">
        <v>897</v>
      </c>
      <c r="S361" s="5" t="s">
        <v>40</v>
      </c>
      <c r="T361" s="5" t="s">
        <v>42</v>
      </c>
      <c r="U361" s="2">
        <v>233.37700000000001</v>
      </c>
      <c r="V361" s="2">
        <v>147.40600000000001</v>
      </c>
      <c r="W361" s="2">
        <v>1.702</v>
      </c>
      <c r="X361" s="2">
        <v>43.9</v>
      </c>
      <c r="Y361" s="2">
        <v>193.8</v>
      </c>
      <c r="Z361" s="2">
        <v>200</v>
      </c>
      <c r="AA361" s="5">
        <v>5</v>
      </c>
      <c r="AB361" s="5" t="s">
        <v>43</v>
      </c>
      <c r="AC361" s="5" t="s">
        <v>735</v>
      </c>
      <c r="AD361" s="2" t="s">
        <v>1397</v>
      </c>
      <c r="AE361" s="1"/>
    </row>
    <row r="362" spans="1:31" ht="14.45">
      <c r="A362" s="11"/>
      <c r="B362" s="20"/>
      <c r="C362" s="2" t="s">
        <v>1398</v>
      </c>
      <c r="D362" s="14" t="s">
        <v>1399</v>
      </c>
      <c r="E362" s="2" t="s">
        <v>1400</v>
      </c>
      <c r="F362" s="2" t="s">
        <v>1401</v>
      </c>
      <c r="G362" s="8">
        <v>1787</v>
      </c>
      <c r="H362" s="5">
        <v>5</v>
      </c>
      <c r="I362" s="5" t="s">
        <v>69</v>
      </c>
      <c r="J362" s="5" t="s">
        <v>731</v>
      </c>
      <c r="K362" s="2" t="s">
        <v>732</v>
      </c>
      <c r="L362" s="5" t="s">
        <v>731</v>
      </c>
      <c r="M362" s="2" t="s">
        <v>732</v>
      </c>
      <c r="N362" s="5" t="s">
        <v>733</v>
      </c>
      <c r="O362" s="5" t="s">
        <v>38</v>
      </c>
      <c r="P362" s="5" t="s">
        <v>39</v>
      </c>
      <c r="Q362" s="5" t="s">
        <v>40</v>
      </c>
      <c r="R362" s="5" t="s">
        <v>897</v>
      </c>
      <c r="S362" s="5" t="s">
        <v>40</v>
      </c>
      <c r="T362" s="5" t="s">
        <v>42</v>
      </c>
      <c r="U362" s="2">
        <v>216.77500000000001</v>
      </c>
      <c r="V362" s="2">
        <v>130.35400000000001</v>
      </c>
      <c r="W362" s="2">
        <v>1.702</v>
      </c>
      <c r="X362" s="2">
        <v>43.9</v>
      </c>
      <c r="Y362" s="2">
        <v>193.8</v>
      </c>
      <c r="Z362" s="2">
        <v>200</v>
      </c>
      <c r="AA362" s="5">
        <v>5</v>
      </c>
      <c r="AB362" s="5" t="s">
        <v>43</v>
      </c>
      <c r="AC362" s="5" t="s">
        <v>735</v>
      </c>
      <c r="AD362" s="2" t="s">
        <v>1402</v>
      </c>
      <c r="AE362" s="1"/>
    </row>
    <row r="363" spans="1:31" ht="14.45">
      <c r="A363" s="11"/>
      <c r="B363" s="20"/>
      <c r="C363" s="2" t="s">
        <v>1403</v>
      </c>
      <c r="D363" s="14" t="s">
        <v>1404</v>
      </c>
      <c r="E363" s="2" t="s">
        <v>1405</v>
      </c>
      <c r="F363" s="2" t="s">
        <v>1406</v>
      </c>
      <c r="G363" s="8">
        <v>2075</v>
      </c>
      <c r="H363" s="5">
        <v>5</v>
      </c>
      <c r="I363" s="5" t="s">
        <v>69</v>
      </c>
      <c r="J363" s="5" t="s">
        <v>731</v>
      </c>
      <c r="K363" s="2" t="s">
        <v>732</v>
      </c>
      <c r="L363" s="5" t="s">
        <v>731</v>
      </c>
      <c r="M363" s="2" t="s">
        <v>732</v>
      </c>
      <c r="N363" s="5" t="s">
        <v>733</v>
      </c>
      <c r="O363" s="5" t="s">
        <v>38</v>
      </c>
      <c r="P363" s="5" t="s">
        <v>39</v>
      </c>
      <c r="Q363" s="5" t="s">
        <v>40</v>
      </c>
      <c r="R363" s="5" t="s">
        <v>897</v>
      </c>
      <c r="S363" s="5" t="s">
        <v>40</v>
      </c>
      <c r="T363" s="5" t="s">
        <v>42</v>
      </c>
      <c r="U363" s="2">
        <v>235.15700000000001</v>
      </c>
      <c r="V363" s="2">
        <v>148.73599999999999</v>
      </c>
      <c r="W363" s="2">
        <v>1.702</v>
      </c>
      <c r="X363" s="2">
        <v>43.9</v>
      </c>
      <c r="Y363" s="2">
        <v>193.8</v>
      </c>
      <c r="Z363" s="2">
        <v>200</v>
      </c>
      <c r="AA363" s="5">
        <v>5</v>
      </c>
      <c r="AB363" s="5" t="s">
        <v>43</v>
      </c>
      <c r="AC363" s="5" t="s">
        <v>735</v>
      </c>
      <c r="AD363" s="2" t="s">
        <v>1407</v>
      </c>
      <c r="AE363" s="1"/>
    </row>
    <row r="364" spans="1:31" ht="14.45">
      <c r="A364" s="11"/>
      <c r="B364" s="20"/>
      <c r="C364" s="2" t="s">
        <v>1408</v>
      </c>
      <c r="D364" s="14" t="s">
        <v>1409</v>
      </c>
      <c r="E364" s="2" t="s">
        <v>1410</v>
      </c>
      <c r="F364" s="2" t="s">
        <v>1411</v>
      </c>
      <c r="G364" s="8">
        <v>2053</v>
      </c>
      <c r="H364" s="5">
        <v>5</v>
      </c>
      <c r="I364" s="5" t="s">
        <v>69</v>
      </c>
      <c r="J364" s="5" t="s">
        <v>731</v>
      </c>
      <c r="K364" s="2" t="s">
        <v>732</v>
      </c>
      <c r="L364" s="5" t="s">
        <v>731</v>
      </c>
      <c r="M364" s="2" t="s">
        <v>732</v>
      </c>
      <c r="N364" s="5" t="s">
        <v>733</v>
      </c>
      <c r="O364" s="5" t="s">
        <v>38</v>
      </c>
      <c r="P364" s="5" t="s">
        <v>39</v>
      </c>
      <c r="Q364" s="5" t="s">
        <v>40</v>
      </c>
      <c r="R364" s="5" t="s">
        <v>897</v>
      </c>
      <c r="S364" s="5" t="s">
        <v>40</v>
      </c>
      <c r="T364" s="5" t="s">
        <v>42</v>
      </c>
      <c r="U364" s="2">
        <v>237.631</v>
      </c>
      <c r="V364" s="2">
        <v>152.017</v>
      </c>
      <c r="W364" s="2">
        <v>1.702</v>
      </c>
      <c r="X364" s="2">
        <v>43.9</v>
      </c>
      <c r="Y364" s="2">
        <v>193.8</v>
      </c>
      <c r="Z364" s="2">
        <v>200</v>
      </c>
      <c r="AA364" s="5">
        <v>5</v>
      </c>
      <c r="AB364" s="5" t="s">
        <v>43</v>
      </c>
      <c r="AC364" s="5" t="s">
        <v>735</v>
      </c>
      <c r="AD364" s="2" t="s">
        <v>1412</v>
      </c>
      <c r="AE364" s="1"/>
    </row>
    <row r="365" spans="1:31" ht="14.45">
      <c r="A365" s="11"/>
      <c r="B365" s="20"/>
      <c r="C365" s="2" t="s">
        <v>1413</v>
      </c>
      <c r="D365" s="14" t="s">
        <v>1414</v>
      </c>
      <c r="E365" s="2" t="s">
        <v>1415</v>
      </c>
      <c r="F365" s="2" t="s">
        <v>1416</v>
      </c>
      <c r="G365" s="8">
        <v>2421</v>
      </c>
      <c r="H365" s="5">
        <v>5</v>
      </c>
      <c r="I365" s="5" t="s">
        <v>69</v>
      </c>
      <c r="J365" s="5" t="s">
        <v>731</v>
      </c>
      <c r="K365" s="2" t="s">
        <v>732</v>
      </c>
      <c r="L365" s="5" t="s">
        <v>731</v>
      </c>
      <c r="M365" s="2" t="s">
        <v>732</v>
      </c>
      <c r="N365" s="5" t="s">
        <v>733</v>
      </c>
      <c r="O365" s="5" t="s">
        <v>38</v>
      </c>
      <c r="P365" s="5" t="s">
        <v>39</v>
      </c>
      <c r="Q365" s="5" t="s">
        <v>40</v>
      </c>
      <c r="R365" s="5" t="s">
        <v>897</v>
      </c>
      <c r="S365" s="5" t="s">
        <v>40</v>
      </c>
      <c r="T365" s="5" t="s">
        <v>42</v>
      </c>
      <c r="U365" s="2">
        <v>260.44600000000003</v>
      </c>
      <c r="V365" s="2">
        <v>174.83199999999999</v>
      </c>
      <c r="W365" s="2">
        <v>1.702</v>
      </c>
      <c r="X365" s="2">
        <v>43.9</v>
      </c>
      <c r="Y365" s="2">
        <v>193.8</v>
      </c>
      <c r="Z365" s="2">
        <v>200</v>
      </c>
      <c r="AA365" s="5">
        <v>5</v>
      </c>
      <c r="AB365" s="5" t="s">
        <v>43</v>
      </c>
      <c r="AC365" s="5" t="s">
        <v>735</v>
      </c>
      <c r="AD365" s="2" t="s">
        <v>1417</v>
      </c>
      <c r="AE365" s="1"/>
    </row>
    <row r="366" spans="1:31" ht="14.45">
      <c r="A366" s="11"/>
      <c r="B366" s="20"/>
      <c r="C366" s="2" t="s">
        <v>1418</v>
      </c>
      <c r="D366" s="14" t="s">
        <v>1419</v>
      </c>
      <c r="E366" s="2" t="s">
        <v>1420</v>
      </c>
      <c r="F366" s="2" t="s">
        <v>1421</v>
      </c>
      <c r="G366" s="8">
        <v>2053</v>
      </c>
      <c r="H366" s="5">
        <v>5</v>
      </c>
      <c r="I366" s="5" t="s">
        <v>69</v>
      </c>
      <c r="J366" s="5" t="s">
        <v>731</v>
      </c>
      <c r="K366" s="2" t="s">
        <v>732</v>
      </c>
      <c r="L366" s="5" t="s">
        <v>731</v>
      </c>
      <c r="M366" s="2" t="s">
        <v>732</v>
      </c>
      <c r="N366" s="5" t="s">
        <v>733</v>
      </c>
      <c r="O366" s="5" t="s">
        <v>38</v>
      </c>
      <c r="P366" s="5" t="s">
        <v>39</v>
      </c>
      <c r="Q366" s="5" t="s">
        <v>40</v>
      </c>
      <c r="R366" s="5" t="s">
        <v>897</v>
      </c>
      <c r="S366" s="5" t="s">
        <v>40</v>
      </c>
      <c r="T366" s="5" t="s">
        <v>42</v>
      </c>
      <c r="U366" s="2">
        <v>239.411</v>
      </c>
      <c r="V366" s="2">
        <v>153.34700000000001</v>
      </c>
      <c r="W366" s="2">
        <v>1.702</v>
      </c>
      <c r="X366" s="2">
        <v>43.9</v>
      </c>
      <c r="Y366" s="2">
        <v>193.8</v>
      </c>
      <c r="Z366" s="2">
        <v>200</v>
      </c>
      <c r="AA366" s="5">
        <v>5</v>
      </c>
      <c r="AB366" s="5" t="s">
        <v>43</v>
      </c>
      <c r="AC366" s="5" t="s">
        <v>735</v>
      </c>
      <c r="AD366" s="2" t="s">
        <v>1422</v>
      </c>
      <c r="AE366" s="1"/>
    </row>
    <row r="367" spans="1:31" ht="14.45">
      <c r="A367" s="11"/>
      <c r="B367" s="20"/>
      <c r="C367" s="2" t="s">
        <v>1423</v>
      </c>
      <c r="D367" s="14" t="s">
        <v>1424</v>
      </c>
      <c r="E367" s="2" t="s">
        <v>1425</v>
      </c>
      <c r="F367" s="2" t="s">
        <v>1426</v>
      </c>
      <c r="G367" s="8">
        <v>2421</v>
      </c>
      <c r="H367" s="5">
        <v>5</v>
      </c>
      <c r="I367" s="5" t="s">
        <v>69</v>
      </c>
      <c r="J367" s="5" t="s">
        <v>731</v>
      </c>
      <c r="K367" s="2" t="s">
        <v>732</v>
      </c>
      <c r="L367" s="5" t="s">
        <v>731</v>
      </c>
      <c r="M367" s="2" t="s">
        <v>732</v>
      </c>
      <c r="N367" s="5" t="s">
        <v>733</v>
      </c>
      <c r="O367" s="5" t="s">
        <v>38</v>
      </c>
      <c r="P367" s="5" t="s">
        <v>39</v>
      </c>
      <c r="Q367" s="5" t="s">
        <v>40</v>
      </c>
      <c r="R367" s="5" t="s">
        <v>897</v>
      </c>
      <c r="S367" s="5" t="s">
        <v>40</v>
      </c>
      <c r="T367" s="5" t="s">
        <v>42</v>
      </c>
      <c r="U367" s="2">
        <v>262.226</v>
      </c>
      <c r="V367" s="2">
        <v>176.16200000000001</v>
      </c>
      <c r="W367" s="2">
        <v>1.702</v>
      </c>
      <c r="X367" s="2">
        <v>43.9</v>
      </c>
      <c r="Y367" s="2">
        <v>193.8</v>
      </c>
      <c r="Z367" s="2">
        <v>200</v>
      </c>
      <c r="AA367" s="5">
        <v>5</v>
      </c>
      <c r="AB367" s="5" t="s">
        <v>43</v>
      </c>
      <c r="AC367" s="5" t="s">
        <v>735</v>
      </c>
      <c r="AD367" s="2" t="s">
        <v>1427</v>
      </c>
      <c r="AE367" s="1"/>
    </row>
    <row r="368" spans="1:31" ht="14.45">
      <c r="A368" s="11"/>
      <c r="B368" s="20"/>
      <c r="C368" s="2" t="s">
        <v>1428</v>
      </c>
      <c r="D368" s="14" t="s">
        <v>1429</v>
      </c>
      <c r="E368" s="2" t="s">
        <v>1430</v>
      </c>
      <c r="F368" s="2" t="s">
        <v>1431</v>
      </c>
      <c r="G368" s="8">
        <v>1678</v>
      </c>
      <c r="H368" s="5">
        <v>5</v>
      </c>
      <c r="I368" s="5" t="s">
        <v>69</v>
      </c>
      <c r="J368" s="5" t="s">
        <v>731</v>
      </c>
      <c r="K368" s="2" t="s">
        <v>732</v>
      </c>
      <c r="L368" s="5" t="s">
        <v>731</v>
      </c>
      <c r="M368" s="2" t="s">
        <v>732</v>
      </c>
      <c r="N368" s="5" t="s">
        <v>733</v>
      </c>
      <c r="O368" s="5" t="s">
        <v>38</v>
      </c>
      <c r="P368" s="5" t="s">
        <v>39</v>
      </c>
      <c r="Q368" s="5" t="s">
        <v>40</v>
      </c>
      <c r="R368" s="5" t="s">
        <v>897</v>
      </c>
      <c r="S368" s="5" t="s">
        <v>40</v>
      </c>
      <c r="T368" s="5" t="s">
        <v>42</v>
      </c>
      <c r="U368" s="2">
        <v>180.31700000000001</v>
      </c>
      <c r="V368" s="2">
        <v>101.64400000000001</v>
      </c>
      <c r="W368" s="2">
        <v>1.605</v>
      </c>
      <c r="X368" s="2">
        <v>43.9</v>
      </c>
      <c r="Y368" s="2">
        <v>243.8</v>
      </c>
      <c r="Z368" s="2">
        <v>150</v>
      </c>
      <c r="AA368" s="5">
        <v>5</v>
      </c>
      <c r="AB368" s="5" t="s">
        <v>43</v>
      </c>
      <c r="AC368" s="5" t="s">
        <v>735</v>
      </c>
      <c r="AD368" s="2" t="s">
        <v>1432</v>
      </c>
      <c r="AE368" s="1"/>
    </row>
    <row r="369" spans="1:31" ht="14.45">
      <c r="A369" s="11"/>
      <c r="B369" s="20"/>
      <c r="C369" s="2" t="s">
        <v>1433</v>
      </c>
      <c r="D369" s="14" t="s">
        <v>1434</v>
      </c>
      <c r="E369" s="2" t="s">
        <v>1435</v>
      </c>
      <c r="F369" s="2" t="s">
        <v>1436</v>
      </c>
      <c r="G369" s="8">
        <v>1934</v>
      </c>
      <c r="H369" s="5">
        <v>5</v>
      </c>
      <c r="I369" s="5" t="s">
        <v>69</v>
      </c>
      <c r="J369" s="5" t="s">
        <v>731</v>
      </c>
      <c r="K369" s="2" t="s">
        <v>732</v>
      </c>
      <c r="L369" s="5" t="s">
        <v>731</v>
      </c>
      <c r="M369" s="2" t="s">
        <v>732</v>
      </c>
      <c r="N369" s="5" t="s">
        <v>733</v>
      </c>
      <c r="O369" s="5" t="s">
        <v>38</v>
      </c>
      <c r="P369" s="5" t="s">
        <v>39</v>
      </c>
      <c r="Q369" s="5" t="s">
        <v>40</v>
      </c>
      <c r="R369" s="5" t="s">
        <v>897</v>
      </c>
      <c r="S369" s="5" t="s">
        <v>40</v>
      </c>
      <c r="T369" s="5" t="s">
        <v>42</v>
      </c>
      <c r="U369" s="2">
        <v>192.90799999999999</v>
      </c>
      <c r="V369" s="2">
        <v>114.235</v>
      </c>
      <c r="W369" s="2">
        <v>1.605</v>
      </c>
      <c r="X369" s="2">
        <v>43.9</v>
      </c>
      <c r="Y369" s="2">
        <v>243.8</v>
      </c>
      <c r="Z369" s="2">
        <v>150</v>
      </c>
      <c r="AA369" s="5">
        <v>5</v>
      </c>
      <c r="AB369" s="5" t="s">
        <v>43</v>
      </c>
      <c r="AC369" s="5" t="s">
        <v>735</v>
      </c>
      <c r="AD369" s="2" t="s">
        <v>1437</v>
      </c>
      <c r="AE369" s="1"/>
    </row>
    <row r="370" spans="1:31" ht="14.45">
      <c r="A370" s="11"/>
      <c r="B370" s="20"/>
      <c r="C370" s="2" t="s">
        <v>1438</v>
      </c>
      <c r="D370" s="14" t="s">
        <v>1439</v>
      </c>
      <c r="E370" s="2" t="s">
        <v>1440</v>
      </c>
      <c r="F370" s="2" t="s">
        <v>1441</v>
      </c>
      <c r="G370" s="8">
        <v>1678</v>
      </c>
      <c r="H370" s="5">
        <v>5</v>
      </c>
      <c r="I370" s="5" t="s">
        <v>69</v>
      </c>
      <c r="J370" s="5" t="s">
        <v>731</v>
      </c>
      <c r="K370" s="2" t="s">
        <v>732</v>
      </c>
      <c r="L370" s="5" t="s">
        <v>731</v>
      </c>
      <c r="M370" s="2" t="s">
        <v>732</v>
      </c>
      <c r="N370" s="5" t="s">
        <v>733</v>
      </c>
      <c r="O370" s="5" t="s">
        <v>38</v>
      </c>
      <c r="P370" s="5" t="s">
        <v>39</v>
      </c>
      <c r="Q370" s="5" t="s">
        <v>40</v>
      </c>
      <c r="R370" s="5" t="s">
        <v>897</v>
      </c>
      <c r="S370" s="5" t="s">
        <v>40</v>
      </c>
      <c r="T370" s="5" t="s">
        <v>42</v>
      </c>
      <c r="U370" s="2">
        <v>181.91300000000001</v>
      </c>
      <c r="V370" s="2">
        <v>102.974</v>
      </c>
      <c r="W370" s="2">
        <v>1.605</v>
      </c>
      <c r="X370" s="2">
        <v>43.9</v>
      </c>
      <c r="Y370" s="2">
        <v>243.8</v>
      </c>
      <c r="Z370" s="2">
        <v>150</v>
      </c>
      <c r="AA370" s="5">
        <v>5</v>
      </c>
      <c r="AB370" s="5" t="s">
        <v>43</v>
      </c>
      <c r="AC370" s="5" t="s">
        <v>735</v>
      </c>
      <c r="AD370" s="2" t="s">
        <v>1442</v>
      </c>
      <c r="AE370" s="1"/>
    </row>
    <row r="371" spans="1:31" ht="14.45">
      <c r="A371" s="11"/>
      <c r="B371" s="20"/>
      <c r="C371" s="2" t="s">
        <v>1443</v>
      </c>
      <c r="D371" s="14" t="s">
        <v>1444</v>
      </c>
      <c r="E371" s="2" t="s">
        <v>1445</v>
      </c>
      <c r="F371" s="2" t="s">
        <v>1446</v>
      </c>
      <c r="G371" s="8">
        <v>1934</v>
      </c>
      <c r="H371" s="5">
        <v>5</v>
      </c>
      <c r="I371" s="5" t="s">
        <v>69</v>
      </c>
      <c r="J371" s="5" t="s">
        <v>731</v>
      </c>
      <c r="K371" s="2" t="s">
        <v>732</v>
      </c>
      <c r="L371" s="5" t="s">
        <v>731</v>
      </c>
      <c r="M371" s="2" t="s">
        <v>732</v>
      </c>
      <c r="N371" s="5" t="s">
        <v>733</v>
      </c>
      <c r="O371" s="5" t="s">
        <v>38</v>
      </c>
      <c r="P371" s="5" t="s">
        <v>39</v>
      </c>
      <c r="Q371" s="5" t="s">
        <v>40</v>
      </c>
      <c r="R371" s="5" t="s">
        <v>897</v>
      </c>
      <c r="S371" s="5" t="s">
        <v>40</v>
      </c>
      <c r="T371" s="5" t="s">
        <v>42</v>
      </c>
      <c r="U371" s="2">
        <v>194.50399999999999</v>
      </c>
      <c r="V371" s="2">
        <v>115.565</v>
      </c>
      <c r="W371" s="2">
        <v>1.605</v>
      </c>
      <c r="X371" s="2">
        <v>43.9</v>
      </c>
      <c r="Y371" s="2">
        <v>243.8</v>
      </c>
      <c r="Z371" s="2">
        <v>150</v>
      </c>
      <c r="AA371" s="5">
        <v>5</v>
      </c>
      <c r="AB371" s="5" t="s">
        <v>43</v>
      </c>
      <c r="AC371" s="5" t="s">
        <v>735</v>
      </c>
      <c r="AD371" s="2" t="s">
        <v>1447</v>
      </c>
      <c r="AE371" s="1"/>
    </row>
    <row r="372" spans="1:31" ht="14.45">
      <c r="A372" s="11"/>
      <c r="B372" s="20"/>
      <c r="C372" s="2" t="s">
        <v>1448</v>
      </c>
      <c r="D372" s="14" t="s">
        <v>1449</v>
      </c>
      <c r="E372" s="2" t="s">
        <v>1450</v>
      </c>
      <c r="F372" s="2" t="s">
        <v>1451</v>
      </c>
      <c r="G372" s="8">
        <v>1998</v>
      </c>
      <c r="H372" s="5">
        <v>5</v>
      </c>
      <c r="I372" s="5" t="s">
        <v>69</v>
      </c>
      <c r="J372" s="5" t="s">
        <v>731</v>
      </c>
      <c r="K372" s="2" t="s">
        <v>732</v>
      </c>
      <c r="L372" s="5" t="s">
        <v>731</v>
      </c>
      <c r="M372" s="2" t="s">
        <v>732</v>
      </c>
      <c r="N372" s="5" t="s">
        <v>733</v>
      </c>
      <c r="O372" s="5" t="s">
        <v>38</v>
      </c>
      <c r="P372" s="5" t="s">
        <v>39</v>
      </c>
      <c r="Q372" s="5" t="s">
        <v>40</v>
      </c>
      <c r="R372" s="5" t="s">
        <v>897</v>
      </c>
      <c r="S372" s="5" t="s">
        <v>40</v>
      </c>
      <c r="T372" s="5" t="s">
        <v>42</v>
      </c>
      <c r="U372" s="2">
        <v>219.02</v>
      </c>
      <c r="V372" s="2">
        <v>140.21899999999999</v>
      </c>
      <c r="W372" s="2">
        <v>1.605</v>
      </c>
      <c r="X372" s="2">
        <v>43.9</v>
      </c>
      <c r="Y372" s="2">
        <v>243.8</v>
      </c>
      <c r="Z372" s="2">
        <v>150</v>
      </c>
      <c r="AA372" s="5">
        <v>5</v>
      </c>
      <c r="AB372" s="5" t="s">
        <v>43</v>
      </c>
      <c r="AC372" s="5" t="s">
        <v>735</v>
      </c>
      <c r="AD372" s="2" t="s">
        <v>1452</v>
      </c>
      <c r="AE372" s="1"/>
    </row>
    <row r="373" spans="1:31" ht="14.45">
      <c r="A373" s="11"/>
      <c r="B373" s="20"/>
      <c r="C373" s="2" t="s">
        <v>1453</v>
      </c>
      <c r="D373" s="14" t="s">
        <v>1454</v>
      </c>
      <c r="E373" s="2" t="s">
        <v>1455</v>
      </c>
      <c r="F373" s="2" t="s">
        <v>1456</v>
      </c>
      <c r="G373" s="8">
        <v>2350</v>
      </c>
      <c r="H373" s="5">
        <v>5</v>
      </c>
      <c r="I373" s="5" t="s">
        <v>69</v>
      </c>
      <c r="J373" s="5" t="s">
        <v>731</v>
      </c>
      <c r="K373" s="2" t="s">
        <v>732</v>
      </c>
      <c r="L373" s="5" t="s">
        <v>731</v>
      </c>
      <c r="M373" s="2" t="s">
        <v>732</v>
      </c>
      <c r="N373" s="5" t="s">
        <v>733</v>
      </c>
      <c r="O373" s="5" t="s">
        <v>38</v>
      </c>
      <c r="P373" s="5" t="s">
        <v>39</v>
      </c>
      <c r="Q373" s="5" t="s">
        <v>40</v>
      </c>
      <c r="R373" s="5" t="s">
        <v>897</v>
      </c>
      <c r="S373" s="5" t="s">
        <v>40</v>
      </c>
      <c r="T373" s="5" t="s">
        <v>42</v>
      </c>
      <c r="U373" s="2">
        <v>239.43799999999999</v>
      </c>
      <c r="V373" s="2">
        <v>160.637</v>
      </c>
      <c r="W373" s="2">
        <v>1.605</v>
      </c>
      <c r="X373" s="2">
        <v>43.9</v>
      </c>
      <c r="Y373" s="2">
        <v>243.8</v>
      </c>
      <c r="Z373" s="2">
        <v>150</v>
      </c>
      <c r="AA373" s="5">
        <v>5</v>
      </c>
      <c r="AB373" s="5" t="s">
        <v>43</v>
      </c>
      <c r="AC373" s="5" t="s">
        <v>735</v>
      </c>
      <c r="AD373" s="2" t="s">
        <v>1457</v>
      </c>
      <c r="AE373" s="1"/>
    </row>
    <row r="374" spans="1:31" ht="14.45">
      <c r="A374" s="11"/>
      <c r="B374" s="20"/>
      <c r="C374" s="2" t="s">
        <v>1458</v>
      </c>
      <c r="D374" s="14" t="s">
        <v>1459</v>
      </c>
      <c r="E374" s="2" t="s">
        <v>1460</v>
      </c>
      <c r="F374" s="2" t="s">
        <v>1461</v>
      </c>
      <c r="G374" s="8">
        <v>1998</v>
      </c>
      <c r="H374" s="5">
        <v>5</v>
      </c>
      <c r="I374" s="5" t="s">
        <v>69</v>
      </c>
      <c r="J374" s="5" t="s">
        <v>731</v>
      </c>
      <c r="K374" s="2" t="s">
        <v>732</v>
      </c>
      <c r="L374" s="5" t="s">
        <v>731</v>
      </c>
      <c r="M374" s="2" t="s">
        <v>732</v>
      </c>
      <c r="N374" s="5" t="s">
        <v>733</v>
      </c>
      <c r="O374" s="5" t="s">
        <v>38</v>
      </c>
      <c r="P374" s="5" t="s">
        <v>39</v>
      </c>
      <c r="Q374" s="5" t="s">
        <v>40</v>
      </c>
      <c r="R374" s="5" t="s">
        <v>897</v>
      </c>
      <c r="S374" s="5" t="s">
        <v>40</v>
      </c>
      <c r="T374" s="5" t="s">
        <v>42</v>
      </c>
      <c r="U374" s="2">
        <v>220.61600000000001</v>
      </c>
      <c r="V374" s="2">
        <v>141.54900000000001</v>
      </c>
      <c r="W374" s="2">
        <v>1.605</v>
      </c>
      <c r="X374" s="2">
        <v>43.9</v>
      </c>
      <c r="Y374" s="2">
        <v>243.8</v>
      </c>
      <c r="Z374" s="2">
        <v>150</v>
      </c>
      <c r="AA374" s="5">
        <v>5</v>
      </c>
      <c r="AB374" s="5" t="s">
        <v>43</v>
      </c>
      <c r="AC374" s="5" t="s">
        <v>735</v>
      </c>
      <c r="AD374" s="2" t="s">
        <v>1462</v>
      </c>
      <c r="AE374" s="1"/>
    </row>
    <row r="375" spans="1:31" ht="14.45">
      <c r="A375" s="11"/>
      <c r="B375" s="20"/>
      <c r="C375" s="2" t="s">
        <v>1463</v>
      </c>
      <c r="D375" s="14" t="s">
        <v>1464</v>
      </c>
      <c r="E375" s="2" t="s">
        <v>1465</v>
      </c>
      <c r="F375" s="2" t="s">
        <v>1466</v>
      </c>
      <c r="G375" s="8">
        <v>2350</v>
      </c>
      <c r="H375" s="5">
        <v>5</v>
      </c>
      <c r="I375" s="5" t="s">
        <v>69</v>
      </c>
      <c r="J375" s="5" t="s">
        <v>731</v>
      </c>
      <c r="K375" s="2" t="s">
        <v>732</v>
      </c>
      <c r="L375" s="5" t="s">
        <v>731</v>
      </c>
      <c r="M375" s="2" t="s">
        <v>732</v>
      </c>
      <c r="N375" s="5" t="s">
        <v>733</v>
      </c>
      <c r="O375" s="5" t="s">
        <v>38</v>
      </c>
      <c r="P375" s="5" t="s">
        <v>39</v>
      </c>
      <c r="Q375" s="5" t="s">
        <v>40</v>
      </c>
      <c r="R375" s="5" t="s">
        <v>897</v>
      </c>
      <c r="S375" s="5" t="s">
        <v>40</v>
      </c>
      <c r="T375" s="5" t="s">
        <v>42</v>
      </c>
      <c r="U375" s="2">
        <v>241.03399999999999</v>
      </c>
      <c r="V375" s="2">
        <v>161.96700000000001</v>
      </c>
      <c r="W375" s="2">
        <v>1.605</v>
      </c>
      <c r="X375" s="2">
        <v>43.9</v>
      </c>
      <c r="Y375" s="2">
        <v>243.8</v>
      </c>
      <c r="Z375" s="2">
        <v>150</v>
      </c>
      <c r="AA375" s="5">
        <v>5</v>
      </c>
      <c r="AB375" s="5" t="s">
        <v>43</v>
      </c>
      <c r="AC375" s="5" t="s">
        <v>735</v>
      </c>
      <c r="AD375" s="2" t="s">
        <v>1467</v>
      </c>
      <c r="AE375" s="1"/>
    </row>
    <row r="376" spans="1:31" ht="14.45">
      <c r="A376" s="11"/>
      <c r="B376" s="20"/>
      <c r="C376" s="2" t="s">
        <v>1468</v>
      </c>
      <c r="D376" s="14" t="s">
        <v>1469</v>
      </c>
      <c r="E376" s="2" t="s">
        <v>1470</v>
      </c>
      <c r="F376" s="2" t="s">
        <v>1471</v>
      </c>
      <c r="G376" s="8">
        <v>1252</v>
      </c>
      <c r="H376" s="5">
        <v>5</v>
      </c>
      <c r="I376" s="5" t="s">
        <v>69</v>
      </c>
      <c r="J376" s="5" t="s">
        <v>731</v>
      </c>
      <c r="K376" s="2" t="s">
        <v>732</v>
      </c>
      <c r="L376" s="5" t="s">
        <v>731</v>
      </c>
      <c r="M376" s="2" t="s">
        <v>732</v>
      </c>
      <c r="N376" s="5" t="s">
        <v>733</v>
      </c>
      <c r="O376" s="5" t="s">
        <v>38</v>
      </c>
      <c r="P376" s="5" t="s">
        <v>39</v>
      </c>
      <c r="Q376" s="5" t="s">
        <v>40</v>
      </c>
      <c r="R376" s="5" t="s">
        <v>734</v>
      </c>
      <c r="S376" s="5" t="s">
        <v>40</v>
      </c>
      <c r="T376" s="5" t="s">
        <v>42</v>
      </c>
      <c r="U376" s="2">
        <v>70.623000000000005</v>
      </c>
      <c r="V376" s="2">
        <v>66.974000000000004</v>
      </c>
      <c r="W376" s="2">
        <v>0.35499999999999998</v>
      </c>
      <c r="X376" s="2">
        <v>22.32</v>
      </c>
      <c r="Y376" s="2">
        <v>112.56</v>
      </c>
      <c r="Z376" s="2">
        <v>141.36000000000001</v>
      </c>
      <c r="AA376" s="5">
        <v>5</v>
      </c>
      <c r="AB376" s="5" t="s">
        <v>43</v>
      </c>
      <c r="AC376" s="5" t="s">
        <v>735</v>
      </c>
      <c r="AD376" s="2" t="s">
        <v>1472</v>
      </c>
      <c r="AE376" s="1"/>
    </row>
    <row r="377" spans="1:31" ht="14.45">
      <c r="A377" s="11"/>
      <c r="B377" s="20"/>
      <c r="C377" s="2" t="s">
        <v>1473</v>
      </c>
      <c r="D377" s="14" t="s">
        <v>1474</v>
      </c>
      <c r="E377" s="2" t="s">
        <v>1475</v>
      </c>
      <c r="F377" s="2" t="s">
        <v>1476</v>
      </c>
      <c r="G377" s="8">
        <v>1192</v>
      </c>
      <c r="H377" s="5">
        <v>5</v>
      </c>
      <c r="I377" s="5" t="s">
        <v>69</v>
      </c>
      <c r="J377" s="5" t="s">
        <v>731</v>
      </c>
      <c r="K377" s="2" t="s">
        <v>732</v>
      </c>
      <c r="L377" s="5" t="s">
        <v>731</v>
      </c>
      <c r="M377" s="2" t="s">
        <v>732</v>
      </c>
      <c r="N377" s="5" t="s">
        <v>733</v>
      </c>
      <c r="O377" s="5" t="s">
        <v>38</v>
      </c>
      <c r="P377" s="5" t="s">
        <v>39</v>
      </c>
      <c r="Q377" s="5" t="s">
        <v>40</v>
      </c>
      <c r="R377" s="5" t="s">
        <v>734</v>
      </c>
      <c r="S377" s="5" t="s">
        <v>40</v>
      </c>
      <c r="T377" s="5" t="s">
        <v>42</v>
      </c>
      <c r="U377" s="2">
        <v>66.442999999999998</v>
      </c>
      <c r="V377" s="2">
        <v>62.3</v>
      </c>
      <c r="W377" s="2">
        <v>0.33200000000000002</v>
      </c>
      <c r="X377" s="2">
        <v>22.32</v>
      </c>
      <c r="Y377" s="2">
        <v>122.56</v>
      </c>
      <c r="Z377" s="2">
        <v>121.36</v>
      </c>
      <c r="AA377" s="5">
        <v>5</v>
      </c>
      <c r="AB377" s="5" t="s">
        <v>43</v>
      </c>
      <c r="AC377" s="5" t="s">
        <v>735</v>
      </c>
      <c r="AD377" s="2" t="s">
        <v>1477</v>
      </c>
      <c r="AE377" s="1"/>
    </row>
    <row r="378" spans="1:31" ht="14.45">
      <c r="A378" s="11"/>
      <c r="B378" s="20"/>
      <c r="C378" s="2" t="s">
        <v>1478</v>
      </c>
      <c r="D378" s="14" t="s">
        <v>1479</v>
      </c>
      <c r="E378" s="2" t="s">
        <v>1480</v>
      </c>
      <c r="F378" s="2" t="s">
        <v>1481</v>
      </c>
      <c r="G378" s="8">
        <v>1371</v>
      </c>
      <c r="H378" s="5">
        <v>5</v>
      </c>
      <c r="I378" s="5" t="s">
        <v>69</v>
      </c>
      <c r="J378" s="5" t="s">
        <v>731</v>
      </c>
      <c r="K378" s="2" t="s">
        <v>732</v>
      </c>
      <c r="L378" s="5" t="s">
        <v>731</v>
      </c>
      <c r="M378" s="2" t="s">
        <v>732</v>
      </c>
      <c r="N378" s="5" t="s">
        <v>733</v>
      </c>
      <c r="O378" s="5" t="s">
        <v>38</v>
      </c>
      <c r="P378" s="5" t="s">
        <v>39</v>
      </c>
      <c r="Q378" s="5" t="s">
        <v>40</v>
      </c>
      <c r="R378" s="5" t="s">
        <v>734</v>
      </c>
      <c r="S378" s="5" t="s">
        <v>40</v>
      </c>
      <c r="T378" s="5" t="s">
        <v>42</v>
      </c>
      <c r="U378" s="2">
        <v>83.683999999999997</v>
      </c>
      <c r="V378" s="2">
        <v>78.537000000000006</v>
      </c>
      <c r="W378" s="2">
        <v>0.45</v>
      </c>
      <c r="X378" s="2">
        <v>22.32</v>
      </c>
      <c r="Y378" s="2">
        <v>142.56</v>
      </c>
      <c r="Z378" s="2">
        <v>141.36000000000001</v>
      </c>
      <c r="AA378" s="5">
        <v>5</v>
      </c>
      <c r="AB378" s="5" t="s">
        <v>43</v>
      </c>
      <c r="AC378" s="5" t="s">
        <v>735</v>
      </c>
      <c r="AD378" s="2" t="s">
        <v>1482</v>
      </c>
      <c r="AE378" s="1"/>
    </row>
    <row r="379" spans="1:31" ht="14.45">
      <c r="A379" s="5"/>
      <c r="B379" s="21"/>
      <c r="C379" s="2" t="s">
        <v>1483</v>
      </c>
      <c r="D379" s="14" t="s">
        <v>1484</v>
      </c>
      <c r="E379" s="2" t="s">
        <v>1485</v>
      </c>
      <c r="F379" s="2" t="s">
        <v>1486</v>
      </c>
      <c r="G379" s="8">
        <v>3471</v>
      </c>
      <c r="H379" s="5">
        <v>5</v>
      </c>
      <c r="I379" s="5" t="s">
        <v>69</v>
      </c>
      <c r="J379" s="5" t="s">
        <v>731</v>
      </c>
      <c r="K379" s="2" t="s">
        <v>732</v>
      </c>
      <c r="L379" s="5" t="s">
        <v>731</v>
      </c>
      <c r="M379" s="2" t="s">
        <v>732</v>
      </c>
      <c r="N379" s="5" t="s">
        <v>733</v>
      </c>
      <c r="O379" s="5" t="s">
        <v>38</v>
      </c>
      <c r="P379" s="5" t="s">
        <v>39</v>
      </c>
      <c r="Q379" s="5" t="s">
        <v>40</v>
      </c>
      <c r="R379" s="5" t="s">
        <v>1487</v>
      </c>
      <c r="S379" s="5"/>
      <c r="T379" s="5" t="s">
        <v>42</v>
      </c>
      <c r="U379" s="2">
        <v>0</v>
      </c>
      <c r="V379" s="2">
        <v>0</v>
      </c>
      <c r="W379" s="2">
        <v>0</v>
      </c>
      <c r="X379" s="2">
        <v>0</v>
      </c>
      <c r="Y379" s="2">
        <v>0</v>
      </c>
      <c r="Z379" s="2">
        <v>0</v>
      </c>
      <c r="AA379" s="5"/>
      <c r="AB379" s="5" t="s">
        <v>43</v>
      </c>
      <c r="AC379" s="5" t="s">
        <v>735</v>
      </c>
      <c r="AD379" s="2" t="s">
        <v>1488</v>
      </c>
      <c r="AE379" s="1"/>
    </row>
    <row r="380" spans="1:31" ht="14.45">
      <c r="A380" s="5"/>
      <c r="B380" s="21"/>
      <c r="C380" s="2" t="s">
        <v>1489</v>
      </c>
      <c r="D380" s="14" t="s">
        <v>1490</v>
      </c>
      <c r="E380" s="2" t="s">
        <v>1491</v>
      </c>
      <c r="F380" s="2" t="s">
        <v>1492</v>
      </c>
      <c r="G380" s="8">
        <v>4390</v>
      </c>
      <c r="H380" s="5">
        <v>5</v>
      </c>
      <c r="I380" s="5" t="s">
        <v>69</v>
      </c>
      <c r="J380" s="5" t="s">
        <v>731</v>
      </c>
      <c r="K380" s="2" t="s">
        <v>732</v>
      </c>
      <c r="L380" s="5" t="s">
        <v>731</v>
      </c>
      <c r="M380" s="2" t="s">
        <v>732</v>
      </c>
      <c r="N380" s="5" t="s">
        <v>733</v>
      </c>
      <c r="O380" s="5" t="s">
        <v>38</v>
      </c>
      <c r="P380" s="5" t="s">
        <v>39</v>
      </c>
      <c r="Q380" s="5" t="s">
        <v>40</v>
      </c>
      <c r="R380" s="5" t="s">
        <v>1487</v>
      </c>
      <c r="S380" s="5"/>
      <c r="T380" s="5" t="s">
        <v>42</v>
      </c>
      <c r="U380" s="2">
        <v>0</v>
      </c>
      <c r="V380" s="2">
        <v>0</v>
      </c>
      <c r="W380" s="2">
        <v>0</v>
      </c>
      <c r="X380" s="2">
        <v>0</v>
      </c>
      <c r="Y380" s="2">
        <v>0</v>
      </c>
      <c r="Z380" s="2">
        <v>0</v>
      </c>
      <c r="AA380" s="5"/>
      <c r="AB380" s="5" t="s">
        <v>43</v>
      </c>
      <c r="AC380" s="5" t="s">
        <v>735</v>
      </c>
      <c r="AD380" s="2" t="s">
        <v>1493</v>
      </c>
      <c r="AE380" s="1"/>
    </row>
    <row r="381" spans="1:31" ht="14.45">
      <c r="A381" s="5"/>
      <c r="B381" s="21"/>
      <c r="C381" s="2" t="s">
        <v>1494</v>
      </c>
      <c r="D381" s="14" t="s">
        <v>1495</v>
      </c>
      <c r="E381" s="2" t="s">
        <v>1496</v>
      </c>
      <c r="F381" s="2" t="s">
        <v>1497</v>
      </c>
      <c r="G381" s="8">
        <v>4145</v>
      </c>
      <c r="H381" s="5">
        <v>5</v>
      </c>
      <c r="I381" s="5" t="s">
        <v>69</v>
      </c>
      <c r="J381" s="5" t="s">
        <v>731</v>
      </c>
      <c r="K381" s="2" t="s">
        <v>732</v>
      </c>
      <c r="L381" s="5" t="s">
        <v>731</v>
      </c>
      <c r="M381" s="2" t="s">
        <v>732</v>
      </c>
      <c r="N381" s="5" t="s">
        <v>733</v>
      </c>
      <c r="O381" s="5" t="s">
        <v>38</v>
      </c>
      <c r="P381" s="5" t="s">
        <v>39</v>
      </c>
      <c r="Q381" s="5" t="s">
        <v>40</v>
      </c>
      <c r="R381" s="5" t="s">
        <v>1487</v>
      </c>
      <c r="S381" s="5"/>
      <c r="T381" s="5" t="s">
        <v>42</v>
      </c>
      <c r="U381" s="2">
        <v>0</v>
      </c>
      <c r="V381" s="2">
        <v>0</v>
      </c>
      <c r="W381" s="2">
        <v>0</v>
      </c>
      <c r="X381" s="2">
        <v>0</v>
      </c>
      <c r="Y381" s="2">
        <v>0</v>
      </c>
      <c r="Z381" s="2">
        <v>0</v>
      </c>
      <c r="AA381" s="5"/>
      <c r="AB381" s="5" t="s">
        <v>43</v>
      </c>
      <c r="AC381" s="5" t="s">
        <v>735</v>
      </c>
      <c r="AD381" s="2" t="s">
        <v>1498</v>
      </c>
      <c r="AE381" s="1"/>
    </row>
    <row r="382" spans="1:31" ht="14.45">
      <c r="A382" s="5"/>
      <c r="B382" s="21"/>
      <c r="C382" s="2" t="s">
        <v>1499</v>
      </c>
      <c r="D382" s="14" t="s">
        <v>1500</v>
      </c>
      <c r="E382" s="2" t="s">
        <v>1501</v>
      </c>
      <c r="F382" s="2" t="s">
        <v>1502</v>
      </c>
      <c r="G382" s="8">
        <v>5266</v>
      </c>
      <c r="H382" s="5">
        <v>5</v>
      </c>
      <c r="I382" s="5" t="s">
        <v>69</v>
      </c>
      <c r="J382" s="5" t="s">
        <v>731</v>
      </c>
      <c r="K382" s="2" t="s">
        <v>732</v>
      </c>
      <c r="L382" s="5" t="s">
        <v>731</v>
      </c>
      <c r="M382" s="2" t="s">
        <v>732</v>
      </c>
      <c r="N382" s="5" t="s">
        <v>733</v>
      </c>
      <c r="O382" s="5" t="s">
        <v>38</v>
      </c>
      <c r="P382" s="5" t="s">
        <v>39</v>
      </c>
      <c r="Q382" s="5" t="s">
        <v>40</v>
      </c>
      <c r="R382" s="5" t="s">
        <v>1487</v>
      </c>
      <c r="S382" s="5"/>
      <c r="T382" s="5" t="s">
        <v>42</v>
      </c>
      <c r="U382" s="2">
        <v>0</v>
      </c>
      <c r="V382" s="2">
        <v>0</v>
      </c>
      <c r="W382" s="2">
        <v>0</v>
      </c>
      <c r="X382" s="2">
        <v>0</v>
      </c>
      <c r="Y382" s="2">
        <v>0</v>
      </c>
      <c r="Z382" s="2">
        <v>0</v>
      </c>
      <c r="AA382" s="5"/>
      <c r="AB382" s="5" t="s">
        <v>43</v>
      </c>
      <c r="AC382" s="5" t="s">
        <v>735</v>
      </c>
      <c r="AD382" s="2" t="s">
        <v>1503</v>
      </c>
      <c r="AE382" s="1"/>
    </row>
    <row r="383" spans="1:31" ht="14.45">
      <c r="A383" s="5"/>
      <c r="B383" s="21"/>
      <c r="C383" s="2" t="s">
        <v>1504</v>
      </c>
      <c r="D383" s="14" t="s">
        <v>1505</v>
      </c>
      <c r="E383" s="2" t="s">
        <v>1506</v>
      </c>
      <c r="F383" s="2" t="s">
        <v>1507</v>
      </c>
      <c r="G383" s="8">
        <v>4237</v>
      </c>
      <c r="H383" s="5">
        <v>5</v>
      </c>
      <c r="I383" s="5" t="s">
        <v>69</v>
      </c>
      <c r="J383" s="5" t="s">
        <v>731</v>
      </c>
      <c r="K383" s="2" t="s">
        <v>732</v>
      </c>
      <c r="L383" s="5" t="s">
        <v>731</v>
      </c>
      <c r="M383" s="2" t="s">
        <v>732</v>
      </c>
      <c r="N383" s="5" t="s">
        <v>733</v>
      </c>
      <c r="O383" s="5" t="s">
        <v>38</v>
      </c>
      <c r="P383" s="5" t="s">
        <v>39</v>
      </c>
      <c r="Q383" s="5" t="s">
        <v>40</v>
      </c>
      <c r="R383" s="5" t="s">
        <v>1487</v>
      </c>
      <c r="S383" s="5"/>
      <c r="T383" s="5" t="s">
        <v>42</v>
      </c>
      <c r="U383" s="2">
        <v>0</v>
      </c>
      <c r="V383" s="2">
        <v>0</v>
      </c>
      <c r="W383" s="2">
        <v>0</v>
      </c>
      <c r="X383" s="2">
        <v>0</v>
      </c>
      <c r="Y383" s="2">
        <v>0</v>
      </c>
      <c r="Z383" s="2">
        <v>0</v>
      </c>
      <c r="AA383" s="5"/>
      <c r="AB383" s="5" t="s">
        <v>43</v>
      </c>
      <c r="AC383" s="5" t="s">
        <v>735</v>
      </c>
      <c r="AD383" s="2" t="s">
        <v>1508</v>
      </c>
      <c r="AE383" s="1"/>
    </row>
    <row r="384" spans="1:31" ht="14.45">
      <c r="A384" s="5"/>
      <c r="B384" s="21"/>
      <c r="C384" s="2" t="s">
        <v>1509</v>
      </c>
      <c r="D384" s="14" t="s">
        <v>1510</v>
      </c>
      <c r="E384" s="2" t="s">
        <v>1511</v>
      </c>
      <c r="F384" s="2" t="s">
        <v>1512</v>
      </c>
      <c r="G384" s="8">
        <v>5386</v>
      </c>
      <c r="H384" s="5">
        <v>5</v>
      </c>
      <c r="I384" s="5" t="s">
        <v>69</v>
      </c>
      <c r="J384" s="5" t="s">
        <v>731</v>
      </c>
      <c r="K384" s="2" t="s">
        <v>732</v>
      </c>
      <c r="L384" s="5" t="s">
        <v>731</v>
      </c>
      <c r="M384" s="2" t="s">
        <v>732</v>
      </c>
      <c r="N384" s="5" t="s">
        <v>733</v>
      </c>
      <c r="O384" s="5" t="s">
        <v>38</v>
      </c>
      <c r="P384" s="5" t="s">
        <v>39</v>
      </c>
      <c r="Q384" s="5" t="s">
        <v>40</v>
      </c>
      <c r="R384" s="5" t="s">
        <v>1487</v>
      </c>
      <c r="S384" s="5"/>
      <c r="T384" s="5" t="s">
        <v>42</v>
      </c>
      <c r="U384" s="2">
        <v>0</v>
      </c>
      <c r="V384" s="2">
        <v>0</v>
      </c>
      <c r="W384" s="2">
        <v>0</v>
      </c>
      <c r="X384" s="2">
        <v>0</v>
      </c>
      <c r="Y384" s="2">
        <v>0</v>
      </c>
      <c r="Z384" s="2">
        <v>0</v>
      </c>
      <c r="AA384" s="5"/>
      <c r="AB384" s="5" t="s">
        <v>43</v>
      </c>
      <c r="AC384" s="5" t="s">
        <v>735</v>
      </c>
      <c r="AD384" s="2" t="s">
        <v>1513</v>
      </c>
      <c r="AE384" s="1"/>
    </row>
    <row r="385" spans="1:31" ht="14.45">
      <c r="A385" s="11"/>
      <c r="B385" s="20"/>
      <c r="C385" s="2" t="s">
        <v>1514</v>
      </c>
      <c r="D385" s="14" t="s">
        <v>1515</v>
      </c>
      <c r="E385" s="2" t="s">
        <v>1516</v>
      </c>
      <c r="F385" s="2" t="s">
        <v>1517</v>
      </c>
      <c r="G385" s="8">
        <v>50</v>
      </c>
      <c r="H385" s="5">
        <v>5</v>
      </c>
      <c r="I385" s="5" t="s">
        <v>1518</v>
      </c>
      <c r="J385" s="5" t="s">
        <v>1519</v>
      </c>
      <c r="K385" s="2" t="s">
        <v>1520</v>
      </c>
      <c r="L385" s="5" t="s">
        <v>1519</v>
      </c>
      <c r="M385" s="2" t="s">
        <v>1520</v>
      </c>
      <c r="N385" s="5" t="s">
        <v>1521</v>
      </c>
      <c r="O385" s="5" t="s">
        <v>38</v>
      </c>
      <c r="P385" s="5" t="s">
        <v>39</v>
      </c>
      <c r="Q385" s="5" t="s">
        <v>40</v>
      </c>
      <c r="R385" s="5" t="s">
        <v>1522</v>
      </c>
      <c r="S385" s="5" t="s">
        <v>1523</v>
      </c>
      <c r="T385" s="5" t="s">
        <v>42</v>
      </c>
      <c r="U385" s="2">
        <v>1.212</v>
      </c>
      <c r="V385" s="2">
        <v>0.91300000000000003</v>
      </c>
      <c r="W385" s="2">
        <v>7.0000000000000001E-3</v>
      </c>
      <c r="X385" s="2">
        <v>84.8</v>
      </c>
      <c r="Y385" s="2">
        <v>7.1</v>
      </c>
      <c r="Z385" s="2">
        <v>11.4</v>
      </c>
      <c r="AA385" s="5"/>
      <c r="AB385" s="5" t="s">
        <v>43</v>
      </c>
      <c r="AC385" s="5" t="s">
        <v>44</v>
      </c>
      <c r="AD385" s="2"/>
      <c r="AE385" s="1"/>
    </row>
    <row r="386" spans="1:31" ht="14.45">
      <c r="A386" s="11"/>
      <c r="B386" s="20"/>
      <c r="C386" s="2" t="s">
        <v>1524</v>
      </c>
      <c r="D386" s="14" t="s">
        <v>1525</v>
      </c>
      <c r="E386" s="2" t="s">
        <v>1526</v>
      </c>
      <c r="F386" s="2" t="s">
        <v>1527</v>
      </c>
      <c r="G386" s="8">
        <v>50</v>
      </c>
      <c r="H386" s="5">
        <v>5</v>
      </c>
      <c r="I386" s="5" t="s">
        <v>1518</v>
      </c>
      <c r="J386" s="5" t="s">
        <v>1519</v>
      </c>
      <c r="K386" s="2" t="s">
        <v>1520</v>
      </c>
      <c r="L386" s="5" t="s">
        <v>1519</v>
      </c>
      <c r="M386" s="2" t="s">
        <v>1520</v>
      </c>
      <c r="N386" s="5" t="s">
        <v>1521</v>
      </c>
      <c r="O386" s="5" t="s">
        <v>38</v>
      </c>
      <c r="P386" s="5" t="s">
        <v>39</v>
      </c>
      <c r="Q386" s="5" t="s">
        <v>40</v>
      </c>
      <c r="R386" s="5" t="s">
        <v>1522</v>
      </c>
      <c r="S386" s="5" t="s">
        <v>1523</v>
      </c>
      <c r="T386" s="5" t="s">
        <v>42</v>
      </c>
      <c r="U386" s="2">
        <v>1.212</v>
      </c>
      <c r="V386" s="2">
        <v>0.91300000000000003</v>
      </c>
      <c r="W386" s="2">
        <v>7.0000000000000001E-3</v>
      </c>
      <c r="X386" s="2">
        <v>84.8</v>
      </c>
      <c r="Y386" s="2">
        <v>7.1</v>
      </c>
      <c r="Z386" s="2">
        <v>11.4</v>
      </c>
      <c r="AA386" s="5"/>
      <c r="AB386" s="5" t="s">
        <v>43</v>
      </c>
      <c r="AC386" s="5" t="s">
        <v>44</v>
      </c>
      <c r="AD386" s="2"/>
      <c r="AE386" s="1"/>
    </row>
    <row r="387" spans="1:31" ht="14.45">
      <c r="A387" s="11"/>
      <c r="B387" s="20"/>
      <c r="C387" s="2" t="s">
        <v>1528</v>
      </c>
      <c r="D387" s="14" t="s">
        <v>1529</v>
      </c>
      <c r="E387" s="2" t="s">
        <v>1530</v>
      </c>
      <c r="F387" s="2" t="s">
        <v>1531</v>
      </c>
      <c r="G387" s="8">
        <v>50</v>
      </c>
      <c r="H387" s="5">
        <v>5</v>
      </c>
      <c r="I387" s="5" t="s">
        <v>1518</v>
      </c>
      <c r="J387" s="5" t="s">
        <v>1519</v>
      </c>
      <c r="K387" s="2" t="s">
        <v>1520</v>
      </c>
      <c r="L387" s="5" t="s">
        <v>1519</v>
      </c>
      <c r="M387" s="2" t="s">
        <v>1520</v>
      </c>
      <c r="N387" s="5" t="s">
        <v>1521</v>
      </c>
      <c r="O387" s="5" t="s">
        <v>38</v>
      </c>
      <c r="P387" s="5" t="s">
        <v>39</v>
      </c>
      <c r="Q387" s="5" t="s">
        <v>40</v>
      </c>
      <c r="R387" s="5" t="s">
        <v>1522</v>
      </c>
      <c r="S387" s="5" t="s">
        <v>1523</v>
      </c>
      <c r="T387" s="5" t="s">
        <v>42</v>
      </c>
      <c r="U387" s="2">
        <v>1.21</v>
      </c>
      <c r="V387" s="2">
        <v>0.91100000000000003</v>
      </c>
      <c r="W387" s="2">
        <v>7.0000000000000001E-3</v>
      </c>
      <c r="X387" s="2">
        <v>84.8</v>
      </c>
      <c r="Y387" s="2">
        <v>7.1</v>
      </c>
      <c r="Z387" s="2">
        <v>11.4</v>
      </c>
      <c r="AA387" s="5"/>
      <c r="AB387" s="5" t="s">
        <v>43</v>
      </c>
      <c r="AC387" s="5" t="s">
        <v>44</v>
      </c>
      <c r="AD387" s="2"/>
      <c r="AE387" s="1"/>
    </row>
    <row r="388" spans="1:31" ht="14.45">
      <c r="A388" s="11"/>
      <c r="B388" s="20"/>
      <c r="C388" s="2" t="s">
        <v>1532</v>
      </c>
      <c r="D388" s="14" t="s">
        <v>1533</v>
      </c>
      <c r="E388" s="2" t="s">
        <v>1534</v>
      </c>
      <c r="F388" s="2" t="s">
        <v>1535</v>
      </c>
      <c r="G388" s="8">
        <v>50</v>
      </c>
      <c r="H388" s="5">
        <v>5</v>
      </c>
      <c r="I388" s="5" t="s">
        <v>1518</v>
      </c>
      <c r="J388" s="5" t="s">
        <v>1519</v>
      </c>
      <c r="K388" s="2" t="s">
        <v>1520</v>
      </c>
      <c r="L388" s="5" t="s">
        <v>1519</v>
      </c>
      <c r="M388" s="2" t="s">
        <v>1520</v>
      </c>
      <c r="N388" s="5" t="s">
        <v>1521</v>
      </c>
      <c r="O388" s="5" t="s">
        <v>38</v>
      </c>
      <c r="P388" s="5" t="s">
        <v>39</v>
      </c>
      <c r="Q388" s="5" t="s">
        <v>40</v>
      </c>
      <c r="R388" s="5" t="s">
        <v>1522</v>
      </c>
      <c r="S388" s="5" t="s">
        <v>1523</v>
      </c>
      <c r="T388" s="5" t="s">
        <v>42</v>
      </c>
      <c r="U388" s="2">
        <v>1.21</v>
      </c>
      <c r="V388" s="2">
        <v>0.91100000000000003</v>
      </c>
      <c r="W388" s="2">
        <v>7.0000000000000001E-3</v>
      </c>
      <c r="X388" s="2">
        <v>84.8</v>
      </c>
      <c r="Y388" s="2">
        <v>7.1</v>
      </c>
      <c r="Z388" s="2">
        <v>11.4</v>
      </c>
      <c r="AA388" s="5"/>
      <c r="AB388" s="5" t="s">
        <v>43</v>
      </c>
      <c r="AC388" s="5" t="s">
        <v>44</v>
      </c>
      <c r="AD388" s="2"/>
      <c r="AE388" s="1"/>
    </row>
    <row r="389" spans="1:31" ht="14.45">
      <c r="A389" s="11"/>
      <c r="B389" s="20"/>
      <c r="C389" s="2" t="s">
        <v>1536</v>
      </c>
      <c r="D389" s="14" t="s">
        <v>1537</v>
      </c>
      <c r="E389" s="2" t="s">
        <v>1538</v>
      </c>
      <c r="F389" s="2" t="s">
        <v>1517</v>
      </c>
      <c r="G389" s="8">
        <v>57</v>
      </c>
      <c r="H389" s="5">
        <v>5</v>
      </c>
      <c r="I389" s="5" t="s">
        <v>1518</v>
      </c>
      <c r="J389" s="5" t="s">
        <v>1519</v>
      </c>
      <c r="K389" s="2" t="s">
        <v>1520</v>
      </c>
      <c r="L389" s="5" t="s">
        <v>1519</v>
      </c>
      <c r="M389" s="2" t="s">
        <v>1520</v>
      </c>
      <c r="N389" s="5" t="s">
        <v>1521</v>
      </c>
      <c r="O389" s="5" t="s">
        <v>38</v>
      </c>
      <c r="P389" s="5" t="s">
        <v>39</v>
      </c>
      <c r="Q389" s="5" t="s">
        <v>40</v>
      </c>
      <c r="R389" s="5" t="s">
        <v>1522</v>
      </c>
      <c r="S389" s="5" t="s">
        <v>1523</v>
      </c>
      <c r="T389" s="5" t="s">
        <v>42</v>
      </c>
      <c r="U389" s="2">
        <v>1.369</v>
      </c>
      <c r="V389" s="2">
        <v>1.079</v>
      </c>
      <c r="W389" s="2">
        <v>7.0000000000000001E-3</v>
      </c>
      <c r="X389" s="2">
        <v>84.8</v>
      </c>
      <c r="Y389" s="2">
        <v>7.1</v>
      </c>
      <c r="Z389" s="2">
        <v>11.4</v>
      </c>
      <c r="AA389" s="5"/>
      <c r="AB389" s="5" t="s">
        <v>43</v>
      </c>
      <c r="AC389" s="5" t="s">
        <v>44</v>
      </c>
      <c r="AD389" s="2"/>
      <c r="AE389" s="1"/>
    </row>
    <row r="390" spans="1:31" ht="14.45">
      <c r="A390" s="11"/>
      <c r="B390" s="20"/>
      <c r="C390" s="2" t="s">
        <v>1539</v>
      </c>
      <c r="D390" s="14" t="s">
        <v>1540</v>
      </c>
      <c r="E390" s="2" t="s">
        <v>1541</v>
      </c>
      <c r="F390" s="2" t="s">
        <v>1527</v>
      </c>
      <c r="G390" s="8">
        <v>57</v>
      </c>
      <c r="H390" s="5">
        <v>5</v>
      </c>
      <c r="I390" s="5" t="s">
        <v>1518</v>
      </c>
      <c r="J390" s="5" t="s">
        <v>1519</v>
      </c>
      <c r="K390" s="2" t="s">
        <v>1520</v>
      </c>
      <c r="L390" s="5" t="s">
        <v>1519</v>
      </c>
      <c r="M390" s="2" t="s">
        <v>1520</v>
      </c>
      <c r="N390" s="5" t="s">
        <v>1521</v>
      </c>
      <c r="O390" s="5" t="s">
        <v>38</v>
      </c>
      <c r="P390" s="5" t="s">
        <v>39</v>
      </c>
      <c r="Q390" s="5" t="s">
        <v>40</v>
      </c>
      <c r="R390" s="5" t="s">
        <v>1522</v>
      </c>
      <c r="S390" s="5" t="s">
        <v>1523</v>
      </c>
      <c r="T390" s="5" t="s">
        <v>42</v>
      </c>
      <c r="U390" s="2">
        <v>1.369</v>
      </c>
      <c r="V390" s="2">
        <v>1.079</v>
      </c>
      <c r="W390" s="2">
        <v>7.0000000000000001E-3</v>
      </c>
      <c r="X390" s="2">
        <v>84.8</v>
      </c>
      <c r="Y390" s="2">
        <v>7.1</v>
      </c>
      <c r="Z390" s="2">
        <v>11.4</v>
      </c>
      <c r="AA390" s="5"/>
      <c r="AB390" s="5" t="s">
        <v>43</v>
      </c>
      <c r="AC390" s="5" t="s">
        <v>44</v>
      </c>
      <c r="AD390" s="2"/>
      <c r="AE390" s="1"/>
    </row>
    <row r="391" spans="1:31" ht="14.45">
      <c r="A391" s="11"/>
      <c r="B391" s="20"/>
      <c r="C391" s="2" t="s">
        <v>1542</v>
      </c>
      <c r="D391" s="14" t="s">
        <v>1543</v>
      </c>
      <c r="E391" s="2" t="s">
        <v>1544</v>
      </c>
      <c r="F391" s="2" t="s">
        <v>1531</v>
      </c>
      <c r="G391" s="8">
        <v>57</v>
      </c>
      <c r="H391" s="5">
        <v>5</v>
      </c>
      <c r="I391" s="5" t="s">
        <v>1518</v>
      </c>
      <c r="J391" s="5" t="s">
        <v>1519</v>
      </c>
      <c r="K391" s="2" t="s">
        <v>1520</v>
      </c>
      <c r="L391" s="5" t="s">
        <v>1519</v>
      </c>
      <c r="M391" s="2" t="s">
        <v>1520</v>
      </c>
      <c r="N391" s="5" t="s">
        <v>1521</v>
      </c>
      <c r="O391" s="5" t="s">
        <v>38</v>
      </c>
      <c r="P391" s="5" t="s">
        <v>39</v>
      </c>
      <c r="Q391" s="5" t="s">
        <v>40</v>
      </c>
      <c r="R391" s="5" t="s">
        <v>1522</v>
      </c>
      <c r="S391" s="5" t="s">
        <v>1523</v>
      </c>
      <c r="T391" s="5" t="s">
        <v>42</v>
      </c>
      <c r="U391" s="2">
        <v>1.3660000000000001</v>
      </c>
      <c r="V391" s="2">
        <v>1.0760000000000001</v>
      </c>
      <c r="W391" s="2">
        <v>7.0000000000000001E-3</v>
      </c>
      <c r="X391" s="2">
        <v>84.8</v>
      </c>
      <c r="Y391" s="2">
        <v>7.1</v>
      </c>
      <c r="Z391" s="2">
        <v>11.4</v>
      </c>
      <c r="AA391" s="5"/>
      <c r="AB391" s="5" t="s">
        <v>43</v>
      </c>
      <c r="AC391" s="5" t="s">
        <v>44</v>
      </c>
      <c r="AD391" s="2"/>
      <c r="AE391" s="1"/>
    </row>
    <row r="392" spans="1:31" ht="14.45">
      <c r="A392" s="11"/>
      <c r="B392" s="20"/>
      <c r="C392" s="2" t="s">
        <v>1545</v>
      </c>
      <c r="D392" s="14" t="s">
        <v>1546</v>
      </c>
      <c r="E392" s="2" t="s">
        <v>1547</v>
      </c>
      <c r="F392" s="2" t="s">
        <v>1535</v>
      </c>
      <c r="G392" s="8">
        <v>57</v>
      </c>
      <c r="H392" s="5">
        <v>5</v>
      </c>
      <c r="I392" s="5" t="s">
        <v>1518</v>
      </c>
      <c r="J392" s="5" t="s">
        <v>1519</v>
      </c>
      <c r="K392" s="2" t="s">
        <v>1520</v>
      </c>
      <c r="L392" s="5" t="s">
        <v>1519</v>
      </c>
      <c r="M392" s="2" t="s">
        <v>1520</v>
      </c>
      <c r="N392" s="5" t="s">
        <v>1521</v>
      </c>
      <c r="O392" s="5" t="s">
        <v>38</v>
      </c>
      <c r="P392" s="5" t="s">
        <v>39</v>
      </c>
      <c r="Q392" s="5" t="s">
        <v>40</v>
      </c>
      <c r="R392" s="5" t="s">
        <v>1522</v>
      </c>
      <c r="S392" s="5" t="s">
        <v>1523</v>
      </c>
      <c r="T392" s="5" t="s">
        <v>42</v>
      </c>
      <c r="U392" s="2">
        <v>1.3660000000000001</v>
      </c>
      <c r="V392" s="2">
        <v>1.0760000000000001</v>
      </c>
      <c r="W392" s="2">
        <v>7.0000000000000001E-3</v>
      </c>
      <c r="X392" s="2">
        <v>84.8</v>
      </c>
      <c r="Y392" s="2">
        <v>7.1</v>
      </c>
      <c r="Z392" s="2">
        <v>11.4</v>
      </c>
      <c r="AA392" s="5"/>
      <c r="AB392" s="5" t="s">
        <v>43</v>
      </c>
      <c r="AC392" s="5" t="s">
        <v>44</v>
      </c>
      <c r="AD392" s="2"/>
      <c r="AE392" s="1"/>
    </row>
    <row r="393" spans="1:31" ht="14.45">
      <c r="A393" s="11"/>
      <c r="B393" s="20"/>
      <c r="C393" s="2" t="s">
        <v>1548</v>
      </c>
      <c r="D393" s="14" t="s">
        <v>1549</v>
      </c>
      <c r="E393" s="2" t="s">
        <v>1550</v>
      </c>
      <c r="F393" s="2" t="s">
        <v>1517</v>
      </c>
      <c r="G393" s="8">
        <v>63</v>
      </c>
      <c r="H393" s="5">
        <v>5</v>
      </c>
      <c r="I393" s="5" t="s">
        <v>1518</v>
      </c>
      <c r="J393" s="5" t="s">
        <v>1519</v>
      </c>
      <c r="K393" s="2" t="s">
        <v>1520</v>
      </c>
      <c r="L393" s="5" t="s">
        <v>1519</v>
      </c>
      <c r="M393" s="2" t="s">
        <v>1520</v>
      </c>
      <c r="N393" s="5" t="s">
        <v>1521</v>
      </c>
      <c r="O393" s="5" t="s">
        <v>38</v>
      </c>
      <c r="P393" s="5" t="s">
        <v>39</v>
      </c>
      <c r="Q393" s="5" t="s">
        <v>40</v>
      </c>
      <c r="R393" s="5" t="s">
        <v>1522</v>
      </c>
      <c r="S393" s="5" t="s">
        <v>1523</v>
      </c>
      <c r="T393" s="5" t="s">
        <v>42</v>
      </c>
      <c r="U393" s="2">
        <v>1.4950000000000001</v>
      </c>
      <c r="V393" s="2">
        <v>1.212</v>
      </c>
      <c r="W393" s="2">
        <v>7.0000000000000001E-3</v>
      </c>
      <c r="X393" s="2">
        <v>84.8</v>
      </c>
      <c r="Y393" s="2">
        <v>7.1</v>
      </c>
      <c r="Z393" s="2">
        <v>11.4</v>
      </c>
      <c r="AA393" s="5"/>
      <c r="AB393" s="5" t="s">
        <v>43</v>
      </c>
      <c r="AC393" s="5" t="s">
        <v>44</v>
      </c>
      <c r="AD393" s="2"/>
      <c r="AE393" s="1"/>
    </row>
    <row r="394" spans="1:31" ht="14.45">
      <c r="A394" s="11"/>
      <c r="B394" s="20"/>
      <c r="C394" s="2" t="s">
        <v>1551</v>
      </c>
      <c r="D394" s="14" t="s">
        <v>1552</v>
      </c>
      <c r="E394" s="2" t="s">
        <v>1553</v>
      </c>
      <c r="F394" s="2" t="s">
        <v>1527</v>
      </c>
      <c r="G394" s="8">
        <v>63</v>
      </c>
      <c r="H394" s="5">
        <v>5</v>
      </c>
      <c r="I394" s="5" t="s">
        <v>1518</v>
      </c>
      <c r="J394" s="5" t="s">
        <v>1519</v>
      </c>
      <c r="K394" s="2" t="s">
        <v>1520</v>
      </c>
      <c r="L394" s="5" t="s">
        <v>1519</v>
      </c>
      <c r="M394" s="2" t="s">
        <v>1520</v>
      </c>
      <c r="N394" s="5" t="s">
        <v>1521</v>
      </c>
      <c r="O394" s="5" t="s">
        <v>38</v>
      </c>
      <c r="P394" s="5" t="s">
        <v>39</v>
      </c>
      <c r="Q394" s="5" t="s">
        <v>40</v>
      </c>
      <c r="R394" s="5" t="s">
        <v>1522</v>
      </c>
      <c r="S394" s="5" t="s">
        <v>1523</v>
      </c>
      <c r="T394" s="5" t="s">
        <v>42</v>
      </c>
      <c r="U394" s="2">
        <v>1.4950000000000001</v>
      </c>
      <c r="V394" s="2">
        <v>1.212</v>
      </c>
      <c r="W394" s="2">
        <v>7.0000000000000001E-3</v>
      </c>
      <c r="X394" s="2">
        <v>84.8</v>
      </c>
      <c r="Y394" s="2">
        <v>7.1</v>
      </c>
      <c r="Z394" s="2">
        <v>11.4</v>
      </c>
      <c r="AA394" s="5"/>
      <c r="AB394" s="5" t="s">
        <v>43</v>
      </c>
      <c r="AC394" s="5" t="s">
        <v>44</v>
      </c>
      <c r="AD394" s="2"/>
      <c r="AE394" s="1"/>
    </row>
    <row r="395" spans="1:31" ht="14.45">
      <c r="A395" s="11"/>
      <c r="B395" s="20"/>
      <c r="C395" s="2" t="s">
        <v>1554</v>
      </c>
      <c r="D395" s="14" t="s">
        <v>1555</v>
      </c>
      <c r="E395" s="2" t="s">
        <v>1556</v>
      </c>
      <c r="F395" s="2" t="s">
        <v>1531</v>
      </c>
      <c r="G395" s="8">
        <v>63</v>
      </c>
      <c r="H395" s="5">
        <v>5</v>
      </c>
      <c r="I395" s="5" t="s">
        <v>1518</v>
      </c>
      <c r="J395" s="5" t="s">
        <v>1519</v>
      </c>
      <c r="K395" s="2" t="s">
        <v>1520</v>
      </c>
      <c r="L395" s="5" t="s">
        <v>1519</v>
      </c>
      <c r="M395" s="2" t="s">
        <v>1520</v>
      </c>
      <c r="N395" s="5" t="s">
        <v>1521</v>
      </c>
      <c r="O395" s="5" t="s">
        <v>38</v>
      </c>
      <c r="P395" s="5" t="s">
        <v>39</v>
      </c>
      <c r="Q395" s="5" t="s">
        <v>40</v>
      </c>
      <c r="R395" s="5" t="s">
        <v>1522</v>
      </c>
      <c r="S395" s="5" t="s">
        <v>1523</v>
      </c>
      <c r="T395" s="5" t="s">
        <v>42</v>
      </c>
      <c r="U395" s="2">
        <v>1.49</v>
      </c>
      <c r="V395" s="2">
        <v>1.2070000000000001</v>
      </c>
      <c r="W395" s="2">
        <v>7.0000000000000001E-3</v>
      </c>
      <c r="X395" s="2">
        <v>84.8</v>
      </c>
      <c r="Y395" s="2">
        <v>7.1</v>
      </c>
      <c r="Z395" s="2">
        <v>11.4</v>
      </c>
      <c r="AA395" s="5"/>
      <c r="AB395" s="5" t="s">
        <v>43</v>
      </c>
      <c r="AC395" s="5" t="s">
        <v>44</v>
      </c>
      <c r="AD395" s="2"/>
      <c r="AE395" s="1"/>
    </row>
    <row r="396" spans="1:31" ht="14.45">
      <c r="A396" s="11"/>
      <c r="B396" s="20"/>
      <c r="C396" s="2" t="s">
        <v>1557</v>
      </c>
      <c r="D396" s="14" t="s">
        <v>1558</v>
      </c>
      <c r="E396" s="2" t="s">
        <v>1559</v>
      </c>
      <c r="F396" s="2" t="s">
        <v>1535</v>
      </c>
      <c r="G396" s="8">
        <v>63</v>
      </c>
      <c r="H396" s="5">
        <v>5</v>
      </c>
      <c r="I396" s="5" t="s">
        <v>1518</v>
      </c>
      <c r="J396" s="5" t="s">
        <v>1519</v>
      </c>
      <c r="K396" s="2" t="s">
        <v>1520</v>
      </c>
      <c r="L396" s="5" t="s">
        <v>1519</v>
      </c>
      <c r="M396" s="2" t="s">
        <v>1520</v>
      </c>
      <c r="N396" s="5" t="s">
        <v>1521</v>
      </c>
      <c r="O396" s="5" t="s">
        <v>38</v>
      </c>
      <c r="P396" s="5" t="s">
        <v>39</v>
      </c>
      <c r="Q396" s="5" t="s">
        <v>40</v>
      </c>
      <c r="R396" s="5" t="s">
        <v>1522</v>
      </c>
      <c r="S396" s="5" t="s">
        <v>1523</v>
      </c>
      <c r="T396" s="5" t="s">
        <v>42</v>
      </c>
      <c r="U396" s="2">
        <v>1.49</v>
      </c>
      <c r="V396" s="2">
        <v>1.2070000000000001</v>
      </c>
      <c r="W396" s="2">
        <v>7.0000000000000001E-3</v>
      </c>
      <c r="X396" s="2">
        <v>84.8</v>
      </c>
      <c r="Y396" s="2">
        <v>7.1</v>
      </c>
      <c r="Z396" s="2">
        <v>11.4</v>
      </c>
      <c r="AA396" s="5"/>
      <c r="AB396" s="5" t="s">
        <v>43</v>
      </c>
      <c r="AC396" s="5" t="s">
        <v>44</v>
      </c>
      <c r="AD396" s="2"/>
      <c r="AE396" s="1"/>
    </row>
    <row r="397" spans="1:31" ht="14.45">
      <c r="A397" s="11"/>
      <c r="B397" s="20"/>
      <c r="C397" s="2" t="s">
        <v>1560</v>
      </c>
      <c r="D397" s="14" t="s">
        <v>1561</v>
      </c>
      <c r="E397" s="2" t="s">
        <v>1562</v>
      </c>
      <c r="F397" s="2" t="s">
        <v>1517</v>
      </c>
      <c r="G397" s="8">
        <v>70</v>
      </c>
      <c r="H397" s="5">
        <v>5</v>
      </c>
      <c r="I397" s="5" t="s">
        <v>1518</v>
      </c>
      <c r="J397" s="5" t="s">
        <v>1519</v>
      </c>
      <c r="K397" s="2" t="s">
        <v>1520</v>
      </c>
      <c r="L397" s="5" t="s">
        <v>1519</v>
      </c>
      <c r="M397" s="2" t="s">
        <v>1520</v>
      </c>
      <c r="N397" s="5" t="s">
        <v>1521</v>
      </c>
      <c r="O397" s="5" t="s">
        <v>38</v>
      </c>
      <c r="P397" s="5" t="s">
        <v>39</v>
      </c>
      <c r="Q397" s="5" t="s">
        <v>40</v>
      </c>
      <c r="R397" s="5" t="s">
        <v>1522</v>
      </c>
      <c r="S397" s="5" t="s">
        <v>1523</v>
      </c>
      <c r="T397" s="5" t="s">
        <v>42</v>
      </c>
      <c r="U397" s="2">
        <v>1.7190000000000001</v>
      </c>
      <c r="V397" s="2">
        <v>1.3839999999999999</v>
      </c>
      <c r="W397" s="2">
        <v>8.0000000000000002E-3</v>
      </c>
      <c r="X397" s="2">
        <v>101</v>
      </c>
      <c r="Y397" s="2">
        <v>7.1</v>
      </c>
      <c r="Z397" s="2">
        <v>11.4</v>
      </c>
      <c r="AA397" s="5"/>
      <c r="AB397" s="5" t="s">
        <v>43</v>
      </c>
      <c r="AC397" s="5" t="s">
        <v>44</v>
      </c>
      <c r="AD397" s="2"/>
      <c r="AE397" s="1"/>
    </row>
    <row r="398" spans="1:31" ht="14.45">
      <c r="A398" s="11"/>
      <c r="B398" s="20"/>
      <c r="C398" s="2" t="s">
        <v>1563</v>
      </c>
      <c r="D398" s="14" t="s">
        <v>1564</v>
      </c>
      <c r="E398" s="2" t="s">
        <v>1565</v>
      </c>
      <c r="F398" s="2" t="s">
        <v>1527</v>
      </c>
      <c r="G398" s="8">
        <v>70</v>
      </c>
      <c r="H398" s="5">
        <v>5</v>
      </c>
      <c r="I398" s="5" t="s">
        <v>1518</v>
      </c>
      <c r="J398" s="5" t="s">
        <v>1519</v>
      </c>
      <c r="K398" s="2" t="s">
        <v>1520</v>
      </c>
      <c r="L398" s="5" t="s">
        <v>1519</v>
      </c>
      <c r="M398" s="2" t="s">
        <v>1520</v>
      </c>
      <c r="N398" s="5" t="s">
        <v>1521</v>
      </c>
      <c r="O398" s="5" t="s">
        <v>38</v>
      </c>
      <c r="P398" s="5" t="s">
        <v>39</v>
      </c>
      <c r="Q398" s="5" t="s">
        <v>40</v>
      </c>
      <c r="R398" s="5" t="s">
        <v>1522</v>
      </c>
      <c r="S398" s="5" t="s">
        <v>1523</v>
      </c>
      <c r="T398" s="5" t="s">
        <v>42</v>
      </c>
      <c r="U398" s="2">
        <v>1.7190000000000001</v>
      </c>
      <c r="V398" s="2">
        <v>1.3839999999999999</v>
      </c>
      <c r="W398" s="2">
        <v>8.0000000000000002E-3</v>
      </c>
      <c r="X398" s="2">
        <v>101</v>
      </c>
      <c r="Y398" s="2">
        <v>7.1</v>
      </c>
      <c r="Z398" s="2">
        <v>11.4</v>
      </c>
      <c r="AA398" s="5"/>
      <c r="AB398" s="5" t="s">
        <v>43</v>
      </c>
      <c r="AC398" s="5" t="s">
        <v>44</v>
      </c>
      <c r="AD398" s="2"/>
      <c r="AE398" s="1"/>
    </row>
    <row r="399" spans="1:31" ht="14.45">
      <c r="A399" s="11"/>
      <c r="B399" s="20"/>
      <c r="C399" s="2" t="s">
        <v>1566</v>
      </c>
      <c r="D399" s="14" t="s">
        <v>1567</v>
      </c>
      <c r="E399" s="2" t="s">
        <v>1568</v>
      </c>
      <c r="F399" s="2" t="s">
        <v>1531</v>
      </c>
      <c r="G399" s="8">
        <v>70</v>
      </c>
      <c r="H399" s="5">
        <v>5</v>
      </c>
      <c r="I399" s="5" t="s">
        <v>1518</v>
      </c>
      <c r="J399" s="5" t="s">
        <v>1519</v>
      </c>
      <c r="K399" s="2" t="s">
        <v>1520</v>
      </c>
      <c r="L399" s="5" t="s">
        <v>1519</v>
      </c>
      <c r="M399" s="2" t="s">
        <v>1520</v>
      </c>
      <c r="N399" s="5" t="s">
        <v>1521</v>
      </c>
      <c r="O399" s="5" t="s">
        <v>38</v>
      </c>
      <c r="P399" s="5" t="s">
        <v>39</v>
      </c>
      <c r="Q399" s="5" t="s">
        <v>40</v>
      </c>
      <c r="R399" s="5" t="s">
        <v>1522</v>
      </c>
      <c r="S399" s="5" t="s">
        <v>1523</v>
      </c>
      <c r="T399" s="5" t="s">
        <v>42</v>
      </c>
      <c r="U399" s="2">
        <v>1.7130000000000001</v>
      </c>
      <c r="V399" s="2">
        <v>1.3779999999999999</v>
      </c>
      <c r="W399" s="2">
        <v>8.0000000000000002E-3</v>
      </c>
      <c r="X399" s="2">
        <v>101</v>
      </c>
      <c r="Y399" s="2">
        <v>7.1</v>
      </c>
      <c r="Z399" s="2">
        <v>11.4</v>
      </c>
      <c r="AA399" s="5"/>
      <c r="AB399" s="5" t="s">
        <v>43</v>
      </c>
      <c r="AC399" s="5" t="s">
        <v>44</v>
      </c>
      <c r="AD399" s="2"/>
      <c r="AE399" s="1"/>
    </row>
    <row r="400" spans="1:31" ht="14.45">
      <c r="A400" s="11"/>
      <c r="B400" s="20"/>
      <c r="C400" s="2" t="s">
        <v>1569</v>
      </c>
      <c r="D400" s="14" t="s">
        <v>1570</v>
      </c>
      <c r="E400" s="2" t="s">
        <v>1571</v>
      </c>
      <c r="F400" s="2" t="s">
        <v>1535</v>
      </c>
      <c r="G400" s="8">
        <v>70</v>
      </c>
      <c r="H400" s="5">
        <v>5</v>
      </c>
      <c r="I400" s="5" t="s">
        <v>1518</v>
      </c>
      <c r="J400" s="5" t="s">
        <v>1519</v>
      </c>
      <c r="K400" s="2" t="s">
        <v>1520</v>
      </c>
      <c r="L400" s="5" t="s">
        <v>1519</v>
      </c>
      <c r="M400" s="2" t="s">
        <v>1520</v>
      </c>
      <c r="N400" s="5" t="s">
        <v>1521</v>
      </c>
      <c r="O400" s="5" t="s">
        <v>38</v>
      </c>
      <c r="P400" s="5" t="s">
        <v>39</v>
      </c>
      <c r="Q400" s="5" t="s">
        <v>40</v>
      </c>
      <c r="R400" s="5" t="s">
        <v>1522</v>
      </c>
      <c r="S400" s="5" t="s">
        <v>1523</v>
      </c>
      <c r="T400" s="5" t="s">
        <v>42</v>
      </c>
      <c r="U400" s="2">
        <v>1.7130000000000001</v>
      </c>
      <c r="V400" s="2">
        <v>1.3779999999999999</v>
      </c>
      <c r="W400" s="2">
        <v>8.0000000000000002E-3</v>
      </c>
      <c r="X400" s="2">
        <v>101</v>
      </c>
      <c r="Y400" s="2">
        <v>7.1</v>
      </c>
      <c r="Z400" s="2">
        <v>11.4</v>
      </c>
      <c r="AA400" s="5"/>
      <c r="AB400" s="5" t="s">
        <v>43</v>
      </c>
      <c r="AC400" s="5" t="s">
        <v>44</v>
      </c>
      <c r="AD400" s="2"/>
      <c r="AE400" s="1"/>
    </row>
    <row r="401" spans="1:31" ht="14.45">
      <c r="A401" s="11"/>
      <c r="B401" s="20"/>
      <c r="C401" s="2" t="s">
        <v>1572</v>
      </c>
      <c r="D401" s="14" t="s">
        <v>1573</v>
      </c>
      <c r="E401" s="2" t="s">
        <v>1574</v>
      </c>
      <c r="F401" s="2" t="s">
        <v>1517</v>
      </c>
      <c r="G401" s="8">
        <v>66</v>
      </c>
      <c r="H401" s="5">
        <v>5</v>
      </c>
      <c r="I401" s="5" t="s">
        <v>1518</v>
      </c>
      <c r="J401" s="5" t="s">
        <v>1519</v>
      </c>
      <c r="K401" s="2" t="s">
        <v>1520</v>
      </c>
      <c r="L401" s="5" t="s">
        <v>1519</v>
      </c>
      <c r="M401" s="2" t="s">
        <v>1520</v>
      </c>
      <c r="N401" s="5" t="s">
        <v>1521</v>
      </c>
      <c r="O401" s="5" t="s">
        <v>38</v>
      </c>
      <c r="P401" s="5" t="s">
        <v>39</v>
      </c>
      <c r="Q401" s="5" t="s">
        <v>40</v>
      </c>
      <c r="R401" s="5" t="s">
        <v>1522</v>
      </c>
      <c r="S401" s="5" t="s">
        <v>1523</v>
      </c>
      <c r="T401" s="5" t="s">
        <v>42</v>
      </c>
      <c r="U401" s="2">
        <v>1.631</v>
      </c>
      <c r="V401" s="2">
        <v>1.355</v>
      </c>
      <c r="W401" s="2">
        <v>7.0000000000000001E-3</v>
      </c>
      <c r="X401" s="2">
        <v>84.8</v>
      </c>
      <c r="Y401" s="2">
        <v>7.1</v>
      </c>
      <c r="Z401" s="2">
        <v>11.4</v>
      </c>
      <c r="AA401" s="5"/>
      <c r="AB401" s="5" t="s">
        <v>43</v>
      </c>
      <c r="AC401" s="5" t="s">
        <v>44</v>
      </c>
      <c r="AD401" s="2"/>
      <c r="AE401" s="1"/>
    </row>
    <row r="402" spans="1:31" ht="14.45">
      <c r="A402" s="11"/>
      <c r="B402" s="20"/>
      <c r="C402" s="2" t="s">
        <v>1575</v>
      </c>
      <c r="D402" s="14" t="s">
        <v>1576</v>
      </c>
      <c r="E402" s="2" t="s">
        <v>1577</v>
      </c>
      <c r="F402" s="2" t="s">
        <v>1527</v>
      </c>
      <c r="G402" s="8">
        <v>66</v>
      </c>
      <c r="H402" s="5">
        <v>5</v>
      </c>
      <c r="I402" s="5" t="s">
        <v>1518</v>
      </c>
      <c r="J402" s="5" t="s">
        <v>1519</v>
      </c>
      <c r="K402" s="2" t="s">
        <v>1520</v>
      </c>
      <c r="L402" s="5" t="s">
        <v>1519</v>
      </c>
      <c r="M402" s="2" t="s">
        <v>1520</v>
      </c>
      <c r="N402" s="5" t="s">
        <v>1521</v>
      </c>
      <c r="O402" s="5" t="s">
        <v>38</v>
      </c>
      <c r="P402" s="5" t="s">
        <v>39</v>
      </c>
      <c r="Q402" s="5" t="s">
        <v>40</v>
      </c>
      <c r="R402" s="5" t="s">
        <v>1522</v>
      </c>
      <c r="S402" s="5" t="s">
        <v>1523</v>
      </c>
      <c r="T402" s="5" t="s">
        <v>42</v>
      </c>
      <c r="U402" s="2">
        <v>1.631</v>
      </c>
      <c r="V402" s="2">
        <v>1.355</v>
      </c>
      <c r="W402" s="2">
        <v>7.0000000000000001E-3</v>
      </c>
      <c r="X402" s="2">
        <v>84.8</v>
      </c>
      <c r="Y402" s="2">
        <v>7.1</v>
      </c>
      <c r="Z402" s="2">
        <v>11.4</v>
      </c>
      <c r="AA402" s="5"/>
      <c r="AB402" s="5" t="s">
        <v>43</v>
      </c>
      <c r="AC402" s="5" t="s">
        <v>44</v>
      </c>
      <c r="AD402" s="2"/>
      <c r="AE402" s="1"/>
    </row>
    <row r="403" spans="1:31" ht="14.45">
      <c r="A403" s="11"/>
      <c r="B403" s="20"/>
      <c r="C403" s="2" t="s">
        <v>1578</v>
      </c>
      <c r="D403" s="14" t="s">
        <v>1579</v>
      </c>
      <c r="E403" s="2" t="s">
        <v>1580</v>
      </c>
      <c r="F403" s="2" t="s">
        <v>1531</v>
      </c>
      <c r="G403" s="8">
        <v>66</v>
      </c>
      <c r="H403" s="5">
        <v>5</v>
      </c>
      <c r="I403" s="5" t="s">
        <v>1518</v>
      </c>
      <c r="J403" s="5" t="s">
        <v>1519</v>
      </c>
      <c r="K403" s="2" t="s">
        <v>1520</v>
      </c>
      <c r="L403" s="5" t="s">
        <v>1519</v>
      </c>
      <c r="M403" s="2" t="s">
        <v>1520</v>
      </c>
      <c r="N403" s="5" t="s">
        <v>1521</v>
      </c>
      <c r="O403" s="5" t="s">
        <v>38</v>
      </c>
      <c r="P403" s="5" t="s">
        <v>39</v>
      </c>
      <c r="Q403" s="5" t="s">
        <v>40</v>
      </c>
      <c r="R403" s="5" t="s">
        <v>1522</v>
      </c>
      <c r="S403" s="5" t="s">
        <v>1523</v>
      </c>
      <c r="T403" s="5" t="s">
        <v>42</v>
      </c>
      <c r="U403" s="2">
        <v>1.625</v>
      </c>
      <c r="V403" s="2">
        <v>1.349</v>
      </c>
      <c r="W403" s="2">
        <v>7.0000000000000001E-3</v>
      </c>
      <c r="X403" s="2">
        <v>84.8</v>
      </c>
      <c r="Y403" s="2">
        <v>7.1</v>
      </c>
      <c r="Z403" s="2">
        <v>11.4</v>
      </c>
      <c r="AA403" s="5"/>
      <c r="AB403" s="5" t="s">
        <v>43</v>
      </c>
      <c r="AC403" s="5" t="s">
        <v>44</v>
      </c>
      <c r="AD403" s="2"/>
      <c r="AE403" s="1"/>
    </row>
    <row r="404" spans="1:31" ht="14.45">
      <c r="A404" s="11"/>
      <c r="B404" s="20"/>
      <c r="C404" s="2" t="s">
        <v>1581</v>
      </c>
      <c r="D404" s="14" t="s">
        <v>1582</v>
      </c>
      <c r="E404" s="2" t="s">
        <v>1583</v>
      </c>
      <c r="F404" s="2" t="s">
        <v>1535</v>
      </c>
      <c r="G404" s="8">
        <v>66</v>
      </c>
      <c r="H404" s="5">
        <v>5</v>
      </c>
      <c r="I404" s="5" t="s">
        <v>1518</v>
      </c>
      <c r="J404" s="5" t="s">
        <v>1519</v>
      </c>
      <c r="K404" s="2" t="s">
        <v>1520</v>
      </c>
      <c r="L404" s="5" t="s">
        <v>1519</v>
      </c>
      <c r="M404" s="2" t="s">
        <v>1520</v>
      </c>
      <c r="N404" s="5" t="s">
        <v>1521</v>
      </c>
      <c r="O404" s="5" t="s">
        <v>38</v>
      </c>
      <c r="P404" s="5" t="s">
        <v>39</v>
      </c>
      <c r="Q404" s="5" t="s">
        <v>40</v>
      </c>
      <c r="R404" s="5" t="s">
        <v>1522</v>
      </c>
      <c r="S404" s="5" t="s">
        <v>1523</v>
      </c>
      <c r="T404" s="5" t="s">
        <v>42</v>
      </c>
      <c r="U404" s="2">
        <v>1.625</v>
      </c>
      <c r="V404" s="2">
        <v>1.349</v>
      </c>
      <c r="W404" s="2">
        <v>7.0000000000000001E-3</v>
      </c>
      <c r="X404" s="2">
        <v>84.8</v>
      </c>
      <c r="Y404" s="2">
        <v>7.1</v>
      </c>
      <c r="Z404" s="2">
        <v>11.4</v>
      </c>
      <c r="AA404" s="5"/>
      <c r="AB404" s="5" t="s">
        <v>43</v>
      </c>
      <c r="AC404" s="5" t="s">
        <v>44</v>
      </c>
      <c r="AD404" s="2"/>
      <c r="AE404" s="1"/>
    </row>
    <row r="405" spans="1:31" ht="14.45">
      <c r="A405" s="11"/>
      <c r="B405" s="20"/>
      <c r="C405" s="2" t="s">
        <v>1584</v>
      </c>
      <c r="D405" s="14" t="s">
        <v>1585</v>
      </c>
      <c r="E405" s="2" t="s">
        <v>1586</v>
      </c>
      <c r="F405" s="2" t="s">
        <v>1517</v>
      </c>
      <c r="G405" s="8">
        <v>72</v>
      </c>
      <c r="H405" s="5">
        <v>5</v>
      </c>
      <c r="I405" s="5" t="s">
        <v>1518</v>
      </c>
      <c r="J405" s="5" t="s">
        <v>1519</v>
      </c>
      <c r="K405" s="2" t="s">
        <v>1520</v>
      </c>
      <c r="L405" s="5" t="s">
        <v>1519</v>
      </c>
      <c r="M405" s="2" t="s">
        <v>1520</v>
      </c>
      <c r="N405" s="5" t="s">
        <v>1521</v>
      </c>
      <c r="O405" s="5" t="s">
        <v>38</v>
      </c>
      <c r="P405" s="5" t="s">
        <v>39</v>
      </c>
      <c r="Q405" s="5" t="s">
        <v>40</v>
      </c>
      <c r="R405" s="5" t="s">
        <v>1522</v>
      </c>
      <c r="S405" s="5" t="s">
        <v>1523</v>
      </c>
      <c r="T405" s="5" t="s">
        <v>42</v>
      </c>
      <c r="U405" s="2">
        <v>1.865</v>
      </c>
      <c r="V405" s="2">
        <v>1.5369999999999999</v>
      </c>
      <c r="W405" s="2">
        <v>8.0000000000000002E-3</v>
      </c>
      <c r="X405" s="2">
        <v>101</v>
      </c>
      <c r="Y405" s="2">
        <v>7.1</v>
      </c>
      <c r="Z405" s="2">
        <v>11.4</v>
      </c>
      <c r="AA405" s="5"/>
      <c r="AB405" s="5" t="s">
        <v>43</v>
      </c>
      <c r="AC405" s="5" t="s">
        <v>44</v>
      </c>
      <c r="AD405" s="2"/>
      <c r="AE405" s="1"/>
    </row>
    <row r="406" spans="1:31" ht="14.45">
      <c r="A406" s="11"/>
      <c r="B406" s="20"/>
      <c r="C406" s="2" t="s">
        <v>1587</v>
      </c>
      <c r="D406" s="14" t="s">
        <v>1588</v>
      </c>
      <c r="E406" s="2" t="s">
        <v>1589</v>
      </c>
      <c r="F406" s="2" t="s">
        <v>1527</v>
      </c>
      <c r="G406" s="8">
        <v>72</v>
      </c>
      <c r="H406" s="5">
        <v>5</v>
      </c>
      <c r="I406" s="5" t="s">
        <v>1518</v>
      </c>
      <c r="J406" s="5" t="s">
        <v>1519</v>
      </c>
      <c r="K406" s="2" t="s">
        <v>1520</v>
      </c>
      <c r="L406" s="5" t="s">
        <v>1519</v>
      </c>
      <c r="M406" s="2" t="s">
        <v>1520</v>
      </c>
      <c r="N406" s="5" t="s">
        <v>1521</v>
      </c>
      <c r="O406" s="5" t="s">
        <v>38</v>
      </c>
      <c r="P406" s="5" t="s">
        <v>39</v>
      </c>
      <c r="Q406" s="5" t="s">
        <v>40</v>
      </c>
      <c r="R406" s="5" t="s">
        <v>1522</v>
      </c>
      <c r="S406" s="5" t="s">
        <v>1523</v>
      </c>
      <c r="T406" s="5" t="s">
        <v>42</v>
      </c>
      <c r="U406" s="2">
        <v>1.865</v>
      </c>
      <c r="V406" s="2">
        <v>1.5369999999999999</v>
      </c>
      <c r="W406" s="2">
        <v>8.0000000000000002E-3</v>
      </c>
      <c r="X406" s="2">
        <v>101</v>
      </c>
      <c r="Y406" s="2">
        <v>7.1</v>
      </c>
      <c r="Z406" s="2">
        <v>11.4</v>
      </c>
      <c r="AA406" s="5"/>
      <c r="AB406" s="5" t="s">
        <v>43</v>
      </c>
      <c r="AC406" s="5" t="s">
        <v>44</v>
      </c>
      <c r="AD406" s="2"/>
      <c r="AE406" s="1"/>
    </row>
    <row r="407" spans="1:31" ht="14.45">
      <c r="A407" s="11"/>
      <c r="B407" s="20"/>
      <c r="C407" s="2" t="s">
        <v>1590</v>
      </c>
      <c r="D407" s="14" t="s">
        <v>1591</v>
      </c>
      <c r="E407" s="2" t="s">
        <v>1592</v>
      </c>
      <c r="F407" s="2" t="s">
        <v>1531</v>
      </c>
      <c r="G407" s="8">
        <v>72</v>
      </c>
      <c r="H407" s="5">
        <v>5</v>
      </c>
      <c r="I407" s="5" t="s">
        <v>1518</v>
      </c>
      <c r="J407" s="5" t="s">
        <v>1519</v>
      </c>
      <c r="K407" s="2" t="s">
        <v>1520</v>
      </c>
      <c r="L407" s="5" t="s">
        <v>1519</v>
      </c>
      <c r="M407" s="2" t="s">
        <v>1520</v>
      </c>
      <c r="N407" s="5" t="s">
        <v>1521</v>
      </c>
      <c r="O407" s="5" t="s">
        <v>38</v>
      </c>
      <c r="P407" s="5" t="s">
        <v>39</v>
      </c>
      <c r="Q407" s="5" t="s">
        <v>40</v>
      </c>
      <c r="R407" s="5" t="s">
        <v>1522</v>
      </c>
      <c r="S407" s="5" t="s">
        <v>1523</v>
      </c>
      <c r="T407" s="5" t="s">
        <v>42</v>
      </c>
      <c r="U407" s="2">
        <v>1.8580000000000001</v>
      </c>
      <c r="V407" s="2">
        <v>1.53</v>
      </c>
      <c r="W407" s="2">
        <v>8.0000000000000002E-3</v>
      </c>
      <c r="X407" s="2">
        <v>101</v>
      </c>
      <c r="Y407" s="2">
        <v>7.1</v>
      </c>
      <c r="Z407" s="2">
        <v>11.4</v>
      </c>
      <c r="AA407" s="5"/>
      <c r="AB407" s="5" t="s">
        <v>43</v>
      </c>
      <c r="AC407" s="5" t="s">
        <v>44</v>
      </c>
      <c r="AD407" s="2"/>
      <c r="AE407" s="1"/>
    </row>
    <row r="408" spans="1:31" ht="14.45">
      <c r="A408" s="11"/>
      <c r="B408" s="20"/>
      <c r="C408" s="2" t="s">
        <v>1593</v>
      </c>
      <c r="D408" s="14" t="s">
        <v>1594</v>
      </c>
      <c r="E408" s="2" t="s">
        <v>1595</v>
      </c>
      <c r="F408" s="2" t="s">
        <v>1535</v>
      </c>
      <c r="G408" s="8">
        <v>72</v>
      </c>
      <c r="H408" s="5">
        <v>5</v>
      </c>
      <c r="I408" s="5" t="s">
        <v>1518</v>
      </c>
      <c r="J408" s="5" t="s">
        <v>1519</v>
      </c>
      <c r="K408" s="2" t="s">
        <v>1520</v>
      </c>
      <c r="L408" s="5" t="s">
        <v>1519</v>
      </c>
      <c r="M408" s="2" t="s">
        <v>1520</v>
      </c>
      <c r="N408" s="5" t="s">
        <v>1521</v>
      </c>
      <c r="O408" s="5" t="s">
        <v>38</v>
      </c>
      <c r="P408" s="5" t="s">
        <v>39</v>
      </c>
      <c r="Q408" s="5" t="s">
        <v>40</v>
      </c>
      <c r="R408" s="5" t="s">
        <v>1522</v>
      </c>
      <c r="S408" s="5" t="s">
        <v>1523</v>
      </c>
      <c r="T408" s="5" t="s">
        <v>42</v>
      </c>
      <c r="U408" s="2">
        <v>1.8580000000000001</v>
      </c>
      <c r="V408" s="2">
        <v>1.53</v>
      </c>
      <c r="W408" s="2">
        <v>8.0000000000000002E-3</v>
      </c>
      <c r="X408" s="2">
        <v>101</v>
      </c>
      <c r="Y408" s="2">
        <v>7.1</v>
      </c>
      <c r="Z408" s="2">
        <v>11.4</v>
      </c>
      <c r="AA408" s="5"/>
      <c r="AB408" s="5" t="s">
        <v>43</v>
      </c>
      <c r="AC408" s="5" t="s">
        <v>44</v>
      </c>
      <c r="AD408" s="2"/>
      <c r="AE408" s="1"/>
    </row>
    <row r="409" spans="1:31" ht="14.45">
      <c r="A409" s="11"/>
      <c r="B409" s="20"/>
      <c r="C409" s="2" t="s">
        <v>1596</v>
      </c>
      <c r="D409" s="14" t="s">
        <v>1597</v>
      </c>
      <c r="E409" s="2" t="s">
        <v>1598</v>
      </c>
      <c r="F409" s="2" t="s">
        <v>1517</v>
      </c>
      <c r="G409" s="8">
        <v>74</v>
      </c>
      <c r="H409" s="5">
        <v>5</v>
      </c>
      <c r="I409" s="5" t="s">
        <v>1518</v>
      </c>
      <c r="J409" s="5" t="s">
        <v>1519</v>
      </c>
      <c r="K409" s="2" t="s">
        <v>1520</v>
      </c>
      <c r="L409" s="5" t="s">
        <v>1519</v>
      </c>
      <c r="M409" s="2" t="s">
        <v>1520</v>
      </c>
      <c r="N409" s="5" t="s">
        <v>1521</v>
      </c>
      <c r="O409" s="5" t="s">
        <v>38</v>
      </c>
      <c r="P409" s="5" t="s">
        <v>39</v>
      </c>
      <c r="Q409" s="5" t="s">
        <v>40</v>
      </c>
      <c r="R409" s="5" t="s">
        <v>1522</v>
      </c>
      <c r="S409" s="5" t="s">
        <v>1523</v>
      </c>
      <c r="T409" s="5" t="s">
        <v>42</v>
      </c>
      <c r="U409" s="2">
        <v>2.1360000000000001</v>
      </c>
      <c r="V409" s="2">
        <v>1.738</v>
      </c>
      <c r="W409" s="2">
        <v>0.01</v>
      </c>
      <c r="X409" s="2">
        <v>120.8</v>
      </c>
      <c r="Y409" s="2">
        <v>7.1</v>
      </c>
      <c r="Z409" s="2">
        <v>11.4</v>
      </c>
      <c r="AA409" s="5"/>
      <c r="AB409" s="5" t="s">
        <v>43</v>
      </c>
      <c r="AC409" s="5" t="s">
        <v>44</v>
      </c>
      <c r="AD409" s="2"/>
      <c r="AE409" s="1"/>
    </row>
    <row r="410" spans="1:31" ht="14.45">
      <c r="A410" s="11"/>
      <c r="B410" s="20"/>
      <c r="C410" s="2" t="s">
        <v>1599</v>
      </c>
      <c r="D410" s="14" t="s">
        <v>1600</v>
      </c>
      <c r="E410" s="2" t="s">
        <v>1601</v>
      </c>
      <c r="F410" s="2" t="s">
        <v>1527</v>
      </c>
      <c r="G410" s="8">
        <v>74</v>
      </c>
      <c r="H410" s="5">
        <v>5</v>
      </c>
      <c r="I410" s="5" t="s">
        <v>1518</v>
      </c>
      <c r="J410" s="5" t="s">
        <v>1519</v>
      </c>
      <c r="K410" s="2" t="s">
        <v>1520</v>
      </c>
      <c r="L410" s="5" t="s">
        <v>1519</v>
      </c>
      <c r="M410" s="2" t="s">
        <v>1520</v>
      </c>
      <c r="N410" s="5" t="s">
        <v>1521</v>
      </c>
      <c r="O410" s="5" t="s">
        <v>38</v>
      </c>
      <c r="P410" s="5" t="s">
        <v>39</v>
      </c>
      <c r="Q410" s="5" t="s">
        <v>40</v>
      </c>
      <c r="R410" s="5" t="s">
        <v>1522</v>
      </c>
      <c r="S410" s="5" t="s">
        <v>1523</v>
      </c>
      <c r="T410" s="5" t="s">
        <v>42</v>
      </c>
      <c r="U410" s="2">
        <v>2.1360000000000001</v>
      </c>
      <c r="V410" s="2">
        <v>1.738</v>
      </c>
      <c r="W410" s="2">
        <v>0.01</v>
      </c>
      <c r="X410" s="2">
        <v>120.8</v>
      </c>
      <c r="Y410" s="2">
        <v>7.1</v>
      </c>
      <c r="Z410" s="2">
        <v>11.4</v>
      </c>
      <c r="AA410" s="5"/>
      <c r="AB410" s="5" t="s">
        <v>43</v>
      </c>
      <c r="AC410" s="5" t="s">
        <v>44</v>
      </c>
      <c r="AD410" s="2"/>
      <c r="AE410" s="1"/>
    </row>
    <row r="411" spans="1:31" ht="14.45">
      <c r="A411" s="11"/>
      <c r="B411" s="20"/>
      <c r="C411" s="2" t="s">
        <v>1602</v>
      </c>
      <c r="D411" s="14" t="s">
        <v>1603</v>
      </c>
      <c r="E411" s="2" t="s">
        <v>1604</v>
      </c>
      <c r="F411" s="2" t="s">
        <v>1531</v>
      </c>
      <c r="G411" s="8">
        <v>74</v>
      </c>
      <c r="H411" s="5">
        <v>5</v>
      </c>
      <c r="I411" s="5" t="s">
        <v>1518</v>
      </c>
      <c r="J411" s="5" t="s">
        <v>1519</v>
      </c>
      <c r="K411" s="2" t="s">
        <v>1520</v>
      </c>
      <c r="L411" s="5" t="s">
        <v>1519</v>
      </c>
      <c r="M411" s="2" t="s">
        <v>1520</v>
      </c>
      <c r="N411" s="5" t="s">
        <v>1521</v>
      </c>
      <c r="O411" s="5" t="s">
        <v>38</v>
      </c>
      <c r="P411" s="5" t="s">
        <v>39</v>
      </c>
      <c r="Q411" s="5" t="s">
        <v>40</v>
      </c>
      <c r="R411" s="5" t="s">
        <v>1522</v>
      </c>
      <c r="S411" s="5" t="s">
        <v>1523</v>
      </c>
      <c r="T411" s="5" t="s">
        <v>42</v>
      </c>
      <c r="U411" s="2">
        <v>2.1280000000000001</v>
      </c>
      <c r="V411" s="2">
        <v>1.73</v>
      </c>
      <c r="W411" s="2">
        <v>0.01</v>
      </c>
      <c r="X411" s="2">
        <v>120.8</v>
      </c>
      <c r="Y411" s="2">
        <v>7.1</v>
      </c>
      <c r="Z411" s="2">
        <v>11.4</v>
      </c>
      <c r="AA411" s="5"/>
      <c r="AB411" s="5" t="s">
        <v>43</v>
      </c>
      <c r="AC411" s="5" t="s">
        <v>44</v>
      </c>
      <c r="AD411" s="2"/>
      <c r="AE411" s="1"/>
    </row>
    <row r="412" spans="1:31" ht="14.45">
      <c r="A412" s="11"/>
      <c r="B412" s="20"/>
      <c r="C412" s="2" t="s">
        <v>1605</v>
      </c>
      <c r="D412" s="14" t="s">
        <v>1606</v>
      </c>
      <c r="E412" s="2" t="s">
        <v>1607</v>
      </c>
      <c r="F412" s="2" t="s">
        <v>1535</v>
      </c>
      <c r="G412" s="8">
        <v>74</v>
      </c>
      <c r="H412" s="5">
        <v>5</v>
      </c>
      <c r="I412" s="5" t="s">
        <v>1518</v>
      </c>
      <c r="J412" s="5" t="s">
        <v>1519</v>
      </c>
      <c r="K412" s="2" t="s">
        <v>1520</v>
      </c>
      <c r="L412" s="5" t="s">
        <v>1519</v>
      </c>
      <c r="M412" s="2" t="s">
        <v>1520</v>
      </c>
      <c r="N412" s="5" t="s">
        <v>1521</v>
      </c>
      <c r="O412" s="5" t="s">
        <v>38</v>
      </c>
      <c r="P412" s="5" t="s">
        <v>39</v>
      </c>
      <c r="Q412" s="5" t="s">
        <v>40</v>
      </c>
      <c r="R412" s="5" t="s">
        <v>1522</v>
      </c>
      <c r="S412" s="5" t="s">
        <v>1523</v>
      </c>
      <c r="T412" s="5" t="s">
        <v>42</v>
      </c>
      <c r="U412" s="2">
        <v>2.1280000000000001</v>
      </c>
      <c r="V412" s="2">
        <v>1.73</v>
      </c>
      <c r="W412" s="2">
        <v>0.01</v>
      </c>
      <c r="X412" s="2">
        <v>120.8</v>
      </c>
      <c r="Y412" s="2">
        <v>7.1</v>
      </c>
      <c r="Z412" s="2">
        <v>11.4</v>
      </c>
      <c r="AA412" s="5"/>
      <c r="AB412" s="5" t="s">
        <v>43</v>
      </c>
      <c r="AC412" s="5" t="s">
        <v>44</v>
      </c>
      <c r="AD412" s="2"/>
      <c r="AE412" s="1"/>
    </row>
    <row r="413" spans="1:31" ht="14.45">
      <c r="A413" s="11"/>
      <c r="B413" s="20"/>
      <c r="C413" s="2" t="s">
        <v>1608</v>
      </c>
      <c r="D413" s="14" t="s">
        <v>1609</v>
      </c>
      <c r="E413" s="2" t="s">
        <v>1610</v>
      </c>
      <c r="F413" s="2" t="s">
        <v>1517</v>
      </c>
      <c r="G413" s="8">
        <v>78</v>
      </c>
      <c r="H413" s="5">
        <v>5</v>
      </c>
      <c r="I413" s="5" t="s">
        <v>1518</v>
      </c>
      <c r="J413" s="5" t="s">
        <v>1519</v>
      </c>
      <c r="K413" s="2" t="s">
        <v>1520</v>
      </c>
      <c r="L413" s="5" t="s">
        <v>1519</v>
      </c>
      <c r="M413" s="2" t="s">
        <v>1520</v>
      </c>
      <c r="N413" s="5" t="s">
        <v>1521</v>
      </c>
      <c r="O413" s="5" t="s">
        <v>38</v>
      </c>
      <c r="P413" s="5" t="s">
        <v>39</v>
      </c>
      <c r="Q413" s="5" t="s">
        <v>40</v>
      </c>
      <c r="R413" s="5" t="s">
        <v>1522</v>
      </c>
      <c r="S413" s="5" t="s">
        <v>1523</v>
      </c>
      <c r="T413" s="5" t="s">
        <v>42</v>
      </c>
      <c r="U413" s="2">
        <v>2.3969999999999998</v>
      </c>
      <c r="V413" s="2">
        <v>1.9239999999999999</v>
      </c>
      <c r="W413" s="2">
        <v>1.0999999999999999E-2</v>
      </c>
      <c r="X413" s="2">
        <v>140.80000000000001</v>
      </c>
      <c r="Y413" s="2">
        <v>7.1</v>
      </c>
      <c r="Z413" s="2">
        <v>11.4</v>
      </c>
      <c r="AA413" s="5"/>
      <c r="AB413" s="5" t="s">
        <v>43</v>
      </c>
      <c r="AC413" s="5" t="s">
        <v>44</v>
      </c>
      <c r="AD413" s="2"/>
      <c r="AE413" s="1"/>
    </row>
    <row r="414" spans="1:31" ht="14.45">
      <c r="A414" s="11"/>
      <c r="B414" s="20"/>
      <c r="C414" s="2" t="s">
        <v>1611</v>
      </c>
      <c r="D414" s="14" t="s">
        <v>1612</v>
      </c>
      <c r="E414" s="2" t="s">
        <v>1613</v>
      </c>
      <c r="F414" s="2" t="s">
        <v>1527</v>
      </c>
      <c r="G414" s="8">
        <v>78</v>
      </c>
      <c r="H414" s="5">
        <v>5</v>
      </c>
      <c r="I414" s="5" t="s">
        <v>1518</v>
      </c>
      <c r="J414" s="5" t="s">
        <v>1519</v>
      </c>
      <c r="K414" s="2" t="s">
        <v>1520</v>
      </c>
      <c r="L414" s="5" t="s">
        <v>1519</v>
      </c>
      <c r="M414" s="2" t="s">
        <v>1520</v>
      </c>
      <c r="N414" s="5" t="s">
        <v>1521</v>
      </c>
      <c r="O414" s="5" t="s">
        <v>38</v>
      </c>
      <c r="P414" s="5" t="s">
        <v>39</v>
      </c>
      <c r="Q414" s="5" t="s">
        <v>40</v>
      </c>
      <c r="R414" s="5" t="s">
        <v>1522</v>
      </c>
      <c r="S414" s="5" t="s">
        <v>1523</v>
      </c>
      <c r="T414" s="5" t="s">
        <v>42</v>
      </c>
      <c r="U414" s="2">
        <v>2.3969999999999998</v>
      </c>
      <c r="V414" s="2">
        <v>1.9239999999999999</v>
      </c>
      <c r="W414" s="2">
        <v>1.0999999999999999E-2</v>
      </c>
      <c r="X414" s="2">
        <v>140.80000000000001</v>
      </c>
      <c r="Y414" s="2">
        <v>7.1</v>
      </c>
      <c r="Z414" s="2">
        <v>11.4</v>
      </c>
      <c r="AA414" s="5"/>
      <c r="AB414" s="5" t="s">
        <v>43</v>
      </c>
      <c r="AC414" s="5" t="s">
        <v>44</v>
      </c>
      <c r="AD414" s="2"/>
      <c r="AE414" s="1"/>
    </row>
    <row r="415" spans="1:31" ht="14.45">
      <c r="A415" s="11"/>
      <c r="B415" s="20"/>
      <c r="C415" s="2" t="s">
        <v>1614</v>
      </c>
      <c r="D415" s="14" t="s">
        <v>1615</v>
      </c>
      <c r="E415" s="2" t="s">
        <v>1616</v>
      </c>
      <c r="F415" s="2" t="s">
        <v>1531</v>
      </c>
      <c r="G415" s="8">
        <v>78</v>
      </c>
      <c r="H415" s="5">
        <v>5</v>
      </c>
      <c r="I415" s="5" t="s">
        <v>1518</v>
      </c>
      <c r="J415" s="5" t="s">
        <v>1519</v>
      </c>
      <c r="K415" s="2" t="s">
        <v>1520</v>
      </c>
      <c r="L415" s="5" t="s">
        <v>1519</v>
      </c>
      <c r="M415" s="2" t="s">
        <v>1520</v>
      </c>
      <c r="N415" s="5" t="s">
        <v>1521</v>
      </c>
      <c r="O415" s="5" t="s">
        <v>38</v>
      </c>
      <c r="P415" s="5" t="s">
        <v>39</v>
      </c>
      <c r="Q415" s="5" t="s">
        <v>40</v>
      </c>
      <c r="R415" s="5" t="s">
        <v>1522</v>
      </c>
      <c r="S415" s="5" t="s">
        <v>1523</v>
      </c>
      <c r="T415" s="5" t="s">
        <v>42</v>
      </c>
      <c r="U415" s="2">
        <v>2.387</v>
      </c>
      <c r="V415" s="2">
        <v>1.9139999999999999</v>
      </c>
      <c r="W415" s="2">
        <v>1.0999999999999999E-2</v>
      </c>
      <c r="X415" s="2">
        <v>140.80000000000001</v>
      </c>
      <c r="Y415" s="2">
        <v>7.1</v>
      </c>
      <c r="Z415" s="2">
        <v>11.4</v>
      </c>
      <c r="AA415" s="5"/>
      <c r="AB415" s="5" t="s">
        <v>43</v>
      </c>
      <c r="AC415" s="5" t="s">
        <v>44</v>
      </c>
      <c r="AD415" s="2"/>
      <c r="AE415" s="1"/>
    </row>
    <row r="416" spans="1:31" ht="14.45">
      <c r="A416" s="11"/>
      <c r="B416" s="20"/>
      <c r="C416" s="2" t="s">
        <v>1617</v>
      </c>
      <c r="D416" s="14" t="s">
        <v>1618</v>
      </c>
      <c r="E416" s="2" t="s">
        <v>1619</v>
      </c>
      <c r="F416" s="2" t="s">
        <v>1535</v>
      </c>
      <c r="G416" s="8">
        <v>78</v>
      </c>
      <c r="H416" s="5">
        <v>5</v>
      </c>
      <c r="I416" s="5" t="s">
        <v>1518</v>
      </c>
      <c r="J416" s="5" t="s">
        <v>1519</v>
      </c>
      <c r="K416" s="2" t="s">
        <v>1520</v>
      </c>
      <c r="L416" s="5" t="s">
        <v>1519</v>
      </c>
      <c r="M416" s="2" t="s">
        <v>1520</v>
      </c>
      <c r="N416" s="5" t="s">
        <v>1521</v>
      </c>
      <c r="O416" s="5" t="s">
        <v>38</v>
      </c>
      <c r="P416" s="5" t="s">
        <v>39</v>
      </c>
      <c r="Q416" s="5" t="s">
        <v>40</v>
      </c>
      <c r="R416" s="5" t="s">
        <v>1522</v>
      </c>
      <c r="S416" s="5" t="s">
        <v>1523</v>
      </c>
      <c r="T416" s="5" t="s">
        <v>42</v>
      </c>
      <c r="U416" s="2">
        <v>2.387</v>
      </c>
      <c r="V416" s="2">
        <v>1.9139999999999999</v>
      </c>
      <c r="W416" s="2">
        <v>1.0999999999999999E-2</v>
      </c>
      <c r="X416" s="2">
        <v>140.80000000000001</v>
      </c>
      <c r="Y416" s="2">
        <v>7.1</v>
      </c>
      <c r="Z416" s="2">
        <v>11.4</v>
      </c>
      <c r="AA416" s="5"/>
      <c r="AB416" s="5" t="s">
        <v>43</v>
      </c>
      <c r="AC416" s="5" t="s">
        <v>44</v>
      </c>
      <c r="AD416" s="2"/>
      <c r="AE416" s="1"/>
    </row>
    <row r="417" spans="1:31" ht="14.45">
      <c r="A417" s="11"/>
      <c r="B417" s="20"/>
      <c r="C417" s="2" t="s">
        <v>1620</v>
      </c>
      <c r="D417" s="14" t="s">
        <v>1621</v>
      </c>
      <c r="E417" s="2" t="s">
        <v>1622</v>
      </c>
      <c r="F417" s="2" t="s">
        <v>1517</v>
      </c>
      <c r="G417" s="8">
        <v>77</v>
      </c>
      <c r="H417" s="5">
        <v>5</v>
      </c>
      <c r="I417" s="5" t="s">
        <v>1518</v>
      </c>
      <c r="J417" s="5" t="s">
        <v>1519</v>
      </c>
      <c r="K417" s="2" t="s">
        <v>1520</v>
      </c>
      <c r="L417" s="5" t="s">
        <v>1519</v>
      </c>
      <c r="M417" s="2" t="s">
        <v>1520</v>
      </c>
      <c r="N417" s="5" t="s">
        <v>1521</v>
      </c>
      <c r="O417" s="5" t="s">
        <v>38</v>
      </c>
      <c r="P417" s="5" t="s">
        <v>39</v>
      </c>
      <c r="Q417" s="5" t="s">
        <v>40</v>
      </c>
      <c r="R417" s="5" t="s">
        <v>1522</v>
      </c>
      <c r="S417" s="5" t="s">
        <v>1523</v>
      </c>
      <c r="T417" s="5" t="s">
        <v>42</v>
      </c>
      <c r="U417" s="2">
        <v>2.0619999999999998</v>
      </c>
      <c r="V417" s="2">
        <v>1.744</v>
      </c>
      <c r="W417" s="2">
        <v>8.0000000000000002E-3</v>
      </c>
      <c r="X417" s="2">
        <v>101</v>
      </c>
      <c r="Y417" s="2">
        <v>7.1</v>
      </c>
      <c r="Z417" s="2">
        <v>11.4</v>
      </c>
      <c r="AA417" s="5"/>
      <c r="AB417" s="5" t="s">
        <v>43</v>
      </c>
      <c r="AC417" s="5" t="s">
        <v>44</v>
      </c>
      <c r="AD417" s="2"/>
      <c r="AE417" s="1"/>
    </row>
    <row r="418" spans="1:31" ht="14.45">
      <c r="A418" s="11"/>
      <c r="B418" s="20"/>
      <c r="C418" s="2" t="s">
        <v>1623</v>
      </c>
      <c r="D418" s="14" t="s">
        <v>1624</v>
      </c>
      <c r="E418" s="2" t="s">
        <v>1625</v>
      </c>
      <c r="F418" s="2" t="s">
        <v>1527</v>
      </c>
      <c r="G418" s="8">
        <v>77</v>
      </c>
      <c r="H418" s="5">
        <v>5</v>
      </c>
      <c r="I418" s="5" t="s">
        <v>1518</v>
      </c>
      <c r="J418" s="5" t="s">
        <v>1519</v>
      </c>
      <c r="K418" s="2" t="s">
        <v>1520</v>
      </c>
      <c r="L418" s="5" t="s">
        <v>1519</v>
      </c>
      <c r="M418" s="2" t="s">
        <v>1520</v>
      </c>
      <c r="N418" s="5" t="s">
        <v>1521</v>
      </c>
      <c r="O418" s="5" t="s">
        <v>38</v>
      </c>
      <c r="P418" s="5" t="s">
        <v>39</v>
      </c>
      <c r="Q418" s="5" t="s">
        <v>40</v>
      </c>
      <c r="R418" s="5" t="s">
        <v>1522</v>
      </c>
      <c r="S418" s="5" t="s">
        <v>1523</v>
      </c>
      <c r="T418" s="5" t="s">
        <v>42</v>
      </c>
      <c r="U418" s="2">
        <v>2.0619999999999998</v>
      </c>
      <c r="V418" s="2">
        <v>1.744</v>
      </c>
      <c r="W418" s="2">
        <v>8.0000000000000002E-3</v>
      </c>
      <c r="X418" s="2">
        <v>101</v>
      </c>
      <c r="Y418" s="2">
        <v>7.1</v>
      </c>
      <c r="Z418" s="2">
        <v>11.4</v>
      </c>
      <c r="AA418" s="5"/>
      <c r="AB418" s="5" t="s">
        <v>43</v>
      </c>
      <c r="AC418" s="5" t="s">
        <v>44</v>
      </c>
      <c r="AD418" s="2"/>
      <c r="AE418" s="1"/>
    </row>
    <row r="419" spans="1:31" ht="14.45">
      <c r="A419" s="11"/>
      <c r="B419" s="20"/>
      <c r="C419" s="2" t="s">
        <v>1626</v>
      </c>
      <c r="D419" s="14" t="s">
        <v>1627</v>
      </c>
      <c r="E419" s="2" t="s">
        <v>1628</v>
      </c>
      <c r="F419" s="2" t="s">
        <v>1531</v>
      </c>
      <c r="G419" s="8">
        <v>77</v>
      </c>
      <c r="H419" s="5">
        <v>5</v>
      </c>
      <c r="I419" s="5" t="s">
        <v>1518</v>
      </c>
      <c r="J419" s="5" t="s">
        <v>1519</v>
      </c>
      <c r="K419" s="2" t="s">
        <v>1520</v>
      </c>
      <c r="L419" s="5" t="s">
        <v>1519</v>
      </c>
      <c r="M419" s="2" t="s">
        <v>1520</v>
      </c>
      <c r="N419" s="5" t="s">
        <v>1521</v>
      </c>
      <c r="O419" s="5" t="s">
        <v>38</v>
      </c>
      <c r="P419" s="5" t="s">
        <v>39</v>
      </c>
      <c r="Q419" s="5" t="s">
        <v>40</v>
      </c>
      <c r="R419" s="5" t="s">
        <v>1522</v>
      </c>
      <c r="S419" s="5" t="s">
        <v>1523</v>
      </c>
      <c r="T419" s="5" t="s">
        <v>42</v>
      </c>
      <c r="U419" s="2">
        <v>2.0529999999999999</v>
      </c>
      <c r="V419" s="2">
        <v>1.7350000000000001</v>
      </c>
      <c r="W419" s="2">
        <v>8.0000000000000002E-3</v>
      </c>
      <c r="X419" s="2">
        <v>101</v>
      </c>
      <c r="Y419" s="2">
        <v>7.1</v>
      </c>
      <c r="Z419" s="2">
        <v>11.4</v>
      </c>
      <c r="AA419" s="5"/>
      <c r="AB419" s="5" t="s">
        <v>43</v>
      </c>
      <c r="AC419" s="5" t="s">
        <v>44</v>
      </c>
      <c r="AD419" s="2"/>
      <c r="AE419" s="1"/>
    </row>
    <row r="420" spans="1:31" ht="14.45">
      <c r="A420" s="11"/>
      <c r="B420" s="20"/>
      <c r="C420" s="2" t="s">
        <v>1629</v>
      </c>
      <c r="D420" s="14" t="s">
        <v>1630</v>
      </c>
      <c r="E420" s="2" t="s">
        <v>1631</v>
      </c>
      <c r="F420" s="2" t="s">
        <v>1535</v>
      </c>
      <c r="G420" s="8">
        <v>77</v>
      </c>
      <c r="H420" s="5">
        <v>5</v>
      </c>
      <c r="I420" s="5" t="s">
        <v>1518</v>
      </c>
      <c r="J420" s="5" t="s">
        <v>1519</v>
      </c>
      <c r="K420" s="2" t="s">
        <v>1520</v>
      </c>
      <c r="L420" s="5" t="s">
        <v>1519</v>
      </c>
      <c r="M420" s="2" t="s">
        <v>1520</v>
      </c>
      <c r="N420" s="5" t="s">
        <v>1521</v>
      </c>
      <c r="O420" s="5" t="s">
        <v>38</v>
      </c>
      <c r="P420" s="5" t="s">
        <v>39</v>
      </c>
      <c r="Q420" s="5" t="s">
        <v>40</v>
      </c>
      <c r="R420" s="5" t="s">
        <v>1522</v>
      </c>
      <c r="S420" s="5" t="s">
        <v>1523</v>
      </c>
      <c r="T420" s="5" t="s">
        <v>42</v>
      </c>
      <c r="U420" s="2">
        <v>2.0529999999999999</v>
      </c>
      <c r="V420" s="2">
        <v>1.7350000000000001</v>
      </c>
      <c r="W420" s="2">
        <v>8.0000000000000002E-3</v>
      </c>
      <c r="X420" s="2">
        <v>101</v>
      </c>
      <c r="Y420" s="2">
        <v>7.1</v>
      </c>
      <c r="Z420" s="2">
        <v>11.4</v>
      </c>
      <c r="AA420" s="5"/>
      <c r="AB420" s="5" t="s">
        <v>43</v>
      </c>
      <c r="AC420" s="5" t="s">
        <v>44</v>
      </c>
      <c r="AD420" s="2"/>
      <c r="AE420" s="1"/>
    </row>
    <row r="421" spans="1:31" ht="14.45">
      <c r="A421" s="11"/>
      <c r="B421" s="20"/>
      <c r="C421" s="2" t="s">
        <v>1632</v>
      </c>
      <c r="D421" s="14" t="s">
        <v>1633</v>
      </c>
      <c r="E421" s="2" t="s">
        <v>1634</v>
      </c>
      <c r="F421" s="2" t="s">
        <v>1517</v>
      </c>
      <c r="G421" s="8">
        <v>83</v>
      </c>
      <c r="H421" s="5">
        <v>5</v>
      </c>
      <c r="I421" s="5" t="s">
        <v>1518</v>
      </c>
      <c r="J421" s="5" t="s">
        <v>1519</v>
      </c>
      <c r="K421" s="2" t="s">
        <v>1520</v>
      </c>
      <c r="L421" s="5" t="s">
        <v>1519</v>
      </c>
      <c r="M421" s="2" t="s">
        <v>1520</v>
      </c>
      <c r="N421" s="5" t="s">
        <v>1521</v>
      </c>
      <c r="O421" s="5" t="s">
        <v>38</v>
      </c>
      <c r="P421" s="5" t="s">
        <v>39</v>
      </c>
      <c r="Q421" s="5" t="s">
        <v>40</v>
      </c>
      <c r="R421" s="5" t="s">
        <v>1522</v>
      </c>
      <c r="S421" s="5" t="s">
        <v>1523</v>
      </c>
      <c r="T421" s="5" t="s">
        <v>42</v>
      </c>
      <c r="U421" s="2">
        <v>2.3460000000000001</v>
      </c>
      <c r="V421" s="2">
        <v>1.958</v>
      </c>
      <c r="W421" s="2">
        <v>0.01</v>
      </c>
      <c r="X421" s="2">
        <v>120.8</v>
      </c>
      <c r="Y421" s="2">
        <v>7.1</v>
      </c>
      <c r="Z421" s="2">
        <v>11.4</v>
      </c>
      <c r="AA421" s="5"/>
      <c r="AB421" s="5" t="s">
        <v>43</v>
      </c>
      <c r="AC421" s="5" t="s">
        <v>44</v>
      </c>
      <c r="AD421" s="2"/>
      <c r="AE421" s="1"/>
    </row>
    <row r="422" spans="1:31" ht="14.45">
      <c r="A422" s="11"/>
      <c r="B422" s="20"/>
      <c r="C422" s="2" t="s">
        <v>1635</v>
      </c>
      <c r="D422" s="14" t="s">
        <v>1636</v>
      </c>
      <c r="E422" s="2" t="s">
        <v>1637</v>
      </c>
      <c r="F422" s="2" t="s">
        <v>1527</v>
      </c>
      <c r="G422" s="8">
        <v>83</v>
      </c>
      <c r="H422" s="5">
        <v>5</v>
      </c>
      <c r="I422" s="5" t="s">
        <v>1518</v>
      </c>
      <c r="J422" s="5" t="s">
        <v>1519</v>
      </c>
      <c r="K422" s="2" t="s">
        <v>1520</v>
      </c>
      <c r="L422" s="5" t="s">
        <v>1519</v>
      </c>
      <c r="M422" s="2" t="s">
        <v>1520</v>
      </c>
      <c r="N422" s="5" t="s">
        <v>1521</v>
      </c>
      <c r="O422" s="5" t="s">
        <v>38</v>
      </c>
      <c r="P422" s="5" t="s">
        <v>39</v>
      </c>
      <c r="Q422" s="5" t="s">
        <v>40</v>
      </c>
      <c r="R422" s="5" t="s">
        <v>1522</v>
      </c>
      <c r="S422" s="5" t="s">
        <v>1523</v>
      </c>
      <c r="T422" s="5" t="s">
        <v>42</v>
      </c>
      <c r="U422" s="2">
        <v>2.3460000000000001</v>
      </c>
      <c r="V422" s="2">
        <v>1.958</v>
      </c>
      <c r="W422" s="2">
        <v>0.01</v>
      </c>
      <c r="X422" s="2">
        <v>120.8</v>
      </c>
      <c r="Y422" s="2">
        <v>7.1</v>
      </c>
      <c r="Z422" s="2">
        <v>11.4</v>
      </c>
      <c r="AA422" s="5"/>
      <c r="AB422" s="5" t="s">
        <v>43</v>
      </c>
      <c r="AC422" s="5" t="s">
        <v>44</v>
      </c>
      <c r="AD422" s="2"/>
      <c r="AE422" s="1"/>
    </row>
    <row r="423" spans="1:31" ht="14.45">
      <c r="A423" s="11"/>
      <c r="B423" s="20"/>
      <c r="C423" s="2" t="s">
        <v>1638</v>
      </c>
      <c r="D423" s="14" t="s">
        <v>1639</v>
      </c>
      <c r="E423" s="2" t="s">
        <v>1640</v>
      </c>
      <c r="F423" s="2" t="s">
        <v>1531</v>
      </c>
      <c r="G423" s="8">
        <v>83</v>
      </c>
      <c r="H423" s="5">
        <v>5</v>
      </c>
      <c r="I423" s="5" t="s">
        <v>1518</v>
      </c>
      <c r="J423" s="5" t="s">
        <v>1519</v>
      </c>
      <c r="K423" s="2" t="s">
        <v>1520</v>
      </c>
      <c r="L423" s="5" t="s">
        <v>1519</v>
      </c>
      <c r="M423" s="2" t="s">
        <v>1520</v>
      </c>
      <c r="N423" s="5" t="s">
        <v>1521</v>
      </c>
      <c r="O423" s="5" t="s">
        <v>38</v>
      </c>
      <c r="P423" s="5" t="s">
        <v>39</v>
      </c>
      <c r="Q423" s="5" t="s">
        <v>40</v>
      </c>
      <c r="R423" s="5" t="s">
        <v>1522</v>
      </c>
      <c r="S423" s="5" t="s">
        <v>1523</v>
      </c>
      <c r="T423" s="5" t="s">
        <v>42</v>
      </c>
      <c r="U423" s="2">
        <v>2.335</v>
      </c>
      <c r="V423" s="2">
        <v>1.9470000000000001</v>
      </c>
      <c r="W423" s="2">
        <v>0.01</v>
      </c>
      <c r="X423" s="2">
        <v>120.8</v>
      </c>
      <c r="Y423" s="2">
        <v>7.1</v>
      </c>
      <c r="Z423" s="2">
        <v>11.4</v>
      </c>
      <c r="AA423" s="5"/>
      <c r="AB423" s="5" t="s">
        <v>43</v>
      </c>
      <c r="AC423" s="5" t="s">
        <v>44</v>
      </c>
      <c r="AD423" s="2"/>
      <c r="AE423" s="1"/>
    </row>
    <row r="424" spans="1:31" ht="14.45">
      <c r="A424" s="11"/>
      <c r="B424" s="20"/>
      <c r="C424" s="2" t="s">
        <v>1641</v>
      </c>
      <c r="D424" s="14" t="s">
        <v>1642</v>
      </c>
      <c r="E424" s="2" t="s">
        <v>1643</v>
      </c>
      <c r="F424" s="2" t="s">
        <v>1535</v>
      </c>
      <c r="G424" s="8">
        <v>83</v>
      </c>
      <c r="H424" s="5">
        <v>5</v>
      </c>
      <c r="I424" s="5" t="s">
        <v>1518</v>
      </c>
      <c r="J424" s="5" t="s">
        <v>1519</v>
      </c>
      <c r="K424" s="2" t="s">
        <v>1520</v>
      </c>
      <c r="L424" s="5" t="s">
        <v>1519</v>
      </c>
      <c r="M424" s="2" t="s">
        <v>1520</v>
      </c>
      <c r="N424" s="5" t="s">
        <v>1521</v>
      </c>
      <c r="O424" s="5" t="s">
        <v>38</v>
      </c>
      <c r="P424" s="5" t="s">
        <v>39</v>
      </c>
      <c r="Q424" s="5" t="s">
        <v>40</v>
      </c>
      <c r="R424" s="5" t="s">
        <v>1522</v>
      </c>
      <c r="S424" s="5" t="s">
        <v>1523</v>
      </c>
      <c r="T424" s="5" t="s">
        <v>42</v>
      </c>
      <c r="U424" s="2">
        <v>2.335</v>
      </c>
      <c r="V424" s="2">
        <v>1.9470000000000001</v>
      </c>
      <c r="W424" s="2">
        <v>0.01</v>
      </c>
      <c r="X424" s="2">
        <v>120.8</v>
      </c>
      <c r="Y424" s="2">
        <v>7.1</v>
      </c>
      <c r="Z424" s="2">
        <v>11.4</v>
      </c>
      <c r="AA424" s="5"/>
      <c r="AB424" s="5" t="s">
        <v>43</v>
      </c>
      <c r="AC424" s="5" t="s">
        <v>44</v>
      </c>
      <c r="AD424" s="2"/>
      <c r="AE424" s="1"/>
    </row>
    <row r="425" spans="1:31" ht="14.45">
      <c r="A425" s="11"/>
      <c r="B425" s="20"/>
      <c r="C425" s="2" t="s">
        <v>1644</v>
      </c>
      <c r="D425" s="14" t="s">
        <v>1645</v>
      </c>
      <c r="E425" s="2" t="s">
        <v>1646</v>
      </c>
      <c r="F425" s="2" t="s">
        <v>1517</v>
      </c>
      <c r="G425" s="8">
        <v>87</v>
      </c>
      <c r="H425" s="5">
        <v>5</v>
      </c>
      <c r="I425" s="5" t="s">
        <v>1518</v>
      </c>
      <c r="J425" s="5" t="s">
        <v>1519</v>
      </c>
      <c r="K425" s="2" t="s">
        <v>1520</v>
      </c>
      <c r="L425" s="5" t="s">
        <v>1519</v>
      </c>
      <c r="M425" s="2" t="s">
        <v>1520</v>
      </c>
      <c r="N425" s="5" t="s">
        <v>1521</v>
      </c>
      <c r="O425" s="5" t="s">
        <v>38</v>
      </c>
      <c r="P425" s="5" t="s">
        <v>39</v>
      </c>
      <c r="Q425" s="5" t="s">
        <v>40</v>
      </c>
      <c r="R425" s="5" t="s">
        <v>1522</v>
      </c>
      <c r="S425" s="5" t="s">
        <v>1523</v>
      </c>
      <c r="T425" s="5" t="s">
        <v>42</v>
      </c>
      <c r="U425" s="2">
        <v>2.3820000000000001</v>
      </c>
      <c r="V425" s="2">
        <v>1.9970000000000001</v>
      </c>
      <c r="W425" s="2">
        <v>0.01</v>
      </c>
      <c r="X425" s="2">
        <v>120.8</v>
      </c>
      <c r="Y425" s="2">
        <v>7.1</v>
      </c>
      <c r="Z425" s="2">
        <v>11.4</v>
      </c>
      <c r="AA425" s="5"/>
      <c r="AB425" s="5" t="s">
        <v>43</v>
      </c>
      <c r="AC425" s="5" t="s">
        <v>44</v>
      </c>
      <c r="AD425" s="2"/>
      <c r="AE425" s="1"/>
    </row>
    <row r="426" spans="1:31" ht="14.45">
      <c r="A426" s="11"/>
      <c r="B426" s="20"/>
      <c r="C426" s="2" t="s">
        <v>1647</v>
      </c>
      <c r="D426" s="14" t="s">
        <v>1648</v>
      </c>
      <c r="E426" s="2" t="s">
        <v>1649</v>
      </c>
      <c r="F426" s="2" t="s">
        <v>1527</v>
      </c>
      <c r="G426" s="8">
        <v>87</v>
      </c>
      <c r="H426" s="5">
        <v>5</v>
      </c>
      <c r="I426" s="5" t="s">
        <v>1518</v>
      </c>
      <c r="J426" s="5" t="s">
        <v>1519</v>
      </c>
      <c r="K426" s="2" t="s">
        <v>1520</v>
      </c>
      <c r="L426" s="5" t="s">
        <v>1519</v>
      </c>
      <c r="M426" s="2" t="s">
        <v>1520</v>
      </c>
      <c r="N426" s="5" t="s">
        <v>1521</v>
      </c>
      <c r="O426" s="5" t="s">
        <v>38</v>
      </c>
      <c r="P426" s="5" t="s">
        <v>39</v>
      </c>
      <c r="Q426" s="5" t="s">
        <v>40</v>
      </c>
      <c r="R426" s="5" t="s">
        <v>1522</v>
      </c>
      <c r="S426" s="5" t="s">
        <v>1523</v>
      </c>
      <c r="T426" s="5" t="s">
        <v>42</v>
      </c>
      <c r="U426" s="2">
        <v>2.3820000000000001</v>
      </c>
      <c r="V426" s="2">
        <v>1.9970000000000001</v>
      </c>
      <c r="W426" s="2">
        <v>0.01</v>
      </c>
      <c r="X426" s="2">
        <v>120.8</v>
      </c>
      <c r="Y426" s="2">
        <v>7.1</v>
      </c>
      <c r="Z426" s="2">
        <v>11.4</v>
      </c>
      <c r="AA426" s="5"/>
      <c r="AB426" s="5" t="s">
        <v>43</v>
      </c>
      <c r="AC426" s="5" t="s">
        <v>44</v>
      </c>
      <c r="AD426" s="2"/>
      <c r="AE426" s="1"/>
    </row>
    <row r="427" spans="1:31" ht="14.45">
      <c r="A427" s="11"/>
      <c r="B427" s="20"/>
      <c r="C427" s="2" t="s">
        <v>1650</v>
      </c>
      <c r="D427" s="14" t="s">
        <v>1651</v>
      </c>
      <c r="E427" s="2" t="s">
        <v>1652</v>
      </c>
      <c r="F427" s="2" t="s">
        <v>1531</v>
      </c>
      <c r="G427" s="8">
        <v>87</v>
      </c>
      <c r="H427" s="5">
        <v>5</v>
      </c>
      <c r="I427" s="5" t="s">
        <v>1518</v>
      </c>
      <c r="J427" s="5" t="s">
        <v>1519</v>
      </c>
      <c r="K427" s="2" t="s">
        <v>1520</v>
      </c>
      <c r="L427" s="5" t="s">
        <v>1519</v>
      </c>
      <c r="M427" s="2" t="s">
        <v>1520</v>
      </c>
      <c r="N427" s="5" t="s">
        <v>1521</v>
      </c>
      <c r="O427" s="5" t="s">
        <v>38</v>
      </c>
      <c r="P427" s="5" t="s">
        <v>39</v>
      </c>
      <c r="Q427" s="5" t="s">
        <v>40</v>
      </c>
      <c r="R427" s="5" t="s">
        <v>1522</v>
      </c>
      <c r="S427" s="5" t="s">
        <v>1523</v>
      </c>
      <c r="T427" s="5" t="s">
        <v>42</v>
      </c>
      <c r="U427" s="2">
        <v>2.371</v>
      </c>
      <c r="V427" s="2">
        <v>1.986</v>
      </c>
      <c r="W427" s="2">
        <v>0.01</v>
      </c>
      <c r="X427" s="2">
        <v>120.8</v>
      </c>
      <c r="Y427" s="2">
        <v>7.1</v>
      </c>
      <c r="Z427" s="2">
        <v>11.4</v>
      </c>
      <c r="AA427" s="5"/>
      <c r="AB427" s="5" t="s">
        <v>43</v>
      </c>
      <c r="AC427" s="5" t="s">
        <v>44</v>
      </c>
      <c r="AD427" s="2"/>
      <c r="AE427" s="1"/>
    </row>
    <row r="428" spans="1:31" ht="14.45">
      <c r="A428" s="11"/>
      <c r="B428" s="20"/>
      <c r="C428" s="2" t="s">
        <v>1653</v>
      </c>
      <c r="D428" s="14" t="s">
        <v>1654</v>
      </c>
      <c r="E428" s="2" t="s">
        <v>1655</v>
      </c>
      <c r="F428" s="2" t="s">
        <v>1535</v>
      </c>
      <c r="G428" s="8">
        <v>87</v>
      </c>
      <c r="H428" s="5">
        <v>5</v>
      </c>
      <c r="I428" s="5" t="s">
        <v>1518</v>
      </c>
      <c r="J428" s="5" t="s">
        <v>1519</v>
      </c>
      <c r="K428" s="2" t="s">
        <v>1520</v>
      </c>
      <c r="L428" s="5" t="s">
        <v>1519</v>
      </c>
      <c r="M428" s="2" t="s">
        <v>1520</v>
      </c>
      <c r="N428" s="5" t="s">
        <v>1521</v>
      </c>
      <c r="O428" s="5" t="s">
        <v>38</v>
      </c>
      <c r="P428" s="5" t="s">
        <v>39</v>
      </c>
      <c r="Q428" s="5" t="s">
        <v>40</v>
      </c>
      <c r="R428" s="5" t="s">
        <v>1522</v>
      </c>
      <c r="S428" s="5" t="s">
        <v>1523</v>
      </c>
      <c r="T428" s="5" t="s">
        <v>42</v>
      </c>
      <c r="U428" s="2">
        <v>2.371</v>
      </c>
      <c r="V428" s="2">
        <v>1.986</v>
      </c>
      <c r="W428" s="2">
        <v>0.01</v>
      </c>
      <c r="X428" s="2">
        <v>120.8</v>
      </c>
      <c r="Y428" s="2">
        <v>7.1</v>
      </c>
      <c r="Z428" s="2">
        <v>11.4</v>
      </c>
      <c r="AA428" s="5"/>
      <c r="AB428" s="5" t="s">
        <v>43</v>
      </c>
      <c r="AC428" s="5" t="s">
        <v>44</v>
      </c>
      <c r="AD428" s="2"/>
      <c r="AE428" s="1"/>
    </row>
    <row r="429" spans="1:31" ht="14.45">
      <c r="A429" s="11"/>
      <c r="B429" s="20"/>
      <c r="C429" s="2" t="s">
        <v>1656</v>
      </c>
      <c r="D429" s="14" t="s">
        <v>1657</v>
      </c>
      <c r="E429" s="2" t="s">
        <v>1658</v>
      </c>
      <c r="F429" s="2" t="s">
        <v>1517</v>
      </c>
      <c r="G429" s="8">
        <v>92</v>
      </c>
      <c r="H429" s="5">
        <v>5</v>
      </c>
      <c r="I429" s="5" t="s">
        <v>1518</v>
      </c>
      <c r="J429" s="5" t="s">
        <v>1519</v>
      </c>
      <c r="K429" s="2" t="s">
        <v>1520</v>
      </c>
      <c r="L429" s="5" t="s">
        <v>1519</v>
      </c>
      <c r="M429" s="2" t="s">
        <v>1520</v>
      </c>
      <c r="N429" s="5" t="s">
        <v>1521</v>
      </c>
      <c r="O429" s="5" t="s">
        <v>38</v>
      </c>
      <c r="P429" s="5" t="s">
        <v>39</v>
      </c>
      <c r="Q429" s="5" t="s">
        <v>40</v>
      </c>
      <c r="R429" s="5" t="s">
        <v>1522</v>
      </c>
      <c r="S429" s="5" t="s">
        <v>1523</v>
      </c>
      <c r="T429" s="5" t="s">
        <v>42</v>
      </c>
      <c r="U429" s="2">
        <v>2.6030000000000002</v>
      </c>
      <c r="V429" s="2">
        <v>2.2269999999999999</v>
      </c>
      <c r="W429" s="2">
        <v>0.01</v>
      </c>
      <c r="X429" s="2">
        <v>120.8</v>
      </c>
      <c r="Y429" s="2">
        <v>7.1</v>
      </c>
      <c r="Z429" s="2">
        <v>11.4</v>
      </c>
      <c r="AA429" s="5"/>
      <c r="AB429" s="5" t="s">
        <v>43</v>
      </c>
      <c r="AC429" s="5" t="s">
        <v>44</v>
      </c>
      <c r="AD429" s="2"/>
      <c r="AE429" s="1"/>
    </row>
    <row r="430" spans="1:31" ht="14.45">
      <c r="A430" s="11"/>
      <c r="B430" s="20"/>
      <c r="C430" s="2" t="s">
        <v>1659</v>
      </c>
      <c r="D430" s="14" t="s">
        <v>1660</v>
      </c>
      <c r="E430" s="2" t="s">
        <v>1661</v>
      </c>
      <c r="F430" s="2" t="s">
        <v>1527</v>
      </c>
      <c r="G430" s="8">
        <v>92</v>
      </c>
      <c r="H430" s="5">
        <v>5</v>
      </c>
      <c r="I430" s="5" t="s">
        <v>1518</v>
      </c>
      <c r="J430" s="5" t="s">
        <v>1519</v>
      </c>
      <c r="K430" s="2" t="s">
        <v>1520</v>
      </c>
      <c r="L430" s="5" t="s">
        <v>1519</v>
      </c>
      <c r="M430" s="2" t="s">
        <v>1520</v>
      </c>
      <c r="N430" s="5" t="s">
        <v>1521</v>
      </c>
      <c r="O430" s="5" t="s">
        <v>38</v>
      </c>
      <c r="P430" s="5" t="s">
        <v>39</v>
      </c>
      <c r="Q430" s="5" t="s">
        <v>40</v>
      </c>
      <c r="R430" s="5" t="s">
        <v>1522</v>
      </c>
      <c r="S430" s="5" t="s">
        <v>1523</v>
      </c>
      <c r="T430" s="5" t="s">
        <v>42</v>
      </c>
      <c r="U430" s="2">
        <v>2.6030000000000002</v>
      </c>
      <c r="V430" s="2">
        <v>2.2269999999999999</v>
      </c>
      <c r="W430" s="2">
        <v>0.01</v>
      </c>
      <c r="X430" s="2">
        <v>120.8</v>
      </c>
      <c r="Y430" s="2">
        <v>7.1</v>
      </c>
      <c r="Z430" s="2">
        <v>11.4</v>
      </c>
      <c r="AA430" s="5"/>
      <c r="AB430" s="5" t="s">
        <v>43</v>
      </c>
      <c r="AC430" s="5" t="s">
        <v>44</v>
      </c>
      <c r="AD430" s="2"/>
      <c r="AE430" s="1"/>
    </row>
    <row r="431" spans="1:31" ht="14.45">
      <c r="A431" s="11"/>
      <c r="B431" s="20"/>
      <c r="C431" s="2" t="s">
        <v>1662</v>
      </c>
      <c r="D431" s="14" t="s">
        <v>1663</v>
      </c>
      <c r="E431" s="2" t="s">
        <v>1664</v>
      </c>
      <c r="F431" s="2" t="s">
        <v>1531</v>
      </c>
      <c r="G431" s="8">
        <v>92</v>
      </c>
      <c r="H431" s="5">
        <v>5</v>
      </c>
      <c r="I431" s="5" t="s">
        <v>1518</v>
      </c>
      <c r="J431" s="5" t="s">
        <v>1519</v>
      </c>
      <c r="K431" s="2" t="s">
        <v>1520</v>
      </c>
      <c r="L431" s="5" t="s">
        <v>1519</v>
      </c>
      <c r="M431" s="2" t="s">
        <v>1520</v>
      </c>
      <c r="N431" s="5" t="s">
        <v>1521</v>
      </c>
      <c r="O431" s="5" t="s">
        <v>38</v>
      </c>
      <c r="P431" s="5" t="s">
        <v>39</v>
      </c>
      <c r="Q431" s="5" t="s">
        <v>40</v>
      </c>
      <c r="R431" s="5" t="s">
        <v>1522</v>
      </c>
      <c r="S431" s="5" t="s">
        <v>1523</v>
      </c>
      <c r="T431" s="5" t="s">
        <v>42</v>
      </c>
      <c r="U431" s="2">
        <v>2.59</v>
      </c>
      <c r="V431" s="2">
        <v>2.214</v>
      </c>
      <c r="W431" s="2">
        <v>0.01</v>
      </c>
      <c r="X431" s="2">
        <v>120.8</v>
      </c>
      <c r="Y431" s="2">
        <v>7.1</v>
      </c>
      <c r="Z431" s="2">
        <v>11.4</v>
      </c>
      <c r="AA431" s="5"/>
      <c r="AB431" s="5" t="s">
        <v>43</v>
      </c>
      <c r="AC431" s="5" t="s">
        <v>44</v>
      </c>
      <c r="AD431" s="2"/>
      <c r="AE431" s="1"/>
    </row>
    <row r="432" spans="1:31" ht="14.45">
      <c r="A432" s="11"/>
      <c r="B432" s="20"/>
      <c r="C432" s="2" t="s">
        <v>1665</v>
      </c>
      <c r="D432" s="14" t="s">
        <v>1666</v>
      </c>
      <c r="E432" s="2" t="s">
        <v>1667</v>
      </c>
      <c r="F432" s="2" t="s">
        <v>1535</v>
      </c>
      <c r="G432" s="8">
        <v>92</v>
      </c>
      <c r="H432" s="5">
        <v>5</v>
      </c>
      <c r="I432" s="5" t="s">
        <v>1518</v>
      </c>
      <c r="J432" s="5" t="s">
        <v>1519</v>
      </c>
      <c r="K432" s="2" t="s">
        <v>1520</v>
      </c>
      <c r="L432" s="5" t="s">
        <v>1519</v>
      </c>
      <c r="M432" s="2" t="s">
        <v>1520</v>
      </c>
      <c r="N432" s="5" t="s">
        <v>1521</v>
      </c>
      <c r="O432" s="5" t="s">
        <v>38</v>
      </c>
      <c r="P432" s="5" t="s">
        <v>39</v>
      </c>
      <c r="Q432" s="5" t="s">
        <v>40</v>
      </c>
      <c r="R432" s="5" t="s">
        <v>1522</v>
      </c>
      <c r="S432" s="5" t="s">
        <v>1523</v>
      </c>
      <c r="T432" s="5" t="s">
        <v>42</v>
      </c>
      <c r="U432" s="2">
        <v>2.59</v>
      </c>
      <c r="V432" s="2">
        <v>2.214</v>
      </c>
      <c r="W432" s="2">
        <v>0.01</v>
      </c>
      <c r="X432" s="2">
        <v>120.8</v>
      </c>
      <c r="Y432" s="2">
        <v>7.1</v>
      </c>
      <c r="Z432" s="2">
        <v>11.4</v>
      </c>
      <c r="AA432" s="5"/>
      <c r="AB432" s="5" t="s">
        <v>43</v>
      </c>
      <c r="AC432" s="5" t="s">
        <v>44</v>
      </c>
      <c r="AD432" s="2"/>
      <c r="AE432" s="1"/>
    </row>
    <row r="433" spans="1:31" ht="14.45">
      <c r="A433" s="11"/>
      <c r="B433" s="20"/>
      <c r="C433" s="2" t="s">
        <v>1668</v>
      </c>
      <c r="D433" s="14" t="s">
        <v>1669</v>
      </c>
      <c r="E433" s="2" t="s">
        <v>1670</v>
      </c>
      <c r="F433" s="2" t="s">
        <v>1517</v>
      </c>
      <c r="G433" s="8">
        <v>92</v>
      </c>
      <c r="H433" s="5">
        <v>5</v>
      </c>
      <c r="I433" s="5" t="s">
        <v>1518</v>
      </c>
      <c r="J433" s="5" t="s">
        <v>1519</v>
      </c>
      <c r="K433" s="2" t="s">
        <v>1520</v>
      </c>
      <c r="L433" s="5" t="s">
        <v>1519</v>
      </c>
      <c r="M433" s="2" t="s">
        <v>1520</v>
      </c>
      <c r="N433" s="5" t="s">
        <v>1521</v>
      </c>
      <c r="O433" s="5" t="s">
        <v>38</v>
      </c>
      <c r="P433" s="5" t="s">
        <v>39</v>
      </c>
      <c r="Q433" s="5" t="s">
        <v>40</v>
      </c>
      <c r="R433" s="5" t="s">
        <v>1522</v>
      </c>
      <c r="S433" s="5" t="s">
        <v>1523</v>
      </c>
      <c r="T433" s="5" t="s">
        <v>42</v>
      </c>
      <c r="U433" s="2">
        <v>2.4929999999999999</v>
      </c>
      <c r="V433" s="2">
        <v>2.0289999999999999</v>
      </c>
      <c r="W433" s="2">
        <v>1.0999999999999999E-2</v>
      </c>
      <c r="X433" s="2">
        <v>140.80000000000001</v>
      </c>
      <c r="Y433" s="2">
        <v>7.1</v>
      </c>
      <c r="Z433" s="2">
        <v>11.4</v>
      </c>
      <c r="AA433" s="5"/>
      <c r="AB433" s="5" t="s">
        <v>43</v>
      </c>
      <c r="AC433" s="5" t="s">
        <v>44</v>
      </c>
      <c r="AD433" s="2"/>
      <c r="AE433" s="1"/>
    </row>
    <row r="434" spans="1:31" ht="14.45">
      <c r="A434" s="11"/>
      <c r="B434" s="20"/>
      <c r="C434" s="2" t="s">
        <v>1671</v>
      </c>
      <c r="D434" s="14" t="s">
        <v>1672</v>
      </c>
      <c r="E434" s="2" t="s">
        <v>1673</v>
      </c>
      <c r="F434" s="2" t="s">
        <v>1527</v>
      </c>
      <c r="G434" s="8">
        <v>92</v>
      </c>
      <c r="H434" s="5">
        <v>5</v>
      </c>
      <c r="I434" s="5" t="s">
        <v>1518</v>
      </c>
      <c r="J434" s="5" t="s">
        <v>1519</v>
      </c>
      <c r="K434" s="2" t="s">
        <v>1520</v>
      </c>
      <c r="L434" s="5" t="s">
        <v>1519</v>
      </c>
      <c r="M434" s="2" t="s">
        <v>1520</v>
      </c>
      <c r="N434" s="5" t="s">
        <v>1521</v>
      </c>
      <c r="O434" s="5" t="s">
        <v>38</v>
      </c>
      <c r="P434" s="5" t="s">
        <v>39</v>
      </c>
      <c r="Q434" s="5" t="s">
        <v>40</v>
      </c>
      <c r="R434" s="5" t="s">
        <v>1522</v>
      </c>
      <c r="S434" s="5" t="s">
        <v>1523</v>
      </c>
      <c r="T434" s="5" t="s">
        <v>42</v>
      </c>
      <c r="U434" s="2">
        <v>2.4929999999999999</v>
      </c>
      <c r="V434" s="2">
        <v>2.0289999999999999</v>
      </c>
      <c r="W434" s="2">
        <v>1.0999999999999999E-2</v>
      </c>
      <c r="X434" s="2">
        <v>140.80000000000001</v>
      </c>
      <c r="Y434" s="2">
        <v>7.1</v>
      </c>
      <c r="Z434" s="2">
        <v>11.4</v>
      </c>
      <c r="AA434" s="5"/>
      <c r="AB434" s="5" t="s">
        <v>43</v>
      </c>
      <c r="AC434" s="5" t="s">
        <v>44</v>
      </c>
      <c r="AD434" s="2"/>
      <c r="AE434" s="1"/>
    </row>
    <row r="435" spans="1:31" ht="14.45">
      <c r="A435" s="11"/>
      <c r="B435" s="20"/>
      <c r="C435" s="2" t="s">
        <v>1674</v>
      </c>
      <c r="D435" s="14" t="s">
        <v>1675</v>
      </c>
      <c r="E435" s="2" t="s">
        <v>1676</v>
      </c>
      <c r="F435" s="2" t="s">
        <v>1531</v>
      </c>
      <c r="G435" s="8">
        <v>92</v>
      </c>
      <c r="H435" s="5">
        <v>5</v>
      </c>
      <c r="I435" s="5" t="s">
        <v>1518</v>
      </c>
      <c r="J435" s="5" t="s">
        <v>1519</v>
      </c>
      <c r="K435" s="2" t="s">
        <v>1520</v>
      </c>
      <c r="L435" s="5" t="s">
        <v>1519</v>
      </c>
      <c r="M435" s="2" t="s">
        <v>1520</v>
      </c>
      <c r="N435" s="5" t="s">
        <v>1521</v>
      </c>
      <c r="O435" s="5" t="s">
        <v>38</v>
      </c>
      <c r="P435" s="5" t="s">
        <v>39</v>
      </c>
      <c r="Q435" s="5" t="s">
        <v>40</v>
      </c>
      <c r="R435" s="5" t="s">
        <v>1522</v>
      </c>
      <c r="S435" s="5" t="s">
        <v>1523</v>
      </c>
      <c r="T435" s="5" t="s">
        <v>42</v>
      </c>
      <c r="U435" s="2">
        <v>2.4820000000000002</v>
      </c>
      <c r="V435" s="2">
        <v>2.0179999999999998</v>
      </c>
      <c r="W435" s="2">
        <v>1.0999999999999999E-2</v>
      </c>
      <c r="X435" s="2">
        <v>140.80000000000001</v>
      </c>
      <c r="Y435" s="2">
        <v>7.1</v>
      </c>
      <c r="Z435" s="2">
        <v>11.4</v>
      </c>
      <c r="AA435" s="5"/>
      <c r="AB435" s="5" t="s">
        <v>43</v>
      </c>
      <c r="AC435" s="5" t="s">
        <v>44</v>
      </c>
      <c r="AD435" s="2"/>
      <c r="AE435" s="1"/>
    </row>
    <row r="436" spans="1:31" ht="14.45">
      <c r="A436" s="11"/>
      <c r="B436" s="20"/>
      <c r="C436" s="2" t="s">
        <v>1677</v>
      </c>
      <c r="D436" s="14" t="s">
        <v>1678</v>
      </c>
      <c r="E436" s="2" t="s">
        <v>1679</v>
      </c>
      <c r="F436" s="2" t="s">
        <v>1535</v>
      </c>
      <c r="G436" s="8">
        <v>92</v>
      </c>
      <c r="H436" s="5">
        <v>5</v>
      </c>
      <c r="I436" s="5" t="s">
        <v>1518</v>
      </c>
      <c r="J436" s="5" t="s">
        <v>1519</v>
      </c>
      <c r="K436" s="2" t="s">
        <v>1520</v>
      </c>
      <c r="L436" s="5" t="s">
        <v>1519</v>
      </c>
      <c r="M436" s="2" t="s">
        <v>1520</v>
      </c>
      <c r="N436" s="5" t="s">
        <v>1521</v>
      </c>
      <c r="O436" s="5" t="s">
        <v>38</v>
      </c>
      <c r="P436" s="5" t="s">
        <v>39</v>
      </c>
      <c r="Q436" s="5" t="s">
        <v>40</v>
      </c>
      <c r="R436" s="5" t="s">
        <v>1522</v>
      </c>
      <c r="S436" s="5" t="s">
        <v>1523</v>
      </c>
      <c r="T436" s="5" t="s">
        <v>42</v>
      </c>
      <c r="U436" s="2">
        <v>2.4820000000000002</v>
      </c>
      <c r="V436" s="2">
        <v>2.0179999999999998</v>
      </c>
      <c r="W436" s="2">
        <v>1.0999999999999999E-2</v>
      </c>
      <c r="X436" s="2">
        <v>140.80000000000001</v>
      </c>
      <c r="Y436" s="2">
        <v>7.1</v>
      </c>
      <c r="Z436" s="2">
        <v>11.4</v>
      </c>
      <c r="AA436" s="5"/>
      <c r="AB436" s="5" t="s">
        <v>43</v>
      </c>
      <c r="AC436" s="5" t="s">
        <v>44</v>
      </c>
      <c r="AD436" s="2"/>
      <c r="AE436" s="1"/>
    </row>
    <row r="437" spans="1:31" ht="14.45">
      <c r="A437" s="11"/>
      <c r="B437" s="20"/>
      <c r="C437" s="2" t="s">
        <v>1680</v>
      </c>
      <c r="D437" s="14" t="s">
        <v>1681</v>
      </c>
      <c r="E437" s="2" t="s">
        <v>1682</v>
      </c>
      <c r="F437" s="2" t="s">
        <v>1517</v>
      </c>
      <c r="G437" s="8">
        <v>100</v>
      </c>
      <c r="H437" s="5">
        <v>5</v>
      </c>
      <c r="I437" s="5" t="s">
        <v>1518</v>
      </c>
      <c r="J437" s="5" t="s">
        <v>1519</v>
      </c>
      <c r="K437" s="2" t="s">
        <v>1520</v>
      </c>
      <c r="L437" s="5" t="s">
        <v>1519</v>
      </c>
      <c r="M437" s="2" t="s">
        <v>1520</v>
      </c>
      <c r="N437" s="5" t="s">
        <v>1521</v>
      </c>
      <c r="O437" s="5" t="s">
        <v>38</v>
      </c>
      <c r="P437" s="5" t="s">
        <v>39</v>
      </c>
      <c r="Q437" s="5" t="s">
        <v>40</v>
      </c>
      <c r="R437" s="5" t="s">
        <v>1522</v>
      </c>
      <c r="S437" s="5" t="s">
        <v>1523</v>
      </c>
      <c r="T437" s="5" t="s">
        <v>42</v>
      </c>
      <c r="U437" s="2">
        <v>2.9449999999999998</v>
      </c>
      <c r="V437" s="2">
        <v>2.4980000000000002</v>
      </c>
      <c r="W437" s="2">
        <v>1.0999999999999999E-2</v>
      </c>
      <c r="X437" s="2">
        <v>140.80000000000001</v>
      </c>
      <c r="Y437" s="2">
        <v>7.1</v>
      </c>
      <c r="Z437" s="2">
        <v>11.4</v>
      </c>
      <c r="AA437" s="5"/>
      <c r="AB437" s="5" t="s">
        <v>43</v>
      </c>
      <c r="AC437" s="5" t="s">
        <v>44</v>
      </c>
      <c r="AD437" s="2"/>
      <c r="AE437" s="1"/>
    </row>
    <row r="438" spans="1:31" ht="14.45">
      <c r="A438" s="11"/>
      <c r="B438" s="20"/>
      <c r="C438" s="2" t="s">
        <v>1683</v>
      </c>
      <c r="D438" s="14" t="s">
        <v>1684</v>
      </c>
      <c r="E438" s="2" t="s">
        <v>1685</v>
      </c>
      <c r="F438" s="2" t="s">
        <v>1527</v>
      </c>
      <c r="G438" s="8">
        <v>100</v>
      </c>
      <c r="H438" s="5">
        <v>5</v>
      </c>
      <c r="I438" s="5" t="s">
        <v>1518</v>
      </c>
      <c r="J438" s="5" t="s">
        <v>1519</v>
      </c>
      <c r="K438" s="2" t="s">
        <v>1520</v>
      </c>
      <c r="L438" s="5" t="s">
        <v>1519</v>
      </c>
      <c r="M438" s="2" t="s">
        <v>1520</v>
      </c>
      <c r="N438" s="5" t="s">
        <v>1521</v>
      </c>
      <c r="O438" s="5" t="s">
        <v>38</v>
      </c>
      <c r="P438" s="5" t="s">
        <v>39</v>
      </c>
      <c r="Q438" s="5" t="s">
        <v>40</v>
      </c>
      <c r="R438" s="5" t="s">
        <v>1522</v>
      </c>
      <c r="S438" s="5" t="s">
        <v>1523</v>
      </c>
      <c r="T438" s="5" t="s">
        <v>42</v>
      </c>
      <c r="U438" s="2">
        <v>2.9449999999999998</v>
      </c>
      <c r="V438" s="2">
        <v>2.4980000000000002</v>
      </c>
      <c r="W438" s="2">
        <v>1.0999999999999999E-2</v>
      </c>
      <c r="X438" s="2">
        <v>140.80000000000001</v>
      </c>
      <c r="Y438" s="2">
        <v>7.1</v>
      </c>
      <c r="Z438" s="2">
        <v>11.4</v>
      </c>
      <c r="AA438" s="5"/>
      <c r="AB438" s="5" t="s">
        <v>43</v>
      </c>
      <c r="AC438" s="5" t="s">
        <v>44</v>
      </c>
      <c r="AD438" s="2"/>
      <c r="AE438" s="1"/>
    </row>
    <row r="439" spans="1:31" ht="14.45">
      <c r="A439" s="11"/>
      <c r="B439" s="20"/>
      <c r="C439" s="2" t="s">
        <v>1686</v>
      </c>
      <c r="D439" s="14" t="s">
        <v>1687</v>
      </c>
      <c r="E439" s="2" t="s">
        <v>1688</v>
      </c>
      <c r="F439" s="2" t="s">
        <v>1531</v>
      </c>
      <c r="G439" s="8">
        <v>100</v>
      </c>
      <c r="H439" s="5">
        <v>5</v>
      </c>
      <c r="I439" s="5" t="s">
        <v>1518</v>
      </c>
      <c r="J439" s="5" t="s">
        <v>1519</v>
      </c>
      <c r="K439" s="2" t="s">
        <v>1520</v>
      </c>
      <c r="L439" s="5" t="s">
        <v>1519</v>
      </c>
      <c r="M439" s="2" t="s">
        <v>1520</v>
      </c>
      <c r="N439" s="5" t="s">
        <v>1521</v>
      </c>
      <c r="O439" s="5" t="s">
        <v>38</v>
      </c>
      <c r="P439" s="5" t="s">
        <v>39</v>
      </c>
      <c r="Q439" s="5" t="s">
        <v>40</v>
      </c>
      <c r="R439" s="5" t="s">
        <v>1522</v>
      </c>
      <c r="S439" s="5" t="s">
        <v>1523</v>
      </c>
      <c r="T439" s="5" t="s">
        <v>42</v>
      </c>
      <c r="U439" s="2">
        <v>2.9289999999999998</v>
      </c>
      <c r="V439" s="2">
        <v>2.4820000000000002</v>
      </c>
      <c r="W439" s="2">
        <v>1.0999999999999999E-2</v>
      </c>
      <c r="X439" s="2">
        <v>140.80000000000001</v>
      </c>
      <c r="Y439" s="2">
        <v>7.1</v>
      </c>
      <c r="Z439" s="2">
        <v>11.4</v>
      </c>
      <c r="AA439" s="5"/>
      <c r="AB439" s="5" t="s">
        <v>43</v>
      </c>
      <c r="AC439" s="5" t="s">
        <v>44</v>
      </c>
      <c r="AD439" s="2"/>
      <c r="AE439" s="1"/>
    </row>
    <row r="440" spans="1:31" ht="14.45">
      <c r="A440" s="11"/>
      <c r="B440" s="20"/>
      <c r="C440" s="2" t="s">
        <v>1689</v>
      </c>
      <c r="D440" s="14" t="s">
        <v>1690</v>
      </c>
      <c r="E440" s="2" t="s">
        <v>1691</v>
      </c>
      <c r="F440" s="2" t="s">
        <v>1535</v>
      </c>
      <c r="G440" s="8">
        <v>100</v>
      </c>
      <c r="H440" s="5">
        <v>5</v>
      </c>
      <c r="I440" s="5" t="s">
        <v>1518</v>
      </c>
      <c r="J440" s="5" t="s">
        <v>1519</v>
      </c>
      <c r="K440" s="2" t="s">
        <v>1520</v>
      </c>
      <c r="L440" s="5" t="s">
        <v>1519</v>
      </c>
      <c r="M440" s="2" t="s">
        <v>1520</v>
      </c>
      <c r="N440" s="5" t="s">
        <v>1521</v>
      </c>
      <c r="O440" s="5" t="s">
        <v>38</v>
      </c>
      <c r="P440" s="5" t="s">
        <v>39</v>
      </c>
      <c r="Q440" s="5" t="s">
        <v>40</v>
      </c>
      <c r="R440" s="5" t="s">
        <v>1522</v>
      </c>
      <c r="S440" s="5" t="s">
        <v>1523</v>
      </c>
      <c r="T440" s="5" t="s">
        <v>42</v>
      </c>
      <c r="U440" s="2">
        <v>2.9289999999999998</v>
      </c>
      <c r="V440" s="2">
        <v>2.4820000000000002</v>
      </c>
      <c r="W440" s="2">
        <v>1.0999999999999999E-2</v>
      </c>
      <c r="X440" s="2">
        <v>140.80000000000001</v>
      </c>
      <c r="Y440" s="2">
        <v>7.1</v>
      </c>
      <c r="Z440" s="2">
        <v>11.4</v>
      </c>
      <c r="AA440" s="5"/>
      <c r="AB440" s="5" t="s">
        <v>43</v>
      </c>
      <c r="AC440" s="5" t="s">
        <v>44</v>
      </c>
      <c r="AD440" s="2"/>
      <c r="AE440" s="1"/>
    </row>
    <row r="441" spans="1:31" ht="14.45">
      <c r="A441" s="11"/>
      <c r="B441" s="20"/>
      <c r="C441" s="2" t="s">
        <v>1692</v>
      </c>
      <c r="D441" s="14" t="s">
        <v>1693</v>
      </c>
      <c r="E441" s="2" t="s">
        <v>1694</v>
      </c>
      <c r="F441" s="2" t="s">
        <v>1695</v>
      </c>
      <c r="G441" s="8">
        <v>104</v>
      </c>
      <c r="H441" s="5">
        <v>6</v>
      </c>
      <c r="I441" s="5" t="s">
        <v>1518</v>
      </c>
      <c r="J441" s="5" t="s">
        <v>1519</v>
      </c>
      <c r="K441" s="2" t="s">
        <v>1520</v>
      </c>
      <c r="L441" s="5" t="s">
        <v>1519</v>
      </c>
      <c r="M441" s="2" t="s">
        <v>1520</v>
      </c>
      <c r="N441" s="5" t="s">
        <v>1521</v>
      </c>
      <c r="O441" s="5" t="s">
        <v>38</v>
      </c>
      <c r="P441" s="5" t="s">
        <v>39</v>
      </c>
      <c r="Q441" s="5" t="s">
        <v>40</v>
      </c>
      <c r="R441" s="5" t="s">
        <v>1522</v>
      </c>
      <c r="S441" s="5" t="s">
        <v>1523</v>
      </c>
      <c r="T441" s="5" t="s">
        <v>42</v>
      </c>
      <c r="U441" s="2">
        <v>1.389</v>
      </c>
      <c r="V441" s="2">
        <v>0.97499999999999998</v>
      </c>
      <c r="W441" s="2">
        <v>0.01</v>
      </c>
      <c r="X441" s="2">
        <v>76.900000000000006</v>
      </c>
      <c r="Y441" s="2">
        <v>7.6</v>
      </c>
      <c r="Z441" s="2">
        <v>16.7</v>
      </c>
      <c r="AA441" s="5"/>
      <c r="AB441" s="5" t="s">
        <v>43</v>
      </c>
      <c r="AC441" s="5" t="s">
        <v>44</v>
      </c>
      <c r="AD441" s="2"/>
      <c r="AE441" s="1"/>
    </row>
    <row r="442" spans="1:31" ht="14.45">
      <c r="A442" s="11"/>
      <c r="B442" s="20"/>
      <c r="C442" s="2" t="s">
        <v>1696</v>
      </c>
      <c r="D442" s="14" t="s">
        <v>1697</v>
      </c>
      <c r="E442" s="2" t="s">
        <v>1698</v>
      </c>
      <c r="F442" s="2" t="s">
        <v>1699</v>
      </c>
      <c r="G442" s="8">
        <v>104</v>
      </c>
      <c r="H442" s="5">
        <v>6</v>
      </c>
      <c r="I442" s="5" t="s">
        <v>1518</v>
      </c>
      <c r="J442" s="5" t="s">
        <v>1519</v>
      </c>
      <c r="K442" s="2" t="s">
        <v>1520</v>
      </c>
      <c r="L442" s="5" t="s">
        <v>1519</v>
      </c>
      <c r="M442" s="2" t="s">
        <v>1520</v>
      </c>
      <c r="N442" s="5" t="s">
        <v>1521</v>
      </c>
      <c r="O442" s="5" t="s">
        <v>38</v>
      </c>
      <c r="P442" s="5" t="s">
        <v>39</v>
      </c>
      <c r="Q442" s="5" t="s">
        <v>40</v>
      </c>
      <c r="R442" s="5" t="s">
        <v>1522</v>
      </c>
      <c r="S442" s="5" t="s">
        <v>1523</v>
      </c>
      <c r="T442" s="5" t="s">
        <v>42</v>
      </c>
      <c r="U442" s="2">
        <v>1.413</v>
      </c>
      <c r="V442" s="2">
        <v>0.999</v>
      </c>
      <c r="W442" s="2">
        <v>0.01</v>
      </c>
      <c r="X442" s="2">
        <v>76.900000000000006</v>
      </c>
      <c r="Y442" s="2">
        <v>7.6</v>
      </c>
      <c r="Z442" s="2">
        <v>16.7</v>
      </c>
      <c r="AA442" s="5"/>
      <c r="AB442" s="5" t="s">
        <v>43</v>
      </c>
      <c r="AC442" s="5" t="s">
        <v>44</v>
      </c>
      <c r="AD442" s="2"/>
      <c r="AE442" s="1"/>
    </row>
    <row r="443" spans="1:31" ht="14.45">
      <c r="A443" s="11"/>
      <c r="B443" s="20"/>
      <c r="C443" s="2" t="s">
        <v>1700</v>
      </c>
      <c r="D443" s="14" t="s">
        <v>1701</v>
      </c>
      <c r="E443" s="2" t="s">
        <v>1702</v>
      </c>
      <c r="F443" s="2" t="s">
        <v>1703</v>
      </c>
      <c r="G443" s="8">
        <v>104</v>
      </c>
      <c r="H443" s="5">
        <v>6</v>
      </c>
      <c r="I443" s="5" t="s">
        <v>1518</v>
      </c>
      <c r="J443" s="5" t="s">
        <v>1519</v>
      </c>
      <c r="K443" s="2" t="s">
        <v>1520</v>
      </c>
      <c r="L443" s="5" t="s">
        <v>1519</v>
      </c>
      <c r="M443" s="2" t="s">
        <v>1520</v>
      </c>
      <c r="N443" s="5" t="s">
        <v>1521</v>
      </c>
      <c r="O443" s="5" t="s">
        <v>38</v>
      </c>
      <c r="P443" s="5" t="s">
        <v>39</v>
      </c>
      <c r="Q443" s="5" t="s">
        <v>40</v>
      </c>
      <c r="R443" s="5" t="s">
        <v>1522</v>
      </c>
      <c r="S443" s="5" t="s">
        <v>1523</v>
      </c>
      <c r="T443" s="5" t="s">
        <v>42</v>
      </c>
      <c r="U443" s="2">
        <v>1.39</v>
      </c>
      <c r="V443" s="2">
        <v>0.97599999999999998</v>
      </c>
      <c r="W443" s="2">
        <v>0.01</v>
      </c>
      <c r="X443" s="2">
        <v>76.900000000000006</v>
      </c>
      <c r="Y443" s="2">
        <v>7.6</v>
      </c>
      <c r="Z443" s="2">
        <v>16.7</v>
      </c>
      <c r="AA443" s="5"/>
      <c r="AB443" s="5" t="s">
        <v>43</v>
      </c>
      <c r="AC443" s="5" t="s">
        <v>44</v>
      </c>
      <c r="AD443" s="2"/>
      <c r="AE443" s="1"/>
    </row>
    <row r="444" spans="1:31" ht="14.45">
      <c r="A444" s="11"/>
      <c r="B444" s="20"/>
      <c r="C444" s="2" t="s">
        <v>1704</v>
      </c>
      <c r="D444" s="14" t="s">
        <v>1705</v>
      </c>
      <c r="E444" s="2" t="s">
        <v>1706</v>
      </c>
      <c r="F444" s="2" t="s">
        <v>1707</v>
      </c>
      <c r="G444" s="8">
        <v>104</v>
      </c>
      <c r="H444" s="5">
        <v>6</v>
      </c>
      <c r="I444" s="5" t="s">
        <v>1518</v>
      </c>
      <c r="J444" s="5" t="s">
        <v>1519</v>
      </c>
      <c r="K444" s="2" t="s">
        <v>1520</v>
      </c>
      <c r="L444" s="5" t="s">
        <v>1519</v>
      </c>
      <c r="M444" s="2" t="s">
        <v>1520</v>
      </c>
      <c r="N444" s="5" t="s">
        <v>1521</v>
      </c>
      <c r="O444" s="5" t="s">
        <v>38</v>
      </c>
      <c r="P444" s="5" t="s">
        <v>39</v>
      </c>
      <c r="Q444" s="5" t="s">
        <v>40</v>
      </c>
      <c r="R444" s="5" t="s">
        <v>1522</v>
      </c>
      <c r="S444" s="5" t="s">
        <v>1523</v>
      </c>
      <c r="T444" s="5" t="s">
        <v>42</v>
      </c>
      <c r="U444" s="2">
        <v>1.4139999999999999</v>
      </c>
      <c r="V444" s="2">
        <v>1</v>
      </c>
      <c r="W444" s="2">
        <v>0.01</v>
      </c>
      <c r="X444" s="2">
        <v>76.900000000000006</v>
      </c>
      <c r="Y444" s="2">
        <v>7.6</v>
      </c>
      <c r="Z444" s="2">
        <v>16.7</v>
      </c>
      <c r="AA444" s="5"/>
      <c r="AB444" s="5" t="s">
        <v>43</v>
      </c>
      <c r="AC444" s="5" t="s">
        <v>44</v>
      </c>
      <c r="AD444" s="2"/>
      <c r="AE444" s="1"/>
    </row>
    <row r="445" spans="1:31" ht="14.45">
      <c r="A445" s="11"/>
      <c r="B445" s="20"/>
      <c r="C445" s="2" t="s">
        <v>1708</v>
      </c>
      <c r="D445" s="14" t="s">
        <v>1709</v>
      </c>
      <c r="E445" s="2" t="s">
        <v>1710</v>
      </c>
      <c r="F445" s="2" t="s">
        <v>1711</v>
      </c>
      <c r="G445" s="8">
        <v>104</v>
      </c>
      <c r="H445" s="5">
        <v>6</v>
      </c>
      <c r="I445" s="5" t="s">
        <v>1518</v>
      </c>
      <c r="J445" s="5" t="s">
        <v>1519</v>
      </c>
      <c r="K445" s="2" t="s">
        <v>1520</v>
      </c>
      <c r="L445" s="5" t="s">
        <v>1519</v>
      </c>
      <c r="M445" s="2" t="s">
        <v>1520</v>
      </c>
      <c r="N445" s="5" t="s">
        <v>1521</v>
      </c>
      <c r="O445" s="5" t="s">
        <v>38</v>
      </c>
      <c r="P445" s="5" t="s">
        <v>39</v>
      </c>
      <c r="Q445" s="5" t="s">
        <v>40</v>
      </c>
      <c r="R445" s="5" t="s">
        <v>1522</v>
      </c>
      <c r="S445" s="5" t="s">
        <v>1523</v>
      </c>
      <c r="T445" s="5" t="s">
        <v>42</v>
      </c>
      <c r="U445" s="2">
        <v>1.39</v>
      </c>
      <c r="V445" s="2">
        <v>0.97599999999999998</v>
      </c>
      <c r="W445" s="2">
        <v>0.01</v>
      </c>
      <c r="X445" s="2">
        <v>76.900000000000006</v>
      </c>
      <c r="Y445" s="2">
        <v>7.6</v>
      </c>
      <c r="Z445" s="2">
        <v>16.7</v>
      </c>
      <c r="AA445" s="5"/>
      <c r="AB445" s="5" t="s">
        <v>43</v>
      </c>
      <c r="AC445" s="5" t="s">
        <v>44</v>
      </c>
      <c r="AD445" s="2"/>
      <c r="AE445" s="1"/>
    </row>
    <row r="446" spans="1:31" ht="14.45">
      <c r="A446" s="11"/>
      <c r="B446" s="20"/>
      <c r="C446" s="2" t="s">
        <v>1712</v>
      </c>
      <c r="D446" s="14" t="s">
        <v>1713</v>
      </c>
      <c r="E446" s="2" t="s">
        <v>1714</v>
      </c>
      <c r="F446" s="2" t="s">
        <v>1715</v>
      </c>
      <c r="G446" s="8">
        <v>104</v>
      </c>
      <c r="H446" s="5">
        <v>6</v>
      </c>
      <c r="I446" s="5" t="s">
        <v>1518</v>
      </c>
      <c r="J446" s="5" t="s">
        <v>1519</v>
      </c>
      <c r="K446" s="2" t="s">
        <v>1520</v>
      </c>
      <c r="L446" s="5" t="s">
        <v>1519</v>
      </c>
      <c r="M446" s="2" t="s">
        <v>1520</v>
      </c>
      <c r="N446" s="5" t="s">
        <v>1521</v>
      </c>
      <c r="O446" s="5" t="s">
        <v>38</v>
      </c>
      <c r="P446" s="5" t="s">
        <v>39</v>
      </c>
      <c r="Q446" s="5" t="s">
        <v>40</v>
      </c>
      <c r="R446" s="5" t="s">
        <v>1522</v>
      </c>
      <c r="S446" s="5" t="s">
        <v>1523</v>
      </c>
      <c r="T446" s="5" t="s">
        <v>42</v>
      </c>
      <c r="U446" s="2">
        <v>1.4139999999999999</v>
      </c>
      <c r="V446" s="2">
        <v>1</v>
      </c>
      <c r="W446" s="2">
        <v>0.01</v>
      </c>
      <c r="X446" s="2">
        <v>76.900000000000006</v>
      </c>
      <c r="Y446" s="2">
        <v>7.6</v>
      </c>
      <c r="Z446" s="2">
        <v>16.7</v>
      </c>
      <c r="AA446" s="5"/>
      <c r="AB446" s="5" t="s">
        <v>43</v>
      </c>
      <c r="AC446" s="5" t="s">
        <v>44</v>
      </c>
      <c r="AD446" s="2"/>
      <c r="AE446" s="1"/>
    </row>
    <row r="447" spans="1:31" ht="14.45">
      <c r="A447" s="11"/>
      <c r="B447" s="20"/>
      <c r="C447" s="2" t="s">
        <v>1716</v>
      </c>
      <c r="D447" s="14" t="s">
        <v>1717</v>
      </c>
      <c r="E447" s="2" t="s">
        <v>1718</v>
      </c>
      <c r="F447" s="2" t="s">
        <v>1719</v>
      </c>
      <c r="G447" s="8">
        <v>104</v>
      </c>
      <c r="H447" s="5">
        <v>6</v>
      </c>
      <c r="I447" s="5" t="s">
        <v>1518</v>
      </c>
      <c r="J447" s="5" t="s">
        <v>1519</v>
      </c>
      <c r="K447" s="2" t="s">
        <v>1520</v>
      </c>
      <c r="L447" s="5" t="s">
        <v>1519</v>
      </c>
      <c r="M447" s="2" t="s">
        <v>1520</v>
      </c>
      <c r="N447" s="5" t="s">
        <v>1521</v>
      </c>
      <c r="O447" s="5" t="s">
        <v>38</v>
      </c>
      <c r="P447" s="5" t="s">
        <v>39</v>
      </c>
      <c r="Q447" s="5" t="s">
        <v>40</v>
      </c>
      <c r="R447" s="5" t="s">
        <v>1522</v>
      </c>
      <c r="S447" s="5" t="s">
        <v>1523</v>
      </c>
      <c r="T447" s="5" t="s">
        <v>42</v>
      </c>
      <c r="U447" s="2">
        <v>1.383</v>
      </c>
      <c r="V447" s="2">
        <v>0.96899999999999997</v>
      </c>
      <c r="W447" s="2">
        <v>0.01</v>
      </c>
      <c r="X447" s="2">
        <v>76.900000000000006</v>
      </c>
      <c r="Y447" s="2">
        <v>7.6</v>
      </c>
      <c r="Z447" s="2">
        <v>16.7</v>
      </c>
      <c r="AA447" s="5"/>
      <c r="AB447" s="5" t="s">
        <v>43</v>
      </c>
      <c r="AC447" s="5" t="s">
        <v>44</v>
      </c>
      <c r="AD447" s="2"/>
      <c r="AE447" s="1"/>
    </row>
    <row r="448" spans="1:31" ht="14.45">
      <c r="A448" s="11"/>
      <c r="B448" s="20"/>
      <c r="C448" s="2" t="s">
        <v>1720</v>
      </c>
      <c r="D448" s="14" t="s">
        <v>1721</v>
      </c>
      <c r="E448" s="2" t="s">
        <v>1722</v>
      </c>
      <c r="F448" s="2" t="s">
        <v>1723</v>
      </c>
      <c r="G448" s="8">
        <v>104</v>
      </c>
      <c r="H448" s="5">
        <v>6</v>
      </c>
      <c r="I448" s="5" t="s">
        <v>1518</v>
      </c>
      <c r="J448" s="5" t="s">
        <v>1519</v>
      </c>
      <c r="K448" s="2" t="s">
        <v>1520</v>
      </c>
      <c r="L448" s="5" t="s">
        <v>1519</v>
      </c>
      <c r="M448" s="2" t="s">
        <v>1520</v>
      </c>
      <c r="N448" s="5" t="s">
        <v>1521</v>
      </c>
      <c r="O448" s="5" t="s">
        <v>38</v>
      </c>
      <c r="P448" s="5" t="s">
        <v>39</v>
      </c>
      <c r="Q448" s="5" t="s">
        <v>40</v>
      </c>
      <c r="R448" s="5" t="s">
        <v>1522</v>
      </c>
      <c r="S448" s="5" t="s">
        <v>1523</v>
      </c>
      <c r="T448" s="5" t="s">
        <v>42</v>
      </c>
      <c r="U448" s="2">
        <v>1.407</v>
      </c>
      <c r="V448" s="2">
        <v>0.99299999999999999</v>
      </c>
      <c r="W448" s="2">
        <v>0.01</v>
      </c>
      <c r="X448" s="2">
        <v>76.900000000000006</v>
      </c>
      <c r="Y448" s="2">
        <v>7.6</v>
      </c>
      <c r="Z448" s="2">
        <v>16.7</v>
      </c>
      <c r="AA448" s="5"/>
      <c r="AB448" s="5" t="s">
        <v>43</v>
      </c>
      <c r="AC448" s="5" t="s">
        <v>44</v>
      </c>
      <c r="AD448" s="2"/>
      <c r="AE448" s="1"/>
    </row>
    <row r="449" spans="1:31" ht="14.45">
      <c r="A449" s="11"/>
      <c r="B449" s="20"/>
      <c r="C449" s="2" t="s">
        <v>1724</v>
      </c>
      <c r="D449" s="14" t="s">
        <v>1725</v>
      </c>
      <c r="E449" s="2" t="s">
        <v>1726</v>
      </c>
      <c r="F449" s="2" t="s">
        <v>1727</v>
      </c>
      <c r="G449" s="8">
        <v>119</v>
      </c>
      <c r="H449" s="5">
        <v>6</v>
      </c>
      <c r="I449" s="5" t="s">
        <v>1518</v>
      </c>
      <c r="J449" s="5" t="s">
        <v>1519</v>
      </c>
      <c r="K449" s="2" t="s">
        <v>1520</v>
      </c>
      <c r="L449" s="5" t="s">
        <v>1519</v>
      </c>
      <c r="M449" s="2" t="s">
        <v>1520</v>
      </c>
      <c r="N449" s="5" t="s">
        <v>1521</v>
      </c>
      <c r="O449" s="5" t="s">
        <v>38</v>
      </c>
      <c r="P449" s="5" t="s">
        <v>39</v>
      </c>
      <c r="Q449" s="5" t="s">
        <v>40</v>
      </c>
      <c r="R449" s="5" t="s">
        <v>1522</v>
      </c>
      <c r="S449" s="5" t="s">
        <v>1523</v>
      </c>
      <c r="T449" s="5" t="s">
        <v>42</v>
      </c>
      <c r="U449" s="2">
        <v>1.383</v>
      </c>
      <c r="V449" s="2">
        <v>0.96899999999999997</v>
      </c>
      <c r="W449" s="2">
        <v>0.01</v>
      </c>
      <c r="X449" s="2">
        <v>76.900000000000006</v>
      </c>
      <c r="Y449" s="2">
        <v>7.6</v>
      </c>
      <c r="Z449" s="2">
        <v>16.7</v>
      </c>
      <c r="AA449" s="5"/>
      <c r="AB449" s="5" t="s">
        <v>43</v>
      </c>
      <c r="AC449" s="5" t="s">
        <v>44</v>
      </c>
      <c r="AD449" s="2"/>
      <c r="AE449" s="1"/>
    </row>
    <row r="450" spans="1:31" ht="14.45">
      <c r="A450" s="11"/>
      <c r="B450" s="20"/>
      <c r="C450" s="2" t="s">
        <v>1728</v>
      </c>
      <c r="D450" s="14" t="s">
        <v>1729</v>
      </c>
      <c r="E450" s="2" t="s">
        <v>1730</v>
      </c>
      <c r="F450" s="2" t="s">
        <v>1731</v>
      </c>
      <c r="G450" s="8">
        <v>119</v>
      </c>
      <c r="H450" s="5">
        <v>6</v>
      </c>
      <c r="I450" s="5" t="s">
        <v>1518</v>
      </c>
      <c r="J450" s="5" t="s">
        <v>1519</v>
      </c>
      <c r="K450" s="2" t="s">
        <v>1520</v>
      </c>
      <c r="L450" s="5" t="s">
        <v>1519</v>
      </c>
      <c r="M450" s="2" t="s">
        <v>1520</v>
      </c>
      <c r="N450" s="5" t="s">
        <v>1521</v>
      </c>
      <c r="O450" s="5" t="s">
        <v>38</v>
      </c>
      <c r="P450" s="5" t="s">
        <v>39</v>
      </c>
      <c r="Q450" s="5" t="s">
        <v>40</v>
      </c>
      <c r="R450" s="5" t="s">
        <v>1522</v>
      </c>
      <c r="S450" s="5" t="s">
        <v>1523</v>
      </c>
      <c r="T450" s="5" t="s">
        <v>42</v>
      </c>
      <c r="U450" s="2">
        <v>1.407</v>
      </c>
      <c r="V450" s="2">
        <v>0.99299999999999999</v>
      </c>
      <c r="W450" s="2">
        <v>0.01</v>
      </c>
      <c r="X450" s="2">
        <v>76.900000000000006</v>
      </c>
      <c r="Y450" s="2">
        <v>7.6</v>
      </c>
      <c r="Z450" s="2">
        <v>16.7</v>
      </c>
      <c r="AA450" s="5"/>
      <c r="AB450" s="5" t="s">
        <v>43</v>
      </c>
      <c r="AC450" s="5" t="s">
        <v>44</v>
      </c>
      <c r="AD450" s="2"/>
      <c r="AE450" s="1"/>
    </row>
    <row r="451" spans="1:31" ht="14.45">
      <c r="A451" s="11"/>
      <c r="B451" s="20"/>
      <c r="C451" s="2" t="s">
        <v>1732</v>
      </c>
      <c r="D451" s="14" t="s">
        <v>1733</v>
      </c>
      <c r="E451" s="2" t="s">
        <v>1734</v>
      </c>
      <c r="F451" s="2" t="s">
        <v>1735</v>
      </c>
      <c r="G451" s="8">
        <v>119</v>
      </c>
      <c r="H451" s="5">
        <v>6</v>
      </c>
      <c r="I451" s="5" t="s">
        <v>1518</v>
      </c>
      <c r="J451" s="5" t="s">
        <v>1519</v>
      </c>
      <c r="K451" s="2" t="s">
        <v>1520</v>
      </c>
      <c r="L451" s="5" t="s">
        <v>1519</v>
      </c>
      <c r="M451" s="2" t="s">
        <v>1520</v>
      </c>
      <c r="N451" s="5" t="s">
        <v>1521</v>
      </c>
      <c r="O451" s="5" t="s">
        <v>38</v>
      </c>
      <c r="P451" s="5" t="s">
        <v>39</v>
      </c>
      <c r="Q451" s="5" t="s">
        <v>40</v>
      </c>
      <c r="R451" s="5" t="s">
        <v>1522</v>
      </c>
      <c r="S451" s="5" t="s">
        <v>1523</v>
      </c>
      <c r="T451" s="5" t="s">
        <v>42</v>
      </c>
      <c r="U451" s="2">
        <v>1.39</v>
      </c>
      <c r="V451" s="2">
        <v>0.97599999999999998</v>
      </c>
      <c r="W451" s="2">
        <v>0.01</v>
      </c>
      <c r="X451" s="2">
        <v>76.900000000000006</v>
      </c>
      <c r="Y451" s="2">
        <v>7.6</v>
      </c>
      <c r="Z451" s="2">
        <v>16.7</v>
      </c>
      <c r="AA451" s="5"/>
      <c r="AB451" s="5" t="s">
        <v>43</v>
      </c>
      <c r="AC451" s="5" t="s">
        <v>44</v>
      </c>
      <c r="AD451" s="2"/>
      <c r="AE451" s="1"/>
    </row>
    <row r="452" spans="1:31" ht="14.45">
      <c r="A452" s="11"/>
      <c r="B452" s="20"/>
      <c r="C452" s="2" t="s">
        <v>1736</v>
      </c>
      <c r="D452" s="14" t="s">
        <v>1737</v>
      </c>
      <c r="E452" s="2" t="s">
        <v>1738</v>
      </c>
      <c r="F452" s="2" t="s">
        <v>1739</v>
      </c>
      <c r="G452" s="8">
        <v>119</v>
      </c>
      <c r="H452" s="5">
        <v>6</v>
      </c>
      <c r="I452" s="5" t="s">
        <v>1518</v>
      </c>
      <c r="J452" s="5" t="s">
        <v>1519</v>
      </c>
      <c r="K452" s="2" t="s">
        <v>1520</v>
      </c>
      <c r="L452" s="5" t="s">
        <v>1519</v>
      </c>
      <c r="M452" s="2" t="s">
        <v>1520</v>
      </c>
      <c r="N452" s="5" t="s">
        <v>1521</v>
      </c>
      <c r="O452" s="5" t="s">
        <v>38</v>
      </c>
      <c r="P452" s="5" t="s">
        <v>39</v>
      </c>
      <c r="Q452" s="5" t="s">
        <v>40</v>
      </c>
      <c r="R452" s="5" t="s">
        <v>1522</v>
      </c>
      <c r="S452" s="5" t="s">
        <v>1523</v>
      </c>
      <c r="T452" s="5" t="s">
        <v>42</v>
      </c>
      <c r="U452" s="2">
        <v>1.4139999999999999</v>
      </c>
      <c r="V452" s="2">
        <v>1</v>
      </c>
      <c r="W452" s="2">
        <v>0.01</v>
      </c>
      <c r="X452" s="2">
        <v>76.900000000000006</v>
      </c>
      <c r="Y452" s="2">
        <v>7.6</v>
      </c>
      <c r="Z452" s="2">
        <v>16.7</v>
      </c>
      <c r="AA452" s="5"/>
      <c r="AB452" s="5" t="s">
        <v>43</v>
      </c>
      <c r="AC452" s="5" t="s">
        <v>44</v>
      </c>
      <c r="AD452" s="2"/>
      <c r="AE452" s="1"/>
    </row>
    <row r="453" spans="1:31" ht="14.45">
      <c r="A453" s="11"/>
      <c r="B453" s="20"/>
      <c r="C453" s="2" t="s">
        <v>1740</v>
      </c>
      <c r="D453" s="14" t="s">
        <v>1741</v>
      </c>
      <c r="E453" s="2" t="s">
        <v>1742</v>
      </c>
      <c r="F453" s="2" t="s">
        <v>1743</v>
      </c>
      <c r="G453" s="8">
        <v>119</v>
      </c>
      <c r="H453" s="5">
        <v>6</v>
      </c>
      <c r="I453" s="5" t="s">
        <v>1518</v>
      </c>
      <c r="J453" s="5" t="s">
        <v>1519</v>
      </c>
      <c r="K453" s="2" t="s">
        <v>1520</v>
      </c>
      <c r="L453" s="5" t="s">
        <v>1519</v>
      </c>
      <c r="M453" s="2" t="s">
        <v>1520</v>
      </c>
      <c r="N453" s="5" t="s">
        <v>1521</v>
      </c>
      <c r="O453" s="5" t="s">
        <v>38</v>
      </c>
      <c r="P453" s="5" t="s">
        <v>39</v>
      </c>
      <c r="Q453" s="5" t="s">
        <v>40</v>
      </c>
      <c r="R453" s="5" t="s">
        <v>1522</v>
      </c>
      <c r="S453" s="5" t="s">
        <v>1523</v>
      </c>
      <c r="T453" s="5" t="s">
        <v>42</v>
      </c>
      <c r="U453" s="2">
        <v>1.383</v>
      </c>
      <c r="V453" s="2">
        <v>0.96899999999999997</v>
      </c>
      <c r="W453" s="2">
        <v>0.01</v>
      </c>
      <c r="X453" s="2">
        <v>76.900000000000006</v>
      </c>
      <c r="Y453" s="2">
        <v>7.6</v>
      </c>
      <c r="Z453" s="2">
        <v>16.7</v>
      </c>
      <c r="AA453" s="5"/>
      <c r="AB453" s="5" t="s">
        <v>43</v>
      </c>
      <c r="AC453" s="5" t="s">
        <v>44</v>
      </c>
      <c r="AD453" s="2"/>
      <c r="AE453" s="1"/>
    </row>
    <row r="454" spans="1:31" ht="14.45">
      <c r="A454" s="11"/>
      <c r="B454" s="20"/>
      <c r="C454" s="2" t="s">
        <v>1744</v>
      </c>
      <c r="D454" s="14" t="s">
        <v>1745</v>
      </c>
      <c r="E454" s="2" t="s">
        <v>1746</v>
      </c>
      <c r="F454" s="2" t="s">
        <v>1747</v>
      </c>
      <c r="G454" s="8">
        <v>119</v>
      </c>
      <c r="H454" s="5">
        <v>6</v>
      </c>
      <c r="I454" s="5" t="s">
        <v>1518</v>
      </c>
      <c r="J454" s="5" t="s">
        <v>1519</v>
      </c>
      <c r="K454" s="2" t="s">
        <v>1520</v>
      </c>
      <c r="L454" s="5" t="s">
        <v>1519</v>
      </c>
      <c r="M454" s="2" t="s">
        <v>1520</v>
      </c>
      <c r="N454" s="5" t="s">
        <v>1521</v>
      </c>
      <c r="O454" s="5" t="s">
        <v>38</v>
      </c>
      <c r="P454" s="5" t="s">
        <v>39</v>
      </c>
      <c r="Q454" s="5" t="s">
        <v>40</v>
      </c>
      <c r="R454" s="5" t="s">
        <v>1522</v>
      </c>
      <c r="S454" s="5" t="s">
        <v>1523</v>
      </c>
      <c r="T454" s="5" t="s">
        <v>42</v>
      </c>
      <c r="U454" s="2">
        <v>1.407</v>
      </c>
      <c r="V454" s="2">
        <v>0.99299999999999999</v>
      </c>
      <c r="W454" s="2">
        <v>0.01</v>
      </c>
      <c r="X454" s="2">
        <v>76.900000000000006</v>
      </c>
      <c r="Y454" s="2">
        <v>7.6</v>
      </c>
      <c r="Z454" s="2">
        <v>16.7</v>
      </c>
      <c r="AA454" s="5"/>
      <c r="AB454" s="5" t="s">
        <v>43</v>
      </c>
      <c r="AC454" s="5" t="s">
        <v>44</v>
      </c>
      <c r="AD454" s="2"/>
      <c r="AE454" s="1"/>
    </row>
    <row r="455" spans="1:31" ht="14.45">
      <c r="A455" s="11"/>
      <c r="B455" s="20"/>
      <c r="C455" s="2" t="s">
        <v>1748</v>
      </c>
      <c r="D455" s="14" t="s">
        <v>1749</v>
      </c>
      <c r="E455" s="2" t="s">
        <v>1750</v>
      </c>
      <c r="F455" s="2" t="s">
        <v>1751</v>
      </c>
      <c r="G455" s="8">
        <v>119</v>
      </c>
      <c r="H455" s="5">
        <v>6</v>
      </c>
      <c r="I455" s="5" t="s">
        <v>1518</v>
      </c>
      <c r="J455" s="5" t="s">
        <v>1519</v>
      </c>
      <c r="K455" s="2" t="s">
        <v>1520</v>
      </c>
      <c r="L455" s="5" t="s">
        <v>1519</v>
      </c>
      <c r="M455" s="2" t="s">
        <v>1520</v>
      </c>
      <c r="N455" s="5" t="s">
        <v>1521</v>
      </c>
      <c r="O455" s="5" t="s">
        <v>38</v>
      </c>
      <c r="P455" s="5" t="s">
        <v>39</v>
      </c>
      <c r="Q455" s="5" t="s">
        <v>40</v>
      </c>
      <c r="R455" s="5" t="s">
        <v>1522</v>
      </c>
      <c r="S455" s="5" t="s">
        <v>1523</v>
      </c>
      <c r="T455" s="5" t="s">
        <v>42</v>
      </c>
      <c r="U455" s="2">
        <v>1.383</v>
      </c>
      <c r="V455" s="2">
        <v>0.96899999999999997</v>
      </c>
      <c r="W455" s="2">
        <v>0.01</v>
      </c>
      <c r="X455" s="2">
        <v>76.900000000000006</v>
      </c>
      <c r="Y455" s="2">
        <v>7.6</v>
      </c>
      <c r="Z455" s="2">
        <v>16.7</v>
      </c>
      <c r="AA455" s="5"/>
      <c r="AB455" s="5" t="s">
        <v>43</v>
      </c>
      <c r="AC455" s="5" t="s">
        <v>44</v>
      </c>
      <c r="AD455" s="2"/>
      <c r="AE455" s="1"/>
    </row>
    <row r="456" spans="1:31" ht="14.45">
      <c r="A456" s="11"/>
      <c r="B456" s="20"/>
      <c r="C456" s="2" t="s">
        <v>1752</v>
      </c>
      <c r="D456" s="14" t="s">
        <v>1753</v>
      </c>
      <c r="E456" s="2" t="s">
        <v>1754</v>
      </c>
      <c r="F456" s="2" t="s">
        <v>1755</v>
      </c>
      <c r="G456" s="8">
        <v>119</v>
      </c>
      <c r="H456" s="5">
        <v>6</v>
      </c>
      <c r="I456" s="5" t="s">
        <v>1518</v>
      </c>
      <c r="J456" s="5" t="s">
        <v>1519</v>
      </c>
      <c r="K456" s="2" t="s">
        <v>1520</v>
      </c>
      <c r="L456" s="5" t="s">
        <v>1519</v>
      </c>
      <c r="M456" s="2" t="s">
        <v>1520</v>
      </c>
      <c r="N456" s="5" t="s">
        <v>1521</v>
      </c>
      <c r="O456" s="5" t="s">
        <v>38</v>
      </c>
      <c r="P456" s="5" t="s">
        <v>39</v>
      </c>
      <c r="Q456" s="5" t="s">
        <v>40</v>
      </c>
      <c r="R456" s="5" t="s">
        <v>1522</v>
      </c>
      <c r="S456" s="5" t="s">
        <v>1523</v>
      </c>
      <c r="T456" s="5" t="s">
        <v>42</v>
      </c>
      <c r="U456" s="2">
        <v>1.407</v>
      </c>
      <c r="V456" s="2">
        <v>0.99299999999999999</v>
      </c>
      <c r="W456" s="2">
        <v>0.01</v>
      </c>
      <c r="X456" s="2">
        <v>76.900000000000006</v>
      </c>
      <c r="Y456" s="2">
        <v>7.6</v>
      </c>
      <c r="Z456" s="2">
        <v>16.7</v>
      </c>
      <c r="AA456" s="5"/>
      <c r="AB456" s="5" t="s">
        <v>43</v>
      </c>
      <c r="AC456" s="5" t="s">
        <v>44</v>
      </c>
      <c r="AD456" s="2"/>
      <c r="AE456" s="1"/>
    </row>
    <row r="457" spans="1:31" ht="14.45">
      <c r="A457" s="11"/>
      <c r="B457" s="20"/>
      <c r="C457" s="2" t="s">
        <v>1756</v>
      </c>
      <c r="D457" s="14" t="s">
        <v>1757</v>
      </c>
      <c r="E457" s="2" t="s">
        <v>1758</v>
      </c>
      <c r="F457" s="2" t="s">
        <v>1759</v>
      </c>
      <c r="G457" s="8">
        <v>119</v>
      </c>
      <c r="H457" s="5">
        <v>6</v>
      </c>
      <c r="I457" s="5" t="s">
        <v>1518</v>
      </c>
      <c r="J457" s="5" t="s">
        <v>1519</v>
      </c>
      <c r="K457" s="2" t="s">
        <v>1520</v>
      </c>
      <c r="L457" s="5" t="s">
        <v>1519</v>
      </c>
      <c r="M457" s="2" t="s">
        <v>1520</v>
      </c>
      <c r="N457" s="5" t="s">
        <v>1521</v>
      </c>
      <c r="O457" s="5" t="s">
        <v>38</v>
      </c>
      <c r="P457" s="5" t="s">
        <v>39</v>
      </c>
      <c r="Q457" s="5" t="s">
        <v>40</v>
      </c>
      <c r="R457" s="5" t="s">
        <v>1522</v>
      </c>
      <c r="S457" s="5" t="s">
        <v>1523</v>
      </c>
      <c r="T457" s="5" t="s">
        <v>42</v>
      </c>
      <c r="U457" s="2">
        <v>1.39</v>
      </c>
      <c r="V457" s="2">
        <v>0.97599999999999998</v>
      </c>
      <c r="W457" s="2">
        <v>0.01</v>
      </c>
      <c r="X457" s="2">
        <v>76.900000000000006</v>
      </c>
      <c r="Y457" s="2">
        <v>7.6</v>
      </c>
      <c r="Z457" s="2">
        <v>16.7</v>
      </c>
      <c r="AA457" s="5"/>
      <c r="AB457" s="5" t="s">
        <v>43</v>
      </c>
      <c r="AC457" s="5" t="s">
        <v>44</v>
      </c>
      <c r="AD457" s="2"/>
      <c r="AE457" s="1"/>
    </row>
    <row r="458" spans="1:31" ht="14.45">
      <c r="A458" s="11"/>
      <c r="B458" s="20"/>
      <c r="C458" s="2" t="s">
        <v>1760</v>
      </c>
      <c r="D458" s="14" t="s">
        <v>1761</v>
      </c>
      <c r="E458" s="2" t="s">
        <v>1762</v>
      </c>
      <c r="F458" s="2" t="s">
        <v>1763</v>
      </c>
      <c r="G458" s="8">
        <v>119</v>
      </c>
      <c r="H458" s="5">
        <v>6</v>
      </c>
      <c r="I458" s="5" t="s">
        <v>1518</v>
      </c>
      <c r="J458" s="5" t="s">
        <v>1519</v>
      </c>
      <c r="K458" s="2" t="s">
        <v>1520</v>
      </c>
      <c r="L458" s="5" t="s">
        <v>1519</v>
      </c>
      <c r="M458" s="2" t="s">
        <v>1520</v>
      </c>
      <c r="N458" s="5" t="s">
        <v>1521</v>
      </c>
      <c r="O458" s="5" t="s">
        <v>38</v>
      </c>
      <c r="P458" s="5" t="s">
        <v>39</v>
      </c>
      <c r="Q458" s="5" t="s">
        <v>40</v>
      </c>
      <c r="R458" s="5" t="s">
        <v>1522</v>
      </c>
      <c r="S458" s="5" t="s">
        <v>1523</v>
      </c>
      <c r="T458" s="5" t="s">
        <v>42</v>
      </c>
      <c r="U458" s="2">
        <v>1.4139999999999999</v>
      </c>
      <c r="V458" s="2">
        <v>1</v>
      </c>
      <c r="W458" s="2">
        <v>0.01</v>
      </c>
      <c r="X458" s="2">
        <v>76.900000000000006</v>
      </c>
      <c r="Y458" s="2">
        <v>7.6</v>
      </c>
      <c r="Z458" s="2">
        <v>16.7</v>
      </c>
      <c r="AA458" s="5"/>
      <c r="AB458" s="5" t="s">
        <v>43</v>
      </c>
      <c r="AC458" s="5" t="s">
        <v>44</v>
      </c>
      <c r="AD458" s="2"/>
      <c r="AE458" s="1"/>
    </row>
    <row r="459" spans="1:31" ht="14.45">
      <c r="A459" s="11"/>
      <c r="B459" s="20"/>
      <c r="C459" s="2" t="s">
        <v>1764</v>
      </c>
      <c r="D459" s="14" t="s">
        <v>1765</v>
      </c>
      <c r="E459" s="2" t="s">
        <v>1766</v>
      </c>
      <c r="F459" s="2" t="s">
        <v>1767</v>
      </c>
      <c r="G459" s="8">
        <v>119</v>
      </c>
      <c r="H459" s="5">
        <v>6</v>
      </c>
      <c r="I459" s="5" t="s">
        <v>1518</v>
      </c>
      <c r="J459" s="5" t="s">
        <v>1519</v>
      </c>
      <c r="K459" s="2" t="s">
        <v>1520</v>
      </c>
      <c r="L459" s="5" t="s">
        <v>1519</v>
      </c>
      <c r="M459" s="2" t="s">
        <v>1520</v>
      </c>
      <c r="N459" s="5" t="s">
        <v>1521</v>
      </c>
      <c r="O459" s="5" t="s">
        <v>38</v>
      </c>
      <c r="P459" s="5" t="s">
        <v>39</v>
      </c>
      <c r="Q459" s="5" t="s">
        <v>40</v>
      </c>
      <c r="R459" s="5" t="s">
        <v>1522</v>
      </c>
      <c r="S459" s="5" t="s">
        <v>1523</v>
      </c>
      <c r="T459" s="5" t="s">
        <v>42</v>
      </c>
      <c r="U459" s="2">
        <v>1.39</v>
      </c>
      <c r="V459" s="2">
        <v>0.97599999999999998</v>
      </c>
      <c r="W459" s="2">
        <v>0.01</v>
      </c>
      <c r="X459" s="2">
        <v>76.900000000000006</v>
      </c>
      <c r="Y459" s="2">
        <v>7.6</v>
      </c>
      <c r="Z459" s="2">
        <v>16.7</v>
      </c>
      <c r="AA459" s="5"/>
      <c r="AB459" s="5" t="s">
        <v>43</v>
      </c>
      <c r="AC459" s="5" t="s">
        <v>44</v>
      </c>
      <c r="AD459" s="2"/>
      <c r="AE459" s="1"/>
    </row>
    <row r="460" spans="1:31" ht="14.45">
      <c r="A460" s="11"/>
      <c r="B460" s="20"/>
      <c r="C460" s="2" t="s">
        <v>1768</v>
      </c>
      <c r="D460" s="14" t="s">
        <v>1769</v>
      </c>
      <c r="E460" s="2" t="s">
        <v>1770</v>
      </c>
      <c r="F460" s="2" t="s">
        <v>1771</v>
      </c>
      <c r="G460" s="8">
        <v>119</v>
      </c>
      <c r="H460" s="5">
        <v>6</v>
      </c>
      <c r="I460" s="5" t="s">
        <v>1518</v>
      </c>
      <c r="J460" s="5" t="s">
        <v>1519</v>
      </c>
      <c r="K460" s="2" t="s">
        <v>1520</v>
      </c>
      <c r="L460" s="5" t="s">
        <v>1519</v>
      </c>
      <c r="M460" s="2" t="s">
        <v>1520</v>
      </c>
      <c r="N460" s="5" t="s">
        <v>1521</v>
      </c>
      <c r="O460" s="5" t="s">
        <v>38</v>
      </c>
      <c r="P460" s="5" t="s">
        <v>39</v>
      </c>
      <c r="Q460" s="5" t="s">
        <v>40</v>
      </c>
      <c r="R460" s="5" t="s">
        <v>1522</v>
      </c>
      <c r="S460" s="5" t="s">
        <v>1523</v>
      </c>
      <c r="T460" s="5" t="s">
        <v>42</v>
      </c>
      <c r="U460" s="2">
        <v>1.4139999999999999</v>
      </c>
      <c r="V460" s="2">
        <v>1</v>
      </c>
      <c r="W460" s="2">
        <v>0.01</v>
      </c>
      <c r="X460" s="2">
        <v>76.900000000000006</v>
      </c>
      <c r="Y460" s="2">
        <v>7.6</v>
      </c>
      <c r="Z460" s="2">
        <v>16.7</v>
      </c>
      <c r="AA460" s="5"/>
      <c r="AB460" s="5" t="s">
        <v>43</v>
      </c>
      <c r="AC460" s="5" t="s">
        <v>44</v>
      </c>
      <c r="AD460" s="2"/>
      <c r="AE460" s="1"/>
    </row>
    <row r="461" spans="1:31" ht="14.45">
      <c r="A461" s="11"/>
      <c r="B461" s="20"/>
      <c r="C461" s="2" t="s">
        <v>1772</v>
      </c>
      <c r="D461" s="14" t="s">
        <v>1773</v>
      </c>
      <c r="E461" s="2" t="s">
        <v>1774</v>
      </c>
      <c r="F461" s="2" t="s">
        <v>1775</v>
      </c>
      <c r="G461" s="8">
        <v>119</v>
      </c>
      <c r="H461" s="5">
        <v>6</v>
      </c>
      <c r="I461" s="5" t="s">
        <v>1518</v>
      </c>
      <c r="J461" s="5" t="s">
        <v>1519</v>
      </c>
      <c r="K461" s="2" t="s">
        <v>1520</v>
      </c>
      <c r="L461" s="5" t="s">
        <v>1519</v>
      </c>
      <c r="M461" s="2" t="s">
        <v>1520</v>
      </c>
      <c r="N461" s="5" t="s">
        <v>1521</v>
      </c>
      <c r="O461" s="5" t="s">
        <v>38</v>
      </c>
      <c r="P461" s="5" t="s">
        <v>39</v>
      </c>
      <c r="Q461" s="5" t="s">
        <v>40</v>
      </c>
      <c r="R461" s="5" t="s">
        <v>1522</v>
      </c>
      <c r="S461" s="5" t="s">
        <v>1523</v>
      </c>
      <c r="T461" s="5" t="s">
        <v>42</v>
      </c>
      <c r="U461" s="2">
        <v>1.39</v>
      </c>
      <c r="V461" s="2">
        <v>0.97599999999999998</v>
      </c>
      <c r="W461" s="2">
        <v>0.01</v>
      </c>
      <c r="X461" s="2">
        <v>76.900000000000006</v>
      </c>
      <c r="Y461" s="2">
        <v>7.6</v>
      </c>
      <c r="Z461" s="2">
        <v>16.7</v>
      </c>
      <c r="AA461" s="5"/>
      <c r="AB461" s="5" t="s">
        <v>43</v>
      </c>
      <c r="AC461" s="5" t="s">
        <v>44</v>
      </c>
      <c r="AD461" s="2"/>
      <c r="AE461" s="1"/>
    </row>
    <row r="462" spans="1:31" ht="14.45">
      <c r="A462" s="11"/>
      <c r="B462" s="20"/>
      <c r="C462" s="2" t="s">
        <v>1776</v>
      </c>
      <c r="D462" s="14" t="s">
        <v>1777</v>
      </c>
      <c r="E462" s="2" t="s">
        <v>1778</v>
      </c>
      <c r="F462" s="2" t="s">
        <v>1779</v>
      </c>
      <c r="G462" s="8">
        <v>119</v>
      </c>
      <c r="H462" s="5">
        <v>6</v>
      </c>
      <c r="I462" s="5" t="s">
        <v>1518</v>
      </c>
      <c r="J462" s="5" t="s">
        <v>1519</v>
      </c>
      <c r="K462" s="2" t="s">
        <v>1520</v>
      </c>
      <c r="L462" s="5" t="s">
        <v>1519</v>
      </c>
      <c r="M462" s="2" t="s">
        <v>1520</v>
      </c>
      <c r="N462" s="5" t="s">
        <v>1521</v>
      </c>
      <c r="O462" s="5" t="s">
        <v>38</v>
      </c>
      <c r="P462" s="5" t="s">
        <v>39</v>
      </c>
      <c r="Q462" s="5" t="s">
        <v>40</v>
      </c>
      <c r="R462" s="5" t="s">
        <v>1522</v>
      </c>
      <c r="S462" s="5" t="s">
        <v>1523</v>
      </c>
      <c r="T462" s="5" t="s">
        <v>42</v>
      </c>
      <c r="U462" s="2">
        <v>1.4139999999999999</v>
      </c>
      <c r="V462" s="2">
        <v>1</v>
      </c>
      <c r="W462" s="2">
        <v>0.01</v>
      </c>
      <c r="X462" s="2">
        <v>76.900000000000006</v>
      </c>
      <c r="Y462" s="2">
        <v>7.6</v>
      </c>
      <c r="Z462" s="2">
        <v>16.7</v>
      </c>
      <c r="AA462" s="5"/>
      <c r="AB462" s="5" t="s">
        <v>43</v>
      </c>
      <c r="AC462" s="5" t="s">
        <v>44</v>
      </c>
      <c r="AD462" s="2"/>
      <c r="AE462" s="1"/>
    </row>
    <row r="463" spans="1:31" ht="14.45">
      <c r="A463" s="11"/>
      <c r="B463" s="20"/>
      <c r="C463" s="2" t="s">
        <v>1780</v>
      </c>
      <c r="D463" s="14" t="s">
        <v>1781</v>
      </c>
      <c r="E463" s="2" t="s">
        <v>1782</v>
      </c>
      <c r="F463" s="2" t="s">
        <v>1783</v>
      </c>
      <c r="G463" s="8">
        <v>119</v>
      </c>
      <c r="H463" s="5">
        <v>6</v>
      </c>
      <c r="I463" s="5" t="s">
        <v>1518</v>
      </c>
      <c r="J463" s="5" t="s">
        <v>1519</v>
      </c>
      <c r="K463" s="2" t="s">
        <v>1520</v>
      </c>
      <c r="L463" s="5" t="s">
        <v>1519</v>
      </c>
      <c r="M463" s="2" t="s">
        <v>1520</v>
      </c>
      <c r="N463" s="5" t="s">
        <v>1521</v>
      </c>
      <c r="O463" s="5" t="s">
        <v>38</v>
      </c>
      <c r="P463" s="5" t="s">
        <v>39</v>
      </c>
      <c r="Q463" s="5" t="s">
        <v>40</v>
      </c>
      <c r="R463" s="5" t="s">
        <v>1522</v>
      </c>
      <c r="S463" s="5" t="s">
        <v>1523</v>
      </c>
      <c r="T463" s="5" t="s">
        <v>42</v>
      </c>
      <c r="U463" s="2">
        <v>1.383</v>
      </c>
      <c r="V463" s="2">
        <v>0.96899999999999997</v>
      </c>
      <c r="W463" s="2">
        <v>0.01</v>
      </c>
      <c r="X463" s="2">
        <v>76.900000000000006</v>
      </c>
      <c r="Y463" s="2">
        <v>7.6</v>
      </c>
      <c r="Z463" s="2">
        <v>16.7</v>
      </c>
      <c r="AA463" s="5"/>
      <c r="AB463" s="5" t="s">
        <v>43</v>
      </c>
      <c r="AC463" s="5" t="s">
        <v>44</v>
      </c>
      <c r="AD463" s="2"/>
      <c r="AE463" s="1"/>
    </row>
    <row r="464" spans="1:31" ht="14.45">
      <c r="A464" s="11"/>
      <c r="B464" s="20"/>
      <c r="C464" s="2" t="s">
        <v>1784</v>
      </c>
      <c r="D464" s="14" t="s">
        <v>1785</v>
      </c>
      <c r="E464" s="2" t="s">
        <v>1786</v>
      </c>
      <c r="F464" s="2" t="s">
        <v>1787</v>
      </c>
      <c r="G464" s="8">
        <v>119</v>
      </c>
      <c r="H464" s="5">
        <v>6</v>
      </c>
      <c r="I464" s="5" t="s">
        <v>1518</v>
      </c>
      <c r="J464" s="5" t="s">
        <v>1519</v>
      </c>
      <c r="K464" s="2" t="s">
        <v>1520</v>
      </c>
      <c r="L464" s="5" t="s">
        <v>1519</v>
      </c>
      <c r="M464" s="2" t="s">
        <v>1520</v>
      </c>
      <c r="N464" s="5" t="s">
        <v>1521</v>
      </c>
      <c r="O464" s="5" t="s">
        <v>38</v>
      </c>
      <c r="P464" s="5" t="s">
        <v>39</v>
      </c>
      <c r="Q464" s="5" t="s">
        <v>40</v>
      </c>
      <c r="R464" s="5" t="s">
        <v>1522</v>
      </c>
      <c r="S464" s="5" t="s">
        <v>1523</v>
      </c>
      <c r="T464" s="5" t="s">
        <v>42</v>
      </c>
      <c r="U464" s="2">
        <v>1.407</v>
      </c>
      <c r="V464" s="2">
        <v>0.99299999999999999</v>
      </c>
      <c r="W464" s="2">
        <v>0.01</v>
      </c>
      <c r="X464" s="2">
        <v>76.900000000000006</v>
      </c>
      <c r="Y464" s="2">
        <v>7.6</v>
      </c>
      <c r="Z464" s="2">
        <v>16.7</v>
      </c>
      <c r="AA464" s="5"/>
      <c r="AB464" s="5" t="s">
        <v>43</v>
      </c>
      <c r="AC464" s="5" t="s">
        <v>44</v>
      </c>
      <c r="AD464" s="2"/>
      <c r="AE464" s="1"/>
    </row>
    <row r="465" spans="1:31" ht="14.45">
      <c r="A465" s="11"/>
      <c r="B465" s="20"/>
      <c r="C465" s="2" t="s">
        <v>1788</v>
      </c>
      <c r="D465" s="14" t="s">
        <v>1789</v>
      </c>
      <c r="E465" s="2" t="s">
        <v>1790</v>
      </c>
      <c r="F465" s="2" t="s">
        <v>1791</v>
      </c>
      <c r="G465" s="8">
        <v>119</v>
      </c>
      <c r="H465" s="5">
        <v>6</v>
      </c>
      <c r="I465" s="5" t="s">
        <v>1518</v>
      </c>
      <c r="J465" s="5" t="s">
        <v>1519</v>
      </c>
      <c r="K465" s="2" t="s">
        <v>1520</v>
      </c>
      <c r="L465" s="5" t="s">
        <v>1519</v>
      </c>
      <c r="M465" s="2" t="s">
        <v>1520</v>
      </c>
      <c r="N465" s="5" t="s">
        <v>1521</v>
      </c>
      <c r="O465" s="5" t="s">
        <v>38</v>
      </c>
      <c r="P465" s="5" t="s">
        <v>39</v>
      </c>
      <c r="Q465" s="5" t="s">
        <v>40</v>
      </c>
      <c r="R465" s="5" t="s">
        <v>1522</v>
      </c>
      <c r="S465" s="5" t="s">
        <v>1523</v>
      </c>
      <c r="T465" s="5" t="s">
        <v>42</v>
      </c>
      <c r="U465" s="2">
        <v>1.39</v>
      </c>
      <c r="V465" s="2">
        <v>0.97599999999999998</v>
      </c>
      <c r="W465" s="2">
        <v>0.01</v>
      </c>
      <c r="X465" s="2">
        <v>76.900000000000006</v>
      </c>
      <c r="Y465" s="2">
        <v>7.6</v>
      </c>
      <c r="Z465" s="2">
        <v>16.7</v>
      </c>
      <c r="AA465" s="5"/>
      <c r="AB465" s="5" t="s">
        <v>43</v>
      </c>
      <c r="AC465" s="5" t="s">
        <v>44</v>
      </c>
      <c r="AD465" s="2"/>
      <c r="AE465" s="1"/>
    </row>
    <row r="466" spans="1:31" ht="14.45">
      <c r="A466" s="11"/>
      <c r="B466" s="20"/>
      <c r="C466" s="2" t="s">
        <v>1792</v>
      </c>
      <c r="D466" s="14" t="s">
        <v>1793</v>
      </c>
      <c r="E466" s="2" t="s">
        <v>1794</v>
      </c>
      <c r="F466" s="2" t="s">
        <v>1795</v>
      </c>
      <c r="G466" s="8">
        <v>119</v>
      </c>
      <c r="H466" s="5">
        <v>6</v>
      </c>
      <c r="I466" s="5" t="s">
        <v>1518</v>
      </c>
      <c r="J466" s="5" t="s">
        <v>1519</v>
      </c>
      <c r="K466" s="2" t="s">
        <v>1520</v>
      </c>
      <c r="L466" s="5" t="s">
        <v>1519</v>
      </c>
      <c r="M466" s="2" t="s">
        <v>1520</v>
      </c>
      <c r="N466" s="5" t="s">
        <v>1521</v>
      </c>
      <c r="O466" s="5" t="s">
        <v>38</v>
      </c>
      <c r="P466" s="5" t="s">
        <v>39</v>
      </c>
      <c r="Q466" s="5" t="s">
        <v>40</v>
      </c>
      <c r="R466" s="5" t="s">
        <v>1522</v>
      </c>
      <c r="S466" s="5" t="s">
        <v>1523</v>
      </c>
      <c r="T466" s="5" t="s">
        <v>42</v>
      </c>
      <c r="U466" s="2">
        <v>1.4139999999999999</v>
      </c>
      <c r="V466" s="2">
        <v>1</v>
      </c>
      <c r="W466" s="2">
        <v>0.01</v>
      </c>
      <c r="X466" s="2">
        <v>76.900000000000006</v>
      </c>
      <c r="Y466" s="2">
        <v>7.6</v>
      </c>
      <c r="Z466" s="2">
        <v>16.7</v>
      </c>
      <c r="AA466" s="5"/>
      <c r="AB466" s="5" t="s">
        <v>43</v>
      </c>
      <c r="AC466" s="5" t="s">
        <v>44</v>
      </c>
      <c r="AD466" s="2"/>
      <c r="AE466" s="1"/>
    </row>
    <row r="467" spans="1:31" ht="14.45">
      <c r="A467" s="11"/>
      <c r="B467" s="20"/>
      <c r="C467" s="2" t="s">
        <v>1796</v>
      </c>
      <c r="D467" s="14" t="s">
        <v>1797</v>
      </c>
      <c r="E467" s="2" t="s">
        <v>1798</v>
      </c>
      <c r="F467" s="2" t="s">
        <v>1799</v>
      </c>
      <c r="G467" s="8">
        <v>119</v>
      </c>
      <c r="H467" s="5">
        <v>6</v>
      </c>
      <c r="I467" s="5" t="s">
        <v>1518</v>
      </c>
      <c r="J467" s="5" t="s">
        <v>1519</v>
      </c>
      <c r="K467" s="2" t="s">
        <v>1520</v>
      </c>
      <c r="L467" s="5" t="s">
        <v>1519</v>
      </c>
      <c r="M467" s="2" t="s">
        <v>1520</v>
      </c>
      <c r="N467" s="5" t="s">
        <v>1521</v>
      </c>
      <c r="O467" s="5" t="s">
        <v>38</v>
      </c>
      <c r="P467" s="5" t="s">
        <v>39</v>
      </c>
      <c r="Q467" s="5" t="s">
        <v>40</v>
      </c>
      <c r="R467" s="5" t="s">
        <v>1522</v>
      </c>
      <c r="S467" s="5" t="s">
        <v>1523</v>
      </c>
      <c r="T467" s="5" t="s">
        <v>42</v>
      </c>
      <c r="U467" s="2">
        <v>1.39</v>
      </c>
      <c r="V467" s="2">
        <v>0.97599999999999998</v>
      </c>
      <c r="W467" s="2">
        <v>0.01</v>
      </c>
      <c r="X467" s="2">
        <v>76.900000000000006</v>
      </c>
      <c r="Y467" s="2">
        <v>7.6</v>
      </c>
      <c r="Z467" s="2">
        <v>16.7</v>
      </c>
      <c r="AA467" s="5"/>
      <c r="AB467" s="5" t="s">
        <v>43</v>
      </c>
      <c r="AC467" s="5" t="s">
        <v>44</v>
      </c>
      <c r="AD467" s="2"/>
      <c r="AE467" s="1"/>
    </row>
    <row r="468" spans="1:31" ht="14.45">
      <c r="A468" s="11"/>
      <c r="B468" s="20"/>
      <c r="C468" s="2" t="s">
        <v>1800</v>
      </c>
      <c r="D468" s="14" t="s">
        <v>1801</v>
      </c>
      <c r="E468" s="2" t="s">
        <v>1802</v>
      </c>
      <c r="F468" s="2" t="s">
        <v>1803</v>
      </c>
      <c r="G468" s="8">
        <v>119</v>
      </c>
      <c r="H468" s="5">
        <v>6</v>
      </c>
      <c r="I468" s="5" t="s">
        <v>1518</v>
      </c>
      <c r="J468" s="5" t="s">
        <v>1519</v>
      </c>
      <c r="K468" s="2" t="s">
        <v>1520</v>
      </c>
      <c r="L468" s="5" t="s">
        <v>1519</v>
      </c>
      <c r="M468" s="2" t="s">
        <v>1520</v>
      </c>
      <c r="N468" s="5" t="s">
        <v>1521</v>
      </c>
      <c r="O468" s="5" t="s">
        <v>38</v>
      </c>
      <c r="P468" s="5" t="s">
        <v>39</v>
      </c>
      <c r="Q468" s="5" t="s">
        <v>40</v>
      </c>
      <c r="R468" s="5" t="s">
        <v>1522</v>
      </c>
      <c r="S468" s="5" t="s">
        <v>1523</v>
      </c>
      <c r="T468" s="5" t="s">
        <v>42</v>
      </c>
      <c r="U468" s="2">
        <v>1.4139999999999999</v>
      </c>
      <c r="V468" s="2">
        <v>1</v>
      </c>
      <c r="W468" s="2">
        <v>0.01</v>
      </c>
      <c r="X468" s="2">
        <v>76.900000000000006</v>
      </c>
      <c r="Y468" s="2">
        <v>7.6</v>
      </c>
      <c r="Z468" s="2">
        <v>16.7</v>
      </c>
      <c r="AA468" s="5"/>
      <c r="AB468" s="5" t="s">
        <v>43</v>
      </c>
      <c r="AC468" s="5" t="s">
        <v>44</v>
      </c>
      <c r="AD468" s="2"/>
      <c r="AE468" s="1"/>
    </row>
    <row r="469" spans="1:31" ht="14.45">
      <c r="A469" s="11"/>
      <c r="B469" s="20"/>
      <c r="C469" s="2" t="s">
        <v>1804</v>
      </c>
      <c r="D469" s="14" t="s">
        <v>1805</v>
      </c>
      <c r="E469" s="2" t="s">
        <v>1806</v>
      </c>
      <c r="F469" s="2" t="s">
        <v>1807</v>
      </c>
      <c r="G469" s="8">
        <v>119</v>
      </c>
      <c r="H469" s="5">
        <v>6</v>
      </c>
      <c r="I469" s="5" t="s">
        <v>1518</v>
      </c>
      <c r="J469" s="5" t="s">
        <v>1519</v>
      </c>
      <c r="K469" s="2" t="s">
        <v>1520</v>
      </c>
      <c r="L469" s="5" t="s">
        <v>1519</v>
      </c>
      <c r="M469" s="2" t="s">
        <v>1520</v>
      </c>
      <c r="N469" s="5" t="s">
        <v>1521</v>
      </c>
      <c r="O469" s="5" t="s">
        <v>38</v>
      </c>
      <c r="P469" s="5" t="s">
        <v>39</v>
      </c>
      <c r="Q469" s="5" t="s">
        <v>40</v>
      </c>
      <c r="R469" s="5" t="s">
        <v>1522</v>
      </c>
      <c r="S469" s="5" t="s">
        <v>1523</v>
      </c>
      <c r="T469" s="5" t="s">
        <v>42</v>
      </c>
      <c r="U469" s="2">
        <v>1.39</v>
      </c>
      <c r="V469" s="2">
        <v>0.97599999999999998</v>
      </c>
      <c r="W469" s="2">
        <v>0.01</v>
      </c>
      <c r="X469" s="2">
        <v>76.900000000000006</v>
      </c>
      <c r="Y469" s="2">
        <v>7.6</v>
      </c>
      <c r="Z469" s="2">
        <v>16.7</v>
      </c>
      <c r="AA469" s="5"/>
      <c r="AB469" s="5" t="s">
        <v>43</v>
      </c>
      <c r="AC469" s="5" t="s">
        <v>44</v>
      </c>
      <c r="AD469" s="2"/>
      <c r="AE469" s="1"/>
    </row>
    <row r="470" spans="1:31" ht="14.45">
      <c r="A470" s="11"/>
      <c r="B470" s="20"/>
      <c r="C470" s="2" t="s">
        <v>1808</v>
      </c>
      <c r="D470" s="14" t="s">
        <v>1809</v>
      </c>
      <c r="E470" s="2" t="s">
        <v>1810</v>
      </c>
      <c r="F470" s="2" t="s">
        <v>1811</v>
      </c>
      <c r="G470" s="8">
        <v>119</v>
      </c>
      <c r="H470" s="5">
        <v>6</v>
      </c>
      <c r="I470" s="5" t="s">
        <v>1518</v>
      </c>
      <c r="J470" s="5" t="s">
        <v>1519</v>
      </c>
      <c r="K470" s="2" t="s">
        <v>1520</v>
      </c>
      <c r="L470" s="5" t="s">
        <v>1519</v>
      </c>
      <c r="M470" s="2" t="s">
        <v>1520</v>
      </c>
      <c r="N470" s="5" t="s">
        <v>1521</v>
      </c>
      <c r="O470" s="5" t="s">
        <v>38</v>
      </c>
      <c r="P470" s="5" t="s">
        <v>39</v>
      </c>
      <c r="Q470" s="5" t="s">
        <v>40</v>
      </c>
      <c r="R470" s="5" t="s">
        <v>1522</v>
      </c>
      <c r="S470" s="5" t="s">
        <v>1523</v>
      </c>
      <c r="T470" s="5" t="s">
        <v>42</v>
      </c>
      <c r="U470" s="2">
        <v>1.4139999999999999</v>
      </c>
      <c r="V470" s="2">
        <v>1</v>
      </c>
      <c r="W470" s="2">
        <v>0.01</v>
      </c>
      <c r="X470" s="2">
        <v>76.900000000000006</v>
      </c>
      <c r="Y470" s="2">
        <v>7.6</v>
      </c>
      <c r="Z470" s="2">
        <v>16.7</v>
      </c>
      <c r="AA470" s="5"/>
      <c r="AB470" s="5" t="s">
        <v>43</v>
      </c>
      <c r="AC470" s="5" t="s">
        <v>44</v>
      </c>
      <c r="AD470" s="2"/>
      <c r="AE470" s="1"/>
    </row>
    <row r="471" spans="1:31" ht="14.45">
      <c r="A471" s="11"/>
      <c r="B471" s="20"/>
      <c r="C471" s="2" t="s">
        <v>1812</v>
      </c>
      <c r="D471" s="14" t="s">
        <v>1813</v>
      </c>
      <c r="E471" s="2" t="s">
        <v>1814</v>
      </c>
      <c r="F471" s="2" t="s">
        <v>1815</v>
      </c>
      <c r="G471" s="8">
        <v>119</v>
      </c>
      <c r="H471" s="5">
        <v>6</v>
      </c>
      <c r="I471" s="5" t="s">
        <v>1518</v>
      </c>
      <c r="J471" s="5" t="s">
        <v>1519</v>
      </c>
      <c r="K471" s="2" t="s">
        <v>1520</v>
      </c>
      <c r="L471" s="5" t="s">
        <v>1519</v>
      </c>
      <c r="M471" s="2" t="s">
        <v>1520</v>
      </c>
      <c r="N471" s="5" t="s">
        <v>1521</v>
      </c>
      <c r="O471" s="5" t="s">
        <v>38</v>
      </c>
      <c r="P471" s="5" t="s">
        <v>39</v>
      </c>
      <c r="Q471" s="5" t="s">
        <v>40</v>
      </c>
      <c r="R471" s="5" t="s">
        <v>1522</v>
      </c>
      <c r="S471" s="5" t="s">
        <v>1523</v>
      </c>
      <c r="T471" s="5" t="s">
        <v>42</v>
      </c>
      <c r="U471" s="2">
        <v>1.383</v>
      </c>
      <c r="V471" s="2">
        <v>0.96899999999999997</v>
      </c>
      <c r="W471" s="2">
        <v>0.01</v>
      </c>
      <c r="X471" s="2">
        <v>76.900000000000006</v>
      </c>
      <c r="Y471" s="2">
        <v>7.6</v>
      </c>
      <c r="Z471" s="2">
        <v>16.7</v>
      </c>
      <c r="AA471" s="5"/>
      <c r="AB471" s="5" t="s">
        <v>43</v>
      </c>
      <c r="AC471" s="5" t="s">
        <v>44</v>
      </c>
      <c r="AD471" s="2"/>
      <c r="AE471" s="1"/>
    </row>
    <row r="472" spans="1:31" ht="14.45">
      <c r="A472" s="11"/>
      <c r="B472" s="20"/>
      <c r="C472" s="2" t="s">
        <v>1816</v>
      </c>
      <c r="D472" s="14" t="s">
        <v>1817</v>
      </c>
      <c r="E472" s="2" t="s">
        <v>1818</v>
      </c>
      <c r="F472" s="2" t="s">
        <v>1819</v>
      </c>
      <c r="G472" s="8">
        <v>119</v>
      </c>
      <c r="H472" s="5">
        <v>6</v>
      </c>
      <c r="I472" s="5" t="s">
        <v>1518</v>
      </c>
      <c r="J472" s="5" t="s">
        <v>1519</v>
      </c>
      <c r="K472" s="2" t="s">
        <v>1520</v>
      </c>
      <c r="L472" s="5" t="s">
        <v>1519</v>
      </c>
      <c r="M472" s="2" t="s">
        <v>1520</v>
      </c>
      <c r="N472" s="5" t="s">
        <v>1521</v>
      </c>
      <c r="O472" s="5" t="s">
        <v>38</v>
      </c>
      <c r="P472" s="5" t="s">
        <v>39</v>
      </c>
      <c r="Q472" s="5" t="s">
        <v>40</v>
      </c>
      <c r="R472" s="5" t="s">
        <v>1522</v>
      </c>
      <c r="S472" s="5" t="s">
        <v>1523</v>
      </c>
      <c r="T472" s="5" t="s">
        <v>42</v>
      </c>
      <c r="U472" s="2">
        <v>1.407</v>
      </c>
      <c r="V472" s="2">
        <v>0.99299999999999999</v>
      </c>
      <c r="W472" s="2">
        <v>0.01</v>
      </c>
      <c r="X472" s="2">
        <v>76.900000000000006</v>
      </c>
      <c r="Y472" s="2">
        <v>7.6</v>
      </c>
      <c r="Z472" s="2">
        <v>16.7</v>
      </c>
      <c r="AA472" s="5"/>
      <c r="AB472" s="5" t="s">
        <v>43</v>
      </c>
      <c r="AC472" s="5" t="s">
        <v>44</v>
      </c>
      <c r="AD472" s="2"/>
      <c r="AE472" s="1"/>
    </row>
    <row r="473" spans="1:31" ht="14.45">
      <c r="A473" s="11"/>
      <c r="B473" s="20"/>
      <c r="C473" s="2" t="s">
        <v>1820</v>
      </c>
      <c r="D473" s="14" t="s">
        <v>1821</v>
      </c>
      <c r="E473" s="2" t="s">
        <v>1822</v>
      </c>
      <c r="F473" s="2" t="s">
        <v>1823</v>
      </c>
      <c r="G473" s="8">
        <v>119</v>
      </c>
      <c r="H473" s="5">
        <v>8</v>
      </c>
      <c r="I473" s="5" t="s">
        <v>1518</v>
      </c>
      <c r="J473" s="5" t="s">
        <v>1519</v>
      </c>
      <c r="K473" s="2" t="s">
        <v>1520</v>
      </c>
      <c r="L473" s="5" t="s">
        <v>1519</v>
      </c>
      <c r="M473" s="2" t="s">
        <v>1520</v>
      </c>
      <c r="N473" s="5" t="s">
        <v>1521</v>
      </c>
      <c r="O473" s="5" t="s">
        <v>38</v>
      </c>
      <c r="P473" s="5" t="s">
        <v>39</v>
      </c>
      <c r="Q473" s="5" t="s">
        <v>40</v>
      </c>
      <c r="R473" s="5" t="s">
        <v>1522</v>
      </c>
      <c r="S473" s="5" t="s">
        <v>1523</v>
      </c>
      <c r="T473" s="5" t="s">
        <v>42</v>
      </c>
      <c r="U473" s="2">
        <v>1.3959999999999999</v>
      </c>
      <c r="V473" s="2">
        <v>0.98199999999999998</v>
      </c>
      <c r="W473" s="2">
        <v>0.01</v>
      </c>
      <c r="X473" s="2">
        <v>76.900000000000006</v>
      </c>
      <c r="Y473" s="2">
        <v>7.6</v>
      </c>
      <c r="Z473" s="2">
        <v>16.7</v>
      </c>
      <c r="AA473" s="5"/>
      <c r="AB473" s="5" t="s">
        <v>43</v>
      </c>
      <c r="AC473" s="5" t="s">
        <v>44</v>
      </c>
      <c r="AD473" s="2"/>
      <c r="AE473" s="1"/>
    </row>
    <row r="474" spans="1:31" ht="14.45">
      <c r="A474" s="11"/>
      <c r="B474" s="20"/>
      <c r="C474" s="2" t="s">
        <v>1824</v>
      </c>
      <c r="D474" s="14" t="s">
        <v>1825</v>
      </c>
      <c r="E474" s="2" t="s">
        <v>1826</v>
      </c>
      <c r="F474" s="2" t="s">
        <v>1827</v>
      </c>
      <c r="G474" s="8">
        <v>119</v>
      </c>
      <c r="H474" s="5">
        <v>8</v>
      </c>
      <c r="I474" s="5" t="s">
        <v>1518</v>
      </c>
      <c r="J474" s="5" t="s">
        <v>1519</v>
      </c>
      <c r="K474" s="2" t="s">
        <v>1520</v>
      </c>
      <c r="L474" s="5" t="s">
        <v>1519</v>
      </c>
      <c r="M474" s="2" t="s">
        <v>1520</v>
      </c>
      <c r="N474" s="5" t="s">
        <v>1521</v>
      </c>
      <c r="O474" s="5" t="s">
        <v>38</v>
      </c>
      <c r="P474" s="5" t="s">
        <v>39</v>
      </c>
      <c r="Q474" s="5" t="s">
        <v>40</v>
      </c>
      <c r="R474" s="5" t="s">
        <v>1522</v>
      </c>
      <c r="S474" s="5" t="s">
        <v>1523</v>
      </c>
      <c r="T474" s="5" t="s">
        <v>42</v>
      </c>
      <c r="U474" s="2">
        <v>1.42</v>
      </c>
      <c r="V474" s="2">
        <v>1.006</v>
      </c>
      <c r="W474" s="2">
        <v>0.01</v>
      </c>
      <c r="X474" s="2">
        <v>76.900000000000006</v>
      </c>
      <c r="Y474" s="2">
        <v>7.6</v>
      </c>
      <c r="Z474" s="2">
        <v>16.7</v>
      </c>
      <c r="AA474" s="5"/>
      <c r="AB474" s="5" t="s">
        <v>43</v>
      </c>
      <c r="AC474" s="5" t="s">
        <v>44</v>
      </c>
      <c r="AD474" s="2"/>
      <c r="AE474" s="1"/>
    </row>
    <row r="475" spans="1:31" ht="14.45">
      <c r="A475" s="11"/>
      <c r="B475" s="20"/>
      <c r="C475" s="2" t="s">
        <v>1828</v>
      </c>
      <c r="D475" s="14" t="s">
        <v>1829</v>
      </c>
      <c r="E475" s="2" t="s">
        <v>1830</v>
      </c>
      <c r="F475" s="2" t="s">
        <v>1831</v>
      </c>
      <c r="G475" s="8">
        <v>119</v>
      </c>
      <c r="H475" s="5">
        <v>13</v>
      </c>
      <c r="I475" s="5" t="s">
        <v>1518</v>
      </c>
      <c r="J475" s="5" t="s">
        <v>1519</v>
      </c>
      <c r="K475" s="2" t="s">
        <v>1520</v>
      </c>
      <c r="L475" s="5" t="s">
        <v>1519</v>
      </c>
      <c r="M475" s="2" t="s">
        <v>1520</v>
      </c>
      <c r="N475" s="5" t="s">
        <v>1521</v>
      </c>
      <c r="O475" s="5" t="s">
        <v>38</v>
      </c>
      <c r="P475" s="5" t="s">
        <v>39</v>
      </c>
      <c r="Q475" s="5" t="s">
        <v>40</v>
      </c>
      <c r="R475" s="5" t="s">
        <v>1522</v>
      </c>
      <c r="S475" s="5" t="s">
        <v>1523</v>
      </c>
      <c r="T475" s="5" t="s">
        <v>42</v>
      </c>
      <c r="U475" s="2">
        <v>1.4219999999999999</v>
      </c>
      <c r="V475" s="2">
        <v>1.008</v>
      </c>
      <c r="W475" s="2">
        <v>0.01</v>
      </c>
      <c r="X475" s="2">
        <v>76.900000000000006</v>
      </c>
      <c r="Y475" s="2">
        <v>7.6</v>
      </c>
      <c r="Z475" s="2">
        <v>16.7</v>
      </c>
      <c r="AA475" s="5"/>
      <c r="AB475" s="5" t="s">
        <v>43</v>
      </c>
      <c r="AC475" s="5" t="s">
        <v>44</v>
      </c>
      <c r="AD475" s="2"/>
      <c r="AE475" s="1"/>
    </row>
    <row r="476" spans="1:31" ht="14.45">
      <c r="A476" s="11"/>
      <c r="B476" s="20"/>
      <c r="C476" s="2" t="s">
        <v>1832</v>
      </c>
      <c r="D476" s="14" t="s">
        <v>1833</v>
      </c>
      <c r="E476" s="2" t="s">
        <v>1834</v>
      </c>
      <c r="F476" s="2" t="s">
        <v>1835</v>
      </c>
      <c r="G476" s="8">
        <v>119</v>
      </c>
      <c r="H476" s="5">
        <v>13</v>
      </c>
      <c r="I476" s="5" t="s">
        <v>1518</v>
      </c>
      <c r="J476" s="5" t="s">
        <v>1519</v>
      </c>
      <c r="K476" s="2" t="s">
        <v>1520</v>
      </c>
      <c r="L476" s="5" t="s">
        <v>1519</v>
      </c>
      <c r="M476" s="2" t="s">
        <v>1520</v>
      </c>
      <c r="N476" s="5" t="s">
        <v>1521</v>
      </c>
      <c r="O476" s="5" t="s">
        <v>38</v>
      </c>
      <c r="P476" s="5" t="s">
        <v>39</v>
      </c>
      <c r="Q476" s="5" t="s">
        <v>40</v>
      </c>
      <c r="R476" s="5" t="s">
        <v>1522</v>
      </c>
      <c r="S476" s="5" t="s">
        <v>1523</v>
      </c>
      <c r="T476" s="5" t="s">
        <v>42</v>
      </c>
      <c r="U476" s="2">
        <v>1.446</v>
      </c>
      <c r="V476" s="2">
        <v>1.032</v>
      </c>
      <c r="W476" s="2">
        <v>0.01</v>
      </c>
      <c r="X476" s="2">
        <v>76.900000000000006</v>
      </c>
      <c r="Y476" s="2">
        <v>7.6</v>
      </c>
      <c r="Z476" s="2">
        <v>16.7</v>
      </c>
      <c r="AA476" s="5"/>
      <c r="AB476" s="5" t="s">
        <v>43</v>
      </c>
      <c r="AC476" s="5" t="s">
        <v>44</v>
      </c>
      <c r="AD476" s="2"/>
      <c r="AE476" s="1"/>
    </row>
    <row r="477" spans="1:31" ht="14.45">
      <c r="A477" s="11"/>
      <c r="B477" s="20"/>
      <c r="C477" s="2" t="s">
        <v>1836</v>
      </c>
      <c r="D477" s="14" t="s">
        <v>1837</v>
      </c>
      <c r="E477" s="2" t="s">
        <v>1838</v>
      </c>
      <c r="F477" s="2" t="s">
        <v>1839</v>
      </c>
      <c r="G477" s="8">
        <v>119</v>
      </c>
      <c r="H477" s="5">
        <v>13</v>
      </c>
      <c r="I477" s="5" t="s">
        <v>1518</v>
      </c>
      <c r="J477" s="5" t="s">
        <v>1519</v>
      </c>
      <c r="K477" s="2" t="s">
        <v>1520</v>
      </c>
      <c r="L477" s="5" t="s">
        <v>1519</v>
      </c>
      <c r="M477" s="2" t="s">
        <v>1520</v>
      </c>
      <c r="N477" s="5" t="s">
        <v>1521</v>
      </c>
      <c r="O477" s="5" t="s">
        <v>38</v>
      </c>
      <c r="P477" s="5" t="s">
        <v>39</v>
      </c>
      <c r="Q477" s="5" t="s">
        <v>40</v>
      </c>
      <c r="R477" s="5" t="s">
        <v>1522</v>
      </c>
      <c r="S477" s="5" t="s">
        <v>1523</v>
      </c>
      <c r="T477" s="5" t="s">
        <v>42</v>
      </c>
      <c r="U477" s="2">
        <v>1.4219999999999999</v>
      </c>
      <c r="V477" s="2">
        <v>1.008</v>
      </c>
      <c r="W477" s="2">
        <v>0.01</v>
      </c>
      <c r="X477" s="2">
        <v>76.900000000000006</v>
      </c>
      <c r="Y477" s="2">
        <v>7.6</v>
      </c>
      <c r="Z477" s="2">
        <v>16.7</v>
      </c>
      <c r="AA477" s="5"/>
      <c r="AB477" s="5" t="s">
        <v>43</v>
      </c>
      <c r="AC477" s="5" t="s">
        <v>44</v>
      </c>
      <c r="AD477" s="2"/>
      <c r="AE477" s="1"/>
    </row>
    <row r="478" spans="1:31" ht="14.45">
      <c r="A478" s="11"/>
      <c r="B478" s="20"/>
      <c r="C478" s="2" t="s">
        <v>1840</v>
      </c>
      <c r="D478" s="14" t="s">
        <v>1841</v>
      </c>
      <c r="E478" s="2" t="s">
        <v>1842</v>
      </c>
      <c r="F478" s="2" t="s">
        <v>1843</v>
      </c>
      <c r="G478" s="8">
        <v>119</v>
      </c>
      <c r="H478" s="5">
        <v>13</v>
      </c>
      <c r="I478" s="5" t="s">
        <v>1518</v>
      </c>
      <c r="J478" s="5" t="s">
        <v>1519</v>
      </c>
      <c r="K478" s="2" t="s">
        <v>1520</v>
      </c>
      <c r="L478" s="5" t="s">
        <v>1519</v>
      </c>
      <c r="M478" s="2" t="s">
        <v>1520</v>
      </c>
      <c r="N478" s="5" t="s">
        <v>1521</v>
      </c>
      <c r="O478" s="5" t="s">
        <v>38</v>
      </c>
      <c r="P478" s="5" t="s">
        <v>39</v>
      </c>
      <c r="Q478" s="5" t="s">
        <v>40</v>
      </c>
      <c r="R478" s="5" t="s">
        <v>1522</v>
      </c>
      <c r="S478" s="5" t="s">
        <v>1523</v>
      </c>
      <c r="T478" s="5" t="s">
        <v>42</v>
      </c>
      <c r="U478" s="2">
        <v>1.4219999999999999</v>
      </c>
      <c r="V478" s="2">
        <v>1.008</v>
      </c>
      <c r="W478" s="2">
        <v>0.01</v>
      </c>
      <c r="X478" s="2">
        <v>76.900000000000006</v>
      </c>
      <c r="Y478" s="2">
        <v>7.6</v>
      </c>
      <c r="Z478" s="2">
        <v>16.7</v>
      </c>
      <c r="AA478" s="5"/>
      <c r="AB478" s="5" t="s">
        <v>43</v>
      </c>
      <c r="AC478" s="5" t="s">
        <v>44</v>
      </c>
      <c r="AD478" s="2"/>
      <c r="AE478" s="1"/>
    </row>
    <row r="479" spans="1:31" ht="14.45">
      <c r="A479" s="11"/>
      <c r="B479" s="20"/>
      <c r="C479" s="2" t="s">
        <v>1844</v>
      </c>
      <c r="D479" s="14" t="s">
        <v>1845</v>
      </c>
      <c r="E479" s="2" t="s">
        <v>1846</v>
      </c>
      <c r="F479" s="2" t="s">
        <v>1847</v>
      </c>
      <c r="G479" s="8">
        <v>119</v>
      </c>
      <c r="H479" s="5">
        <v>13</v>
      </c>
      <c r="I479" s="5" t="s">
        <v>1518</v>
      </c>
      <c r="J479" s="5" t="s">
        <v>1519</v>
      </c>
      <c r="K479" s="2" t="s">
        <v>1520</v>
      </c>
      <c r="L479" s="5" t="s">
        <v>1519</v>
      </c>
      <c r="M479" s="2" t="s">
        <v>1520</v>
      </c>
      <c r="N479" s="5" t="s">
        <v>1521</v>
      </c>
      <c r="O479" s="5" t="s">
        <v>38</v>
      </c>
      <c r="P479" s="5" t="s">
        <v>39</v>
      </c>
      <c r="Q479" s="5" t="s">
        <v>40</v>
      </c>
      <c r="R479" s="5" t="s">
        <v>1522</v>
      </c>
      <c r="S479" s="5" t="s">
        <v>1523</v>
      </c>
      <c r="T479" s="5" t="s">
        <v>42</v>
      </c>
      <c r="U479" s="2">
        <v>1.446</v>
      </c>
      <c r="V479" s="2">
        <v>1.032</v>
      </c>
      <c r="W479" s="2">
        <v>0.01</v>
      </c>
      <c r="X479" s="2">
        <v>76.900000000000006</v>
      </c>
      <c r="Y479" s="2">
        <v>7.6</v>
      </c>
      <c r="Z479" s="2">
        <v>16.7</v>
      </c>
      <c r="AA479" s="5"/>
      <c r="AB479" s="5" t="s">
        <v>43</v>
      </c>
      <c r="AC479" s="5" t="s">
        <v>44</v>
      </c>
      <c r="AD479" s="2"/>
      <c r="AE479" s="1"/>
    </row>
    <row r="480" spans="1:31" ht="14.45">
      <c r="A480" s="11"/>
      <c r="B480" s="20"/>
      <c r="C480" s="2" t="s">
        <v>1848</v>
      </c>
      <c r="D480" s="14" t="s">
        <v>1849</v>
      </c>
      <c r="E480" s="2" t="s">
        <v>1850</v>
      </c>
      <c r="F480" s="2" t="s">
        <v>1851</v>
      </c>
      <c r="G480" s="8">
        <v>119</v>
      </c>
      <c r="H480" s="5">
        <v>13</v>
      </c>
      <c r="I480" s="5" t="s">
        <v>1518</v>
      </c>
      <c r="J480" s="5" t="s">
        <v>1519</v>
      </c>
      <c r="K480" s="2" t="s">
        <v>1520</v>
      </c>
      <c r="L480" s="5" t="s">
        <v>1519</v>
      </c>
      <c r="M480" s="2" t="s">
        <v>1520</v>
      </c>
      <c r="N480" s="5" t="s">
        <v>1521</v>
      </c>
      <c r="O480" s="5" t="s">
        <v>38</v>
      </c>
      <c r="P480" s="5" t="s">
        <v>39</v>
      </c>
      <c r="Q480" s="5" t="s">
        <v>40</v>
      </c>
      <c r="R480" s="5" t="s">
        <v>1522</v>
      </c>
      <c r="S480" s="5" t="s">
        <v>1523</v>
      </c>
      <c r="T480" s="5" t="s">
        <v>42</v>
      </c>
      <c r="U480" s="2">
        <v>1.4219999999999999</v>
      </c>
      <c r="V480" s="2">
        <v>1.008</v>
      </c>
      <c r="W480" s="2">
        <v>0.01</v>
      </c>
      <c r="X480" s="2">
        <v>76.900000000000006</v>
      </c>
      <c r="Y480" s="2">
        <v>7.6</v>
      </c>
      <c r="Z480" s="2">
        <v>16.7</v>
      </c>
      <c r="AA480" s="5"/>
      <c r="AB480" s="5" t="s">
        <v>43</v>
      </c>
      <c r="AC480" s="5" t="s">
        <v>44</v>
      </c>
      <c r="AD480" s="2"/>
      <c r="AE480" s="1"/>
    </row>
    <row r="481" spans="1:31" ht="14.45">
      <c r="A481" s="11"/>
      <c r="B481" s="20"/>
      <c r="C481" s="2" t="s">
        <v>1852</v>
      </c>
      <c r="D481" s="14" t="s">
        <v>1853</v>
      </c>
      <c r="E481" s="2" t="s">
        <v>1854</v>
      </c>
      <c r="F481" s="2" t="s">
        <v>1855</v>
      </c>
      <c r="G481" s="8">
        <v>119</v>
      </c>
      <c r="H481" s="5">
        <v>13</v>
      </c>
      <c r="I481" s="5" t="s">
        <v>1518</v>
      </c>
      <c r="J481" s="5" t="s">
        <v>1519</v>
      </c>
      <c r="K481" s="2" t="s">
        <v>1520</v>
      </c>
      <c r="L481" s="5" t="s">
        <v>1519</v>
      </c>
      <c r="M481" s="2" t="s">
        <v>1520</v>
      </c>
      <c r="N481" s="5" t="s">
        <v>1521</v>
      </c>
      <c r="O481" s="5" t="s">
        <v>38</v>
      </c>
      <c r="P481" s="5" t="s">
        <v>39</v>
      </c>
      <c r="Q481" s="5" t="s">
        <v>40</v>
      </c>
      <c r="R481" s="5" t="s">
        <v>1522</v>
      </c>
      <c r="S481" s="5" t="s">
        <v>1523</v>
      </c>
      <c r="T481" s="5" t="s">
        <v>42</v>
      </c>
      <c r="U481" s="2">
        <v>1.4219999999999999</v>
      </c>
      <c r="V481" s="2">
        <v>1.008</v>
      </c>
      <c r="W481" s="2">
        <v>0.01</v>
      </c>
      <c r="X481" s="2">
        <v>76.900000000000006</v>
      </c>
      <c r="Y481" s="2">
        <v>7.6</v>
      </c>
      <c r="Z481" s="2">
        <v>16.7</v>
      </c>
      <c r="AA481" s="5"/>
      <c r="AB481" s="5" t="s">
        <v>43</v>
      </c>
      <c r="AC481" s="5" t="s">
        <v>44</v>
      </c>
      <c r="AD481" s="2"/>
      <c r="AE481" s="1"/>
    </row>
    <row r="482" spans="1:31" ht="14.45">
      <c r="A482" s="11"/>
      <c r="B482" s="20"/>
      <c r="C482" s="2" t="s">
        <v>1856</v>
      </c>
      <c r="D482" s="14" t="s">
        <v>1857</v>
      </c>
      <c r="E482" s="2" t="s">
        <v>1858</v>
      </c>
      <c r="F482" s="2" t="s">
        <v>1859</v>
      </c>
      <c r="G482" s="8">
        <v>119</v>
      </c>
      <c r="H482" s="5">
        <v>13</v>
      </c>
      <c r="I482" s="5" t="s">
        <v>1518</v>
      </c>
      <c r="J482" s="5" t="s">
        <v>1519</v>
      </c>
      <c r="K482" s="2" t="s">
        <v>1520</v>
      </c>
      <c r="L482" s="5" t="s">
        <v>1519</v>
      </c>
      <c r="M482" s="2" t="s">
        <v>1520</v>
      </c>
      <c r="N482" s="5" t="s">
        <v>1521</v>
      </c>
      <c r="O482" s="5" t="s">
        <v>38</v>
      </c>
      <c r="P482" s="5" t="s">
        <v>39</v>
      </c>
      <c r="Q482" s="5" t="s">
        <v>40</v>
      </c>
      <c r="R482" s="5" t="s">
        <v>1522</v>
      </c>
      <c r="S482" s="5" t="s">
        <v>1523</v>
      </c>
      <c r="T482" s="5" t="s">
        <v>42</v>
      </c>
      <c r="U482" s="2">
        <v>1.446</v>
      </c>
      <c r="V482" s="2">
        <v>1.032</v>
      </c>
      <c r="W482" s="2">
        <v>0.01</v>
      </c>
      <c r="X482" s="2">
        <v>76.900000000000006</v>
      </c>
      <c r="Y482" s="2">
        <v>7.6</v>
      </c>
      <c r="Z482" s="2">
        <v>16.7</v>
      </c>
      <c r="AA482" s="5"/>
      <c r="AB482" s="5" t="s">
        <v>43</v>
      </c>
      <c r="AC482" s="5" t="s">
        <v>44</v>
      </c>
      <c r="AD482" s="2"/>
      <c r="AE482" s="1"/>
    </row>
    <row r="483" spans="1:31" ht="14.45">
      <c r="A483" s="11"/>
      <c r="B483" s="20"/>
      <c r="C483" s="2" t="s">
        <v>1860</v>
      </c>
      <c r="D483" s="14" t="s">
        <v>1861</v>
      </c>
      <c r="E483" s="2" t="s">
        <v>1862</v>
      </c>
      <c r="F483" s="2" t="s">
        <v>1863</v>
      </c>
      <c r="G483" s="8">
        <v>119</v>
      </c>
      <c r="H483" s="5">
        <v>11</v>
      </c>
      <c r="I483" s="5" t="s">
        <v>1518</v>
      </c>
      <c r="J483" s="5" t="s">
        <v>1519</v>
      </c>
      <c r="K483" s="2" t="s">
        <v>1520</v>
      </c>
      <c r="L483" s="5" t="s">
        <v>1519</v>
      </c>
      <c r="M483" s="2" t="s">
        <v>1520</v>
      </c>
      <c r="N483" s="5" t="s">
        <v>1521</v>
      </c>
      <c r="O483" s="5" t="s">
        <v>38</v>
      </c>
      <c r="P483" s="5" t="s">
        <v>39</v>
      </c>
      <c r="Q483" s="5" t="s">
        <v>40</v>
      </c>
      <c r="R483" s="5" t="s">
        <v>1522</v>
      </c>
      <c r="S483" s="5" t="s">
        <v>1523</v>
      </c>
      <c r="T483" s="5" t="s">
        <v>42</v>
      </c>
      <c r="U483" s="2">
        <v>1.387</v>
      </c>
      <c r="V483" s="2">
        <v>0.97299999999999998</v>
      </c>
      <c r="W483" s="2">
        <v>0.01</v>
      </c>
      <c r="X483" s="2">
        <v>76.900000000000006</v>
      </c>
      <c r="Y483" s="2">
        <v>7.6</v>
      </c>
      <c r="Z483" s="2">
        <v>16.7</v>
      </c>
      <c r="AA483" s="5"/>
      <c r="AB483" s="5" t="s">
        <v>43</v>
      </c>
      <c r="AC483" s="5" t="s">
        <v>44</v>
      </c>
      <c r="AD483" s="2"/>
      <c r="AE483" s="1"/>
    </row>
    <row r="484" spans="1:31" ht="14.45">
      <c r="A484" s="11"/>
      <c r="B484" s="20"/>
      <c r="C484" s="2" t="s">
        <v>1864</v>
      </c>
      <c r="D484" s="14" t="s">
        <v>1865</v>
      </c>
      <c r="E484" s="2" t="s">
        <v>1866</v>
      </c>
      <c r="F484" s="2" t="s">
        <v>1867</v>
      </c>
      <c r="G484" s="8">
        <v>119</v>
      </c>
      <c r="H484" s="5">
        <v>11</v>
      </c>
      <c r="I484" s="5" t="s">
        <v>1518</v>
      </c>
      <c r="J484" s="5" t="s">
        <v>1519</v>
      </c>
      <c r="K484" s="2" t="s">
        <v>1520</v>
      </c>
      <c r="L484" s="5" t="s">
        <v>1519</v>
      </c>
      <c r="M484" s="2" t="s">
        <v>1520</v>
      </c>
      <c r="N484" s="5" t="s">
        <v>1521</v>
      </c>
      <c r="O484" s="5" t="s">
        <v>38</v>
      </c>
      <c r="P484" s="5" t="s">
        <v>39</v>
      </c>
      <c r="Q484" s="5" t="s">
        <v>40</v>
      </c>
      <c r="R484" s="5" t="s">
        <v>1522</v>
      </c>
      <c r="S484" s="5" t="s">
        <v>1523</v>
      </c>
      <c r="T484" s="5" t="s">
        <v>42</v>
      </c>
      <c r="U484" s="2">
        <v>1.411</v>
      </c>
      <c r="V484" s="2">
        <v>0.997</v>
      </c>
      <c r="W484" s="2">
        <v>0.01</v>
      </c>
      <c r="X484" s="2">
        <v>76.900000000000006</v>
      </c>
      <c r="Y484" s="2">
        <v>7.6</v>
      </c>
      <c r="Z484" s="2">
        <v>16.7</v>
      </c>
      <c r="AA484" s="5"/>
      <c r="AB484" s="5" t="s">
        <v>43</v>
      </c>
      <c r="AC484" s="5" t="s">
        <v>44</v>
      </c>
      <c r="AD484" s="2"/>
      <c r="AE484" s="1"/>
    </row>
    <row r="485" spans="1:31" ht="14.45">
      <c r="A485" s="11"/>
      <c r="B485" s="20"/>
      <c r="C485" s="2" t="s">
        <v>1868</v>
      </c>
      <c r="D485" s="14" t="s">
        <v>1869</v>
      </c>
      <c r="E485" s="2" t="s">
        <v>1870</v>
      </c>
      <c r="F485" s="2" t="s">
        <v>1695</v>
      </c>
      <c r="G485" s="8">
        <v>119</v>
      </c>
      <c r="H485" s="5">
        <v>6</v>
      </c>
      <c r="I485" s="5" t="s">
        <v>1518</v>
      </c>
      <c r="J485" s="5" t="s">
        <v>1519</v>
      </c>
      <c r="K485" s="2" t="s">
        <v>1520</v>
      </c>
      <c r="L485" s="5" t="s">
        <v>1519</v>
      </c>
      <c r="M485" s="2" t="s">
        <v>1520</v>
      </c>
      <c r="N485" s="5" t="s">
        <v>1521</v>
      </c>
      <c r="O485" s="5" t="s">
        <v>38</v>
      </c>
      <c r="P485" s="5" t="s">
        <v>39</v>
      </c>
      <c r="Q485" s="5" t="s">
        <v>40</v>
      </c>
      <c r="R485" s="5" t="s">
        <v>1522</v>
      </c>
      <c r="S485" s="5" t="s">
        <v>1523</v>
      </c>
      <c r="T485" s="5" t="s">
        <v>42</v>
      </c>
      <c r="U485" s="2">
        <v>1.4950000000000001</v>
      </c>
      <c r="V485" s="2">
        <v>1.087</v>
      </c>
      <c r="W485" s="2">
        <v>0.01</v>
      </c>
      <c r="X485" s="2">
        <v>76.900000000000006</v>
      </c>
      <c r="Y485" s="2">
        <v>7.6</v>
      </c>
      <c r="Z485" s="2">
        <v>16.7</v>
      </c>
      <c r="AA485" s="5"/>
      <c r="AB485" s="5" t="s">
        <v>43</v>
      </c>
      <c r="AC485" s="5" t="s">
        <v>44</v>
      </c>
      <c r="AD485" s="2"/>
      <c r="AE485" s="1"/>
    </row>
    <row r="486" spans="1:31" ht="14.45">
      <c r="A486" s="11"/>
      <c r="B486" s="20"/>
      <c r="C486" s="2" t="s">
        <v>1871</v>
      </c>
      <c r="D486" s="14" t="s">
        <v>1872</v>
      </c>
      <c r="E486" s="2" t="s">
        <v>1873</v>
      </c>
      <c r="F486" s="2" t="s">
        <v>1699</v>
      </c>
      <c r="G486" s="8">
        <v>119</v>
      </c>
      <c r="H486" s="5">
        <v>6</v>
      </c>
      <c r="I486" s="5" t="s">
        <v>1518</v>
      </c>
      <c r="J486" s="5" t="s">
        <v>1519</v>
      </c>
      <c r="K486" s="2" t="s">
        <v>1520</v>
      </c>
      <c r="L486" s="5" t="s">
        <v>1519</v>
      </c>
      <c r="M486" s="2" t="s">
        <v>1520</v>
      </c>
      <c r="N486" s="5" t="s">
        <v>1521</v>
      </c>
      <c r="O486" s="5" t="s">
        <v>38</v>
      </c>
      <c r="P486" s="5" t="s">
        <v>39</v>
      </c>
      <c r="Q486" s="5" t="s">
        <v>40</v>
      </c>
      <c r="R486" s="5" t="s">
        <v>1522</v>
      </c>
      <c r="S486" s="5" t="s">
        <v>1523</v>
      </c>
      <c r="T486" s="5" t="s">
        <v>42</v>
      </c>
      <c r="U486" s="2">
        <v>1.5229999999999999</v>
      </c>
      <c r="V486" s="2">
        <v>1.115</v>
      </c>
      <c r="W486" s="2">
        <v>0.01</v>
      </c>
      <c r="X486" s="2">
        <v>76.900000000000006</v>
      </c>
      <c r="Y486" s="2">
        <v>7.6</v>
      </c>
      <c r="Z486" s="2">
        <v>16.7</v>
      </c>
      <c r="AA486" s="5"/>
      <c r="AB486" s="5" t="s">
        <v>43</v>
      </c>
      <c r="AC486" s="5" t="s">
        <v>44</v>
      </c>
      <c r="AD486" s="2"/>
      <c r="AE486" s="1"/>
    </row>
    <row r="487" spans="1:31" ht="14.45">
      <c r="A487" s="11"/>
      <c r="B487" s="20"/>
      <c r="C487" s="2" t="s">
        <v>1874</v>
      </c>
      <c r="D487" s="14" t="s">
        <v>1875</v>
      </c>
      <c r="E487" s="2" t="s">
        <v>1876</v>
      </c>
      <c r="F487" s="2" t="s">
        <v>1703</v>
      </c>
      <c r="G487" s="8">
        <v>119</v>
      </c>
      <c r="H487" s="5">
        <v>6</v>
      </c>
      <c r="I487" s="5" t="s">
        <v>1518</v>
      </c>
      <c r="J487" s="5" t="s">
        <v>1519</v>
      </c>
      <c r="K487" s="2" t="s">
        <v>1520</v>
      </c>
      <c r="L487" s="5" t="s">
        <v>1519</v>
      </c>
      <c r="M487" s="2" t="s">
        <v>1520</v>
      </c>
      <c r="N487" s="5" t="s">
        <v>1521</v>
      </c>
      <c r="O487" s="5" t="s">
        <v>38</v>
      </c>
      <c r="P487" s="5" t="s">
        <v>39</v>
      </c>
      <c r="Q487" s="5" t="s">
        <v>40</v>
      </c>
      <c r="R487" s="5" t="s">
        <v>1522</v>
      </c>
      <c r="S487" s="5" t="s">
        <v>1523</v>
      </c>
      <c r="T487" s="5" t="s">
        <v>42</v>
      </c>
      <c r="U487" s="2">
        <v>1.4970000000000001</v>
      </c>
      <c r="V487" s="2">
        <v>1.089</v>
      </c>
      <c r="W487" s="2">
        <v>0.01</v>
      </c>
      <c r="X487" s="2">
        <v>76.900000000000006</v>
      </c>
      <c r="Y487" s="2">
        <v>7.6</v>
      </c>
      <c r="Z487" s="2">
        <v>16.7</v>
      </c>
      <c r="AA487" s="5"/>
      <c r="AB487" s="5" t="s">
        <v>43</v>
      </c>
      <c r="AC487" s="5" t="s">
        <v>44</v>
      </c>
      <c r="AD487" s="2"/>
      <c r="AE487" s="1"/>
    </row>
    <row r="488" spans="1:31" ht="14.45">
      <c r="A488" s="11"/>
      <c r="B488" s="20"/>
      <c r="C488" s="2" t="s">
        <v>1877</v>
      </c>
      <c r="D488" s="14" t="s">
        <v>1878</v>
      </c>
      <c r="E488" s="2" t="s">
        <v>1879</v>
      </c>
      <c r="F488" s="2" t="s">
        <v>1707</v>
      </c>
      <c r="G488" s="8">
        <v>119</v>
      </c>
      <c r="H488" s="5">
        <v>6</v>
      </c>
      <c r="I488" s="5" t="s">
        <v>1518</v>
      </c>
      <c r="J488" s="5" t="s">
        <v>1519</v>
      </c>
      <c r="K488" s="2" t="s">
        <v>1520</v>
      </c>
      <c r="L488" s="5" t="s">
        <v>1519</v>
      </c>
      <c r="M488" s="2" t="s">
        <v>1520</v>
      </c>
      <c r="N488" s="5" t="s">
        <v>1521</v>
      </c>
      <c r="O488" s="5" t="s">
        <v>38</v>
      </c>
      <c r="P488" s="5" t="s">
        <v>39</v>
      </c>
      <c r="Q488" s="5" t="s">
        <v>40</v>
      </c>
      <c r="R488" s="5" t="s">
        <v>1522</v>
      </c>
      <c r="S488" s="5" t="s">
        <v>1523</v>
      </c>
      <c r="T488" s="5" t="s">
        <v>42</v>
      </c>
      <c r="U488" s="2">
        <v>1.5249999999999999</v>
      </c>
      <c r="V488" s="2">
        <v>1.117</v>
      </c>
      <c r="W488" s="2">
        <v>0.01</v>
      </c>
      <c r="X488" s="2">
        <v>76.900000000000006</v>
      </c>
      <c r="Y488" s="2">
        <v>7.6</v>
      </c>
      <c r="Z488" s="2">
        <v>16.7</v>
      </c>
      <c r="AA488" s="5"/>
      <c r="AB488" s="5" t="s">
        <v>43</v>
      </c>
      <c r="AC488" s="5" t="s">
        <v>44</v>
      </c>
      <c r="AD488" s="2"/>
      <c r="AE488" s="1"/>
    </row>
    <row r="489" spans="1:31" ht="14.45">
      <c r="A489" s="11"/>
      <c r="B489" s="20"/>
      <c r="C489" s="2" t="s">
        <v>1880</v>
      </c>
      <c r="D489" s="14" t="s">
        <v>1881</v>
      </c>
      <c r="E489" s="2" t="s">
        <v>1882</v>
      </c>
      <c r="F489" s="2" t="s">
        <v>1711</v>
      </c>
      <c r="G489" s="8">
        <v>119</v>
      </c>
      <c r="H489" s="5">
        <v>6</v>
      </c>
      <c r="I489" s="5" t="s">
        <v>1518</v>
      </c>
      <c r="J489" s="5" t="s">
        <v>1519</v>
      </c>
      <c r="K489" s="2" t="s">
        <v>1520</v>
      </c>
      <c r="L489" s="5" t="s">
        <v>1519</v>
      </c>
      <c r="M489" s="2" t="s">
        <v>1520</v>
      </c>
      <c r="N489" s="5" t="s">
        <v>1521</v>
      </c>
      <c r="O489" s="5" t="s">
        <v>38</v>
      </c>
      <c r="P489" s="5" t="s">
        <v>39</v>
      </c>
      <c r="Q489" s="5" t="s">
        <v>40</v>
      </c>
      <c r="R489" s="5" t="s">
        <v>1522</v>
      </c>
      <c r="S489" s="5" t="s">
        <v>1523</v>
      </c>
      <c r="T489" s="5" t="s">
        <v>42</v>
      </c>
      <c r="U489" s="2">
        <v>1.4970000000000001</v>
      </c>
      <c r="V489" s="2">
        <v>1.089</v>
      </c>
      <c r="W489" s="2">
        <v>0.01</v>
      </c>
      <c r="X489" s="2">
        <v>76.900000000000006</v>
      </c>
      <c r="Y489" s="2">
        <v>7.6</v>
      </c>
      <c r="Z489" s="2">
        <v>16.7</v>
      </c>
      <c r="AA489" s="5"/>
      <c r="AB489" s="5" t="s">
        <v>43</v>
      </c>
      <c r="AC489" s="5" t="s">
        <v>44</v>
      </c>
      <c r="AD489" s="2"/>
      <c r="AE489" s="1"/>
    </row>
    <row r="490" spans="1:31" ht="14.45">
      <c r="A490" s="11"/>
      <c r="B490" s="20"/>
      <c r="C490" s="2" t="s">
        <v>1883</v>
      </c>
      <c r="D490" s="14" t="s">
        <v>1884</v>
      </c>
      <c r="E490" s="2" t="s">
        <v>1885</v>
      </c>
      <c r="F490" s="2" t="s">
        <v>1715</v>
      </c>
      <c r="G490" s="8">
        <v>119</v>
      </c>
      <c r="H490" s="5">
        <v>6</v>
      </c>
      <c r="I490" s="5" t="s">
        <v>1518</v>
      </c>
      <c r="J490" s="5" t="s">
        <v>1519</v>
      </c>
      <c r="K490" s="2" t="s">
        <v>1520</v>
      </c>
      <c r="L490" s="5" t="s">
        <v>1519</v>
      </c>
      <c r="M490" s="2" t="s">
        <v>1520</v>
      </c>
      <c r="N490" s="5" t="s">
        <v>1521</v>
      </c>
      <c r="O490" s="5" t="s">
        <v>38</v>
      </c>
      <c r="P490" s="5" t="s">
        <v>39</v>
      </c>
      <c r="Q490" s="5" t="s">
        <v>40</v>
      </c>
      <c r="R490" s="5" t="s">
        <v>1522</v>
      </c>
      <c r="S490" s="5" t="s">
        <v>1523</v>
      </c>
      <c r="T490" s="5" t="s">
        <v>42</v>
      </c>
      <c r="U490" s="2">
        <v>1.5249999999999999</v>
      </c>
      <c r="V490" s="2">
        <v>1.117</v>
      </c>
      <c r="W490" s="2">
        <v>0.01</v>
      </c>
      <c r="X490" s="2">
        <v>76.900000000000006</v>
      </c>
      <c r="Y490" s="2">
        <v>7.6</v>
      </c>
      <c r="Z490" s="2">
        <v>16.7</v>
      </c>
      <c r="AA490" s="5"/>
      <c r="AB490" s="5" t="s">
        <v>43</v>
      </c>
      <c r="AC490" s="5" t="s">
        <v>44</v>
      </c>
      <c r="AD490" s="2"/>
      <c r="AE490" s="1"/>
    </row>
    <row r="491" spans="1:31" ht="14.45">
      <c r="A491" s="11"/>
      <c r="B491" s="20"/>
      <c r="C491" s="2" t="s">
        <v>1886</v>
      </c>
      <c r="D491" s="14" t="s">
        <v>1887</v>
      </c>
      <c r="E491" s="2" t="s">
        <v>1888</v>
      </c>
      <c r="F491" s="2" t="s">
        <v>1719</v>
      </c>
      <c r="G491" s="8">
        <v>119</v>
      </c>
      <c r="H491" s="5">
        <v>6</v>
      </c>
      <c r="I491" s="5" t="s">
        <v>1518</v>
      </c>
      <c r="J491" s="5" t="s">
        <v>1519</v>
      </c>
      <c r="K491" s="2" t="s">
        <v>1520</v>
      </c>
      <c r="L491" s="5" t="s">
        <v>1519</v>
      </c>
      <c r="M491" s="2" t="s">
        <v>1520</v>
      </c>
      <c r="N491" s="5" t="s">
        <v>1521</v>
      </c>
      <c r="O491" s="5" t="s">
        <v>38</v>
      </c>
      <c r="P491" s="5" t="s">
        <v>39</v>
      </c>
      <c r="Q491" s="5" t="s">
        <v>40</v>
      </c>
      <c r="R491" s="5" t="s">
        <v>1522</v>
      </c>
      <c r="S491" s="5" t="s">
        <v>1523</v>
      </c>
      <c r="T491" s="5" t="s">
        <v>42</v>
      </c>
      <c r="U491" s="2">
        <v>1.488</v>
      </c>
      <c r="V491" s="2">
        <v>1.08</v>
      </c>
      <c r="W491" s="2">
        <v>0.01</v>
      </c>
      <c r="X491" s="2">
        <v>76.900000000000006</v>
      </c>
      <c r="Y491" s="2">
        <v>7.6</v>
      </c>
      <c r="Z491" s="2">
        <v>16.7</v>
      </c>
      <c r="AA491" s="5"/>
      <c r="AB491" s="5" t="s">
        <v>43</v>
      </c>
      <c r="AC491" s="5" t="s">
        <v>44</v>
      </c>
      <c r="AD491" s="2"/>
      <c r="AE491" s="1"/>
    </row>
    <row r="492" spans="1:31" ht="14.45">
      <c r="A492" s="11"/>
      <c r="B492" s="20"/>
      <c r="C492" s="2" t="s">
        <v>1889</v>
      </c>
      <c r="D492" s="14" t="s">
        <v>1890</v>
      </c>
      <c r="E492" s="2" t="s">
        <v>1891</v>
      </c>
      <c r="F492" s="2" t="s">
        <v>1723</v>
      </c>
      <c r="G492" s="8">
        <v>119</v>
      </c>
      <c r="H492" s="5">
        <v>6</v>
      </c>
      <c r="I492" s="5" t="s">
        <v>1518</v>
      </c>
      <c r="J492" s="5" t="s">
        <v>1519</v>
      </c>
      <c r="K492" s="2" t="s">
        <v>1520</v>
      </c>
      <c r="L492" s="5" t="s">
        <v>1519</v>
      </c>
      <c r="M492" s="2" t="s">
        <v>1520</v>
      </c>
      <c r="N492" s="5" t="s">
        <v>1521</v>
      </c>
      <c r="O492" s="5" t="s">
        <v>38</v>
      </c>
      <c r="P492" s="5" t="s">
        <v>39</v>
      </c>
      <c r="Q492" s="5" t="s">
        <v>40</v>
      </c>
      <c r="R492" s="5" t="s">
        <v>1522</v>
      </c>
      <c r="S492" s="5" t="s">
        <v>1523</v>
      </c>
      <c r="T492" s="5" t="s">
        <v>42</v>
      </c>
      <c r="U492" s="2">
        <v>1.516</v>
      </c>
      <c r="V492" s="2">
        <v>1.1080000000000001</v>
      </c>
      <c r="W492" s="2">
        <v>0.01</v>
      </c>
      <c r="X492" s="2">
        <v>76.900000000000006</v>
      </c>
      <c r="Y492" s="2">
        <v>7.6</v>
      </c>
      <c r="Z492" s="2">
        <v>16.7</v>
      </c>
      <c r="AA492" s="5"/>
      <c r="AB492" s="5" t="s">
        <v>43</v>
      </c>
      <c r="AC492" s="5" t="s">
        <v>44</v>
      </c>
      <c r="AD492" s="2"/>
      <c r="AE492" s="1"/>
    </row>
    <row r="493" spans="1:31" ht="14.45">
      <c r="A493" s="11"/>
      <c r="B493" s="20"/>
      <c r="C493" s="2" t="s">
        <v>1892</v>
      </c>
      <c r="D493" s="14" t="s">
        <v>1893</v>
      </c>
      <c r="E493" s="2" t="s">
        <v>1894</v>
      </c>
      <c r="F493" s="2" t="s">
        <v>1727</v>
      </c>
      <c r="G493" s="8">
        <v>136</v>
      </c>
      <c r="H493" s="5">
        <v>6</v>
      </c>
      <c r="I493" s="5" t="s">
        <v>1518</v>
      </c>
      <c r="J493" s="5" t="s">
        <v>1519</v>
      </c>
      <c r="K493" s="2" t="s">
        <v>1520</v>
      </c>
      <c r="L493" s="5" t="s">
        <v>1519</v>
      </c>
      <c r="M493" s="2" t="s">
        <v>1520</v>
      </c>
      <c r="N493" s="5" t="s">
        <v>1521</v>
      </c>
      <c r="O493" s="5" t="s">
        <v>38</v>
      </c>
      <c r="P493" s="5" t="s">
        <v>39</v>
      </c>
      <c r="Q493" s="5" t="s">
        <v>40</v>
      </c>
      <c r="R493" s="5" t="s">
        <v>1522</v>
      </c>
      <c r="S493" s="5" t="s">
        <v>1523</v>
      </c>
      <c r="T493" s="5" t="s">
        <v>42</v>
      </c>
      <c r="U493" s="2">
        <v>1.488</v>
      </c>
      <c r="V493" s="2">
        <v>1.08</v>
      </c>
      <c r="W493" s="2">
        <v>0.01</v>
      </c>
      <c r="X493" s="2">
        <v>76.900000000000006</v>
      </c>
      <c r="Y493" s="2">
        <v>7.6</v>
      </c>
      <c r="Z493" s="2">
        <v>16.7</v>
      </c>
      <c r="AA493" s="5"/>
      <c r="AB493" s="5" t="s">
        <v>43</v>
      </c>
      <c r="AC493" s="5" t="s">
        <v>44</v>
      </c>
      <c r="AD493" s="2"/>
      <c r="AE493" s="1"/>
    </row>
    <row r="494" spans="1:31" ht="14.45">
      <c r="A494" s="11"/>
      <c r="B494" s="20"/>
      <c r="C494" s="2" t="s">
        <v>1895</v>
      </c>
      <c r="D494" s="14" t="s">
        <v>1896</v>
      </c>
      <c r="E494" s="2" t="s">
        <v>1897</v>
      </c>
      <c r="F494" s="2" t="s">
        <v>1731</v>
      </c>
      <c r="G494" s="8">
        <v>136</v>
      </c>
      <c r="H494" s="5">
        <v>6</v>
      </c>
      <c r="I494" s="5" t="s">
        <v>1518</v>
      </c>
      <c r="J494" s="5" t="s">
        <v>1519</v>
      </c>
      <c r="K494" s="2" t="s">
        <v>1520</v>
      </c>
      <c r="L494" s="5" t="s">
        <v>1519</v>
      </c>
      <c r="M494" s="2" t="s">
        <v>1520</v>
      </c>
      <c r="N494" s="5" t="s">
        <v>1521</v>
      </c>
      <c r="O494" s="5" t="s">
        <v>38</v>
      </c>
      <c r="P494" s="5" t="s">
        <v>39</v>
      </c>
      <c r="Q494" s="5" t="s">
        <v>40</v>
      </c>
      <c r="R494" s="5" t="s">
        <v>1522</v>
      </c>
      <c r="S494" s="5" t="s">
        <v>1523</v>
      </c>
      <c r="T494" s="5" t="s">
        <v>42</v>
      </c>
      <c r="U494" s="2">
        <v>1.516</v>
      </c>
      <c r="V494" s="2">
        <v>1.1080000000000001</v>
      </c>
      <c r="W494" s="2">
        <v>0.01</v>
      </c>
      <c r="X494" s="2">
        <v>76.900000000000006</v>
      </c>
      <c r="Y494" s="2">
        <v>7.6</v>
      </c>
      <c r="Z494" s="2">
        <v>16.7</v>
      </c>
      <c r="AA494" s="5"/>
      <c r="AB494" s="5" t="s">
        <v>43</v>
      </c>
      <c r="AC494" s="5" t="s">
        <v>44</v>
      </c>
      <c r="AD494" s="2"/>
      <c r="AE494" s="1"/>
    </row>
    <row r="495" spans="1:31" ht="14.45">
      <c r="A495" s="11"/>
      <c r="B495" s="20"/>
      <c r="C495" s="2" t="s">
        <v>1898</v>
      </c>
      <c r="D495" s="14" t="s">
        <v>1899</v>
      </c>
      <c r="E495" s="2" t="s">
        <v>1900</v>
      </c>
      <c r="F495" s="2" t="s">
        <v>1735</v>
      </c>
      <c r="G495" s="8">
        <v>136</v>
      </c>
      <c r="H495" s="5">
        <v>6</v>
      </c>
      <c r="I495" s="5" t="s">
        <v>1518</v>
      </c>
      <c r="J495" s="5" t="s">
        <v>1519</v>
      </c>
      <c r="K495" s="2" t="s">
        <v>1520</v>
      </c>
      <c r="L495" s="5" t="s">
        <v>1519</v>
      </c>
      <c r="M495" s="2" t="s">
        <v>1520</v>
      </c>
      <c r="N495" s="5" t="s">
        <v>1521</v>
      </c>
      <c r="O495" s="5" t="s">
        <v>38</v>
      </c>
      <c r="P495" s="5" t="s">
        <v>39</v>
      </c>
      <c r="Q495" s="5" t="s">
        <v>40</v>
      </c>
      <c r="R495" s="5" t="s">
        <v>1522</v>
      </c>
      <c r="S495" s="5" t="s">
        <v>1523</v>
      </c>
      <c r="T495" s="5" t="s">
        <v>42</v>
      </c>
      <c r="U495" s="2">
        <v>1.4970000000000001</v>
      </c>
      <c r="V495" s="2">
        <v>1.089</v>
      </c>
      <c r="W495" s="2">
        <v>0.01</v>
      </c>
      <c r="X495" s="2">
        <v>76.900000000000006</v>
      </c>
      <c r="Y495" s="2">
        <v>7.6</v>
      </c>
      <c r="Z495" s="2">
        <v>16.7</v>
      </c>
      <c r="AA495" s="5"/>
      <c r="AB495" s="5" t="s">
        <v>43</v>
      </c>
      <c r="AC495" s="5" t="s">
        <v>44</v>
      </c>
      <c r="AD495" s="2"/>
      <c r="AE495" s="1"/>
    </row>
    <row r="496" spans="1:31" ht="14.45">
      <c r="A496" s="11"/>
      <c r="B496" s="20"/>
      <c r="C496" s="2" t="s">
        <v>1901</v>
      </c>
      <c r="D496" s="14" t="s">
        <v>1902</v>
      </c>
      <c r="E496" s="2" t="s">
        <v>1903</v>
      </c>
      <c r="F496" s="2" t="s">
        <v>1739</v>
      </c>
      <c r="G496" s="8">
        <v>136</v>
      </c>
      <c r="H496" s="5">
        <v>6</v>
      </c>
      <c r="I496" s="5" t="s">
        <v>1518</v>
      </c>
      <c r="J496" s="5" t="s">
        <v>1519</v>
      </c>
      <c r="K496" s="2" t="s">
        <v>1520</v>
      </c>
      <c r="L496" s="5" t="s">
        <v>1519</v>
      </c>
      <c r="M496" s="2" t="s">
        <v>1520</v>
      </c>
      <c r="N496" s="5" t="s">
        <v>1521</v>
      </c>
      <c r="O496" s="5" t="s">
        <v>38</v>
      </c>
      <c r="P496" s="5" t="s">
        <v>39</v>
      </c>
      <c r="Q496" s="5" t="s">
        <v>40</v>
      </c>
      <c r="R496" s="5" t="s">
        <v>1522</v>
      </c>
      <c r="S496" s="5" t="s">
        <v>1523</v>
      </c>
      <c r="T496" s="5" t="s">
        <v>42</v>
      </c>
      <c r="U496" s="2">
        <v>1.5249999999999999</v>
      </c>
      <c r="V496" s="2">
        <v>1.117</v>
      </c>
      <c r="W496" s="2">
        <v>0.01</v>
      </c>
      <c r="X496" s="2">
        <v>76.900000000000006</v>
      </c>
      <c r="Y496" s="2">
        <v>7.6</v>
      </c>
      <c r="Z496" s="2">
        <v>16.7</v>
      </c>
      <c r="AA496" s="5"/>
      <c r="AB496" s="5" t="s">
        <v>43</v>
      </c>
      <c r="AC496" s="5" t="s">
        <v>44</v>
      </c>
      <c r="AD496" s="2"/>
      <c r="AE496" s="1"/>
    </row>
    <row r="497" spans="1:31" ht="14.45">
      <c r="A497" s="11"/>
      <c r="B497" s="20"/>
      <c r="C497" s="2" t="s">
        <v>1904</v>
      </c>
      <c r="D497" s="14" t="s">
        <v>1905</v>
      </c>
      <c r="E497" s="2" t="s">
        <v>1906</v>
      </c>
      <c r="F497" s="2" t="s">
        <v>1743</v>
      </c>
      <c r="G497" s="8">
        <v>136</v>
      </c>
      <c r="H497" s="5">
        <v>6</v>
      </c>
      <c r="I497" s="5" t="s">
        <v>1518</v>
      </c>
      <c r="J497" s="5" t="s">
        <v>1519</v>
      </c>
      <c r="K497" s="2" t="s">
        <v>1520</v>
      </c>
      <c r="L497" s="5" t="s">
        <v>1519</v>
      </c>
      <c r="M497" s="2" t="s">
        <v>1520</v>
      </c>
      <c r="N497" s="5" t="s">
        <v>1521</v>
      </c>
      <c r="O497" s="5" t="s">
        <v>38</v>
      </c>
      <c r="P497" s="5" t="s">
        <v>39</v>
      </c>
      <c r="Q497" s="5" t="s">
        <v>40</v>
      </c>
      <c r="R497" s="5" t="s">
        <v>1522</v>
      </c>
      <c r="S497" s="5" t="s">
        <v>1523</v>
      </c>
      <c r="T497" s="5" t="s">
        <v>42</v>
      </c>
      <c r="U497" s="2">
        <v>1.488</v>
      </c>
      <c r="V497" s="2">
        <v>1.08</v>
      </c>
      <c r="W497" s="2">
        <v>0.01</v>
      </c>
      <c r="X497" s="2">
        <v>76.900000000000006</v>
      </c>
      <c r="Y497" s="2">
        <v>7.6</v>
      </c>
      <c r="Z497" s="2">
        <v>16.7</v>
      </c>
      <c r="AA497" s="5"/>
      <c r="AB497" s="5" t="s">
        <v>43</v>
      </c>
      <c r="AC497" s="5" t="s">
        <v>44</v>
      </c>
      <c r="AD497" s="2"/>
      <c r="AE497" s="1"/>
    </row>
    <row r="498" spans="1:31" ht="14.45">
      <c r="A498" s="11"/>
      <c r="B498" s="20"/>
      <c r="C498" s="2" t="s">
        <v>1907</v>
      </c>
      <c r="D498" s="14" t="s">
        <v>1908</v>
      </c>
      <c r="E498" s="2" t="s">
        <v>1909</v>
      </c>
      <c r="F498" s="2" t="s">
        <v>1747</v>
      </c>
      <c r="G498" s="8">
        <v>136</v>
      </c>
      <c r="H498" s="5">
        <v>6</v>
      </c>
      <c r="I498" s="5" t="s">
        <v>1518</v>
      </c>
      <c r="J498" s="5" t="s">
        <v>1519</v>
      </c>
      <c r="K498" s="2" t="s">
        <v>1520</v>
      </c>
      <c r="L498" s="5" t="s">
        <v>1519</v>
      </c>
      <c r="M498" s="2" t="s">
        <v>1520</v>
      </c>
      <c r="N498" s="5" t="s">
        <v>1521</v>
      </c>
      <c r="O498" s="5" t="s">
        <v>38</v>
      </c>
      <c r="P498" s="5" t="s">
        <v>39</v>
      </c>
      <c r="Q498" s="5" t="s">
        <v>40</v>
      </c>
      <c r="R498" s="5" t="s">
        <v>1522</v>
      </c>
      <c r="S498" s="5" t="s">
        <v>1523</v>
      </c>
      <c r="T498" s="5" t="s">
        <v>42</v>
      </c>
      <c r="U498" s="2">
        <v>1.516</v>
      </c>
      <c r="V498" s="2">
        <v>1.1080000000000001</v>
      </c>
      <c r="W498" s="2">
        <v>0.01</v>
      </c>
      <c r="X498" s="2">
        <v>76.900000000000006</v>
      </c>
      <c r="Y498" s="2">
        <v>7.6</v>
      </c>
      <c r="Z498" s="2">
        <v>16.7</v>
      </c>
      <c r="AA498" s="5"/>
      <c r="AB498" s="5" t="s">
        <v>43</v>
      </c>
      <c r="AC498" s="5" t="s">
        <v>44</v>
      </c>
      <c r="AD498" s="2"/>
      <c r="AE498" s="1"/>
    </row>
    <row r="499" spans="1:31" ht="14.45">
      <c r="A499" s="11"/>
      <c r="B499" s="20"/>
      <c r="C499" s="2" t="s">
        <v>1910</v>
      </c>
      <c r="D499" s="14" t="s">
        <v>1911</v>
      </c>
      <c r="E499" s="2" t="s">
        <v>1912</v>
      </c>
      <c r="F499" s="2" t="s">
        <v>1751</v>
      </c>
      <c r="G499" s="8">
        <v>136</v>
      </c>
      <c r="H499" s="5">
        <v>6</v>
      </c>
      <c r="I499" s="5" t="s">
        <v>1518</v>
      </c>
      <c r="J499" s="5" t="s">
        <v>1519</v>
      </c>
      <c r="K499" s="2" t="s">
        <v>1520</v>
      </c>
      <c r="L499" s="5" t="s">
        <v>1519</v>
      </c>
      <c r="M499" s="2" t="s">
        <v>1520</v>
      </c>
      <c r="N499" s="5" t="s">
        <v>1521</v>
      </c>
      <c r="O499" s="5" t="s">
        <v>38</v>
      </c>
      <c r="P499" s="5" t="s">
        <v>39</v>
      </c>
      <c r="Q499" s="5" t="s">
        <v>40</v>
      </c>
      <c r="R499" s="5" t="s">
        <v>1522</v>
      </c>
      <c r="S499" s="5" t="s">
        <v>1523</v>
      </c>
      <c r="T499" s="5" t="s">
        <v>42</v>
      </c>
      <c r="U499" s="2">
        <v>1.488</v>
      </c>
      <c r="V499" s="2">
        <v>1.08</v>
      </c>
      <c r="W499" s="2">
        <v>0.01</v>
      </c>
      <c r="X499" s="2">
        <v>76.900000000000006</v>
      </c>
      <c r="Y499" s="2">
        <v>7.6</v>
      </c>
      <c r="Z499" s="2">
        <v>16.7</v>
      </c>
      <c r="AA499" s="5"/>
      <c r="AB499" s="5" t="s">
        <v>43</v>
      </c>
      <c r="AC499" s="5" t="s">
        <v>44</v>
      </c>
      <c r="AD499" s="2"/>
      <c r="AE499" s="1"/>
    </row>
    <row r="500" spans="1:31" ht="14.45">
      <c r="A500" s="11"/>
      <c r="B500" s="20"/>
      <c r="C500" s="2" t="s">
        <v>1913</v>
      </c>
      <c r="D500" s="14" t="s">
        <v>1914</v>
      </c>
      <c r="E500" s="2" t="s">
        <v>1915</v>
      </c>
      <c r="F500" s="2" t="s">
        <v>1755</v>
      </c>
      <c r="G500" s="8">
        <v>136</v>
      </c>
      <c r="H500" s="5">
        <v>6</v>
      </c>
      <c r="I500" s="5" t="s">
        <v>1518</v>
      </c>
      <c r="J500" s="5" t="s">
        <v>1519</v>
      </c>
      <c r="K500" s="2" t="s">
        <v>1520</v>
      </c>
      <c r="L500" s="5" t="s">
        <v>1519</v>
      </c>
      <c r="M500" s="2" t="s">
        <v>1520</v>
      </c>
      <c r="N500" s="5" t="s">
        <v>1521</v>
      </c>
      <c r="O500" s="5" t="s">
        <v>38</v>
      </c>
      <c r="P500" s="5" t="s">
        <v>39</v>
      </c>
      <c r="Q500" s="5" t="s">
        <v>40</v>
      </c>
      <c r="R500" s="5" t="s">
        <v>1522</v>
      </c>
      <c r="S500" s="5" t="s">
        <v>1523</v>
      </c>
      <c r="T500" s="5" t="s">
        <v>42</v>
      </c>
      <c r="U500" s="2">
        <v>1.516</v>
      </c>
      <c r="V500" s="2">
        <v>1.1080000000000001</v>
      </c>
      <c r="W500" s="2">
        <v>0.01</v>
      </c>
      <c r="X500" s="2">
        <v>76.900000000000006</v>
      </c>
      <c r="Y500" s="2">
        <v>7.6</v>
      </c>
      <c r="Z500" s="2">
        <v>16.7</v>
      </c>
      <c r="AA500" s="5"/>
      <c r="AB500" s="5" t="s">
        <v>43</v>
      </c>
      <c r="AC500" s="5" t="s">
        <v>44</v>
      </c>
      <c r="AD500" s="2"/>
      <c r="AE500" s="1"/>
    </row>
    <row r="501" spans="1:31" ht="14.45">
      <c r="A501" s="11"/>
      <c r="B501" s="20"/>
      <c r="C501" s="2" t="s">
        <v>1916</v>
      </c>
      <c r="D501" s="14" t="s">
        <v>1917</v>
      </c>
      <c r="E501" s="2" t="s">
        <v>1918</v>
      </c>
      <c r="F501" s="2" t="s">
        <v>1759</v>
      </c>
      <c r="G501" s="8">
        <v>136</v>
      </c>
      <c r="H501" s="5">
        <v>6</v>
      </c>
      <c r="I501" s="5" t="s">
        <v>1518</v>
      </c>
      <c r="J501" s="5" t="s">
        <v>1519</v>
      </c>
      <c r="K501" s="2" t="s">
        <v>1520</v>
      </c>
      <c r="L501" s="5" t="s">
        <v>1519</v>
      </c>
      <c r="M501" s="2" t="s">
        <v>1520</v>
      </c>
      <c r="N501" s="5" t="s">
        <v>1521</v>
      </c>
      <c r="O501" s="5" t="s">
        <v>38</v>
      </c>
      <c r="P501" s="5" t="s">
        <v>39</v>
      </c>
      <c r="Q501" s="5" t="s">
        <v>40</v>
      </c>
      <c r="R501" s="5" t="s">
        <v>1522</v>
      </c>
      <c r="S501" s="5" t="s">
        <v>1523</v>
      </c>
      <c r="T501" s="5" t="s">
        <v>42</v>
      </c>
      <c r="U501" s="2">
        <v>1.4970000000000001</v>
      </c>
      <c r="V501" s="2">
        <v>1.089</v>
      </c>
      <c r="W501" s="2">
        <v>0.01</v>
      </c>
      <c r="X501" s="2">
        <v>76.900000000000006</v>
      </c>
      <c r="Y501" s="2">
        <v>7.6</v>
      </c>
      <c r="Z501" s="2">
        <v>16.7</v>
      </c>
      <c r="AA501" s="5"/>
      <c r="AB501" s="5" t="s">
        <v>43</v>
      </c>
      <c r="AC501" s="5" t="s">
        <v>44</v>
      </c>
      <c r="AD501" s="2"/>
      <c r="AE501" s="1"/>
    </row>
    <row r="502" spans="1:31" ht="14.45">
      <c r="A502" s="11"/>
      <c r="B502" s="20"/>
      <c r="C502" s="2" t="s">
        <v>1919</v>
      </c>
      <c r="D502" s="14" t="s">
        <v>1920</v>
      </c>
      <c r="E502" s="2" t="s">
        <v>1921</v>
      </c>
      <c r="F502" s="2" t="s">
        <v>1763</v>
      </c>
      <c r="G502" s="8">
        <v>136</v>
      </c>
      <c r="H502" s="5">
        <v>6</v>
      </c>
      <c r="I502" s="5" t="s">
        <v>1518</v>
      </c>
      <c r="J502" s="5" t="s">
        <v>1519</v>
      </c>
      <c r="K502" s="2" t="s">
        <v>1520</v>
      </c>
      <c r="L502" s="5" t="s">
        <v>1519</v>
      </c>
      <c r="M502" s="2" t="s">
        <v>1520</v>
      </c>
      <c r="N502" s="5" t="s">
        <v>1521</v>
      </c>
      <c r="O502" s="5" t="s">
        <v>38</v>
      </c>
      <c r="P502" s="5" t="s">
        <v>39</v>
      </c>
      <c r="Q502" s="5" t="s">
        <v>40</v>
      </c>
      <c r="R502" s="5" t="s">
        <v>1522</v>
      </c>
      <c r="S502" s="5" t="s">
        <v>1523</v>
      </c>
      <c r="T502" s="5" t="s">
        <v>42</v>
      </c>
      <c r="U502" s="2">
        <v>1.5249999999999999</v>
      </c>
      <c r="V502" s="2">
        <v>1.117</v>
      </c>
      <c r="W502" s="2">
        <v>0.01</v>
      </c>
      <c r="X502" s="2">
        <v>76.900000000000006</v>
      </c>
      <c r="Y502" s="2">
        <v>7.6</v>
      </c>
      <c r="Z502" s="2">
        <v>16.7</v>
      </c>
      <c r="AA502" s="5"/>
      <c r="AB502" s="5" t="s">
        <v>43</v>
      </c>
      <c r="AC502" s="5" t="s">
        <v>44</v>
      </c>
      <c r="AD502" s="2"/>
      <c r="AE502" s="1"/>
    </row>
    <row r="503" spans="1:31" ht="14.45">
      <c r="A503" s="11"/>
      <c r="B503" s="20"/>
      <c r="C503" s="2" t="s">
        <v>1922</v>
      </c>
      <c r="D503" s="14" t="s">
        <v>1923</v>
      </c>
      <c r="E503" s="2" t="s">
        <v>1924</v>
      </c>
      <c r="F503" s="2" t="s">
        <v>1767</v>
      </c>
      <c r="G503" s="8">
        <v>136</v>
      </c>
      <c r="H503" s="5">
        <v>6</v>
      </c>
      <c r="I503" s="5" t="s">
        <v>1518</v>
      </c>
      <c r="J503" s="5" t="s">
        <v>1519</v>
      </c>
      <c r="K503" s="2" t="s">
        <v>1520</v>
      </c>
      <c r="L503" s="5" t="s">
        <v>1519</v>
      </c>
      <c r="M503" s="2" t="s">
        <v>1520</v>
      </c>
      <c r="N503" s="5" t="s">
        <v>1521</v>
      </c>
      <c r="O503" s="5" t="s">
        <v>38</v>
      </c>
      <c r="P503" s="5" t="s">
        <v>39</v>
      </c>
      <c r="Q503" s="5" t="s">
        <v>40</v>
      </c>
      <c r="R503" s="5" t="s">
        <v>1522</v>
      </c>
      <c r="S503" s="5" t="s">
        <v>1523</v>
      </c>
      <c r="T503" s="5" t="s">
        <v>42</v>
      </c>
      <c r="U503" s="2">
        <v>1.4970000000000001</v>
      </c>
      <c r="V503" s="2">
        <v>1.089</v>
      </c>
      <c r="W503" s="2">
        <v>0.01</v>
      </c>
      <c r="X503" s="2">
        <v>76.900000000000006</v>
      </c>
      <c r="Y503" s="2">
        <v>7.6</v>
      </c>
      <c r="Z503" s="2">
        <v>16.7</v>
      </c>
      <c r="AA503" s="5"/>
      <c r="AB503" s="5" t="s">
        <v>43</v>
      </c>
      <c r="AC503" s="5" t="s">
        <v>44</v>
      </c>
      <c r="AD503" s="2"/>
      <c r="AE503" s="1"/>
    </row>
    <row r="504" spans="1:31" ht="14.45">
      <c r="A504" s="11"/>
      <c r="B504" s="20"/>
      <c r="C504" s="2" t="s">
        <v>1925</v>
      </c>
      <c r="D504" s="14" t="s">
        <v>1926</v>
      </c>
      <c r="E504" s="2" t="s">
        <v>1927</v>
      </c>
      <c r="F504" s="2" t="s">
        <v>1771</v>
      </c>
      <c r="G504" s="8">
        <v>136</v>
      </c>
      <c r="H504" s="5">
        <v>6</v>
      </c>
      <c r="I504" s="5" t="s">
        <v>1518</v>
      </c>
      <c r="J504" s="5" t="s">
        <v>1519</v>
      </c>
      <c r="K504" s="2" t="s">
        <v>1520</v>
      </c>
      <c r="L504" s="5" t="s">
        <v>1519</v>
      </c>
      <c r="M504" s="2" t="s">
        <v>1520</v>
      </c>
      <c r="N504" s="5" t="s">
        <v>1521</v>
      </c>
      <c r="O504" s="5" t="s">
        <v>38</v>
      </c>
      <c r="P504" s="5" t="s">
        <v>39</v>
      </c>
      <c r="Q504" s="5" t="s">
        <v>40</v>
      </c>
      <c r="R504" s="5" t="s">
        <v>1522</v>
      </c>
      <c r="S504" s="5" t="s">
        <v>1523</v>
      </c>
      <c r="T504" s="5" t="s">
        <v>42</v>
      </c>
      <c r="U504" s="2">
        <v>1.5249999999999999</v>
      </c>
      <c r="V504" s="2">
        <v>1.117</v>
      </c>
      <c r="W504" s="2">
        <v>0.01</v>
      </c>
      <c r="X504" s="2">
        <v>76.900000000000006</v>
      </c>
      <c r="Y504" s="2">
        <v>7.6</v>
      </c>
      <c r="Z504" s="2">
        <v>16.7</v>
      </c>
      <c r="AA504" s="5"/>
      <c r="AB504" s="5" t="s">
        <v>43</v>
      </c>
      <c r="AC504" s="5" t="s">
        <v>44</v>
      </c>
      <c r="AD504" s="2"/>
      <c r="AE504" s="1"/>
    </row>
    <row r="505" spans="1:31" ht="14.45">
      <c r="A505" s="11"/>
      <c r="B505" s="20"/>
      <c r="C505" s="2" t="s">
        <v>1928</v>
      </c>
      <c r="D505" s="14" t="s">
        <v>1929</v>
      </c>
      <c r="E505" s="2" t="s">
        <v>1930</v>
      </c>
      <c r="F505" s="2" t="s">
        <v>1775</v>
      </c>
      <c r="G505" s="8">
        <v>136</v>
      </c>
      <c r="H505" s="5">
        <v>6</v>
      </c>
      <c r="I505" s="5" t="s">
        <v>1518</v>
      </c>
      <c r="J505" s="5" t="s">
        <v>1519</v>
      </c>
      <c r="K505" s="2" t="s">
        <v>1520</v>
      </c>
      <c r="L505" s="5" t="s">
        <v>1519</v>
      </c>
      <c r="M505" s="2" t="s">
        <v>1520</v>
      </c>
      <c r="N505" s="5" t="s">
        <v>1521</v>
      </c>
      <c r="O505" s="5" t="s">
        <v>38</v>
      </c>
      <c r="P505" s="5" t="s">
        <v>39</v>
      </c>
      <c r="Q505" s="5" t="s">
        <v>40</v>
      </c>
      <c r="R505" s="5" t="s">
        <v>1522</v>
      </c>
      <c r="S505" s="5" t="s">
        <v>1523</v>
      </c>
      <c r="T505" s="5" t="s">
        <v>42</v>
      </c>
      <c r="U505" s="2">
        <v>1.4970000000000001</v>
      </c>
      <c r="V505" s="2">
        <v>1.089</v>
      </c>
      <c r="W505" s="2">
        <v>0.01</v>
      </c>
      <c r="X505" s="2">
        <v>76.900000000000006</v>
      </c>
      <c r="Y505" s="2">
        <v>7.6</v>
      </c>
      <c r="Z505" s="2">
        <v>16.7</v>
      </c>
      <c r="AA505" s="5"/>
      <c r="AB505" s="5" t="s">
        <v>43</v>
      </c>
      <c r="AC505" s="5" t="s">
        <v>44</v>
      </c>
      <c r="AD505" s="2"/>
      <c r="AE505" s="1"/>
    </row>
    <row r="506" spans="1:31" ht="14.45">
      <c r="A506" s="11"/>
      <c r="B506" s="20"/>
      <c r="C506" s="2" t="s">
        <v>1931</v>
      </c>
      <c r="D506" s="14" t="s">
        <v>1932</v>
      </c>
      <c r="E506" s="2" t="s">
        <v>1933</v>
      </c>
      <c r="F506" s="2" t="s">
        <v>1779</v>
      </c>
      <c r="G506" s="8">
        <v>136</v>
      </c>
      <c r="H506" s="5">
        <v>6</v>
      </c>
      <c r="I506" s="5" t="s">
        <v>1518</v>
      </c>
      <c r="J506" s="5" t="s">
        <v>1519</v>
      </c>
      <c r="K506" s="2" t="s">
        <v>1520</v>
      </c>
      <c r="L506" s="5" t="s">
        <v>1519</v>
      </c>
      <c r="M506" s="2" t="s">
        <v>1520</v>
      </c>
      <c r="N506" s="5" t="s">
        <v>1521</v>
      </c>
      <c r="O506" s="5" t="s">
        <v>38</v>
      </c>
      <c r="P506" s="5" t="s">
        <v>39</v>
      </c>
      <c r="Q506" s="5" t="s">
        <v>40</v>
      </c>
      <c r="R506" s="5" t="s">
        <v>1522</v>
      </c>
      <c r="S506" s="5" t="s">
        <v>1523</v>
      </c>
      <c r="T506" s="5" t="s">
        <v>42</v>
      </c>
      <c r="U506" s="2">
        <v>1.5249999999999999</v>
      </c>
      <c r="V506" s="2">
        <v>1.117</v>
      </c>
      <c r="W506" s="2">
        <v>0.01</v>
      </c>
      <c r="X506" s="2">
        <v>76.900000000000006</v>
      </c>
      <c r="Y506" s="2">
        <v>7.6</v>
      </c>
      <c r="Z506" s="2">
        <v>16.7</v>
      </c>
      <c r="AA506" s="5"/>
      <c r="AB506" s="5" t="s">
        <v>43</v>
      </c>
      <c r="AC506" s="5" t="s">
        <v>44</v>
      </c>
      <c r="AD506" s="2"/>
      <c r="AE506" s="1"/>
    </row>
    <row r="507" spans="1:31" ht="14.45">
      <c r="A507" s="11"/>
      <c r="B507" s="20"/>
      <c r="C507" s="2" t="s">
        <v>1934</v>
      </c>
      <c r="D507" s="14" t="s">
        <v>1935</v>
      </c>
      <c r="E507" s="2" t="s">
        <v>1936</v>
      </c>
      <c r="F507" s="2" t="s">
        <v>1783</v>
      </c>
      <c r="G507" s="8">
        <v>136</v>
      </c>
      <c r="H507" s="5">
        <v>6</v>
      </c>
      <c r="I507" s="5" t="s">
        <v>1518</v>
      </c>
      <c r="J507" s="5" t="s">
        <v>1519</v>
      </c>
      <c r="K507" s="2" t="s">
        <v>1520</v>
      </c>
      <c r="L507" s="5" t="s">
        <v>1519</v>
      </c>
      <c r="M507" s="2" t="s">
        <v>1520</v>
      </c>
      <c r="N507" s="5" t="s">
        <v>1521</v>
      </c>
      <c r="O507" s="5" t="s">
        <v>38</v>
      </c>
      <c r="P507" s="5" t="s">
        <v>39</v>
      </c>
      <c r="Q507" s="5" t="s">
        <v>40</v>
      </c>
      <c r="R507" s="5" t="s">
        <v>1522</v>
      </c>
      <c r="S507" s="5" t="s">
        <v>1523</v>
      </c>
      <c r="T507" s="5" t="s">
        <v>42</v>
      </c>
      <c r="U507" s="2">
        <v>1.488</v>
      </c>
      <c r="V507" s="2">
        <v>1.08</v>
      </c>
      <c r="W507" s="2">
        <v>0.01</v>
      </c>
      <c r="X507" s="2">
        <v>76.900000000000006</v>
      </c>
      <c r="Y507" s="2">
        <v>7.6</v>
      </c>
      <c r="Z507" s="2">
        <v>16.7</v>
      </c>
      <c r="AA507" s="5"/>
      <c r="AB507" s="5" t="s">
        <v>43</v>
      </c>
      <c r="AC507" s="5" t="s">
        <v>44</v>
      </c>
      <c r="AD507" s="2"/>
      <c r="AE507" s="1"/>
    </row>
    <row r="508" spans="1:31" ht="14.45">
      <c r="A508" s="11"/>
      <c r="B508" s="20"/>
      <c r="C508" s="2" t="s">
        <v>1937</v>
      </c>
      <c r="D508" s="14" t="s">
        <v>1938</v>
      </c>
      <c r="E508" s="2" t="s">
        <v>1939</v>
      </c>
      <c r="F508" s="2" t="s">
        <v>1787</v>
      </c>
      <c r="G508" s="8">
        <v>136</v>
      </c>
      <c r="H508" s="5">
        <v>6</v>
      </c>
      <c r="I508" s="5" t="s">
        <v>1518</v>
      </c>
      <c r="J508" s="5" t="s">
        <v>1519</v>
      </c>
      <c r="K508" s="2" t="s">
        <v>1520</v>
      </c>
      <c r="L508" s="5" t="s">
        <v>1519</v>
      </c>
      <c r="M508" s="2" t="s">
        <v>1520</v>
      </c>
      <c r="N508" s="5" t="s">
        <v>1521</v>
      </c>
      <c r="O508" s="5" t="s">
        <v>38</v>
      </c>
      <c r="P508" s="5" t="s">
        <v>39</v>
      </c>
      <c r="Q508" s="5" t="s">
        <v>40</v>
      </c>
      <c r="R508" s="5" t="s">
        <v>1522</v>
      </c>
      <c r="S508" s="5" t="s">
        <v>1523</v>
      </c>
      <c r="T508" s="5" t="s">
        <v>42</v>
      </c>
      <c r="U508" s="2">
        <v>1.516</v>
      </c>
      <c r="V508" s="2">
        <v>1.1080000000000001</v>
      </c>
      <c r="W508" s="2">
        <v>0.01</v>
      </c>
      <c r="X508" s="2">
        <v>76.900000000000006</v>
      </c>
      <c r="Y508" s="2">
        <v>7.6</v>
      </c>
      <c r="Z508" s="2">
        <v>16.7</v>
      </c>
      <c r="AA508" s="5"/>
      <c r="AB508" s="5" t="s">
        <v>43</v>
      </c>
      <c r="AC508" s="5" t="s">
        <v>44</v>
      </c>
      <c r="AD508" s="2"/>
      <c r="AE508" s="1"/>
    </row>
    <row r="509" spans="1:31" ht="14.45">
      <c r="A509" s="11"/>
      <c r="B509" s="20"/>
      <c r="C509" s="2" t="s">
        <v>1940</v>
      </c>
      <c r="D509" s="14" t="s">
        <v>1941</v>
      </c>
      <c r="E509" s="2" t="s">
        <v>1942</v>
      </c>
      <c r="F509" s="2" t="s">
        <v>1791</v>
      </c>
      <c r="G509" s="8">
        <v>136</v>
      </c>
      <c r="H509" s="5">
        <v>6</v>
      </c>
      <c r="I509" s="5" t="s">
        <v>1518</v>
      </c>
      <c r="J509" s="5" t="s">
        <v>1519</v>
      </c>
      <c r="K509" s="2" t="s">
        <v>1520</v>
      </c>
      <c r="L509" s="5" t="s">
        <v>1519</v>
      </c>
      <c r="M509" s="2" t="s">
        <v>1520</v>
      </c>
      <c r="N509" s="5" t="s">
        <v>1521</v>
      </c>
      <c r="O509" s="5" t="s">
        <v>38</v>
      </c>
      <c r="P509" s="5" t="s">
        <v>39</v>
      </c>
      <c r="Q509" s="5" t="s">
        <v>40</v>
      </c>
      <c r="R509" s="5" t="s">
        <v>1522</v>
      </c>
      <c r="S509" s="5" t="s">
        <v>1523</v>
      </c>
      <c r="T509" s="5" t="s">
        <v>42</v>
      </c>
      <c r="U509" s="2">
        <v>1.4970000000000001</v>
      </c>
      <c r="V509" s="2">
        <v>1.089</v>
      </c>
      <c r="W509" s="2">
        <v>0.01</v>
      </c>
      <c r="X509" s="2">
        <v>76.900000000000006</v>
      </c>
      <c r="Y509" s="2">
        <v>7.6</v>
      </c>
      <c r="Z509" s="2">
        <v>16.7</v>
      </c>
      <c r="AA509" s="5"/>
      <c r="AB509" s="5" t="s">
        <v>43</v>
      </c>
      <c r="AC509" s="5" t="s">
        <v>44</v>
      </c>
      <c r="AD509" s="2"/>
      <c r="AE509" s="1"/>
    </row>
    <row r="510" spans="1:31" ht="14.45">
      <c r="A510" s="11"/>
      <c r="B510" s="20"/>
      <c r="C510" s="2" t="s">
        <v>1943</v>
      </c>
      <c r="D510" s="14" t="s">
        <v>1944</v>
      </c>
      <c r="E510" s="2" t="s">
        <v>1945</v>
      </c>
      <c r="F510" s="2" t="s">
        <v>1795</v>
      </c>
      <c r="G510" s="8">
        <v>136</v>
      </c>
      <c r="H510" s="5">
        <v>6</v>
      </c>
      <c r="I510" s="5" t="s">
        <v>1518</v>
      </c>
      <c r="J510" s="5" t="s">
        <v>1519</v>
      </c>
      <c r="K510" s="2" t="s">
        <v>1520</v>
      </c>
      <c r="L510" s="5" t="s">
        <v>1519</v>
      </c>
      <c r="M510" s="2" t="s">
        <v>1520</v>
      </c>
      <c r="N510" s="5" t="s">
        <v>1521</v>
      </c>
      <c r="O510" s="5" t="s">
        <v>38</v>
      </c>
      <c r="P510" s="5" t="s">
        <v>39</v>
      </c>
      <c r="Q510" s="5" t="s">
        <v>40</v>
      </c>
      <c r="R510" s="5" t="s">
        <v>1522</v>
      </c>
      <c r="S510" s="5" t="s">
        <v>1523</v>
      </c>
      <c r="T510" s="5" t="s">
        <v>42</v>
      </c>
      <c r="U510" s="2">
        <v>1.5249999999999999</v>
      </c>
      <c r="V510" s="2">
        <v>1.117</v>
      </c>
      <c r="W510" s="2">
        <v>0.01</v>
      </c>
      <c r="X510" s="2">
        <v>76.900000000000006</v>
      </c>
      <c r="Y510" s="2">
        <v>7.6</v>
      </c>
      <c r="Z510" s="2">
        <v>16.7</v>
      </c>
      <c r="AA510" s="5"/>
      <c r="AB510" s="5" t="s">
        <v>43</v>
      </c>
      <c r="AC510" s="5" t="s">
        <v>44</v>
      </c>
      <c r="AD510" s="2"/>
      <c r="AE510" s="1"/>
    </row>
    <row r="511" spans="1:31" ht="14.45">
      <c r="A511" s="11"/>
      <c r="B511" s="20"/>
      <c r="C511" s="2" t="s">
        <v>1946</v>
      </c>
      <c r="D511" s="14" t="s">
        <v>1947</v>
      </c>
      <c r="E511" s="2" t="s">
        <v>1948</v>
      </c>
      <c r="F511" s="2" t="s">
        <v>1799</v>
      </c>
      <c r="G511" s="8">
        <v>136</v>
      </c>
      <c r="H511" s="5">
        <v>6</v>
      </c>
      <c r="I511" s="5" t="s">
        <v>1518</v>
      </c>
      <c r="J511" s="5" t="s">
        <v>1519</v>
      </c>
      <c r="K511" s="2" t="s">
        <v>1520</v>
      </c>
      <c r="L511" s="5" t="s">
        <v>1519</v>
      </c>
      <c r="M511" s="2" t="s">
        <v>1520</v>
      </c>
      <c r="N511" s="5" t="s">
        <v>1521</v>
      </c>
      <c r="O511" s="5" t="s">
        <v>38</v>
      </c>
      <c r="P511" s="5" t="s">
        <v>39</v>
      </c>
      <c r="Q511" s="5" t="s">
        <v>40</v>
      </c>
      <c r="R511" s="5" t="s">
        <v>1522</v>
      </c>
      <c r="S511" s="5" t="s">
        <v>1523</v>
      </c>
      <c r="T511" s="5" t="s">
        <v>42</v>
      </c>
      <c r="U511" s="2">
        <v>1.4970000000000001</v>
      </c>
      <c r="V511" s="2">
        <v>1.089</v>
      </c>
      <c r="W511" s="2">
        <v>0.01</v>
      </c>
      <c r="X511" s="2">
        <v>76.900000000000006</v>
      </c>
      <c r="Y511" s="2">
        <v>7.6</v>
      </c>
      <c r="Z511" s="2">
        <v>16.7</v>
      </c>
      <c r="AA511" s="5"/>
      <c r="AB511" s="5" t="s">
        <v>43</v>
      </c>
      <c r="AC511" s="5" t="s">
        <v>44</v>
      </c>
      <c r="AD511" s="2"/>
      <c r="AE511" s="1"/>
    </row>
    <row r="512" spans="1:31" ht="14.45">
      <c r="A512" s="11"/>
      <c r="B512" s="20"/>
      <c r="C512" s="2" t="s">
        <v>1949</v>
      </c>
      <c r="D512" s="14" t="s">
        <v>1950</v>
      </c>
      <c r="E512" s="2" t="s">
        <v>1951</v>
      </c>
      <c r="F512" s="2" t="s">
        <v>1803</v>
      </c>
      <c r="G512" s="8">
        <v>136</v>
      </c>
      <c r="H512" s="5">
        <v>6</v>
      </c>
      <c r="I512" s="5" t="s">
        <v>1518</v>
      </c>
      <c r="J512" s="5" t="s">
        <v>1519</v>
      </c>
      <c r="K512" s="2" t="s">
        <v>1520</v>
      </c>
      <c r="L512" s="5" t="s">
        <v>1519</v>
      </c>
      <c r="M512" s="2" t="s">
        <v>1520</v>
      </c>
      <c r="N512" s="5" t="s">
        <v>1521</v>
      </c>
      <c r="O512" s="5" t="s">
        <v>38</v>
      </c>
      <c r="P512" s="5" t="s">
        <v>39</v>
      </c>
      <c r="Q512" s="5" t="s">
        <v>40</v>
      </c>
      <c r="R512" s="5" t="s">
        <v>1522</v>
      </c>
      <c r="S512" s="5" t="s">
        <v>1523</v>
      </c>
      <c r="T512" s="5" t="s">
        <v>42</v>
      </c>
      <c r="U512" s="2">
        <v>1.5249999999999999</v>
      </c>
      <c r="V512" s="2">
        <v>1.117</v>
      </c>
      <c r="W512" s="2">
        <v>0.01</v>
      </c>
      <c r="X512" s="2">
        <v>76.900000000000006</v>
      </c>
      <c r="Y512" s="2">
        <v>7.6</v>
      </c>
      <c r="Z512" s="2">
        <v>16.7</v>
      </c>
      <c r="AA512" s="5"/>
      <c r="AB512" s="5" t="s">
        <v>43</v>
      </c>
      <c r="AC512" s="5" t="s">
        <v>44</v>
      </c>
      <c r="AD512" s="2"/>
      <c r="AE512" s="1"/>
    </row>
    <row r="513" spans="1:31" ht="14.45">
      <c r="A513" s="11"/>
      <c r="B513" s="20"/>
      <c r="C513" s="2" t="s">
        <v>1952</v>
      </c>
      <c r="D513" s="14" t="s">
        <v>1953</v>
      </c>
      <c r="E513" s="2" t="s">
        <v>1954</v>
      </c>
      <c r="F513" s="2" t="s">
        <v>1807</v>
      </c>
      <c r="G513" s="8">
        <v>136</v>
      </c>
      <c r="H513" s="5">
        <v>6</v>
      </c>
      <c r="I513" s="5" t="s">
        <v>1518</v>
      </c>
      <c r="J513" s="5" t="s">
        <v>1519</v>
      </c>
      <c r="K513" s="2" t="s">
        <v>1520</v>
      </c>
      <c r="L513" s="5" t="s">
        <v>1519</v>
      </c>
      <c r="M513" s="2" t="s">
        <v>1520</v>
      </c>
      <c r="N513" s="5" t="s">
        <v>1521</v>
      </c>
      <c r="O513" s="5" t="s">
        <v>38</v>
      </c>
      <c r="P513" s="5" t="s">
        <v>39</v>
      </c>
      <c r="Q513" s="5" t="s">
        <v>40</v>
      </c>
      <c r="R513" s="5" t="s">
        <v>1522</v>
      </c>
      <c r="S513" s="5" t="s">
        <v>1523</v>
      </c>
      <c r="T513" s="5" t="s">
        <v>42</v>
      </c>
      <c r="U513" s="2">
        <v>1.4970000000000001</v>
      </c>
      <c r="V513" s="2">
        <v>1.089</v>
      </c>
      <c r="W513" s="2">
        <v>0.01</v>
      </c>
      <c r="X513" s="2">
        <v>76.900000000000006</v>
      </c>
      <c r="Y513" s="2">
        <v>7.6</v>
      </c>
      <c r="Z513" s="2">
        <v>16.7</v>
      </c>
      <c r="AA513" s="5"/>
      <c r="AB513" s="5" t="s">
        <v>43</v>
      </c>
      <c r="AC513" s="5" t="s">
        <v>44</v>
      </c>
      <c r="AD513" s="2"/>
      <c r="AE513" s="1"/>
    </row>
    <row r="514" spans="1:31" ht="14.45">
      <c r="A514" s="11"/>
      <c r="B514" s="20"/>
      <c r="C514" s="2" t="s">
        <v>1955</v>
      </c>
      <c r="D514" s="14" t="s">
        <v>1956</v>
      </c>
      <c r="E514" s="2" t="s">
        <v>1957</v>
      </c>
      <c r="F514" s="2" t="s">
        <v>1811</v>
      </c>
      <c r="G514" s="8">
        <v>136</v>
      </c>
      <c r="H514" s="5">
        <v>6</v>
      </c>
      <c r="I514" s="5" t="s">
        <v>1518</v>
      </c>
      <c r="J514" s="5" t="s">
        <v>1519</v>
      </c>
      <c r="K514" s="2" t="s">
        <v>1520</v>
      </c>
      <c r="L514" s="5" t="s">
        <v>1519</v>
      </c>
      <c r="M514" s="2" t="s">
        <v>1520</v>
      </c>
      <c r="N514" s="5" t="s">
        <v>1521</v>
      </c>
      <c r="O514" s="5" t="s">
        <v>38</v>
      </c>
      <c r="P514" s="5" t="s">
        <v>39</v>
      </c>
      <c r="Q514" s="5" t="s">
        <v>40</v>
      </c>
      <c r="R514" s="5" t="s">
        <v>1522</v>
      </c>
      <c r="S514" s="5" t="s">
        <v>1523</v>
      </c>
      <c r="T514" s="5" t="s">
        <v>42</v>
      </c>
      <c r="U514" s="2">
        <v>1.5249999999999999</v>
      </c>
      <c r="V514" s="2">
        <v>1.117</v>
      </c>
      <c r="W514" s="2">
        <v>0.01</v>
      </c>
      <c r="X514" s="2">
        <v>76.900000000000006</v>
      </c>
      <c r="Y514" s="2">
        <v>7.6</v>
      </c>
      <c r="Z514" s="2">
        <v>16.7</v>
      </c>
      <c r="AA514" s="5"/>
      <c r="AB514" s="5" t="s">
        <v>43</v>
      </c>
      <c r="AC514" s="5" t="s">
        <v>44</v>
      </c>
      <c r="AD514" s="2"/>
      <c r="AE514" s="1"/>
    </row>
    <row r="515" spans="1:31" ht="14.45">
      <c r="A515" s="11"/>
      <c r="B515" s="20"/>
      <c r="C515" s="2" t="s">
        <v>1958</v>
      </c>
      <c r="D515" s="14" t="s">
        <v>1959</v>
      </c>
      <c r="E515" s="2" t="s">
        <v>1960</v>
      </c>
      <c r="F515" s="2" t="s">
        <v>1815</v>
      </c>
      <c r="G515" s="8">
        <v>136</v>
      </c>
      <c r="H515" s="5">
        <v>6</v>
      </c>
      <c r="I515" s="5" t="s">
        <v>1518</v>
      </c>
      <c r="J515" s="5" t="s">
        <v>1519</v>
      </c>
      <c r="K515" s="2" t="s">
        <v>1520</v>
      </c>
      <c r="L515" s="5" t="s">
        <v>1519</v>
      </c>
      <c r="M515" s="2" t="s">
        <v>1520</v>
      </c>
      <c r="N515" s="5" t="s">
        <v>1521</v>
      </c>
      <c r="O515" s="5" t="s">
        <v>38</v>
      </c>
      <c r="P515" s="5" t="s">
        <v>39</v>
      </c>
      <c r="Q515" s="5" t="s">
        <v>40</v>
      </c>
      <c r="R515" s="5" t="s">
        <v>1522</v>
      </c>
      <c r="S515" s="5" t="s">
        <v>1523</v>
      </c>
      <c r="T515" s="5" t="s">
        <v>42</v>
      </c>
      <c r="U515" s="2">
        <v>1.488</v>
      </c>
      <c r="V515" s="2">
        <v>1.08</v>
      </c>
      <c r="W515" s="2">
        <v>0.01</v>
      </c>
      <c r="X515" s="2">
        <v>76.900000000000006</v>
      </c>
      <c r="Y515" s="2">
        <v>7.6</v>
      </c>
      <c r="Z515" s="2">
        <v>16.7</v>
      </c>
      <c r="AA515" s="5"/>
      <c r="AB515" s="5" t="s">
        <v>43</v>
      </c>
      <c r="AC515" s="5" t="s">
        <v>44</v>
      </c>
      <c r="AD515" s="2"/>
      <c r="AE515" s="1"/>
    </row>
    <row r="516" spans="1:31" ht="14.45">
      <c r="A516" s="11"/>
      <c r="B516" s="20"/>
      <c r="C516" s="2" t="s">
        <v>1961</v>
      </c>
      <c r="D516" s="14" t="s">
        <v>1962</v>
      </c>
      <c r="E516" s="2" t="s">
        <v>1963</v>
      </c>
      <c r="F516" s="2" t="s">
        <v>1819</v>
      </c>
      <c r="G516" s="8">
        <v>136</v>
      </c>
      <c r="H516" s="5">
        <v>6</v>
      </c>
      <c r="I516" s="5" t="s">
        <v>1518</v>
      </c>
      <c r="J516" s="5" t="s">
        <v>1519</v>
      </c>
      <c r="K516" s="2" t="s">
        <v>1520</v>
      </c>
      <c r="L516" s="5" t="s">
        <v>1519</v>
      </c>
      <c r="M516" s="2" t="s">
        <v>1520</v>
      </c>
      <c r="N516" s="5" t="s">
        <v>1521</v>
      </c>
      <c r="O516" s="5" t="s">
        <v>38</v>
      </c>
      <c r="P516" s="5" t="s">
        <v>39</v>
      </c>
      <c r="Q516" s="5" t="s">
        <v>40</v>
      </c>
      <c r="R516" s="5" t="s">
        <v>1522</v>
      </c>
      <c r="S516" s="5" t="s">
        <v>1523</v>
      </c>
      <c r="T516" s="5" t="s">
        <v>42</v>
      </c>
      <c r="U516" s="2">
        <v>1.516</v>
      </c>
      <c r="V516" s="2">
        <v>1.1080000000000001</v>
      </c>
      <c r="W516" s="2">
        <v>0.01</v>
      </c>
      <c r="X516" s="2">
        <v>76.900000000000006</v>
      </c>
      <c r="Y516" s="2">
        <v>7.6</v>
      </c>
      <c r="Z516" s="2">
        <v>16.7</v>
      </c>
      <c r="AA516" s="5"/>
      <c r="AB516" s="5" t="s">
        <v>43</v>
      </c>
      <c r="AC516" s="5" t="s">
        <v>44</v>
      </c>
      <c r="AD516" s="2"/>
      <c r="AE516" s="1"/>
    </row>
    <row r="517" spans="1:31" ht="14.45">
      <c r="A517" s="11"/>
      <c r="B517" s="20"/>
      <c r="C517" s="2" t="s">
        <v>1964</v>
      </c>
      <c r="D517" s="14" t="s">
        <v>1965</v>
      </c>
      <c r="E517" s="2" t="s">
        <v>1966</v>
      </c>
      <c r="F517" s="2" t="s">
        <v>1823</v>
      </c>
      <c r="G517" s="8">
        <v>136</v>
      </c>
      <c r="H517" s="5">
        <v>8</v>
      </c>
      <c r="I517" s="5" t="s">
        <v>1518</v>
      </c>
      <c r="J517" s="5" t="s">
        <v>1519</v>
      </c>
      <c r="K517" s="2" t="s">
        <v>1520</v>
      </c>
      <c r="L517" s="5" t="s">
        <v>1519</v>
      </c>
      <c r="M517" s="2" t="s">
        <v>1520</v>
      </c>
      <c r="N517" s="5" t="s">
        <v>1521</v>
      </c>
      <c r="O517" s="5" t="s">
        <v>38</v>
      </c>
      <c r="P517" s="5" t="s">
        <v>39</v>
      </c>
      <c r="Q517" s="5" t="s">
        <v>40</v>
      </c>
      <c r="R517" s="5" t="s">
        <v>1522</v>
      </c>
      <c r="S517" s="5" t="s">
        <v>1523</v>
      </c>
      <c r="T517" s="5" t="s">
        <v>42</v>
      </c>
      <c r="U517" s="2">
        <v>1.504</v>
      </c>
      <c r="V517" s="2">
        <v>1.0960000000000001</v>
      </c>
      <c r="W517" s="2">
        <v>0.01</v>
      </c>
      <c r="X517" s="2">
        <v>76.900000000000006</v>
      </c>
      <c r="Y517" s="2">
        <v>7.6</v>
      </c>
      <c r="Z517" s="2">
        <v>16.7</v>
      </c>
      <c r="AA517" s="5"/>
      <c r="AB517" s="5" t="s">
        <v>43</v>
      </c>
      <c r="AC517" s="5" t="s">
        <v>44</v>
      </c>
      <c r="AD517" s="2"/>
      <c r="AE517" s="1"/>
    </row>
    <row r="518" spans="1:31" ht="14.45">
      <c r="A518" s="11"/>
      <c r="B518" s="20"/>
      <c r="C518" s="2" t="s">
        <v>1967</v>
      </c>
      <c r="D518" s="14" t="s">
        <v>1968</v>
      </c>
      <c r="E518" s="2" t="s">
        <v>1969</v>
      </c>
      <c r="F518" s="2" t="s">
        <v>1827</v>
      </c>
      <c r="G518" s="8">
        <v>136</v>
      </c>
      <c r="H518" s="5">
        <v>8</v>
      </c>
      <c r="I518" s="5" t="s">
        <v>1518</v>
      </c>
      <c r="J518" s="5" t="s">
        <v>1519</v>
      </c>
      <c r="K518" s="2" t="s">
        <v>1520</v>
      </c>
      <c r="L518" s="5" t="s">
        <v>1519</v>
      </c>
      <c r="M518" s="2" t="s">
        <v>1520</v>
      </c>
      <c r="N518" s="5" t="s">
        <v>1521</v>
      </c>
      <c r="O518" s="5" t="s">
        <v>38</v>
      </c>
      <c r="P518" s="5" t="s">
        <v>39</v>
      </c>
      <c r="Q518" s="5" t="s">
        <v>40</v>
      </c>
      <c r="R518" s="5" t="s">
        <v>1522</v>
      </c>
      <c r="S518" s="5" t="s">
        <v>1523</v>
      </c>
      <c r="T518" s="5" t="s">
        <v>42</v>
      </c>
      <c r="U518" s="2">
        <v>1.532</v>
      </c>
      <c r="V518" s="2">
        <v>1.1240000000000001</v>
      </c>
      <c r="W518" s="2">
        <v>0.01</v>
      </c>
      <c r="X518" s="2">
        <v>76.900000000000006</v>
      </c>
      <c r="Y518" s="2">
        <v>7.6</v>
      </c>
      <c r="Z518" s="2">
        <v>16.7</v>
      </c>
      <c r="AA518" s="5"/>
      <c r="AB518" s="5" t="s">
        <v>43</v>
      </c>
      <c r="AC518" s="5" t="s">
        <v>44</v>
      </c>
      <c r="AD518" s="2"/>
      <c r="AE518" s="1"/>
    </row>
    <row r="519" spans="1:31" ht="14.45">
      <c r="A519" s="11"/>
      <c r="B519" s="20"/>
      <c r="C519" s="2" t="s">
        <v>1970</v>
      </c>
      <c r="D519" s="14" t="s">
        <v>1971</v>
      </c>
      <c r="E519" s="2" t="s">
        <v>1972</v>
      </c>
      <c r="F519" s="2" t="s">
        <v>1973</v>
      </c>
      <c r="G519" s="8">
        <v>136</v>
      </c>
      <c r="H519" s="5">
        <v>13</v>
      </c>
      <c r="I519" s="5" t="s">
        <v>1518</v>
      </c>
      <c r="J519" s="5" t="s">
        <v>1519</v>
      </c>
      <c r="K519" s="2" t="s">
        <v>1520</v>
      </c>
      <c r="L519" s="5" t="s">
        <v>1519</v>
      </c>
      <c r="M519" s="2" t="s">
        <v>1520</v>
      </c>
      <c r="N519" s="5" t="s">
        <v>1521</v>
      </c>
      <c r="O519" s="5" t="s">
        <v>38</v>
      </c>
      <c r="P519" s="5" t="s">
        <v>39</v>
      </c>
      <c r="Q519" s="5" t="s">
        <v>40</v>
      </c>
      <c r="R519" s="5" t="s">
        <v>1522</v>
      </c>
      <c r="S519" s="5" t="s">
        <v>1523</v>
      </c>
      <c r="T519" s="5" t="s">
        <v>42</v>
      </c>
      <c r="U519" s="2">
        <v>1.5289999999999999</v>
      </c>
      <c r="V519" s="2">
        <v>1.121</v>
      </c>
      <c r="W519" s="2">
        <v>0.01</v>
      </c>
      <c r="X519" s="2">
        <v>76.900000000000006</v>
      </c>
      <c r="Y519" s="2">
        <v>7.6</v>
      </c>
      <c r="Z519" s="2">
        <v>16.7</v>
      </c>
      <c r="AA519" s="5"/>
      <c r="AB519" s="5" t="s">
        <v>43</v>
      </c>
      <c r="AC519" s="5" t="s">
        <v>44</v>
      </c>
      <c r="AD519" s="2"/>
      <c r="AE519" s="1"/>
    </row>
    <row r="520" spans="1:31" ht="14.45">
      <c r="A520" s="11"/>
      <c r="B520" s="20"/>
      <c r="C520" s="2" t="s">
        <v>1974</v>
      </c>
      <c r="D520" s="14" t="s">
        <v>1975</v>
      </c>
      <c r="E520" s="2" t="s">
        <v>1976</v>
      </c>
      <c r="F520" s="2" t="s">
        <v>1831</v>
      </c>
      <c r="G520" s="8">
        <v>136</v>
      </c>
      <c r="H520" s="5">
        <v>13</v>
      </c>
      <c r="I520" s="5" t="s">
        <v>1518</v>
      </c>
      <c r="J520" s="5" t="s">
        <v>1519</v>
      </c>
      <c r="K520" s="2" t="s">
        <v>1520</v>
      </c>
      <c r="L520" s="5" t="s">
        <v>1519</v>
      </c>
      <c r="M520" s="2" t="s">
        <v>1520</v>
      </c>
      <c r="N520" s="5" t="s">
        <v>1521</v>
      </c>
      <c r="O520" s="5" t="s">
        <v>38</v>
      </c>
      <c r="P520" s="5" t="s">
        <v>39</v>
      </c>
      <c r="Q520" s="5" t="s">
        <v>40</v>
      </c>
      <c r="R520" s="5" t="s">
        <v>1522</v>
      </c>
      <c r="S520" s="5" t="s">
        <v>1523</v>
      </c>
      <c r="T520" s="5" t="s">
        <v>42</v>
      </c>
      <c r="U520" s="2">
        <v>1.5289999999999999</v>
      </c>
      <c r="V520" s="2">
        <v>1.121</v>
      </c>
      <c r="W520" s="2">
        <v>0.01</v>
      </c>
      <c r="X520" s="2">
        <v>76.900000000000006</v>
      </c>
      <c r="Y520" s="2">
        <v>7.6</v>
      </c>
      <c r="Z520" s="2">
        <v>16.7</v>
      </c>
      <c r="AA520" s="5"/>
      <c r="AB520" s="5" t="s">
        <v>43</v>
      </c>
      <c r="AC520" s="5" t="s">
        <v>44</v>
      </c>
      <c r="AD520" s="2"/>
      <c r="AE520" s="1"/>
    </row>
    <row r="521" spans="1:31" ht="14.45">
      <c r="A521" s="11"/>
      <c r="B521" s="20"/>
      <c r="C521" s="2" t="s">
        <v>1977</v>
      </c>
      <c r="D521" s="14" t="s">
        <v>1978</v>
      </c>
      <c r="E521" s="2" t="s">
        <v>1979</v>
      </c>
      <c r="F521" s="2" t="s">
        <v>1835</v>
      </c>
      <c r="G521" s="8">
        <v>136</v>
      </c>
      <c r="H521" s="5">
        <v>13</v>
      </c>
      <c r="I521" s="5" t="s">
        <v>1518</v>
      </c>
      <c r="J521" s="5" t="s">
        <v>1519</v>
      </c>
      <c r="K521" s="2" t="s">
        <v>1520</v>
      </c>
      <c r="L521" s="5" t="s">
        <v>1519</v>
      </c>
      <c r="M521" s="2" t="s">
        <v>1520</v>
      </c>
      <c r="N521" s="5" t="s">
        <v>1521</v>
      </c>
      <c r="O521" s="5" t="s">
        <v>38</v>
      </c>
      <c r="P521" s="5" t="s">
        <v>39</v>
      </c>
      <c r="Q521" s="5" t="s">
        <v>40</v>
      </c>
      <c r="R521" s="5" t="s">
        <v>1522</v>
      </c>
      <c r="S521" s="5" t="s">
        <v>1523</v>
      </c>
      <c r="T521" s="5" t="s">
        <v>42</v>
      </c>
      <c r="U521" s="2">
        <v>1.5569999999999999</v>
      </c>
      <c r="V521" s="2">
        <v>1.149</v>
      </c>
      <c r="W521" s="2">
        <v>0.01</v>
      </c>
      <c r="X521" s="2">
        <v>76.900000000000006</v>
      </c>
      <c r="Y521" s="2">
        <v>7.6</v>
      </c>
      <c r="Z521" s="2">
        <v>16.7</v>
      </c>
      <c r="AA521" s="5"/>
      <c r="AB521" s="5" t="s">
        <v>43</v>
      </c>
      <c r="AC521" s="5" t="s">
        <v>44</v>
      </c>
      <c r="AD521" s="2"/>
      <c r="AE521" s="1"/>
    </row>
    <row r="522" spans="1:31" ht="14.45">
      <c r="A522" s="11"/>
      <c r="B522" s="20"/>
      <c r="C522" s="2" t="s">
        <v>1980</v>
      </c>
      <c r="D522" s="14" t="s">
        <v>1981</v>
      </c>
      <c r="E522" s="2" t="s">
        <v>1982</v>
      </c>
      <c r="F522" s="2" t="s">
        <v>1839</v>
      </c>
      <c r="G522" s="8">
        <v>136</v>
      </c>
      <c r="H522" s="5">
        <v>13</v>
      </c>
      <c r="I522" s="5" t="s">
        <v>1518</v>
      </c>
      <c r="J522" s="5" t="s">
        <v>1519</v>
      </c>
      <c r="K522" s="2" t="s">
        <v>1520</v>
      </c>
      <c r="L522" s="5" t="s">
        <v>1519</v>
      </c>
      <c r="M522" s="2" t="s">
        <v>1520</v>
      </c>
      <c r="N522" s="5" t="s">
        <v>1521</v>
      </c>
      <c r="O522" s="5" t="s">
        <v>38</v>
      </c>
      <c r="P522" s="5" t="s">
        <v>39</v>
      </c>
      <c r="Q522" s="5" t="s">
        <v>40</v>
      </c>
      <c r="R522" s="5" t="s">
        <v>1522</v>
      </c>
      <c r="S522" s="5" t="s">
        <v>1523</v>
      </c>
      <c r="T522" s="5" t="s">
        <v>42</v>
      </c>
      <c r="U522" s="2">
        <v>1.5289999999999999</v>
      </c>
      <c r="V522" s="2">
        <v>1.121</v>
      </c>
      <c r="W522" s="2">
        <v>0.01</v>
      </c>
      <c r="X522" s="2">
        <v>76.900000000000006</v>
      </c>
      <c r="Y522" s="2">
        <v>7.6</v>
      </c>
      <c r="Z522" s="2">
        <v>16.7</v>
      </c>
      <c r="AA522" s="5"/>
      <c r="AB522" s="5" t="s">
        <v>43</v>
      </c>
      <c r="AC522" s="5" t="s">
        <v>44</v>
      </c>
      <c r="AD522" s="2"/>
      <c r="AE522" s="1"/>
    </row>
    <row r="523" spans="1:31" ht="14.45">
      <c r="A523" s="11"/>
      <c r="B523" s="20"/>
      <c r="C523" s="2" t="s">
        <v>1983</v>
      </c>
      <c r="D523" s="14" t="s">
        <v>1984</v>
      </c>
      <c r="E523" s="2" t="s">
        <v>1985</v>
      </c>
      <c r="F523" s="2" t="s">
        <v>1986</v>
      </c>
      <c r="G523" s="8">
        <v>136</v>
      </c>
      <c r="H523" s="5">
        <v>13</v>
      </c>
      <c r="I523" s="5" t="s">
        <v>1518</v>
      </c>
      <c r="J523" s="5" t="s">
        <v>1519</v>
      </c>
      <c r="K523" s="2" t="s">
        <v>1520</v>
      </c>
      <c r="L523" s="5" t="s">
        <v>1519</v>
      </c>
      <c r="M523" s="2" t="s">
        <v>1520</v>
      </c>
      <c r="N523" s="5" t="s">
        <v>1521</v>
      </c>
      <c r="O523" s="5" t="s">
        <v>38</v>
      </c>
      <c r="P523" s="5" t="s">
        <v>39</v>
      </c>
      <c r="Q523" s="5" t="s">
        <v>40</v>
      </c>
      <c r="R523" s="5" t="s">
        <v>1522</v>
      </c>
      <c r="S523" s="5" t="s">
        <v>1523</v>
      </c>
      <c r="T523" s="5" t="s">
        <v>42</v>
      </c>
      <c r="U523" s="2">
        <v>1.5569999999999999</v>
      </c>
      <c r="V523" s="2">
        <v>1.149</v>
      </c>
      <c r="W523" s="2">
        <v>0.01</v>
      </c>
      <c r="X523" s="2">
        <v>76.900000000000006</v>
      </c>
      <c r="Y523" s="2">
        <v>7.6</v>
      </c>
      <c r="Z523" s="2">
        <v>16.7</v>
      </c>
      <c r="AA523" s="5"/>
      <c r="AB523" s="5" t="s">
        <v>43</v>
      </c>
      <c r="AC523" s="5" t="s">
        <v>44</v>
      </c>
      <c r="AD523" s="2"/>
      <c r="AE523" s="1"/>
    </row>
    <row r="524" spans="1:31" ht="14.45">
      <c r="A524" s="11"/>
      <c r="B524" s="20"/>
      <c r="C524" s="2" t="s">
        <v>1987</v>
      </c>
      <c r="D524" s="14" t="s">
        <v>1988</v>
      </c>
      <c r="E524" s="2" t="s">
        <v>1989</v>
      </c>
      <c r="F524" s="2" t="s">
        <v>1843</v>
      </c>
      <c r="G524" s="8">
        <v>136</v>
      </c>
      <c r="H524" s="5">
        <v>13</v>
      </c>
      <c r="I524" s="5" t="s">
        <v>1518</v>
      </c>
      <c r="J524" s="5" t="s">
        <v>1519</v>
      </c>
      <c r="K524" s="2" t="s">
        <v>1520</v>
      </c>
      <c r="L524" s="5" t="s">
        <v>1519</v>
      </c>
      <c r="M524" s="2" t="s">
        <v>1520</v>
      </c>
      <c r="N524" s="5" t="s">
        <v>1521</v>
      </c>
      <c r="O524" s="5" t="s">
        <v>38</v>
      </c>
      <c r="P524" s="5" t="s">
        <v>39</v>
      </c>
      <c r="Q524" s="5" t="s">
        <v>40</v>
      </c>
      <c r="R524" s="5" t="s">
        <v>1522</v>
      </c>
      <c r="S524" s="5" t="s">
        <v>1523</v>
      </c>
      <c r="T524" s="5" t="s">
        <v>42</v>
      </c>
      <c r="U524" s="2">
        <v>1.5289999999999999</v>
      </c>
      <c r="V524" s="2">
        <v>1.121</v>
      </c>
      <c r="W524" s="2">
        <v>0.01</v>
      </c>
      <c r="X524" s="2">
        <v>76.900000000000006</v>
      </c>
      <c r="Y524" s="2">
        <v>7.6</v>
      </c>
      <c r="Z524" s="2">
        <v>16.7</v>
      </c>
      <c r="AA524" s="5"/>
      <c r="AB524" s="5" t="s">
        <v>43</v>
      </c>
      <c r="AC524" s="5" t="s">
        <v>44</v>
      </c>
      <c r="AD524" s="2"/>
      <c r="AE524" s="1"/>
    </row>
    <row r="525" spans="1:31" ht="14.45">
      <c r="A525" s="11"/>
      <c r="B525" s="20"/>
      <c r="C525" s="2" t="s">
        <v>1990</v>
      </c>
      <c r="D525" s="14" t="s">
        <v>1991</v>
      </c>
      <c r="E525" s="2" t="s">
        <v>1992</v>
      </c>
      <c r="F525" s="2" t="s">
        <v>1847</v>
      </c>
      <c r="G525" s="8">
        <v>136</v>
      </c>
      <c r="H525" s="5">
        <v>13</v>
      </c>
      <c r="I525" s="5" t="s">
        <v>1518</v>
      </c>
      <c r="J525" s="5" t="s">
        <v>1519</v>
      </c>
      <c r="K525" s="2" t="s">
        <v>1520</v>
      </c>
      <c r="L525" s="5" t="s">
        <v>1519</v>
      </c>
      <c r="M525" s="2" t="s">
        <v>1520</v>
      </c>
      <c r="N525" s="5" t="s">
        <v>1521</v>
      </c>
      <c r="O525" s="5" t="s">
        <v>38</v>
      </c>
      <c r="P525" s="5" t="s">
        <v>39</v>
      </c>
      <c r="Q525" s="5" t="s">
        <v>40</v>
      </c>
      <c r="R525" s="5" t="s">
        <v>1522</v>
      </c>
      <c r="S525" s="5" t="s">
        <v>1523</v>
      </c>
      <c r="T525" s="5" t="s">
        <v>42</v>
      </c>
      <c r="U525" s="2">
        <v>1.5569999999999999</v>
      </c>
      <c r="V525" s="2">
        <v>1.149</v>
      </c>
      <c r="W525" s="2">
        <v>0.01</v>
      </c>
      <c r="X525" s="2">
        <v>76.900000000000006</v>
      </c>
      <c r="Y525" s="2">
        <v>7.6</v>
      </c>
      <c r="Z525" s="2">
        <v>16.7</v>
      </c>
      <c r="AA525" s="5"/>
      <c r="AB525" s="5" t="s">
        <v>43</v>
      </c>
      <c r="AC525" s="5" t="s">
        <v>44</v>
      </c>
      <c r="AD525" s="2"/>
      <c r="AE525" s="1"/>
    </row>
    <row r="526" spans="1:31" ht="14.45">
      <c r="A526" s="11"/>
      <c r="B526" s="20"/>
      <c r="C526" s="2" t="s">
        <v>1993</v>
      </c>
      <c r="D526" s="14" t="s">
        <v>1994</v>
      </c>
      <c r="E526" s="2" t="s">
        <v>1995</v>
      </c>
      <c r="F526" s="2" t="s">
        <v>1851</v>
      </c>
      <c r="G526" s="8">
        <v>136</v>
      </c>
      <c r="H526" s="5">
        <v>13</v>
      </c>
      <c r="I526" s="5" t="s">
        <v>1518</v>
      </c>
      <c r="J526" s="5" t="s">
        <v>1519</v>
      </c>
      <c r="K526" s="2" t="s">
        <v>1520</v>
      </c>
      <c r="L526" s="5" t="s">
        <v>1519</v>
      </c>
      <c r="M526" s="2" t="s">
        <v>1520</v>
      </c>
      <c r="N526" s="5" t="s">
        <v>1521</v>
      </c>
      <c r="O526" s="5" t="s">
        <v>38</v>
      </c>
      <c r="P526" s="5" t="s">
        <v>39</v>
      </c>
      <c r="Q526" s="5" t="s">
        <v>40</v>
      </c>
      <c r="R526" s="5" t="s">
        <v>1522</v>
      </c>
      <c r="S526" s="5" t="s">
        <v>1523</v>
      </c>
      <c r="T526" s="5" t="s">
        <v>42</v>
      </c>
      <c r="U526" s="2">
        <v>1.5289999999999999</v>
      </c>
      <c r="V526" s="2">
        <v>1.121</v>
      </c>
      <c r="W526" s="2">
        <v>0.01</v>
      </c>
      <c r="X526" s="2">
        <v>76.900000000000006</v>
      </c>
      <c r="Y526" s="2">
        <v>7.6</v>
      </c>
      <c r="Z526" s="2">
        <v>16.7</v>
      </c>
      <c r="AA526" s="5"/>
      <c r="AB526" s="5" t="s">
        <v>43</v>
      </c>
      <c r="AC526" s="5" t="s">
        <v>44</v>
      </c>
      <c r="AD526" s="2"/>
      <c r="AE526" s="1"/>
    </row>
    <row r="527" spans="1:31" ht="14.45">
      <c r="A527" s="11"/>
      <c r="B527" s="20"/>
      <c r="C527" s="2" t="s">
        <v>1996</v>
      </c>
      <c r="D527" s="14" t="s">
        <v>1997</v>
      </c>
      <c r="E527" s="2" t="s">
        <v>1998</v>
      </c>
      <c r="F527" s="2" t="s">
        <v>1999</v>
      </c>
      <c r="G527" s="8">
        <v>136</v>
      </c>
      <c r="H527" s="5">
        <v>13</v>
      </c>
      <c r="I527" s="5" t="s">
        <v>1518</v>
      </c>
      <c r="J527" s="5" t="s">
        <v>1519</v>
      </c>
      <c r="K527" s="2" t="s">
        <v>1520</v>
      </c>
      <c r="L527" s="5" t="s">
        <v>1519</v>
      </c>
      <c r="M527" s="2" t="s">
        <v>1520</v>
      </c>
      <c r="N527" s="5" t="s">
        <v>1521</v>
      </c>
      <c r="O527" s="5" t="s">
        <v>38</v>
      </c>
      <c r="P527" s="5" t="s">
        <v>39</v>
      </c>
      <c r="Q527" s="5" t="s">
        <v>40</v>
      </c>
      <c r="R527" s="5" t="s">
        <v>1522</v>
      </c>
      <c r="S527" s="5" t="s">
        <v>1523</v>
      </c>
      <c r="T527" s="5" t="s">
        <v>42</v>
      </c>
      <c r="U527" s="2">
        <v>1.5569999999999999</v>
      </c>
      <c r="V527" s="2">
        <v>1.149</v>
      </c>
      <c r="W527" s="2">
        <v>0.01</v>
      </c>
      <c r="X527" s="2">
        <v>76.900000000000006</v>
      </c>
      <c r="Y527" s="2">
        <v>7.6</v>
      </c>
      <c r="Z527" s="2">
        <v>16.7</v>
      </c>
      <c r="AA527" s="5"/>
      <c r="AB527" s="5" t="s">
        <v>43</v>
      </c>
      <c r="AC527" s="5" t="s">
        <v>44</v>
      </c>
      <c r="AD527" s="2"/>
      <c r="AE527" s="1"/>
    </row>
    <row r="528" spans="1:31" ht="14.45">
      <c r="A528" s="11"/>
      <c r="B528" s="20"/>
      <c r="C528" s="2" t="s">
        <v>2000</v>
      </c>
      <c r="D528" s="14" t="s">
        <v>2001</v>
      </c>
      <c r="E528" s="2" t="s">
        <v>2002</v>
      </c>
      <c r="F528" s="2" t="s">
        <v>1855</v>
      </c>
      <c r="G528" s="8">
        <v>136</v>
      </c>
      <c r="H528" s="5">
        <v>13</v>
      </c>
      <c r="I528" s="5" t="s">
        <v>1518</v>
      </c>
      <c r="J528" s="5" t="s">
        <v>1519</v>
      </c>
      <c r="K528" s="2" t="s">
        <v>1520</v>
      </c>
      <c r="L528" s="5" t="s">
        <v>1519</v>
      </c>
      <c r="M528" s="2" t="s">
        <v>1520</v>
      </c>
      <c r="N528" s="5" t="s">
        <v>1521</v>
      </c>
      <c r="O528" s="5" t="s">
        <v>38</v>
      </c>
      <c r="P528" s="5" t="s">
        <v>39</v>
      </c>
      <c r="Q528" s="5" t="s">
        <v>40</v>
      </c>
      <c r="R528" s="5" t="s">
        <v>1522</v>
      </c>
      <c r="S528" s="5" t="s">
        <v>1523</v>
      </c>
      <c r="T528" s="5" t="s">
        <v>42</v>
      </c>
      <c r="U528" s="2">
        <v>1.5289999999999999</v>
      </c>
      <c r="V528" s="2">
        <v>1.121</v>
      </c>
      <c r="W528" s="2">
        <v>0.01</v>
      </c>
      <c r="X528" s="2">
        <v>76.900000000000006</v>
      </c>
      <c r="Y528" s="2">
        <v>7.6</v>
      </c>
      <c r="Z528" s="2">
        <v>16.7</v>
      </c>
      <c r="AA528" s="5"/>
      <c r="AB528" s="5" t="s">
        <v>43</v>
      </c>
      <c r="AC528" s="5" t="s">
        <v>44</v>
      </c>
      <c r="AD528" s="2"/>
      <c r="AE528" s="1"/>
    </row>
    <row r="529" spans="1:31" ht="14.45">
      <c r="A529" s="11"/>
      <c r="B529" s="20"/>
      <c r="C529" s="2" t="s">
        <v>2003</v>
      </c>
      <c r="D529" s="14" t="s">
        <v>2004</v>
      </c>
      <c r="E529" s="2" t="s">
        <v>2005</v>
      </c>
      <c r="F529" s="2" t="s">
        <v>1859</v>
      </c>
      <c r="G529" s="8">
        <v>136</v>
      </c>
      <c r="H529" s="5">
        <v>13</v>
      </c>
      <c r="I529" s="5" t="s">
        <v>1518</v>
      </c>
      <c r="J529" s="5" t="s">
        <v>1519</v>
      </c>
      <c r="K529" s="2" t="s">
        <v>1520</v>
      </c>
      <c r="L529" s="5" t="s">
        <v>1519</v>
      </c>
      <c r="M529" s="2" t="s">
        <v>1520</v>
      </c>
      <c r="N529" s="5" t="s">
        <v>1521</v>
      </c>
      <c r="O529" s="5" t="s">
        <v>38</v>
      </c>
      <c r="P529" s="5" t="s">
        <v>39</v>
      </c>
      <c r="Q529" s="5" t="s">
        <v>40</v>
      </c>
      <c r="R529" s="5" t="s">
        <v>1522</v>
      </c>
      <c r="S529" s="5" t="s">
        <v>1523</v>
      </c>
      <c r="T529" s="5" t="s">
        <v>42</v>
      </c>
      <c r="U529" s="2">
        <v>1.5569999999999999</v>
      </c>
      <c r="V529" s="2">
        <v>1.149</v>
      </c>
      <c r="W529" s="2">
        <v>0.01</v>
      </c>
      <c r="X529" s="2">
        <v>76.900000000000006</v>
      </c>
      <c r="Y529" s="2">
        <v>7.6</v>
      </c>
      <c r="Z529" s="2">
        <v>16.7</v>
      </c>
      <c r="AA529" s="5"/>
      <c r="AB529" s="5" t="s">
        <v>43</v>
      </c>
      <c r="AC529" s="5" t="s">
        <v>44</v>
      </c>
      <c r="AD529" s="2"/>
      <c r="AE529" s="1"/>
    </row>
    <row r="530" spans="1:31" ht="14.45">
      <c r="A530" s="11"/>
      <c r="B530" s="20"/>
      <c r="C530" s="2" t="s">
        <v>2006</v>
      </c>
      <c r="D530" s="14" t="s">
        <v>2007</v>
      </c>
      <c r="E530" s="2" t="s">
        <v>2008</v>
      </c>
      <c r="F530" s="2" t="s">
        <v>1863</v>
      </c>
      <c r="G530" s="8">
        <v>136</v>
      </c>
      <c r="H530" s="5">
        <v>11</v>
      </c>
      <c r="I530" s="5" t="s">
        <v>1518</v>
      </c>
      <c r="J530" s="5" t="s">
        <v>1519</v>
      </c>
      <c r="K530" s="2" t="s">
        <v>1520</v>
      </c>
      <c r="L530" s="5" t="s">
        <v>1519</v>
      </c>
      <c r="M530" s="2" t="s">
        <v>1520</v>
      </c>
      <c r="N530" s="5" t="s">
        <v>1521</v>
      </c>
      <c r="O530" s="5" t="s">
        <v>38</v>
      </c>
      <c r="P530" s="5" t="s">
        <v>39</v>
      </c>
      <c r="Q530" s="5" t="s">
        <v>40</v>
      </c>
      <c r="R530" s="5" t="s">
        <v>1522</v>
      </c>
      <c r="S530" s="5" t="s">
        <v>1523</v>
      </c>
      <c r="T530" s="5" t="s">
        <v>42</v>
      </c>
      <c r="U530" s="2">
        <v>1.4910000000000001</v>
      </c>
      <c r="V530" s="2">
        <v>1.083</v>
      </c>
      <c r="W530" s="2">
        <v>0.01</v>
      </c>
      <c r="X530" s="2">
        <v>76.900000000000006</v>
      </c>
      <c r="Y530" s="2">
        <v>7.6</v>
      </c>
      <c r="Z530" s="2">
        <v>16.7</v>
      </c>
      <c r="AA530" s="5"/>
      <c r="AB530" s="5" t="s">
        <v>43</v>
      </c>
      <c r="AC530" s="5" t="s">
        <v>44</v>
      </c>
      <c r="AD530" s="2"/>
      <c r="AE530" s="1"/>
    </row>
    <row r="531" spans="1:31" ht="14.45">
      <c r="A531" s="11"/>
      <c r="B531" s="20"/>
      <c r="C531" s="2" t="s">
        <v>2009</v>
      </c>
      <c r="D531" s="14" t="s">
        <v>2010</v>
      </c>
      <c r="E531" s="2" t="s">
        <v>2011</v>
      </c>
      <c r="F531" s="2" t="s">
        <v>1867</v>
      </c>
      <c r="G531" s="8">
        <v>136</v>
      </c>
      <c r="H531" s="5">
        <v>11</v>
      </c>
      <c r="I531" s="5" t="s">
        <v>1518</v>
      </c>
      <c r="J531" s="5" t="s">
        <v>1519</v>
      </c>
      <c r="K531" s="2" t="s">
        <v>1520</v>
      </c>
      <c r="L531" s="5" t="s">
        <v>1519</v>
      </c>
      <c r="M531" s="2" t="s">
        <v>1520</v>
      </c>
      <c r="N531" s="5" t="s">
        <v>1521</v>
      </c>
      <c r="O531" s="5" t="s">
        <v>38</v>
      </c>
      <c r="P531" s="5" t="s">
        <v>39</v>
      </c>
      <c r="Q531" s="5" t="s">
        <v>40</v>
      </c>
      <c r="R531" s="5" t="s">
        <v>1522</v>
      </c>
      <c r="S531" s="5" t="s">
        <v>1523</v>
      </c>
      <c r="T531" s="5" t="s">
        <v>42</v>
      </c>
      <c r="U531" s="2">
        <v>1.5189999999999999</v>
      </c>
      <c r="V531" s="2">
        <v>1.111</v>
      </c>
      <c r="W531" s="2">
        <v>0.01</v>
      </c>
      <c r="X531" s="2">
        <v>76.900000000000006</v>
      </c>
      <c r="Y531" s="2">
        <v>7.6</v>
      </c>
      <c r="Z531" s="2">
        <v>16.7</v>
      </c>
      <c r="AA531" s="5"/>
      <c r="AB531" s="5" t="s">
        <v>43</v>
      </c>
      <c r="AC531" s="5" t="s">
        <v>44</v>
      </c>
      <c r="AD531" s="2"/>
      <c r="AE531" s="1"/>
    </row>
    <row r="532" spans="1:31" ht="14.45">
      <c r="A532" s="11"/>
      <c r="B532" s="20"/>
      <c r="C532" s="2" t="s">
        <v>2012</v>
      </c>
      <c r="D532" s="14" t="s">
        <v>2013</v>
      </c>
      <c r="E532" s="2" t="s">
        <v>2014</v>
      </c>
      <c r="F532" s="2" t="s">
        <v>1695</v>
      </c>
      <c r="G532" s="8">
        <v>132</v>
      </c>
      <c r="H532" s="5">
        <v>6</v>
      </c>
      <c r="I532" s="5" t="s">
        <v>1518</v>
      </c>
      <c r="J532" s="5" t="s">
        <v>1519</v>
      </c>
      <c r="K532" s="2" t="s">
        <v>1520</v>
      </c>
      <c r="L532" s="5" t="s">
        <v>1519</v>
      </c>
      <c r="M532" s="2" t="s">
        <v>1520</v>
      </c>
      <c r="N532" s="5" t="s">
        <v>1521</v>
      </c>
      <c r="O532" s="5" t="s">
        <v>38</v>
      </c>
      <c r="P532" s="5" t="s">
        <v>39</v>
      </c>
      <c r="Q532" s="5" t="s">
        <v>40</v>
      </c>
      <c r="R532" s="5" t="s">
        <v>1522</v>
      </c>
      <c r="S532" s="5" t="s">
        <v>1523</v>
      </c>
      <c r="T532" s="5" t="s">
        <v>42</v>
      </c>
      <c r="U532" s="2">
        <v>1.7130000000000001</v>
      </c>
      <c r="V532" s="2">
        <v>1.1970000000000001</v>
      </c>
      <c r="W532" s="2">
        <v>1.2999999999999999E-2</v>
      </c>
      <c r="X532" s="2">
        <v>99.1</v>
      </c>
      <c r="Y532" s="2">
        <v>7.6</v>
      </c>
      <c r="Z532" s="2">
        <v>16.7</v>
      </c>
      <c r="AA532" s="5"/>
      <c r="AB532" s="5" t="s">
        <v>43</v>
      </c>
      <c r="AC532" s="5" t="s">
        <v>44</v>
      </c>
      <c r="AD532" s="2"/>
      <c r="AE532" s="1"/>
    </row>
    <row r="533" spans="1:31" ht="14.45">
      <c r="A533" s="11"/>
      <c r="B533" s="20"/>
      <c r="C533" s="2" t="s">
        <v>2015</v>
      </c>
      <c r="D533" s="14" t="s">
        <v>2016</v>
      </c>
      <c r="E533" s="2" t="s">
        <v>2017</v>
      </c>
      <c r="F533" s="2" t="s">
        <v>1699</v>
      </c>
      <c r="G533" s="8">
        <v>132</v>
      </c>
      <c r="H533" s="5">
        <v>6</v>
      </c>
      <c r="I533" s="5" t="s">
        <v>1518</v>
      </c>
      <c r="J533" s="5" t="s">
        <v>1519</v>
      </c>
      <c r="K533" s="2" t="s">
        <v>1520</v>
      </c>
      <c r="L533" s="5" t="s">
        <v>1519</v>
      </c>
      <c r="M533" s="2" t="s">
        <v>1520</v>
      </c>
      <c r="N533" s="5" t="s">
        <v>1521</v>
      </c>
      <c r="O533" s="5" t="s">
        <v>38</v>
      </c>
      <c r="P533" s="5" t="s">
        <v>39</v>
      </c>
      <c r="Q533" s="5" t="s">
        <v>40</v>
      </c>
      <c r="R533" s="5" t="s">
        <v>1522</v>
      </c>
      <c r="S533" s="5" t="s">
        <v>1523</v>
      </c>
      <c r="T533" s="5" t="s">
        <v>42</v>
      </c>
      <c r="U533" s="2">
        <v>1.746</v>
      </c>
      <c r="V533" s="2">
        <v>1.23</v>
      </c>
      <c r="W533" s="2">
        <v>1.2999999999999999E-2</v>
      </c>
      <c r="X533" s="2">
        <v>99.1</v>
      </c>
      <c r="Y533" s="2">
        <v>7.6</v>
      </c>
      <c r="Z533" s="2">
        <v>16.7</v>
      </c>
      <c r="AA533" s="5"/>
      <c r="AB533" s="5" t="s">
        <v>43</v>
      </c>
      <c r="AC533" s="5" t="s">
        <v>44</v>
      </c>
      <c r="AD533" s="2"/>
      <c r="AE533" s="1"/>
    </row>
    <row r="534" spans="1:31" ht="14.45">
      <c r="A534" s="11"/>
      <c r="B534" s="20"/>
      <c r="C534" s="2" t="s">
        <v>2018</v>
      </c>
      <c r="D534" s="14" t="s">
        <v>2019</v>
      </c>
      <c r="E534" s="2" t="s">
        <v>2020</v>
      </c>
      <c r="F534" s="2" t="s">
        <v>1703</v>
      </c>
      <c r="G534" s="8">
        <v>132</v>
      </c>
      <c r="H534" s="5">
        <v>6</v>
      </c>
      <c r="I534" s="5" t="s">
        <v>1518</v>
      </c>
      <c r="J534" s="5" t="s">
        <v>1519</v>
      </c>
      <c r="K534" s="2" t="s">
        <v>1520</v>
      </c>
      <c r="L534" s="5" t="s">
        <v>1519</v>
      </c>
      <c r="M534" s="2" t="s">
        <v>1520</v>
      </c>
      <c r="N534" s="5" t="s">
        <v>1521</v>
      </c>
      <c r="O534" s="5" t="s">
        <v>38</v>
      </c>
      <c r="P534" s="5" t="s">
        <v>39</v>
      </c>
      <c r="Q534" s="5" t="s">
        <v>40</v>
      </c>
      <c r="R534" s="5" t="s">
        <v>1522</v>
      </c>
      <c r="S534" s="5" t="s">
        <v>1523</v>
      </c>
      <c r="T534" s="5" t="s">
        <v>42</v>
      </c>
      <c r="U534" s="2">
        <v>1.716</v>
      </c>
      <c r="V534" s="2">
        <v>1.2</v>
      </c>
      <c r="W534" s="2">
        <v>1.2999999999999999E-2</v>
      </c>
      <c r="X534" s="2">
        <v>99.1</v>
      </c>
      <c r="Y534" s="2">
        <v>7.6</v>
      </c>
      <c r="Z534" s="2">
        <v>16.7</v>
      </c>
      <c r="AA534" s="5"/>
      <c r="AB534" s="5" t="s">
        <v>43</v>
      </c>
      <c r="AC534" s="5" t="s">
        <v>44</v>
      </c>
      <c r="AD534" s="2"/>
      <c r="AE534" s="1"/>
    </row>
    <row r="535" spans="1:31" ht="14.45">
      <c r="A535" s="11"/>
      <c r="B535" s="20"/>
      <c r="C535" s="2" t="s">
        <v>2021</v>
      </c>
      <c r="D535" s="14" t="s">
        <v>2022</v>
      </c>
      <c r="E535" s="2" t="s">
        <v>2023</v>
      </c>
      <c r="F535" s="2" t="s">
        <v>1707</v>
      </c>
      <c r="G535" s="8">
        <v>132</v>
      </c>
      <c r="H535" s="5">
        <v>6</v>
      </c>
      <c r="I535" s="5" t="s">
        <v>1518</v>
      </c>
      <c r="J535" s="5" t="s">
        <v>1519</v>
      </c>
      <c r="K535" s="2" t="s">
        <v>1520</v>
      </c>
      <c r="L535" s="5" t="s">
        <v>1519</v>
      </c>
      <c r="M535" s="2" t="s">
        <v>1520</v>
      </c>
      <c r="N535" s="5" t="s">
        <v>1521</v>
      </c>
      <c r="O535" s="5" t="s">
        <v>38</v>
      </c>
      <c r="P535" s="5" t="s">
        <v>39</v>
      </c>
      <c r="Q535" s="5" t="s">
        <v>40</v>
      </c>
      <c r="R535" s="5" t="s">
        <v>1522</v>
      </c>
      <c r="S535" s="5" t="s">
        <v>1523</v>
      </c>
      <c r="T535" s="5" t="s">
        <v>42</v>
      </c>
      <c r="U535" s="2">
        <v>1.7490000000000001</v>
      </c>
      <c r="V535" s="2">
        <v>1.2330000000000001</v>
      </c>
      <c r="W535" s="2">
        <v>1.2999999999999999E-2</v>
      </c>
      <c r="X535" s="2">
        <v>99.1</v>
      </c>
      <c r="Y535" s="2">
        <v>7.6</v>
      </c>
      <c r="Z535" s="2">
        <v>16.7</v>
      </c>
      <c r="AA535" s="5"/>
      <c r="AB535" s="5" t="s">
        <v>43</v>
      </c>
      <c r="AC535" s="5" t="s">
        <v>44</v>
      </c>
      <c r="AD535" s="2"/>
      <c r="AE535" s="1"/>
    </row>
    <row r="536" spans="1:31" ht="14.45">
      <c r="A536" s="11"/>
      <c r="B536" s="20"/>
      <c r="C536" s="2" t="s">
        <v>2024</v>
      </c>
      <c r="D536" s="14" t="s">
        <v>2025</v>
      </c>
      <c r="E536" s="2" t="s">
        <v>2026</v>
      </c>
      <c r="F536" s="2" t="s">
        <v>1711</v>
      </c>
      <c r="G536" s="8">
        <v>132</v>
      </c>
      <c r="H536" s="5">
        <v>6</v>
      </c>
      <c r="I536" s="5" t="s">
        <v>1518</v>
      </c>
      <c r="J536" s="5" t="s">
        <v>1519</v>
      </c>
      <c r="K536" s="2" t="s">
        <v>1520</v>
      </c>
      <c r="L536" s="5" t="s">
        <v>1519</v>
      </c>
      <c r="M536" s="2" t="s">
        <v>1520</v>
      </c>
      <c r="N536" s="5" t="s">
        <v>1521</v>
      </c>
      <c r="O536" s="5" t="s">
        <v>38</v>
      </c>
      <c r="P536" s="5" t="s">
        <v>39</v>
      </c>
      <c r="Q536" s="5" t="s">
        <v>40</v>
      </c>
      <c r="R536" s="5" t="s">
        <v>1522</v>
      </c>
      <c r="S536" s="5" t="s">
        <v>1523</v>
      </c>
      <c r="T536" s="5" t="s">
        <v>42</v>
      </c>
      <c r="U536" s="2">
        <v>1.716</v>
      </c>
      <c r="V536" s="2">
        <v>1.2</v>
      </c>
      <c r="W536" s="2">
        <v>1.2999999999999999E-2</v>
      </c>
      <c r="X536" s="2">
        <v>99.1</v>
      </c>
      <c r="Y536" s="2">
        <v>7.6</v>
      </c>
      <c r="Z536" s="2">
        <v>16.7</v>
      </c>
      <c r="AA536" s="5"/>
      <c r="AB536" s="5" t="s">
        <v>43</v>
      </c>
      <c r="AC536" s="5" t="s">
        <v>44</v>
      </c>
      <c r="AD536" s="2"/>
      <c r="AE536" s="1"/>
    </row>
    <row r="537" spans="1:31" ht="14.45">
      <c r="A537" s="11"/>
      <c r="B537" s="20"/>
      <c r="C537" s="2" t="s">
        <v>2027</v>
      </c>
      <c r="D537" s="14" t="s">
        <v>2028</v>
      </c>
      <c r="E537" s="2" t="s">
        <v>2029</v>
      </c>
      <c r="F537" s="2" t="s">
        <v>1715</v>
      </c>
      <c r="G537" s="8">
        <v>132</v>
      </c>
      <c r="H537" s="5">
        <v>6</v>
      </c>
      <c r="I537" s="5" t="s">
        <v>1518</v>
      </c>
      <c r="J537" s="5" t="s">
        <v>1519</v>
      </c>
      <c r="K537" s="2" t="s">
        <v>1520</v>
      </c>
      <c r="L537" s="5" t="s">
        <v>1519</v>
      </c>
      <c r="M537" s="2" t="s">
        <v>1520</v>
      </c>
      <c r="N537" s="5" t="s">
        <v>1521</v>
      </c>
      <c r="O537" s="5" t="s">
        <v>38</v>
      </c>
      <c r="P537" s="5" t="s">
        <v>39</v>
      </c>
      <c r="Q537" s="5" t="s">
        <v>40</v>
      </c>
      <c r="R537" s="5" t="s">
        <v>1522</v>
      </c>
      <c r="S537" s="5" t="s">
        <v>1523</v>
      </c>
      <c r="T537" s="5" t="s">
        <v>42</v>
      </c>
      <c r="U537" s="2">
        <v>1.7490000000000001</v>
      </c>
      <c r="V537" s="2">
        <v>1.2330000000000001</v>
      </c>
      <c r="W537" s="2">
        <v>1.2999999999999999E-2</v>
      </c>
      <c r="X537" s="2">
        <v>99.1</v>
      </c>
      <c r="Y537" s="2">
        <v>7.6</v>
      </c>
      <c r="Z537" s="2">
        <v>16.7</v>
      </c>
      <c r="AA537" s="5"/>
      <c r="AB537" s="5" t="s">
        <v>43</v>
      </c>
      <c r="AC537" s="5" t="s">
        <v>44</v>
      </c>
      <c r="AD537" s="2"/>
      <c r="AE537" s="1"/>
    </row>
    <row r="538" spans="1:31" ht="14.45">
      <c r="A538" s="11"/>
      <c r="B538" s="20"/>
      <c r="C538" s="2" t="s">
        <v>2030</v>
      </c>
      <c r="D538" s="14" t="s">
        <v>2031</v>
      </c>
      <c r="E538" s="2" t="s">
        <v>2032</v>
      </c>
      <c r="F538" s="2" t="s">
        <v>1719</v>
      </c>
      <c r="G538" s="8">
        <v>132</v>
      </c>
      <c r="H538" s="5">
        <v>6</v>
      </c>
      <c r="I538" s="5" t="s">
        <v>1518</v>
      </c>
      <c r="J538" s="5" t="s">
        <v>1519</v>
      </c>
      <c r="K538" s="2" t="s">
        <v>1520</v>
      </c>
      <c r="L538" s="5" t="s">
        <v>1519</v>
      </c>
      <c r="M538" s="2" t="s">
        <v>1520</v>
      </c>
      <c r="N538" s="5" t="s">
        <v>1521</v>
      </c>
      <c r="O538" s="5" t="s">
        <v>38</v>
      </c>
      <c r="P538" s="5" t="s">
        <v>39</v>
      </c>
      <c r="Q538" s="5" t="s">
        <v>40</v>
      </c>
      <c r="R538" s="5" t="s">
        <v>1522</v>
      </c>
      <c r="S538" s="5" t="s">
        <v>1523</v>
      </c>
      <c r="T538" s="5" t="s">
        <v>42</v>
      </c>
      <c r="U538" s="2">
        <v>1.704</v>
      </c>
      <c r="V538" s="2">
        <v>1.1879999999999999</v>
      </c>
      <c r="W538" s="2">
        <v>1.2999999999999999E-2</v>
      </c>
      <c r="X538" s="2">
        <v>99.1</v>
      </c>
      <c r="Y538" s="2">
        <v>7.6</v>
      </c>
      <c r="Z538" s="2">
        <v>16.7</v>
      </c>
      <c r="AA538" s="5"/>
      <c r="AB538" s="5" t="s">
        <v>43</v>
      </c>
      <c r="AC538" s="5" t="s">
        <v>44</v>
      </c>
      <c r="AD538" s="2"/>
      <c r="AE538" s="1"/>
    </row>
    <row r="539" spans="1:31" ht="14.45">
      <c r="A539" s="11"/>
      <c r="B539" s="20"/>
      <c r="C539" s="2" t="s">
        <v>2033</v>
      </c>
      <c r="D539" s="14" t="s">
        <v>2034</v>
      </c>
      <c r="E539" s="2" t="s">
        <v>2035</v>
      </c>
      <c r="F539" s="2" t="s">
        <v>1723</v>
      </c>
      <c r="G539" s="8">
        <v>132</v>
      </c>
      <c r="H539" s="5">
        <v>6</v>
      </c>
      <c r="I539" s="5" t="s">
        <v>1518</v>
      </c>
      <c r="J539" s="5" t="s">
        <v>1519</v>
      </c>
      <c r="K539" s="2" t="s">
        <v>1520</v>
      </c>
      <c r="L539" s="5" t="s">
        <v>1519</v>
      </c>
      <c r="M539" s="2" t="s">
        <v>1520</v>
      </c>
      <c r="N539" s="5" t="s">
        <v>1521</v>
      </c>
      <c r="O539" s="5" t="s">
        <v>38</v>
      </c>
      <c r="P539" s="5" t="s">
        <v>39</v>
      </c>
      <c r="Q539" s="5" t="s">
        <v>40</v>
      </c>
      <c r="R539" s="5" t="s">
        <v>1522</v>
      </c>
      <c r="S539" s="5" t="s">
        <v>1523</v>
      </c>
      <c r="T539" s="5" t="s">
        <v>42</v>
      </c>
      <c r="U539" s="2">
        <v>1.7370000000000001</v>
      </c>
      <c r="V539" s="2">
        <v>1.2210000000000001</v>
      </c>
      <c r="W539" s="2">
        <v>1.2999999999999999E-2</v>
      </c>
      <c r="X539" s="2">
        <v>99.1</v>
      </c>
      <c r="Y539" s="2">
        <v>7.6</v>
      </c>
      <c r="Z539" s="2">
        <v>16.7</v>
      </c>
      <c r="AA539" s="5"/>
      <c r="AB539" s="5" t="s">
        <v>43</v>
      </c>
      <c r="AC539" s="5" t="s">
        <v>44</v>
      </c>
      <c r="AD539" s="2"/>
      <c r="AE539" s="1"/>
    </row>
    <row r="540" spans="1:31" ht="14.45">
      <c r="A540" s="11"/>
      <c r="B540" s="20"/>
      <c r="C540" s="2" t="s">
        <v>2036</v>
      </c>
      <c r="D540" s="14" t="s">
        <v>2037</v>
      </c>
      <c r="E540" s="2" t="s">
        <v>2038</v>
      </c>
      <c r="F540" s="2" t="s">
        <v>1727</v>
      </c>
      <c r="G540" s="8">
        <v>152</v>
      </c>
      <c r="H540" s="5">
        <v>6</v>
      </c>
      <c r="I540" s="5" t="s">
        <v>1518</v>
      </c>
      <c r="J540" s="5" t="s">
        <v>1519</v>
      </c>
      <c r="K540" s="2" t="s">
        <v>1520</v>
      </c>
      <c r="L540" s="5" t="s">
        <v>1519</v>
      </c>
      <c r="M540" s="2" t="s">
        <v>1520</v>
      </c>
      <c r="N540" s="5" t="s">
        <v>1521</v>
      </c>
      <c r="O540" s="5" t="s">
        <v>38</v>
      </c>
      <c r="P540" s="5" t="s">
        <v>39</v>
      </c>
      <c r="Q540" s="5" t="s">
        <v>40</v>
      </c>
      <c r="R540" s="5" t="s">
        <v>1522</v>
      </c>
      <c r="S540" s="5" t="s">
        <v>1523</v>
      </c>
      <c r="T540" s="5" t="s">
        <v>42</v>
      </c>
      <c r="U540" s="2">
        <v>1.704</v>
      </c>
      <c r="V540" s="2">
        <v>1.1879999999999999</v>
      </c>
      <c r="W540" s="2">
        <v>1.2999999999999999E-2</v>
      </c>
      <c r="X540" s="2">
        <v>99.1</v>
      </c>
      <c r="Y540" s="2">
        <v>7.6</v>
      </c>
      <c r="Z540" s="2">
        <v>16.7</v>
      </c>
      <c r="AA540" s="5"/>
      <c r="AB540" s="5" t="s">
        <v>43</v>
      </c>
      <c r="AC540" s="5" t="s">
        <v>44</v>
      </c>
      <c r="AD540" s="2"/>
      <c r="AE540" s="1"/>
    </row>
    <row r="541" spans="1:31" ht="14.45">
      <c r="A541" s="11"/>
      <c r="B541" s="20"/>
      <c r="C541" s="2" t="s">
        <v>2039</v>
      </c>
      <c r="D541" s="14" t="s">
        <v>2040</v>
      </c>
      <c r="E541" s="2" t="s">
        <v>2041</v>
      </c>
      <c r="F541" s="2" t="s">
        <v>1731</v>
      </c>
      <c r="G541" s="8">
        <v>152</v>
      </c>
      <c r="H541" s="5">
        <v>6</v>
      </c>
      <c r="I541" s="5" t="s">
        <v>1518</v>
      </c>
      <c r="J541" s="5" t="s">
        <v>1519</v>
      </c>
      <c r="K541" s="2" t="s">
        <v>1520</v>
      </c>
      <c r="L541" s="5" t="s">
        <v>1519</v>
      </c>
      <c r="M541" s="2" t="s">
        <v>1520</v>
      </c>
      <c r="N541" s="5" t="s">
        <v>1521</v>
      </c>
      <c r="O541" s="5" t="s">
        <v>38</v>
      </c>
      <c r="P541" s="5" t="s">
        <v>39</v>
      </c>
      <c r="Q541" s="5" t="s">
        <v>40</v>
      </c>
      <c r="R541" s="5" t="s">
        <v>1522</v>
      </c>
      <c r="S541" s="5" t="s">
        <v>1523</v>
      </c>
      <c r="T541" s="5" t="s">
        <v>42</v>
      </c>
      <c r="U541" s="2">
        <v>1.7370000000000001</v>
      </c>
      <c r="V541" s="2">
        <v>1.2210000000000001</v>
      </c>
      <c r="W541" s="2">
        <v>1.2999999999999999E-2</v>
      </c>
      <c r="X541" s="2">
        <v>99.1</v>
      </c>
      <c r="Y541" s="2">
        <v>7.6</v>
      </c>
      <c r="Z541" s="2">
        <v>16.7</v>
      </c>
      <c r="AA541" s="5"/>
      <c r="AB541" s="5" t="s">
        <v>43</v>
      </c>
      <c r="AC541" s="5" t="s">
        <v>44</v>
      </c>
      <c r="AD541" s="2"/>
      <c r="AE541" s="1"/>
    </row>
    <row r="542" spans="1:31" ht="14.45">
      <c r="A542" s="11"/>
      <c r="B542" s="20"/>
      <c r="C542" s="2" t="s">
        <v>2042</v>
      </c>
      <c r="D542" s="14" t="s">
        <v>2043</v>
      </c>
      <c r="E542" s="2" t="s">
        <v>2044</v>
      </c>
      <c r="F542" s="2" t="s">
        <v>1735</v>
      </c>
      <c r="G542" s="8">
        <v>152</v>
      </c>
      <c r="H542" s="5">
        <v>6</v>
      </c>
      <c r="I542" s="5" t="s">
        <v>1518</v>
      </c>
      <c r="J542" s="5" t="s">
        <v>1519</v>
      </c>
      <c r="K542" s="2" t="s">
        <v>1520</v>
      </c>
      <c r="L542" s="5" t="s">
        <v>1519</v>
      </c>
      <c r="M542" s="2" t="s">
        <v>1520</v>
      </c>
      <c r="N542" s="5" t="s">
        <v>1521</v>
      </c>
      <c r="O542" s="5" t="s">
        <v>38</v>
      </c>
      <c r="P542" s="5" t="s">
        <v>39</v>
      </c>
      <c r="Q542" s="5" t="s">
        <v>40</v>
      </c>
      <c r="R542" s="5" t="s">
        <v>1522</v>
      </c>
      <c r="S542" s="5" t="s">
        <v>1523</v>
      </c>
      <c r="T542" s="5" t="s">
        <v>42</v>
      </c>
      <c r="U542" s="2">
        <v>1.716</v>
      </c>
      <c r="V542" s="2">
        <v>1.2</v>
      </c>
      <c r="W542" s="2">
        <v>1.2999999999999999E-2</v>
      </c>
      <c r="X542" s="2">
        <v>99.1</v>
      </c>
      <c r="Y542" s="2">
        <v>7.6</v>
      </c>
      <c r="Z542" s="2">
        <v>16.7</v>
      </c>
      <c r="AA542" s="5"/>
      <c r="AB542" s="5" t="s">
        <v>43</v>
      </c>
      <c r="AC542" s="5" t="s">
        <v>44</v>
      </c>
      <c r="AD542" s="2"/>
      <c r="AE542" s="1"/>
    </row>
    <row r="543" spans="1:31" ht="14.45">
      <c r="A543" s="11"/>
      <c r="B543" s="20"/>
      <c r="C543" s="2" t="s">
        <v>2045</v>
      </c>
      <c r="D543" s="14" t="s">
        <v>2046</v>
      </c>
      <c r="E543" s="2" t="s">
        <v>2047</v>
      </c>
      <c r="F543" s="2" t="s">
        <v>1739</v>
      </c>
      <c r="G543" s="8">
        <v>152</v>
      </c>
      <c r="H543" s="5">
        <v>6</v>
      </c>
      <c r="I543" s="5" t="s">
        <v>1518</v>
      </c>
      <c r="J543" s="5" t="s">
        <v>1519</v>
      </c>
      <c r="K543" s="2" t="s">
        <v>1520</v>
      </c>
      <c r="L543" s="5" t="s">
        <v>1519</v>
      </c>
      <c r="M543" s="2" t="s">
        <v>1520</v>
      </c>
      <c r="N543" s="5" t="s">
        <v>1521</v>
      </c>
      <c r="O543" s="5" t="s">
        <v>38</v>
      </c>
      <c r="P543" s="5" t="s">
        <v>39</v>
      </c>
      <c r="Q543" s="5" t="s">
        <v>40</v>
      </c>
      <c r="R543" s="5" t="s">
        <v>1522</v>
      </c>
      <c r="S543" s="5" t="s">
        <v>1523</v>
      </c>
      <c r="T543" s="5" t="s">
        <v>42</v>
      </c>
      <c r="U543" s="2">
        <v>1.7490000000000001</v>
      </c>
      <c r="V543" s="2">
        <v>1.2330000000000001</v>
      </c>
      <c r="W543" s="2">
        <v>1.2999999999999999E-2</v>
      </c>
      <c r="X543" s="2">
        <v>99.1</v>
      </c>
      <c r="Y543" s="2">
        <v>7.6</v>
      </c>
      <c r="Z543" s="2">
        <v>16.7</v>
      </c>
      <c r="AA543" s="5"/>
      <c r="AB543" s="5" t="s">
        <v>43</v>
      </c>
      <c r="AC543" s="5" t="s">
        <v>44</v>
      </c>
      <c r="AD543" s="2"/>
      <c r="AE543" s="1"/>
    </row>
    <row r="544" spans="1:31" ht="14.45">
      <c r="A544" s="11"/>
      <c r="B544" s="20"/>
      <c r="C544" s="2" t="s">
        <v>2048</v>
      </c>
      <c r="D544" s="14" t="s">
        <v>2049</v>
      </c>
      <c r="E544" s="2" t="s">
        <v>2050</v>
      </c>
      <c r="F544" s="2" t="s">
        <v>1747</v>
      </c>
      <c r="G544" s="8">
        <v>152</v>
      </c>
      <c r="H544" s="5">
        <v>6</v>
      </c>
      <c r="I544" s="5" t="s">
        <v>1518</v>
      </c>
      <c r="J544" s="5" t="s">
        <v>1519</v>
      </c>
      <c r="K544" s="2" t="s">
        <v>1520</v>
      </c>
      <c r="L544" s="5" t="s">
        <v>1519</v>
      </c>
      <c r="M544" s="2" t="s">
        <v>1520</v>
      </c>
      <c r="N544" s="5" t="s">
        <v>1521</v>
      </c>
      <c r="O544" s="5" t="s">
        <v>38</v>
      </c>
      <c r="P544" s="5" t="s">
        <v>39</v>
      </c>
      <c r="Q544" s="5" t="s">
        <v>40</v>
      </c>
      <c r="R544" s="5" t="s">
        <v>1522</v>
      </c>
      <c r="S544" s="5" t="s">
        <v>1523</v>
      </c>
      <c r="T544" s="5" t="s">
        <v>42</v>
      </c>
      <c r="U544" s="2">
        <v>1.7370000000000001</v>
      </c>
      <c r="V544" s="2">
        <v>1.2210000000000001</v>
      </c>
      <c r="W544" s="2">
        <v>1.2999999999999999E-2</v>
      </c>
      <c r="X544" s="2">
        <v>99.1</v>
      </c>
      <c r="Y544" s="2">
        <v>7.6</v>
      </c>
      <c r="Z544" s="2">
        <v>16.7</v>
      </c>
      <c r="AA544" s="5"/>
      <c r="AB544" s="5" t="s">
        <v>43</v>
      </c>
      <c r="AC544" s="5" t="s">
        <v>44</v>
      </c>
      <c r="AD544" s="2"/>
      <c r="AE544" s="1"/>
    </row>
    <row r="545" spans="1:31" ht="14.45">
      <c r="A545" s="11"/>
      <c r="B545" s="20"/>
      <c r="C545" s="2" t="s">
        <v>2051</v>
      </c>
      <c r="D545" s="14" t="s">
        <v>2052</v>
      </c>
      <c r="E545" s="2" t="s">
        <v>2053</v>
      </c>
      <c r="F545" s="2" t="s">
        <v>1751</v>
      </c>
      <c r="G545" s="8">
        <v>152</v>
      </c>
      <c r="H545" s="5">
        <v>6</v>
      </c>
      <c r="I545" s="5" t="s">
        <v>1518</v>
      </c>
      <c r="J545" s="5" t="s">
        <v>1519</v>
      </c>
      <c r="K545" s="2" t="s">
        <v>1520</v>
      </c>
      <c r="L545" s="5" t="s">
        <v>1519</v>
      </c>
      <c r="M545" s="2" t="s">
        <v>1520</v>
      </c>
      <c r="N545" s="5" t="s">
        <v>1521</v>
      </c>
      <c r="O545" s="5" t="s">
        <v>38</v>
      </c>
      <c r="P545" s="5" t="s">
        <v>39</v>
      </c>
      <c r="Q545" s="5" t="s">
        <v>40</v>
      </c>
      <c r="R545" s="5" t="s">
        <v>1522</v>
      </c>
      <c r="S545" s="5" t="s">
        <v>1523</v>
      </c>
      <c r="T545" s="5" t="s">
        <v>42</v>
      </c>
      <c r="U545" s="2">
        <v>1.704</v>
      </c>
      <c r="V545" s="2">
        <v>1.1879999999999999</v>
      </c>
      <c r="W545" s="2">
        <v>1.2999999999999999E-2</v>
      </c>
      <c r="X545" s="2">
        <v>99.1</v>
      </c>
      <c r="Y545" s="2">
        <v>7.6</v>
      </c>
      <c r="Z545" s="2">
        <v>16.7</v>
      </c>
      <c r="AA545" s="5"/>
      <c r="AB545" s="5" t="s">
        <v>43</v>
      </c>
      <c r="AC545" s="5" t="s">
        <v>44</v>
      </c>
      <c r="AD545" s="2"/>
      <c r="AE545" s="1"/>
    </row>
    <row r="546" spans="1:31" ht="14.45">
      <c r="A546" s="11"/>
      <c r="B546" s="20"/>
      <c r="C546" s="2" t="s">
        <v>2054</v>
      </c>
      <c r="D546" s="14" t="s">
        <v>2055</v>
      </c>
      <c r="E546" s="2" t="s">
        <v>2056</v>
      </c>
      <c r="F546" s="2" t="s">
        <v>1755</v>
      </c>
      <c r="G546" s="8">
        <v>152</v>
      </c>
      <c r="H546" s="5">
        <v>6</v>
      </c>
      <c r="I546" s="5" t="s">
        <v>1518</v>
      </c>
      <c r="J546" s="5" t="s">
        <v>1519</v>
      </c>
      <c r="K546" s="2" t="s">
        <v>1520</v>
      </c>
      <c r="L546" s="5" t="s">
        <v>1519</v>
      </c>
      <c r="M546" s="2" t="s">
        <v>1520</v>
      </c>
      <c r="N546" s="5" t="s">
        <v>1521</v>
      </c>
      <c r="O546" s="5" t="s">
        <v>38</v>
      </c>
      <c r="P546" s="5" t="s">
        <v>39</v>
      </c>
      <c r="Q546" s="5" t="s">
        <v>40</v>
      </c>
      <c r="R546" s="5" t="s">
        <v>1522</v>
      </c>
      <c r="S546" s="5" t="s">
        <v>1523</v>
      </c>
      <c r="T546" s="5" t="s">
        <v>42</v>
      </c>
      <c r="U546" s="2">
        <v>1.7370000000000001</v>
      </c>
      <c r="V546" s="2">
        <v>1.2210000000000001</v>
      </c>
      <c r="W546" s="2">
        <v>1.2999999999999999E-2</v>
      </c>
      <c r="X546" s="2">
        <v>99.1</v>
      </c>
      <c r="Y546" s="2">
        <v>7.6</v>
      </c>
      <c r="Z546" s="2">
        <v>16.7</v>
      </c>
      <c r="AA546" s="5"/>
      <c r="AB546" s="5" t="s">
        <v>43</v>
      </c>
      <c r="AC546" s="5" t="s">
        <v>44</v>
      </c>
      <c r="AD546" s="2"/>
      <c r="AE546" s="1"/>
    </row>
    <row r="547" spans="1:31" ht="14.45">
      <c r="A547" s="11"/>
      <c r="B547" s="20"/>
      <c r="C547" s="2" t="s">
        <v>2057</v>
      </c>
      <c r="D547" s="14" t="s">
        <v>2058</v>
      </c>
      <c r="E547" s="2" t="s">
        <v>2059</v>
      </c>
      <c r="F547" s="2" t="s">
        <v>1759</v>
      </c>
      <c r="G547" s="8">
        <v>152</v>
      </c>
      <c r="H547" s="5">
        <v>6</v>
      </c>
      <c r="I547" s="5" t="s">
        <v>1518</v>
      </c>
      <c r="J547" s="5" t="s">
        <v>1519</v>
      </c>
      <c r="K547" s="2" t="s">
        <v>1520</v>
      </c>
      <c r="L547" s="5" t="s">
        <v>1519</v>
      </c>
      <c r="M547" s="2" t="s">
        <v>1520</v>
      </c>
      <c r="N547" s="5" t="s">
        <v>1521</v>
      </c>
      <c r="O547" s="5" t="s">
        <v>38</v>
      </c>
      <c r="P547" s="5" t="s">
        <v>39</v>
      </c>
      <c r="Q547" s="5" t="s">
        <v>40</v>
      </c>
      <c r="R547" s="5" t="s">
        <v>1522</v>
      </c>
      <c r="S547" s="5" t="s">
        <v>1523</v>
      </c>
      <c r="T547" s="5" t="s">
        <v>42</v>
      </c>
      <c r="U547" s="2">
        <v>1.716</v>
      </c>
      <c r="V547" s="2">
        <v>1.2</v>
      </c>
      <c r="W547" s="2">
        <v>1.2999999999999999E-2</v>
      </c>
      <c r="X547" s="2">
        <v>99.1</v>
      </c>
      <c r="Y547" s="2">
        <v>7.6</v>
      </c>
      <c r="Z547" s="2">
        <v>16.7</v>
      </c>
      <c r="AA547" s="5"/>
      <c r="AB547" s="5" t="s">
        <v>43</v>
      </c>
      <c r="AC547" s="5" t="s">
        <v>44</v>
      </c>
      <c r="AD547" s="2"/>
      <c r="AE547" s="1"/>
    </row>
    <row r="548" spans="1:31" ht="14.45">
      <c r="A548" s="11"/>
      <c r="B548" s="20"/>
      <c r="C548" s="2" t="s">
        <v>2060</v>
      </c>
      <c r="D548" s="14" t="s">
        <v>2061</v>
      </c>
      <c r="E548" s="2" t="s">
        <v>2062</v>
      </c>
      <c r="F548" s="2" t="s">
        <v>1763</v>
      </c>
      <c r="G548" s="8">
        <v>152</v>
      </c>
      <c r="H548" s="5">
        <v>6</v>
      </c>
      <c r="I548" s="5" t="s">
        <v>1518</v>
      </c>
      <c r="J548" s="5" t="s">
        <v>1519</v>
      </c>
      <c r="K548" s="2" t="s">
        <v>1520</v>
      </c>
      <c r="L548" s="5" t="s">
        <v>1519</v>
      </c>
      <c r="M548" s="2" t="s">
        <v>1520</v>
      </c>
      <c r="N548" s="5" t="s">
        <v>1521</v>
      </c>
      <c r="O548" s="5" t="s">
        <v>38</v>
      </c>
      <c r="P548" s="5" t="s">
        <v>39</v>
      </c>
      <c r="Q548" s="5" t="s">
        <v>40</v>
      </c>
      <c r="R548" s="5" t="s">
        <v>1522</v>
      </c>
      <c r="S548" s="5" t="s">
        <v>1523</v>
      </c>
      <c r="T548" s="5" t="s">
        <v>42</v>
      </c>
      <c r="U548" s="2">
        <v>1.7490000000000001</v>
      </c>
      <c r="V548" s="2">
        <v>1.2330000000000001</v>
      </c>
      <c r="W548" s="2">
        <v>1.2999999999999999E-2</v>
      </c>
      <c r="X548" s="2">
        <v>99.1</v>
      </c>
      <c r="Y548" s="2">
        <v>7.6</v>
      </c>
      <c r="Z548" s="2">
        <v>16.7</v>
      </c>
      <c r="AA548" s="5"/>
      <c r="AB548" s="5" t="s">
        <v>43</v>
      </c>
      <c r="AC548" s="5" t="s">
        <v>44</v>
      </c>
      <c r="AD548" s="2"/>
      <c r="AE548" s="1"/>
    </row>
    <row r="549" spans="1:31" ht="14.45">
      <c r="A549" s="11"/>
      <c r="B549" s="20"/>
      <c r="C549" s="2" t="s">
        <v>2063</v>
      </c>
      <c r="D549" s="14" t="s">
        <v>2064</v>
      </c>
      <c r="E549" s="2" t="s">
        <v>2065</v>
      </c>
      <c r="F549" s="2" t="s">
        <v>1771</v>
      </c>
      <c r="G549" s="8">
        <v>152</v>
      </c>
      <c r="H549" s="5">
        <v>6</v>
      </c>
      <c r="I549" s="5" t="s">
        <v>1518</v>
      </c>
      <c r="J549" s="5" t="s">
        <v>1519</v>
      </c>
      <c r="K549" s="2" t="s">
        <v>1520</v>
      </c>
      <c r="L549" s="5" t="s">
        <v>1519</v>
      </c>
      <c r="M549" s="2" t="s">
        <v>1520</v>
      </c>
      <c r="N549" s="5" t="s">
        <v>1521</v>
      </c>
      <c r="O549" s="5" t="s">
        <v>38</v>
      </c>
      <c r="P549" s="5" t="s">
        <v>39</v>
      </c>
      <c r="Q549" s="5" t="s">
        <v>40</v>
      </c>
      <c r="R549" s="5" t="s">
        <v>1522</v>
      </c>
      <c r="S549" s="5" t="s">
        <v>1523</v>
      </c>
      <c r="T549" s="5" t="s">
        <v>42</v>
      </c>
      <c r="U549" s="2">
        <v>1.7490000000000001</v>
      </c>
      <c r="V549" s="2">
        <v>1.2330000000000001</v>
      </c>
      <c r="W549" s="2">
        <v>1.2999999999999999E-2</v>
      </c>
      <c r="X549" s="2">
        <v>99.1</v>
      </c>
      <c r="Y549" s="2">
        <v>7.6</v>
      </c>
      <c r="Z549" s="2">
        <v>16.7</v>
      </c>
      <c r="AA549" s="5"/>
      <c r="AB549" s="5" t="s">
        <v>43</v>
      </c>
      <c r="AC549" s="5" t="s">
        <v>44</v>
      </c>
      <c r="AD549" s="2"/>
      <c r="AE549" s="1"/>
    </row>
    <row r="550" spans="1:31" ht="14.45">
      <c r="A550" s="11"/>
      <c r="B550" s="20"/>
      <c r="C550" s="2" t="s">
        <v>2066</v>
      </c>
      <c r="D550" s="14" t="s">
        <v>2067</v>
      </c>
      <c r="E550" s="2" t="s">
        <v>2068</v>
      </c>
      <c r="F550" s="2" t="s">
        <v>1779</v>
      </c>
      <c r="G550" s="8">
        <v>152</v>
      </c>
      <c r="H550" s="5">
        <v>6</v>
      </c>
      <c r="I550" s="5" t="s">
        <v>1518</v>
      </c>
      <c r="J550" s="5" t="s">
        <v>1519</v>
      </c>
      <c r="K550" s="2" t="s">
        <v>1520</v>
      </c>
      <c r="L550" s="5" t="s">
        <v>1519</v>
      </c>
      <c r="M550" s="2" t="s">
        <v>1520</v>
      </c>
      <c r="N550" s="5" t="s">
        <v>1521</v>
      </c>
      <c r="O550" s="5" t="s">
        <v>38</v>
      </c>
      <c r="P550" s="5" t="s">
        <v>39</v>
      </c>
      <c r="Q550" s="5" t="s">
        <v>40</v>
      </c>
      <c r="R550" s="5" t="s">
        <v>1522</v>
      </c>
      <c r="S550" s="5" t="s">
        <v>1523</v>
      </c>
      <c r="T550" s="5" t="s">
        <v>42</v>
      </c>
      <c r="U550" s="2">
        <v>1.7490000000000001</v>
      </c>
      <c r="V550" s="2">
        <v>1.2330000000000001</v>
      </c>
      <c r="W550" s="2">
        <v>1.2999999999999999E-2</v>
      </c>
      <c r="X550" s="2">
        <v>99.1</v>
      </c>
      <c r="Y550" s="2">
        <v>7.6</v>
      </c>
      <c r="Z550" s="2">
        <v>16.7</v>
      </c>
      <c r="AA550" s="5"/>
      <c r="AB550" s="5" t="s">
        <v>43</v>
      </c>
      <c r="AC550" s="5" t="s">
        <v>44</v>
      </c>
      <c r="AD550" s="2"/>
      <c r="AE550" s="1"/>
    </row>
    <row r="551" spans="1:31" ht="14.45">
      <c r="A551" s="11"/>
      <c r="B551" s="20"/>
      <c r="C551" s="2" t="s">
        <v>2069</v>
      </c>
      <c r="D551" s="14" t="s">
        <v>2070</v>
      </c>
      <c r="E551" s="2" t="s">
        <v>2071</v>
      </c>
      <c r="F551" s="2" t="s">
        <v>1783</v>
      </c>
      <c r="G551" s="8">
        <v>152</v>
      </c>
      <c r="H551" s="5">
        <v>6</v>
      </c>
      <c r="I551" s="5" t="s">
        <v>1518</v>
      </c>
      <c r="J551" s="5" t="s">
        <v>1519</v>
      </c>
      <c r="K551" s="2" t="s">
        <v>1520</v>
      </c>
      <c r="L551" s="5" t="s">
        <v>1519</v>
      </c>
      <c r="M551" s="2" t="s">
        <v>1520</v>
      </c>
      <c r="N551" s="5" t="s">
        <v>1521</v>
      </c>
      <c r="O551" s="5" t="s">
        <v>38</v>
      </c>
      <c r="P551" s="5" t="s">
        <v>39</v>
      </c>
      <c r="Q551" s="5" t="s">
        <v>40</v>
      </c>
      <c r="R551" s="5" t="s">
        <v>1522</v>
      </c>
      <c r="S551" s="5" t="s">
        <v>1523</v>
      </c>
      <c r="T551" s="5" t="s">
        <v>42</v>
      </c>
      <c r="U551" s="2">
        <v>1.704</v>
      </c>
      <c r="V551" s="2">
        <v>1.1879999999999999</v>
      </c>
      <c r="W551" s="2">
        <v>1.2999999999999999E-2</v>
      </c>
      <c r="X551" s="2">
        <v>99.1</v>
      </c>
      <c r="Y551" s="2">
        <v>7.6</v>
      </c>
      <c r="Z551" s="2">
        <v>16.7</v>
      </c>
      <c r="AA551" s="5"/>
      <c r="AB551" s="5" t="s">
        <v>43</v>
      </c>
      <c r="AC551" s="5" t="s">
        <v>44</v>
      </c>
      <c r="AD551" s="2"/>
      <c r="AE551" s="1"/>
    </row>
    <row r="552" spans="1:31" ht="14.45">
      <c r="A552" s="11"/>
      <c r="B552" s="20"/>
      <c r="C552" s="2" t="s">
        <v>2072</v>
      </c>
      <c r="D552" s="14" t="s">
        <v>2073</v>
      </c>
      <c r="E552" s="2" t="s">
        <v>2074</v>
      </c>
      <c r="F552" s="2" t="s">
        <v>1803</v>
      </c>
      <c r="G552" s="8">
        <v>152</v>
      </c>
      <c r="H552" s="5">
        <v>6</v>
      </c>
      <c r="I552" s="5" t="s">
        <v>1518</v>
      </c>
      <c r="J552" s="5" t="s">
        <v>1519</v>
      </c>
      <c r="K552" s="2" t="s">
        <v>1520</v>
      </c>
      <c r="L552" s="5" t="s">
        <v>1519</v>
      </c>
      <c r="M552" s="2" t="s">
        <v>1520</v>
      </c>
      <c r="N552" s="5" t="s">
        <v>1521</v>
      </c>
      <c r="O552" s="5" t="s">
        <v>38</v>
      </c>
      <c r="P552" s="5" t="s">
        <v>39</v>
      </c>
      <c r="Q552" s="5" t="s">
        <v>40</v>
      </c>
      <c r="R552" s="5" t="s">
        <v>1522</v>
      </c>
      <c r="S552" s="5" t="s">
        <v>1523</v>
      </c>
      <c r="T552" s="5" t="s">
        <v>42</v>
      </c>
      <c r="U552" s="2">
        <v>1.7490000000000001</v>
      </c>
      <c r="V552" s="2">
        <v>1.2330000000000001</v>
      </c>
      <c r="W552" s="2">
        <v>1.2999999999999999E-2</v>
      </c>
      <c r="X552" s="2">
        <v>99.1</v>
      </c>
      <c r="Y552" s="2">
        <v>7.6</v>
      </c>
      <c r="Z552" s="2">
        <v>16.7</v>
      </c>
      <c r="AA552" s="5"/>
      <c r="AB552" s="5" t="s">
        <v>43</v>
      </c>
      <c r="AC552" s="5" t="s">
        <v>44</v>
      </c>
      <c r="AD552" s="2"/>
      <c r="AE552" s="1"/>
    </row>
    <row r="553" spans="1:31" ht="14.45">
      <c r="A553" s="11"/>
      <c r="B553" s="20"/>
      <c r="C553" s="2" t="s">
        <v>2075</v>
      </c>
      <c r="D553" s="14" t="s">
        <v>2076</v>
      </c>
      <c r="E553" s="2" t="s">
        <v>2077</v>
      </c>
      <c r="F553" s="2" t="s">
        <v>1807</v>
      </c>
      <c r="G553" s="8">
        <v>152</v>
      </c>
      <c r="H553" s="5">
        <v>6</v>
      </c>
      <c r="I553" s="5" t="s">
        <v>1518</v>
      </c>
      <c r="J553" s="5" t="s">
        <v>1519</v>
      </c>
      <c r="K553" s="2" t="s">
        <v>1520</v>
      </c>
      <c r="L553" s="5" t="s">
        <v>1519</v>
      </c>
      <c r="M553" s="2" t="s">
        <v>1520</v>
      </c>
      <c r="N553" s="5" t="s">
        <v>1521</v>
      </c>
      <c r="O553" s="5" t="s">
        <v>38</v>
      </c>
      <c r="P553" s="5" t="s">
        <v>39</v>
      </c>
      <c r="Q553" s="5" t="s">
        <v>40</v>
      </c>
      <c r="R553" s="5" t="s">
        <v>1522</v>
      </c>
      <c r="S553" s="5" t="s">
        <v>1523</v>
      </c>
      <c r="T553" s="5" t="s">
        <v>42</v>
      </c>
      <c r="U553" s="2">
        <v>1.716</v>
      </c>
      <c r="V553" s="2">
        <v>1.2</v>
      </c>
      <c r="W553" s="2">
        <v>1.2999999999999999E-2</v>
      </c>
      <c r="X553" s="2">
        <v>99.1</v>
      </c>
      <c r="Y553" s="2">
        <v>7.6</v>
      </c>
      <c r="Z553" s="2">
        <v>16.7</v>
      </c>
      <c r="AA553" s="5"/>
      <c r="AB553" s="5" t="s">
        <v>43</v>
      </c>
      <c r="AC553" s="5" t="s">
        <v>44</v>
      </c>
      <c r="AD553" s="2"/>
      <c r="AE553" s="1"/>
    </row>
    <row r="554" spans="1:31" ht="14.45">
      <c r="A554" s="11"/>
      <c r="B554" s="20"/>
      <c r="C554" s="2" t="s">
        <v>2078</v>
      </c>
      <c r="D554" s="14" t="s">
        <v>2079</v>
      </c>
      <c r="E554" s="2" t="s">
        <v>2080</v>
      </c>
      <c r="F554" s="2" t="s">
        <v>1811</v>
      </c>
      <c r="G554" s="8">
        <v>152</v>
      </c>
      <c r="H554" s="5">
        <v>6</v>
      </c>
      <c r="I554" s="5" t="s">
        <v>1518</v>
      </c>
      <c r="J554" s="5" t="s">
        <v>1519</v>
      </c>
      <c r="K554" s="2" t="s">
        <v>1520</v>
      </c>
      <c r="L554" s="5" t="s">
        <v>1519</v>
      </c>
      <c r="M554" s="2" t="s">
        <v>1520</v>
      </c>
      <c r="N554" s="5" t="s">
        <v>1521</v>
      </c>
      <c r="O554" s="5" t="s">
        <v>38</v>
      </c>
      <c r="P554" s="5" t="s">
        <v>39</v>
      </c>
      <c r="Q554" s="5" t="s">
        <v>40</v>
      </c>
      <c r="R554" s="5" t="s">
        <v>1522</v>
      </c>
      <c r="S554" s="5" t="s">
        <v>1523</v>
      </c>
      <c r="T554" s="5" t="s">
        <v>42</v>
      </c>
      <c r="U554" s="2">
        <v>1.7490000000000001</v>
      </c>
      <c r="V554" s="2">
        <v>1.2330000000000001</v>
      </c>
      <c r="W554" s="2">
        <v>1.2999999999999999E-2</v>
      </c>
      <c r="X554" s="2">
        <v>99.1</v>
      </c>
      <c r="Y554" s="2">
        <v>7.6</v>
      </c>
      <c r="Z554" s="2">
        <v>16.7</v>
      </c>
      <c r="AA554" s="5"/>
      <c r="AB554" s="5" t="s">
        <v>43</v>
      </c>
      <c r="AC554" s="5" t="s">
        <v>44</v>
      </c>
      <c r="AD554" s="2"/>
      <c r="AE554" s="1"/>
    </row>
    <row r="555" spans="1:31" ht="14.45">
      <c r="A555" s="11"/>
      <c r="B555" s="20"/>
      <c r="C555" s="2" t="s">
        <v>2081</v>
      </c>
      <c r="D555" s="14" t="s">
        <v>2082</v>
      </c>
      <c r="E555" s="2" t="s">
        <v>2083</v>
      </c>
      <c r="F555" s="2" t="s">
        <v>1815</v>
      </c>
      <c r="G555" s="8">
        <v>152</v>
      </c>
      <c r="H555" s="5">
        <v>6</v>
      </c>
      <c r="I555" s="5" t="s">
        <v>1518</v>
      </c>
      <c r="J555" s="5" t="s">
        <v>1519</v>
      </c>
      <c r="K555" s="2" t="s">
        <v>1520</v>
      </c>
      <c r="L555" s="5" t="s">
        <v>1519</v>
      </c>
      <c r="M555" s="2" t="s">
        <v>1520</v>
      </c>
      <c r="N555" s="5" t="s">
        <v>1521</v>
      </c>
      <c r="O555" s="5" t="s">
        <v>38</v>
      </c>
      <c r="P555" s="5" t="s">
        <v>39</v>
      </c>
      <c r="Q555" s="5" t="s">
        <v>40</v>
      </c>
      <c r="R555" s="5" t="s">
        <v>1522</v>
      </c>
      <c r="S555" s="5" t="s">
        <v>1523</v>
      </c>
      <c r="T555" s="5" t="s">
        <v>42</v>
      </c>
      <c r="U555" s="2">
        <v>1.704</v>
      </c>
      <c r="V555" s="2">
        <v>1.1879999999999999</v>
      </c>
      <c r="W555" s="2">
        <v>1.2999999999999999E-2</v>
      </c>
      <c r="X555" s="2">
        <v>99.1</v>
      </c>
      <c r="Y555" s="2">
        <v>7.6</v>
      </c>
      <c r="Z555" s="2">
        <v>16.7</v>
      </c>
      <c r="AA555" s="5"/>
      <c r="AB555" s="5" t="s">
        <v>43</v>
      </c>
      <c r="AC555" s="5" t="s">
        <v>44</v>
      </c>
      <c r="AD555" s="2"/>
      <c r="AE555" s="1"/>
    </row>
    <row r="556" spans="1:31" ht="14.45">
      <c r="A556" s="11"/>
      <c r="B556" s="20"/>
      <c r="C556" s="2" t="s">
        <v>2084</v>
      </c>
      <c r="D556" s="14" t="s">
        <v>2085</v>
      </c>
      <c r="E556" s="2" t="s">
        <v>2086</v>
      </c>
      <c r="F556" s="2" t="s">
        <v>1819</v>
      </c>
      <c r="G556" s="8">
        <v>152</v>
      </c>
      <c r="H556" s="5">
        <v>6</v>
      </c>
      <c r="I556" s="5" t="s">
        <v>1518</v>
      </c>
      <c r="J556" s="5" t="s">
        <v>1519</v>
      </c>
      <c r="K556" s="2" t="s">
        <v>1520</v>
      </c>
      <c r="L556" s="5" t="s">
        <v>1519</v>
      </c>
      <c r="M556" s="2" t="s">
        <v>1520</v>
      </c>
      <c r="N556" s="5" t="s">
        <v>1521</v>
      </c>
      <c r="O556" s="5" t="s">
        <v>38</v>
      </c>
      <c r="P556" s="5" t="s">
        <v>39</v>
      </c>
      <c r="Q556" s="5" t="s">
        <v>40</v>
      </c>
      <c r="R556" s="5" t="s">
        <v>1522</v>
      </c>
      <c r="S556" s="5" t="s">
        <v>1523</v>
      </c>
      <c r="T556" s="5" t="s">
        <v>42</v>
      </c>
      <c r="U556" s="2">
        <v>1.7370000000000001</v>
      </c>
      <c r="V556" s="2">
        <v>1.2210000000000001</v>
      </c>
      <c r="W556" s="2">
        <v>1.2999999999999999E-2</v>
      </c>
      <c r="X556" s="2">
        <v>99.1</v>
      </c>
      <c r="Y556" s="2">
        <v>7.6</v>
      </c>
      <c r="Z556" s="2">
        <v>16.7</v>
      </c>
      <c r="AA556" s="5"/>
      <c r="AB556" s="5" t="s">
        <v>43</v>
      </c>
      <c r="AC556" s="5" t="s">
        <v>44</v>
      </c>
      <c r="AD556" s="2"/>
      <c r="AE556" s="1"/>
    </row>
    <row r="557" spans="1:31" ht="14.45">
      <c r="A557" s="11"/>
      <c r="B557" s="20"/>
      <c r="C557" s="2" t="s">
        <v>2087</v>
      </c>
      <c r="D557" s="14" t="s">
        <v>2088</v>
      </c>
      <c r="E557" s="2" t="s">
        <v>2089</v>
      </c>
      <c r="F557" s="2" t="s">
        <v>1847</v>
      </c>
      <c r="G557" s="8">
        <v>152</v>
      </c>
      <c r="H557" s="5">
        <v>13</v>
      </c>
      <c r="I557" s="5" t="s">
        <v>1518</v>
      </c>
      <c r="J557" s="5" t="s">
        <v>1519</v>
      </c>
      <c r="K557" s="2" t="s">
        <v>1520</v>
      </c>
      <c r="L557" s="5" t="s">
        <v>1519</v>
      </c>
      <c r="M557" s="2" t="s">
        <v>1520</v>
      </c>
      <c r="N557" s="5" t="s">
        <v>1521</v>
      </c>
      <c r="O557" s="5" t="s">
        <v>38</v>
      </c>
      <c r="P557" s="5" t="s">
        <v>39</v>
      </c>
      <c r="Q557" s="5" t="s">
        <v>40</v>
      </c>
      <c r="R557" s="5" t="s">
        <v>1522</v>
      </c>
      <c r="S557" s="5" t="s">
        <v>1523</v>
      </c>
      <c r="T557" s="5" t="s">
        <v>42</v>
      </c>
      <c r="U557" s="2">
        <v>1.7809999999999999</v>
      </c>
      <c r="V557" s="2">
        <v>1.2649999999999999</v>
      </c>
      <c r="W557" s="2">
        <v>1.2999999999999999E-2</v>
      </c>
      <c r="X557" s="2">
        <v>99.1</v>
      </c>
      <c r="Y557" s="2">
        <v>7.6</v>
      </c>
      <c r="Z557" s="2">
        <v>16.7</v>
      </c>
      <c r="AA557" s="5"/>
      <c r="AB557" s="5" t="s">
        <v>43</v>
      </c>
      <c r="AC557" s="5" t="s">
        <v>44</v>
      </c>
      <c r="AD557" s="2"/>
      <c r="AE557" s="1"/>
    </row>
    <row r="558" spans="1:31" ht="14.45">
      <c r="A558" s="11"/>
      <c r="B558" s="20"/>
      <c r="C558" s="2" t="s">
        <v>2090</v>
      </c>
      <c r="D558" s="14" t="s">
        <v>2091</v>
      </c>
      <c r="E558" s="2" t="s">
        <v>2092</v>
      </c>
      <c r="F558" s="2" t="s">
        <v>1863</v>
      </c>
      <c r="G558" s="8">
        <v>152</v>
      </c>
      <c r="H558" s="5">
        <v>11</v>
      </c>
      <c r="I558" s="5" t="s">
        <v>1518</v>
      </c>
      <c r="J558" s="5" t="s">
        <v>1519</v>
      </c>
      <c r="K558" s="2" t="s">
        <v>1520</v>
      </c>
      <c r="L558" s="5" t="s">
        <v>1519</v>
      </c>
      <c r="M558" s="2" t="s">
        <v>1520</v>
      </c>
      <c r="N558" s="5" t="s">
        <v>1521</v>
      </c>
      <c r="O558" s="5" t="s">
        <v>38</v>
      </c>
      <c r="P558" s="5" t="s">
        <v>39</v>
      </c>
      <c r="Q558" s="5" t="s">
        <v>40</v>
      </c>
      <c r="R558" s="5" t="s">
        <v>1522</v>
      </c>
      <c r="S558" s="5" t="s">
        <v>1523</v>
      </c>
      <c r="T558" s="5" t="s">
        <v>42</v>
      </c>
      <c r="U558" s="2">
        <v>1.708</v>
      </c>
      <c r="V558" s="2">
        <v>1.1919999999999999</v>
      </c>
      <c r="W558" s="2">
        <v>1.2999999999999999E-2</v>
      </c>
      <c r="X558" s="2">
        <v>99.1</v>
      </c>
      <c r="Y558" s="2">
        <v>7.6</v>
      </c>
      <c r="Z558" s="2">
        <v>16.7</v>
      </c>
      <c r="AA558" s="5"/>
      <c r="AB558" s="5" t="s">
        <v>43</v>
      </c>
      <c r="AC558" s="5" t="s">
        <v>44</v>
      </c>
      <c r="AD558" s="2"/>
      <c r="AE558" s="1"/>
    </row>
    <row r="559" spans="1:31" ht="14.45">
      <c r="A559" s="11"/>
      <c r="B559" s="20"/>
      <c r="C559" s="2" t="s">
        <v>2093</v>
      </c>
      <c r="D559" s="14" t="s">
        <v>2094</v>
      </c>
      <c r="E559" s="2" t="s">
        <v>2095</v>
      </c>
      <c r="F559" s="2" t="s">
        <v>1867</v>
      </c>
      <c r="G559" s="8">
        <v>152</v>
      </c>
      <c r="H559" s="5">
        <v>11</v>
      </c>
      <c r="I559" s="5" t="s">
        <v>1518</v>
      </c>
      <c r="J559" s="5" t="s">
        <v>1519</v>
      </c>
      <c r="K559" s="2" t="s">
        <v>1520</v>
      </c>
      <c r="L559" s="5" t="s">
        <v>1519</v>
      </c>
      <c r="M559" s="2" t="s">
        <v>1520</v>
      </c>
      <c r="N559" s="5" t="s">
        <v>1521</v>
      </c>
      <c r="O559" s="5" t="s">
        <v>38</v>
      </c>
      <c r="P559" s="5" t="s">
        <v>39</v>
      </c>
      <c r="Q559" s="5" t="s">
        <v>40</v>
      </c>
      <c r="R559" s="5" t="s">
        <v>1522</v>
      </c>
      <c r="S559" s="5" t="s">
        <v>1523</v>
      </c>
      <c r="T559" s="5" t="s">
        <v>42</v>
      </c>
      <c r="U559" s="2">
        <v>1.7410000000000001</v>
      </c>
      <c r="V559" s="2">
        <v>1.2250000000000001</v>
      </c>
      <c r="W559" s="2">
        <v>1.2999999999999999E-2</v>
      </c>
      <c r="X559" s="2">
        <v>99.1</v>
      </c>
      <c r="Y559" s="2">
        <v>7.6</v>
      </c>
      <c r="Z559" s="2">
        <v>16.7</v>
      </c>
      <c r="AA559" s="5"/>
      <c r="AB559" s="5" t="s">
        <v>43</v>
      </c>
      <c r="AC559" s="5" t="s">
        <v>44</v>
      </c>
      <c r="AD559" s="2"/>
      <c r="AE559" s="1"/>
    </row>
    <row r="560" spans="1:31" ht="14.45">
      <c r="A560" s="11"/>
      <c r="B560" s="20"/>
      <c r="C560" s="2" t="s">
        <v>2096</v>
      </c>
      <c r="D560" s="14" t="s">
        <v>2097</v>
      </c>
      <c r="E560" s="2" t="s">
        <v>2098</v>
      </c>
      <c r="F560" s="2" t="s">
        <v>1695</v>
      </c>
      <c r="G560" s="8">
        <v>104</v>
      </c>
      <c r="H560" s="5">
        <v>6</v>
      </c>
      <c r="I560" s="5" t="s">
        <v>1518</v>
      </c>
      <c r="J560" s="5" t="s">
        <v>1519</v>
      </c>
      <c r="K560" s="2" t="s">
        <v>1520</v>
      </c>
      <c r="L560" s="5" t="s">
        <v>1519</v>
      </c>
      <c r="M560" s="2" t="s">
        <v>1520</v>
      </c>
      <c r="N560" s="5" t="s">
        <v>1521</v>
      </c>
      <c r="O560" s="5" t="s">
        <v>38</v>
      </c>
      <c r="P560" s="5" t="s">
        <v>39</v>
      </c>
      <c r="Q560" s="5" t="s">
        <v>40</v>
      </c>
      <c r="R560" s="5" t="s">
        <v>1522</v>
      </c>
      <c r="S560" s="5" t="s">
        <v>1523</v>
      </c>
      <c r="T560" s="5" t="s">
        <v>42</v>
      </c>
      <c r="U560" s="2">
        <v>1.4159999999999999</v>
      </c>
      <c r="V560" s="2">
        <v>1.004</v>
      </c>
      <c r="W560" s="2">
        <v>0.01</v>
      </c>
      <c r="X560" s="2">
        <v>76.900000000000006</v>
      </c>
      <c r="Y560" s="2">
        <v>7.6</v>
      </c>
      <c r="Z560" s="2">
        <v>16.7</v>
      </c>
      <c r="AA560" s="5"/>
      <c r="AB560" s="5" t="s">
        <v>43</v>
      </c>
      <c r="AC560" s="5" t="s">
        <v>44</v>
      </c>
      <c r="AD560" s="2"/>
      <c r="AE560" s="1"/>
    </row>
    <row r="561" spans="1:31" ht="14.45">
      <c r="A561" s="11"/>
      <c r="B561" s="20"/>
      <c r="C561" s="2" t="s">
        <v>2099</v>
      </c>
      <c r="D561" s="14" t="s">
        <v>2100</v>
      </c>
      <c r="E561" s="2" t="s">
        <v>2101</v>
      </c>
      <c r="F561" s="2" t="s">
        <v>1699</v>
      </c>
      <c r="G561" s="8">
        <v>104</v>
      </c>
      <c r="H561" s="5">
        <v>6</v>
      </c>
      <c r="I561" s="5" t="s">
        <v>1518</v>
      </c>
      <c r="J561" s="5" t="s">
        <v>1519</v>
      </c>
      <c r="K561" s="2" t="s">
        <v>1520</v>
      </c>
      <c r="L561" s="5" t="s">
        <v>1519</v>
      </c>
      <c r="M561" s="2" t="s">
        <v>1520</v>
      </c>
      <c r="N561" s="5" t="s">
        <v>1521</v>
      </c>
      <c r="O561" s="5" t="s">
        <v>38</v>
      </c>
      <c r="P561" s="5" t="s">
        <v>39</v>
      </c>
      <c r="Q561" s="5" t="s">
        <v>40</v>
      </c>
      <c r="R561" s="5" t="s">
        <v>1522</v>
      </c>
      <c r="S561" s="5" t="s">
        <v>1523</v>
      </c>
      <c r="T561" s="5" t="s">
        <v>42</v>
      </c>
      <c r="U561" s="2">
        <v>1.4410000000000001</v>
      </c>
      <c r="V561" s="2">
        <v>1.0289999999999999</v>
      </c>
      <c r="W561" s="2">
        <v>0.01</v>
      </c>
      <c r="X561" s="2">
        <v>76.900000000000006</v>
      </c>
      <c r="Y561" s="2">
        <v>7.6</v>
      </c>
      <c r="Z561" s="2">
        <v>16.7</v>
      </c>
      <c r="AA561" s="5"/>
      <c r="AB561" s="5" t="s">
        <v>43</v>
      </c>
      <c r="AC561" s="5" t="s">
        <v>44</v>
      </c>
      <c r="AD561" s="2"/>
      <c r="AE561" s="1"/>
    </row>
    <row r="562" spans="1:31" ht="14.45">
      <c r="A562" s="11"/>
      <c r="B562" s="20"/>
      <c r="C562" s="2" t="s">
        <v>2102</v>
      </c>
      <c r="D562" s="14" t="s">
        <v>2103</v>
      </c>
      <c r="E562" s="2" t="s">
        <v>2104</v>
      </c>
      <c r="F562" s="2" t="s">
        <v>1703</v>
      </c>
      <c r="G562" s="8">
        <v>104</v>
      </c>
      <c r="H562" s="5">
        <v>6</v>
      </c>
      <c r="I562" s="5" t="s">
        <v>1518</v>
      </c>
      <c r="J562" s="5" t="s">
        <v>1519</v>
      </c>
      <c r="K562" s="2" t="s">
        <v>1520</v>
      </c>
      <c r="L562" s="5" t="s">
        <v>1519</v>
      </c>
      <c r="M562" s="2" t="s">
        <v>1520</v>
      </c>
      <c r="N562" s="5" t="s">
        <v>1521</v>
      </c>
      <c r="O562" s="5" t="s">
        <v>38</v>
      </c>
      <c r="P562" s="5" t="s">
        <v>39</v>
      </c>
      <c r="Q562" s="5" t="s">
        <v>40</v>
      </c>
      <c r="R562" s="5" t="s">
        <v>1522</v>
      </c>
      <c r="S562" s="5" t="s">
        <v>1523</v>
      </c>
      <c r="T562" s="5" t="s">
        <v>42</v>
      </c>
      <c r="U562" s="2">
        <v>1.4179999999999999</v>
      </c>
      <c r="V562" s="2">
        <v>1.006</v>
      </c>
      <c r="W562" s="2">
        <v>0.01</v>
      </c>
      <c r="X562" s="2">
        <v>76.900000000000006</v>
      </c>
      <c r="Y562" s="2">
        <v>7.6</v>
      </c>
      <c r="Z562" s="2">
        <v>16.7</v>
      </c>
      <c r="AA562" s="5"/>
      <c r="AB562" s="5" t="s">
        <v>43</v>
      </c>
      <c r="AC562" s="5" t="s">
        <v>44</v>
      </c>
      <c r="AD562" s="2"/>
      <c r="AE562" s="1"/>
    </row>
    <row r="563" spans="1:31" ht="14.45">
      <c r="A563" s="11"/>
      <c r="B563" s="20"/>
      <c r="C563" s="2" t="s">
        <v>2105</v>
      </c>
      <c r="D563" s="14" t="s">
        <v>2106</v>
      </c>
      <c r="E563" s="2" t="s">
        <v>2107</v>
      </c>
      <c r="F563" s="2" t="s">
        <v>1707</v>
      </c>
      <c r="G563" s="8">
        <v>104</v>
      </c>
      <c r="H563" s="5">
        <v>6</v>
      </c>
      <c r="I563" s="5" t="s">
        <v>1518</v>
      </c>
      <c r="J563" s="5" t="s">
        <v>1519</v>
      </c>
      <c r="K563" s="2" t="s">
        <v>1520</v>
      </c>
      <c r="L563" s="5" t="s">
        <v>1519</v>
      </c>
      <c r="M563" s="2" t="s">
        <v>1520</v>
      </c>
      <c r="N563" s="5" t="s">
        <v>1521</v>
      </c>
      <c r="O563" s="5" t="s">
        <v>38</v>
      </c>
      <c r="P563" s="5" t="s">
        <v>39</v>
      </c>
      <c r="Q563" s="5" t="s">
        <v>40</v>
      </c>
      <c r="R563" s="5" t="s">
        <v>1522</v>
      </c>
      <c r="S563" s="5" t="s">
        <v>1523</v>
      </c>
      <c r="T563" s="5" t="s">
        <v>42</v>
      </c>
      <c r="U563" s="2">
        <v>1.4430000000000001</v>
      </c>
      <c r="V563" s="2">
        <v>1.0309999999999999</v>
      </c>
      <c r="W563" s="2">
        <v>0.01</v>
      </c>
      <c r="X563" s="2">
        <v>76.900000000000006</v>
      </c>
      <c r="Y563" s="2">
        <v>7.6</v>
      </c>
      <c r="Z563" s="2">
        <v>16.7</v>
      </c>
      <c r="AA563" s="5"/>
      <c r="AB563" s="5" t="s">
        <v>43</v>
      </c>
      <c r="AC563" s="5" t="s">
        <v>44</v>
      </c>
      <c r="AD563" s="2"/>
      <c r="AE563" s="1"/>
    </row>
    <row r="564" spans="1:31" ht="14.45">
      <c r="A564" s="11"/>
      <c r="B564" s="20"/>
      <c r="C564" s="2" t="s">
        <v>2108</v>
      </c>
      <c r="D564" s="14" t="s">
        <v>2109</v>
      </c>
      <c r="E564" s="2" t="s">
        <v>2110</v>
      </c>
      <c r="F564" s="2" t="s">
        <v>1711</v>
      </c>
      <c r="G564" s="8">
        <v>104</v>
      </c>
      <c r="H564" s="5">
        <v>6</v>
      </c>
      <c r="I564" s="5" t="s">
        <v>1518</v>
      </c>
      <c r="J564" s="5" t="s">
        <v>1519</v>
      </c>
      <c r="K564" s="2" t="s">
        <v>1520</v>
      </c>
      <c r="L564" s="5" t="s">
        <v>1519</v>
      </c>
      <c r="M564" s="2" t="s">
        <v>1520</v>
      </c>
      <c r="N564" s="5" t="s">
        <v>1521</v>
      </c>
      <c r="O564" s="5" t="s">
        <v>38</v>
      </c>
      <c r="P564" s="5" t="s">
        <v>39</v>
      </c>
      <c r="Q564" s="5" t="s">
        <v>40</v>
      </c>
      <c r="R564" s="5" t="s">
        <v>1522</v>
      </c>
      <c r="S564" s="5" t="s">
        <v>1523</v>
      </c>
      <c r="T564" s="5" t="s">
        <v>42</v>
      </c>
      <c r="U564" s="2">
        <v>1.4179999999999999</v>
      </c>
      <c r="V564" s="2">
        <v>1.006</v>
      </c>
      <c r="W564" s="2">
        <v>0.01</v>
      </c>
      <c r="X564" s="2">
        <v>76.900000000000006</v>
      </c>
      <c r="Y564" s="2">
        <v>7.6</v>
      </c>
      <c r="Z564" s="2">
        <v>16.7</v>
      </c>
      <c r="AA564" s="5"/>
      <c r="AB564" s="5" t="s">
        <v>43</v>
      </c>
      <c r="AC564" s="5" t="s">
        <v>44</v>
      </c>
      <c r="AD564" s="2"/>
      <c r="AE564" s="1"/>
    </row>
    <row r="565" spans="1:31" ht="14.45">
      <c r="A565" s="11"/>
      <c r="B565" s="20"/>
      <c r="C565" s="2" t="s">
        <v>2111</v>
      </c>
      <c r="D565" s="14" t="s">
        <v>2112</v>
      </c>
      <c r="E565" s="2" t="s">
        <v>2113</v>
      </c>
      <c r="F565" s="2" t="s">
        <v>1715</v>
      </c>
      <c r="G565" s="8">
        <v>104</v>
      </c>
      <c r="H565" s="5">
        <v>6</v>
      </c>
      <c r="I565" s="5" t="s">
        <v>1518</v>
      </c>
      <c r="J565" s="5" t="s">
        <v>1519</v>
      </c>
      <c r="K565" s="2" t="s">
        <v>1520</v>
      </c>
      <c r="L565" s="5" t="s">
        <v>1519</v>
      </c>
      <c r="M565" s="2" t="s">
        <v>1520</v>
      </c>
      <c r="N565" s="5" t="s">
        <v>1521</v>
      </c>
      <c r="O565" s="5" t="s">
        <v>38</v>
      </c>
      <c r="P565" s="5" t="s">
        <v>39</v>
      </c>
      <c r="Q565" s="5" t="s">
        <v>40</v>
      </c>
      <c r="R565" s="5" t="s">
        <v>1522</v>
      </c>
      <c r="S565" s="5" t="s">
        <v>1523</v>
      </c>
      <c r="T565" s="5" t="s">
        <v>42</v>
      </c>
      <c r="U565" s="2">
        <v>1.4430000000000001</v>
      </c>
      <c r="V565" s="2">
        <v>1.0309999999999999</v>
      </c>
      <c r="W565" s="2">
        <v>0.01</v>
      </c>
      <c r="X565" s="2">
        <v>76.900000000000006</v>
      </c>
      <c r="Y565" s="2">
        <v>7.6</v>
      </c>
      <c r="Z565" s="2">
        <v>16.7</v>
      </c>
      <c r="AA565" s="5"/>
      <c r="AB565" s="5" t="s">
        <v>43</v>
      </c>
      <c r="AC565" s="5" t="s">
        <v>44</v>
      </c>
      <c r="AD565" s="2"/>
      <c r="AE565" s="1"/>
    </row>
    <row r="566" spans="1:31" ht="14.45">
      <c r="A566" s="11"/>
      <c r="B566" s="20"/>
      <c r="C566" s="2" t="s">
        <v>2114</v>
      </c>
      <c r="D566" s="14" t="s">
        <v>2115</v>
      </c>
      <c r="E566" s="2" t="s">
        <v>2116</v>
      </c>
      <c r="F566" s="2" t="s">
        <v>1719</v>
      </c>
      <c r="G566" s="8">
        <v>104</v>
      </c>
      <c r="H566" s="5">
        <v>5</v>
      </c>
      <c r="I566" s="5" t="s">
        <v>1518</v>
      </c>
      <c r="J566" s="5" t="s">
        <v>1519</v>
      </c>
      <c r="K566" s="2" t="s">
        <v>1520</v>
      </c>
      <c r="L566" s="5" t="s">
        <v>1519</v>
      </c>
      <c r="M566" s="2" t="s">
        <v>1520</v>
      </c>
      <c r="N566" s="5" t="s">
        <v>1521</v>
      </c>
      <c r="O566" s="5" t="s">
        <v>38</v>
      </c>
      <c r="P566" s="5" t="s">
        <v>39</v>
      </c>
      <c r="Q566" s="5" t="s">
        <v>40</v>
      </c>
      <c r="R566" s="5" t="s">
        <v>1522</v>
      </c>
      <c r="S566" s="5" t="s">
        <v>1523</v>
      </c>
      <c r="T566" s="5" t="s">
        <v>42</v>
      </c>
      <c r="U566" s="2">
        <v>1.41</v>
      </c>
      <c r="V566" s="2">
        <v>0.998</v>
      </c>
      <c r="W566" s="2">
        <v>0.01</v>
      </c>
      <c r="X566" s="2">
        <v>76.900000000000006</v>
      </c>
      <c r="Y566" s="2">
        <v>7.6</v>
      </c>
      <c r="Z566" s="2">
        <v>16.7</v>
      </c>
      <c r="AA566" s="5"/>
      <c r="AB566" s="5" t="s">
        <v>43</v>
      </c>
      <c r="AC566" s="5" t="s">
        <v>44</v>
      </c>
      <c r="AD566" s="2"/>
      <c r="AE566" s="1"/>
    </row>
    <row r="567" spans="1:31" ht="14.45">
      <c r="A567" s="11"/>
      <c r="B567" s="20"/>
      <c r="C567" s="2" t="s">
        <v>2117</v>
      </c>
      <c r="D567" s="14" t="s">
        <v>2118</v>
      </c>
      <c r="E567" s="2" t="s">
        <v>2119</v>
      </c>
      <c r="F567" s="2" t="s">
        <v>1723</v>
      </c>
      <c r="G567" s="8">
        <v>104</v>
      </c>
      <c r="H567" s="5">
        <v>6</v>
      </c>
      <c r="I567" s="5" t="s">
        <v>1518</v>
      </c>
      <c r="J567" s="5" t="s">
        <v>1519</v>
      </c>
      <c r="K567" s="2" t="s">
        <v>1520</v>
      </c>
      <c r="L567" s="5" t="s">
        <v>1519</v>
      </c>
      <c r="M567" s="2" t="s">
        <v>1520</v>
      </c>
      <c r="N567" s="5" t="s">
        <v>1521</v>
      </c>
      <c r="O567" s="5" t="s">
        <v>38</v>
      </c>
      <c r="P567" s="5" t="s">
        <v>39</v>
      </c>
      <c r="Q567" s="5" t="s">
        <v>40</v>
      </c>
      <c r="R567" s="5" t="s">
        <v>1522</v>
      </c>
      <c r="S567" s="5" t="s">
        <v>1523</v>
      </c>
      <c r="T567" s="5" t="s">
        <v>42</v>
      </c>
      <c r="U567" s="2">
        <v>1.4350000000000001</v>
      </c>
      <c r="V567" s="2">
        <v>1.0229999999999999</v>
      </c>
      <c r="W567" s="2">
        <v>0.01</v>
      </c>
      <c r="X567" s="2">
        <v>76.900000000000006</v>
      </c>
      <c r="Y567" s="2">
        <v>7.6</v>
      </c>
      <c r="Z567" s="2">
        <v>16.7</v>
      </c>
      <c r="AA567" s="5"/>
      <c r="AB567" s="5" t="s">
        <v>43</v>
      </c>
      <c r="AC567" s="5" t="s">
        <v>44</v>
      </c>
      <c r="AD567" s="2"/>
      <c r="AE567" s="1"/>
    </row>
    <row r="568" spans="1:31" ht="14.45">
      <c r="A568" s="11"/>
      <c r="B568" s="20"/>
      <c r="C568" s="2" t="s">
        <v>2120</v>
      </c>
      <c r="D568" s="14" t="s">
        <v>2121</v>
      </c>
      <c r="E568" s="2" t="s">
        <v>2122</v>
      </c>
      <c r="F568" s="2" t="s">
        <v>1727</v>
      </c>
      <c r="G568" s="8">
        <v>119</v>
      </c>
      <c r="H568" s="5">
        <v>6</v>
      </c>
      <c r="I568" s="5" t="s">
        <v>1518</v>
      </c>
      <c r="J568" s="5" t="s">
        <v>1519</v>
      </c>
      <c r="K568" s="2" t="s">
        <v>1520</v>
      </c>
      <c r="L568" s="5" t="s">
        <v>1519</v>
      </c>
      <c r="M568" s="2" t="s">
        <v>1520</v>
      </c>
      <c r="N568" s="5" t="s">
        <v>1521</v>
      </c>
      <c r="O568" s="5" t="s">
        <v>38</v>
      </c>
      <c r="P568" s="5" t="s">
        <v>39</v>
      </c>
      <c r="Q568" s="5" t="s">
        <v>40</v>
      </c>
      <c r="R568" s="5" t="s">
        <v>1522</v>
      </c>
      <c r="S568" s="5" t="s">
        <v>1523</v>
      </c>
      <c r="T568" s="5" t="s">
        <v>42</v>
      </c>
      <c r="U568" s="2">
        <v>1.41</v>
      </c>
      <c r="V568" s="2">
        <v>0.998</v>
      </c>
      <c r="W568" s="2">
        <v>0.01</v>
      </c>
      <c r="X568" s="2">
        <v>76.900000000000006</v>
      </c>
      <c r="Y568" s="2">
        <v>7.6</v>
      </c>
      <c r="Z568" s="2">
        <v>16.7</v>
      </c>
      <c r="AA568" s="5"/>
      <c r="AB568" s="5" t="s">
        <v>43</v>
      </c>
      <c r="AC568" s="5" t="s">
        <v>44</v>
      </c>
      <c r="AD568" s="2"/>
      <c r="AE568" s="1"/>
    </row>
    <row r="569" spans="1:31" ht="14.45">
      <c r="A569" s="11"/>
      <c r="B569" s="20"/>
      <c r="C569" s="2" t="s">
        <v>2123</v>
      </c>
      <c r="D569" s="14" t="s">
        <v>2124</v>
      </c>
      <c r="E569" s="2" t="s">
        <v>2125</v>
      </c>
      <c r="F569" s="2" t="s">
        <v>1731</v>
      </c>
      <c r="G569" s="8">
        <v>119</v>
      </c>
      <c r="H569" s="5">
        <v>6</v>
      </c>
      <c r="I569" s="5" t="s">
        <v>1518</v>
      </c>
      <c r="J569" s="5" t="s">
        <v>1519</v>
      </c>
      <c r="K569" s="2" t="s">
        <v>1520</v>
      </c>
      <c r="L569" s="5" t="s">
        <v>1519</v>
      </c>
      <c r="M569" s="2" t="s">
        <v>1520</v>
      </c>
      <c r="N569" s="5" t="s">
        <v>1521</v>
      </c>
      <c r="O569" s="5" t="s">
        <v>38</v>
      </c>
      <c r="P569" s="5" t="s">
        <v>39</v>
      </c>
      <c r="Q569" s="5" t="s">
        <v>40</v>
      </c>
      <c r="R569" s="5" t="s">
        <v>1522</v>
      </c>
      <c r="S569" s="5" t="s">
        <v>1523</v>
      </c>
      <c r="T569" s="5" t="s">
        <v>42</v>
      </c>
      <c r="U569" s="2">
        <v>1.4350000000000001</v>
      </c>
      <c r="V569" s="2">
        <v>1.0229999999999999</v>
      </c>
      <c r="W569" s="2">
        <v>0.01</v>
      </c>
      <c r="X569" s="2">
        <v>76.900000000000006</v>
      </c>
      <c r="Y569" s="2">
        <v>7.6</v>
      </c>
      <c r="Z569" s="2">
        <v>16.7</v>
      </c>
      <c r="AA569" s="5"/>
      <c r="AB569" s="5" t="s">
        <v>43</v>
      </c>
      <c r="AC569" s="5" t="s">
        <v>44</v>
      </c>
      <c r="AD569" s="2"/>
      <c r="AE569" s="1"/>
    </row>
    <row r="570" spans="1:31" ht="14.45">
      <c r="A570" s="11"/>
      <c r="B570" s="20"/>
      <c r="C570" s="2" t="s">
        <v>2126</v>
      </c>
      <c r="D570" s="14" t="s">
        <v>2127</v>
      </c>
      <c r="E570" s="2" t="s">
        <v>2128</v>
      </c>
      <c r="F570" s="2" t="s">
        <v>1735</v>
      </c>
      <c r="G570" s="8">
        <v>119</v>
      </c>
      <c r="H570" s="5">
        <v>6</v>
      </c>
      <c r="I570" s="5" t="s">
        <v>1518</v>
      </c>
      <c r="J570" s="5" t="s">
        <v>1519</v>
      </c>
      <c r="K570" s="2" t="s">
        <v>1520</v>
      </c>
      <c r="L570" s="5" t="s">
        <v>1519</v>
      </c>
      <c r="M570" s="2" t="s">
        <v>1520</v>
      </c>
      <c r="N570" s="5" t="s">
        <v>1521</v>
      </c>
      <c r="O570" s="5" t="s">
        <v>38</v>
      </c>
      <c r="P570" s="5" t="s">
        <v>39</v>
      </c>
      <c r="Q570" s="5" t="s">
        <v>40</v>
      </c>
      <c r="R570" s="5" t="s">
        <v>1522</v>
      </c>
      <c r="S570" s="5" t="s">
        <v>1523</v>
      </c>
      <c r="T570" s="5" t="s">
        <v>42</v>
      </c>
      <c r="U570" s="2">
        <v>1.4179999999999999</v>
      </c>
      <c r="V570" s="2">
        <v>1.006</v>
      </c>
      <c r="W570" s="2">
        <v>0.01</v>
      </c>
      <c r="X570" s="2">
        <v>76.900000000000006</v>
      </c>
      <c r="Y570" s="2">
        <v>7.6</v>
      </c>
      <c r="Z570" s="2">
        <v>16.7</v>
      </c>
      <c r="AA570" s="5"/>
      <c r="AB570" s="5" t="s">
        <v>43</v>
      </c>
      <c r="AC570" s="5" t="s">
        <v>44</v>
      </c>
      <c r="AD570" s="2"/>
      <c r="AE570" s="1"/>
    </row>
    <row r="571" spans="1:31" ht="14.45">
      <c r="A571" s="11"/>
      <c r="B571" s="20"/>
      <c r="C571" s="2" t="s">
        <v>2129</v>
      </c>
      <c r="D571" s="14" t="s">
        <v>2130</v>
      </c>
      <c r="E571" s="2" t="s">
        <v>2131</v>
      </c>
      <c r="F571" s="2" t="s">
        <v>1739</v>
      </c>
      <c r="G571" s="8">
        <v>119</v>
      </c>
      <c r="H571" s="5">
        <v>6</v>
      </c>
      <c r="I571" s="5" t="s">
        <v>1518</v>
      </c>
      <c r="J571" s="5" t="s">
        <v>1519</v>
      </c>
      <c r="K571" s="2" t="s">
        <v>1520</v>
      </c>
      <c r="L571" s="5" t="s">
        <v>1519</v>
      </c>
      <c r="M571" s="2" t="s">
        <v>1520</v>
      </c>
      <c r="N571" s="5" t="s">
        <v>1521</v>
      </c>
      <c r="O571" s="5" t="s">
        <v>38</v>
      </c>
      <c r="P571" s="5" t="s">
        <v>39</v>
      </c>
      <c r="Q571" s="5" t="s">
        <v>40</v>
      </c>
      <c r="R571" s="5" t="s">
        <v>1522</v>
      </c>
      <c r="S571" s="5" t="s">
        <v>1523</v>
      </c>
      <c r="T571" s="5" t="s">
        <v>42</v>
      </c>
      <c r="U571" s="2">
        <v>1.4430000000000001</v>
      </c>
      <c r="V571" s="2">
        <v>1.0309999999999999</v>
      </c>
      <c r="W571" s="2">
        <v>0.01</v>
      </c>
      <c r="X571" s="2">
        <v>76.900000000000006</v>
      </c>
      <c r="Y571" s="2">
        <v>7.6</v>
      </c>
      <c r="Z571" s="2">
        <v>16.7</v>
      </c>
      <c r="AA571" s="5"/>
      <c r="AB571" s="5" t="s">
        <v>43</v>
      </c>
      <c r="AC571" s="5" t="s">
        <v>44</v>
      </c>
      <c r="AD571" s="2"/>
      <c r="AE571" s="1"/>
    </row>
    <row r="572" spans="1:31" ht="14.45">
      <c r="A572" s="11"/>
      <c r="B572" s="20"/>
      <c r="C572" s="2" t="s">
        <v>2132</v>
      </c>
      <c r="D572" s="14" t="s">
        <v>2133</v>
      </c>
      <c r="E572" s="2" t="s">
        <v>2134</v>
      </c>
      <c r="F572" s="2" t="s">
        <v>1743</v>
      </c>
      <c r="G572" s="8">
        <v>119</v>
      </c>
      <c r="H572" s="5">
        <v>6</v>
      </c>
      <c r="I572" s="5" t="s">
        <v>1518</v>
      </c>
      <c r="J572" s="5" t="s">
        <v>1519</v>
      </c>
      <c r="K572" s="2" t="s">
        <v>1520</v>
      </c>
      <c r="L572" s="5" t="s">
        <v>1519</v>
      </c>
      <c r="M572" s="2" t="s">
        <v>1520</v>
      </c>
      <c r="N572" s="5" t="s">
        <v>1521</v>
      </c>
      <c r="O572" s="5" t="s">
        <v>38</v>
      </c>
      <c r="P572" s="5" t="s">
        <v>39</v>
      </c>
      <c r="Q572" s="5" t="s">
        <v>40</v>
      </c>
      <c r="R572" s="5" t="s">
        <v>1522</v>
      </c>
      <c r="S572" s="5" t="s">
        <v>1523</v>
      </c>
      <c r="T572" s="5" t="s">
        <v>42</v>
      </c>
      <c r="U572" s="2">
        <v>1.41</v>
      </c>
      <c r="V572" s="2">
        <v>0.998</v>
      </c>
      <c r="W572" s="2">
        <v>0.01</v>
      </c>
      <c r="X572" s="2">
        <v>76.900000000000006</v>
      </c>
      <c r="Y572" s="2">
        <v>7.6</v>
      </c>
      <c r="Z572" s="2">
        <v>16.7</v>
      </c>
      <c r="AA572" s="5"/>
      <c r="AB572" s="5" t="s">
        <v>43</v>
      </c>
      <c r="AC572" s="5" t="s">
        <v>44</v>
      </c>
      <c r="AD572" s="2"/>
      <c r="AE572" s="1"/>
    </row>
    <row r="573" spans="1:31" ht="14.45">
      <c r="A573" s="11"/>
      <c r="B573" s="20"/>
      <c r="C573" s="2" t="s">
        <v>2135</v>
      </c>
      <c r="D573" s="14" t="s">
        <v>2136</v>
      </c>
      <c r="E573" s="2" t="s">
        <v>2137</v>
      </c>
      <c r="F573" s="2" t="s">
        <v>1747</v>
      </c>
      <c r="G573" s="8">
        <v>119</v>
      </c>
      <c r="H573" s="5">
        <v>6</v>
      </c>
      <c r="I573" s="5" t="s">
        <v>1518</v>
      </c>
      <c r="J573" s="5" t="s">
        <v>1519</v>
      </c>
      <c r="K573" s="2" t="s">
        <v>1520</v>
      </c>
      <c r="L573" s="5" t="s">
        <v>1519</v>
      </c>
      <c r="M573" s="2" t="s">
        <v>1520</v>
      </c>
      <c r="N573" s="5" t="s">
        <v>1521</v>
      </c>
      <c r="O573" s="5" t="s">
        <v>38</v>
      </c>
      <c r="P573" s="5" t="s">
        <v>39</v>
      </c>
      <c r="Q573" s="5" t="s">
        <v>40</v>
      </c>
      <c r="R573" s="5" t="s">
        <v>1522</v>
      </c>
      <c r="S573" s="5" t="s">
        <v>1523</v>
      </c>
      <c r="T573" s="5" t="s">
        <v>42</v>
      </c>
      <c r="U573" s="2">
        <v>1.4350000000000001</v>
      </c>
      <c r="V573" s="2">
        <v>1.0229999999999999</v>
      </c>
      <c r="W573" s="2">
        <v>0.01</v>
      </c>
      <c r="X573" s="2">
        <v>76.900000000000006</v>
      </c>
      <c r="Y573" s="2">
        <v>7.6</v>
      </c>
      <c r="Z573" s="2">
        <v>16.7</v>
      </c>
      <c r="AA573" s="5"/>
      <c r="AB573" s="5" t="s">
        <v>43</v>
      </c>
      <c r="AC573" s="5" t="s">
        <v>44</v>
      </c>
      <c r="AD573" s="2"/>
      <c r="AE573" s="1"/>
    </row>
    <row r="574" spans="1:31" ht="14.45">
      <c r="A574" s="11"/>
      <c r="B574" s="20"/>
      <c r="C574" s="2" t="s">
        <v>2138</v>
      </c>
      <c r="D574" s="14" t="s">
        <v>2139</v>
      </c>
      <c r="E574" s="2" t="s">
        <v>2140</v>
      </c>
      <c r="F574" s="2" t="s">
        <v>1751</v>
      </c>
      <c r="G574" s="8">
        <v>119</v>
      </c>
      <c r="H574" s="5">
        <v>6</v>
      </c>
      <c r="I574" s="5" t="s">
        <v>1518</v>
      </c>
      <c r="J574" s="5" t="s">
        <v>1519</v>
      </c>
      <c r="K574" s="2" t="s">
        <v>1520</v>
      </c>
      <c r="L574" s="5" t="s">
        <v>1519</v>
      </c>
      <c r="M574" s="2" t="s">
        <v>1520</v>
      </c>
      <c r="N574" s="5" t="s">
        <v>1521</v>
      </c>
      <c r="O574" s="5" t="s">
        <v>38</v>
      </c>
      <c r="P574" s="5" t="s">
        <v>39</v>
      </c>
      <c r="Q574" s="5" t="s">
        <v>40</v>
      </c>
      <c r="R574" s="5" t="s">
        <v>1522</v>
      </c>
      <c r="S574" s="5" t="s">
        <v>1523</v>
      </c>
      <c r="T574" s="5" t="s">
        <v>42</v>
      </c>
      <c r="U574" s="2">
        <v>1.41</v>
      </c>
      <c r="V574" s="2">
        <v>0.998</v>
      </c>
      <c r="W574" s="2">
        <v>0.01</v>
      </c>
      <c r="X574" s="2">
        <v>76.900000000000006</v>
      </c>
      <c r="Y574" s="2">
        <v>7.6</v>
      </c>
      <c r="Z574" s="2">
        <v>16.7</v>
      </c>
      <c r="AA574" s="5"/>
      <c r="AB574" s="5" t="s">
        <v>43</v>
      </c>
      <c r="AC574" s="5" t="s">
        <v>44</v>
      </c>
      <c r="AD574" s="2"/>
      <c r="AE574" s="1"/>
    </row>
    <row r="575" spans="1:31" ht="14.45">
      <c r="A575" s="11"/>
      <c r="B575" s="20"/>
      <c r="C575" s="2" t="s">
        <v>2141</v>
      </c>
      <c r="D575" s="14" t="s">
        <v>2142</v>
      </c>
      <c r="E575" s="2" t="s">
        <v>2143</v>
      </c>
      <c r="F575" s="2" t="s">
        <v>1755</v>
      </c>
      <c r="G575" s="8">
        <v>119</v>
      </c>
      <c r="H575" s="5">
        <v>6</v>
      </c>
      <c r="I575" s="5" t="s">
        <v>1518</v>
      </c>
      <c r="J575" s="5" t="s">
        <v>1519</v>
      </c>
      <c r="K575" s="2" t="s">
        <v>1520</v>
      </c>
      <c r="L575" s="5" t="s">
        <v>1519</v>
      </c>
      <c r="M575" s="2" t="s">
        <v>1520</v>
      </c>
      <c r="N575" s="5" t="s">
        <v>1521</v>
      </c>
      <c r="O575" s="5" t="s">
        <v>38</v>
      </c>
      <c r="P575" s="5" t="s">
        <v>39</v>
      </c>
      <c r="Q575" s="5" t="s">
        <v>40</v>
      </c>
      <c r="R575" s="5" t="s">
        <v>1522</v>
      </c>
      <c r="S575" s="5" t="s">
        <v>1523</v>
      </c>
      <c r="T575" s="5" t="s">
        <v>42</v>
      </c>
      <c r="U575" s="2">
        <v>1.4350000000000001</v>
      </c>
      <c r="V575" s="2">
        <v>1.0229999999999999</v>
      </c>
      <c r="W575" s="2">
        <v>0.01</v>
      </c>
      <c r="X575" s="2">
        <v>76.900000000000006</v>
      </c>
      <c r="Y575" s="2">
        <v>7.6</v>
      </c>
      <c r="Z575" s="2">
        <v>16.7</v>
      </c>
      <c r="AA575" s="5"/>
      <c r="AB575" s="5" t="s">
        <v>43</v>
      </c>
      <c r="AC575" s="5" t="s">
        <v>44</v>
      </c>
      <c r="AD575" s="2"/>
      <c r="AE575" s="1"/>
    </row>
    <row r="576" spans="1:31" ht="14.45">
      <c r="A576" s="11"/>
      <c r="B576" s="20"/>
      <c r="C576" s="2" t="s">
        <v>2144</v>
      </c>
      <c r="D576" s="14" t="s">
        <v>2145</v>
      </c>
      <c r="E576" s="2" t="s">
        <v>2146</v>
      </c>
      <c r="F576" s="2" t="s">
        <v>1759</v>
      </c>
      <c r="G576" s="8">
        <v>119</v>
      </c>
      <c r="H576" s="5">
        <v>6</v>
      </c>
      <c r="I576" s="5" t="s">
        <v>1518</v>
      </c>
      <c r="J576" s="5" t="s">
        <v>1519</v>
      </c>
      <c r="K576" s="2" t="s">
        <v>1520</v>
      </c>
      <c r="L576" s="5" t="s">
        <v>1519</v>
      </c>
      <c r="M576" s="2" t="s">
        <v>1520</v>
      </c>
      <c r="N576" s="5" t="s">
        <v>1521</v>
      </c>
      <c r="O576" s="5" t="s">
        <v>38</v>
      </c>
      <c r="P576" s="5" t="s">
        <v>39</v>
      </c>
      <c r="Q576" s="5" t="s">
        <v>40</v>
      </c>
      <c r="R576" s="5" t="s">
        <v>1522</v>
      </c>
      <c r="S576" s="5" t="s">
        <v>1523</v>
      </c>
      <c r="T576" s="5" t="s">
        <v>42</v>
      </c>
      <c r="U576" s="2">
        <v>1.4179999999999999</v>
      </c>
      <c r="V576" s="2">
        <v>1.006</v>
      </c>
      <c r="W576" s="2">
        <v>0.01</v>
      </c>
      <c r="X576" s="2">
        <v>76.900000000000006</v>
      </c>
      <c r="Y576" s="2">
        <v>7.6</v>
      </c>
      <c r="Z576" s="2">
        <v>16.7</v>
      </c>
      <c r="AA576" s="5"/>
      <c r="AB576" s="5" t="s">
        <v>43</v>
      </c>
      <c r="AC576" s="5" t="s">
        <v>44</v>
      </c>
      <c r="AD576" s="2"/>
      <c r="AE576" s="1"/>
    </row>
    <row r="577" spans="1:31" ht="14.45">
      <c r="A577" s="11"/>
      <c r="B577" s="20"/>
      <c r="C577" s="2" t="s">
        <v>2147</v>
      </c>
      <c r="D577" s="14" t="s">
        <v>2148</v>
      </c>
      <c r="E577" s="2" t="s">
        <v>2149</v>
      </c>
      <c r="F577" s="2" t="s">
        <v>1763</v>
      </c>
      <c r="G577" s="8">
        <v>119</v>
      </c>
      <c r="H577" s="5">
        <v>6</v>
      </c>
      <c r="I577" s="5" t="s">
        <v>1518</v>
      </c>
      <c r="J577" s="5" t="s">
        <v>1519</v>
      </c>
      <c r="K577" s="2" t="s">
        <v>1520</v>
      </c>
      <c r="L577" s="5" t="s">
        <v>1519</v>
      </c>
      <c r="M577" s="2" t="s">
        <v>1520</v>
      </c>
      <c r="N577" s="5" t="s">
        <v>1521</v>
      </c>
      <c r="O577" s="5" t="s">
        <v>38</v>
      </c>
      <c r="P577" s="5" t="s">
        <v>39</v>
      </c>
      <c r="Q577" s="5" t="s">
        <v>40</v>
      </c>
      <c r="R577" s="5" t="s">
        <v>1522</v>
      </c>
      <c r="S577" s="5" t="s">
        <v>1523</v>
      </c>
      <c r="T577" s="5" t="s">
        <v>42</v>
      </c>
      <c r="U577" s="2">
        <v>1.4430000000000001</v>
      </c>
      <c r="V577" s="2">
        <v>1.0309999999999999</v>
      </c>
      <c r="W577" s="2">
        <v>0.01</v>
      </c>
      <c r="X577" s="2">
        <v>76.900000000000006</v>
      </c>
      <c r="Y577" s="2">
        <v>7.6</v>
      </c>
      <c r="Z577" s="2">
        <v>16.7</v>
      </c>
      <c r="AA577" s="5"/>
      <c r="AB577" s="5" t="s">
        <v>43</v>
      </c>
      <c r="AC577" s="5" t="s">
        <v>44</v>
      </c>
      <c r="AD577" s="2"/>
      <c r="AE577" s="1"/>
    </row>
    <row r="578" spans="1:31" ht="14.45">
      <c r="A578" s="11"/>
      <c r="B578" s="20"/>
      <c r="C578" s="2" t="s">
        <v>2150</v>
      </c>
      <c r="D578" s="14" t="s">
        <v>2151</v>
      </c>
      <c r="E578" s="2" t="s">
        <v>2152</v>
      </c>
      <c r="F578" s="2" t="s">
        <v>1767</v>
      </c>
      <c r="G578" s="8">
        <v>119</v>
      </c>
      <c r="H578" s="5">
        <v>6</v>
      </c>
      <c r="I578" s="5" t="s">
        <v>1518</v>
      </c>
      <c r="J578" s="5" t="s">
        <v>1519</v>
      </c>
      <c r="K578" s="2" t="s">
        <v>1520</v>
      </c>
      <c r="L578" s="5" t="s">
        <v>1519</v>
      </c>
      <c r="M578" s="2" t="s">
        <v>1520</v>
      </c>
      <c r="N578" s="5" t="s">
        <v>1521</v>
      </c>
      <c r="O578" s="5" t="s">
        <v>38</v>
      </c>
      <c r="P578" s="5" t="s">
        <v>39</v>
      </c>
      <c r="Q578" s="5" t="s">
        <v>40</v>
      </c>
      <c r="R578" s="5" t="s">
        <v>1522</v>
      </c>
      <c r="S578" s="5" t="s">
        <v>1523</v>
      </c>
      <c r="T578" s="5" t="s">
        <v>42</v>
      </c>
      <c r="U578" s="2">
        <v>1.4179999999999999</v>
      </c>
      <c r="V578" s="2">
        <v>1.006</v>
      </c>
      <c r="W578" s="2">
        <v>0.01</v>
      </c>
      <c r="X578" s="2">
        <v>76.900000000000006</v>
      </c>
      <c r="Y578" s="2">
        <v>7.6</v>
      </c>
      <c r="Z578" s="2">
        <v>16.7</v>
      </c>
      <c r="AA578" s="5"/>
      <c r="AB578" s="5" t="s">
        <v>43</v>
      </c>
      <c r="AC578" s="5" t="s">
        <v>44</v>
      </c>
      <c r="AD578" s="2"/>
      <c r="AE578" s="1"/>
    </row>
    <row r="579" spans="1:31" ht="14.45">
      <c r="A579" s="11"/>
      <c r="B579" s="20"/>
      <c r="C579" s="2" t="s">
        <v>2153</v>
      </c>
      <c r="D579" s="14" t="s">
        <v>2154</v>
      </c>
      <c r="E579" s="2" t="s">
        <v>2155</v>
      </c>
      <c r="F579" s="2" t="s">
        <v>1771</v>
      </c>
      <c r="G579" s="8">
        <v>119</v>
      </c>
      <c r="H579" s="5">
        <v>6</v>
      </c>
      <c r="I579" s="5" t="s">
        <v>1518</v>
      </c>
      <c r="J579" s="5" t="s">
        <v>1519</v>
      </c>
      <c r="K579" s="2" t="s">
        <v>1520</v>
      </c>
      <c r="L579" s="5" t="s">
        <v>1519</v>
      </c>
      <c r="M579" s="2" t="s">
        <v>1520</v>
      </c>
      <c r="N579" s="5" t="s">
        <v>1521</v>
      </c>
      <c r="O579" s="5" t="s">
        <v>38</v>
      </c>
      <c r="P579" s="5" t="s">
        <v>39</v>
      </c>
      <c r="Q579" s="5" t="s">
        <v>40</v>
      </c>
      <c r="R579" s="5" t="s">
        <v>1522</v>
      </c>
      <c r="S579" s="5" t="s">
        <v>1523</v>
      </c>
      <c r="T579" s="5" t="s">
        <v>42</v>
      </c>
      <c r="U579" s="2">
        <v>1.4430000000000001</v>
      </c>
      <c r="V579" s="2">
        <v>1.0309999999999999</v>
      </c>
      <c r="W579" s="2">
        <v>0.01</v>
      </c>
      <c r="X579" s="2">
        <v>76.900000000000006</v>
      </c>
      <c r="Y579" s="2">
        <v>7.6</v>
      </c>
      <c r="Z579" s="2">
        <v>16.7</v>
      </c>
      <c r="AA579" s="5"/>
      <c r="AB579" s="5" t="s">
        <v>43</v>
      </c>
      <c r="AC579" s="5" t="s">
        <v>44</v>
      </c>
      <c r="AD579" s="2"/>
      <c r="AE579" s="1"/>
    </row>
    <row r="580" spans="1:31" ht="14.45">
      <c r="A580" s="11"/>
      <c r="B580" s="20"/>
      <c r="C580" s="2" t="s">
        <v>2156</v>
      </c>
      <c r="D580" s="14" t="s">
        <v>2157</v>
      </c>
      <c r="E580" s="2" t="s">
        <v>2158</v>
      </c>
      <c r="F580" s="2" t="s">
        <v>1775</v>
      </c>
      <c r="G580" s="8">
        <v>119</v>
      </c>
      <c r="H580" s="5">
        <v>6</v>
      </c>
      <c r="I580" s="5" t="s">
        <v>1518</v>
      </c>
      <c r="J580" s="5" t="s">
        <v>1519</v>
      </c>
      <c r="K580" s="2" t="s">
        <v>1520</v>
      </c>
      <c r="L580" s="5" t="s">
        <v>1519</v>
      </c>
      <c r="M580" s="2" t="s">
        <v>1520</v>
      </c>
      <c r="N580" s="5" t="s">
        <v>1521</v>
      </c>
      <c r="O580" s="5" t="s">
        <v>38</v>
      </c>
      <c r="P580" s="5" t="s">
        <v>39</v>
      </c>
      <c r="Q580" s="5" t="s">
        <v>40</v>
      </c>
      <c r="R580" s="5" t="s">
        <v>1522</v>
      </c>
      <c r="S580" s="5" t="s">
        <v>1523</v>
      </c>
      <c r="T580" s="5" t="s">
        <v>42</v>
      </c>
      <c r="U580" s="2">
        <v>1.4179999999999999</v>
      </c>
      <c r="V580" s="2">
        <v>1.006</v>
      </c>
      <c r="W580" s="2">
        <v>0.01</v>
      </c>
      <c r="X580" s="2">
        <v>76.900000000000006</v>
      </c>
      <c r="Y580" s="2">
        <v>7.6</v>
      </c>
      <c r="Z580" s="2">
        <v>16.7</v>
      </c>
      <c r="AA580" s="5"/>
      <c r="AB580" s="5" t="s">
        <v>43</v>
      </c>
      <c r="AC580" s="5" t="s">
        <v>44</v>
      </c>
      <c r="AD580" s="2"/>
      <c r="AE580" s="1"/>
    </row>
    <row r="581" spans="1:31" ht="14.45">
      <c r="A581" s="11"/>
      <c r="B581" s="20"/>
      <c r="C581" s="2" t="s">
        <v>2159</v>
      </c>
      <c r="D581" s="14" t="s">
        <v>2160</v>
      </c>
      <c r="E581" s="2" t="s">
        <v>2161</v>
      </c>
      <c r="F581" s="2" t="s">
        <v>1779</v>
      </c>
      <c r="G581" s="8">
        <v>119</v>
      </c>
      <c r="H581" s="5">
        <v>6</v>
      </c>
      <c r="I581" s="5" t="s">
        <v>1518</v>
      </c>
      <c r="J581" s="5" t="s">
        <v>1519</v>
      </c>
      <c r="K581" s="2" t="s">
        <v>1520</v>
      </c>
      <c r="L581" s="5" t="s">
        <v>1519</v>
      </c>
      <c r="M581" s="2" t="s">
        <v>1520</v>
      </c>
      <c r="N581" s="5" t="s">
        <v>1521</v>
      </c>
      <c r="O581" s="5" t="s">
        <v>38</v>
      </c>
      <c r="P581" s="5" t="s">
        <v>39</v>
      </c>
      <c r="Q581" s="5" t="s">
        <v>40</v>
      </c>
      <c r="R581" s="5" t="s">
        <v>1522</v>
      </c>
      <c r="S581" s="5" t="s">
        <v>1523</v>
      </c>
      <c r="T581" s="5" t="s">
        <v>42</v>
      </c>
      <c r="U581" s="2">
        <v>1.4430000000000001</v>
      </c>
      <c r="V581" s="2">
        <v>1.0309999999999999</v>
      </c>
      <c r="W581" s="2">
        <v>0.01</v>
      </c>
      <c r="X581" s="2">
        <v>76.900000000000006</v>
      </c>
      <c r="Y581" s="2">
        <v>7.6</v>
      </c>
      <c r="Z581" s="2">
        <v>16.7</v>
      </c>
      <c r="AA581" s="5"/>
      <c r="AB581" s="5" t="s">
        <v>43</v>
      </c>
      <c r="AC581" s="5" t="s">
        <v>44</v>
      </c>
      <c r="AD581" s="2"/>
      <c r="AE581" s="1"/>
    </row>
    <row r="582" spans="1:31" ht="14.45">
      <c r="A582" s="11"/>
      <c r="B582" s="20"/>
      <c r="C582" s="2" t="s">
        <v>2162</v>
      </c>
      <c r="D582" s="14" t="s">
        <v>2163</v>
      </c>
      <c r="E582" s="2" t="s">
        <v>2164</v>
      </c>
      <c r="F582" s="2" t="s">
        <v>1783</v>
      </c>
      <c r="G582" s="8">
        <v>119</v>
      </c>
      <c r="H582" s="5">
        <v>6</v>
      </c>
      <c r="I582" s="5" t="s">
        <v>1518</v>
      </c>
      <c r="J582" s="5" t="s">
        <v>1519</v>
      </c>
      <c r="K582" s="2" t="s">
        <v>1520</v>
      </c>
      <c r="L582" s="5" t="s">
        <v>1519</v>
      </c>
      <c r="M582" s="2" t="s">
        <v>1520</v>
      </c>
      <c r="N582" s="5" t="s">
        <v>1521</v>
      </c>
      <c r="O582" s="5" t="s">
        <v>38</v>
      </c>
      <c r="P582" s="5" t="s">
        <v>39</v>
      </c>
      <c r="Q582" s="5" t="s">
        <v>40</v>
      </c>
      <c r="R582" s="5" t="s">
        <v>1522</v>
      </c>
      <c r="S582" s="5" t="s">
        <v>1523</v>
      </c>
      <c r="T582" s="5" t="s">
        <v>42</v>
      </c>
      <c r="U582" s="2">
        <v>1.41</v>
      </c>
      <c r="V582" s="2">
        <v>0.998</v>
      </c>
      <c r="W582" s="2">
        <v>0.01</v>
      </c>
      <c r="X582" s="2">
        <v>76.900000000000006</v>
      </c>
      <c r="Y582" s="2">
        <v>7.6</v>
      </c>
      <c r="Z582" s="2">
        <v>16.7</v>
      </c>
      <c r="AA582" s="5"/>
      <c r="AB582" s="5" t="s">
        <v>43</v>
      </c>
      <c r="AC582" s="5" t="s">
        <v>44</v>
      </c>
      <c r="AD582" s="2"/>
      <c r="AE582" s="1"/>
    </row>
    <row r="583" spans="1:31" ht="14.45">
      <c r="A583" s="11"/>
      <c r="B583" s="20"/>
      <c r="C583" s="2" t="s">
        <v>2165</v>
      </c>
      <c r="D583" s="14" t="s">
        <v>2166</v>
      </c>
      <c r="E583" s="2" t="s">
        <v>2167</v>
      </c>
      <c r="F583" s="2" t="s">
        <v>1787</v>
      </c>
      <c r="G583" s="8">
        <v>119</v>
      </c>
      <c r="H583" s="5">
        <v>6</v>
      </c>
      <c r="I583" s="5" t="s">
        <v>1518</v>
      </c>
      <c r="J583" s="5" t="s">
        <v>1519</v>
      </c>
      <c r="K583" s="2" t="s">
        <v>1520</v>
      </c>
      <c r="L583" s="5" t="s">
        <v>1519</v>
      </c>
      <c r="M583" s="2" t="s">
        <v>1520</v>
      </c>
      <c r="N583" s="5" t="s">
        <v>1521</v>
      </c>
      <c r="O583" s="5" t="s">
        <v>38</v>
      </c>
      <c r="P583" s="5" t="s">
        <v>39</v>
      </c>
      <c r="Q583" s="5" t="s">
        <v>40</v>
      </c>
      <c r="R583" s="5" t="s">
        <v>1522</v>
      </c>
      <c r="S583" s="5" t="s">
        <v>1523</v>
      </c>
      <c r="T583" s="5" t="s">
        <v>42</v>
      </c>
      <c r="U583" s="2">
        <v>1.4350000000000001</v>
      </c>
      <c r="V583" s="2">
        <v>1.0229999999999999</v>
      </c>
      <c r="W583" s="2">
        <v>0.01</v>
      </c>
      <c r="X583" s="2">
        <v>76.900000000000006</v>
      </c>
      <c r="Y583" s="2">
        <v>7.6</v>
      </c>
      <c r="Z583" s="2">
        <v>16.7</v>
      </c>
      <c r="AA583" s="5"/>
      <c r="AB583" s="5" t="s">
        <v>43</v>
      </c>
      <c r="AC583" s="5" t="s">
        <v>44</v>
      </c>
      <c r="AD583" s="2"/>
      <c r="AE583" s="1"/>
    </row>
    <row r="584" spans="1:31" ht="14.45">
      <c r="A584" s="11"/>
      <c r="B584" s="20"/>
      <c r="C584" s="2" t="s">
        <v>2168</v>
      </c>
      <c r="D584" s="14" t="s">
        <v>2169</v>
      </c>
      <c r="E584" s="2" t="s">
        <v>2170</v>
      </c>
      <c r="F584" s="2" t="s">
        <v>1791</v>
      </c>
      <c r="G584" s="8">
        <v>119</v>
      </c>
      <c r="H584" s="5">
        <v>6</v>
      </c>
      <c r="I584" s="5" t="s">
        <v>1518</v>
      </c>
      <c r="J584" s="5" t="s">
        <v>1519</v>
      </c>
      <c r="K584" s="2" t="s">
        <v>1520</v>
      </c>
      <c r="L584" s="5" t="s">
        <v>1519</v>
      </c>
      <c r="M584" s="2" t="s">
        <v>1520</v>
      </c>
      <c r="N584" s="5" t="s">
        <v>1521</v>
      </c>
      <c r="O584" s="5" t="s">
        <v>38</v>
      </c>
      <c r="P584" s="5" t="s">
        <v>39</v>
      </c>
      <c r="Q584" s="5" t="s">
        <v>40</v>
      </c>
      <c r="R584" s="5" t="s">
        <v>1522</v>
      </c>
      <c r="S584" s="5" t="s">
        <v>1523</v>
      </c>
      <c r="T584" s="5" t="s">
        <v>42</v>
      </c>
      <c r="U584" s="2">
        <v>1.4179999999999999</v>
      </c>
      <c r="V584" s="2">
        <v>1.006</v>
      </c>
      <c r="W584" s="2">
        <v>0.01</v>
      </c>
      <c r="X584" s="2">
        <v>76.900000000000006</v>
      </c>
      <c r="Y584" s="2">
        <v>7.6</v>
      </c>
      <c r="Z584" s="2">
        <v>16.7</v>
      </c>
      <c r="AA584" s="5"/>
      <c r="AB584" s="5" t="s">
        <v>43</v>
      </c>
      <c r="AC584" s="5" t="s">
        <v>44</v>
      </c>
      <c r="AD584" s="2"/>
      <c r="AE584" s="1"/>
    </row>
    <row r="585" spans="1:31" ht="14.45">
      <c r="A585" s="11"/>
      <c r="B585" s="20"/>
      <c r="C585" s="2" t="s">
        <v>2171</v>
      </c>
      <c r="D585" s="14" t="s">
        <v>2172</v>
      </c>
      <c r="E585" s="2" t="s">
        <v>2173</v>
      </c>
      <c r="F585" s="2" t="s">
        <v>1795</v>
      </c>
      <c r="G585" s="8">
        <v>119</v>
      </c>
      <c r="H585" s="5">
        <v>6</v>
      </c>
      <c r="I585" s="5" t="s">
        <v>1518</v>
      </c>
      <c r="J585" s="5" t="s">
        <v>1519</v>
      </c>
      <c r="K585" s="2" t="s">
        <v>1520</v>
      </c>
      <c r="L585" s="5" t="s">
        <v>1519</v>
      </c>
      <c r="M585" s="2" t="s">
        <v>1520</v>
      </c>
      <c r="N585" s="5" t="s">
        <v>1521</v>
      </c>
      <c r="O585" s="5" t="s">
        <v>38</v>
      </c>
      <c r="P585" s="5" t="s">
        <v>39</v>
      </c>
      <c r="Q585" s="5" t="s">
        <v>40</v>
      </c>
      <c r="R585" s="5" t="s">
        <v>1522</v>
      </c>
      <c r="S585" s="5" t="s">
        <v>1523</v>
      </c>
      <c r="T585" s="5" t="s">
        <v>42</v>
      </c>
      <c r="U585" s="2">
        <v>1.4430000000000001</v>
      </c>
      <c r="V585" s="2">
        <v>1.0309999999999999</v>
      </c>
      <c r="W585" s="2">
        <v>0.01</v>
      </c>
      <c r="X585" s="2">
        <v>76.900000000000006</v>
      </c>
      <c r="Y585" s="2">
        <v>7.6</v>
      </c>
      <c r="Z585" s="2">
        <v>16.7</v>
      </c>
      <c r="AA585" s="5"/>
      <c r="AB585" s="5" t="s">
        <v>43</v>
      </c>
      <c r="AC585" s="5" t="s">
        <v>44</v>
      </c>
      <c r="AD585" s="2"/>
      <c r="AE585" s="1"/>
    </row>
    <row r="586" spans="1:31" ht="14.45">
      <c r="A586" s="11"/>
      <c r="B586" s="20"/>
      <c r="C586" s="2" t="s">
        <v>2174</v>
      </c>
      <c r="D586" s="14" t="s">
        <v>2175</v>
      </c>
      <c r="E586" s="2" t="s">
        <v>2176</v>
      </c>
      <c r="F586" s="2" t="s">
        <v>1799</v>
      </c>
      <c r="G586" s="8">
        <v>119</v>
      </c>
      <c r="H586" s="5">
        <v>6</v>
      </c>
      <c r="I586" s="5" t="s">
        <v>1518</v>
      </c>
      <c r="J586" s="5" t="s">
        <v>1519</v>
      </c>
      <c r="K586" s="2" t="s">
        <v>1520</v>
      </c>
      <c r="L586" s="5" t="s">
        <v>1519</v>
      </c>
      <c r="M586" s="2" t="s">
        <v>1520</v>
      </c>
      <c r="N586" s="5" t="s">
        <v>1521</v>
      </c>
      <c r="O586" s="5" t="s">
        <v>38</v>
      </c>
      <c r="P586" s="5" t="s">
        <v>39</v>
      </c>
      <c r="Q586" s="5" t="s">
        <v>40</v>
      </c>
      <c r="R586" s="5" t="s">
        <v>1522</v>
      </c>
      <c r="S586" s="5" t="s">
        <v>1523</v>
      </c>
      <c r="T586" s="5" t="s">
        <v>42</v>
      </c>
      <c r="U586" s="2">
        <v>1.4179999999999999</v>
      </c>
      <c r="V586" s="2">
        <v>1.006</v>
      </c>
      <c r="W586" s="2">
        <v>0.01</v>
      </c>
      <c r="X586" s="2">
        <v>76.900000000000006</v>
      </c>
      <c r="Y586" s="2">
        <v>7.6</v>
      </c>
      <c r="Z586" s="2">
        <v>16.7</v>
      </c>
      <c r="AA586" s="5"/>
      <c r="AB586" s="5" t="s">
        <v>43</v>
      </c>
      <c r="AC586" s="5" t="s">
        <v>44</v>
      </c>
      <c r="AD586" s="2"/>
      <c r="AE586" s="1"/>
    </row>
    <row r="587" spans="1:31" ht="14.45">
      <c r="A587" s="11"/>
      <c r="B587" s="20"/>
      <c r="C587" s="2" t="s">
        <v>2177</v>
      </c>
      <c r="D587" s="14" t="s">
        <v>2178</v>
      </c>
      <c r="E587" s="2" t="s">
        <v>2179</v>
      </c>
      <c r="F587" s="2" t="s">
        <v>1803</v>
      </c>
      <c r="G587" s="8">
        <v>119</v>
      </c>
      <c r="H587" s="5">
        <v>6</v>
      </c>
      <c r="I587" s="5" t="s">
        <v>1518</v>
      </c>
      <c r="J587" s="5" t="s">
        <v>1519</v>
      </c>
      <c r="K587" s="2" t="s">
        <v>1520</v>
      </c>
      <c r="L587" s="5" t="s">
        <v>1519</v>
      </c>
      <c r="M587" s="2" t="s">
        <v>1520</v>
      </c>
      <c r="N587" s="5" t="s">
        <v>1521</v>
      </c>
      <c r="O587" s="5" t="s">
        <v>38</v>
      </c>
      <c r="P587" s="5" t="s">
        <v>39</v>
      </c>
      <c r="Q587" s="5" t="s">
        <v>40</v>
      </c>
      <c r="R587" s="5" t="s">
        <v>1522</v>
      </c>
      <c r="S587" s="5" t="s">
        <v>1523</v>
      </c>
      <c r="T587" s="5" t="s">
        <v>42</v>
      </c>
      <c r="U587" s="2">
        <v>1.4430000000000001</v>
      </c>
      <c r="V587" s="2">
        <v>1.0309999999999999</v>
      </c>
      <c r="W587" s="2">
        <v>0.01</v>
      </c>
      <c r="X587" s="2">
        <v>76.900000000000006</v>
      </c>
      <c r="Y587" s="2">
        <v>7.6</v>
      </c>
      <c r="Z587" s="2">
        <v>16.7</v>
      </c>
      <c r="AA587" s="5"/>
      <c r="AB587" s="5" t="s">
        <v>43</v>
      </c>
      <c r="AC587" s="5" t="s">
        <v>44</v>
      </c>
      <c r="AD587" s="2"/>
      <c r="AE587" s="1"/>
    </row>
    <row r="588" spans="1:31" ht="14.45">
      <c r="A588" s="11"/>
      <c r="B588" s="20"/>
      <c r="C588" s="2" t="s">
        <v>2180</v>
      </c>
      <c r="D588" s="14" t="s">
        <v>2181</v>
      </c>
      <c r="E588" s="2" t="s">
        <v>2182</v>
      </c>
      <c r="F588" s="2" t="s">
        <v>1807</v>
      </c>
      <c r="G588" s="8">
        <v>119</v>
      </c>
      <c r="H588" s="5">
        <v>6</v>
      </c>
      <c r="I588" s="5" t="s">
        <v>1518</v>
      </c>
      <c r="J588" s="5" t="s">
        <v>1519</v>
      </c>
      <c r="K588" s="2" t="s">
        <v>1520</v>
      </c>
      <c r="L588" s="5" t="s">
        <v>1519</v>
      </c>
      <c r="M588" s="2" t="s">
        <v>1520</v>
      </c>
      <c r="N588" s="5" t="s">
        <v>1521</v>
      </c>
      <c r="O588" s="5" t="s">
        <v>38</v>
      </c>
      <c r="P588" s="5" t="s">
        <v>39</v>
      </c>
      <c r="Q588" s="5" t="s">
        <v>40</v>
      </c>
      <c r="R588" s="5" t="s">
        <v>1522</v>
      </c>
      <c r="S588" s="5" t="s">
        <v>1523</v>
      </c>
      <c r="T588" s="5" t="s">
        <v>42</v>
      </c>
      <c r="U588" s="2">
        <v>1.4179999999999999</v>
      </c>
      <c r="V588" s="2">
        <v>1.006</v>
      </c>
      <c r="W588" s="2">
        <v>0.01</v>
      </c>
      <c r="X588" s="2">
        <v>76.900000000000006</v>
      </c>
      <c r="Y588" s="2">
        <v>7.6</v>
      </c>
      <c r="Z588" s="2">
        <v>16.7</v>
      </c>
      <c r="AA588" s="5"/>
      <c r="AB588" s="5" t="s">
        <v>43</v>
      </c>
      <c r="AC588" s="5" t="s">
        <v>44</v>
      </c>
      <c r="AD588" s="2"/>
      <c r="AE588" s="1"/>
    </row>
    <row r="589" spans="1:31" ht="14.45">
      <c r="A589" s="11"/>
      <c r="B589" s="20"/>
      <c r="C589" s="2" t="s">
        <v>2183</v>
      </c>
      <c r="D589" s="14" t="s">
        <v>2184</v>
      </c>
      <c r="E589" s="2" t="s">
        <v>2185</v>
      </c>
      <c r="F589" s="2" t="s">
        <v>1811</v>
      </c>
      <c r="G589" s="8">
        <v>119</v>
      </c>
      <c r="H589" s="5">
        <v>6</v>
      </c>
      <c r="I589" s="5" t="s">
        <v>1518</v>
      </c>
      <c r="J589" s="5" t="s">
        <v>1519</v>
      </c>
      <c r="K589" s="2" t="s">
        <v>1520</v>
      </c>
      <c r="L589" s="5" t="s">
        <v>1519</v>
      </c>
      <c r="M589" s="2" t="s">
        <v>1520</v>
      </c>
      <c r="N589" s="5" t="s">
        <v>1521</v>
      </c>
      <c r="O589" s="5" t="s">
        <v>38</v>
      </c>
      <c r="P589" s="5" t="s">
        <v>39</v>
      </c>
      <c r="Q589" s="5" t="s">
        <v>40</v>
      </c>
      <c r="R589" s="5" t="s">
        <v>1522</v>
      </c>
      <c r="S589" s="5" t="s">
        <v>1523</v>
      </c>
      <c r="T589" s="5" t="s">
        <v>42</v>
      </c>
      <c r="U589" s="2">
        <v>1.4430000000000001</v>
      </c>
      <c r="V589" s="2">
        <v>1.0309999999999999</v>
      </c>
      <c r="W589" s="2">
        <v>0.01</v>
      </c>
      <c r="X589" s="2">
        <v>76.900000000000006</v>
      </c>
      <c r="Y589" s="2">
        <v>7.6</v>
      </c>
      <c r="Z589" s="2">
        <v>16.7</v>
      </c>
      <c r="AA589" s="5"/>
      <c r="AB589" s="5" t="s">
        <v>43</v>
      </c>
      <c r="AC589" s="5" t="s">
        <v>44</v>
      </c>
      <c r="AD589" s="2"/>
      <c r="AE589" s="1"/>
    </row>
    <row r="590" spans="1:31" ht="14.45">
      <c r="A590" s="11"/>
      <c r="B590" s="20"/>
      <c r="C590" s="2" t="s">
        <v>2186</v>
      </c>
      <c r="D590" s="14" t="s">
        <v>2187</v>
      </c>
      <c r="E590" s="2" t="s">
        <v>2188</v>
      </c>
      <c r="F590" s="2" t="s">
        <v>1815</v>
      </c>
      <c r="G590" s="8">
        <v>119</v>
      </c>
      <c r="H590" s="5">
        <v>6</v>
      </c>
      <c r="I590" s="5" t="s">
        <v>1518</v>
      </c>
      <c r="J590" s="5" t="s">
        <v>1519</v>
      </c>
      <c r="K590" s="2" t="s">
        <v>1520</v>
      </c>
      <c r="L590" s="5" t="s">
        <v>1519</v>
      </c>
      <c r="M590" s="2" t="s">
        <v>1520</v>
      </c>
      <c r="N590" s="5" t="s">
        <v>1521</v>
      </c>
      <c r="O590" s="5" t="s">
        <v>38</v>
      </c>
      <c r="P590" s="5" t="s">
        <v>39</v>
      </c>
      <c r="Q590" s="5" t="s">
        <v>40</v>
      </c>
      <c r="R590" s="5" t="s">
        <v>1522</v>
      </c>
      <c r="S590" s="5" t="s">
        <v>1523</v>
      </c>
      <c r="T590" s="5" t="s">
        <v>42</v>
      </c>
      <c r="U590" s="2">
        <v>1.41</v>
      </c>
      <c r="V590" s="2">
        <v>0.998</v>
      </c>
      <c r="W590" s="2">
        <v>0.01</v>
      </c>
      <c r="X590" s="2">
        <v>76.900000000000006</v>
      </c>
      <c r="Y590" s="2">
        <v>7.6</v>
      </c>
      <c r="Z590" s="2">
        <v>16.7</v>
      </c>
      <c r="AA590" s="5"/>
      <c r="AB590" s="5" t="s">
        <v>43</v>
      </c>
      <c r="AC590" s="5" t="s">
        <v>44</v>
      </c>
      <c r="AD590" s="2"/>
      <c r="AE590" s="1"/>
    </row>
    <row r="591" spans="1:31" ht="14.45">
      <c r="A591" s="11"/>
      <c r="B591" s="20"/>
      <c r="C591" s="2" t="s">
        <v>2189</v>
      </c>
      <c r="D591" s="14" t="s">
        <v>2190</v>
      </c>
      <c r="E591" s="2" t="s">
        <v>2191</v>
      </c>
      <c r="F591" s="2" t="s">
        <v>1819</v>
      </c>
      <c r="G591" s="8">
        <v>119</v>
      </c>
      <c r="H591" s="5">
        <v>6</v>
      </c>
      <c r="I591" s="5" t="s">
        <v>1518</v>
      </c>
      <c r="J591" s="5" t="s">
        <v>1519</v>
      </c>
      <c r="K591" s="2" t="s">
        <v>1520</v>
      </c>
      <c r="L591" s="5" t="s">
        <v>1519</v>
      </c>
      <c r="M591" s="2" t="s">
        <v>1520</v>
      </c>
      <c r="N591" s="5" t="s">
        <v>1521</v>
      </c>
      <c r="O591" s="5" t="s">
        <v>38</v>
      </c>
      <c r="P591" s="5" t="s">
        <v>39</v>
      </c>
      <c r="Q591" s="5" t="s">
        <v>40</v>
      </c>
      <c r="R591" s="5" t="s">
        <v>1522</v>
      </c>
      <c r="S591" s="5" t="s">
        <v>1523</v>
      </c>
      <c r="T591" s="5" t="s">
        <v>42</v>
      </c>
      <c r="U591" s="2">
        <v>1.4350000000000001</v>
      </c>
      <c r="V591" s="2">
        <v>1.0229999999999999</v>
      </c>
      <c r="W591" s="2">
        <v>0.01</v>
      </c>
      <c r="X591" s="2">
        <v>76.900000000000006</v>
      </c>
      <c r="Y591" s="2">
        <v>7.6</v>
      </c>
      <c r="Z591" s="2">
        <v>16.7</v>
      </c>
      <c r="AA591" s="5"/>
      <c r="AB591" s="5" t="s">
        <v>43</v>
      </c>
      <c r="AC591" s="5" t="s">
        <v>44</v>
      </c>
      <c r="AD591" s="2"/>
      <c r="AE591" s="1"/>
    </row>
    <row r="592" spans="1:31" ht="14.45">
      <c r="A592" s="11"/>
      <c r="B592" s="20"/>
      <c r="C592" s="2" t="s">
        <v>2192</v>
      </c>
      <c r="D592" s="14" t="s">
        <v>2193</v>
      </c>
      <c r="E592" s="2" t="s">
        <v>2194</v>
      </c>
      <c r="F592" s="2" t="s">
        <v>1823</v>
      </c>
      <c r="G592" s="8">
        <v>119</v>
      </c>
      <c r="H592" s="5">
        <v>8</v>
      </c>
      <c r="I592" s="5" t="s">
        <v>1518</v>
      </c>
      <c r="J592" s="5" t="s">
        <v>1519</v>
      </c>
      <c r="K592" s="2" t="s">
        <v>1520</v>
      </c>
      <c r="L592" s="5" t="s">
        <v>1519</v>
      </c>
      <c r="M592" s="2" t="s">
        <v>1520</v>
      </c>
      <c r="N592" s="5" t="s">
        <v>1521</v>
      </c>
      <c r="O592" s="5" t="s">
        <v>38</v>
      </c>
      <c r="P592" s="5" t="s">
        <v>39</v>
      </c>
      <c r="Q592" s="5" t="s">
        <v>40</v>
      </c>
      <c r="R592" s="5" t="s">
        <v>1522</v>
      </c>
      <c r="S592" s="5" t="s">
        <v>1523</v>
      </c>
      <c r="T592" s="5" t="s">
        <v>42</v>
      </c>
      <c r="U592" s="2">
        <v>1.4239999999999999</v>
      </c>
      <c r="V592" s="2">
        <v>1.012</v>
      </c>
      <c r="W592" s="2">
        <v>0.01</v>
      </c>
      <c r="X592" s="2">
        <v>76.900000000000006</v>
      </c>
      <c r="Y592" s="2">
        <v>7.6</v>
      </c>
      <c r="Z592" s="2">
        <v>16.7</v>
      </c>
      <c r="AA592" s="5"/>
      <c r="AB592" s="5" t="s">
        <v>43</v>
      </c>
      <c r="AC592" s="5" t="s">
        <v>44</v>
      </c>
      <c r="AD592" s="2"/>
      <c r="AE592" s="1"/>
    </row>
    <row r="593" spans="1:31" ht="14.45">
      <c r="A593" s="11"/>
      <c r="B593" s="20"/>
      <c r="C593" s="2" t="s">
        <v>2195</v>
      </c>
      <c r="D593" s="14" t="s">
        <v>2196</v>
      </c>
      <c r="E593" s="2" t="s">
        <v>2197</v>
      </c>
      <c r="F593" s="2" t="s">
        <v>1827</v>
      </c>
      <c r="G593" s="8">
        <v>119</v>
      </c>
      <c r="H593" s="5">
        <v>8</v>
      </c>
      <c r="I593" s="5" t="s">
        <v>1518</v>
      </c>
      <c r="J593" s="5" t="s">
        <v>1519</v>
      </c>
      <c r="K593" s="2" t="s">
        <v>1520</v>
      </c>
      <c r="L593" s="5" t="s">
        <v>1519</v>
      </c>
      <c r="M593" s="2" t="s">
        <v>1520</v>
      </c>
      <c r="N593" s="5" t="s">
        <v>1521</v>
      </c>
      <c r="O593" s="5" t="s">
        <v>38</v>
      </c>
      <c r="P593" s="5" t="s">
        <v>39</v>
      </c>
      <c r="Q593" s="5" t="s">
        <v>40</v>
      </c>
      <c r="R593" s="5" t="s">
        <v>1522</v>
      </c>
      <c r="S593" s="5" t="s">
        <v>1523</v>
      </c>
      <c r="T593" s="5" t="s">
        <v>42</v>
      </c>
      <c r="U593" s="2">
        <v>1.4490000000000001</v>
      </c>
      <c r="V593" s="2">
        <v>1.0369999999999999</v>
      </c>
      <c r="W593" s="2">
        <v>0.01</v>
      </c>
      <c r="X593" s="2">
        <v>76.900000000000006</v>
      </c>
      <c r="Y593" s="2">
        <v>7.6</v>
      </c>
      <c r="Z593" s="2">
        <v>16.7</v>
      </c>
      <c r="AA593" s="5"/>
      <c r="AB593" s="5" t="s">
        <v>43</v>
      </c>
      <c r="AC593" s="5" t="s">
        <v>44</v>
      </c>
      <c r="AD593" s="2"/>
      <c r="AE593" s="1"/>
    </row>
    <row r="594" spans="1:31" ht="14.45">
      <c r="A594" s="11"/>
      <c r="B594" s="20"/>
      <c r="C594" s="2" t="s">
        <v>2198</v>
      </c>
      <c r="D594" s="14" t="s">
        <v>2199</v>
      </c>
      <c r="E594" s="2" t="s">
        <v>2200</v>
      </c>
      <c r="F594" s="2" t="s">
        <v>1973</v>
      </c>
      <c r="G594" s="8">
        <v>119</v>
      </c>
      <c r="H594" s="5">
        <v>13</v>
      </c>
      <c r="I594" s="5" t="s">
        <v>1518</v>
      </c>
      <c r="J594" s="5" t="s">
        <v>1519</v>
      </c>
      <c r="K594" s="2" t="s">
        <v>1520</v>
      </c>
      <c r="L594" s="5" t="s">
        <v>1519</v>
      </c>
      <c r="M594" s="2" t="s">
        <v>1520</v>
      </c>
      <c r="N594" s="5" t="s">
        <v>1521</v>
      </c>
      <c r="O594" s="5" t="s">
        <v>38</v>
      </c>
      <c r="P594" s="5" t="s">
        <v>39</v>
      </c>
      <c r="Q594" s="5" t="s">
        <v>40</v>
      </c>
      <c r="R594" s="5" t="s">
        <v>1522</v>
      </c>
      <c r="S594" s="5" t="s">
        <v>1523</v>
      </c>
      <c r="T594" s="5" t="s">
        <v>42</v>
      </c>
      <c r="U594" s="2">
        <v>1.4450000000000001</v>
      </c>
      <c r="V594" s="2">
        <v>1.0329999999999999</v>
      </c>
      <c r="W594" s="2">
        <v>0.01</v>
      </c>
      <c r="X594" s="2">
        <v>76.900000000000006</v>
      </c>
      <c r="Y594" s="2">
        <v>7.6</v>
      </c>
      <c r="Z594" s="2">
        <v>16.7</v>
      </c>
      <c r="AA594" s="5"/>
      <c r="AB594" s="5" t="s">
        <v>43</v>
      </c>
      <c r="AC594" s="5" t="s">
        <v>44</v>
      </c>
      <c r="AD594" s="2"/>
      <c r="AE594" s="1"/>
    </row>
    <row r="595" spans="1:31" ht="14.45">
      <c r="A595" s="11"/>
      <c r="B595" s="20"/>
      <c r="C595" s="2" t="s">
        <v>2201</v>
      </c>
      <c r="D595" s="14" t="s">
        <v>2202</v>
      </c>
      <c r="E595" s="2" t="s">
        <v>2203</v>
      </c>
      <c r="F595" s="2" t="s">
        <v>2204</v>
      </c>
      <c r="G595" s="8">
        <v>119</v>
      </c>
      <c r="H595" s="5">
        <v>13</v>
      </c>
      <c r="I595" s="5" t="s">
        <v>1518</v>
      </c>
      <c r="J595" s="5" t="s">
        <v>1519</v>
      </c>
      <c r="K595" s="2" t="s">
        <v>1520</v>
      </c>
      <c r="L595" s="5" t="s">
        <v>1519</v>
      </c>
      <c r="M595" s="2" t="s">
        <v>1520</v>
      </c>
      <c r="N595" s="5" t="s">
        <v>1521</v>
      </c>
      <c r="O595" s="5" t="s">
        <v>38</v>
      </c>
      <c r="P595" s="5" t="s">
        <v>39</v>
      </c>
      <c r="Q595" s="5" t="s">
        <v>40</v>
      </c>
      <c r="R595" s="5" t="s">
        <v>1522</v>
      </c>
      <c r="S595" s="5" t="s">
        <v>1523</v>
      </c>
      <c r="T595" s="5" t="s">
        <v>42</v>
      </c>
      <c r="U595" s="2">
        <v>1.4450000000000001</v>
      </c>
      <c r="V595" s="2">
        <v>1.0329999999999999</v>
      </c>
      <c r="W595" s="2">
        <v>0.01</v>
      </c>
      <c r="X595" s="2">
        <v>76.900000000000006</v>
      </c>
      <c r="Y595" s="2">
        <v>7.6</v>
      </c>
      <c r="Z595" s="2">
        <v>16.7</v>
      </c>
      <c r="AA595" s="5"/>
      <c r="AB595" s="5" t="s">
        <v>43</v>
      </c>
      <c r="AC595" s="5" t="s">
        <v>44</v>
      </c>
      <c r="AD595" s="2"/>
      <c r="AE595" s="1"/>
    </row>
    <row r="596" spans="1:31" ht="14.45">
      <c r="A596" s="11"/>
      <c r="B596" s="20"/>
      <c r="C596" s="2" t="s">
        <v>2205</v>
      </c>
      <c r="D596" s="14" t="s">
        <v>2206</v>
      </c>
      <c r="E596" s="2" t="s">
        <v>2207</v>
      </c>
      <c r="F596" s="2" t="s">
        <v>2208</v>
      </c>
      <c r="G596" s="8">
        <v>119</v>
      </c>
      <c r="H596" s="5">
        <v>13</v>
      </c>
      <c r="I596" s="5" t="s">
        <v>1518</v>
      </c>
      <c r="J596" s="5" t="s">
        <v>1519</v>
      </c>
      <c r="K596" s="2" t="s">
        <v>1520</v>
      </c>
      <c r="L596" s="5" t="s">
        <v>1519</v>
      </c>
      <c r="M596" s="2" t="s">
        <v>1520</v>
      </c>
      <c r="N596" s="5" t="s">
        <v>1521</v>
      </c>
      <c r="O596" s="5" t="s">
        <v>38</v>
      </c>
      <c r="P596" s="5" t="s">
        <v>39</v>
      </c>
      <c r="Q596" s="5" t="s">
        <v>40</v>
      </c>
      <c r="R596" s="5" t="s">
        <v>1522</v>
      </c>
      <c r="S596" s="5" t="s">
        <v>1523</v>
      </c>
      <c r="T596" s="5" t="s">
        <v>42</v>
      </c>
      <c r="U596" s="2">
        <v>1.4450000000000001</v>
      </c>
      <c r="V596" s="2">
        <v>1.0329999999999999</v>
      </c>
      <c r="W596" s="2">
        <v>0.01</v>
      </c>
      <c r="X596" s="2">
        <v>76.900000000000006</v>
      </c>
      <c r="Y596" s="2">
        <v>7.6</v>
      </c>
      <c r="Z596" s="2">
        <v>16.7</v>
      </c>
      <c r="AA596" s="5"/>
      <c r="AB596" s="5" t="s">
        <v>43</v>
      </c>
      <c r="AC596" s="5" t="s">
        <v>44</v>
      </c>
      <c r="AD596" s="2"/>
      <c r="AE596" s="1"/>
    </row>
    <row r="597" spans="1:31" ht="14.45">
      <c r="A597" s="11"/>
      <c r="B597" s="20"/>
      <c r="C597" s="2" t="s">
        <v>2209</v>
      </c>
      <c r="D597" s="14" t="s">
        <v>2210</v>
      </c>
      <c r="E597" s="2" t="s">
        <v>2211</v>
      </c>
      <c r="F597" s="2" t="s">
        <v>2212</v>
      </c>
      <c r="G597" s="8">
        <v>119</v>
      </c>
      <c r="H597" s="5">
        <v>13</v>
      </c>
      <c r="I597" s="5" t="s">
        <v>1518</v>
      </c>
      <c r="J597" s="5" t="s">
        <v>1519</v>
      </c>
      <c r="K597" s="2" t="s">
        <v>1520</v>
      </c>
      <c r="L597" s="5" t="s">
        <v>1519</v>
      </c>
      <c r="M597" s="2" t="s">
        <v>1520</v>
      </c>
      <c r="N597" s="5" t="s">
        <v>1521</v>
      </c>
      <c r="O597" s="5" t="s">
        <v>38</v>
      </c>
      <c r="P597" s="5" t="s">
        <v>39</v>
      </c>
      <c r="Q597" s="5" t="s">
        <v>40</v>
      </c>
      <c r="R597" s="5" t="s">
        <v>1522</v>
      </c>
      <c r="S597" s="5" t="s">
        <v>1523</v>
      </c>
      <c r="T597" s="5" t="s">
        <v>42</v>
      </c>
      <c r="U597" s="2">
        <v>1.47</v>
      </c>
      <c r="V597" s="2">
        <v>1.0580000000000001</v>
      </c>
      <c r="W597" s="2">
        <v>0.01</v>
      </c>
      <c r="X597" s="2">
        <v>76.900000000000006</v>
      </c>
      <c r="Y597" s="2">
        <v>7.6</v>
      </c>
      <c r="Z597" s="2">
        <v>16.7</v>
      </c>
      <c r="AA597" s="5"/>
      <c r="AB597" s="5" t="s">
        <v>43</v>
      </c>
      <c r="AC597" s="5" t="s">
        <v>44</v>
      </c>
      <c r="AD597" s="2"/>
      <c r="AE597" s="1"/>
    </row>
    <row r="598" spans="1:31" ht="14.45">
      <c r="A598" s="11"/>
      <c r="B598" s="20"/>
      <c r="C598" s="2" t="s">
        <v>2213</v>
      </c>
      <c r="D598" s="14" t="s">
        <v>2214</v>
      </c>
      <c r="E598" s="2" t="s">
        <v>2215</v>
      </c>
      <c r="F598" s="2" t="s">
        <v>1831</v>
      </c>
      <c r="G598" s="8">
        <v>119</v>
      </c>
      <c r="H598" s="5">
        <v>13</v>
      </c>
      <c r="I598" s="5" t="s">
        <v>1518</v>
      </c>
      <c r="J598" s="5" t="s">
        <v>1519</v>
      </c>
      <c r="K598" s="2" t="s">
        <v>1520</v>
      </c>
      <c r="L598" s="5" t="s">
        <v>1519</v>
      </c>
      <c r="M598" s="2" t="s">
        <v>1520</v>
      </c>
      <c r="N598" s="5" t="s">
        <v>1521</v>
      </c>
      <c r="O598" s="5" t="s">
        <v>38</v>
      </c>
      <c r="P598" s="5" t="s">
        <v>39</v>
      </c>
      <c r="Q598" s="5" t="s">
        <v>40</v>
      </c>
      <c r="R598" s="5" t="s">
        <v>1522</v>
      </c>
      <c r="S598" s="5" t="s">
        <v>1523</v>
      </c>
      <c r="T598" s="5" t="s">
        <v>42</v>
      </c>
      <c r="U598" s="2">
        <v>1.4450000000000001</v>
      </c>
      <c r="V598" s="2">
        <v>1.0329999999999999</v>
      </c>
      <c r="W598" s="2">
        <v>0.01</v>
      </c>
      <c r="X598" s="2">
        <v>76.900000000000006</v>
      </c>
      <c r="Y598" s="2">
        <v>7.6</v>
      </c>
      <c r="Z598" s="2">
        <v>16.7</v>
      </c>
      <c r="AA598" s="5"/>
      <c r="AB598" s="5" t="s">
        <v>43</v>
      </c>
      <c r="AC598" s="5" t="s">
        <v>44</v>
      </c>
      <c r="AD598" s="2"/>
      <c r="AE598" s="1"/>
    </row>
    <row r="599" spans="1:31" ht="14.45">
      <c r="A599" s="11"/>
      <c r="B599" s="20"/>
      <c r="C599" s="2" t="s">
        <v>2216</v>
      </c>
      <c r="D599" s="14" t="s">
        <v>2217</v>
      </c>
      <c r="E599" s="2" t="s">
        <v>2218</v>
      </c>
      <c r="F599" s="2" t="s">
        <v>1835</v>
      </c>
      <c r="G599" s="8">
        <v>119</v>
      </c>
      <c r="H599" s="5">
        <v>13</v>
      </c>
      <c r="I599" s="5" t="s">
        <v>1518</v>
      </c>
      <c r="J599" s="5" t="s">
        <v>1519</v>
      </c>
      <c r="K599" s="2" t="s">
        <v>1520</v>
      </c>
      <c r="L599" s="5" t="s">
        <v>1519</v>
      </c>
      <c r="M599" s="2" t="s">
        <v>1520</v>
      </c>
      <c r="N599" s="5" t="s">
        <v>1521</v>
      </c>
      <c r="O599" s="5" t="s">
        <v>38</v>
      </c>
      <c r="P599" s="5" t="s">
        <v>39</v>
      </c>
      <c r="Q599" s="5" t="s">
        <v>40</v>
      </c>
      <c r="R599" s="5" t="s">
        <v>1522</v>
      </c>
      <c r="S599" s="5" t="s">
        <v>1523</v>
      </c>
      <c r="T599" s="5" t="s">
        <v>42</v>
      </c>
      <c r="U599" s="2">
        <v>1.47</v>
      </c>
      <c r="V599" s="2">
        <v>1.0580000000000001</v>
      </c>
      <c r="W599" s="2">
        <v>0.01</v>
      </c>
      <c r="X599" s="2">
        <v>76.900000000000006</v>
      </c>
      <c r="Y599" s="2">
        <v>7.6</v>
      </c>
      <c r="Z599" s="2">
        <v>16.7</v>
      </c>
      <c r="AA599" s="5"/>
      <c r="AB599" s="5" t="s">
        <v>43</v>
      </c>
      <c r="AC599" s="5" t="s">
        <v>44</v>
      </c>
      <c r="AD599" s="2"/>
      <c r="AE599" s="1"/>
    </row>
    <row r="600" spans="1:31" ht="14.45">
      <c r="A600" s="11"/>
      <c r="B600" s="20"/>
      <c r="C600" s="2" t="s">
        <v>2219</v>
      </c>
      <c r="D600" s="14" t="s">
        <v>2220</v>
      </c>
      <c r="E600" s="2" t="s">
        <v>2221</v>
      </c>
      <c r="F600" s="2" t="s">
        <v>1847</v>
      </c>
      <c r="G600" s="8">
        <v>119</v>
      </c>
      <c r="H600" s="5">
        <v>13</v>
      </c>
      <c r="I600" s="5" t="s">
        <v>1518</v>
      </c>
      <c r="J600" s="5" t="s">
        <v>1519</v>
      </c>
      <c r="K600" s="2" t="s">
        <v>1520</v>
      </c>
      <c r="L600" s="5" t="s">
        <v>1519</v>
      </c>
      <c r="M600" s="2" t="s">
        <v>1520</v>
      </c>
      <c r="N600" s="5" t="s">
        <v>1521</v>
      </c>
      <c r="O600" s="5" t="s">
        <v>38</v>
      </c>
      <c r="P600" s="5" t="s">
        <v>39</v>
      </c>
      <c r="Q600" s="5" t="s">
        <v>40</v>
      </c>
      <c r="R600" s="5" t="s">
        <v>1522</v>
      </c>
      <c r="S600" s="5" t="s">
        <v>1523</v>
      </c>
      <c r="T600" s="5" t="s">
        <v>42</v>
      </c>
      <c r="U600" s="2">
        <v>1.47</v>
      </c>
      <c r="V600" s="2">
        <v>1.0580000000000001</v>
      </c>
      <c r="W600" s="2">
        <v>0.01</v>
      </c>
      <c r="X600" s="2">
        <v>76.900000000000006</v>
      </c>
      <c r="Y600" s="2">
        <v>7.6</v>
      </c>
      <c r="Z600" s="2">
        <v>16.7</v>
      </c>
      <c r="AA600" s="5"/>
      <c r="AB600" s="5" t="s">
        <v>43</v>
      </c>
      <c r="AC600" s="5" t="s">
        <v>44</v>
      </c>
      <c r="AD600" s="2"/>
      <c r="AE600" s="1"/>
    </row>
    <row r="601" spans="1:31" ht="14.45">
      <c r="A601" s="11"/>
      <c r="B601" s="20"/>
      <c r="C601" s="2" t="s">
        <v>2222</v>
      </c>
      <c r="D601" s="14" t="s">
        <v>2223</v>
      </c>
      <c r="E601" s="2" t="s">
        <v>2224</v>
      </c>
      <c r="F601" s="2" t="s">
        <v>1851</v>
      </c>
      <c r="G601" s="8">
        <v>119</v>
      </c>
      <c r="H601" s="5">
        <v>13</v>
      </c>
      <c r="I601" s="5" t="s">
        <v>1518</v>
      </c>
      <c r="J601" s="5" t="s">
        <v>1519</v>
      </c>
      <c r="K601" s="2" t="s">
        <v>1520</v>
      </c>
      <c r="L601" s="5" t="s">
        <v>1519</v>
      </c>
      <c r="M601" s="2" t="s">
        <v>1520</v>
      </c>
      <c r="N601" s="5" t="s">
        <v>1521</v>
      </c>
      <c r="O601" s="5" t="s">
        <v>38</v>
      </c>
      <c r="P601" s="5" t="s">
        <v>39</v>
      </c>
      <c r="Q601" s="5" t="s">
        <v>40</v>
      </c>
      <c r="R601" s="5" t="s">
        <v>1522</v>
      </c>
      <c r="S601" s="5" t="s">
        <v>1523</v>
      </c>
      <c r="T601" s="5" t="s">
        <v>42</v>
      </c>
      <c r="U601" s="2">
        <v>1.4450000000000001</v>
      </c>
      <c r="V601" s="2">
        <v>1.0329999999999999</v>
      </c>
      <c r="W601" s="2">
        <v>0.01</v>
      </c>
      <c r="X601" s="2">
        <v>76.900000000000006</v>
      </c>
      <c r="Y601" s="2">
        <v>7.6</v>
      </c>
      <c r="Z601" s="2">
        <v>16.7</v>
      </c>
      <c r="AA601" s="5"/>
      <c r="AB601" s="5" t="s">
        <v>43</v>
      </c>
      <c r="AC601" s="5" t="s">
        <v>44</v>
      </c>
      <c r="AD601" s="2"/>
      <c r="AE601" s="1"/>
    </row>
    <row r="602" spans="1:31" ht="14.45">
      <c r="A602" s="11"/>
      <c r="B602" s="20"/>
      <c r="C602" s="2" t="s">
        <v>2225</v>
      </c>
      <c r="D602" s="14" t="s">
        <v>2226</v>
      </c>
      <c r="E602" s="2" t="s">
        <v>2227</v>
      </c>
      <c r="F602" s="2" t="s">
        <v>1999</v>
      </c>
      <c r="G602" s="8">
        <v>119</v>
      </c>
      <c r="H602" s="5">
        <v>13</v>
      </c>
      <c r="I602" s="5" t="s">
        <v>1518</v>
      </c>
      <c r="J602" s="5" t="s">
        <v>1519</v>
      </c>
      <c r="K602" s="2" t="s">
        <v>1520</v>
      </c>
      <c r="L602" s="5" t="s">
        <v>1519</v>
      </c>
      <c r="M602" s="2" t="s">
        <v>1520</v>
      </c>
      <c r="N602" s="5" t="s">
        <v>1521</v>
      </c>
      <c r="O602" s="5" t="s">
        <v>38</v>
      </c>
      <c r="P602" s="5" t="s">
        <v>39</v>
      </c>
      <c r="Q602" s="5" t="s">
        <v>40</v>
      </c>
      <c r="R602" s="5" t="s">
        <v>1522</v>
      </c>
      <c r="S602" s="5" t="s">
        <v>1523</v>
      </c>
      <c r="T602" s="5" t="s">
        <v>42</v>
      </c>
      <c r="U602" s="2">
        <v>1.47</v>
      </c>
      <c r="V602" s="2">
        <v>1.0580000000000001</v>
      </c>
      <c r="W602" s="2">
        <v>0.01</v>
      </c>
      <c r="X602" s="2">
        <v>76.900000000000006</v>
      </c>
      <c r="Y602" s="2">
        <v>7.6</v>
      </c>
      <c r="Z602" s="2">
        <v>16.7</v>
      </c>
      <c r="AA602" s="5"/>
      <c r="AB602" s="5" t="s">
        <v>43</v>
      </c>
      <c r="AC602" s="5" t="s">
        <v>44</v>
      </c>
      <c r="AD602" s="2"/>
      <c r="AE602" s="1"/>
    </row>
    <row r="603" spans="1:31" ht="14.45">
      <c r="A603" s="11"/>
      <c r="B603" s="20"/>
      <c r="C603" s="2" t="s">
        <v>2228</v>
      </c>
      <c r="D603" s="14" t="s">
        <v>2229</v>
      </c>
      <c r="E603" s="2" t="s">
        <v>2230</v>
      </c>
      <c r="F603" s="2" t="s">
        <v>1855</v>
      </c>
      <c r="G603" s="8">
        <v>119</v>
      </c>
      <c r="H603" s="5">
        <v>13</v>
      </c>
      <c r="I603" s="5" t="s">
        <v>1518</v>
      </c>
      <c r="J603" s="5" t="s">
        <v>1519</v>
      </c>
      <c r="K603" s="2" t="s">
        <v>1520</v>
      </c>
      <c r="L603" s="5" t="s">
        <v>1519</v>
      </c>
      <c r="M603" s="2" t="s">
        <v>1520</v>
      </c>
      <c r="N603" s="5" t="s">
        <v>1521</v>
      </c>
      <c r="O603" s="5" t="s">
        <v>38</v>
      </c>
      <c r="P603" s="5" t="s">
        <v>39</v>
      </c>
      <c r="Q603" s="5" t="s">
        <v>40</v>
      </c>
      <c r="R603" s="5" t="s">
        <v>1522</v>
      </c>
      <c r="S603" s="5" t="s">
        <v>1523</v>
      </c>
      <c r="T603" s="5" t="s">
        <v>42</v>
      </c>
      <c r="U603" s="2">
        <v>1.4450000000000001</v>
      </c>
      <c r="V603" s="2">
        <v>1.0329999999999999</v>
      </c>
      <c r="W603" s="2">
        <v>0.01</v>
      </c>
      <c r="X603" s="2">
        <v>76.900000000000006</v>
      </c>
      <c r="Y603" s="2">
        <v>7.6</v>
      </c>
      <c r="Z603" s="2">
        <v>16.7</v>
      </c>
      <c r="AA603" s="5"/>
      <c r="AB603" s="5" t="s">
        <v>43</v>
      </c>
      <c r="AC603" s="5" t="s">
        <v>44</v>
      </c>
      <c r="AD603" s="2"/>
      <c r="AE603" s="1"/>
    </row>
    <row r="604" spans="1:31" ht="14.45">
      <c r="A604" s="11"/>
      <c r="B604" s="20"/>
      <c r="C604" s="2" t="s">
        <v>2231</v>
      </c>
      <c r="D604" s="14" t="s">
        <v>2232</v>
      </c>
      <c r="E604" s="2" t="s">
        <v>2233</v>
      </c>
      <c r="F604" s="2" t="s">
        <v>1859</v>
      </c>
      <c r="G604" s="8">
        <v>119</v>
      </c>
      <c r="H604" s="5">
        <v>13</v>
      </c>
      <c r="I604" s="5" t="s">
        <v>1518</v>
      </c>
      <c r="J604" s="5" t="s">
        <v>1519</v>
      </c>
      <c r="K604" s="2" t="s">
        <v>1520</v>
      </c>
      <c r="L604" s="5" t="s">
        <v>1519</v>
      </c>
      <c r="M604" s="2" t="s">
        <v>1520</v>
      </c>
      <c r="N604" s="5" t="s">
        <v>1521</v>
      </c>
      <c r="O604" s="5" t="s">
        <v>38</v>
      </c>
      <c r="P604" s="5" t="s">
        <v>39</v>
      </c>
      <c r="Q604" s="5" t="s">
        <v>40</v>
      </c>
      <c r="R604" s="5" t="s">
        <v>1522</v>
      </c>
      <c r="S604" s="5" t="s">
        <v>1523</v>
      </c>
      <c r="T604" s="5" t="s">
        <v>42</v>
      </c>
      <c r="U604" s="2">
        <v>1.47</v>
      </c>
      <c r="V604" s="2">
        <v>1.0580000000000001</v>
      </c>
      <c r="W604" s="2">
        <v>0.01</v>
      </c>
      <c r="X604" s="2">
        <v>76.900000000000006</v>
      </c>
      <c r="Y604" s="2">
        <v>7.6</v>
      </c>
      <c r="Z604" s="2">
        <v>16.7</v>
      </c>
      <c r="AA604" s="5"/>
      <c r="AB604" s="5" t="s">
        <v>43</v>
      </c>
      <c r="AC604" s="5" t="s">
        <v>44</v>
      </c>
      <c r="AD604" s="2"/>
      <c r="AE604" s="1"/>
    </row>
    <row r="605" spans="1:31" ht="14.45">
      <c r="A605" s="11"/>
      <c r="B605" s="20"/>
      <c r="C605" s="2" t="s">
        <v>2234</v>
      </c>
      <c r="D605" s="14" t="s">
        <v>2235</v>
      </c>
      <c r="E605" s="2" t="s">
        <v>2236</v>
      </c>
      <c r="F605" s="2" t="s">
        <v>1863</v>
      </c>
      <c r="G605" s="8">
        <v>119</v>
      </c>
      <c r="H605" s="5">
        <v>11</v>
      </c>
      <c r="I605" s="5" t="s">
        <v>1518</v>
      </c>
      <c r="J605" s="5" t="s">
        <v>1519</v>
      </c>
      <c r="K605" s="2" t="s">
        <v>1520</v>
      </c>
      <c r="L605" s="5" t="s">
        <v>1519</v>
      </c>
      <c r="M605" s="2" t="s">
        <v>1520</v>
      </c>
      <c r="N605" s="5" t="s">
        <v>1521</v>
      </c>
      <c r="O605" s="5" t="s">
        <v>38</v>
      </c>
      <c r="P605" s="5" t="s">
        <v>39</v>
      </c>
      <c r="Q605" s="5" t="s">
        <v>40</v>
      </c>
      <c r="R605" s="5" t="s">
        <v>1522</v>
      </c>
      <c r="S605" s="5" t="s">
        <v>1523</v>
      </c>
      <c r="T605" s="5" t="s">
        <v>42</v>
      </c>
      <c r="U605" s="2">
        <v>1.4139999999999999</v>
      </c>
      <c r="V605" s="2">
        <v>1.002</v>
      </c>
      <c r="W605" s="2">
        <v>0.01</v>
      </c>
      <c r="X605" s="2">
        <v>76.900000000000006</v>
      </c>
      <c r="Y605" s="2">
        <v>7.6</v>
      </c>
      <c r="Z605" s="2">
        <v>16.7</v>
      </c>
      <c r="AA605" s="5"/>
      <c r="AB605" s="5" t="s">
        <v>43</v>
      </c>
      <c r="AC605" s="5" t="s">
        <v>44</v>
      </c>
      <c r="AD605" s="2"/>
      <c r="AE605" s="1"/>
    </row>
    <row r="606" spans="1:31" ht="14.45">
      <c r="A606" s="11"/>
      <c r="B606" s="20"/>
      <c r="C606" s="2" t="s">
        <v>2237</v>
      </c>
      <c r="D606" s="14" t="s">
        <v>2238</v>
      </c>
      <c r="E606" s="2" t="s">
        <v>2239</v>
      </c>
      <c r="F606" s="2" t="s">
        <v>1867</v>
      </c>
      <c r="G606" s="8">
        <v>119</v>
      </c>
      <c r="H606" s="5">
        <v>11</v>
      </c>
      <c r="I606" s="5" t="s">
        <v>1518</v>
      </c>
      <c r="J606" s="5" t="s">
        <v>1519</v>
      </c>
      <c r="K606" s="2" t="s">
        <v>1520</v>
      </c>
      <c r="L606" s="5" t="s">
        <v>1519</v>
      </c>
      <c r="M606" s="2" t="s">
        <v>1520</v>
      </c>
      <c r="N606" s="5" t="s">
        <v>1521</v>
      </c>
      <c r="O606" s="5" t="s">
        <v>38</v>
      </c>
      <c r="P606" s="5" t="s">
        <v>39</v>
      </c>
      <c r="Q606" s="5" t="s">
        <v>40</v>
      </c>
      <c r="R606" s="5" t="s">
        <v>1522</v>
      </c>
      <c r="S606" s="5" t="s">
        <v>1523</v>
      </c>
      <c r="T606" s="5" t="s">
        <v>42</v>
      </c>
      <c r="U606" s="2">
        <v>1.4390000000000001</v>
      </c>
      <c r="V606" s="2">
        <v>1.0269999999999999</v>
      </c>
      <c r="W606" s="2">
        <v>0.01</v>
      </c>
      <c r="X606" s="2">
        <v>76.900000000000006</v>
      </c>
      <c r="Y606" s="2">
        <v>7.6</v>
      </c>
      <c r="Z606" s="2">
        <v>16.7</v>
      </c>
      <c r="AA606" s="5"/>
      <c r="AB606" s="5" t="s">
        <v>43</v>
      </c>
      <c r="AC606" s="5" t="s">
        <v>44</v>
      </c>
      <c r="AD606" s="2"/>
      <c r="AE606" s="1"/>
    </row>
    <row r="607" spans="1:31" ht="14.45">
      <c r="A607" s="11"/>
      <c r="B607" s="20"/>
      <c r="C607" s="2" t="s">
        <v>2240</v>
      </c>
      <c r="D607" s="14" t="s">
        <v>2241</v>
      </c>
      <c r="E607" s="2" t="s">
        <v>2242</v>
      </c>
      <c r="F607" s="2" t="s">
        <v>1695</v>
      </c>
      <c r="G607" s="8">
        <v>119</v>
      </c>
      <c r="H607" s="5">
        <v>6</v>
      </c>
      <c r="I607" s="5" t="s">
        <v>1518</v>
      </c>
      <c r="J607" s="5" t="s">
        <v>1519</v>
      </c>
      <c r="K607" s="2" t="s">
        <v>1520</v>
      </c>
      <c r="L607" s="5" t="s">
        <v>1519</v>
      </c>
      <c r="M607" s="2" t="s">
        <v>1520</v>
      </c>
      <c r="N607" s="5" t="s">
        <v>1521</v>
      </c>
      <c r="O607" s="5" t="s">
        <v>38</v>
      </c>
      <c r="P607" s="5" t="s">
        <v>39</v>
      </c>
      <c r="Q607" s="5" t="s">
        <v>40</v>
      </c>
      <c r="R607" s="5" t="s">
        <v>1522</v>
      </c>
      <c r="S607" s="5" t="s">
        <v>1523</v>
      </c>
      <c r="T607" s="5" t="s">
        <v>42</v>
      </c>
      <c r="U607" s="2">
        <v>1.5489999999999999</v>
      </c>
      <c r="V607" s="2">
        <v>1.115</v>
      </c>
      <c r="W607" s="2">
        <v>1.0999999999999999E-2</v>
      </c>
      <c r="X607" s="2">
        <v>82.9</v>
      </c>
      <c r="Y607" s="2">
        <v>7.6</v>
      </c>
      <c r="Z607" s="2">
        <v>16.7</v>
      </c>
      <c r="AA607" s="5"/>
      <c r="AB607" s="5" t="s">
        <v>43</v>
      </c>
      <c r="AC607" s="5" t="s">
        <v>44</v>
      </c>
      <c r="AD607" s="2"/>
      <c r="AE607" s="1"/>
    </row>
    <row r="608" spans="1:31" ht="14.45">
      <c r="A608" s="11"/>
      <c r="B608" s="20"/>
      <c r="C608" s="2" t="s">
        <v>2243</v>
      </c>
      <c r="D608" s="14" t="s">
        <v>2244</v>
      </c>
      <c r="E608" s="2" t="s">
        <v>2245</v>
      </c>
      <c r="F608" s="2" t="s">
        <v>1699</v>
      </c>
      <c r="G608" s="8">
        <v>119</v>
      </c>
      <c r="H608" s="5">
        <v>6</v>
      </c>
      <c r="I608" s="5" t="s">
        <v>1518</v>
      </c>
      <c r="J608" s="5" t="s">
        <v>1519</v>
      </c>
      <c r="K608" s="2" t="s">
        <v>1520</v>
      </c>
      <c r="L608" s="5" t="s">
        <v>1519</v>
      </c>
      <c r="M608" s="2" t="s">
        <v>1520</v>
      </c>
      <c r="N608" s="5" t="s">
        <v>1521</v>
      </c>
      <c r="O608" s="5" t="s">
        <v>38</v>
      </c>
      <c r="P608" s="5" t="s">
        <v>39</v>
      </c>
      <c r="Q608" s="5" t="s">
        <v>40</v>
      </c>
      <c r="R608" s="5" t="s">
        <v>1522</v>
      </c>
      <c r="S608" s="5" t="s">
        <v>1523</v>
      </c>
      <c r="T608" s="5" t="s">
        <v>42</v>
      </c>
      <c r="U608" s="2">
        <v>1.579</v>
      </c>
      <c r="V608" s="2">
        <v>1.145</v>
      </c>
      <c r="W608" s="2">
        <v>1.0999999999999999E-2</v>
      </c>
      <c r="X608" s="2">
        <v>82.9</v>
      </c>
      <c r="Y608" s="2">
        <v>7.6</v>
      </c>
      <c r="Z608" s="2">
        <v>16.7</v>
      </c>
      <c r="AA608" s="5"/>
      <c r="AB608" s="5" t="s">
        <v>43</v>
      </c>
      <c r="AC608" s="5" t="s">
        <v>44</v>
      </c>
      <c r="AD608" s="2"/>
      <c r="AE608" s="1"/>
    </row>
    <row r="609" spans="1:31" ht="14.45">
      <c r="A609" s="11"/>
      <c r="B609" s="20"/>
      <c r="C609" s="2" t="s">
        <v>2246</v>
      </c>
      <c r="D609" s="14" t="s">
        <v>2247</v>
      </c>
      <c r="E609" s="2" t="s">
        <v>2248</v>
      </c>
      <c r="F609" s="2" t="s">
        <v>1703</v>
      </c>
      <c r="G609" s="8">
        <v>119</v>
      </c>
      <c r="H609" s="5">
        <v>6</v>
      </c>
      <c r="I609" s="5" t="s">
        <v>1518</v>
      </c>
      <c r="J609" s="5" t="s">
        <v>1519</v>
      </c>
      <c r="K609" s="2" t="s">
        <v>1520</v>
      </c>
      <c r="L609" s="5" t="s">
        <v>1519</v>
      </c>
      <c r="M609" s="2" t="s">
        <v>1520</v>
      </c>
      <c r="N609" s="5" t="s">
        <v>1521</v>
      </c>
      <c r="O609" s="5" t="s">
        <v>38</v>
      </c>
      <c r="P609" s="5" t="s">
        <v>39</v>
      </c>
      <c r="Q609" s="5" t="s">
        <v>40</v>
      </c>
      <c r="R609" s="5" t="s">
        <v>1522</v>
      </c>
      <c r="S609" s="5" t="s">
        <v>1523</v>
      </c>
      <c r="T609" s="5" t="s">
        <v>42</v>
      </c>
      <c r="U609" s="2">
        <v>1.552</v>
      </c>
      <c r="V609" s="2">
        <v>1.1180000000000001</v>
      </c>
      <c r="W609" s="2">
        <v>1.0999999999999999E-2</v>
      </c>
      <c r="X609" s="2">
        <v>82.9</v>
      </c>
      <c r="Y609" s="2">
        <v>7.6</v>
      </c>
      <c r="Z609" s="2">
        <v>16.7</v>
      </c>
      <c r="AA609" s="5"/>
      <c r="AB609" s="5" t="s">
        <v>43</v>
      </c>
      <c r="AC609" s="5" t="s">
        <v>44</v>
      </c>
      <c r="AD609" s="2"/>
      <c r="AE609" s="1"/>
    </row>
    <row r="610" spans="1:31" ht="14.45">
      <c r="A610" s="11"/>
      <c r="B610" s="20"/>
      <c r="C610" s="2" t="s">
        <v>2249</v>
      </c>
      <c r="D610" s="14" t="s">
        <v>2250</v>
      </c>
      <c r="E610" s="2" t="s">
        <v>2251</v>
      </c>
      <c r="F610" s="2" t="s">
        <v>1707</v>
      </c>
      <c r="G610" s="8">
        <v>119</v>
      </c>
      <c r="H610" s="5">
        <v>5</v>
      </c>
      <c r="I610" s="5" t="s">
        <v>1518</v>
      </c>
      <c r="J610" s="5" t="s">
        <v>1519</v>
      </c>
      <c r="K610" s="2" t="s">
        <v>1520</v>
      </c>
      <c r="L610" s="5" t="s">
        <v>1519</v>
      </c>
      <c r="M610" s="2" t="s">
        <v>1520</v>
      </c>
      <c r="N610" s="5" t="s">
        <v>1521</v>
      </c>
      <c r="O610" s="5" t="s">
        <v>38</v>
      </c>
      <c r="P610" s="5" t="s">
        <v>39</v>
      </c>
      <c r="Q610" s="5" t="s">
        <v>40</v>
      </c>
      <c r="R610" s="5" t="s">
        <v>1522</v>
      </c>
      <c r="S610" s="5" t="s">
        <v>1523</v>
      </c>
      <c r="T610" s="5" t="s">
        <v>42</v>
      </c>
      <c r="U610" s="2">
        <v>1.5820000000000001</v>
      </c>
      <c r="V610" s="2">
        <v>1.1479999999999999</v>
      </c>
      <c r="W610" s="2">
        <v>1.0999999999999999E-2</v>
      </c>
      <c r="X610" s="2">
        <v>82.9</v>
      </c>
      <c r="Y610" s="2">
        <v>7.6</v>
      </c>
      <c r="Z610" s="2">
        <v>16.7</v>
      </c>
      <c r="AA610" s="5"/>
      <c r="AB610" s="5" t="s">
        <v>43</v>
      </c>
      <c r="AC610" s="5" t="s">
        <v>44</v>
      </c>
      <c r="AD610" s="2"/>
      <c r="AE610" s="1"/>
    </row>
    <row r="611" spans="1:31" ht="14.45">
      <c r="A611" s="11"/>
      <c r="B611" s="20"/>
      <c r="C611" s="2" t="s">
        <v>2252</v>
      </c>
      <c r="D611" s="14" t="s">
        <v>2253</v>
      </c>
      <c r="E611" s="2" t="s">
        <v>2254</v>
      </c>
      <c r="F611" s="2" t="s">
        <v>1711</v>
      </c>
      <c r="G611" s="8">
        <v>119</v>
      </c>
      <c r="H611" s="5">
        <v>6</v>
      </c>
      <c r="I611" s="5" t="s">
        <v>1518</v>
      </c>
      <c r="J611" s="5" t="s">
        <v>1519</v>
      </c>
      <c r="K611" s="2" t="s">
        <v>1520</v>
      </c>
      <c r="L611" s="5" t="s">
        <v>1519</v>
      </c>
      <c r="M611" s="2" t="s">
        <v>1520</v>
      </c>
      <c r="N611" s="5" t="s">
        <v>1521</v>
      </c>
      <c r="O611" s="5" t="s">
        <v>38</v>
      </c>
      <c r="P611" s="5" t="s">
        <v>39</v>
      </c>
      <c r="Q611" s="5" t="s">
        <v>40</v>
      </c>
      <c r="R611" s="5" t="s">
        <v>1522</v>
      </c>
      <c r="S611" s="5" t="s">
        <v>1523</v>
      </c>
      <c r="T611" s="5" t="s">
        <v>42</v>
      </c>
      <c r="U611" s="2">
        <v>1.552</v>
      </c>
      <c r="V611" s="2">
        <v>1.1180000000000001</v>
      </c>
      <c r="W611" s="2">
        <v>1.0999999999999999E-2</v>
      </c>
      <c r="X611" s="2">
        <v>82.9</v>
      </c>
      <c r="Y611" s="2">
        <v>7.6</v>
      </c>
      <c r="Z611" s="2">
        <v>16.7</v>
      </c>
      <c r="AA611" s="5"/>
      <c r="AB611" s="5" t="s">
        <v>43</v>
      </c>
      <c r="AC611" s="5" t="s">
        <v>44</v>
      </c>
      <c r="AD611" s="2"/>
      <c r="AE611" s="1"/>
    </row>
    <row r="612" spans="1:31" ht="14.45">
      <c r="A612" s="11"/>
      <c r="B612" s="20"/>
      <c r="C612" s="2" t="s">
        <v>2255</v>
      </c>
      <c r="D612" s="14" t="s">
        <v>2256</v>
      </c>
      <c r="E612" s="2" t="s">
        <v>2257</v>
      </c>
      <c r="F612" s="2" t="s">
        <v>1715</v>
      </c>
      <c r="G612" s="8">
        <v>119</v>
      </c>
      <c r="H612" s="5">
        <v>6</v>
      </c>
      <c r="I612" s="5" t="s">
        <v>1518</v>
      </c>
      <c r="J612" s="5" t="s">
        <v>1519</v>
      </c>
      <c r="K612" s="2" t="s">
        <v>1520</v>
      </c>
      <c r="L612" s="5" t="s">
        <v>1519</v>
      </c>
      <c r="M612" s="2" t="s">
        <v>1520</v>
      </c>
      <c r="N612" s="5" t="s">
        <v>1521</v>
      </c>
      <c r="O612" s="5" t="s">
        <v>38</v>
      </c>
      <c r="P612" s="5" t="s">
        <v>39</v>
      </c>
      <c r="Q612" s="5" t="s">
        <v>40</v>
      </c>
      <c r="R612" s="5" t="s">
        <v>1522</v>
      </c>
      <c r="S612" s="5" t="s">
        <v>1523</v>
      </c>
      <c r="T612" s="5" t="s">
        <v>42</v>
      </c>
      <c r="U612" s="2">
        <v>1.5820000000000001</v>
      </c>
      <c r="V612" s="2">
        <v>1.1479999999999999</v>
      </c>
      <c r="W612" s="2">
        <v>1.0999999999999999E-2</v>
      </c>
      <c r="X612" s="2">
        <v>82.9</v>
      </c>
      <c r="Y612" s="2">
        <v>7.6</v>
      </c>
      <c r="Z612" s="2">
        <v>16.7</v>
      </c>
      <c r="AA612" s="5"/>
      <c r="AB612" s="5" t="s">
        <v>43</v>
      </c>
      <c r="AC612" s="5" t="s">
        <v>44</v>
      </c>
      <c r="AD612" s="2"/>
      <c r="AE612" s="1"/>
    </row>
    <row r="613" spans="1:31" ht="14.45">
      <c r="A613" s="11"/>
      <c r="B613" s="20"/>
      <c r="C613" s="2" t="s">
        <v>2258</v>
      </c>
      <c r="D613" s="14" t="s">
        <v>2259</v>
      </c>
      <c r="E613" s="2" t="s">
        <v>2260</v>
      </c>
      <c r="F613" s="2" t="s">
        <v>1719</v>
      </c>
      <c r="G613" s="8">
        <v>119</v>
      </c>
      <c r="H613" s="5">
        <v>6</v>
      </c>
      <c r="I613" s="5" t="s">
        <v>1518</v>
      </c>
      <c r="J613" s="5" t="s">
        <v>1519</v>
      </c>
      <c r="K613" s="2" t="s">
        <v>1520</v>
      </c>
      <c r="L613" s="5" t="s">
        <v>1519</v>
      </c>
      <c r="M613" s="2" t="s">
        <v>1520</v>
      </c>
      <c r="N613" s="5" t="s">
        <v>1521</v>
      </c>
      <c r="O613" s="5" t="s">
        <v>38</v>
      </c>
      <c r="P613" s="5" t="s">
        <v>39</v>
      </c>
      <c r="Q613" s="5" t="s">
        <v>40</v>
      </c>
      <c r="R613" s="5" t="s">
        <v>1522</v>
      </c>
      <c r="S613" s="5" t="s">
        <v>1523</v>
      </c>
      <c r="T613" s="5" t="s">
        <v>42</v>
      </c>
      <c r="U613" s="2">
        <v>1.542</v>
      </c>
      <c r="V613" s="2">
        <v>1.1080000000000001</v>
      </c>
      <c r="W613" s="2">
        <v>1.0999999999999999E-2</v>
      </c>
      <c r="X613" s="2">
        <v>82.9</v>
      </c>
      <c r="Y613" s="2">
        <v>7.6</v>
      </c>
      <c r="Z613" s="2">
        <v>16.7</v>
      </c>
      <c r="AA613" s="5"/>
      <c r="AB613" s="5" t="s">
        <v>43</v>
      </c>
      <c r="AC613" s="5" t="s">
        <v>44</v>
      </c>
      <c r="AD613" s="2"/>
      <c r="AE613" s="1"/>
    </row>
    <row r="614" spans="1:31" ht="14.45">
      <c r="A614" s="11"/>
      <c r="B614" s="20"/>
      <c r="C614" s="2" t="s">
        <v>2261</v>
      </c>
      <c r="D614" s="14" t="s">
        <v>2262</v>
      </c>
      <c r="E614" s="2" t="s">
        <v>2263</v>
      </c>
      <c r="F614" s="2" t="s">
        <v>1723</v>
      </c>
      <c r="G614" s="8">
        <v>119</v>
      </c>
      <c r="H614" s="5">
        <v>6</v>
      </c>
      <c r="I614" s="5" t="s">
        <v>1518</v>
      </c>
      <c r="J614" s="5" t="s">
        <v>1519</v>
      </c>
      <c r="K614" s="2" t="s">
        <v>1520</v>
      </c>
      <c r="L614" s="5" t="s">
        <v>1519</v>
      </c>
      <c r="M614" s="2" t="s">
        <v>1520</v>
      </c>
      <c r="N614" s="5" t="s">
        <v>1521</v>
      </c>
      <c r="O614" s="5" t="s">
        <v>38</v>
      </c>
      <c r="P614" s="5" t="s">
        <v>39</v>
      </c>
      <c r="Q614" s="5" t="s">
        <v>40</v>
      </c>
      <c r="R614" s="5" t="s">
        <v>1522</v>
      </c>
      <c r="S614" s="5" t="s">
        <v>1523</v>
      </c>
      <c r="T614" s="5" t="s">
        <v>42</v>
      </c>
      <c r="U614" s="2">
        <v>1.5720000000000001</v>
      </c>
      <c r="V614" s="2">
        <v>1.1379999999999999</v>
      </c>
      <c r="W614" s="2">
        <v>1.0999999999999999E-2</v>
      </c>
      <c r="X614" s="2">
        <v>82.9</v>
      </c>
      <c r="Y614" s="2">
        <v>7.6</v>
      </c>
      <c r="Z614" s="2">
        <v>16.7</v>
      </c>
      <c r="AA614" s="5"/>
      <c r="AB614" s="5" t="s">
        <v>43</v>
      </c>
      <c r="AC614" s="5" t="s">
        <v>44</v>
      </c>
      <c r="AD614" s="2"/>
      <c r="AE614" s="1"/>
    </row>
    <row r="615" spans="1:31" ht="14.45">
      <c r="A615" s="11"/>
      <c r="B615" s="20"/>
      <c r="C615" s="2" t="s">
        <v>2264</v>
      </c>
      <c r="D615" s="14" t="s">
        <v>2265</v>
      </c>
      <c r="E615" s="2" t="s">
        <v>2266</v>
      </c>
      <c r="F615" s="2" t="s">
        <v>1727</v>
      </c>
      <c r="G615" s="8">
        <v>136</v>
      </c>
      <c r="H615" s="5">
        <v>6</v>
      </c>
      <c r="I615" s="5" t="s">
        <v>1518</v>
      </c>
      <c r="J615" s="5" t="s">
        <v>1519</v>
      </c>
      <c r="K615" s="2" t="s">
        <v>1520</v>
      </c>
      <c r="L615" s="5" t="s">
        <v>1519</v>
      </c>
      <c r="M615" s="2" t="s">
        <v>1520</v>
      </c>
      <c r="N615" s="5" t="s">
        <v>1521</v>
      </c>
      <c r="O615" s="5" t="s">
        <v>38</v>
      </c>
      <c r="P615" s="5" t="s">
        <v>39</v>
      </c>
      <c r="Q615" s="5" t="s">
        <v>40</v>
      </c>
      <c r="R615" s="5" t="s">
        <v>1522</v>
      </c>
      <c r="S615" s="5" t="s">
        <v>1523</v>
      </c>
      <c r="T615" s="5" t="s">
        <v>42</v>
      </c>
      <c r="U615" s="2">
        <v>1.542</v>
      </c>
      <c r="V615" s="2">
        <v>1.1080000000000001</v>
      </c>
      <c r="W615" s="2">
        <v>1.0999999999999999E-2</v>
      </c>
      <c r="X615" s="2">
        <v>82.9</v>
      </c>
      <c r="Y615" s="2">
        <v>7.6</v>
      </c>
      <c r="Z615" s="2">
        <v>16.7</v>
      </c>
      <c r="AA615" s="5"/>
      <c r="AB615" s="5" t="s">
        <v>43</v>
      </c>
      <c r="AC615" s="5" t="s">
        <v>44</v>
      </c>
      <c r="AD615" s="2"/>
      <c r="AE615" s="1"/>
    </row>
    <row r="616" spans="1:31" ht="14.45">
      <c r="A616" s="11"/>
      <c r="B616" s="20"/>
      <c r="C616" s="2" t="s">
        <v>2267</v>
      </c>
      <c r="D616" s="14" t="s">
        <v>2268</v>
      </c>
      <c r="E616" s="2" t="s">
        <v>2269</v>
      </c>
      <c r="F616" s="2" t="s">
        <v>1731</v>
      </c>
      <c r="G616" s="8">
        <v>136</v>
      </c>
      <c r="H616" s="5">
        <v>6</v>
      </c>
      <c r="I616" s="5" t="s">
        <v>1518</v>
      </c>
      <c r="J616" s="5" t="s">
        <v>1519</v>
      </c>
      <c r="K616" s="2" t="s">
        <v>1520</v>
      </c>
      <c r="L616" s="5" t="s">
        <v>1519</v>
      </c>
      <c r="M616" s="2" t="s">
        <v>1520</v>
      </c>
      <c r="N616" s="5" t="s">
        <v>1521</v>
      </c>
      <c r="O616" s="5" t="s">
        <v>38</v>
      </c>
      <c r="P616" s="5" t="s">
        <v>39</v>
      </c>
      <c r="Q616" s="5" t="s">
        <v>40</v>
      </c>
      <c r="R616" s="5" t="s">
        <v>1522</v>
      </c>
      <c r="S616" s="5" t="s">
        <v>1523</v>
      </c>
      <c r="T616" s="5" t="s">
        <v>42</v>
      </c>
      <c r="U616" s="2">
        <v>1.5720000000000001</v>
      </c>
      <c r="V616" s="2">
        <v>1.1379999999999999</v>
      </c>
      <c r="W616" s="2">
        <v>1.0999999999999999E-2</v>
      </c>
      <c r="X616" s="2">
        <v>82.9</v>
      </c>
      <c r="Y616" s="2">
        <v>7.6</v>
      </c>
      <c r="Z616" s="2">
        <v>16.7</v>
      </c>
      <c r="AA616" s="5"/>
      <c r="AB616" s="5" t="s">
        <v>43</v>
      </c>
      <c r="AC616" s="5" t="s">
        <v>44</v>
      </c>
      <c r="AD616" s="2"/>
      <c r="AE616" s="1"/>
    </row>
    <row r="617" spans="1:31" ht="14.45">
      <c r="A617" s="11"/>
      <c r="B617" s="20"/>
      <c r="C617" s="2" t="s">
        <v>2270</v>
      </c>
      <c r="D617" s="14" t="s">
        <v>2271</v>
      </c>
      <c r="E617" s="2" t="s">
        <v>2272</v>
      </c>
      <c r="F617" s="2" t="s">
        <v>1735</v>
      </c>
      <c r="G617" s="8">
        <v>136</v>
      </c>
      <c r="H617" s="5">
        <v>6</v>
      </c>
      <c r="I617" s="5" t="s">
        <v>1518</v>
      </c>
      <c r="J617" s="5" t="s">
        <v>1519</v>
      </c>
      <c r="K617" s="2" t="s">
        <v>1520</v>
      </c>
      <c r="L617" s="5" t="s">
        <v>1519</v>
      </c>
      <c r="M617" s="2" t="s">
        <v>1520</v>
      </c>
      <c r="N617" s="5" t="s">
        <v>1521</v>
      </c>
      <c r="O617" s="5" t="s">
        <v>38</v>
      </c>
      <c r="P617" s="5" t="s">
        <v>39</v>
      </c>
      <c r="Q617" s="5" t="s">
        <v>40</v>
      </c>
      <c r="R617" s="5" t="s">
        <v>1522</v>
      </c>
      <c r="S617" s="5" t="s">
        <v>1523</v>
      </c>
      <c r="T617" s="5" t="s">
        <v>42</v>
      </c>
      <c r="U617" s="2">
        <v>1.552</v>
      </c>
      <c r="V617" s="2">
        <v>1.1180000000000001</v>
      </c>
      <c r="W617" s="2">
        <v>1.0999999999999999E-2</v>
      </c>
      <c r="X617" s="2">
        <v>82.9</v>
      </c>
      <c r="Y617" s="2">
        <v>7.6</v>
      </c>
      <c r="Z617" s="2">
        <v>16.7</v>
      </c>
      <c r="AA617" s="5"/>
      <c r="AB617" s="5" t="s">
        <v>43</v>
      </c>
      <c r="AC617" s="5" t="s">
        <v>44</v>
      </c>
      <c r="AD617" s="2"/>
      <c r="AE617" s="1"/>
    </row>
    <row r="618" spans="1:31" ht="14.45">
      <c r="A618" s="11"/>
      <c r="B618" s="20"/>
      <c r="C618" s="2" t="s">
        <v>2273</v>
      </c>
      <c r="D618" s="14" t="s">
        <v>2274</v>
      </c>
      <c r="E618" s="2" t="s">
        <v>2275</v>
      </c>
      <c r="F618" s="2" t="s">
        <v>1739</v>
      </c>
      <c r="G618" s="8">
        <v>136</v>
      </c>
      <c r="H618" s="5">
        <v>6</v>
      </c>
      <c r="I618" s="5" t="s">
        <v>1518</v>
      </c>
      <c r="J618" s="5" t="s">
        <v>1519</v>
      </c>
      <c r="K618" s="2" t="s">
        <v>1520</v>
      </c>
      <c r="L618" s="5" t="s">
        <v>1519</v>
      </c>
      <c r="M618" s="2" t="s">
        <v>1520</v>
      </c>
      <c r="N618" s="5" t="s">
        <v>1521</v>
      </c>
      <c r="O618" s="5" t="s">
        <v>38</v>
      </c>
      <c r="P618" s="5" t="s">
        <v>39</v>
      </c>
      <c r="Q618" s="5" t="s">
        <v>40</v>
      </c>
      <c r="R618" s="5" t="s">
        <v>1522</v>
      </c>
      <c r="S618" s="5" t="s">
        <v>1523</v>
      </c>
      <c r="T618" s="5" t="s">
        <v>42</v>
      </c>
      <c r="U618" s="2">
        <v>1.5820000000000001</v>
      </c>
      <c r="V618" s="2">
        <v>1.1479999999999999</v>
      </c>
      <c r="W618" s="2">
        <v>1.0999999999999999E-2</v>
      </c>
      <c r="X618" s="2">
        <v>82.9</v>
      </c>
      <c r="Y618" s="2">
        <v>7.6</v>
      </c>
      <c r="Z618" s="2">
        <v>16.7</v>
      </c>
      <c r="AA618" s="5"/>
      <c r="AB618" s="5" t="s">
        <v>43</v>
      </c>
      <c r="AC618" s="5" t="s">
        <v>44</v>
      </c>
      <c r="AD618" s="2"/>
      <c r="AE618" s="1"/>
    </row>
    <row r="619" spans="1:31" ht="14.45">
      <c r="A619" s="11"/>
      <c r="B619" s="20"/>
      <c r="C619" s="2" t="s">
        <v>2276</v>
      </c>
      <c r="D619" s="14" t="s">
        <v>2277</v>
      </c>
      <c r="E619" s="2" t="s">
        <v>2278</v>
      </c>
      <c r="F619" s="2" t="s">
        <v>1743</v>
      </c>
      <c r="G619" s="8">
        <v>136</v>
      </c>
      <c r="H619" s="5">
        <v>6</v>
      </c>
      <c r="I619" s="5" t="s">
        <v>1518</v>
      </c>
      <c r="J619" s="5" t="s">
        <v>1519</v>
      </c>
      <c r="K619" s="2" t="s">
        <v>1520</v>
      </c>
      <c r="L619" s="5" t="s">
        <v>1519</v>
      </c>
      <c r="M619" s="2" t="s">
        <v>1520</v>
      </c>
      <c r="N619" s="5" t="s">
        <v>1521</v>
      </c>
      <c r="O619" s="5" t="s">
        <v>38</v>
      </c>
      <c r="P619" s="5" t="s">
        <v>39</v>
      </c>
      <c r="Q619" s="5" t="s">
        <v>40</v>
      </c>
      <c r="R619" s="5" t="s">
        <v>1522</v>
      </c>
      <c r="S619" s="5" t="s">
        <v>1523</v>
      </c>
      <c r="T619" s="5" t="s">
        <v>42</v>
      </c>
      <c r="U619" s="2">
        <v>1.542</v>
      </c>
      <c r="V619" s="2">
        <v>1.1080000000000001</v>
      </c>
      <c r="W619" s="2">
        <v>1.0999999999999999E-2</v>
      </c>
      <c r="X619" s="2">
        <v>82.9</v>
      </c>
      <c r="Y619" s="2">
        <v>7.6</v>
      </c>
      <c r="Z619" s="2">
        <v>16.7</v>
      </c>
      <c r="AA619" s="5"/>
      <c r="AB619" s="5" t="s">
        <v>43</v>
      </c>
      <c r="AC619" s="5" t="s">
        <v>44</v>
      </c>
      <c r="AD619" s="2"/>
      <c r="AE619" s="1"/>
    </row>
    <row r="620" spans="1:31" ht="14.45">
      <c r="A620" s="11"/>
      <c r="B620" s="20"/>
      <c r="C620" s="2" t="s">
        <v>2279</v>
      </c>
      <c r="D620" s="14" t="s">
        <v>2280</v>
      </c>
      <c r="E620" s="2" t="s">
        <v>2281</v>
      </c>
      <c r="F620" s="2" t="s">
        <v>1747</v>
      </c>
      <c r="G620" s="8">
        <v>136</v>
      </c>
      <c r="H620" s="5">
        <v>6</v>
      </c>
      <c r="I620" s="5" t="s">
        <v>1518</v>
      </c>
      <c r="J620" s="5" t="s">
        <v>1519</v>
      </c>
      <c r="K620" s="2" t="s">
        <v>1520</v>
      </c>
      <c r="L620" s="5" t="s">
        <v>1519</v>
      </c>
      <c r="M620" s="2" t="s">
        <v>1520</v>
      </c>
      <c r="N620" s="5" t="s">
        <v>1521</v>
      </c>
      <c r="O620" s="5" t="s">
        <v>38</v>
      </c>
      <c r="P620" s="5" t="s">
        <v>39</v>
      </c>
      <c r="Q620" s="5" t="s">
        <v>40</v>
      </c>
      <c r="R620" s="5" t="s">
        <v>1522</v>
      </c>
      <c r="S620" s="5" t="s">
        <v>1523</v>
      </c>
      <c r="T620" s="5" t="s">
        <v>42</v>
      </c>
      <c r="U620" s="2">
        <v>1.5720000000000001</v>
      </c>
      <c r="V620" s="2">
        <v>1.1379999999999999</v>
      </c>
      <c r="W620" s="2">
        <v>1.0999999999999999E-2</v>
      </c>
      <c r="X620" s="2">
        <v>82.9</v>
      </c>
      <c r="Y620" s="2">
        <v>7.6</v>
      </c>
      <c r="Z620" s="2">
        <v>16.7</v>
      </c>
      <c r="AA620" s="5"/>
      <c r="AB620" s="5" t="s">
        <v>43</v>
      </c>
      <c r="AC620" s="5" t="s">
        <v>44</v>
      </c>
      <c r="AD620" s="2"/>
      <c r="AE620" s="1"/>
    </row>
    <row r="621" spans="1:31" ht="14.45">
      <c r="A621" s="11"/>
      <c r="B621" s="20"/>
      <c r="C621" s="2" t="s">
        <v>2282</v>
      </c>
      <c r="D621" s="14" t="s">
        <v>2283</v>
      </c>
      <c r="E621" s="2" t="s">
        <v>2284</v>
      </c>
      <c r="F621" s="2" t="s">
        <v>1751</v>
      </c>
      <c r="G621" s="8">
        <v>136</v>
      </c>
      <c r="H621" s="5">
        <v>6</v>
      </c>
      <c r="I621" s="5" t="s">
        <v>1518</v>
      </c>
      <c r="J621" s="5" t="s">
        <v>1519</v>
      </c>
      <c r="K621" s="2" t="s">
        <v>1520</v>
      </c>
      <c r="L621" s="5" t="s">
        <v>1519</v>
      </c>
      <c r="M621" s="2" t="s">
        <v>1520</v>
      </c>
      <c r="N621" s="5" t="s">
        <v>1521</v>
      </c>
      <c r="O621" s="5" t="s">
        <v>38</v>
      </c>
      <c r="P621" s="5" t="s">
        <v>39</v>
      </c>
      <c r="Q621" s="5" t="s">
        <v>40</v>
      </c>
      <c r="R621" s="5" t="s">
        <v>1522</v>
      </c>
      <c r="S621" s="5" t="s">
        <v>1523</v>
      </c>
      <c r="T621" s="5" t="s">
        <v>42</v>
      </c>
      <c r="U621" s="2">
        <v>1.542</v>
      </c>
      <c r="V621" s="2">
        <v>1.1080000000000001</v>
      </c>
      <c r="W621" s="2">
        <v>1.0999999999999999E-2</v>
      </c>
      <c r="X621" s="2">
        <v>82.9</v>
      </c>
      <c r="Y621" s="2">
        <v>7.6</v>
      </c>
      <c r="Z621" s="2">
        <v>16.7</v>
      </c>
      <c r="AA621" s="5"/>
      <c r="AB621" s="5" t="s">
        <v>43</v>
      </c>
      <c r="AC621" s="5" t="s">
        <v>44</v>
      </c>
      <c r="AD621" s="2"/>
      <c r="AE621" s="1"/>
    </row>
    <row r="622" spans="1:31" ht="14.45">
      <c r="A622" s="11"/>
      <c r="B622" s="20"/>
      <c r="C622" s="2" t="s">
        <v>2285</v>
      </c>
      <c r="D622" s="14" t="s">
        <v>2286</v>
      </c>
      <c r="E622" s="2" t="s">
        <v>2287</v>
      </c>
      <c r="F622" s="2" t="s">
        <v>1755</v>
      </c>
      <c r="G622" s="8">
        <v>136</v>
      </c>
      <c r="H622" s="5">
        <v>6</v>
      </c>
      <c r="I622" s="5" t="s">
        <v>1518</v>
      </c>
      <c r="J622" s="5" t="s">
        <v>1519</v>
      </c>
      <c r="K622" s="2" t="s">
        <v>1520</v>
      </c>
      <c r="L622" s="5" t="s">
        <v>1519</v>
      </c>
      <c r="M622" s="2" t="s">
        <v>1520</v>
      </c>
      <c r="N622" s="5" t="s">
        <v>1521</v>
      </c>
      <c r="O622" s="5" t="s">
        <v>38</v>
      </c>
      <c r="P622" s="5" t="s">
        <v>39</v>
      </c>
      <c r="Q622" s="5" t="s">
        <v>40</v>
      </c>
      <c r="R622" s="5" t="s">
        <v>1522</v>
      </c>
      <c r="S622" s="5" t="s">
        <v>1523</v>
      </c>
      <c r="T622" s="5" t="s">
        <v>42</v>
      </c>
      <c r="U622" s="2">
        <v>1.5720000000000001</v>
      </c>
      <c r="V622" s="2">
        <v>1.1379999999999999</v>
      </c>
      <c r="W622" s="2">
        <v>1.0999999999999999E-2</v>
      </c>
      <c r="X622" s="2">
        <v>82.9</v>
      </c>
      <c r="Y622" s="2">
        <v>7.6</v>
      </c>
      <c r="Z622" s="2">
        <v>16.7</v>
      </c>
      <c r="AA622" s="5"/>
      <c r="AB622" s="5" t="s">
        <v>43</v>
      </c>
      <c r="AC622" s="5" t="s">
        <v>44</v>
      </c>
      <c r="AD622" s="2"/>
      <c r="AE622" s="1"/>
    </row>
    <row r="623" spans="1:31" ht="14.45">
      <c r="A623" s="11"/>
      <c r="B623" s="20"/>
      <c r="C623" s="2" t="s">
        <v>2288</v>
      </c>
      <c r="D623" s="14" t="s">
        <v>2289</v>
      </c>
      <c r="E623" s="2" t="s">
        <v>2290</v>
      </c>
      <c r="F623" s="2" t="s">
        <v>1759</v>
      </c>
      <c r="G623" s="8">
        <v>136</v>
      </c>
      <c r="H623" s="5">
        <v>6</v>
      </c>
      <c r="I623" s="5" t="s">
        <v>1518</v>
      </c>
      <c r="J623" s="5" t="s">
        <v>1519</v>
      </c>
      <c r="K623" s="2" t="s">
        <v>1520</v>
      </c>
      <c r="L623" s="5" t="s">
        <v>1519</v>
      </c>
      <c r="M623" s="2" t="s">
        <v>1520</v>
      </c>
      <c r="N623" s="5" t="s">
        <v>1521</v>
      </c>
      <c r="O623" s="5" t="s">
        <v>38</v>
      </c>
      <c r="P623" s="5" t="s">
        <v>39</v>
      </c>
      <c r="Q623" s="5" t="s">
        <v>40</v>
      </c>
      <c r="R623" s="5" t="s">
        <v>1522</v>
      </c>
      <c r="S623" s="5" t="s">
        <v>1523</v>
      </c>
      <c r="T623" s="5" t="s">
        <v>42</v>
      </c>
      <c r="U623" s="2">
        <v>1.552</v>
      </c>
      <c r="V623" s="2">
        <v>1.1180000000000001</v>
      </c>
      <c r="W623" s="2">
        <v>1.0999999999999999E-2</v>
      </c>
      <c r="X623" s="2">
        <v>82.9</v>
      </c>
      <c r="Y623" s="2">
        <v>7.6</v>
      </c>
      <c r="Z623" s="2">
        <v>16.7</v>
      </c>
      <c r="AA623" s="5"/>
      <c r="AB623" s="5" t="s">
        <v>43</v>
      </c>
      <c r="AC623" s="5" t="s">
        <v>44</v>
      </c>
      <c r="AD623" s="2"/>
      <c r="AE623" s="1"/>
    </row>
    <row r="624" spans="1:31" ht="14.45">
      <c r="A624" s="11"/>
      <c r="B624" s="20"/>
      <c r="C624" s="2" t="s">
        <v>2291</v>
      </c>
      <c r="D624" s="14" t="s">
        <v>2292</v>
      </c>
      <c r="E624" s="2" t="s">
        <v>2293</v>
      </c>
      <c r="F624" s="2" t="s">
        <v>1763</v>
      </c>
      <c r="G624" s="8">
        <v>136</v>
      </c>
      <c r="H624" s="5">
        <v>6</v>
      </c>
      <c r="I624" s="5" t="s">
        <v>1518</v>
      </c>
      <c r="J624" s="5" t="s">
        <v>1519</v>
      </c>
      <c r="K624" s="2" t="s">
        <v>1520</v>
      </c>
      <c r="L624" s="5" t="s">
        <v>1519</v>
      </c>
      <c r="M624" s="2" t="s">
        <v>1520</v>
      </c>
      <c r="N624" s="5" t="s">
        <v>1521</v>
      </c>
      <c r="O624" s="5" t="s">
        <v>38</v>
      </c>
      <c r="P624" s="5" t="s">
        <v>39</v>
      </c>
      <c r="Q624" s="5" t="s">
        <v>40</v>
      </c>
      <c r="R624" s="5" t="s">
        <v>1522</v>
      </c>
      <c r="S624" s="5" t="s">
        <v>1523</v>
      </c>
      <c r="T624" s="5" t="s">
        <v>42</v>
      </c>
      <c r="U624" s="2">
        <v>1.5820000000000001</v>
      </c>
      <c r="V624" s="2">
        <v>1.1479999999999999</v>
      </c>
      <c r="W624" s="2">
        <v>1.0999999999999999E-2</v>
      </c>
      <c r="X624" s="2">
        <v>82.9</v>
      </c>
      <c r="Y624" s="2">
        <v>7.6</v>
      </c>
      <c r="Z624" s="2">
        <v>16.7</v>
      </c>
      <c r="AA624" s="5"/>
      <c r="AB624" s="5" t="s">
        <v>43</v>
      </c>
      <c r="AC624" s="5" t="s">
        <v>44</v>
      </c>
      <c r="AD624" s="2"/>
      <c r="AE624" s="1"/>
    </row>
    <row r="625" spans="1:31" ht="14.45">
      <c r="A625" s="11"/>
      <c r="B625" s="20"/>
      <c r="C625" s="2" t="s">
        <v>2294</v>
      </c>
      <c r="D625" s="14" t="s">
        <v>2295</v>
      </c>
      <c r="E625" s="2" t="s">
        <v>2296</v>
      </c>
      <c r="F625" s="2" t="s">
        <v>1767</v>
      </c>
      <c r="G625" s="8">
        <v>136</v>
      </c>
      <c r="H625" s="5">
        <v>6</v>
      </c>
      <c r="I625" s="5" t="s">
        <v>1518</v>
      </c>
      <c r="J625" s="5" t="s">
        <v>1519</v>
      </c>
      <c r="K625" s="2" t="s">
        <v>1520</v>
      </c>
      <c r="L625" s="5" t="s">
        <v>1519</v>
      </c>
      <c r="M625" s="2" t="s">
        <v>1520</v>
      </c>
      <c r="N625" s="5" t="s">
        <v>1521</v>
      </c>
      <c r="O625" s="5" t="s">
        <v>38</v>
      </c>
      <c r="P625" s="5" t="s">
        <v>39</v>
      </c>
      <c r="Q625" s="5" t="s">
        <v>40</v>
      </c>
      <c r="R625" s="5" t="s">
        <v>1522</v>
      </c>
      <c r="S625" s="5" t="s">
        <v>1523</v>
      </c>
      <c r="T625" s="5" t="s">
        <v>42</v>
      </c>
      <c r="U625" s="2">
        <v>1.552</v>
      </c>
      <c r="V625" s="2">
        <v>1.1180000000000001</v>
      </c>
      <c r="W625" s="2">
        <v>1.0999999999999999E-2</v>
      </c>
      <c r="X625" s="2">
        <v>82.9</v>
      </c>
      <c r="Y625" s="2">
        <v>7.6</v>
      </c>
      <c r="Z625" s="2">
        <v>16.7</v>
      </c>
      <c r="AA625" s="5"/>
      <c r="AB625" s="5" t="s">
        <v>43</v>
      </c>
      <c r="AC625" s="5" t="s">
        <v>44</v>
      </c>
      <c r="AD625" s="2"/>
      <c r="AE625" s="1"/>
    </row>
    <row r="626" spans="1:31" ht="14.45">
      <c r="A626" s="11"/>
      <c r="B626" s="20"/>
      <c r="C626" s="2" t="s">
        <v>2297</v>
      </c>
      <c r="D626" s="14" t="s">
        <v>2298</v>
      </c>
      <c r="E626" s="2" t="s">
        <v>2299</v>
      </c>
      <c r="F626" s="2" t="s">
        <v>1771</v>
      </c>
      <c r="G626" s="8">
        <v>136</v>
      </c>
      <c r="H626" s="5">
        <v>6</v>
      </c>
      <c r="I626" s="5" t="s">
        <v>1518</v>
      </c>
      <c r="J626" s="5" t="s">
        <v>1519</v>
      </c>
      <c r="K626" s="2" t="s">
        <v>1520</v>
      </c>
      <c r="L626" s="5" t="s">
        <v>1519</v>
      </c>
      <c r="M626" s="2" t="s">
        <v>1520</v>
      </c>
      <c r="N626" s="5" t="s">
        <v>1521</v>
      </c>
      <c r="O626" s="5" t="s">
        <v>38</v>
      </c>
      <c r="P626" s="5" t="s">
        <v>39</v>
      </c>
      <c r="Q626" s="5" t="s">
        <v>40</v>
      </c>
      <c r="R626" s="5" t="s">
        <v>1522</v>
      </c>
      <c r="S626" s="5" t="s">
        <v>1523</v>
      </c>
      <c r="T626" s="5" t="s">
        <v>42</v>
      </c>
      <c r="U626" s="2">
        <v>1.5820000000000001</v>
      </c>
      <c r="V626" s="2">
        <v>1.1479999999999999</v>
      </c>
      <c r="W626" s="2">
        <v>1.0999999999999999E-2</v>
      </c>
      <c r="X626" s="2">
        <v>82.9</v>
      </c>
      <c r="Y626" s="2">
        <v>7.6</v>
      </c>
      <c r="Z626" s="2">
        <v>16.7</v>
      </c>
      <c r="AA626" s="5"/>
      <c r="AB626" s="5" t="s">
        <v>43</v>
      </c>
      <c r="AC626" s="5" t="s">
        <v>44</v>
      </c>
      <c r="AD626" s="2"/>
      <c r="AE626" s="1"/>
    </row>
    <row r="627" spans="1:31" ht="14.45">
      <c r="A627" s="11"/>
      <c r="B627" s="20"/>
      <c r="C627" s="2" t="s">
        <v>2300</v>
      </c>
      <c r="D627" s="14" t="s">
        <v>2301</v>
      </c>
      <c r="E627" s="2" t="s">
        <v>2302</v>
      </c>
      <c r="F627" s="2" t="s">
        <v>1775</v>
      </c>
      <c r="G627" s="8">
        <v>136</v>
      </c>
      <c r="H627" s="5">
        <v>6</v>
      </c>
      <c r="I627" s="5" t="s">
        <v>1518</v>
      </c>
      <c r="J627" s="5" t="s">
        <v>1519</v>
      </c>
      <c r="K627" s="2" t="s">
        <v>1520</v>
      </c>
      <c r="L627" s="5" t="s">
        <v>1519</v>
      </c>
      <c r="M627" s="2" t="s">
        <v>1520</v>
      </c>
      <c r="N627" s="5" t="s">
        <v>1521</v>
      </c>
      <c r="O627" s="5" t="s">
        <v>38</v>
      </c>
      <c r="P627" s="5" t="s">
        <v>39</v>
      </c>
      <c r="Q627" s="5" t="s">
        <v>40</v>
      </c>
      <c r="R627" s="5" t="s">
        <v>1522</v>
      </c>
      <c r="S627" s="5" t="s">
        <v>1523</v>
      </c>
      <c r="T627" s="5" t="s">
        <v>42</v>
      </c>
      <c r="U627" s="2">
        <v>1.552</v>
      </c>
      <c r="V627" s="2">
        <v>1.1180000000000001</v>
      </c>
      <c r="W627" s="2">
        <v>1.0999999999999999E-2</v>
      </c>
      <c r="X627" s="2">
        <v>82.9</v>
      </c>
      <c r="Y627" s="2">
        <v>7.6</v>
      </c>
      <c r="Z627" s="2">
        <v>16.7</v>
      </c>
      <c r="AA627" s="5"/>
      <c r="AB627" s="5" t="s">
        <v>43</v>
      </c>
      <c r="AC627" s="5" t="s">
        <v>44</v>
      </c>
      <c r="AD627" s="2"/>
      <c r="AE627" s="1"/>
    </row>
    <row r="628" spans="1:31" ht="14.45">
      <c r="A628" s="11"/>
      <c r="B628" s="20"/>
      <c r="C628" s="2" t="s">
        <v>2303</v>
      </c>
      <c r="D628" s="14" t="s">
        <v>2304</v>
      </c>
      <c r="E628" s="2" t="s">
        <v>2305</v>
      </c>
      <c r="F628" s="2" t="s">
        <v>1779</v>
      </c>
      <c r="G628" s="8">
        <v>136</v>
      </c>
      <c r="H628" s="5">
        <v>6</v>
      </c>
      <c r="I628" s="5" t="s">
        <v>1518</v>
      </c>
      <c r="J628" s="5" t="s">
        <v>1519</v>
      </c>
      <c r="K628" s="2" t="s">
        <v>1520</v>
      </c>
      <c r="L628" s="5" t="s">
        <v>1519</v>
      </c>
      <c r="M628" s="2" t="s">
        <v>1520</v>
      </c>
      <c r="N628" s="5" t="s">
        <v>1521</v>
      </c>
      <c r="O628" s="5" t="s">
        <v>38</v>
      </c>
      <c r="P628" s="5" t="s">
        <v>39</v>
      </c>
      <c r="Q628" s="5" t="s">
        <v>40</v>
      </c>
      <c r="R628" s="5" t="s">
        <v>1522</v>
      </c>
      <c r="S628" s="5" t="s">
        <v>1523</v>
      </c>
      <c r="T628" s="5" t="s">
        <v>42</v>
      </c>
      <c r="U628" s="2">
        <v>1.5820000000000001</v>
      </c>
      <c r="V628" s="2">
        <v>1.1479999999999999</v>
      </c>
      <c r="W628" s="2">
        <v>1.0999999999999999E-2</v>
      </c>
      <c r="X628" s="2">
        <v>82.9</v>
      </c>
      <c r="Y628" s="2">
        <v>7.6</v>
      </c>
      <c r="Z628" s="2">
        <v>16.7</v>
      </c>
      <c r="AA628" s="5"/>
      <c r="AB628" s="5" t="s">
        <v>43</v>
      </c>
      <c r="AC628" s="5" t="s">
        <v>44</v>
      </c>
      <c r="AD628" s="2"/>
      <c r="AE628" s="1"/>
    </row>
    <row r="629" spans="1:31" ht="14.45">
      <c r="A629" s="11"/>
      <c r="B629" s="20"/>
      <c r="C629" s="2" t="s">
        <v>2306</v>
      </c>
      <c r="D629" s="14" t="s">
        <v>2307</v>
      </c>
      <c r="E629" s="2" t="s">
        <v>2308</v>
      </c>
      <c r="F629" s="2" t="s">
        <v>1783</v>
      </c>
      <c r="G629" s="8">
        <v>136</v>
      </c>
      <c r="H629" s="5">
        <v>6</v>
      </c>
      <c r="I629" s="5" t="s">
        <v>1518</v>
      </c>
      <c r="J629" s="5" t="s">
        <v>1519</v>
      </c>
      <c r="K629" s="2" t="s">
        <v>1520</v>
      </c>
      <c r="L629" s="5" t="s">
        <v>1519</v>
      </c>
      <c r="M629" s="2" t="s">
        <v>1520</v>
      </c>
      <c r="N629" s="5" t="s">
        <v>1521</v>
      </c>
      <c r="O629" s="5" t="s">
        <v>38</v>
      </c>
      <c r="P629" s="5" t="s">
        <v>39</v>
      </c>
      <c r="Q629" s="5" t="s">
        <v>40</v>
      </c>
      <c r="R629" s="5" t="s">
        <v>1522</v>
      </c>
      <c r="S629" s="5" t="s">
        <v>1523</v>
      </c>
      <c r="T629" s="5" t="s">
        <v>42</v>
      </c>
      <c r="U629" s="2">
        <v>1.542</v>
      </c>
      <c r="V629" s="2">
        <v>1.1080000000000001</v>
      </c>
      <c r="W629" s="2">
        <v>1.0999999999999999E-2</v>
      </c>
      <c r="X629" s="2">
        <v>82.9</v>
      </c>
      <c r="Y629" s="2">
        <v>7.6</v>
      </c>
      <c r="Z629" s="2">
        <v>16.7</v>
      </c>
      <c r="AA629" s="5"/>
      <c r="AB629" s="5" t="s">
        <v>43</v>
      </c>
      <c r="AC629" s="5" t="s">
        <v>44</v>
      </c>
      <c r="AD629" s="2"/>
      <c r="AE629" s="1"/>
    </row>
    <row r="630" spans="1:31" ht="14.45">
      <c r="A630" s="11"/>
      <c r="B630" s="20"/>
      <c r="C630" s="2" t="s">
        <v>2309</v>
      </c>
      <c r="D630" s="14" t="s">
        <v>2310</v>
      </c>
      <c r="E630" s="2" t="s">
        <v>2311</v>
      </c>
      <c r="F630" s="2" t="s">
        <v>1787</v>
      </c>
      <c r="G630" s="8">
        <v>136</v>
      </c>
      <c r="H630" s="5">
        <v>6</v>
      </c>
      <c r="I630" s="5" t="s">
        <v>1518</v>
      </c>
      <c r="J630" s="5" t="s">
        <v>1519</v>
      </c>
      <c r="K630" s="2" t="s">
        <v>1520</v>
      </c>
      <c r="L630" s="5" t="s">
        <v>1519</v>
      </c>
      <c r="M630" s="2" t="s">
        <v>1520</v>
      </c>
      <c r="N630" s="5" t="s">
        <v>1521</v>
      </c>
      <c r="O630" s="5" t="s">
        <v>38</v>
      </c>
      <c r="P630" s="5" t="s">
        <v>39</v>
      </c>
      <c r="Q630" s="5" t="s">
        <v>40</v>
      </c>
      <c r="R630" s="5" t="s">
        <v>1522</v>
      </c>
      <c r="S630" s="5" t="s">
        <v>1523</v>
      </c>
      <c r="T630" s="5" t="s">
        <v>42</v>
      </c>
      <c r="U630" s="2">
        <v>1.5720000000000001</v>
      </c>
      <c r="V630" s="2">
        <v>1.1379999999999999</v>
      </c>
      <c r="W630" s="2">
        <v>1.0999999999999999E-2</v>
      </c>
      <c r="X630" s="2">
        <v>82.9</v>
      </c>
      <c r="Y630" s="2">
        <v>7.6</v>
      </c>
      <c r="Z630" s="2">
        <v>16.7</v>
      </c>
      <c r="AA630" s="5"/>
      <c r="AB630" s="5" t="s">
        <v>43</v>
      </c>
      <c r="AC630" s="5" t="s">
        <v>44</v>
      </c>
      <c r="AD630" s="2"/>
      <c r="AE630" s="1"/>
    </row>
    <row r="631" spans="1:31" ht="14.45">
      <c r="A631" s="11"/>
      <c r="B631" s="20"/>
      <c r="C631" s="2" t="s">
        <v>2312</v>
      </c>
      <c r="D631" s="14" t="s">
        <v>2313</v>
      </c>
      <c r="E631" s="2" t="s">
        <v>2314</v>
      </c>
      <c r="F631" s="2" t="s">
        <v>1791</v>
      </c>
      <c r="G631" s="8">
        <v>136</v>
      </c>
      <c r="H631" s="5">
        <v>6</v>
      </c>
      <c r="I631" s="5" t="s">
        <v>1518</v>
      </c>
      <c r="J631" s="5" t="s">
        <v>1519</v>
      </c>
      <c r="K631" s="2" t="s">
        <v>1520</v>
      </c>
      <c r="L631" s="5" t="s">
        <v>1519</v>
      </c>
      <c r="M631" s="2" t="s">
        <v>1520</v>
      </c>
      <c r="N631" s="5" t="s">
        <v>1521</v>
      </c>
      <c r="O631" s="5" t="s">
        <v>38</v>
      </c>
      <c r="P631" s="5" t="s">
        <v>39</v>
      </c>
      <c r="Q631" s="5" t="s">
        <v>40</v>
      </c>
      <c r="R631" s="5" t="s">
        <v>1522</v>
      </c>
      <c r="S631" s="5" t="s">
        <v>1523</v>
      </c>
      <c r="T631" s="5" t="s">
        <v>42</v>
      </c>
      <c r="U631" s="2">
        <v>1.552</v>
      </c>
      <c r="V631" s="2">
        <v>1.1180000000000001</v>
      </c>
      <c r="W631" s="2">
        <v>1.0999999999999999E-2</v>
      </c>
      <c r="X631" s="2">
        <v>82.9</v>
      </c>
      <c r="Y631" s="2">
        <v>7.6</v>
      </c>
      <c r="Z631" s="2">
        <v>16.7</v>
      </c>
      <c r="AA631" s="5"/>
      <c r="AB631" s="5" t="s">
        <v>43</v>
      </c>
      <c r="AC631" s="5" t="s">
        <v>44</v>
      </c>
      <c r="AD631" s="2"/>
      <c r="AE631" s="1"/>
    </row>
    <row r="632" spans="1:31" ht="14.45">
      <c r="A632" s="11"/>
      <c r="B632" s="20"/>
      <c r="C632" s="2" t="s">
        <v>2315</v>
      </c>
      <c r="D632" s="14" t="s">
        <v>2316</v>
      </c>
      <c r="E632" s="2" t="s">
        <v>2317</v>
      </c>
      <c r="F632" s="2" t="s">
        <v>1795</v>
      </c>
      <c r="G632" s="8">
        <v>136</v>
      </c>
      <c r="H632" s="5">
        <v>6</v>
      </c>
      <c r="I632" s="5" t="s">
        <v>1518</v>
      </c>
      <c r="J632" s="5" t="s">
        <v>1519</v>
      </c>
      <c r="K632" s="2" t="s">
        <v>1520</v>
      </c>
      <c r="L632" s="5" t="s">
        <v>1519</v>
      </c>
      <c r="M632" s="2" t="s">
        <v>1520</v>
      </c>
      <c r="N632" s="5" t="s">
        <v>1521</v>
      </c>
      <c r="O632" s="5" t="s">
        <v>38</v>
      </c>
      <c r="P632" s="5" t="s">
        <v>39</v>
      </c>
      <c r="Q632" s="5" t="s">
        <v>40</v>
      </c>
      <c r="R632" s="5" t="s">
        <v>1522</v>
      </c>
      <c r="S632" s="5" t="s">
        <v>1523</v>
      </c>
      <c r="T632" s="5" t="s">
        <v>42</v>
      </c>
      <c r="U632" s="2">
        <v>1.5820000000000001</v>
      </c>
      <c r="V632" s="2">
        <v>1.1479999999999999</v>
      </c>
      <c r="W632" s="2">
        <v>1.0999999999999999E-2</v>
      </c>
      <c r="X632" s="2">
        <v>82.9</v>
      </c>
      <c r="Y632" s="2">
        <v>7.6</v>
      </c>
      <c r="Z632" s="2">
        <v>16.7</v>
      </c>
      <c r="AA632" s="5"/>
      <c r="AB632" s="5" t="s">
        <v>43</v>
      </c>
      <c r="AC632" s="5" t="s">
        <v>44</v>
      </c>
      <c r="AD632" s="2"/>
      <c r="AE632" s="1"/>
    </row>
    <row r="633" spans="1:31" ht="14.45">
      <c r="A633" s="11"/>
      <c r="B633" s="20"/>
      <c r="C633" s="2" t="s">
        <v>2318</v>
      </c>
      <c r="D633" s="14" t="s">
        <v>2319</v>
      </c>
      <c r="E633" s="2" t="s">
        <v>2320</v>
      </c>
      <c r="F633" s="2" t="s">
        <v>1799</v>
      </c>
      <c r="G633" s="8">
        <v>136</v>
      </c>
      <c r="H633" s="5">
        <v>6</v>
      </c>
      <c r="I633" s="5" t="s">
        <v>1518</v>
      </c>
      <c r="J633" s="5" t="s">
        <v>1519</v>
      </c>
      <c r="K633" s="2" t="s">
        <v>1520</v>
      </c>
      <c r="L633" s="5" t="s">
        <v>1519</v>
      </c>
      <c r="M633" s="2" t="s">
        <v>1520</v>
      </c>
      <c r="N633" s="5" t="s">
        <v>1521</v>
      </c>
      <c r="O633" s="5" t="s">
        <v>38</v>
      </c>
      <c r="P633" s="5" t="s">
        <v>39</v>
      </c>
      <c r="Q633" s="5" t="s">
        <v>40</v>
      </c>
      <c r="R633" s="5" t="s">
        <v>1522</v>
      </c>
      <c r="S633" s="5" t="s">
        <v>1523</v>
      </c>
      <c r="T633" s="5" t="s">
        <v>42</v>
      </c>
      <c r="U633" s="2">
        <v>1.552</v>
      </c>
      <c r="V633" s="2">
        <v>1.1180000000000001</v>
      </c>
      <c r="W633" s="2">
        <v>1.0999999999999999E-2</v>
      </c>
      <c r="X633" s="2">
        <v>82.9</v>
      </c>
      <c r="Y633" s="2">
        <v>7.6</v>
      </c>
      <c r="Z633" s="2">
        <v>16.7</v>
      </c>
      <c r="AA633" s="5"/>
      <c r="AB633" s="5" t="s">
        <v>43</v>
      </c>
      <c r="AC633" s="5" t="s">
        <v>44</v>
      </c>
      <c r="AD633" s="2"/>
      <c r="AE633" s="1"/>
    </row>
    <row r="634" spans="1:31" ht="14.45">
      <c r="A634" s="11"/>
      <c r="B634" s="20"/>
      <c r="C634" s="2" t="s">
        <v>2321</v>
      </c>
      <c r="D634" s="14" t="s">
        <v>2322</v>
      </c>
      <c r="E634" s="2" t="s">
        <v>2323</v>
      </c>
      <c r="F634" s="2" t="s">
        <v>1803</v>
      </c>
      <c r="G634" s="8">
        <v>136</v>
      </c>
      <c r="H634" s="5">
        <v>6</v>
      </c>
      <c r="I634" s="5" t="s">
        <v>1518</v>
      </c>
      <c r="J634" s="5" t="s">
        <v>1519</v>
      </c>
      <c r="K634" s="2" t="s">
        <v>1520</v>
      </c>
      <c r="L634" s="5" t="s">
        <v>1519</v>
      </c>
      <c r="M634" s="2" t="s">
        <v>1520</v>
      </c>
      <c r="N634" s="5" t="s">
        <v>1521</v>
      </c>
      <c r="O634" s="5" t="s">
        <v>38</v>
      </c>
      <c r="P634" s="5" t="s">
        <v>39</v>
      </c>
      <c r="Q634" s="5" t="s">
        <v>40</v>
      </c>
      <c r="R634" s="5" t="s">
        <v>1522</v>
      </c>
      <c r="S634" s="5" t="s">
        <v>1523</v>
      </c>
      <c r="T634" s="5" t="s">
        <v>42</v>
      </c>
      <c r="U634" s="2">
        <v>1.5820000000000001</v>
      </c>
      <c r="V634" s="2">
        <v>1.1479999999999999</v>
      </c>
      <c r="W634" s="2">
        <v>1.0999999999999999E-2</v>
      </c>
      <c r="X634" s="2">
        <v>82.9</v>
      </c>
      <c r="Y634" s="2">
        <v>7.6</v>
      </c>
      <c r="Z634" s="2">
        <v>16.7</v>
      </c>
      <c r="AA634" s="5"/>
      <c r="AB634" s="5" t="s">
        <v>43</v>
      </c>
      <c r="AC634" s="5" t="s">
        <v>44</v>
      </c>
      <c r="AD634" s="2"/>
      <c r="AE634" s="1"/>
    </row>
    <row r="635" spans="1:31" ht="14.45">
      <c r="A635" s="11"/>
      <c r="B635" s="20"/>
      <c r="C635" s="2" t="s">
        <v>2324</v>
      </c>
      <c r="D635" s="14" t="s">
        <v>2325</v>
      </c>
      <c r="E635" s="2" t="s">
        <v>2326</v>
      </c>
      <c r="F635" s="2" t="s">
        <v>1807</v>
      </c>
      <c r="G635" s="8">
        <v>136</v>
      </c>
      <c r="H635" s="5">
        <v>6</v>
      </c>
      <c r="I635" s="5" t="s">
        <v>1518</v>
      </c>
      <c r="J635" s="5" t="s">
        <v>1519</v>
      </c>
      <c r="K635" s="2" t="s">
        <v>1520</v>
      </c>
      <c r="L635" s="5" t="s">
        <v>1519</v>
      </c>
      <c r="M635" s="2" t="s">
        <v>1520</v>
      </c>
      <c r="N635" s="5" t="s">
        <v>1521</v>
      </c>
      <c r="O635" s="5" t="s">
        <v>38</v>
      </c>
      <c r="P635" s="5" t="s">
        <v>39</v>
      </c>
      <c r="Q635" s="5" t="s">
        <v>40</v>
      </c>
      <c r="R635" s="5" t="s">
        <v>1522</v>
      </c>
      <c r="S635" s="5" t="s">
        <v>1523</v>
      </c>
      <c r="T635" s="5" t="s">
        <v>42</v>
      </c>
      <c r="U635" s="2">
        <v>1.552</v>
      </c>
      <c r="V635" s="2">
        <v>1.1180000000000001</v>
      </c>
      <c r="W635" s="2">
        <v>1.0999999999999999E-2</v>
      </c>
      <c r="X635" s="2">
        <v>82.9</v>
      </c>
      <c r="Y635" s="2">
        <v>7.6</v>
      </c>
      <c r="Z635" s="2">
        <v>16.7</v>
      </c>
      <c r="AA635" s="5"/>
      <c r="AB635" s="5" t="s">
        <v>43</v>
      </c>
      <c r="AC635" s="5" t="s">
        <v>44</v>
      </c>
      <c r="AD635" s="2"/>
      <c r="AE635" s="1"/>
    </row>
    <row r="636" spans="1:31" ht="14.45">
      <c r="A636" s="11"/>
      <c r="B636" s="20"/>
      <c r="C636" s="2" t="s">
        <v>2327</v>
      </c>
      <c r="D636" s="14" t="s">
        <v>2328</v>
      </c>
      <c r="E636" s="2" t="s">
        <v>2329</v>
      </c>
      <c r="F636" s="2" t="s">
        <v>1811</v>
      </c>
      <c r="G636" s="8">
        <v>136</v>
      </c>
      <c r="H636" s="5">
        <v>6</v>
      </c>
      <c r="I636" s="5" t="s">
        <v>1518</v>
      </c>
      <c r="J636" s="5" t="s">
        <v>1519</v>
      </c>
      <c r="K636" s="2" t="s">
        <v>1520</v>
      </c>
      <c r="L636" s="5" t="s">
        <v>1519</v>
      </c>
      <c r="M636" s="2" t="s">
        <v>1520</v>
      </c>
      <c r="N636" s="5" t="s">
        <v>1521</v>
      </c>
      <c r="O636" s="5" t="s">
        <v>38</v>
      </c>
      <c r="P636" s="5" t="s">
        <v>39</v>
      </c>
      <c r="Q636" s="5" t="s">
        <v>40</v>
      </c>
      <c r="R636" s="5" t="s">
        <v>1522</v>
      </c>
      <c r="S636" s="5" t="s">
        <v>1523</v>
      </c>
      <c r="T636" s="5" t="s">
        <v>42</v>
      </c>
      <c r="U636" s="2">
        <v>1.5820000000000001</v>
      </c>
      <c r="V636" s="2">
        <v>1.1479999999999999</v>
      </c>
      <c r="W636" s="2">
        <v>1.0999999999999999E-2</v>
      </c>
      <c r="X636" s="2">
        <v>82.9</v>
      </c>
      <c r="Y636" s="2">
        <v>7.6</v>
      </c>
      <c r="Z636" s="2">
        <v>16.7</v>
      </c>
      <c r="AA636" s="5"/>
      <c r="AB636" s="5" t="s">
        <v>43</v>
      </c>
      <c r="AC636" s="5" t="s">
        <v>44</v>
      </c>
      <c r="AD636" s="2"/>
      <c r="AE636" s="1"/>
    </row>
    <row r="637" spans="1:31" ht="14.45">
      <c r="A637" s="11"/>
      <c r="B637" s="20"/>
      <c r="C637" s="2" t="s">
        <v>2330</v>
      </c>
      <c r="D637" s="14" t="s">
        <v>2331</v>
      </c>
      <c r="E637" s="2" t="s">
        <v>2332</v>
      </c>
      <c r="F637" s="2" t="s">
        <v>1815</v>
      </c>
      <c r="G637" s="8">
        <v>136</v>
      </c>
      <c r="H637" s="5">
        <v>6</v>
      </c>
      <c r="I637" s="5" t="s">
        <v>1518</v>
      </c>
      <c r="J637" s="5" t="s">
        <v>1519</v>
      </c>
      <c r="K637" s="2" t="s">
        <v>1520</v>
      </c>
      <c r="L637" s="5" t="s">
        <v>1519</v>
      </c>
      <c r="M637" s="2" t="s">
        <v>1520</v>
      </c>
      <c r="N637" s="5" t="s">
        <v>1521</v>
      </c>
      <c r="O637" s="5" t="s">
        <v>38</v>
      </c>
      <c r="P637" s="5" t="s">
        <v>39</v>
      </c>
      <c r="Q637" s="5" t="s">
        <v>40</v>
      </c>
      <c r="R637" s="5" t="s">
        <v>1522</v>
      </c>
      <c r="S637" s="5" t="s">
        <v>1523</v>
      </c>
      <c r="T637" s="5" t="s">
        <v>42</v>
      </c>
      <c r="U637" s="2">
        <v>1.542</v>
      </c>
      <c r="V637" s="2">
        <v>1.1080000000000001</v>
      </c>
      <c r="W637" s="2">
        <v>1.0999999999999999E-2</v>
      </c>
      <c r="X637" s="2">
        <v>82.9</v>
      </c>
      <c r="Y637" s="2">
        <v>7.6</v>
      </c>
      <c r="Z637" s="2">
        <v>16.7</v>
      </c>
      <c r="AA637" s="5"/>
      <c r="AB637" s="5" t="s">
        <v>43</v>
      </c>
      <c r="AC637" s="5" t="s">
        <v>44</v>
      </c>
      <c r="AD637" s="2"/>
      <c r="AE637" s="1"/>
    </row>
    <row r="638" spans="1:31" ht="14.45">
      <c r="A638" s="11"/>
      <c r="B638" s="20"/>
      <c r="C638" s="2" t="s">
        <v>2333</v>
      </c>
      <c r="D638" s="14" t="s">
        <v>2334</v>
      </c>
      <c r="E638" s="2" t="s">
        <v>2335</v>
      </c>
      <c r="F638" s="2" t="s">
        <v>1819</v>
      </c>
      <c r="G638" s="8">
        <v>136</v>
      </c>
      <c r="H638" s="5">
        <v>6</v>
      </c>
      <c r="I638" s="5" t="s">
        <v>1518</v>
      </c>
      <c r="J638" s="5" t="s">
        <v>1519</v>
      </c>
      <c r="K638" s="2" t="s">
        <v>1520</v>
      </c>
      <c r="L638" s="5" t="s">
        <v>1519</v>
      </c>
      <c r="M638" s="2" t="s">
        <v>1520</v>
      </c>
      <c r="N638" s="5" t="s">
        <v>1521</v>
      </c>
      <c r="O638" s="5" t="s">
        <v>38</v>
      </c>
      <c r="P638" s="5" t="s">
        <v>39</v>
      </c>
      <c r="Q638" s="5" t="s">
        <v>40</v>
      </c>
      <c r="R638" s="5" t="s">
        <v>1522</v>
      </c>
      <c r="S638" s="5" t="s">
        <v>1523</v>
      </c>
      <c r="T638" s="5" t="s">
        <v>42</v>
      </c>
      <c r="U638" s="2">
        <v>1.5720000000000001</v>
      </c>
      <c r="V638" s="2">
        <v>1.1379999999999999</v>
      </c>
      <c r="W638" s="2">
        <v>1.0999999999999999E-2</v>
      </c>
      <c r="X638" s="2">
        <v>82.9</v>
      </c>
      <c r="Y638" s="2">
        <v>7.6</v>
      </c>
      <c r="Z638" s="2">
        <v>16.7</v>
      </c>
      <c r="AA638" s="5"/>
      <c r="AB638" s="5" t="s">
        <v>43</v>
      </c>
      <c r="AC638" s="5" t="s">
        <v>44</v>
      </c>
      <c r="AD638" s="2"/>
      <c r="AE638" s="1"/>
    </row>
    <row r="639" spans="1:31" ht="14.45">
      <c r="A639" s="11"/>
      <c r="B639" s="20"/>
      <c r="C639" s="2" t="s">
        <v>2336</v>
      </c>
      <c r="D639" s="14" t="s">
        <v>2337</v>
      </c>
      <c r="E639" s="2" t="s">
        <v>2338</v>
      </c>
      <c r="F639" s="2" t="s">
        <v>1823</v>
      </c>
      <c r="G639" s="8">
        <v>136</v>
      </c>
      <c r="H639" s="5">
        <v>8</v>
      </c>
      <c r="I639" s="5" t="s">
        <v>1518</v>
      </c>
      <c r="J639" s="5" t="s">
        <v>1519</v>
      </c>
      <c r="K639" s="2" t="s">
        <v>1520</v>
      </c>
      <c r="L639" s="5" t="s">
        <v>1519</v>
      </c>
      <c r="M639" s="2" t="s">
        <v>1520</v>
      </c>
      <c r="N639" s="5" t="s">
        <v>1521</v>
      </c>
      <c r="O639" s="5" t="s">
        <v>38</v>
      </c>
      <c r="P639" s="5" t="s">
        <v>39</v>
      </c>
      <c r="Q639" s="5" t="s">
        <v>40</v>
      </c>
      <c r="R639" s="5" t="s">
        <v>1522</v>
      </c>
      <c r="S639" s="5" t="s">
        <v>1523</v>
      </c>
      <c r="T639" s="5" t="s">
        <v>42</v>
      </c>
      <c r="U639" s="2">
        <v>1.5589999999999999</v>
      </c>
      <c r="V639" s="2">
        <v>1.125</v>
      </c>
      <c r="W639" s="2">
        <v>1.0999999999999999E-2</v>
      </c>
      <c r="X639" s="2">
        <v>82.9</v>
      </c>
      <c r="Y639" s="2">
        <v>7.6</v>
      </c>
      <c r="Z639" s="2">
        <v>16.7</v>
      </c>
      <c r="AA639" s="5"/>
      <c r="AB639" s="5" t="s">
        <v>43</v>
      </c>
      <c r="AC639" s="5" t="s">
        <v>44</v>
      </c>
      <c r="AD639" s="2"/>
      <c r="AE639" s="1"/>
    </row>
    <row r="640" spans="1:31" ht="14.45">
      <c r="A640" s="11"/>
      <c r="B640" s="20"/>
      <c r="C640" s="2" t="s">
        <v>2339</v>
      </c>
      <c r="D640" s="14" t="s">
        <v>2340</v>
      </c>
      <c r="E640" s="2" t="s">
        <v>2341</v>
      </c>
      <c r="F640" s="2" t="s">
        <v>1827</v>
      </c>
      <c r="G640" s="8">
        <v>136</v>
      </c>
      <c r="H640" s="5">
        <v>8</v>
      </c>
      <c r="I640" s="5" t="s">
        <v>1518</v>
      </c>
      <c r="J640" s="5" t="s">
        <v>1519</v>
      </c>
      <c r="K640" s="2" t="s">
        <v>1520</v>
      </c>
      <c r="L640" s="5" t="s">
        <v>1519</v>
      </c>
      <c r="M640" s="2" t="s">
        <v>1520</v>
      </c>
      <c r="N640" s="5" t="s">
        <v>1521</v>
      </c>
      <c r="O640" s="5" t="s">
        <v>38</v>
      </c>
      <c r="P640" s="5" t="s">
        <v>39</v>
      </c>
      <c r="Q640" s="5" t="s">
        <v>40</v>
      </c>
      <c r="R640" s="5" t="s">
        <v>1522</v>
      </c>
      <c r="S640" s="5" t="s">
        <v>1523</v>
      </c>
      <c r="T640" s="5" t="s">
        <v>42</v>
      </c>
      <c r="U640" s="2">
        <v>1.589</v>
      </c>
      <c r="V640" s="2">
        <v>1.155</v>
      </c>
      <c r="W640" s="2">
        <v>1.0999999999999999E-2</v>
      </c>
      <c r="X640" s="2">
        <v>82.9</v>
      </c>
      <c r="Y640" s="2">
        <v>7.6</v>
      </c>
      <c r="Z640" s="2">
        <v>16.7</v>
      </c>
      <c r="AA640" s="5"/>
      <c r="AB640" s="5" t="s">
        <v>43</v>
      </c>
      <c r="AC640" s="5" t="s">
        <v>44</v>
      </c>
      <c r="AD640" s="2"/>
      <c r="AE640" s="1"/>
    </row>
    <row r="641" spans="1:31" ht="14.45">
      <c r="A641" s="11"/>
      <c r="B641" s="20"/>
      <c r="C641" s="2" t="s">
        <v>2342</v>
      </c>
      <c r="D641" s="14" t="s">
        <v>2343</v>
      </c>
      <c r="E641" s="2" t="s">
        <v>2344</v>
      </c>
      <c r="F641" s="2" t="s">
        <v>1973</v>
      </c>
      <c r="G641" s="8">
        <v>136</v>
      </c>
      <c r="H641" s="5">
        <v>13</v>
      </c>
      <c r="I641" s="5" t="s">
        <v>1518</v>
      </c>
      <c r="J641" s="5" t="s">
        <v>1519</v>
      </c>
      <c r="K641" s="2" t="s">
        <v>1520</v>
      </c>
      <c r="L641" s="5" t="s">
        <v>1519</v>
      </c>
      <c r="M641" s="2" t="s">
        <v>1520</v>
      </c>
      <c r="N641" s="5" t="s">
        <v>1521</v>
      </c>
      <c r="O641" s="5" t="s">
        <v>38</v>
      </c>
      <c r="P641" s="5" t="s">
        <v>39</v>
      </c>
      <c r="Q641" s="5" t="s">
        <v>40</v>
      </c>
      <c r="R641" s="5" t="s">
        <v>1522</v>
      </c>
      <c r="S641" s="5" t="s">
        <v>1523</v>
      </c>
      <c r="T641" s="5" t="s">
        <v>42</v>
      </c>
      <c r="U641" s="2">
        <v>1.579</v>
      </c>
      <c r="V641" s="2">
        <v>1.145</v>
      </c>
      <c r="W641" s="2">
        <v>1.0999999999999999E-2</v>
      </c>
      <c r="X641" s="2">
        <v>82.9</v>
      </c>
      <c r="Y641" s="2">
        <v>7.6</v>
      </c>
      <c r="Z641" s="2">
        <v>16.7</v>
      </c>
      <c r="AA641" s="5"/>
      <c r="AB641" s="5" t="s">
        <v>43</v>
      </c>
      <c r="AC641" s="5" t="s">
        <v>44</v>
      </c>
      <c r="AD641" s="2"/>
      <c r="AE641" s="1"/>
    </row>
    <row r="642" spans="1:31" ht="14.45">
      <c r="A642" s="11"/>
      <c r="B642" s="20"/>
      <c r="C642" s="2" t="s">
        <v>2345</v>
      </c>
      <c r="D642" s="14" t="s">
        <v>2346</v>
      </c>
      <c r="E642" s="2" t="s">
        <v>2347</v>
      </c>
      <c r="F642" s="2" t="s">
        <v>2348</v>
      </c>
      <c r="G642" s="8">
        <v>136</v>
      </c>
      <c r="H642" s="5">
        <v>13</v>
      </c>
      <c r="I642" s="5" t="s">
        <v>1518</v>
      </c>
      <c r="J642" s="5" t="s">
        <v>1519</v>
      </c>
      <c r="K642" s="2" t="s">
        <v>1520</v>
      </c>
      <c r="L642" s="5" t="s">
        <v>1519</v>
      </c>
      <c r="M642" s="2" t="s">
        <v>1520</v>
      </c>
      <c r="N642" s="5" t="s">
        <v>1521</v>
      </c>
      <c r="O642" s="5" t="s">
        <v>38</v>
      </c>
      <c r="P642" s="5" t="s">
        <v>39</v>
      </c>
      <c r="Q642" s="5" t="s">
        <v>40</v>
      </c>
      <c r="R642" s="5" t="s">
        <v>1522</v>
      </c>
      <c r="S642" s="5" t="s">
        <v>1523</v>
      </c>
      <c r="T642" s="5" t="s">
        <v>42</v>
      </c>
      <c r="U642" s="2">
        <v>1.609</v>
      </c>
      <c r="V642" s="2">
        <v>1.175</v>
      </c>
      <c r="W642" s="2">
        <v>1.0999999999999999E-2</v>
      </c>
      <c r="X642" s="2">
        <v>82.9</v>
      </c>
      <c r="Y642" s="2">
        <v>7.6</v>
      </c>
      <c r="Z642" s="2">
        <v>16.7</v>
      </c>
      <c r="AA642" s="5"/>
      <c r="AB642" s="5" t="s">
        <v>43</v>
      </c>
      <c r="AC642" s="5" t="s">
        <v>44</v>
      </c>
      <c r="AD642" s="2"/>
      <c r="AE642" s="1"/>
    </row>
    <row r="643" spans="1:31" ht="14.45">
      <c r="A643" s="11"/>
      <c r="B643" s="20"/>
      <c r="C643" s="2" t="s">
        <v>2349</v>
      </c>
      <c r="D643" s="14" t="s">
        <v>2350</v>
      </c>
      <c r="E643" s="2" t="s">
        <v>2351</v>
      </c>
      <c r="F643" s="2" t="s">
        <v>2208</v>
      </c>
      <c r="G643" s="8">
        <v>136</v>
      </c>
      <c r="H643" s="5">
        <v>13</v>
      </c>
      <c r="I643" s="5" t="s">
        <v>1518</v>
      </c>
      <c r="J643" s="5" t="s">
        <v>1519</v>
      </c>
      <c r="K643" s="2" t="s">
        <v>1520</v>
      </c>
      <c r="L643" s="5" t="s">
        <v>1519</v>
      </c>
      <c r="M643" s="2" t="s">
        <v>1520</v>
      </c>
      <c r="N643" s="5" t="s">
        <v>1521</v>
      </c>
      <c r="O643" s="5" t="s">
        <v>38</v>
      </c>
      <c r="P643" s="5" t="s">
        <v>39</v>
      </c>
      <c r="Q643" s="5" t="s">
        <v>40</v>
      </c>
      <c r="R643" s="5" t="s">
        <v>1522</v>
      </c>
      <c r="S643" s="5" t="s">
        <v>1523</v>
      </c>
      <c r="T643" s="5" t="s">
        <v>42</v>
      </c>
      <c r="U643" s="2">
        <v>1.579</v>
      </c>
      <c r="V643" s="2">
        <v>1.145</v>
      </c>
      <c r="W643" s="2">
        <v>1.0999999999999999E-2</v>
      </c>
      <c r="X643" s="2">
        <v>82.9</v>
      </c>
      <c r="Y643" s="2">
        <v>7.6</v>
      </c>
      <c r="Z643" s="2">
        <v>16.7</v>
      </c>
      <c r="AA643" s="5"/>
      <c r="AB643" s="5" t="s">
        <v>43</v>
      </c>
      <c r="AC643" s="5" t="s">
        <v>44</v>
      </c>
      <c r="AD643" s="2"/>
      <c r="AE643" s="1"/>
    </row>
    <row r="644" spans="1:31" ht="14.45">
      <c r="A644" s="11"/>
      <c r="B644" s="20"/>
      <c r="C644" s="2" t="s">
        <v>2352</v>
      </c>
      <c r="D644" s="14" t="s">
        <v>2353</v>
      </c>
      <c r="E644" s="2" t="s">
        <v>2354</v>
      </c>
      <c r="F644" s="2" t="s">
        <v>2212</v>
      </c>
      <c r="G644" s="8">
        <v>136</v>
      </c>
      <c r="H644" s="5">
        <v>13</v>
      </c>
      <c r="I644" s="5" t="s">
        <v>1518</v>
      </c>
      <c r="J644" s="5" t="s">
        <v>1519</v>
      </c>
      <c r="K644" s="2" t="s">
        <v>1520</v>
      </c>
      <c r="L644" s="5" t="s">
        <v>1519</v>
      </c>
      <c r="M644" s="2" t="s">
        <v>1520</v>
      </c>
      <c r="N644" s="5" t="s">
        <v>1521</v>
      </c>
      <c r="O644" s="5" t="s">
        <v>38</v>
      </c>
      <c r="P644" s="5" t="s">
        <v>39</v>
      </c>
      <c r="Q644" s="5" t="s">
        <v>40</v>
      </c>
      <c r="R644" s="5" t="s">
        <v>1522</v>
      </c>
      <c r="S644" s="5" t="s">
        <v>1523</v>
      </c>
      <c r="T644" s="5" t="s">
        <v>42</v>
      </c>
      <c r="U644" s="2">
        <v>1.609</v>
      </c>
      <c r="V644" s="2">
        <v>1.175</v>
      </c>
      <c r="W644" s="2">
        <v>1.0999999999999999E-2</v>
      </c>
      <c r="X644" s="2">
        <v>82.9</v>
      </c>
      <c r="Y644" s="2">
        <v>7.6</v>
      </c>
      <c r="Z644" s="2">
        <v>16.7</v>
      </c>
      <c r="AA644" s="5"/>
      <c r="AB644" s="5" t="s">
        <v>43</v>
      </c>
      <c r="AC644" s="5" t="s">
        <v>44</v>
      </c>
      <c r="AD644" s="2"/>
      <c r="AE644" s="1"/>
    </row>
    <row r="645" spans="1:31" ht="14.45">
      <c r="A645" s="11"/>
      <c r="B645" s="20"/>
      <c r="C645" s="2" t="s">
        <v>2355</v>
      </c>
      <c r="D645" s="14" t="s">
        <v>2356</v>
      </c>
      <c r="E645" s="2" t="s">
        <v>2357</v>
      </c>
      <c r="F645" s="2" t="s">
        <v>1831</v>
      </c>
      <c r="G645" s="8">
        <v>136</v>
      </c>
      <c r="H645" s="5">
        <v>13</v>
      </c>
      <c r="I645" s="5" t="s">
        <v>1518</v>
      </c>
      <c r="J645" s="5" t="s">
        <v>1519</v>
      </c>
      <c r="K645" s="2" t="s">
        <v>1520</v>
      </c>
      <c r="L645" s="5" t="s">
        <v>1519</v>
      </c>
      <c r="M645" s="2" t="s">
        <v>1520</v>
      </c>
      <c r="N645" s="5" t="s">
        <v>1521</v>
      </c>
      <c r="O645" s="5" t="s">
        <v>38</v>
      </c>
      <c r="P645" s="5" t="s">
        <v>39</v>
      </c>
      <c r="Q645" s="5" t="s">
        <v>40</v>
      </c>
      <c r="R645" s="5" t="s">
        <v>1522</v>
      </c>
      <c r="S645" s="5" t="s">
        <v>1523</v>
      </c>
      <c r="T645" s="5" t="s">
        <v>42</v>
      </c>
      <c r="U645" s="2">
        <v>1.579</v>
      </c>
      <c r="V645" s="2">
        <v>1.145</v>
      </c>
      <c r="W645" s="2">
        <v>1.0999999999999999E-2</v>
      </c>
      <c r="X645" s="2">
        <v>82.9</v>
      </c>
      <c r="Y645" s="2">
        <v>7.6</v>
      </c>
      <c r="Z645" s="2">
        <v>16.7</v>
      </c>
      <c r="AA645" s="5"/>
      <c r="AB645" s="5" t="s">
        <v>43</v>
      </c>
      <c r="AC645" s="5" t="s">
        <v>44</v>
      </c>
      <c r="AD645" s="2"/>
      <c r="AE645" s="1"/>
    </row>
    <row r="646" spans="1:31" ht="14.45">
      <c r="A646" s="11"/>
      <c r="B646" s="20"/>
      <c r="C646" s="2" t="s">
        <v>2358</v>
      </c>
      <c r="D646" s="14" t="s">
        <v>2359</v>
      </c>
      <c r="E646" s="2" t="s">
        <v>2360</v>
      </c>
      <c r="F646" s="2" t="s">
        <v>1835</v>
      </c>
      <c r="G646" s="8">
        <v>136</v>
      </c>
      <c r="H646" s="5">
        <v>13</v>
      </c>
      <c r="I646" s="5" t="s">
        <v>1518</v>
      </c>
      <c r="J646" s="5" t="s">
        <v>1519</v>
      </c>
      <c r="K646" s="2" t="s">
        <v>1520</v>
      </c>
      <c r="L646" s="5" t="s">
        <v>1519</v>
      </c>
      <c r="M646" s="2" t="s">
        <v>1520</v>
      </c>
      <c r="N646" s="5" t="s">
        <v>1521</v>
      </c>
      <c r="O646" s="5" t="s">
        <v>38</v>
      </c>
      <c r="P646" s="5" t="s">
        <v>39</v>
      </c>
      <c r="Q646" s="5" t="s">
        <v>40</v>
      </c>
      <c r="R646" s="5" t="s">
        <v>1522</v>
      </c>
      <c r="S646" s="5" t="s">
        <v>1523</v>
      </c>
      <c r="T646" s="5" t="s">
        <v>42</v>
      </c>
      <c r="U646" s="2">
        <v>1.609</v>
      </c>
      <c r="V646" s="2">
        <v>1.175</v>
      </c>
      <c r="W646" s="2">
        <v>1.0999999999999999E-2</v>
      </c>
      <c r="X646" s="2">
        <v>82.9</v>
      </c>
      <c r="Y646" s="2">
        <v>7.6</v>
      </c>
      <c r="Z646" s="2">
        <v>16.7</v>
      </c>
      <c r="AA646" s="5"/>
      <c r="AB646" s="5" t="s">
        <v>43</v>
      </c>
      <c r="AC646" s="5" t="s">
        <v>44</v>
      </c>
      <c r="AD646" s="2"/>
      <c r="AE646" s="1"/>
    </row>
    <row r="647" spans="1:31" ht="14.45">
      <c r="A647" s="11"/>
      <c r="B647" s="20"/>
      <c r="C647" s="2" t="s">
        <v>2361</v>
      </c>
      <c r="D647" s="14" t="s">
        <v>2362</v>
      </c>
      <c r="E647" s="2" t="s">
        <v>2363</v>
      </c>
      <c r="F647" s="2" t="s">
        <v>1986</v>
      </c>
      <c r="G647" s="8">
        <v>136</v>
      </c>
      <c r="H647" s="5">
        <v>13</v>
      </c>
      <c r="I647" s="5" t="s">
        <v>1518</v>
      </c>
      <c r="J647" s="5" t="s">
        <v>1519</v>
      </c>
      <c r="K647" s="2" t="s">
        <v>1520</v>
      </c>
      <c r="L647" s="5" t="s">
        <v>1519</v>
      </c>
      <c r="M647" s="2" t="s">
        <v>1520</v>
      </c>
      <c r="N647" s="5" t="s">
        <v>1521</v>
      </c>
      <c r="O647" s="5" t="s">
        <v>38</v>
      </c>
      <c r="P647" s="5" t="s">
        <v>39</v>
      </c>
      <c r="Q647" s="5" t="s">
        <v>40</v>
      </c>
      <c r="R647" s="5" t="s">
        <v>1522</v>
      </c>
      <c r="S647" s="5" t="s">
        <v>1523</v>
      </c>
      <c r="T647" s="5" t="s">
        <v>42</v>
      </c>
      <c r="U647" s="2">
        <v>1.609</v>
      </c>
      <c r="V647" s="2">
        <v>1.175</v>
      </c>
      <c r="W647" s="2">
        <v>1.0999999999999999E-2</v>
      </c>
      <c r="X647" s="2">
        <v>82.9</v>
      </c>
      <c r="Y647" s="2">
        <v>7.6</v>
      </c>
      <c r="Z647" s="2">
        <v>16.7</v>
      </c>
      <c r="AA647" s="5"/>
      <c r="AB647" s="5" t="s">
        <v>43</v>
      </c>
      <c r="AC647" s="5" t="s">
        <v>44</v>
      </c>
      <c r="AD647" s="2"/>
      <c r="AE647" s="1"/>
    </row>
    <row r="648" spans="1:31" ht="14.45">
      <c r="A648" s="11"/>
      <c r="B648" s="20"/>
      <c r="C648" s="2" t="s">
        <v>2364</v>
      </c>
      <c r="D648" s="14" t="s">
        <v>2365</v>
      </c>
      <c r="E648" s="2" t="s">
        <v>2366</v>
      </c>
      <c r="F648" s="2" t="s">
        <v>1843</v>
      </c>
      <c r="G648" s="8">
        <v>136</v>
      </c>
      <c r="H648" s="5">
        <v>13</v>
      </c>
      <c r="I648" s="5" t="s">
        <v>1518</v>
      </c>
      <c r="J648" s="5" t="s">
        <v>1519</v>
      </c>
      <c r="K648" s="2" t="s">
        <v>1520</v>
      </c>
      <c r="L648" s="5" t="s">
        <v>1519</v>
      </c>
      <c r="M648" s="2" t="s">
        <v>1520</v>
      </c>
      <c r="N648" s="5" t="s">
        <v>1521</v>
      </c>
      <c r="O648" s="5" t="s">
        <v>38</v>
      </c>
      <c r="P648" s="5" t="s">
        <v>39</v>
      </c>
      <c r="Q648" s="5" t="s">
        <v>40</v>
      </c>
      <c r="R648" s="5" t="s">
        <v>1522</v>
      </c>
      <c r="S648" s="5" t="s">
        <v>1523</v>
      </c>
      <c r="T648" s="5" t="s">
        <v>42</v>
      </c>
      <c r="U648" s="2">
        <v>1.579</v>
      </c>
      <c r="V648" s="2">
        <v>1.145</v>
      </c>
      <c r="W648" s="2">
        <v>1.0999999999999999E-2</v>
      </c>
      <c r="X648" s="2">
        <v>82.9</v>
      </c>
      <c r="Y648" s="2">
        <v>7.6</v>
      </c>
      <c r="Z648" s="2">
        <v>16.7</v>
      </c>
      <c r="AA648" s="5"/>
      <c r="AB648" s="5" t="s">
        <v>43</v>
      </c>
      <c r="AC648" s="5" t="s">
        <v>44</v>
      </c>
      <c r="AD648" s="2"/>
      <c r="AE648" s="1"/>
    </row>
    <row r="649" spans="1:31" ht="14.45">
      <c r="A649" s="11"/>
      <c r="B649" s="20"/>
      <c r="C649" s="2" t="s">
        <v>2367</v>
      </c>
      <c r="D649" s="14" t="s">
        <v>2368</v>
      </c>
      <c r="E649" s="2" t="s">
        <v>2369</v>
      </c>
      <c r="F649" s="2" t="s">
        <v>1847</v>
      </c>
      <c r="G649" s="8">
        <v>136</v>
      </c>
      <c r="H649" s="5">
        <v>13</v>
      </c>
      <c r="I649" s="5" t="s">
        <v>1518</v>
      </c>
      <c r="J649" s="5" t="s">
        <v>1519</v>
      </c>
      <c r="K649" s="2" t="s">
        <v>1520</v>
      </c>
      <c r="L649" s="5" t="s">
        <v>1519</v>
      </c>
      <c r="M649" s="2" t="s">
        <v>1520</v>
      </c>
      <c r="N649" s="5" t="s">
        <v>1521</v>
      </c>
      <c r="O649" s="5" t="s">
        <v>38</v>
      </c>
      <c r="P649" s="5" t="s">
        <v>39</v>
      </c>
      <c r="Q649" s="5" t="s">
        <v>40</v>
      </c>
      <c r="R649" s="5" t="s">
        <v>1522</v>
      </c>
      <c r="S649" s="5" t="s">
        <v>1523</v>
      </c>
      <c r="T649" s="5" t="s">
        <v>42</v>
      </c>
      <c r="U649" s="2">
        <v>1.609</v>
      </c>
      <c r="V649" s="2">
        <v>1.175</v>
      </c>
      <c r="W649" s="2">
        <v>1.0999999999999999E-2</v>
      </c>
      <c r="X649" s="2">
        <v>82.9</v>
      </c>
      <c r="Y649" s="2">
        <v>7.6</v>
      </c>
      <c r="Z649" s="2">
        <v>16.7</v>
      </c>
      <c r="AA649" s="5"/>
      <c r="AB649" s="5" t="s">
        <v>43</v>
      </c>
      <c r="AC649" s="5" t="s">
        <v>44</v>
      </c>
      <c r="AD649" s="2"/>
      <c r="AE649" s="1"/>
    </row>
    <row r="650" spans="1:31" ht="14.45">
      <c r="A650" s="11"/>
      <c r="B650" s="20"/>
      <c r="C650" s="2" t="s">
        <v>2370</v>
      </c>
      <c r="D650" s="14" t="s">
        <v>2371</v>
      </c>
      <c r="E650" s="2" t="s">
        <v>2372</v>
      </c>
      <c r="F650" s="2" t="s">
        <v>1851</v>
      </c>
      <c r="G650" s="8">
        <v>136</v>
      </c>
      <c r="H650" s="5">
        <v>13</v>
      </c>
      <c r="I650" s="5" t="s">
        <v>1518</v>
      </c>
      <c r="J650" s="5" t="s">
        <v>1519</v>
      </c>
      <c r="K650" s="2" t="s">
        <v>1520</v>
      </c>
      <c r="L650" s="5" t="s">
        <v>1519</v>
      </c>
      <c r="M650" s="2" t="s">
        <v>1520</v>
      </c>
      <c r="N650" s="5" t="s">
        <v>1521</v>
      </c>
      <c r="O650" s="5" t="s">
        <v>38</v>
      </c>
      <c r="P650" s="5" t="s">
        <v>39</v>
      </c>
      <c r="Q650" s="5" t="s">
        <v>40</v>
      </c>
      <c r="R650" s="5" t="s">
        <v>1522</v>
      </c>
      <c r="S650" s="5" t="s">
        <v>1523</v>
      </c>
      <c r="T650" s="5" t="s">
        <v>42</v>
      </c>
      <c r="U650" s="2">
        <v>1.579</v>
      </c>
      <c r="V650" s="2">
        <v>1.145</v>
      </c>
      <c r="W650" s="2">
        <v>1.0999999999999999E-2</v>
      </c>
      <c r="X650" s="2">
        <v>82.9</v>
      </c>
      <c r="Y650" s="2">
        <v>7.6</v>
      </c>
      <c r="Z650" s="2">
        <v>16.7</v>
      </c>
      <c r="AA650" s="5"/>
      <c r="AB650" s="5" t="s">
        <v>43</v>
      </c>
      <c r="AC650" s="5" t="s">
        <v>44</v>
      </c>
      <c r="AD650" s="2"/>
      <c r="AE650" s="1"/>
    </row>
    <row r="651" spans="1:31" ht="14.45">
      <c r="A651" s="11"/>
      <c r="B651" s="20"/>
      <c r="C651" s="2" t="s">
        <v>2373</v>
      </c>
      <c r="D651" s="14" t="s">
        <v>2374</v>
      </c>
      <c r="E651" s="2" t="s">
        <v>2375</v>
      </c>
      <c r="F651" s="2" t="s">
        <v>1999</v>
      </c>
      <c r="G651" s="8">
        <v>136</v>
      </c>
      <c r="H651" s="5">
        <v>13</v>
      </c>
      <c r="I651" s="5" t="s">
        <v>1518</v>
      </c>
      <c r="J651" s="5" t="s">
        <v>1519</v>
      </c>
      <c r="K651" s="2" t="s">
        <v>1520</v>
      </c>
      <c r="L651" s="5" t="s">
        <v>1519</v>
      </c>
      <c r="M651" s="2" t="s">
        <v>1520</v>
      </c>
      <c r="N651" s="5" t="s">
        <v>1521</v>
      </c>
      <c r="O651" s="5" t="s">
        <v>38</v>
      </c>
      <c r="P651" s="5" t="s">
        <v>39</v>
      </c>
      <c r="Q651" s="5" t="s">
        <v>40</v>
      </c>
      <c r="R651" s="5" t="s">
        <v>1522</v>
      </c>
      <c r="S651" s="5" t="s">
        <v>1523</v>
      </c>
      <c r="T651" s="5" t="s">
        <v>42</v>
      </c>
      <c r="U651" s="2">
        <v>1.609</v>
      </c>
      <c r="V651" s="2">
        <v>1.175</v>
      </c>
      <c r="W651" s="2">
        <v>1.0999999999999999E-2</v>
      </c>
      <c r="X651" s="2">
        <v>82.9</v>
      </c>
      <c r="Y651" s="2">
        <v>7.6</v>
      </c>
      <c r="Z651" s="2">
        <v>16.7</v>
      </c>
      <c r="AA651" s="5"/>
      <c r="AB651" s="5" t="s">
        <v>43</v>
      </c>
      <c r="AC651" s="5" t="s">
        <v>44</v>
      </c>
      <c r="AD651" s="2"/>
      <c r="AE651" s="1"/>
    </row>
    <row r="652" spans="1:31" ht="14.45">
      <c r="A652" s="11"/>
      <c r="B652" s="20"/>
      <c r="C652" s="2" t="s">
        <v>2376</v>
      </c>
      <c r="D652" s="14" t="s">
        <v>2377</v>
      </c>
      <c r="E652" s="2" t="s">
        <v>2378</v>
      </c>
      <c r="F652" s="2" t="s">
        <v>1855</v>
      </c>
      <c r="G652" s="8">
        <v>136</v>
      </c>
      <c r="H652" s="5">
        <v>13</v>
      </c>
      <c r="I652" s="5" t="s">
        <v>1518</v>
      </c>
      <c r="J652" s="5" t="s">
        <v>1519</v>
      </c>
      <c r="K652" s="2" t="s">
        <v>1520</v>
      </c>
      <c r="L652" s="5" t="s">
        <v>1519</v>
      </c>
      <c r="M652" s="2" t="s">
        <v>1520</v>
      </c>
      <c r="N652" s="5" t="s">
        <v>1521</v>
      </c>
      <c r="O652" s="5" t="s">
        <v>38</v>
      </c>
      <c r="P652" s="5" t="s">
        <v>39</v>
      </c>
      <c r="Q652" s="5" t="s">
        <v>40</v>
      </c>
      <c r="R652" s="5" t="s">
        <v>1522</v>
      </c>
      <c r="S652" s="5" t="s">
        <v>1523</v>
      </c>
      <c r="T652" s="5" t="s">
        <v>42</v>
      </c>
      <c r="U652" s="2">
        <v>1.579</v>
      </c>
      <c r="V652" s="2">
        <v>1.145</v>
      </c>
      <c r="W652" s="2">
        <v>1.0999999999999999E-2</v>
      </c>
      <c r="X652" s="2">
        <v>82.9</v>
      </c>
      <c r="Y652" s="2">
        <v>7.6</v>
      </c>
      <c r="Z652" s="2">
        <v>16.7</v>
      </c>
      <c r="AA652" s="5"/>
      <c r="AB652" s="5" t="s">
        <v>43</v>
      </c>
      <c r="AC652" s="5" t="s">
        <v>44</v>
      </c>
      <c r="AD652" s="2"/>
      <c r="AE652" s="1"/>
    </row>
    <row r="653" spans="1:31" ht="14.45">
      <c r="A653" s="11"/>
      <c r="B653" s="20"/>
      <c r="C653" s="2" t="s">
        <v>2379</v>
      </c>
      <c r="D653" s="14" t="s">
        <v>2380</v>
      </c>
      <c r="E653" s="2" t="s">
        <v>2381</v>
      </c>
      <c r="F653" s="2" t="s">
        <v>1859</v>
      </c>
      <c r="G653" s="8">
        <v>136</v>
      </c>
      <c r="H653" s="5">
        <v>13</v>
      </c>
      <c r="I653" s="5" t="s">
        <v>1518</v>
      </c>
      <c r="J653" s="5" t="s">
        <v>1519</v>
      </c>
      <c r="K653" s="2" t="s">
        <v>1520</v>
      </c>
      <c r="L653" s="5" t="s">
        <v>1519</v>
      </c>
      <c r="M653" s="2" t="s">
        <v>1520</v>
      </c>
      <c r="N653" s="5" t="s">
        <v>1521</v>
      </c>
      <c r="O653" s="5" t="s">
        <v>38</v>
      </c>
      <c r="P653" s="5" t="s">
        <v>39</v>
      </c>
      <c r="Q653" s="5" t="s">
        <v>40</v>
      </c>
      <c r="R653" s="5" t="s">
        <v>1522</v>
      </c>
      <c r="S653" s="5" t="s">
        <v>1523</v>
      </c>
      <c r="T653" s="5" t="s">
        <v>42</v>
      </c>
      <c r="U653" s="2">
        <v>1.609</v>
      </c>
      <c r="V653" s="2">
        <v>1.175</v>
      </c>
      <c r="W653" s="2">
        <v>1.0999999999999999E-2</v>
      </c>
      <c r="X653" s="2">
        <v>82.9</v>
      </c>
      <c r="Y653" s="2">
        <v>7.6</v>
      </c>
      <c r="Z653" s="2">
        <v>16.7</v>
      </c>
      <c r="AA653" s="5"/>
      <c r="AB653" s="5" t="s">
        <v>43</v>
      </c>
      <c r="AC653" s="5" t="s">
        <v>44</v>
      </c>
      <c r="AD653" s="2"/>
      <c r="AE653" s="1"/>
    </row>
    <row r="654" spans="1:31" ht="14.45">
      <c r="A654" s="11"/>
      <c r="B654" s="20"/>
      <c r="C654" s="2" t="s">
        <v>2382</v>
      </c>
      <c r="D654" s="14" t="s">
        <v>2383</v>
      </c>
      <c r="E654" s="2" t="s">
        <v>2384</v>
      </c>
      <c r="F654" s="2" t="s">
        <v>1863</v>
      </c>
      <c r="G654" s="8">
        <v>136</v>
      </c>
      <c r="H654" s="5">
        <v>11</v>
      </c>
      <c r="I654" s="5" t="s">
        <v>1518</v>
      </c>
      <c r="J654" s="5" t="s">
        <v>1519</v>
      </c>
      <c r="K654" s="2" t="s">
        <v>1520</v>
      </c>
      <c r="L654" s="5" t="s">
        <v>1519</v>
      </c>
      <c r="M654" s="2" t="s">
        <v>1520</v>
      </c>
      <c r="N654" s="5" t="s">
        <v>1521</v>
      </c>
      <c r="O654" s="5" t="s">
        <v>38</v>
      </c>
      <c r="P654" s="5" t="s">
        <v>39</v>
      </c>
      <c r="Q654" s="5" t="s">
        <v>40</v>
      </c>
      <c r="R654" s="5" t="s">
        <v>1522</v>
      </c>
      <c r="S654" s="5" t="s">
        <v>1523</v>
      </c>
      <c r="T654" s="5" t="s">
        <v>42</v>
      </c>
      <c r="U654" s="2">
        <v>1.546</v>
      </c>
      <c r="V654" s="2">
        <v>1.1120000000000001</v>
      </c>
      <c r="W654" s="2">
        <v>1.0999999999999999E-2</v>
      </c>
      <c r="X654" s="2">
        <v>82.9</v>
      </c>
      <c r="Y654" s="2">
        <v>7.6</v>
      </c>
      <c r="Z654" s="2">
        <v>16.7</v>
      </c>
      <c r="AA654" s="5"/>
      <c r="AB654" s="5" t="s">
        <v>43</v>
      </c>
      <c r="AC654" s="5" t="s">
        <v>44</v>
      </c>
      <c r="AD654" s="2"/>
      <c r="AE654" s="1"/>
    </row>
    <row r="655" spans="1:31" ht="14.45">
      <c r="A655" s="11"/>
      <c r="B655" s="20"/>
      <c r="C655" s="2" t="s">
        <v>2385</v>
      </c>
      <c r="D655" s="14" t="s">
        <v>2386</v>
      </c>
      <c r="E655" s="2" t="s">
        <v>2387</v>
      </c>
      <c r="F655" s="2" t="s">
        <v>1867</v>
      </c>
      <c r="G655" s="8">
        <v>136</v>
      </c>
      <c r="H655" s="5">
        <v>11</v>
      </c>
      <c r="I655" s="5" t="s">
        <v>1518</v>
      </c>
      <c r="J655" s="5" t="s">
        <v>1519</v>
      </c>
      <c r="K655" s="2" t="s">
        <v>1520</v>
      </c>
      <c r="L655" s="5" t="s">
        <v>1519</v>
      </c>
      <c r="M655" s="2" t="s">
        <v>1520</v>
      </c>
      <c r="N655" s="5" t="s">
        <v>1521</v>
      </c>
      <c r="O655" s="5" t="s">
        <v>38</v>
      </c>
      <c r="P655" s="5" t="s">
        <v>39</v>
      </c>
      <c r="Q655" s="5" t="s">
        <v>40</v>
      </c>
      <c r="R655" s="5" t="s">
        <v>1522</v>
      </c>
      <c r="S655" s="5" t="s">
        <v>1523</v>
      </c>
      <c r="T655" s="5" t="s">
        <v>42</v>
      </c>
      <c r="U655" s="2">
        <v>1.5760000000000001</v>
      </c>
      <c r="V655" s="2">
        <v>1.1419999999999999</v>
      </c>
      <c r="W655" s="2">
        <v>1.0999999999999999E-2</v>
      </c>
      <c r="X655" s="2">
        <v>82.9</v>
      </c>
      <c r="Y655" s="2">
        <v>7.6</v>
      </c>
      <c r="Z655" s="2">
        <v>16.7</v>
      </c>
      <c r="AA655" s="5"/>
      <c r="AB655" s="5" t="s">
        <v>43</v>
      </c>
      <c r="AC655" s="5" t="s">
        <v>44</v>
      </c>
      <c r="AD655" s="2"/>
      <c r="AE655" s="1"/>
    </row>
    <row r="656" spans="1:31" ht="14.45">
      <c r="A656" s="11"/>
      <c r="B656" s="20"/>
      <c r="C656" s="2" t="s">
        <v>2388</v>
      </c>
      <c r="D656" s="14" t="s">
        <v>2389</v>
      </c>
      <c r="E656" s="2" t="s">
        <v>2390</v>
      </c>
      <c r="F656" s="2" t="s">
        <v>1695</v>
      </c>
      <c r="G656" s="8">
        <v>132</v>
      </c>
      <c r="H656" s="5">
        <v>6</v>
      </c>
      <c r="I656" s="5" t="s">
        <v>1518</v>
      </c>
      <c r="J656" s="5" t="s">
        <v>1519</v>
      </c>
      <c r="K656" s="2" t="s">
        <v>1520</v>
      </c>
      <c r="L656" s="5" t="s">
        <v>1519</v>
      </c>
      <c r="M656" s="2" t="s">
        <v>1520</v>
      </c>
      <c r="N656" s="5" t="s">
        <v>1521</v>
      </c>
      <c r="O656" s="5" t="s">
        <v>38</v>
      </c>
      <c r="P656" s="5" t="s">
        <v>39</v>
      </c>
      <c r="Q656" s="5" t="s">
        <v>40</v>
      </c>
      <c r="R656" s="5" t="s">
        <v>1522</v>
      </c>
      <c r="S656" s="5" t="s">
        <v>1523</v>
      </c>
      <c r="T656" s="5" t="s">
        <v>42</v>
      </c>
      <c r="U656" s="2">
        <v>1.75</v>
      </c>
      <c r="V656" s="2">
        <v>1.2290000000000001</v>
      </c>
      <c r="W656" s="2">
        <v>1.4999999999999999E-2</v>
      </c>
      <c r="X656" s="2">
        <v>118.9</v>
      </c>
      <c r="Y656" s="2">
        <v>7.6</v>
      </c>
      <c r="Z656" s="2">
        <v>16.7</v>
      </c>
      <c r="AA656" s="5"/>
      <c r="AB656" s="5" t="s">
        <v>43</v>
      </c>
      <c r="AC656" s="5" t="s">
        <v>44</v>
      </c>
      <c r="AD656" s="2"/>
      <c r="AE656" s="1"/>
    </row>
    <row r="657" spans="1:31" ht="14.45">
      <c r="A657" s="11"/>
      <c r="B657" s="20"/>
      <c r="C657" s="2" t="s">
        <v>2391</v>
      </c>
      <c r="D657" s="14" t="s">
        <v>2392</v>
      </c>
      <c r="E657" s="2" t="s">
        <v>2393</v>
      </c>
      <c r="F657" s="2" t="s">
        <v>1699</v>
      </c>
      <c r="G657" s="8">
        <v>132</v>
      </c>
      <c r="H657" s="5">
        <v>6</v>
      </c>
      <c r="I657" s="5" t="s">
        <v>1518</v>
      </c>
      <c r="J657" s="5" t="s">
        <v>1519</v>
      </c>
      <c r="K657" s="2" t="s">
        <v>1520</v>
      </c>
      <c r="L657" s="5" t="s">
        <v>1519</v>
      </c>
      <c r="M657" s="2" t="s">
        <v>1520</v>
      </c>
      <c r="N657" s="5" t="s">
        <v>1521</v>
      </c>
      <c r="O657" s="5" t="s">
        <v>38</v>
      </c>
      <c r="P657" s="5" t="s">
        <v>39</v>
      </c>
      <c r="Q657" s="5" t="s">
        <v>40</v>
      </c>
      <c r="R657" s="5" t="s">
        <v>1522</v>
      </c>
      <c r="S657" s="5" t="s">
        <v>1523</v>
      </c>
      <c r="T657" s="5" t="s">
        <v>42</v>
      </c>
      <c r="U657" s="2">
        <v>1.784</v>
      </c>
      <c r="V657" s="2">
        <v>1.2629999999999999</v>
      </c>
      <c r="W657" s="2">
        <v>1.4999999999999999E-2</v>
      </c>
      <c r="X657" s="2">
        <v>118.9</v>
      </c>
      <c r="Y657" s="2">
        <v>7.6</v>
      </c>
      <c r="Z657" s="2">
        <v>16.7</v>
      </c>
      <c r="AA657" s="5"/>
      <c r="AB657" s="5" t="s">
        <v>43</v>
      </c>
      <c r="AC657" s="5" t="s">
        <v>44</v>
      </c>
      <c r="AD657" s="2"/>
      <c r="AE657" s="1"/>
    </row>
    <row r="658" spans="1:31" ht="14.45">
      <c r="A658" s="11"/>
      <c r="B658" s="20"/>
      <c r="C658" s="2" t="s">
        <v>2394</v>
      </c>
      <c r="D658" s="14" t="s">
        <v>2395</v>
      </c>
      <c r="E658" s="2" t="s">
        <v>2396</v>
      </c>
      <c r="F658" s="2" t="s">
        <v>1703</v>
      </c>
      <c r="G658" s="8">
        <v>132</v>
      </c>
      <c r="H658" s="5">
        <v>6</v>
      </c>
      <c r="I658" s="5" t="s">
        <v>1518</v>
      </c>
      <c r="J658" s="5" t="s">
        <v>1519</v>
      </c>
      <c r="K658" s="2" t="s">
        <v>1520</v>
      </c>
      <c r="L658" s="5" t="s">
        <v>1519</v>
      </c>
      <c r="M658" s="2" t="s">
        <v>1520</v>
      </c>
      <c r="N658" s="5" t="s">
        <v>1521</v>
      </c>
      <c r="O658" s="5" t="s">
        <v>38</v>
      </c>
      <c r="P658" s="5" t="s">
        <v>39</v>
      </c>
      <c r="Q658" s="5" t="s">
        <v>40</v>
      </c>
      <c r="R658" s="5" t="s">
        <v>1522</v>
      </c>
      <c r="S658" s="5" t="s">
        <v>1523</v>
      </c>
      <c r="T658" s="5" t="s">
        <v>42</v>
      </c>
      <c r="U658" s="2">
        <v>1.7529999999999999</v>
      </c>
      <c r="V658" s="2">
        <v>1.232</v>
      </c>
      <c r="W658" s="2">
        <v>1.4999999999999999E-2</v>
      </c>
      <c r="X658" s="2">
        <v>118.9</v>
      </c>
      <c r="Y658" s="2">
        <v>7.6</v>
      </c>
      <c r="Z658" s="2">
        <v>16.7</v>
      </c>
      <c r="AA658" s="5"/>
      <c r="AB658" s="5" t="s">
        <v>43</v>
      </c>
      <c r="AC658" s="5" t="s">
        <v>44</v>
      </c>
      <c r="AD658" s="2"/>
      <c r="AE658" s="1"/>
    </row>
    <row r="659" spans="1:31" ht="14.45">
      <c r="A659" s="11"/>
      <c r="B659" s="20"/>
      <c r="C659" s="2" t="s">
        <v>2397</v>
      </c>
      <c r="D659" s="14" t="s">
        <v>2398</v>
      </c>
      <c r="E659" s="2" t="s">
        <v>2399</v>
      </c>
      <c r="F659" s="2" t="s">
        <v>1707</v>
      </c>
      <c r="G659" s="8">
        <v>132</v>
      </c>
      <c r="H659" s="5">
        <v>6</v>
      </c>
      <c r="I659" s="5" t="s">
        <v>1518</v>
      </c>
      <c r="J659" s="5" t="s">
        <v>1519</v>
      </c>
      <c r="K659" s="2" t="s">
        <v>1520</v>
      </c>
      <c r="L659" s="5" t="s">
        <v>1519</v>
      </c>
      <c r="M659" s="2" t="s">
        <v>1520</v>
      </c>
      <c r="N659" s="5" t="s">
        <v>1521</v>
      </c>
      <c r="O659" s="5" t="s">
        <v>38</v>
      </c>
      <c r="P659" s="5" t="s">
        <v>39</v>
      </c>
      <c r="Q659" s="5" t="s">
        <v>40</v>
      </c>
      <c r="R659" s="5" t="s">
        <v>1522</v>
      </c>
      <c r="S659" s="5" t="s">
        <v>1523</v>
      </c>
      <c r="T659" s="5" t="s">
        <v>42</v>
      </c>
      <c r="U659" s="2">
        <v>1.7869999999999999</v>
      </c>
      <c r="V659" s="2">
        <v>1.266</v>
      </c>
      <c r="W659" s="2">
        <v>1.4999999999999999E-2</v>
      </c>
      <c r="X659" s="2">
        <v>118.9</v>
      </c>
      <c r="Y659" s="2">
        <v>7.6</v>
      </c>
      <c r="Z659" s="2">
        <v>16.7</v>
      </c>
      <c r="AA659" s="5"/>
      <c r="AB659" s="5" t="s">
        <v>43</v>
      </c>
      <c r="AC659" s="5" t="s">
        <v>44</v>
      </c>
      <c r="AD659" s="2"/>
      <c r="AE659" s="1"/>
    </row>
    <row r="660" spans="1:31" ht="14.45">
      <c r="A660" s="11"/>
      <c r="B660" s="20"/>
      <c r="C660" s="2" t="s">
        <v>2400</v>
      </c>
      <c r="D660" s="14" t="s">
        <v>2401</v>
      </c>
      <c r="E660" s="2" t="s">
        <v>2402</v>
      </c>
      <c r="F660" s="2" t="s">
        <v>1711</v>
      </c>
      <c r="G660" s="8">
        <v>132</v>
      </c>
      <c r="H660" s="5">
        <v>6</v>
      </c>
      <c r="I660" s="5" t="s">
        <v>1518</v>
      </c>
      <c r="J660" s="5" t="s">
        <v>1519</v>
      </c>
      <c r="K660" s="2" t="s">
        <v>1520</v>
      </c>
      <c r="L660" s="5" t="s">
        <v>1519</v>
      </c>
      <c r="M660" s="2" t="s">
        <v>1520</v>
      </c>
      <c r="N660" s="5" t="s">
        <v>1521</v>
      </c>
      <c r="O660" s="5" t="s">
        <v>38</v>
      </c>
      <c r="P660" s="5" t="s">
        <v>39</v>
      </c>
      <c r="Q660" s="5" t="s">
        <v>40</v>
      </c>
      <c r="R660" s="5" t="s">
        <v>1522</v>
      </c>
      <c r="S660" s="5" t="s">
        <v>1523</v>
      </c>
      <c r="T660" s="5" t="s">
        <v>42</v>
      </c>
      <c r="U660" s="2">
        <v>1.7529999999999999</v>
      </c>
      <c r="V660" s="2">
        <v>1.232</v>
      </c>
      <c r="W660" s="2">
        <v>1.4999999999999999E-2</v>
      </c>
      <c r="X660" s="2">
        <v>118.9</v>
      </c>
      <c r="Y660" s="2">
        <v>7.6</v>
      </c>
      <c r="Z660" s="2">
        <v>16.7</v>
      </c>
      <c r="AA660" s="5"/>
      <c r="AB660" s="5" t="s">
        <v>43</v>
      </c>
      <c r="AC660" s="5" t="s">
        <v>44</v>
      </c>
      <c r="AD660" s="2"/>
      <c r="AE660" s="1"/>
    </row>
    <row r="661" spans="1:31" ht="14.45">
      <c r="A661" s="11"/>
      <c r="B661" s="20"/>
      <c r="C661" s="2" t="s">
        <v>2403</v>
      </c>
      <c r="D661" s="14" t="s">
        <v>2404</v>
      </c>
      <c r="E661" s="2" t="s">
        <v>2405</v>
      </c>
      <c r="F661" s="2" t="s">
        <v>1715</v>
      </c>
      <c r="G661" s="8">
        <v>132</v>
      </c>
      <c r="H661" s="5">
        <v>6</v>
      </c>
      <c r="I661" s="5" t="s">
        <v>1518</v>
      </c>
      <c r="J661" s="5" t="s">
        <v>1519</v>
      </c>
      <c r="K661" s="2" t="s">
        <v>1520</v>
      </c>
      <c r="L661" s="5" t="s">
        <v>1519</v>
      </c>
      <c r="M661" s="2" t="s">
        <v>1520</v>
      </c>
      <c r="N661" s="5" t="s">
        <v>1521</v>
      </c>
      <c r="O661" s="5" t="s">
        <v>38</v>
      </c>
      <c r="P661" s="5" t="s">
        <v>39</v>
      </c>
      <c r="Q661" s="5" t="s">
        <v>40</v>
      </c>
      <c r="R661" s="5" t="s">
        <v>1522</v>
      </c>
      <c r="S661" s="5" t="s">
        <v>1523</v>
      </c>
      <c r="T661" s="5" t="s">
        <v>42</v>
      </c>
      <c r="U661" s="2">
        <v>1.7869999999999999</v>
      </c>
      <c r="V661" s="2">
        <v>1.266</v>
      </c>
      <c r="W661" s="2">
        <v>1.4999999999999999E-2</v>
      </c>
      <c r="X661" s="2">
        <v>118.9</v>
      </c>
      <c r="Y661" s="2">
        <v>7.6</v>
      </c>
      <c r="Z661" s="2">
        <v>16.7</v>
      </c>
      <c r="AA661" s="5"/>
      <c r="AB661" s="5" t="s">
        <v>43</v>
      </c>
      <c r="AC661" s="5" t="s">
        <v>44</v>
      </c>
      <c r="AD661" s="2"/>
      <c r="AE661" s="1"/>
    </row>
    <row r="662" spans="1:31" ht="14.45">
      <c r="A662" s="11"/>
      <c r="B662" s="20"/>
      <c r="C662" s="2" t="s">
        <v>2406</v>
      </c>
      <c r="D662" s="14" t="s">
        <v>2407</v>
      </c>
      <c r="E662" s="2" t="s">
        <v>2408</v>
      </c>
      <c r="F662" s="2" t="s">
        <v>1719</v>
      </c>
      <c r="G662" s="8">
        <v>132</v>
      </c>
      <c r="H662" s="5">
        <v>6</v>
      </c>
      <c r="I662" s="5" t="s">
        <v>1518</v>
      </c>
      <c r="J662" s="5" t="s">
        <v>1519</v>
      </c>
      <c r="K662" s="2" t="s">
        <v>1520</v>
      </c>
      <c r="L662" s="5" t="s">
        <v>1519</v>
      </c>
      <c r="M662" s="2" t="s">
        <v>1520</v>
      </c>
      <c r="N662" s="5" t="s">
        <v>1521</v>
      </c>
      <c r="O662" s="5" t="s">
        <v>38</v>
      </c>
      <c r="P662" s="5" t="s">
        <v>39</v>
      </c>
      <c r="Q662" s="5" t="s">
        <v>40</v>
      </c>
      <c r="R662" s="5" t="s">
        <v>1522</v>
      </c>
      <c r="S662" s="5" t="s">
        <v>1523</v>
      </c>
      <c r="T662" s="5" t="s">
        <v>42</v>
      </c>
      <c r="U662" s="2">
        <v>1.7410000000000001</v>
      </c>
      <c r="V662" s="2">
        <v>1.22</v>
      </c>
      <c r="W662" s="2">
        <v>1.4999999999999999E-2</v>
      </c>
      <c r="X662" s="2">
        <v>118.9</v>
      </c>
      <c r="Y662" s="2">
        <v>7.6</v>
      </c>
      <c r="Z662" s="2">
        <v>16.7</v>
      </c>
      <c r="AA662" s="5"/>
      <c r="AB662" s="5" t="s">
        <v>43</v>
      </c>
      <c r="AC662" s="5" t="s">
        <v>44</v>
      </c>
      <c r="AD662" s="2"/>
      <c r="AE662" s="1"/>
    </row>
    <row r="663" spans="1:31" ht="14.45">
      <c r="A663" s="11"/>
      <c r="B663" s="20"/>
      <c r="C663" s="2" t="s">
        <v>2409</v>
      </c>
      <c r="D663" s="14" t="s">
        <v>2410</v>
      </c>
      <c r="E663" s="2" t="s">
        <v>2411</v>
      </c>
      <c r="F663" s="2" t="s">
        <v>1723</v>
      </c>
      <c r="G663" s="8">
        <v>132</v>
      </c>
      <c r="H663" s="5">
        <v>6</v>
      </c>
      <c r="I663" s="5" t="s">
        <v>1518</v>
      </c>
      <c r="J663" s="5" t="s">
        <v>1519</v>
      </c>
      <c r="K663" s="2" t="s">
        <v>1520</v>
      </c>
      <c r="L663" s="5" t="s">
        <v>1519</v>
      </c>
      <c r="M663" s="2" t="s">
        <v>1520</v>
      </c>
      <c r="N663" s="5" t="s">
        <v>1521</v>
      </c>
      <c r="O663" s="5" t="s">
        <v>38</v>
      </c>
      <c r="P663" s="5" t="s">
        <v>39</v>
      </c>
      <c r="Q663" s="5" t="s">
        <v>40</v>
      </c>
      <c r="R663" s="5" t="s">
        <v>1522</v>
      </c>
      <c r="S663" s="5" t="s">
        <v>1523</v>
      </c>
      <c r="T663" s="5" t="s">
        <v>42</v>
      </c>
      <c r="U663" s="2">
        <v>1.7749999999999999</v>
      </c>
      <c r="V663" s="2">
        <v>1.254</v>
      </c>
      <c r="W663" s="2">
        <v>1.4999999999999999E-2</v>
      </c>
      <c r="X663" s="2">
        <v>118.9</v>
      </c>
      <c r="Y663" s="2">
        <v>7.6</v>
      </c>
      <c r="Z663" s="2">
        <v>16.7</v>
      </c>
      <c r="AA663" s="5"/>
      <c r="AB663" s="5" t="s">
        <v>43</v>
      </c>
      <c r="AC663" s="5" t="s">
        <v>44</v>
      </c>
      <c r="AD663" s="2"/>
      <c r="AE663" s="1"/>
    </row>
    <row r="664" spans="1:31" ht="14.45">
      <c r="A664" s="11"/>
      <c r="B664" s="20"/>
      <c r="C664" s="2" t="s">
        <v>2412</v>
      </c>
      <c r="D664" s="14" t="s">
        <v>2413</v>
      </c>
      <c r="E664" s="2" t="s">
        <v>2414</v>
      </c>
      <c r="F664" s="2" t="s">
        <v>1727</v>
      </c>
      <c r="G664" s="8">
        <v>152</v>
      </c>
      <c r="H664" s="5">
        <v>6</v>
      </c>
      <c r="I664" s="5" t="s">
        <v>1518</v>
      </c>
      <c r="J664" s="5" t="s">
        <v>1519</v>
      </c>
      <c r="K664" s="2" t="s">
        <v>1520</v>
      </c>
      <c r="L664" s="5" t="s">
        <v>1519</v>
      </c>
      <c r="M664" s="2" t="s">
        <v>1520</v>
      </c>
      <c r="N664" s="5" t="s">
        <v>1521</v>
      </c>
      <c r="O664" s="5" t="s">
        <v>38</v>
      </c>
      <c r="P664" s="5" t="s">
        <v>39</v>
      </c>
      <c r="Q664" s="5" t="s">
        <v>40</v>
      </c>
      <c r="R664" s="5" t="s">
        <v>1522</v>
      </c>
      <c r="S664" s="5" t="s">
        <v>1523</v>
      </c>
      <c r="T664" s="5" t="s">
        <v>42</v>
      </c>
      <c r="U664" s="2">
        <v>1.7410000000000001</v>
      </c>
      <c r="V664" s="2">
        <v>1.22</v>
      </c>
      <c r="W664" s="2">
        <v>1.4999999999999999E-2</v>
      </c>
      <c r="X664" s="2">
        <v>118.9</v>
      </c>
      <c r="Y664" s="2">
        <v>7.6</v>
      </c>
      <c r="Z664" s="2">
        <v>16.7</v>
      </c>
      <c r="AA664" s="5"/>
      <c r="AB664" s="5" t="s">
        <v>43</v>
      </c>
      <c r="AC664" s="5" t="s">
        <v>44</v>
      </c>
      <c r="AD664" s="2"/>
      <c r="AE664" s="1"/>
    </row>
    <row r="665" spans="1:31" ht="14.45">
      <c r="A665" s="11"/>
      <c r="B665" s="20"/>
      <c r="C665" s="2" t="s">
        <v>2415</v>
      </c>
      <c r="D665" s="14" t="s">
        <v>2416</v>
      </c>
      <c r="E665" s="2" t="s">
        <v>2417</v>
      </c>
      <c r="F665" s="2" t="s">
        <v>1731</v>
      </c>
      <c r="G665" s="8">
        <v>152</v>
      </c>
      <c r="H665" s="5">
        <v>6</v>
      </c>
      <c r="I665" s="5" t="s">
        <v>1518</v>
      </c>
      <c r="J665" s="5" t="s">
        <v>1519</v>
      </c>
      <c r="K665" s="2" t="s">
        <v>1520</v>
      </c>
      <c r="L665" s="5" t="s">
        <v>1519</v>
      </c>
      <c r="M665" s="2" t="s">
        <v>1520</v>
      </c>
      <c r="N665" s="5" t="s">
        <v>1521</v>
      </c>
      <c r="O665" s="5" t="s">
        <v>38</v>
      </c>
      <c r="P665" s="5" t="s">
        <v>39</v>
      </c>
      <c r="Q665" s="5" t="s">
        <v>40</v>
      </c>
      <c r="R665" s="5" t="s">
        <v>1522</v>
      </c>
      <c r="S665" s="5" t="s">
        <v>1523</v>
      </c>
      <c r="T665" s="5" t="s">
        <v>42</v>
      </c>
      <c r="U665" s="2">
        <v>1.7749999999999999</v>
      </c>
      <c r="V665" s="2">
        <v>1.254</v>
      </c>
      <c r="W665" s="2">
        <v>1.4999999999999999E-2</v>
      </c>
      <c r="X665" s="2">
        <v>118.9</v>
      </c>
      <c r="Y665" s="2">
        <v>7.6</v>
      </c>
      <c r="Z665" s="2">
        <v>16.7</v>
      </c>
      <c r="AA665" s="5"/>
      <c r="AB665" s="5" t="s">
        <v>43</v>
      </c>
      <c r="AC665" s="5" t="s">
        <v>44</v>
      </c>
      <c r="AD665" s="2"/>
      <c r="AE665" s="1"/>
    </row>
    <row r="666" spans="1:31" ht="14.45">
      <c r="A666" s="11"/>
      <c r="B666" s="20"/>
      <c r="C666" s="2" t="s">
        <v>2418</v>
      </c>
      <c r="D666" s="14" t="s">
        <v>2419</v>
      </c>
      <c r="E666" s="2" t="s">
        <v>2420</v>
      </c>
      <c r="F666" s="2" t="s">
        <v>1735</v>
      </c>
      <c r="G666" s="8">
        <v>152</v>
      </c>
      <c r="H666" s="5">
        <v>6</v>
      </c>
      <c r="I666" s="5" t="s">
        <v>1518</v>
      </c>
      <c r="J666" s="5" t="s">
        <v>1519</v>
      </c>
      <c r="K666" s="2" t="s">
        <v>1520</v>
      </c>
      <c r="L666" s="5" t="s">
        <v>1519</v>
      </c>
      <c r="M666" s="2" t="s">
        <v>1520</v>
      </c>
      <c r="N666" s="5" t="s">
        <v>1521</v>
      </c>
      <c r="O666" s="5" t="s">
        <v>38</v>
      </c>
      <c r="P666" s="5" t="s">
        <v>39</v>
      </c>
      <c r="Q666" s="5" t="s">
        <v>40</v>
      </c>
      <c r="R666" s="5" t="s">
        <v>1522</v>
      </c>
      <c r="S666" s="5" t="s">
        <v>1523</v>
      </c>
      <c r="T666" s="5" t="s">
        <v>42</v>
      </c>
      <c r="U666" s="2">
        <v>1.7529999999999999</v>
      </c>
      <c r="V666" s="2">
        <v>1.232</v>
      </c>
      <c r="W666" s="2">
        <v>1.4999999999999999E-2</v>
      </c>
      <c r="X666" s="2">
        <v>118.9</v>
      </c>
      <c r="Y666" s="2">
        <v>7.6</v>
      </c>
      <c r="Z666" s="2">
        <v>16.7</v>
      </c>
      <c r="AA666" s="5"/>
      <c r="AB666" s="5" t="s">
        <v>43</v>
      </c>
      <c r="AC666" s="5" t="s">
        <v>44</v>
      </c>
      <c r="AD666" s="2"/>
      <c r="AE666" s="1"/>
    </row>
    <row r="667" spans="1:31" ht="14.45">
      <c r="A667" s="11"/>
      <c r="B667" s="20"/>
      <c r="C667" s="2" t="s">
        <v>2421</v>
      </c>
      <c r="D667" s="14" t="s">
        <v>2422</v>
      </c>
      <c r="E667" s="2" t="s">
        <v>2423</v>
      </c>
      <c r="F667" s="2" t="s">
        <v>1739</v>
      </c>
      <c r="G667" s="8">
        <v>152</v>
      </c>
      <c r="H667" s="5">
        <v>6</v>
      </c>
      <c r="I667" s="5" t="s">
        <v>1518</v>
      </c>
      <c r="J667" s="5" t="s">
        <v>1519</v>
      </c>
      <c r="K667" s="2" t="s">
        <v>1520</v>
      </c>
      <c r="L667" s="5" t="s">
        <v>1519</v>
      </c>
      <c r="M667" s="2" t="s">
        <v>1520</v>
      </c>
      <c r="N667" s="5" t="s">
        <v>1521</v>
      </c>
      <c r="O667" s="5" t="s">
        <v>38</v>
      </c>
      <c r="P667" s="5" t="s">
        <v>39</v>
      </c>
      <c r="Q667" s="5" t="s">
        <v>40</v>
      </c>
      <c r="R667" s="5" t="s">
        <v>1522</v>
      </c>
      <c r="S667" s="5" t="s">
        <v>1523</v>
      </c>
      <c r="T667" s="5" t="s">
        <v>42</v>
      </c>
      <c r="U667" s="2">
        <v>1.7869999999999999</v>
      </c>
      <c r="V667" s="2">
        <v>1.266</v>
      </c>
      <c r="W667" s="2">
        <v>1.4999999999999999E-2</v>
      </c>
      <c r="X667" s="2">
        <v>118.9</v>
      </c>
      <c r="Y667" s="2">
        <v>7.6</v>
      </c>
      <c r="Z667" s="2">
        <v>16.7</v>
      </c>
      <c r="AA667" s="5"/>
      <c r="AB667" s="5" t="s">
        <v>43</v>
      </c>
      <c r="AC667" s="5" t="s">
        <v>44</v>
      </c>
      <c r="AD667" s="2"/>
      <c r="AE667" s="1"/>
    </row>
    <row r="668" spans="1:31" ht="14.45">
      <c r="A668" s="11"/>
      <c r="B668" s="20"/>
      <c r="C668" s="2" t="s">
        <v>2424</v>
      </c>
      <c r="D668" s="14" t="s">
        <v>2425</v>
      </c>
      <c r="E668" s="2" t="s">
        <v>2426</v>
      </c>
      <c r="F668" s="2" t="s">
        <v>1743</v>
      </c>
      <c r="G668" s="8">
        <v>152</v>
      </c>
      <c r="H668" s="5">
        <v>6</v>
      </c>
      <c r="I668" s="5" t="s">
        <v>1518</v>
      </c>
      <c r="J668" s="5" t="s">
        <v>1519</v>
      </c>
      <c r="K668" s="2" t="s">
        <v>1520</v>
      </c>
      <c r="L668" s="5" t="s">
        <v>1519</v>
      </c>
      <c r="M668" s="2" t="s">
        <v>1520</v>
      </c>
      <c r="N668" s="5" t="s">
        <v>1521</v>
      </c>
      <c r="O668" s="5" t="s">
        <v>38</v>
      </c>
      <c r="P668" s="5" t="s">
        <v>39</v>
      </c>
      <c r="Q668" s="5" t="s">
        <v>40</v>
      </c>
      <c r="R668" s="5" t="s">
        <v>1522</v>
      </c>
      <c r="S668" s="5" t="s">
        <v>1523</v>
      </c>
      <c r="T668" s="5" t="s">
        <v>42</v>
      </c>
      <c r="U668" s="2">
        <v>1.7410000000000001</v>
      </c>
      <c r="V668" s="2">
        <v>1.22</v>
      </c>
      <c r="W668" s="2">
        <v>1.4999999999999999E-2</v>
      </c>
      <c r="X668" s="2">
        <v>118.9</v>
      </c>
      <c r="Y668" s="2">
        <v>7.6</v>
      </c>
      <c r="Z668" s="2">
        <v>16.7</v>
      </c>
      <c r="AA668" s="5"/>
      <c r="AB668" s="5" t="s">
        <v>43</v>
      </c>
      <c r="AC668" s="5" t="s">
        <v>44</v>
      </c>
      <c r="AD668" s="2"/>
      <c r="AE668" s="1"/>
    </row>
    <row r="669" spans="1:31" ht="14.45">
      <c r="A669" s="11"/>
      <c r="B669" s="20"/>
      <c r="C669" s="2" t="s">
        <v>2427</v>
      </c>
      <c r="D669" s="14" t="s">
        <v>2428</v>
      </c>
      <c r="E669" s="2" t="s">
        <v>2429</v>
      </c>
      <c r="F669" s="2" t="s">
        <v>1747</v>
      </c>
      <c r="G669" s="8">
        <v>152</v>
      </c>
      <c r="H669" s="5">
        <v>6</v>
      </c>
      <c r="I669" s="5" t="s">
        <v>1518</v>
      </c>
      <c r="J669" s="5" t="s">
        <v>1519</v>
      </c>
      <c r="K669" s="2" t="s">
        <v>1520</v>
      </c>
      <c r="L669" s="5" t="s">
        <v>1519</v>
      </c>
      <c r="M669" s="2" t="s">
        <v>1520</v>
      </c>
      <c r="N669" s="5" t="s">
        <v>1521</v>
      </c>
      <c r="O669" s="5" t="s">
        <v>38</v>
      </c>
      <c r="P669" s="5" t="s">
        <v>39</v>
      </c>
      <c r="Q669" s="5" t="s">
        <v>40</v>
      </c>
      <c r="R669" s="5" t="s">
        <v>1522</v>
      </c>
      <c r="S669" s="5" t="s">
        <v>1523</v>
      </c>
      <c r="T669" s="5" t="s">
        <v>42</v>
      </c>
      <c r="U669" s="2">
        <v>1.7749999999999999</v>
      </c>
      <c r="V669" s="2">
        <v>1.254</v>
      </c>
      <c r="W669" s="2">
        <v>1.4999999999999999E-2</v>
      </c>
      <c r="X669" s="2">
        <v>118.9</v>
      </c>
      <c r="Y669" s="2">
        <v>7.6</v>
      </c>
      <c r="Z669" s="2">
        <v>16.7</v>
      </c>
      <c r="AA669" s="5"/>
      <c r="AB669" s="5" t="s">
        <v>43</v>
      </c>
      <c r="AC669" s="5" t="s">
        <v>44</v>
      </c>
      <c r="AD669" s="2"/>
      <c r="AE669" s="1"/>
    </row>
    <row r="670" spans="1:31" ht="14.45">
      <c r="A670" s="11"/>
      <c r="B670" s="20"/>
      <c r="C670" s="2" t="s">
        <v>2430</v>
      </c>
      <c r="D670" s="14" t="s">
        <v>2431</v>
      </c>
      <c r="E670" s="2" t="s">
        <v>2432</v>
      </c>
      <c r="F670" s="2" t="s">
        <v>1751</v>
      </c>
      <c r="G670" s="8">
        <v>152</v>
      </c>
      <c r="H670" s="5">
        <v>6</v>
      </c>
      <c r="I670" s="5" t="s">
        <v>1518</v>
      </c>
      <c r="J670" s="5" t="s">
        <v>1519</v>
      </c>
      <c r="K670" s="2" t="s">
        <v>1520</v>
      </c>
      <c r="L670" s="5" t="s">
        <v>1519</v>
      </c>
      <c r="M670" s="2" t="s">
        <v>1520</v>
      </c>
      <c r="N670" s="5" t="s">
        <v>1521</v>
      </c>
      <c r="O670" s="5" t="s">
        <v>38</v>
      </c>
      <c r="P670" s="5" t="s">
        <v>39</v>
      </c>
      <c r="Q670" s="5" t="s">
        <v>40</v>
      </c>
      <c r="R670" s="5" t="s">
        <v>1522</v>
      </c>
      <c r="S670" s="5" t="s">
        <v>1523</v>
      </c>
      <c r="T670" s="5" t="s">
        <v>42</v>
      </c>
      <c r="U670" s="2">
        <v>1.7410000000000001</v>
      </c>
      <c r="V670" s="2">
        <v>1.22</v>
      </c>
      <c r="W670" s="2">
        <v>1.4999999999999999E-2</v>
      </c>
      <c r="X670" s="2">
        <v>118.9</v>
      </c>
      <c r="Y670" s="2">
        <v>7.6</v>
      </c>
      <c r="Z670" s="2">
        <v>16.7</v>
      </c>
      <c r="AA670" s="5"/>
      <c r="AB670" s="5" t="s">
        <v>43</v>
      </c>
      <c r="AC670" s="5" t="s">
        <v>44</v>
      </c>
      <c r="AD670" s="2"/>
      <c r="AE670" s="1"/>
    </row>
    <row r="671" spans="1:31" ht="14.45">
      <c r="A671" s="11"/>
      <c r="B671" s="20"/>
      <c r="C671" s="2" t="s">
        <v>2433</v>
      </c>
      <c r="D671" s="14" t="s">
        <v>2434</v>
      </c>
      <c r="E671" s="2" t="s">
        <v>2435</v>
      </c>
      <c r="F671" s="2" t="s">
        <v>1755</v>
      </c>
      <c r="G671" s="8">
        <v>152</v>
      </c>
      <c r="H671" s="5">
        <v>6</v>
      </c>
      <c r="I671" s="5" t="s">
        <v>1518</v>
      </c>
      <c r="J671" s="5" t="s">
        <v>1519</v>
      </c>
      <c r="K671" s="2" t="s">
        <v>1520</v>
      </c>
      <c r="L671" s="5" t="s">
        <v>1519</v>
      </c>
      <c r="M671" s="2" t="s">
        <v>1520</v>
      </c>
      <c r="N671" s="5" t="s">
        <v>1521</v>
      </c>
      <c r="O671" s="5" t="s">
        <v>38</v>
      </c>
      <c r="P671" s="5" t="s">
        <v>39</v>
      </c>
      <c r="Q671" s="5" t="s">
        <v>40</v>
      </c>
      <c r="R671" s="5" t="s">
        <v>1522</v>
      </c>
      <c r="S671" s="5" t="s">
        <v>1523</v>
      </c>
      <c r="T671" s="5" t="s">
        <v>42</v>
      </c>
      <c r="U671" s="2">
        <v>1.7749999999999999</v>
      </c>
      <c r="V671" s="2">
        <v>1.254</v>
      </c>
      <c r="W671" s="2">
        <v>1.4999999999999999E-2</v>
      </c>
      <c r="X671" s="2">
        <v>118.9</v>
      </c>
      <c r="Y671" s="2">
        <v>7.6</v>
      </c>
      <c r="Z671" s="2">
        <v>16.7</v>
      </c>
      <c r="AA671" s="5"/>
      <c r="AB671" s="5" t="s">
        <v>43</v>
      </c>
      <c r="AC671" s="5" t="s">
        <v>44</v>
      </c>
      <c r="AD671" s="2"/>
      <c r="AE671" s="1"/>
    </row>
    <row r="672" spans="1:31" ht="14.45">
      <c r="A672" s="11"/>
      <c r="B672" s="20"/>
      <c r="C672" s="2" t="s">
        <v>2436</v>
      </c>
      <c r="D672" s="14" t="s">
        <v>2437</v>
      </c>
      <c r="E672" s="2" t="s">
        <v>2438</v>
      </c>
      <c r="F672" s="2" t="s">
        <v>1759</v>
      </c>
      <c r="G672" s="8">
        <v>152</v>
      </c>
      <c r="H672" s="5">
        <v>6</v>
      </c>
      <c r="I672" s="5" t="s">
        <v>1518</v>
      </c>
      <c r="J672" s="5" t="s">
        <v>1519</v>
      </c>
      <c r="K672" s="2" t="s">
        <v>1520</v>
      </c>
      <c r="L672" s="5" t="s">
        <v>1519</v>
      </c>
      <c r="M672" s="2" t="s">
        <v>1520</v>
      </c>
      <c r="N672" s="5" t="s">
        <v>1521</v>
      </c>
      <c r="O672" s="5" t="s">
        <v>38</v>
      </c>
      <c r="P672" s="5" t="s">
        <v>39</v>
      </c>
      <c r="Q672" s="5" t="s">
        <v>40</v>
      </c>
      <c r="R672" s="5" t="s">
        <v>1522</v>
      </c>
      <c r="S672" s="5" t="s">
        <v>1523</v>
      </c>
      <c r="T672" s="5" t="s">
        <v>42</v>
      </c>
      <c r="U672" s="2">
        <v>1.7529999999999999</v>
      </c>
      <c r="V672" s="2">
        <v>1.232</v>
      </c>
      <c r="W672" s="2">
        <v>1.4999999999999999E-2</v>
      </c>
      <c r="X672" s="2">
        <v>118.9</v>
      </c>
      <c r="Y672" s="2">
        <v>7.6</v>
      </c>
      <c r="Z672" s="2">
        <v>16.7</v>
      </c>
      <c r="AA672" s="5"/>
      <c r="AB672" s="5" t="s">
        <v>43</v>
      </c>
      <c r="AC672" s="5" t="s">
        <v>44</v>
      </c>
      <c r="AD672" s="2"/>
      <c r="AE672" s="1"/>
    </row>
    <row r="673" spans="1:31" ht="14.45">
      <c r="A673" s="11"/>
      <c r="B673" s="20"/>
      <c r="C673" s="2" t="s">
        <v>2439</v>
      </c>
      <c r="D673" s="14" t="s">
        <v>2440</v>
      </c>
      <c r="E673" s="2" t="s">
        <v>2441</v>
      </c>
      <c r="F673" s="2" t="s">
        <v>1763</v>
      </c>
      <c r="G673" s="8">
        <v>152</v>
      </c>
      <c r="H673" s="5">
        <v>6</v>
      </c>
      <c r="I673" s="5" t="s">
        <v>1518</v>
      </c>
      <c r="J673" s="5" t="s">
        <v>1519</v>
      </c>
      <c r="K673" s="2" t="s">
        <v>1520</v>
      </c>
      <c r="L673" s="5" t="s">
        <v>1519</v>
      </c>
      <c r="M673" s="2" t="s">
        <v>1520</v>
      </c>
      <c r="N673" s="5" t="s">
        <v>1521</v>
      </c>
      <c r="O673" s="5" t="s">
        <v>38</v>
      </c>
      <c r="P673" s="5" t="s">
        <v>39</v>
      </c>
      <c r="Q673" s="5" t="s">
        <v>40</v>
      </c>
      <c r="R673" s="5" t="s">
        <v>1522</v>
      </c>
      <c r="S673" s="5" t="s">
        <v>1523</v>
      </c>
      <c r="T673" s="5" t="s">
        <v>42</v>
      </c>
      <c r="U673" s="2">
        <v>1.7869999999999999</v>
      </c>
      <c r="V673" s="2">
        <v>1.266</v>
      </c>
      <c r="W673" s="2">
        <v>1.4999999999999999E-2</v>
      </c>
      <c r="X673" s="2">
        <v>118.9</v>
      </c>
      <c r="Y673" s="2">
        <v>7.6</v>
      </c>
      <c r="Z673" s="2">
        <v>16.7</v>
      </c>
      <c r="AA673" s="5"/>
      <c r="AB673" s="5" t="s">
        <v>43</v>
      </c>
      <c r="AC673" s="5" t="s">
        <v>44</v>
      </c>
      <c r="AD673" s="2"/>
      <c r="AE673" s="1"/>
    </row>
    <row r="674" spans="1:31" ht="14.45">
      <c r="A674" s="11"/>
      <c r="B674" s="20"/>
      <c r="C674" s="2" t="s">
        <v>2442</v>
      </c>
      <c r="D674" s="14" t="s">
        <v>2443</v>
      </c>
      <c r="E674" s="2" t="s">
        <v>2444</v>
      </c>
      <c r="F674" s="2" t="s">
        <v>1767</v>
      </c>
      <c r="G674" s="8">
        <v>152</v>
      </c>
      <c r="H674" s="5">
        <v>6</v>
      </c>
      <c r="I674" s="5" t="s">
        <v>1518</v>
      </c>
      <c r="J674" s="5" t="s">
        <v>1519</v>
      </c>
      <c r="K674" s="2" t="s">
        <v>1520</v>
      </c>
      <c r="L674" s="5" t="s">
        <v>1519</v>
      </c>
      <c r="M674" s="2" t="s">
        <v>1520</v>
      </c>
      <c r="N674" s="5" t="s">
        <v>1521</v>
      </c>
      <c r="O674" s="5" t="s">
        <v>38</v>
      </c>
      <c r="P674" s="5" t="s">
        <v>39</v>
      </c>
      <c r="Q674" s="5" t="s">
        <v>40</v>
      </c>
      <c r="R674" s="5" t="s">
        <v>1522</v>
      </c>
      <c r="S674" s="5" t="s">
        <v>1523</v>
      </c>
      <c r="T674" s="5" t="s">
        <v>42</v>
      </c>
      <c r="U674" s="2">
        <v>1.7529999999999999</v>
      </c>
      <c r="V674" s="2">
        <v>1.232</v>
      </c>
      <c r="W674" s="2">
        <v>1.4999999999999999E-2</v>
      </c>
      <c r="X674" s="2">
        <v>118.9</v>
      </c>
      <c r="Y674" s="2">
        <v>7.6</v>
      </c>
      <c r="Z674" s="2">
        <v>16.7</v>
      </c>
      <c r="AA674" s="5"/>
      <c r="AB674" s="5" t="s">
        <v>43</v>
      </c>
      <c r="AC674" s="5" t="s">
        <v>44</v>
      </c>
      <c r="AD674" s="2"/>
      <c r="AE674" s="1"/>
    </row>
    <row r="675" spans="1:31" ht="14.45">
      <c r="A675" s="11"/>
      <c r="B675" s="20"/>
      <c r="C675" s="2" t="s">
        <v>2445</v>
      </c>
      <c r="D675" s="14" t="s">
        <v>2446</v>
      </c>
      <c r="E675" s="2" t="s">
        <v>2447</v>
      </c>
      <c r="F675" s="2" t="s">
        <v>1771</v>
      </c>
      <c r="G675" s="8">
        <v>152</v>
      </c>
      <c r="H675" s="5">
        <v>6</v>
      </c>
      <c r="I675" s="5" t="s">
        <v>1518</v>
      </c>
      <c r="J675" s="5" t="s">
        <v>1519</v>
      </c>
      <c r="K675" s="2" t="s">
        <v>1520</v>
      </c>
      <c r="L675" s="5" t="s">
        <v>1519</v>
      </c>
      <c r="M675" s="2" t="s">
        <v>1520</v>
      </c>
      <c r="N675" s="5" t="s">
        <v>1521</v>
      </c>
      <c r="O675" s="5" t="s">
        <v>38</v>
      </c>
      <c r="P675" s="5" t="s">
        <v>39</v>
      </c>
      <c r="Q675" s="5" t="s">
        <v>40</v>
      </c>
      <c r="R675" s="5" t="s">
        <v>1522</v>
      </c>
      <c r="S675" s="5" t="s">
        <v>1523</v>
      </c>
      <c r="T675" s="5" t="s">
        <v>42</v>
      </c>
      <c r="U675" s="2">
        <v>1.7869999999999999</v>
      </c>
      <c r="V675" s="2">
        <v>1.266</v>
      </c>
      <c r="W675" s="2">
        <v>1.4999999999999999E-2</v>
      </c>
      <c r="X675" s="2">
        <v>118.9</v>
      </c>
      <c r="Y675" s="2">
        <v>7.6</v>
      </c>
      <c r="Z675" s="2">
        <v>16.7</v>
      </c>
      <c r="AA675" s="5"/>
      <c r="AB675" s="5" t="s">
        <v>43</v>
      </c>
      <c r="AC675" s="5" t="s">
        <v>44</v>
      </c>
      <c r="AD675" s="2"/>
      <c r="AE675" s="1"/>
    </row>
    <row r="676" spans="1:31" ht="14.45">
      <c r="A676" s="11"/>
      <c r="B676" s="20"/>
      <c r="C676" s="2" t="s">
        <v>2448</v>
      </c>
      <c r="D676" s="14" t="s">
        <v>2449</v>
      </c>
      <c r="E676" s="2" t="s">
        <v>2450</v>
      </c>
      <c r="F676" s="2" t="s">
        <v>1775</v>
      </c>
      <c r="G676" s="8">
        <v>152</v>
      </c>
      <c r="H676" s="5">
        <v>6</v>
      </c>
      <c r="I676" s="5" t="s">
        <v>1518</v>
      </c>
      <c r="J676" s="5" t="s">
        <v>1519</v>
      </c>
      <c r="K676" s="2" t="s">
        <v>1520</v>
      </c>
      <c r="L676" s="5" t="s">
        <v>1519</v>
      </c>
      <c r="M676" s="2" t="s">
        <v>1520</v>
      </c>
      <c r="N676" s="5" t="s">
        <v>1521</v>
      </c>
      <c r="O676" s="5" t="s">
        <v>38</v>
      </c>
      <c r="P676" s="5" t="s">
        <v>39</v>
      </c>
      <c r="Q676" s="5" t="s">
        <v>40</v>
      </c>
      <c r="R676" s="5" t="s">
        <v>1522</v>
      </c>
      <c r="S676" s="5" t="s">
        <v>1523</v>
      </c>
      <c r="T676" s="5" t="s">
        <v>42</v>
      </c>
      <c r="U676" s="2">
        <v>1.7529999999999999</v>
      </c>
      <c r="V676" s="2">
        <v>1.232</v>
      </c>
      <c r="W676" s="2">
        <v>1.4999999999999999E-2</v>
      </c>
      <c r="X676" s="2">
        <v>118.9</v>
      </c>
      <c r="Y676" s="2">
        <v>7.6</v>
      </c>
      <c r="Z676" s="2">
        <v>16.7</v>
      </c>
      <c r="AA676" s="5"/>
      <c r="AB676" s="5" t="s">
        <v>43</v>
      </c>
      <c r="AC676" s="5" t="s">
        <v>44</v>
      </c>
      <c r="AD676" s="2"/>
      <c r="AE676" s="1"/>
    </row>
    <row r="677" spans="1:31" ht="14.45">
      <c r="A677" s="11"/>
      <c r="B677" s="20"/>
      <c r="C677" s="2" t="s">
        <v>2451</v>
      </c>
      <c r="D677" s="14" t="s">
        <v>2452</v>
      </c>
      <c r="E677" s="2" t="s">
        <v>2453</v>
      </c>
      <c r="F677" s="2" t="s">
        <v>1779</v>
      </c>
      <c r="G677" s="8">
        <v>152</v>
      </c>
      <c r="H677" s="5">
        <v>6</v>
      </c>
      <c r="I677" s="5" t="s">
        <v>1518</v>
      </c>
      <c r="J677" s="5" t="s">
        <v>1519</v>
      </c>
      <c r="K677" s="2" t="s">
        <v>1520</v>
      </c>
      <c r="L677" s="5" t="s">
        <v>1519</v>
      </c>
      <c r="M677" s="2" t="s">
        <v>1520</v>
      </c>
      <c r="N677" s="5" t="s">
        <v>1521</v>
      </c>
      <c r="O677" s="5" t="s">
        <v>38</v>
      </c>
      <c r="P677" s="5" t="s">
        <v>39</v>
      </c>
      <c r="Q677" s="5" t="s">
        <v>40</v>
      </c>
      <c r="R677" s="5" t="s">
        <v>1522</v>
      </c>
      <c r="S677" s="5" t="s">
        <v>1523</v>
      </c>
      <c r="T677" s="5" t="s">
        <v>42</v>
      </c>
      <c r="U677" s="2">
        <v>1.7869999999999999</v>
      </c>
      <c r="V677" s="2">
        <v>1.266</v>
      </c>
      <c r="W677" s="2">
        <v>1.4999999999999999E-2</v>
      </c>
      <c r="X677" s="2">
        <v>118.9</v>
      </c>
      <c r="Y677" s="2">
        <v>7.6</v>
      </c>
      <c r="Z677" s="2">
        <v>16.7</v>
      </c>
      <c r="AA677" s="5"/>
      <c r="AB677" s="5" t="s">
        <v>43</v>
      </c>
      <c r="AC677" s="5" t="s">
        <v>44</v>
      </c>
      <c r="AD677" s="2"/>
      <c r="AE677" s="1"/>
    </row>
    <row r="678" spans="1:31" ht="14.45">
      <c r="A678" s="11"/>
      <c r="B678" s="20"/>
      <c r="C678" s="2" t="s">
        <v>2454</v>
      </c>
      <c r="D678" s="14" t="s">
        <v>2455</v>
      </c>
      <c r="E678" s="2" t="s">
        <v>2456</v>
      </c>
      <c r="F678" s="2" t="s">
        <v>1783</v>
      </c>
      <c r="G678" s="8">
        <v>152</v>
      </c>
      <c r="H678" s="5">
        <v>6</v>
      </c>
      <c r="I678" s="5" t="s">
        <v>1518</v>
      </c>
      <c r="J678" s="5" t="s">
        <v>1519</v>
      </c>
      <c r="K678" s="2" t="s">
        <v>1520</v>
      </c>
      <c r="L678" s="5" t="s">
        <v>1519</v>
      </c>
      <c r="M678" s="2" t="s">
        <v>1520</v>
      </c>
      <c r="N678" s="5" t="s">
        <v>1521</v>
      </c>
      <c r="O678" s="5" t="s">
        <v>38</v>
      </c>
      <c r="P678" s="5" t="s">
        <v>39</v>
      </c>
      <c r="Q678" s="5" t="s">
        <v>40</v>
      </c>
      <c r="R678" s="5" t="s">
        <v>1522</v>
      </c>
      <c r="S678" s="5" t="s">
        <v>1523</v>
      </c>
      <c r="T678" s="5" t="s">
        <v>42</v>
      </c>
      <c r="U678" s="2">
        <v>1.7410000000000001</v>
      </c>
      <c r="V678" s="2">
        <v>1.22</v>
      </c>
      <c r="W678" s="2">
        <v>1.4999999999999999E-2</v>
      </c>
      <c r="X678" s="2">
        <v>118.9</v>
      </c>
      <c r="Y678" s="2">
        <v>7.6</v>
      </c>
      <c r="Z678" s="2">
        <v>16.7</v>
      </c>
      <c r="AA678" s="5"/>
      <c r="AB678" s="5" t="s">
        <v>43</v>
      </c>
      <c r="AC678" s="5" t="s">
        <v>44</v>
      </c>
      <c r="AD678" s="2"/>
      <c r="AE678" s="1"/>
    </row>
    <row r="679" spans="1:31" ht="14.45">
      <c r="A679" s="11"/>
      <c r="B679" s="20"/>
      <c r="C679" s="2" t="s">
        <v>2457</v>
      </c>
      <c r="D679" s="14" t="s">
        <v>2458</v>
      </c>
      <c r="E679" s="2" t="s">
        <v>2459</v>
      </c>
      <c r="F679" s="2" t="s">
        <v>1787</v>
      </c>
      <c r="G679" s="8">
        <v>152</v>
      </c>
      <c r="H679" s="5">
        <v>6</v>
      </c>
      <c r="I679" s="5" t="s">
        <v>1518</v>
      </c>
      <c r="J679" s="5" t="s">
        <v>1519</v>
      </c>
      <c r="K679" s="2" t="s">
        <v>1520</v>
      </c>
      <c r="L679" s="5" t="s">
        <v>1519</v>
      </c>
      <c r="M679" s="2" t="s">
        <v>1520</v>
      </c>
      <c r="N679" s="5" t="s">
        <v>1521</v>
      </c>
      <c r="O679" s="5" t="s">
        <v>38</v>
      </c>
      <c r="P679" s="5" t="s">
        <v>39</v>
      </c>
      <c r="Q679" s="5" t="s">
        <v>40</v>
      </c>
      <c r="R679" s="5" t="s">
        <v>1522</v>
      </c>
      <c r="S679" s="5" t="s">
        <v>1523</v>
      </c>
      <c r="T679" s="5" t="s">
        <v>42</v>
      </c>
      <c r="U679" s="2">
        <v>1.7749999999999999</v>
      </c>
      <c r="V679" s="2">
        <v>1.254</v>
      </c>
      <c r="W679" s="2">
        <v>1.4999999999999999E-2</v>
      </c>
      <c r="X679" s="2">
        <v>118.9</v>
      </c>
      <c r="Y679" s="2">
        <v>7.6</v>
      </c>
      <c r="Z679" s="2">
        <v>16.7</v>
      </c>
      <c r="AA679" s="5"/>
      <c r="AB679" s="5" t="s">
        <v>43</v>
      </c>
      <c r="AC679" s="5" t="s">
        <v>44</v>
      </c>
      <c r="AD679" s="2"/>
      <c r="AE679" s="1"/>
    </row>
    <row r="680" spans="1:31" ht="14.45">
      <c r="A680" s="11"/>
      <c r="B680" s="20"/>
      <c r="C680" s="2" t="s">
        <v>2460</v>
      </c>
      <c r="D680" s="14" t="s">
        <v>2461</v>
      </c>
      <c r="E680" s="2" t="s">
        <v>2462</v>
      </c>
      <c r="F680" s="2" t="s">
        <v>1791</v>
      </c>
      <c r="G680" s="8">
        <v>152</v>
      </c>
      <c r="H680" s="5">
        <v>6</v>
      </c>
      <c r="I680" s="5" t="s">
        <v>1518</v>
      </c>
      <c r="J680" s="5" t="s">
        <v>1519</v>
      </c>
      <c r="K680" s="2" t="s">
        <v>1520</v>
      </c>
      <c r="L680" s="5" t="s">
        <v>1519</v>
      </c>
      <c r="M680" s="2" t="s">
        <v>1520</v>
      </c>
      <c r="N680" s="5" t="s">
        <v>1521</v>
      </c>
      <c r="O680" s="5" t="s">
        <v>38</v>
      </c>
      <c r="P680" s="5" t="s">
        <v>39</v>
      </c>
      <c r="Q680" s="5" t="s">
        <v>40</v>
      </c>
      <c r="R680" s="5" t="s">
        <v>1522</v>
      </c>
      <c r="S680" s="5" t="s">
        <v>1523</v>
      </c>
      <c r="T680" s="5" t="s">
        <v>42</v>
      </c>
      <c r="U680" s="2">
        <v>1.7529999999999999</v>
      </c>
      <c r="V680" s="2">
        <v>1.232</v>
      </c>
      <c r="W680" s="2">
        <v>1.4999999999999999E-2</v>
      </c>
      <c r="X680" s="2">
        <v>118.9</v>
      </c>
      <c r="Y680" s="2">
        <v>7.6</v>
      </c>
      <c r="Z680" s="2">
        <v>16.7</v>
      </c>
      <c r="AA680" s="5"/>
      <c r="AB680" s="5" t="s">
        <v>43</v>
      </c>
      <c r="AC680" s="5" t="s">
        <v>44</v>
      </c>
      <c r="AD680" s="2"/>
      <c r="AE680" s="1"/>
    </row>
    <row r="681" spans="1:31" ht="14.45">
      <c r="A681" s="11"/>
      <c r="B681" s="20"/>
      <c r="C681" s="2" t="s">
        <v>2463</v>
      </c>
      <c r="D681" s="14" t="s">
        <v>2464</v>
      </c>
      <c r="E681" s="2" t="s">
        <v>2465</v>
      </c>
      <c r="F681" s="2" t="s">
        <v>1795</v>
      </c>
      <c r="G681" s="8">
        <v>152</v>
      </c>
      <c r="H681" s="5">
        <v>6</v>
      </c>
      <c r="I681" s="5" t="s">
        <v>1518</v>
      </c>
      <c r="J681" s="5" t="s">
        <v>1519</v>
      </c>
      <c r="K681" s="2" t="s">
        <v>1520</v>
      </c>
      <c r="L681" s="5" t="s">
        <v>1519</v>
      </c>
      <c r="M681" s="2" t="s">
        <v>1520</v>
      </c>
      <c r="N681" s="5" t="s">
        <v>1521</v>
      </c>
      <c r="O681" s="5" t="s">
        <v>38</v>
      </c>
      <c r="P681" s="5" t="s">
        <v>39</v>
      </c>
      <c r="Q681" s="5" t="s">
        <v>40</v>
      </c>
      <c r="R681" s="5" t="s">
        <v>1522</v>
      </c>
      <c r="S681" s="5" t="s">
        <v>1523</v>
      </c>
      <c r="T681" s="5" t="s">
        <v>42</v>
      </c>
      <c r="U681" s="2">
        <v>1.7869999999999999</v>
      </c>
      <c r="V681" s="2">
        <v>1.266</v>
      </c>
      <c r="W681" s="2">
        <v>1.4999999999999999E-2</v>
      </c>
      <c r="X681" s="2">
        <v>118.9</v>
      </c>
      <c r="Y681" s="2">
        <v>7.6</v>
      </c>
      <c r="Z681" s="2">
        <v>16.7</v>
      </c>
      <c r="AA681" s="5"/>
      <c r="AB681" s="5" t="s">
        <v>43</v>
      </c>
      <c r="AC681" s="5" t="s">
        <v>44</v>
      </c>
      <c r="AD681" s="2"/>
      <c r="AE681" s="1"/>
    </row>
    <row r="682" spans="1:31" ht="14.45">
      <c r="A682" s="11"/>
      <c r="B682" s="20"/>
      <c r="C682" s="2" t="s">
        <v>2466</v>
      </c>
      <c r="D682" s="14" t="s">
        <v>2467</v>
      </c>
      <c r="E682" s="2" t="s">
        <v>2468</v>
      </c>
      <c r="F682" s="2" t="s">
        <v>1799</v>
      </c>
      <c r="G682" s="8">
        <v>152</v>
      </c>
      <c r="H682" s="5">
        <v>6</v>
      </c>
      <c r="I682" s="5" t="s">
        <v>1518</v>
      </c>
      <c r="J682" s="5" t="s">
        <v>1519</v>
      </c>
      <c r="K682" s="2" t="s">
        <v>1520</v>
      </c>
      <c r="L682" s="5" t="s">
        <v>1519</v>
      </c>
      <c r="M682" s="2" t="s">
        <v>1520</v>
      </c>
      <c r="N682" s="5" t="s">
        <v>1521</v>
      </c>
      <c r="O682" s="5" t="s">
        <v>38</v>
      </c>
      <c r="P682" s="5" t="s">
        <v>39</v>
      </c>
      <c r="Q682" s="5" t="s">
        <v>40</v>
      </c>
      <c r="R682" s="5" t="s">
        <v>1522</v>
      </c>
      <c r="S682" s="5" t="s">
        <v>1523</v>
      </c>
      <c r="T682" s="5" t="s">
        <v>42</v>
      </c>
      <c r="U682" s="2">
        <v>1.7529999999999999</v>
      </c>
      <c r="V682" s="2">
        <v>1.232</v>
      </c>
      <c r="W682" s="2">
        <v>1.4999999999999999E-2</v>
      </c>
      <c r="X682" s="2">
        <v>118.9</v>
      </c>
      <c r="Y682" s="2">
        <v>7.6</v>
      </c>
      <c r="Z682" s="2">
        <v>16.7</v>
      </c>
      <c r="AA682" s="5"/>
      <c r="AB682" s="5" t="s">
        <v>43</v>
      </c>
      <c r="AC682" s="5" t="s">
        <v>44</v>
      </c>
      <c r="AD682" s="2"/>
      <c r="AE682" s="1"/>
    </row>
    <row r="683" spans="1:31" ht="14.45">
      <c r="A683" s="11"/>
      <c r="B683" s="20"/>
      <c r="C683" s="2" t="s">
        <v>2469</v>
      </c>
      <c r="D683" s="14" t="s">
        <v>2470</v>
      </c>
      <c r="E683" s="2" t="s">
        <v>2471</v>
      </c>
      <c r="F683" s="2" t="s">
        <v>1803</v>
      </c>
      <c r="G683" s="8">
        <v>152</v>
      </c>
      <c r="H683" s="5">
        <v>6</v>
      </c>
      <c r="I683" s="5" t="s">
        <v>1518</v>
      </c>
      <c r="J683" s="5" t="s">
        <v>1519</v>
      </c>
      <c r="K683" s="2" t="s">
        <v>1520</v>
      </c>
      <c r="L683" s="5" t="s">
        <v>1519</v>
      </c>
      <c r="M683" s="2" t="s">
        <v>1520</v>
      </c>
      <c r="N683" s="5" t="s">
        <v>1521</v>
      </c>
      <c r="O683" s="5" t="s">
        <v>38</v>
      </c>
      <c r="P683" s="5" t="s">
        <v>39</v>
      </c>
      <c r="Q683" s="5" t="s">
        <v>40</v>
      </c>
      <c r="R683" s="5" t="s">
        <v>1522</v>
      </c>
      <c r="S683" s="5" t="s">
        <v>1523</v>
      </c>
      <c r="T683" s="5" t="s">
        <v>42</v>
      </c>
      <c r="U683" s="2">
        <v>1.7869999999999999</v>
      </c>
      <c r="V683" s="2">
        <v>1.266</v>
      </c>
      <c r="W683" s="2">
        <v>1.4999999999999999E-2</v>
      </c>
      <c r="X683" s="2">
        <v>118.9</v>
      </c>
      <c r="Y683" s="2">
        <v>7.6</v>
      </c>
      <c r="Z683" s="2">
        <v>16.7</v>
      </c>
      <c r="AA683" s="5"/>
      <c r="AB683" s="5" t="s">
        <v>43</v>
      </c>
      <c r="AC683" s="5" t="s">
        <v>44</v>
      </c>
      <c r="AD683" s="2"/>
      <c r="AE683" s="1"/>
    </row>
    <row r="684" spans="1:31" ht="14.45">
      <c r="A684" s="11"/>
      <c r="B684" s="20"/>
      <c r="C684" s="2" t="s">
        <v>2472</v>
      </c>
      <c r="D684" s="14" t="s">
        <v>2473</v>
      </c>
      <c r="E684" s="2" t="s">
        <v>2474</v>
      </c>
      <c r="F684" s="2" t="s">
        <v>1807</v>
      </c>
      <c r="G684" s="8">
        <v>152</v>
      </c>
      <c r="H684" s="5">
        <v>6</v>
      </c>
      <c r="I684" s="5" t="s">
        <v>1518</v>
      </c>
      <c r="J684" s="5" t="s">
        <v>1519</v>
      </c>
      <c r="K684" s="2" t="s">
        <v>1520</v>
      </c>
      <c r="L684" s="5" t="s">
        <v>1519</v>
      </c>
      <c r="M684" s="2" t="s">
        <v>1520</v>
      </c>
      <c r="N684" s="5" t="s">
        <v>1521</v>
      </c>
      <c r="O684" s="5" t="s">
        <v>38</v>
      </c>
      <c r="P684" s="5" t="s">
        <v>39</v>
      </c>
      <c r="Q684" s="5" t="s">
        <v>40</v>
      </c>
      <c r="R684" s="5" t="s">
        <v>1522</v>
      </c>
      <c r="S684" s="5" t="s">
        <v>1523</v>
      </c>
      <c r="T684" s="5" t="s">
        <v>42</v>
      </c>
      <c r="U684" s="2">
        <v>1.7529999999999999</v>
      </c>
      <c r="V684" s="2">
        <v>1.232</v>
      </c>
      <c r="W684" s="2">
        <v>1.4999999999999999E-2</v>
      </c>
      <c r="X684" s="2">
        <v>118.9</v>
      </c>
      <c r="Y684" s="2">
        <v>7.6</v>
      </c>
      <c r="Z684" s="2">
        <v>16.7</v>
      </c>
      <c r="AA684" s="5"/>
      <c r="AB684" s="5" t="s">
        <v>43</v>
      </c>
      <c r="AC684" s="5" t="s">
        <v>44</v>
      </c>
      <c r="AD684" s="2"/>
      <c r="AE684" s="1"/>
    </row>
    <row r="685" spans="1:31" ht="14.45">
      <c r="A685" s="11"/>
      <c r="B685" s="20"/>
      <c r="C685" s="2" t="s">
        <v>2475</v>
      </c>
      <c r="D685" s="14" t="s">
        <v>2476</v>
      </c>
      <c r="E685" s="2" t="s">
        <v>2477</v>
      </c>
      <c r="F685" s="2" t="s">
        <v>1811</v>
      </c>
      <c r="G685" s="8">
        <v>152</v>
      </c>
      <c r="H685" s="5">
        <v>6</v>
      </c>
      <c r="I685" s="5" t="s">
        <v>1518</v>
      </c>
      <c r="J685" s="5" t="s">
        <v>1519</v>
      </c>
      <c r="K685" s="2" t="s">
        <v>1520</v>
      </c>
      <c r="L685" s="5" t="s">
        <v>1519</v>
      </c>
      <c r="M685" s="2" t="s">
        <v>1520</v>
      </c>
      <c r="N685" s="5" t="s">
        <v>1521</v>
      </c>
      <c r="O685" s="5" t="s">
        <v>38</v>
      </c>
      <c r="P685" s="5" t="s">
        <v>39</v>
      </c>
      <c r="Q685" s="5" t="s">
        <v>40</v>
      </c>
      <c r="R685" s="5" t="s">
        <v>1522</v>
      </c>
      <c r="S685" s="5" t="s">
        <v>1523</v>
      </c>
      <c r="T685" s="5" t="s">
        <v>42</v>
      </c>
      <c r="U685" s="2">
        <v>1.7869999999999999</v>
      </c>
      <c r="V685" s="2">
        <v>1.266</v>
      </c>
      <c r="W685" s="2">
        <v>1.4999999999999999E-2</v>
      </c>
      <c r="X685" s="2">
        <v>118.9</v>
      </c>
      <c r="Y685" s="2">
        <v>7.6</v>
      </c>
      <c r="Z685" s="2">
        <v>16.7</v>
      </c>
      <c r="AA685" s="5"/>
      <c r="AB685" s="5" t="s">
        <v>43</v>
      </c>
      <c r="AC685" s="5" t="s">
        <v>44</v>
      </c>
      <c r="AD685" s="2"/>
      <c r="AE685" s="1"/>
    </row>
    <row r="686" spans="1:31" ht="14.45">
      <c r="A686" s="11"/>
      <c r="B686" s="20"/>
      <c r="C686" s="2" t="s">
        <v>2478</v>
      </c>
      <c r="D686" s="14" t="s">
        <v>2479</v>
      </c>
      <c r="E686" s="2" t="s">
        <v>2480</v>
      </c>
      <c r="F686" s="2" t="s">
        <v>1815</v>
      </c>
      <c r="G686" s="8">
        <v>152</v>
      </c>
      <c r="H686" s="5">
        <v>6</v>
      </c>
      <c r="I686" s="5" t="s">
        <v>1518</v>
      </c>
      <c r="J686" s="5" t="s">
        <v>1519</v>
      </c>
      <c r="K686" s="2" t="s">
        <v>1520</v>
      </c>
      <c r="L686" s="5" t="s">
        <v>1519</v>
      </c>
      <c r="M686" s="2" t="s">
        <v>1520</v>
      </c>
      <c r="N686" s="5" t="s">
        <v>1521</v>
      </c>
      <c r="O686" s="5" t="s">
        <v>38</v>
      </c>
      <c r="P686" s="5" t="s">
        <v>39</v>
      </c>
      <c r="Q686" s="5" t="s">
        <v>40</v>
      </c>
      <c r="R686" s="5" t="s">
        <v>1522</v>
      </c>
      <c r="S686" s="5" t="s">
        <v>1523</v>
      </c>
      <c r="T686" s="5" t="s">
        <v>42</v>
      </c>
      <c r="U686" s="2">
        <v>1.7410000000000001</v>
      </c>
      <c r="V686" s="2">
        <v>1.22</v>
      </c>
      <c r="W686" s="2">
        <v>1.4999999999999999E-2</v>
      </c>
      <c r="X686" s="2">
        <v>118.9</v>
      </c>
      <c r="Y686" s="2">
        <v>7.6</v>
      </c>
      <c r="Z686" s="2">
        <v>16.7</v>
      </c>
      <c r="AA686" s="5"/>
      <c r="AB686" s="5" t="s">
        <v>43</v>
      </c>
      <c r="AC686" s="5" t="s">
        <v>44</v>
      </c>
      <c r="AD686" s="2"/>
      <c r="AE686" s="1"/>
    </row>
    <row r="687" spans="1:31" ht="14.45">
      <c r="A687" s="11"/>
      <c r="B687" s="20"/>
      <c r="C687" s="2" t="s">
        <v>2481</v>
      </c>
      <c r="D687" s="14" t="s">
        <v>2482</v>
      </c>
      <c r="E687" s="2" t="s">
        <v>2483</v>
      </c>
      <c r="F687" s="2" t="s">
        <v>1819</v>
      </c>
      <c r="G687" s="8">
        <v>152</v>
      </c>
      <c r="H687" s="5">
        <v>6</v>
      </c>
      <c r="I687" s="5" t="s">
        <v>1518</v>
      </c>
      <c r="J687" s="5" t="s">
        <v>1519</v>
      </c>
      <c r="K687" s="2" t="s">
        <v>1520</v>
      </c>
      <c r="L687" s="5" t="s">
        <v>1519</v>
      </c>
      <c r="M687" s="2" t="s">
        <v>1520</v>
      </c>
      <c r="N687" s="5" t="s">
        <v>1521</v>
      </c>
      <c r="O687" s="5" t="s">
        <v>38</v>
      </c>
      <c r="P687" s="5" t="s">
        <v>39</v>
      </c>
      <c r="Q687" s="5" t="s">
        <v>40</v>
      </c>
      <c r="R687" s="5" t="s">
        <v>1522</v>
      </c>
      <c r="S687" s="5" t="s">
        <v>1523</v>
      </c>
      <c r="T687" s="5" t="s">
        <v>42</v>
      </c>
      <c r="U687" s="2">
        <v>1.7749999999999999</v>
      </c>
      <c r="V687" s="2">
        <v>1.254</v>
      </c>
      <c r="W687" s="2">
        <v>1.4999999999999999E-2</v>
      </c>
      <c r="X687" s="2">
        <v>118.9</v>
      </c>
      <c r="Y687" s="2">
        <v>7.6</v>
      </c>
      <c r="Z687" s="2">
        <v>16.7</v>
      </c>
      <c r="AA687" s="5"/>
      <c r="AB687" s="5" t="s">
        <v>43</v>
      </c>
      <c r="AC687" s="5" t="s">
        <v>44</v>
      </c>
      <c r="AD687" s="2"/>
      <c r="AE687" s="1"/>
    </row>
    <row r="688" spans="1:31" ht="14.45">
      <c r="A688" s="11"/>
      <c r="B688" s="20"/>
      <c r="C688" s="2" t="s">
        <v>2484</v>
      </c>
      <c r="D688" s="14" t="s">
        <v>2485</v>
      </c>
      <c r="E688" s="2" t="s">
        <v>2486</v>
      </c>
      <c r="F688" s="2" t="s">
        <v>1823</v>
      </c>
      <c r="G688" s="8">
        <v>152</v>
      </c>
      <c r="H688" s="5">
        <v>8</v>
      </c>
      <c r="I688" s="5" t="s">
        <v>1518</v>
      </c>
      <c r="J688" s="5" t="s">
        <v>1519</v>
      </c>
      <c r="K688" s="2" t="s">
        <v>1520</v>
      </c>
      <c r="L688" s="5" t="s">
        <v>1519</v>
      </c>
      <c r="M688" s="2" t="s">
        <v>1520</v>
      </c>
      <c r="N688" s="5" t="s">
        <v>1521</v>
      </c>
      <c r="O688" s="5" t="s">
        <v>38</v>
      </c>
      <c r="P688" s="5" t="s">
        <v>39</v>
      </c>
      <c r="Q688" s="5" t="s">
        <v>40</v>
      </c>
      <c r="R688" s="5" t="s">
        <v>1522</v>
      </c>
      <c r="S688" s="5" t="s">
        <v>1523</v>
      </c>
      <c r="T688" s="5" t="s">
        <v>42</v>
      </c>
      <c r="U688" s="2">
        <v>1.762</v>
      </c>
      <c r="V688" s="2">
        <v>1.2410000000000001</v>
      </c>
      <c r="W688" s="2">
        <v>1.4999999999999999E-2</v>
      </c>
      <c r="X688" s="2">
        <v>118.9</v>
      </c>
      <c r="Y688" s="2">
        <v>7.6</v>
      </c>
      <c r="Z688" s="2">
        <v>16.7</v>
      </c>
      <c r="AA688" s="5"/>
      <c r="AB688" s="5" t="s">
        <v>43</v>
      </c>
      <c r="AC688" s="5" t="s">
        <v>44</v>
      </c>
      <c r="AD688" s="2"/>
      <c r="AE688" s="1"/>
    </row>
    <row r="689" spans="1:31" ht="14.45">
      <c r="A689" s="11"/>
      <c r="B689" s="20"/>
      <c r="C689" s="2" t="s">
        <v>2487</v>
      </c>
      <c r="D689" s="14" t="s">
        <v>2488</v>
      </c>
      <c r="E689" s="2" t="s">
        <v>2489</v>
      </c>
      <c r="F689" s="2" t="s">
        <v>1827</v>
      </c>
      <c r="G689" s="8">
        <v>152</v>
      </c>
      <c r="H689" s="5">
        <v>8</v>
      </c>
      <c r="I689" s="5" t="s">
        <v>1518</v>
      </c>
      <c r="J689" s="5" t="s">
        <v>1519</v>
      </c>
      <c r="K689" s="2" t="s">
        <v>1520</v>
      </c>
      <c r="L689" s="5" t="s">
        <v>1519</v>
      </c>
      <c r="M689" s="2" t="s">
        <v>1520</v>
      </c>
      <c r="N689" s="5" t="s">
        <v>1521</v>
      </c>
      <c r="O689" s="5" t="s">
        <v>38</v>
      </c>
      <c r="P689" s="5" t="s">
        <v>39</v>
      </c>
      <c r="Q689" s="5" t="s">
        <v>40</v>
      </c>
      <c r="R689" s="5" t="s">
        <v>1522</v>
      </c>
      <c r="S689" s="5" t="s">
        <v>1523</v>
      </c>
      <c r="T689" s="5" t="s">
        <v>42</v>
      </c>
      <c r="U689" s="2">
        <v>1.796</v>
      </c>
      <c r="V689" s="2">
        <v>1.2749999999999999</v>
      </c>
      <c r="W689" s="2">
        <v>1.4999999999999999E-2</v>
      </c>
      <c r="X689" s="2">
        <v>118.9</v>
      </c>
      <c r="Y689" s="2">
        <v>7.6</v>
      </c>
      <c r="Z689" s="2">
        <v>16.7</v>
      </c>
      <c r="AA689" s="5"/>
      <c r="AB689" s="5" t="s">
        <v>43</v>
      </c>
      <c r="AC689" s="5" t="s">
        <v>44</v>
      </c>
      <c r="AD689" s="2"/>
      <c r="AE689" s="1"/>
    </row>
    <row r="690" spans="1:31" ht="14.45">
      <c r="A690" s="11"/>
      <c r="B690" s="20"/>
      <c r="C690" s="2" t="s">
        <v>2490</v>
      </c>
      <c r="D690" s="14" t="s">
        <v>2491</v>
      </c>
      <c r="E690" s="2" t="s">
        <v>2492</v>
      </c>
      <c r="F690" s="2" t="s">
        <v>2208</v>
      </c>
      <c r="G690" s="8">
        <v>152</v>
      </c>
      <c r="H690" s="5">
        <v>13</v>
      </c>
      <c r="I690" s="5" t="s">
        <v>1518</v>
      </c>
      <c r="J690" s="5" t="s">
        <v>1519</v>
      </c>
      <c r="K690" s="2" t="s">
        <v>1520</v>
      </c>
      <c r="L690" s="5" t="s">
        <v>1519</v>
      </c>
      <c r="M690" s="2" t="s">
        <v>1520</v>
      </c>
      <c r="N690" s="5" t="s">
        <v>1521</v>
      </c>
      <c r="O690" s="5" t="s">
        <v>38</v>
      </c>
      <c r="P690" s="5" t="s">
        <v>39</v>
      </c>
      <c r="Q690" s="5" t="s">
        <v>40</v>
      </c>
      <c r="R690" s="5" t="s">
        <v>1522</v>
      </c>
      <c r="S690" s="5" t="s">
        <v>1523</v>
      </c>
      <c r="T690" s="5" t="s">
        <v>42</v>
      </c>
      <c r="U690" s="2">
        <v>1.7809999999999999</v>
      </c>
      <c r="V690" s="2">
        <v>1.26</v>
      </c>
      <c r="W690" s="2">
        <v>1.4999999999999999E-2</v>
      </c>
      <c r="X690" s="2">
        <v>118.9</v>
      </c>
      <c r="Y690" s="2">
        <v>7.6</v>
      </c>
      <c r="Z690" s="2">
        <v>16.7</v>
      </c>
      <c r="AA690" s="5"/>
      <c r="AB690" s="5" t="s">
        <v>43</v>
      </c>
      <c r="AC690" s="5" t="s">
        <v>44</v>
      </c>
      <c r="AD690" s="2"/>
      <c r="AE690" s="1"/>
    </row>
    <row r="691" spans="1:31" ht="14.45">
      <c r="A691" s="11"/>
      <c r="B691" s="20"/>
      <c r="C691" s="2" t="s">
        <v>2493</v>
      </c>
      <c r="D691" s="14" t="s">
        <v>2494</v>
      </c>
      <c r="E691" s="2" t="s">
        <v>2495</v>
      </c>
      <c r="F691" s="2" t="s">
        <v>1831</v>
      </c>
      <c r="G691" s="8">
        <v>152</v>
      </c>
      <c r="H691" s="5">
        <v>13</v>
      </c>
      <c r="I691" s="5" t="s">
        <v>1518</v>
      </c>
      <c r="J691" s="5" t="s">
        <v>1519</v>
      </c>
      <c r="K691" s="2" t="s">
        <v>1520</v>
      </c>
      <c r="L691" s="5" t="s">
        <v>1519</v>
      </c>
      <c r="M691" s="2" t="s">
        <v>1520</v>
      </c>
      <c r="N691" s="5" t="s">
        <v>1521</v>
      </c>
      <c r="O691" s="5" t="s">
        <v>38</v>
      </c>
      <c r="P691" s="5" t="s">
        <v>39</v>
      </c>
      <c r="Q691" s="5" t="s">
        <v>40</v>
      </c>
      <c r="R691" s="5" t="s">
        <v>1522</v>
      </c>
      <c r="S691" s="5" t="s">
        <v>1523</v>
      </c>
      <c r="T691" s="5" t="s">
        <v>42</v>
      </c>
      <c r="U691" s="2">
        <v>1.7809999999999999</v>
      </c>
      <c r="V691" s="2">
        <v>1.26</v>
      </c>
      <c r="W691" s="2">
        <v>1.4999999999999999E-2</v>
      </c>
      <c r="X691" s="2">
        <v>118.9</v>
      </c>
      <c r="Y691" s="2">
        <v>7.6</v>
      </c>
      <c r="Z691" s="2">
        <v>16.7</v>
      </c>
      <c r="AA691" s="5"/>
      <c r="AB691" s="5" t="s">
        <v>43</v>
      </c>
      <c r="AC691" s="5" t="s">
        <v>44</v>
      </c>
      <c r="AD691" s="2"/>
      <c r="AE691" s="1"/>
    </row>
    <row r="692" spans="1:31" ht="14.45">
      <c r="A692" s="11"/>
      <c r="B692" s="20"/>
      <c r="C692" s="2" t="s">
        <v>2496</v>
      </c>
      <c r="D692" s="14" t="s">
        <v>2497</v>
      </c>
      <c r="E692" s="2" t="s">
        <v>2498</v>
      </c>
      <c r="F692" s="2" t="s">
        <v>1835</v>
      </c>
      <c r="G692" s="8">
        <v>152</v>
      </c>
      <c r="H692" s="5">
        <v>13</v>
      </c>
      <c r="I692" s="5" t="s">
        <v>1518</v>
      </c>
      <c r="J692" s="5" t="s">
        <v>1519</v>
      </c>
      <c r="K692" s="2" t="s">
        <v>1520</v>
      </c>
      <c r="L692" s="5" t="s">
        <v>1519</v>
      </c>
      <c r="M692" s="2" t="s">
        <v>1520</v>
      </c>
      <c r="N692" s="5" t="s">
        <v>1521</v>
      </c>
      <c r="O692" s="5" t="s">
        <v>38</v>
      </c>
      <c r="P692" s="5" t="s">
        <v>39</v>
      </c>
      <c r="Q692" s="5" t="s">
        <v>40</v>
      </c>
      <c r="R692" s="5" t="s">
        <v>1522</v>
      </c>
      <c r="S692" s="5" t="s">
        <v>1523</v>
      </c>
      <c r="T692" s="5" t="s">
        <v>42</v>
      </c>
      <c r="U692" s="2">
        <v>1.8149999999999999</v>
      </c>
      <c r="V692" s="2">
        <v>1.294</v>
      </c>
      <c r="W692" s="2">
        <v>1.4999999999999999E-2</v>
      </c>
      <c r="X692" s="2">
        <v>118.9</v>
      </c>
      <c r="Y692" s="2">
        <v>7.6</v>
      </c>
      <c r="Z692" s="2">
        <v>16.7</v>
      </c>
      <c r="AA692" s="5"/>
      <c r="AB692" s="5" t="s">
        <v>43</v>
      </c>
      <c r="AC692" s="5" t="s">
        <v>44</v>
      </c>
      <c r="AD692" s="2"/>
      <c r="AE692" s="1"/>
    </row>
    <row r="693" spans="1:31" ht="14.45">
      <c r="A693" s="11"/>
      <c r="B693" s="20"/>
      <c r="C693" s="2" t="s">
        <v>2499</v>
      </c>
      <c r="D693" s="14" t="s">
        <v>2500</v>
      </c>
      <c r="E693" s="2" t="s">
        <v>2501</v>
      </c>
      <c r="F693" s="2" t="s">
        <v>1847</v>
      </c>
      <c r="G693" s="8">
        <v>152</v>
      </c>
      <c r="H693" s="5">
        <v>13</v>
      </c>
      <c r="I693" s="5" t="s">
        <v>1518</v>
      </c>
      <c r="J693" s="5" t="s">
        <v>1519</v>
      </c>
      <c r="K693" s="2" t="s">
        <v>1520</v>
      </c>
      <c r="L693" s="5" t="s">
        <v>1519</v>
      </c>
      <c r="M693" s="2" t="s">
        <v>1520</v>
      </c>
      <c r="N693" s="5" t="s">
        <v>1521</v>
      </c>
      <c r="O693" s="5" t="s">
        <v>38</v>
      </c>
      <c r="P693" s="5" t="s">
        <v>39</v>
      </c>
      <c r="Q693" s="5" t="s">
        <v>40</v>
      </c>
      <c r="R693" s="5" t="s">
        <v>1522</v>
      </c>
      <c r="S693" s="5" t="s">
        <v>1523</v>
      </c>
      <c r="T693" s="5" t="s">
        <v>42</v>
      </c>
      <c r="U693" s="2">
        <v>1.8149999999999999</v>
      </c>
      <c r="V693" s="2">
        <v>1.294</v>
      </c>
      <c r="W693" s="2">
        <v>1.4999999999999999E-2</v>
      </c>
      <c r="X693" s="2">
        <v>118.9</v>
      </c>
      <c r="Y693" s="2">
        <v>7.6</v>
      </c>
      <c r="Z693" s="2">
        <v>16.7</v>
      </c>
      <c r="AA693" s="5"/>
      <c r="AB693" s="5" t="s">
        <v>43</v>
      </c>
      <c r="AC693" s="5" t="s">
        <v>44</v>
      </c>
      <c r="AD693" s="2"/>
      <c r="AE693" s="1"/>
    </row>
    <row r="694" spans="1:31" ht="14.45">
      <c r="A694" s="11"/>
      <c r="B694" s="20"/>
      <c r="C694" s="2" t="s">
        <v>2502</v>
      </c>
      <c r="D694" s="14" t="s">
        <v>2503</v>
      </c>
      <c r="E694" s="2" t="s">
        <v>2504</v>
      </c>
      <c r="F694" s="2" t="s">
        <v>1999</v>
      </c>
      <c r="G694" s="8">
        <v>152</v>
      </c>
      <c r="H694" s="5">
        <v>13</v>
      </c>
      <c r="I694" s="5" t="s">
        <v>1518</v>
      </c>
      <c r="J694" s="5" t="s">
        <v>1519</v>
      </c>
      <c r="K694" s="2" t="s">
        <v>1520</v>
      </c>
      <c r="L694" s="5" t="s">
        <v>1519</v>
      </c>
      <c r="M694" s="2" t="s">
        <v>1520</v>
      </c>
      <c r="N694" s="5" t="s">
        <v>1521</v>
      </c>
      <c r="O694" s="5" t="s">
        <v>38</v>
      </c>
      <c r="P694" s="5" t="s">
        <v>39</v>
      </c>
      <c r="Q694" s="5" t="s">
        <v>40</v>
      </c>
      <c r="R694" s="5" t="s">
        <v>1522</v>
      </c>
      <c r="S694" s="5" t="s">
        <v>1523</v>
      </c>
      <c r="T694" s="5" t="s">
        <v>42</v>
      </c>
      <c r="U694" s="2">
        <v>1.8149999999999999</v>
      </c>
      <c r="V694" s="2">
        <v>1.294</v>
      </c>
      <c r="W694" s="2">
        <v>1.4999999999999999E-2</v>
      </c>
      <c r="X694" s="2">
        <v>118.9</v>
      </c>
      <c r="Y694" s="2">
        <v>7.6</v>
      </c>
      <c r="Z694" s="2">
        <v>16.7</v>
      </c>
      <c r="AA694" s="5"/>
      <c r="AB694" s="5" t="s">
        <v>43</v>
      </c>
      <c r="AC694" s="5" t="s">
        <v>44</v>
      </c>
      <c r="AD694" s="2"/>
      <c r="AE694" s="1"/>
    </row>
    <row r="695" spans="1:31" ht="14.45">
      <c r="A695" s="11"/>
      <c r="B695" s="20"/>
      <c r="C695" s="2" t="s">
        <v>2505</v>
      </c>
      <c r="D695" s="14" t="s">
        <v>2506</v>
      </c>
      <c r="E695" s="2" t="s">
        <v>2507</v>
      </c>
      <c r="F695" s="2" t="s">
        <v>1859</v>
      </c>
      <c r="G695" s="8">
        <v>152</v>
      </c>
      <c r="H695" s="5">
        <v>13</v>
      </c>
      <c r="I695" s="5" t="s">
        <v>1518</v>
      </c>
      <c r="J695" s="5" t="s">
        <v>1519</v>
      </c>
      <c r="K695" s="2" t="s">
        <v>1520</v>
      </c>
      <c r="L695" s="5" t="s">
        <v>1519</v>
      </c>
      <c r="M695" s="2" t="s">
        <v>1520</v>
      </c>
      <c r="N695" s="5" t="s">
        <v>1521</v>
      </c>
      <c r="O695" s="5" t="s">
        <v>38</v>
      </c>
      <c r="P695" s="5" t="s">
        <v>39</v>
      </c>
      <c r="Q695" s="5" t="s">
        <v>40</v>
      </c>
      <c r="R695" s="5" t="s">
        <v>1522</v>
      </c>
      <c r="S695" s="5" t="s">
        <v>1523</v>
      </c>
      <c r="T695" s="5" t="s">
        <v>42</v>
      </c>
      <c r="U695" s="2">
        <v>1.8149999999999999</v>
      </c>
      <c r="V695" s="2">
        <v>1.294</v>
      </c>
      <c r="W695" s="2">
        <v>1.4999999999999999E-2</v>
      </c>
      <c r="X695" s="2">
        <v>118.9</v>
      </c>
      <c r="Y695" s="2">
        <v>7.6</v>
      </c>
      <c r="Z695" s="2">
        <v>16.7</v>
      </c>
      <c r="AA695" s="5"/>
      <c r="AB695" s="5" t="s">
        <v>43</v>
      </c>
      <c r="AC695" s="5" t="s">
        <v>44</v>
      </c>
      <c r="AD695" s="2"/>
      <c r="AE695" s="1"/>
    </row>
    <row r="696" spans="1:31" ht="14.45">
      <c r="A696" s="11"/>
      <c r="B696" s="20"/>
      <c r="C696" s="2" t="s">
        <v>2508</v>
      </c>
      <c r="D696" s="14" t="s">
        <v>2509</v>
      </c>
      <c r="E696" s="2" t="s">
        <v>2510</v>
      </c>
      <c r="F696" s="2" t="s">
        <v>1863</v>
      </c>
      <c r="G696" s="8">
        <v>152</v>
      </c>
      <c r="H696" s="5">
        <v>11</v>
      </c>
      <c r="I696" s="5" t="s">
        <v>1518</v>
      </c>
      <c r="J696" s="5" t="s">
        <v>1519</v>
      </c>
      <c r="K696" s="2" t="s">
        <v>1520</v>
      </c>
      <c r="L696" s="5" t="s">
        <v>1519</v>
      </c>
      <c r="M696" s="2" t="s">
        <v>1520</v>
      </c>
      <c r="N696" s="5" t="s">
        <v>1521</v>
      </c>
      <c r="O696" s="5" t="s">
        <v>38</v>
      </c>
      <c r="P696" s="5" t="s">
        <v>39</v>
      </c>
      <c r="Q696" s="5" t="s">
        <v>40</v>
      </c>
      <c r="R696" s="5" t="s">
        <v>1522</v>
      </c>
      <c r="S696" s="5" t="s">
        <v>1523</v>
      </c>
      <c r="T696" s="5" t="s">
        <v>42</v>
      </c>
      <c r="U696" s="2">
        <v>1.7450000000000001</v>
      </c>
      <c r="V696" s="2">
        <v>1.224</v>
      </c>
      <c r="W696" s="2">
        <v>1.4999999999999999E-2</v>
      </c>
      <c r="X696" s="2">
        <v>118.9</v>
      </c>
      <c r="Y696" s="2">
        <v>7.6</v>
      </c>
      <c r="Z696" s="2">
        <v>16.7</v>
      </c>
      <c r="AA696" s="5"/>
      <c r="AB696" s="5" t="s">
        <v>43</v>
      </c>
      <c r="AC696" s="5" t="s">
        <v>44</v>
      </c>
      <c r="AD696" s="2"/>
      <c r="AE696" s="1"/>
    </row>
    <row r="697" spans="1:31" ht="14.45">
      <c r="A697" s="11"/>
      <c r="B697" s="20"/>
      <c r="C697" s="2" t="s">
        <v>2511</v>
      </c>
      <c r="D697" s="14" t="s">
        <v>2512</v>
      </c>
      <c r="E697" s="2" t="s">
        <v>2513</v>
      </c>
      <c r="F697" s="2" t="s">
        <v>1867</v>
      </c>
      <c r="G697" s="8">
        <v>152</v>
      </c>
      <c r="H697" s="5">
        <v>11</v>
      </c>
      <c r="I697" s="5" t="s">
        <v>1518</v>
      </c>
      <c r="J697" s="5" t="s">
        <v>1519</v>
      </c>
      <c r="K697" s="2" t="s">
        <v>1520</v>
      </c>
      <c r="L697" s="5" t="s">
        <v>1519</v>
      </c>
      <c r="M697" s="2" t="s">
        <v>1520</v>
      </c>
      <c r="N697" s="5" t="s">
        <v>1521</v>
      </c>
      <c r="O697" s="5" t="s">
        <v>38</v>
      </c>
      <c r="P697" s="5" t="s">
        <v>39</v>
      </c>
      <c r="Q697" s="5" t="s">
        <v>40</v>
      </c>
      <c r="R697" s="5" t="s">
        <v>1522</v>
      </c>
      <c r="S697" s="5" t="s">
        <v>1523</v>
      </c>
      <c r="T697" s="5" t="s">
        <v>42</v>
      </c>
      <c r="U697" s="2">
        <v>1.7789999999999999</v>
      </c>
      <c r="V697" s="2">
        <v>1.258</v>
      </c>
      <c r="W697" s="2">
        <v>1.4999999999999999E-2</v>
      </c>
      <c r="X697" s="2">
        <v>118.9</v>
      </c>
      <c r="Y697" s="2">
        <v>7.6</v>
      </c>
      <c r="Z697" s="2">
        <v>16.7</v>
      </c>
      <c r="AA697" s="5"/>
      <c r="AB697" s="5" t="s">
        <v>43</v>
      </c>
      <c r="AC697" s="5" t="s">
        <v>44</v>
      </c>
      <c r="AD697" s="2"/>
      <c r="AE697" s="1"/>
    </row>
    <row r="698" spans="1:31" ht="14.45">
      <c r="A698" s="11"/>
      <c r="B698" s="20"/>
      <c r="C698" s="2" t="s">
        <v>2514</v>
      </c>
      <c r="D698" s="14" t="s">
        <v>2515</v>
      </c>
      <c r="E698" s="2" t="s">
        <v>2516</v>
      </c>
      <c r="F698" s="2" t="s">
        <v>1695</v>
      </c>
      <c r="G698" s="8">
        <v>130</v>
      </c>
      <c r="H698" s="5">
        <v>6</v>
      </c>
      <c r="I698" s="5" t="s">
        <v>1518</v>
      </c>
      <c r="J698" s="5" t="s">
        <v>1519</v>
      </c>
      <c r="K698" s="2" t="s">
        <v>1520</v>
      </c>
      <c r="L698" s="5" t="s">
        <v>1519</v>
      </c>
      <c r="M698" s="2" t="s">
        <v>1520</v>
      </c>
      <c r="N698" s="5" t="s">
        <v>1521</v>
      </c>
      <c r="O698" s="5" t="s">
        <v>38</v>
      </c>
      <c r="P698" s="5" t="s">
        <v>39</v>
      </c>
      <c r="Q698" s="5" t="s">
        <v>40</v>
      </c>
      <c r="R698" s="5" t="s">
        <v>1522</v>
      </c>
      <c r="S698" s="5" t="s">
        <v>1523</v>
      </c>
      <c r="T698" s="5" t="s">
        <v>42</v>
      </c>
      <c r="U698" s="2">
        <v>1.7</v>
      </c>
      <c r="V698" s="2">
        <v>1.3049999999999999</v>
      </c>
      <c r="W698" s="2">
        <v>0.01</v>
      </c>
      <c r="X698" s="2">
        <v>76.900000000000006</v>
      </c>
      <c r="Y698" s="2">
        <v>7.6</v>
      </c>
      <c r="Z698" s="2">
        <v>16.7</v>
      </c>
      <c r="AA698" s="5"/>
      <c r="AB698" s="5" t="s">
        <v>43</v>
      </c>
      <c r="AC698" s="5" t="s">
        <v>44</v>
      </c>
      <c r="AD698" s="2"/>
      <c r="AE698" s="1"/>
    </row>
    <row r="699" spans="1:31" ht="14.45">
      <c r="A699" s="11"/>
      <c r="B699" s="20"/>
      <c r="C699" s="2" t="s">
        <v>2517</v>
      </c>
      <c r="D699" s="14" t="s">
        <v>2518</v>
      </c>
      <c r="E699" s="2" t="s">
        <v>2519</v>
      </c>
      <c r="F699" s="2" t="s">
        <v>1699</v>
      </c>
      <c r="G699" s="8">
        <v>130</v>
      </c>
      <c r="H699" s="5">
        <v>6</v>
      </c>
      <c r="I699" s="5" t="s">
        <v>1518</v>
      </c>
      <c r="J699" s="5" t="s">
        <v>1519</v>
      </c>
      <c r="K699" s="2" t="s">
        <v>1520</v>
      </c>
      <c r="L699" s="5" t="s">
        <v>1519</v>
      </c>
      <c r="M699" s="2" t="s">
        <v>1520</v>
      </c>
      <c r="N699" s="5" t="s">
        <v>1521</v>
      </c>
      <c r="O699" s="5" t="s">
        <v>38</v>
      </c>
      <c r="P699" s="5" t="s">
        <v>39</v>
      </c>
      <c r="Q699" s="5" t="s">
        <v>40</v>
      </c>
      <c r="R699" s="5" t="s">
        <v>1522</v>
      </c>
      <c r="S699" s="5" t="s">
        <v>1523</v>
      </c>
      <c r="T699" s="5" t="s">
        <v>42</v>
      </c>
      <c r="U699" s="2">
        <v>1.7330000000000001</v>
      </c>
      <c r="V699" s="2">
        <v>1.3380000000000001</v>
      </c>
      <c r="W699" s="2">
        <v>0.01</v>
      </c>
      <c r="X699" s="2">
        <v>76.900000000000006</v>
      </c>
      <c r="Y699" s="2">
        <v>7.6</v>
      </c>
      <c r="Z699" s="2">
        <v>16.7</v>
      </c>
      <c r="AA699" s="5"/>
      <c r="AB699" s="5" t="s">
        <v>43</v>
      </c>
      <c r="AC699" s="5" t="s">
        <v>44</v>
      </c>
      <c r="AD699" s="2"/>
      <c r="AE699" s="1"/>
    </row>
    <row r="700" spans="1:31" ht="14.45">
      <c r="A700" s="11"/>
      <c r="B700" s="20"/>
      <c r="C700" s="2" t="s">
        <v>2520</v>
      </c>
      <c r="D700" s="14" t="s">
        <v>2521</v>
      </c>
      <c r="E700" s="2" t="s">
        <v>2522</v>
      </c>
      <c r="F700" s="2" t="s">
        <v>1703</v>
      </c>
      <c r="G700" s="8">
        <v>130</v>
      </c>
      <c r="H700" s="5">
        <v>6</v>
      </c>
      <c r="I700" s="5" t="s">
        <v>1518</v>
      </c>
      <c r="J700" s="5" t="s">
        <v>1519</v>
      </c>
      <c r="K700" s="2" t="s">
        <v>1520</v>
      </c>
      <c r="L700" s="5" t="s">
        <v>1519</v>
      </c>
      <c r="M700" s="2" t="s">
        <v>1520</v>
      </c>
      <c r="N700" s="5" t="s">
        <v>1521</v>
      </c>
      <c r="O700" s="5" t="s">
        <v>38</v>
      </c>
      <c r="P700" s="5" t="s">
        <v>39</v>
      </c>
      <c r="Q700" s="5" t="s">
        <v>40</v>
      </c>
      <c r="R700" s="5" t="s">
        <v>1522</v>
      </c>
      <c r="S700" s="5" t="s">
        <v>1523</v>
      </c>
      <c r="T700" s="5" t="s">
        <v>42</v>
      </c>
      <c r="U700" s="2">
        <v>1.7050000000000001</v>
      </c>
      <c r="V700" s="2">
        <v>1.31</v>
      </c>
      <c r="W700" s="2">
        <v>0.01</v>
      </c>
      <c r="X700" s="2">
        <v>76.900000000000006</v>
      </c>
      <c r="Y700" s="2">
        <v>7.6</v>
      </c>
      <c r="Z700" s="2">
        <v>16.7</v>
      </c>
      <c r="AA700" s="5"/>
      <c r="AB700" s="5" t="s">
        <v>43</v>
      </c>
      <c r="AC700" s="5" t="s">
        <v>44</v>
      </c>
      <c r="AD700" s="2"/>
      <c r="AE700" s="1"/>
    </row>
    <row r="701" spans="1:31" ht="14.45">
      <c r="A701" s="11"/>
      <c r="B701" s="20"/>
      <c r="C701" s="2" t="s">
        <v>2523</v>
      </c>
      <c r="D701" s="14" t="s">
        <v>2524</v>
      </c>
      <c r="E701" s="2" t="s">
        <v>2525</v>
      </c>
      <c r="F701" s="2" t="s">
        <v>1707</v>
      </c>
      <c r="G701" s="8">
        <v>130</v>
      </c>
      <c r="H701" s="5">
        <v>6</v>
      </c>
      <c r="I701" s="5" t="s">
        <v>1518</v>
      </c>
      <c r="J701" s="5" t="s">
        <v>1519</v>
      </c>
      <c r="K701" s="2" t="s">
        <v>1520</v>
      </c>
      <c r="L701" s="5" t="s">
        <v>1519</v>
      </c>
      <c r="M701" s="2" t="s">
        <v>1520</v>
      </c>
      <c r="N701" s="5" t="s">
        <v>1521</v>
      </c>
      <c r="O701" s="5" t="s">
        <v>38</v>
      </c>
      <c r="P701" s="5" t="s">
        <v>39</v>
      </c>
      <c r="Q701" s="5" t="s">
        <v>40</v>
      </c>
      <c r="R701" s="5" t="s">
        <v>1522</v>
      </c>
      <c r="S701" s="5" t="s">
        <v>1523</v>
      </c>
      <c r="T701" s="5" t="s">
        <v>42</v>
      </c>
      <c r="U701" s="2">
        <v>1.738</v>
      </c>
      <c r="V701" s="2">
        <v>1.343</v>
      </c>
      <c r="W701" s="2">
        <v>0.01</v>
      </c>
      <c r="X701" s="2">
        <v>76.900000000000006</v>
      </c>
      <c r="Y701" s="2">
        <v>7.6</v>
      </c>
      <c r="Z701" s="2">
        <v>16.7</v>
      </c>
      <c r="AA701" s="5"/>
      <c r="AB701" s="5" t="s">
        <v>43</v>
      </c>
      <c r="AC701" s="5" t="s">
        <v>44</v>
      </c>
      <c r="AD701" s="2"/>
      <c r="AE701" s="1"/>
    </row>
    <row r="702" spans="1:31" ht="14.45">
      <c r="A702" s="11"/>
      <c r="B702" s="20"/>
      <c r="C702" s="2" t="s">
        <v>2526</v>
      </c>
      <c r="D702" s="14" t="s">
        <v>2527</v>
      </c>
      <c r="E702" s="2" t="s">
        <v>2528</v>
      </c>
      <c r="F702" s="2" t="s">
        <v>1711</v>
      </c>
      <c r="G702" s="8">
        <v>130</v>
      </c>
      <c r="H702" s="5">
        <v>6</v>
      </c>
      <c r="I702" s="5" t="s">
        <v>1518</v>
      </c>
      <c r="J702" s="5" t="s">
        <v>1519</v>
      </c>
      <c r="K702" s="2" t="s">
        <v>1520</v>
      </c>
      <c r="L702" s="5" t="s">
        <v>1519</v>
      </c>
      <c r="M702" s="2" t="s">
        <v>1520</v>
      </c>
      <c r="N702" s="5" t="s">
        <v>1521</v>
      </c>
      <c r="O702" s="5" t="s">
        <v>38</v>
      </c>
      <c r="P702" s="5" t="s">
        <v>39</v>
      </c>
      <c r="Q702" s="5" t="s">
        <v>40</v>
      </c>
      <c r="R702" s="5" t="s">
        <v>1522</v>
      </c>
      <c r="S702" s="5" t="s">
        <v>1523</v>
      </c>
      <c r="T702" s="5" t="s">
        <v>42</v>
      </c>
      <c r="U702" s="2">
        <v>1.7050000000000001</v>
      </c>
      <c r="V702" s="2">
        <v>1.31</v>
      </c>
      <c r="W702" s="2">
        <v>0.01</v>
      </c>
      <c r="X702" s="2">
        <v>76.900000000000006</v>
      </c>
      <c r="Y702" s="2">
        <v>7.6</v>
      </c>
      <c r="Z702" s="2">
        <v>16.7</v>
      </c>
      <c r="AA702" s="5"/>
      <c r="AB702" s="5" t="s">
        <v>43</v>
      </c>
      <c r="AC702" s="5" t="s">
        <v>44</v>
      </c>
      <c r="AD702" s="2"/>
      <c r="AE702" s="1"/>
    </row>
    <row r="703" spans="1:31" ht="14.45">
      <c r="A703" s="11"/>
      <c r="B703" s="20"/>
      <c r="C703" s="2" t="s">
        <v>2529</v>
      </c>
      <c r="D703" s="14" t="s">
        <v>2530</v>
      </c>
      <c r="E703" s="2" t="s">
        <v>2531</v>
      </c>
      <c r="F703" s="2" t="s">
        <v>1715</v>
      </c>
      <c r="G703" s="8">
        <v>130</v>
      </c>
      <c r="H703" s="5">
        <v>6</v>
      </c>
      <c r="I703" s="5" t="s">
        <v>1518</v>
      </c>
      <c r="J703" s="5" t="s">
        <v>1519</v>
      </c>
      <c r="K703" s="2" t="s">
        <v>1520</v>
      </c>
      <c r="L703" s="5" t="s">
        <v>1519</v>
      </c>
      <c r="M703" s="2" t="s">
        <v>1520</v>
      </c>
      <c r="N703" s="5" t="s">
        <v>1521</v>
      </c>
      <c r="O703" s="5" t="s">
        <v>38</v>
      </c>
      <c r="P703" s="5" t="s">
        <v>39</v>
      </c>
      <c r="Q703" s="5" t="s">
        <v>40</v>
      </c>
      <c r="R703" s="5" t="s">
        <v>1522</v>
      </c>
      <c r="S703" s="5" t="s">
        <v>1523</v>
      </c>
      <c r="T703" s="5" t="s">
        <v>42</v>
      </c>
      <c r="U703" s="2">
        <v>1.738</v>
      </c>
      <c r="V703" s="2">
        <v>1.343</v>
      </c>
      <c r="W703" s="2">
        <v>0.01</v>
      </c>
      <c r="X703" s="2">
        <v>76.900000000000006</v>
      </c>
      <c r="Y703" s="2">
        <v>7.6</v>
      </c>
      <c r="Z703" s="2">
        <v>16.7</v>
      </c>
      <c r="AA703" s="5"/>
      <c r="AB703" s="5" t="s">
        <v>43</v>
      </c>
      <c r="AC703" s="5" t="s">
        <v>44</v>
      </c>
      <c r="AD703" s="2"/>
      <c r="AE703" s="1"/>
    </row>
    <row r="704" spans="1:31" ht="14.45">
      <c r="A704" s="11"/>
      <c r="B704" s="20"/>
      <c r="C704" s="2" t="s">
        <v>2532</v>
      </c>
      <c r="D704" s="14" t="s">
        <v>2533</v>
      </c>
      <c r="E704" s="2" t="s">
        <v>2534</v>
      </c>
      <c r="F704" s="2" t="s">
        <v>1719</v>
      </c>
      <c r="G704" s="8">
        <v>130</v>
      </c>
      <c r="H704" s="5">
        <v>6</v>
      </c>
      <c r="I704" s="5" t="s">
        <v>1518</v>
      </c>
      <c r="J704" s="5" t="s">
        <v>1519</v>
      </c>
      <c r="K704" s="2" t="s">
        <v>1520</v>
      </c>
      <c r="L704" s="5" t="s">
        <v>1519</v>
      </c>
      <c r="M704" s="2" t="s">
        <v>1520</v>
      </c>
      <c r="N704" s="5" t="s">
        <v>1521</v>
      </c>
      <c r="O704" s="5" t="s">
        <v>38</v>
      </c>
      <c r="P704" s="5" t="s">
        <v>39</v>
      </c>
      <c r="Q704" s="5" t="s">
        <v>40</v>
      </c>
      <c r="R704" s="5" t="s">
        <v>1522</v>
      </c>
      <c r="S704" s="5" t="s">
        <v>1523</v>
      </c>
      <c r="T704" s="5" t="s">
        <v>42</v>
      </c>
      <c r="U704" s="2">
        <v>1.6930000000000001</v>
      </c>
      <c r="V704" s="2">
        <v>1.298</v>
      </c>
      <c r="W704" s="2">
        <v>0.01</v>
      </c>
      <c r="X704" s="2">
        <v>76.900000000000006</v>
      </c>
      <c r="Y704" s="2">
        <v>7.6</v>
      </c>
      <c r="Z704" s="2">
        <v>16.7</v>
      </c>
      <c r="AA704" s="5"/>
      <c r="AB704" s="5" t="s">
        <v>43</v>
      </c>
      <c r="AC704" s="5" t="s">
        <v>44</v>
      </c>
      <c r="AD704" s="2"/>
      <c r="AE704" s="1"/>
    </row>
    <row r="705" spans="1:31" ht="14.45">
      <c r="A705" s="11"/>
      <c r="B705" s="20"/>
      <c r="C705" s="2" t="s">
        <v>2535</v>
      </c>
      <c r="D705" s="14" t="s">
        <v>2536</v>
      </c>
      <c r="E705" s="2" t="s">
        <v>2537</v>
      </c>
      <c r="F705" s="2" t="s">
        <v>1723</v>
      </c>
      <c r="G705" s="8">
        <v>130</v>
      </c>
      <c r="H705" s="5">
        <v>6</v>
      </c>
      <c r="I705" s="5" t="s">
        <v>1518</v>
      </c>
      <c r="J705" s="5" t="s">
        <v>1519</v>
      </c>
      <c r="K705" s="2" t="s">
        <v>1520</v>
      </c>
      <c r="L705" s="5" t="s">
        <v>1519</v>
      </c>
      <c r="M705" s="2" t="s">
        <v>1520</v>
      </c>
      <c r="N705" s="5" t="s">
        <v>1521</v>
      </c>
      <c r="O705" s="5" t="s">
        <v>38</v>
      </c>
      <c r="P705" s="5" t="s">
        <v>39</v>
      </c>
      <c r="Q705" s="5" t="s">
        <v>40</v>
      </c>
      <c r="R705" s="5" t="s">
        <v>1522</v>
      </c>
      <c r="S705" s="5" t="s">
        <v>1523</v>
      </c>
      <c r="T705" s="5" t="s">
        <v>42</v>
      </c>
      <c r="U705" s="2">
        <v>1.726</v>
      </c>
      <c r="V705" s="2">
        <v>1.331</v>
      </c>
      <c r="W705" s="2">
        <v>0.01</v>
      </c>
      <c r="X705" s="2">
        <v>76.900000000000006</v>
      </c>
      <c r="Y705" s="2">
        <v>7.6</v>
      </c>
      <c r="Z705" s="2">
        <v>16.7</v>
      </c>
      <c r="AA705" s="5"/>
      <c r="AB705" s="5" t="s">
        <v>43</v>
      </c>
      <c r="AC705" s="5" t="s">
        <v>44</v>
      </c>
      <c r="AD705" s="2"/>
      <c r="AE705" s="1"/>
    </row>
    <row r="706" spans="1:31" ht="14.45">
      <c r="A706" s="11"/>
      <c r="B706" s="20"/>
      <c r="C706" s="2" t="s">
        <v>2538</v>
      </c>
      <c r="D706" s="14" t="s">
        <v>2539</v>
      </c>
      <c r="E706" s="2" t="s">
        <v>2540</v>
      </c>
      <c r="F706" s="2" t="s">
        <v>1727</v>
      </c>
      <c r="G706" s="8">
        <v>150</v>
      </c>
      <c r="H706" s="5">
        <v>6</v>
      </c>
      <c r="I706" s="5" t="s">
        <v>1518</v>
      </c>
      <c r="J706" s="5" t="s">
        <v>1519</v>
      </c>
      <c r="K706" s="2" t="s">
        <v>1520</v>
      </c>
      <c r="L706" s="5" t="s">
        <v>1519</v>
      </c>
      <c r="M706" s="2" t="s">
        <v>1520</v>
      </c>
      <c r="N706" s="5" t="s">
        <v>1521</v>
      </c>
      <c r="O706" s="5" t="s">
        <v>38</v>
      </c>
      <c r="P706" s="5" t="s">
        <v>39</v>
      </c>
      <c r="Q706" s="5" t="s">
        <v>40</v>
      </c>
      <c r="R706" s="5" t="s">
        <v>1522</v>
      </c>
      <c r="S706" s="5" t="s">
        <v>1523</v>
      </c>
      <c r="T706" s="5" t="s">
        <v>42</v>
      </c>
      <c r="U706" s="2">
        <v>1.6930000000000001</v>
      </c>
      <c r="V706" s="2">
        <v>1.298</v>
      </c>
      <c r="W706" s="2">
        <v>0.01</v>
      </c>
      <c r="X706" s="2">
        <v>76.900000000000006</v>
      </c>
      <c r="Y706" s="2">
        <v>7.6</v>
      </c>
      <c r="Z706" s="2">
        <v>16.7</v>
      </c>
      <c r="AA706" s="5"/>
      <c r="AB706" s="5" t="s">
        <v>43</v>
      </c>
      <c r="AC706" s="5" t="s">
        <v>44</v>
      </c>
      <c r="AD706" s="2"/>
      <c r="AE706" s="1"/>
    </row>
    <row r="707" spans="1:31" ht="14.45">
      <c r="A707" s="11"/>
      <c r="B707" s="20"/>
      <c r="C707" s="2" t="s">
        <v>2541</v>
      </c>
      <c r="D707" s="14" t="s">
        <v>2542</v>
      </c>
      <c r="E707" s="2" t="s">
        <v>2543</v>
      </c>
      <c r="F707" s="2" t="s">
        <v>1731</v>
      </c>
      <c r="G707" s="8">
        <v>150</v>
      </c>
      <c r="H707" s="5">
        <v>6</v>
      </c>
      <c r="I707" s="5" t="s">
        <v>1518</v>
      </c>
      <c r="J707" s="5" t="s">
        <v>1519</v>
      </c>
      <c r="K707" s="2" t="s">
        <v>1520</v>
      </c>
      <c r="L707" s="5" t="s">
        <v>1519</v>
      </c>
      <c r="M707" s="2" t="s">
        <v>1520</v>
      </c>
      <c r="N707" s="5" t="s">
        <v>1521</v>
      </c>
      <c r="O707" s="5" t="s">
        <v>38</v>
      </c>
      <c r="P707" s="5" t="s">
        <v>39</v>
      </c>
      <c r="Q707" s="5" t="s">
        <v>40</v>
      </c>
      <c r="R707" s="5" t="s">
        <v>1522</v>
      </c>
      <c r="S707" s="5" t="s">
        <v>1523</v>
      </c>
      <c r="T707" s="5" t="s">
        <v>42</v>
      </c>
      <c r="U707" s="2">
        <v>1.726</v>
      </c>
      <c r="V707" s="2">
        <v>1.331</v>
      </c>
      <c r="W707" s="2">
        <v>0.01</v>
      </c>
      <c r="X707" s="2">
        <v>76.900000000000006</v>
      </c>
      <c r="Y707" s="2">
        <v>7.6</v>
      </c>
      <c r="Z707" s="2">
        <v>16.7</v>
      </c>
      <c r="AA707" s="5"/>
      <c r="AB707" s="5" t="s">
        <v>43</v>
      </c>
      <c r="AC707" s="5" t="s">
        <v>44</v>
      </c>
      <c r="AD707" s="2"/>
      <c r="AE707" s="1"/>
    </row>
    <row r="708" spans="1:31" ht="14.45">
      <c r="A708" s="11"/>
      <c r="B708" s="20"/>
      <c r="C708" s="2" t="s">
        <v>2544</v>
      </c>
      <c r="D708" s="14" t="s">
        <v>2545</v>
      </c>
      <c r="E708" s="2" t="s">
        <v>2546</v>
      </c>
      <c r="F708" s="2" t="s">
        <v>1735</v>
      </c>
      <c r="G708" s="8">
        <v>150</v>
      </c>
      <c r="H708" s="5">
        <v>6</v>
      </c>
      <c r="I708" s="5" t="s">
        <v>1518</v>
      </c>
      <c r="J708" s="5" t="s">
        <v>1519</v>
      </c>
      <c r="K708" s="2" t="s">
        <v>1520</v>
      </c>
      <c r="L708" s="5" t="s">
        <v>1519</v>
      </c>
      <c r="M708" s="2" t="s">
        <v>1520</v>
      </c>
      <c r="N708" s="5" t="s">
        <v>1521</v>
      </c>
      <c r="O708" s="5" t="s">
        <v>38</v>
      </c>
      <c r="P708" s="5" t="s">
        <v>39</v>
      </c>
      <c r="Q708" s="5" t="s">
        <v>40</v>
      </c>
      <c r="R708" s="5" t="s">
        <v>1522</v>
      </c>
      <c r="S708" s="5" t="s">
        <v>1523</v>
      </c>
      <c r="T708" s="5" t="s">
        <v>42</v>
      </c>
      <c r="U708" s="2">
        <v>1.7050000000000001</v>
      </c>
      <c r="V708" s="2">
        <v>1.31</v>
      </c>
      <c r="W708" s="2">
        <v>0.01</v>
      </c>
      <c r="X708" s="2">
        <v>76.900000000000006</v>
      </c>
      <c r="Y708" s="2">
        <v>7.6</v>
      </c>
      <c r="Z708" s="2">
        <v>16.7</v>
      </c>
      <c r="AA708" s="5"/>
      <c r="AB708" s="5" t="s">
        <v>43</v>
      </c>
      <c r="AC708" s="5" t="s">
        <v>44</v>
      </c>
      <c r="AD708" s="2"/>
      <c r="AE708" s="1"/>
    </row>
    <row r="709" spans="1:31" ht="14.45">
      <c r="A709" s="11"/>
      <c r="B709" s="20"/>
      <c r="C709" s="2" t="s">
        <v>2547</v>
      </c>
      <c r="D709" s="14" t="s">
        <v>2548</v>
      </c>
      <c r="E709" s="2" t="s">
        <v>2549</v>
      </c>
      <c r="F709" s="2" t="s">
        <v>1739</v>
      </c>
      <c r="G709" s="8">
        <v>150</v>
      </c>
      <c r="H709" s="5">
        <v>6</v>
      </c>
      <c r="I709" s="5" t="s">
        <v>1518</v>
      </c>
      <c r="J709" s="5" t="s">
        <v>1519</v>
      </c>
      <c r="K709" s="2" t="s">
        <v>1520</v>
      </c>
      <c r="L709" s="5" t="s">
        <v>1519</v>
      </c>
      <c r="M709" s="2" t="s">
        <v>1520</v>
      </c>
      <c r="N709" s="5" t="s">
        <v>1521</v>
      </c>
      <c r="O709" s="5" t="s">
        <v>38</v>
      </c>
      <c r="P709" s="5" t="s">
        <v>39</v>
      </c>
      <c r="Q709" s="5" t="s">
        <v>40</v>
      </c>
      <c r="R709" s="5" t="s">
        <v>1522</v>
      </c>
      <c r="S709" s="5" t="s">
        <v>1523</v>
      </c>
      <c r="T709" s="5" t="s">
        <v>42</v>
      </c>
      <c r="U709" s="2">
        <v>1.738</v>
      </c>
      <c r="V709" s="2">
        <v>1.343</v>
      </c>
      <c r="W709" s="2">
        <v>0.01</v>
      </c>
      <c r="X709" s="2">
        <v>76.900000000000006</v>
      </c>
      <c r="Y709" s="2">
        <v>7.6</v>
      </c>
      <c r="Z709" s="2">
        <v>16.7</v>
      </c>
      <c r="AA709" s="5"/>
      <c r="AB709" s="5" t="s">
        <v>43</v>
      </c>
      <c r="AC709" s="5" t="s">
        <v>44</v>
      </c>
      <c r="AD709" s="2"/>
      <c r="AE709" s="1"/>
    </row>
    <row r="710" spans="1:31" ht="14.45">
      <c r="A710" s="11"/>
      <c r="B710" s="20"/>
      <c r="C710" s="2" t="s">
        <v>2550</v>
      </c>
      <c r="D710" s="14" t="s">
        <v>2551</v>
      </c>
      <c r="E710" s="2" t="s">
        <v>2552</v>
      </c>
      <c r="F710" s="2" t="s">
        <v>1743</v>
      </c>
      <c r="G710" s="8">
        <v>150</v>
      </c>
      <c r="H710" s="5">
        <v>6</v>
      </c>
      <c r="I710" s="5" t="s">
        <v>1518</v>
      </c>
      <c r="J710" s="5" t="s">
        <v>1519</v>
      </c>
      <c r="K710" s="2" t="s">
        <v>1520</v>
      </c>
      <c r="L710" s="5" t="s">
        <v>1519</v>
      </c>
      <c r="M710" s="2" t="s">
        <v>1520</v>
      </c>
      <c r="N710" s="5" t="s">
        <v>1521</v>
      </c>
      <c r="O710" s="5" t="s">
        <v>38</v>
      </c>
      <c r="P710" s="5" t="s">
        <v>39</v>
      </c>
      <c r="Q710" s="5" t="s">
        <v>40</v>
      </c>
      <c r="R710" s="5" t="s">
        <v>1522</v>
      </c>
      <c r="S710" s="5" t="s">
        <v>1523</v>
      </c>
      <c r="T710" s="5" t="s">
        <v>42</v>
      </c>
      <c r="U710" s="2">
        <v>1.6930000000000001</v>
      </c>
      <c r="V710" s="2">
        <v>1.298</v>
      </c>
      <c r="W710" s="2">
        <v>0.01</v>
      </c>
      <c r="X710" s="2">
        <v>76.900000000000006</v>
      </c>
      <c r="Y710" s="2">
        <v>7.6</v>
      </c>
      <c r="Z710" s="2">
        <v>16.7</v>
      </c>
      <c r="AA710" s="5"/>
      <c r="AB710" s="5" t="s">
        <v>43</v>
      </c>
      <c r="AC710" s="5" t="s">
        <v>44</v>
      </c>
      <c r="AD710" s="2"/>
      <c r="AE710" s="1"/>
    </row>
    <row r="711" spans="1:31" ht="14.45">
      <c r="A711" s="11"/>
      <c r="B711" s="20"/>
      <c r="C711" s="2" t="s">
        <v>2553</v>
      </c>
      <c r="D711" s="14" t="s">
        <v>2554</v>
      </c>
      <c r="E711" s="2" t="s">
        <v>2555</v>
      </c>
      <c r="F711" s="2" t="s">
        <v>1747</v>
      </c>
      <c r="G711" s="8">
        <v>150</v>
      </c>
      <c r="H711" s="5">
        <v>6</v>
      </c>
      <c r="I711" s="5" t="s">
        <v>1518</v>
      </c>
      <c r="J711" s="5" t="s">
        <v>1519</v>
      </c>
      <c r="K711" s="2" t="s">
        <v>1520</v>
      </c>
      <c r="L711" s="5" t="s">
        <v>1519</v>
      </c>
      <c r="M711" s="2" t="s">
        <v>1520</v>
      </c>
      <c r="N711" s="5" t="s">
        <v>1521</v>
      </c>
      <c r="O711" s="5" t="s">
        <v>38</v>
      </c>
      <c r="P711" s="5" t="s">
        <v>39</v>
      </c>
      <c r="Q711" s="5" t="s">
        <v>40</v>
      </c>
      <c r="R711" s="5" t="s">
        <v>1522</v>
      </c>
      <c r="S711" s="5" t="s">
        <v>1523</v>
      </c>
      <c r="T711" s="5" t="s">
        <v>42</v>
      </c>
      <c r="U711" s="2">
        <v>1.726</v>
      </c>
      <c r="V711" s="2">
        <v>1.331</v>
      </c>
      <c r="W711" s="2">
        <v>0.01</v>
      </c>
      <c r="X711" s="2">
        <v>76.900000000000006</v>
      </c>
      <c r="Y711" s="2">
        <v>7.6</v>
      </c>
      <c r="Z711" s="2">
        <v>16.7</v>
      </c>
      <c r="AA711" s="5"/>
      <c r="AB711" s="5" t="s">
        <v>43</v>
      </c>
      <c r="AC711" s="5" t="s">
        <v>44</v>
      </c>
      <c r="AD711" s="2"/>
      <c r="AE711" s="1"/>
    </row>
    <row r="712" spans="1:31" ht="14.45">
      <c r="A712" s="11"/>
      <c r="B712" s="20"/>
      <c r="C712" s="2" t="s">
        <v>2556</v>
      </c>
      <c r="D712" s="14" t="s">
        <v>2557</v>
      </c>
      <c r="E712" s="2" t="s">
        <v>2558</v>
      </c>
      <c r="F712" s="2" t="s">
        <v>1751</v>
      </c>
      <c r="G712" s="8">
        <v>150</v>
      </c>
      <c r="H712" s="5">
        <v>6</v>
      </c>
      <c r="I712" s="5" t="s">
        <v>1518</v>
      </c>
      <c r="J712" s="5" t="s">
        <v>1519</v>
      </c>
      <c r="K712" s="2" t="s">
        <v>1520</v>
      </c>
      <c r="L712" s="5" t="s">
        <v>1519</v>
      </c>
      <c r="M712" s="2" t="s">
        <v>1520</v>
      </c>
      <c r="N712" s="5" t="s">
        <v>1521</v>
      </c>
      <c r="O712" s="5" t="s">
        <v>38</v>
      </c>
      <c r="P712" s="5" t="s">
        <v>39</v>
      </c>
      <c r="Q712" s="5" t="s">
        <v>40</v>
      </c>
      <c r="R712" s="5" t="s">
        <v>1522</v>
      </c>
      <c r="S712" s="5" t="s">
        <v>1523</v>
      </c>
      <c r="T712" s="5" t="s">
        <v>42</v>
      </c>
      <c r="U712" s="2">
        <v>1.6930000000000001</v>
      </c>
      <c r="V712" s="2">
        <v>1.298</v>
      </c>
      <c r="W712" s="2">
        <v>0.01</v>
      </c>
      <c r="X712" s="2">
        <v>76.900000000000006</v>
      </c>
      <c r="Y712" s="2">
        <v>7.6</v>
      </c>
      <c r="Z712" s="2">
        <v>16.7</v>
      </c>
      <c r="AA712" s="5"/>
      <c r="AB712" s="5" t="s">
        <v>43</v>
      </c>
      <c r="AC712" s="5" t="s">
        <v>44</v>
      </c>
      <c r="AD712" s="2"/>
      <c r="AE712" s="1"/>
    </row>
    <row r="713" spans="1:31" ht="14.45">
      <c r="A713" s="11"/>
      <c r="B713" s="20"/>
      <c r="C713" s="2" t="s">
        <v>2559</v>
      </c>
      <c r="D713" s="14" t="s">
        <v>2560</v>
      </c>
      <c r="E713" s="2" t="s">
        <v>2561</v>
      </c>
      <c r="F713" s="2" t="s">
        <v>1755</v>
      </c>
      <c r="G713" s="8">
        <v>150</v>
      </c>
      <c r="H713" s="5">
        <v>6</v>
      </c>
      <c r="I713" s="5" t="s">
        <v>1518</v>
      </c>
      <c r="J713" s="5" t="s">
        <v>1519</v>
      </c>
      <c r="K713" s="2" t="s">
        <v>1520</v>
      </c>
      <c r="L713" s="5" t="s">
        <v>1519</v>
      </c>
      <c r="M713" s="2" t="s">
        <v>1520</v>
      </c>
      <c r="N713" s="5" t="s">
        <v>1521</v>
      </c>
      <c r="O713" s="5" t="s">
        <v>38</v>
      </c>
      <c r="P713" s="5" t="s">
        <v>39</v>
      </c>
      <c r="Q713" s="5" t="s">
        <v>40</v>
      </c>
      <c r="R713" s="5" t="s">
        <v>1522</v>
      </c>
      <c r="S713" s="5" t="s">
        <v>1523</v>
      </c>
      <c r="T713" s="5" t="s">
        <v>42</v>
      </c>
      <c r="U713" s="2">
        <v>1.726</v>
      </c>
      <c r="V713" s="2">
        <v>1.331</v>
      </c>
      <c r="W713" s="2">
        <v>0.01</v>
      </c>
      <c r="X713" s="2">
        <v>76.900000000000006</v>
      </c>
      <c r="Y713" s="2">
        <v>7.6</v>
      </c>
      <c r="Z713" s="2">
        <v>16.7</v>
      </c>
      <c r="AA713" s="5"/>
      <c r="AB713" s="5" t="s">
        <v>43</v>
      </c>
      <c r="AC713" s="5" t="s">
        <v>44</v>
      </c>
      <c r="AD713" s="2"/>
      <c r="AE713" s="1"/>
    </row>
    <row r="714" spans="1:31" ht="14.45">
      <c r="A714" s="11"/>
      <c r="B714" s="20"/>
      <c r="C714" s="2" t="s">
        <v>2562</v>
      </c>
      <c r="D714" s="14" t="s">
        <v>2563</v>
      </c>
      <c r="E714" s="2" t="s">
        <v>2564</v>
      </c>
      <c r="F714" s="2" t="s">
        <v>1763</v>
      </c>
      <c r="G714" s="8">
        <v>150</v>
      </c>
      <c r="H714" s="5">
        <v>6</v>
      </c>
      <c r="I714" s="5" t="s">
        <v>1518</v>
      </c>
      <c r="J714" s="5" t="s">
        <v>1519</v>
      </c>
      <c r="K714" s="2" t="s">
        <v>1520</v>
      </c>
      <c r="L714" s="5" t="s">
        <v>1519</v>
      </c>
      <c r="M714" s="2" t="s">
        <v>1520</v>
      </c>
      <c r="N714" s="5" t="s">
        <v>1521</v>
      </c>
      <c r="O714" s="5" t="s">
        <v>38</v>
      </c>
      <c r="P714" s="5" t="s">
        <v>39</v>
      </c>
      <c r="Q714" s="5" t="s">
        <v>40</v>
      </c>
      <c r="R714" s="5" t="s">
        <v>1522</v>
      </c>
      <c r="S714" s="5" t="s">
        <v>1523</v>
      </c>
      <c r="T714" s="5" t="s">
        <v>42</v>
      </c>
      <c r="U714" s="2">
        <v>1.738</v>
      </c>
      <c r="V714" s="2">
        <v>1.343</v>
      </c>
      <c r="W714" s="2">
        <v>0.01</v>
      </c>
      <c r="X714" s="2">
        <v>76.900000000000006</v>
      </c>
      <c r="Y714" s="2">
        <v>7.6</v>
      </c>
      <c r="Z714" s="2">
        <v>16.7</v>
      </c>
      <c r="AA714" s="5"/>
      <c r="AB714" s="5" t="s">
        <v>43</v>
      </c>
      <c r="AC714" s="5" t="s">
        <v>44</v>
      </c>
      <c r="AD714" s="2"/>
      <c r="AE714" s="1"/>
    </row>
    <row r="715" spans="1:31" ht="14.45">
      <c r="A715" s="11"/>
      <c r="B715" s="20"/>
      <c r="C715" s="2" t="s">
        <v>2565</v>
      </c>
      <c r="D715" s="14" t="s">
        <v>2566</v>
      </c>
      <c r="E715" s="2" t="s">
        <v>2567</v>
      </c>
      <c r="F715" s="2" t="s">
        <v>1771</v>
      </c>
      <c r="G715" s="8">
        <v>150</v>
      </c>
      <c r="H715" s="5">
        <v>6</v>
      </c>
      <c r="I715" s="5" t="s">
        <v>1518</v>
      </c>
      <c r="J715" s="5" t="s">
        <v>1519</v>
      </c>
      <c r="K715" s="2" t="s">
        <v>1520</v>
      </c>
      <c r="L715" s="5" t="s">
        <v>1519</v>
      </c>
      <c r="M715" s="2" t="s">
        <v>1520</v>
      </c>
      <c r="N715" s="5" t="s">
        <v>1521</v>
      </c>
      <c r="O715" s="5" t="s">
        <v>38</v>
      </c>
      <c r="P715" s="5" t="s">
        <v>39</v>
      </c>
      <c r="Q715" s="5" t="s">
        <v>40</v>
      </c>
      <c r="R715" s="5" t="s">
        <v>1522</v>
      </c>
      <c r="S715" s="5" t="s">
        <v>1523</v>
      </c>
      <c r="T715" s="5" t="s">
        <v>42</v>
      </c>
      <c r="U715" s="2">
        <v>1.738</v>
      </c>
      <c r="V715" s="2">
        <v>1.343</v>
      </c>
      <c r="W715" s="2">
        <v>0.01</v>
      </c>
      <c r="X715" s="2">
        <v>76.900000000000006</v>
      </c>
      <c r="Y715" s="2">
        <v>7.6</v>
      </c>
      <c r="Z715" s="2">
        <v>16.7</v>
      </c>
      <c r="AA715" s="5"/>
      <c r="AB715" s="5" t="s">
        <v>43</v>
      </c>
      <c r="AC715" s="5" t="s">
        <v>44</v>
      </c>
      <c r="AD715" s="2"/>
      <c r="AE715" s="1"/>
    </row>
    <row r="716" spans="1:31" ht="14.45">
      <c r="A716" s="11"/>
      <c r="B716" s="20"/>
      <c r="C716" s="2" t="s">
        <v>2568</v>
      </c>
      <c r="D716" s="14" t="s">
        <v>2569</v>
      </c>
      <c r="E716" s="2" t="s">
        <v>2570</v>
      </c>
      <c r="F716" s="2" t="s">
        <v>1775</v>
      </c>
      <c r="G716" s="8">
        <v>150</v>
      </c>
      <c r="H716" s="5">
        <v>6</v>
      </c>
      <c r="I716" s="5" t="s">
        <v>1518</v>
      </c>
      <c r="J716" s="5" t="s">
        <v>1519</v>
      </c>
      <c r="K716" s="2" t="s">
        <v>1520</v>
      </c>
      <c r="L716" s="5" t="s">
        <v>1519</v>
      </c>
      <c r="M716" s="2" t="s">
        <v>1520</v>
      </c>
      <c r="N716" s="5" t="s">
        <v>1521</v>
      </c>
      <c r="O716" s="5" t="s">
        <v>38</v>
      </c>
      <c r="P716" s="5" t="s">
        <v>39</v>
      </c>
      <c r="Q716" s="5" t="s">
        <v>40</v>
      </c>
      <c r="R716" s="5" t="s">
        <v>1522</v>
      </c>
      <c r="S716" s="5" t="s">
        <v>1523</v>
      </c>
      <c r="T716" s="5" t="s">
        <v>42</v>
      </c>
      <c r="U716" s="2">
        <v>1.7050000000000001</v>
      </c>
      <c r="V716" s="2">
        <v>1.31</v>
      </c>
      <c r="W716" s="2">
        <v>0.01</v>
      </c>
      <c r="X716" s="2">
        <v>76.900000000000006</v>
      </c>
      <c r="Y716" s="2">
        <v>7.6</v>
      </c>
      <c r="Z716" s="2">
        <v>16.7</v>
      </c>
      <c r="AA716" s="5"/>
      <c r="AB716" s="5" t="s">
        <v>43</v>
      </c>
      <c r="AC716" s="5" t="s">
        <v>44</v>
      </c>
      <c r="AD716" s="2"/>
      <c r="AE716" s="1"/>
    </row>
    <row r="717" spans="1:31" ht="14.45">
      <c r="A717" s="11"/>
      <c r="B717" s="20"/>
      <c r="C717" s="2" t="s">
        <v>2571</v>
      </c>
      <c r="D717" s="14" t="s">
        <v>2572</v>
      </c>
      <c r="E717" s="2" t="s">
        <v>2573</v>
      </c>
      <c r="F717" s="2" t="s">
        <v>1783</v>
      </c>
      <c r="G717" s="8">
        <v>150</v>
      </c>
      <c r="H717" s="5">
        <v>6</v>
      </c>
      <c r="I717" s="5" t="s">
        <v>1518</v>
      </c>
      <c r="J717" s="5" t="s">
        <v>1519</v>
      </c>
      <c r="K717" s="2" t="s">
        <v>1520</v>
      </c>
      <c r="L717" s="5" t="s">
        <v>1519</v>
      </c>
      <c r="M717" s="2" t="s">
        <v>1520</v>
      </c>
      <c r="N717" s="5" t="s">
        <v>1521</v>
      </c>
      <c r="O717" s="5" t="s">
        <v>38</v>
      </c>
      <c r="P717" s="5" t="s">
        <v>39</v>
      </c>
      <c r="Q717" s="5" t="s">
        <v>40</v>
      </c>
      <c r="R717" s="5" t="s">
        <v>1522</v>
      </c>
      <c r="S717" s="5" t="s">
        <v>1523</v>
      </c>
      <c r="T717" s="5" t="s">
        <v>42</v>
      </c>
      <c r="U717" s="2">
        <v>1.6930000000000001</v>
      </c>
      <c r="V717" s="2">
        <v>1.298</v>
      </c>
      <c r="W717" s="2">
        <v>0.01</v>
      </c>
      <c r="X717" s="2">
        <v>76.900000000000006</v>
      </c>
      <c r="Y717" s="2">
        <v>7.6</v>
      </c>
      <c r="Z717" s="2">
        <v>16.7</v>
      </c>
      <c r="AA717" s="5"/>
      <c r="AB717" s="5" t="s">
        <v>43</v>
      </c>
      <c r="AC717" s="5" t="s">
        <v>44</v>
      </c>
      <c r="AD717" s="2"/>
      <c r="AE717" s="1"/>
    </row>
    <row r="718" spans="1:31" ht="14.45">
      <c r="A718" s="11"/>
      <c r="B718" s="20"/>
      <c r="C718" s="2" t="s">
        <v>2574</v>
      </c>
      <c r="D718" s="14" t="s">
        <v>2575</v>
      </c>
      <c r="E718" s="2" t="s">
        <v>2576</v>
      </c>
      <c r="F718" s="2" t="s">
        <v>1799</v>
      </c>
      <c r="G718" s="8">
        <v>150</v>
      </c>
      <c r="H718" s="5">
        <v>6</v>
      </c>
      <c r="I718" s="5" t="s">
        <v>1518</v>
      </c>
      <c r="J718" s="5" t="s">
        <v>1519</v>
      </c>
      <c r="K718" s="2" t="s">
        <v>1520</v>
      </c>
      <c r="L718" s="5" t="s">
        <v>1519</v>
      </c>
      <c r="M718" s="2" t="s">
        <v>1520</v>
      </c>
      <c r="N718" s="5" t="s">
        <v>1521</v>
      </c>
      <c r="O718" s="5" t="s">
        <v>38</v>
      </c>
      <c r="P718" s="5" t="s">
        <v>39</v>
      </c>
      <c r="Q718" s="5" t="s">
        <v>40</v>
      </c>
      <c r="R718" s="5" t="s">
        <v>1522</v>
      </c>
      <c r="S718" s="5" t="s">
        <v>1523</v>
      </c>
      <c r="T718" s="5" t="s">
        <v>42</v>
      </c>
      <c r="U718" s="2">
        <v>1.7050000000000001</v>
      </c>
      <c r="V718" s="2">
        <v>1.31</v>
      </c>
      <c r="W718" s="2">
        <v>0.01</v>
      </c>
      <c r="X718" s="2">
        <v>76.900000000000006</v>
      </c>
      <c r="Y718" s="2">
        <v>7.6</v>
      </c>
      <c r="Z718" s="2">
        <v>16.7</v>
      </c>
      <c r="AA718" s="5"/>
      <c r="AB718" s="5" t="s">
        <v>43</v>
      </c>
      <c r="AC718" s="5" t="s">
        <v>44</v>
      </c>
      <c r="AD718" s="2"/>
      <c r="AE718" s="1"/>
    </row>
    <row r="719" spans="1:31" ht="14.45">
      <c r="A719" s="11"/>
      <c r="B719" s="20"/>
      <c r="C719" s="2" t="s">
        <v>2577</v>
      </c>
      <c r="D719" s="14" t="s">
        <v>2578</v>
      </c>
      <c r="E719" s="2" t="s">
        <v>2579</v>
      </c>
      <c r="F719" s="2" t="s">
        <v>1807</v>
      </c>
      <c r="G719" s="8">
        <v>150</v>
      </c>
      <c r="H719" s="5">
        <v>6</v>
      </c>
      <c r="I719" s="5" t="s">
        <v>1518</v>
      </c>
      <c r="J719" s="5" t="s">
        <v>1519</v>
      </c>
      <c r="K719" s="2" t="s">
        <v>1520</v>
      </c>
      <c r="L719" s="5" t="s">
        <v>1519</v>
      </c>
      <c r="M719" s="2" t="s">
        <v>1520</v>
      </c>
      <c r="N719" s="5" t="s">
        <v>1521</v>
      </c>
      <c r="O719" s="5" t="s">
        <v>38</v>
      </c>
      <c r="P719" s="5" t="s">
        <v>39</v>
      </c>
      <c r="Q719" s="5" t="s">
        <v>40</v>
      </c>
      <c r="R719" s="5" t="s">
        <v>1522</v>
      </c>
      <c r="S719" s="5" t="s">
        <v>1523</v>
      </c>
      <c r="T719" s="5" t="s">
        <v>42</v>
      </c>
      <c r="U719" s="2">
        <v>1.7050000000000001</v>
      </c>
      <c r="V719" s="2">
        <v>1.31</v>
      </c>
      <c r="W719" s="2">
        <v>0.01</v>
      </c>
      <c r="X719" s="2">
        <v>76.900000000000006</v>
      </c>
      <c r="Y719" s="2">
        <v>7.6</v>
      </c>
      <c r="Z719" s="2">
        <v>16.7</v>
      </c>
      <c r="AA719" s="5"/>
      <c r="AB719" s="5" t="s">
        <v>43</v>
      </c>
      <c r="AC719" s="5" t="s">
        <v>44</v>
      </c>
      <c r="AD719" s="2"/>
      <c r="AE719" s="1"/>
    </row>
    <row r="720" spans="1:31" ht="14.45">
      <c r="A720" s="11"/>
      <c r="B720" s="20"/>
      <c r="C720" s="2" t="s">
        <v>2580</v>
      </c>
      <c r="D720" s="14" t="s">
        <v>2581</v>
      </c>
      <c r="E720" s="2" t="s">
        <v>2582</v>
      </c>
      <c r="F720" s="2" t="s">
        <v>1811</v>
      </c>
      <c r="G720" s="8">
        <v>150</v>
      </c>
      <c r="H720" s="5">
        <v>6</v>
      </c>
      <c r="I720" s="5" t="s">
        <v>1518</v>
      </c>
      <c r="J720" s="5" t="s">
        <v>1519</v>
      </c>
      <c r="K720" s="2" t="s">
        <v>1520</v>
      </c>
      <c r="L720" s="5" t="s">
        <v>1519</v>
      </c>
      <c r="M720" s="2" t="s">
        <v>1520</v>
      </c>
      <c r="N720" s="5" t="s">
        <v>1521</v>
      </c>
      <c r="O720" s="5" t="s">
        <v>38</v>
      </c>
      <c r="P720" s="5" t="s">
        <v>39</v>
      </c>
      <c r="Q720" s="5" t="s">
        <v>40</v>
      </c>
      <c r="R720" s="5" t="s">
        <v>1522</v>
      </c>
      <c r="S720" s="5" t="s">
        <v>1523</v>
      </c>
      <c r="T720" s="5" t="s">
        <v>42</v>
      </c>
      <c r="U720" s="2">
        <v>1.738</v>
      </c>
      <c r="V720" s="2">
        <v>1.343</v>
      </c>
      <c r="W720" s="2">
        <v>0.01</v>
      </c>
      <c r="X720" s="2">
        <v>76.900000000000006</v>
      </c>
      <c r="Y720" s="2">
        <v>7.6</v>
      </c>
      <c r="Z720" s="2">
        <v>16.7</v>
      </c>
      <c r="AA720" s="5"/>
      <c r="AB720" s="5" t="s">
        <v>43</v>
      </c>
      <c r="AC720" s="5" t="s">
        <v>44</v>
      </c>
      <c r="AD720" s="2"/>
      <c r="AE720" s="1"/>
    </row>
    <row r="721" spans="1:31" ht="14.45">
      <c r="A721" s="11"/>
      <c r="B721" s="20"/>
      <c r="C721" s="2" t="s">
        <v>2583</v>
      </c>
      <c r="D721" s="14" t="s">
        <v>2584</v>
      </c>
      <c r="E721" s="2" t="s">
        <v>2585</v>
      </c>
      <c r="F721" s="2" t="s">
        <v>1815</v>
      </c>
      <c r="G721" s="8">
        <v>150</v>
      </c>
      <c r="H721" s="5">
        <v>6</v>
      </c>
      <c r="I721" s="5" t="s">
        <v>1518</v>
      </c>
      <c r="J721" s="5" t="s">
        <v>1519</v>
      </c>
      <c r="K721" s="2" t="s">
        <v>1520</v>
      </c>
      <c r="L721" s="5" t="s">
        <v>1519</v>
      </c>
      <c r="M721" s="2" t="s">
        <v>1520</v>
      </c>
      <c r="N721" s="5" t="s">
        <v>1521</v>
      </c>
      <c r="O721" s="5" t="s">
        <v>38</v>
      </c>
      <c r="P721" s="5" t="s">
        <v>39</v>
      </c>
      <c r="Q721" s="5" t="s">
        <v>40</v>
      </c>
      <c r="R721" s="5" t="s">
        <v>1522</v>
      </c>
      <c r="S721" s="5" t="s">
        <v>1523</v>
      </c>
      <c r="T721" s="5" t="s">
        <v>42</v>
      </c>
      <c r="U721" s="2">
        <v>1.6930000000000001</v>
      </c>
      <c r="V721" s="2">
        <v>1.298</v>
      </c>
      <c r="W721" s="2">
        <v>0.01</v>
      </c>
      <c r="X721" s="2">
        <v>76.900000000000006</v>
      </c>
      <c r="Y721" s="2">
        <v>7.6</v>
      </c>
      <c r="Z721" s="2">
        <v>16.7</v>
      </c>
      <c r="AA721" s="5"/>
      <c r="AB721" s="5" t="s">
        <v>43</v>
      </c>
      <c r="AC721" s="5" t="s">
        <v>44</v>
      </c>
      <c r="AD721" s="2"/>
      <c r="AE721" s="1"/>
    </row>
    <row r="722" spans="1:31" ht="14.45">
      <c r="A722" s="11"/>
      <c r="B722" s="20"/>
      <c r="C722" s="2" t="s">
        <v>2586</v>
      </c>
      <c r="D722" s="14" t="s">
        <v>2587</v>
      </c>
      <c r="E722" s="2" t="s">
        <v>2588</v>
      </c>
      <c r="F722" s="2" t="s">
        <v>1819</v>
      </c>
      <c r="G722" s="8">
        <v>150</v>
      </c>
      <c r="H722" s="5">
        <v>6</v>
      </c>
      <c r="I722" s="5" t="s">
        <v>1518</v>
      </c>
      <c r="J722" s="5" t="s">
        <v>1519</v>
      </c>
      <c r="K722" s="2" t="s">
        <v>1520</v>
      </c>
      <c r="L722" s="5" t="s">
        <v>1519</v>
      </c>
      <c r="M722" s="2" t="s">
        <v>1520</v>
      </c>
      <c r="N722" s="5" t="s">
        <v>1521</v>
      </c>
      <c r="O722" s="5" t="s">
        <v>38</v>
      </c>
      <c r="P722" s="5" t="s">
        <v>39</v>
      </c>
      <c r="Q722" s="5" t="s">
        <v>40</v>
      </c>
      <c r="R722" s="5" t="s">
        <v>1522</v>
      </c>
      <c r="S722" s="5" t="s">
        <v>1523</v>
      </c>
      <c r="T722" s="5" t="s">
        <v>42</v>
      </c>
      <c r="U722" s="2">
        <v>1.726</v>
      </c>
      <c r="V722" s="2">
        <v>1.331</v>
      </c>
      <c r="W722" s="2">
        <v>0.01</v>
      </c>
      <c r="X722" s="2">
        <v>76.900000000000006</v>
      </c>
      <c r="Y722" s="2">
        <v>7.6</v>
      </c>
      <c r="Z722" s="2">
        <v>16.7</v>
      </c>
      <c r="AA722" s="5"/>
      <c r="AB722" s="5" t="s">
        <v>43</v>
      </c>
      <c r="AC722" s="5" t="s">
        <v>44</v>
      </c>
      <c r="AD722" s="2"/>
      <c r="AE722" s="1"/>
    </row>
    <row r="723" spans="1:31" ht="14.45">
      <c r="A723" s="11"/>
      <c r="B723" s="20"/>
      <c r="C723" s="2" t="s">
        <v>2589</v>
      </c>
      <c r="D723" s="14" t="s">
        <v>2590</v>
      </c>
      <c r="E723" s="2" t="s">
        <v>2591</v>
      </c>
      <c r="F723" s="2" t="s">
        <v>1823</v>
      </c>
      <c r="G723" s="8">
        <v>150</v>
      </c>
      <c r="H723" s="5">
        <v>8</v>
      </c>
      <c r="I723" s="5" t="s">
        <v>1518</v>
      </c>
      <c r="J723" s="5" t="s">
        <v>1519</v>
      </c>
      <c r="K723" s="2" t="s">
        <v>1520</v>
      </c>
      <c r="L723" s="5" t="s">
        <v>1519</v>
      </c>
      <c r="M723" s="2" t="s">
        <v>1520</v>
      </c>
      <c r="N723" s="5" t="s">
        <v>1521</v>
      </c>
      <c r="O723" s="5" t="s">
        <v>38</v>
      </c>
      <c r="P723" s="5" t="s">
        <v>39</v>
      </c>
      <c r="Q723" s="5" t="s">
        <v>40</v>
      </c>
      <c r="R723" s="5" t="s">
        <v>1522</v>
      </c>
      <c r="S723" s="5" t="s">
        <v>1523</v>
      </c>
      <c r="T723" s="5" t="s">
        <v>42</v>
      </c>
      <c r="U723" s="2">
        <v>1.7130000000000001</v>
      </c>
      <c r="V723" s="2">
        <v>1.3180000000000001</v>
      </c>
      <c r="W723" s="2">
        <v>0.01</v>
      </c>
      <c r="X723" s="2">
        <v>76.900000000000006</v>
      </c>
      <c r="Y723" s="2">
        <v>7.6</v>
      </c>
      <c r="Z723" s="2">
        <v>16.7</v>
      </c>
      <c r="AA723" s="5"/>
      <c r="AB723" s="5" t="s">
        <v>43</v>
      </c>
      <c r="AC723" s="5" t="s">
        <v>44</v>
      </c>
      <c r="AD723" s="2"/>
      <c r="AE723" s="1"/>
    </row>
    <row r="724" spans="1:31" ht="14.45">
      <c r="A724" s="11"/>
      <c r="B724" s="20"/>
      <c r="C724" s="2" t="s">
        <v>2592</v>
      </c>
      <c r="D724" s="14" t="s">
        <v>2593</v>
      </c>
      <c r="E724" s="2" t="s">
        <v>2594</v>
      </c>
      <c r="F724" s="2" t="s">
        <v>1827</v>
      </c>
      <c r="G724" s="8">
        <v>150</v>
      </c>
      <c r="H724" s="5">
        <v>8</v>
      </c>
      <c r="I724" s="5" t="s">
        <v>1518</v>
      </c>
      <c r="J724" s="5" t="s">
        <v>1519</v>
      </c>
      <c r="K724" s="2" t="s">
        <v>1520</v>
      </c>
      <c r="L724" s="5" t="s">
        <v>1519</v>
      </c>
      <c r="M724" s="2" t="s">
        <v>1520</v>
      </c>
      <c r="N724" s="5" t="s">
        <v>1521</v>
      </c>
      <c r="O724" s="5" t="s">
        <v>38</v>
      </c>
      <c r="P724" s="5" t="s">
        <v>39</v>
      </c>
      <c r="Q724" s="5" t="s">
        <v>40</v>
      </c>
      <c r="R724" s="5" t="s">
        <v>1522</v>
      </c>
      <c r="S724" s="5" t="s">
        <v>1523</v>
      </c>
      <c r="T724" s="5" t="s">
        <v>42</v>
      </c>
      <c r="U724" s="2">
        <v>1.746</v>
      </c>
      <c r="V724" s="2">
        <v>1.351</v>
      </c>
      <c r="W724" s="2">
        <v>0.01</v>
      </c>
      <c r="X724" s="2">
        <v>76.900000000000006</v>
      </c>
      <c r="Y724" s="2">
        <v>7.6</v>
      </c>
      <c r="Z724" s="2">
        <v>16.7</v>
      </c>
      <c r="AA724" s="5"/>
      <c r="AB724" s="5" t="s">
        <v>43</v>
      </c>
      <c r="AC724" s="5" t="s">
        <v>44</v>
      </c>
      <c r="AD724" s="2"/>
      <c r="AE724" s="1"/>
    </row>
    <row r="725" spans="1:31" ht="14.45">
      <c r="A725" s="11"/>
      <c r="B725" s="20"/>
      <c r="C725" s="2" t="s">
        <v>2595</v>
      </c>
      <c r="D725" s="14" t="s">
        <v>2596</v>
      </c>
      <c r="E725" s="2" t="s">
        <v>2597</v>
      </c>
      <c r="F725" s="2" t="s">
        <v>1831</v>
      </c>
      <c r="G725" s="8">
        <v>150</v>
      </c>
      <c r="H725" s="5">
        <v>13</v>
      </c>
      <c r="I725" s="5" t="s">
        <v>1518</v>
      </c>
      <c r="J725" s="5" t="s">
        <v>1519</v>
      </c>
      <c r="K725" s="2" t="s">
        <v>1520</v>
      </c>
      <c r="L725" s="5" t="s">
        <v>1519</v>
      </c>
      <c r="M725" s="2" t="s">
        <v>1520</v>
      </c>
      <c r="N725" s="5" t="s">
        <v>1521</v>
      </c>
      <c r="O725" s="5" t="s">
        <v>38</v>
      </c>
      <c r="P725" s="5" t="s">
        <v>39</v>
      </c>
      <c r="Q725" s="5" t="s">
        <v>40</v>
      </c>
      <c r="R725" s="5" t="s">
        <v>1522</v>
      </c>
      <c r="S725" s="5" t="s">
        <v>1523</v>
      </c>
      <c r="T725" s="5" t="s">
        <v>42</v>
      </c>
      <c r="U725" s="2">
        <v>1.7390000000000001</v>
      </c>
      <c r="V725" s="2">
        <v>1.3440000000000001</v>
      </c>
      <c r="W725" s="2">
        <v>0.01</v>
      </c>
      <c r="X725" s="2">
        <v>76.900000000000006</v>
      </c>
      <c r="Y725" s="2">
        <v>7.6</v>
      </c>
      <c r="Z725" s="2">
        <v>16.7</v>
      </c>
      <c r="AA725" s="5"/>
      <c r="AB725" s="5" t="s">
        <v>43</v>
      </c>
      <c r="AC725" s="5" t="s">
        <v>44</v>
      </c>
      <c r="AD725" s="2"/>
      <c r="AE725" s="1"/>
    </row>
    <row r="726" spans="1:31" ht="14.45">
      <c r="A726" s="11"/>
      <c r="B726" s="20"/>
      <c r="C726" s="2" t="s">
        <v>2598</v>
      </c>
      <c r="D726" s="14" t="s">
        <v>2599</v>
      </c>
      <c r="E726" s="2" t="s">
        <v>2600</v>
      </c>
      <c r="F726" s="2" t="s">
        <v>1847</v>
      </c>
      <c r="G726" s="8">
        <v>150</v>
      </c>
      <c r="H726" s="5">
        <v>13</v>
      </c>
      <c r="I726" s="5" t="s">
        <v>1518</v>
      </c>
      <c r="J726" s="5" t="s">
        <v>1519</v>
      </c>
      <c r="K726" s="2" t="s">
        <v>1520</v>
      </c>
      <c r="L726" s="5" t="s">
        <v>1519</v>
      </c>
      <c r="M726" s="2" t="s">
        <v>1520</v>
      </c>
      <c r="N726" s="5" t="s">
        <v>1521</v>
      </c>
      <c r="O726" s="5" t="s">
        <v>38</v>
      </c>
      <c r="P726" s="5" t="s">
        <v>39</v>
      </c>
      <c r="Q726" s="5" t="s">
        <v>40</v>
      </c>
      <c r="R726" s="5" t="s">
        <v>1522</v>
      </c>
      <c r="S726" s="5" t="s">
        <v>1523</v>
      </c>
      <c r="T726" s="5" t="s">
        <v>42</v>
      </c>
      <c r="U726" s="2">
        <v>1.772</v>
      </c>
      <c r="V726" s="2">
        <v>1.377</v>
      </c>
      <c r="W726" s="2">
        <v>0.01</v>
      </c>
      <c r="X726" s="2">
        <v>76.900000000000006</v>
      </c>
      <c r="Y726" s="2">
        <v>7.6</v>
      </c>
      <c r="Z726" s="2">
        <v>16.7</v>
      </c>
      <c r="AA726" s="5"/>
      <c r="AB726" s="5" t="s">
        <v>43</v>
      </c>
      <c r="AC726" s="5" t="s">
        <v>44</v>
      </c>
      <c r="AD726" s="2"/>
      <c r="AE726" s="1"/>
    </row>
    <row r="727" spans="1:31" ht="14.45">
      <c r="A727" s="11"/>
      <c r="B727" s="20"/>
      <c r="C727" s="2" t="s">
        <v>2601</v>
      </c>
      <c r="D727" s="14" t="s">
        <v>2602</v>
      </c>
      <c r="E727" s="2" t="s">
        <v>2603</v>
      </c>
      <c r="F727" s="2" t="s">
        <v>1851</v>
      </c>
      <c r="G727" s="8">
        <v>150</v>
      </c>
      <c r="H727" s="5">
        <v>13</v>
      </c>
      <c r="I727" s="5" t="s">
        <v>1518</v>
      </c>
      <c r="J727" s="5" t="s">
        <v>1519</v>
      </c>
      <c r="K727" s="2" t="s">
        <v>1520</v>
      </c>
      <c r="L727" s="5" t="s">
        <v>1519</v>
      </c>
      <c r="M727" s="2" t="s">
        <v>1520</v>
      </c>
      <c r="N727" s="5" t="s">
        <v>1521</v>
      </c>
      <c r="O727" s="5" t="s">
        <v>38</v>
      </c>
      <c r="P727" s="5" t="s">
        <v>39</v>
      </c>
      <c r="Q727" s="5" t="s">
        <v>40</v>
      </c>
      <c r="R727" s="5" t="s">
        <v>1522</v>
      </c>
      <c r="S727" s="5" t="s">
        <v>1523</v>
      </c>
      <c r="T727" s="5" t="s">
        <v>42</v>
      </c>
      <c r="U727" s="2">
        <v>1.7390000000000001</v>
      </c>
      <c r="V727" s="2">
        <v>1.3440000000000001</v>
      </c>
      <c r="W727" s="2">
        <v>0.01</v>
      </c>
      <c r="X727" s="2">
        <v>76.900000000000006</v>
      </c>
      <c r="Y727" s="2">
        <v>7.6</v>
      </c>
      <c r="Z727" s="2">
        <v>16.7</v>
      </c>
      <c r="AA727" s="5"/>
      <c r="AB727" s="5" t="s">
        <v>43</v>
      </c>
      <c r="AC727" s="5" t="s">
        <v>44</v>
      </c>
      <c r="AD727" s="2"/>
      <c r="AE727" s="1"/>
    </row>
    <row r="728" spans="1:31" ht="14.45">
      <c r="A728" s="11"/>
      <c r="B728" s="20"/>
      <c r="C728" s="2" t="s">
        <v>2604</v>
      </c>
      <c r="D728" s="14" t="s">
        <v>2605</v>
      </c>
      <c r="E728" s="2" t="s">
        <v>2606</v>
      </c>
      <c r="F728" s="2" t="s">
        <v>1855</v>
      </c>
      <c r="G728" s="8">
        <v>150</v>
      </c>
      <c r="H728" s="5">
        <v>13</v>
      </c>
      <c r="I728" s="5" t="s">
        <v>1518</v>
      </c>
      <c r="J728" s="5" t="s">
        <v>1519</v>
      </c>
      <c r="K728" s="2" t="s">
        <v>1520</v>
      </c>
      <c r="L728" s="5" t="s">
        <v>1519</v>
      </c>
      <c r="M728" s="2" t="s">
        <v>1520</v>
      </c>
      <c r="N728" s="5" t="s">
        <v>1521</v>
      </c>
      <c r="O728" s="5" t="s">
        <v>38</v>
      </c>
      <c r="P728" s="5" t="s">
        <v>39</v>
      </c>
      <c r="Q728" s="5" t="s">
        <v>40</v>
      </c>
      <c r="R728" s="5" t="s">
        <v>1522</v>
      </c>
      <c r="S728" s="5" t="s">
        <v>1523</v>
      </c>
      <c r="T728" s="5" t="s">
        <v>42</v>
      </c>
      <c r="U728" s="2">
        <v>1.7390000000000001</v>
      </c>
      <c r="V728" s="2">
        <v>1.3440000000000001</v>
      </c>
      <c r="W728" s="2">
        <v>0.01</v>
      </c>
      <c r="X728" s="2">
        <v>76.900000000000006</v>
      </c>
      <c r="Y728" s="2">
        <v>7.6</v>
      </c>
      <c r="Z728" s="2">
        <v>16.7</v>
      </c>
      <c r="AA728" s="5"/>
      <c r="AB728" s="5" t="s">
        <v>43</v>
      </c>
      <c r="AC728" s="5" t="s">
        <v>44</v>
      </c>
      <c r="AD728" s="2"/>
      <c r="AE728" s="1"/>
    </row>
    <row r="729" spans="1:31" ht="14.45">
      <c r="A729" s="11"/>
      <c r="B729" s="20"/>
      <c r="C729" s="2" t="s">
        <v>2607</v>
      </c>
      <c r="D729" s="14" t="s">
        <v>2608</v>
      </c>
      <c r="E729" s="2" t="s">
        <v>2609</v>
      </c>
      <c r="F729" s="2" t="s">
        <v>1863</v>
      </c>
      <c r="G729" s="8">
        <v>150</v>
      </c>
      <c r="H729" s="5">
        <v>11</v>
      </c>
      <c r="I729" s="5" t="s">
        <v>1518</v>
      </c>
      <c r="J729" s="5" t="s">
        <v>1519</v>
      </c>
      <c r="K729" s="2" t="s">
        <v>1520</v>
      </c>
      <c r="L729" s="5" t="s">
        <v>1519</v>
      </c>
      <c r="M729" s="2" t="s">
        <v>1520</v>
      </c>
      <c r="N729" s="5" t="s">
        <v>1521</v>
      </c>
      <c r="O729" s="5" t="s">
        <v>38</v>
      </c>
      <c r="P729" s="5" t="s">
        <v>39</v>
      </c>
      <c r="Q729" s="5" t="s">
        <v>40</v>
      </c>
      <c r="R729" s="5" t="s">
        <v>1522</v>
      </c>
      <c r="S729" s="5" t="s">
        <v>1523</v>
      </c>
      <c r="T729" s="5" t="s">
        <v>42</v>
      </c>
      <c r="U729" s="2">
        <v>1.6950000000000001</v>
      </c>
      <c r="V729" s="2">
        <v>1.3</v>
      </c>
      <c r="W729" s="2">
        <v>0.01</v>
      </c>
      <c r="X729" s="2">
        <v>76.900000000000006</v>
      </c>
      <c r="Y729" s="2">
        <v>7.6</v>
      </c>
      <c r="Z729" s="2">
        <v>16.7</v>
      </c>
      <c r="AA729" s="5"/>
      <c r="AB729" s="5" t="s">
        <v>43</v>
      </c>
      <c r="AC729" s="5" t="s">
        <v>44</v>
      </c>
      <c r="AD729" s="2"/>
      <c r="AE729" s="1"/>
    </row>
    <row r="730" spans="1:31" ht="14.45">
      <c r="A730" s="11"/>
      <c r="B730" s="20"/>
      <c r="C730" s="2" t="s">
        <v>2610</v>
      </c>
      <c r="D730" s="14" t="s">
        <v>2611</v>
      </c>
      <c r="E730" s="2" t="s">
        <v>2612</v>
      </c>
      <c r="F730" s="2" t="s">
        <v>1867</v>
      </c>
      <c r="G730" s="8">
        <v>150</v>
      </c>
      <c r="H730" s="5">
        <v>11</v>
      </c>
      <c r="I730" s="5" t="s">
        <v>1518</v>
      </c>
      <c r="J730" s="5" t="s">
        <v>1519</v>
      </c>
      <c r="K730" s="2" t="s">
        <v>1520</v>
      </c>
      <c r="L730" s="5" t="s">
        <v>1519</v>
      </c>
      <c r="M730" s="2" t="s">
        <v>1520</v>
      </c>
      <c r="N730" s="5" t="s">
        <v>1521</v>
      </c>
      <c r="O730" s="5" t="s">
        <v>38</v>
      </c>
      <c r="P730" s="5" t="s">
        <v>39</v>
      </c>
      <c r="Q730" s="5" t="s">
        <v>40</v>
      </c>
      <c r="R730" s="5" t="s">
        <v>1522</v>
      </c>
      <c r="S730" s="5" t="s">
        <v>1523</v>
      </c>
      <c r="T730" s="5" t="s">
        <v>42</v>
      </c>
      <c r="U730" s="2">
        <v>1.728</v>
      </c>
      <c r="V730" s="2">
        <v>1.333</v>
      </c>
      <c r="W730" s="2">
        <v>0.01</v>
      </c>
      <c r="X730" s="2">
        <v>76.900000000000006</v>
      </c>
      <c r="Y730" s="2">
        <v>7.6</v>
      </c>
      <c r="Z730" s="2">
        <v>16.7</v>
      </c>
      <c r="AA730" s="5"/>
      <c r="AB730" s="5" t="s">
        <v>43</v>
      </c>
      <c r="AC730" s="5" t="s">
        <v>44</v>
      </c>
      <c r="AD730" s="2"/>
      <c r="AE730" s="1"/>
    </row>
    <row r="731" spans="1:31" ht="14.45">
      <c r="A731" s="11"/>
      <c r="B731" s="20"/>
      <c r="C731" s="2" t="s">
        <v>2613</v>
      </c>
      <c r="D731" s="14" t="s">
        <v>2614</v>
      </c>
      <c r="E731" s="2" t="s">
        <v>2615</v>
      </c>
      <c r="F731" s="2" t="s">
        <v>1695</v>
      </c>
      <c r="G731" s="8">
        <v>144</v>
      </c>
      <c r="H731" s="5">
        <v>6</v>
      </c>
      <c r="I731" s="5" t="s">
        <v>1518</v>
      </c>
      <c r="J731" s="5" t="s">
        <v>1519</v>
      </c>
      <c r="K731" s="2" t="s">
        <v>1520</v>
      </c>
      <c r="L731" s="5" t="s">
        <v>1519</v>
      </c>
      <c r="M731" s="2" t="s">
        <v>1520</v>
      </c>
      <c r="N731" s="5" t="s">
        <v>1521</v>
      </c>
      <c r="O731" s="5" t="s">
        <v>38</v>
      </c>
      <c r="P731" s="5" t="s">
        <v>39</v>
      </c>
      <c r="Q731" s="5" t="s">
        <v>40</v>
      </c>
      <c r="R731" s="5" t="s">
        <v>1522</v>
      </c>
      <c r="S731" s="5" t="s">
        <v>1523</v>
      </c>
      <c r="T731" s="5" t="s">
        <v>42</v>
      </c>
      <c r="U731" s="2">
        <v>1.9259999999999999</v>
      </c>
      <c r="V731" s="2">
        <v>1.423</v>
      </c>
      <c r="W731" s="2">
        <v>1.2999999999999999E-2</v>
      </c>
      <c r="X731" s="2">
        <v>99.1</v>
      </c>
      <c r="Y731" s="2">
        <v>7.6</v>
      </c>
      <c r="Z731" s="2">
        <v>16.7</v>
      </c>
      <c r="AA731" s="5"/>
      <c r="AB731" s="5" t="s">
        <v>43</v>
      </c>
      <c r="AC731" s="5" t="s">
        <v>44</v>
      </c>
      <c r="AD731" s="2"/>
      <c r="AE731" s="1"/>
    </row>
    <row r="732" spans="1:31" ht="14.45">
      <c r="A732" s="11"/>
      <c r="B732" s="20"/>
      <c r="C732" s="2" t="s">
        <v>2616</v>
      </c>
      <c r="D732" s="14" t="s">
        <v>2617</v>
      </c>
      <c r="E732" s="2" t="s">
        <v>2618</v>
      </c>
      <c r="F732" s="2" t="s">
        <v>1699</v>
      </c>
      <c r="G732" s="8">
        <v>144</v>
      </c>
      <c r="H732" s="5">
        <v>6</v>
      </c>
      <c r="I732" s="5" t="s">
        <v>1518</v>
      </c>
      <c r="J732" s="5" t="s">
        <v>1519</v>
      </c>
      <c r="K732" s="2" t="s">
        <v>1520</v>
      </c>
      <c r="L732" s="5" t="s">
        <v>1519</v>
      </c>
      <c r="M732" s="2" t="s">
        <v>1520</v>
      </c>
      <c r="N732" s="5" t="s">
        <v>1521</v>
      </c>
      <c r="O732" s="5" t="s">
        <v>38</v>
      </c>
      <c r="P732" s="5" t="s">
        <v>39</v>
      </c>
      <c r="Q732" s="5" t="s">
        <v>40</v>
      </c>
      <c r="R732" s="5" t="s">
        <v>1522</v>
      </c>
      <c r="S732" s="5" t="s">
        <v>1523</v>
      </c>
      <c r="T732" s="5" t="s">
        <v>42</v>
      </c>
      <c r="U732" s="2">
        <v>1.964</v>
      </c>
      <c r="V732" s="2">
        <v>1.4610000000000001</v>
      </c>
      <c r="W732" s="2">
        <v>1.2999999999999999E-2</v>
      </c>
      <c r="X732" s="2">
        <v>99.1</v>
      </c>
      <c r="Y732" s="2">
        <v>7.6</v>
      </c>
      <c r="Z732" s="2">
        <v>16.7</v>
      </c>
      <c r="AA732" s="5"/>
      <c r="AB732" s="5" t="s">
        <v>43</v>
      </c>
      <c r="AC732" s="5" t="s">
        <v>44</v>
      </c>
      <c r="AD732" s="2"/>
      <c r="AE732" s="1"/>
    </row>
    <row r="733" spans="1:31" ht="14.45">
      <c r="A733" s="11"/>
      <c r="B733" s="20"/>
      <c r="C733" s="2" t="s">
        <v>2619</v>
      </c>
      <c r="D733" s="14" t="s">
        <v>2620</v>
      </c>
      <c r="E733" s="2" t="s">
        <v>2621</v>
      </c>
      <c r="F733" s="2" t="s">
        <v>1703</v>
      </c>
      <c r="G733" s="8">
        <v>144</v>
      </c>
      <c r="H733" s="5">
        <v>6</v>
      </c>
      <c r="I733" s="5" t="s">
        <v>1518</v>
      </c>
      <c r="J733" s="5" t="s">
        <v>1519</v>
      </c>
      <c r="K733" s="2" t="s">
        <v>1520</v>
      </c>
      <c r="L733" s="5" t="s">
        <v>1519</v>
      </c>
      <c r="M733" s="2" t="s">
        <v>1520</v>
      </c>
      <c r="N733" s="5" t="s">
        <v>1521</v>
      </c>
      <c r="O733" s="5" t="s">
        <v>38</v>
      </c>
      <c r="P733" s="5" t="s">
        <v>39</v>
      </c>
      <c r="Q733" s="5" t="s">
        <v>40</v>
      </c>
      <c r="R733" s="5" t="s">
        <v>1522</v>
      </c>
      <c r="S733" s="5" t="s">
        <v>1523</v>
      </c>
      <c r="T733" s="5" t="s">
        <v>42</v>
      </c>
      <c r="U733" s="2">
        <v>1.931</v>
      </c>
      <c r="V733" s="2">
        <v>1.4279999999999999</v>
      </c>
      <c r="W733" s="2">
        <v>1.2999999999999999E-2</v>
      </c>
      <c r="X733" s="2">
        <v>99.1</v>
      </c>
      <c r="Y733" s="2">
        <v>7.6</v>
      </c>
      <c r="Z733" s="2">
        <v>16.7</v>
      </c>
      <c r="AA733" s="5"/>
      <c r="AB733" s="5" t="s">
        <v>43</v>
      </c>
      <c r="AC733" s="5" t="s">
        <v>44</v>
      </c>
      <c r="AD733" s="2"/>
      <c r="AE733" s="1"/>
    </row>
    <row r="734" spans="1:31" ht="14.45">
      <c r="A734" s="11"/>
      <c r="B734" s="20"/>
      <c r="C734" s="2" t="s">
        <v>2622</v>
      </c>
      <c r="D734" s="14" t="s">
        <v>2623</v>
      </c>
      <c r="E734" s="2" t="s">
        <v>2624</v>
      </c>
      <c r="F734" s="2" t="s">
        <v>1707</v>
      </c>
      <c r="G734" s="8">
        <v>144</v>
      </c>
      <c r="H734" s="5">
        <v>6</v>
      </c>
      <c r="I734" s="5" t="s">
        <v>1518</v>
      </c>
      <c r="J734" s="5" t="s">
        <v>1519</v>
      </c>
      <c r="K734" s="2" t="s">
        <v>1520</v>
      </c>
      <c r="L734" s="5" t="s">
        <v>1519</v>
      </c>
      <c r="M734" s="2" t="s">
        <v>1520</v>
      </c>
      <c r="N734" s="5" t="s">
        <v>1521</v>
      </c>
      <c r="O734" s="5" t="s">
        <v>38</v>
      </c>
      <c r="P734" s="5" t="s">
        <v>39</v>
      </c>
      <c r="Q734" s="5" t="s">
        <v>40</v>
      </c>
      <c r="R734" s="5" t="s">
        <v>1522</v>
      </c>
      <c r="S734" s="5" t="s">
        <v>1523</v>
      </c>
      <c r="T734" s="5" t="s">
        <v>42</v>
      </c>
      <c r="U734" s="2">
        <v>1.9690000000000001</v>
      </c>
      <c r="V734" s="2">
        <v>1.466</v>
      </c>
      <c r="W734" s="2">
        <v>1.2999999999999999E-2</v>
      </c>
      <c r="X734" s="2">
        <v>99.1</v>
      </c>
      <c r="Y734" s="2">
        <v>7.6</v>
      </c>
      <c r="Z734" s="2">
        <v>16.7</v>
      </c>
      <c r="AA734" s="5"/>
      <c r="AB734" s="5" t="s">
        <v>43</v>
      </c>
      <c r="AC734" s="5" t="s">
        <v>44</v>
      </c>
      <c r="AD734" s="2"/>
      <c r="AE734" s="1"/>
    </row>
    <row r="735" spans="1:31" ht="14.45">
      <c r="A735" s="11"/>
      <c r="B735" s="20"/>
      <c r="C735" s="2" t="s">
        <v>2625</v>
      </c>
      <c r="D735" s="14" t="s">
        <v>2626</v>
      </c>
      <c r="E735" s="2" t="s">
        <v>2627</v>
      </c>
      <c r="F735" s="2" t="s">
        <v>1711</v>
      </c>
      <c r="G735" s="8">
        <v>144</v>
      </c>
      <c r="H735" s="5">
        <v>6</v>
      </c>
      <c r="I735" s="5" t="s">
        <v>1518</v>
      </c>
      <c r="J735" s="5" t="s">
        <v>1519</v>
      </c>
      <c r="K735" s="2" t="s">
        <v>1520</v>
      </c>
      <c r="L735" s="5" t="s">
        <v>1519</v>
      </c>
      <c r="M735" s="2" t="s">
        <v>1520</v>
      </c>
      <c r="N735" s="5" t="s">
        <v>1521</v>
      </c>
      <c r="O735" s="5" t="s">
        <v>38</v>
      </c>
      <c r="P735" s="5" t="s">
        <v>39</v>
      </c>
      <c r="Q735" s="5" t="s">
        <v>40</v>
      </c>
      <c r="R735" s="5" t="s">
        <v>1522</v>
      </c>
      <c r="S735" s="5" t="s">
        <v>1523</v>
      </c>
      <c r="T735" s="5" t="s">
        <v>42</v>
      </c>
      <c r="U735" s="2">
        <v>1.931</v>
      </c>
      <c r="V735" s="2">
        <v>1.4279999999999999</v>
      </c>
      <c r="W735" s="2">
        <v>1.2999999999999999E-2</v>
      </c>
      <c r="X735" s="2">
        <v>99.1</v>
      </c>
      <c r="Y735" s="2">
        <v>7.6</v>
      </c>
      <c r="Z735" s="2">
        <v>16.7</v>
      </c>
      <c r="AA735" s="5"/>
      <c r="AB735" s="5" t="s">
        <v>43</v>
      </c>
      <c r="AC735" s="5" t="s">
        <v>44</v>
      </c>
      <c r="AD735" s="2"/>
      <c r="AE735" s="1"/>
    </row>
    <row r="736" spans="1:31" ht="14.45">
      <c r="A736" s="11"/>
      <c r="B736" s="20"/>
      <c r="C736" s="2" t="s">
        <v>2628</v>
      </c>
      <c r="D736" s="14" t="s">
        <v>2629</v>
      </c>
      <c r="E736" s="2" t="s">
        <v>2630</v>
      </c>
      <c r="F736" s="2" t="s">
        <v>1715</v>
      </c>
      <c r="G736" s="8">
        <v>144</v>
      </c>
      <c r="H736" s="5">
        <v>6</v>
      </c>
      <c r="I736" s="5" t="s">
        <v>1518</v>
      </c>
      <c r="J736" s="5" t="s">
        <v>1519</v>
      </c>
      <c r="K736" s="2" t="s">
        <v>1520</v>
      </c>
      <c r="L736" s="5" t="s">
        <v>1519</v>
      </c>
      <c r="M736" s="2" t="s">
        <v>1520</v>
      </c>
      <c r="N736" s="5" t="s">
        <v>1521</v>
      </c>
      <c r="O736" s="5" t="s">
        <v>38</v>
      </c>
      <c r="P736" s="5" t="s">
        <v>39</v>
      </c>
      <c r="Q736" s="5" t="s">
        <v>40</v>
      </c>
      <c r="R736" s="5" t="s">
        <v>1522</v>
      </c>
      <c r="S736" s="5" t="s">
        <v>1523</v>
      </c>
      <c r="T736" s="5" t="s">
        <v>42</v>
      </c>
      <c r="U736" s="2">
        <v>1.9690000000000001</v>
      </c>
      <c r="V736" s="2">
        <v>1.466</v>
      </c>
      <c r="W736" s="2">
        <v>1.2999999999999999E-2</v>
      </c>
      <c r="X736" s="2">
        <v>99.1</v>
      </c>
      <c r="Y736" s="2">
        <v>7.6</v>
      </c>
      <c r="Z736" s="2">
        <v>16.7</v>
      </c>
      <c r="AA736" s="5"/>
      <c r="AB736" s="5" t="s">
        <v>43</v>
      </c>
      <c r="AC736" s="5" t="s">
        <v>44</v>
      </c>
      <c r="AD736" s="2"/>
      <c r="AE736" s="1"/>
    </row>
    <row r="737" spans="1:31" ht="14.45">
      <c r="A737" s="11"/>
      <c r="B737" s="20"/>
      <c r="C737" s="2" t="s">
        <v>2631</v>
      </c>
      <c r="D737" s="14" t="s">
        <v>2632</v>
      </c>
      <c r="E737" s="2" t="s">
        <v>2633</v>
      </c>
      <c r="F737" s="2" t="s">
        <v>1719</v>
      </c>
      <c r="G737" s="8">
        <v>144</v>
      </c>
      <c r="H737" s="5">
        <v>6</v>
      </c>
      <c r="I737" s="5" t="s">
        <v>1518</v>
      </c>
      <c r="J737" s="5" t="s">
        <v>1519</v>
      </c>
      <c r="K737" s="2" t="s">
        <v>1520</v>
      </c>
      <c r="L737" s="5" t="s">
        <v>1519</v>
      </c>
      <c r="M737" s="2" t="s">
        <v>1520</v>
      </c>
      <c r="N737" s="5" t="s">
        <v>1521</v>
      </c>
      <c r="O737" s="5" t="s">
        <v>38</v>
      </c>
      <c r="P737" s="5" t="s">
        <v>39</v>
      </c>
      <c r="Q737" s="5" t="s">
        <v>40</v>
      </c>
      <c r="R737" s="5" t="s">
        <v>1522</v>
      </c>
      <c r="S737" s="5" t="s">
        <v>1523</v>
      </c>
      <c r="T737" s="5" t="s">
        <v>42</v>
      </c>
      <c r="U737" s="2">
        <v>1.9159999999999999</v>
      </c>
      <c r="V737" s="2">
        <v>1.413</v>
      </c>
      <c r="W737" s="2">
        <v>1.2999999999999999E-2</v>
      </c>
      <c r="X737" s="2">
        <v>99.1</v>
      </c>
      <c r="Y737" s="2">
        <v>7.6</v>
      </c>
      <c r="Z737" s="2">
        <v>16.7</v>
      </c>
      <c r="AA737" s="5"/>
      <c r="AB737" s="5" t="s">
        <v>43</v>
      </c>
      <c r="AC737" s="5" t="s">
        <v>44</v>
      </c>
      <c r="AD737" s="2"/>
      <c r="AE737" s="1"/>
    </row>
    <row r="738" spans="1:31" ht="14.45">
      <c r="A738" s="11"/>
      <c r="B738" s="20"/>
      <c r="C738" s="2" t="s">
        <v>2634</v>
      </c>
      <c r="D738" s="14" t="s">
        <v>2635</v>
      </c>
      <c r="E738" s="2" t="s">
        <v>2636</v>
      </c>
      <c r="F738" s="2" t="s">
        <v>1723</v>
      </c>
      <c r="G738" s="8">
        <v>144</v>
      </c>
      <c r="H738" s="5">
        <v>6</v>
      </c>
      <c r="I738" s="5" t="s">
        <v>1518</v>
      </c>
      <c r="J738" s="5" t="s">
        <v>1519</v>
      </c>
      <c r="K738" s="2" t="s">
        <v>1520</v>
      </c>
      <c r="L738" s="5" t="s">
        <v>1519</v>
      </c>
      <c r="M738" s="2" t="s">
        <v>1520</v>
      </c>
      <c r="N738" s="5" t="s">
        <v>1521</v>
      </c>
      <c r="O738" s="5" t="s">
        <v>38</v>
      </c>
      <c r="P738" s="5" t="s">
        <v>39</v>
      </c>
      <c r="Q738" s="5" t="s">
        <v>40</v>
      </c>
      <c r="R738" s="5" t="s">
        <v>1522</v>
      </c>
      <c r="S738" s="5" t="s">
        <v>1523</v>
      </c>
      <c r="T738" s="5" t="s">
        <v>42</v>
      </c>
      <c r="U738" s="2">
        <v>1.954</v>
      </c>
      <c r="V738" s="2">
        <v>1.4510000000000001</v>
      </c>
      <c r="W738" s="2">
        <v>1.2999999999999999E-2</v>
      </c>
      <c r="X738" s="2">
        <v>99.1</v>
      </c>
      <c r="Y738" s="2">
        <v>7.6</v>
      </c>
      <c r="Z738" s="2">
        <v>16.7</v>
      </c>
      <c r="AA738" s="5"/>
      <c r="AB738" s="5" t="s">
        <v>43</v>
      </c>
      <c r="AC738" s="5" t="s">
        <v>44</v>
      </c>
      <c r="AD738" s="2"/>
      <c r="AE738" s="1"/>
    </row>
    <row r="739" spans="1:31" ht="14.45">
      <c r="A739" s="11"/>
      <c r="B739" s="20"/>
      <c r="C739" s="2" t="s">
        <v>2637</v>
      </c>
      <c r="D739" s="14" t="s">
        <v>2638</v>
      </c>
      <c r="E739" s="2" t="s">
        <v>2639</v>
      </c>
      <c r="F739" s="2" t="s">
        <v>1727</v>
      </c>
      <c r="G739" s="8">
        <v>165</v>
      </c>
      <c r="H739" s="5">
        <v>6</v>
      </c>
      <c r="I739" s="5" t="s">
        <v>1518</v>
      </c>
      <c r="J739" s="5" t="s">
        <v>1519</v>
      </c>
      <c r="K739" s="2" t="s">
        <v>1520</v>
      </c>
      <c r="L739" s="5" t="s">
        <v>1519</v>
      </c>
      <c r="M739" s="2" t="s">
        <v>1520</v>
      </c>
      <c r="N739" s="5" t="s">
        <v>1521</v>
      </c>
      <c r="O739" s="5" t="s">
        <v>38</v>
      </c>
      <c r="P739" s="5" t="s">
        <v>39</v>
      </c>
      <c r="Q739" s="5" t="s">
        <v>40</v>
      </c>
      <c r="R739" s="5" t="s">
        <v>1522</v>
      </c>
      <c r="S739" s="5" t="s">
        <v>1523</v>
      </c>
      <c r="T739" s="5" t="s">
        <v>42</v>
      </c>
      <c r="U739" s="2">
        <v>1.9159999999999999</v>
      </c>
      <c r="V739" s="2">
        <v>1.413</v>
      </c>
      <c r="W739" s="2">
        <v>1.2999999999999999E-2</v>
      </c>
      <c r="X739" s="2">
        <v>99.1</v>
      </c>
      <c r="Y739" s="2">
        <v>7.6</v>
      </c>
      <c r="Z739" s="2">
        <v>16.7</v>
      </c>
      <c r="AA739" s="5"/>
      <c r="AB739" s="5" t="s">
        <v>43</v>
      </c>
      <c r="AC739" s="5" t="s">
        <v>44</v>
      </c>
      <c r="AD739" s="2"/>
      <c r="AE739" s="1"/>
    </row>
    <row r="740" spans="1:31" ht="14.45">
      <c r="A740" s="11"/>
      <c r="B740" s="20"/>
      <c r="C740" s="2" t="s">
        <v>2640</v>
      </c>
      <c r="D740" s="14" t="s">
        <v>2641</v>
      </c>
      <c r="E740" s="2" t="s">
        <v>2642</v>
      </c>
      <c r="F740" s="2" t="s">
        <v>1731</v>
      </c>
      <c r="G740" s="8">
        <v>165</v>
      </c>
      <c r="H740" s="5">
        <v>6</v>
      </c>
      <c r="I740" s="5" t="s">
        <v>1518</v>
      </c>
      <c r="J740" s="5" t="s">
        <v>1519</v>
      </c>
      <c r="K740" s="2" t="s">
        <v>1520</v>
      </c>
      <c r="L740" s="5" t="s">
        <v>1519</v>
      </c>
      <c r="M740" s="2" t="s">
        <v>1520</v>
      </c>
      <c r="N740" s="5" t="s">
        <v>1521</v>
      </c>
      <c r="O740" s="5" t="s">
        <v>38</v>
      </c>
      <c r="P740" s="5" t="s">
        <v>39</v>
      </c>
      <c r="Q740" s="5" t="s">
        <v>40</v>
      </c>
      <c r="R740" s="5" t="s">
        <v>1522</v>
      </c>
      <c r="S740" s="5" t="s">
        <v>1523</v>
      </c>
      <c r="T740" s="5" t="s">
        <v>42</v>
      </c>
      <c r="U740" s="2">
        <v>1.954</v>
      </c>
      <c r="V740" s="2">
        <v>1.4510000000000001</v>
      </c>
      <c r="W740" s="2">
        <v>1.2999999999999999E-2</v>
      </c>
      <c r="X740" s="2">
        <v>99.1</v>
      </c>
      <c r="Y740" s="2">
        <v>7.6</v>
      </c>
      <c r="Z740" s="2">
        <v>16.7</v>
      </c>
      <c r="AA740" s="5"/>
      <c r="AB740" s="5" t="s">
        <v>43</v>
      </c>
      <c r="AC740" s="5" t="s">
        <v>44</v>
      </c>
      <c r="AD740" s="2"/>
      <c r="AE740" s="1"/>
    </row>
    <row r="741" spans="1:31" ht="14.45">
      <c r="A741" s="11"/>
      <c r="B741" s="20"/>
      <c r="C741" s="2" t="s">
        <v>2643</v>
      </c>
      <c r="D741" s="14" t="s">
        <v>2644</v>
      </c>
      <c r="E741" s="2" t="s">
        <v>2645</v>
      </c>
      <c r="F741" s="2" t="s">
        <v>1735</v>
      </c>
      <c r="G741" s="8">
        <v>165</v>
      </c>
      <c r="H741" s="5">
        <v>6</v>
      </c>
      <c r="I741" s="5" t="s">
        <v>1518</v>
      </c>
      <c r="J741" s="5" t="s">
        <v>1519</v>
      </c>
      <c r="K741" s="2" t="s">
        <v>1520</v>
      </c>
      <c r="L741" s="5" t="s">
        <v>1519</v>
      </c>
      <c r="M741" s="2" t="s">
        <v>1520</v>
      </c>
      <c r="N741" s="5" t="s">
        <v>1521</v>
      </c>
      <c r="O741" s="5" t="s">
        <v>38</v>
      </c>
      <c r="P741" s="5" t="s">
        <v>39</v>
      </c>
      <c r="Q741" s="5" t="s">
        <v>40</v>
      </c>
      <c r="R741" s="5" t="s">
        <v>1522</v>
      </c>
      <c r="S741" s="5" t="s">
        <v>1523</v>
      </c>
      <c r="T741" s="5" t="s">
        <v>42</v>
      </c>
      <c r="U741" s="2">
        <v>1.931</v>
      </c>
      <c r="V741" s="2">
        <v>1.4279999999999999</v>
      </c>
      <c r="W741" s="2">
        <v>1.2999999999999999E-2</v>
      </c>
      <c r="X741" s="2">
        <v>99.1</v>
      </c>
      <c r="Y741" s="2">
        <v>7.6</v>
      </c>
      <c r="Z741" s="2">
        <v>16.7</v>
      </c>
      <c r="AA741" s="5"/>
      <c r="AB741" s="5" t="s">
        <v>43</v>
      </c>
      <c r="AC741" s="5" t="s">
        <v>44</v>
      </c>
      <c r="AD741" s="2"/>
      <c r="AE741" s="1"/>
    </row>
    <row r="742" spans="1:31" ht="14.45">
      <c r="A742" s="11"/>
      <c r="B742" s="20"/>
      <c r="C742" s="2" t="s">
        <v>2646</v>
      </c>
      <c r="D742" s="14" t="s">
        <v>2647</v>
      </c>
      <c r="E742" s="2" t="s">
        <v>2648</v>
      </c>
      <c r="F742" s="2" t="s">
        <v>1739</v>
      </c>
      <c r="G742" s="8">
        <v>165</v>
      </c>
      <c r="H742" s="5">
        <v>6</v>
      </c>
      <c r="I742" s="5" t="s">
        <v>1518</v>
      </c>
      <c r="J742" s="5" t="s">
        <v>1519</v>
      </c>
      <c r="K742" s="2" t="s">
        <v>1520</v>
      </c>
      <c r="L742" s="5" t="s">
        <v>1519</v>
      </c>
      <c r="M742" s="2" t="s">
        <v>1520</v>
      </c>
      <c r="N742" s="5" t="s">
        <v>1521</v>
      </c>
      <c r="O742" s="5" t="s">
        <v>38</v>
      </c>
      <c r="P742" s="5" t="s">
        <v>39</v>
      </c>
      <c r="Q742" s="5" t="s">
        <v>40</v>
      </c>
      <c r="R742" s="5" t="s">
        <v>1522</v>
      </c>
      <c r="S742" s="5" t="s">
        <v>1523</v>
      </c>
      <c r="T742" s="5" t="s">
        <v>42</v>
      </c>
      <c r="U742" s="2">
        <v>1.9690000000000001</v>
      </c>
      <c r="V742" s="2">
        <v>1.466</v>
      </c>
      <c r="W742" s="2">
        <v>1.2999999999999999E-2</v>
      </c>
      <c r="X742" s="2">
        <v>99.1</v>
      </c>
      <c r="Y742" s="2">
        <v>7.6</v>
      </c>
      <c r="Z742" s="2">
        <v>16.7</v>
      </c>
      <c r="AA742" s="5"/>
      <c r="AB742" s="5" t="s">
        <v>43</v>
      </c>
      <c r="AC742" s="5" t="s">
        <v>44</v>
      </c>
      <c r="AD742" s="2"/>
      <c r="AE742" s="1"/>
    </row>
    <row r="743" spans="1:31" ht="14.45">
      <c r="A743" s="11"/>
      <c r="B743" s="20"/>
      <c r="C743" s="2" t="s">
        <v>2649</v>
      </c>
      <c r="D743" s="14" t="s">
        <v>2650</v>
      </c>
      <c r="E743" s="2" t="s">
        <v>2651</v>
      </c>
      <c r="F743" s="2" t="s">
        <v>1743</v>
      </c>
      <c r="G743" s="8">
        <v>165</v>
      </c>
      <c r="H743" s="5">
        <v>6</v>
      </c>
      <c r="I743" s="5" t="s">
        <v>1518</v>
      </c>
      <c r="J743" s="5" t="s">
        <v>1519</v>
      </c>
      <c r="K743" s="2" t="s">
        <v>1520</v>
      </c>
      <c r="L743" s="5" t="s">
        <v>1519</v>
      </c>
      <c r="M743" s="2" t="s">
        <v>1520</v>
      </c>
      <c r="N743" s="5" t="s">
        <v>1521</v>
      </c>
      <c r="O743" s="5" t="s">
        <v>38</v>
      </c>
      <c r="P743" s="5" t="s">
        <v>39</v>
      </c>
      <c r="Q743" s="5" t="s">
        <v>40</v>
      </c>
      <c r="R743" s="5" t="s">
        <v>1522</v>
      </c>
      <c r="S743" s="5" t="s">
        <v>1523</v>
      </c>
      <c r="T743" s="5" t="s">
        <v>42</v>
      </c>
      <c r="U743" s="2">
        <v>1.9159999999999999</v>
      </c>
      <c r="V743" s="2">
        <v>1.413</v>
      </c>
      <c r="W743" s="2">
        <v>1.2999999999999999E-2</v>
      </c>
      <c r="X743" s="2">
        <v>99.1</v>
      </c>
      <c r="Y743" s="2">
        <v>7.6</v>
      </c>
      <c r="Z743" s="2">
        <v>16.7</v>
      </c>
      <c r="AA743" s="5"/>
      <c r="AB743" s="5" t="s">
        <v>43</v>
      </c>
      <c r="AC743" s="5" t="s">
        <v>44</v>
      </c>
      <c r="AD743" s="2"/>
      <c r="AE743" s="1"/>
    </row>
    <row r="744" spans="1:31" ht="14.45">
      <c r="A744" s="11"/>
      <c r="B744" s="20"/>
      <c r="C744" s="2" t="s">
        <v>2652</v>
      </c>
      <c r="D744" s="14" t="s">
        <v>2653</v>
      </c>
      <c r="E744" s="2" t="s">
        <v>2654</v>
      </c>
      <c r="F744" s="2" t="s">
        <v>1747</v>
      </c>
      <c r="G744" s="8">
        <v>165</v>
      </c>
      <c r="H744" s="5">
        <v>6</v>
      </c>
      <c r="I744" s="5" t="s">
        <v>1518</v>
      </c>
      <c r="J744" s="5" t="s">
        <v>1519</v>
      </c>
      <c r="K744" s="2" t="s">
        <v>1520</v>
      </c>
      <c r="L744" s="5" t="s">
        <v>1519</v>
      </c>
      <c r="M744" s="2" t="s">
        <v>1520</v>
      </c>
      <c r="N744" s="5" t="s">
        <v>1521</v>
      </c>
      <c r="O744" s="5" t="s">
        <v>38</v>
      </c>
      <c r="P744" s="5" t="s">
        <v>39</v>
      </c>
      <c r="Q744" s="5" t="s">
        <v>40</v>
      </c>
      <c r="R744" s="5" t="s">
        <v>1522</v>
      </c>
      <c r="S744" s="5" t="s">
        <v>1523</v>
      </c>
      <c r="T744" s="5" t="s">
        <v>42</v>
      </c>
      <c r="U744" s="2">
        <v>1.954</v>
      </c>
      <c r="V744" s="2">
        <v>1.4510000000000001</v>
      </c>
      <c r="W744" s="2">
        <v>1.2999999999999999E-2</v>
      </c>
      <c r="X744" s="2">
        <v>99.1</v>
      </c>
      <c r="Y744" s="2">
        <v>7.6</v>
      </c>
      <c r="Z744" s="2">
        <v>16.7</v>
      </c>
      <c r="AA744" s="5"/>
      <c r="AB744" s="5" t="s">
        <v>43</v>
      </c>
      <c r="AC744" s="5" t="s">
        <v>44</v>
      </c>
      <c r="AD744" s="2"/>
      <c r="AE744" s="1"/>
    </row>
    <row r="745" spans="1:31" ht="14.45">
      <c r="A745" s="11"/>
      <c r="B745" s="20"/>
      <c r="C745" s="2" t="s">
        <v>2655</v>
      </c>
      <c r="D745" s="14" t="s">
        <v>2656</v>
      </c>
      <c r="E745" s="2" t="s">
        <v>2657</v>
      </c>
      <c r="F745" s="2" t="s">
        <v>1751</v>
      </c>
      <c r="G745" s="8">
        <v>165</v>
      </c>
      <c r="H745" s="5">
        <v>6</v>
      </c>
      <c r="I745" s="5" t="s">
        <v>1518</v>
      </c>
      <c r="J745" s="5" t="s">
        <v>1519</v>
      </c>
      <c r="K745" s="2" t="s">
        <v>1520</v>
      </c>
      <c r="L745" s="5" t="s">
        <v>1519</v>
      </c>
      <c r="M745" s="2" t="s">
        <v>1520</v>
      </c>
      <c r="N745" s="5" t="s">
        <v>1521</v>
      </c>
      <c r="O745" s="5" t="s">
        <v>38</v>
      </c>
      <c r="P745" s="5" t="s">
        <v>39</v>
      </c>
      <c r="Q745" s="5" t="s">
        <v>40</v>
      </c>
      <c r="R745" s="5" t="s">
        <v>1522</v>
      </c>
      <c r="S745" s="5" t="s">
        <v>1523</v>
      </c>
      <c r="T745" s="5" t="s">
        <v>42</v>
      </c>
      <c r="U745" s="2">
        <v>1.9159999999999999</v>
      </c>
      <c r="V745" s="2">
        <v>1.413</v>
      </c>
      <c r="W745" s="2">
        <v>1.2999999999999999E-2</v>
      </c>
      <c r="X745" s="2">
        <v>99.1</v>
      </c>
      <c r="Y745" s="2">
        <v>7.6</v>
      </c>
      <c r="Z745" s="2">
        <v>16.7</v>
      </c>
      <c r="AA745" s="5"/>
      <c r="AB745" s="5" t="s">
        <v>43</v>
      </c>
      <c r="AC745" s="5" t="s">
        <v>44</v>
      </c>
      <c r="AD745" s="2"/>
      <c r="AE745" s="1"/>
    </row>
    <row r="746" spans="1:31" ht="14.45">
      <c r="A746" s="11"/>
      <c r="B746" s="20"/>
      <c r="C746" s="2" t="s">
        <v>2658</v>
      </c>
      <c r="D746" s="14" t="s">
        <v>2659</v>
      </c>
      <c r="E746" s="2" t="s">
        <v>2660</v>
      </c>
      <c r="F746" s="2" t="s">
        <v>1755</v>
      </c>
      <c r="G746" s="8">
        <v>165</v>
      </c>
      <c r="H746" s="5">
        <v>6</v>
      </c>
      <c r="I746" s="5" t="s">
        <v>1518</v>
      </c>
      <c r="J746" s="5" t="s">
        <v>1519</v>
      </c>
      <c r="K746" s="2" t="s">
        <v>1520</v>
      </c>
      <c r="L746" s="5" t="s">
        <v>1519</v>
      </c>
      <c r="M746" s="2" t="s">
        <v>1520</v>
      </c>
      <c r="N746" s="5" t="s">
        <v>1521</v>
      </c>
      <c r="O746" s="5" t="s">
        <v>38</v>
      </c>
      <c r="P746" s="5" t="s">
        <v>39</v>
      </c>
      <c r="Q746" s="5" t="s">
        <v>40</v>
      </c>
      <c r="R746" s="5" t="s">
        <v>1522</v>
      </c>
      <c r="S746" s="5" t="s">
        <v>1523</v>
      </c>
      <c r="T746" s="5" t="s">
        <v>42</v>
      </c>
      <c r="U746" s="2">
        <v>1.954</v>
      </c>
      <c r="V746" s="2">
        <v>1.4510000000000001</v>
      </c>
      <c r="W746" s="2">
        <v>1.2999999999999999E-2</v>
      </c>
      <c r="X746" s="2">
        <v>99.1</v>
      </c>
      <c r="Y746" s="2">
        <v>7.6</v>
      </c>
      <c r="Z746" s="2">
        <v>16.7</v>
      </c>
      <c r="AA746" s="5"/>
      <c r="AB746" s="5" t="s">
        <v>43</v>
      </c>
      <c r="AC746" s="5" t="s">
        <v>44</v>
      </c>
      <c r="AD746" s="2"/>
      <c r="AE746" s="1"/>
    </row>
    <row r="747" spans="1:31" ht="14.45">
      <c r="A747" s="11"/>
      <c r="B747" s="20"/>
      <c r="C747" s="2" t="s">
        <v>2661</v>
      </c>
      <c r="D747" s="14" t="s">
        <v>2662</v>
      </c>
      <c r="E747" s="2" t="s">
        <v>2663</v>
      </c>
      <c r="F747" s="2" t="s">
        <v>1759</v>
      </c>
      <c r="G747" s="8">
        <v>165</v>
      </c>
      <c r="H747" s="5">
        <v>6</v>
      </c>
      <c r="I747" s="5" t="s">
        <v>1518</v>
      </c>
      <c r="J747" s="5" t="s">
        <v>1519</v>
      </c>
      <c r="K747" s="2" t="s">
        <v>1520</v>
      </c>
      <c r="L747" s="5" t="s">
        <v>1519</v>
      </c>
      <c r="M747" s="2" t="s">
        <v>1520</v>
      </c>
      <c r="N747" s="5" t="s">
        <v>1521</v>
      </c>
      <c r="O747" s="5" t="s">
        <v>38</v>
      </c>
      <c r="P747" s="5" t="s">
        <v>39</v>
      </c>
      <c r="Q747" s="5" t="s">
        <v>40</v>
      </c>
      <c r="R747" s="5" t="s">
        <v>1522</v>
      </c>
      <c r="S747" s="5" t="s">
        <v>1523</v>
      </c>
      <c r="T747" s="5" t="s">
        <v>42</v>
      </c>
      <c r="U747" s="2">
        <v>1.931</v>
      </c>
      <c r="V747" s="2">
        <v>1.4279999999999999</v>
      </c>
      <c r="W747" s="2">
        <v>1.2999999999999999E-2</v>
      </c>
      <c r="X747" s="2">
        <v>99.1</v>
      </c>
      <c r="Y747" s="2">
        <v>7.6</v>
      </c>
      <c r="Z747" s="2">
        <v>16.7</v>
      </c>
      <c r="AA747" s="5"/>
      <c r="AB747" s="5" t="s">
        <v>43</v>
      </c>
      <c r="AC747" s="5" t="s">
        <v>44</v>
      </c>
      <c r="AD747" s="2"/>
      <c r="AE747" s="1"/>
    </row>
    <row r="748" spans="1:31" ht="14.45">
      <c r="A748" s="11"/>
      <c r="B748" s="20"/>
      <c r="C748" s="2" t="s">
        <v>2664</v>
      </c>
      <c r="D748" s="14" t="s">
        <v>2665</v>
      </c>
      <c r="E748" s="2" t="s">
        <v>2666</v>
      </c>
      <c r="F748" s="2" t="s">
        <v>1763</v>
      </c>
      <c r="G748" s="8">
        <v>165</v>
      </c>
      <c r="H748" s="5">
        <v>6</v>
      </c>
      <c r="I748" s="5" t="s">
        <v>1518</v>
      </c>
      <c r="J748" s="5" t="s">
        <v>1519</v>
      </c>
      <c r="K748" s="2" t="s">
        <v>1520</v>
      </c>
      <c r="L748" s="5" t="s">
        <v>1519</v>
      </c>
      <c r="M748" s="2" t="s">
        <v>1520</v>
      </c>
      <c r="N748" s="5" t="s">
        <v>1521</v>
      </c>
      <c r="O748" s="5" t="s">
        <v>38</v>
      </c>
      <c r="P748" s="5" t="s">
        <v>39</v>
      </c>
      <c r="Q748" s="5" t="s">
        <v>40</v>
      </c>
      <c r="R748" s="5" t="s">
        <v>1522</v>
      </c>
      <c r="S748" s="5" t="s">
        <v>1523</v>
      </c>
      <c r="T748" s="5" t="s">
        <v>42</v>
      </c>
      <c r="U748" s="2">
        <v>1.9690000000000001</v>
      </c>
      <c r="V748" s="2">
        <v>1.466</v>
      </c>
      <c r="W748" s="2">
        <v>1.2999999999999999E-2</v>
      </c>
      <c r="X748" s="2">
        <v>99.1</v>
      </c>
      <c r="Y748" s="2">
        <v>7.6</v>
      </c>
      <c r="Z748" s="2">
        <v>16.7</v>
      </c>
      <c r="AA748" s="5"/>
      <c r="AB748" s="5" t="s">
        <v>43</v>
      </c>
      <c r="AC748" s="5" t="s">
        <v>44</v>
      </c>
      <c r="AD748" s="2"/>
      <c r="AE748" s="1"/>
    </row>
    <row r="749" spans="1:31" ht="14.45">
      <c r="A749" s="11"/>
      <c r="B749" s="20"/>
      <c r="C749" s="2" t="s">
        <v>2667</v>
      </c>
      <c r="D749" s="14" t="s">
        <v>2668</v>
      </c>
      <c r="E749" s="2" t="s">
        <v>2669</v>
      </c>
      <c r="F749" s="2" t="s">
        <v>1767</v>
      </c>
      <c r="G749" s="8">
        <v>165</v>
      </c>
      <c r="H749" s="5">
        <v>6</v>
      </c>
      <c r="I749" s="5" t="s">
        <v>1518</v>
      </c>
      <c r="J749" s="5" t="s">
        <v>1519</v>
      </c>
      <c r="K749" s="2" t="s">
        <v>1520</v>
      </c>
      <c r="L749" s="5" t="s">
        <v>1519</v>
      </c>
      <c r="M749" s="2" t="s">
        <v>1520</v>
      </c>
      <c r="N749" s="5" t="s">
        <v>1521</v>
      </c>
      <c r="O749" s="5" t="s">
        <v>38</v>
      </c>
      <c r="P749" s="5" t="s">
        <v>39</v>
      </c>
      <c r="Q749" s="5" t="s">
        <v>40</v>
      </c>
      <c r="R749" s="5" t="s">
        <v>1522</v>
      </c>
      <c r="S749" s="5" t="s">
        <v>1523</v>
      </c>
      <c r="T749" s="5" t="s">
        <v>42</v>
      </c>
      <c r="U749" s="2">
        <v>1.931</v>
      </c>
      <c r="V749" s="2">
        <v>1.4279999999999999</v>
      </c>
      <c r="W749" s="2">
        <v>1.2999999999999999E-2</v>
      </c>
      <c r="X749" s="2">
        <v>99.1</v>
      </c>
      <c r="Y749" s="2">
        <v>7.6</v>
      </c>
      <c r="Z749" s="2">
        <v>16.7</v>
      </c>
      <c r="AA749" s="5"/>
      <c r="AB749" s="5" t="s">
        <v>43</v>
      </c>
      <c r="AC749" s="5" t="s">
        <v>44</v>
      </c>
      <c r="AD749" s="2"/>
      <c r="AE749" s="1"/>
    </row>
    <row r="750" spans="1:31" ht="14.45">
      <c r="A750" s="11"/>
      <c r="B750" s="20"/>
      <c r="C750" s="2" t="s">
        <v>2670</v>
      </c>
      <c r="D750" s="14" t="s">
        <v>2671</v>
      </c>
      <c r="E750" s="2" t="s">
        <v>2672</v>
      </c>
      <c r="F750" s="2" t="s">
        <v>1771</v>
      </c>
      <c r="G750" s="8">
        <v>165</v>
      </c>
      <c r="H750" s="5">
        <v>6</v>
      </c>
      <c r="I750" s="5" t="s">
        <v>1518</v>
      </c>
      <c r="J750" s="5" t="s">
        <v>1519</v>
      </c>
      <c r="K750" s="2" t="s">
        <v>1520</v>
      </c>
      <c r="L750" s="5" t="s">
        <v>1519</v>
      </c>
      <c r="M750" s="2" t="s">
        <v>1520</v>
      </c>
      <c r="N750" s="5" t="s">
        <v>1521</v>
      </c>
      <c r="O750" s="5" t="s">
        <v>38</v>
      </c>
      <c r="P750" s="5" t="s">
        <v>39</v>
      </c>
      <c r="Q750" s="5" t="s">
        <v>40</v>
      </c>
      <c r="R750" s="5" t="s">
        <v>1522</v>
      </c>
      <c r="S750" s="5" t="s">
        <v>1523</v>
      </c>
      <c r="T750" s="5" t="s">
        <v>42</v>
      </c>
      <c r="U750" s="2">
        <v>1.9690000000000001</v>
      </c>
      <c r="V750" s="2">
        <v>1.466</v>
      </c>
      <c r="W750" s="2">
        <v>1.2999999999999999E-2</v>
      </c>
      <c r="X750" s="2">
        <v>99.1</v>
      </c>
      <c r="Y750" s="2">
        <v>7.6</v>
      </c>
      <c r="Z750" s="2">
        <v>16.7</v>
      </c>
      <c r="AA750" s="5"/>
      <c r="AB750" s="5" t="s">
        <v>43</v>
      </c>
      <c r="AC750" s="5" t="s">
        <v>44</v>
      </c>
      <c r="AD750" s="2"/>
      <c r="AE750" s="1"/>
    </row>
    <row r="751" spans="1:31" ht="14.45">
      <c r="A751" s="11"/>
      <c r="B751" s="20"/>
      <c r="C751" s="2" t="s">
        <v>2673</v>
      </c>
      <c r="D751" s="14" t="s">
        <v>2674</v>
      </c>
      <c r="E751" s="2" t="s">
        <v>2675</v>
      </c>
      <c r="F751" s="2" t="s">
        <v>1775</v>
      </c>
      <c r="G751" s="8">
        <v>165</v>
      </c>
      <c r="H751" s="5">
        <v>6</v>
      </c>
      <c r="I751" s="5" t="s">
        <v>1518</v>
      </c>
      <c r="J751" s="5" t="s">
        <v>1519</v>
      </c>
      <c r="K751" s="2" t="s">
        <v>1520</v>
      </c>
      <c r="L751" s="5" t="s">
        <v>1519</v>
      </c>
      <c r="M751" s="2" t="s">
        <v>1520</v>
      </c>
      <c r="N751" s="5" t="s">
        <v>1521</v>
      </c>
      <c r="O751" s="5" t="s">
        <v>38</v>
      </c>
      <c r="P751" s="5" t="s">
        <v>39</v>
      </c>
      <c r="Q751" s="5" t="s">
        <v>40</v>
      </c>
      <c r="R751" s="5" t="s">
        <v>1522</v>
      </c>
      <c r="S751" s="5" t="s">
        <v>1523</v>
      </c>
      <c r="T751" s="5" t="s">
        <v>42</v>
      </c>
      <c r="U751" s="2">
        <v>1.931</v>
      </c>
      <c r="V751" s="2">
        <v>1.4279999999999999</v>
      </c>
      <c r="W751" s="2">
        <v>1.2999999999999999E-2</v>
      </c>
      <c r="X751" s="2">
        <v>99.1</v>
      </c>
      <c r="Y751" s="2">
        <v>7.6</v>
      </c>
      <c r="Z751" s="2">
        <v>16.7</v>
      </c>
      <c r="AA751" s="5"/>
      <c r="AB751" s="5" t="s">
        <v>43</v>
      </c>
      <c r="AC751" s="5" t="s">
        <v>44</v>
      </c>
      <c r="AD751" s="2"/>
      <c r="AE751" s="1"/>
    </row>
    <row r="752" spans="1:31" ht="14.45">
      <c r="A752" s="11"/>
      <c r="B752" s="20"/>
      <c r="C752" s="2" t="s">
        <v>2676</v>
      </c>
      <c r="D752" s="14" t="s">
        <v>2677</v>
      </c>
      <c r="E752" s="2" t="s">
        <v>2678</v>
      </c>
      <c r="F752" s="2" t="s">
        <v>1779</v>
      </c>
      <c r="G752" s="8">
        <v>165</v>
      </c>
      <c r="H752" s="5">
        <v>6</v>
      </c>
      <c r="I752" s="5" t="s">
        <v>1518</v>
      </c>
      <c r="J752" s="5" t="s">
        <v>1519</v>
      </c>
      <c r="K752" s="2" t="s">
        <v>1520</v>
      </c>
      <c r="L752" s="5" t="s">
        <v>1519</v>
      </c>
      <c r="M752" s="2" t="s">
        <v>1520</v>
      </c>
      <c r="N752" s="5" t="s">
        <v>1521</v>
      </c>
      <c r="O752" s="5" t="s">
        <v>38</v>
      </c>
      <c r="P752" s="5" t="s">
        <v>39</v>
      </c>
      <c r="Q752" s="5" t="s">
        <v>40</v>
      </c>
      <c r="R752" s="5" t="s">
        <v>1522</v>
      </c>
      <c r="S752" s="5" t="s">
        <v>1523</v>
      </c>
      <c r="T752" s="5" t="s">
        <v>42</v>
      </c>
      <c r="U752" s="2">
        <v>1.9690000000000001</v>
      </c>
      <c r="V752" s="2">
        <v>1.466</v>
      </c>
      <c r="W752" s="2">
        <v>1.2999999999999999E-2</v>
      </c>
      <c r="X752" s="2">
        <v>99.1</v>
      </c>
      <c r="Y752" s="2">
        <v>7.6</v>
      </c>
      <c r="Z752" s="2">
        <v>16.7</v>
      </c>
      <c r="AA752" s="5"/>
      <c r="AB752" s="5" t="s">
        <v>43</v>
      </c>
      <c r="AC752" s="5" t="s">
        <v>44</v>
      </c>
      <c r="AD752" s="2"/>
      <c r="AE752" s="1"/>
    </row>
    <row r="753" spans="1:31" ht="14.45">
      <c r="A753" s="11"/>
      <c r="B753" s="20"/>
      <c r="C753" s="2" t="s">
        <v>2679</v>
      </c>
      <c r="D753" s="14" t="s">
        <v>2680</v>
      </c>
      <c r="E753" s="2" t="s">
        <v>2681</v>
      </c>
      <c r="F753" s="2" t="s">
        <v>1783</v>
      </c>
      <c r="G753" s="8">
        <v>165</v>
      </c>
      <c r="H753" s="5">
        <v>6</v>
      </c>
      <c r="I753" s="5" t="s">
        <v>1518</v>
      </c>
      <c r="J753" s="5" t="s">
        <v>1519</v>
      </c>
      <c r="K753" s="2" t="s">
        <v>1520</v>
      </c>
      <c r="L753" s="5" t="s">
        <v>1519</v>
      </c>
      <c r="M753" s="2" t="s">
        <v>1520</v>
      </c>
      <c r="N753" s="5" t="s">
        <v>1521</v>
      </c>
      <c r="O753" s="5" t="s">
        <v>38</v>
      </c>
      <c r="P753" s="5" t="s">
        <v>39</v>
      </c>
      <c r="Q753" s="5" t="s">
        <v>40</v>
      </c>
      <c r="R753" s="5" t="s">
        <v>1522</v>
      </c>
      <c r="S753" s="5" t="s">
        <v>1523</v>
      </c>
      <c r="T753" s="5" t="s">
        <v>42</v>
      </c>
      <c r="U753" s="2">
        <v>1.9159999999999999</v>
      </c>
      <c r="V753" s="2">
        <v>1.413</v>
      </c>
      <c r="W753" s="2">
        <v>1.2999999999999999E-2</v>
      </c>
      <c r="X753" s="2">
        <v>99.1</v>
      </c>
      <c r="Y753" s="2">
        <v>7.6</v>
      </c>
      <c r="Z753" s="2">
        <v>16.7</v>
      </c>
      <c r="AA753" s="5"/>
      <c r="AB753" s="5" t="s">
        <v>43</v>
      </c>
      <c r="AC753" s="5" t="s">
        <v>44</v>
      </c>
      <c r="AD753" s="2"/>
      <c r="AE753" s="1"/>
    </row>
    <row r="754" spans="1:31" ht="14.45">
      <c r="A754" s="11"/>
      <c r="B754" s="20"/>
      <c r="C754" s="2" t="s">
        <v>2682</v>
      </c>
      <c r="D754" s="14" t="s">
        <v>2683</v>
      </c>
      <c r="E754" s="2" t="s">
        <v>2684</v>
      </c>
      <c r="F754" s="2" t="s">
        <v>1787</v>
      </c>
      <c r="G754" s="8">
        <v>165</v>
      </c>
      <c r="H754" s="5">
        <v>6</v>
      </c>
      <c r="I754" s="5" t="s">
        <v>1518</v>
      </c>
      <c r="J754" s="5" t="s">
        <v>1519</v>
      </c>
      <c r="K754" s="2" t="s">
        <v>1520</v>
      </c>
      <c r="L754" s="5" t="s">
        <v>1519</v>
      </c>
      <c r="M754" s="2" t="s">
        <v>1520</v>
      </c>
      <c r="N754" s="5" t="s">
        <v>1521</v>
      </c>
      <c r="O754" s="5" t="s">
        <v>38</v>
      </c>
      <c r="P754" s="5" t="s">
        <v>39</v>
      </c>
      <c r="Q754" s="5" t="s">
        <v>40</v>
      </c>
      <c r="R754" s="5" t="s">
        <v>1522</v>
      </c>
      <c r="S754" s="5" t="s">
        <v>1523</v>
      </c>
      <c r="T754" s="5" t="s">
        <v>42</v>
      </c>
      <c r="U754" s="2">
        <v>1.954</v>
      </c>
      <c r="V754" s="2">
        <v>1.4510000000000001</v>
      </c>
      <c r="W754" s="2">
        <v>1.2999999999999999E-2</v>
      </c>
      <c r="X754" s="2">
        <v>99.1</v>
      </c>
      <c r="Y754" s="2">
        <v>7.6</v>
      </c>
      <c r="Z754" s="2">
        <v>16.7</v>
      </c>
      <c r="AA754" s="5"/>
      <c r="AB754" s="5" t="s">
        <v>43</v>
      </c>
      <c r="AC754" s="5" t="s">
        <v>44</v>
      </c>
      <c r="AD754" s="2"/>
      <c r="AE754" s="1"/>
    </row>
    <row r="755" spans="1:31" ht="14.45">
      <c r="A755" s="11"/>
      <c r="B755" s="20"/>
      <c r="C755" s="2" t="s">
        <v>2685</v>
      </c>
      <c r="D755" s="14" t="s">
        <v>2686</v>
      </c>
      <c r="E755" s="2" t="s">
        <v>2687</v>
      </c>
      <c r="F755" s="2" t="s">
        <v>1791</v>
      </c>
      <c r="G755" s="8">
        <v>165</v>
      </c>
      <c r="H755" s="5">
        <v>6</v>
      </c>
      <c r="I755" s="5" t="s">
        <v>1518</v>
      </c>
      <c r="J755" s="5" t="s">
        <v>1519</v>
      </c>
      <c r="K755" s="2" t="s">
        <v>1520</v>
      </c>
      <c r="L755" s="5" t="s">
        <v>1519</v>
      </c>
      <c r="M755" s="2" t="s">
        <v>1520</v>
      </c>
      <c r="N755" s="5" t="s">
        <v>1521</v>
      </c>
      <c r="O755" s="5" t="s">
        <v>38</v>
      </c>
      <c r="P755" s="5" t="s">
        <v>39</v>
      </c>
      <c r="Q755" s="5" t="s">
        <v>40</v>
      </c>
      <c r="R755" s="5" t="s">
        <v>1522</v>
      </c>
      <c r="S755" s="5" t="s">
        <v>1523</v>
      </c>
      <c r="T755" s="5" t="s">
        <v>42</v>
      </c>
      <c r="U755" s="2">
        <v>1.931</v>
      </c>
      <c r="V755" s="2">
        <v>1.4279999999999999</v>
      </c>
      <c r="W755" s="2">
        <v>1.2999999999999999E-2</v>
      </c>
      <c r="X755" s="2">
        <v>99.1</v>
      </c>
      <c r="Y755" s="2">
        <v>7.6</v>
      </c>
      <c r="Z755" s="2">
        <v>16.7</v>
      </c>
      <c r="AA755" s="5"/>
      <c r="AB755" s="5" t="s">
        <v>43</v>
      </c>
      <c r="AC755" s="5" t="s">
        <v>44</v>
      </c>
      <c r="AD755" s="2"/>
      <c r="AE755" s="1"/>
    </row>
    <row r="756" spans="1:31" ht="14.45">
      <c r="A756" s="11"/>
      <c r="B756" s="20"/>
      <c r="C756" s="2" t="s">
        <v>2688</v>
      </c>
      <c r="D756" s="14" t="s">
        <v>2689</v>
      </c>
      <c r="E756" s="2" t="s">
        <v>2690</v>
      </c>
      <c r="F756" s="2" t="s">
        <v>1795</v>
      </c>
      <c r="G756" s="8">
        <v>165</v>
      </c>
      <c r="H756" s="5">
        <v>6</v>
      </c>
      <c r="I756" s="5" t="s">
        <v>1518</v>
      </c>
      <c r="J756" s="5" t="s">
        <v>1519</v>
      </c>
      <c r="K756" s="2" t="s">
        <v>1520</v>
      </c>
      <c r="L756" s="5" t="s">
        <v>1519</v>
      </c>
      <c r="M756" s="2" t="s">
        <v>1520</v>
      </c>
      <c r="N756" s="5" t="s">
        <v>1521</v>
      </c>
      <c r="O756" s="5" t="s">
        <v>38</v>
      </c>
      <c r="P756" s="5" t="s">
        <v>39</v>
      </c>
      <c r="Q756" s="5" t="s">
        <v>40</v>
      </c>
      <c r="R756" s="5" t="s">
        <v>1522</v>
      </c>
      <c r="S756" s="5" t="s">
        <v>1523</v>
      </c>
      <c r="T756" s="5" t="s">
        <v>42</v>
      </c>
      <c r="U756" s="2">
        <v>1.9690000000000001</v>
      </c>
      <c r="V756" s="2">
        <v>1.466</v>
      </c>
      <c r="W756" s="2">
        <v>1.2999999999999999E-2</v>
      </c>
      <c r="X756" s="2">
        <v>99.1</v>
      </c>
      <c r="Y756" s="2">
        <v>7.6</v>
      </c>
      <c r="Z756" s="2">
        <v>16.7</v>
      </c>
      <c r="AA756" s="5"/>
      <c r="AB756" s="5" t="s">
        <v>43</v>
      </c>
      <c r="AC756" s="5" t="s">
        <v>44</v>
      </c>
      <c r="AD756" s="2"/>
      <c r="AE756" s="1"/>
    </row>
    <row r="757" spans="1:31" ht="14.45">
      <c r="A757" s="11"/>
      <c r="B757" s="20"/>
      <c r="C757" s="2" t="s">
        <v>2691</v>
      </c>
      <c r="D757" s="14" t="s">
        <v>2692</v>
      </c>
      <c r="E757" s="2" t="s">
        <v>2693</v>
      </c>
      <c r="F757" s="2" t="s">
        <v>1799</v>
      </c>
      <c r="G757" s="8">
        <v>165</v>
      </c>
      <c r="H757" s="5">
        <v>6</v>
      </c>
      <c r="I757" s="5" t="s">
        <v>1518</v>
      </c>
      <c r="J757" s="5" t="s">
        <v>1519</v>
      </c>
      <c r="K757" s="2" t="s">
        <v>1520</v>
      </c>
      <c r="L757" s="5" t="s">
        <v>1519</v>
      </c>
      <c r="M757" s="2" t="s">
        <v>1520</v>
      </c>
      <c r="N757" s="5" t="s">
        <v>1521</v>
      </c>
      <c r="O757" s="5" t="s">
        <v>38</v>
      </c>
      <c r="P757" s="5" t="s">
        <v>39</v>
      </c>
      <c r="Q757" s="5" t="s">
        <v>40</v>
      </c>
      <c r="R757" s="5" t="s">
        <v>1522</v>
      </c>
      <c r="S757" s="5" t="s">
        <v>1523</v>
      </c>
      <c r="T757" s="5" t="s">
        <v>42</v>
      </c>
      <c r="U757" s="2">
        <v>1.931</v>
      </c>
      <c r="V757" s="2">
        <v>1.4279999999999999</v>
      </c>
      <c r="W757" s="2">
        <v>1.2999999999999999E-2</v>
      </c>
      <c r="X757" s="2">
        <v>99.1</v>
      </c>
      <c r="Y757" s="2">
        <v>7.6</v>
      </c>
      <c r="Z757" s="2">
        <v>16.7</v>
      </c>
      <c r="AA757" s="5"/>
      <c r="AB757" s="5" t="s">
        <v>43</v>
      </c>
      <c r="AC757" s="5" t="s">
        <v>44</v>
      </c>
      <c r="AD757" s="2"/>
      <c r="AE757" s="1"/>
    </row>
    <row r="758" spans="1:31" ht="14.45">
      <c r="A758" s="11"/>
      <c r="B758" s="20"/>
      <c r="C758" s="2" t="s">
        <v>2694</v>
      </c>
      <c r="D758" s="14" t="s">
        <v>2695</v>
      </c>
      <c r="E758" s="2" t="s">
        <v>2696</v>
      </c>
      <c r="F758" s="2" t="s">
        <v>1803</v>
      </c>
      <c r="G758" s="8">
        <v>165</v>
      </c>
      <c r="H758" s="5">
        <v>6</v>
      </c>
      <c r="I758" s="5" t="s">
        <v>1518</v>
      </c>
      <c r="J758" s="5" t="s">
        <v>1519</v>
      </c>
      <c r="K758" s="2" t="s">
        <v>1520</v>
      </c>
      <c r="L758" s="5" t="s">
        <v>1519</v>
      </c>
      <c r="M758" s="2" t="s">
        <v>1520</v>
      </c>
      <c r="N758" s="5" t="s">
        <v>1521</v>
      </c>
      <c r="O758" s="5" t="s">
        <v>38</v>
      </c>
      <c r="P758" s="5" t="s">
        <v>39</v>
      </c>
      <c r="Q758" s="5" t="s">
        <v>40</v>
      </c>
      <c r="R758" s="5" t="s">
        <v>1522</v>
      </c>
      <c r="S758" s="5" t="s">
        <v>1523</v>
      </c>
      <c r="T758" s="5" t="s">
        <v>42</v>
      </c>
      <c r="U758" s="2">
        <v>1.9690000000000001</v>
      </c>
      <c r="V758" s="2">
        <v>1.466</v>
      </c>
      <c r="W758" s="2">
        <v>1.2999999999999999E-2</v>
      </c>
      <c r="X758" s="2">
        <v>99.1</v>
      </c>
      <c r="Y758" s="2">
        <v>7.6</v>
      </c>
      <c r="Z758" s="2">
        <v>16.7</v>
      </c>
      <c r="AA758" s="5"/>
      <c r="AB758" s="5" t="s">
        <v>43</v>
      </c>
      <c r="AC758" s="5" t="s">
        <v>44</v>
      </c>
      <c r="AD758" s="2"/>
      <c r="AE758" s="1"/>
    </row>
    <row r="759" spans="1:31" ht="14.45">
      <c r="A759" s="11"/>
      <c r="B759" s="20"/>
      <c r="C759" s="2" t="s">
        <v>2697</v>
      </c>
      <c r="D759" s="14" t="s">
        <v>2698</v>
      </c>
      <c r="E759" s="2" t="s">
        <v>2699</v>
      </c>
      <c r="F759" s="2" t="s">
        <v>1807</v>
      </c>
      <c r="G759" s="8">
        <v>165</v>
      </c>
      <c r="H759" s="5">
        <v>6</v>
      </c>
      <c r="I759" s="5" t="s">
        <v>1518</v>
      </c>
      <c r="J759" s="5" t="s">
        <v>1519</v>
      </c>
      <c r="K759" s="2" t="s">
        <v>1520</v>
      </c>
      <c r="L759" s="5" t="s">
        <v>1519</v>
      </c>
      <c r="M759" s="2" t="s">
        <v>1520</v>
      </c>
      <c r="N759" s="5" t="s">
        <v>1521</v>
      </c>
      <c r="O759" s="5" t="s">
        <v>38</v>
      </c>
      <c r="P759" s="5" t="s">
        <v>39</v>
      </c>
      <c r="Q759" s="5" t="s">
        <v>40</v>
      </c>
      <c r="R759" s="5" t="s">
        <v>1522</v>
      </c>
      <c r="S759" s="5" t="s">
        <v>1523</v>
      </c>
      <c r="T759" s="5" t="s">
        <v>42</v>
      </c>
      <c r="U759" s="2">
        <v>1.931</v>
      </c>
      <c r="V759" s="2">
        <v>1.4279999999999999</v>
      </c>
      <c r="W759" s="2">
        <v>1.2999999999999999E-2</v>
      </c>
      <c r="X759" s="2">
        <v>99.1</v>
      </c>
      <c r="Y759" s="2">
        <v>7.6</v>
      </c>
      <c r="Z759" s="2">
        <v>16.7</v>
      </c>
      <c r="AA759" s="5"/>
      <c r="AB759" s="5" t="s">
        <v>43</v>
      </c>
      <c r="AC759" s="5" t="s">
        <v>44</v>
      </c>
      <c r="AD759" s="2"/>
      <c r="AE759" s="1"/>
    </row>
    <row r="760" spans="1:31" ht="14.45">
      <c r="A760" s="11"/>
      <c r="B760" s="20"/>
      <c r="C760" s="2" t="s">
        <v>2700</v>
      </c>
      <c r="D760" s="14" t="s">
        <v>2701</v>
      </c>
      <c r="E760" s="2" t="s">
        <v>2702</v>
      </c>
      <c r="F760" s="2" t="s">
        <v>1811</v>
      </c>
      <c r="G760" s="8">
        <v>165</v>
      </c>
      <c r="H760" s="5">
        <v>6</v>
      </c>
      <c r="I760" s="5" t="s">
        <v>1518</v>
      </c>
      <c r="J760" s="5" t="s">
        <v>1519</v>
      </c>
      <c r="K760" s="2" t="s">
        <v>1520</v>
      </c>
      <c r="L760" s="5" t="s">
        <v>1519</v>
      </c>
      <c r="M760" s="2" t="s">
        <v>1520</v>
      </c>
      <c r="N760" s="5" t="s">
        <v>1521</v>
      </c>
      <c r="O760" s="5" t="s">
        <v>38</v>
      </c>
      <c r="P760" s="5" t="s">
        <v>39</v>
      </c>
      <c r="Q760" s="5" t="s">
        <v>40</v>
      </c>
      <c r="R760" s="5" t="s">
        <v>1522</v>
      </c>
      <c r="S760" s="5" t="s">
        <v>1523</v>
      </c>
      <c r="T760" s="5" t="s">
        <v>42</v>
      </c>
      <c r="U760" s="2">
        <v>1.9690000000000001</v>
      </c>
      <c r="V760" s="2">
        <v>1.466</v>
      </c>
      <c r="W760" s="2">
        <v>1.2999999999999999E-2</v>
      </c>
      <c r="X760" s="2">
        <v>99.1</v>
      </c>
      <c r="Y760" s="2">
        <v>7.6</v>
      </c>
      <c r="Z760" s="2">
        <v>16.7</v>
      </c>
      <c r="AA760" s="5"/>
      <c r="AB760" s="5" t="s">
        <v>43</v>
      </c>
      <c r="AC760" s="5" t="s">
        <v>44</v>
      </c>
      <c r="AD760" s="2"/>
      <c r="AE760" s="1"/>
    </row>
    <row r="761" spans="1:31" ht="14.45">
      <c r="A761" s="11"/>
      <c r="B761" s="20"/>
      <c r="C761" s="2" t="s">
        <v>2703</v>
      </c>
      <c r="D761" s="14" t="s">
        <v>2704</v>
      </c>
      <c r="E761" s="2" t="s">
        <v>2705</v>
      </c>
      <c r="F761" s="2" t="s">
        <v>1815</v>
      </c>
      <c r="G761" s="8">
        <v>165</v>
      </c>
      <c r="H761" s="5">
        <v>6</v>
      </c>
      <c r="I761" s="5" t="s">
        <v>1518</v>
      </c>
      <c r="J761" s="5" t="s">
        <v>1519</v>
      </c>
      <c r="K761" s="2" t="s">
        <v>1520</v>
      </c>
      <c r="L761" s="5" t="s">
        <v>1519</v>
      </c>
      <c r="M761" s="2" t="s">
        <v>1520</v>
      </c>
      <c r="N761" s="5" t="s">
        <v>1521</v>
      </c>
      <c r="O761" s="5" t="s">
        <v>38</v>
      </c>
      <c r="P761" s="5" t="s">
        <v>39</v>
      </c>
      <c r="Q761" s="5" t="s">
        <v>40</v>
      </c>
      <c r="R761" s="5" t="s">
        <v>1522</v>
      </c>
      <c r="S761" s="5" t="s">
        <v>1523</v>
      </c>
      <c r="T761" s="5" t="s">
        <v>42</v>
      </c>
      <c r="U761" s="2">
        <v>1.9159999999999999</v>
      </c>
      <c r="V761" s="2">
        <v>1.413</v>
      </c>
      <c r="W761" s="2">
        <v>1.2999999999999999E-2</v>
      </c>
      <c r="X761" s="2">
        <v>99.1</v>
      </c>
      <c r="Y761" s="2">
        <v>7.6</v>
      </c>
      <c r="Z761" s="2">
        <v>16.7</v>
      </c>
      <c r="AA761" s="5"/>
      <c r="AB761" s="5" t="s">
        <v>43</v>
      </c>
      <c r="AC761" s="5" t="s">
        <v>44</v>
      </c>
      <c r="AD761" s="2"/>
      <c r="AE761" s="1"/>
    </row>
    <row r="762" spans="1:31" ht="14.45">
      <c r="A762" s="11"/>
      <c r="B762" s="20"/>
      <c r="C762" s="2" t="s">
        <v>2706</v>
      </c>
      <c r="D762" s="14" t="s">
        <v>2707</v>
      </c>
      <c r="E762" s="2" t="s">
        <v>2708</v>
      </c>
      <c r="F762" s="2" t="s">
        <v>1819</v>
      </c>
      <c r="G762" s="8">
        <v>165</v>
      </c>
      <c r="H762" s="5">
        <v>6</v>
      </c>
      <c r="I762" s="5" t="s">
        <v>1518</v>
      </c>
      <c r="J762" s="5" t="s">
        <v>1519</v>
      </c>
      <c r="K762" s="2" t="s">
        <v>1520</v>
      </c>
      <c r="L762" s="5" t="s">
        <v>1519</v>
      </c>
      <c r="M762" s="2" t="s">
        <v>1520</v>
      </c>
      <c r="N762" s="5" t="s">
        <v>1521</v>
      </c>
      <c r="O762" s="5" t="s">
        <v>38</v>
      </c>
      <c r="P762" s="5" t="s">
        <v>39</v>
      </c>
      <c r="Q762" s="5" t="s">
        <v>40</v>
      </c>
      <c r="R762" s="5" t="s">
        <v>1522</v>
      </c>
      <c r="S762" s="5" t="s">
        <v>1523</v>
      </c>
      <c r="T762" s="5" t="s">
        <v>42</v>
      </c>
      <c r="U762" s="2">
        <v>1.954</v>
      </c>
      <c r="V762" s="2">
        <v>1.4510000000000001</v>
      </c>
      <c r="W762" s="2">
        <v>1.2999999999999999E-2</v>
      </c>
      <c r="X762" s="2">
        <v>99.1</v>
      </c>
      <c r="Y762" s="2">
        <v>7.6</v>
      </c>
      <c r="Z762" s="2">
        <v>16.7</v>
      </c>
      <c r="AA762" s="5"/>
      <c r="AB762" s="5" t="s">
        <v>43</v>
      </c>
      <c r="AC762" s="5" t="s">
        <v>44</v>
      </c>
      <c r="AD762" s="2"/>
      <c r="AE762" s="1"/>
    </row>
    <row r="763" spans="1:31" ht="14.45">
      <c r="A763" s="11"/>
      <c r="B763" s="20"/>
      <c r="C763" s="2" t="s">
        <v>2709</v>
      </c>
      <c r="D763" s="14" t="s">
        <v>2710</v>
      </c>
      <c r="E763" s="2" t="s">
        <v>2711</v>
      </c>
      <c r="F763" s="2" t="s">
        <v>1823</v>
      </c>
      <c r="G763" s="8">
        <v>165</v>
      </c>
      <c r="H763" s="5">
        <v>8</v>
      </c>
      <c r="I763" s="5" t="s">
        <v>1518</v>
      </c>
      <c r="J763" s="5" t="s">
        <v>1519</v>
      </c>
      <c r="K763" s="2" t="s">
        <v>1520</v>
      </c>
      <c r="L763" s="5" t="s">
        <v>1519</v>
      </c>
      <c r="M763" s="2" t="s">
        <v>1520</v>
      </c>
      <c r="N763" s="5" t="s">
        <v>1521</v>
      </c>
      <c r="O763" s="5" t="s">
        <v>38</v>
      </c>
      <c r="P763" s="5" t="s">
        <v>39</v>
      </c>
      <c r="Q763" s="5" t="s">
        <v>40</v>
      </c>
      <c r="R763" s="5" t="s">
        <v>1522</v>
      </c>
      <c r="S763" s="5" t="s">
        <v>1523</v>
      </c>
      <c r="T763" s="5" t="s">
        <v>42</v>
      </c>
      <c r="U763" s="2">
        <v>1.9419999999999999</v>
      </c>
      <c r="V763" s="2">
        <v>1.4390000000000001</v>
      </c>
      <c r="W763" s="2">
        <v>1.2999999999999999E-2</v>
      </c>
      <c r="X763" s="2">
        <v>99.1</v>
      </c>
      <c r="Y763" s="2">
        <v>7.6</v>
      </c>
      <c r="Z763" s="2">
        <v>16.7</v>
      </c>
      <c r="AA763" s="5"/>
      <c r="AB763" s="5" t="s">
        <v>43</v>
      </c>
      <c r="AC763" s="5" t="s">
        <v>44</v>
      </c>
      <c r="AD763" s="2"/>
      <c r="AE763" s="1"/>
    </row>
    <row r="764" spans="1:31" ht="14.45">
      <c r="A764" s="11"/>
      <c r="B764" s="20"/>
      <c r="C764" s="2" t="s">
        <v>2712</v>
      </c>
      <c r="D764" s="14" t="s">
        <v>2713</v>
      </c>
      <c r="E764" s="2" t="s">
        <v>2714</v>
      </c>
      <c r="F764" s="2" t="s">
        <v>1827</v>
      </c>
      <c r="G764" s="8">
        <v>165</v>
      </c>
      <c r="H764" s="5">
        <v>8</v>
      </c>
      <c r="I764" s="5" t="s">
        <v>1518</v>
      </c>
      <c r="J764" s="5" t="s">
        <v>1519</v>
      </c>
      <c r="K764" s="2" t="s">
        <v>1520</v>
      </c>
      <c r="L764" s="5" t="s">
        <v>1519</v>
      </c>
      <c r="M764" s="2" t="s">
        <v>1520</v>
      </c>
      <c r="N764" s="5" t="s">
        <v>1521</v>
      </c>
      <c r="O764" s="5" t="s">
        <v>38</v>
      </c>
      <c r="P764" s="5" t="s">
        <v>39</v>
      </c>
      <c r="Q764" s="5" t="s">
        <v>40</v>
      </c>
      <c r="R764" s="5" t="s">
        <v>1522</v>
      </c>
      <c r="S764" s="5" t="s">
        <v>1523</v>
      </c>
      <c r="T764" s="5" t="s">
        <v>42</v>
      </c>
      <c r="U764" s="2">
        <v>1.98</v>
      </c>
      <c r="V764" s="2">
        <v>1.4770000000000001</v>
      </c>
      <c r="W764" s="2">
        <v>1.2999999999999999E-2</v>
      </c>
      <c r="X764" s="2">
        <v>99.1</v>
      </c>
      <c r="Y764" s="2">
        <v>7.6</v>
      </c>
      <c r="Z764" s="2">
        <v>16.7</v>
      </c>
      <c r="AA764" s="5"/>
      <c r="AB764" s="5" t="s">
        <v>43</v>
      </c>
      <c r="AC764" s="5" t="s">
        <v>44</v>
      </c>
      <c r="AD764" s="2"/>
      <c r="AE764" s="1"/>
    </row>
    <row r="765" spans="1:31" ht="14.45">
      <c r="A765" s="11"/>
      <c r="B765" s="20"/>
      <c r="C765" s="2" t="s">
        <v>2715</v>
      </c>
      <c r="D765" s="14" t="s">
        <v>2716</v>
      </c>
      <c r="E765" s="2" t="s">
        <v>2717</v>
      </c>
      <c r="F765" s="2" t="s">
        <v>1973</v>
      </c>
      <c r="G765" s="8">
        <v>165</v>
      </c>
      <c r="H765" s="5">
        <v>13</v>
      </c>
      <c r="I765" s="5" t="s">
        <v>1518</v>
      </c>
      <c r="J765" s="5" t="s">
        <v>1519</v>
      </c>
      <c r="K765" s="2" t="s">
        <v>1520</v>
      </c>
      <c r="L765" s="5" t="s">
        <v>1519</v>
      </c>
      <c r="M765" s="2" t="s">
        <v>1520</v>
      </c>
      <c r="N765" s="5" t="s">
        <v>1521</v>
      </c>
      <c r="O765" s="5" t="s">
        <v>38</v>
      </c>
      <c r="P765" s="5" t="s">
        <v>39</v>
      </c>
      <c r="Q765" s="5" t="s">
        <v>40</v>
      </c>
      <c r="R765" s="5" t="s">
        <v>1522</v>
      </c>
      <c r="S765" s="5" t="s">
        <v>1523</v>
      </c>
      <c r="T765" s="5" t="s">
        <v>42</v>
      </c>
      <c r="U765" s="2">
        <v>1.966</v>
      </c>
      <c r="V765" s="2">
        <v>1.4630000000000001</v>
      </c>
      <c r="W765" s="2">
        <v>1.2999999999999999E-2</v>
      </c>
      <c r="X765" s="2">
        <v>99.1</v>
      </c>
      <c r="Y765" s="2">
        <v>7.6</v>
      </c>
      <c r="Z765" s="2">
        <v>16.7</v>
      </c>
      <c r="AA765" s="5"/>
      <c r="AB765" s="5" t="s">
        <v>43</v>
      </c>
      <c r="AC765" s="5" t="s">
        <v>44</v>
      </c>
      <c r="AD765" s="2"/>
      <c r="AE765" s="1"/>
    </row>
    <row r="766" spans="1:31" ht="14.45">
      <c r="A766" s="11"/>
      <c r="B766" s="20"/>
      <c r="C766" s="2" t="s">
        <v>2718</v>
      </c>
      <c r="D766" s="14" t="s">
        <v>2719</v>
      </c>
      <c r="E766" s="2" t="s">
        <v>2720</v>
      </c>
      <c r="F766" s="2" t="s">
        <v>2204</v>
      </c>
      <c r="G766" s="8">
        <v>165</v>
      </c>
      <c r="H766" s="5">
        <v>13</v>
      </c>
      <c r="I766" s="5" t="s">
        <v>1518</v>
      </c>
      <c r="J766" s="5" t="s">
        <v>1519</v>
      </c>
      <c r="K766" s="2" t="s">
        <v>1520</v>
      </c>
      <c r="L766" s="5" t="s">
        <v>1519</v>
      </c>
      <c r="M766" s="2" t="s">
        <v>1520</v>
      </c>
      <c r="N766" s="5" t="s">
        <v>1521</v>
      </c>
      <c r="O766" s="5" t="s">
        <v>38</v>
      </c>
      <c r="P766" s="5" t="s">
        <v>39</v>
      </c>
      <c r="Q766" s="5" t="s">
        <v>40</v>
      </c>
      <c r="R766" s="5" t="s">
        <v>1522</v>
      </c>
      <c r="S766" s="5" t="s">
        <v>1523</v>
      </c>
      <c r="T766" s="5" t="s">
        <v>42</v>
      </c>
      <c r="U766" s="2">
        <v>1.966</v>
      </c>
      <c r="V766" s="2">
        <v>1.4630000000000001</v>
      </c>
      <c r="W766" s="2">
        <v>1.2999999999999999E-2</v>
      </c>
      <c r="X766" s="2">
        <v>99.1</v>
      </c>
      <c r="Y766" s="2">
        <v>7.6</v>
      </c>
      <c r="Z766" s="2">
        <v>16.7</v>
      </c>
      <c r="AA766" s="5"/>
      <c r="AB766" s="5" t="s">
        <v>43</v>
      </c>
      <c r="AC766" s="5" t="s">
        <v>44</v>
      </c>
      <c r="AD766" s="2"/>
      <c r="AE766" s="1"/>
    </row>
    <row r="767" spans="1:31" ht="14.45">
      <c r="A767" s="11"/>
      <c r="B767" s="20"/>
      <c r="C767" s="2" t="s">
        <v>2721</v>
      </c>
      <c r="D767" s="14" t="s">
        <v>2722</v>
      </c>
      <c r="E767" s="2" t="s">
        <v>2723</v>
      </c>
      <c r="F767" s="2" t="s">
        <v>2724</v>
      </c>
      <c r="G767" s="8">
        <v>165</v>
      </c>
      <c r="H767" s="5">
        <v>13</v>
      </c>
      <c r="I767" s="5" t="s">
        <v>1518</v>
      </c>
      <c r="J767" s="5" t="s">
        <v>1519</v>
      </c>
      <c r="K767" s="2" t="s">
        <v>1520</v>
      </c>
      <c r="L767" s="5" t="s">
        <v>1519</v>
      </c>
      <c r="M767" s="2" t="s">
        <v>1520</v>
      </c>
      <c r="N767" s="5" t="s">
        <v>1521</v>
      </c>
      <c r="O767" s="5" t="s">
        <v>38</v>
      </c>
      <c r="P767" s="5" t="s">
        <v>39</v>
      </c>
      <c r="Q767" s="5" t="s">
        <v>40</v>
      </c>
      <c r="R767" s="5" t="s">
        <v>1522</v>
      </c>
      <c r="S767" s="5" t="s">
        <v>1523</v>
      </c>
      <c r="T767" s="5" t="s">
        <v>42</v>
      </c>
      <c r="U767" s="2">
        <v>2.004</v>
      </c>
      <c r="V767" s="2">
        <v>1.5009999999999999</v>
      </c>
      <c r="W767" s="2">
        <v>1.2999999999999999E-2</v>
      </c>
      <c r="X767" s="2">
        <v>99.1</v>
      </c>
      <c r="Y767" s="2">
        <v>7.6</v>
      </c>
      <c r="Z767" s="2">
        <v>16.7</v>
      </c>
      <c r="AA767" s="5"/>
      <c r="AB767" s="5" t="s">
        <v>43</v>
      </c>
      <c r="AC767" s="5" t="s">
        <v>44</v>
      </c>
      <c r="AD767" s="2"/>
      <c r="AE767" s="1"/>
    </row>
    <row r="768" spans="1:31" ht="14.45">
      <c r="A768" s="11"/>
      <c r="B768" s="20"/>
      <c r="C768" s="2" t="s">
        <v>2725</v>
      </c>
      <c r="D768" s="14" t="s">
        <v>2726</v>
      </c>
      <c r="E768" s="2" t="s">
        <v>2727</v>
      </c>
      <c r="F768" s="2" t="s">
        <v>2208</v>
      </c>
      <c r="G768" s="8">
        <v>165</v>
      </c>
      <c r="H768" s="5">
        <v>13</v>
      </c>
      <c r="I768" s="5" t="s">
        <v>1518</v>
      </c>
      <c r="J768" s="5" t="s">
        <v>1519</v>
      </c>
      <c r="K768" s="2" t="s">
        <v>1520</v>
      </c>
      <c r="L768" s="5" t="s">
        <v>1519</v>
      </c>
      <c r="M768" s="2" t="s">
        <v>1520</v>
      </c>
      <c r="N768" s="5" t="s">
        <v>1521</v>
      </c>
      <c r="O768" s="5" t="s">
        <v>38</v>
      </c>
      <c r="P768" s="5" t="s">
        <v>39</v>
      </c>
      <c r="Q768" s="5" t="s">
        <v>40</v>
      </c>
      <c r="R768" s="5" t="s">
        <v>1522</v>
      </c>
      <c r="S768" s="5" t="s">
        <v>1523</v>
      </c>
      <c r="T768" s="5" t="s">
        <v>42</v>
      </c>
      <c r="U768" s="2">
        <v>1.966</v>
      </c>
      <c r="V768" s="2">
        <v>1.4630000000000001</v>
      </c>
      <c r="W768" s="2">
        <v>1.2999999999999999E-2</v>
      </c>
      <c r="X768" s="2">
        <v>99.1</v>
      </c>
      <c r="Y768" s="2">
        <v>7.6</v>
      </c>
      <c r="Z768" s="2">
        <v>16.7</v>
      </c>
      <c r="AA768" s="5"/>
      <c r="AB768" s="5" t="s">
        <v>43</v>
      </c>
      <c r="AC768" s="5" t="s">
        <v>44</v>
      </c>
      <c r="AD768" s="2"/>
      <c r="AE768" s="1"/>
    </row>
    <row r="769" spans="1:31" ht="14.45">
      <c r="A769" s="11"/>
      <c r="B769" s="20"/>
      <c r="C769" s="2" t="s">
        <v>2728</v>
      </c>
      <c r="D769" s="14" t="s">
        <v>2729</v>
      </c>
      <c r="E769" s="2" t="s">
        <v>2730</v>
      </c>
      <c r="F769" s="2" t="s">
        <v>2212</v>
      </c>
      <c r="G769" s="8">
        <v>165</v>
      </c>
      <c r="H769" s="5">
        <v>13</v>
      </c>
      <c r="I769" s="5" t="s">
        <v>1518</v>
      </c>
      <c r="J769" s="5" t="s">
        <v>1519</v>
      </c>
      <c r="K769" s="2" t="s">
        <v>1520</v>
      </c>
      <c r="L769" s="5" t="s">
        <v>1519</v>
      </c>
      <c r="M769" s="2" t="s">
        <v>1520</v>
      </c>
      <c r="N769" s="5" t="s">
        <v>1521</v>
      </c>
      <c r="O769" s="5" t="s">
        <v>38</v>
      </c>
      <c r="P769" s="5" t="s">
        <v>39</v>
      </c>
      <c r="Q769" s="5" t="s">
        <v>40</v>
      </c>
      <c r="R769" s="5" t="s">
        <v>1522</v>
      </c>
      <c r="S769" s="5" t="s">
        <v>1523</v>
      </c>
      <c r="T769" s="5" t="s">
        <v>42</v>
      </c>
      <c r="U769" s="2">
        <v>2.004</v>
      </c>
      <c r="V769" s="2">
        <v>1.5009999999999999</v>
      </c>
      <c r="W769" s="2">
        <v>1.2999999999999999E-2</v>
      </c>
      <c r="X769" s="2">
        <v>99.1</v>
      </c>
      <c r="Y769" s="2">
        <v>7.6</v>
      </c>
      <c r="Z769" s="2">
        <v>16.7</v>
      </c>
      <c r="AA769" s="5"/>
      <c r="AB769" s="5" t="s">
        <v>43</v>
      </c>
      <c r="AC769" s="5" t="s">
        <v>44</v>
      </c>
      <c r="AD769" s="2"/>
      <c r="AE769" s="1"/>
    </row>
    <row r="770" spans="1:31" ht="14.45">
      <c r="A770" s="11"/>
      <c r="B770" s="20"/>
      <c r="C770" s="2" t="s">
        <v>2731</v>
      </c>
      <c r="D770" s="14" t="s">
        <v>2732</v>
      </c>
      <c r="E770" s="2" t="s">
        <v>2733</v>
      </c>
      <c r="F770" s="2" t="s">
        <v>1831</v>
      </c>
      <c r="G770" s="8">
        <v>165</v>
      </c>
      <c r="H770" s="5">
        <v>13</v>
      </c>
      <c r="I770" s="5" t="s">
        <v>1518</v>
      </c>
      <c r="J770" s="5" t="s">
        <v>1519</v>
      </c>
      <c r="K770" s="2" t="s">
        <v>1520</v>
      </c>
      <c r="L770" s="5" t="s">
        <v>1519</v>
      </c>
      <c r="M770" s="2" t="s">
        <v>1520</v>
      </c>
      <c r="N770" s="5" t="s">
        <v>1521</v>
      </c>
      <c r="O770" s="5" t="s">
        <v>38</v>
      </c>
      <c r="P770" s="5" t="s">
        <v>39</v>
      </c>
      <c r="Q770" s="5" t="s">
        <v>40</v>
      </c>
      <c r="R770" s="5" t="s">
        <v>1522</v>
      </c>
      <c r="S770" s="5" t="s">
        <v>1523</v>
      </c>
      <c r="T770" s="5" t="s">
        <v>42</v>
      </c>
      <c r="U770" s="2">
        <v>1.966</v>
      </c>
      <c r="V770" s="2">
        <v>1.4630000000000001</v>
      </c>
      <c r="W770" s="2">
        <v>1.2999999999999999E-2</v>
      </c>
      <c r="X770" s="2">
        <v>99.1</v>
      </c>
      <c r="Y770" s="2">
        <v>7.6</v>
      </c>
      <c r="Z770" s="2">
        <v>16.7</v>
      </c>
      <c r="AA770" s="5"/>
      <c r="AB770" s="5" t="s">
        <v>43</v>
      </c>
      <c r="AC770" s="5" t="s">
        <v>44</v>
      </c>
      <c r="AD770" s="2"/>
      <c r="AE770" s="1"/>
    </row>
    <row r="771" spans="1:31" ht="14.45">
      <c r="A771" s="11"/>
      <c r="B771" s="20"/>
      <c r="C771" s="2" t="s">
        <v>2734</v>
      </c>
      <c r="D771" s="14" t="s">
        <v>2735</v>
      </c>
      <c r="E771" s="2" t="s">
        <v>2736</v>
      </c>
      <c r="F771" s="2" t="s">
        <v>1835</v>
      </c>
      <c r="G771" s="8">
        <v>165</v>
      </c>
      <c r="H771" s="5">
        <v>13</v>
      </c>
      <c r="I771" s="5" t="s">
        <v>1518</v>
      </c>
      <c r="J771" s="5" t="s">
        <v>1519</v>
      </c>
      <c r="K771" s="2" t="s">
        <v>1520</v>
      </c>
      <c r="L771" s="5" t="s">
        <v>1519</v>
      </c>
      <c r="M771" s="2" t="s">
        <v>1520</v>
      </c>
      <c r="N771" s="5" t="s">
        <v>1521</v>
      </c>
      <c r="O771" s="5" t="s">
        <v>38</v>
      </c>
      <c r="P771" s="5" t="s">
        <v>39</v>
      </c>
      <c r="Q771" s="5" t="s">
        <v>40</v>
      </c>
      <c r="R771" s="5" t="s">
        <v>1522</v>
      </c>
      <c r="S771" s="5" t="s">
        <v>1523</v>
      </c>
      <c r="T771" s="5" t="s">
        <v>42</v>
      </c>
      <c r="U771" s="2">
        <v>2.004</v>
      </c>
      <c r="V771" s="2">
        <v>1.5009999999999999</v>
      </c>
      <c r="W771" s="2">
        <v>1.2999999999999999E-2</v>
      </c>
      <c r="X771" s="2">
        <v>99.1</v>
      </c>
      <c r="Y771" s="2">
        <v>7.6</v>
      </c>
      <c r="Z771" s="2">
        <v>16.7</v>
      </c>
      <c r="AA771" s="5"/>
      <c r="AB771" s="5" t="s">
        <v>43</v>
      </c>
      <c r="AC771" s="5" t="s">
        <v>44</v>
      </c>
      <c r="AD771" s="2"/>
      <c r="AE771" s="1"/>
    </row>
    <row r="772" spans="1:31" ht="14.45">
      <c r="A772" s="11"/>
      <c r="B772" s="20"/>
      <c r="C772" s="2" t="s">
        <v>2737</v>
      </c>
      <c r="D772" s="14" t="s">
        <v>2738</v>
      </c>
      <c r="E772" s="2" t="s">
        <v>2739</v>
      </c>
      <c r="F772" s="2" t="s">
        <v>1843</v>
      </c>
      <c r="G772" s="8">
        <v>165</v>
      </c>
      <c r="H772" s="5">
        <v>13</v>
      </c>
      <c r="I772" s="5" t="s">
        <v>1518</v>
      </c>
      <c r="J772" s="5" t="s">
        <v>1519</v>
      </c>
      <c r="K772" s="2" t="s">
        <v>1520</v>
      </c>
      <c r="L772" s="5" t="s">
        <v>1519</v>
      </c>
      <c r="M772" s="2" t="s">
        <v>1520</v>
      </c>
      <c r="N772" s="5" t="s">
        <v>1521</v>
      </c>
      <c r="O772" s="5" t="s">
        <v>38</v>
      </c>
      <c r="P772" s="5" t="s">
        <v>39</v>
      </c>
      <c r="Q772" s="5" t="s">
        <v>40</v>
      </c>
      <c r="R772" s="5" t="s">
        <v>1522</v>
      </c>
      <c r="S772" s="5" t="s">
        <v>1523</v>
      </c>
      <c r="T772" s="5" t="s">
        <v>42</v>
      </c>
      <c r="U772" s="2">
        <v>1.966</v>
      </c>
      <c r="V772" s="2">
        <v>1.4630000000000001</v>
      </c>
      <c r="W772" s="2">
        <v>1.2999999999999999E-2</v>
      </c>
      <c r="X772" s="2">
        <v>99.1</v>
      </c>
      <c r="Y772" s="2">
        <v>7.6</v>
      </c>
      <c r="Z772" s="2">
        <v>16.7</v>
      </c>
      <c r="AA772" s="5"/>
      <c r="AB772" s="5" t="s">
        <v>43</v>
      </c>
      <c r="AC772" s="5" t="s">
        <v>44</v>
      </c>
      <c r="AD772" s="2"/>
      <c r="AE772" s="1"/>
    </row>
    <row r="773" spans="1:31" ht="14.45">
      <c r="A773" s="11"/>
      <c r="B773" s="20"/>
      <c r="C773" s="2" t="s">
        <v>2740</v>
      </c>
      <c r="D773" s="14" t="s">
        <v>2741</v>
      </c>
      <c r="E773" s="2" t="s">
        <v>2742</v>
      </c>
      <c r="F773" s="2" t="s">
        <v>1847</v>
      </c>
      <c r="G773" s="8">
        <v>165</v>
      </c>
      <c r="H773" s="5">
        <v>13</v>
      </c>
      <c r="I773" s="5" t="s">
        <v>1518</v>
      </c>
      <c r="J773" s="5" t="s">
        <v>1519</v>
      </c>
      <c r="K773" s="2" t="s">
        <v>1520</v>
      </c>
      <c r="L773" s="5" t="s">
        <v>1519</v>
      </c>
      <c r="M773" s="2" t="s">
        <v>1520</v>
      </c>
      <c r="N773" s="5" t="s">
        <v>1521</v>
      </c>
      <c r="O773" s="5" t="s">
        <v>38</v>
      </c>
      <c r="P773" s="5" t="s">
        <v>39</v>
      </c>
      <c r="Q773" s="5" t="s">
        <v>40</v>
      </c>
      <c r="R773" s="5" t="s">
        <v>1522</v>
      </c>
      <c r="S773" s="5" t="s">
        <v>1523</v>
      </c>
      <c r="T773" s="5" t="s">
        <v>42</v>
      </c>
      <c r="U773" s="2">
        <v>2.004</v>
      </c>
      <c r="V773" s="2">
        <v>1.5009999999999999</v>
      </c>
      <c r="W773" s="2">
        <v>1.2999999999999999E-2</v>
      </c>
      <c r="X773" s="2">
        <v>99.1</v>
      </c>
      <c r="Y773" s="2">
        <v>7.6</v>
      </c>
      <c r="Z773" s="2">
        <v>16.7</v>
      </c>
      <c r="AA773" s="5"/>
      <c r="AB773" s="5" t="s">
        <v>43</v>
      </c>
      <c r="AC773" s="5" t="s">
        <v>44</v>
      </c>
      <c r="AD773" s="2"/>
      <c r="AE773" s="1"/>
    </row>
    <row r="774" spans="1:31" ht="14.45">
      <c r="A774" s="11"/>
      <c r="B774" s="20"/>
      <c r="C774" s="2" t="s">
        <v>2743</v>
      </c>
      <c r="D774" s="14" t="s">
        <v>2744</v>
      </c>
      <c r="E774" s="2" t="s">
        <v>2745</v>
      </c>
      <c r="F774" s="2" t="s">
        <v>1851</v>
      </c>
      <c r="G774" s="8">
        <v>165</v>
      </c>
      <c r="H774" s="5">
        <v>13</v>
      </c>
      <c r="I774" s="5" t="s">
        <v>1518</v>
      </c>
      <c r="J774" s="5" t="s">
        <v>1519</v>
      </c>
      <c r="K774" s="2" t="s">
        <v>1520</v>
      </c>
      <c r="L774" s="5" t="s">
        <v>1519</v>
      </c>
      <c r="M774" s="2" t="s">
        <v>1520</v>
      </c>
      <c r="N774" s="5" t="s">
        <v>1521</v>
      </c>
      <c r="O774" s="5" t="s">
        <v>38</v>
      </c>
      <c r="P774" s="5" t="s">
        <v>39</v>
      </c>
      <c r="Q774" s="5" t="s">
        <v>40</v>
      </c>
      <c r="R774" s="5" t="s">
        <v>1522</v>
      </c>
      <c r="S774" s="5" t="s">
        <v>1523</v>
      </c>
      <c r="T774" s="5" t="s">
        <v>42</v>
      </c>
      <c r="U774" s="2">
        <v>1.966</v>
      </c>
      <c r="V774" s="2">
        <v>1.4630000000000001</v>
      </c>
      <c r="W774" s="2">
        <v>1.2999999999999999E-2</v>
      </c>
      <c r="X774" s="2">
        <v>99.1</v>
      </c>
      <c r="Y774" s="2">
        <v>7.6</v>
      </c>
      <c r="Z774" s="2">
        <v>16.7</v>
      </c>
      <c r="AA774" s="5"/>
      <c r="AB774" s="5" t="s">
        <v>43</v>
      </c>
      <c r="AC774" s="5" t="s">
        <v>44</v>
      </c>
      <c r="AD774" s="2"/>
      <c r="AE774" s="1"/>
    </row>
    <row r="775" spans="1:31" ht="14.45">
      <c r="A775" s="11"/>
      <c r="B775" s="20"/>
      <c r="C775" s="2" t="s">
        <v>2746</v>
      </c>
      <c r="D775" s="14" t="s">
        <v>2747</v>
      </c>
      <c r="E775" s="2" t="s">
        <v>2748</v>
      </c>
      <c r="F775" s="2" t="s">
        <v>1999</v>
      </c>
      <c r="G775" s="8">
        <v>165</v>
      </c>
      <c r="H775" s="5">
        <v>13</v>
      </c>
      <c r="I775" s="5" t="s">
        <v>1518</v>
      </c>
      <c r="J775" s="5" t="s">
        <v>1519</v>
      </c>
      <c r="K775" s="2" t="s">
        <v>1520</v>
      </c>
      <c r="L775" s="5" t="s">
        <v>1519</v>
      </c>
      <c r="M775" s="2" t="s">
        <v>1520</v>
      </c>
      <c r="N775" s="5" t="s">
        <v>1521</v>
      </c>
      <c r="O775" s="5" t="s">
        <v>38</v>
      </c>
      <c r="P775" s="5" t="s">
        <v>39</v>
      </c>
      <c r="Q775" s="5" t="s">
        <v>40</v>
      </c>
      <c r="R775" s="5" t="s">
        <v>1522</v>
      </c>
      <c r="S775" s="5" t="s">
        <v>1523</v>
      </c>
      <c r="T775" s="5" t="s">
        <v>42</v>
      </c>
      <c r="U775" s="2">
        <v>2.004</v>
      </c>
      <c r="V775" s="2">
        <v>1.5009999999999999</v>
      </c>
      <c r="W775" s="2">
        <v>1.2999999999999999E-2</v>
      </c>
      <c r="X775" s="2">
        <v>99.1</v>
      </c>
      <c r="Y775" s="2">
        <v>7.6</v>
      </c>
      <c r="Z775" s="2">
        <v>16.7</v>
      </c>
      <c r="AA775" s="5"/>
      <c r="AB775" s="5" t="s">
        <v>43</v>
      </c>
      <c r="AC775" s="5" t="s">
        <v>44</v>
      </c>
      <c r="AD775" s="2"/>
      <c r="AE775" s="1"/>
    </row>
    <row r="776" spans="1:31" ht="14.45">
      <c r="A776" s="11"/>
      <c r="B776" s="20"/>
      <c r="C776" s="2" t="s">
        <v>2749</v>
      </c>
      <c r="D776" s="14" t="s">
        <v>2750</v>
      </c>
      <c r="E776" s="2" t="s">
        <v>2751</v>
      </c>
      <c r="F776" s="2" t="s">
        <v>1855</v>
      </c>
      <c r="G776" s="8">
        <v>165</v>
      </c>
      <c r="H776" s="5">
        <v>13</v>
      </c>
      <c r="I776" s="5" t="s">
        <v>1518</v>
      </c>
      <c r="J776" s="5" t="s">
        <v>1519</v>
      </c>
      <c r="K776" s="2" t="s">
        <v>1520</v>
      </c>
      <c r="L776" s="5" t="s">
        <v>1519</v>
      </c>
      <c r="M776" s="2" t="s">
        <v>1520</v>
      </c>
      <c r="N776" s="5" t="s">
        <v>1521</v>
      </c>
      <c r="O776" s="5" t="s">
        <v>38</v>
      </c>
      <c r="P776" s="5" t="s">
        <v>39</v>
      </c>
      <c r="Q776" s="5" t="s">
        <v>40</v>
      </c>
      <c r="R776" s="5" t="s">
        <v>1522</v>
      </c>
      <c r="S776" s="5" t="s">
        <v>1523</v>
      </c>
      <c r="T776" s="5" t="s">
        <v>42</v>
      </c>
      <c r="U776" s="2">
        <v>1.966</v>
      </c>
      <c r="V776" s="2">
        <v>1.4630000000000001</v>
      </c>
      <c r="W776" s="2">
        <v>1.2999999999999999E-2</v>
      </c>
      <c r="X776" s="2">
        <v>99.1</v>
      </c>
      <c r="Y776" s="2">
        <v>7.6</v>
      </c>
      <c r="Z776" s="2">
        <v>16.7</v>
      </c>
      <c r="AA776" s="5"/>
      <c r="AB776" s="5" t="s">
        <v>43</v>
      </c>
      <c r="AC776" s="5" t="s">
        <v>44</v>
      </c>
      <c r="AD776" s="2"/>
      <c r="AE776" s="1"/>
    </row>
    <row r="777" spans="1:31" ht="14.45">
      <c r="A777" s="11"/>
      <c r="B777" s="20"/>
      <c r="C777" s="2" t="s">
        <v>2752</v>
      </c>
      <c r="D777" s="14" t="s">
        <v>2753</v>
      </c>
      <c r="E777" s="2" t="s">
        <v>2754</v>
      </c>
      <c r="F777" s="2" t="s">
        <v>1859</v>
      </c>
      <c r="G777" s="8">
        <v>165</v>
      </c>
      <c r="H777" s="5">
        <v>13</v>
      </c>
      <c r="I777" s="5" t="s">
        <v>1518</v>
      </c>
      <c r="J777" s="5" t="s">
        <v>1519</v>
      </c>
      <c r="K777" s="2" t="s">
        <v>1520</v>
      </c>
      <c r="L777" s="5" t="s">
        <v>1519</v>
      </c>
      <c r="M777" s="2" t="s">
        <v>1520</v>
      </c>
      <c r="N777" s="5" t="s">
        <v>1521</v>
      </c>
      <c r="O777" s="5" t="s">
        <v>38</v>
      </c>
      <c r="P777" s="5" t="s">
        <v>39</v>
      </c>
      <c r="Q777" s="5" t="s">
        <v>40</v>
      </c>
      <c r="R777" s="5" t="s">
        <v>1522</v>
      </c>
      <c r="S777" s="5" t="s">
        <v>1523</v>
      </c>
      <c r="T777" s="5" t="s">
        <v>42</v>
      </c>
      <c r="U777" s="2">
        <v>2.004</v>
      </c>
      <c r="V777" s="2">
        <v>1.5009999999999999</v>
      </c>
      <c r="W777" s="2">
        <v>1.2999999999999999E-2</v>
      </c>
      <c r="X777" s="2">
        <v>99.1</v>
      </c>
      <c r="Y777" s="2">
        <v>7.6</v>
      </c>
      <c r="Z777" s="2">
        <v>16.7</v>
      </c>
      <c r="AA777" s="5"/>
      <c r="AB777" s="5" t="s">
        <v>43</v>
      </c>
      <c r="AC777" s="5" t="s">
        <v>44</v>
      </c>
      <c r="AD777" s="2"/>
      <c r="AE777" s="1"/>
    </row>
    <row r="778" spans="1:31" ht="14.45">
      <c r="A778" s="11"/>
      <c r="B778" s="20"/>
      <c r="C778" s="2" t="s">
        <v>2755</v>
      </c>
      <c r="D778" s="14" t="s">
        <v>2756</v>
      </c>
      <c r="E778" s="2" t="s">
        <v>2757</v>
      </c>
      <c r="F778" s="2" t="s">
        <v>1863</v>
      </c>
      <c r="G778" s="8">
        <v>165</v>
      </c>
      <c r="H778" s="5">
        <v>11</v>
      </c>
      <c r="I778" s="5" t="s">
        <v>1518</v>
      </c>
      <c r="J778" s="5" t="s">
        <v>1519</v>
      </c>
      <c r="K778" s="2" t="s">
        <v>1520</v>
      </c>
      <c r="L778" s="5" t="s">
        <v>1519</v>
      </c>
      <c r="M778" s="2" t="s">
        <v>1520</v>
      </c>
      <c r="N778" s="5" t="s">
        <v>1521</v>
      </c>
      <c r="O778" s="5" t="s">
        <v>38</v>
      </c>
      <c r="P778" s="5" t="s">
        <v>39</v>
      </c>
      <c r="Q778" s="5" t="s">
        <v>40</v>
      </c>
      <c r="R778" s="5" t="s">
        <v>1522</v>
      </c>
      <c r="S778" s="5" t="s">
        <v>1523</v>
      </c>
      <c r="T778" s="5" t="s">
        <v>42</v>
      </c>
      <c r="U778" s="2">
        <v>1.919</v>
      </c>
      <c r="V778" s="2">
        <v>1.4159999999999999</v>
      </c>
      <c r="W778" s="2">
        <v>1.2999999999999999E-2</v>
      </c>
      <c r="X778" s="2">
        <v>99.1</v>
      </c>
      <c r="Y778" s="2">
        <v>7.6</v>
      </c>
      <c r="Z778" s="2">
        <v>16.7</v>
      </c>
      <c r="AA778" s="5"/>
      <c r="AB778" s="5" t="s">
        <v>43</v>
      </c>
      <c r="AC778" s="5" t="s">
        <v>44</v>
      </c>
      <c r="AD778" s="2"/>
      <c r="AE778" s="1"/>
    </row>
    <row r="779" spans="1:31" ht="14.45">
      <c r="A779" s="11"/>
      <c r="B779" s="20"/>
      <c r="C779" s="2" t="s">
        <v>2758</v>
      </c>
      <c r="D779" s="14" t="s">
        <v>2759</v>
      </c>
      <c r="E779" s="2" t="s">
        <v>2760</v>
      </c>
      <c r="F779" s="2" t="s">
        <v>1867</v>
      </c>
      <c r="G779" s="8">
        <v>165</v>
      </c>
      <c r="H779" s="5">
        <v>11</v>
      </c>
      <c r="I779" s="5" t="s">
        <v>1518</v>
      </c>
      <c r="J779" s="5" t="s">
        <v>1519</v>
      </c>
      <c r="K779" s="2" t="s">
        <v>1520</v>
      </c>
      <c r="L779" s="5" t="s">
        <v>1519</v>
      </c>
      <c r="M779" s="2" t="s">
        <v>1520</v>
      </c>
      <c r="N779" s="5" t="s">
        <v>1521</v>
      </c>
      <c r="O779" s="5" t="s">
        <v>38</v>
      </c>
      <c r="P779" s="5" t="s">
        <v>39</v>
      </c>
      <c r="Q779" s="5" t="s">
        <v>40</v>
      </c>
      <c r="R779" s="5" t="s">
        <v>1522</v>
      </c>
      <c r="S779" s="5" t="s">
        <v>1523</v>
      </c>
      <c r="T779" s="5" t="s">
        <v>42</v>
      </c>
      <c r="U779" s="2">
        <v>1.9570000000000001</v>
      </c>
      <c r="V779" s="2">
        <v>1.454</v>
      </c>
      <c r="W779" s="2">
        <v>1.2999999999999999E-2</v>
      </c>
      <c r="X779" s="2">
        <v>99.1</v>
      </c>
      <c r="Y779" s="2">
        <v>7.6</v>
      </c>
      <c r="Z779" s="2">
        <v>16.7</v>
      </c>
      <c r="AA779" s="5"/>
      <c r="AB779" s="5" t="s">
        <v>43</v>
      </c>
      <c r="AC779" s="5" t="s">
        <v>44</v>
      </c>
      <c r="AD779" s="2"/>
      <c r="AE779" s="1"/>
    </row>
    <row r="780" spans="1:31" ht="14.45">
      <c r="A780" s="11"/>
      <c r="B780" s="20"/>
      <c r="C780" s="2" t="s">
        <v>2761</v>
      </c>
      <c r="D780" s="14" t="s">
        <v>2762</v>
      </c>
      <c r="E780" s="2" t="s">
        <v>2763</v>
      </c>
      <c r="F780" s="2" t="s">
        <v>1695</v>
      </c>
      <c r="G780" s="8">
        <v>148</v>
      </c>
      <c r="H780" s="5">
        <v>6</v>
      </c>
      <c r="I780" s="5" t="s">
        <v>1518</v>
      </c>
      <c r="J780" s="5" t="s">
        <v>1519</v>
      </c>
      <c r="K780" s="2" t="s">
        <v>1520</v>
      </c>
      <c r="L780" s="5" t="s">
        <v>1519</v>
      </c>
      <c r="M780" s="2" t="s">
        <v>1520</v>
      </c>
      <c r="N780" s="5" t="s">
        <v>1521</v>
      </c>
      <c r="O780" s="5" t="s">
        <v>38</v>
      </c>
      <c r="P780" s="5" t="s">
        <v>39</v>
      </c>
      <c r="Q780" s="5" t="s">
        <v>40</v>
      </c>
      <c r="R780" s="5" t="s">
        <v>1522</v>
      </c>
      <c r="S780" s="5" t="s">
        <v>1523</v>
      </c>
      <c r="T780" s="5" t="s">
        <v>42</v>
      </c>
      <c r="U780" s="2">
        <v>2.0619999999999998</v>
      </c>
      <c r="V780" s="2">
        <v>1.56</v>
      </c>
      <c r="W780" s="2">
        <v>1.4999999999999999E-2</v>
      </c>
      <c r="X780" s="2">
        <v>118.9</v>
      </c>
      <c r="Y780" s="2">
        <v>7.6</v>
      </c>
      <c r="Z780" s="2">
        <v>16.7</v>
      </c>
      <c r="AA780" s="5"/>
      <c r="AB780" s="5" t="s">
        <v>43</v>
      </c>
      <c r="AC780" s="5" t="s">
        <v>44</v>
      </c>
      <c r="AD780" s="2"/>
      <c r="AE780" s="1"/>
    </row>
    <row r="781" spans="1:31" ht="14.45">
      <c r="A781" s="11"/>
      <c r="B781" s="20"/>
      <c r="C781" s="2" t="s">
        <v>2764</v>
      </c>
      <c r="D781" s="14" t="s">
        <v>2765</v>
      </c>
      <c r="E781" s="2" t="s">
        <v>2766</v>
      </c>
      <c r="F781" s="2" t="s">
        <v>1699</v>
      </c>
      <c r="G781" s="8">
        <v>148</v>
      </c>
      <c r="H781" s="5">
        <v>6</v>
      </c>
      <c r="I781" s="5" t="s">
        <v>1518</v>
      </c>
      <c r="J781" s="5" t="s">
        <v>1519</v>
      </c>
      <c r="K781" s="2" t="s">
        <v>1520</v>
      </c>
      <c r="L781" s="5" t="s">
        <v>1519</v>
      </c>
      <c r="M781" s="2" t="s">
        <v>1520</v>
      </c>
      <c r="N781" s="5" t="s">
        <v>1521</v>
      </c>
      <c r="O781" s="5" t="s">
        <v>38</v>
      </c>
      <c r="P781" s="5" t="s">
        <v>39</v>
      </c>
      <c r="Q781" s="5" t="s">
        <v>40</v>
      </c>
      <c r="R781" s="5" t="s">
        <v>1522</v>
      </c>
      <c r="S781" s="5" t="s">
        <v>1523</v>
      </c>
      <c r="T781" s="5" t="s">
        <v>42</v>
      </c>
      <c r="U781" s="2">
        <v>2.1040000000000001</v>
      </c>
      <c r="V781" s="2">
        <v>1.6020000000000001</v>
      </c>
      <c r="W781" s="2">
        <v>1.4999999999999999E-2</v>
      </c>
      <c r="X781" s="2">
        <v>118.9</v>
      </c>
      <c r="Y781" s="2">
        <v>7.6</v>
      </c>
      <c r="Z781" s="2">
        <v>16.7</v>
      </c>
      <c r="AA781" s="5"/>
      <c r="AB781" s="5" t="s">
        <v>43</v>
      </c>
      <c r="AC781" s="5" t="s">
        <v>44</v>
      </c>
      <c r="AD781" s="2"/>
      <c r="AE781" s="1"/>
    </row>
    <row r="782" spans="1:31" ht="14.45">
      <c r="A782" s="11"/>
      <c r="B782" s="20"/>
      <c r="C782" s="2" t="s">
        <v>2767</v>
      </c>
      <c r="D782" s="14" t="s">
        <v>2768</v>
      </c>
      <c r="E782" s="2" t="s">
        <v>2769</v>
      </c>
      <c r="F782" s="2" t="s">
        <v>1703</v>
      </c>
      <c r="G782" s="8">
        <v>148</v>
      </c>
      <c r="H782" s="5">
        <v>6</v>
      </c>
      <c r="I782" s="5" t="s">
        <v>1518</v>
      </c>
      <c r="J782" s="5" t="s">
        <v>1519</v>
      </c>
      <c r="K782" s="2" t="s">
        <v>1520</v>
      </c>
      <c r="L782" s="5" t="s">
        <v>1519</v>
      </c>
      <c r="M782" s="2" t="s">
        <v>1520</v>
      </c>
      <c r="N782" s="5" t="s">
        <v>1521</v>
      </c>
      <c r="O782" s="5" t="s">
        <v>38</v>
      </c>
      <c r="P782" s="5" t="s">
        <v>39</v>
      </c>
      <c r="Q782" s="5" t="s">
        <v>40</v>
      </c>
      <c r="R782" s="5" t="s">
        <v>1522</v>
      </c>
      <c r="S782" s="5" t="s">
        <v>1523</v>
      </c>
      <c r="T782" s="5" t="s">
        <v>42</v>
      </c>
      <c r="U782" s="2">
        <v>2.0680000000000001</v>
      </c>
      <c r="V782" s="2">
        <v>1.5660000000000001</v>
      </c>
      <c r="W782" s="2">
        <v>1.4999999999999999E-2</v>
      </c>
      <c r="X782" s="2">
        <v>118.9</v>
      </c>
      <c r="Y782" s="2">
        <v>7.6</v>
      </c>
      <c r="Z782" s="2">
        <v>16.7</v>
      </c>
      <c r="AA782" s="5"/>
      <c r="AB782" s="5" t="s">
        <v>43</v>
      </c>
      <c r="AC782" s="5" t="s">
        <v>44</v>
      </c>
      <c r="AD782" s="2"/>
      <c r="AE782" s="1"/>
    </row>
    <row r="783" spans="1:31" ht="14.45">
      <c r="A783" s="11"/>
      <c r="B783" s="20"/>
      <c r="C783" s="2" t="s">
        <v>2770</v>
      </c>
      <c r="D783" s="14" t="s">
        <v>2771</v>
      </c>
      <c r="E783" s="2" t="s">
        <v>2772</v>
      </c>
      <c r="F783" s="2" t="s">
        <v>1707</v>
      </c>
      <c r="G783" s="8">
        <v>148</v>
      </c>
      <c r="H783" s="5">
        <v>6</v>
      </c>
      <c r="I783" s="5" t="s">
        <v>1518</v>
      </c>
      <c r="J783" s="5" t="s">
        <v>1519</v>
      </c>
      <c r="K783" s="2" t="s">
        <v>1520</v>
      </c>
      <c r="L783" s="5" t="s">
        <v>1519</v>
      </c>
      <c r="M783" s="2" t="s">
        <v>1520</v>
      </c>
      <c r="N783" s="5" t="s">
        <v>1521</v>
      </c>
      <c r="O783" s="5" t="s">
        <v>38</v>
      </c>
      <c r="P783" s="5" t="s">
        <v>39</v>
      </c>
      <c r="Q783" s="5" t="s">
        <v>40</v>
      </c>
      <c r="R783" s="5" t="s">
        <v>1522</v>
      </c>
      <c r="S783" s="5" t="s">
        <v>1523</v>
      </c>
      <c r="T783" s="5" t="s">
        <v>42</v>
      </c>
      <c r="U783" s="2">
        <v>2.11</v>
      </c>
      <c r="V783" s="2">
        <v>1.6080000000000001</v>
      </c>
      <c r="W783" s="2">
        <v>1.4999999999999999E-2</v>
      </c>
      <c r="X783" s="2">
        <v>118.9</v>
      </c>
      <c r="Y783" s="2">
        <v>7.6</v>
      </c>
      <c r="Z783" s="2">
        <v>16.7</v>
      </c>
      <c r="AA783" s="5"/>
      <c r="AB783" s="5" t="s">
        <v>43</v>
      </c>
      <c r="AC783" s="5" t="s">
        <v>44</v>
      </c>
      <c r="AD783" s="2"/>
      <c r="AE783" s="1"/>
    </row>
    <row r="784" spans="1:31" ht="14.45">
      <c r="A784" s="11"/>
      <c r="B784" s="20"/>
      <c r="C784" s="2" t="s">
        <v>2773</v>
      </c>
      <c r="D784" s="14" t="s">
        <v>2774</v>
      </c>
      <c r="E784" s="2" t="s">
        <v>2775</v>
      </c>
      <c r="F784" s="2" t="s">
        <v>1711</v>
      </c>
      <c r="G784" s="8">
        <v>148</v>
      </c>
      <c r="H784" s="5">
        <v>6</v>
      </c>
      <c r="I784" s="5" t="s">
        <v>1518</v>
      </c>
      <c r="J784" s="5" t="s">
        <v>1519</v>
      </c>
      <c r="K784" s="2" t="s">
        <v>1520</v>
      </c>
      <c r="L784" s="5" t="s">
        <v>1519</v>
      </c>
      <c r="M784" s="2" t="s">
        <v>1520</v>
      </c>
      <c r="N784" s="5" t="s">
        <v>1521</v>
      </c>
      <c r="O784" s="5" t="s">
        <v>38</v>
      </c>
      <c r="P784" s="5" t="s">
        <v>39</v>
      </c>
      <c r="Q784" s="5" t="s">
        <v>40</v>
      </c>
      <c r="R784" s="5" t="s">
        <v>1522</v>
      </c>
      <c r="S784" s="5" t="s">
        <v>1523</v>
      </c>
      <c r="T784" s="5" t="s">
        <v>42</v>
      </c>
      <c r="U784" s="2">
        <v>2.0680000000000001</v>
      </c>
      <c r="V784" s="2">
        <v>1.5660000000000001</v>
      </c>
      <c r="W784" s="2">
        <v>1.4999999999999999E-2</v>
      </c>
      <c r="X784" s="2">
        <v>118.9</v>
      </c>
      <c r="Y784" s="2">
        <v>7.6</v>
      </c>
      <c r="Z784" s="2">
        <v>16.7</v>
      </c>
      <c r="AA784" s="5"/>
      <c r="AB784" s="5" t="s">
        <v>43</v>
      </c>
      <c r="AC784" s="5" t="s">
        <v>44</v>
      </c>
      <c r="AD784" s="2"/>
      <c r="AE784" s="1"/>
    </row>
    <row r="785" spans="1:31" ht="14.45">
      <c r="A785" s="11"/>
      <c r="B785" s="20"/>
      <c r="C785" s="2" t="s">
        <v>2776</v>
      </c>
      <c r="D785" s="14" t="s">
        <v>2777</v>
      </c>
      <c r="E785" s="2" t="s">
        <v>2778</v>
      </c>
      <c r="F785" s="2" t="s">
        <v>1715</v>
      </c>
      <c r="G785" s="8">
        <v>148</v>
      </c>
      <c r="H785" s="5">
        <v>6</v>
      </c>
      <c r="I785" s="5" t="s">
        <v>1518</v>
      </c>
      <c r="J785" s="5" t="s">
        <v>1519</v>
      </c>
      <c r="K785" s="2" t="s">
        <v>1520</v>
      </c>
      <c r="L785" s="5" t="s">
        <v>1519</v>
      </c>
      <c r="M785" s="2" t="s">
        <v>1520</v>
      </c>
      <c r="N785" s="5" t="s">
        <v>1521</v>
      </c>
      <c r="O785" s="5" t="s">
        <v>38</v>
      </c>
      <c r="P785" s="5" t="s">
        <v>39</v>
      </c>
      <c r="Q785" s="5" t="s">
        <v>40</v>
      </c>
      <c r="R785" s="5" t="s">
        <v>1522</v>
      </c>
      <c r="S785" s="5" t="s">
        <v>1523</v>
      </c>
      <c r="T785" s="5" t="s">
        <v>42</v>
      </c>
      <c r="U785" s="2">
        <v>2.11</v>
      </c>
      <c r="V785" s="2">
        <v>1.6080000000000001</v>
      </c>
      <c r="W785" s="2">
        <v>1.4999999999999999E-2</v>
      </c>
      <c r="X785" s="2">
        <v>118.9</v>
      </c>
      <c r="Y785" s="2">
        <v>7.6</v>
      </c>
      <c r="Z785" s="2">
        <v>16.7</v>
      </c>
      <c r="AA785" s="5"/>
      <c r="AB785" s="5" t="s">
        <v>43</v>
      </c>
      <c r="AC785" s="5" t="s">
        <v>44</v>
      </c>
      <c r="AD785" s="2"/>
      <c r="AE785" s="1"/>
    </row>
    <row r="786" spans="1:31" ht="14.45">
      <c r="A786" s="11"/>
      <c r="B786" s="20"/>
      <c r="C786" s="2" t="s">
        <v>2779</v>
      </c>
      <c r="D786" s="14" t="s">
        <v>2780</v>
      </c>
      <c r="E786" s="2" t="s">
        <v>2781</v>
      </c>
      <c r="F786" s="2" t="s">
        <v>1719</v>
      </c>
      <c r="G786" s="8">
        <v>148</v>
      </c>
      <c r="H786" s="5">
        <v>6</v>
      </c>
      <c r="I786" s="5" t="s">
        <v>1518</v>
      </c>
      <c r="J786" s="5" t="s">
        <v>1519</v>
      </c>
      <c r="K786" s="2" t="s">
        <v>1520</v>
      </c>
      <c r="L786" s="5" t="s">
        <v>1519</v>
      </c>
      <c r="M786" s="2" t="s">
        <v>1520</v>
      </c>
      <c r="N786" s="5" t="s">
        <v>1521</v>
      </c>
      <c r="O786" s="5" t="s">
        <v>38</v>
      </c>
      <c r="P786" s="5" t="s">
        <v>39</v>
      </c>
      <c r="Q786" s="5" t="s">
        <v>40</v>
      </c>
      <c r="R786" s="5" t="s">
        <v>1522</v>
      </c>
      <c r="S786" s="5" t="s">
        <v>1523</v>
      </c>
      <c r="T786" s="5" t="s">
        <v>42</v>
      </c>
      <c r="U786" s="2">
        <v>2.0499999999999998</v>
      </c>
      <c r="V786" s="2">
        <v>1.548</v>
      </c>
      <c r="W786" s="2">
        <v>1.4999999999999999E-2</v>
      </c>
      <c r="X786" s="2">
        <v>118.9</v>
      </c>
      <c r="Y786" s="2">
        <v>7.6</v>
      </c>
      <c r="Z786" s="2">
        <v>16.7</v>
      </c>
      <c r="AA786" s="5"/>
      <c r="AB786" s="5" t="s">
        <v>43</v>
      </c>
      <c r="AC786" s="5" t="s">
        <v>44</v>
      </c>
      <c r="AD786" s="2"/>
      <c r="AE786" s="1"/>
    </row>
    <row r="787" spans="1:31" ht="14.45">
      <c r="A787" s="11"/>
      <c r="B787" s="20"/>
      <c r="C787" s="2" t="s">
        <v>2782</v>
      </c>
      <c r="D787" s="14" t="s">
        <v>2783</v>
      </c>
      <c r="E787" s="2" t="s">
        <v>2784</v>
      </c>
      <c r="F787" s="2" t="s">
        <v>1723</v>
      </c>
      <c r="G787" s="8">
        <v>148</v>
      </c>
      <c r="H787" s="5">
        <v>6</v>
      </c>
      <c r="I787" s="5" t="s">
        <v>1518</v>
      </c>
      <c r="J787" s="5" t="s">
        <v>1519</v>
      </c>
      <c r="K787" s="2" t="s">
        <v>1520</v>
      </c>
      <c r="L787" s="5" t="s">
        <v>1519</v>
      </c>
      <c r="M787" s="2" t="s">
        <v>1520</v>
      </c>
      <c r="N787" s="5" t="s">
        <v>1521</v>
      </c>
      <c r="O787" s="5" t="s">
        <v>38</v>
      </c>
      <c r="P787" s="5" t="s">
        <v>39</v>
      </c>
      <c r="Q787" s="5" t="s">
        <v>40</v>
      </c>
      <c r="R787" s="5" t="s">
        <v>1522</v>
      </c>
      <c r="S787" s="5" t="s">
        <v>1523</v>
      </c>
      <c r="T787" s="5" t="s">
        <v>42</v>
      </c>
      <c r="U787" s="2">
        <v>2.0920000000000001</v>
      </c>
      <c r="V787" s="2">
        <v>1.59</v>
      </c>
      <c r="W787" s="2">
        <v>1.4999999999999999E-2</v>
      </c>
      <c r="X787" s="2">
        <v>118.9</v>
      </c>
      <c r="Y787" s="2">
        <v>7.6</v>
      </c>
      <c r="Z787" s="2">
        <v>16.7</v>
      </c>
      <c r="AA787" s="5"/>
      <c r="AB787" s="5" t="s">
        <v>43</v>
      </c>
      <c r="AC787" s="5" t="s">
        <v>44</v>
      </c>
      <c r="AD787" s="2"/>
      <c r="AE787" s="1"/>
    </row>
    <row r="788" spans="1:31" ht="14.45">
      <c r="A788" s="11"/>
      <c r="B788" s="20"/>
      <c r="C788" s="2" t="s">
        <v>2785</v>
      </c>
      <c r="D788" s="14" t="s">
        <v>2786</v>
      </c>
      <c r="E788" s="2" t="s">
        <v>2787</v>
      </c>
      <c r="F788" s="2" t="s">
        <v>1727</v>
      </c>
      <c r="G788" s="8">
        <v>170</v>
      </c>
      <c r="H788" s="5">
        <v>6</v>
      </c>
      <c r="I788" s="5" t="s">
        <v>1518</v>
      </c>
      <c r="J788" s="5" t="s">
        <v>1519</v>
      </c>
      <c r="K788" s="2" t="s">
        <v>1520</v>
      </c>
      <c r="L788" s="5" t="s">
        <v>1519</v>
      </c>
      <c r="M788" s="2" t="s">
        <v>1520</v>
      </c>
      <c r="N788" s="5" t="s">
        <v>1521</v>
      </c>
      <c r="O788" s="5" t="s">
        <v>38</v>
      </c>
      <c r="P788" s="5" t="s">
        <v>39</v>
      </c>
      <c r="Q788" s="5" t="s">
        <v>40</v>
      </c>
      <c r="R788" s="5" t="s">
        <v>1522</v>
      </c>
      <c r="S788" s="5" t="s">
        <v>1523</v>
      </c>
      <c r="T788" s="5" t="s">
        <v>42</v>
      </c>
      <c r="U788" s="2">
        <v>2.0499999999999998</v>
      </c>
      <c r="V788" s="2">
        <v>1.548</v>
      </c>
      <c r="W788" s="2">
        <v>1.4999999999999999E-2</v>
      </c>
      <c r="X788" s="2">
        <v>118.9</v>
      </c>
      <c r="Y788" s="2">
        <v>7.6</v>
      </c>
      <c r="Z788" s="2">
        <v>16.7</v>
      </c>
      <c r="AA788" s="5"/>
      <c r="AB788" s="5" t="s">
        <v>43</v>
      </c>
      <c r="AC788" s="5" t="s">
        <v>44</v>
      </c>
      <c r="AD788" s="2"/>
      <c r="AE788" s="1"/>
    </row>
    <row r="789" spans="1:31" ht="14.45">
      <c r="A789" s="11"/>
      <c r="B789" s="20"/>
      <c r="C789" s="2" t="s">
        <v>2788</v>
      </c>
      <c r="D789" s="14" t="s">
        <v>2789</v>
      </c>
      <c r="E789" s="2" t="s">
        <v>2790</v>
      </c>
      <c r="F789" s="2" t="s">
        <v>1731</v>
      </c>
      <c r="G789" s="8">
        <v>170</v>
      </c>
      <c r="H789" s="5">
        <v>6</v>
      </c>
      <c r="I789" s="5" t="s">
        <v>1518</v>
      </c>
      <c r="J789" s="5" t="s">
        <v>1519</v>
      </c>
      <c r="K789" s="2" t="s">
        <v>1520</v>
      </c>
      <c r="L789" s="5" t="s">
        <v>1519</v>
      </c>
      <c r="M789" s="2" t="s">
        <v>1520</v>
      </c>
      <c r="N789" s="5" t="s">
        <v>1521</v>
      </c>
      <c r="O789" s="5" t="s">
        <v>38</v>
      </c>
      <c r="P789" s="5" t="s">
        <v>39</v>
      </c>
      <c r="Q789" s="5" t="s">
        <v>40</v>
      </c>
      <c r="R789" s="5" t="s">
        <v>1522</v>
      </c>
      <c r="S789" s="5" t="s">
        <v>1523</v>
      </c>
      <c r="T789" s="5" t="s">
        <v>42</v>
      </c>
      <c r="U789" s="2">
        <v>2.0920000000000001</v>
      </c>
      <c r="V789" s="2">
        <v>1.59</v>
      </c>
      <c r="W789" s="2">
        <v>1.4999999999999999E-2</v>
      </c>
      <c r="X789" s="2">
        <v>118.9</v>
      </c>
      <c r="Y789" s="2">
        <v>7.6</v>
      </c>
      <c r="Z789" s="2">
        <v>16.7</v>
      </c>
      <c r="AA789" s="5"/>
      <c r="AB789" s="5" t="s">
        <v>43</v>
      </c>
      <c r="AC789" s="5" t="s">
        <v>44</v>
      </c>
      <c r="AD789" s="2"/>
      <c r="AE789" s="1"/>
    </row>
    <row r="790" spans="1:31" ht="14.45">
      <c r="A790" s="11"/>
      <c r="B790" s="20"/>
      <c r="C790" s="2" t="s">
        <v>2791</v>
      </c>
      <c r="D790" s="14" t="s">
        <v>2792</v>
      </c>
      <c r="E790" s="2" t="s">
        <v>2793</v>
      </c>
      <c r="F790" s="2" t="s">
        <v>1735</v>
      </c>
      <c r="G790" s="8">
        <v>170</v>
      </c>
      <c r="H790" s="5">
        <v>6</v>
      </c>
      <c r="I790" s="5" t="s">
        <v>1518</v>
      </c>
      <c r="J790" s="5" t="s">
        <v>1519</v>
      </c>
      <c r="K790" s="2" t="s">
        <v>1520</v>
      </c>
      <c r="L790" s="5" t="s">
        <v>1519</v>
      </c>
      <c r="M790" s="2" t="s">
        <v>1520</v>
      </c>
      <c r="N790" s="5" t="s">
        <v>1521</v>
      </c>
      <c r="O790" s="5" t="s">
        <v>38</v>
      </c>
      <c r="P790" s="5" t="s">
        <v>39</v>
      </c>
      <c r="Q790" s="5" t="s">
        <v>40</v>
      </c>
      <c r="R790" s="5" t="s">
        <v>1522</v>
      </c>
      <c r="S790" s="5" t="s">
        <v>1523</v>
      </c>
      <c r="T790" s="5" t="s">
        <v>42</v>
      </c>
      <c r="U790" s="2">
        <v>2.0680000000000001</v>
      </c>
      <c r="V790" s="2">
        <v>1.5660000000000001</v>
      </c>
      <c r="W790" s="2">
        <v>1.4999999999999999E-2</v>
      </c>
      <c r="X790" s="2">
        <v>118.9</v>
      </c>
      <c r="Y790" s="2">
        <v>7.6</v>
      </c>
      <c r="Z790" s="2">
        <v>16.7</v>
      </c>
      <c r="AA790" s="5"/>
      <c r="AB790" s="5" t="s">
        <v>43</v>
      </c>
      <c r="AC790" s="5" t="s">
        <v>44</v>
      </c>
      <c r="AD790" s="2"/>
      <c r="AE790" s="1"/>
    </row>
    <row r="791" spans="1:31" ht="14.45">
      <c r="A791" s="11"/>
      <c r="B791" s="20"/>
      <c r="C791" s="2" t="s">
        <v>2794</v>
      </c>
      <c r="D791" s="14" t="s">
        <v>2795</v>
      </c>
      <c r="E791" s="2" t="s">
        <v>2796</v>
      </c>
      <c r="F791" s="2" t="s">
        <v>1739</v>
      </c>
      <c r="G791" s="8">
        <v>170</v>
      </c>
      <c r="H791" s="5">
        <v>6</v>
      </c>
      <c r="I791" s="5" t="s">
        <v>1518</v>
      </c>
      <c r="J791" s="5" t="s">
        <v>1519</v>
      </c>
      <c r="K791" s="2" t="s">
        <v>1520</v>
      </c>
      <c r="L791" s="5" t="s">
        <v>1519</v>
      </c>
      <c r="M791" s="2" t="s">
        <v>1520</v>
      </c>
      <c r="N791" s="5" t="s">
        <v>1521</v>
      </c>
      <c r="O791" s="5" t="s">
        <v>38</v>
      </c>
      <c r="P791" s="5" t="s">
        <v>39</v>
      </c>
      <c r="Q791" s="5" t="s">
        <v>40</v>
      </c>
      <c r="R791" s="5" t="s">
        <v>1522</v>
      </c>
      <c r="S791" s="5" t="s">
        <v>1523</v>
      </c>
      <c r="T791" s="5" t="s">
        <v>42</v>
      </c>
      <c r="U791" s="2">
        <v>2.11</v>
      </c>
      <c r="V791" s="2">
        <v>1.6080000000000001</v>
      </c>
      <c r="W791" s="2">
        <v>1.4999999999999999E-2</v>
      </c>
      <c r="X791" s="2">
        <v>118.9</v>
      </c>
      <c r="Y791" s="2">
        <v>7.6</v>
      </c>
      <c r="Z791" s="2">
        <v>16.7</v>
      </c>
      <c r="AA791" s="5"/>
      <c r="AB791" s="5" t="s">
        <v>43</v>
      </c>
      <c r="AC791" s="5" t="s">
        <v>44</v>
      </c>
      <c r="AD791" s="2"/>
      <c r="AE791" s="1"/>
    </row>
    <row r="792" spans="1:31" ht="14.45">
      <c r="A792" s="11"/>
      <c r="B792" s="20"/>
      <c r="C792" s="2" t="s">
        <v>2797</v>
      </c>
      <c r="D792" s="14" t="s">
        <v>2798</v>
      </c>
      <c r="E792" s="2" t="s">
        <v>2799</v>
      </c>
      <c r="F792" s="2" t="s">
        <v>1743</v>
      </c>
      <c r="G792" s="8">
        <v>170</v>
      </c>
      <c r="H792" s="5">
        <v>6</v>
      </c>
      <c r="I792" s="5" t="s">
        <v>1518</v>
      </c>
      <c r="J792" s="5" t="s">
        <v>1519</v>
      </c>
      <c r="K792" s="2" t="s">
        <v>1520</v>
      </c>
      <c r="L792" s="5" t="s">
        <v>1519</v>
      </c>
      <c r="M792" s="2" t="s">
        <v>1520</v>
      </c>
      <c r="N792" s="5" t="s">
        <v>1521</v>
      </c>
      <c r="O792" s="5" t="s">
        <v>38</v>
      </c>
      <c r="P792" s="5" t="s">
        <v>39</v>
      </c>
      <c r="Q792" s="5" t="s">
        <v>40</v>
      </c>
      <c r="R792" s="5" t="s">
        <v>1522</v>
      </c>
      <c r="S792" s="5" t="s">
        <v>1523</v>
      </c>
      <c r="T792" s="5" t="s">
        <v>42</v>
      </c>
      <c r="U792" s="2">
        <v>2.0499999999999998</v>
      </c>
      <c r="V792" s="2">
        <v>1.548</v>
      </c>
      <c r="W792" s="2">
        <v>1.4999999999999999E-2</v>
      </c>
      <c r="X792" s="2">
        <v>118.9</v>
      </c>
      <c r="Y792" s="2">
        <v>7.6</v>
      </c>
      <c r="Z792" s="2">
        <v>16.7</v>
      </c>
      <c r="AA792" s="5"/>
      <c r="AB792" s="5" t="s">
        <v>43</v>
      </c>
      <c r="AC792" s="5" t="s">
        <v>44</v>
      </c>
      <c r="AD792" s="2"/>
      <c r="AE792" s="1"/>
    </row>
    <row r="793" spans="1:31" ht="14.45">
      <c r="A793" s="11"/>
      <c r="B793" s="20"/>
      <c r="C793" s="2" t="s">
        <v>2800</v>
      </c>
      <c r="D793" s="14" t="s">
        <v>2801</v>
      </c>
      <c r="E793" s="2" t="s">
        <v>2802</v>
      </c>
      <c r="F793" s="2" t="s">
        <v>1747</v>
      </c>
      <c r="G793" s="8">
        <v>170</v>
      </c>
      <c r="H793" s="5">
        <v>6</v>
      </c>
      <c r="I793" s="5" t="s">
        <v>1518</v>
      </c>
      <c r="J793" s="5" t="s">
        <v>1519</v>
      </c>
      <c r="K793" s="2" t="s">
        <v>1520</v>
      </c>
      <c r="L793" s="5" t="s">
        <v>1519</v>
      </c>
      <c r="M793" s="2" t="s">
        <v>1520</v>
      </c>
      <c r="N793" s="5" t="s">
        <v>1521</v>
      </c>
      <c r="O793" s="5" t="s">
        <v>38</v>
      </c>
      <c r="P793" s="5" t="s">
        <v>39</v>
      </c>
      <c r="Q793" s="5" t="s">
        <v>40</v>
      </c>
      <c r="R793" s="5" t="s">
        <v>1522</v>
      </c>
      <c r="S793" s="5" t="s">
        <v>1523</v>
      </c>
      <c r="T793" s="5" t="s">
        <v>42</v>
      </c>
      <c r="U793" s="2">
        <v>2.0920000000000001</v>
      </c>
      <c r="V793" s="2">
        <v>1.59</v>
      </c>
      <c r="W793" s="2">
        <v>1.4999999999999999E-2</v>
      </c>
      <c r="X793" s="2">
        <v>118.9</v>
      </c>
      <c r="Y793" s="2">
        <v>7.6</v>
      </c>
      <c r="Z793" s="2">
        <v>16.7</v>
      </c>
      <c r="AA793" s="5"/>
      <c r="AB793" s="5" t="s">
        <v>43</v>
      </c>
      <c r="AC793" s="5" t="s">
        <v>44</v>
      </c>
      <c r="AD793" s="2"/>
      <c r="AE793" s="1"/>
    </row>
    <row r="794" spans="1:31" ht="14.45">
      <c r="A794" s="11"/>
      <c r="B794" s="20"/>
      <c r="C794" s="2" t="s">
        <v>2803</v>
      </c>
      <c r="D794" s="14" t="s">
        <v>2804</v>
      </c>
      <c r="E794" s="2" t="s">
        <v>2805</v>
      </c>
      <c r="F794" s="2" t="s">
        <v>1755</v>
      </c>
      <c r="G794" s="8">
        <v>170</v>
      </c>
      <c r="H794" s="5">
        <v>6</v>
      </c>
      <c r="I794" s="5" t="s">
        <v>1518</v>
      </c>
      <c r="J794" s="5" t="s">
        <v>1519</v>
      </c>
      <c r="K794" s="2" t="s">
        <v>1520</v>
      </c>
      <c r="L794" s="5" t="s">
        <v>1519</v>
      </c>
      <c r="M794" s="2" t="s">
        <v>1520</v>
      </c>
      <c r="N794" s="5" t="s">
        <v>1521</v>
      </c>
      <c r="O794" s="5" t="s">
        <v>38</v>
      </c>
      <c r="P794" s="5" t="s">
        <v>39</v>
      </c>
      <c r="Q794" s="5" t="s">
        <v>40</v>
      </c>
      <c r="R794" s="5" t="s">
        <v>1522</v>
      </c>
      <c r="S794" s="5" t="s">
        <v>1523</v>
      </c>
      <c r="T794" s="5" t="s">
        <v>42</v>
      </c>
      <c r="U794" s="2">
        <v>2.0920000000000001</v>
      </c>
      <c r="V794" s="2">
        <v>1.59</v>
      </c>
      <c r="W794" s="2">
        <v>1.4999999999999999E-2</v>
      </c>
      <c r="X794" s="2">
        <v>118.9</v>
      </c>
      <c r="Y794" s="2">
        <v>7.6</v>
      </c>
      <c r="Z794" s="2">
        <v>16.7</v>
      </c>
      <c r="AA794" s="5"/>
      <c r="AB794" s="5" t="s">
        <v>43</v>
      </c>
      <c r="AC794" s="5" t="s">
        <v>44</v>
      </c>
      <c r="AD794" s="2"/>
      <c r="AE794" s="1"/>
    </row>
    <row r="795" spans="1:31" ht="14.45">
      <c r="A795" s="11"/>
      <c r="B795" s="20"/>
      <c r="C795" s="2" t="s">
        <v>2806</v>
      </c>
      <c r="D795" s="14" t="s">
        <v>2807</v>
      </c>
      <c r="E795" s="2" t="s">
        <v>2808</v>
      </c>
      <c r="F795" s="2" t="s">
        <v>1759</v>
      </c>
      <c r="G795" s="8">
        <v>170</v>
      </c>
      <c r="H795" s="5">
        <v>6</v>
      </c>
      <c r="I795" s="5" t="s">
        <v>1518</v>
      </c>
      <c r="J795" s="5" t="s">
        <v>1519</v>
      </c>
      <c r="K795" s="2" t="s">
        <v>1520</v>
      </c>
      <c r="L795" s="5" t="s">
        <v>1519</v>
      </c>
      <c r="M795" s="2" t="s">
        <v>1520</v>
      </c>
      <c r="N795" s="5" t="s">
        <v>1521</v>
      </c>
      <c r="O795" s="5" t="s">
        <v>38</v>
      </c>
      <c r="P795" s="5" t="s">
        <v>39</v>
      </c>
      <c r="Q795" s="5" t="s">
        <v>40</v>
      </c>
      <c r="R795" s="5" t="s">
        <v>1522</v>
      </c>
      <c r="S795" s="5" t="s">
        <v>1523</v>
      </c>
      <c r="T795" s="5" t="s">
        <v>42</v>
      </c>
      <c r="U795" s="2">
        <v>2.0680000000000001</v>
      </c>
      <c r="V795" s="2">
        <v>1.5660000000000001</v>
      </c>
      <c r="W795" s="2">
        <v>1.4999999999999999E-2</v>
      </c>
      <c r="X795" s="2">
        <v>118.9</v>
      </c>
      <c r="Y795" s="2">
        <v>7.6</v>
      </c>
      <c r="Z795" s="2">
        <v>16.7</v>
      </c>
      <c r="AA795" s="5"/>
      <c r="AB795" s="5" t="s">
        <v>43</v>
      </c>
      <c r="AC795" s="5" t="s">
        <v>44</v>
      </c>
      <c r="AD795" s="2"/>
      <c r="AE795" s="1"/>
    </row>
    <row r="796" spans="1:31" ht="14.45">
      <c r="A796" s="11"/>
      <c r="B796" s="20"/>
      <c r="C796" s="2" t="s">
        <v>2809</v>
      </c>
      <c r="D796" s="14" t="s">
        <v>2810</v>
      </c>
      <c r="E796" s="2" t="s">
        <v>2811</v>
      </c>
      <c r="F796" s="2" t="s">
        <v>1763</v>
      </c>
      <c r="G796" s="8">
        <v>170</v>
      </c>
      <c r="H796" s="5">
        <v>6</v>
      </c>
      <c r="I796" s="5" t="s">
        <v>1518</v>
      </c>
      <c r="J796" s="5" t="s">
        <v>1519</v>
      </c>
      <c r="K796" s="2" t="s">
        <v>1520</v>
      </c>
      <c r="L796" s="5" t="s">
        <v>1519</v>
      </c>
      <c r="M796" s="2" t="s">
        <v>1520</v>
      </c>
      <c r="N796" s="5" t="s">
        <v>1521</v>
      </c>
      <c r="O796" s="5" t="s">
        <v>38</v>
      </c>
      <c r="P796" s="5" t="s">
        <v>39</v>
      </c>
      <c r="Q796" s="5" t="s">
        <v>40</v>
      </c>
      <c r="R796" s="5" t="s">
        <v>1522</v>
      </c>
      <c r="S796" s="5" t="s">
        <v>1523</v>
      </c>
      <c r="T796" s="5" t="s">
        <v>42</v>
      </c>
      <c r="U796" s="2">
        <v>2.11</v>
      </c>
      <c r="V796" s="2">
        <v>1.6080000000000001</v>
      </c>
      <c r="W796" s="2">
        <v>1.4999999999999999E-2</v>
      </c>
      <c r="X796" s="2">
        <v>118.9</v>
      </c>
      <c r="Y796" s="2">
        <v>7.6</v>
      </c>
      <c r="Z796" s="2">
        <v>16.7</v>
      </c>
      <c r="AA796" s="5"/>
      <c r="AB796" s="5" t="s">
        <v>43</v>
      </c>
      <c r="AC796" s="5" t="s">
        <v>44</v>
      </c>
      <c r="AD796" s="2"/>
      <c r="AE796" s="1"/>
    </row>
    <row r="797" spans="1:31" ht="14.45">
      <c r="A797" s="11"/>
      <c r="B797" s="20"/>
      <c r="C797" s="2" t="s">
        <v>2812</v>
      </c>
      <c r="D797" s="14" t="s">
        <v>2813</v>
      </c>
      <c r="E797" s="2" t="s">
        <v>2814</v>
      </c>
      <c r="F797" s="2" t="s">
        <v>1783</v>
      </c>
      <c r="G797" s="8">
        <v>170</v>
      </c>
      <c r="H797" s="5">
        <v>6</v>
      </c>
      <c r="I797" s="5" t="s">
        <v>1518</v>
      </c>
      <c r="J797" s="5" t="s">
        <v>1519</v>
      </c>
      <c r="K797" s="2" t="s">
        <v>1520</v>
      </c>
      <c r="L797" s="5" t="s">
        <v>1519</v>
      </c>
      <c r="M797" s="2" t="s">
        <v>1520</v>
      </c>
      <c r="N797" s="5" t="s">
        <v>1521</v>
      </c>
      <c r="O797" s="5" t="s">
        <v>38</v>
      </c>
      <c r="P797" s="5" t="s">
        <v>39</v>
      </c>
      <c r="Q797" s="5" t="s">
        <v>40</v>
      </c>
      <c r="R797" s="5" t="s">
        <v>1522</v>
      </c>
      <c r="S797" s="5" t="s">
        <v>1523</v>
      </c>
      <c r="T797" s="5" t="s">
        <v>42</v>
      </c>
      <c r="U797" s="2">
        <v>2.0499999999999998</v>
      </c>
      <c r="V797" s="2">
        <v>1.548</v>
      </c>
      <c r="W797" s="2">
        <v>1.4999999999999999E-2</v>
      </c>
      <c r="X797" s="2">
        <v>118.9</v>
      </c>
      <c r="Y797" s="2">
        <v>7.6</v>
      </c>
      <c r="Z797" s="2">
        <v>16.7</v>
      </c>
      <c r="AA797" s="5"/>
      <c r="AB797" s="5" t="s">
        <v>43</v>
      </c>
      <c r="AC797" s="5" t="s">
        <v>44</v>
      </c>
      <c r="AD797" s="2"/>
      <c r="AE797" s="1"/>
    </row>
    <row r="798" spans="1:31" ht="14.45">
      <c r="A798" s="11"/>
      <c r="B798" s="20"/>
      <c r="C798" s="2" t="s">
        <v>2815</v>
      </c>
      <c r="D798" s="14" t="s">
        <v>2816</v>
      </c>
      <c r="E798" s="2" t="s">
        <v>2817</v>
      </c>
      <c r="F798" s="2" t="s">
        <v>1787</v>
      </c>
      <c r="G798" s="8">
        <v>170</v>
      </c>
      <c r="H798" s="5">
        <v>6</v>
      </c>
      <c r="I798" s="5" t="s">
        <v>1518</v>
      </c>
      <c r="J798" s="5" t="s">
        <v>1519</v>
      </c>
      <c r="K798" s="2" t="s">
        <v>1520</v>
      </c>
      <c r="L798" s="5" t="s">
        <v>1519</v>
      </c>
      <c r="M798" s="2" t="s">
        <v>1520</v>
      </c>
      <c r="N798" s="5" t="s">
        <v>1521</v>
      </c>
      <c r="O798" s="5" t="s">
        <v>38</v>
      </c>
      <c r="P798" s="5" t="s">
        <v>39</v>
      </c>
      <c r="Q798" s="5" t="s">
        <v>40</v>
      </c>
      <c r="R798" s="5" t="s">
        <v>1522</v>
      </c>
      <c r="S798" s="5" t="s">
        <v>1523</v>
      </c>
      <c r="T798" s="5" t="s">
        <v>42</v>
      </c>
      <c r="U798" s="2">
        <v>2.0920000000000001</v>
      </c>
      <c r="V798" s="2">
        <v>1.59</v>
      </c>
      <c r="W798" s="2">
        <v>1.4999999999999999E-2</v>
      </c>
      <c r="X798" s="2">
        <v>118.9</v>
      </c>
      <c r="Y798" s="2">
        <v>7.6</v>
      </c>
      <c r="Z798" s="2">
        <v>16.7</v>
      </c>
      <c r="AA798" s="5"/>
      <c r="AB798" s="5" t="s">
        <v>43</v>
      </c>
      <c r="AC798" s="5" t="s">
        <v>44</v>
      </c>
      <c r="AD798" s="2"/>
      <c r="AE798" s="1"/>
    </row>
    <row r="799" spans="1:31" ht="14.45">
      <c r="A799" s="11"/>
      <c r="B799" s="20"/>
      <c r="C799" s="2" t="s">
        <v>2818</v>
      </c>
      <c r="D799" s="14" t="s">
        <v>2819</v>
      </c>
      <c r="E799" s="2" t="s">
        <v>2820</v>
      </c>
      <c r="F799" s="2" t="s">
        <v>1803</v>
      </c>
      <c r="G799" s="8">
        <v>170</v>
      </c>
      <c r="H799" s="5">
        <v>6</v>
      </c>
      <c r="I799" s="5" t="s">
        <v>1518</v>
      </c>
      <c r="J799" s="5" t="s">
        <v>1519</v>
      </c>
      <c r="K799" s="2" t="s">
        <v>1520</v>
      </c>
      <c r="L799" s="5" t="s">
        <v>1519</v>
      </c>
      <c r="M799" s="2" t="s">
        <v>1520</v>
      </c>
      <c r="N799" s="5" t="s">
        <v>1521</v>
      </c>
      <c r="O799" s="5" t="s">
        <v>38</v>
      </c>
      <c r="P799" s="5" t="s">
        <v>39</v>
      </c>
      <c r="Q799" s="5" t="s">
        <v>40</v>
      </c>
      <c r="R799" s="5" t="s">
        <v>1522</v>
      </c>
      <c r="S799" s="5" t="s">
        <v>1523</v>
      </c>
      <c r="T799" s="5" t="s">
        <v>42</v>
      </c>
      <c r="U799" s="2">
        <v>2.11</v>
      </c>
      <c r="V799" s="2">
        <v>1.6080000000000001</v>
      </c>
      <c r="W799" s="2">
        <v>1.4999999999999999E-2</v>
      </c>
      <c r="X799" s="2">
        <v>118.9</v>
      </c>
      <c r="Y799" s="2">
        <v>7.6</v>
      </c>
      <c r="Z799" s="2">
        <v>16.7</v>
      </c>
      <c r="AA799" s="5"/>
      <c r="AB799" s="5" t="s">
        <v>43</v>
      </c>
      <c r="AC799" s="5" t="s">
        <v>44</v>
      </c>
      <c r="AD799" s="2"/>
      <c r="AE799" s="1"/>
    </row>
    <row r="800" spans="1:31" ht="14.45">
      <c r="A800" s="11"/>
      <c r="B800" s="20"/>
      <c r="C800" s="2" t="s">
        <v>2821</v>
      </c>
      <c r="D800" s="14" t="s">
        <v>2822</v>
      </c>
      <c r="E800" s="2" t="s">
        <v>2823</v>
      </c>
      <c r="F800" s="2" t="s">
        <v>1807</v>
      </c>
      <c r="G800" s="8">
        <v>170</v>
      </c>
      <c r="H800" s="5">
        <v>6</v>
      </c>
      <c r="I800" s="5" t="s">
        <v>1518</v>
      </c>
      <c r="J800" s="5" t="s">
        <v>1519</v>
      </c>
      <c r="K800" s="2" t="s">
        <v>1520</v>
      </c>
      <c r="L800" s="5" t="s">
        <v>1519</v>
      </c>
      <c r="M800" s="2" t="s">
        <v>1520</v>
      </c>
      <c r="N800" s="5" t="s">
        <v>1521</v>
      </c>
      <c r="O800" s="5" t="s">
        <v>38</v>
      </c>
      <c r="P800" s="5" t="s">
        <v>39</v>
      </c>
      <c r="Q800" s="5" t="s">
        <v>40</v>
      </c>
      <c r="R800" s="5" t="s">
        <v>1522</v>
      </c>
      <c r="S800" s="5" t="s">
        <v>1523</v>
      </c>
      <c r="T800" s="5" t="s">
        <v>42</v>
      </c>
      <c r="U800" s="2">
        <v>2.0680000000000001</v>
      </c>
      <c r="V800" s="2">
        <v>1.5660000000000001</v>
      </c>
      <c r="W800" s="2">
        <v>1.4999999999999999E-2</v>
      </c>
      <c r="X800" s="2">
        <v>118.9</v>
      </c>
      <c r="Y800" s="2">
        <v>7.6</v>
      </c>
      <c r="Z800" s="2">
        <v>16.7</v>
      </c>
      <c r="AA800" s="5"/>
      <c r="AB800" s="5" t="s">
        <v>43</v>
      </c>
      <c r="AC800" s="5" t="s">
        <v>44</v>
      </c>
      <c r="AD800" s="2"/>
      <c r="AE800" s="1"/>
    </row>
    <row r="801" spans="1:31" ht="14.45">
      <c r="A801" s="11"/>
      <c r="B801" s="20"/>
      <c r="C801" s="2" t="s">
        <v>2824</v>
      </c>
      <c r="D801" s="14" t="s">
        <v>2825</v>
      </c>
      <c r="E801" s="2" t="s">
        <v>2826</v>
      </c>
      <c r="F801" s="2" t="s">
        <v>1811</v>
      </c>
      <c r="G801" s="8">
        <v>170</v>
      </c>
      <c r="H801" s="5">
        <v>6</v>
      </c>
      <c r="I801" s="5" t="s">
        <v>1518</v>
      </c>
      <c r="J801" s="5" t="s">
        <v>1519</v>
      </c>
      <c r="K801" s="2" t="s">
        <v>1520</v>
      </c>
      <c r="L801" s="5" t="s">
        <v>1519</v>
      </c>
      <c r="M801" s="2" t="s">
        <v>1520</v>
      </c>
      <c r="N801" s="5" t="s">
        <v>1521</v>
      </c>
      <c r="O801" s="5" t="s">
        <v>38</v>
      </c>
      <c r="P801" s="5" t="s">
        <v>39</v>
      </c>
      <c r="Q801" s="5" t="s">
        <v>40</v>
      </c>
      <c r="R801" s="5" t="s">
        <v>1522</v>
      </c>
      <c r="S801" s="5" t="s">
        <v>1523</v>
      </c>
      <c r="T801" s="5" t="s">
        <v>42</v>
      </c>
      <c r="U801" s="2">
        <v>2.11</v>
      </c>
      <c r="V801" s="2">
        <v>1.6080000000000001</v>
      </c>
      <c r="W801" s="2">
        <v>1.4999999999999999E-2</v>
      </c>
      <c r="X801" s="2">
        <v>118.9</v>
      </c>
      <c r="Y801" s="2">
        <v>7.6</v>
      </c>
      <c r="Z801" s="2">
        <v>16.7</v>
      </c>
      <c r="AA801" s="5"/>
      <c r="AB801" s="5" t="s">
        <v>43</v>
      </c>
      <c r="AC801" s="5" t="s">
        <v>44</v>
      </c>
      <c r="AD801" s="2"/>
      <c r="AE801" s="1"/>
    </row>
    <row r="802" spans="1:31" ht="14.45">
      <c r="A802" s="11"/>
      <c r="B802" s="20"/>
      <c r="C802" s="2" t="s">
        <v>2827</v>
      </c>
      <c r="D802" s="14" t="s">
        <v>2828</v>
      </c>
      <c r="E802" s="2" t="s">
        <v>2829</v>
      </c>
      <c r="F802" s="2" t="s">
        <v>1815</v>
      </c>
      <c r="G802" s="8">
        <v>170</v>
      </c>
      <c r="H802" s="5">
        <v>6</v>
      </c>
      <c r="I802" s="5" t="s">
        <v>1518</v>
      </c>
      <c r="J802" s="5" t="s">
        <v>1519</v>
      </c>
      <c r="K802" s="2" t="s">
        <v>1520</v>
      </c>
      <c r="L802" s="5" t="s">
        <v>1519</v>
      </c>
      <c r="M802" s="2" t="s">
        <v>1520</v>
      </c>
      <c r="N802" s="5" t="s">
        <v>1521</v>
      </c>
      <c r="O802" s="5" t="s">
        <v>38</v>
      </c>
      <c r="P802" s="5" t="s">
        <v>39</v>
      </c>
      <c r="Q802" s="5" t="s">
        <v>40</v>
      </c>
      <c r="R802" s="5" t="s">
        <v>1522</v>
      </c>
      <c r="S802" s="5" t="s">
        <v>1523</v>
      </c>
      <c r="T802" s="5" t="s">
        <v>42</v>
      </c>
      <c r="U802" s="2">
        <v>2.0499999999999998</v>
      </c>
      <c r="V802" s="2">
        <v>1.548</v>
      </c>
      <c r="W802" s="2">
        <v>1.4999999999999999E-2</v>
      </c>
      <c r="X802" s="2">
        <v>118.9</v>
      </c>
      <c r="Y802" s="2">
        <v>7.6</v>
      </c>
      <c r="Z802" s="2">
        <v>16.7</v>
      </c>
      <c r="AA802" s="5"/>
      <c r="AB802" s="5" t="s">
        <v>43</v>
      </c>
      <c r="AC802" s="5" t="s">
        <v>44</v>
      </c>
      <c r="AD802" s="2"/>
      <c r="AE802" s="1"/>
    </row>
    <row r="803" spans="1:31" ht="14.45">
      <c r="A803" s="11"/>
      <c r="B803" s="20"/>
      <c r="C803" s="2" t="s">
        <v>2830</v>
      </c>
      <c r="D803" s="14" t="s">
        <v>2831</v>
      </c>
      <c r="E803" s="2" t="s">
        <v>2832</v>
      </c>
      <c r="F803" s="2" t="s">
        <v>1819</v>
      </c>
      <c r="G803" s="8">
        <v>170</v>
      </c>
      <c r="H803" s="5">
        <v>6</v>
      </c>
      <c r="I803" s="5" t="s">
        <v>1518</v>
      </c>
      <c r="J803" s="5" t="s">
        <v>1519</v>
      </c>
      <c r="K803" s="2" t="s">
        <v>1520</v>
      </c>
      <c r="L803" s="5" t="s">
        <v>1519</v>
      </c>
      <c r="M803" s="2" t="s">
        <v>1520</v>
      </c>
      <c r="N803" s="5" t="s">
        <v>1521</v>
      </c>
      <c r="O803" s="5" t="s">
        <v>38</v>
      </c>
      <c r="P803" s="5" t="s">
        <v>39</v>
      </c>
      <c r="Q803" s="5" t="s">
        <v>40</v>
      </c>
      <c r="R803" s="5" t="s">
        <v>1522</v>
      </c>
      <c r="S803" s="5" t="s">
        <v>1523</v>
      </c>
      <c r="T803" s="5" t="s">
        <v>42</v>
      </c>
      <c r="U803" s="2">
        <v>2.0920000000000001</v>
      </c>
      <c r="V803" s="2">
        <v>1.59</v>
      </c>
      <c r="W803" s="2">
        <v>1.4999999999999999E-2</v>
      </c>
      <c r="X803" s="2">
        <v>118.9</v>
      </c>
      <c r="Y803" s="2">
        <v>7.6</v>
      </c>
      <c r="Z803" s="2">
        <v>16.7</v>
      </c>
      <c r="AA803" s="5"/>
      <c r="AB803" s="5" t="s">
        <v>43</v>
      </c>
      <c r="AC803" s="5" t="s">
        <v>44</v>
      </c>
      <c r="AD803" s="2"/>
      <c r="AE803" s="1"/>
    </row>
    <row r="804" spans="1:31" ht="14.45">
      <c r="A804" s="11"/>
      <c r="B804" s="20"/>
      <c r="C804" s="2" t="s">
        <v>2833</v>
      </c>
      <c r="D804" s="14" t="s">
        <v>2834</v>
      </c>
      <c r="E804" s="2" t="s">
        <v>2835</v>
      </c>
      <c r="F804" s="2" t="s">
        <v>1823</v>
      </c>
      <c r="G804" s="8">
        <v>170</v>
      </c>
      <c r="H804" s="5">
        <v>8</v>
      </c>
      <c r="I804" s="5" t="s">
        <v>1518</v>
      </c>
      <c r="J804" s="5" t="s">
        <v>1519</v>
      </c>
      <c r="K804" s="2" t="s">
        <v>1520</v>
      </c>
      <c r="L804" s="5" t="s">
        <v>1519</v>
      </c>
      <c r="M804" s="2" t="s">
        <v>1520</v>
      </c>
      <c r="N804" s="5" t="s">
        <v>1521</v>
      </c>
      <c r="O804" s="5" t="s">
        <v>38</v>
      </c>
      <c r="P804" s="5" t="s">
        <v>39</v>
      </c>
      <c r="Q804" s="5" t="s">
        <v>40</v>
      </c>
      <c r="R804" s="5" t="s">
        <v>1522</v>
      </c>
      <c r="S804" s="5" t="s">
        <v>1523</v>
      </c>
      <c r="T804" s="5" t="s">
        <v>42</v>
      </c>
      <c r="U804" s="2">
        <v>2.081</v>
      </c>
      <c r="V804" s="2">
        <v>1.579</v>
      </c>
      <c r="W804" s="2">
        <v>1.4999999999999999E-2</v>
      </c>
      <c r="X804" s="2">
        <v>118.9</v>
      </c>
      <c r="Y804" s="2">
        <v>7.6</v>
      </c>
      <c r="Z804" s="2">
        <v>16.7</v>
      </c>
      <c r="AA804" s="5"/>
      <c r="AB804" s="5" t="s">
        <v>43</v>
      </c>
      <c r="AC804" s="5" t="s">
        <v>44</v>
      </c>
      <c r="AD804" s="2"/>
      <c r="AE804" s="1"/>
    </row>
    <row r="805" spans="1:31" ht="14.45">
      <c r="A805" s="11"/>
      <c r="B805" s="20"/>
      <c r="C805" s="2" t="s">
        <v>2836</v>
      </c>
      <c r="D805" s="14" t="s">
        <v>2837</v>
      </c>
      <c r="E805" s="2" t="s">
        <v>2838</v>
      </c>
      <c r="F805" s="2" t="s">
        <v>1827</v>
      </c>
      <c r="G805" s="8">
        <v>170</v>
      </c>
      <c r="H805" s="5">
        <v>8</v>
      </c>
      <c r="I805" s="5" t="s">
        <v>1518</v>
      </c>
      <c r="J805" s="5" t="s">
        <v>1519</v>
      </c>
      <c r="K805" s="2" t="s">
        <v>1520</v>
      </c>
      <c r="L805" s="5" t="s">
        <v>1519</v>
      </c>
      <c r="M805" s="2" t="s">
        <v>1520</v>
      </c>
      <c r="N805" s="5" t="s">
        <v>1521</v>
      </c>
      <c r="O805" s="5" t="s">
        <v>38</v>
      </c>
      <c r="P805" s="5" t="s">
        <v>39</v>
      </c>
      <c r="Q805" s="5" t="s">
        <v>40</v>
      </c>
      <c r="R805" s="5" t="s">
        <v>1522</v>
      </c>
      <c r="S805" s="5" t="s">
        <v>1523</v>
      </c>
      <c r="T805" s="5" t="s">
        <v>42</v>
      </c>
      <c r="U805" s="2">
        <v>2.1230000000000002</v>
      </c>
      <c r="V805" s="2">
        <v>1.621</v>
      </c>
      <c r="W805" s="2">
        <v>1.4999999999999999E-2</v>
      </c>
      <c r="X805" s="2">
        <v>118.9</v>
      </c>
      <c r="Y805" s="2">
        <v>7.6</v>
      </c>
      <c r="Z805" s="2">
        <v>16.7</v>
      </c>
      <c r="AA805" s="5"/>
      <c r="AB805" s="5" t="s">
        <v>43</v>
      </c>
      <c r="AC805" s="5" t="s">
        <v>44</v>
      </c>
      <c r="AD805" s="2"/>
      <c r="AE805" s="1"/>
    </row>
    <row r="806" spans="1:31" ht="14.45">
      <c r="A806" s="11"/>
      <c r="B806" s="20"/>
      <c r="C806" s="2" t="s">
        <v>2839</v>
      </c>
      <c r="D806" s="14" t="s">
        <v>2840</v>
      </c>
      <c r="E806" s="2" t="s">
        <v>2841</v>
      </c>
      <c r="F806" s="2" t="s">
        <v>2348</v>
      </c>
      <c r="G806" s="8">
        <v>170</v>
      </c>
      <c r="H806" s="5">
        <v>13</v>
      </c>
      <c r="I806" s="5" t="s">
        <v>1518</v>
      </c>
      <c r="J806" s="5" t="s">
        <v>1519</v>
      </c>
      <c r="K806" s="2" t="s">
        <v>1520</v>
      </c>
      <c r="L806" s="5" t="s">
        <v>1519</v>
      </c>
      <c r="M806" s="2" t="s">
        <v>1520</v>
      </c>
      <c r="N806" s="5" t="s">
        <v>1521</v>
      </c>
      <c r="O806" s="5" t="s">
        <v>38</v>
      </c>
      <c r="P806" s="5" t="s">
        <v>39</v>
      </c>
      <c r="Q806" s="5" t="s">
        <v>40</v>
      </c>
      <c r="R806" s="5" t="s">
        <v>1522</v>
      </c>
      <c r="S806" s="5" t="s">
        <v>1523</v>
      </c>
      <c r="T806" s="5" t="s">
        <v>42</v>
      </c>
      <c r="U806" s="2">
        <v>2.1459999999999999</v>
      </c>
      <c r="V806" s="2">
        <v>1.6439999999999999</v>
      </c>
      <c r="W806" s="2">
        <v>1.4999999999999999E-2</v>
      </c>
      <c r="X806" s="2">
        <v>118.9</v>
      </c>
      <c r="Y806" s="2">
        <v>7.6</v>
      </c>
      <c r="Z806" s="2">
        <v>16.7</v>
      </c>
      <c r="AA806" s="5"/>
      <c r="AB806" s="5" t="s">
        <v>43</v>
      </c>
      <c r="AC806" s="5" t="s">
        <v>44</v>
      </c>
      <c r="AD806" s="2"/>
      <c r="AE806" s="1"/>
    </row>
    <row r="807" spans="1:31" ht="14.45">
      <c r="A807" s="11"/>
      <c r="B807" s="20"/>
      <c r="C807" s="2" t="s">
        <v>2842</v>
      </c>
      <c r="D807" s="14" t="s">
        <v>2843</v>
      </c>
      <c r="E807" s="2" t="s">
        <v>2844</v>
      </c>
      <c r="F807" s="2" t="s">
        <v>1851</v>
      </c>
      <c r="G807" s="8">
        <v>170</v>
      </c>
      <c r="H807" s="5">
        <v>13</v>
      </c>
      <c r="I807" s="5" t="s">
        <v>1518</v>
      </c>
      <c r="J807" s="5" t="s">
        <v>1519</v>
      </c>
      <c r="K807" s="2" t="s">
        <v>1520</v>
      </c>
      <c r="L807" s="5" t="s">
        <v>1519</v>
      </c>
      <c r="M807" s="2" t="s">
        <v>1520</v>
      </c>
      <c r="N807" s="5" t="s">
        <v>1521</v>
      </c>
      <c r="O807" s="5" t="s">
        <v>38</v>
      </c>
      <c r="P807" s="5" t="s">
        <v>39</v>
      </c>
      <c r="Q807" s="5" t="s">
        <v>40</v>
      </c>
      <c r="R807" s="5" t="s">
        <v>1522</v>
      </c>
      <c r="S807" s="5" t="s">
        <v>1523</v>
      </c>
      <c r="T807" s="5" t="s">
        <v>42</v>
      </c>
      <c r="U807" s="2">
        <v>2.1040000000000001</v>
      </c>
      <c r="V807" s="2">
        <v>1.6020000000000001</v>
      </c>
      <c r="W807" s="2">
        <v>1.4999999999999999E-2</v>
      </c>
      <c r="X807" s="2">
        <v>118.9</v>
      </c>
      <c r="Y807" s="2">
        <v>7.6</v>
      </c>
      <c r="Z807" s="2">
        <v>16.7</v>
      </c>
      <c r="AA807" s="5"/>
      <c r="AB807" s="5" t="s">
        <v>43</v>
      </c>
      <c r="AC807" s="5" t="s">
        <v>44</v>
      </c>
      <c r="AD807" s="2"/>
      <c r="AE807" s="1"/>
    </row>
    <row r="808" spans="1:31" ht="14.45">
      <c r="A808" s="11"/>
      <c r="B808" s="20"/>
      <c r="C808" s="2" t="s">
        <v>2845</v>
      </c>
      <c r="D808" s="14" t="s">
        <v>2846</v>
      </c>
      <c r="E808" s="2" t="s">
        <v>2847</v>
      </c>
      <c r="F808" s="2" t="s">
        <v>1863</v>
      </c>
      <c r="G808" s="8">
        <v>170</v>
      </c>
      <c r="H808" s="5">
        <v>11</v>
      </c>
      <c r="I808" s="5" t="s">
        <v>1518</v>
      </c>
      <c r="J808" s="5" t="s">
        <v>1519</v>
      </c>
      <c r="K808" s="2" t="s">
        <v>1520</v>
      </c>
      <c r="L808" s="5" t="s">
        <v>1519</v>
      </c>
      <c r="M808" s="2" t="s">
        <v>1520</v>
      </c>
      <c r="N808" s="5" t="s">
        <v>1521</v>
      </c>
      <c r="O808" s="5" t="s">
        <v>38</v>
      </c>
      <c r="P808" s="5" t="s">
        <v>39</v>
      </c>
      <c r="Q808" s="5" t="s">
        <v>40</v>
      </c>
      <c r="R808" s="5" t="s">
        <v>1522</v>
      </c>
      <c r="S808" s="5" t="s">
        <v>1523</v>
      </c>
      <c r="T808" s="5" t="s">
        <v>42</v>
      </c>
      <c r="U808" s="2">
        <v>2.0529999999999999</v>
      </c>
      <c r="V808" s="2">
        <v>1.5509999999999999</v>
      </c>
      <c r="W808" s="2">
        <v>1.4999999999999999E-2</v>
      </c>
      <c r="X808" s="2">
        <v>118.9</v>
      </c>
      <c r="Y808" s="2">
        <v>7.6</v>
      </c>
      <c r="Z808" s="2">
        <v>16.7</v>
      </c>
      <c r="AA808" s="5"/>
      <c r="AB808" s="5" t="s">
        <v>43</v>
      </c>
      <c r="AC808" s="5" t="s">
        <v>44</v>
      </c>
      <c r="AD808" s="2"/>
      <c r="AE808" s="1"/>
    </row>
    <row r="809" spans="1:31" ht="14.45">
      <c r="A809" s="11"/>
      <c r="B809" s="20"/>
      <c r="C809" s="2" t="s">
        <v>2848</v>
      </c>
      <c r="D809" s="14" t="s">
        <v>2849</v>
      </c>
      <c r="E809" s="2" t="s">
        <v>2850</v>
      </c>
      <c r="F809" s="2" t="s">
        <v>1867</v>
      </c>
      <c r="G809" s="8">
        <v>170</v>
      </c>
      <c r="H809" s="5">
        <v>11</v>
      </c>
      <c r="I809" s="5" t="s">
        <v>1518</v>
      </c>
      <c r="J809" s="5" t="s">
        <v>1519</v>
      </c>
      <c r="K809" s="2" t="s">
        <v>1520</v>
      </c>
      <c r="L809" s="5" t="s">
        <v>1519</v>
      </c>
      <c r="M809" s="2" t="s">
        <v>1520</v>
      </c>
      <c r="N809" s="5" t="s">
        <v>1521</v>
      </c>
      <c r="O809" s="5" t="s">
        <v>38</v>
      </c>
      <c r="P809" s="5" t="s">
        <v>39</v>
      </c>
      <c r="Q809" s="5" t="s">
        <v>40</v>
      </c>
      <c r="R809" s="5" t="s">
        <v>1522</v>
      </c>
      <c r="S809" s="5" t="s">
        <v>1523</v>
      </c>
      <c r="T809" s="5" t="s">
        <v>42</v>
      </c>
      <c r="U809" s="2">
        <v>2.0950000000000002</v>
      </c>
      <c r="V809" s="2">
        <v>1.593</v>
      </c>
      <c r="W809" s="2">
        <v>1.4999999999999999E-2</v>
      </c>
      <c r="X809" s="2">
        <v>118.9</v>
      </c>
      <c r="Y809" s="2">
        <v>7.6</v>
      </c>
      <c r="Z809" s="2">
        <v>16.7</v>
      </c>
      <c r="AA809" s="5"/>
      <c r="AB809" s="5" t="s">
        <v>43</v>
      </c>
      <c r="AC809" s="5" t="s">
        <v>44</v>
      </c>
      <c r="AD809" s="2"/>
      <c r="AE809" s="1"/>
    </row>
    <row r="810" spans="1:31" ht="14.45">
      <c r="A810" s="11"/>
      <c r="B810" s="20"/>
      <c r="C810" s="2" t="s">
        <v>2851</v>
      </c>
      <c r="D810" s="14" t="s">
        <v>2852</v>
      </c>
      <c r="E810" s="2" t="s">
        <v>2853</v>
      </c>
      <c r="F810" s="2" t="s">
        <v>1695</v>
      </c>
      <c r="G810" s="8">
        <v>130</v>
      </c>
      <c r="H810" s="5">
        <v>6</v>
      </c>
      <c r="I810" s="5" t="s">
        <v>1518</v>
      </c>
      <c r="J810" s="5" t="s">
        <v>1519</v>
      </c>
      <c r="K810" s="2" t="s">
        <v>1520</v>
      </c>
      <c r="L810" s="5" t="s">
        <v>1519</v>
      </c>
      <c r="M810" s="2" t="s">
        <v>1520</v>
      </c>
      <c r="N810" s="5" t="s">
        <v>1521</v>
      </c>
      <c r="O810" s="5" t="s">
        <v>38</v>
      </c>
      <c r="P810" s="5" t="s">
        <v>39</v>
      </c>
      <c r="Q810" s="5" t="s">
        <v>40</v>
      </c>
      <c r="R810" s="5" t="s">
        <v>1522</v>
      </c>
      <c r="S810" s="5" t="s">
        <v>1523</v>
      </c>
      <c r="T810" s="5" t="s">
        <v>42</v>
      </c>
      <c r="U810" s="2">
        <v>1.758</v>
      </c>
      <c r="V810" s="2">
        <v>1.337</v>
      </c>
      <c r="W810" s="2">
        <v>1.0999999999999999E-2</v>
      </c>
      <c r="X810" s="2">
        <v>82.9</v>
      </c>
      <c r="Y810" s="2">
        <v>7.6</v>
      </c>
      <c r="Z810" s="2">
        <v>16.7</v>
      </c>
      <c r="AA810" s="5"/>
      <c r="AB810" s="5" t="s">
        <v>43</v>
      </c>
      <c r="AC810" s="5" t="s">
        <v>44</v>
      </c>
      <c r="AD810" s="2"/>
      <c r="AE810" s="1"/>
    </row>
    <row r="811" spans="1:31" ht="14.45">
      <c r="A811" s="11"/>
      <c r="B811" s="20"/>
      <c r="C811" s="2" t="s">
        <v>2854</v>
      </c>
      <c r="D811" s="14" t="s">
        <v>2855</v>
      </c>
      <c r="E811" s="2" t="s">
        <v>2856</v>
      </c>
      <c r="F811" s="2" t="s">
        <v>1699</v>
      </c>
      <c r="G811" s="8">
        <v>130</v>
      </c>
      <c r="H811" s="5">
        <v>6</v>
      </c>
      <c r="I811" s="5" t="s">
        <v>1518</v>
      </c>
      <c r="J811" s="5" t="s">
        <v>1519</v>
      </c>
      <c r="K811" s="2" t="s">
        <v>1520</v>
      </c>
      <c r="L811" s="5" t="s">
        <v>1519</v>
      </c>
      <c r="M811" s="2" t="s">
        <v>1520</v>
      </c>
      <c r="N811" s="5" t="s">
        <v>1521</v>
      </c>
      <c r="O811" s="5" t="s">
        <v>38</v>
      </c>
      <c r="P811" s="5" t="s">
        <v>39</v>
      </c>
      <c r="Q811" s="5" t="s">
        <v>40</v>
      </c>
      <c r="R811" s="5" t="s">
        <v>1522</v>
      </c>
      <c r="S811" s="5" t="s">
        <v>1523</v>
      </c>
      <c r="T811" s="5" t="s">
        <v>42</v>
      </c>
      <c r="U811" s="2">
        <v>1.7929999999999999</v>
      </c>
      <c r="V811" s="2">
        <v>1.3720000000000001</v>
      </c>
      <c r="W811" s="2">
        <v>1.0999999999999999E-2</v>
      </c>
      <c r="X811" s="2">
        <v>82.9</v>
      </c>
      <c r="Y811" s="2">
        <v>7.6</v>
      </c>
      <c r="Z811" s="2">
        <v>16.7</v>
      </c>
      <c r="AA811" s="5"/>
      <c r="AB811" s="5" t="s">
        <v>43</v>
      </c>
      <c r="AC811" s="5" t="s">
        <v>44</v>
      </c>
      <c r="AD811" s="2"/>
      <c r="AE811" s="1"/>
    </row>
    <row r="812" spans="1:31" ht="14.45">
      <c r="A812" s="11"/>
      <c r="B812" s="20"/>
      <c r="C812" s="2" t="s">
        <v>2857</v>
      </c>
      <c r="D812" s="14" t="s">
        <v>2858</v>
      </c>
      <c r="E812" s="2" t="s">
        <v>2859</v>
      </c>
      <c r="F812" s="2" t="s">
        <v>1703</v>
      </c>
      <c r="G812" s="8">
        <v>130</v>
      </c>
      <c r="H812" s="5">
        <v>6</v>
      </c>
      <c r="I812" s="5" t="s">
        <v>1518</v>
      </c>
      <c r="J812" s="5" t="s">
        <v>1519</v>
      </c>
      <c r="K812" s="2" t="s">
        <v>1520</v>
      </c>
      <c r="L812" s="5" t="s">
        <v>1519</v>
      </c>
      <c r="M812" s="2" t="s">
        <v>1520</v>
      </c>
      <c r="N812" s="5" t="s">
        <v>1521</v>
      </c>
      <c r="O812" s="5" t="s">
        <v>38</v>
      </c>
      <c r="P812" s="5" t="s">
        <v>39</v>
      </c>
      <c r="Q812" s="5" t="s">
        <v>40</v>
      </c>
      <c r="R812" s="5" t="s">
        <v>1522</v>
      </c>
      <c r="S812" s="5" t="s">
        <v>1523</v>
      </c>
      <c r="T812" s="5" t="s">
        <v>42</v>
      </c>
      <c r="U812" s="2">
        <v>1.7629999999999999</v>
      </c>
      <c r="V812" s="2">
        <v>1.3420000000000001</v>
      </c>
      <c r="W812" s="2">
        <v>1.0999999999999999E-2</v>
      </c>
      <c r="X812" s="2">
        <v>82.9</v>
      </c>
      <c r="Y812" s="2">
        <v>7.6</v>
      </c>
      <c r="Z812" s="2">
        <v>16.7</v>
      </c>
      <c r="AA812" s="5"/>
      <c r="AB812" s="5" t="s">
        <v>43</v>
      </c>
      <c r="AC812" s="5" t="s">
        <v>44</v>
      </c>
      <c r="AD812" s="2"/>
      <c r="AE812" s="1"/>
    </row>
    <row r="813" spans="1:31" ht="14.45">
      <c r="A813" s="11"/>
      <c r="B813" s="20"/>
      <c r="C813" s="2" t="s">
        <v>2860</v>
      </c>
      <c r="D813" s="14" t="s">
        <v>2861</v>
      </c>
      <c r="E813" s="2" t="s">
        <v>2862</v>
      </c>
      <c r="F813" s="2" t="s">
        <v>1707</v>
      </c>
      <c r="G813" s="8">
        <v>130</v>
      </c>
      <c r="H813" s="5">
        <v>6</v>
      </c>
      <c r="I813" s="5" t="s">
        <v>1518</v>
      </c>
      <c r="J813" s="5" t="s">
        <v>1519</v>
      </c>
      <c r="K813" s="2" t="s">
        <v>1520</v>
      </c>
      <c r="L813" s="5" t="s">
        <v>1519</v>
      </c>
      <c r="M813" s="2" t="s">
        <v>1520</v>
      </c>
      <c r="N813" s="5" t="s">
        <v>1521</v>
      </c>
      <c r="O813" s="5" t="s">
        <v>38</v>
      </c>
      <c r="P813" s="5" t="s">
        <v>39</v>
      </c>
      <c r="Q813" s="5" t="s">
        <v>40</v>
      </c>
      <c r="R813" s="5" t="s">
        <v>1522</v>
      </c>
      <c r="S813" s="5" t="s">
        <v>1523</v>
      </c>
      <c r="T813" s="5" t="s">
        <v>42</v>
      </c>
      <c r="U813" s="2">
        <v>1.798</v>
      </c>
      <c r="V813" s="2">
        <v>1.377</v>
      </c>
      <c r="W813" s="2">
        <v>1.0999999999999999E-2</v>
      </c>
      <c r="X813" s="2">
        <v>82.9</v>
      </c>
      <c r="Y813" s="2">
        <v>7.6</v>
      </c>
      <c r="Z813" s="2">
        <v>16.7</v>
      </c>
      <c r="AA813" s="5"/>
      <c r="AB813" s="5" t="s">
        <v>43</v>
      </c>
      <c r="AC813" s="5" t="s">
        <v>44</v>
      </c>
      <c r="AD813" s="2"/>
      <c r="AE813" s="1"/>
    </row>
    <row r="814" spans="1:31" ht="14.45">
      <c r="A814" s="11"/>
      <c r="B814" s="20"/>
      <c r="C814" s="2" t="s">
        <v>2863</v>
      </c>
      <c r="D814" s="14" t="s">
        <v>2864</v>
      </c>
      <c r="E814" s="2" t="s">
        <v>2865</v>
      </c>
      <c r="F814" s="2" t="s">
        <v>1711</v>
      </c>
      <c r="G814" s="8">
        <v>130</v>
      </c>
      <c r="H814" s="5">
        <v>6</v>
      </c>
      <c r="I814" s="5" t="s">
        <v>1518</v>
      </c>
      <c r="J814" s="5" t="s">
        <v>1519</v>
      </c>
      <c r="K814" s="2" t="s">
        <v>1520</v>
      </c>
      <c r="L814" s="5" t="s">
        <v>1519</v>
      </c>
      <c r="M814" s="2" t="s">
        <v>1520</v>
      </c>
      <c r="N814" s="5" t="s">
        <v>1521</v>
      </c>
      <c r="O814" s="5" t="s">
        <v>38</v>
      </c>
      <c r="P814" s="5" t="s">
        <v>39</v>
      </c>
      <c r="Q814" s="5" t="s">
        <v>40</v>
      </c>
      <c r="R814" s="5" t="s">
        <v>1522</v>
      </c>
      <c r="S814" s="5" t="s">
        <v>1523</v>
      </c>
      <c r="T814" s="5" t="s">
        <v>42</v>
      </c>
      <c r="U814" s="2">
        <v>1.7629999999999999</v>
      </c>
      <c r="V814" s="2">
        <v>1.3420000000000001</v>
      </c>
      <c r="W814" s="2">
        <v>1.0999999999999999E-2</v>
      </c>
      <c r="X814" s="2">
        <v>82.9</v>
      </c>
      <c r="Y814" s="2">
        <v>7.6</v>
      </c>
      <c r="Z814" s="2">
        <v>16.7</v>
      </c>
      <c r="AA814" s="5"/>
      <c r="AB814" s="5" t="s">
        <v>43</v>
      </c>
      <c r="AC814" s="5" t="s">
        <v>44</v>
      </c>
      <c r="AD814" s="2"/>
      <c r="AE814" s="1"/>
    </row>
    <row r="815" spans="1:31" ht="14.45">
      <c r="A815" s="11"/>
      <c r="B815" s="20"/>
      <c r="C815" s="2" t="s">
        <v>2866</v>
      </c>
      <c r="D815" s="14" t="s">
        <v>2867</v>
      </c>
      <c r="E815" s="2" t="s">
        <v>2868</v>
      </c>
      <c r="F815" s="2" t="s">
        <v>1715</v>
      </c>
      <c r="G815" s="8">
        <v>130</v>
      </c>
      <c r="H815" s="5">
        <v>6</v>
      </c>
      <c r="I815" s="5" t="s">
        <v>1518</v>
      </c>
      <c r="J815" s="5" t="s">
        <v>1519</v>
      </c>
      <c r="K815" s="2" t="s">
        <v>1520</v>
      </c>
      <c r="L815" s="5" t="s">
        <v>1519</v>
      </c>
      <c r="M815" s="2" t="s">
        <v>1520</v>
      </c>
      <c r="N815" s="5" t="s">
        <v>1521</v>
      </c>
      <c r="O815" s="5" t="s">
        <v>38</v>
      </c>
      <c r="P815" s="5" t="s">
        <v>39</v>
      </c>
      <c r="Q815" s="5" t="s">
        <v>40</v>
      </c>
      <c r="R815" s="5" t="s">
        <v>1522</v>
      </c>
      <c r="S815" s="5" t="s">
        <v>1523</v>
      </c>
      <c r="T815" s="5" t="s">
        <v>42</v>
      </c>
      <c r="U815" s="2">
        <v>1.798</v>
      </c>
      <c r="V815" s="2">
        <v>1.377</v>
      </c>
      <c r="W815" s="2">
        <v>1.0999999999999999E-2</v>
      </c>
      <c r="X815" s="2">
        <v>82.9</v>
      </c>
      <c r="Y815" s="2">
        <v>7.6</v>
      </c>
      <c r="Z815" s="2">
        <v>16.7</v>
      </c>
      <c r="AA815" s="5"/>
      <c r="AB815" s="5" t="s">
        <v>43</v>
      </c>
      <c r="AC815" s="5" t="s">
        <v>44</v>
      </c>
      <c r="AD815" s="2"/>
      <c r="AE815" s="1"/>
    </row>
    <row r="816" spans="1:31" ht="14.45">
      <c r="A816" s="11"/>
      <c r="B816" s="20"/>
      <c r="C816" s="2" t="s">
        <v>2869</v>
      </c>
      <c r="D816" s="14" t="s">
        <v>2870</v>
      </c>
      <c r="E816" s="2" t="s">
        <v>2871</v>
      </c>
      <c r="F816" s="2" t="s">
        <v>1719</v>
      </c>
      <c r="G816" s="8">
        <v>130</v>
      </c>
      <c r="H816" s="5">
        <v>6</v>
      </c>
      <c r="I816" s="5" t="s">
        <v>1518</v>
      </c>
      <c r="J816" s="5" t="s">
        <v>1519</v>
      </c>
      <c r="K816" s="2" t="s">
        <v>1520</v>
      </c>
      <c r="L816" s="5" t="s">
        <v>1519</v>
      </c>
      <c r="M816" s="2" t="s">
        <v>1520</v>
      </c>
      <c r="N816" s="5" t="s">
        <v>1521</v>
      </c>
      <c r="O816" s="5" t="s">
        <v>38</v>
      </c>
      <c r="P816" s="5" t="s">
        <v>39</v>
      </c>
      <c r="Q816" s="5" t="s">
        <v>40</v>
      </c>
      <c r="R816" s="5" t="s">
        <v>1522</v>
      </c>
      <c r="S816" s="5" t="s">
        <v>1523</v>
      </c>
      <c r="T816" s="5" t="s">
        <v>42</v>
      </c>
      <c r="U816" s="2">
        <v>1.75</v>
      </c>
      <c r="V816" s="2">
        <v>1.329</v>
      </c>
      <c r="W816" s="2">
        <v>1.0999999999999999E-2</v>
      </c>
      <c r="X816" s="2">
        <v>82.9</v>
      </c>
      <c r="Y816" s="2">
        <v>7.6</v>
      </c>
      <c r="Z816" s="2">
        <v>16.7</v>
      </c>
      <c r="AA816" s="5"/>
      <c r="AB816" s="5" t="s">
        <v>43</v>
      </c>
      <c r="AC816" s="5" t="s">
        <v>44</v>
      </c>
      <c r="AD816" s="2"/>
      <c r="AE816" s="1"/>
    </row>
    <row r="817" spans="1:31" ht="14.45">
      <c r="A817" s="11"/>
      <c r="B817" s="20"/>
      <c r="C817" s="2" t="s">
        <v>2872</v>
      </c>
      <c r="D817" s="14" t="s">
        <v>2873</v>
      </c>
      <c r="E817" s="2" t="s">
        <v>2874</v>
      </c>
      <c r="F817" s="2" t="s">
        <v>1723</v>
      </c>
      <c r="G817" s="8">
        <v>130</v>
      </c>
      <c r="H817" s="5">
        <v>6</v>
      </c>
      <c r="I817" s="5" t="s">
        <v>1518</v>
      </c>
      <c r="J817" s="5" t="s">
        <v>1519</v>
      </c>
      <c r="K817" s="2" t="s">
        <v>1520</v>
      </c>
      <c r="L817" s="5" t="s">
        <v>1519</v>
      </c>
      <c r="M817" s="2" t="s">
        <v>1520</v>
      </c>
      <c r="N817" s="5" t="s">
        <v>1521</v>
      </c>
      <c r="O817" s="5" t="s">
        <v>38</v>
      </c>
      <c r="P817" s="5" t="s">
        <v>39</v>
      </c>
      <c r="Q817" s="5" t="s">
        <v>40</v>
      </c>
      <c r="R817" s="5" t="s">
        <v>1522</v>
      </c>
      <c r="S817" s="5" t="s">
        <v>1523</v>
      </c>
      <c r="T817" s="5" t="s">
        <v>42</v>
      </c>
      <c r="U817" s="2">
        <v>1.7849999999999999</v>
      </c>
      <c r="V817" s="2">
        <v>1.3640000000000001</v>
      </c>
      <c r="W817" s="2">
        <v>1.0999999999999999E-2</v>
      </c>
      <c r="X817" s="2">
        <v>82.9</v>
      </c>
      <c r="Y817" s="2">
        <v>7.6</v>
      </c>
      <c r="Z817" s="2">
        <v>16.7</v>
      </c>
      <c r="AA817" s="5"/>
      <c r="AB817" s="5" t="s">
        <v>43</v>
      </c>
      <c r="AC817" s="5" t="s">
        <v>44</v>
      </c>
      <c r="AD817" s="2"/>
      <c r="AE817" s="1"/>
    </row>
    <row r="818" spans="1:31" ht="14.45">
      <c r="A818" s="11"/>
      <c r="B818" s="20"/>
      <c r="C818" s="2" t="s">
        <v>2875</v>
      </c>
      <c r="D818" s="14" t="s">
        <v>2876</v>
      </c>
      <c r="E818" s="2" t="s">
        <v>2877</v>
      </c>
      <c r="F818" s="2" t="s">
        <v>1727</v>
      </c>
      <c r="G818" s="8">
        <v>150</v>
      </c>
      <c r="H818" s="5">
        <v>6</v>
      </c>
      <c r="I818" s="5" t="s">
        <v>1518</v>
      </c>
      <c r="J818" s="5" t="s">
        <v>1519</v>
      </c>
      <c r="K818" s="2" t="s">
        <v>1520</v>
      </c>
      <c r="L818" s="5" t="s">
        <v>1519</v>
      </c>
      <c r="M818" s="2" t="s">
        <v>1520</v>
      </c>
      <c r="N818" s="5" t="s">
        <v>1521</v>
      </c>
      <c r="O818" s="5" t="s">
        <v>38</v>
      </c>
      <c r="P818" s="5" t="s">
        <v>39</v>
      </c>
      <c r="Q818" s="5" t="s">
        <v>40</v>
      </c>
      <c r="R818" s="5" t="s">
        <v>1522</v>
      </c>
      <c r="S818" s="5" t="s">
        <v>1523</v>
      </c>
      <c r="T818" s="5" t="s">
        <v>42</v>
      </c>
      <c r="U818" s="2">
        <v>1.75</v>
      </c>
      <c r="V818" s="2">
        <v>1.329</v>
      </c>
      <c r="W818" s="2">
        <v>1.0999999999999999E-2</v>
      </c>
      <c r="X818" s="2">
        <v>82.9</v>
      </c>
      <c r="Y818" s="2">
        <v>7.6</v>
      </c>
      <c r="Z818" s="2">
        <v>16.7</v>
      </c>
      <c r="AA818" s="5"/>
      <c r="AB818" s="5" t="s">
        <v>43</v>
      </c>
      <c r="AC818" s="5" t="s">
        <v>44</v>
      </c>
      <c r="AD818" s="2"/>
      <c r="AE818" s="1"/>
    </row>
    <row r="819" spans="1:31" ht="14.45">
      <c r="A819" s="11"/>
      <c r="B819" s="20"/>
      <c r="C819" s="2" t="s">
        <v>2878</v>
      </c>
      <c r="D819" s="14" t="s">
        <v>2879</v>
      </c>
      <c r="E819" s="2" t="s">
        <v>2880</v>
      </c>
      <c r="F819" s="2" t="s">
        <v>1731</v>
      </c>
      <c r="G819" s="8">
        <v>150</v>
      </c>
      <c r="H819" s="5">
        <v>6</v>
      </c>
      <c r="I819" s="5" t="s">
        <v>1518</v>
      </c>
      <c r="J819" s="5" t="s">
        <v>1519</v>
      </c>
      <c r="K819" s="2" t="s">
        <v>1520</v>
      </c>
      <c r="L819" s="5" t="s">
        <v>1519</v>
      </c>
      <c r="M819" s="2" t="s">
        <v>1520</v>
      </c>
      <c r="N819" s="5" t="s">
        <v>1521</v>
      </c>
      <c r="O819" s="5" t="s">
        <v>38</v>
      </c>
      <c r="P819" s="5" t="s">
        <v>39</v>
      </c>
      <c r="Q819" s="5" t="s">
        <v>40</v>
      </c>
      <c r="R819" s="5" t="s">
        <v>1522</v>
      </c>
      <c r="S819" s="5" t="s">
        <v>1523</v>
      </c>
      <c r="T819" s="5" t="s">
        <v>42</v>
      </c>
      <c r="U819" s="2">
        <v>1.7849999999999999</v>
      </c>
      <c r="V819" s="2">
        <v>1.3640000000000001</v>
      </c>
      <c r="W819" s="2">
        <v>1.0999999999999999E-2</v>
      </c>
      <c r="X819" s="2">
        <v>82.9</v>
      </c>
      <c r="Y819" s="2">
        <v>7.6</v>
      </c>
      <c r="Z819" s="2">
        <v>16.7</v>
      </c>
      <c r="AA819" s="5"/>
      <c r="AB819" s="5" t="s">
        <v>43</v>
      </c>
      <c r="AC819" s="5" t="s">
        <v>44</v>
      </c>
      <c r="AD819" s="2"/>
      <c r="AE819" s="1"/>
    </row>
    <row r="820" spans="1:31" ht="14.45">
      <c r="A820" s="11"/>
      <c r="B820" s="20"/>
      <c r="C820" s="2" t="s">
        <v>2881</v>
      </c>
      <c r="D820" s="14" t="s">
        <v>2882</v>
      </c>
      <c r="E820" s="2" t="s">
        <v>2883</v>
      </c>
      <c r="F820" s="2" t="s">
        <v>1735</v>
      </c>
      <c r="G820" s="8">
        <v>150</v>
      </c>
      <c r="H820" s="5">
        <v>6</v>
      </c>
      <c r="I820" s="5" t="s">
        <v>1518</v>
      </c>
      <c r="J820" s="5" t="s">
        <v>1519</v>
      </c>
      <c r="K820" s="2" t="s">
        <v>1520</v>
      </c>
      <c r="L820" s="5" t="s">
        <v>1519</v>
      </c>
      <c r="M820" s="2" t="s">
        <v>1520</v>
      </c>
      <c r="N820" s="5" t="s">
        <v>1521</v>
      </c>
      <c r="O820" s="5" t="s">
        <v>38</v>
      </c>
      <c r="P820" s="5" t="s">
        <v>39</v>
      </c>
      <c r="Q820" s="5" t="s">
        <v>40</v>
      </c>
      <c r="R820" s="5" t="s">
        <v>1522</v>
      </c>
      <c r="S820" s="5" t="s">
        <v>1523</v>
      </c>
      <c r="T820" s="5" t="s">
        <v>42</v>
      </c>
      <c r="U820" s="2">
        <v>1.7629999999999999</v>
      </c>
      <c r="V820" s="2">
        <v>1.3420000000000001</v>
      </c>
      <c r="W820" s="2">
        <v>1.0999999999999999E-2</v>
      </c>
      <c r="X820" s="2">
        <v>82.9</v>
      </c>
      <c r="Y820" s="2">
        <v>7.6</v>
      </c>
      <c r="Z820" s="2">
        <v>16.7</v>
      </c>
      <c r="AA820" s="5"/>
      <c r="AB820" s="5" t="s">
        <v>43</v>
      </c>
      <c r="AC820" s="5" t="s">
        <v>44</v>
      </c>
      <c r="AD820" s="2"/>
      <c r="AE820" s="1"/>
    </row>
    <row r="821" spans="1:31" ht="14.45">
      <c r="A821" s="11"/>
      <c r="B821" s="20"/>
      <c r="C821" s="2" t="s">
        <v>2884</v>
      </c>
      <c r="D821" s="14" t="s">
        <v>2885</v>
      </c>
      <c r="E821" s="2" t="s">
        <v>2886</v>
      </c>
      <c r="F821" s="2" t="s">
        <v>1739</v>
      </c>
      <c r="G821" s="8">
        <v>150</v>
      </c>
      <c r="H821" s="5">
        <v>6</v>
      </c>
      <c r="I821" s="5" t="s">
        <v>1518</v>
      </c>
      <c r="J821" s="5" t="s">
        <v>1519</v>
      </c>
      <c r="K821" s="2" t="s">
        <v>1520</v>
      </c>
      <c r="L821" s="5" t="s">
        <v>1519</v>
      </c>
      <c r="M821" s="2" t="s">
        <v>1520</v>
      </c>
      <c r="N821" s="5" t="s">
        <v>1521</v>
      </c>
      <c r="O821" s="5" t="s">
        <v>38</v>
      </c>
      <c r="P821" s="5" t="s">
        <v>39</v>
      </c>
      <c r="Q821" s="5" t="s">
        <v>40</v>
      </c>
      <c r="R821" s="5" t="s">
        <v>1522</v>
      </c>
      <c r="S821" s="5" t="s">
        <v>1523</v>
      </c>
      <c r="T821" s="5" t="s">
        <v>42</v>
      </c>
      <c r="U821" s="2">
        <v>1.798</v>
      </c>
      <c r="V821" s="2">
        <v>1.377</v>
      </c>
      <c r="W821" s="2">
        <v>1.0999999999999999E-2</v>
      </c>
      <c r="X821" s="2">
        <v>82.9</v>
      </c>
      <c r="Y821" s="2">
        <v>7.6</v>
      </c>
      <c r="Z821" s="2">
        <v>16.7</v>
      </c>
      <c r="AA821" s="5"/>
      <c r="AB821" s="5" t="s">
        <v>43</v>
      </c>
      <c r="AC821" s="5" t="s">
        <v>44</v>
      </c>
      <c r="AD821" s="2"/>
      <c r="AE821" s="1"/>
    </row>
    <row r="822" spans="1:31" ht="14.45">
      <c r="A822" s="11"/>
      <c r="B822" s="20"/>
      <c r="C822" s="2" t="s">
        <v>2887</v>
      </c>
      <c r="D822" s="14" t="s">
        <v>2888</v>
      </c>
      <c r="E822" s="2" t="s">
        <v>2889</v>
      </c>
      <c r="F822" s="2" t="s">
        <v>1743</v>
      </c>
      <c r="G822" s="8">
        <v>150</v>
      </c>
      <c r="H822" s="5">
        <v>6</v>
      </c>
      <c r="I822" s="5" t="s">
        <v>1518</v>
      </c>
      <c r="J822" s="5" t="s">
        <v>1519</v>
      </c>
      <c r="K822" s="2" t="s">
        <v>1520</v>
      </c>
      <c r="L822" s="5" t="s">
        <v>1519</v>
      </c>
      <c r="M822" s="2" t="s">
        <v>1520</v>
      </c>
      <c r="N822" s="5" t="s">
        <v>1521</v>
      </c>
      <c r="O822" s="5" t="s">
        <v>38</v>
      </c>
      <c r="P822" s="5" t="s">
        <v>39</v>
      </c>
      <c r="Q822" s="5" t="s">
        <v>40</v>
      </c>
      <c r="R822" s="5" t="s">
        <v>1522</v>
      </c>
      <c r="S822" s="5" t="s">
        <v>1523</v>
      </c>
      <c r="T822" s="5" t="s">
        <v>42</v>
      </c>
      <c r="U822" s="2">
        <v>1.75</v>
      </c>
      <c r="V822" s="2">
        <v>1.329</v>
      </c>
      <c r="W822" s="2">
        <v>1.0999999999999999E-2</v>
      </c>
      <c r="X822" s="2">
        <v>82.9</v>
      </c>
      <c r="Y822" s="2">
        <v>7.6</v>
      </c>
      <c r="Z822" s="2">
        <v>16.7</v>
      </c>
      <c r="AA822" s="5"/>
      <c r="AB822" s="5" t="s">
        <v>43</v>
      </c>
      <c r="AC822" s="5" t="s">
        <v>44</v>
      </c>
      <c r="AD822" s="2"/>
      <c r="AE822" s="1"/>
    </row>
    <row r="823" spans="1:31" ht="14.45">
      <c r="A823" s="11"/>
      <c r="B823" s="20"/>
      <c r="C823" s="2" t="s">
        <v>2890</v>
      </c>
      <c r="D823" s="14" t="s">
        <v>2891</v>
      </c>
      <c r="E823" s="2" t="s">
        <v>2892</v>
      </c>
      <c r="F823" s="2" t="s">
        <v>1747</v>
      </c>
      <c r="G823" s="8">
        <v>150</v>
      </c>
      <c r="H823" s="5">
        <v>6</v>
      </c>
      <c r="I823" s="5" t="s">
        <v>1518</v>
      </c>
      <c r="J823" s="5" t="s">
        <v>1519</v>
      </c>
      <c r="K823" s="2" t="s">
        <v>1520</v>
      </c>
      <c r="L823" s="5" t="s">
        <v>1519</v>
      </c>
      <c r="M823" s="2" t="s">
        <v>1520</v>
      </c>
      <c r="N823" s="5" t="s">
        <v>1521</v>
      </c>
      <c r="O823" s="5" t="s">
        <v>38</v>
      </c>
      <c r="P823" s="5" t="s">
        <v>39</v>
      </c>
      <c r="Q823" s="5" t="s">
        <v>40</v>
      </c>
      <c r="R823" s="5" t="s">
        <v>1522</v>
      </c>
      <c r="S823" s="5" t="s">
        <v>1523</v>
      </c>
      <c r="T823" s="5" t="s">
        <v>42</v>
      </c>
      <c r="U823" s="2">
        <v>1.7849999999999999</v>
      </c>
      <c r="V823" s="2">
        <v>1.3640000000000001</v>
      </c>
      <c r="W823" s="2">
        <v>1.0999999999999999E-2</v>
      </c>
      <c r="X823" s="2">
        <v>82.9</v>
      </c>
      <c r="Y823" s="2">
        <v>7.6</v>
      </c>
      <c r="Z823" s="2">
        <v>16.7</v>
      </c>
      <c r="AA823" s="5"/>
      <c r="AB823" s="5" t="s">
        <v>43</v>
      </c>
      <c r="AC823" s="5" t="s">
        <v>44</v>
      </c>
      <c r="AD823" s="2"/>
      <c r="AE823" s="1"/>
    </row>
    <row r="824" spans="1:31" ht="14.45">
      <c r="A824" s="11"/>
      <c r="B824" s="20"/>
      <c r="C824" s="2" t="s">
        <v>2893</v>
      </c>
      <c r="D824" s="14" t="s">
        <v>2894</v>
      </c>
      <c r="E824" s="2" t="s">
        <v>2895</v>
      </c>
      <c r="F824" s="2" t="s">
        <v>1751</v>
      </c>
      <c r="G824" s="8">
        <v>150</v>
      </c>
      <c r="H824" s="5">
        <v>6</v>
      </c>
      <c r="I824" s="5" t="s">
        <v>1518</v>
      </c>
      <c r="J824" s="5" t="s">
        <v>1519</v>
      </c>
      <c r="K824" s="2" t="s">
        <v>1520</v>
      </c>
      <c r="L824" s="5" t="s">
        <v>1519</v>
      </c>
      <c r="M824" s="2" t="s">
        <v>1520</v>
      </c>
      <c r="N824" s="5" t="s">
        <v>1521</v>
      </c>
      <c r="O824" s="5" t="s">
        <v>38</v>
      </c>
      <c r="P824" s="5" t="s">
        <v>39</v>
      </c>
      <c r="Q824" s="5" t="s">
        <v>40</v>
      </c>
      <c r="R824" s="5" t="s">
        <v>1522</v>
      </c>
      <c r="S824" s="5" t="s">
        <v>1523</v>
      </c>
      <c r="T824" s="5" t="s">
        <v>42</v>
      </c>
      <c r="U824" s="2">
        <v>1.75</v>
      </c>
      <c r="V824" s="2">
        <v>1.329</v>
      </c>
      <c r="W824" s="2">
        <v>1.0999999999999999E-2</v>
      </c>
      <c r="X824" s="2">
        <v>82.9</v>
      </c>
      <c r="Y824" s="2">
        <v>7.6</v>
      </c>
      <c r="Z824" s="2">
        <v>16.7</v>
      </c>
      <c r="AA824" s="5"/>
      <c r="AB824" s="5" t="s">
        <v>43</v>
      </c>
      <c r="AC824" s="5" t="s">
        <v>44</v>
      </c>
      <c r="AD824" s="2"/>
      <c r="AE824" s="1"/>
    </row>
    <row r="825" spans="1:31" ht="14.45">
      <c r="A825" s="11"/>
      <c r="B825" s="20"/>
      <c r="C825" s="2" t="s">
        <v>2896</v>
      </c>
      <c r="D825" s="14" t="s">
        <v>2897</v>
      </c>
      <c r="E825" s="2" t="s">
        <v>2898</v>
      </c>
      <c r="F825" s="2" t="s">
        <v>1755</v>
      </c>
      <c r="G825" s="8">
        <v>150</v>
      </c>
      <c r="H825" s="5">
        <v>6</v>
      </c>
      <c r="I825" s="5" t="s">
        <v>1518</v>
      </c>
      <c r="J825" s="5" t="s">
        <v>1519</v>
      </c>
      <c r="K825" s="2" t="s">
        <v>1520</v>
      </c>
      <c r="L825" s="5" t="s">
        <v>1519</v>
      </c>
      <c r="M825" s="2" t="s">
        <v>1520</v>
      </c>
      <c r="N825" s="5" t="s">
        <v>1521</v>
      </c>
      <c r="O825" s="5" t="s">
        <v>38</v>
      </c>
      <c r="P825" s="5" t="s">
        <v>39</v>
      </c>
      <c r="Q825" s="5" t="s">
        <v>40</v>
      </c>
      <c r="R825" s="5" t="s">
        <v>1522</v>
      </c>
      <c r="S825" s="5" t="s">
        <v>1523</v>
      </c>
      <c r="T825" s="5" t="s">
        <v>42</v>
      </c>
      <c r="U825" s="2">
        <v>1.7849999999999999</v>
      </c>
      <c r="V825" s="2">
        <v>1.3640000000000001</v>
      </c>
      <c r="W825" s="2">
        <v>1.0999999999999999E-2</v>
      </c>
      <c r="X825" s="2">
        <v>82.9</v>
      </c>
      <c r="Y825" s="2">
        <v>7.6</v>
      </c>
      <c r="Z825" s="2">
        <v>16.7</v>
      </c>
      <c r="AA825" s="5"/>
      <c r="AB825" s="5" t="s">
        <v>43</v>
      </c>
      <c r="AC825" s="5" t="s">
        <v>44</v>
      </c>
      <c r="AD825" s="2"/>
      <c r="AE825" s="1"/>
    </row>
    <row r="826" spans="1:31" ht="14.45">
      <c r="A826" s="11"/>
      <c r="B826" s="20"/>
      <c r="C826" s="2" t="s">
        <v>2899</v>
      </c>
      <c r="D826" s="14" t="s">
        <v>2900</v>
      </c>
      <c r="E826" s="2" t="s">
        <v>2901</v>
      </c>
      <c r="F826" s="2" t="s">
        <v>1759</v>
      </c>
      <c r="G826" s="8">
        <v>150</v>
      </c>
      <c r="H826" s="5">
        <v>6</v>
      </c>
      <c r="I826" s="5" t="s">
        <v>1518</v>
      </c>
      <c r="J826" s="5" t="s">
        <v>1519</v>
      </c>
      <c r="K826" s="2" t="s">
        <v>1520</v>
      </c>
      <c r="L826" s="5" t="s">
        <v>1519</v>
      </c>
      <c r="M826" s="2" t="s">
        <v>1520</v>
      </c>
      <c r="N826" s="5" t="s">
        <v>1521</v>
      </c>
      <c r="O826" s="5" t="s">
        <v>38</v>
      </c>
      <c r="P826" s="5" t="s">
        <v>39</v>
      </c>
      <c r="Q826" s="5" t="s">
        <v>40</v>
      </c>
      <c r="R826" s="5" t="s">
        <v>1522</v>
      </c>
      <c r="S826" s="5" t="s">
        <v>1523</v>
      </c>
      <c r="T826" s="5" t="s">
        <v>42</v>
      </c>
      <c r="U826" s="2">
        <v>1.7629999999999999</v>
      </c>
      <c r="V826" s="2">
        <v>1.3420000000000001</v>
      </c>
      <c r="W826" s="2">
        <v>1.0999999999999999E-2</v>
      </c>
      <c r="X826" s="2">
        <v>82.9</v>
      </c>
      <c r="Y826" s="2">
        <v>7.6</v>
      </c>
      <c r="Z826" s="2">
        <v>16.7</v>
      </c>
      <c r="AA826" s="5"/>
      <c r="AB826" s="5" t="s">
        <v>43</v>
      </c>
      <c r="AC826" s="5" t="s">
        <v>44</v>
      </c>
      <c r="AD826" s="2"/>
      <c r="AE826" s="1"/>
    </row>
    <row r="827" spans="1:31" ht="14.45">
      <c r="A827" s="11"/>
      <c r="B827" s="20"/>
      <c r="C827" s="2" t="s">
        <v>2902</v>
      </c>
      <c r="D827" s="14" t="s">
        <v>2903</v>
      </c>
      <c r="E827" s="2" t="s">
        <v>2904</v>
      </c>
      <c r="F827" s="2" t="s">
        <v>1763</v>
      </c>
      <c r="G827" s="8">
        <v>150</v>
      </c>
      <c r="H827" s="5">
        <v>6</v>
      </c>
      <c r="I827" s="5" t="s">
        <v>1518</v>
      </c>
      <c r="J827" s="5" t="s">
        <v>1519</v>
      </c>
      <c r="K827" s="2" t="s">
        <v>1520</v>
      </c>
      <c r="L827" s="5" t="s">
        <v>1519</v>
      </c>
      <c r="M827" s="2" t="s">
        <v>1520</v>
      </c>
      <c r="N827" s="5" t="s">
        <v>1521</v>
      </c>
      <c r="O827" s="5" t="s">
        <v>38</v>
      </c>
      <c r="P827" s="5" t="s">
        <v>39</v>
      </c>
      <c r="Q827" s="5" t="s">
        <v>40</v>
      </c>
      <c r="R827" s="5" t="s">
        <v>1522</v>
      </c>
      <c r="S827" s="5" t="s">
        <v>1523</v>
      </c>
      <c r="T827" s="5" t="s">
        <v>42</v>
      </c>
      <c r="U827" s="2">
        <v>1.798</v>
      </c>
      <c r="V827" s="2">
        <v>1.377</v>
      </c>
      <c r="W827" s="2">
        <v>1.0999999999999999E-2</v>
      </c>
      <c r="X827" s="2">
        <v>82.9</v>
      </c>
      <c r="Y827" s="2">
        <v>7.6</v>
      </c>
      <c r="Z827" s="2">
        <v>16.7</v>
      </c>
      <c r="AA827" s="5"/>
      <c r="AB827" s="5" t="s">
        <v>43</v>
      </c>
      <c r="AC827" s="5" t="s">
        <v>44</v>
      </c>
      <c r="AD827" s="2"/>
      <c r="AE827" s="1"/>
    </row>
    <row r="828" spans="1:31" ht="14.45">
      <c r="A828" s="11"/>
      <c r="B828" s="20"/>
      <c r="C828" s="2" t="s">
        <v>2905</v>
      </c>
      <c r="D828" s="14" t="s">
        <v>2906</v>
      </c>
      <c r="E828" s="2" t="s">
        <v>2907</v>
      </c>
      <c r="F828" s="2" t="s">
        <v>1767</v>
      </c>
      <c r="G828" s="8">
        <v>150</v>
      </c>
      <c r="H828" s="5">
        <v>6</v>
      </c>
      <c r="I828" s="5" t="s">
        <v>1518</v>
      </c>
      <c r="J828" s="5" t="s">
        <v>1519</v>
      </c>
      <c r="K828" s="2" t="s">
        <v>1520</v>
      </c>
      <c r="L828" s="5" t="s">
        <v>1519</v>
      </c>
      <c r="M828" s="2" t="s">
        <v>1520</v>
      </c>
      <c r="N828" s="5" t="s">
        <v>1521</v>
      </c>
      <c r="O828" s="5" t="s">
        <v>38</v>
      </c>
      <c r="P828" s="5" t="s">
        <v>39</v>
      </c>
      <c r="Q828" s="5" t="s">
        <v>40</v>
      </c>
      <c r="R828" s="5" t="s">
        <v>1522</v>
      </c>
      <c r="S828" s="5" t="s">
        <v>1523</v>
      </c>
      <c r="T828" s="5" t="s">
        <v>42</v>
      </c>
      <c r="U828" s="2">
        <v>1.7629999999999999</v>
      </c>
      <c r="V828" s="2">
        <v>1.3420000000000001</v>
      </c>
      <c r="W828" s="2">
        <v>1.0999999999999999E-2</v>
      </c>
      <c r="X828" s="2">
        <v>82.9</v>
      </c>
      <c r="Y828" s="2">
        <v>7.6</v>
      </c>
      <c r="Z828" s="2">
        <v>16.7</v>
      </c>
      <c r="AA828" s="5"/>
      <c r="AB828" s="5" t="s">
        <v>43</v>
      </c>
      <c r="AC828" s="5" t="s">
        <v>44</v>
      </c>
      <c r="AD828" s="2"/>
      <c r="AE828" s="1"/>
    </row>
    <row r="829" spans="1:31" ht="14.45">
      <c r="A829" s="11"/>
      <c r="B829" s="20"/>
      <c r="C829" s="2" t="s">
        <v>2908</v>
      </c>
      <c r="D829" s="14" t="s">
        <v>2909</v>
      </c>
      <c r="E829" s="2" t="s">
        <v>2910</v>
      </c>
      <c r="F829" s="2" t="s">
        <v>1771</v>
      </c>
      <c r="G829" s="8">
        <v>150</v>
      </c>
      <c r="H829" s="5">
        <v>6</v>
      </c>
      <c r="I829" s="5" t="s">
        <v>1518</v>
      </c>
      <c r="J829" s="5" t="s">
        <v>1519</v>
      </c>
      <c r="K829" s="2" t="s">
        <v>1520</v>
      </c>
      <c r="L829" s="5" t="s">
        <v>1519</v>
      </c>
      <c r="M829" s="2" t="s">
        <v>1520</v>
      </c>
      <c r="N829" s="5" t="s">
        <v>1521</v>
      </c>
      <c r="O829" s="5" t="s">
        <v>38</v>
      </c>
      <c r="P829" s="5" t="s">
        <v>39</v>
      </c>
      <c r="Q829" s="5" t="s">
        <v>40</v>
      </c>
      <c r="R829" s="5" t="s">
        <v>1522</v>
      </c>
      <c r="S829" s="5" t="s">
        <v>1523</v>
      </c>
      <c r="T829" s="5" t="s">
        <v>42</v>
      </c>
      <c r="U829" s="2">
        <v>1.798</v>
      </c>
      <c r="V829" s="2">
        <v>1.377</v>
      </c>
      <c r="W829" s="2">
        <v>1.0999999999999999E-2</v>
      </c>
      <c r="X829" s="2">
        <v>82.9</v>
      </c>
      <c r="Y829" s="2">
        <v>7.6</v>
      </c>
      <c r="Z829" s="2">
        <v>16.7</v>
      </c>
      <c r="AA829" s="5"/>
      <c r="AB829" s="5" t="s">
        <v>43</v>
      </c>
      <c r="AC829" s="5" t="s">
        <v>44</v>
      </c>
      <c r="AD829" s="2"/>
      <c r="AE829" s="1"/>
    </row>
    <row r="830" spans="1:31" ht="14.45">
      <c r="A830" s="11"/>
      <c r="B830" s="20"/>
      <c r="C830" s="2" t="s">
        <v>2911</v>
      </c>
      <c r="D830" s="14" t="s">
        <v>2912</v>
      </c>
      <c r="E830" s="2" t="s">
        <v>2913</v>
      </c>
      <c r="F830" s="2" t="s">
        <v>1775</v>
      </c>
      <c r="G830" s="8">
        <v>150</v>
      </c>
      <c r="H830" s="5">
        <v>6</v>
      </c>
      <c r="I830" s="5" t="s">
        <v>1518</v>
      </c>
      <c r="J830" s="5" t="s">
        <v>1519</v>
      </c>
      <c r="K830" s="2" t="s">
        <v>1520</v>
      </c>
      <c r="L830" s="5" t="s">
        <v>1519</v>
      </c>
      <c r="M830" s="2" t="s">
        <v>1520</v>
      </c>
      <c r="N830" s="5" t="s">
        <v>1521</v>
      </c>
      <c r="O830" s="5" t="s">
        <v>38</v>
      </c>
      <c r="P830" s="5" t="s">
        <v>39</v>
      </c>
      <c r="Q830" s="5" t="s">
        <v>40</v>
      </c>
      <c r="R830" s="5" t="s">
        <v>1522</v>
      </c>
      <c r="S830" s="5" t="s">
        <v>1523</v>
      </c>
      <c r="T830" s="5" t="s">
        <v>42</v>
      </c>
      <c r="U830" s="2">
        <v>1.7629999999999999</v>
      </c>
      <c r="V830" s="2">
        <v>1.3420000000000001</v>
      </c>
      <c r="W830" s="2">
        <v>1.0999999999999999E-2</v>
      </c>
      <c r="X830" s="2">
        <v>82.9</v>
      </c>
      <c r="Y830" s="2">
        <v>7.6</v>
      </c>
      <c r="Z830" s="2">
        <v>16.7</v>
      </c>
      <c r="AA830" s="5"/>
      <c r="AB830" s="5" t="s">
        <v>43</v>
      </c>
      <c r="AC830" s="5" t="s">
        <v>44</v>
      </c>
      <c r="AD830" s="2"/>
      <c r="AE830" s="1"/>
    </row>
    <row r="831" spans="1:31" ht="14.45">
      <c r="A831" s="11"/>
      <c r="B831" s="20"/>
      <c r="C831" s="2" t="s">
        <v>2914</v>
      </c>
      <c r="D831" s="14" t="s">
        <v>2915</v>
      </c>
      <c r="E831" s="2" t="s">
        <v>2916</v>
      </c>
      <c r="F831" s="2" t="s">
        <v>1779</v>
      </c>
      <c r="G831" s="8">
        <v>150</v>
      </c>
      <c r="H831" s="5">
        <v>6</v>
      </c>
      <c r="I831" s="5" t="s">
        <v>1518</v>
      </c>
      <c r="J831" s="5" t="s">
        <v>1519</v>
      </c>
      <c r="K831" s="2" t="s">
        <v>1520</v>
      </c>
      <c r="L831" s="5" t="s">
        <v>1519</v>
      </c>
      <c r="M831" s="2" t="s">
        <v>1520</v>
      </c>
      <c r="N831" s="5" t="s">
        <v>1521</v>
      </c>
      <c r="O831" s="5" t="s">
        <v>38</v>
      </c>
      <c r="P831" s="5" t="s">
        <v>39</v>
      </c>
      <c r="Q831" s="5" t="s">
        <v>40</v>
      </c>
      <c r="R831" s="5" t="s">
        <v>1522</v>
      </c>
      <c r="S831" s="5" t="s">
        <v>1523</v>
      </c>
      <c r="T831" s="5" t="s">
        <v>42</v>
      </c>
      <c r="U831" s="2">
        <v>1.798</v>
      </c>
      <c r="V831" s="2">
        <v>1.377</v>
      </c>
      <c r="W831" s="2">
        <v>1.0999999999999999E-2</v>
      </c>
      <c r="X831" s="2">
        <v>82.9</v>
      </c>
      <c r="Y831" s="2">
        <v>7.6</v>
      </c>
      <c r="Z831" s="2">
        <v>16.7</v>
      </c>
      <c r="AA831" s="5"/>
      <c r="AB831" s="5" t="s">
        <v>43</v>
      </c>
      <c r="AC831" s="5" t="s">
        <v>44</v>
      </c>
      <c r="AD831" s="2"/>
      <c r="AE831" s="1"/>
    </row>
    <row r="832" spans="1:31" ht="14.45">
      <c r="A832" s="11"/>
      <c r="B832" s="20"/>
      <c r="C832" s="2" t="s">
        <v>2917</v>
      </c>
      <c r="D832" s="14" t="s">
        <v>2918</v>
      </c>
      <c r="E832" s="2" t="s">
        <v>2919</v>
      </c>
      <c r="F832" s="2" t="s">
        <v>1783</v>
      </c>
      <c r="G832" s="8">
        <v>150</v>
      </c>
      <c r="H832" s="5">
        <v>6</v>
      </c>
      <c r="I832" s="5" t="s">
        <v>1518</v>
      </c>
      <c r="J832" s="5" t="s">
        <v>1519</v>
      </c>
      <c r="K832" s="2" t="s">
        <v>1520</v>
      </c>
      <c r="L832" s="5" t="s">
        <v>1519</v>
      </c>
      <c r="M832" s="2" t="s">
        <v>1520</v>
      </c>
      <c r="N832" s="5" t="s">
        <v>1521</v>
      </c>
      <c r="O832" s="5" t="s">
        <v>38</v>
      </c>
      <c r="P832" s="5" t="s">
        <v>39</v>
      </c>
      <c r="Q832" s="5" t="s">
        <v>40</v>
      </c>
      <c r="R832" s="5" t="s">
        <v>1522</v>
      </c>
      <c r="S832" s="5" t="s">
        <v>1523</v>
      </c>
      <c r="T832" s="5" t="s">
        <v>42</v>
      </c>
      <c r="U832" s="2">
        <v>1.75</v>
      </c>
      <c r="V832" s="2">
        <v>1.329</v>
      </c>
      <c r="W832" s="2">
        <v>1.0999999999999999E-2</v>
      </c>
      <c r="X832" s="2">
        <v>82.9</v>
      </c>
      <c r="Y832" s="2">
        <v>7.6</v>
      </c>
      <c r="Z832" s="2">
        <v>16.7</v>
      </c>
      <c r="AA832" s="5"/>
      <c r="AB832" s="5" t="s">
        <v>43</v>
      </c>
      <c r="AC832" s="5" t="s">
        <v>44</v>
      </c>
      <c r="AD832" s="2"/>
      <c r="AE832" s="1"/>
    </row>
    <row r="833" spans="1:31" ht="14.45">
      <c r="A833" s="11"/>
      <c r="B833" s="20"/>
      <c r="C833" s="2" t="s">
        <v>2920</v>
      </c>
      <c r="D833" s="14" t="s">
        <v>2921</v>
      </c>
      <c r="E833" s="2" t="s">
        <v>2922</v>
      </c>
      <c r="F833" s="2" t="s">
        <v>1787</v>
      </c>
      <c r="G833" s="8">
        <v>150</v>
      </c>
      <c r="H833" s="5">
        <v>6</v>
      </c>
      <c r="I833" s="5" t="s">
        <v>1518</v>
      </c>
      <c r="J833" s="5" t="s">
        <v>1519</v>
      </c>
      <c r="K833" s="2" t="s">
        <v>1520</v>
      </c>
      <c r="L833" s="5" t="s">
        <v>1519</v>
      </c>
      <c r="M833" s="2" t="s">
        <v>1520</v>
      </c>
      <c r="N833" s="5" t="s">
        <v>1521</v>
      </c>
      <c r="O833" s="5" t="s">
        <v>38</v>
      </c>
      <c r="P833" s="5" t="s">
        <v>39</v>
      </c>
      <c r="Q833" s="5" t="s">
        <v>40</v>
      </c>
      <c r="R833" s="5" t="s">
        <v>1522</v>
      </c>
      <c r="S833" s="5" t="s">
        <v>1523</v>
      </c>
      <c r="T833" s="5" t="s">
        <v>42</v>
      </c>
      <c r="U833" s="2">
        <v>1.7849999999999999</v>
      </c>
      <c r="V833" s="2">
        <v>1.3640000000000001</v>
      </c>
      <c r="W833" s="2">
        <v>1.0999999999999999E-2</v>
      </c>
      <c r="X833" s="2">
        <v>82.9</v>
      </c>
      <c r="Y833" s="2">
        <v>7.6</v>
      </c>
      <c r="Z833" s="2">
        <v>16.7</v>
      </c>
      <c r="AA833" s="5"/>
      <c r="AB833" s="5" t="s">
        <v>43</v>
      </c>
      <c r="AC833" s="5" t="s">
        <v>44</v>
      </c>
      <c r="AD833" s="2"/>
      <c r="AE833" s="1"/>
    </row>
    <row r="834" spans="1:31" ht="14.45">
      <c r="A834" s="11"/>
      <c r="B834" s="20"/>
      <c r="C834" s="2" t="s">
        <v>2923</v>
      </c>
      <c r="D834" s="14" t="s">
        <v>2924</v>
      </c>
      <c r="E834" s="2" t="s">
        <v>2925</v>
      </c>
      <c r="F834" s="2" t="s">
        <v>1791</v>
      </c>
      <c r="G834" s="8">
        <v>150</v>
      </c>
      <c r="H834" s="5">
        <v>6</v>
      </c>
      <c r="I834" s="5" t="s">
        <v>1518</v>
      </c>
      <c r="J834" s="5" t="s">
        <v>1519</v>
      </c>
      <c r="K834" s="2" t="s">
        <v>1520</v>
      </c>
      <c r="L834" s="5" t="s">
        <v>1519</v>
      </c>
      <c r="M834" s="2" t="s">
        <v>1520</v>
      </c>
      <c r="N834" s="5" t="s">
        <v>1521</v>
      </c>
      <c r="O834" s="5" t="s">
        <v>38</v>
      </c>
      <c r="P834" s="5" t="s">
        <v>39</v>
      </c>
      <c r="Q834" s="5" t="s">
        <v>40</v>
      </c>
      <c r="R834" s="5" t="s">
        <v>1522</v>
      </c>
      <c r="S834" s="5" t="s">
        <v>1523</v>
      </c>
      <c r="T834" s="5" t="s">
        <v>42</v>
      </c>
      <c r="U834" s="2">
        <v>1.7629999999999999</v>
      </c>
      <c r="V834" s="2">
        <v>1.3420000000000001</v>
      </c>
      <c r="W834" s="2">
        <v>1.0999999999999999E-2</v>
      </c>
      <c r="X834" s="2">
        <v>82.9</v>
      </c>
      <c r="Y834" s="2">
        <v>7.6</v>
      </c>
      <c r="Z834" s="2">
        <v>16.7</v>
      </c>
      <c r="AA834" s="5"/>
      <c r="AB834" s="5" t="s">
        <v>43</v>
      </c>
      <c r="AC834" s="5" t="s">
        <v>44</v>
      </c>
      <c r="AD834" s="2"/>
      <c r="AE834" s="1"/>
    </row>
    <row r="835" spans="1:31" ht="14.45">
      <c r="A835" s="11"/>
      <c r="B835" s="20"/>
      <c r="C835" s="2" t="s">
        <v>2926</v>
      </c>
      <c r="D835" s="14" t="s">
        <v>2927</v>
      </c>
      <c r="E835" s="2" t="s">
        <v>2928</v>
      </c>
      <c r="F835" s="2" t="s">
        <v>1795</v>
      </c>
      <c r="G835" s="8">
        <v>150</v>
      </c>
      <c r="H835" s="5">
        <v>6</v>
      </c>
      <c r="I835" s="5" t="s">
        <v>1518</v>
      </c>
      <c r="J835" s="5" t="s">
        <v>1519</v>
      </c>
      <c r="K835" s="2" t="s">
        <v>1520</v>
      </c>
      <c r="L835" s="5" t="s">
        <v>1519</v>
      </c>
      <c r="M835" s="2" t="s">
        <v>1520</v>
      </c>
      <c r="N835" s="5" t="s">
        <v>1521</v>
      </c>
      <c r="O835" s="5" t="s">
        <v>38</v>
      </c>
      <c r="P835" s="5" t="s">
        <v>39</v>
      </c>
      <c r="Q835" s="5" t="s">
        <v>40</v>
      </c>
      <c r="R835" s="5" t="s">
        <v>1522</v>
      </c>
      <c r="S835" s="5" t="s">
        <v>1523</v>
      </c>
      <c r="T835" s="5" t="s">
        <v>42</v>
      </c>
      <c r="U835" s="2">
        <v>1.798</v>
      </c>
      <c r="V835" s="2">
        <v>1.377</v>
      </c>
      <c r="W835" s="2">
        <v>1.0999999999999999E-2</v>
      </c>
      <c r="X835" s="2">
        <v>82.9</v>
      </c>
      <c r="Y835" s="2">
        <v>7.6</v>
      </c>
      <c r="Z835" s="2">
        <v>16.7</v>
      </c>
      <c r="AA835" s="5"/>
      <c r="AB835" s="5" t="s">
        <v>43</v>
      </c>
      <c r="AC835" s="5" t="s">
        <v>44</v>
      </c>
      <c r="AD835" s="2"/>
      <c r="AE835" s="1"/>
    </row>
    <row r="836" spans="1:31" ht="14.45">
      <c r="A836" s="11"/>
      <c r="B836" s="20"/>
      <c r="C836" s="2" t="s">
        <v>2929</v>
      </c>
      <c r="D836" s="14" t="s">
        <v>2930</v>
      </c>
      <c r="E836" s="2" t="s">
        <v>2931</v>
      </c>
      <c r="F836" s="2" t="s">
        <v>1799</v>
      </c>
      <c r="G836" s="8">
        <v>150</v>
      </c>
      <c r="H836" s="5">
        <v>6</v>
      </c>
      <c r="I836" s="5" t="s">
        <v>1518</v>
      </c>
      <c r="J836" s="5" t="s">
        <v>1519</v>
      </c>
      <c r="K836" s="2" t="s">
        <v>1520</v>
      </c>
      <c r="L836" s="5" t="s">
        <v>1519</v>
      </c>
      <c r="M836" s="2" t="s">
        <v>1520</v>
      </c>
      <c r="N836" s="5" t="s">
        <v>1521</v>
      </c>
      <c r="O836" s="5" t="s">
        <v>38</v>
      </c>
      <c r="P836" s="5" t="s">
        <v>39</v>
      </c>
      <c r="Q836" s="5" t="s">
        <v>40</v>
      </c>
      <c r="R836" s="5" t="s">
        <v>1522</v>
      </c>
      <c r="S836" s="5" t="s">
        <v>1523</v>
      </c>
      <c r="T836" s="5" t="s">
        <v>42</v>
      </c>
      <c r="U836" s="2">
        <v>1.7629999999999999</v>
      </c>
      <c r="V836" s="2">
        <v>1.3420000000000001</v>
      </c>
      <c r="W836" s="2">
        <v>1.0999999999999999E-2</v>
      </c>
      <c r="X836" s="2">
        <v>82.9</v>
      </c>
      <c r="Y836" s="2">
        <v>7.6</v>
      </c>
      <c r="Z836" s="2">
        <v>16.7</v>
      </c>
      <c r="AA836" s="5"/>
      <c r="AB836" s="5" t="s">
        <v>43</v>
      </c>
      <c r="AC836" s="5" t="s">
        <v>44</v>
      </c>
      <c r="AD836" s="2"/>
      <c r="AE836" s="1"/>
    </row>
    <row r="837" spans="1:31" ht="14.45">
      <c r="A837" s="11"/>
      <c r="B837" s="20"/>
      <c r="C837" s="2" t="s">
        <v>2932</v>
      </c>
      <c r="D837" s="14" t="s">
        <v>2933</v>
      </c>
      <c r="E837" s="2" t="s">
        <v>2934</v>
      </c>
      <c r="F837" s="2" t="s">
        <v>1803</v>
      </c>
      <c r="G837" s="8">
        <v>150</v>
      </c>
      <c r="H837" s="5">
        <v>6</v>
      </c>
      <c r="I837" s="5" t="s">
        <v>1518</v>
      </c>
      <c r="J837" s="5" t="s">
        <v>1519</v>
      </c>
      <c r="K837" s="2" t="s">
        <v>1520</v>
      </c>
      <c r="L837" s="5" t="s">
        <v>1519</v>
      </c>
      <c r="M837" s="2" t="s">
        <v>1520</v>
      </c>
      <c r="N837" s="5" t="s">
        <v>1521</v>
      </c>
      <c r="O837" s="5" t="s">
        <v>38</v>
      </c>
      <c r="P837" s="5" t="s">
        <v>39</v>
      </c>
      <c r="Q837" s="5" t="s">
        <v>40</v>
      </c>
      <c r="R837" s="5" t="s">
        <v>1522</v>
      </c>
      <c r="S837" s="5" t="s">
        <v>1523</v>
      </c>
      <c r="T837" s="5" t="s">
        <v>42</v>
      </c>
      <c r="U837" s="2">
        <v>1.798</v>
      </c>
      <c r="V837" s="2">
        <v>1.377</v>
      </c>
      <c r="W837" s="2">
        <v>1.0999999999999999E-2</v>
      </c>
      <c r="X837" s="2">
        <v>82.9</v>
      </c>
      <c r="Y837" s="2">
        <v>7.6</v>
      </c>
      <c r="Z837" s="2">
        <v>16.7</v>
      </c>
      <c r="AA837" s="5"/>
      <c r="AB837" s="5" t="s">
        <v>43</v>
      </c>
      <c r="AC837" s="5" t="s">
        <v>44</v>
      </c>
      <c r="AD837" s="2"/>
      <c r="AE837" s="1"/>
    </row>
    <row r="838" spans="1:31" ht="14.45">
      <c r="A838" s="11"/>
      <c r="B838" s="20"/>
      <c r="C838" s="2" t="s">
        <v>2935</v>
      </c>
      <c r="D838" s="14" t="s">
        <v>2936</v>
      </c>
      <c r="E838" s="2" t="s">
        <v>2937</v>
      </c>
      <c r="F838" s="2" t="s">
        <v>1807</v>
      </c>
      <c r="G838" s="8">
        <v>150</v>
      </c>
      <c r="H838" s="5">
        <v>6</v>
      </c>
      <c r="I838" s="5" t="s">
        <v>1518</v>
      </c>
      <c r="J838" s="5" t="s">
        <v>1519</v>
      </c>
      <c r="K838" s="2" t="s">
        <v>1520</v>
      </c>
      <c r="L838" s="5" t="s">
        <v>1519</v>
      </c>
      <c r="M838" s="2" t="s">
        <v>1520</v>
      </c>
      <c r="N838" s="5" t="s">
        <v>1521</v>
      </c>
      <c r="O838" s="5" t="s">
        <v>38</v>
      </c>
      <c r="P838" s="5" t="s">
        <v>39</v>
      </c>
      <c r="Q838" s="5" t="s">
        <v>40</v>
      </c>
      <c r="R838" s="5" t="s">
        <v>1522</v>
      </c>
      <c r="S838" s="5" t="s">
        <v>1523</v>
      </c>
      <c r="T838" s="5" t="s">
        <v>42</v>
      </c>
      <c r="U838" s="2">
        <v>1.7629999999999999</v>
      </c>
      <c r="V838" s="2">
        <v>1.3420000000000001</v>
      </c>
      <c r="W838" s="2">
        <v>1.0999999999999999E-2</v>
      </c>
      <c r="X838" s="2">
        <v>82.9</v>
      </c>
      <c r="Y838" s="2">
        <v>7.6</v>
      </c>
      <c r="Z838" s="2">
        <v>16.7</v>
      </c>
      <c r="AA838" s="5"/>
      <c r="AB838" s="5" t="s">
        <v>43</v>
      </c>
      <c r="AC838" s="5" t="s">
        <v>44</v>
      </c>
      <c r="AD838" s="2"/>
      <c r="AE838" s="1"/>
    </row>
    <row r="839" spans="1:31" ht="14.45">
      <c r="A839" s="11"/>
      <c r="B839" s="20"/>
      <c r="C839" s="2" t="s">
        <v>2938</v>
      </c>
      <c r="D839" s="14" t="s">
        <v>2939</v>
      </c>
      <c r="E839" s="2" t="s">
        <v>2940</v>
      </c>
      <c r="F839" s="2" t="s">
        <v>1811</v>
      </c>
      <c r="G839" s="8">
        <v>150</v>
      </c>
      <c r="H839" s="5">
        <v>6</v>
      </c>
      <c r="I839" s="5" t="s">
        <v>1518</v>
      </c>
      <c r="J839" s="5" t="s">
        <v>1519</v>
      </c>
      <c r="K839" s="2" t="s">
        <v>1520</v>
      </c>
      <c r="L839" s="5" t="s">
        <v>1519</v>
      </c>
      <c r="M839" s="2" t="s">
        <v>1520</v>
      </c>
      <c r="N839" s="5" t="s">
        <v>1521</v>
      </c>
      <c r="O839" s="5" t="s">
        <v>38</v>
      </c>
      <c r="P839" s="5" t="s">
        <v>39</v>
      </c>
      <c r="Q839" s="5" t="s">
        <v>40</v>
      </c>
      <c r="R839" s="5" t="s">
        <v>1522</v>
      </c>
      <c r="S839" s="5" t="s">
        <v>1523</v>
      </c>
      <c r="T839" s="5" t="s">
        <v>42</v>
      </c>
      <c r="U839" s="2">
        <v>1.798</v>
      </c>
      <c r="V839" s="2">
        <v>1.377</v>
      </c>
      <c r="W839" s="2">
        <v>1.0999999999999999E-2</v>
      </c>
      <c r="X839" s="2">
        <v>82.9</v>
      </c>
      <c r="Y839" s="2">
        <v>7.6</v>
      </c>
      <c r="Z839" s="2">
        <v>16.7</v>
      </c>
      <c r="AA839" s="5"/>
      <c r="AB839" s="5" t="s">
        <v>43</v>
      </c>
      <c r="AC839" s="5" t="s">
        <v>44</v>
      </c>
      <c r="AD839" s="2"/>
      <c r="AE839" s="1"/>
    </row>
    <row r="840" spans="1:31" ht="14.45">
      <c r="A840" s="11"/>
      <c r="B840" s="20"/>
      <c r="C840" s="2" t="s">
        <v>2941</v>
      </c>
      <c r="D840" s="14" t="s">
        <v>2942</v>
      </c>
      <c r="E840" s="2" t="s">
        <v>2943</v>
      </c>
      <c r="F840" s="2" t="s">
        <v>1815</v>
      </c>
      <c r="G840" s="8">
        <v>150</v>
      </c>
      <c r="H840" s="5">
        <v>6</v>
      </c>
      <c r="I840" s="5" t="s">
        <v>1518</v>
      </c>
      <c r="J840" s="5" t="s">
        <v>1519</v>
      </c>
      <c r="K840" s="2" t="s">
        <v>1520</v>
      </c>
      <c r="L840" s="5" t="s">
        <v>1519</v>
      </c>
      <c r="M840" s="2" t="s">
        <v>1520</v>
      </c>
      <c r="N840" s="5" t="s">
        <v>1521</v>
      </c>
      <c r="O840" s="5" t="s">
        <v>38</v>
      </c>
      <c r="P840" s="5" t="s">
        <v>39</v>
      </c>
      <c r="Q840" s="5" t="s">
        <v>40</v>
      </c>
      <c r="R840" s="5" t="s">
        <v>1522</v>
      </c>
      <c r="S840" s="5" t="s">
        <v>1523</v>
      </c>
      <c r="T840" s="5" t="s">
        <v>42</v>
      </c>
      <c r="U840" s="2">
        <v>1.75</v>
      </c>
      <c r="V840" s="2">
        <v>1.329</v>
      </c>
      <c r="W840" s="2">
        <v>1.0999999999999999E-2</v>
      </c>
      <c r="X840" s="2">
        <v>82.9</v>
      </c>
      <c r="Y840" s="2">
        <v>7.6</v>
      </c>
      <c r="Z840" s="2">
        <v>16.7</v>
      </c>
      <c r="AA840" s="5"/>
      <c r="AB840" s="5" t="s">
        <v>43</v>
      </c>
      <c r="AC840" s="5" t="s">
        <v>44</v>
      </c>
      <c r="AD840" s="2"/>
      <c r="AE840" s="1"/>
    </row>
    <row r="841" spans="1:31" ht="14.45">
      <c r="A841" s="11"/>
      <c r="B841" s="20"/>
      <c r="C841" s="2" t="s">
        <v>2944</v>
      </c>
      <c r="D841" s="14" t="s">
        <v>2945</v>
      </c>
      <c r="E841" s="2" t="s">
        <v>2946</v>
      </c>
      <c r="F841" s="2" t="s">
        <v>1819</v>
      </c>
      <c r="G841" s="8">
        <v>150</v>
      </c>
      <c r="H841" s="5">
        <v>6</v>
      </c>
      <c r="I841" s="5" t="s">
        <v>1518</v>
      </c>
      <c r="J841" s="5" t="s">
        <v>1519</v>
      </c>
      <c r="K841" s="2" t="s">
        <v>1520</v>
      </c>
      <c r="L841" s="5" t="s">
        <v>1519</v>
      </c>
      <c r="M841" s="2" t="s">
        <v>1520</v>
      </c>
      <c r="N841" s="5" t="s">
        <v>1521</v>
      </c>
      <c r="O841" s="5" t="s">
        <v>38</v>
      </c>
      <c r="P841" s="5" t="s">
        <v>39</v>
      </c>
      <c r="Q841" s="5" t="s">
        <v>40</v>
      </c>
      <c r="R841" s="5" t="s">
        <v>1522</v>
      </c>
      <c r="S841" s="5" t="s">
        <v>1523</v>
      </c>
      <c r="T841" s="5" t="s">
        <v>42</v>
      </c>
      <c r="U841" s="2">
        <v>1.7849999999999999</v>
      </c>
      <c r="V841" s="2">
        <v>1.3640000000000001</v>
      </c>
      <c r="W841" s="2">
        <v>1.0999999999999999E-2</v>
      </c>
      <c r="X841" s="2">
        <v>82.9</v>
      </c>
      <c r="Y841" s="2">
        <v>7.6</v>
      </c>
      <c r="Z841" s="2">
        <v>16.7</v>
      </c>
      <c r="AA841" s="5"/>
      <c r="AB841" s="5" t="s">
        <v>43</v>
      </c>
      <c r="AC841" s="5" t="s">
        <v>44</v>
      </c>
      <c r="AD841" s="2"/>
      <c r="AE841" s="1"/>
    </row>
    <row r="842" spans="1:31" ht="14.45">
      <c r="A842" s="11"/>
      <c r="B842" s="20"/>
      <c r="C842" s="2" t="s">
        <v>2947</v>
      </c>
      <c r="D842" s="14" t="s">
        <v>2948</v>
      </c>
      <c r="E842" s="2" t="s">
        <v>2949</v>
      </c>
      <c r="F842" s="2" t="s">
        <v>1823</v>
      </c>
      <c r="G842" s="8">
        <v>150</v>
      </c>
      <c r="H842" s="5">
        <v>8</v>
      </c>
      <c r="I842" s="5" t="s">
        <v>1518</v>
      </c>
      <c r="J842" s="5" t="s">
        <v>1519</v>
      </c>
      <c r="K842" s="2" t="s">
        <v>1520</v>
      </c>
      <c r="L842" s="5" t="s">
        <v>1519</v>
      </c>
      <c r="M842" s="2" t="s">
        <v>1520</v>
      </c>
      <c r="N842" s="5" t="s">
        <v>1521</v>
      </c>
      <c r="O842" s="5" t="s">
        <v>38</v>
      </c>
      <c r="P842" s="5" t="s">
        <v>39</v>
      </c>
      <c r="Q842" s="5" t="s">
        <v>40</v>
      </c>
      <c r="R842" s="5" t="s">
        <v>1522</v>
      </c>
      <c r="S842" s="5" t="s">
        <v>1523</v>
      </c>
      <c r="T842" s="5" t="s">
        <v>42</v>
      </c>
      <c r="U842" s="2">
        <v>1.772</v>
      </c>
      <c r="V842" s="2">
        <v>1.351</v>
      </c>
      <c r="W842" s="2">
        <v>1.0999999999999999E-2</v>
      </c>
      <c r="X842" s="2">
        <v>82.9</v>
      </c>
      <c r="Y842" s="2">
        <v>7.6</v>
      </c>
      <c r="Z842" s="2">
        <v>16.7</v>
      </c>
      <c r="AA842" s="5"/>
      <c r="AB842" s="5" t="s">
        <v>43</v>
      </c>
      <c r="AC842" s="5" t="s">
        <v>44</v>
      </c>
      <c r="AD842" s="2"/>
      <c r="AE842" s="1"/>
    </row>
    <row r="843" spans="1:31" ht="14.45">
      <c r="A843" s="11"/>
      <c r="B843" s="20"/>
      <c r="C843" s="2" t="s">
        <v>2950</v>
      </c>
      <c r="D843" s="14" t="s">
        <v>2951</v>
      </c>
      <c r="E843" s="2" t="s">
        <v>2952</v>
      </c>
      <c r="F843" s="2" t="s">
        <v>1827</v>
      </c>
      <c r="G843" s="8">
        <v>150</v>
      </c>
      <c r="H843" s="5">
        <v>8</v>
      </c>
      <c r="I843" s="5" t="s">
        <v>1518</v>
      </c>
      <c r="J843" s="5" t="s">
        <v>1519</v>
      </c>
      <c r="K843" s="2" t="s">
        <v>1520</v>
      </c>
      <c r="L843" s="5" t="s">
        <v>1519</v>
      </c>
      <c r="M843" s="2" t="s">
        <v>1520</v>
      </c>
      <c r="N843" s="5" t="s">
        <v>1521</v>
      </c>
      <c r="O843" s="5" t="s">
        <v>38</v>
      </c>
      <c r="P843" s="5" t="s">
        <v>39</v>
      </c>
      <c r="Q843" s="5" t="s">
        <v>40</v>
      </c>
      <c r="R843" s="5" t="s">
        <v>1522</v>
      </c>
      <c r="S843" s="5" t="s">
        <v>1523</v>
      </c>
      <c r="T843" s="5" t="s">
        <v>42</v>
      </c>
      <c r="U843" s="2">
        <v>1.8069999999999999</v>
      </c>
      <c r="V843" s="2">
        <v>1.3859999999999999</v>
      </c>
      <c r="W843" s="2">
        <v>1.0999999999999999E-2</v>
      </c>
      <c r="X843" s="2">
        <v>82.9</v>
      </c>
      <c r="Y843" s="2">
        <v>7.6</v>
      </c>
      <c r="Z843" s="2">
        <v>16.7</v>
      </c>
      <c r="AA843" s="5"/>
      <c r="AB843" s="5" t="s">
        <v>43</v>
      </c>
      <c r="AC843" s="5" t="s">
        <v>44</v>
      </c>
      <c r="AD843" s="2"/>
      <c r="AE843" s="1"/>
    </row>
    <row r="844" spans="1:31" ht="14.45">
      <c r="A844" s="11"/>
      <c r="B844" s="20"/>
      <c r="C844" s="2" t="s">
        <v>2953</v>
      </c>
      <c r="D844" s="14" t="s">
        <v>2954</v>
      </c>
      <c r="E844" s="2" t="s">
        <v>2955</v>
      </c>
      <c r="F844" s="2" t="s">
        <v>2724</v>
      </c>
      <c r="G844" s="8">
        <v>150</v>
      </c>
      <c r="H844" s="5">
        <v>13</v>
      </c>
      <c r="I844" s="5" t="s">
        <v>1518</v>
      </c>
      <c r="J844" s="5" t="s">
        <v>1519</v>
      </c>
      <c r="K844" s="2" t="s">
        <v>1520</v>
      </c>
      <c r="L844" s="5" t="s">
        <v>1519</v>
      </c>
      <c r="M844" s="2" t="s">
        <v>1520</v>
      </c>
      <c r="N844" s="5" t="s">
        <v>1521</v>
      </c>
      <c r="O844" s="5" t="s">
        <v>38</v>
      </c>
      <c r="P844" s="5" t="s">
        <v>39</v>
      </c>
      <c r="Q844" s="5" t="s">
        <v>40</v>
      </c>
      <c r="R844" s="5" t="s">
        <v>1522</v>
      </c>
      <c r="S844" s="5" t="s">
        <v>1523</v>
      </c>
      <c r="T844" s="5" t="s">
        <v>42</v>
      </c>
      <c r="U844" s="2">
        <v>1.8260000000000001</v>
      </c>
      <c r="V844" s="2">
        <v>1.405</v>
      </c>
      <c r="W844" s="2">
        <v>1.0999999999999999E-2</v>
      </c>
      <c r="X844" s="2">
        <v>82.9</v>
      </c>
      <c r="Y844" s="2">
        <v>7.6</v>
      </c>
      <c r="Z844" s="2">
        <v>16.7</v>
      </c>
      <c r="AA844" s="5"/>
      <c r="AB844" s="5" t="s">
        <v>43</v>
      </c>
      <c r="AC844" s="5" t="s">
        <v>44</v>
      </c>
      <c r="AD844" s="2"/>
      <c r="AE844" s="1"/>
    </row>
    <row r="845" spans="1:31" ht="14.45">
      <c r="A845" s="11"/>
      <c r="B845" s="20"/>
      <c r="C845" s="2" t="s">
        <v>2956</v>
      </c>
      <c r="D845" s="14" t="s">
        <v>2957</v>
      </c>
      <c r="E845" s="2" t="s">
        <v>2958</v>
      </c>
      <c r="F845" s="2" t="s">
        <v>2208</v>
      </c>
      <c r="G845" s="8">
        <v>150</v>
      </c>
      <c r="H845" s="5">
        <v>13</v>
      </c>
      <c r="I845" s="5" t="s">
        <v>1518</v>
      </c>
      <c r="J845" s="5" t="s">
        <v>1519</v>
      </c>
      <c r="K845" s="2" t="s">
        <v>1520</v>
      </c>
      <c r="L845" s="5" t="s">
        <v>1519</v>
      </c>
      <c r="M845" s="2" t="s">
        <v>1520</v>
      </c>
      <c r="N845" s="5" t="s">
        <v>1521</v>
      </c>
      <c r="O845" s="5" t="s">
        <v>38</v>
      </c>
      <c r="P845" s="5" t="s">
        <v>39</v>
      </c>
      <c r="Q845" s="5" t="s">
        <v>40</v>
      </c>
      <c r="R845" s="5" t="s">
        <v>1522</v>
      </c>
      <c r="S845" s="5" t="s">
        <v>1523</v>
      </c>
      <c r="T845" s="5" t="s">
        <v>42</v>
      </c>
      <c r="U845" s="2">
        <v>1.7909999999999999</v>
      </c>
      <c r="V845" s="2">
        <v>1.37</v>
      </c>
      <c r="W845" s="2">
        <v>1.0999999999999999E-2</v>
      </c>
      <c r="X845" s="2">
        <v>82.9</v>
      </c>
      <c r="Y845" s="2">
        <v>7.6</v>
      </c>
      <c r="Z845" s="2">
        <v>16.7</v>
      </c>
      <c r="AA845" s="5"/>
      <c r="AB845" s="5" t="s">
        <v>43</v>
      </c>
      <c r="AC845" s="5" t="s">
        <v>44</v>
      </c>
      <c r="AD845" s="2"/>
      <c r="AE845" s="1"/>
    </row>
    <row r="846" spans="1:31" ht="14.45">
      <c r="A846" s="11"/>
      <c r="B846" s="20"/>
      <c r="C846" s="2" t="s">
        <v>2959</v>
      </c>
      <c r="D846" s="14" t="s">
        <v>2960</v>
      </c>
      <c r="E846" s="2" t="s">
        <v>2961</v>
      </c>
      <c r="F846" s="2" t="s">
        <v>2212</v>
      </c>
      <c r="G846" s="8">
        <v>150</v>
      </c>
      <c r="H846" s="5">
        <v>13</v>
      </c>
      <c r="I846" s="5" t="s">
        <v>1518</v>
      </c>
      <c r="J846" s="5" t="s">
        <v>1519</v>
      </c>
      <c r="K846" s="2" t="s">
        <v>1520</v>
      </c>
      <c r="L846" s="5" t="s">
        <v>1519</v>
      </c>
      <c r="M846" s="2" t="s">
        <v>1520</v>
      </c>
      <c r="N846" s="5" t="s">
        <v>1521</v>
      </c>
      <c r="O846" s="5" t="s">
        <v>38</v>
      </c>
      <c r="P846" s="5" t="s">
        <v>39</v>
      </c>
      <c r="Q846" s="5" t="s">
        <v>40</v>
      </c>
      <c r="R846" s="5" t="s">
        <v>1522</v>
      </c>
      <c r="S846" s="5" t="s">
        <v>1523</v>
      </c>
      <c r="T846" s="5" t="s">
        <v>42</v>
      </c>
      <c r="U846" s="2">
        <v>1.8260000000000001</v>
      </c>
      <c r="V846" s="2">
        <v>1.405</v>
      </c>
      <c r="W846" s="2">
        <v>1.0999999999999999E-2</v>
      </c>
      <c r="X846" s="2">
        <v>82.9</v>
      </c>
      <c r="Y846" s="2">
        <v>7.6</v>
      </c>
      <c r="Z846" s="2">
        <v>16.7</v>
      </c>
      <c r="AA846" s="5"/>
      <c r="AB846" s="5" t="s">
        <v>43</v>
      </c>
      <c r="AC846" s="5" t="s">
        <v>44</v>
      </c>
      <c r="AD846" s="2"/>
      <c r="AE846" s="1"/>
    </row>
    <row r="847" spans="1:31" ht="14.45">
      <c r="A847" s="11"/>
      <c r="B847" s="20"/>
      <c r="C847" s="2" t="s">
        <v>2962</v>
      </c>
      <c r="D847" s="14" t="s">
        <v>2963</v>
      </c>
      <c r="E847" s="2" t="s">
        <v>2964</v>
      </c>
      <c r="F847" s="2" t="s">
        <v>1831</v>
      </c>
      <c r="G847" s="8">
        <v>150</v>
      </c>
      <c r="H847" s="5">
        <v>13</v>
      </c>
      <c r="I847" s="5" t="s">
        <v>1518</v>
      </c>
      <c r="J847" s="5" t="s">
        <v>1519</v>
      </c>
      <c r="K847" s="2" t="s">
        <v>1520</v>
      </c>
      <c r="L847" s="5" t="s">
        <v>1519</v>
      </c>
      <c r="M847" s="2" t="s">
        <v>1520</v>
      </c>
      <c r="N847" s="5" t="s">
        <v>1521</v>
      </c>
      <c r="O847" s="5" t="s">
        <v>38</v>
      </c>
      <c r="P847" s="5" t="s">
        <v>39</v>
      </c>
      <c r="Q847" s="5" t="s">
        <v>40</v>
      </c>
      <c r="R847" s="5" t="s">
        <v>1522</v>
      </c>
      <c r="S847" s="5" t="s">
        <v>1523</v>
      </c>
      <c r="T847" s="5" t="s">
        <v>42</v>
      </c>
      <c r="U847" s="2">
        <v>1.7909999999999999</v>
      </c>
      <c r="V847" s="2">
        <v>1.37</v>
      </c>
      <c r="W847" s="2">
        <v>1.0999999999999999E-2</v>
      </c>
      <c r="X847" s="2">
        <v>82.9</v>
      </c>
      <c r="Y847" s="2">
        <v>7.6</v>
      </c>
      <c r="Z847" s="2">
        <v>16.7</v>
      </c>
      <c r="AA847" s="5"/>
      <c r="AB847" s="5" t="s">
        <v>43</v>
      </c>
      <c r="AC847" s="5" t="s">
        <v>44</v>
      </c>
      <c r="AD847" s="2"/>
      <c r="AE847" s="1"/>
    </row>
    <row r="848" spans="1:31" ht="14.45">
      <c r="A848" s="11"/>
      <c r="B848" s="20"/>
      <c r="C848" s="2" t="s">
        <v>2965</v>
      </c>
      <c r="D848" s="14" t="s">
        <v>2966</v>
      </c>
      <c r="E848" s="2" t="s">
        <v>2967</v>
      </c>
      <c r="F848" s="2" t="s">
        <v>1835</v>
      </c>
      <c r="G848" s="8">
        <v>150</v>
      </c>
      <c r="H848" s="5">
        <v>13</v>
      </c>
      <c r="I848" s="5" t="s">
        <v>1518</v>
      </c>
      <c r="J848" s="5" t="s">
        <v>1519</v>
      </c>
      <c r="K848" s="2" t="s">
        <v>1520</v>
      </c>
      <c r="L848" s="5" t="s">
        <v>1519</v>
      </c>
      <c r="M848" s="2" t="s">
        <v>1520</v>
      </c>
      <c r="N848" s="5" t="s">
        <v>1521</v>
      </c>
      <c r="O848" s="5" t="s">
        <v>38</v>
      </c>
      <c r="P848" s="5" t="s">
        <v>39</v>
      </c>
      <c r="Q848" s="5" t="s">
        <v>40</v>
      </c>
      <c r="R848" s="5" t="s">
        <v>1522</v>
      </c>
      <c r="S848" s="5" t="s">
        <v>1523</v>
      </c>
      <c r="T848" s="5" t="s">
        <v>42</v>
      </c>
      <c r="U848" s="2">
        <v>1.8260000000000001</v>
      </c>
      <c r="V848" s="2">
        <v>1.405</v>
      </c>
      <c r="W848" s="2">
        <v>1.0999999999999999E-2</v>
      </c>
      <c r="X848" s="2">
        <v>82.9</v>
      </c>
      <c r="Y848" s="2">
        <v>7.6</v>
      </c>
      <c r="Z848" s="2">
        <v>16.7</v>
      </c>
      <c r="AA848" s="5"/>
      <c r="AB848" s="5" t="s">
        <v>43</v>
      </c>
      <c r="AC848" s="5" t="s">
        <v>44</v>
      </c>
      <c r="AD848" s="2"/>
      <c r="AE848" s="1"/>
    </row>
    <row r="849" spans="1:31" ht="14.45">
      <c r="A849" s="11"/>
      <c r="B849" s="20"/>
      <c r="C849" s="2" t="s">
        <v>2968</v>
      </c>
      <c r="D849" s="14" t="s">
        <v>2969</v>
      </c>
      <c r="E849" s="2" t="s">
        <v>2970</v>
      </c>
      <c r="F849" s="2" t="s">
        <v>1843</v>
      </c>
      <c r="G849" s="8">
        <v>150</v>
      </c>
      <c r="H849" s="5">
        <v>13</v>
      </c>
      <c r="I849" s="5" t="s">
        <v>1518</v>
      </c>
      <c r="J849" s="5" t="s">
        <v>1519</v>
      </c>
      <c r="K849" s="2" t="s">
        <v>1520</v>
      </c>
      <c r="L849" s="5" t="s">
        <v>1519</v>
      </c>
      <c r="M849" s="2" t="s">
        <v>1520</v>
      </c>
      <c r="N849" s="5" t="s">
        <v>1521</v>
      </c>
      <c r="O849" s="5" t="s">
        <v>38</v>
      </c>
      <c r="P849" s="5" t="s">
        <v>39</v>
      </c>
      <c r="Q849" s="5" t="s">
        <v>40</v>
      </c>
      <c r="R849" s="5" t="s">
        <v>1522</v>
      </c>
      <c r="S849" s="5" t="s">
        <v>1523</v>
      </c>
      <c r="T849" s="5" t="s">
        <v>42</v>
      </c>
      <c r="U849" s="2">
        <v>1.7909999999999999</v>
      </c>
      <c r="V849" s="2">
        <v>1.37</v>
      </c>
      <c r="W849" s="2">
        <v>1.0999999999999999E-2</v>
      </c>
      <c r="X849" s="2">
        <v>82.9</v>
      </c>
      <c r="Y849" s="2">
        <v>7.6</v>
      </c>
      <c r="Z849" s="2">
        <v>16.7</v>
      </c>
      <c r="AA849" s="5"/>
      <c r="AB849" s="5" t="s">
        <v>43</v>
      </c>
      <c r="AC849" s="5" t="s">
        <v>44</v>
      </c>
      <c r="AD849" s="2"/>
      <c r="AE849" s="1"/>
    </row>
    <row r="850" spans="1:31" ht="14.45">
      <c r="A850" s="11"/>
      <c r="B850" s="20"/>
      <c r="C850" s="2" t="s">
        <v>2971</v>
      </c>
      <c r="D850" s="14" t="s">
        <v>2972</v>
      </c>
      <c r="E850" s="2" t="s">
        <v>2973</v>
      </c>
      <c r="F850" s="2" t="s">
        <v>1847</v>
      </c>
      <c r="G850" s="8">
        <v>150</v>
      </c>
      <c r="H850" s="5">
        <v>13</v>
      </c>
      <c r="I850" s="5" t="s">
        <v>1518</v>
      </c>
      <c r="J850" s="5" t="s">
        <v>1519</v>
      </c>
      <c r="K850" s="2" t="s">
        <v>1520</v>
      </c>
      <c r="L850" s="5" t="s">
        <v>1519</v>
      </c>
      <c r="M850" s="2" t="s">
        <v>1520</v>
      </c>
      <c r="N850" s="5" t="s">
        <v>1521</v>
      </c>
      <c r="O850" s="5" t="s">
        <v>38</v>
      </c>
      <c r="P850" s="5" t="s">
        <v>39</v>
      </c>
      <c r="Q850" s="5" t="s">
        <v>40</v>
      </c>
      <c r="R850" s="5" t="s">
        <v>1522</v>
      </c>
      <c r="S850" s="5" t="s">
        <v>1523</v>
      </c>
      <c r="T850" s="5" t="s">
        <v>42</v>
      </c>
      <c r="U850" s="2">
        <v>1.8260000000000001</v>
      </c>
      <c r="V850" s="2">
        <v>1.405</v>
      </c>
      <c r="W850" s="2">
        <v>1.0999999999999999E-2</v>
      </c>
      <c r="X850" s="2">
        <v>82.9</v>
      </c>
      <c r="Y850" s="2">
        <v>7.6</v>
      </c>
      <c r="Z850" s="2">
        <v>16.7</v>
      </c>
      <c r="AA850" s="5"/>
      <c r="AB850" s="5" t="s">
        <v>43</v>
      </c>
      <c r="AC850" s="5" t="s">
        <v>44</v>
      </c>
      <c r="AD850" s="2"/>
      <c r="AE850" s="1"/>
    </row>
    <row r="851" spans="1:31" ht="14.45">
      <c r="A851" s="11"/>
      <c r="B851" s="20"/>
      <c r="C851" s="2" t="s">
        <v>2974</v>
      </c>
      <c r="D851" s="14" t="s">
        <v>2975</v>
      </c>
      <c r="E851" s="2" t="s">
        <v>2976</v>
      </c>
      <c r="F851" s="2" t="s">
        <v>1999</v>
      </c>
      <c r="G851" s="8">
        <v>150</v>
      </c>
      <c r="H851" s="5">
        <v>13</v>
      </c>
      <c r="I851" s="5" t="s">
        <v>1518</v>
      </c>
      <c r="J851" s="5" t="s">
        <v>1519</v>
      </c>
      <c r="K851" s="2" t="s">
        <v>1520</v>
      </c>
      <c r="L851" s="5" t="s">
        <v>1519</v>
      </c>
      <c r="M851" s="2" t="s">
        <v>1520</v>
      </c>
      <c r="N851" s="5" t="s">
        <v>1521</v>
      </c>
      <c r="O851" s="5" t="s">
        <v>38</v>
      </c>
      <c r="P851" s="5" t="s">
        <v>39</v>
      </c>
      <c r="Q851" s="5" t="s">
        <v>40</v>
      </c>
      <c r="R851" s="5" t="s">
        <v>1522</v>
      </c>
      <c r="S851" s="5" t="s">
        <v>1523</v>
      </c>
      <c r="T851" s="5" t="s">
        <v>42</v>
      </c>
      <c r="U851" s="2">
        <v>1.8260000000000001</v>
      </c>
      <c r="V851" s="2">
        <v>1.405</v>
      </c>
      <c r="W851" s="2">
        <v>1.0999999999999999E-2</v>
      </c>
      <c r="X851" s="2">
        <v>82.9</v>
      </c>
      <c r="Y851" s="2">
        <v>7.6</v>
      </c>
      <c r="Z851" s="2">
        <v>16.7</v>
      </c>
      <c r="AA851" s="5"/>
      <c r="AB851" s="5" t="s">
        <v>43</v>
      </c>
      <c r="AC851" s="5" t="s">
        <v>44</v>
      </c>
      <c r="AD851" s="2"/>
      <c r="AE851" s="1"/>
    </row>
    <row r="852" spans="1:31" ht="14.45">
      <c r="A852" s="11"/>
      <c r="B852" s="20"/>
      <c r="C852" s="2" t="s">
        <v>2977</v>
      </c>
      <c r="D852" s="14" t="s">
        <v>2978</v>
      </c>
      <c r="E852" s="2" t="s">
        <v>2979</v>
      </c>
      <c r="F852" s="2" t="s">
        <v>1859</v>
      </c>
      <c r="G852" s="8">
        <v>150</v>
      </c>
      <c r="H852" s="5">
        <v>13</v>
      </c>
      <c r="I852" s="5" t="s">
        <v>1518</v>
      </c>
      <c r="J852" s="5" t="s">
        <v>1519</v>
      </c>
      <c r="K852" s="2" t="s">
        <v>1520</v>
      </c>
      <c r="L852" s="5" t="s">
        <v>1519</v>
      </c>
      <c r="M852" s="2" t="s">
        <v>1520</v>
      </c>
      <c r="N852" s="5" t="s">
        <v>1521</v>
      </c>
      <c r="O852" s="5" t="s">
        <v>38</v>
      </c>
      <c r="P852" s="5" t="s">
        <v>39</v>
      </c>
      <c r="Q852" s="5" t="s">
        <v>40</v>
      </c>
      <c r="R852" s="5" t="s">
        <v>1522</v>
      </c>
      <c r="S852" s="5" t="s">
        <v>1523</v>
      </c>
      <c r="T852" s="5" t="s">
        <v>42</v>
      </c>
      <c r="U852" s="2">
        <v>1.8260000000000001</v>
      </c>
      <c r="V852" s="2">
        <v>1.405</v>
      </c>
      <c r="W852" s="2">
        <v>1.0999999999999999E-2</v>
      </c>
      <c r="X852" s="2">
        <v>82.9</v>
      </c>
      <c r="Y852" s="2">
        <v>7.6</v>
      </c>
      <c r="Z852" s="2">
        <v>16.7</v>
      </c>
      <c r="AA852" s="5"/>
      <c r="AB852" s="5" t="s">
        <v>43</v>
      </c>
      <c r="AC852" s="5" t="s">
        <v>44</v>
      </c>
      <c r="AD852" s="2"/>
      <c r="AE852" s="1"/>
    </row>
    <row r="853" spans="1:31" ht="14.45">
      <c r="A853" s="11"/>
      <c r="B853" s="20"/>
      <c r="C853" s="2" t="s">
        <v>2980</v>
      </c>
      <c r="D853" s="14" t="s">
        <v>2981</v>
      </c>
      <c r="E853" s="2" t="s">
        <v>2982</v>
      </c>
      <c r="F853" s="2" t="s">
        <v>1863</v>
      </c>
      <c r="G853" s="8">
        <v>150</v>
      </c>
      <c r="H853" s="5">
        <v>11</v>
      </c>
      <c r="I853" s="5" t="s">
        <v>1518</v>
      </c>
      <c r="J853" s="5" t="s">
        <v>1519</v>
      </c>
      <c r="K853" s="2" t="s">
        <v>1520</v>
      </c>
      <c r="L853" s="5" t="s">
        <v>1519</v>
      </c>
      <c r="M853" s="2" t="s">
        <v>1520</v>
      </c>
      <c r="N853" s="5" t="s">
        <v>1521</v>
      </c>
      <c r="O853" s="5" t="s">
        <v>38</v>
      </c>
      <c r="P853" s="5" t="s">
        <v>39</v>
      </c>
      <c r="Q853" s="5" t="s">
        <v>40</v>
      </c>
      <c r="R853" s="5" t="s">
        <v>1522</v>
      </c>
      <c r="S853" s="5" t="s">
        <v>1523</v>
      </c>
      <c r="T853" s="5" t="s">
        <v>42</v>
      </c>
      <c r="U853" s="2">
        <v>1.752</v>
      </c>
      <c r="V853" s="2">
        <v>1.331</v>
      </c>
      <c r="W853" s="2">
        <v>1.0999999999999999E-2</v>
      </c>
      <c r="X853" s="2">
        <v>82.9</v>
      </c>
      <c r="Y853" s="2">
        <v>7.6</v>
      </c>
      <c r="Z853" s="2">
        <v>16.7</v>
      </c>
      <c r="AA853" s="5"/>
      <c r="AB853" s="5" t="s">
        <v>43</v>
      </c>
      <c r="AC853" s="5" t="s">
        <v>44</v>
      </c>
      <c r="AD853" s="2"/>
      <c r="AE853" s="1"/>
    </row>
    <row r="854" spans="1:31" ht="14.45">
      <c r="A854" s="11"/>
      <c r="B854" s="20"/>
      <c r="C854" s="2" t="s">
        <v>2983</v>
      </c>
      <c r="D854" s="14" t="s">
        <v>2984</v>
      </c>
      <c r="E854" s="2" t="s">
        <v>2985</v>
      </c>
      <c r="F854" s="2" t="s">
        <v>1867</v>
      </c>
      <c r="G854" s="8">
        <v>150</v>
      </c>
      <c r="H854" s="5">
        <v>11</v>
      </c>
      <c r="I854" s="5" t="s">
        <v>1518</v>
      </c>
      <c r="J854" s="5" t="s">
        <v>1519</v>
      </c>
      <c r="K854" s="2" t="s">
        <v>1520</v>
      </c>
      <c r="L854" s="5" t="s">
        <v>1519</v>
      </c>
      <c r="M854" s="2" t="s">
        <v>1520</v>
      </c>
      <c r="N854" s="5" t="s">
        <v>1521</v>
      </c>
      <c r="O854" s="5" t="s">
        <v>38</v>
      </c>
      <c r="P854" s="5" t="s">
        <v>39</v>
      </c>
      <c r="Q854" s="5" t="s">
        <v>40</v>
      </c>
      <c r="R854" s="5" t="s">
        <v>1522</v>
      </c>
      <c r="S854" s="5" t="s">
        <v>1523</v>
      </c>
      <c r="T854" s="5" t="s">
        <v>42</v>
      </c>
      <c r="U854" s="2">
        <v>1.7869999999999999</v>
      </c>
      <c r="V854" s="2">
        <v>1.3660000000000001</v>
      </c>
      <c r="W854" s="2">
        <v>1.0999999999999999E-2</v>
      </c>
      <c r="X854" s="2">
        <v>82.9</v>
      </c>
      <c r="Y854" s="2">
        <v>7.6</v>
      </c>
      <c r="Z854" s="2">
        <v>16.7</v>
      </c>
      <c r="AA854" s="5"/>
      <c r="AB854" s="5" t="s">
        <v>43</v>
      </c>
      <c r="AC854" s="5" t="s">
        <v>44</v>
      </c>
      <c r="AD854" s="2"/>
      <c r="AE854" s="1"/>
    </row>
    <row r="855" spans="1:31" ht="14.45">
      <c r="A855" s="11"/>
      <c r="B855" s="20"/>
      <c r="C855" s="2" t="s">
        <v>2986</v>
      </c>
      <c r="D855" s="14" t="s">
        <v>2987</v>
      </c>
      <c r="E855" s="2" t="s">
        <v>2988</v>
      </c>
      <c r="F855" s="2" t="s">
        <v>1695</v>
      </c>
      <c r="G855" s="8">
        <v>144</v>
      </c>
      <c r="H855" s="5">
        <v>6</v>
      </c>
      <c r="I855" s="5" t="s">
        <v>1518</v>
      </c>
      <c r="J855" s="5" t="s">
        <v>1519</v>
      </c>
      <c r="K855" s="2" t="s">
        <v>1520</v>
      </c>
      <c r="L855" s="5" t="s">
        <v>1519</v>
      </c>
      <c r="M855" s="2" t="s">
        <v>1520</v>
      </c>
      <c r="N855" s="5" t="s">
        <v>1521</v>
      </c>
      <c r="O855" s="5" t="s">
        <v>38</v>
      </c>
      <c r="P855" s="5" t="s">
        <v>39</v>
      </c>
      <c r="Q855" s="5" t="s">
        <v>40</v>
      </c>
      <c r="R855" s="5" t="s">
        <v>1522</v>
      </c>
      <c r="S855" s="5" t="s">
        <v>1523</v>
      </c>
      <c r="T855" s="5" t="s">
        <v>42</v>
      </c>
      <c r="U855" s="2">
        <v>1.968</v>
      </c>
      <c r="V855" s="2">
        <v>1.46</v>
      </c>
      <c r="W855" s="2">
        <v>1.4999999999999999E-2</v>
      </c>
      <c r="X855" s="2">
        <v>118.9</v>
      </c>
      <c r="Y855" s="2">
        <v>7.6</v>
      </c>
      <c r="Z855" s="2">
        <v>16.7</v>
      </c>
      <c r="AA855" s="5"/>
      <c r="AB855" s="5" t="s">
        <v>43</v>
      </c>
      <c r="AC855" s="5" t="s">
        <v>44</v>
      </c>
      <c r="AD855" s="2"/>
      <c r="AE855" s="1"/>
    </row>
    <row r="856" spans="1:31" ht="14.45">
      <c r="A856" s="11"/>
      <c r="B856" s="20"/>
      <c r="C856" s="2" t="s">
        <v>2989</v>
      </c>
      <c r="D856" s="14" t="s">
        <v>2990</v>
      </c>
      <c r="E856" s="2" t="s">
        <v>2991</v>
      </c>
      <c r="F856" s="2" t="s">
        <v>1699</v>
      </c>
      <c r="G856" s="8">
        <v>144</v>
      </c>
      <c r="H856" s="5">
        <v>6</v>
      </c>
      <c r="I856" s="5" t="s">
        <v>1518</v>
      </c>
      <c r="J856" s="5" t="s">
        <v>1519</v>
      </c>
      <c r="K856" s="2" t="s">
        <v>1520</v>
      </c>
      <c r="L856" s="5" t="s">
        <v>1519</v>
      </c>
      <c r="M856" s="2" t="s">
        <v>1520</v>
      </c>
      <c r="N856" s="5" t="s">
        <v>1521</v>
      </c>
      <c r="O856" s="5" t="s">
        <v>38</v>
      </c>
      <c r="P856" s="5" t="s">
        <v>39</v>
      </c>
      <c r="Q856" s="5" t="s">
        <v>40</v>
      </c>
      <c r="R856" s="5" t="s">
        <v>1522</v>
      </c>
      <c r="S856" s="5" t="s">
        <v>1523</v>
      </c>
      <c r="T856" s="5" t="s">
        <v>42</v>
      </c>
      <c r="U856" s="2">
        <v>2.0070000000000001</v>
      </c>
      <c r="V856" s="2">
        <v>1.4990000000000001</v>
      </c>
      <c r="W856" s="2">
        <v>1.4999999999999999E-2</v>
      </c>
      <c r="X856" s="2">
        <v>118.9</v>
      </c>
      <c r="Y856" s="2">
        <v>7.6</v>
      </c>
      <c r="Z856" s="2">
        <v>16.7</v>
      </c>
      <c r="AA856" s="5"/>
      <c r="AB856" s="5" t="s">
        <v>43</v>
      </c>
      <c r="AC856" s="5" t="s">
        <v>44</v>
      </c>
      <c r="AD856" s="2"/>
      <c r="AE856" s="1"/>
    </row>
    <row r="857" spans="1:31" ht="14.45">
      <c r="A857" s="11"/>
      <c r="B857" s="20"/>
      <c r="C857" s="2" t="s">
        <v>2992</v>
      </c>
      <c r="D857" s="14" t="s">
        <v>2993</v>
      </c>
      <c r="E857" s="2" t="s">
        <v>2994</v>
      </c>
      <c r="F857" s="2" t="s">
        <v>1703</v>
      </c>
      <c r="G857" s="8">
        <v>144</v>
      </c>
      <c r="H857" s="5">
        <v>6</v>
      </c>
      <c r="I857" s="5" t="s">
        <v>1518</v>
      </c>
      <c r="J857" s="5" t="s">
        <v>1519</v>
      </c>
      <c r="K857" s="2" t="s">
        <v>1520</v>
      </c>
      <c r="L857" s="5" t="s">
        <v>1519</v>
      </c>
      <c r="M857" s="2" t="s">
        <v>1520</v>
      </c>
      <c r="N857" s="5" t="s">
        <v>1521</v>
      </c>
      <c r="O857" s="5" t="s">
        <v>38</v>
      </c>
      <c r="P857" s="5" t="s">
        <v>39</v>
      </c>
      <c r="Q857" s="5" t="s">
        <v>40</v>
      </c>
      <c r="R857" s="5" t="s">
        <v>1522</v>
      </c>
      <c r="S857" s="5" t="s">
        <v>1523</v>
      </c>
      <c r="T857" s="5" t="s">
        <v>42</v>
      </c>
      <c r="U857" s="2">
        <v>1.9730000000000001</v>
      </c>
      <c r="V857" s="2">
        <v>1.4650000000000001</v>
      </c>
      <c r="W857" s="2">
        <v>1.4999999999999999E-2</v>
      </c>
      <c r="X857" s="2">
        <v>118.9</v>
      </c>
      <c r="Y857" s="2">
        <v>7.6</v>
      </c>
      <c r="Z857" s="2">
        <v>16.7</v>
      </c>
      <c r="AA857" s="5"/>
      <c r="AB857" s="5" t="s">
        <v>43</v>
      </c>
      <c r="AC857" s="5" t="s">
        <v>44</v>
      </c>
      <c r="AD857" s="2"/>
      <c r="AE857" s="1"/>
    </row>
    <row r="858" spans="1:31" ht="14.45">
      <c r="A858" s="11"/>
      <c r="B858" s="20"/>
      <c r="C858" s="2" t="s">
        <v>2995</v>
      </c>
      <c r="D858" s="14" t="s">
        <v>2996</v>
      </c>
      <c r="E858" s="2" t="s">
        <v>2997</v>
      </c>
      <c r="F858" s="2" t="s">
        <v>1707</v>
      </c>
      <c r="G858" s="8">
        <v>144</v>
      </c>
      <c r="H858" s="5">
        <v>5</v>
      </c>
      <c r="I858" s="5" t="s">
        <v>1518</v>
      </c>
      <c r="J858" s="5" t="s">
        <v>1519</v>
      </c>
      <c r="K858" s="2" t="s">
        <v>1520</v>
      </c>
      <c r="L858" s="5" t="s">
        <v>1519</v>
      </c>
      <c r="M858" s="2" t="s">
        <v>1520</v>
      </c>
      <c r="N858" s="5" t="s">
        <v>1521</v>
      </c>
      <c r="O858" s="5" t="s">
        <v>38</v>
      </c>
      <c r="P858" s="5" t="s">
        <v>39</v>
      </c>
      <c r="Q858" s="5" t="s">
        <v>40</v>
      </c>
      <c r="R858" s="5" t="s">
        <v>1522</v>
      </c>
      <c r="S858" s="5" t="s">
        <v>1523</v>
      </c>
      <c r="T858" s="5" t="s">
        <v>42</v>
      </c>
      <c r="U858" s="2">
        <v>2.012</v>
      </c>
      <c r="V858" s="2">
        <v>1.504</v>
      </c>
      <c r="W858" s="2">
        <v>1.4999999999999999E-2</v>
      </c>
      <c r="X858" s="2">
        <v>118.9</v>
      </c>
      <c r="Y858" s="2">
        <v>7.6</v>
      </c>
      <c r="Z858" s="2">
        <v>16.7</v>
      </c>
      <c r="AA858" s="5"/>
      <c r="AB858" s="5" t="s">
        <v>43</v>
      </c>
      <c r="AC858" s="5" t="s">
        <v>44</v>
      </c>
      <c r="AD858" s="2"/>
      <c r="AE858" s="1"/>
    </row>
    <row r="859" spans="1:31" ht="14.45">
      <c r="A859" s="11"/>
      <c r="B859" s="20"/>
      <c r="C859" s="2" t="s">
        <v>2998</v>
      </c>
      <c r="D859" s="14" t="s">
        <v>2999</v>
      </c>
      <c r="E859" s="2" t="s">
        <v>3000</v>
      </c>
      <c r="F859" s="2" t="s">
        <v>1711</v>
      </c>
      <c r="G859" s="8">
        <v>144</v>
      </c>
      <c r="H859" s="5">
        <v>6</v>
      </c>
      <c r="I859" s="5" t="s">
        <v>1518</v>
      </c>
      <c r="J859" s="5" t="s">
        <v>1519</v>
      </c>
      <c r="K859" s="2" t="s">
        <v>1520</v>
      </c>
      <c r="L859" s="5" t="s">
        <v>1519</v>
      </c>
      <c r="M859" s="2" t="s">
        <v>1520</v>
      </c>
      <c r="N859" s="5" t="s">
        <v>1521</v>
      </c>
      <c r="O859" s="5" t="s">
        <v>38</v>
      </c>
      <c r="P859" s="5" t="s">
        <v>39</v>
      </c>
      <c r="Q859" s="5" t="s">
        <v>40</v>
      </c>
      <c r="R859" s="5" t="s">
        <v>1522</v>
      </c>
      <c r="S859" s="5" t="s">
        <v>1523</v>
      </c>
      <c r="T859" s="5" t="s">
        <v>42</v>
      </c>
      <c r="U859" s="2">
        <v>1.9730000000000001</v>
      </c>
      <c r="V859" s="2">
        <v>1.4650000000000001</v>
      </c>
      <c r="W859" s="2">
        <v>1.4999999999999999E-2</v>
      </c>
      <c r="X859" s="2">
        <v>118.9</v>
      </c>
      <c r="Y859" s="2">
        <v>7.6</v>
      </c>
      <c r="Z859" s="2">
        <v>16.7</v>
      </c>
      <c r="AA859" s="5"/>
      <c r="AB859" s="5" t="s">
        <v>43</v>
      </c>
      <c r="AC859" s="5" t="s">
        <v>44</v>
      </c>
      <c r="AD859" s="2"/>
      <c r="AE859" s="1"/>
    </row>
    <row r="860" spans="1:31" ht="14.45">
      <c r="A860" s="11"/>
      <c r="B860" s="20"/>
      <c r="C860" s="2" t="s">
        <v>3001</v>
      </c>
      <c r="D860" s="14" t="s">
        <v>3002</v>
      </c>
      <c r="E860" s="2" t="s">
        <v>3003</v>
      </c>
      <c r="F860" s="2" t="s">
        <v>1715</v>
      </c>
      <c r="G860" s="8">
        <v>144</v>
      </c>
      <c r="H860" s="5">
        <v>6</v>
      </c>
      <c r="I860" s="5" t="s">
        <v>1518</v>
      </c>
      <c r="J860" s="5" t="s">
        <v>1519</v>
      </c>
      <c r="K860" s="2" t="s">
        <v>1520</v>
      </c>
      <c r="L860" s="5" t="s">
        <v>1519</v>
      </c>
      <c r="M860" s="2" t="s">
        <v>1520</v>
      </c>
      <c r="N860" s="5" t="s">
        <v>1521</v>
      </c>
      <c r="O860" s="5" t="s">
        <v>38</v>
      </c>
      <c r="P860" s="5" t="s">
        <v>39</v>
      </c>
      <c r="Q860" s="5" t="s">
        <v>40</v>
      </c>
      <c r="R860" s="5" t="s">
        <v>1522</v>
      </c>
      <c r="S860" s="5" t="s">
        <v>1523</v>
      </c>
      <c r="T860" s="5" t="s">
        <v>42</v>
      </c>
      <c r="U860" s="2">
        <v>2.012</v>
      </c>
      <c r="V860" s="2">
        <v>1.504</v>
      </c>
      <c r="W860" s="2">
        <v>1.4999999999999999E-2</v>
      </c>
      <c r="X860" s="2">
        <v>118.9</v>
      </c>
      <c r="Y860" s="2">
        <v>7.6</v>
      </c>
      <c r="Z860" s="2">
        <v>16.7</v>
      </c>
      <c r="AA860" s="5"/>
      <c r="AB860" s="5" t="s">
        <v>43</v>
      </c>
      <c r="AC860" s="5" t="s">
        <v>44</v>
      </c>
      <c r="AD860" s="2"/>
      <c r="AE860" s="1"/>
    </row>
    <row r="861" spans="1:31" ht="14.45">
      <c r="A861" s="11"/>
      <c r="B861" s="20"/>
      <c r="C861" s="2" t="s">
        <v>3004</v>
      </c>
      <c r="D861" s="14" t="s">
        <v>3005</v>
      </c>
      <c r="E861" s="2" t="s">
        <v>3006</v>
      </c>
      <c r="F861" s="2" t="s">
        <v>1719</v>
      </c>
      <c r="G861" s="8">
        <v>144</v>
      </c>
      <c r="H861" s="5">
        <v>6</v>
      </c>
      <c r="I861" s="5" t="s">
        <v>1518</v>
      </c>
      <c r="J861" s="5" t="s">
        <v>1519</v>
      </c>
      <c r="K861" s="2" t="s">
        <v>1520</v>
      </c>
      <c r="L861" s="5" t="s">
        <v>1519</v>
      </c>
      <c r="M861" s="2" t="s">
        <v>1520</v>
      </c>
      <c r="N861" s="5" t="s">
        <v>1521</v>
      </c>
      <c r="O861" s="5" t="s">
        <v>38</v>
      </c>
      <c r="P861" s="5" t="s">
        <v>39</v>
      </c>
      <c r="Q861" s="5" t="s">
        <v>40</v>
      </c>
      <c r="R861" s="5" t="s">
        <v>1522</v>
      </c>
      <c r="S861" s="5" t="s">
        <v>1523</v>
      </c>
      <c r="T861" s="5" t="s">
        <v>42</v>
      </c>
      <c r="U861" s="2">
        <v>1.958</v>
      </c>
      <c r="V861" s="2">
        <v>1.45</v>
      </c>
      <c r="W861" s="2">
        <v>1.4999999999999999E-2</v>
      </c>
      <c r="X861" s="2">
        <v>118.9</v>
      </c>
      <c r="Y861" s="2">
        <v>7.6</v>
      </c>
      <c r="Z861" s="2">
        <v>16.7</v>
      </c>
      <c r="AA861" s="5"/>
      <c r="AB861" s="5" t="s">
        <v>43</v>
      </c>
      <c r="AC861" s="5" t="s">
        <v>44</v>
      </c>
      <c r="AD861" s="2"/>
      <c r="AE861" s="1"/>
    </row>
    <row r="862" spans="1:31" ht="14.45">
      <c r="A862" s="11"/>
      <c r="B862" s="20"/>
      <c r="C862" s="2" t="s">
        <v>3007</v>
      </c>
      <c r="D862" s="14" t="s">
        <v>3008</v>
      </c>
      <c r="E862" s="2" t="s">
        <v>3009</v>
      </c>
      <c r="F862" s="2" t="s">
        <v>1723</v>
      </c>
      <c r="G862" s="8">
        <v>144</v>
      </c>
      <c r="H862" s="5">
        <v>6</v>
      </c>
      <c r="I862" s="5" t="s">
        <v>1518</v>
      </c>
      <c r="J862" s="5" t="s">
        <v>1519</v>
      </c>
      <c r="K862" s="2" t="s">
        <v>1520</v>
      </c>
      <c r="L862" s="5" t="s">
        <v>1519</v>
      </c>
      <c r="M862" s="2" t="s">
        <v>1520</v>
      </c>
      <c r="N862" s="5" t="s">
        <v>1521</v>
      </c>
      <c r="O862" s="5" t="s">
        <v>38</v>
      </c>
      <c r="P862" s="5" t="s">
        <v>39</v>
      </c>
      <c r="Q862" s="5" t="s">
        <v>40</v>
      </c>
      <c r="R862" s="5" t="s">
        <v>1522</v>
      </c>
      <c r="S862" s="5" t="s">
        <v>1523</v>
      </c>
      <c r="T862" s="5" t="s">
        <v>42</v>
      </c>
      <c r="U862" s="2">
        <v>1.9970000000000001</v>
      </c>
      <c r="V862" s="2">
        <v>1.4890000000000001</v>
      </c>
      <c r="W862" s="2">
        <v>1.4999999999999999E-2</v>
      </c>
      <c r="X862" s="2">
        <v>118.9</v>
      </c>
      <c r="Y862" s="2">
        <v>7.6</v>
      </c>
      <c r="Z862" s="2">
        <v>16.7</v>
      </c>
      <c r="AA862" s="5"/>
      <c r="AB862" s="5" t="s">
        <v>43</v>
      </c>
      <c r="AC862" s="5" t="s">
        <v>44</v>
      </c>
      <c r="AD862" s="2"/>
      <c r="AE862" s="1"/>
    </row>
    <row r="863" spans="1:31" ht="14.45">
      <c r="A863" s="11"/>
      <c r="B863" s="20"/>
      <c r="C863" s="2" t="s">
        <v>3010</v>
      </c>
      <c r="D863" s="14" t="s">
        <v>3011</v>
      </c>
      <c r="E863" s="2" t="s">
        <v>3012</v>
      </c>
      <c r="F863" s="2" t="s">
        <v>1727</v>
      </c>
      <c r="G863" s="8">
        <v>165</v>
      </c>
      <c r="H863" s="5">
        <v>6</v>
      </c>
      <c r="I863" s="5" t="s">
        <v>1518</v>
      </c>
      <c r="J863" s="5" t="s">
        <v>1519</v>
      </c>
      <c r="K863" s="2" t="s">
        <v>1520</v>
      </c>
      <c r="L863" s="5" t="s">
        <v>1519</v>
      </c>
      <c r="M863" s="2" t="s">
        <v>1520</v>
      </c>
      <c r="N863" s="5" t="s">
        <v>1521</v>
      </c>
      <c r="O863" s="5" t="s">
        <v>38</v>
      </c>
      <c r="P863" s="5" t="s">
        <v>39</v>
      </c>
      <c r="Q863" s="5" t="s">
        <v>40</v>
      </c>
      <c r="R863" s="5" t="s">
        <v>1522</v>
      </c>
      <c r="S863" s="5" t="s">
        <v>1523</v>
      </c>
      <c r="T863" s="5" t="s">
        <v>42</v>
      </c>
      <c r="U863" s="2">
        <v>1.958</v>
      </c>
      <c r="V863" s="2">
        <v>1.45</v>
      </c>
      <c r="W863" s="2">
        <v>1.4999999999999999E-2</v>
      </c>
      <c r="X863" s="2">
        <v>118.9</v>
      </c>
      <c r="Y863" s="2">
        <v>7.6</v>
      </c>
      <c r="Z863" s="2">
        <v>16.7</v>
      </c>
      <c r="AA863" s="5"/>
      <c r="AB863" s="5" t="s">
        <v>43</v>
      </c>
      <c r="AC863" s="5" t="s">
        <v>44</v>
      </c>
      <c r="AD863" s="2"/>
      <c r="AE863" s="1"/>
    </row>
    <row r="864" spans="1:31" ht="14.45">
      <c r="A864" s="11"/>
      <c r="B864" s="20"/>
      <c r="C864" s="2" t="s">
        <v>3013</v>
      </c>
      <c r="D864" s="14" t="s">
        <v>3014</v>
      </c>
      <c r="E864" s="2" t="s">
        <v>3015</v>
      </c>
      <c r="F864" s="2" t="s">
        <v>1731</v>
      </c>
      <c r="G864" s="8">
        <v>165</v>
      </c>
      <c r="H864" s="5">
        <v>6</v>
      </c>
      <c r="I864" s="5" t="s">
        <v>1518</v>
      </c>
      <c r="J864" s="5" t="s">
        <v>1519</v>
      </c>
      <c r="K864" s="2" t="s">
        <v>1520</v>
      </c>
      <c r="L864" s="5" t="s">
        <v>1519</v>
      </c>
      <c r="M864" s="2" t="s">
        <v>1520</v>
      </c>
      <c r="N864" s="5" t="s">
        <v>1521</v>
      </c>
      <c r="O864" s="5" t="s">
        <v>38</v>
      </c>
      <c r="P864" s="5" t="s">
        <v>39</v>
      </c>
      <c r="Q864" s="5" t="s">
        <v>40</v>
      </c>
      <c r="R864" s="5" t="s">
        <v>1522</v>
      </c>
      <c r="S864" s="5" t="s">
        <v>1523</v>
      </c>
      <c r="T864" s="5" t="s">
        <v>42</v>
      </c>
      <c r="U864" s="2">
        <v>1.9970000000000001</v>
      </c>
      <c r="V864" s="2">
        <v>1.4890000000000001</v>
      </c>
      <c r="W864" s="2">
        <v>1.4999999999999999E-2</v>
      </c>
      <c r="X864" s="2">
        <v>118.9</v>
      </c>
      <c r="Y864" s="2">
        <v>7.6</v>
      </c>
      <c r="Z864" s="2">
        <v>16.7</v>
      </c>
      <c r="AA864" s="5"/>
      <c r="AB864" s="5" t="s">
        <v>43</v>
      </c>
      <c r="AC864" s="5" t="s">
        <v>44</v>
      </c>
      <c r="AD864" s="2"/>
      <c r="AE864" s="1"/>
    </row>
    <row r="865" spans="1:31" ht="14.45">
      <c r="A865" s="11"/>
      <c r="B865" s="20"/>
      <c r="C865" s="2" t="s">
        <v>3016</v>
      </c>
      <c r="D865" s="14" t="s">
        <v>3017</v>
      </c>
      <c r="E865" s="2" t="s">
        <v>3018</v>
      </c>
      <c r="F865" s="2" t="s">
        <v>1735</v>
      </c>
      <c r="G865" s="8">
        <v>165</v>
      </c>
      <c r="H865" s="5">
        <v>6</v>
      </c>
      <c r="I865" s="5" t="s">
        <v>1518</v>
      </c>
      <c r="J865" s="5" t="s">
        <v>1519</v>
      </c>
      <c r="K865" s="2" t="s">
        <v>1520</v>
      </c>
      <c r="L865" s="5" t="s">
        <v>1519</v>
      </c>
      <c r="M865" s="2" t="s">
        <v>1520</v>
      </c>
      <c r="N865" s="5" t="s">
        <v>1521</v>
      </c>
      <c r="O865" s="5" t="s">
        <v>38</v>
      </c>
      <c r="P865" s="5" t="s">
        <v>39</v>
      </c>
      <c r="Q865" s="5" t="s">
        <v>40</v>
      </c>
      <c r="R865" s="5" t="s">
        <v>1522</v>
      </c>
      <c r="S865" s="5" t="s">
        <v>1523</v>
      </c>
      <c r="T865" s="5" t="s">
        <v>42</v>
      </c>
      <c r="U865" s="2">
        <v>1.9730000000000001</v>
      </c>
      <c r="V865" s="2">
        <v>1.4650000000000001</v>
      </c>
      <c r="W865" s="2">
        <v>1.4999999999999999E-2</v>
      </c>
      <c r="X865" s="2">
        <v>118.9</v>
      </c>
      <c r="Y865" s="2">
        <v>7.6</v>
      </c>
      <c r="Z865" s="2">
        <v>16.7</v>
      </c>
      <c r="AA865" s="5"/>
      <c r="AB865" s="5" t="s">
        <v>43</v>
      </c>
      <c r="AC865" s="5" t="s">
        <v>44</v>
      </c>
      <c r="AD865" s="2"/>
      <c r="AE865" s="1"/>
    </row>
    <row r="866" spans="1:31" ht="14.45">
      <c r="A866" s="11"/>
      <c r="B866" s="20"/>
      <c r="C866" s="2" t="s">
        <v>3019</v>
      </c>
      <c r="D866" s="14" t="s">
        <v>3020</v>
      </c>
      <c r="E866" s="2" t="s">
        <v>3021</v>
      </c>
      <c r="F866" s="2" t="s">
        <v>1739</v>
      </c>
      <c r="G866" s="8">
        <v>165</v>
      </c>
      <c r="H866" s="5">
        <v>6</v>
      </c>
      <c r="I866" s="5" t="s">
        <v>1518</v>
      </c>
      <c r="J866" s="5" t="s">
        <v>1519</v>
      </c>
      <c r="K866" s="2" t="s">
        <v>1520</v>
      </c>
      <c r="L866" s="5" t="s">
        <v>1519</v>
      </c>
      <c r="M866" s="2" t="s">
        <v>1520</v>
      </c>
      <c r="N866" s="5" t="s">
        <v>1521</v>
      </c>
      <c r="O866" s="5" t="s">
        <v>38</v>
      </c>
      <c r="P866" s="5" t="s">
        <v>39</v>
      </c>
      <c r="Q866" s="5" t="s">
        <v>40</v>
      </c>
      <c r="R866" s="5" t="s">
        <v>1522</v>
      </c>
      <c r="S866" s="5" t="s">
        <v>1523</v>
      </c>
      <c r="T866" s="5" t="s">
        <v>42</v>
      </c>
      <c r="U866" s="2">
        <v>2.012</v>
      </c>
      <c r="V866" s="2">
        <v>1.504</v>
      </c>
      <c r="W866" s="2">
        <v>1.4999999999999999E-2</v>
      </c>
      <c r="X866" s="2">
        <v>118.9</v>
      </c>
      <c r="Y866" s="2">
        <v>7.6</v>
      </c>
      <c r="Z866" s="2">
        <v>16.7</v>
      </c>
      <c r="AA866" s="5"/>
      <c r="AB866" s="5" t="s">
        <v>43</v>
      </c>
      <c r="AC866" s="5" t="s">
        <v>44</v>
      </c>
      <c r="AD866" s="2"/>
      <c r="AE866" s="1"/>
    </row>
    <row r="867" spans="1:31" ht="14.45">
      <c r="A867" s="11"/>
      <c r="B867" s="20"/>
      <c r="C867" s="2" t="s">
        <v>3022</v>
      </c>
      <c r="D867" s="14" t="s">
        <v>3023</v>
      </c>
      <c r="E867" s="2" t="s">
        <v>3024</v>
      </c>
      <c r="F867" s="2" t="s">
        <v>1743</v>
      </c>
      <c r="G867" s="8">
        <v>165</v>
      </c>
      <c r="H867" s="5">
        <v>6</v>
      </c>
      <c r="I867" s="5" t="s">
        <v>1518</v>
      </c>
      <c r="J867" s="5" t="s">
        <v>1519</v>
      </c>
      <c r="K867" s="2" t="s">
        <v>1520</v>
      </c>
      <c r="L867" s="5" t="s">
        <v>1519</v>
      </c>
      <c r="M867" s="2" t="s">
        <v>1520</v>
      </c>
      <c r="N867" s="5" t="s">
        <v>1521</v>
      </c>
      <c r="O867" s="5" t="s">
        <v>38</v>
      </c>
      <c r="P867" s="5" t="s">
        <v>39</v>
      </c>
      <c r="Q867" s="5" t="s">
        <v>40</v>
      </c>
      <c r="R867" s="5" t="s">
        <v>1522</v>
      </c>
      <c r="S867" s="5" t="s">
        <v>1523</v>
      </c>
      <c r="T867" s="5" t="s">
        <v>42</v>
      </c>
      <c r="U867" s="2">
        <v>1.958</v>
      </c>
      <c r="V867" s="2">
        <v>1.45</v>
      </c>
      <c r="W867" s="2">
        <v>1.4999999999999999E-2</v>
      </c>
      <c r="X867" s="2">
        <v>118.9</v>
      </c>
      <c r="Y867" s="2">
        <v>7.6</v>
      </c>
      <c r="Z867" s="2">
        <v>16.7</v>
      </c>
      <c r="AA867" s="5"/>
      <c r="AB867" s="5" t="s">
        <v>43</v>
      </c>
      <c r="AC867" s="5" t="s">
        <v>44</v>
      </c>
      <c r="AD867" s="2"/>
      <c r="AE867" s="1"/>
    </row>
    <row r="868" spans="1:31" ht="14.45">
      <c r="A868" s="11"/>
      <c r="B868" s="20"/>
      <c r="C868" s="2" t="s">
        <v>3025</v>
      </c>
      <c r="D868" s="14" t="s">
        <v>3026</v>
      </c>
      <c r="E868" s="2" t="s">
        <v>3027</v>
      </c>
      <c r="F868" s="2" t="s">
        <v>1747</v>
      </c>
      <c r="G868" s="8">
        <v>165</v>
      </c>
      <c r="H868" s="5">
        <v>6</v>
      </c>
      <c r="I868" s="5" t="s">
        <v>1518</v>
      </c>
      <c r="J868" s="5" t="s">
        <v>1519</v>
      </c>
      <c r="K868" s="2" t="s">
        <v>1520</v>
      </c>
      <c r="L868" s="5" t="s">
        <v>1519</v>
      </c>
      <c r="M868" s="2" t="s">
        <v>1520</v>
      </c>
      <c r="N868" s="5" t="s">
        <v>1521</v>
      </c>
      <c r="O868" s="5" t="s">
        <v>38</v>
      </c>
      <c r="P868" s="5" t="s">
        <v>39</v>
      </c>
      <c r="Q868" s="5" t="s">
        <v>40</v>
      </c>
      <c r="R868" s="5" t="s">
        <v>1522</v>
      </c>
      <c r="S868" s="5" t="s">
        <v>1523</v>
      </c>
      <c r="T868" s="5" t="s">
        <v>42</v>
      </c>
      <c r="U868" s="2">
        <v>1.9970000000000001</v>
      </c>
      <c r="V868" s="2">
        <v>1.4890000000000001</v>
      </c>
      <c r="W868" s="2">
        <v>1.4999999999999999E-2</v>
      </c>
      <c r="X868" s="2">
        <v>118.9</v>
      </c>
      <c r="Y868" s="2">
        <v>7.6</v>
      </c>
      <c r="Z868" s="2">
        <v>16.7</v>
      </c>
      <c r="AA868" s="5"/>
      <c r="AB868" s="5" t="s">
        <v>43</v>
      </c>
      <c r="AC868" s="5" t="s">
        <v>44</v>
      </c>
      <c r="AD868" s="2"/>
      <c r="AE868" s="1"/>
    </row>
    <row r="869" spans="1:31" ht="14.45">
      <c r="A869" s="11"/>
      <c r="B869" s="20"/>
      <c r="C869" s="2" t="s">
        <v>3028</v>
      </c>
      <c r="D869" s="14" t="s">
        <v>3029</v>
      </c>
      <c r="E869" s="2" t="s">
        <v>3030</v>
      </c>
      <c r="F869" s="2" t="s">
        <v>1751</v>
      </c>
      <c r="G869" s="8">
        <v>165</v>
      </c>
      <c r="H869" s="5">
        <v>6</v>
      </c>
      <c r="I869" s="5" t="s">
        <v>1518</v>
      </c>
      <c r="J869" s="5" t="s">
        <v>1519</v>
      </c>
      <c r="K869" s="2" t="s">
        <v>1520</v>
      </c>
      <c r="L869" s="5" t="s">
        <v>1519</v>
      </c>
      <c r="M869" s="2" t="s">
        <v>1520</v>
      </c>
      <c r="N869" s="5" t="s">
        <v>1521</v>
      </c>
      <c r="O869" s="5" t="s">
        <v>38</v>
      </c>
      <c r="P869" s="5" t="s">
        <v>39</v>
      </c>
      <c r="Q869" s="5" t="s">
        <v>40</v>
      </c>
      <c r="R869" s="5" t="s">
        <v>1522</v>
      </c>
      <c r="S869" s="5" t="s">
        <v>1523</v>
      </c>
      <c r="T869" s="5" t="s">
        <v>42</v>
      </c>
      <c r="U869" s="2">
        <v>1.958</v>
      </c>
      <c r="V869" s="2">
        <v>1.45</v>
      </c>
      <c r="W869" s="2">
        <v>1.4999999999999999E-2</v>
      </c>
      <c r="X869" s="2">
        <v>118.9</v>
      </c>
      <c r="Y869" s="2">
        <v>7.6</v>
      </c>
      <c r="Z869" s="2">
        <v>16.7</v>
      </c>
      <c r="AA869" s="5"/>
      <c r="AB869" s="5" t="s">
        <v>43</v>
      </c>
      <c r="AC869" s="5" t="s">
        <v>44</v>
      </c>
      <c r="AD869" s="2"/>
      <c r="AE869" s="1"/>
    </row>
    <row r="870" spans="1:31" ht="14.45">
      <c r="A870" s="11"/>
      <c r="B870" s="20"/>
      <c r="C870" s="2" t="s">
        <v>3031</v>
      </c>
      <c r="D870" s="14" t="s">
        <v>3032</v>
      </c>
      <c r="E870" s="2" t="s">
        <v>3033</v>
      </c>
      <c r="F870" s="2" t="s">
        <v>1755</v>
      </c>
      <c r="G870" s="8">
        <v>165</v>
      </c>
      <c r="H870" s="5">
        <v>6</v>
      </c>
      <c r="I870" s="5" t="s">
        <v>1518</v>
      </c>
      <c r="J870" s="5" t="s">
        <v>1519</v>
      </c>
      <c r="K870" s="2" t="s">
        <v>1520</v>
      </c>
      <c r="L870" s="5" t="s">
        <v>1519</v>
      </c>
      <c r="M870" s="2" t="s">
        <v>1520</v>
      </c>
      <c r="N870" s="5" t="s">
        <v>1521</v>
      </c>
      <c r="O870" s="5" t="s">
        <v>38</v>
      </c>
      <c r="P870" s="5" t="s">
        <v>39</v>
      </c>
      <c r="Q870" s="5" t="s">
        <v>40</v>
      </c>
      <c r="R870" s="5" t="s">
        <v>1522</v>
      </c>
      <c r="S870" s="5" t="s">
        <v>1523</v>
      </c>
      <c r="T870" s="5" t="s">
        <v>42</v>
      </c>
      <c r="U870" s="2">
        <v>1.9970000000000001</v>
      </c>
      <c r="V870" s="2">
        <v>1.4890000000000001</v>
      </c>
      <c r="W870" s="2">
        <v>1.4999999999999999E-2</v>
      </c>
      <c r="X870" s="2">
        <v>118.9</v>
      </c>
      <c r="Y870" s="2">
        <v>7.6</v>
      </c>
      <c r="Z870" s="2">
        <v>16.7</v>
      </c>
      <c r="AA870" s="5"/>
      <c r="AB870" s="5" t="s">
        <v>43</v>
      </c>
      <c r="AC870" s="5" t="s">
        <v>44</v>
      </c>
      <c r="AD870" s="2"/>
      <c r="AE870" s="1"/>
    </row>
    <row r="871" spans="1:31" ht="14.45">
      <c r="A871" s="11"/>
      <c r="B871" s="20"/>
      <c r="C871" s="2" t="s">
        <v>3034</v>
      </c>
      <c r="D871" s="14" t="s">
        <v>3035</v>
      </c>
      <c r="E871" s="2" t="s">
        <v>3036</v>
      </c>
      <c r="F871" s="2" t="s">
        <v>1759</v>
      </c>
      <c r="G871" s="8">
        <v>165</v>
      </c>
      <c r="H871" s="5">
        <v>6</v>
      </c>
      <c r="I871" s="5" t="s">
        <v>1518</v>
      </c>
      <c r="J871" s="5" t="s">
        <v>1519</v>
      </c>
      <c r="K871" s="2" t="s">
        <v>1520</v>
      </c>
      <c r="L871" s="5" t="s">
        <v>1519</v>
      </c>
      <c r="M871" s="2" t="s">
        <v>1520</v>
      </c>
      <c r="N871" s="5" t="s">
        <v>1521</v>
      </c>
      <c r="O871" s="5" t="s">
        <v>38</v>
      </c>
      <c r="P871" s="5" t="s">
        <v>39</v>
      </c>
      <c r="Q871" s="5" t="s">
        <v>40</v>
      </c>
      <c r="R871" s="5" t="s">
        <v>1522</v>
      </c>
      <c r="S871" s="5" t="s">
        <v>1523</v>
      </c>
      <c r="T871" s="5" t="s">
        <v>42</v>
      </c>
      <c r="U871" s="2">
        <v>1.9730000000000001</v>
      </c>
      <c r="V871" s="2">
        <v>1.4650000000000001</v>
      </c>
      <c r="W871" s="2">
        <v>1.4999999999999999E-2</v>
      </c>
      <c r="X871" s="2">
        <v>118.9</v>
      </c>
      <c r="Y871" s="2">
        <v>7.6</v>
      </c>
      <c r="Z871" s="2">
        <v>16.7</v>
      </c>
      <c r="AA871" s="5"/>
      <c r="AB871" s="5" t="s">
        <v>43</v>
      </c>
      <c r="AC871" s="5" t="s">
        <v>44</v>
      </c>
      <c r="AD871" s="2"/>
      <c r="AE871" s="1"/>
    </row>
    <row r="872" spans="1:31" ht="14.45">
      <c r="A872" s="11"/>
      <c r="B872" s="20"/>
      <c r="C872" s="2" t="s">
        <v>3037</v>
      </c>
      <c r="D872" s="14" t="s">
        <v>3038</v>
      </c>
      <c r="E872" s="2" t="s">
        <v>3039</v>
      </c>
      <c r="F872" s="2" t="s">
        <v>1763</v>
      </c>
      <c r="G872" s="8">
        <v>165</v>
      </c>
      <c r="H872" s="5">
        <v>6</v>
      </c>
      <c r="I872" s="5" t="s">
        <v>1518</v>
      </c>
      <c r="J872" s="5" t="s">
        <v>1519</v>
      </c>
      <c r="K872" s="2" t="s">
        <v>1520</v>
      </c>
      <c r="L872" s="5" t="s">
        <v>1519</v>
      </c>
      <c r="M872" s="2" t="s">
        <v>1520</v>
      </c>
      <c r="N872" s="5" t="s">
        <v>1521</v>
      </c>
      <c r="O872" s="5" t="s">
        <v>38</v>
      </c>
      <c r="P872" s="5" t="s">
        <v>39</v>
      </c>
      <c r="Q872" s="5" t="s">
        <v>40</v>
      </c>
      <c r="R872" s="5" t="s">
        <v>1522</v>
      </c>
      <c r="S872" s="5" t="s">
        <v>1523</v>
      </c>
      <c r="T872" s="5" t="s">
        <v>42</v>
      </c>
      <c r="U872" s="2">
        <v>2.012</v>
      </c>
      <c r="V872" s="2">
        <v>1.504</v>
      </c>
      <c r="W872" s="2">
        <v>1.4999999999999999E-2</v>
      </c>
      <c r="X872" s="2">
        <v>118.9</v>
      </c>
      <c r="Y872" s="2">
        <v>7.6</v>
      </c>
      <c r="Z872" s="2">
        <v>16.7</v>
      </c>
      <c r="AA872" s="5"/>
      <c r="AB872" s="5" t="s">
        <v>43</v>
      </c>
      <c r="AC872" s="5" t="s">
        <v>44</v>
      </c>
      <c r="AD872" s="2"/>
      <c r="AE872" s="1"/>
    </row>
    <row r="873" spans="1:31" ht="14.45">
      <c r="A873" s="11"/>
      <c r="B873" s="20"/>
      <c r="C873" s="2" t="s">
        <v>3040</v>
      </c>
      <c r="D873" s="14" t="s">
        <v>3041</v>
      </c>
      <c r="E873" s="2" t="s">
        <v>3042</v>
      </c>
      <c r="F873" s="2" t="s">
        <v>1767</v>
      </c>
      <c r="G873" s="8">
        <v>165</v>
      </c>
      <c r="H873" s="5">
        <v>6</v>
      </c>
      <c r="I873" s="5" t="s">
        <v>1518</v>
      </c>
      <c r="J873" s="5" t="s">
        <v>1519</v>
      </c>
      <c r="K873" s="2" t="s">
        <v>1520</v>
      </c>
      <c r="L873" s="5" t="s">
        <v>1519</v>
      </c>
      <c r="M873" s="2" t="s">
        <v>1520</v>
      </c>
      <c r="N873" s="5" t="s">
        <v>1521</v>
      </c>
      <c r="O873" s="5" t="s">
        <v>38</v>
      </c>
      <c r="P873" s="5" t="s">
        <v>39</v>
      </c>
      <c r="Q873" s="5" t="s">
        <v>40</v>
      </c>
      <c r="R873" s="5" t="s">
        <v>1522</v>
      </c>
      <c r="S873" s="5" t="s">
        <v>1523</v>
      </c>
      <c r="T873" s="5" t="s">
        <v>42</v>
      </c>
      <c r="U873" s="2">
        <v>1.9730000000000001</v>
      </c>
      <c r="V873" s="2">
        <v>1.4650000000000001</v>
      </c>
      <c r="W873" s="2">
        <v>1.4999999999999999E-2</v>
      </c>
      <c r="X873" s="2">
        <v>118.9</v>
      </c>
      <c r="Y873" s="2">
        <v>7.6</v>
      </c>
      <c r="Z873" s="2">
        <v>16.7</v>
      </c>
      <c r="AA873" s="5"/>
      <c r="AB873" s="5" t="s">
        <v>43</v>
      </c>
      <c r="AC873" s="5" t="s">
        <v>44</v>
      </c>
      <c r="AD873" s="2"/>
      <c r="AE873" s="1"/>
    </row>
    <row r="874" spans="1:31" ht="14.45">
      <c r="A874" s="11"/>
      <c r="B874" s="20"/>
      <c r="C874" s="2" t="s">
        <v>3043</v>
      </c>
      <c r="D874" s="14" t="s">
        <v>3044</v>
      </c>
      <c r="E874" s="2" t="s">
        <v>3045</v>
      </c>
      <c r="F874" s="2" t="s">
        <v>1771</v>
      </c>
      <c r="G874" s="8">
        <v>165</v>
      </c>
      <c r="H874" s="5">
        <v>6</v>
      </c>
      <c r="I874" s="5" t="s">
        <v>1518</v>
      </c>
      <c r="J874" s="5" t="s">
        <v>1519</v>
      </c>
      <c r="K874" s="2" t="s">
        <v>1520</v>
      </c>
      <c r="L874" s="5" t="s">
        <v>1519</v>
      </c>
      <c r="M874" s="2" t="s">
        <v>1520</v>
      </c>
      <c r="N874" s="5" t="s">
        <v>1521</v>
      </c>
      <c r="O874" s="5" t="s">
        <v>38</v>
      </c>
      <c r="P874" s="5" t="s">
        <v>39</v>
      </c>
      <c r="Q874" s="5" t="s">
        <v>40</v>
      </c>
      <c r="R874" s="5" t="s">
        <v>1522</v>
      </c>
      <c r="S874" s="5" t="s">
        <v>1523</v>
      </c>
      <c r="T874" s="5" t="s">
        <v>42</v>
      </c>
      <c r="U874" s="2">
        <v>2.012</v>
      </c>
      <c r="V874" s="2">
        <v>1.504</v>
      </c>
      <c r="W874" s="2">
        <v>1.4999999999999999E-2</v>
      </c>
      <c r="X874" s="2">
        <v>118.9</v>
      </c>
      <c r="Y874" s="2">
        <v>7.6</v>
      </c>
      <c r="Z874" s="2">
        <v>16.7</v>
      </c>
      <c r="AA874" s="5"/>
      <c r="AB874" s="5" t="s">
        <v>43</v>
      </c>
      <c r="AC874" s="5" t="s">
        <v>44</v>
      </c>
      <c r="AD874" s="2"/>
      <c r="AE874" s="1"/>
    </row>
    <row r="875" spans="1:31" ht="14.45">
      <c r="A875" s="11"/>
      <c r="B875" s="20"/>
      <c r="C875" s="2" t="s">
        <v>3046</v>
      </c>
      <c r="D875" s="14" t="s">
        <v>3047</v>
      </c>
      <c r="E875" s="2" t="s">
        <v>3048</v>
      </c>
      <c r="F875" s="2" t="s">
        <v>1775</v>
      </c>
      <c r="G875" s="8">
        <v>165</v>
      </c>
      <c r="H875" s="5">
        <v>6</v>
      </c>
      <c r="I875" s="5" t="s">
        <v>1518</v>
      </c>
      <c r="J875" s="5" t="s">
        <v>1519</v>
      </c>
      <c r="K875" s="2" t="s">
        <v>1520</v>
      </c>
      <c r="L875" s="5" t="s">
        <v>1519</v>
      </c>
      <c r="M875" s="2" t="s">
        <v>1520</v>
      </c>
      <c r="N875" s="5" t="s">
        <v>1521</v>
      </c>
      <c r="O875" s="5" t="s">
        <v>38</v>
      </c>
      <c r="P875" s="5" t="s">
        <v>39</v>
      </c>
      <c r="Q875" s="5" t="s">
        <v>40</v>
      </c>
      <c r="R875" s="5" t="s">
        <v>1522</v>
      </c>
      <c r="S875" s="5" t="s">
        <v>1523</v>
      </c>
      <c r="T875" s="5" t="s">
        <v>42</v>
      </c>
      <c r="U875" s="2">
        <v>1.9730000000000001</v>
      </c>
      <c r="V875" s="2">
        <v>1.4650000000000001</v>
      </c>
      <c r="W875" s="2">
        <v>1.4999999999999999E-2</v>
      </c>
      <c r="X875" s="2">
        <v>118.9</v>
      </c>
      <c r="Y875" s="2">
        <v>7.6</v>
      </c>
      <c r="Z875" s="2">
        <v>16.7</v>
      </c>
      <c r="AA875" s="5"/>
      <c r="AB875" s="5" t="s">
        <v>43</v>
      </c>
      <c r="AC875" s="5" t="s">
        <v>44</v>
      </c>
      <c r="AD875" s="2"/>
      <c r="AE875" s="1"/>
    </row>
    <row r="876" spans="1:31" ht="14.45">
      <c r="A876" s="11"/>
      <c r="B876" s="20"/>
      <c r="C876" s="2" t="s">
        <v>3049</v>
      </c>
      <c r="D876" s="14" t="s">
        <v>3050</v>
      </c>
      <c r="E876" s="2" t="s">
        <v>3051</v>
      </c>
      <c r="F876" s="2" t="s">
        <v>1779</v>
      </c>
      <c r="G876" s="8">
        <v>165</v>
      </c>
      <c r="H876" s="5">
        <v>6</v>
      </c>
      <c r="I876" s="5" t="s">
        <v>1518</v>
      </c>
      <c r="J876" s="5" t="s">
        <v>1519</v>
      </c>
      <c r="K876" s="2" t="s">
        <v>1520</v>
      </c>
      <c r="L876" s="5" t="s">
        <v>1519</v>
      </c>
      <c r="M876" s="2" t="s">
        <v>1520</v>
      </c>
      <c r="N876" s="5" t="s">
        <v>1521</v>
      </c>
      <c r="O876" s="5" t="s">
        <v>38</v>
      </c>
      <c r="P876" s="5" t="s">
        <v>39</v>
      </c>
      <c r="Q876" s="5" t="s">
        <v>40</v>
      </c>
      <c r="R876" s="5" t="s">
        <v>1522</v>
      </c>
      <c r="S876" s="5" t="s">
        <v>1523</v>
      </c>
      <c r="T876" s="5" t="s">
        <v>42</v>
      </c>
      <c r="U876" s="2">
        <v>2.012</v>
      </c>
      <c r="V876" s="2">
        <v>1.504</v>
      </c>
      <c r="W876" s="2">
        <v>1.4999999999999999E-2</v>
      </c>
      <c r="X876" s="2">
        <v>118.9</v>
      </c>
      <c r="Y876" s="2">
        <v>7.6</v>
      </c>
      <c r="Z876" s="2">
        <v>16.7</v>
      </c>
      <c r="AA876" s="5"/>
      <c r="AB876" s="5" t="s">
        <v>43</v>
      </c>
      <c r="AC876" s="5" t="s">
        <v>44</v>
      </c>
      <c r="AD876" s="2"/>
      <c r="AE876" s="1"/>
    </row>
    <row r="877" spans="1:31" ht="14.45">
      <c r="A877" s="11"/>
      <c r="B877" s="20"/>
      <c r="C877" s="2" t="s">
        <v>3052</v>
      </c>
      <c r="D877" s="14" t="s">
        <v>3053</v>
      </c>
      <c r="E877" s="2" t="s">
        <v>3054</v>
      </c>
      <c r="F877" s="2" t="s">
        <v>1783</v>
      </c>
      <c r="G877" s="8">
        <v>165</v>
      </c>
      <c r="H877" s="5">
        <v>6</v>
      </c>
      <c r="I877" s="5" t="s">
        <v>1518</v>
      </c>
      <c r="J877" s="5" t="s">
        <v>1519</v>
      </c>
      <c r="K877" s="2" t="s">
        <v>1520</v>
      </c>
      <c r="L877" s="5" t="s">
        <v>1519</v>
      </c>
      <c r="M877" s="2" t="s">
        <v>1520</v>
      </c>
      <c r="N877" s="5" t="s">
        <v>1521</v>
      </c>
      <c r="O877" s="5" t="s">
        <v>38</v>
      </c>
      <c r="P877" s="5" t="s">
        <v>39</v>
      </c>
      <c r="Q877" s="5" t="s">
        <v>40</v>
      </c>
      <c r="R877" s="5" t="s">
        <v>1522</v>
      </c>
      <c r="S877" s="5" t="s">
        <v>1523</v>
      </c>
      <c r="T877" s="5" t="s">
        <v>42</v>
      </c>
      <c r="U877" s="2">
        <v>1.958</v>
      </c>
      <c r="V877" s="2">
        <v>1.45</v>
      </c>
      <c r="W877" s="2">
        <v>1.4999999999999999E-2</v>
      </c>
      <c r="X877" s="2">
        <v>118.9</v>
      </c>
      <c r="Y877" s="2">
        <v>7.6</v>
      </c>
      <c r="Z877" s="2">
        <v>16.7</v>
      </c>
      <c r="AA877" s="5"/>
      <c r="AB877" s="5" t="s">
        <v>43</v>
      </c>
      <c r="AC877" s="5" t="s">
        <v>44</v>
      </c>
      <c r="AD877" s="2"/>
      <c r="AE877" s="1"/>
    </row>
    <row r="878" spans="1:31" ht="14.45">
      <c r="A878" s="11"/>
      <c r="B878" s="20"/>
      <c r="C878" s="2" t="s">
        <v>3055</v>
      </c>
      <c r="D878" s="14" t="s">
        <v>3056</v>
      </c>
      <c r="E878" s="2" t="s">
        <v>3057</v>
      </c>
      <c r="F878" s="2" t="s">
        <v>1787</v>
      </c>
      <c r="G878" s="8">
        <v>165</v>
      </c>
      <c r="H878" s="5">
        <v>6</v>
      </c>
      <c r="I878" s="5" t="s">
        <v>1518</v>
      </c>
      <c r="J878" s="5" t="s">
        <v>1519</v>
      </c>
      <c r="K878" s="2" t="s">
        <v>1520</v>
      </c>
      <c r="L878" s="5" t="s">
        <v>1519</v>
      </c>
      <c r="M878" s="2" t="s">
        <v>1520</v>
      </c>
      <c r="N878" s="5" t="s">
        <v>1521</v>
      </c>
      <c r="O878" s="5" t="s">
        <v>38</v>
      </c>
      <c r="P878" s="5" t="s">
        <v>39</v>
      </c>
      <c r="Q878" s="5" t="s">
        <v>40</v>
      </c>
      <c r="R878" s="5" t="s">
        <v>1522</v>
      </c>
      <c r="S878" s="5" t="s">
        <v>1523</v>
      </c>
      <c r="T878" s="5" t="s">
        <v>42</v>
      </c>
      <c r="U878" s="2">
        <v>1.9970000000000001</v>
      </c>
      <c r="V878" s="2">
        <v>1.4890000000000001</v>
      </c>
      <c r="W878" s="2">
        <v>1.4999999999999999E-2</v>
      </c>
      <c r="X878" s="2">
        <v>118.9</v>
      </c>
      <c r="Y878" s="2">
        <v>7.6</v>
      </c>
      <c r="Z878" s="2">
        <v>16.7</v>
      </c>
      <c r="AA878" s="5"/>
      <c r="AB878" s="5" t="s">
        <v>43</v>
      </c>
      <c r="AC878" s="5" t="s">
        <v>44</v>
      </c>
      <c r="AD878" s="2"/>
      <c r="AE878" s="1"/>
    </row>
    <row r="879" spans="1:31" ht="14.45">
      <c r="A879" s="11"/>
      <c r="B879" s="20"/>
      <c r="C879" s="2" t="s">
        <v>3058</v>
      </c>
      <c r="D879" s="14" t="s">
        <v>3059</v>
      </c>
      <c r="E879" s="2" t="s">
        <v>3060</v>
      </c>
      <c r="F879" s="2" t="s">
        <v>1791</v>
      </c>
      <c r="G879" s="8">
        <v>165</v>
      </c>
      <c r="H879" s="5">
        <v>6</v>
      </c>
      <c r="I879" s="5" t="s">
        <v>1518</v>
      </c>
      <c r="J879" s="5" t="s">
        <v>1519</v>
      </c>
      <c r="K879" s="2" t="s">
        <v>1520</v>
      </c>
      <c r="L879" s="5" t="s">
        <v>1519</v>
      </c>
      <c r="M879" s="2" t="s">
        <v>1520</v>
      </c>
      <c r="N879" s="5" t="s">
        <v>1521</v>
      </c>
      <c r="O879" s="5" t="s">
        <v>38</v>
      </c>
      <c r="P879" s="5" t="s">
        <v>39</v>
      </c>
      <c r="Q879" s="5" t="s">
        <v>40</v>
      </c>
      <c r="R879" s="5" t="s">
        <v>1522</v>
      </c>
      <c r="S879" s="5" t="s">
        <v>1523</v>
      </c>
      <c r="T879" s="5" t="s">
        <v>42</v>
      </c>
      <c r="U879" s="2">
        <v>1.9730000000000001</v>
      </c>
      <c r="V879" s="2">
        <v>1.4650000000000001</v>
      </c>
      <c r="W879" s="2">
        <v>1.4999999999999999E-2</v>
      </c>
      <c r="X879" s="2">
        <v>118.9</v>
      </c>
      <c r="Y879" s="2">
        <v>7.6</v>
      </c>
      <c r="Z879" s="2">
        <v>16.7</v>
      </c>
      <c r="AA879" s="5"/>
      <c r="AB879" s="5" t="s">
        <v>43</v>
      </c>
      <c r="AC879" s="5" t="s">
        <v>44</v>
      </c>
      <c r="AD879" s="2"/>
      <c r="AE879" s="1"/>
    </row>
    <row r="880" spans="1:31" ht="14.45">
      <c r="A880" s="11"/>
      <c r="B880" s="20"/>
      <c r="C880" s="2" t="s">
        <v>3061</v>
      </c>
      <c r="D880" s="14" t="s">
        <v>3062</v>
      </c>
      <c r="E880" s="2" t="s">
        <v>3063</v>
      </c>
      <c r="F880" s="2" t="s">
        <v>1795</v>
      </c>
      <c r="G880" s="8">
        <v>165</v>
      </c>
      <c r="H880" s="5">
        <v>6</v>
      </c>
      <c r="I880" s="5" t="s">
        <v>1518</v>
      </c>
      <c r="J880" s="5" t="s">
        <v>1519</v>
      </c>
      <c r="K880" s="2" t="s">
        <v>1520</v>
      </c>
      <c r="L880" s="5" t="s">
        <v>1519</v>
      </c>
      <c r="M880" s="2" t="s">
        <v>1520</v>
      </c>
      <c r="N880" s="5" t="s">
        <v>1521</v>
      </c>
      <c r="O880" s="5" t="s">
        <v>38</v>
      </c>
      <c r="P880" s="5" t="s">
        <v>39</v>
      </c>
      <c r="Q880" s="5" t="s">
        <v>40</v>
      </c>
      <c r="R880" s="5" t="s">
        <v>1522</v>
      </c>
      <c r="S880" s="5" t="s">
        <v>1523</v>
      </c>
      <c r="T880" s="5" t="s">
        <v>42</v>
      </c>
      <c r="U880" s="2">
        <v>2.012</v>
      </c>
      <c r="V880" s="2">
        <v>1.504</v>
      </c>
      <c r="W880" s="2">
        <v>1.4999999999999999E-2</v>
      </c>
      <c r="X880" s="2">
        <v>118.9</v>
      </c>
      <c r="Y880" s="2">
        <v>7.6</v>
      </c>
      <c r="Z880" s="2">
        <v>16.7</v>
      </c>
      <c r="AA880" s="5"/>
      <c r="AB880" s="5" t="s">
        <v>43</v>
      </c>
      <c r="AC880" s="5" t="s">
        <v>44</v>
      </c>
      <c r="AD880" s="2"/>
      <c r="AE880" s="1"/>
    </row>
    <row r="881" spans="1:31" ht="14.45">
      <c r="A881" s="11"/>
      <c r="B881" s="20"/>
      <c r="C881" s="2" t="s">
        <v>3064</v>
      </c>
      <c r="D881" s="14" t="s">
        <v>3065</v>
      </c>
      <c r="E881" s="2" t="s">
        <v>3066</v>
      </c>
      <c r="F881" s="2" t="s">
        <v>1799</v>
      </c>
      <c r="G881" s="8">
        <v>165</v>
      </c>
      <c r="H881" s="5">
        <v>6</v>
      </c>
      <c r="I881" s="5" t="s">
        <v>1518</v>
      </c>
      <c r="J881" s="5" t="s">
        <v>1519</v>
      </c>
      <c r="K881" s="2" t="s">
        <v>1520</v>
      </c>
      <c r="L881" s="5" t="s">
        <v>1519</v>
      </c>
      <c r="M881" s="2" t="s">
        <v>1520</v>
      </c>
      <c r="N881" s="5" t="s">
        <v>1521</v>
      </c>
      <c r="O881" s="5" t="s">
        <v>38</v>
      </c>
      <c r="P881" s="5" t="s">
        <v>39</v>
      </c>
      <c r="Q881" s="5" t="s">
        <v>40</v>
      </c>
      <c r="R881" s="5" t="s">
        <v>1522</v>
      </c>
      <c r="S881" s="5" t="s">
        <v>1523</v>
      </c>
      <c r="T881" s="5" t="s">
        <v>42</v>
      </c>
      <c r="U881" s="2">
        <v>1.9730000000000001</v>
      </c>
      <c r="V881" s="2">
        <v>1.4650000000000001</v>
      </c>
      <c r="W881" s="2">
        <v>1.4999999999999999E-2</v>
      </c>
      <c r="X881" s="2">
        <v>118.9</v>
      </c>
      <c r="Y881" s="2">
        <v>7.6</v>
      </c>
      <c r="Z881" s="2">
        <v>16.7</v>
      </c>
      <c r="AA881" s="5"/>
      <c r="AB881" s="5" t="s">
        <v>43</v>
      </c>
      <c r="AC881" s="5" t="s">
        <v>44</v>
      </c>
      <c r="AD881" s="2"/>
      <c r="AE881" s="1"/>
    </row>
    <row r="882" spans="1:31" ht="14.45">
      <c r="A882" s="11"/>
      <c r="B882" s="20"/>
      <c r="C882" s="2" t="s">
        <v>3067</v>
      </c>
      <c r="D882" s="14" t="s">
        <v>3068</v>
      </c>
      <c r="E882" s="2" t="s">
        <v>3069</v>
      </c>
      <c r="F882" s="2" t="s">
        <v>1803</v>
      </c>
      <c r="G882" s="8">
        <v>165</v>
      </c>
      <c r="H882" s="5">
        <v>6</v>
      </c>
      <c r="I882" s="5" t="s">
        <v>1518</v>
      </c>
      <c r="J882" s="5" t="s">
        <v>1519</v>
      </c>
      <c r="K882" s="2" t="s">
        <v>1520</v>
      </c>
      <c r="L882" s="5" t="s">
        <v>1519</v>
      </c>
      <c r="M882" s="2" t="s">
        <v>1520</v>
      </c>
      <c r="N882" s="5" t="s">
        <v>1521</v>
      </c>
      <c r="O882" s="5" t="s">
        <v>38</v>
      </c>
      <c r="P882" s="5" t="s">
        <v>39</v>
      </c>
      <c r="Q882" s="5" t="s">
        <v>40</v>
      </c>
      <c r="R882" s="5" t="s">
        <v>1522</v>
      </c>
      <c r="S882" s="5" t="s">
        <v>1523</v>
      </c>
      <c r="T882" s="5" t="s">
        <v>42</v>
      </c>
      <c r="U882" s="2">
        <v>2.012</v>
      </c>
      <c r="V882" s="2">
        <v>1.504</v>
      </c>
      <c r="W882" s="2">
        <v>1.4999999999999999E-2</v>
      </c>
      <c r="X882" s="2">
        <v>118.9</v>
      </c>
      <c r="Y882" s="2">
        <v>7.6</v>
      </c>
      <c r="Z882" s="2">
        <v>16.7</v>
      </c>
      <c r="AA882" s="5"/>
      <c r="AB882" s="5" t="s">
        <v>43</v>
      </c>
      <c r="AC882" s="5" t="s">
        <v>44</v>
      </c>
      <c r="AD882" s="2"/>
      <c r="AE882" s="1"/>
    </row>
    <row r="883" spans="1:31" ht="14.45">
      <c r="A883" s="11"/>
      <c r="B883" s="20"/>
      <c r="C883" s="2" t="s">
        <v>3070</v>
      </c>
      <c r="D883" s="14" t="s">
        <v>3071</v>
      </c>
      <c r="E883" s="2" t="s">
        <v>3072</v>
      </c>
      <c r="F883" s="2" t="s">
        <v>1807</v>
      </c>
      <c r="G883" s="8">
        <v>165</v>
      </c>
      <c r="H883" s="5">
        <v>6</v>
      </c>
      <c r="I883" s="5" t="s">
        <v>1518</v>
      </c>
      <c r="J883" s="5" t="s">
        <v>1519</v>
      </c>
      <c r="K883" s="2" t="s">
        <v>1520</v>
      </c>
      <c r="L883" s="5" t="s">
        <v>1519</v>
      </c>
      <c r="M883" s="2" t="s">
        <v>1520</v>
      </c>
      <c r="N883" s="5" t="s">
        <v>1521</v>
      </c>
      <c r="O883" s="5" t="s">
        <v>38</v>
      </c>
      <c r="P883" s="5" t="s">
        <v>39</v>
      </c>
      <c r="Q883" s="5" t="s">
        <v>40</v>
      </c>
      <c r="R883" s="5" t="s">
        <v>1522</v>
      </c>
      <c r="S883" s="5" t="s">
        <v>1523</v>
      </c>
      <c r="T883" s="5" t="s">
        <v>42</v>
      </c>
      <c r="U883" s="2">
        <v>1.9730000000000001</v>
      </c>
      <c r="V883" s="2">
        <v>1.4650000000000001</v>
      </c>
      <c r="W883" s="2">
        <v>1.4999999999999999E-2</v>
      </c>
      <c r="X883" s="2">
        <v>118.9</v>
      </c>
      <c r="Y883" s="2">
        <v>7.6</v>
      </c>
      <c r="Z883" s="2">
        <v>16.7</v>
      </c>
      <c r="AA883" s="5"/>
      <c r="AB883" s="5" t="s">
        <v>43</v>
      </c>
      <c r="AC883" s="5" t="s">
        <v>44</v>
      </c>
      <c r="AD883" s="2"/>
      <c r="AE883" s="1"/>
    </row>
    <row r="884" spans="1:31" ht="14.45">
      <c r="A884" s="11"/>
      <c r="B884" s="20"/>
      <c r="C884" s="2" t="s">
        <v>3073</v>
      </c>
      <c r="D884" s="14" t="s">
        <v>3074</v>
      </c>
      <c r="E884" s="2" t="s">
        <v>3075</v>
      </c>
      <c r="F884" s="2" t="s">
        <v>1811</v>
      </c>
      <c r="G884" s="8">
        <v>165</v>
      </c>
      <c r="H884" s="5">
        <v>6</v>
      </c>
      <c r="I884" s="5" t="s">
        <v>1518</v>
      </c>
      <c r="J884" s="5" t="s">
        <v>1519</v>
      </c>
      <c r="K884" s="2" t="s">
        <v>1520</v>
      </c>
      <c r="L884" s="5" t="s">
        <v>1519</v>
      </c>
      <c r="M884" s="2" t="s">
        <v>1520</v>
      </c>
      <c r="N884" s="5" t="s">
        <v>1521</v>
      </c>
      <c r="O884" s="5" t="s">
        <v>38</v>
      </c>
      <c r="P884" s="5" t="s">
        <v>39</v>
      </c>
      <c r="Q884" s="5" t="s">
        <v>40</v>
      </c>
      <c r="R884" s="5" t="s">
        <v>1522</v>
      </c>
      <c r="S884" s="5" t="s">
        <v>1523</v>
      </c>
      <c r="T884" s="5" t="s">
        <v>42</v>
      </c>
      <c r="U884" s="2">
        <v>2.012</v>
      </c>
      <c r="V884" s="2">
        <v>1.504</v>
      </c>
      <c r="W884" s="2">
        <v>1.4999999999999999E-2</v>
      </c>
      <c r="X884" s="2">
        <v>118.9</v>
      </c>
      <c r="Y884" s="2">
        <v>7.6</v>
      </c>
      <c r="Z884" s="2">
        <v>16.7</v>
      </c>
      <c r="AA884" s="5"/>
      <c r="AB884" s="5" t="s">
        <v>43</v>
      </c>
      <c r="AC884" s="5" t="s">
        <v>44</v>
      </c>
      <c r="AD884" s="2"/>
      <c r="AE884" s="1"/>
    </row>
    <row r="885" spans="1:31" ht="14.45">
      <c r="A885" s="11"/>
      <c r="B885" s="20"/>
      <c r="C885" s="2" t="s">
        <v>3076</v>
      </c>
      <c r="D885" s="14" t="s">
        <v>3077</v>
      </c>
      <c r="E885" s="2" t="s">
        <v>3078</v>
      </c>
      <c r="F885" s="2" t="s">
        <v>1815</v>
      </c>
      <c r="G885" s="8">
        <v>165</v>
      </c>
      <c r="H885" s="5">
        <v>6</v>
      </c>
      <c r="I885" s="5" t="s">
        <v>1518</v>
      </c>
      <c r="J885" s="5" t="s">
        <v>1519</v>
      </c>
      <c r="K885" s="2" t="s">
        <v>1520</v>
      </c>
      <c r="L885" s="5" t="s">
        <v>1519</v>
      </c>
      <c r="M885" s="2" t="s">
        <v>1520</v>
      </c>
      <c r="N885" s="5" t="s">
        <v>1521</v>
      </c>
      <c r="O885" s="5" t="s">
        <v>38</v>
      </c>
      <c r="P885" s="5" t="s">
        <v>39</v>
      </c>
      <c r="Q885" s="5" t="s">
        <v>40</v>
      </c>
      <c r="R885" s="5" t="s">
        <v>1522</v>
      </c>
      <c r="S885" s="5" t="s">
        <v>1523</v>
      </c>
      <c r="T885" s="5" t="s">
        <v>42</v>
      </c>
      <c r="U885" s="2">
        <v>1.958</v>
      </c>
      <c r="V885" s="2">
        <v>1.45</v>
      </c>
      <c r="W885" s="2">
        <v>1.4999999999999999E-2</v>
      </c>
      <c r="X885" s="2">
        <v>118.9</v>
      </c>
      <c r="Y885" s="2">
        <v>7.6</v>
      </c>
      <c r="Z885" s="2">
        <v>16.7</v>
      </c>
      <c r="AA885" s="5"/>
      <c r="AB885" s="5" t="s">
        <v>43</v>
      </c>
      <c r="AC885" s="5" t="s">
        <v>44</v>
      </c>
      <c r="AD885" s="2"/>
      <c r="AE885" s="1"/>
    </row>
    <row r="886" spans="1:31" ht="14.45">
      <c r="A886" s="11"/>
      <c r="B886" s="20"/>
      <c r="C886" s="2" t="s">
        <v>3079</v>
      </c>
      <c r="D886" s="14" t="s">
        <v>3080</v>
      </c>
      <c r="E886" s="2" t="s">
        <v>3081</v>
      </c>
      <c r="F886" s="2" t="s">
        <v>1819</v>
      </c>
      <c r="G886" s="8">
        <v>165</v>
      </c>
      <c r="H886" s="5">
        <v>6</v>
      </c>
      <c r="I886" s="5" t="s">
        <v>1518</v>
      </c>
      <c r="J886" s="5" t="s">
        <v>1519</v>
      </c>
      <c r="K886" s="2" t="s">
        <v>1520</v>
      </c>
      <c r="L886" s="5" t="s">
        <v>1519</v>
      </c>
      <c r="M886" s="2" t="s">
        <v>1520</v>
      </c>
      <c r="N886" s="5" t="s">
        <v>1521</v>
      </c>
      <c r="O886" s="5" t="s">
        <v>38</v>
      </c>
      <c r="P886" s="5" t="s">
        <v>39</v>
      </c>
      <c r="Q886" s="5" t="s">
        <v>40</v>
      </c>
      <c r="R886" s="5" t="s">
        <v>1522</v>
      </c>
      <c r="S886" s="5" t="s">
        <v>1523</v>
      </c>
      <c r="T886" s="5" t="s">
        <v>42</v>
      </c>
      <c r="U886" s="2">
        <v>1.9970000000000001</v>
      </c>
      <c r="V886" s="2">
        <v>1.4890000000000001</v>
      </c>
      <c r="W886" s="2">
        <v>1.4999999999999999E-2</v>
      </c>
      <c r="X886" s="2">
        <v>118.9</v>
      </c>
      <c r="Y886" s="2">
        <v>7.6</v>
      </c>
      <c r="Z886" s="2">
        <v>16.7</v>
      </c>
      <c r="AA886" s="5"/>
      <c r="AB886" s="5" t="s">
        <v>43</v>
      </c>
      <c r="AC886" s="5" t="s">
        <v>44</v>
      </c>
      <c r="AD886" s="2"/>
      <c r="AE886" s="1"/>
    </row>
    <row r="887" spans="1:31" ht="14.45">
      <c r="A887" s="11"/>
      <c r="B887" s="20"/>
      <c r="C887" s="2" t="s">
        <v>3082</v>
      </c>
      <c r="D887" s="14" t="s">
        <v>3083</v>
      </c>
      <c r="E887" s="2" t="s">
        <v>3084</v>
      </c>
      <c r="F887" s="2" t="s">
        <v>1823</v>
      </c>
      <c r="G887" s="8">
        <v>165</v>
      </c>
      <c r="H887" s="5">
        <v>8</v>
      </c>
      <c r="I887" s="5" t="s">
        <v>1518</v>
      </c>
      <c r="J887" s="5" t="s">
        <v>1519</v>
      </c>
      <c r="K887" s="2" t="s">
        <v>1520</v>
      </c>
      <c r="L887" s="5" t="s">
        <v>1519</v>
      </c>
      <c r="M887" s="2" t="s">
        <v>1520</v>
      </c>
      <c r="N887" s="5" t="s">
        <v>1521</v>
      </c>
      <c r="O887" s="5" t="s">
        <v>38</v>
      </c>
      <c r="P887" s="5" t="s">
        <v>39</v>
      </c>
      <c r="Q887" s="5" t="s">
        <v>40</v>
      </c>
      <c r="R887" s="5" t="s">
        <v>1522</v>
      </c>
      <c r="S887" s="5" t="s">
        <v>1523</v>
      </c>
      <c r="T887" s="5" t="s">
        <v>42</v>
      </c>
      <c r="U887" s="2">
        <v>1.984</v>
      </c>
      <c r="V887" s="2">
        <v>1.476</v>
      </c>
      <c r="W887" s="2">
        <v>1.4999999999999999E-2</v>
      </c>
      <c r="X887" s="2">
        <v>118.9</v>
      </c>
      <c r="Y887" s="2">
        <v>7.6</v>
      </c>
      <c r="Z887" s="2">
        <v>16.7</v>
      </c>
      <c r="AA887" s="5"/>
      <c r="AB887" s="5" t="s">
        <v>43</v>
      </c>
      <c r="AC887" s="5" t="s">
        <v>44</v>
      </c>
      <c r="AD887" s="2"/>
      <c r="AE887" s="1"/>
    </row>
    <row r="888" spans="1:31" ht="14.45">
      <c r="A888" s="11"/>
      <c r="B888" s="20"/>
      <c r="C888" s="2" t="s">
        <v>3085</v>
      </c>
      <c r="D888" s="14" t="s">
        <v>3086</v>
      </c>
      <c r="E888" s="2" t="s">
        <v>3087</v>
      </c>
      <c r="F888" s="2" t="s">
        <v>1827</v>
      </c>
      <c r="G888" s="8">
        <v>165</v>
      </c>
      <c r="H888" s="5">
        <v>8</v>
      </c>
      <c r="I888" s="5" t="s">
        <v>1518</v>
      </c>
      <c r="J888" s="5" t="s">
        <v>1519</v>
      </c>
      <c r="K888" s="2" t="s">
        <v>1520</v>
      </c>
      <c r="L888" s="5" t="s">
        <v>1519</v>
      </c>
      <c r="M888" s="2" t="s">
        <v>1520</v>
      </c>
      <c r="N888" s="5" t="s">
        <v>1521</v>
      </c>
      <c r="O888" s="5" t="s">
        <v>38</v>
      </c>
      <c r="P888" s="5" t="s">
        <v>39</v>
      </c>
      <c r="Q888" s="5" t="s">
        <v>40</v>
      </c>
      <c r="R888" s="5" t="s">
        <v>1522</v>
      </c>
      <c r="S888" s="5" t="s">
        <v>1523</v>
      </c>
      <c r="T888" s="5" t="s">
        <v>42</v>
      </c>
      <c r="U888" s="2">
        <v>2.0230000000000001</v>
      </c>
      <c r="V888" s="2">
        <v>1.5149999999999999</v>
      </c>
      <c r="W888" s="2">
        <v>1.4999999999999999E-2</v>
      </c>
      <c r="X888" s="2">
        <v>118.9</v>
      </c>
      <c r="Y888" s="2">
        <v>7.6</v>
      </c>
      <c r="Z888" s="2">
        <v>16.7</v>
      </c>
      <c r="AA888" s="5"/>
      <c r="AB888" s="5" t="s">
        <v>43</v>
      </c>
      <c r="AC888" s="5" t="s">
        <v>44</v>
      </c>
      <c r="AD888" s="2"/>
      <c r="AE888" s="1"/>
    </row>
    <row r="889" spans="1:31" ht="14.45">
      <c r="A889" s="11"/>
      <c r="B889" s="20"/>
      <c r="C889" s="2" t="s">
        <v>3088</v>
      </c>
      <c r="D889" s="14" t="s">
        <v>3089</v>
      </c>
      <c r="E889" s="2" t="s">
        <v>3090</v>
      </c>
      <c r="F889" s="2" t="s">
        <v>1973</v>
      </c>
      <c r="G889" s="8">
        <v>165</v>
      </c>
      <c r="H889" s="5">
        <v>13</v>
      </c>
      <c r="I889" s="5" t="s">
        <v>1518</v>
      </c>
      <c r="J889" s="5" t="s">
        <v>1519</v>
      </c>
      <c r="K889" s="2" t="s">
        <v>1520</v>
      </c>
      <c r="L889" s="5" t="s">
        <v>1519</v>
      </c>
      <c r="M889" s="2" t="s">
        <v>1520</v>
      </c>
      <c r="N889" s="5" t="s">
        <v>1521</v>
      </c>
      <c r="O889" s="5" t="s">
        <v>38</v>
      </c>
      <c r="P889" s="5" t="s">
        <v>39</v>
      </c>
      <c r="Q889" s="5" t="s">
        <v>40</v>
      </c>
      <c r="R889" s="5" t="s">
        <v>1522</v>
      </c>
      <c r="S889" s="5" t="s">
        <v>1523</v>
      </c>
      <c r="T889" s="5" t="s">
        <v>42</v>
      </c>
      <c r="U889" s="2">
        <v>2.0019999999999998</v>
      </c>
      <c r="V889" s="2">
        <v>1.494</v>
      </c>
      <c r="W889" s="2">
        <v>1.4999999999999999E-2</v>
      </c>
      <c r="X889" s="2">
        <v>118.9</v>
      </c>
      <c r="Y889" s="2">
        <v>7.6</v>
      </c>
      <c r="Z889" s="2">
        <v>16.7</v>
      </c>
      <c r="AA889" s="5"/>
      <c r="AB889" s="5" t="s">
        <v>43</v>
      </c>
      <c r="AC889" s="5" t="s">
        <v>44</v>
      </c>
      <c r="AD889" s="2"/>
      <c r="AE889" s="1"/>
    </row>
    <row r="890" spans="1:31" ht="14.45">
      <c r="A890" s="11"/>
      <c r="B890" s="20"/>
      <c r="C890" s="2" t="s">
        <v>3091</v>
      </c>
      <c r="D890" s="14" t="s">
        <v>3092</v>
      </c>
      <c r="E890" s="2" t="s">
        <v>3093</v>
      </c>
      <c r="F890" s="2" t="s">
        <v>2348</v>
      </c>
      <c r="G890" s="8">
        <v>165</v>
      </c>
      <c r="H890" s="5">
        <v>13</v>
      </c>
      <c r="I890" s="5" t="s">
        <v>1518</v>
      </c>
      <c r="J890" s="5" t="s">
        <v>1519</v>
      </c>
      <c r="K890" s="2" t="s">
        <v>1520</v>
      </c>
      <c r="L890" s="5" t="s">
        <v>1519</v>
      </c>
      <c r="M890" s="2" t="s">
        <v>1520</v>
      </c>
      <c r="N890" s="5" t="s">
        <v>1521</v>
      </c>
      <c r="O890" s="5" t="s">
        <v>38</v>
      </c>
      <c r="P890" s="5" t="s">
        <v>39</v>
      </c>
      <c r="Q890" s="5" t="s">
        <v>40</v>
      </c>
      <c r="R890" s="5" t="s">
        <v>1522</v>
      </c>
      <c r="S890" s="5" t="s">
        <v>1523</v>
      </c>
      <c r="T890" s="5" t="s">
        <v>42</v>
      </c>
      <c r="U890" s="2">
        <v>2.0409999999999999</v>
      </c>
      <c r="V890" s="2">
        <v>1.5329999999999999</v>
      </c>
      <c r="W890" s="2">
        <v>1.4999999999999999E-2</v>
      </c>
      <c r="X890" s="2">
        <v>118.9</v>
      </c>
      <c r="Y890" s="2">
        <v>7.6</v>
      </c>
      <c r="Z890" s="2">
        <v>16.7</v>
      </c>
      <c r="AA890" s="5"/>
      <c r="AB890" s="5" t="s">
        <v>43</v>
      </c>
      <c r="AC890" s="5" t="s">
        <v>44</v>
      </c>
      <c r="AD890" s="2"/>
      <c r="AE890" s="1"/>
    </row>
    <row r="891" spans="1:31" ht="14.45">
      <c r="A891" s="11"/>
      <c r="B891" s="20"/>
      <c r="C891" s="2" t="s">
        <v>3094</v>
      </c>
      <c r="D891" s="14" t="s">
        <v>3095</v>
      </c>
      <c r="E891" s="2" t="s">
        <v>3096</v>
      </c>
      <c r="F891" s="2" t="s">
        <v>2208</v>
      </c>
      <c r="G891" s="8">
        <v>165</v>
      </c>
      <c r="H891" s="5">
        <v>13</v>
      </c>
      <c r="I891" s="5" t="s">
        <v>1518</v>
      </c>
      <c r="J891" s="5" t="s">
        <v>1519</v>
      </c>
      <c r="K891" s="2" t="s">
        <v>1520</v>
      </c>
      <c r="L891" s="5" t="s">
        <v>1519</v>
      </c>
      <c r="M891" s="2" t="s">
        <v>1520</v>
      </c>
      <c r="N891" s="5" t="s">
        <v>1521</v>
      </c>
      <c r="O891" s="5" t="s">
        <v>38</v>
      </c>
      <c r="P891" s="5" t="s">
        <v>39</v>
      </c>
      <c r="Q891" s="5" t="s">
        <v>40</v>
      </c>
      <c r="R891" s="5" t="s">
        <v>1522</v>
      </c>
      <c r="S891" s="5" t="s">
        <v>1523</v>
      </c>
      <c r="T891" s="5" t="s">
        <v>42</v>
      </c>
      <c r="U891" s="2">
        <v>2.0019999999999998</v>
      </c>
      <c r="V891" s="2">
        <v>1.494</v>
      </c>
      <c r="W891" s="2">
        <v>1.4999999999999999E-2</v>
      </c>
      <c r="X891" s="2">
        <v>118.9</v>
      </c>
      <c r="Y891" s="2">
        <v>7.6</v>
      </c>
      <c r="Z891" s="2">
        <v>16.7</v>
      </c>
      <c r="AA891" s="5"/>
      <c r="AB891" s="5" t="s">
        <v>43</v>
      </c>
      <c r="AC891" s="5" t="s">
        <v>44</v>
      </c>
      <c r="AD891" s="2"/>
      <c r="AE891" s="1"/>
    </row>
    <row r="892" spans="1:31" ht="14.45">
      <c r="A892" s="11"/>
      <c r="B892" s="20"/>
      <c r="C892" s="2" t="s">
        <v>3097</v>
      </c>
      <c r="D892" s="14" t="s">
        <v>3098</v>
      </c>
      <c r="E892" s="2" t="s">
        <v>3099</v>
      </c>
      <c r="F892" s="2" t="s">
        <v>2212</v>
      </c>
      <c r="G892" s="8">
        <v>165</v>
      </c>
      <c r="H892" s="5">
        <v>13</v>
      </c>
      <c r="I892" s="5" t="s">
        <v>1518</v>
      </c>
      <c r="J892" s="5" t="s">
        <v>1519</v>
      </c>
      <c r="K892" s="2" t="s">
        <v>1520</v>
      </c>
      <c r="L892" s="5" t="s">
        <v>1519</v>
      </c>
      <c r="M892" s="2" t="s">
        <v>1520</v>
      </c>
      <c r="N892" s="5" t="s">
        <v>1521</v>
      </c>
      <c r="O892" s="5" t="s">
        <v>38</v>
      </c>
      <c r="P892" s="5" t="s">
        <v>39</v>
      </c>
      <c r="Q892" s="5" t="s">
        <v>40</v>
      </c>
      <c r="R892" s="5" t="s">
        <v>1522</v>
      </c>
      <c r="S892" s="5" t="s">
        <v>1523</v>
      </c>
      <c r="T892" s="5" t="s">
        <v>42</v>
      </c>
      <c r="U892" s="2">
        <v>2.0409999999999999</v>
      </c>
      <c r="V892" s="2">
        <v>1.5329999999999999</v>
      </c>
      <c r="W892" s="2">
        <v>1.4999999999999999E-2</v>
      </c>
      <c r="X892" s="2">
        <v>118.9</v>
      </c>
      <c r="Y892" s="2">
        <v>7.6</v>
      </c>
      <c r="Z892" s="2">
        <v>16.7</v>
      </c>
      <c r="AA892" s="5"/>
      <c r="AB892" s="5" t="s">
        <v>43</v>
      </c>
      <c r="AC892" s="5" t="s">
        <v>44</v>
      </c>
      <c r="AD892" s="2"/>
      <c r="AE892" s="1"/>
    </row>
    <row r="893" spans="1:31" ht="14.45">
      <c r="A893" s="11"/>
      <c r="B893" s="20"/>
      <c r="C893" s="2" t="s">
        <v>3100</v>
      </c>
      <c r="D893" s="14" t="s">
        <v>3101</v>
      </c>
      <c r="E893" s="2" t="s">
        <v>3102</v>
      </c>
      <c r="F893" s="2" t="s">
        <v>1831</v>
      </c>
      <c r="G893" s="8">
        <v>165</v>
      </c>
      <c r="H893" s="5">
        <v>13</v>
      </c>
      <c r="I893" s="5" t="s">
        <v>1518</v>
      </c>
      <c r="J893" s="5" t="s">
        <v>1519</v>
      </c>
      <c r="K893" s="2" t="s">
        <v>1520</v>
      </c>
      <c r="L893" s="5" t="s">
        <v>1519</v>
      </c>
      <c r="M893" s="2" t="s">
        <v>1520</v>
      </c>
      <c r="N893" s="5" t="s">
        <v>1521</v>
      </c>
      <c r="O893" s="5" t="s">
        <v>38</v>
      </c>
      <c r="P893" s="5" t="s">
        <v>39</v>
      </c>
      <c r="Q893" s="5" t="s">
        <v>40</v>
      </c>
      <c r="R893" s="5" t="s">
        <v>1522</v>
      </c>
      <c r="S893" s="5" t="s">
        <v>1523</v>
      </c>
      <c r="T893" s="5" t="s">
        <v>42</v>
      </c>
      <c r="U893" s="2">
        <v>2.0019999999999998</v>
      </c>
      <c r="V893" s="2">
        <v>1.494</v>
      </c>
      <c r="W893" s="2">
        <v>1.4999999999999999E-2</v>
      </c>
      <c r="X893" s="2">
        <v>118.9</v>
      </c>
      <c r="Y893" s="2">
        <v>7.6</v>
      </c>
      <c r="Z893" s="2">
        <v>16.7</v>
      </c>
      <c r="AA893" s="5"/>
      <c r="AB893" s="5" t="s">
        <v>43</v>
      </c>
      <c r="AC893" s="5" t="s">
        <v>44</v>
      </c>
      <c r="AD893" s="2"/>
      <c r="AE893" s="1"/>
    </row>
    <row r="894" spans="1:31" ht="14.45">
      <c r="A894" s="11"/>
      <c r="B894" s="20"/>
      <c r="C894" s="2" t="s">
        <v>3103</v>
      </c>
      <c r="D894" s="14" t="s">
        <v>3104</v>
      </c>
      <c r="E894" s="2" t="s">
        <v>3105</v>
      </c>
      <c r="F894" s="2" t="s">
        <v>1835</v>
      </c>
      <c r="G894" s="8">
        <v>165</v>
      </c>
      <c r="H894" s="5">
        <v>13</v>
      </c>
      <c r="I894" s="5" t="s">
        <v>1518</v>
      </c>
      <c r="J894" s="5" t="s">
        <v>1519</v>
      </c>
      <c r="K894" s="2" t="s">
        <v>1520</v>
      </c>
      <c r="L894" s="5" t="s">
        <v>1519</v>
      </c>
      <c r="M894" s="2" t="s">
        <v>1520</v>
      </c>
      <c r="N894" s="5" t="s">
        <v>1521</v>
      </c>
      <c r="O894" s="5" t="s">
        <v>38</v>
      </c>
      <c r="P894" s="5" t="s">
        <v>39</v>
      </c>
      <c r="Q894" s="5" t="s">
        <v>40</v>
      </c>
      <c r="R894" s="5" t="s">
        <v>1522</v>
      </c>
      <c r="S894" s="5" t="s">
        <v>1523</v>
      </c>
      <c r="T894" s="5" t="s">
        <v>42</v>
      </c>
      <c r="U894" s="2">
        <v>2.0409999999999999</v>
      </c>
      <c r="V894" s="2">
        <v>1.5329999999999999</v>
      </c>
      <c r="W894" s="2">
        <v>1.4999999999999999E-2</v>
      </c>
      <c r="X894" s="2">
        <v>118.9</v>
      </c>
      <c r="Y894" s="2">
        <v>7.6</v>
      </c>
      <c r="Z894" s="2">
        <v>16.7</v>
      </c>
      <c r="AA894" s="5"/>
      <c r="AB894" s="5" t="s">
        <v>43</v>
      </c>
      <c r="AC894" s="5" t="s">
        <v>44</v>
      </c>
      <c r="AD894" s="2"/>
      <c r="AE894" s="1"/>
    </row>
    <row r="895" spans="1:31" ht="14.45">
      <c r="A895" s="11"/>
      <c r="B895" s="20"/>
      <c r="C895" s="2" t="s">
        <v>3106</v>
      </c>
      <c r="D895" s="14" t="s">
        <v>3107</v>
      </c>
      <c r="E895" s="2" t="s">
        <v>3108</v>
      </c>
      <c r="F895" s="2" t="s">
        <v>1986</v>
      </c>
      <c r="G895" s="8">
        <v>165</v>
      </c>
      <c r="H895" s="5">
        <v>13</v>
      </c>
      <c r="I895" s="5" t="s">
        <v>1518</v>
      </c>
      <c r="J895" s="5" t="s">
        <v>1519</v>
      </c>
      <c r="K895" s="2" t="s">
        <v>1520</v>
      </c>
      <c r="L895" s="5" t="s">
        <v>1519</v>
      </c>
      <c r="M895" s="2" t="s">
        <v>1520</v>
      </c>
      <c r="N895" s="5" t="s">
        <v>1521</v>
      </c>
      <c r="O895" s="5" t="s">
        <v>38</v>
      </c>
      <c r="P895" s="5" t="s">
        <v>39</v>
      </c>
      <c r="Q895" s="5" t="s">
        <v>40</v>
      </c>
      <c r="R895" s="5" t="s">
        <v>1522</v>
      </c>
      <c r="S895" s="5" t="s">
        <v>1523</v>
      </c>
      <c r="T895" s="5" t="s">
        <v>42</v>
      </c>
      <c r="U895" s="2">
        <v>2.0409999999999999</v>
      </c>
      <c r="V895" s="2">
        <v>1.5329999999999999</v>
      </c>
      <c r="W895" s="2">
        <v>1.4999999999999999E-2</v>
      </c>
      <c r="X895" s="2">
        <v>118.9</v>
      </c>
      <c r="Y895" s="2">
        <v>7.6</v>
      </c>
      <c r="Z895" s="2">
        <v>16.7</v>
      </c>
      <c r="AA895" s="5"/>
      <c r="AB895" s="5" t="s">
        <v>43</v>
      </c>
      <c r="AC895" s="5" t="s">
        <v>44</v>
      </c>
      <c r="AD895" s="2"/>
      <c r="AE895" s="1"/>
    </row>
    <row r="896" spans="1:31" ht="14.45">
      <c r="A896" s="11"/>
      <c r="B896" s="20"/>
      <c r="C896" s="2" t="s">
        <v>3109</v>
      </c>
      <c r="D896" s="14" t="s">
        <v>3110</v>
      </c>
      <c r="E896" s="2" t="s">
        <v>3111</v>
      </c>
      <c r="F896" s="2" t="s">
        <v>1843</v>
      </c>
      <c r="G896" s="8">
        <v>165</v>
      </c>
      <c r="H896" s="5">
        <v>13</v>
      </c>
      <c r="I896" s="5" t="s">
        <v>1518</v>
      </c>
      <c r="J896" s="5" t="s">
        <v>1519</v>
      </c>
      <c r="K896" s="2" t="s">
        <v>1520</v>
      </c>
      <c r="L896" s="5" t="s">
        <v>1519</v>
      </c>
      <c r="M896" s="2" t="s">
        <v>1520</v>
      </c>
      <c r="N896" s="5" t="s">
        <v>1521</v>
      </c>
      <c r="O896" s="5" t="s">
        <v>38</v>
      </c>
      <c r="P896" s="5" t="s">
        <v>39</v>
      </c>
      <c r="Q896" s="5" t="s">
        <v>40</v>
      </c>
      <c r="R896" s="5" t="s">
        <v>1522</v>
      </c>
      <c r="S896" s="5" t="s">
        <v>1523</v>
      </c>
      <c r="T896" s="5" t="s">
        <v>42</v>
      </c>
      <c r="U896" s="2">
        <v>2.0019999999999998</v>
      </c>
      <c r="V896" s="2">
        <v>1.494</v>
      </c>
      <c r="W896" s="2">
        <v>1.4999999999999999E-2</v>
      </c>
      <c r="X896" s="2">
        <v>118.9</v>
      </c>
      <c r="Y896" s="2">
        <v>7.6</v>
      </c>
      <c r="Z896" s="2">
        <v>16.7</v>
      </c>
      <c r="AA896" s="5"/>
      <c r="AB896" s="5" t="s">
        <v>43</v>
      </c>
      <c r="AC896" s="5" t="s">
        <v>44</v>
      </c>
      <c r="AD896" s="2"/>
      <c r="AE896" s="1"/>
    </row>
    <row r="897" spans="1:31" ht="14.45">
      <c r="A897" s="11"/>
      <c r="B897" s="20"/>
      <c r="C897" s="2" t="s">
        <v>3112</v>
      </c>
      <c r="D897" s="14" t="s">
        <v>3113</v>
      </c>
      <c r="E897" s="2" t="s">
        <v>3114</v>
      </c>
      <c r="F897" s="2" t="s">
        <v>1847</v>
      </c>
      <c r="G897" s="8">
        <v>165</v>
      </c>
      <c r="H897" s="5">
        <v>13</v>
      </c>
      <c r="I897" s="5" t="s">
        <v>1518</v>
      </c>
      <c r="J897" s="5" t="s">
        <v>1519</v>
      </c>
      <c r="K897" s="2" t="s">
        <v>1520</v>
      </c>
      <c r="L897" s="5" t="s">
        <v>1519</v>
      </c>
      <c r="M897" s="2" t="s">
        <v>1520</v>
      </c>
      <c r="N897" s="5" t="s">
        <v>1521</v>
      </c>
      <c r="O897" s="5" t="s">
        <v>38</v>
      </c>
      <c r="P897" s="5" t="s">
        <v>39</v>
      </c>
      <c r="Q897" s="5" t="s">
        <v>40</v>
      </c>
      <c r="R897" s="5" t="s">
        <v>1522</v>
      </c>
      <c r="S897" s="5" t="s">
        <v>1523</v>
      </c>
      <c r="T897" s="5" t="s">
        <v>42</v>
      </c>
      <c r="U897" s="2">
        <v>2.0409999999999999</v>
      </c>
      <c r="V897" s="2">
        <v>1.5329999999999999</v>
      </c>
      <c r="W897" s="2">
        <v>1.4999999999999999E-2</v>
      </c>
      <c r="X897" s="2">
        <v>118.9</v>
      </c>
      <c r="Y897" s="2">
        <v>7.6</v>
      </c>
      <c r="Z897" s="2">
        <v>16.7</v>
      </c>
      <c r="AA897" s="5"/>
      <c r="AB897" s="5" t="s">
        <v>43</v>
      </c>
      <c r="AC897" s="5" t="s">
        <v>44</v>
      </c>
      <c r="AD897" s="2"/>
      <c r="AE897" s="1"/>
    </row>
    <row r="898" spans="1:31" ht="14.45">
      <c r="A898" s="11"/>
      <c r="B898" s="20"/>
      <c r="C898" s="2" t="s">
        <v>3115</v>
      </c>
      <c r="D898" s="14" t="s">
        <v>3116</v>
      </c>
      <c r="E898" s="2" t="s">
        <v>3117</v>
      </c>
      <c r="F898" s="2" t="s">
        <v>1851</v>
      </c>
      <c r="G898" s="8">
        <v>165</v>
      </c>
      <c r="H898" s="5">
        <v>13</v>
      </c>
      <c r="I898" s="5" t="s">
        <v>1518</v>
      </c>
      <c r="J898" s="5" t="s">
        <v>1519</v>
      </c>
      <c r="K898" s="2" t="s">
        <v>1520</v>
      </c>
      <c r="L898" s="5" t="s">
        <v>1519</v>
      </c>
      <c r="M898" s="2" t="s">
        <v>1520</v>
      </c>
      <c r="N898" s="5" t="s">
        <v>1521</v>
      </c>
      <c r="O898" s="5" t="s">
        <v>38</v>
      </c>
      <c r="P898" s="5" t="s">
        <v>39</v>
      </c>
      <c r="Q898" s="5" t="s">
        <v>40</v>
      </c>
      <c r="R898" s="5" t="s">
        <v>1522</v>
      </c>
      <c r="S898" s="5" t="s">
        <v>1523</v>
      </c>
      <c r="T898" s="5" t="s">
        <v>42</v>
      </c>
      <c r="U898" s="2">
        <v>2.0019999999999998</v>
      </c>
      <c r="V898" s="2">
        <v>1.494</v>
      </c>
      <c r="W898" s="2">
        <v>1.4999999999999999E-2</v>
      </c>
      <c r="X898" s="2">
        <v>118.9</v>
      </c>
      <c r="Y898" s="2">
        <v>7.6</v>
      </c>
      <c r="Z898" s="2">
        <v>16.7</v>
      </c>
      <c r="AA898" s="5"/>
      <c r="AB898" s="5" t="s">
        <v>43</v>
      </c>
      <c r="AC898" s="5" t="s">
        <v>44</v>
      </c>
      <c r="AD898" s="2"/>
      <c r="AE898" s="1"/>
    </row>
    <row r="899" spans="1:31" ht="14.45">
      <c r="A899" s="11"/>
      <c r="B899" s="20"/>
      <c r="C899" s="2" t="s">
        <v>3118</v>
      </c>
      <c r="D899" s="14" t="s">
        <v>3119</v>
      </c>
      <c r="E899" s="2" t="s">
        <v>3120</v>
      </c>
      <c r="F899" s="2" t="s">
        <v>1999</v>
      </c>
      <c r="G899" s="8">
        <v>165</v>
      </c>
      <c r="H899" s="5">
        <v>13</v>
      </c>
      <c r="I899" s="5" t="s">
        <v>1518</v>
      </c>
      <c r="J899" s="5" t="s">
        <v>1519</v>
      </c>
      <c r="K899" s="2" t="s">
        <v>1520</v>
      </c>
      <c r="L899" s="5" t="s">
        <v>1519</v>
      </c>
      <c r="M899" s="2" t="s">
        <v>1520</v>
      </c>
      <c r="N899" s="5" t="s">
        <v>1521</v>
      </c>
      <c r="O899" s="5" t="s">
        <v>38</v>
      </c>
      <c r="P899" s="5" t="s">
        <v>39</v>
      </c>
      <c r="Q899" s="5" t="s">
        <v>40</v>
      </c>
      <c r="R899" s="5" t="s">
        <v>1522</v>
      </c>
      <c r="S899" s="5" t="s">
        <v>1523</v>
      </c>
      <c r="T899" s="5" t="s">
        <v>42</v>
      </c>
      <c r="U899" s="2">
        <v>2.0409999999999999</v>
      </c>
      <c r="V899" s="2">
        <v>1.5329999999999999</v>
      </c>
      <c r="W899" s="2">
        <v>1.4999999999999999E-2</v>
      </c>
      <c r="X899" s="2">
        <v>118.9</v>
      </c>
      <c r="Y899" s="2">
        <v>7.6</v>
      </c>
      <c r="Z899" s="2">
        <v>16.7</v>
      </c>
      <c r="AA899" s="5"/>
      <c r="AB899" s="5" t="s">
        <v>43</v>
      </c>
      <c r="AC899" s="5" t="s">
        <v>44</v>
      </c>
      <c r="AD899" s="2"/>
      <c r="AE899" s="1"/>
    </row>
    <row r="900" spans="1:31" ht="14.45">
      <c r="A900" s="11"/>
      <c r="B900" s="20"/>
      <c r="C900" s="2" t="s">
        <v>3121</v>
      </c>
      <c r="D900" s="14" t="s">
        <v>3122</v>
      </c>
      <c r="E900" s="2" t="s">
        <v>3123</v>
      </c>
      <c r="F900" s="2" t="s">
        <v>1855</v>
      </c>
      <c r="G900" s="8">
        <v>165</v>
      </c>
      <c r="H900" s="5">
        <v>13</v>
      </c>
      <c r="I900" s="5" t="s">
        <v>1518</v>
      </c>
      <c r="J900" s="5" t="s">
        <v>1519</v>
      </c>
      <c r="K900" s="2" t="s">
        <v>1520</v>
      </c>
      <c r="L900" s="5" t="s">
        <v>1519</v>
      </c>
      <c r="M900" s="2" t="s">
        <v>1520</v>
      </c>
      <c r="N900" s="5" t="s">
        <v>1521</v>
      </c>
      <c r="O900" s="5" t="s">
        <v>38</v>
      </c>
      <c r="P900" s="5" t="s">
        <v>39</v>
      </c>
      <c r="Q900" s="5" t="s">
        <v>40</v>
      </c>
      <c r="R900" s="5" t="s">
        <v>1522</v>
      </c>
      <c r="S900" s="5" t="s">
        <v>1523</v>
      </c>
      <c r="T900" s="5" t="s">
        <v>42</v>
      </c>
      <c r="U900" s="2">
        <v>2.0019999999999998</v>
      </c>
      <c r="V900" s="2">
        <v>1.494</v>
      </c>
      <c r="W900" s="2">
        <v>1.4999999999999999E-2</v>
      </c>
      <c r="X900" s="2">
        <v>118.9</v>
      </c>
      <c r="Y900" s="2">
        <v>7.6</v>
      </c>
      <c r="Z900" s="2">
        <v>16.7</v>
      </c>
      <c r="AA900" s="5"/>
      <c r="AB900" s="5" t="s">
        <v>43</v>
      </c>
      <c r="AC900" s="5" t="s">
        <v>44</v>
      </c>
      <c r="AD900" s="2"/>
      <c r="AE900" s="1"/>
    </row>
    <row r="901" spans="1:31" ht="14.45">
      <c r="A901" s="11"/>
      <c r="B901" s="20"/>
      <c r="C901" s="2" t="s">
        <v>3124</v>
      </c>
      <c r="D901" s="14" t="s">
        <v>3125</v>
      </c>
      <c r="E901" s="2" t="s">
        <v>3126</v>
      </c>
      <c r="F901" s="2" t="s">
        <v>1859</v>
      </c>
      <c r="G901" s="8">
        <v>165</v>
      </c>
      <c r="H901" s="5">
        <v>13</v>
      </c>
      <c r="I901" s="5" t="s">
        <v>1518</v>
      </c>
      <c r="J901" s="5" t="s">
        <v>1519</v>
      </c>
      <c r="K901" s="2" t="s">
        <v>1520</v>
      </c>
      <c r="L901" s="5" t="s">
        <v>1519</v>
      </c>
      <c r="M901" s="2" t="s">
        <v>1520</v>
      </c>
      <c r="N901" s="5" t="s">
        <v>1521</v>
      </c>
      <c r="O901" s="5" t="s">
        <v>38</v>
      </c>
      <c r="P901" s="5" t="s">
        <v>39</v>
      </c>
      <c r="Q901" s="5" t="s">
        <v>40</v>
      </c>
      <c r="R901" s="5" t="s">
        <v>1522</v>
      </c>
      <c r="S901" s="5" t="s">
        <v>1523</v>
      </c>
      <c r="T901" s="5" t="s">
        <v>42</v>
      </c>
      <c r="U901" s="2">
        <v>2.0409999999999999</v>
      </c>
      <c r="V901" s="2">
        <v>1.5329999999999999</v>
      </c>
      <c r="W901" s="2">
        <v>1.4999999999999999E-2</v>
      </c>
      <c r="X901" s="2">
        <v>118.9</v>
      </c>
      <c r="Y901" s="2">
        <v>7.6</v>
      </c>
      <c r="Z901" s="2">
        <v>16.7</v>
      </c>
      <c r="AA901" s="5"/>
      <c r="AB901" s="5" t="s">
        <v>43</v>
      </c>
      <c r="AC901" s="5" t="s">
        <v>44</v>
      </c>
      <c r="AD901" s="2"/>
      <c r="AE901" s="1"/>
    </row>
    <row r="902" spans="1:31" ht="14.45">
      <c r="A902" s="11"/>
      <c r="B902" s="20"/>
      <c r="C902" s="2" t="s">
        <v>3127</v>
      </c>
      <c r="D902" s="14" t="s">
        <v>3128</v>
      </c>
      <c r="E902" s="2" t="s">
        <v>3129</v>
      </c>
      <c r="F902" s="2" t="s">
        <v>1863</v>
      </c>
      <c r="G902" s="8">
        <v>165</v>
      </c>
      <c r="H902" s="5">
        <v>11</v>
      </c>
      <c r="I902" s="5" t="s">
        <v>1518</v>
      </c>
      <c r="J902" s="5" t="s">
        <v>1519</v>
      </c>
      <c r="K902" s="2" t="s">
        <v>1520</v>
      </c>
      <c r="L902" s="5" t="s">
        <v>1519</v>
      </c>
      <c r="M902" s="2" t="s">
        <v>1520</v>
      </c>
      <c r="N902" s="5" t="s">
        <v>1521</v>
      </c>
      <c r="O902" s="5" t="s">
        <v>38</v>
      </c>
      <c r="P902" s="5" t="s">
        <v>39</v>
      </c>
      <c r="Q902" s="5" t="s">
        <v>40</v>
      </c>
      <c r="R902" s="5" t="s">
        <v>1522</v>
      </c>
      <c r="S902" s="5" t="s">
        <v>1523</v>
      </c>
      <c r="T902" s="5" t="s">
        <v>42</v>
      </c>
      <c r="U902" s="2">
        <v>1.96</v>
      </c>
      <c r="V902" s="2">
        <v>1.452</v>
      </c>
      <c r="W902" s="2">
        <v>1.4999999999999999E-2</v>
      </c>
      <c r="X902" s="2">
        <v>118.9</v>
      </c>
      <c r="Y902" s="2">
        <v>7.6</v>
      </c>
      <c r="Z902" s="2">
        <v>16.7</v>
      </c>
      <c r="AA902" s="5"/>
      <c r="AB902" s="5" t="s">
        <v>43</v>
      </c>
      <c r="AC902" s="5" t="s">
        <v>44</v>
      </c>
      <c r="AD902" s="2"/>
      <c r="AE902" s="1"/>
    </row>
    <row r="903" spans="1:31" ht="14.45">
      <c r="A903" s="11"/>
      <c r="B903" s="20"/>
      <c r="C903" s="2" t="s">
        <v>3130</v>
      </c>
      <c r="D903" s="14" t="s">
        <v>3131</v>
      </c>
      <c r="E903" s="2" t="s">
        <v>3132</v>
      </c>
      <c r="F903" s="2" t="s">
        <v>1867</v>
      </c>
      <c r="G903" s="8">
        <v>165</v>
      </c>
      <c r="H903" s="5">
        <v>11</v>
      </c>
      <c r="I903" s="5" t="s">
        <v>1518</v>
      </c>
      <c r="J903" s="5" t="s">
        <v>1519</v>
      </c>
      <c r="K903" s="2" t="s">
        <v>1520</v>
      </c>
      <c r="L903" s="5" t="s">
        <v>1519</v>
      </c>
      <c r="M903" s="2" t="s">
        <v>1520</v>
      </c>
      <c r="N903" s="5" t="s">
        <v>1521</v>
      </c>
      <c r="O903" s="5" t="s">
        <v>38</v>
      </c>
      <c r="P903" s="5" t="s">
        <v>39</v>
      </c>
      <c r="Q903" s="5" t="s">
        <v>40</v>
      </c>
      <c r="R903" s="5" t="s">
        <v>1522</v>
      </c>
      <c r="S903" s="5" t="s">
        <v>1523</v>
      </c>
      <c r="T903" s="5" t="s">
        <v>42</v>
      </c>
      <c r="U903" s="2">
        <v>1.9990000000000001</v>
      </c>
      <c r="V903" s="2">
        <v>1.4910000000000001</v>
      </c>
      <c r="W903" s="2">
        <v>1.4999999999999999E-2</v>
      </c>
      <c r="X903" s="2">
        <v>118.9</v>
      </c>
      <c r="Y903" s="2">
        <v>7.6</v>
      </c>
      <c r="Z903" s="2">
        <v>16.7</v>
      </c>
      <c r="AA903" s="5"/>
      <c r="AB903" s="5" t="s">
        <v>43</v>
      </c>
      <c r="AC903" s="5" t="s">
        <v>44</v>
      </c>
      <c r="AD903" s="2"/>
      <c r="AE903" s="1"/>
    </row>
    <row r="904" spans="1:31" ht="14.45">
      <c r="A904" s="11"/>
      <c r="B904" s="20"/>
      <c r="C904" s="2" t="s">
        <v>3133</v>
      </c>
      <c r="D904" s="14" t="s">
        <v>3134</v>
      </c>
      <c r="E904" s="2" t="s">
        <v>3135</v>
      </c>
      <c r="F904" s="2" t="s">
        <v>1695</v>
      </c>
      <c r="G904" s="8">
        <v>148</v>
      </c>
      <c r="H904" s="5">
        <v>6</v>
      </c>
      <c r="I904" s="5" t="s">
        <v>1518</v>
      </c>
      <c r="J904" s="5" t="s">
        <v>1519</v>
      </c>
      <c r="K904" s="2" t="s">
        <v>1520</v>
      </c>
      <c r="L904" s="5" t="s">
        <v>1519</v>
      </c>
      <c r="M904" s="2" t="s">
        <v>1520</v>
      </c>
      <c r="N904" s="5" t="s">
        <v>1521</v>
      </c>
      <c r="O904" s="5" t="s">
        <v>38</v>
      </c>
      <c r="P904" s="5" t="s">
        <v>39</v>
      </c>
      <c r="Q904" s="5" t="s">
        <v>40</v>
      </c>
      <c r="R904" s="5" t="s">
        <v>1522</v>
      </c>
      <c r="S904" s="5" t="s">
        <v>1523</v>
      </c>
      <c r="T904" s="5" t="s">
        <v>42</v>
      </c>
      <c r="U904" s="2">
        <v>2.173</v>
      </c>
      <c r="V904" s="2">
        <v>1.59</v>
      </c>
      <c r="W904" s="2">
        <v>1.7999999999999999E-2</v>
      </c>
      <c r="X904" s="2">
        <v>139.1</v>
      </c>
      <c r="Y904" s="2">
        <v>7.6</v>
      </c>
      <c r="Z904" s="2">
        <v>16.7</v>
      </c>
      <c r="AA904" s="5"/>
      <c r="AB904" s="5" t="s">
        <v>43</v>
      </c>
      <c r="AC904" s="5" t="s">
        <v>44</v>
      </c>
      <c r="AD904" s="2"/>
      <c r="AE904" s="1"/>
    </row>
    <row r="905" spans="1:31" ht="14.45">
      <c r="A905" s="11"/>
      <c r="B905" s="20"/>
      <c r="C905" s="2" t="s">
        <v>3136</v>
      </c>
      <c r="D905" s="14" t="s">
        <v>3137</v>
      </c>
      <c r="E905" s="2" t="s">
        <v>3138</v>
      </c>
      <c r="F905" s="2" t="s">
        <v>1699</v>
      </c>
      <c r="G905" s="8">
        <v>148</v>
      </c>
      <c r="H905" s="5">
        <v>6</v>
      </c>
      <c r="I905" s="5" t="s">
        <v>1518</v>
      </c>
      <c r="J905" s="5" t="s">
        <v>1519</v>
      </c>
      <c r="K905" s="2" t="s">
        <v>1520</v>
      </c>
      <c r="L905" s="5" t="s">
        <v>1519</v>
      </c>
      <c r="M905" s="2" t="s">
        <v>1520</v>
      </c>
      <c r="N905" s="5" t="s">
        <v>1521</v>
      </c>
      <c r="O905" s="5" t="s">
        <v>38</v>
      </c>
      <c r="P905" s="5" t="s">
        <v>39</v>
      </c>
      <c r="Q905" s="5" t="s">
        <v>40</v>
      </c>
      <c r="R905" s="5" t="s">
        <v>1522</v>
      </c>
      <c r="S905" s="5" t="s">
        <v>1523</v>
      </c>
      <c r="T905" s="5" t="s">
        <v>42</v>
      </c>
      <c r="U905" s="2">
        <v>2.2170000000000001</v>
      </c>
      <c r="V905" s="2">
        <v>1.6339999999999999</v>
      </c>
      <c r="W905" s="2">
        <v>1.7999999999999999E-2</v>
      </c>
      <c r="X905" s="2">
        <v>139.1</v>
      </c>
      <c r="Y905" s="2">
        <v>7.6</v>
      </c>
      <c r="Z905" s="2">
        <v>16.7</v>
      </c>
      <c r="AA905" s="5"/>
      <c r="AB905" s="5" t="s">
        <v>43</v>
      </c>
      <c r="AC905" s="5" t="s">
        <v>44</v>
      </c>
      <c r="AD905" s="2"/>
      <c r="AE905" s="1"/>
    </row>
    <row r="906" spans="1:31" ht="14.45">
      <c r="A906" s="11"/>
      <c r="B906" s="20"/>
      <c r="C906" s="2" t="s">
        <v>3139</v>
      </c>
      <c r="D906" s="14" t="s">
        <v>3140</v>
      </c>
      <c r="E906" s="2" t="s">
        <v>3141</v>
      </c>
      <c r="F906" s="2" t="s">
        <v>1703</v>
      </c>
      <c r="G906" s="8">
        <v>148</v>
      </c>
      <c r="H906" s="5">
        <v>6</v>
      </c>
      <c r="I906" s="5" t="s">
        <v>1518</v>
      </c>
      <c r="J906" s="5" t="s">
        <v>1519</v>
      </c>
      <c r="K906" s="2" t="s">
        <v>1520</v>
      </c>
      <c r="L906" s="5" t="s">
        <v>1519</v>
      </c>
      <c r="M906" s="2" t="s">
        <v>1520</v>
      </c>
      <c r="N906" s="5" t="s">
        <v>1521</v>
      </c>
      <c r="O906" s="5" t="s">
        <v>38</v>
      </c>
      <c r="P906" s="5" t="s">
        <v>39</v>
      </c>
      <c r="Q906" s="5" t="s">
        <v>40</v>
      </c>
      <c r="R906" s="5" t="s">
        <v>1522</v>
      </c>
      <c r="S906" s="5" t="s">
        <v>1523</v>
      </c>
      <c r="T906" s="5" t="s">
        <v>42</v>
      </c>
      <c r="U906" s="2">
        <v>2.1800000000000002</v>
      </c>
      <c r="V906" s="2">
        <v>1.597</v>
      </c>
      <c r="W906" s="2">
        <v>1.7999999999999999E-2</v>
      </c>
      <c r="X906" s="2">
        <v>139.1</v>
      </c>
      <c r="Y906" s="2">
        <v>7.6</v>
      </c>
      <c r="Z906" s="2">
        <v>16.7</v>
      </c>
      <c r="AA906" s="5"/>
      <c r="AB906" s="5" t="s">
        <v>43</v>
      </c>
      <c r="AC906" s="5" t="s">
        <v>44</v>
      </c>
      <c r="AD906" s="2"/>
      <c r="AE906" s="1"/>
    </row>
    <row r="907" spans="1:31" ht="14.45">
      <c r="A907" s="11"/>
      <c r="B907" s="20"/>
      <c r="C907" s="2" t="s">
        <v>3142</v>
      </c>
      <c r="D907" s="14" t="s">
        <v>3143</v>
      </c>
      <c r="E907" s="2" t="s">
        <v>3144</v>
      </c>
      <c r="F907" s="2" t="s">
        <v>1707</v>
      </c>
      <c r="G907" s="8">
        <v>148</v>
      </c>
      <c r="H907" s="5">
        <v>6</v>
      </c>
      <c r="I907" s="5" t="s">
        <v>1518</v>
      </c>
      <c r="J907" s="5" t="s">
        <v>1519</v>
      </c>
      <c r="K907" s="2" t="s">
        <v>1520</v>
      </c>
      <c r="L907" s="5" t="s">
        <v>1519</v>
      </c>
      <c r="M907" s="2" t="s">
        <v>1520</v>
      </c>
      <c r="N907" s="5" t="s">
        <v>1521</v>
      </c>
      <c r="O907" s="5" t="s">
        <v>38</v>
      </c>
      <c r="P907" s="5" t="s">
        <v>39</v>
      </c>
      <c r="Q907" s="5" t="s">
        <v>40</v>
      </c>
      <c r="R907" s="5" t="s">
        <v>1522</v>
      </c>
      <c r="S907" s="5" t="s">
        <v>1523</v>
      </c>
      <c r="T907" s="5" t="s">
        <v>42</v>
      </c>
      <c r="U907" s="2">
        <v>2.2240000000000002</v>
      </c>
      <c r="V907" s="2">
        <v>1.641</v>
      </c>
      <c r="W907" s="2">
        <v>1.7999999999999999E-2</v>
      </c>
      <c r="X907" s="2">
        <v>139.1</v>
      </c>
      <c r="Y907" s="2">
        <v>7.6</v>
      </c>
      <c r="Z907" s="2">
        <v>16.7</v>
      </c>
      <c r="AA907" s="5"/>
      <c r="AB907" s="5" t="s">
        <v>43</v>
      </c>
      <c r="AC907" s="5" t="s">
        <v>44</v>
      </c>
      <c r="AD907" s="2"/>
      <c r="AE907" s="1"/>
    </row>
    <row r="908" spans="1:31" ht="14.45">
      <c r="A908" s="11"/>
      <c r="B908" s="20"/>
      <c r="C908" s="2" t="s">
        <v>3145</v>
      </c>
      <c r="D908" s="14" t="s">
        <v>3146</v>
      </c>
      <c r="E908" s="2" t="s">
        <v>3147</v>
      </c>
      <c r="F908" s="2" t="s">
        <v>1711</v>
      </c>
      <c r="G908" s="8">
        <v>148</v>
      </c>
      <c r="H908" s="5">
        <v>6</v>
      </c>
      <c r="I908" s="5" t="s">
        <v>1518</v>
      </c>
      <c r="J908" s="5" t="s">
        <v>1519</v>
      </c>
      <c r="K908" s="2" t="s">
        <v>1520</v>
      </c>
      <c r="L908" s="5" t="s">
        <v>1519</v>
      </c>
      <c r="M908" s="2" t="s">
        <v>1520</v>
      </c>
      <c r="N908" s="5" t="s">
        <v>1521</v>
      </c>
      <c r="O908" s="5" t="s">
        <v>38</v>
      </c>
      <c r="P908" s="5" t="s">
        <v>39</v>
      </c>
      <c r="Q908" s="5" t="s">
        <v>40</v>
      </c>
      <c r="R908" s="5" t="s">
        <v>1522</v>
      </c>
      <c r="S908" s="5" t="s">
        <v>1523</v>
      </c>
      <c r="T908" s="5" t="s">
        <v>42</v>
      </c>
      <c r="U908" s="2">
        <v>2.1800000000000002</v>
      </c>
      <c r="V908" s="2">
        <v>1.597</v>
      </c>
      <c r="W908" s="2">
        <v>1.7999999999999999E-2</v>
      </c>
      <c r="X908" s="2">
        <v>139.1</v>
      </c>
      <c r="Y908" s="2">
        <v>7.6</v>
      </c>
      <c r="Z908" s="2">
        <v>16.7</v>
      </c>
      <c r="AA908" s="5"/>
      <c r="AB908" s="5" t="s">
        <v>43</v>
      </c>
      <c r="AC908" s="5" t="s">
        <v>44</v>
      </c>
      <c r="AD908" s="2"/>
      <c r="AE908" s="1"/>
    </row>
    <row r="909" spans="1:31" ht="14.45">
      <c r="A909" s="11"/>
      <c r="B909" s="20"/>
      <c r="C909" s="2" t="s">
        <v>3148</v>
      </c>
      <c r="D909" s="14" t="s">
        <v>3149</v>
      </c>
      <c r="E909" s="2" t="s">
        <v>3150</v>
      </c>
      <c r="F909" s="2" t="s">
        <v>1715</v>
      </c>
      <c r="G909" s="8">
        <v>148</v>
      </c>
      <c r="H909" s="5">
        <v>6</v>
      </c>
      <c r="I909" s="5" t="s">
        <v>1518</v>
      </c>
      <c r="J909" s="5" t="s">
        <v>1519</v>
      </c>
      <c r="K909" s="2" t="s">
        <v>1520</v>
      </c>
      <c r="L909" s="5" t="s">
        <v>1519</v>
      </c>
      <c r="M909" s="2" t="s">
        <v>1520</v>
      </c>
      <c r="N909" s="5" t="s">
        <v>1521</v>
      </c>
      <c r="O909" s="5" t="s">
        <v>38</v>
      </c>
      <c r="P909" s="5" t="s">
        <v>39</v>
      </c>
      <c r="Q909" s="5" t="s">
        <v>40</v>
      </c>
      <c r="R909" s="5" t="s">
        <v>1522</v>
      </c>
      <c r="S909" s="5" t="s">
        <v>1523</v>
      </c>
      <c r="T909" s="5" t="s">
        <v>42</v>
      </c>
      <c r="U909" s="2">
        <v>2.2240000000000002</v>
      </c>
      <c r="V909" s="2">
        <v>1.641</v>
      </c>
      <c r="W909" s="2">
        <v>1.7999999999999999E-2</v>
      </c>
      <c r="X909" s="2">
        <v>139.1</v>
      </c>
      <c r="Y909" s="2">
        <v>7.6</v>
      </c>
      <c r="Z909" s="2">
        <v>16.7</v>
      </c>
      <c r="AA909" s="5"/>
      <c r="AB909" s="5" t="s">
        <v>43</v>
      </c>
      <c r="AC909" s="5" t="s">
        <v>44</v>
      </c>
      <c r="AD909" s="2"/>
      <c r="AE909" s="1"/>
    </row>
    <row r="910" spans="1:31" ht="14.45">
      <c r="A910" s="11"/>
      <c r="B910" s="20"/>
      <c r="C910" s="2" t="s">
        <v>3151</v>
      </c>
      <c r="D910" s="14" t="s">
        <v>3152</v>
      </c>
      <c r="E910" s="2" t="s">
        <v>3153</v>
      </c>
      <c r="F910" s="2" t="s">
        <v>1719</v>
      </c>
      <c r="G910" s="8">
        <v>148</v>
      </c>
      <c r="H910" s="5">
        <v>6</v>
      </c>
      <c r="I910" s="5" t="s">
        <v>1518</v>
      </c>
      <c r="J910" s="5" t="s">
        <v>1519</v>
      </c>
      <c r="K910" s="2" t="s">
        <v>1520</v>
      </c>
      <c r="L910" s="5" t="s">
        <v>1519</v>
      </c>
      <c r="M910" s="2" t="s">
        <v>1520</v>
      </c>
      <c r="N910" s="5" t="s">
        <v>1521</v>
      </c>
      <c r="O910" s="5" t="s">
        <v>38</v>
      </c>
      <c r="P910" s="5" t="s">
        <v>39</v>
      </c>
      <c r="Q910" s="5" t="s">
        <v>40</v>
      </c>
      <c r="R910" s="5" t="s">
        <v>1522</v>
      </c>
      <c r="S910" s="5" t="s">
        <v>1523</v>
      </c>
      <c r="T910" s="5" t="s">
        <v>42</v>
      </c>
      <c r="U910" s="2">
        <v>2.1619999999999999</v>
      </c>
      <c r="V910" s="2">
        <v>1.579</v>
      </c>
      <c r="W910" s="2">
        <v>1.7999999999999999E-2</v>
      </c>
      <c r="X910" s="2">
        <v>139.1</v>
      </c>
      <c r="Y910" s="2">
        <v>7.6</v>
      </c>
      <c r="Z910" s="2">
        <v>16.7</v>
      </c>
      <c r="AA910" s="5"/>
      <c r="AB910" s="5" t="s">
        <v>43</v>
      </c>
      <c r="AC910" s="5" t="s">
        <v>44</v>
      </c>
      <c r="AD910" s="2"/>
      <c r="AE910" s="1"/>
    </row>
    <row r="911" spans="1:31" ht="14.45">
      <c r="A911" s="11"/>
      <c r="B911" s="20"/>
      <c r="C911" s="2" t="s">
        <v>3154</v>
      </c>
      <c r="D911" s="14" t="s">
        <v>3155</v>
      </c>
      <c r="E911" s="2" t="s">
        <v>3156</v>
      </c>
      <c r="F911" s="2" t="s">
        <v>1723</v>
      </c>
      <c r="G911" s="8">
        <v>148</v>
      </c>
      <c r="H911" s="5">
        <v>6</v>
      </c>
      <c r="I911" s="5" t="s">
        <v>1518</v>
      </c>
      <c r="J911" s="5" t="s">
        <v>1519</v>
      </c>
      <c r="K911" s="2" t="s">
        <v>1520</v>
      </c>
      <c r="L911" s="5" t="s">
        <v>1519</v>
      </c>
      <c r="M911" s="2" t="s">
        <v>1520</v>
      </c>
      <c r="N911" s="5" t="s">
        <v>1521</v>
      </c>
      <c r="O911" s="5" t="s">
        <v>38</v>
      </c>
      <c r="P911" s="5" t="s">
        <v>39</v>
      </c>
      <c r="Q911" s="5" t="s">
        <v>40</v>
      </c>
      <c r="R911" s="5" t="s">
        <v>1522</v>
      </c>
      <c r="S911" s="5" t="s">
        <v>1523</v>
      </c>
      <c r="T911" s="5" t="s">
        <v>42</v>
      </c>
      <c r="U911" s="2">
        <v>2.206</v>
      </c>
      <c r="V911" s="2">
        <v>1.623</v>
      </c>
      <c r="W911" s="2">
        <v>1.7999999999999999E-2</v>
      </c>
      <c r="X911" s="2">
        <v>139.1</v>
      </c>
      <c r="Y911" s="2">
        <v>7.6</v>
      </c>
      <c r="Z911" s="2">
        <v>16.7</v>
      </c>
      <c r="AA911" s="5"/>
      <c r="AB911" s="5" t="s">
        <v>43</v>
      </c>
      <c r="AC911" s="5" t="s">
        <v>44</v>
      </c>
      <c r="AD911" s="2"/>
      <c r="AE911" s="1"/>
    </row>
    <row r="912" spans="1:31" ht="14.45">
      <c r="A912" s="11"/>
      <c r="B912" s="20"/>
      <c r="C912" s="2" t="s">
        <v>3157</v>
      </c>
      <c r="D912" s="14" t="s">
        <v>3158</v>
      </c>
      <c r="E912" s="2" t="s">
        <v>3159</v>
      </c>
      <c r="F912" s="2" t="s">
        <v>1727</v>
      </c>
      <c r="G912" s="8">
        <v>170</v>
      </c>
      <c r="H912" s="5">
        <v>6</v>
      </c>
      <c r="I912" s="5" t="s">
        <v>1518</v>
      </c>
      <c r="J912" s="5" t="s">
        <v>1519</v>
      </c>
      <c r="K912" s="2" t="s">
        <v>1520</v>
      </c>
      <c r="L912" s="5" t="s">
        <v>1519</v>
      </c>
      <c r="M912" s="2" t="s">
        <v>1520</v>
      </c>
      <c r="N912" s="5" t="s">
        <v>1521</v>
      </c>
      <c r="O912" s="5" t="s">
        <v>38</v>
      </c>
      <c r="P912" s="5" t="s">
        <v>39</v>
      </c>
      <c r="Q912" s="5" t="s">
        <v>40</v>
      </c>
      <c r="R912" s="5" t="s">
        <v>1522</v>
      </c>
      <c r="S912" s="5" t="s">
        <v>1523</v>
      </c>
      <c r="T912" s="5" t="s">
        <v>42</v>
      </c>
      <c r="U912" s="2">
        <v>2.1619999999999999</v>
      </c>
      <c r="V912" s="2">
        <v>1.579</v>
      </c>
      <c r="W912" s="2">
        <v>1.7999999999999999E-2</v>
      </c>
      <c r="X912" s="2">
        <v>139.1</v>
      </c>
      <c r="Y912" s="2">
        <v>7.6</v>
      </c>
      <c r="Z912" s="2">
        <v>16.7</v>
      </c>
      <c r="AA912" s="5"/>
      <c r="AB912" s="5" t="s">
        <v>43</v>
      </c>
      <c r="AC912" s="5" t="s">
        <v>44</v>
      </c>
      <c r="AD912" s="2"/>
      <c r="AE912" s="1"/>
    </row>
    <row r="913" spans="1:31" ht="14.45">
      <c r="A913" s="11"/>
      <c r="B913" s="20"/>
      <c r="C913" s="2" t="s">
        <v>3160</v>
      </c>
      <c r="D913" s="14" t="s">
        <v>3161</v>
      </c>
      <c r="E913" s="2" t="s">
        <v>3162</v>
      </c>
      <c r="F913" s="2" t="s">
        <v>1731</v>
      </c>
      <c r="G913" s="8">
        <v>170</v>
      </c>
      <c r="H913" s="5">
        <v>6</v>
      </c>
      <c r="I913" s="5" t="s">
        <v>1518</v>
      </c>
      <c r="J913" s="5" t="s">
        <v>1519</v>
      </c>
      <c r="K913" s="2" t="s">
        <v>1520</v>
      </c>
      <c r="L913" s="5" t="s">
        <v>1519</v>
      </c>
      <c r="M913" s="2" t="s">
        <v>1520</v>
      </c>
      <c r="N913" s="5" t="s">
        <v>1521</v>
      </c>
      <c r="O913" s="5" t="s">
        <v>38</v>
      </c>
      <c r="P913" s="5" t="s">
        <v>39</v>
      </c>
      <c r="Q913" s="5" t="s">
        <v>40</v>
      </c>
      <c r="R913" s="5" t="s">
        <v>1522</v>
      </c>
      <c r="S913" s="5" t="s">
        <v>1523</v>
      </c>
      <c r="T913" s="5" t="s">
        <v>42</v>
      </c>
      <c r="U913" s="2">
        <v>2.206</v>
      </c>
      <c r="V913" s="2">
        <v>1.623</v>
      </c>
      <c r="W913" s="2">
        <v>1.7999999999999999E-2</v>
      </c>
      <c r="X913" s="2">
        <v>139.1</v>
      </c>
      <c r="Y913" s="2">
        <v>7.6</v>
      </c>
      <c r="Z913" s="2">
        <v>16.7</v>
      </c>
      <c r="AA913" s="5"/>
      <c r="AB913" s="5" t="s">
        <v>43</v>
      </c>
      <c r="AC913" s="5" t="s">
        <v>44</v>
      </c>
      <c r="AD913" s="2"/>
      <c r="AE913" s="1"/>
    </row>
    <row r="914" spans="1:31" ht="14.45">
      <c r="A914" s="11"/>
      <c r="B914" s="20"/>
      <c r="C914" s="2" t="s">
        <v>3163</v>
      </c>
      <c r="D914" s="14" t="s">
        <v>3164</v>
      </c>
      <c r="E914" s="2" t="s">
        <v>3165</v>
      </c>
      <c r="F914" s="2" t="s">
        <v>1735</v>
      </c>
      <c r="G914" s="8">
        <v>170</v>
      </c>
      <c r="H914" s="5">
        <v>6</v>
      </c>
      <c r="I914" s="5" t="s">
        <v>1518</v>
      </c>
      <c r="J914" s="5" t="s">
        <v>1519</v>
      </c>
      <c r="K914" s="2" t="s">
        <v>1520</v>
      </c>
      <c r="L914" s="5" t="s">
        <v>1519</v>
      </c>
      <c r="M914" s="2" t="s">
        <v>1520</v>
      </c>
      <c r="N914" s="5" t="s">
        <v>1521</v>
      </c>
      <c r="O914" s="5" t="s">
        <v>38</v>
      </c>
      <c r="P914" s="5" t="s">
        <v>39</v>
      </c>
      <c r="Q914" s="5" t="s">
        <v>40</v>
      </c>
      <c r="R914" s="5" t="s">
        <v>1522</v>
      </c>
      <c r="S914" s="5" t="s">
        <v>1523</v>
      </c>
      <c r="T914" s="5" t="s">
        <v>42</v>
      </c>
      <c r="U914" s="2">
        <v>2.1800000000000002</v>
      </c>
      <c r="V914" s="2">
        <v>1.597</v>
      </c>
      <c r="W914" s="2">
        <v>1.7999999999999999E-2</v>
      </c>
      <c r="X914" s="2">
        <v>139.1</v>
      </c>
      <c r="Y914" s="2">
        <v>7.6</v>
      </c>
      <c r="Z914" s="2">
        <v>16.7</v>
      </c>
      <c r="AA914" s="5"/>
      <c r="AB914" s="5" t="s">
        <v>43</v>
      </c>
      <c r="AC914" s="5" t="s">
        <v>44</v>
      </c>
      <c r="AD914" s="2"/>
      <c r="AE914" s="1"/>
    </row>
    <row r="915" spans="1:31" ht="14.45">
      <c r="A915" s="11"/>
      <c r="B915" s="20"/>
      <c r="C915" s="2" t="s">
        <v>3166</v>
      </c>
      <c r="D915" s="14" t="s">
        <v>3167</v>
      </c>
      <c r="E915" s="2" t="s">
        <v>3168</v>
      </c>
      <c r="F915" s="2" t="s">
        <v>1739</v>
      </c>
      <c r="G915" s="8">
        <v>170</v>
      </c>
      <c r="H915" s="5">
        <v>6</v>
      </c>
      <c r="I915" s="5" t="s">
        <v>1518</v>
      </c>
      <c r="J915" s="5" t="s">
        <v>1519</v>
      </c>
      <c r="K915" s="2" t="s">
        <v>1520</v>
      </c>
      <c r="L915" s="5" t="s">
        <v>1519</v>
      </c>
      <c r="M915" s="2" t="s">
        <v>1520</v>
      </c>
      <c r="N915" s="5" t="s">
        <v>1521</v>
      </c>
      <c r="O915" s="5" t="s">
        <v>38</v>
      </c>
      <c r="P915" s="5" t="s">
        <v>39</v>
      </c>
      <c r="Q915" s="5" t="s">
        <v>40</v>
      </c>
      <c r="R915" s="5" t="s">
        <v>1522</v>
      </c>
      <c r="S915" s="5" t="s">
        <v>1523</v>
      </c>
      <c r="T915" s="5" t="s">
        <v>42</v>
      </c>
      <c r="U915" s="2">
        <v>2.2240000000000002</v>
      </c>
      <c r="V915" s="2">
        <v>1.641</v>
      </c>
      <c r="W915" s="2">
        <v>1.7999999999999999E-2</v>
      </c>
      <c r="X915" s="2">
        <v>139.1</v>
      </c>
      <c r="Y915" s="2">
        <v>7.6</v>
      </c>
      <c r="Z915" s="2">
        <v>16.7</v>
      </c>
      <c r="AA915" s="5"/>
      <c r="AB915" s="5" t="s">
        <v>43</v>
      </c>
      <c r="AC915" s="5" t="s">
        <v>44</v>
      </c>
      <c r="AD915" s="2"/>
      <c r="AE915" s="1"/>
    </row>
    <row r="916" spans="1:31" ht="14.45">
      <c r="A916" s="11"/>
      <c r="B916" s="20"/>
      <c r="C916" s="2" t="s">
        <v>3169</v>
      </c>
      <c r="D916" s="14" t="s">
        <v>3170</v>
      </c>
      <c r="E916" s="2" t="s">
        <v>3171</v>
      </c>
      <c r="F916" s="2" t="s">
        <v>1743</v>
      </c>
      <c r="G916" s="8">
        <v>170</v>
      </c>
      <c r="H916" s="5">
        <v>6</v>
      </c>
      <c r="I916" s="5" t="s">
        <v>1518</v>
      </c>
      <c r="J916" s="5" t="s">
        <v>1519</v>
      </c>
      <c r="K916" s="2" t="s">
        <v>1520</v>
      </c>
      <c r="L916" s="5" t="s">
        <v>1519</v>
      </c>
      <c r="M916" s="2" t="s">
        <v>1520</v>
      </c>
      <c r="N916" s="5" t="s">
        <v>1521</v>
      </c>
      <c r="O916" s="5" t="s">
        <v>38</v>
      </c>
      <c r="P916" s="5" t="s">
        <v>39</v>
      </c>
      <c r="Q916" s="5" t="s">
        <v>40</v>
      </c>
      <c r="R916" s="5" t="s">
        <v>1522</v>
      </c>
      <c r="S916" s="5" t="s">
        <v>1523</v>
      </c>
      <c r="T916" s="5" t="s">
        <v>42</v>
      </c>
      <c r="U916" s="2">
        <v>2.1619999999999999</v>
      </c>
      <c r="V916" s="2">
        <v>1.579</v>
      </c>
      <c r="W916" s="2">
        <v>1.7999999999999999E-2</v>
      </c>
      <c r="X916" s="2">
        <v>139.1</v>
      </c>
      <c r="Y916" s="2">
        <v>7.6</v>
      </c>
      <c r="Z916" s="2">
        <v>16.7</v>
      </c>
      <c r="AA916" s="5"/>
      <c r="AB916" s="5" t="s">
        <v>43</v>
      </c>
      <c r="AC916" s="5" t="s">
        <v>44</v>
      </c>
      <c r="AD916" s="2"/>
      <c r="AE916" s="1"/>
    </row>
    <row r="917" spans="1:31" ht="14.45">
      <c r="A917" s="11"/>
      <c r="B917" s="20"/>
      <c r="C917" s="2" t="s">
        <v>3172</v>
      </c>
      <c r="D917" s="14" t="s">
        <v>3173</v>
      </c>
      <c r="E917" s="2" t="s">
        <v>3174</v>
      </c>
      <c r="F917" s="2" t="s">
        <v>1747</v>
      </c>
      <c r="G917" s="8">
        <v>170</v>
      </c>
      <c r="H917" s="5">
        <v>6</v>
      </c>
      <c r="I917" s="5" t="s">
        <v>1518</v>
      </c>
      <c r="J917" s="5" t="s">
        <v>1519</v>
      </c>
      <c r="K917" s="2" t="s">
        <v>1520</v>
      </c>
      <c r="L917" s="5" t="s">
        <v>1519</v>
      </c>
      <c r="M917" s="2" t="s">
        <v>1520</v>
      </c>
      <c r="N917" s="5" t="s">
        <v>1521</v>
      </c>
      <c r="O917" s="5" t="s">
        <v>38</v>
      </c>
      <c r="P917" s="5" t="s">
        <v>39</v>
      </c>
      <c r="Q917" s="5" t="s">
        <v>40</v>
      </c>
      <c r="R917" s="5" t="s">
        <v>1522</v>
      </c>
      <c r="S917" s="5" t="s">
        <v>1523</v>
      </c>
      <c r="T917" s="5" t="s">
        <v>42</v>
      </c>
      <c r="U917" s="2">
        <v>2.206</v>
      </c>
      <c r="V917" s="2">
        <v>1.623</v>
      </c>
      <c r="W917" s="2">
        <v>1.7999999999999999E-2</v>
      </c>
      <c r="X917" s="2">
        <v>139.1</v>
      </c>
      <c r="Y917" s="2">
        <v>7.6</v>
      </c>
      <c r="Z917" s="2">
        <v>16.7</v>
      </c>
      <c r="AA917" s="5"/>
      <c r="AB917" s="5" t="s">
        <v>43</v>
      </c>
      <c r="AC917" s="5" t="s">
        <v>44</v>
      </c>
      <c r="AD917" s="2"/>
      <c r="AE917" s="1"/>
    </row>
    <row r="918" spans="1:31" ht="14.45">
      <c r="A918" s="11"/>
      <c r="B918" s="20"/>
      <c r="C918" s="2" t="s">
        <v>3175</v>
      </c>
      <c r="D918" s="14" t="s">
        <v>3176</v>
      </c>
      <c r="E918" s="2" t="s">
        <v>3177</v>
      </c>
      <c r="F918" s="2" t="s">
        <v>1751</v>
      </c>
      <c r="G918" s="8">
        <v>170</v>
      </c>
      <c r="H918" s="5">
        <v>6</v>
      </c>
      <c r="I918" s="5" t="s">
        <v>1518</v>
      </c>
      <c r="J918" s="5" t="s">
        <v>1519</v>
      </c>
      <c r="K918" s="2" t="s">
        <v>1520</v>
      </c>
      <c r="L918" s="5" t="s">
        <v>1519</v>
      </c>
      <c r="M918" s="2" t="s">
        <v>1520</v>
      </c>
      <c r="N918" s="5" t="s">
        <v>1521</v>
      </c>
      <c r="O918" s="5" t="s">
        <v>38</v>
      </c>
      <c r="P918" s="5" t="s">
        <v>39</v>
      </c>
      <c r="Q918" s="5" t="s">
        <v>40</v>
      </c>
      <c r="R918" s="5" t="s">
        <v>1522</v>
      </c>
      <c r="S918" s="5" t="s">
        <v>1523</v>
      </c>
      <c r="T918" s="5" t="s">
        <v>42</v>
      </c>
      <c r="U918" s="2">
        <v>2.1619999999999999</v>
      </c>
      <c r="V918" s="2">
        <v>1.579</v>
      </c>
      <c r="W918" s="2">
        <v>1.7999999999999999E-2</v>
      </c>
      <c r="X918" s="2">
        <v>139.1</v>
      </c>
      <c r="Y918" s="2">
        <v>7.6</v>
      </c>
      <c r="Z918" s="2">
        <v>16.7</v>
      </c>
      <c r="AA918" s="5"/>
      <c r="AB918" s="5" t="s">
        <v>43</v>
      </c>
      <c r="AC918" s="5" t="s">
        <v>44</v>
      </c>
      <c r="AD918" s="2"/>
      <c r="AE918" s="1"/>
    </row>
    <row r="919" spans="1:31" ht="14.45">
      <c r="A919" s="11"/>
      <c r="B919" s="20"/>
      <c r="C919" s="2" t="s">
        <v>3178</v>
      </c>
      <c r="D919" s="14" t="s">
        <v>3179</v>
      </c>
      <c r="E919" s="2" t="s">
        <v>3180</v>
      </c>
      <c r="F919" s="2" t="s">
        <v>1755</v>
      </c>
      <c r="G919" s="8">
        <v>170</v>
      </c>
      <c r="H919" s="5">
        <v>6</v>
      </c>
      <c r="I919" s="5" t="s">
        <v>1518</v>
      </c>
      <c r="J919" s="5" t="s">
        <v>1519</v>
      </c>
      <c r="K919" s="2" t="s">
        <v>1520</v>
      </c>
      <c r="L919" s="5" t="s">
        <v>1519</v>
      </c>
      <c r="M919" s="2" t="s">
        <v>1520</v>
      </c>
      <c r="N919" s="5" t="s">
        <v>1521</v>
      </c>
      <c r="O919" s="5" t="s">
        <v>38</v>
      </c>
      <c r="P919" s="5" t="s">
        <v>39</v>
      </c>
      <c r="Q919" s="5" t="s">
        <v>40</v>
      </c>
      <c r="R919" s="5" t="s">
        <v>1522</v>
      </c>
      <c r="S919" s="5" t="s">
        <v>1523</v>
      </c>
      <c r="T919" s="5" t="s">
        <v>42</v>
      </c>
      <c r="U919" s="2">
        <v>2.206</v>
      </c>
      <c r="V919" s="2">
        <v>1.623</v>
      </c>
      <c r="W919" s="2">
        <v>1.7999999999999999E-2</v>
      </c>
      <c r="X919" s="2">
        <v>139.1</v>
      </c>
      <c r="Y919" s="2">
        <v>7.6</v>
      </c>
      <c r="Z919" s="2">
        <v>16.7</v>
      </c>
      <c r="AA919" s="5"/>
      <c r="AB919" s="5" t="s">
        <v>43</v>
      </c>
      <c r="AC919" s="5" t="s">
        <v>44</v>
      </c>
      <c r="AD919" s="2"/>
      <c r="AE919" s="1"/>
    </row>
    <row r="920" spans="1:31" ht="14.45">
      <c r="A920" s="11"/>
      <c r="B920" s="20"/>
      <c r="C920" s="2" t="s">
        <v>3181</v>
      </c>
      <c r="D920" s="14" t="s">
        <v>3182</v>
      </c>
      <c r="E920" s="2" t="s">
        <v>3183</v>
      </c>
      <c r="F920" s="2" t="s">
        <v>1759</v>
      </c>
      <c r="G920" s="8">
        <v>170</v>
      </c>
      <c r="H920" s="5">
        <v>6</v>
      </c>
      <c r="I920" s="5" t="s">
        <v>1518</v>
      </c>
      <c r="J920" s="5" t="s">
        <v>1519</v>
      </c>
      <c r="K920" s="2" t="s">
        <v>1520</v>
      </c>
      <c r="L920" s="5" t="s">
        <v>1519</v>
      </c>
      <c r="M920" s="2" t="s">
        <v>1520</v>
      </c>
      <c r="N920" s="5" t="s">
        <v>1521</v>
      </c>
      <c r="O920" s="5" t="s">
        <v>38</v>
      </c>
      <c r="P920" s="5" t="s">
        <v>39</v>
      </c>
      <c r="Q920" s="5" t="s">
        <v>40</v>
      </c>
      <c r="R920" s="5" t="s">
        <v>1522</v>
      </c>
      <c r="S920" s="5" t="s">
        <v>1523</v>
      </c>
      <c r="T920" s="5" t="s">
        <v>42</v>
      </c>
      <c r="U920" s="2">
        <v>2.1800000000000002</v>
      </c>
      <c r="V920" s="2">
        <v>1.597</v>
      </c>
      <c r="W920" s="2">
        <v>1.7999999999999999E-2</v>
      </c>
      <c r="X920" s="2">
        <v>139.1</v>
      </c>
      <c r="Y920" s="2">
        <v>7.6</v>
      </c>
      <c r="Z920" s="2">
        <v>16.7</v>
      </c>
      <c r="AA920" s="5"/>
      <c r="AB920" s="5" t="s">
        <v>43</v>
      </c>
      <c r="AC920" s="5" t="s">
        <v>44</v>
      </c>
      <c r="AD920" s="2"/>
      <c r="AE920" s="1"/>
    </row>
    <row r="921" spans="1:31" ht="14.45">
      <c r="A921" s="11"/>
      <c r="B921" s="20"/>
      <c r="C921" s="2" t="s">
        <v>3184</v>
      </c>
      <c r="D921" s="14" t="s">
        <v>3185</v>
      </c>
      <c r="E921" s="2" t="s">
        <v>3186</v>
      </c>
      <c r="F921" s="2" t="s">
        <v>1763</v>
      </c>
      <c r="G921" s="8">
        <v>170</v>
      </c>
      <c r="H921" s="5">
        <v>6</v>
      </c>
      <c r="I921" s="5" t="s">
        <v>1518</v>
      </c>
      <c r="J921" s="5" t="s">
        <v>1519</v>
      </c>
      <c r="K921" s="2" t="s">
        <v>1520</v>
      </c>
      <c r="L921" s="5" t="s">
        <v>1519</v>
      </c>
      <c r="M921" s="2" t="s">
        <v>1520</v>
      </c>
      <c r="N921" s="5" t="s">
        <v>1521</v>
      </c>
      <c r="O921" s="5" t="s">
        <v>38</v>
      </c>
      <c r="P921" s="5" t="s">
        <v>39</v>
      </c>
      <c r="Q921" s="5" t="s">
        <v>40</v>
      </c>
      <c r="R921" s="5" t="s">
        <v>1522</v>
      </c>
      <c r="S921" s="5" t="s">
        <v>1523</v>
      </c>
      <c r="T921" s="5" t="s">
        <v>42</v>
      </c>
      <c r="U921" s="2">
        <v>2.2240000000000002</v>
      </c>
      <c r="V921" s="2">
        <v>1.641</v>
      </c>
      <c r="W921" s="2">
        <v>1.7999999999999999E-2</v>
      </c>
      <c r="X921" s="2">
        <v>139.1</v>
      </c>
      <c r="Y921" s="2">
        <v>7.6</v>
      </c>
      <c r="Z921" s="2">
        <v>16.7</v>
      </c>
      <c r="AA921" s="5"/>
      <c r="AB921" s="5" t="s">
        <v>43</v>
      </c>
      <c r="AC921" s="5" t="s">
        <v>44</v>
      </c>
      <c r="AD921" s="2"/>
      <c r="AE921" s="1"/>
    </row>
    <row r="922" spans="1:31" ht="14.45">
      <c r="A922" s="11"/>
      <c r="B922" s="20"/>
      <c r="C922" s="2" t="s">
        <v>3187</v>
      </c>
      <c r="D922" s="14" t="s">
        <v>3188</v>
      </c>
      <c r="E922" s="2" t="s">
        <v>3189</v>
      </c>
      <c r="F922" s="2" t="s">
        <v>1767</v>
      </c>
      <c r="G922" s="8">
        <v>170</v>
      </c>
      <c r="H922" s="5">
        <v>6</v>
      </c>
      <c r="I922" s="5" t="s">
        <v>1518</v>
      </c>
      <c r="J922" s="5" t="s">
        <v>1519</v>
      </c>
      <c r="K922" s="2" t="s">
        <v>1520</v>
      </c>
      <c r="L922" s="5" t="s">
        <v>1519</v>
      </c>
      <c r="M922" s="2" t="s">
        <v>1520</v>
      </c>
      <c r="N922" s="5" t="s">
        <v>1521</v>
      </c>
      <c r="O922" s="5" t="s">
        <v>38</v>
      </c>
      <c r="P922" s="5" t="s">
        <v>39</v>
      </c>
      <c r="Q922" s="5" t="s">
        <v>40</v>
      </c>
      <c r="R922" s="5" t="s">
        <v>1522</v>
      </c>
      <c r="S922" s="5" t="s">
        <v>1523</v>
      </c>
      <c r="T922" s="5" t="s">
        <v>42</v>
      </c>
      <c r="U922" s="2">
        <v>2.1800000000000002</v>
      </c>
      <c r="V922" s="2">
        <v>1.597</v>
      </c>
      <c r="W922" s="2">
        <v>1.7999999999999999E-2</v>
      </c>
      <c r="X922" s="2">
        <v>139.1</v>
      </c>
      <c r="Y922" s="2">
        <v>7.6</v>
      </c>
      <c r="Z922" s="2">
        <v>16.7</v>
      </c>
      <c r="AA922" s="5"/>
      <c r="AB922" s="5" t="s">
        <v>43</v>
      </c>
      <c r="AC922" s="5" t="s">
        <v>44</v>
      </c>
      <c r="AD922" s="2"/>
      <c r="AE922" s="1"/>
    </row>
    <row r="923" spans="1:31" ht="14.45">
      <c r="A923" s="11"/>
      <c r="B923" s="20"/>
      <c r="C923" s="2" t="s">
        <v>3190</v>
      </c>
      <c r="D923" s="14" t="s">
        <v>3191</v>
      </c>
      <c r="E923" s="2" t="s">
        <v>3192</v>
      </c>
      <c r="F923" s="2" t="s">
        <v>1771</v>
      </c>
      <c r="G923" s="8">
        <v>170</v>
      </c>
      <c r="H923" s="5">
        <v>6</v>
      </c>
      <c r="I923" s="5" t="s">
        <v>1518</v>
      </c>
      <c r="J923" s="5" t="s">
        <v>1519</v>
      </c>
      <c r="K923" s="2" t="s">
        <v>1520</v>
      </c>
      <c r="L923" s="5" t="s">
        <v>1519</v>
      </c>
      <c r="M923" s="2" t="s">
        <v>1520</v>
      </c>
      <c r="N923" s="5" t="s">
        <v>1521</v>
      </c>
      <c r="O923" s="5" t="s">
        <v>38</v>
      </c>
      <c r="P923" s="5" t="s">
        <v>39</v>
      </c>
      <c r="Q923" s="5" t="s">
        <v>40</v>
      </c>
      <c r="R923" s="5" t="s">
        <v>1522</v>
      </c>
      <c r="S923" s="5" t="s">
        <v>1523</v>
      </c>
      <c r="T923" s="5" t="s">
        <v>42</v>
      </c>
      <c r="U923" s="2">
        <v>2.2240000000000002</v>
      </c>
      <c r="V923" s="2">
        <v>1.641</v>
      </c>
      <c r="W923" s="2">
        <v>1.7999999999999999E-2</v>
      </c>
      <c r="X923" s="2">
        <v>139.1</v>
      </c>
      <c r="Y923" s="2">
        <v>7.6</v>
      </c>
      <c r="Z923" s="2">
        <v>16.7</v>
      </c>
      <c r="AA923" s="5"/>
      <c r="AB923" s="5" t="s">
        <v>43</v>
      </c>
      <c r="AC923" s="5" t="s">
        <v>44</v>
      </c>
      <c r="AD923" s="2"/>
      <c r="AE923" s="1"/>
    </row>
    <row r="924" spans="1:31" ht="14.45">
      <c r="A924" s="11"/>
      <c r="B924" s="20"/>
      <c r="C924" s="2" t="s">
        <v>3193</v>
      </c>
      <c r="D924" s="14" t="s">
        <v>3194</v>
      </c>
      <c r="E924" s="2" t="s">
        <v>3195</v>
      </c>
      <c r="F924" s="2" t="s">
        <v>1775</v>
      </c>
      <c r="G924" s="8">
        <v>170</v>
      </c>
      <c r="H924" s="5">
        <v>6</v>
      </c>
      <c r="I924" s="5" t="s">
        <v>1518</v>
      </c>
      <c r="J924" s="5" t="s">
        <v>1519</v>
      </c>
      <c r="K924" s="2" t="s">
        <v>1520</v>
      </c>
      <c r="L924" s="5" t="s">
        <v>1519</v>
      </c>
      <c r="M924" s="2" t="s">
        <v>1520</v>
      </c>
      <c r="N924" s="5" t="s">
        <v>1521</v>
      </c>
      <c r="O924" s="5" t="s">
        <v>38</v>
      </c>
      <c r="P924" s="5" t="s">
        <v>39</v>
      </c>
      <c r="Q924" s="5" t="s">
        <v>40</v>
      </c>
      <c r="R924" s="5" t="s">
        <v>1522</v>
      </c>
      <c r="S924" s="5" t="s">
        <v>1523</v>
      </c>
      <c r="T924" s="5" t="s">
        <v>42</v>
      </c>
      <c r="U924" s="2">
        <v>2.1800000000000002</v>
      </c>
      <c r="V924" s="2">
        <v>1.597</v>
      </c>
      <c r="W924" s="2">
        <v>1.7999999999999999E-2</v>
      </c>
      <c r="X924" s="2">
        <v>139.1</v>
      </c>
      <c r="Y924" s="2">
        <v>7.6</v>
      </c>
      <c r="Z924" s="2">
        <v>16.7</v>
      </c>
      <c r="AA924" s="5"/>
      <c r="AB924" s="5" t="s">
        <v>43</v>
      </c>
      <c r="AC924" s="5" t="s">
        <v>44</v>
      </c>
      <c r="AD924" s="2"/>
      <c r="AE924" s="1"/>
    </row>
    <row r="925" spans="1:31" ht="14.45">
      <c r="A925" s="11"/>
      <c r="B925" s="20"/>
      <c r="C925" s="2" t="s">
        <v>3196</v>
      </c>
      <c r="D925" s="14" t="s">
        <v>3197</v>
      </c>
      <c r="E925" s="2" t="s">
        <v>3198</v>
      </c>
      <c r="F925" s="2" t="s">
        <v>1779</v>
      </c>
      <c r="G925" s="8">
        <v>170</v>
      </c>
      <c r="H925" s="5">
        <v>6</v>
      </c>
      <c r="I925" s="5" t="s">
        <v>1518</v>
      </c>
      <c r="J925" s="5" t="s">
        <v>1519</v>
      </c>
      <c r="K925" s="2" t="s">
        <v>1520</v>
      </c>
      <c r="L925" s="5" t="s">
        <v>1519</v>
      </c>
      <c r="M925" s="2" t="s">
        <v>1520</v>
      </c>
      <c r="N925" s="5" t="s">
        <v>1521</v>
      </c>
      <c r="O925" s="5" t="s">
        <v>38</v>
      </c>
      <c r="P925" s="5" t="s">
        <v>39</v>
      </c>
      <c r="Q925" s="5" t="s">
        <v>40</v>
      </c>
      <c r="R925" s="5" t="s">
        <v>1522</v>
      </c>
      <c r="S925" s="5" t="s">
        <v>1523</v>
      </c>
      <c r="T925" s="5" t="s">
        <v>42</v>
      </c>
      <c r="U925" s="2">
        <v>2.2240000000000002</v>
      </c>
      <c r="V925" s="2">
        <v>1.641</v>
      </c>
      <c r="W925" s="2">
        <v>1.7999999999999999E-2</v>
      </c>
      <c r="X925" s="2">
        <v>139.1</v>
      </c>
      <c r="Y925" s="2">
        <v>7.6</v>
      </c>
      <c r="Z925" s="2">
        <v>16.7</v>
      </c>
      <c r="AA925" s="5"/>
      <c r="AB925" s="5" t="s">
        <v>43</v>
      </c>
      <c r="AC925" s="5" t="s">
        <v>44</v>
      </c>
      <c r="AD925" s="2"/>
      <c r="AE925" s="1"/>
    </row>
    <row r="926" spans="1:31" ht="14.45">
      <c r="A926" s="11"/>
      <c r="B926" s="20"/>
      <c r="C926" s="2" t="s">
        <v>3199</v>
      </c>
      <c r="D926" s="14" t="s">
        <v>3200</v>
      </c>
      <c r="E926" s="2" t="s">
        <v>3201</v>
      </c>
      <c r="F926" s="2" t="s">
        <v>1783</v>
      </c>
      <c r="G926" s="8">
        <v>170</v>
      </c>
      <c r="H926" s="5">
        <v>6</v>
      </c>
      <c r="I926" s="5" t="s">
        <v>1518</v>
      </c>
      <c r="J926" s="5" t="s">
        <v>1519</v>
      </c>
      <c r="K926" s="2" t="s">
        <v>1520</v>
      </c>
      <c r="L926" s="5" t="s">
        <v>1519</v>
      </c>
      <c r="M926" s="2" t="s">
        <v>1520</v>
      </c>
      <c r="N926" s="5" t="s">
        <v>1521</v>
      </c>
      <c r="O926" s="5" t="s">
        <v>38</v>
      </c>
      <c r="P926" s="5" t="s">
        <v>39</v>
      </c>
      <c r="Q926" s="5" t="s">
        <v>40</v>
      </c>
      <c r="R926" s="5" t="s">
        <v>1522</v>
      </c>
      <c r="S926" s="5" t="s">
        <v>1523</v>
      </c>
      <c r="T926" s="5" t="s">
        <v>42</v>
      </c>
      <c r="U926" s="2">
        <v>2.1619999999999999</v>
      </c>
      <c r="V926" s="2">
        <v>1.579</v>
      </c>
      <c r="W926" s="2">
        <v>1.7999999999999999E-2</v>
      </c>
      <c r="X926" s="2">
        <v>139.1</v>
      </c>
      <c r="Y926" s="2">
        <v>7.6</v>
      </c>
      <c r="Z926" s="2">
        <v>16.7</v>
      </c>
      <c r="AA926" s="5"/>
      <c r="AB926" s="5" t="s">
        <v>43</v>
      </c>
      <c r="AC926" s="5" t="s">
        <v>44</v>
      </c>
      <c r="AD926" s="2"/>
      <c r="AE926" s="1"/>
    </row>
    <row r="927" spans="1:31" ht="14.45">
      <c r="A927" s="11"/>
      <c r="B927" s="20"/>
      <c r="C927" s="2" t="s">
        <v>3202</v>
      </c>
      <c r="D927" s="14" t="s">
        <v>3203</v>
      </c>
      <c r="E927" s="2" t="s">
        <v>3204</v>
      </c>
      <c r="F927" s="2" t="s">
        <v>1787</v>
      </c>
      <c r="G927" s="8">
        <v>170</v>
      </c>
      <c r="H927" s="5">
        <v>6</v>
      </c>
      <c r="I927" s="5" t="s">
        <v>1518</v>
      </c>
      <c r="J927" s="5" t="s">
        <v>1519</v>
      </c>
      <c r="K927" s="2" t="s">
        <v>1520</v>
      </c>
      <c r="L927" s="5" t="s">
        <v>1519</v>
      </c>
      <c r="M927" s="2" t="s">
        <v>1520</v>
      </c>
      <c r="N927" s="5" t="s">
        <v>1521</v>
      </c>
      <c r="O927" s="5" t="s">
        <v>38</v>
      </c>
      <c r="P927" s="5" t="s">
        <v>39</v>
      </c>
      <c r="Q927" s="5" t="s">
        <v>40</v>
      </c>
      <c r="R927" s="5" t="s">
        <v>1522</v>
      </c>
      <c r="S927" s="5" t="s">
        <v>1523</v>
      </c>
      <c r="T927" s="5" t="s">
        <v>42</v>
      </c>
      <c r="U927" s="2">
        <v>2.206</v>
      </c>
      <c r="V927" s="2">
        <v>1.623</v>
      </c>
      <c r="W927" s="2">
        <v>1.7999999999999999E-2</v>
      </c>
      <c r="X927" s="2">
        <v>139.1</v>
      </c>
      <c r="Y927" s="2">
        <v>7.6</v>
      </c>
      <c r="Z927" s="2">
        <v>16.7</v>
      </c>
      <c r="AA927" s="5"/>
      <c r="AB927" s="5" t="s">
        <v>43</v>
      </c>
      <c r="AC927" s="5" t="s">
        <v>44</v>
      </c>
      <c r="AD927" s="2"/>
      <c r="AE927" s="1"/>
    </row>
    <row r="928" spans="1:31" ht="14.45">
      <c r="A928" s="11"/>
      <c r="B928" s="20"/>
      <c r="C928" s="2" t="s">
        <v>3205</v>
      </c>
      <c r="D928" s="14" t="s">
        <v>3206</v>
      </c>
      <c r="E928" s="2" t="s">
        <v>3207</v>
      </c>
      <c r="F928" s="2" t="s">
        <v>1791</v>
      </c>
      <c r="G928" s="8">
        <v>170</v>
      </c>
      <c r="H928" s="5">
        <v>6</v>
      </c>
      <c r="I928" s="5" t="s">
        <v>1518</v>
      </c>
      <c r="J928" s="5" t="s">
        <v>1519</v>
      </c>
      <c r="K928" s="2" t="s">
        <v>1520</v>
      </c>
      <c r="L928" s="5" t="s">
        <v>1519</v>
      </c>
      <c r="M928" s="2" t="s">
        <v>1520</v>
      </c>
      <c r="N928" s="5" t="s">
        <v>1521</v>
      </c>
      <c r="O928" s="5" t="s">
        <v>38</v>
      </c>
      <c r="P928" s="5" t="s">
        <v>39</v>
      </c>
      <c r="Q928" s="5" t="s">
        <v>40</v>
      </c>
      <c r="R928" s="5" t="s">
        <v>1522</v>
      </c>
      <c r="S928" s="5" t="s">
        <v>1523</v>
      </c>
      <c r="T928" s="5" t="s">
        <v>42</v>
      </c>
      <c r="U928" s="2">
        <v>2.1800000000000002</v>
      </c>
      <c r="V928" s="2">
        <v>1.597</v>
      </c>
      <c r="W928" s="2">
        <v>1.7999999999999999E-2</v>
      </c>
      <c r="X928" s="2">
        <v>139.1</v>
      </c>
      <c r="Y928" s="2">
        <v>7.6</v>
      </c>
      <c r="Z928" s="2">
        <v>16.7</v>
      </c>
      <c r="AA928" s="5"/>
      <c r="AB928" s="5" t="s">
        <v>43</v>
      </c>
      <c r="AC928" s="5" t="s">
        <v>44</v>
      </c>
      <c r="AD928" s="2"/>
      <c r="AE928" s="1"/>
    </row>
    <row r="929" spans="1:31" ht="14.45">
      <c r="A929" s="11"/>
      <c r="B929" s="20"/>
      <c r="C929" s="2" t="s">
        <v>3208</v>
      </c>
      <c r="D929" s="14" t="s">
        <v>3209</v>
      </c>
      <c r="E929" s="2" t="s">
        <v>3210</v>
      </c>
      <c r="F929" s="2" t="s">
        <v>1795</v>
      </c>
      <c r="G929" s="8">
        <v>170</v>
      </c>
      <c r="H929" s="5">
        <v>6</v>
      </c>
      <c r="I929" s="5" t="s">
        <v>1518</v>
      </c>
      <c r="J929" s="5" t="s">
        <v>1519</v>
      </c>
      <c r="K929" s="2" t="s">
        <v>1520</v>
      </c>
      <c r="L929" s="5" t="s">
        <v>1519</v>
      </c>
      <c r="M929" s="2" t="s">
        <v>1520</v>
      </c>
      <c r="N929" s="5" t="s">
        <v>1521</v>
      </c>
      <c r="O929" s="5" t="s">
        <v>38</v>
      </c>
      <c r="P929" s="5" t="s">
        <v>39</v>
      </c>
      <c r="Q929" s="5" t="s">
        <v>40</v>
      </c>
      <c r="R929" s="5" t="s">
        <v>1522</v>
      </c>
      <c r="S929" s="5" t="s">
        <v>1523</v>
      </c>
      <c r="T929" s="5" t="s">
        <v>42</v>
      </c>
      <c r="U929" s="2">
        <v>2.2240000000000002</v>
      </c>
      <c r="V929" s="2">
        <v>1.641</v>
      </c>
      <c r="W929" s="2">
        <v>1.7999999999999999E-2</v>
      </c>
      <c r="X929" s="2">
        <v>139.1</v>
      </c>
      <c r="Y929" s="2">
        <v>7.6</v>
      </c>
      <c r="Z929" s="2">
        <v>16.7</v>
      </c>
      <c r="AA929" s="5"/>
      <c r="AB929" s="5" t="s">
        <v>43</v>
      </c>
      <c r="AC929" s="5" t="s">
        <v>44</v>
      </c>
      <c r="AD929" s="2"/>
      <c r="AE929" s="1"/>
    </row>
    <row r="930" spans="1:31" ht="14.45">
      <c r="A930" s="11"/>
      <c r="B930" s="20"/>
      <c r="C930" s="2" t="s">
        <v>3211</v>
      </c>
      <c r="D930" s="14" t="s">
        <v>3212</v>
      </c>
      <c r="E930" s="2" t="s">
        <v>3213</v>
      </c>
      <c r="F930" s="2" t="s">
        <v>1799</v>
      </c>
      <c r="G930" s="8">
        <v>170</v>
      </c>
      <c r="H930" s="5">
        <v>6</v>
      </c>
      <c r="I930" s="5" t="s">
        <v>1518</v>
      </c>
      <c r="J930" s="5" t="s">
        <v>1519</v>
      </c>
      <c r="K930" s="2" t="s">
        <v>1520</v>
      </c>
      <c r="L930" s="5" t="s">
        <v>1519</v>
      </c>
      <c r="M930" s="2" t="s">
        <v>1520</v>
      </c>
      <c r="N930" s="5" t="s">
        <v>1521</v>
      </c>
      <c r="O930" s="5" t="s">
        <v>38</v>
      </c>
      <c r="P930" s="5" t="s">
        <v>39</v>
      </c>
      <c r="Q930" s="5" t="s">
        <v>40</v>
      </c>
      <c r="R930" s="5" t="s">
        <v>1522</v>
      </c>
      <c r="S930" s="5" t="s">
        <v>1523</v>
      </c>
      <c r="T930" s="5" t="s">
        <v>42</v>
      </c>
      <c r="U930" s="2">
        <v>2.1800000000000002</v>
      </c>
      <c r="V930" s="2">
        <v>1.597</v>
      </c>
      <c r="W930" s="2">
        <v>1.7999999999999999E-2</v>
      </c>
      <c r="X930" s="2">
        <v>139.1</v>
      </c>
      <c r="Y930" s="2">
        <v>7.6</v>
      </c>
      <c r="Z930" s="2">
        <v>16.7</v>
      </c>
      <c r="AA930" s="5"/>
      <c r="AB930" s="5" t="s">
        <v>43</v>
      </c>
      <c r="AC930" s="5" t="s">
        <v>44</v>
      </c>
      <c r="AD930" s="2"/>
      <c r="AE930" s="1"/>
    </row>
    <row r="931" spans="1:31" ht="14.45">
      <c r="A931" s="11"/>
      <c r="B931" s="20"/>
      <c r="C931" s="2" t="s">
        <v>3214</v>
      </c>
      <c r="D931" s="14" t="s">
        <v>3215</v>
      </c>
      <c r="E931" s="2" t="s">
        <v>3216</v>
      </c>
      <c r="F931" s="2" t="s">
        <v>1803</v>
      </c>
      <c r="G931" s="8">
        <v>170</v>
      </c>
      <c r="H931" s="5">
        <v>6</v>
      </c>
      <c r="I931" s="5" t="s">
        <v>1518</v>
      </c>
      <c r="J931" s="5" t="s">
        <v>1519</v>
      </c>
      <c r="K931" s="2" t="s">
        <v>1520</v>
      </c>
      <c r="L931" s="5" t="s">
        <v>1519</v>
      </c>
      <c r="M931" s="2" t="s">
        <v>1520</v>
      </c>
      <c r="N931" s="5" t="s">
        <v>1521</v>
      </c>
      <c r="O931" s="5" t="s">
        <v>38</v>
      </c>
      <c r="P931" s="5" t="s">
        <v>39</v>
      </c>
      <c r="Q931" s="5" t="s">
        <v>40</v>
      </c>
      <c r="R931" s="5" t="s">
        <v>1522</v>
      </c>
      <c r="S931" s="5" t="s">
        <v>1523</v>
      </c>
      <c r="T931" s="5" t="s">
        <v>42</v>
      </c>
      <c r="U931" s="2">
        <v>2.2240000000000002</v>
      </c>
      <c r="V931" s="2">
        <v>1.641</v>
      </c>
      <c r="W931" s="2">
        <v>1.7999999999999999E-2</v>
      </c>
      <c r="X931" s="2">
        <v>139.1</v>
      </c>
      <c r="Y931" s="2">
        <v>7.6</v>
      </c>
      <c r="Z931" s="2">
        <v>16.7</v>
      </c>
      <c r="AA931" s="5"/>
      <c r="AB931" s="5" t="s">
        <v>43</v>
      </c>
      <c r="AC931" s="5" t="s">
        <v>44</v>
      </c>
      <c r="AD931" s="2"/>
      <c r="AE931" s="1"/>
    </row>
    <row r="932" spans="1:31" ht="14.45">
      <c r="A932" s="11"/>
      <c r="B932" s="20"/>
      <c r="C932" s="2" t="s">
        <v>3217</v>
      </c>
      <c r="D932" s="14" t="s">
        <v>3218</v>
      </c>
      <c r="E932" s="2" t="s">
        <v>3219</v>
      </c>
      <c r="F932" s="2" t="s">
        <v>1807</v>
      </c>
      <c r="G932" s="8">
        <v>170</v>
      </c>
      <c r="H932" s="5">
        <v>6</v>
      </c>
      <c r="I932" s="5" t="s">
        <v>1518</v>
      </c>
      <c r="J932" s="5" t="s">
        <v>1519</v>
      </c>
      <c r="K932" s="2" t="s">
        <v>1520</v>
      </c>
      <c r="L932" s="5" t="s">
        <v>1519</v>
      </c>
      <c r="M932" s="2" t="s">
        <v>1520</v>
      </c>
      <c r="N932" s="5" t="s">
        <v>1521</v>
      </c>
      <c r="O932" s="5" t="s">
        <v>38</v>
      </c>
      <c r="P932" s="5" t="s">
        <v>39</v>
      </c>
      <c r="Q932" s="5" t="s">
        <v>40</v>
      </c>
      <c r="R932" s="5" t="s">
        <v>1522</v>
      </c>
      <c r="S932" s="5" t="s">
        <v>1523</v>
      </c>
      <c r="T932" s="5" t="s">
        <v>42</v>
      </c>
      <c r="U932" s="2">
        <v>2.1800000000000002</v>
      </c>
      <c r="V932" s="2">
        <v>1.597</v>
      </c>
      <c r="W932" s="2">
        <v>1.7999999999999999E-2</v>
      </c>
      <c r="X932" s="2">
        <v>139.1</v>
      </c>
      <c r="Y932" s="2">
        <v>7.6</v>
      </c>
      <c r="Z932" s="2">
        <v>16.7</v>
      </c>
      <c r="AA932" s="5"/>
      <c r="AB932" s="5" t="s">
        <v>43</v>
      </c>
      <c r="AC932" s="5" t="s">
        <v>44</v>
      </c>
      <c r="AD932" s="2"/>
      <c r="AE932" s="1"/>
    </row>
    <row r="933" spans="1:31" ht="14.45">
      <c r="A933" s="11"/>
      <c r="B933" s="20"/>
      <c r="C933" s="2" t="s">
        <v>3220</v>
      </c>
      <c r="D933" s="14" t="s">
        <v>3221</v>
      </c>
      <c r="E933" s="2" t="s">
        <v>3222</v>
      </c>
      <c r="F933" s="2" t="s">
        <v>1811</v>
      </c>
      <c r="G933" s="8">
        <v>170</v>
      </c>
      <c r="H933" s="5">
        <v>6</v>
      </c>
      <c r="I933" s="5" t="s">
        <v>1518</v>
      </c>
      <c r="J933" s="5" t="s">
        <v>1519</v>
      </c>
      <c r="K933" s="2" t="s">
        <v>1520</v>
      </c>
      <c r="L933" s="5" t="s">
        <v>1519</v>
      </c>
      <c r="M933" s="2" t="s">
        <v>1520</v>
      </c>
      <c r="N933" s="5" t="s">
        <v>1521</v>
      </c>
      <c r="O933" s="5" t="s">
        <v>38</v>
      </c>
      <c r="P933" s="5" t="s">
        <v>39</v>
      </c>
      <c r="Q933" s="5" t="s">
        <v>40</v>
      </c>
      <c r="R933" s="5" t="s">
        <v>1522</v>
      </c>
      <c r="S933" s="5" t="s">
        <v>1523</v>
      </c>
      <c r="T933" s="5" t="s">
        <v>42</v>
      </c>
      <c r="U933" s="2">
        <v>2.2240000000000002</v>
      </c>
      <c r="V933" s="2">
        <v>1.641</v>
      </c>
      <c r="W933" s="2">
        <v>1.7999999999999999E-2</v>
      </c>
      <c r="X933" s="2">
        <v>139.1</v>
      </c>
      <c r="Y933" s="2">
        <v>7.6</v>
      </c>
      <c r="Z933" s="2">
        <v>16.7</v>
      </c>
      <c r="AA933" s="5"/>
      <c r="AB933" s="5" t="s">
        <v>43</v>
      </c>
      <c r="AC933" s="5" t="s">
        <v>44</v>
      </c>
      <c r="AD933" s="2"/>
      <c r="AE933" s="1"/>
    </row>
    <row r="934" spans="1:31" ht="14.45">
      <c r="A934" s="11"/>
      <c r="B934" s="20"/>
      <c r="C934" s="2" t="s">
        <v>3223</v>
      </c>
      <c r="D934" s="14" t="s">
        <v>3224</v>
      </c>
      <c r="E934" s="2" t="s">
        <v>3225</v>
      </c>
      <c r="F934" s="2" t="s">
        <v>1815</v>
      </c>
      <c r="G934" s="8">
        <v>170</v>
      </c>
      <c r="H934" s="5">
        <v>6</v>
      </c>
      <c r="I934" s="5" t="s">
        <v>1518</v>
      </c>
      <c r="J934" s="5" t="s">
        <v>1519</v>
      </c>
      <c r="K934" s="2" t="s">
        <v>1520</v>
      </c>
      <c r="L934" s="5" t="s">
        <v>1519</v>
      </c>
      <c r="M934" s="2" t="s">
        <v>1520</v>
      </c>
      <c r="N934" s="5" t="s">
        <v>1521</v>
      </c>
      <c r="O934" s="5" t="s">
        <v>38</v>
      </c>
      <c r="P934" s="5" t="s">
        <v>39</v>
      </c>
      <c r="Q934" s="5" t="s">
        <v>40</v>
      </c>
      <c r="R934" s="5" t="s">
        <v>1522</v>
      </c>
      <c r="S934" s="5" t="s">
        <v>1523</v>
      </c>
      <c r="T934" s="5" t="s">
        <v>42</v>
      </c>
      <c r="U934" s="2">
        <v>2.1619999999999999</v>
      </c>
      <c r="V934" s="2">
        <v>1.579</v>
      </c>
      <c r="W934" s="2">
        <v>1.7999999999999999E-2</v>
      </c>
      <c r="X934" s="2">
        <v>139.1</v>
      </c>
      <c r="Y934" s="2">
        <v>7.6</v>
      </c>
      <c r="Z934" s="2">
        <v>16.7</v>
      </c>
      <c r="AA934" s="5"/>
      <c r="AB934" s="5" t="s">
        <v>43</v>
      </c>
      <c r="AC934" s="5" t="s">
        <v>44</v>
      </c>
      <c r="AD934" s="2"/>
      <c r="AE934" s="1"/>
    </row>
    <row r="935" spans="1:31" ht="14.45">
      <c r="A935" s="11"/>
      <c r="B935" s="20"/>
      <c r="C935" s="2" t="s">
        <v>3226</v>
      </c>
      <c r="D935" s="14" t="s">
        <v>3227</v>
      </c>
      <c r="E935" s="2" t="s">
        <v>3228</v>
      </c>
      <c r="F935" s="2" t="s">
        <v>1819</v>
      </c>
      <c r="G935" s="8">
        <v>170</v>
      </c>
      <c r="H935" s="5">
        <v>6</v>
      </c>
      <c r="I935" s="5" t="s">
        <v>1518</v>
      </c>
      <c r="J935" s="5" t="s">
        <v>1519</v>
      </c>
      <c r="K935" s="2" t="s">
        <v>1520</v>
      </c>
      <c r="L935" s="5" t="s">
        <v>1519</v>
      </c>
      <c r="M935" s="2" t="s">
        <v>1520</v>
      </c>
      <c r="N935" s="5" t="s">
        <v>1521</v>
      </c>
      <c r="O935" s="5" t="s">
        <v>38</v>
      </c>
      <c r="P935" s="5" t="s">
        <v>39</v>
      </c>
      <c r="Q935" s="5" t="s">
        <v>40</v>
      </c>
      <c r="R935" s="5" t="s">
        <v>1522</v>
      </c>
      <c r="S935" s="5" t="s">
        <v>1523</v>
      </c>
      <c r="T935" s="5" t="s">
        <v>42</v>
      </c>
      <c r="U935" s="2">
        <v>2.206</v>
      </c>
      <c r="V935" s="2">
        <v>1.623</v>
      </c>
      <c r="W935" s="2">
        <v>1.7999999999999999E-2</v>
      </c>
      <c r="X935" s="2">
        <v>139.1</v>
      </c>
      <c r="Y935" s="2">
        <v>7.6</v>
      </c>
      <c r="Z935" s="2">
        <v>16.7</v>
      </c>
      <c r="AA935" s="5"/>
      <c r="AB935" s="5" t="s">
        <v>43</v>
      </c>
      <c r="AC935" s="5" t="s">
        <v>44</v>
      </c>
      <c r="AD935" s="2"/>
      <c r="AE935" s="1"/>
    </row>
    <row r="936" spans="1:31" ht="14.45">
      <c r="A936" s="11"/>
      <c r="B936" s="20"/>
      <c r="C936" s="2" t="s">
        <v>3229</v>
      </c>
      <c r="D936" s="14" t="s">
        <v>3230</v>
      </c>
      <c r="E936" s="2" t="s">
        <v>3231</v>
      </c>
      <c r="F936" s="2" t="s">
        <v>1823</v>
      </c>
      <c r="G936" s="8">
        <v>170</v>
      </c>
      <c r="H936" s="5">
        <v>8</v>
      </c>
      <c r="I936" s="5" t="s">
        <v>1518</v>
      </c>
      <c r="J936" s="5" t="s">
        <v>1519</v>
      </c>
      <c r="K936" s="2" t="s">
        <v>1520</v>
      </c>
      <c r="L936" s="5" t="s">
        <v>1519</v>
      </c>
      <c r="M936" s="2" t="s">
        <v>1520</v>
      </c>
      <c r="N936" s="5" t="s">
        <v>1521</v>
      </c>
      <c r="O936" s="5" t="s">
        <v>38</v>
      </c>
      <c r="P936" s="5" t="s">
        <v>39</v>
      </c>
      <c r="Q936" s="5" t="s">
        <v>40</v>
      </c>
      <c r="R936" s="5" t="s">
        <v>1522</v>
      </c>
      <c r="S936" s="5" t="s">
        <v>1523</v>
      </c>
      <c r="T936" s="5" t="s">
        <v>42</v>
      </c>
      <c r="U936" s="2">
        <v>2.1930000000000001</v>
      </c>
      <c r="V936" s="2">
        <v>1.61</v>
      </c>
      <c r="W936" s="2">
        <v>1.7999999999999999E-2</v>
      </c>
      <c r="X936" s="2">
        <v>139.1</v>
      </c>
      <c r="Y936" s="2">
        <v>7.6</v>
      </c>
      <c r="Z936" s="2">
        <v>16.7</v>
      </c>
      <c r="AA936" s="5"/>
      <c r="AB936" s="5" t="s">
        <v>43</v>
      </c>
      <c r="AC936" s="5" t="s">
        <v>44</v>
      </c>
      <c r="AD936" s="2"/>
      <c r="AE936" s="1"/>
    </row>
    <row r="937" spans="1:31" ht="14.45">
      <c r="A937" s="11"/>
      <c r="B937" s="20"/>
      <c r="C937" s="2" t="s">
        <v>3232</v>
      </c>
      <c r="D937" s="14" t="s">
        <v>3233</v>
      </c>
      <c r="E937" s="2" t="s">
        <v>3234</v>
      </c>
      <c r="F937" s="2" t="s">
        <v>1827</v>
      </c>
      <c r="G937" s="8">
        <v>170</v>
      </c>
      <c r="H937" s="5">
        <v>8</v>
      </c>
      <c r="I937" s="5" t="s">
        <v>1518</v>
      </c>
      <c r="J937" s="5" t="s">
        <v>1519</v>
      </c>
      <c r="K937" s="2" t="s">
        <v>1520</v>
      </c>
      <c r="L937" s="5" t="s">
        <v>1519</v>
      </c>
      <c r="M937" s="2" t="s">
        <v>1520</v>
      </c>
      <c r="N937" s="5" t="s">
        <v>1521</v>
      </c>
      <c r="O937" s="5" t="s">
        <v>38</v>
      </c>
      <c r="P937" s="5" t="s">
        <v>39</v>
      </c>
      <c r="Q937" s="5" t="s">
        <v>40</v>
      </c>
      <c r="R937" s="5" t="s">
        <v>1522</v>
      </c>
      <c r="S937" s="5" t="s">
        <v>1523</v>
      </c>
      <c r="T937" s="5" t="s">
        <v>42</v>
      </c>
      <c r="U937" s="2">
        <v>2.2370000000000001</v>
      </c>
      <c r="V937" s="2">
        <v>1.6539999999999999</v>
      </c>
      <c r="W937" s="2">
        <v>1.7999999999999999E-2</v>
      </c>
      <c r="X937" s="2">
        <v>139.1</v>
      </c>
      <c r="Y937" s="2">
        <v>7.6</v>
      </c>
      <c r="Z937" s="2">
        <v>16.7</v>
      </c>
      <c r="AA937" s="5"/>
      <c r="AB937" s="5" t="s">
        <v>43</v>
      </c>
      <c r="AC937" s="5" t="s">
        <v>44</v>
      </c>
      <c r="AD937" s="2"/>
      <c r="AE937" s="1"/>
    </row>
    <row r="938" spans="1:31" ht="14.45">
      <c r="A938" s="11"/>
      <c r="B938" s="20"/>
      <c r="C938" s="2" t="s">
        <v>3235</v>
      </c>
      <c r="D938" s="14" t="s">
        <v>3236</v>
      </c>
      <c r="E938" s="2" t="s">
        <v>3237</v>
      </c>
      <c r="F938" s="2" t="s">
        <v>1973</v>
      </c>
      <c r="G938" s="8">
        <v>170</v>
      </c>
      <c r="H938" s="5">
        <v>13</v>
      </c>
      <c r="I938" s="5" t="s">
        <v>1518</v>
      </c>
      <c r="J938" s="5" t="s">
        <v>1519</v>
      </c>
      <c r="K938" s="2" t="s">
        <v>1520</v>
      </c>
      <c r="L938" s="5" t="s">
        <v>1519</v>
      </c>
      <c r="M938" s="2" t="s">
        <v>1520</v>
      </c>
      <c r="N938" s="5" t="s">
        <v>1521</v>
      </c>
      <c r="O938" s="5" t="s">
        <v>38</v>
      </c>
      <c r="P938" s="5" t="s">
        <v>39</v>
      </c>
      <c r="Q938" s="5" t="s">
        <v>40</v>
      </c>
      <c r="R938" s="5" t="s">
        <v>1522</v>
      </c>
      <c r="S938" s="5" t="s">
        <v>1523</v>
      </c>
      <c r="T938" s="5" t="s">
        <v>42</v>
      </c>
      <c r="U938" s="2">
        <v>2.21</v>
      </c>
      <c r="V938" s="2">
        <v>1.627</v>
      </c>
      <c r="W938" s="2">
        <v>1.7999999999999999E-2</v>
      </c>
      <c r="X938" s="2">
        <v>139.1</v>
      </c>
      <c r="Y938" s="2">
        <v>7.6</v>
      </c>
      <c r="Z938" s="2">
        <v>16.7</v>
      </c>
      <c r="AA938" s="5"/>
      <c r="AB938" s="5" t="s">
        <v>43</v>
      </c>
      <c r="AC938" s="5" t="s">
        <v>44</v>
      </c>
      <c r="AD938" s="2"/>
      <c r="AE938" s="1"/>
    </row>
    <row r="939" spans="1:31" ht="14.45">
      <c r="A939" s="11"/>
      <c r="B939" s="20"/>
      <c r="C939" s="2" t="s">
        <v>3238</v>
      </c>
      <c r="D939" s="14" t="s">
        <v>3239</v>
      </c>
      <c r="E939" s="2" t="s">
        <v>3240</v>
      </c>
      <c r="F939" s="2" t="s">
        <v>2724</v>
      </c>
      <c r="G939" s="8">
        <v>170</v>
      </c>
      <c r="H939" s="5">
        <v>13</v>
      </c>
      <c r="I939" s="5" t="s">
        <v>1518</v>
      </c>
      <c r="J939" s="5" t="s">
        <v>1519</v>
      </c>
      <c r="K939" s="2" t="s">
        <v>1520</v>
      </c>
      <c r="L939" s="5" t="s">
        <v>1519</v>
      </c>
      <c r="M939" s="2" t="s">
        <v>1520</v>
      </c>
      <c r="N939" s="5" t="s">
        <v>1521</v>
      </c>
      <c r="O939" s="5" t="s">
        <v>38</v>
      </c>
      <c r="P939" s="5" t="s">
        <v>39</v>
      </c>
      <c r="Q939" s="5" t="s">
        <v>40</v>
      </c>
      <c r="R939" s="5" t="s">
        <v>1522</v>
      </c>
      <c r="S939" s="5" t="s">
        <v>1523</v>
      </c>
      <c r="T939" s="5" t="s">
        <v>42</v>
      </c>
      <c r="U939" s="2">
        <v>2.254</v>
      </c>
      <c r="V939" s="2">
        <v>1.671</v>
      </c>
      <c r="W939" s="2">
        <v>1.7999999999999999E-2</v>
      </c>
      <c r="X939" s="2">
        <v>139.1</v>
      </c>
      <c r="Y939" s="2">
        <v>7.6</v>
      </c>
      <c r="Z939" s="2">
        <v>16.7</v>
      </c>
      <c r="AA939" s="5"/>
      <c r="AB939" s="5" t="s">
        <v>43</v>
      </c>
      <c r="AC939" s="5" t="s">
        <v>44</v>
      </c>
      <c r="AD939" s="2"/>
      <c r="AE939" s="1"/>
    </row>
    <row r="940" spans="1:31" ht="14.45">
      <c r="A940" s="11"/>
      <c r="B940" s="20"/>
      <c r="C940" s="2" t="s">
        <v>3241</v>
      </c>
      <c r="D940" s="14" t="s">
        <v>3242</v>
      </c>
      <c r="E940" s="2" t="s">
        <v>3243</v>
      </c>
      <c r="F940" s="2" t="s">
        <v>2208</v>
      </c>
      <c r="G940" s="8">
        <v>170</v>
      </c>
      <c r="H940" s="5">
        <v>13</v>
      </c>
      <c r="I940" s="5" t="s">
        <v>1518</v>
      </c>
      <c r="J940" s="5" t="s">
        <v>1519</v>
      </c>
      <c r="K940" s="2" t="s">
        <v>1520</v>
      </c>
      <c r="L940" s="5" t="s">
        <v>1519</v>
      </c>
      <c r="M940" s="2" t="s">
        <v>1520</v>
      </c>
      <c r="N940" s="5" t="s">
        <v>1521</v>
      </c>
      <c r="O940" s="5" t="s">
        <v>38</v>
      </c>
      <c r="P940" s="5" t="s">
        <v>39</v>
      </c>
      <c r="Q940" s="5" t="s">
        <v>40</v>
      </c>
      <c r="R940" s="5" t="s">
        <v>1522</v>
      </c>
      <c r="S940" s="5" t="s">
        <v>1523</v>
      </c>
      <c r="T940" s="5" t="s">
        <v>42</v>
      </c>
      <c r="U940" s="2">
        <v>2.21</v>
      </c>
      <c r="V940" s="2">
        <v>1.627</v>
      </c>
      <c r="W940" s="2">
        <v>1.7999999999999999E-2</v>
      </c>
      <c r="X940" s="2">
        <v>139.1</v>
      </c>
      <c r="Y940" s="2">
        <v>7.6</v>
      </c>
      <c r="Z940" s="2">
        <v>16.7</v>
      </c>
      <c r="AA940" s="5"/>
      <c r="AB940" s="5" t="s">
        <v>43</v>
      </c>
      <c r="AC940" s="5" t="s">
        <v>44</v>
      </c>
      <c r="AD940" s="2"/>
      <c r="AE940" s="1"/>
    </row>
    <row r="941" spans="1:31" ht="14.45">
      <c r="A941" s="11"/>
      <c r="B941" s="20"/>
      <c r="C941" s="2" t="s">
        <v>3244</v>
      </c>
      <c r="D941" s="14" t="s">
        <v>3245</v>
      </c>
      <c r="E941" s="2" t="s">
        <v>3246</v>
      </c>
      <c r="F941" s="2" t="s">
        <v>2212</v>
      </c>
      <c r="G941" s="8">
        <v>170</v>
      </c>
      <c r="H941" s="5">
        <v>13</v>
      </c>
      <c r="I941" s="5" t="s">
        <v>1518</v>
      </c>
      <c r="J941" s="5" t="s">
        <v>1519</v>
      </c>
      <c r="K941" s="2" t="s">
        <v>1520</v>
      </c>
      <c r="L941" s="5" t="s">
        <v>1519</v>
      </c>
      <c r="M941" s="2" t="s">
        <v>1520</v>
      </c>
      <c r="N941" s="5" t="s">
        <v>1521</v>
      </c>
      <c r="O941" s="5" t="s">
        <v>38</v>
      </c>
      <c r="P941" s="5" t="s">
        <v>39</v>
      </c>
      <c r="Q941" s="5" t="s">
        <v>40</v>
      </c>
      <c r="R941" s="5" t="s">
        <v>1522</v>
      </c>
      <c r="S941" s="5" t="s">
        <v>1523</v>
      </c>
      <c r="T941" s="5" t="s">
        <v>42</v>
      </c>
      <c r="U941" s="2">
        <v>2.254</v>
      </c>
      <c r="V941" s="2">
        <v>1.671</v>
      </c>
      <c r="W941" s="2">
        <v>1.7999999999999999E-2</v>
      </c>
      <c r="X941" s="2">
        <v>139.1</v>
      </c>
      <c r="Y941" s="2">
        <v>7.6</v>
      </c>
      <c r="Z941" s="2">
        <v>16.7</v>
      </c>
      <c r="AA941" s="5"/>
      <c r="AB941" s="5" t="s">
        <v>43</v>
      </c>
      <c r="AC941" s="5" t="s">
        <v>44</v>
      </c>
      <c r="AD941" s="2"/>
      <c r="AE941" s="1"/>
    </row>
    <row r="942" spans="1:31" ht="14.45">
      <c r="A942" s="11"/>
      <c r="B942" s="20"/>
      <c r="C942" s="2" t="s">
        <v>3247</v>
      </c>
      <c r="D942" s="14" t="s">
        <v>3248</v>
      </c>
      <c r="E942" s="2" t="s">
        <v>3249</v>
      </c>
      <c r="F942" s="2" t="s">
        <v>1831</v>
      </c>
      <c r="G942" s="8">
        <v>170</v>
      </c>
      <c r="H942" s="5">
        <v>13</v>
      </c>
      <c r="I942" s="5" t="s">
        <v>1518</v>
      </c>
      <c r="J942" s="5" t="s">
        <v>1519</v>
      </c>
      <c r="K942" s="2" t="s">
        <v>1520</v>
      </c>
      <c r="L942" s="5" t="s">
        <v>1519</v>
      </c>
      <c r="M942" s="2" t="s">
        <v>1520</v>
      </c>
      <c r="N942" s="5" t="s">
        <v>1521</v>
      </c>
      <c r="O942" s="5" t="s">
        <v>38</v>
      </c>
      <c r="P942" s="5" t="s">
        <v>39</v>
      </c>
      <c r="Q942" s="5" t="s">
        <v>40</v>
      </c>
      <c r="R942" s="5" t="s">
        <v>1522</v>
      </c>
      <c r="S942" s="5" t="s">
        <v>1523</v>
      </c>
      <c r="T942" s="5" t="s">
        <v>42</v>
      </c>
      <c r="U942" s="2">
        <v>2.21</v>
      </c>
      <c r="V942" s="2">
        <v>1.627</v>
      </c>
      <c r="W942" s="2">
        <v>1.7999999999999999E-2</v>
      </c>
      <c r="X942" s="2">
        <v>139.1</v>
      </c>
      <c r="Y942" s="2">
        <v>7.6</v>
      </c>
      <c r="Z942" s="2">
        <v>16.7</v>
      </c>
      <c r="AA942" s="5"/>
      <c r="AB942" s="5" t="s">
        <v>43</v>
      </c>
      <c r="AC942" s="5" t="s">
        <v>44</v>
      </c>
      <c r="AD942" s="2"/>
      <c r="AE942" s="1"/>
    </row>
    <row r="943" spans="1:31" ht="14.45">
      <c r="A943" s="11"/>
      <c r="B943" s="20"/>
      <c r="C943" s="2" t="s">
        <v>3250</v>
      </c>
      <c r="D943" s="14" t="s">
        <v>3251</v>
      </c>
      <c r="E943" s="2" t="s">
        <v>3252</v>
      </c>
      <c r="F943" s="2" t="s">
        <v>1835</v>
      </c>
      <c r="G943" s="8">
        <v>170</v>
      </c>
      <c r="H943" s="5">
        <v>13</v>
      </c>
      <c r="I943" s="5" t="s">
        <v>1518</v>
      </c>
      <c r="J943" s="5" t="s">
        <v>1519</v>
      </c>
      <c r="K943" s="2" t="s">
        <v>1520</v>
      </c>
      <c r="L943" s="5" t="s">
        <v>1519</v>
      </c>
      <c r="M943" s="2" t="s">
        <v>1520</v>
      </c>
      <c r="N943" s="5" t="s">
        <v>1521</v>
      </c>
      <c r="O943" s="5" t="s">
        <v>38</v>
      </c>
      <c r="P943" s="5" t="s">
        <v>39</v>
      </c>
      <c r="Q943" s="5" t="s">
        <v>40</v>
      </c>
      <c r="R943" s="5" t="s">
        <v>1522</v>
      </c>
      <c r="S943" s="5" t="s">
        <v>1523</v>
      </c>
      <c r="T943" s="5" t="s">
        <v>42</v>
      </c>
      <c r="U943" s="2">
        <v>2.254</v>
      </c>
      <c r="V943" s="2">
        <v>1.671</v>
      </c>
      <c r="W943" s="2">
        <v>1.7999999999999999E-2</v>
      </c>
      <c r="X943" s="2">
        <v>139.1</v>
      </c>
      <c r="Y943" s="2">
        <v>7.6</v>
      </c>
      <c r="Z943" s="2">
        <v>16.7</v>
      </c>
      <c r="AA943" s="5"/>
      <c r="AB943" s="5" t="s">
        <v>43</v>
      </c>
      <c r="AC943" s="5" t="s">
        <v>44</v>
      </c>
      <c r="AD943" s="2"/>
      <c r="AE943" s="1"/>
    </row>
    <row r="944" spans="1:31" ht="14.45">
      <c r="A944" s="11"/>
      <c r="B944" s="20"/>
      <c r="C944" s="2" t="s">
        <v>3253</v>
      </c>
      <c r="D944" s="14" t="s">
        <v>3254</v>
      </c>
      <c r="E944" s="2" t="s">
        <v>3255</v>
      </c>
      <c r="F944" s="2" t="s">
        <v>1839</v>
      </c>
      <c r="G944" s="8">
        <v>170</v>
      </c>
      <c r="H944" s="5">
        <v>13</v>
      </c>
      <c r="I944" s="5" t="s">
        <v>1518</v>
      </c>
      <c r="J944" s="5" t="s">
        <v>1519</v>
      </c>
      <c r="K944" s="2" t="s">
        <v>1520</v>
      </c>
      <c r="L944" s="5" t="s">
        <v>1519</v>
      </c>
      <c r="M944" s="2" t="s">
        <v>1520</v>
      </c>
      <c r="N944" s="5" t="s">
        <v>1521</v>
      </c>
      <c r="O944" s="5" t="s">
        <v>38</v>
      </c>
      <c r="P944" s="5" t="s">
        <v>39</v>
      </c>
      <c r="Q944" s="5" t="s">
        <v>40</v>
      </c>
      <c r="R944" s="5" t="s">
        <v>1522</v>
      </c>
      <c r="S944" s="5" t="s">
        <v>1523</v>
      </c>
      <c r="T944" s="5" t="s">
        <v>42</v>
      </c>
      <c r="U944" s="2">
        <v>2.21</v>
      </c>
      <c r="V944" s="2">
        <v>1.627</v>
      </c>
      <c r="W944" s="2">
        <v>1.7999999999999999E-2</v>
      </c>
      <c r="X944" s="2">
        <v>139.1</v>
      </c>
      <c r="Y944" s="2">
        <v>7.6</v>
      </c>
      <c r="Z944" s="2">
        <v>16.7</v>
      </c>
      <c r="AA944" s="5"/>
      <c r="AB944" s="5" t="s">
        <v>43</v>
      </c>
      <c r="AC944" s="5" t="s">
        <v>44</v>
      </c>
      <c r="AD944" s="2"/>
      <c r="AE944" s="1"/>
    </row>
    <row r="945" spans="1:31" ht="14.45">
      <c r="A945" s="11"/>
      <c r="B945" s="20"/>
      <c r="C945" s="2" t="s">
        <v>3256</v>
      </c>
      <c r="D945" s="14" t="s">
        <v>3257</v>
      </c>
      <c r="E945" s="2" t="s">
        <v>3258</v>
      </c>
      <c r="F945" s="2" t="s">
        <v>1986</v>
      </c>
      <c r="G945" s="8">
        <v>170</v>
      </c>
      <c r="H945" s="5">
        <v>13</v>
      </c>
      <c r="I945" s="5" t="s">
        <v>1518</v>
      </c>
      <c r="J945" s="5" t="s">
        <v>1519</v>
      </c>
      <c r="K945" s="2" t="s">
        <v>1520</v>
      </c>
      <c r="L945" s="5" t="s">
        <v>1519</v>
      </c>
      <c r="M945" s="2" t="s">
        <v>1520</v>
      </c>
      <c r="N945" s="5" t="s">
        <v>1521</v>
      </c>
      <c r="O945" s="5" t="s">
        <v>38</v>
      </c>
      <c r="P945" s="5" t="s">
        <v>39</v>
      </c>
      <c r="Q945" s="5" t="s">
        <v>40</v>
      </c>
      <c r="R945" s="5" t="s">
        <v>1522</v>
      </c>
      <c r="S945" s="5" t="s">
        <v>1523</v>
      </c>
      <c r="T945" s="5" t="s">
        <v>42</v>
      </c>
      <c r="U945" s="2">
        <v>2.254</v>
      </c>
      <c r="V945" s="2">
        <v>1.671</v>
      </c>
      <c r="W945" s="2">
        <v>1.7999999999999999E-2</v>
      </c>
      <c r="X945" s="2">
        <v>139.1</v>
      </c>
      <c r="Y945" s="2">
        <v>7.6</v>
      </c>
      <c r="Z945" s="2">
        <v>16.7</v>
      </c>
      <c r="AA945" s="5"/>
      <c r="AB945" s="5" t="s">
        <v>43</v>
      </c>
      <c r="AC945" s="5" t="s">
        <v>44</v>
      </c>
      <c r="AD945" s="2"/>
      <c r="AE945" s="1"/>
    </row>
    <row r="946" spans="1:31" ht="14.45">
      <c r="A946" s="11"/>
      <c r="B946" s="20"/>
      <c r="C946" s="2" t="s">
        <v>3259</v>
      </c>
      <c r="D946" s="14" t="s">
        <v>3260</v>
      </c>
      <c r="E946" s="2" t="s">
        <v>3261</v>
      </c>
      <c r="F946" s="2" t="s">
        <v>1847</v>
      </c>
      <c r="G946" s="8">
        <v>170</v>
      </c>
      <c r="H946" s="5">
        <v>13</v>
      </c>
      <c r="I946" s="5" t="s">
        <v>1518</v>
      </c>
      <c r="J946" s="5" t="s">
        <v>1519</v>
      </c>
      <c r="K946" s="2" t="s">
        <v>1520</v>
      </c>
      <c r="L946" s="5" t="s">
        <v>1519</v>
      </c>
      <c r="M946" s="2" t="s">
        <v>1520</v>
      </c>
      <c r="N946" s="5" t="s">
        <v>1521</v>
      </c>
      <c r="O946" s="5" t="s">
        <v>38</v>
      </c>
      <c r="P946" s="5" t="s">
        <v>39</v>
      </c>
      <c r="Q946" s="5" t="s">
        <v>40</v>
      </c>
      <c r="R946" s="5" t="s">
        <v>1522</v>
      </c>
      <c r="S946" s="5" t="s">
        <v>1523</v>
      </c>
      <c r="T946" s="5" t="s">
        <v>42</v>
      </c>
      <c r="U946" s="2">
        <v>2.254</v>
      </c>
      <c r="V946" s="2">
        <v>1.671</v>
      </c>
      <c r="W946" s="2">
        <v>1.7999999999999999E-2</v>
      </c>
      <c r="X946" s="2">
        <v>139.1</v>
      </c>
      <c r="Y946" s="2">
        <v>7.6</v>
      </c>
      <c r="Z946" s="2">
        <v>16.7</v>
      </c>
      <c r="AA946" s="5"/>
      <c r="AB946" s="5" t="s">
        <v>43</v>
      </c>
      <c r="AC946" s="5" t="s">
        <v>44</v>
      </c>
      <c r="AD946" s="2"/>
      <c r="AE946" s="1"/>
    </row>
    <row r="947" spans="1:31" ht="14.45">
      <c r="A947" s="11"/>
      <c r="B947" s="20"/>
      <c r="C947" s="2" t="s">
        <v>3262</v>
      </c>
      <c r="D947" s="14" t="s">
        <v>3263</v>
      </c>
      <c r="E947" s="2" t="s">
        <v>3264</v>
      </c>
      <c r="F947" s="2" t="s">
        <v>1851</v>
      </c>
      <c r="G947" s="8">
        <v>170</v>
      </c>
      <c r="H947" s="5">
        <v>13</v>
      </c>
      <c r="I947" s="5" t="s">
        <v>1518</v>
      </c>
      <c r="J947" s="5" t="s">
        <v>1519</v>
      </c>
      <c r="K947" s="2" t="s">
        <v>1520</v>
      </c>
      <c r="L947" s="5" t="s">
        <v>1519</v>
      </c>
      <c r="M947" s="2" t="s">
        <v>1520</v>
      </c>
      <c r="N947" s="5" t="s">
        <v>1521</v>
      </c>
      <c r="O947" s="5" t="s">
        <v>38</v>
      </c>
      <c r="P947" s="5" t="s">
        <v>39</v>
      </c>
      <c r="Q947" s="5" t="s">
        <v>40</v>
      </c>
      <c r="R947" s="5" t="s">
        <v>1522</v>
      </c>
      <c r="S947" s="5" t="s">
        <v>1523</v>
      </c>
      <c r="T947" s="5" t="s">
        <v>42</v>
      </c>
      <c r="U947" s="2">
        <v>2.21</v>
      </c>
      <c r="V947" s="2">
        <v>1.627</v>
      </c>
      <c r="W947" s="2">
        <v>1.7999999999999999E-2</v>
      </c>
      <c r="X947" s="2">
        <v>139.1</v>
      </c>
      <c r="Y947" s="2">
        <v>7.6</v>
      </c>
      <c r="Z947" s="2">
        <v>16.7</v>
      </c>
      <c r="AA947" s="5"/>
      <c r="AB947" s="5" t="s">
        <v>43</v>
      </c>
      <c r="AC947" s="5" t="s">
        <v>44</v>
      </c>
      <c r="AD947" s="2"/>
      <c r="AE947" s="1"/>
    </row>
    <row r="948" spans="1:31" ht="14.45">
      <c r="A948" s="11"/>
      <c r="B948" s="20"/>
      <c r="C948" s="2" t="s">
        <v>3265</v>
      </c>
      <c r="D948" s="14" t="s">
        <v>3266</v>
      </c>
      <c r="E948" s="2" t="s">
        <v>3267</v>
      </c>
      <c r="F948" s="2" t="s">
        <v>1999</v>
      </c>
      <c r="G948" s="8">
        <v>170</v>
      </c>
      <c r="H948" s="5">
        <v>13</v>
      </c>
      <c r="I948" s="5" t="s">
        <v>1518</v>
      </c>
      <c r="J948" s="5" t="s">
        <v>1519</v>
      </c>
      <c r="K948" s="2" t="s">
        <v>1520</v>
      </c>
      <c r="L948" s="5" t="s">
        <v>1519</v>
      </c>
      <c r="M948" s="2" t="s">
        <v>1520</v>
      </c>
      <c r="N948" s="5" t="s">
        <v>1521</v>
      </c>
      <c r="O948" s="5" t="s">
        <v>38</v>
      </c>
      <c r="P948" s="5" t="s">
        <v>39</v>
      </c>
      <c r="Q948" s="5" t="s">
        <v>40</v>
      </c>
      <c r="R948" s="5" t="s">
        <v>1522</v>
      </c>
      <c r="S948" s="5" t="s">
        <v>1523</v>
      </c>
      <c r="T948" s="5" t="s">
        <v>42</v>
      </c>
      <c r="U948" s="2">
        <v>2.254</v>
      </c>
      <c r="V948" s="2">
        <v>1.671</v>
      </c>
      <c r="W948" s="2">
        <v>1.7999999999999999E-2</v>
      </c>
      <c r="X948" s="2">
        <v>139.1</v>
      </c>
      <c r="Y948" s="2">
        <v>7.6</v>
      </c>
      <c r="Z948" s="2">
        <v>16.7</v>
      </c>
      <c r="AA948" s="5"/>
      <c r="AB948" s="5" t="s">
        <v>43</v>
      </c>
      <c r="AC948" s="5" t="s">
        <v>44</v>
      </c>
      <c r="AD948" s="2"/>
      <c r="AE948" s="1"/>
    </row>
    <row r="949" spans="1:31" ht="14.45">
      <c r="A949" s="11"/>
      <c r="B949" s="20"/>
      <c r="C949" s="2" t="s">
        <v>3268</v>
      </c>
      <c r="D949" s="14" t="s">
        <v>3269</v>
      </c>
      <c r="E949" s="2" t="s">
        <v>3270</v>
      </c>
      <c r="F949" s="2" t="s">
        <v>1855</v>
      </c>
      <c r="G949" s="8">
        <v>170</v>
      </c>
      <c r="H949" s="5">
        <v>13</v>
      </c>
      <c r="I949" s="5" t="s">
        <v>1518</v>
      </c>
      <c r="J949" s="5" t="s">
        <v>1519</v>
      </c>
      <c r="K949" s="2" t="s">
        <v>1520</v>
      </c>
      <c r="L949" s="5" t="s">
        <v>1519</v>
      </c>
      <c r="M949" s="2" t="s">
        <v>1520</v>
      </c>
      <c r="N949" s="5" t="s">
        <v>1521</v>
      </c>
      <c r="O949" s="5" t="s">
        <v>38</v>
      </c>
      <c r="P949" s="5" t="s">
        <v>39</v>
      </c>
      <c r="Q949" s="5" t="s">
        <v>40</v>
      </c>
      <c r="R949" s="5" t="s">
        <v>1522</v>
      </c>
      <c r="S949" s="5" t="s">
        <v>1523</v>
      </c>
      <c r="T949" s="5" t="s">
        <v>42</v>
      </c>
      <c r="U949" s="2">
        <v>2.21</v>
      </c>
      <c r="V949" s="2">
        <v>1.627</v>
      </c>
      <c r="W949" s="2">
        <v>1.7999999999999999E-2</v>
      </c>
      <c r="X949" s="2">
        <v>139.1</v>
      </c>
      <c r="Y949" s="2">
        <v>7.6</v>
      </c>
      <c r="Z949" s="2">
        <v>16.7</v>
      </c>
      <c r="AA949" s="5"/>
      <c r="AB949" s="5" t="s">
        <v>43</v>
      </c>
      <c r="AC949" s="5" t="s">
        <v>44</v>
      </c>
      <c r="AD949" s="2"/>
      <c r="AE949" s="1"/>
    </row>
    <row r="950" spans="1:31" ht="14.45">
      <c r="A950" s="11"/>
      <c r="B950" s="20"/>
      <c r="C950" s="2" t="s">
        <v>3271</v>
      </c>
      <c r="D950" s="14" t="s">
        <v>3272</v>
      </c>
      <c r="E950" s="2" t="s">
        <v>3273</v>
      </c>
      <c r="F950" s="2" t="s">
        <v>1859</v>
      </c>
      <c r="G950" s="8">
        <v>170</v>
      </c>
      <c r="H950" s="5">
        <v>13</v>
      </c>
      <c r="I950" s="5" t="s">
        <v>1518</v>
      </c>
      <c r="J950" s="5" t="s">
        <v>1519</v>
      </c>
      <c r="K950" s="2" t="s">
        <v>1520</v>
      </c>
      <c r="L950" s="5" t="s">
        <v>1519</v>
      </c>
      <c r="M950" s="2" t="s">
        <v>1520</v>
      </c>
      <c r="N950" s="5" t="s">
        <v>1521</v>
      </c>
      <c r="O950" s="5" t="s">
        <v>38</v>
      </c>
      <c r="P950" s="5" t="s">
        <v>39</v>
      </c>
      <c r="Q950" s="5" t="s">
        <v>40</v>
      </c>
      <c r="R950" s="5" t="s">
        <v>1522</v>
      </c>
      <c r="S950" s="5" t="s">
        <v>1523</v>
      </c>
      <c r="T950" s="5" t="s">
        <v>42</v>
      </c>
      <c r="U950" s="2">
        <v>2.254</v>
      </c>
      <c r="V950" s="2">
        <v>1.671</v>
      </c>
      <c r="W950" s="2">
        <v>1.7999999999999999E-2</v>
      </c>
      <c r="X950" s="2">
        <v>139.1</v>
      </c>
      <c r="Y950" s="2">
        <v>7.6</v>
      </c>
      <c r="Z950" s="2">
        <v>16.7</v>
      </c>
      <c r="AA950" s="5"/>
      <c r="AB950" s="5" t="s">
        <v>43</v>
      </c>
      <c r="AC950" s="5" t="s">
        <v>44</v>
      </c>
      <c r="AD950" s="2"/>
      <c r="AE950" s="1"/>
    </row>
    <row r="951" spans="1:31" ht="14.45">
      <c r="A951" s="11"/>
      <c r="B951" s="20"/>
      <c r="C951" s="2" t="s">
        <v>3274</v>
      </c>
      <c r="D951" s="14" t="s">
        <v>3275</v>
      </c>
      <c r="E951" s="2" t="s">
        <v>3276</v>
      </c>
      <c r="F951" s="2" t="s">
        <v>1863</v>
      </c>
      <c r="G951" s="8">
        <v>170</v>
      </c>
      <c r="H951" s="5">
        <v>11</v>
      </c>
      <c r="I951" s="5" t="s">
        <v>1518</v>
      </c>
      <c r="J951" s="5" t="s">
        <v>1519</v>
      </c>
      <c r="K951" s="2" t="s">
        <v>1520</v>
      </c>
      <c r="L951" s="5" t="s">
        <v>1519</v>
      </c>
      <c r="M951" s="2" t="s">
        <v>1520</v>
      </c>
      <c r="N951" s="5" t="s">
        <v>1521</v>
      </c>
      <c r="O951" s="5" t="s">
        <v>38</v>
      </c>
      <c r="P951" s="5" t="s">
        <v>39</v>
      </c>
      <c r="Q951" s="5" t="s">
        <v>40</v>
      </c>
      <c r="R951" s="5" t="s">
        <v>1522</v>
      </c>
      <c r="S951" s="5" t="s">
        <v>1523</v>
      </c>
      <c r="T951" s="5" t="s">
        <v>42</v>
      </c>
      <c r="U951" s="2">
        <v>2.1640000000000001</v>
      </c>
      <c r="V951" s="2">
        <v>1.581</v>
      </c>
      <c r="W951" s="2">
        <v>1.7999999999999999E-2</v>
      </c>
      <c r="X951" s="2">
        <v>139.1</v>
      </c>
      <c r="Y951" s="2">
        <v>7.6</v>
      </c>
      <c r="Z951" s="2">
        <v>16.7</v>
      </c>
      <c r="AA951" s="5"/>
      <c r="AB951" s="5" t="s">
        <v>43</v>
      </c>
      <c r="AC951" s="5" t="s">
        <v>44</v>
      </c>
      <c r="AD951" s="2"/>
      <c r="AE951" s="1"/>
    </row>
    <row r="952" spans="1:31" ht="14.45">
      <c r="A952" s="11"/>
      <c r="B952" s="20"/>
      <c r="C952" s="2" t="s">
        <v>3277</v>
      </c>
      <c r="D952" s="14" t="s">
        <v>3278</v>
      </c>
      <c r="E952" s="2" t="s">
        <v>3279</v>
      </c>
      <c r="F952" s="2" t="s">
        <v>1867</v>
      </c>
      <c r="G952" s="8">
        <v>170</v>
      </c>
      <c r="H952" s="5">
        <v>11</v>
      </c>
      <c r="I952" s="5" t="s">
        <v>1518</v>
      </c>
      <c r="J952" s="5" t="s">
        <v>1519</v>
      </c>
      <c r="K952" s="2" t="s">
        <v>1520</v>
      </c>
      <c r="L952" s="5" t="s">
        <v>1519</v>
      </c>
      <c r="M952" s="2" t="s">
        <v>1520</v>
      </c>
      <c r="N952" s="5" t="s">
        <v>1521</v>
      </c>
      <c r="O952" s="5" t="s">
        <v>38</v>
      </c>
      <c r="P952" s="5" t="s">
        <v>39</v>
      </c>
      <c r="Q952" s="5" t="s">
        <v>40</v>
      </c>
      <c r="R952" s="5" t="s">
        <v>1522</v>
      </c>
      <c r="S952" s="5" t="s">
        <v>1523</v>
      </c>
      <c r="T952" s="5" t="s">
        <v>42</v>
      </c>
      <c r="U952" s="2">
        <v>2.2080000000000002</v>
      </c>
      <c r="V952" s="2">
        <v>1.625</v>
      </c>
      <c r="W952" s="2">
        <v>1.7999999999999999E-2</v>
      </c>
      <c r="X952" s="2">
        <v>139.1</v>
      </c>
      <c r="Y952" s="2">
        <v>7.6</v>
      </c>
      <c r="Z952" s="2">
        <v>16.7</v>
      </c>
      <c r="AA952" s="5"/>
      <c r="AB952" s="5" t="s">
        <v>43</v>
      </c>
      <c r="AC952" s="5" t="s">
        <v>44</v>
      </c>
      <c r="AD952" s="2"/>
      <c r="AE952" s="1"/>
    </row>
    <row r="953" spans="1:31" ht="14.45">
      <c r="A953" s="11"/>
      <c r="B953" s="20"/>
      <c r="C953" s="2" t="s">
        <v>3280</v>
      </c>
      <c r="D953" s="14" t="s">
        <v>3281</v>
      </c>
      <c r="E953" s="2" t="s">
        <v>3282</v>
      </c>
      <c r="F953" s="2" t="s">
        <v>1695</v>
      </c>
      <c r="G953" s="8">
        <v>136</v>
      </c>
      <c r="H953" s="5">
        <v>5</v>
      </c>
      <c r="I953" s="5" t="s">
        <v>1518</v>
      </c>
      <c r="J953" s="5" t="s">
        <v>1519</v>
      </c>
      <c r="K953" s="2" t="s">
        <v>1520</v>
      </c>
      <c r="L953" s="5" t="s">
        <v>1519</v>
      </c>
      <c r="M953" s="2" t="s">
        <v>1520</v>
      </c>
      <c r="N953" s="5" t="s">
        <v>1521</v>
      </c>
      <c r="O953" s="5" t="s">
        <v>38</v>
      </c>
      <c r="P953" s="5" t="s">
        <v>39</v>
      </c>
      <c r="Q953" s="5" t="s">
        <v>40</v>
      </c>
      <c r="R953" s="5" t="s">
        <v>1522</v>
      </c>
      <c r="S953" s="5" t="s">
        <v>1523</v>
      </c>
      <c r="T953" s="5" t="s">
        <v>42</v>
      </c>
      <c r="U953" s="2">
        <v>1.925</v>
      </c>
      <c r="V953" s="2">
        <v>1.516</v>
      </c>
      <c r="W953" s="2">
        <v>1.0999999999999999E-2</v>
      </c>
      <c r="X953" s="2">
        <v>82.9</v>
      </c>
      <c r="Y953" s="2">
        <v>7.6</v>
      </c>
      <c r="Z953" s="2">
        <v>16.7</v>
      </c>
      <c r="AA953" s="5"/>
      <c r="AB953" s="5" t="s">
        <v>43</v>
      </c>
      <c r="AC953" s="5" t="s">
        <v>44</v>
      </c>
      <c r="AD953" s="2"/>
      <c r="AE953" s="1"/>
    </row>
    <row r="954" spans="1:31" ht="14.45">
      <c r="A954" s="11"/>
      <c r="B954" s="20"/>
      <c r="C954" s="2" t="s">
        <v>3283</v>
      </c>
      <c r="D954" s="14" t="s">
        <v>3284</v>
      </c>
      <c r="E954" s="2" t="s">
        <v>3285</v>
      </c>
      <c r="F954" s="2" t="s">
        <v>1699</v>
      </c>
      <c r="G954" s="8">
        <v>136</v>
      </c>
      <c r="H954" s="5">
        <v>6</v>
      </c>
      <c r="I954" s="5" t="s">
        <v>1518</v>
      </c>
      <c r="J954" s="5" t="s">
        <v>1519</v>
      </c>
      <c r="K954" s="2" t="s">
        <v>1520</v>
      </c>
      <c r="L954" s="5" t="s">
        <v>1519</v>
      </c>
      <c r="M954" s="2" t="s">
        <v>1520</v>
      </c>
      <c r="N954" s="5" t="s">
        <v>1521</v>
      </c>
      <c r="O954" s="5" t="s">
        <v>38</v>
      </c>
      <c r="P954" s="5" t="s">
        <v>39</v>
      </c>
      <c r="Q954" s="5" t="s">
        <v>40</v>
      </c>
      <c r="R954" s="5" t="s">
        <v>1522</v>
      </c>
      <c r="S954" s="5" t="s">
        <v>1523</v>
      </c>
      <c r="T954" s="5" t="s">
        <v>42</v>
      </c>
      <c r="U954" s="2">
        <v>1.962</v>
      </c>
      <c r="V954" s="2">
        <v>1.5529999999999999</v>
      </c>
      <c r="W954" s="2">
        <v>1.0999999999999999E-2</v>
      </c>
      <c r="X954" s="2">
        <v>82.9</v>
      </c>
      <c r="Y954" s="2">
        <v>7.6</v>
      </c>
      <c r="Z954" s="2">
        <v>16.7</v>
      </c>
      <c r="AA954" s="5"/>
      <c r="AB954" s="5" t="s">
        <v>43</v>
      </c>
      <c r="AC954" s="5" t="s">
        <v>44</v>
      </c>
      <c r="AD954" s="2"/>
      <c r="AE954" s="1"/>
    </row>
    <row r="955" spans="1:31" ht="14.45">
      <c r="A955" s="11"/>
      <c r="B955" s="20"/>
      <c r="C955" s="2" t="s">
        <v>3286</v>
      </c>
      <c r="D955" s="14" t="s">
        <v>3287</v>
      </c>
      <c r="E955" s="2" t="s">
        <v>3288</v>
      </c>
      <c r="F955" s="2" t="s">
        <v>1703</v>
      </c>
      <c r="G955" s="8">
        <v>136</v>
      </c>
      <c r="H955" s="5">
        <v>5</v>
      </c>
      <c r="I955" s="5" t="s">
        <v>1518</v>
      </c>
      <c r="J955" s="5" t="s">
        <v>1519</v>
      </c>
      <c r="K955" s="2" t="s">
        <v>1520</v>
      </c>
      <c r="L955" s="5" t="s">
        <v>1519</v>
      </c>
      <c r="M955" s="2" t="s">
        <v>1520</v>
      </c>
      <c r="N955" s="5" t="s">
        <v>1521</v>
      </c>
      <c r="O955" s="5" t="s">
        <v>38</v>
      </c>
      <c r="P955" s="5" t="s">
        <v>39</v>
      </c>
      <c r="Q955" s="5" t="s">
        <v>40</v>
      </c>
      <c r="R955" s="5" t="s">
        <v>1522</v>
      </c>
      <c r="S955" s="5" t="s">
        <v>1523</v>
      </c>
      <c r="T955" s="5" t="s">
        <v>42</v>
      </c>
      <c r="U955" s="2">
        <v>1.93</v>
      </c>
      <c r="V955" s="2">
        <v>1.5209999999999999</v>
      </c>
      <c r="W955" s="2">
        <v>1.0999999999999999E-2</v>
      </c>
      <c r="X955" s="2">
        <v>82.9</v>
      </c>
      <c r="Y955" s="2">
        <v>7.6</v>
      </c>
      <c r="Z955" s="2">
        <v>16.7</v>
      </c>
      <c r="AA955" s="5"/>
      <c r="AB955" s="5" t="s">
        <v>43</v>
      </c>
      <c r="AC955" s="5" t="s">
        <v>44</v>
      </c>
      <c r="AD955" s="2"/>
      <c r="AE955" s="1"/>
    </row>
    <row r="956" spans="1:31" ht="14.45">
      <c r="A956" s="11"/>
      <c r="B956" s="20"/>
      <c r="C956" s="2" t="s">
        <v>3289</v>
      </c>
      <c r="D956" s="14" t="s">
        <v>3290</v>
      </c>
      <c r="E956" s="2" t="s">
        <v>3291</v>
      </c>
      <c r="F956" s="2" t="s">
        <v>1707</v>
      </c>
      <c r="G956" s="8">
        <v>136</v>
      </c>
      <c r="H956" s="5">
        <v>6</v>
      </c>
      <c r="I956" s="5" t="s">
        <v>1518</v>
      </c>
      <c r="J956" s="5" t="s">
        <v>1519</v>
      </c>
      <c r="K956" s="2" t="s">
        <v>1520</v>
      </c>
      <c r="L956" s="5" t="s">
        <v>1519</v>
      </c>
      <c r="M956" s="2" t="s">
        <v>1520</v>
      </c>
      <c r="N956" s="5" t="s">
        <v>1521</v>
      </c>
      <c r="O956" s="5" t="s">
        <v>38</v>
      </c>
      <c r="P956" s="5" t="s">
        <v>39</v>
      </c>
      <c r="Q956" s="5" t="s">
        <v>40</v>
      </c>
      <c r="R956" s="5" t="s">
        <v>1522</v>
      </c>
      <c r="S956" s="5" t="s">
        <v>1523</v>
      </c>
      <c r="T956" s="5" t="s">
        <v>42</v>
      </c>
      <c r="U956" s="2">
        <v>1.9670000000000001</v>
      </c>
      <c r="V956" s="2">
        <v>1.5580000000000001</v>
      </c>
      <c r="W956" s="2">
        <v>1.0999999999999999E-2</v>
      </c>
      <c r="X956" s="2">
        <v>82.9</v>
      </c>
      <c r="Y956" s="2">
        <v>7.6</v>
      </c>
      <c r="Z956" s="2">
        <v>16.7</v>
      </c>
      <c r="AA956" s="5"/>
      <c r="AB956" s="5" t="s">
        <v>43</v>
      </c>
      <c r="AC956" s="5" t="s">
        <v>44</v>
      </c>
      <c r="AD956" s="2"/>
      <c r="AE956" s="1"/>
    </row>
    <row r="957" spans="1:31" ht="14.45">
      <c r="A957" s="11"/>
      <c r="B957" s="20"/>
      <c r="C957" s="2" t="s">
        <v>3292</v>
      </c>
      <c r="D957" s="14" t="s">
        <v>3293</v>
      </c>
      <c r="E957" s="2" t="s">
        <v>3294</v>
      </c>
      <c r="F957" s="2" t="s">
        <v>1711</v>
      </c>
      <c r="G957" s="8">
        <v>136</v>
      </c>
      <c r="H957" s="5">
        <v>5</v>
      </c>
      <c r="I957" s="5" t="s">
        <v>1518</v>
      </c>
      <c r="J957" s="5" t="s">
        <v>1519</v>
      </c>
      <c r="K957" s="2" t="s">
        <v>1520</v>
      </c>
      <c r="L957" s="5" t="s">
        <v>1519</v>
      </c>
      <c r="M957" s="2" t="s">
        <v>1520</v>
      </c>
      <c r="N957" s="5" t="s">
        <v>1521</v>
      </c>
      <c r="O957" s="5" t="s">
        <v>38</v>
      </c>
      <c r="P957" s="5" t="s">
        <v>39</v>
      </c>
      <c r="Q957" s="5" t="s">
        <v>40</v>
      </c>
      <c r="R957" s="5" t="s">
        <v>1522</v>
      </c>
      <c r="S957" s="5" t="s">
        <v>1523</v>
      </c>
      <c r="T957" s="5" t="s">
        <v>42</v>
      </c>
      <c r="U957" s="2">
        <v>1.93</v>
      </c>
      <c r="V957" s="2">
        <v>1.5209999999999999</v>
      </c>
      <c r="W957" s="2">
        <v>1.0999999999999999E-2</v>
      </c>
      <c r="X957" s="2">
        <v>82.9</v>
      </c>
      <c r="Y957" s="2">
        <v>7.6</v>
      </c>
      <c r="Z957" s="2">
        <v>16.7</v>
      </c>
      <c r="AA957" s="5"/>
      <c r="AB957" s="5" t="s">
        <v>43</v>
      </c>
      <c r="AC957" s="5" t="s">
        <v>44</v>
      </c>
      <c r="AD957" s="2"/>
      <c r="AE957" s="1"/>
    </row>
    <row r="958" spans="1:31" ht="14.45">
      <c r="A958" s="11"/>
      <c r="B958" s="20"/>
      <c r="C958" s="2" t="s">
        <v>3295</v>
      </c>
      <c r="D958" s="14" t="s">
        <v>3296</v>
      </c>
      <c r="E958" s="2" t="s">
        <v>3297</v>
      </c>
      <c r="F958" s="2" t="s">
        <v>1715</v>
      </c>
      <c r="G958" s="8">
        <v>136</v>
      </c>
      <c r="H958" s="5">
        <v>6</v>
      </c>
      <c r="I958" s="5" t="s">
        <v>1518</v>
      </c>
      <c r="J958" s="5" t="s">
        <v>1519</v>
      </c>
      <c r="K958" s="2" t="s">
        <v>1520</v>
      </c>
      <c r="L958" s="5" t="s">
        <v>1519</v>
      </c>
      <c r="M958" s="2" t="s">
        <v>1520</v>
      </c>
      <c r="N958" s="5" t="s">
        <v>1521</v>
      </c>
      <c r="O958" s="5" t="s">
        <v>38</v>
      </c>
      <c r="P958" s="5" t="s">
        <v>39</v>
      </c>
      <c r="Q958" s="5" t="s">
        <v>40</v>
      </c>
      <c r="R958" s="5" t="s">
        <v>1522</v>
      </c>
      <c r="S958" s="5" t="s">
        <v>1523</v>
      </c>
      <c r="T958" s="5" t="s">
        <v>42</v>
      </c>
      <c r="U958" s="2">
        <v>1.9670000000000001</v>
      </c>
      <c r="V958" s="2">
        <v>1.5580000000000001</v>
      </c>
      <c r="W958" s="2">
        <v>1.0999999999999999E-2</v>
      </c>
      <c r="X958" s="2">
        <v>82.9</v>
      </c>
      <c r="Y958" s="2">
        <v>7.6</v>
      </c>
      <c r="Z958" s="2">
        <v>16.7</v>
      </c>
      <c r="AA958" s="5"/>
      <c r="AB958" s="5" t="s">
        <v>43</v>
      </c>
      <c r="AC958" s="5" t="s">
        <v>44</v>
      </c>
      <c r="AD958" s="2"/>
      <c r="AE958" s="1"/>
    </row>
    <row r="959" spans="1:31" ht="14.45">
      <c r="A959" s="11"/>
      <c r="B959" s="20"/>
      <c r="C959" s="2" t="s">
        <v>3298</v>
      </c>
      <c r="D959" s="14" t="s">
        <v>3299</v>
      </c>
      <c r="E959" s="2" t="s">
        <v>3300</v>
      </c>
      <c r="F959" s="2" t="s">
        <v>1719</v>
      </c>
      <c r="G959" s="8">
        <v>136</v>
      </c>
      <c r="H959" s="5">
        <v>5</v>
      </c>
      <c r="I959" s="5" t="s">
        <v>1518</v>
      </c>
      <c r="J959" s="5" t="s">
        <v>1519</v>
      </c>
      <c r="K959" s="2" t="s">
        <v>1520</v>
      </c>
      <c r="L959" s="5" t="s">
        <v>1519</v>
      </c>
      <c r="M959" s="2" t="s">
        <v>1520</v>
      </c>
      <c r="N959" s="5" t="s">
        <v>1521</v>
      </c>
      <c r="O959" s="5" t="s">
        <v>38</v>
      </c>
      <c r="P959" s="5" t="s">
        <v>39</v>
      </c>
      <c r="Q959" s="5" t="s">
        <v>40</v>
      </c>
      <c r="R959" s="5" t="s">
        <v>1522</v>
      </c>
      <c r="S959" s="5" t="s">
        <v>1523</v>
      </c>
      <c r="T959" s="5" t="s">
        <v>42</v>
      </c>
      <c r="U959" s="2">
        <v>1.915</v>
      </c>
      <c r="V959" s="2">
        <v>1.506</v>
      </c>
      <c r="W959" s="2">
        <v>1.0999999999999999E-2</v>
      </c>
      <c r="X959" s="2">
        <v>82.9</v>
      </c>
      <c r="Y959" s="2">
        <v>7.6</v>
      </c>
      <c r="Z959" s="2">
        <v>16.7</v>
      </c>
      <c r="AA959" s="5"/>
      <c r="AB959" s="5" t="s">
        <v>43</v>
      </c>
      <c r="AC959" s="5" t="s">
        <v>44</v>
      </c>
      <c r="AD959" s="2"/>
      <c r="AE959" s="1"/>
    </row>
    <row r="960" spans="1:31" ht="14.45">
      <c r="A960" s="11"/>
      <c r="B960" s="20"/>
      <c r="C960" s="2" t="s">
        <v>3301</v>
      </c>
      <c r="D960" s="14" t="s">
        <v>3302</v>
      </c>
      <c r="E960" s="2" t="s">
        <v>3303</v>
      </c>
      <c r="F960" s="2" t="s">
        <v>1723</v>
      </c>
      <c r="G960" s="8">
        <v>136</v>
      </c>
      <c r="H960" s="5">
        <v>6</v>
      </c>
      <c r="I960" s="5" t="s">
        <v>1518</v>
      </c>
      <c r="J960" s="5" t="s">
        <v>1519</v>
      </c>
      <c r="K960" s="2" t="s">
        <v>1520</v>
      </c>
      <c r="L960" s="5" t="s">
        <v>1519</v>
      </c>
      <c r="M960" s="2" t="s">
        <v>1520</v>
      </c>
      <c r="N960" s="5" t="s">
        <v>1521</v>
      </c>
      <c r="O960" s="5" t="s">
        <v>38</v>
      </c>
      <c r="P960" s="5" t="s">
        <v>39</v>
      </c>
      <c r="Q960" s="5" t="s">
        <v>40</v>
      </c>
      <c r="R960" s="5" t="s">
        <v>1522</v>
      </c>
      <c r="S960" s="5" t="s">
        <v>1523</v>
      </c>
      <c r="T960" s="5" t="s">
        <v>42</v>
      </c>
      <c r="U960" s="2">
        <v>1.952</v>
      </c>
      <c r="V960" s="2">
        <v>1.5429999999999999</v>
      </c>
      <c r="W960" s="2">
        <v>1.0999999999999999E-2</v>
      </c>
      <c r="X960" s="2">
        <v>82.9</v>
      </c>
      <c r="Y960" s="2">
        <v>7.6</v>
      </c>
      <c r="Z960" s="2">
        <v>16.7</v>
      </c>
      <c r="AA960" s="5"/>
      <c r="AB960" s="5" t="s">
        <v>43</v>
      </c>
      <c r="AC960" s="5" t="s">
        <v>44</v>
      </c>
      <c r="AD960" s="2"/>
      <c r="AE960" s="1"/>
    </row>
    <row r="961" spans="1:31" ht="14.45">
      <c r="A961" s="11"/>
      <c r="B961" s="20"/>
      <c r="C961" s="2" t="s">
        <v>3304</v>
      </c>
      <c r="D961" s="14" t="s">
        <v>3305</v>
      </c>
      <c r="E961" s="2" t="s">
        <v>3306</v>
      </c>
      <c r="F961" s="2" t="s">
        <v>1727</v>
      </c>
      <c r="G961" s="8">
        <v>157</v>
      </c>
      <c r="H961" s="5">
        <v>6</v>
      </c>
      <c r="I961" s="5" t="s">
        <v>1518</v>
      </c>
      <c r="J961" s="5" t="s">
        <v>1519</v>
      </c>
      <c r="K961" s="2" t="s">
        <v>1520</v>
      </c>
      <c r="L961" s="5" t="s">
        <v>1519</v>
      </c>
      <c r="M961" s="2" t="s">
        <v>1520</v>
      </c>
      <c r="N961" s="5" t="s">
        <v>1521</v>
      </c>
      <c r="O961" s="5" t="s">
        <v>38</v>
      </c>
      <c r="P961" s="5" t="s">
        <v>39</v>
      </c>
      <c r="Q961" s="5" t="s">
        <v>40</v>
      </c>
      <c r="R961" s="5" t="s">
        <v>1522</v>
      </c>
      <c r="S961" s="5" t="s">
        <v>1523</v>
      </c>
      <c r="T961" s="5" t="s">
        <v>42</v>
      </c>
      <c r="U961" s="2">
        <v>1.915</v>
      </c>
      <c r="V961" s="2">
        <v>1.506</v>
      </c>
      <c r="W961" s="2">
        <v>1.0999999999999999E-2</v>
      </c>
      <c r="X961" s="2">
        <v>82.9</v>
      </c>
      <c r="Y961" s="2">
        <v>7.6</v>
      </c>
      <c r="Z961" s="2">
        <v>16.7</v>
      </c>
      <c r="AA961" s="5"/>
      <c r="AB961" s="5" t="s">
        <v>43</v>
      </c>
      <c r="AC961" s="5" t="s">
        <v>44</v>
      </c>
      <c r="AD961" s="2"/>
      <c r="AE961" s="1"/>
    </row>
    <row r="962" spans="1:31" ht="14.45">
      <c r="A962" s="11"/>
      <c r="B962" s="20"/>
      <c r="C962" s="2" t="s">
        <v>3307</v>
      </c>
      <c r="D962" s="14" t="s">
        <v>3308</v>
      </c>
      <c r="E962" s="2" t="s">
        <v>3309</v>
      </c>
      <c r="F962" s="2" t="s">
        <v>1731</v>
      </c>
      <c r="G962" s="8">
        <v>157</v>
      </c>
      <c r="H962" s="5">
        <v>6</v>
      </c>
      <c r="I962" s="5" t="s">
        <v>1518</v>
      </c>
      <c r="J962" s="5" t="s">
        <v>1519</v>
      </c>
      <c r="K962" s="2" t="s">
        <v>1520</v>
      </c>
      <c r="L962" s="5" t="s">
        <v>1519</v>
      </c>
      <c r="M962" s="2" t="s">
        <v>1520</v>
      </c>
      <c r="N962" s="5" t="s">
        <v>1521</v>
      </c>
      <c r="O962" s="5" t="s">
        <v>38</v>
      </c>
      <c r="P962" s="5" t="s">
        <v>39</v>
      </c>
      <c r="Q962" s="5" t="s">
        <v>40</v>
      </c>
      <c r="R962" s="5" t="s">
        <v>1522</v>
      </c>
      <c r="S962" s="5" t="s">
        <v>1523</v>
      </c>
      <c r="T962" s="5" t="s">
        <v>42</v>
      </c>
      <c r="U962" s="2">
        <v>1.952</v>
      </c>
      <c r="V962" s="2">
        <v>1.5429999999999999</v>
      </c>
      <c r="W962" s="2">
        <v>1.0999999999999999E-2</v>
      </c>
      <c r="X962" s="2">
        <v>82.9</v>
      </c>
      <c r="Y962" s="2">
        <v>7.6</v>
      </c>
      <c r="Z962" s="2">
        <v>16.7</v>
      </c>
      <c r="AA962" s="5"/>
      <c r="AB962" s="5" t="s">
        <v>43</v>
      </c>
      <c r="AC962" s="5" t="s">
        <v>44</v>
      </c>
      <c r="AD962" s="2"/>
      <c r="AE962" s="1"/>
    </row>
    <row r="963" spans="1:31" ht="14.45">
      <c r="A963" s="11"/>
      <c r="B963" s="20"/>
      <c r="C963" s="2" t="s">
        <v>3310</v>
      </c>
      <c r="D963" s="14" t="s">
        <v>3311</v>
      </c>
      <c r="E963" s="2" t="s">
        <v>3312</v>
      </c>
      <c r="F963" s="2" t="s">
        <v>1735</v>
      </c>
      <c r="G963" s="8">
        <v>157</v>
      </c>
      <c r="H963" s="5">
        <v>6</v>
      </c>
      <c r="I963" s="5" t="s">
        <v>1518</v>
      </c>
      <c r="J963" s="5" t="s">
        <v>1519</v>
      </c>
      <c r="K963" s="2" t="s">
        <v>1520</v>
      </c>
      <c r="L963" s="5" t="s">
        <v>1519</v>
      </c>
      <c r="M963" s="2" t="s">
        <v>1520</v>
      </c>
      <c r="N963" s="5" t="s">
        <v>1521</v>
      </c>
      <c r="O963" s="5" t="s">
        <v>38</v>
      </c>
      <c r="P963" s="5" t="s">
        <v>39</v>
      </c>
      <c r="Q963" s="5" t="s">
        <v>40</v>
      </c>
      <c r="R963" s="5" t="s">
        <v>1522</v>
      </c>
      <c r="S963" s="5" t="s">
        <v>1523</v>
      </c>
      <c r="T963" s="5" t="s">
        <v>42</v>
      </c>
      <c r="U963" s="2">
        <v>1.93</v>
      </c>
      <c r="V963" s="2">
        <v>1.5209999999999999</v>
      </c>
      <c r="W963" s="2">
        <v>1.0999999999999999E-2</v>
      </c>
      <c r="X963" s="2">
        <v>82.9</v>
      </c>
      <c r="Y963" s="2">
        <v>7.6</v>
      </c>
      <c r="Z963" s="2">
        <v>16.7</v>
      </c>
      <c r="AA963" s="5"/>
      <c r="AB963" s="5" t="s">
        <v>43</v>
      </c>
      <c r="AC963" s="5" t="s">
        <v>44</v>
      </c>
      <c r="AD963" s="2"/>
      <c r="AE963" s="1"/>
    </row>
    <row r="964" spans="1:31" ht="14.45">
      <c r="A964" s="11"/>
      <c r="B964" s="20"/>
      <c r="C964" s="2" t="s">
        <v>3313</v>
      </c>
      <c r="D964" s="14" t="s">
        <v>3314</v>
      </c>
      <c r="E964" s="2" t="s">
        <v>3315</v>
      </c>
      <c r="F964" s="2" t="s">
        <v>1739</v>
      </c>
      <c r="G964" s="8">
        <v>157</v>
      </c>
      <c r="H964" s="5">
        <v>6</v>
      </c>
      <c r="I964" s="5" t="s">
        <v>1518</v>
      </c>
      <c r="J964" s="5" t="s">
        <v>1519</v>
      </c>
      <c r="K964" s="2" t="s">
        <v>1520</v>
      </c>
      <c r="L964" s="5" t="s">
        <v>1519</v>
      </c>
      <c r="M964" s="2" t="s">
        <v>1520</v>
      </c>
      <c r="N964" s="5" t="s">
        <v>1521</v>
      </c>
      <c r="O964" s="5" t="s">
        <v>38</v>
      </c>
      <c r="P964" s="5" t="s">
        <v>39</v>
      </c>
      <c r="Q964" s="5" t="s">
        <v>40</v>
      </c>
      <c r="R964" s="5" t="s">
        <v>1522</v>
      </c>
      <c r="S964" s="5" t="s">
        <v>1523</v>
      </c>
      <c r="T964" s="5" t="s">
        <v>42</v>
      </c>
      <c r="U964" s="2">
        <v>1.9670000000000001</v>
      </c>
      <c r="V964" s="2">
        <v>1.5580000000000001</v>
      </c>
      <c r="W964" s="2">
        <v>1.0999999999999999E-2</v>
      </c>
      <c r="X964" s="2">
        <v>82.9</v>
      </c>
      <c r="Y964" s="2">
        <v>7.6</v>
      </c>
      <c r="Z964" s="2">
        <v>16.7</v>
      </c>
      <c r="AA964" s="5"/>
      <c r="AB964" s="5" t="s">
        <v>43</v>
      </c>
      <c r="AC964" s="5" t="s">
        <v>44</v>
      </c>
      <c r="AD964" s="2"/>
      <c r="AE964" s="1"/>
    </row>
    <row r="965" spans="1:31" ht="14.45">
      <c r="A965" s="11"/>
      <c r="B965" s="20"/>
      <c r="C965" s="2" t="s">
        <v>3316</v>
      </c>
      <c r="D965" s="14" t="s">
        <v>3317</v>
      </c>
      <c r="E965" s="2" t="s">
        <v>3318</v>
      </c>
      <c r="F965" s="2" t="s">
        <v>1743</v>
      </c>
      <c r="G965" s="8">
        <v>157</v>
      </c>
      <c r="H965" s="5">
        <v>6</v>
      </c>
      <c r="I965" s="5" t="s">
        <v>1518</v>
      </c>
      <c r="J965" s="5" t="s">
        <v>1519</v>
      </c>
      <c r="K965" s="2" t="s">
        <v>1520</v>
      </c>
      <c r="L965" s="5" t="s">
        <v>1519</v>
      </c>
      <c r="M965" s="2" t="s">
        <v>1520</v>
      </c>
      <c r="N965" s="5" t="s">
        <v>1521</v>
      </c>
      <c r="O965" s="5" t="s">
        <v>38</v>
      </c>
      <c r="P965" s="5" t="s">
        <v>39</v>
      </c>
      <c r="Q965" s="5" t="s">
        <v>40</v>
      </c>
      <c r="R965" s="5" t="s">
        <v>1522</v>
      </c>
      <c r="S965" s="5" t="s">
        <v>1523</v>
      </c>
      <c r="T965" s="5" t="s">
        <v>42</v>
      </c>
      <c r="U965" s="2">
        <v>1.915</v>
      </c>
      <c r="V965" s="2">
        <v>1.506</v>
      </c>
      <c r="W965" s="2">
        <v>1.0999999999999999E-2</v>
      </c>
      <c r="X965" s="2">
        <v>82.9</v>
      </c>
      <c r="Y965" s="2">
        <v>7.6</v>
      </c>
      <c r="Z965" s="2">
        <v>16.7</v>
      </c>
      <c r="AA965" s="5"/>
      <c r="AB965" s="5" t="s">
        <v>43</v>
      </c>
      <c r="AC965" s="5" t="s">
        <v>44</v>
      </c>
      <c r="AD965" s="2"/>
      <c r="AE965" s="1"/>
    </row>
    <row r="966" spans="1:31" ht="14.45">
      <c r="A966" s="11"/>
      <c r="B966" s="20"/>
      <c r="C966" s="2" t="s">
        <v>3319</v>
      </c>
      <c r="D966" s="14" t="s">
        <v>3320</v>
      </c>
      <c r="E966" s="2" t="s">
        <v>3321</v>
      </c>
      <c r="F966" s="2" t="s">
        <v>1747</v>
      </c>
      <c r="G966" s="8">
        <v>157</v>
      </c>
      <c r="H966" s="5">
        <v>6</v>
      </c>
      <c r="I966" s="5" t="s">
        <v>1518</v>
      </c>
      <c r="J966" s="5" t="s">
        <v>1519</v>
      </c>
      <c r="K966" s="2" t="s">
        <v>1520</v>
      </c>
      <c r="L966" s="5" t="s">
        <v>1519</v>
      </c>
      <c r="M966" s="2" t="s">
        <v>1520</v>
      </c>
      <c r="N966" s="5" t="s">
        <v>1521</v>
      </c>
      <c r="O966" s="5" t="s">
        <v>38</v>
      </c>
      <c r="P966" s="5" t="s">
        <v>39</v>
      </c>
      <c r="Q966" s="5" t="s">
        <v>40</v>
      </c>
      <c r="R966" s="5" t="s">
        <v>1522</v>
      </c>
      <c r="S966" s="5" t="s">
        <v>1523</v>
      </c>
      <c r="T966" s="5" t="s">
        <v>42</v>
      </c>
      <c r="U966" s="2">
        <v>1.952</v>
      </c>
      <c r="V966" s="2">
        <v>1.5429999999999999</v>
      </c>
      <c r="W966" s="2">
        <v>1.0999999999999999E-2</v>
      </c>
      <c r="X966" s="2">
        <v>82.9</v>
      </c>
      <c r="Y966" s="2">
        <v>7.6</v>
      </c>
      <c r="Z966" s="2">
        <v>16.7</v>
      </c>
      <c r="AA966" s="5"/>
      <c r="AB966" s="5" t="s">
        <v>43</v>
      </c>
      <c r="AC966" s="5" t="s">
        <v>44</v>
      </c>
      <c r="AD966" s="2"/>
      <c r="AE966" s="1"/>
    </row>
    <row r="967" spans="1:31" ht="14.45">
      <c r="A967" s="11"/>
      <c r="B967" s="20"/>
      <c r="C967" s="2" t="s">
        <v>3322</v>
      </c>
      <c r="D967" s="14" t="s">
        <v>3323</v>
      </c>
      <c r="E967" s="2" t="s">
        <v>3324</v>
      </c>
      <c r="F967" s="2" t="s">
        <v>1751</v>
      </c>
      <c r="G967" s="8">
        <v>157</v>
      </c>
      <c r="H967" s="5">
        <v>6</v>
      </c>
      <c r="I967" s="5" t="s">
        <v>1518</v>
      </c>
      <c r="J967" s="5" t="s">
        <v>1519</v>
      </c>
      <c r="K967" s="2" t="s">
        <v>1520</v>
      </c>
      <c r="L967" s="5" t="s">
        <v>1519</v>
      </c>
      <c r="M967" s="2" t="s">
        <v>1520</v>
      </c>
      <c r="N967" s="5" t="s">
        <v>1521</v>
      </c>
      <c r="O967" s="5" t="s">
        <v>38</v>
      </c>
      <c r="P967" s="5" t="s">
        <v>39</v>
      </c>
      <c r="Q967" s="5" t="s">
        <v>40</v>
      </c>
      <c r="R967" s="5" t="s">
        <v>1522</v>
      </c>
      <c r="S967" s="5" t="s">
        <v>1523</v>
      </c>
      <c r="T967" s="5" t="s">
        <v>42</v>
      </c>
      <c r="U967" s="2">
        <v>1.915</v>
      </c>
      <c r="V967" s="2">
        <v>1.506</v>
      </c>
      <c r="W967" s="2">
        <v>1.0999999999999999E-2</v>
      </c>
      <c r="X967" s="2">
        <v>82.9</v>
      </c>
      <c r="Y967" s="2">
        <v>7.6</v>
      </c>
      <c r="Z967" s="2">
        <v>16.7</v>
      </c>
      <c r="AA967" s="5"/>
      <c r="AB967" s="5" t="s">
        <v>43</v>
      </c>
      <c r="AC967" s="5" t="s">
        <v>44</v>
      </c>
      <c r="AD967" s="2"/>
      <c r="AE967" s="1"/>
    </row>
    <row r="968" spans="1:31" ht="14.45">
      <c r="A968" s="11"/>
      <c r="B968" s="20"/>
      <c r="C968" s="2" t="s">
        <v>3325</v>
      </c>
      <c r="D968" s="14" t="s">
        <v>3326</v>
      </c>
      <c r="E968" s="2" t="s">
        <v>3327</v>
      </c>
      <c r="F968" s="2" t="s">
        <v>1755</v>
      </c>
      <c r="G968" s="8">
        <v>157</v>
      </c>
      <c r="H968" s="5">
        <v>6</v>
      </c>
      <c r="I968" s="5" t="s">
        <v>1518</v>
      </c>
      <c r="J968" s="5" t="s">
        <v>1519</v>
      </c>
      <c r="K968" s="2" t="s">
        <v>1520</v>
      </c>
      <c r="L968" s="5" t="s">
        <v>1519</v>
      </c>
      <c r="M968" s="2" t="s">
        <v>1520</v>
      </c>
      <c r="N968" s="5" t="s">
        <v>1521</v>
      </c>
      <c r="O968" s="5" t="s">
        <v>38</v>
      </c>
      <c r="P968" s="5" t="s">
        <v>39</v>
      </c>
      <c r="Q968" s="5" t="s">
        <v>40</v>
      </c>
      <c r="R968" s="5" t="s">
        <v>1522</v>
      </c>
      <c r="S968" s="5" t="s">
        <v>1523</v>
      </c>
      <c r="T968" s="5" t="s">
        <v>42</v>
      </c>
      <c r="U968" s="2">
        <v>1.952</v>
      </c>
      <c r="V968" s="2">
        <v>1.5429999999999999</v>
      </c>
      <c r="W968" s="2">
        <v>1.0999999999999999E-2</v>
      </c>
      <c r="X968" s="2">
        <v>82.9</v>
      </c>
      <c r="Y968" s="2">
        <v>7.6</v>
      </c>
      <c r="Z968" s="2">
        <v>16.7</v>
      </c>
      <c r="AA968" s="5"/>
      <c r="AB968" s="5" t="s">
        <v>43</v>
      </c>
      <c r="AC968" s="5" t="s">
        <v>44</v>
      </c>
      <c r="AD968" s="2"/>
      <c r="AE968" s="1"/>
    </row>
    <row r="969" spans="1:31" ht="14.45">
      <c r="A969" s="11"/>
      <c r="B969" s="20"/>
      <c r="C969" s="2" t="s">
        <v>3328</v>
      </c>
      <c r="D969" s="14" t="s">
        <v>3329</v>
      </c>
      <c r="E969" s="2" t="s">
        <v>3330</v>
      </c>
      <c r="F969" s="2" t="s">
        <v>1759</v>
      </c>
      <c r="G969" s="8">
        <v>157</v>
      </c>
      <c r="H969" s="5">
        <v>6</v>
      </c>
      <c r="I969" s="5" t="s">
        <v>1518</v>
      </c>
      <c r="J969" s="5" t="s">
        <v>1519</v>
      </c>
      <c r="K969" s="2" t="s">
        <v>1520</v>
      </c>
      <c r="L969" s="5" t="s">
        <v>1519</v>
      </c>
      <c r="M969" s="2" t="s">
        <v>1520</v>
      </c>
      <c r="N969" s="5" t="s">
        <v>1521</v>
      </c>
      <c r="O969" s="5" t="s">
        <v>38</v>
      </c>
      <c r="P969" s="5" t="s">
        <v>39</v>
      </c>
      <c r="Q969" s="5" t="s">
        <v>40</v>
      </c>
      <c r="R969" s="5" t="s">
        <v>1522</v>
      </c>
      <c r="S969" s="5" t="s">
        <v>1523</v>
      </c>
      <c r="T969" s="5" t="s">
        <v>42</v>
      </c>
      <c r="U969" s="2">
        <v>1.93</v>
      </c>
      <c r="V969" s="2">
        <v>1.5209999999999999</v>
      </c>
      <c r="W969" s="2">
        <v>1.0999999999999999E-2</v>
      </c>
      <c r="X969" s="2">
        <v>82.9</v>
      </c>
      <c r="Y969" s="2">
        <v>7.6</v>
      </c>
      <c r="Z969" s="2">
        <v>16.7</v>
      </c>
      <c r="AA969" s="5"/>
      <c r="AB969" s="5" t="s">
        <v>43</v>
      </c>
      <c r="AC969" s="5" t="s">
        <v>44</v>
      </c>
      <c r="AD969" s="2"/>
      <c r="AE969" s="1"/>
    </row>
    <row r="970" spans="1:31" ht="14.45">
      <c r="A970" s="11"/>
      <c r="B970" s="20"/>
      <c r="C970" s="2" t="s">
        <v>3331</v>
      </c>
      <c r="D970" s="14" t="s">
        <v>3332</v>
      </c>
      <c r="E970" s="2" t="s">
        <v>3333</v>
      </c>
      <c r="F970" s="2" t="s">
        <v>1763</v>
      </c>
      <c r="G970" s="8">
        <v>157</v>
      </c>
      <c r="H970" s="5">
        <v>6</v>
      </c>
      <c r="I970" s="5" t="s">
        <v>1518</v>
      </c>
      <c r="J970" s="5" t="s">
        <v>1519</v>
      </c>
      <c r="K970" s="2" t="s">
        <v>1520</v>
      </c>
      <c r="L970" s="5" t="s">
        <v>1519</v>
      </c>
      <c r="M970" s="2" t="s">
        <v>1520</v>
      </c>
      <c r="N970" s="5" t="s">
        <v>1521</v>
      </c>
      <c r="O970" s="5" t="s">
        <v>38</v>
      </c>
      <c r="P970" s="5" t="s">
        <v>39</v>
      </c>
      <c r="Q970" s="5" t="s">
        <v>40</v>
      </c>
      <c r="R970" s="5" t="s">
        <v>1522</v>
      </c>
      <c r="S970" s="5" t="s">
        <v>1523</v>
      </c>
      <c r="T970" s="5" t="s">
        <v>42</v>
      </c>
      <c r="U970" s="2">
        <v>1.9670000000000001</v>
      </c>
      <c r="V970" s="2">
        <v>1.5580000000000001</v>
      </c>
      <c r="W970" s="2">
        <v>1.0999999999999999E-2</v>
      </c>
      <c r="X970" s="2">
        <v>82.9</v>
      </c>
      <c r="Y970" s="2">
        <v>7.6</v>
      </c>
      <c r="Z970" s="2">
        <v>16.7</v>
      </c>
      <c r="AA970" s="5"/>
      <c r="AB970" s="5" t="s">
        <v>43</v>
      </c>
      <c r="AC970" s="5" t="s">
        <v>44</v>
      </c>
      <c r="AD970" s="2"/>
      <c r="AE970" s="1"/>
    </row>
    <row r="971" spans="1:31" ht="14.45">
      <c r="A971" s="11"/>
      <c r="B971" s="20"/>
      <c r="C971" s="2" t="s">
        <v>3334</v>
      </c>
      <c r="D971" s="14" t="s">
        <v>3335</v>
      </c>
      <c r="E971" s="2" t="s">
        <v>3336</v>
      </c>
      <c r="F971" s="2" t="s">
        <v>1767</v>
      </c>
      <c r="G971" s="8">
        <v>157</v>
      </c>
      <c r="H971" s="5">
        <v>6</v>
      </c>
      <c r="I971" s="5" t="s">
        <v>1518</v>
      </c>
      <c r="J971" s="5" t="s">
        <v>1519</v>
      </c>
      <c r="K971" s="2" t="s">
        <v>1520</v>
      </c>
      <c r="L971" s="5" t="s">
        <v>1519</v>
      </c>
      <c r="M971" s="2" t="s">
        <v>1520</v>
      </c>
      <c r="N971" s="5" t="s">
        <v>1521</v>
      </c>
      <c r="O971" s="5" t="s">
        <v>38</v>
      </c>
      <c r="P971" s="5" t="s">
        <v>39</v>
      </c>
      <c r="Q971" s="5" t="s">
        <v>40</v>
      </c>
      <c r="R971" s="5" t="s">
        <v>1522</v>
      </c>
      <c r="S971" s="5" t="s">
        <v>1523</v>
      </c>
      <c r="T971" s="5" t="s">
        <v>42</v>
      </c>
      <c r="U971" s="2">
        <v>1.93</v>
      </c>
      <c r="V971" s="2">
        <v>1.5209999999999999</v>
      </c>
      <c r="W971" s="2">
        <v>1.0999999999999999E-2</v>
      </c>
      <c r="X971" s="2">
        <v>82.9</v>
      </c>
      <c r="Y971" s="2">
        <v>7.6</v>
      </c>
      <c r="Z971" s="2">
        <v>16.7</v>
      </c>
      <c r="AA971" s="5"/>
      <c r="AB971" s="5" t="s">
        <v>43</v>
      </c>
      <c r="AC971" s="5" t="s">
        <v>44</v>
      </c>
      <c r="AD971" s="2"/>
      <c r="AE971" s="1"/>
    </row>
    <row r="972" spans="1:31" ht="14.45">
      <c r="A972" s="11"/>
      <c r="B972" s="20"/>
      <c r="C972" s="2" t="s">
        <v>3337</v>
      </c>
      <c r="D972" s="14" t="s">
        <v>3338</v>
      </c>
      <c r="E972" s="2" t="s">
        <v>3339</v>
      </c>
      <c r="F972" s="2" t="s">
        <v>1771</v>
      </c>
      <c r="G972" s="8">
        <v>157</v>
      </c>
      <c r="H972" s="5">
        <v>6</v>
      </c>
      <c r="I972" s="5" t="s">
        <v>1518</v>
      </c>
      <c r="J972" s="5" t="s">
        <v>1519</v>
      </c>
      <c r="K972" s="2" t="s">
        <v>1520</v>
      </c>
      <c r="L972" s="5" t="s">
        <v>1519</v>
      </c>
      <c r="M972" s="2" t="s">
        <v>1520</v>
      </c>
      <c r="N972" s="5" t="s">
        <v>1521</v>
      </c>
      <c r="O972" s="5" t="s">
        <v>38</v>
      </c>
      <c r="P972" s="5" t="s">
        <v>39</v>
      </c>
      <c r="Q972" s="5" t="s">
        <v>40</v>
      </c>
      <c r="R972" s="5" t="s">
        <v>1522</v>
      </c>
      <c r="S972" s="5" t="s">
        <v>1523</v>
      </c>
      <c r="T972" s="5" t="s">
        <v>42</v>
      </c>
      <c r="U972" s="2">
        <v>1.9670000000000001</v>
      </c>
      <c r="V972" s="2">
        <v>1.5580000000000001</v>
      </c>
      <c r="W972" s="2">
        <v>1.0999999999999999E-2</v>
      </c>
      <c r="X972" s="2">
        <v>82.9</v>
      </c>
      <c r="Y972" s="2">
        <v>7.6</v>
      </c>
      <c r="Z972" s="2">
        <v>16.7</v>
      </c>
      <c r="AA972" s="5"/>
      <c r="AB972" s="5" t="s">
        <v>43</v>
      </c>
      <c r="AC972" s="5" t="s">
        <v>44</v>
      </c>
      <c r="AD972" s="2"/>
      <c r="AE972" s="1"/>
    </row>
    <row r="973" spans="1:31" ht="14.45">
      <c r="A973" s="11"/>
      <c r="B973" s="20"/>
      <c r="C973" s="2" t="s">
        <v>3340</v>
      </c>
      <c r="D973" s="14" t="s">
        <v>3341</v>
      </c>
      <c r="E973" s="2" t="s">
        <v>3342</v>
      </c>
      <c r="F973" s="2" t="s">
        <v>1775</v>
      </c>
      <c r="G973" s="8">
        <v>157</v>
      </c>
      <c r="H973" s="5">
        <v>6</v>
      </c>
      <c r="I973" s="5" t="s">
        <v>1518</v>
      </c>
      <c r="J973" s="5" t="s">
        <v>1519</v>
      </c>
      <c r="K973" s="2" t="s">
        <v>1520</v>
      </c>
      <c r="L973" s="5" t="s">
        <v>1519</v>
      </c>
      <c r="M973" s="2" t="s">
        <v>1520</v>
      </c>
      <c r="N973" s="5" t="s">
        <v>1521</v>
      </c>
      <c r="O973" s="5" t="s">
        <v>38</v>
      </c>
      <c r="P973" s="5" t="s">
        <v>39</v>
      </c>
      <c r="Q973" s="5" t="s">
        <v>40</v>
      </c>
      <c r="R973" s="5" t="s">
        <v>1522</v>
      </c>
      <c r="S973" s="5" t="s">
        <v>1523</v>
      </c>
      <c r="T973" s="5" t="s">
        <v>42</v>
      </c>
      <c r="U973" s="2">
        <v>1.93</v>
      </c>
      <c r="V973" s="2">
        <v>1.5209999999999999</v>
      </c>
      <c r="W973" s="2">
        <v>1.0999999999999999E-2</v>
      </c>
      <c r="X973" s="2">
        <v>82.9</v>
      </c>
      <c r="Y973" s="2">
        <v>7.6</v>
      </c>
      <c r="Z973" s="2">
        <v>16.7</v>
      </c>
      <c r="AA973" s="5"/>
      <c r="AB973" s="5" t="s">
        <v>43</v>
      </c>
      <c r="AC973" s="5" t="s">
        <v>44</v>
      </c>
      <c r="AD973" s="2"/>
      <c r="AE973" s="1"/>
    </row>
    <row r="974" spans="1:31" ht="14.45">
      <c r="A974" s="11"/>
      <c r="B974" s="20"/>
      <c r="C974" s="2" t="s">
        <v>3343</v>
      </c>
      <c r="D974" s="14" t="s">
        <v>3344</v>
      </c>
      <c r="E974" s="2" t="s">
        <v>3345</v>
      </c>
      <c r="F974" s="2" t="s">
        <v>1779</v>
      </c>
      <c r="G974" s="8">
        <v>157</v>
      </c>
      <c r="H974" s="5">
        <v>6</v>
      </c>
      <c r="I974" s="5" t="s">
        <v>1518</v>
      </c>
      <c r="J974" s="5" t="s">
        <v>1519</v>
      </c>
      <c r="K974" s="2" t="s">
        <v>1520</v>
      </c>
      <c r="L974" s="5" t="s">
        <v>1519</v>
      </c>
      <c r="M974" s="2" t="s">
        <v>1520</v>
      </c>
      <c r="N974" s="5" t="s">
        <v>1521</v>
      </c>
      <c r="O974" s="5" t="s">
        <v>38</v>
      </c>
      <c r="P974" s="5" t="s">
        <v>39</v>
      </c>
      <c r="Q974" s="5" t="s">
        <v>40</v>
      </c>
      <c r="R974" s="5" t="s">
        <v>1522</v>
      </c>
      <c r="S974" s="5" t="s">
        <v>1523</v>
      </c>
      <c r="T974" s="5" t="s">
        <v>42</v>
      </c>
      <c r="U974" s="2">
        <v>1.9670000000000001</v>
      </c>
      <c r="V974" s="2">
        <v>1.5580000000000001</v>
      </c>
      <c r="W974" s="2">
        <v>1.0999999999999999E-2</v>
      </c>
      <c r="X974" s="2">
        <v>82.9</v>
      </c>
      <c r="Y974" s="2">
        <v>7.6</v>
      </c>
      <c r="Z974" s="2">
        <v>16.7</v>
      </c>
      <c r="AA974" s="5"/>
      <c r="AB974" s="5" t="s">
        <v>43</v>
      </c>
      <c r="AC974" s="5" t="s">
        <v>44</v>
      </c>
      <c r="AD974" s="2"/>
      <c r="AE974" s="1"/>
    </row>
    <row r="975" spans="1:31" ht="14.45">
      <c r="A975" s="11"/>
      <c r="B975" s="20"/>
      <c r="C975" s="2" t="s">
        <v>3346</v>
      </c>
      <c r="D975" s="14" t="s">
        <v>3347</v>
      </c>
      <c r="E975" s="2" t="s">
        <v>3348</v>
      </c>
      <c r="F975" s="2" t="s">
        <v>1783</v>
      </c>
      <c r="G975" s="8">
        <v>157</v>
      </c>
      <c r="H975" s="5">
        <v>6</v>
      </c>
      <c r="I975" s="5" t="s">
        <v>1518</v>
      </c>
      <c r="J975" s="5" t="s">
        <v>1519</v>
      </c>
      <c r="K975" s="2" t="s">
        <v>1520</v>
      </c>
      <c r="L975" s="5" t="s">
        <v>1519</v>
      </c>
      <c r="M975" s="2" t="s">
        <v>1520</v>
      </c>
      <c r="N975" s="5" t="s">
        <v>1521</v>
      </c>
      <c r="O975" s="5" t="s">
        <v>38</v>
      </c>
      <c r="P975" s="5" t="s">
        <v>39</v>
      </c>
      <c r="Q975" s="5" t="s">
        <v>40</v>
      </c>
      <c r="R975" s="5" t="s">
        <v>1522</v>
      </c>
      <c r="S975" s="5" t="s">
        <v>1523</v>
      </c>
      <c r="T975" s="5" t="s">
        <v>42</v>
      </c>
      <c r="U975" s="2">
        <v>1.915</v>
      </c>
      <c r="V975" s="2">
        <v>1.506</v>
      </c>
      <c r="W975" s="2">
        <v>1.0999999999999999E-2</v>
      </c>
      <c r="X975" s="2">
        <v>82.9</v>
      </c>
      <c r="Y975" s="2">
        <v>7.6</v>
      </c>
      <c r="Z975" s="2">
        <v>16.7</v>
      </c>
      <c r="AA975" s="5"/>
      <c r="AB975" s="5" t="s">
        <v>43</v>
      </c>
      <c r="AC975" s="5" t="s">
        <v>44</v>
      </c>
      <c r="AD975" s="2"/>
      <c r="AE975" s="1"/>
    </row>
    <row r="976" spans="1:31" ht="14.45">
      <c r="A976" s="11"/>
      <c r="B976" s="20"/>
      <c r="C976" s="2" t="s">
        <v>3349</v>
      </c>
      <c r="D976" s="14" t="s">
        <v>3350</v>
      </c>
      <c r="E976" s="2" t="s">
        <v>3351</v>
      </c>
      <c r="F976" s="2" t="s">
        <v>1787</v>
      </c>
      <c r="G976" s="8">
        <v>157</v>
      </c>
      <c r="H976" s="5">
        <v>6</v>
      </c>
      <c r="I976" s="5" t="s">
        <v>1518</v>
      </c>
      <c r="J976" s="5" t="s">
        <v>1519</v>
      </c>
      <c r="K976" s="2" t="s">
        <v>1520</v>
      </c>
      <c r="L976" s="5" t="s">
        <v>1519</v>
      </c>
      <c r="M976" s="2" t="s">
        <v>1520</v>
      </c>
      <c r="N976" s="5" t="s">
        <v>1521</v>
      </c>
      <c r="O976" s="5" t="s">
        <v>38</v>
      </c>
      <c r="P976" s="5" t="s">
        <v>39</v>
      </c>
      <c r="Q976" s="5" t="s">
        <v>40</v>
      </c>
      <c r="R976" s="5" t="s">
        <v>1522</v>
      </c>
      <c r="S976" s="5" t="s">
        <v>1523</v>
      </c>
      <c r="T976" s="5" t="s">
        <v>42</v>
      </c>
      <c r="U976" s="2">
        <v>1.952</v>
      </c>
      <c r="V976" s="2">
        <v>1.5429999999999999</v>
      </c>
      <c r="W976" s="2">
        <v>1.0999999999999999E-2</v>
      </c>
      <c r="X976" s="2">
        <v>82.9</v>
      </c>
      <c r="Y976" s="2">
        <v>7.6</v>
      </c>
      <c r="Z976" s="2">
        <v>16.7</v>
      </c>
      <c r="AA976" s="5"/>
      <c r="AB976" s="5" t="s">
        <v>43</v>
      </c>
      <c r="AC976" s="5" t="s">
        <v>44</v>
      </c>
      <c r="AD976" s="2"/>
      <c r="AE976" s="1"/>
    </row>
    <row r="977" spans="1:31" ht="14.45">
      <c r="A977" s="11"/>
      <c r="B977" s="20"/>
      <c r="C977" s="2" t="s">
        <v>3352</v>
      </c>
      <c r="D977" s="14" t="s">
        <v>3353</v>
      </c>
      <c r="E977" s="2" t="s">
        <v>3354</v>
      </c>
      <c r="F977" s="2" t="s">
        <v>1791</v>
      </c>
      <c r="G977" s="8">
        <v>157</v>
      </c>
      <c r="H977" s="5">
        <v>6</v>
      </c>
      <c r="I977" s="5" t="s">
        <v>1518</v>
      </c>
      <c r="J977" s="5" t="s">
        <v>1519</v>
      </c>
      <c r="K977" s="2" t="s">
        <v>1520</v>
      </c>
      <c r="L977" s="5" t="s">
        <v>1519</v>
      </c>
      <c r="M977" s="2" t="s">
        <v>1520</v>
      </c>
      <c r="N977" s="5" t="s">
        <v>1521</v>
      </c>
      <c r="O977" s="5" t="s">
        <v>38</v>
      </c>
      <c r="P977" s="5" t="s">
        <v>39</v>
      </c>
      <c r="Q977" s="5" t="s">
        <v>40</v>
      </c>
      <c r="R977" s="5" t="s">
        <v>1522</v>
      </c>
      <c r="S977" s="5" t="s">
        <v>1523</v>
      </c>
      <c r="T977" s="5" t="s">
        <v>42</v>
      </c>
      <c r="U977" s="2">
        <v>1.93</v>
      </c>
      <c r="V977" s="2">
        <v>1.5209999999999999</v>
      </c>
      <c r="W977" s="2">
        <v>1.0999999999999999E-2</v>
      </c>
      <c r="X977" s="2">
        <v>82.9</v>
      </c>
      <c r="Y977" s="2">
        <v>7.6</v>
      </c>
      <c r="Z977" s="2">
        <v>16.7</v>
      </c>
      <c r="AA977" s="5"/>
      <c r="AB977" s="5" t="s">
        <v>43</v>
      </c>
      <c r="AC977" s="5" t="s">
        <v>44</v>
      </c>
      <c r="AD977" s="2"/>
      <c r="AE977" s="1"/>
    </row>
    <row r="978" spans="1:31" ht="14.45">
      <c r="A978" s="11"/>
      <c r="B978" s="20"/>
      <c r="C978" s="2" t="s">
        <v>3355</v>
      </c>
      <c r="D978" s="14" t="s">
        <v>3356</v>
      </c>
      <c r="E978" s="2" t="s">
        <v>3357</v>
      </c>
      <c r="F978" s="2" t="s">
        <v>1795</v>
      </c>
      <c r="G978" s="8">
        <v>157</v>
      </c>
      <c r="H978" s="5">
        <v>6</v>
      </c>
      <c r="I978" s="5" t="s">
        <v>1518</v>
      </c>
      <c r="J978" s="5" t="s">
        <v>1519</v>
      </c>
      <c r="K978" s="2" t="s">
        <v>1520</v>
      </c>
      <c r="L978" s="5" t="s">
        <v>1519</v>
      </c>
      <c r="M978" s="2" t="s">
        <v>1520</v>
      </c>
      <c r="N978" s="5" t="s">
        <v>1521</v>
      </c>
      <c r="O978" s="5" t="s">
        <v>38</v>
      </c>
      <c r="P978" s="5" t="s">
        <v>39</v>
      </c>
      <c r="Q978" s="5" t="s">
        <v>40</v>
      </c>
      <c r="R978" s="5" t="s">
        <v>1522</v>
      </c>
      <c r="S978" s="5" t="s">
        <v>1523</v>
      </c>
      <c r="T978" s="5" t="s">
        <v>42</v>
      </c>
      <c r="U978" s="2">
        <v>1.9670000000000001</v>
      </c>
      <c r="V978" s="2">
        <v>1.5580000000000001</v>
      </c>
      <c r="W978" s="2">
        <v>1.0999999999999999E-2</v>
      </c>
      <c r="X978" s="2">
        <v>82.9</v>
      </c>
      <c r="Y978" s="2">
        <v>7.6</v>
      </c>
      <c r="Z978" s="2">
        <v>16.7</v>
      </c>
      <c r="AA978" s="5"/>
      <c r="AB978" s="5" t="s">
        <v>43</v>
      </c>
      <c r="AC978" s="5" t="s">
        <v>44</v>
      </c>
      <c r="AD978" s="2"/>
      <c r="AE978" s="1"/>
    </row>
    <row r="979" spans="1:31" ht="14.45">
      <c r="A979" s="11"/>
      <c r="B979" s="20"/>
      <c r="C979" s="2" t="s">
        <v>3358</v>
      </c>
      <c r="D979" s="14" t="s">
        <v>3359</v>
      </c>
      <c r="E979" s="2" t="s">
        <v>3360</v>
      </c>
      <c r="F979" s="2" t="s">
        <v>1799</v>
      </c>
      <c r="G979" s="8">
        <v>157</v>
      </c>
      <c r="H979" s="5">
        <v>6</v>
      </c>
      <c r="I979" s="5" t="s">
        <v>1518</v>
      </c>
      <c r="J979" s="5" t="s">
        <v>1519</v>
      </c>
      <c r="K979" s="2" t="s">
        <v>1520</v>
      </c>
      <c r="L979" s="5" t="s">
        <v>1519</v>
      </c>
      <c r="M979" s="2" t="s">
        <v>1520</v>
      </c>
      <c r="N979" s="5" t="s">
        <v>1521</v>
      </c>
      <c r="O979" s="5" t="s">
        <v>38</v>
      </c>
      <c r="P979" s="5" t="s">
        <v>39</v>
      </c>
      <c r="Q979" s="5" t="s">
        <v>40</v>
      </c>
      <c r="R979" s="5" t="s">
        <v>1522</v>
      </c>
      <c r="S979" s="5" t="s">
        <v>1523</v>
      </c>
      <c r="T979" s="5" t="s">
        <v>42</v>
      </c>
      <c r="U979" s="2">
        <v>1.93</v>
      </c>
      <c r="V979" s="2">
        <v>1.5209999999999999</v>
      </c>
      <c r="W979" s="2">
        <v>1.0999999999999999E-2</v>
      </c>
      <c r="X979" s="2">
        <v>82.9</v>
      </c>
      <c r="Y979" s="2">
        <v>7.6</v>
      </c>
      <c r="Z979" s="2">
        <v>16.7</v>
      </c>
      <c r="AA979" s="5"/>
      <c r="AB979" s="5" t="s">
        <v>43</v>
      </c>
      <c r="AC979" s="5" t="s">
        <v>44</v>
      </c>
      <c r="AD979" s="2"/>
      <c r="AE979" s="1"/>
    </row>
    <row r="980" spans="1:31" ht="14.45">
      <c r="A980" s="11"/>
      <c r="B980" s="20"/>
      <c r="C980" s="2" t="s">
        <v>3361</v>
      </c>
      <c r="D980" s="14" t="s">
        <v>3362</v>
      </c>
      <c r="E980" s="2" t="s">
        <v>3363</v>
      </c>
      <c r="F980" s="2" t="s">
        <v>1803</v>
      </c>
      <c r="G980" s="8">
        <v>157</v>
      </c>
      <c r="H980" s="5">
        <v>6</v>
      </c>
      <c r="I980" s="5" t="s">
        <v>1518</v>
      </c>
      <c r="J980" s="5" t="s">
        <v>1519</v>
      </c>
      <c r="K980" s="2" t="s">
        <v>1520</v>
      </c>
      <c r="L980" s="5" t="s">
        <v>1519</v>
      </c>
      <c r="M980" s="2" t="s">
        <v>1520</v>
      </c>
      <c r="N980" s="5" t="s">
        <v>1521</v>
      </c>
      <c r="O980" s="5" t="s">
        <v>38</v>
      </c>
      <c r="P980" s="5" t="s">
        <v>39</v>
      </c>
      <c r="Q980" s="5" t="s">
        <v>40</v>
      </c>
      <c r="R980" s="5" t="s">
        <v>1522</v>
      </c>
      <c r="S980" s="5" t="s">
        <v>1523</v>
      </c>
      <c r="T980" s="5" t="s">
        <v>42</v>
      </c>
      <c r="U980" s="2">
        <v>1.9670000000000001</v>
      </c>
      <c r="V980" s="2">
        <v>1.5580000000000001</v>
      </c>
      <c r="W980" s="2">
        <v>1.0999999999999999E-2</v>
      </c>
      <c r="X980" s="2">
        <v>82.9</v>
      </c>
      <c r="Y980" s="2">
        <v>7.6</v>
      </c>
      <c r="Z980" s="2">
        <v>16.7</v>
      </c>
      <c r="AA980" s="5"/>
      <c r="AB980" s="5" t="s">
        <v>43</v>
      </c>
      <c r="AC980" s="5" t="s">
        <v>44</v>
      </c>
      <c r="AD980" s="2"/>
      <c r="AE980" s="1"/>
    </row>
    <row r="981" spans="1:31" ht="14.45">
      <c r="A981" s="11"/>
      <c r="B981" s="20"/>
      <c r="C981" s="2" t="s">
        <v>3364</v>
      </c>
      <c r="D981" s="14" t="s">
        <v>3365</v>
      </c>
      <c r="E981" s="2" t="s">
        <v>3366</v>
      </c>
      <c r="F981" s="2" t="s">
        <v>1807</v>
      </c>
      <c r="G981" s="8">
        <v>157</v>
      </c>
      <c r="H981" s="5">
        <v>6</v>
      </c>
      <c r="I981" s="5" t="s">
        <v>1518</v>
      </c>
      <c r="J981" s="5" t="s">
        <v>1519</v>
      </c>
      <c r="K981" s="2" t="s">
        <v>1520</v>
      </c>
      <c r="L981" s="5" t="s">
        <v>1519</v>
      </c>
      <c r="M981" s="2" t="s">
        <v>1520</v>
      </c>
      <c r="N981" s="5" t="s">
        <v>1521</v>
      </c>
      <c r="O981" s="5" t="s">
        <v>38</v>
      </c>
      <c r="P981" s="5" t="s">
        <v>39</v>
      </c>
      <c r="Q981" s="5" t="s">
        <v>40</v>
      </c>
      <c r="R981" s="5" t="s">
        <v>1522</v>
      </c>
      <c r="S981" s="5" t="s">
        <v>1523</v>
      </c>
      <c r="T981" s="5" t="s">
        <v>42</v>
      </c>
      <c r="U981" s="2">
        <v>1.93</v>
      </c>
      <c r="V981" s="2">
        <v>1.5209999999999999</v>
      </c>
      <c r="W981" s="2">
        <v>1.0999999999999999E-2</v>
      </c>
      <c r="X981" s="2">
        <v>82.9</v>
      </c>
      <c r="Y981" s="2">
        <v>7.6</v>
      </c>
      <c r="Z981" s="2">
        <v>16.7</v>
      </c>
      <c r="AA981" s="5"/>
      <c r="AB981" s="5" t="s">
        <v>43</v>
      </c>
      <c r="AC981" s="5" t="s">
        <v>44</v>
      </c>
      <c r="AD981" s="2"/>
      <c r="AE981" s="1"/>
    </row>
    <row r="982" spans="1:31" ht="14.45">
      <c r="A982" s="11"/>
      <c r="B982" s="20"/>
      <c r="C982" s="2" t="s">
        <v>3367</v>
      </c>
      <c r="D982" s="14" t="s">
        <v>3368</v>
      </c>
      <c r="E982" s="2" t="s">
        <v>3369</v>
      </c>
      <c r="F982" s="2" t="s">
        <v>1811</v>
      </c>
      <c r="G982" s="8">
        <v>157</v>
      </c>
      <c r="H982" s="5">
        <v>6</v>
      </c>
      <c r="I982" s="5" t="s">
        <v>1518</v>
      </c>
      <c r="J982" s="5" t="s">
        <v>1519</v>
      </c>
      <c r="K982" s="2" t="s">
        <v>1520</v>
      </c>
      <c r="L982" s="5" t="s">
        <v>1519</v>
      </c>
      <c r="M982" s="2" t="s">
        <v>1520</v>
      </c>
      <c r="N982" s="5" t="s">
        <v>1521</v>
      </c>
      <c r="O982" s="5" t="s">
        <v>38</v>
      </c>
      <c r="P982" s="5" t="s">
        <v>39</v>
      </c>
      <c r="Q982" s="5" t="s">
        <v>40</v>
      </c>
      <c r="R982" s="5" t="s">
        <v>1522</v>
      </c>
      <c r="S982" s="5" t="s">
        <v>1523</v>
      </c>
      <c r="T982" s="5" t="s">
        <v>42</v>
      </c>
      <c r="U982" s="2">
        <v>1.9670000000000001</v>
      </c>
      <c r="V982" s="2">
        <v>1.5580000000000001</v>
      </c>
      <c r="W982" s="2">
        <v>1.0999999999999999E-2</v>
      </c>
      <c r="X982" s="2">
        <v>82.9</v>
      </c>
      <c r="Y982" s="2">
        <v>7.6</v>
      </c>
      <c r="Z982" s="2">
        <v>16.7</v>
      </c>
      <c r="AA982" s="5"/>
      <c r="AB982" s="5" t="s">
        <v>43</v>
      </c>
      <c r="AC982" s="5" t="s">
        <v>44</v>
      </c>
      <c r="AD982" s="2"/>
      <c r="AE982" s="1"/>
    </row>
    <row r="983" spans="1:31" ht="14.45">
      <c r="A983" s="11"/>
      <c r="B983" s="20"/>
      <c r="C983" s="2" t="s">
        <v>3370</v>
      </c>
      <c r="D983" s="14" t="s">
        <v>3371</v>
      </c>
      <c r="E983" s="2" t="s">
        <v>3372</v>
      </c>
      <c r="F983" s="2" t="s">
        <v>1815</v>
      </c>
      <c r="G983" s="8">
        <v>157</v>
      </c>
      <c r="H983" s="5">
        <v>6</v>
      </c>
      <c r="I983" s="5" t="s">
        <v>1518</v>
      </c>
      <c r="J983" s="5" t="s">
        <v>1519</v>
      </c>
      <c r="K983" s="2" t="s">
        <v>1520</v>
      </c>
      <c r="L983" s="5" t="s">
        <v>1519</v>
      </c>
      <c r="M983" s="2" t="s">
        <v>1520</v>
      </c>
      <c r="N983" s="5" t="s">
        <v>1521</v>
      </c>
      <c r="O983" s="5" t="s">
        <v>38</v>
      </c>
      <c r="P983" s="5" t="s">
        <v>39</v>
      </c>
      <c r="Q983" s="5" t="s">
        <v>40</v>
      </c>
      <c r="R983" s="5" t="s">
        <v>1522</v>
      </c>
      <c r="S983" s="5" t="s">
        <v>1523</v>
      </c>
      <c r="T983" s="5" t="s">
        <v>42</v>
      </c>
      <c r="U983" s="2">
        <v>1.915</v>
      </c>
      <c r="V983" s="2">
        <v>1.506</v>
      </c>
      <c r="W983" s="2">
        <v>1.0999999999999999E-2</v>
      </c>
      <c r="X983" s="2">
        <v>82.9</v>
      </c>
      <c r="Y983" s="2">
        <v>7.6</v>
      </c>
      <c r="Z983" s="2">
        <v>16.7</v>
      </c>
      <c r="AA983" s="5"/>
      <c r="AB983" s="5" t="s">
        <v>43</v>
      </c>
      <c r="AC983" s="5" t="s">
        <v>44</v>
      </c>
      <c r="AD983" s="2"/>
      <c r="AE983" s="1"/>
    </row>
    <row r="984" spans="1:31" ht="14.45">
      <c r="A984" s="11"/>
      <c r="B984" s="20"/>
      <c r="C984" s="2" t="s">
        <v>3373</v>
      </c>
      <c r="D984" s="14" t="s">
        <v>3374</v>
      </c>
      <c r="E984" s="2" t="s">
        <v>3375</v>
      </c>
      <c r="F984" s="2" t="s">
        <v>1819</v>
      </c>
      <c r="G984" s="8">
        <v>157</v>
      </c>
      <c r="H984" s="5">
        <v>6</v>
      </c>
      <c r="I984" s="5" t="s">
        <v>1518</v>
      </c>
      <c r="J984" s="5" t="s">
        <v>1519</v>
      </c>
      <c r="K984" s="2" t="s">
        <v>1520</v>
      </c>
      <c r="L984" s="5" t="s">
        <v>1519</v>
      </c>
      <c r="M984" s="2" t="s">
        <v>1520</v>
      </c>
      <c r="N984" s="5" t="s">
        <v>1521</v>
      </c>
      <c r="O984" s="5" t="s">
        <v>38</v>
      </c>
      <c r="P984" s="5" t="s">
        <v>39</v>
      </c>
      <c r="Q984" s="5" t="s">
        <v>40</v>
      </c>
      <c r="R984" s="5" t="s">
        <v>1522</v>
      </c>
      <c r="S984" s="5" t="s">
        <v>1523</v>
      </c>
      <c r="T984" s="5" t="s">
        <v>42</v>
      </c>
      <c r="U984" s="2">
        <v>1.952</v>
      </c>
      <c r="V984" s="2">
        <v>1.5429999999999999</v>
      </c>
      <c r="W984" s="2">
        <v>1.0999999999999999E-2</v>
      </c>
      <c r="X984" s="2">
        <v>82.9</v>
      </c>
      <c r="Y984" s="2">
        <v>7.6</v>
      </c>
      <c r="Z984" s="2">
        <v>16.7</v>
      </c>
      <c r="AA984" s="5"/>
      <c r="AB984" s="5" t="s">
        <v>43</v>
      </c>
      <c r="AC984" s="5" t="s">
        <v>44</v>
      </c>
      <c r="AD984" s="2"/>
      <c r="AE984" s="1"/>
    </row>
    <row r="985" spans="1:31" ht="14.45">
      <c r="A985" s="11"/>
      <c r="B985" s="20"/>
      <c r="C985" s="2" t="s">
        <v>3376</v>
      </c>
      <c r="D985" s="14" t="s">
        <v>3377</v>
      </c>
      <c r="E985" s="2" t="s">
        <v>3378</v>
      </c>
      <c r="F985" s="2" t="s">
        <v>1823</v>
      </c>
      <c r="G985" s="8">
        <v>157</v>
      </c>
      <c r="H985" s="5">
        <v>8</v>
      </c>
      <c r="I985" s="5" t="s">
        <v>1518</v>
      </c>
      <c r="J985" s="5" t="s">
        <v>1519</v>
      </c>
      <c r="K985" s="2" t="s">
        <v>1520</v>
      </c>
      <c r="L985" s="5" t="s">
        <v>1519</v>
      </c>
      <c r="M985" s="2" t="s">
        <v>1520</v>
      </c>
      <c r="N985" s="5" t="s">
        <v>1521</v>
      </c>
      <c r="O985" s="5" t="s">
        <v>38</v>
      </c>
      <c r="P985" s="5" t="s">
        <v>39</v>
      </c>
      <c r="Q985" s="5" t="s">
        <v>40</v>
      </c>
      <c r="R985" s="5" t="s">
        <v>1522</v>
      </c>
      <c r="S985" s="5" t="s">
        <v>1523</v>
      </c>
      <c r="T985" s="5" t="s">
        <v>42</v>
      </c>
      <c r="U985" s="2">
        <v>1.9410000000000001</v>
      </c>
      <c r="V985" s="2">
        <v>1.532</v>
      </c>
      <c r="W985" s="2">
        <v>1.0999999999999999E-2</v>
      </c>
      <c r="X985" s="2">
        <v>82.9</v>
      </c>
      <c r="Y985" s="2">
        <v>7.6</v>
      </c>
      <c r="Z985" s="2">
        <v>16.7</v>
      </c>
      <c r="AA985" s="5"/>
      <c r="AB985" s="5" t="s">
        <v>43</v>
      </c>
      <c r="AC985" s="5" t="s">
        <v>44</v>
      </c>
      <c r="AD985" s="2"/>
      <c r="AE985" s="1"/>
    </row>
    <row r="986" spans="1:31" ht="14.45">
      <c r="A986" s="11"/>
      <c r="B986" s="20"/>
      <c r="C986" s="2" t="s">
        <v>3379</v>
      </c>
      <c r="D986" s="14" t="s">
        <v>3380</v>
      </c>
      <c r="E986" s="2" t="s">
        <v>3381</v>
      </c>
      <c r="F986" s="2" t="s">
        <v>1827</v>
      </c>
      <c r="G986" s="8">
        <v>157</v>
      </c>
      <c r="H986" s="5">
        <v>8</v>
      </c>
      <c r="I986" s="5" t="s">
        <v>1518</v>
      </c>
      <c r="J986" s="5" t="s">
        <v>1519</v>
      </c>
      <c r="K986" s="2" t="s">
        <v>1520</v>
      </c>
      <c r="L986" s="5" t="s">
        <v>1519</v>
      </c>
      <c r="M986" s="2" t="s">
        <v>1520</v>
      </c>
      <c r="N986" s="5" t="s">
        <v>1521</v>
      </c>
      <c r="O986" s="5" t="s">
        <v>38</v>
      </c>
      <c r="P986" s="5" t="s">
        <v>39</v>
      </c>
      <c r="Q986" s="5" t="s">
        <v>40</v>
      </c>
      <c r="R986" s="5" t="s">
        <v>1522</v>
      </c>
      <c r="S986" s="5" t="s">
        <v>1523</v>
      </c>
      <c r="T986" s="5" t="s">
        <v>42</v>
      </c>
      <c r="U986" s="2">
        <v>1.978</v>
      </c>
      <c r="V986" s="2">
        <v>1.569</v>
      </c>
      <c r="W986" s="2">
        <v>1.0999999999999999E-2</v>
      </c>
      <c r="X986" s="2">
        <v>82.9</v>
      </c>
      <c r="Y986" s="2">
        <v>7.6</v>
      </c>
      <c r="Z986" s="2">
        <v>16.7</v>
      </c>
      <c r="AA986" s="5"/>
      <c r="AB986" s="5" t="s">
        <v>43</v>
      </c>
      <c r="AC986" s="5" t="s">
        <v>44</v>
      </c>
      <c r="AD986" s="2"/>
      <c r="AE986" s="1"/>
    </row>
    <row r="987" spans="1:31" ht="14.45">
      <c r="A987" s="11"/>
      <c r="B987" s="20"/>
      <c r="C987" s="2" t="s">
        <v>3382</v>
      </c>
      <c r="D987" s="14" t="s">
        <v>3383</v>
      </c>
      <c r="E987" s="2" t="s">
        <v>3384</v>
      </c>
      <c r="F987" s="2" t="s">
        <v>1973</v>
      </c>
      <c r="G987" s="8">
        <v>157</v>
      </c>
      <c r="H987" s="5">
        <v>13</v>
      </c>
      <c r="I987" s="5" t="s">
        <v>1518</v>
      </c>
      <c r="J987" s="5" t="s">
        <v>1519</v>
      </c>
      <c r="K987" s="2" t="s">
        <v>1520</v>
      </c>
      <c r="L987" s="5" t="s">
        <v>1519</v>
      </c>
      <c r="M987" s="2" t="s">
        <v>1520</v>
      </c>
      <c r="N987" s="5" t="s">
        <v>1521</v>
      </c>
      <c r="O987" s="5" t="s">
        <v>38</v>
      </c>
      <c r="P987" s="5" t="s">
        <v>39</v>
      </c>
      <c r="Q987" s="5" t="s">
        <v>40</v>
      </c>
      <c r="R987" s="5" t="s">
        <v>1522</v>
      </c>
      <c r="S987" s="5" t="s">
        <v>1523</v>
      </c>
      <c r="T987" s="5" t="s">
        <v>42</v>
      </c>
      <c r="U987" s="2">
        <v>1.9670000000000001</v>
      </c>
      <c r="V987" s="2">
        <v>1.5580000000000001</v>
      </c>
      <c r="W987" s="2">
        <v>1.0999999999999999E-2</v>
      </c>
      <c r="X987" s="2">
        <v>82.9</v>
      </c>
      <c r="Y987" s="2">
        <v>7.6</v>
      </c>
      <c r="Z987" s="2">
        <v>16.7</v>
      </c>
      <c r="AA987" s="5"/>
      <c r="AB987" s="5" t="s">
        <v>43</v>
      </c>
      <c r="AC987" s="5" t="s">
        <v>44</v>
      </c>
      <c r="AD987" s="2"/>
      <c r="AE987" s="1"/>
    </row>
    <row r="988" spans="1:31" ht="14.45">
      <c r="A988" s="11"/>
      <c r="B988" s="20"/>
      <c r="C988" s="2" t="s">
        <v>3385</v>
      </c>
      <c r="D988" s="14" t="s">
        <v>3386</v>
      </c>
      <c r="E988" s="2" t="s">
        <v>3387</v>
      </c>
      <c r="F988" s="2" t="s">
        <v>2204</v>
      </c>
      <c r="G988" s="8">
        <v>157</v>
      </c>
      <c r="H988" s="5">
        <v>13</v>
      </c>
      <c r="I988" s="5" t="s">
        <v>1518</v>
      </c>
      <c r="J988" s="5" t="s">
        <v>1519</v>
      </c>
      <c r="K988" s="2" t="s">
        <v>1520</v>
      </c>
      <c r="L988" s="5" t="s">
        <v>1519</v>
      </c>
      <c r="M988" s="2" t="s">
        <v>1520</v>
      </c>
      <c r="N988" s="5" t="s">
        <v>1521</v>
      </c>
      <c r="O988" s="5" t="s">
        <v>38</v>
      </c>
      <c r="P988" s="5" t="s">
        <v>39</v>
      </c>
      <c r="Q988" s="5" t="s">
        <v>40</v>
      </c>
      <c r="R988" s="5" t="s">
        <v>1522</v>
      </c>
      <c r="S988" s="5" t="s">
        <v>1523</v>
      </c>
      <c r="T988" s="5" t="s">
        <v>42</v>
      </c>
      <c r="U988" s="2">
        <v>1.9670000000000001</v>
      </c>
      <c r="V988" s="2">
        <v>1.5580000000000001</v>
      </c>
      <c r="W988" s="2">
        <v>1.0999999999999999E-2</v>
      </c>
      <c r="X988" s="2">
        <v>82.9</v>
      </c>
      <c r="Y988" s="2">
        <v>7.6</v>
      </c>
      <c r="Z988" s="2">
        <v>16.7</v>
      </c>
      <c r="AA988" s="5"/>
      <c r="AB988" s="5" t="s">
        <v>43</v>
      </c>
      <c r="AC988" s="5" t="s">
        <v>44</v>
      </c>
      <c r="AD988" s="2"/>
      <c r="AE988" s="1"/>
    </row>
    <row r="989" spans="1:31" ht="14.45">
      <c r="A989" s="11"/>
      <c r="B989" s="20"/>
      <c r="C989" s="2" t="s">
        <v>3388</v>
      </c>
      <c r="D989" s="14" t="s">
        <v>3389</v>
      </c>
      <c r="E989" s="2" t="s">
        <v>3390</v>
      </c>
      <c r="F989" s="2" t="s">
        <v>2208</v>
      </c>
      <c r="G989" s="8">
        <v>157</v>
      </c>
      <c r="H989" s="5">
        <v>13</v>
      </c>
      <c r="I989" s="5" t="s">
        <v>1518</v>
      </c>
      <c r="J989" s="5" t="s">
        <v>1519</v>
      </c>
      <c r="K989" s="2" t="s">
        <v>1520</v>
      </c>
      <c r="L989" s="5" t="s">
        <v>1519</v>
      </c>
      <c r="M989" s="2" t="s">
        <v>1520</v>
      </c>
      <c r="N989" s="5" t="s">
        <v>1521</v>
      </c>
      <c r="O989" s="5" t="s">
        <v>38</v>
      </c>
      <c r="P989" s="5" t="s">
        <v>39</v>
      </c>
      <c r="Q989" s="5" t="s">
        <v>40</v>
      </c>
      <c r="R989" s="5" t="s">
        <v>1522</v>
      </c>
      <c r="S989" s="5" t="s">
        <v>1523</v>
      </c>
      <c r="T989" s="5" t="s">
        <v>42</v>
      </c>
      <c r="U989" s="2">
        <v>1.9670000000000001</v>
      </c>
      <c r="V989" s="2">
        <v>1.5580000000000001</v>
      </c>
      <c r="W989" s="2">
        <v>1.0999999999999999E-2</v>
      </c>
      <c r="X989" s="2">
        <v>82.9</v>
      </c>
      <c r="Y989" s="2">
        <v>7.6</v>
      </c>
      <c r="Z989" s="2">
        <v>16.7</v>
      </c>
      <c r="AA989" s="5"/>
      <c r="AB989" s="5" t="s">
        <v>43</v>
      </c>
      <c r="AC989" s="5" t="s">
        <v>44</v>
      </c>
      <c r="AD989" s="2"/>
      <c r="AE989" s="1"/>
    </row>
    <row r="990" spans="1:31" ht="14.45">
      <c r="A990" s="11"/>
      <c r="B990" s="20"/>
      <c r="C990" s="2" t="s">
        <v>3391</v>
      </c>
      <c r="D990" s="14" t="s">
        <v>3392</v>
      </c>
      <c r="E990" s="2" t="s">
        <v>3393</v>
      </c>
      <c r="F990" s="2" t="s">
        <v>2212</v>
      </c>
      <c r="G990" s="8">
        <v>157</v>
      </c>
      <c r="H990" s="5">
        <v>13</v>
      </c>
      <c r="I990" s="5" t="s">
        <v>1518</v>
      </c>
      <c r="J990" s="5" t="s">
        <v>1519</v>
      </c>
      <c r="K990" s="2" t="s">
        <v>1520</v>
      </c>
      <c r="L990" s="5" t="s">
        <v>1519</v>
      </c>
      <c r="M990" s="2" t="s">
        <v>1520</v>
      </c>
      <c r="N990" s="5" t="s">
        <v>1521</v>
      </c>
      <c r="O990" s="5" t="s">
        <v>38</v>
      </c>
      <c r="P990" s="5" t="s">
        <v>39</v>
      </c>
      <c r="Q990" s="5" t="s">
        <v>40</v>
      </c>
      <c r="R990" s="5" t="s">
        <v>1522</v>
      </c>
      <c r="S990" s="5" t="s">
        <v>1523</v>
      </c>
      <c r="T990" s="5" t="s">
        <v>42</v>
      </c>
      <c r="U990" s="2">
        <v>2.004</v>
      </c>
      <c r="V990" s="2">
        <v>1.595</v>
      </c>
      <c r="W990" s="2">
        <v>1.0999999999999999E-2</v>
      </c>
      <c r="X990" s="2">
        <v>82.9</v>
      </c>
      <c r="Y990" s="2">
        <v>7.6</v>
      </c>
      <c r="Z990" s="2">
        <v>16.7</v>
      </c>
      <c r="AA990" s="5"/>
      <c r="AB990" s="5" t="s">
        <v>43</v>
      </c>
      <c r="AC990" s="5" t="s">
        <v>44</v>
      </c>
      <c r="AD990" s="2"/>
      <c r="AE990" s="1"/>
    </row>
    <row r="991" spans="1:31" ht="14.45">
      <c r="A991" s="11"/>
      <c r="B991" s="20"/>
      <c r="C991" s="2" t="s">
        <v>3394</v>
      </c>
      <c r="D991" s="14" t="s">
        <v>3395</v>
      </c>
      <c r="E991" s="2" t="s">
        <v>3396</v>
      </c>
      <c r="F991" s="2" t="s">
        <v>1831</v>
      </c>
      <c r="G991" s="8">
        <v>157</v>
      </c>
      <c r="H991" s="5">
        <v>13</v>
      </c>
      <c r="I991" s="5" t="s">
        <v>1518</v>
      </c>
      <c r="J991" s="5" t="s">
        <v>1519</v>
      </c>
      <c r="K991" s="2" t="s">
        <v>1520</v>
      </c>
      <c r="L991" s="5" t="s">
        <v>1519</v>
      </c>
      <c r="M991" s="2" t="s">
        <v>1520</v>
      </c>
      <c r="N991" s="5" t="s">
        <v>1521</v>
      </c>
      <c r="O991" s="5" t="s">
        <v>38</v>
      </c>
      <c r="P991" s="5" t="s">
        <v>39</v>
      </c>
      <c r="Q991" s="5" t="s">
        <v>40</v>
      </c>
      <c r="R991" s="5" t="s">
        <v>1522</v>
      </c>
      <c r="S991" s="5" t="s">
        <v>1523</v>
      </c>
      <c r="T991" s="5" t="s">
        <v>42</v>
      </c>
      <c r="U991" s="2">
        <v>1.9670000000000001</v>
      </c>
      <c r="V991" s="2">
        <v>1.5580000000000001</v>
      </c>
      <c r="W991" s="2">
        <v>1.0999999999999999E-2</v>
      </c>
      <c r="X991" s="2">
        <v>82.9</v>
      </c>
      <c r="Y991" s="2">
        <v>7.6</v>
      </c>
      <c r="Z991" s="2">
        <v>16.7</v>
      </c>
      <c r="AA991" s="5"/>
      <c r="AB991" s="5" t="s">
        <v>43</v>
      </c>
      <c r="AC991" s="5" t="s">
        <v>44</v>
      </c>
      <c r="AD991" s="2"/>
      <c r="AE991" s="1"/>
    </row>
    <row r="992" spans="1:31" ht="14.45">
      <c r="A992" s="11"/>
      <c r="B992" s="20"/>
      <c r="C992" s="2" t="s">
        <v>3397</v>
      </c>
      <c r="D992" s="14" t="s">
        <v>3398</v>
      </c>
      <c r="E992" s="2" t="s">
        <v>3399</v>
      </c>
      <c r="F992" s="2" t="s">
        <v>1835</v>
      </c>
      <c r="G992" s="8">
        <v>157</v>
      </c>
      <c r="H992" s="5">
        <v>13</v>
      </c>
      <c r="I992" s="5" t="s">
        <v>1518</v>
      </c>
      <c r="J992" s="5" t="s">
        <v>1519</v>
      </c>
      <c r="K992" s="2" t="s">
        <v>1520</v>
      </c>
      <c r="L992" s="5" t="s">
        <v>1519</v>
      </c>
      <c r="M992" s="2" t="s">
        <v>1520</v>
      </c>
      <c r="N992" s="5" t="s">
        <v>1521</v>
      </c>
      <c r="O992" s="5" t="s">
        <v>38</v>
      </c>
      <c r="P992" s="5" t="s">
        <v>39</v>
      </c>
      <c r="Q992" s="5" t="s">
        <v>40</v>
      </c>
      <c r="R992" s="5" t="s">
        <v>1522</v>
      </c>
      <c r="S992" s="5" t="s">
        <v>1523</v>
      </c>
      <c r="T992" s="5" t="s">
        <v>42</v>
      </c>
      <c r="U992" s="2">
        <v>2.004</v>
      </c>
      <c r="V992" s="2">
        <v>1.595</v>
      </c>
      <c r="W992" s="2">
        <v>1.0999999999999999E-2</v>
      </c>
      <c r="X992" s="2">
        <v>82.9</v>
      </c>
      <c r="Y992" s="2">
        <v>7.6</v>
      </c>
      <c r="Z992" s="2">
        <v>16.7</v>
      </c>
      <c r="AA992" s="5"/>
      <c r="AB992" s="5" t="s">
        <v>43</v>
      </c>
      <c r="AC992" s="5" t="s">
        <v>44</v>
      </c>
      <c r="AD992" s="2"/>
      <c r="AE992" s="1"/>
    </row>
    <row r="993" spans="1:31" ht="14.45">
      <c r="A993" s="11"/>
      <c r="B993" s="20"/>
      <c r="C993" s="2" t="s">
        <v>3400</v>
      </c>
      <c r="D993" s="14" t="s">
        <v>3401</v>
      </c>
      <c r="E993" s="2" t="s">
        <v>3402</v>
      </c>
      <c r="F993" s="2" t="s">
        <v>1839</v>
      </c>
      <c r="G993" s="8">
        <v>157</v>
      </c>
      <c r="H993" s="5">
        <v>13</v>
      </c>
      <c r="I993" s="5" t="s">
        <v>1518</v>
      </c>
      <c r="J993" s="5" t="s">
        <v>1519</v>
      </c>
      <c r="K993" s="2" t="s">
        <v>1520</v>
      </c>
      <c r="L993" s="5" t="s">
        <v>1519</v>
      </c>
      <c r="M993" s="2" t="s">
        <v>1520</v>
      </c>
      <c r="N993" s="5" t="s">
        <v>1521</v>
      </c>
      <c r="O993" s="5" t="s">
        <v>38</v>
      </c>
      <c r="P993" s="5" t="s">
        <v>39</v>
      </c>
      <c r="Q993" s="5" t="s">
        <v>40</v>
      </c>
      <c r="R993" s="5" t="s">
        <v>1522</v>
      </c>
      <c r="S993" s="5" t="s">
        <v>1523</v>
      </c>
      <c r="T993" s="5" t="s">
        <v>42</v>
      </c>
      <c r="U993" s="2">
        <v>1.9670000000000001</v>
      </c>
      <c r="V993" s="2">
        <v>1.5580000000000001</v>
      </c>
      <c r="W993" s="2">
        <v>1.0999999999999999E-2</v>
      </c>
      <c r="X993" s="2">
        <v>82.9</v>
      </c>
      <c r="Y993" s="2">
        <v>7.6</v>
      </c>
      <c r="Z993" s="2">
        <v>16.7</v>
      </c>
      <c r="AA993" s="5"/>
      <c r="AB993" s="5" t="s">
        <v>43</v>
      </c>
      <c r="AC993" s="5" t="s">
        <v>44</v>
      </c>
      <c r="AD993" s="2"/>
      <c r="AE993" s="1"/>
    </row>
    <row r="994" spans="1:31" ht="14.45">
      <c r="A994" s="11"/>
      <c r="B994" s="20"/>
      <c r="C994" s="2" t="s">
        <v>3403</v>
      </c>
      <c r="D994" s="14" t="s">
        <v>3404</v>
      </c>
      <c r="E994" s="2" t="s">
        <v>3405</v>
      </c>
      <c r="F994" s="2" t="s">
        <v>1986</v>
      </c>
      <c r="G994" s="8">
        <v>157</v>
      </c>
      <c r="H994" s="5">
        <v>13</v>
      </c>
      <c r="I994" s="5" t="s">
        <v>1518</v>
      </c>
      <c r="J994" s="5" t="s">
        <v>1519</v>
      </c>
      <c r="K994" s="2" t="s">
        <v>1520</v>
      </c>
      <c r="L994" s="5" t="s">
        <v>1519</v>
      </c>
      <c r="M994" s="2" t="s">
        <v>1520</v>
      </c>
      <c r="N994" s="5" t="s">
        <v>1521</v>
      </c>
      <c r="O994" s="5" t="s">
        <v>38</v>
      </c>
      <c r="P994" s="5" t="s">
        <v>39</v>
      </c>
      <c r="Q994" s="5" t="s">
        <v>40</v>
      </c>
      <c r="R994" s="5" t="s">
        <v>1522</v>
      </c>
      <c r="S994" s="5" t="s">
        <v>1523</v>
      </c>
      <c r="T994" s="5" t="s">
        <v>42</v>
      </c>
      <c r="U994" s="2">
        <v>2.004</v>
      </c>
      <c r="V994" s="2">
        <v>1.595</v>
      </c>
      <c r="W994" s="2">
        <v>1.0999999999999999E-2</v>
      </c>
      <c r="X994" s="2">
        <v>82.9</v>
      </c>
      <c r="Y994" s="2">
        <v>7.6</v>
      </c>
      <c r="Z994" s="2">
        <v>16.7</v>
      </c>
      <c r="AA994" s="5"/>
      <c r="AB994" s="5" t="s">
        <v>43</v>
      </c>
      <c r="AC994" s="5" t="s">
        <v>44</v>
      </c>
      <c r="AD994" s="2"/>
      <c r="AE994" s="1"/>
    </row>
    <row r="995" spans="1:31" ht="14.45">
      <c r="A995" s="11"/>
      <c r="B995" s="20"/>
      <c r="C995" s="2" t="s">
        <v>3406</v>
      </c>
      <c r="D995" s="14" t="s">
        <v>3407</v>
      </c>
      <c r="E995" s="2" t="s">
        <v>3408</v>
      </c>
      <c r="F995" s="2" t="s">
        <v>1843</v>
      </c>
      <c r="G995" s="8">
        <v>157</v>
      </c>
      <c r="H995" s="5">
        <v>13</v>
      </c>
      <c r="I995" s="5" t="s">
        <v>1518</v>
      </c>
      <c r="J995" s="5" t="s">
        <v>1519</v>
      </c>
      <c r="K995" s="2" t="s">
        <v>1520</v>
      </c>
      <c r="L995" s="5" t="s">
        <v>1519</v>
      </c>
      <c r="M995" s="2" t="s">
        <v>1520</v>
      </c>
      <c r="N995" s="5" t="s">
        <v>1521</v>
      </c>
      <c r="O995" s="5" t="s">
        <v>38</v>
      </c>
      <c r="P995" s="5" t="s">
        <v>39</v>
      </c>
      <c r="Q995" s="5" t="s">
        <v>40</v>
      </c>
      <c r="R995" s="5" t="s">
        <v>1522</v>
      </c>
      <c r="S995" s="5" t="s">
        <v>1523</v>
      </c>
      <c r="T995" s="5" t="s">
        <v>42</v>
      </c>
      <c r="U995" s="2">
        <v>1.9670000000000001</v>
      </c>
      <c r="V995" s="2">
        <v>1.5580000000000001</v>
      </c>
      <c r="W995" s="2">
        <v>1.0999999999999999E-2</v>
      </c>
      <c r="X995" s="2">
        <v>82.9</v>
      </c>
      <c r="Y995" s="2">
        <v>7.6</v>
      </c>
      <c r="Z995" s="2">
        <v>16.7</v>
      </c>
      <c r="AA995" s="5"/>
      <c r="AB995" s="5" t="s">
        <v>43</v>
      </c>
      <c r="AC995" s="5" t="s">
        <v>44</v>
      </c>
      <c r="AD995" s="2"/>
      <c r="AE995" s="1"/>
    </row>
    <row r="996" spans="1:31" ht="14.45">
      <c r="A996" s="11"/>
      <c r="B996" s="20"/>
      <c r="C996" s="2" t="s">
        <v>3409</v>
      </c>
      <c r="D996" s="14" t="s">
        <v>3410</v>
      </c>
      <c r="E996" s="2" t="s">
        <v>3411</v>
      </c>
      <c r="F996" s="2" t="s">
        <v>1847</v>
      </c>
      <c r="G996" s="8">
        <v>157</v>
      </c>
      <c r="H996" s="5">
        <v>13</v>
      </c>
      <c r="I996" s="5" t="s">
        <v>1518</v>
      </c>
      <c r="J996" s="5" t="s">
        <v>1519</v>
      </c>
      <c r="K996" s="2" t="s">
        <v>1520</v>
      </c>
      <c r="L996" s="5" t="s">
        <v>1519</v>
      </c>
      <c r="M996" s="2" t="s">
        <v>1520</v>
      </c>
      <c r="N996" s="5" t="s">
        <v>1521</v>
      </c>
      <c r="O996" s="5" t="s">
        <v>38</v>
      </c>
      <c r="P996" s="5" t="s">
        <v>39</v>
      </c>
      <c r="Q996" s="5" t="s">
        <v>40</v>
      </c>
      <c r="R996" s="5" t="s">
        <v>1522</v>
      </c>
      <c r="S996" s="5" t="s">
        <v>1523</v>
      </c>
      <c r="T996" s="5" t="s">
        <v>42</v>
      </c>
      <c r="U996" s="2">
        <v>2.004</v>
      </c>
      <c r="V996" s="2">
        <v>1.595</v>
      </c>
      <c r="W996" s="2">
        <v>1.0999999999999999E-2</v>
      </c>
      <c r="X996" s="2">
        <v>82.9</v>
      </c>
      <c r="Y996" s="2">
        <v>7.6</v>
      </c>
      <c r="Z996" s="2">
        <v>16.7</v>
      </c>
      <c r="AA996" s="5"/>
      <c r="AB996" s="5" t="s">
        <v>43</v>
      </c>
      <c r="AC996" s="5" t="s">
        <v>44</v>
      </c>
      <c r="AD996" s="2"/>
      <c r="AE996" s="1"/>
    </row>
    <row r="997" spans="1:31" ht="14.45">
      <c r="A997" s="11"/>
      <c r="B997" s="20"/>
      <c r="C997" s="2" t="s">
        <v>3412</v>
      </c>
      <c r="D997" s="14" t="s">
        <v>3413</v>
      </c>
      <c r="E997" s="2" t="s">
        <v>3414</v>
      </c>
      <c r="F997" s="2" t="s">
        <v>1851</v>
      </c>
      <c r="G997" s="8">
        <v>157</v>
      </c>
      <c r="H997" s="5">
        <v>13</v>
      </c>
      <c r="I997" s="5" t="s">
        <v>1518</v>
      </c>
      <c r="J997" s="5" t="s">
        <v>1519</v>
      </c>
      <c r="K997" s="2" t="s">
        <v>1520</v>
      </c>
      <c r="L997" s="5" t="s">
        <v>1519</v>
      </c>
      <c r="M997" s="2" t="s">
        <v>1520</v>
      </c>
      <c r="N997" s="5" t="s">
        <v>1521</v>
      </c>
      <c r="O997" s="5" t="s">
        <v>38</v>
      </c>
      <c r="P997" s="5" t="s">
        <v>39</v>
      </c>
      <c r="Q997" s="5" t="s">
        <v>40</v>
      </c>
      <c r="R997" s="5" t="s">
        <v>1522</v>
      </c>
      <c r="S997" s="5" t="s">
        <v>1523</v>
      </c>
      <c r="T997" s="5" t="s">
        <v>42</v>
      </c>
      <c r="U997" s="2">
        <v>1.9670000000000001</v>
      </c>
      <c r="V997" s="2">
        <v>1.5580000000000001</v>
      </c>
      <c r="W997" s="2">
        <v>1.0999999999999999E-2</v>
      </c>
      <c r="X997" s="2">
        <v>82.9</v>
      </c>
      <c r="Y997" s="2">
        <v>7.6</v>
      </c>
      <c r="Z997" s="2">
        <v>16.7</v>
      </c>
      <c r="AA997" s="5"/>
      <c r="AB997" s="5" t="s">
        <v>43</v>
      </c>
      <c r="AC997" s="5" t="s">
        <v>44</v>
      </c>
      <c r="AD997" s="2"/>
      <c r="AE997" s="1"/>
    </row>
    <row r="998" spans="1:31" ht="14.45">
      <c r="A998" s="11"/>
      <c r="B998" s="20"/>
      <c r="C998" s="2" t="s">
        <v>3415</v>
      </c>
      <c r="D998" s="14" t="s">
        <v>3416</v>
      </c>
      <c r="E998" s="2" t="s">
        <v>3417</v>
      </c>
      <c r="F998" s="2" t="s">
        <v>1999</v>
      </c>
      <c r="G998" s="8">
        <v>157</v>
      </c>
      <c r="H998" s="5">
        <v>13</v>
      </c>
      <c r="I998" s="5" t="s">
        <v>1518</v>
      </c>
      <c r="J998" s="5" t="s">
        <v>1519</v>
      </c>
      <c r="K998" s="2" t="s">
        <v>1520</v>
      </c>
      <c r="L998" s="5" t="s">
        <v>1519</v>
      </c>
      <c r="M998" s="2" t="s">
        <v>1520</v>
      </c>
      <c r="N998" s="5" t="s">
        <v>1521</v>
      </c>
      <c r="O998" s="5" t="s">
        <v>38</v>
      </c>
      <c r="P998" s="5" t="s">
        <v>39</v>
      </c>
      <c r="Q998" s="5" t="s">
        <v>40</v>
      </c>
      <c r="R998" s="5" t="s">
        <v>1522</v>
      </c>
      <c r="S998" s="5" t="s">
        <v>1523</v>
      </c>
      <c r="T998" s="5" t="s">
        <v>42</v>
      </c>
      <c r="U998" s="2">
        <v>2.004</v>
      </c>
      <c r="V998" s="2">
        <v>1.595</v>
      </c>
      <c r="W998" s="2">
        <v>1.0999999999999999E-2</v>
      </c>
      <c r="X998" s="2">
        <v>82.9</v>
      </c>
      <c r="Y998" s="2">
        <v>7.6</v>
      </c>
      <c r="Z998" s="2">
        <v>16.7</v>
      </c>
      <c r="AA998" s="5"/>
      <c r="AB998" s="5" t="s">
        <v>43</v>
      </c>
      <c r="AC998" s="5" t="s">
        <v>44</v>
      </c>
      <c r="AD998" s="2"/>
      <c r="AE998" s="1"/>
    </row>
    <row r="999" spans="1:31" ht="14.45">
      <c r="A999" s="11"/>
      <c r="B999" s="20"/>
      <c r="C999" s="2" t="s">
        <v>3418</v>
      </c>
      <c r="D999" s="14" t="s">
        <v>3419</v>
      </c>
      <c r="E999" s="2" t="s">
        <v>3420</v>
      </c>
      <c r="F999" s="2" t="s">
        <v>1855</v>
      </c>
      <c r="G999" s="8">
        <v>157</v>
      </c>
      <c r="H999" s="5">
        <v>13</v>
      </c>
      <c r="I999" s="5" t="s">
        <v>1518</v>
      </c>
      <c r="J999" s="5" t="s">
        <v>1519</v>
      </c>
      <c r="K999" s="2" t="s">
        <v>1520</v>
      </c>
      <c r="L999" s="5" t="s">
        <v>1519</v>
      </c>
      <c r="M999" s="2" t="s">
        <v>1520</v>
      </c>
      <c r="N999" s="5" t="s">
        <v>1521</v>
      </c>
      <c r="O999" s="5" t="s">
        <v>38</v>
      </c>
      <c r="P999" s="5" t="s">
        <v>39</v>
      </c>
      <c r="Q999" s="5" t="s">
        <v>40</v>
      </c>
      <c r="R999" s="5" t="s">
        <v>1522</v>
      </c>
      <c r="S999" s="5" t="s">
        <v>1523</v>
      </c>
      <c r="T999" s="5" t="s">
        <v>42</v>
      </c>
      <c r="U999" s="2">
        <v>1.9670000000000001</v>
      </c>
      <c r="V999" s="2">
        <v>1.5580000000000001</v>
      </c>
      <c r="W999" s="2">
        <v>1.0999999999999999E-2</v>
      </c>
      <c r="X999" s="2">
        <v>82.9</v>
      </c>
      <c r="Y999" s="2">
        <v>7.6</v>
      </c>
      <c r="Z999" s="2">
        <v>16.7</v>
      </c>
      <c r="AA999" s="5"/>
      <c r="AB999" s="5" t="s">
        <v>43</v>
      </c>
      <c r="AC999" s="5" t="s">
        <v>44</v>
      </c>
      <c r="AD999" s="2"/>
      <c r="AE999" s="1"/>
    </row>
    <row r="1000" spans="1:31" ht="14.45">
      <c r="A1000" s="11"/>
      <c r="B1000" s="20"/>
      <c r="C1000" s="2" t="s">
        <v>3421</v>
      </c>
      <c r="D1000" s="14" t="s">
        <v>3422</v>
      </c>
      <c r="E1000" s="2" t="s">
        <v>3423</v>
      </c>
      <c r="F1000" s="2" t="s">
        <v>1859</v>
      </c>
      <c r="G1000" s="8">
        <v>157</v>
      </c>
      <c r="H1000" s="5">
        <v>13</v>
      </c>
      <c r="I1000" s="5" t="s">
        <v>1518</v>
      </c>
      <c r="J1000" s="5" t="s">
        <v>1519</v>
      </c>
      <c r="K1000" s="2" t="s">
        <v>1520</v>
      </c>
      <c r="L1000" s="5" t="s">
        <v>1519</v>
      </c>
      <c r="M1000" s="2" t="s">
        <v>1520</v>
      </c>
      <c r="N1000" s="5" t="s">
        <v>1521</v>
      </c>
      <c r="O1000" s="5" t="s">
        <v>38</v>
      </c>
      <c r="P1000" s="5" t="s">
        <v>39</v>
      </c>
      <c r="Q1000" s="5" t="s">
        <v>40</v>
      </c>
      <c r="R1000" s="5" t="s">
        <v>1522</v>
      </c>
      <c r="S1000" s="5" t="s">
        <v>1523</v>
      </c>
      <c r="T1000" s="5" t="s">
        <v>42</v>
      </c>
      <c r="U1000" s="2">
        <v>2.004</v>
      </c>
      <c r="V1000" s="2">
        <v>1.595</v>
      </c>
      <c r="W1000" s="2">
        <v>1.0999999999999999E-2</v>
      </c>
      <c r="X1000" s="2">
        <v>82.9</v>
      </c>
      <c r="Y1000" s="2">
        <v>7.6</v>
      </c>
      <c r="Z1000" s="2">
        <v>16.7</v>
      </c>
      <c r="AA1000" s="5"/>
      <c r="AB1000" s="5" t="s">
        <v>43</v>
      </c>
      <c r="AC1000" s="5" t="s">
        <v>44</v>
      </c>
      <c r="AD1000" s="2"/>
      <c r="AE1000" s="1"/>
    </row>
    <row r="1001" spans="1:31" ht="14.45">
      <c r="A1001" s="11"/>
      <c r="B1001" s="20"/>
      <c r="C1001" s="2" t="s">
        <v>3424</v>
      </c>
      <c r="D1001" s="14" t="s">
        <v>3425</v>
      </c>
      <c r="E1001" s="2" t="s">
        <v>3426</v>
      </c>
      <c r="F1001" s="2" t="s">
        <v>1863</v>
      </c>
      <c r="G1001" s="8">
        <v>157</v>
      </c>
      <c r="H1001" s="5">
        <v>11</v>
      </c>
      <c r="I1001" s="5" t="s">
        <v>1518</v>
      </c>
      <c r="J1001" s="5" t="s">
        <v>1519</v>
      </c>
      <c r="K1001" s="2" t="s">
        <v>1520</v>
      </c>
      <c r="L1001" s="5" t="s">
        <v>1519</v>
      </c>
      <c r="M1001" s="2" t="s">
        <v>1520</v>
      </c>
      <c r="N1001" s="5" t="s">
        <v>1521</v>
      </c>
      <c r="O1001" s="5" t="s">
        <v>38</v>
      </c>
      <c r="P1001" s="5" t="s">
        <v>39</v>
      </c>
      <c r="Q1001" s="5" t="s">
        <v>40</v>
      </c>
      <c r="R1001" s="5" t="s">
        <v>1522</v>
      </c>
      <c r="S1001" s="5" t="s">
        <v>1523</v>
      </c>
      <c r="T1001" s="5" t="s">
        <v>42</v>
      </c>
      <c r="U1001" s="2">
        <v>1.917</v>
      </c>
      <c r="V1001" s="2">
        <v>1.508</v>
      </c>
      <c r="W1001" s="2">
        <v>1.0999999999999999E-2</v>
      </c>
      <c r="X1001" s="2">
        <v>82.9</v>
      </c>
      <c r="Y1001" s="2">
        <v>7.6</v>
      </c>
      <c r="Z1001" s="2">
        <v>16.7</v>
      </c>
      <c r="AA1001" s="5"/>
      <c r="AB1001" s="5" t="s">
        <v>43</v>
      </c>
      <c r="AC1001" s="5" t="s">
        <v>44</v>
      </c>
      <c r="AD1001" s="2"/>
      <c r="AE1001" s="1"/>
    </row>
    <row r="1002" spans="1:31" ht="14.45">
      <c r="A1002" s="11"/>
      <c r="B1002" s="20"/>
      <c r="C1002" s="2" t="s">
        <v>3427</v>
      </c>
      <c r="D1002" s="14" t="s">
        <v>3428</v>
      </c>
      <c r="E1002" s="2" t="s">
        <v>3429</v>
      </c>
      <c r="F1002" s="2" t="s">
        <v>1867</v>
      </c>
      <c r="G1002" s="8">
        <v>157</v>
      </c>
      <c r="H1002" s="5">
        <v>11</v>
      </c>
      <c r="I1002" s="5" t="s">
        <v>1518</v>
      </c>
      <c r="J1002" s="5" t="s">
        <v>1519</v>
      </c>
      <c r="K1002" s="2" t="s">
        <v>1520</v>
      </c>
      <c r="L1002" s="5" t="s">
        <v>1519</v>
      </c>
      <c r="M1002" s="2" t="s">
        <v>1520</v>
      </c>
      <c r="N1002" s="5" t="s">
        <v>1521</v>
      </c>
      <c r="O1002" s="5" t="s">
        <v>38</v>
      </c>
      <c r="P1002" s="5" t="s">
        <v>39</v>
      </c>
      <c r="Q1002" s="5" t="s">
        <v>40</v>
      </c>
      <c r="R1002" s="5" t="s">
        <v>1522</v>
      </c>
      <c r="S1002" s="5" t="s">
        <v>1523</v>
      </c>
      <c r="T1002" s="5" t="s">
        <v>42</v>
      </c>
      <c r="U1002" s="2">
        <v>1.954</v>
      </c>
      <c r="V1002" s="2">
        <v>1.5449999999999999</v>
      </c>
      <c r="W1002" s="2">
        <v>1.0999999999999999E-2</v>
      </c>
      <c r="X1002" s="2">
        <v>82.9</v>
      </c>
      <c r="Y1002" s="2">
        <v>7.6</v>
      </c>
      <c r="Z1002" s="2">
        <v>16.7</v>
      </c>
      <c r="AA1002" s="5"/>
      <c r="AB1002" s="5" t="s">
        <v>43</v>
      </c>
      <c r="AC1002" s="5" t="s">
        <v>44</v>
      </c>
      <c r="AD1002" s="2"/>
      <c r="AE1002" s="1"/>
    </row>
    <row r="1003" spans="1:31" ht="14.45">
      <c r="A1003" s="11"/>
      <c r="B1003" s="20"/>
      <c r="C1003" s="2" t="s">
        <v>3430</v>
      </c>
      <c r="D1003" s="14" t="s">
        <v>3431</v>
      </c>
      <c r="E1003" s="2" t="s">
        <v>3432</v>
      </c>
      <c r="F1003" s="2" t="s">
        <v>1695</v>
      </c>
      <c r="G1003" s="8">
        <v>148</v>
      </c>
      <c r="H1003" s="5">
        <v>5</v>
      </c>
      <c r="I1003" s="5" t="s">
        <v>1518</v>
      </c>
      <c r="J1003" s="5" t="s">
        <v>1519</v>
      </c>
      <c r="K1003" s="2" t="s">
        <v>1520</v>
      </c>
      <c r="L1003" s="5" t="s">
        <v>1519</v>
      </c>
      <c r="M1003" s="2" t="s">
        <v>1520</v>
      </c>
      <c r="N1003" s="5" t="s">
        <v>1521</v>
      </c>
      <c r="O1003" s="5" t="s">
        <v>38</v>
      </c>
      <c r="P1003" s="5" t="s">
        <v>39</v>
      </c>
      <c r="Q1003" s="5" t="s">
        <v>40</v>
      </c>
      <c r="R1003" s="5" t="s">
        <v>1522</v>
      </c>
      <c r="S1003" s="5" t="s">
        <v>1523</v>
      </c>
      <c r="T1003" s="5" t="s">
        <v>42</v>
      </c>
      <c r="U1003" s="2">
        <v>2.1320000000000001</v>
      </c>
      <c r="V1003" s="2">
        <v>1.643</v>
      </c>
      <c r="W1003" s="2">
        <v>1.2999999999999999E-2</v>
      </c>
      <c r="X1003" s="2">
        <v>99.1</v>
      </c>
      <c r="Y1003" s="2">
        <v>7.6</v>
      </c>
      <c r="Z1003" s="2">
        <v>16.7</v>
      </c>
      <c r="AA1003" s="5"/>
      <c r="AB1003" s="5" t="s">
        <v>43</v>
      </c>
      <c r="AC1003" s="5" t="s">
        <v>44</v>
      </c>
      <c r="AD1003" s="2"/>
      <c r="AE1003" s="1"/>
    </row>
    <row r="1004" spans="1:31" ht="14.45">
      <c r="A1004" s="11"/>
      <c r="B1004" s="20"/>
      <c r="C1004" s="2" t="s">
        <v>3433</v>
      </c>
      <c r="D1004" s="14" t="s">
        <v>3434</v>
      </c>
      <c r="E1004" s="2" t="s">
        <v>3435</v>
      </c>
      <c r="F1004" s="2" t="s">
        <v>1699</v>
      </c>
      <c r="G1004" s="8">
        <v>148</v>
      </c>
      <c r="H1004" s="5">
        <v>6</v>
      </c>
      <c r="I1004" s="5" t="s">
        <v>1518</v>
      </c>
      <c r="J1004" s="5" t="s">
        <v>1519</v>
      </c>
      <c r="K1004" s="2" t="s">
        <v>1520</v>
      </c>
      <c r="L1004" s="5" t="s">
        <v>1519</v>
      </c>
      <c r="M1004" s="2" t="s">
        <v>1520</v>
      </c>
      <c r="N1004" s="5" t="s">
        <v>1521</v>
      </c>
      <c r="O1004" s="5" t="s">
        <v>38</v>
      </c>
      <c r="P1004" s="5" t="s">
        <v>39</v>
      </c>
      <c r="Q1004" s="5" t="s">
        <v>40</v>
      </c>
      <c r="R1004" s="5" t="s">
        <v>1522</v>
      </c>
      <c r="S1004" s="5" t="s">
        <v>1523</v>
      </c>
      <c r="T1004" s="5" t="s">
        <v>42</v>
      </c>
      <c r="U1004" s="2">
        <v>2.1739999999999999</v>
      </c>
      <c r="V1004" s="2">
        <v>1.6850000000000001</v>
      </c>
      <c r="W1004" s="2">
        <v>1.2999999999999999E-2</v>
      </c>
      <c r="X1004" s="2">
        <v>99.1</v>
      </c>
      <c r="Y1004" s="2">
        <v>7.6</v>
      </c>
      <c r="Z1004" s="2">
        <v>16.7</v>
      </c>
      <c r="AA1004" s="5"/>
      <c r="AB1004" s="5" t="s">
        <v>43</v>
      </c>
      <c r="AC1004" s="5" t="s">
        <v>44</v>
      </c>
      <c r="AD1004" s="2"/>
      <c r="AE1004" s="1"/>
    </row>
    <row r="1005" spans="1:31" ht="14.45">
      <c r="A1005" s="11"/>
      <c r="B1005" s="20"/>
      <c r="C1005" s="2" t="s">
        <v>3436</v>
      </c>
      <c r="D1005" s="14" t="s">
        <v>3437</v>
      </c>
      <c r="E1005" s="2" t="s">
        <v>3438</v>
      </c>
      <c r="F1005" s="2" t="s">
        <v>1703</v>
      </c>
      <c r="G1005" s="8">
        <v>148</v>
      </c>
      <c r="H1005" s="5">
        <v>6</v>
      </c>
      <c r="I1005" s="5" t="s">
        <v>1518</v>
      </c>
      <c r="J1005" s="5" t="s">
        <v>1519</v>
      </c>
      <c r="K1005" s="2" t="s">
        <v>1520</v>
      </c>
      <c r="L1005" s="5" t="s">
        <v>1519</v>
      </c>
      <c r="M1005" s="2" t="s">
        <v>1520</v>
      </c>
      <c r="N1005" s="5" t="s">
        <v>1521</v>
      </c>
      <c r="O1005" s="5" t="s">
        <v>38</v>
      </c>
      <c r="P1005" s="5" t="s">
        <v>39</v>
      </c>
      <c r="Q1005" s="5" t="s">
        <v>40</v>
      </c>
      <c r="R1005" s="5" t="s">
        <v>1522</v>
      </c>
      <c r="S1005" s="5" t="s">
        <v>1523</v>
      </c>
      <c r="T1005" s="5" t="s">
        <v>42</v>
      </c>
      <c r="U1005" s="2">
        <v>2.1389999999999998</v>
      </c>
      <c r="V1005" s="2">
        <v>1.65</v>
      </c>
      <c r="W1005" s="2">
        <v>1.2999999999999999E-2</v>
      </c>
      <c r="X1005" s="2">
        <v>99.1</v>
      </c>
      <c r="Y1005" s="2">
        <v>7.6</v>
      </c>
      <c r="Z1005" s="2">
        <v>16.7</v>
      </c>
      <c r="AA1005" s="5"/>
      <c r="AB1005" s="5" t="s">
        <v>43</v>
      </c>
      <c r="AC1005" s="5" t="s">
        <v>44</v>
      </c>
      <c r="AD1005" s="2"/>
      <c r="AE1005" s="1"/>
    </row>
    <row r="1006" spans="1:31" ht="14.45">
      <c r="A1006" s="11"/>
      <c r="B1006" s="20"/>
      <c r="C1006" s="2" t="s">
        <v>3439</v>
      </c>
      <c r="D1006" s="14" t="s">
        <v>3440</v>
      </c>
      <c r="E1006" s="2" t="s">
        <v>3441</v>
      </c>
      <c r="F1006" s="2" t="s">
        <v>1707</v>
      </c>
      <c r="G1006" s="8">
        <v>148</v>
      </c>
      <c r="H1006" s="5">
        <v>6</v>
      </c>
      <c r="I1006" s="5" t="s">
        <v>1518</v>
      </c>
      <c r="J1006" s="5" t="s">
        <v>1519</v>
      </c>
      <c r="K1006" s="2" t="s">
        <v>1520</v>
      </c>
      <c r="L1006" s="5" t="s">
        <v>1519</v>
      </c>
      <c r="M1006" s="2" t="s">
        <v>1520</v>
      </c>
      <c r="N1006" s="5" t="s">
        <v>1521</v>
      </c>
      <c r="O1006" s="5" t="s">
        <v>38</v>
      </c>
      <c r="P1006" s="5" t="s">
        <v>39</v>
      </c>
      <c r="Q1006" s="5" t="s">
        <v>40</v>
      </c>
      <c r="R1006" s="5" t="s">
        <v>1522</v>
      </c>
      <c r="S1006" s="5" t="s">
        <v>1523</v>
      </c>
      <c r="T1006" s="5" t="s">
        <v>42</v>
      </c>
      <c r="U1006" s="2">
        <v>2.181</v>
      </c>
      <c r="V1006" s="2">
        <v>1.6919999999999999</v>
      </c>
      <c r="W1006" s="2">
        <v>1.2999999999999999E-2</v>
      </c>
      <c r="X1006" s="2">
        <v>99.1</v>
      </c>
      <c r="Y1006" s="2">
        <v>7.6</v>
      </c>
      <c r="Z1006" s="2">
        <v>16.7</v>
      </c>
      <c r="AA1006" s="5"/>
      <c r="AB1006" s="5" t="s">
        <v>43</v>
      </c>
      <c r="AC1006" s="5" t="s">
        <v>44</v>
      </c>
      <c r="AD1006" s="2"/>
      <c r="AE1006" s="1"/>
    </row>
    <row r="1007" spans="1:31" ht="14.45">
      <c r="A1007" s="11"/>
      <c r="B1007" s="20"/>
      <c r="C1007" s="2" t="s">
        <v>3442</v>
      </c>
      <c r="D1007" s="14" t="s">
        <v>3443</v>
      </c>
      <c r="E1007" s="2" t="s">
        <v>3444</v>
      </c>
      <c r="F1007" s="2" t="s">
        <v>1711</v>
      </c>
      <c r="G1007" s="8">
        <v>148</v>
      </c>
      <c r="H1007" s="5">
        <v>5</v>
      </c>
      <c r="I1007" s="5" t="s">
        <v>1518</v>
      </c>
      <c r="J1007" s="5" t="s">
        <v>1519</v>
      </c>
      <c r="K1007" s="2" t="s">
        <v>1520</v>
      </c>
      <c r="L1007" s="5" t="s">
        <v>1519</v>
      </c>
      <c r="M1007" s="2" t="s">
        <v>1520</v>
      </c>
      <c r="N1007" s="5" t="s">
        <v>1521</v>
      </c>
      <c r="O1007" s="5" t="s">
        <v>38</v>
      </c>
      <c r="P1007" s="5" t="s">
        <v>39</v>
      </c>
      <c r="Q1007" s="5" t="s">
        <v>40</v>
      </c>
      <c r="R1007" s="5" t="s">
        <v>1522</v>
      </c>
      <c r="S1007" s="5" t="s">
        <v>1523</v>
      </c>
      <c r="T1007" s="5" t="s">
        <v>42</v>
      </c>
      <c r="U1007" s="2">
        <v>2.1389999999999998</v>
      </c>
      <c r="V1007" s="2">
        <v>1.65</v>
      </c>
      <c r="W1007" s="2">
        <v>1.2999999999999999E-2</v>
      </c>
      <c r="X1007" s="2">
        <v>99.1</v>
      </c>
      <c r="Y1007" s="2">
        <v>7.6</v>
      </c>
      <c r="Z1007" s="2">
        <v>16.7</v>
      </c>
      <c r="AA1007" s="5"/>
      <c r="AB1007" s="5" t="s">
        <v>43</v>
      </c>
      <c r="AC1007" s="5" t="s">
        <v>44</v>
      </c>
      <c r="AD1007" s="2"/>
      <c r="AE1007" s="1"/>
    </row>
    <row r="1008" spans="1:31" ht="14.45">
      <c r="A1008" s="11"/>
      <c r="B1008" s="20"/>
      <c r="C1008" s="2" t="s">
        <v>3445</v>
      </c>
      <c r="D1008" s="14" t="s">
        <v>3446</v>
      </c>
      <c r="E1008" s="2" t="s">
        <v>3447</v>
      </c>
      <c r="F1008" s="2" t="s">
        <v>1715</v>
      </c>
      <c r="G1008" s="8">
        <v>148</v>
      </c>
      <c r="H1008" s="5">
        <v>6</v>
      </c>
      <c r="I1008" s="5" t="s">
        <v>1518</v>
      </c>
      <c r="J1008" s="5" t="s">
        <v>1519</v>
      </c>
      <c r="K1008" s="2" t="s">
        <v>1520</v>
      </c>
      <c r="L1008" s="5" t="s">
        <v>1519</v>
      </c>
      <c r="M1008" s="2" t="s">
        <v>1520</v>
      </c>
      <c r="N1008" s="5" t="s">
        <v>1521</v>
      </c>
      <c r="O1008" s="5" t="s">
        <v>38</v>
      </c>
      <c r="P1008" s="5" t="s">
        <v>39</v>
      </c>
      <c r="Q1008" s="5" t="s">
        <v>40</v>
      </c>
      <c r="R1008" s="5" t="s">
        <v>1522</v>
      </c>
      <c r="S1008" s="5" t="s">
        <v>1523</v>
      </c>
      <c r="T1008" s="5" t="s">
        <v>42</v>
      </c>
      <c r="U1008" s="2">
        <v>2.181</v>
      </c>
      <c r="V1008" s="2">
        <v>1.6919999999999999</v>
      </c>
      <c r="W1008" s="2">
        <v>1.2999999999999999E-2</v>
      </c>
      <c r="X1008" s="2">
        <v>99.1</v>
      </c>
      <c r="Y1008" s="2">
        <v>7.6</v>
      </c>
      <c r="Z1008" s="2">
        <v>16.7</v>
      </c>
      <c r="AA1008" s="5"/>
      <c r="AB1008" s="5" t="s">
        <v>43</v>
      </c>
      <c r="AC1008" s="5" t="s">
        <v>44</v>
      </c>
      <c r="AD1008" s="2"/>
      <c r="AE1008" s="1"/>
    </row>
    <row r="1009" spans="1:31" ht="14.45">
      <c r="A1009" s="11"/>
      <c r="B1009" s="20"/>
      <c r="C1009" s="2" t="s">
        <v>3448</v>
      </c>
      <c r="D1009" s="14" t="s">
        <v>3449</v>
      </c>
      <c r="E1009" s="2" t="s">
        <v>3450</v>
      </c>
      <c r="F1009" s="2" t="s">
        <v>1723</v>
      </c>
      <c r="G1009" s="8">
        <v>148</v>
      </c>
      <c r="H1009" s="5">
        <v>5</v>
      </c>
      <c r="I1009" s="5" t="s">
        <v>1518</v>
      </c>
      <c r="J1009" s="5" t="s">
        <v>1519</v>
      </c>
      <c r="K1009" s="2" t="s">
        <v>1520</v>
      </c>
      <c r="L1009" s="5" t="s">
        <v>1519</v>
      </c>
      <c r="M1009" s="2" t="s">
        <v>1520</v>
      </c>
      <c r="N1009" s="5" t="s">
        <v>1521</v>
      </c>
      <c r="O1009" s="5" t="s">
        <v>38</v>
      </c>
      <c r="P1009" s="5" t="s">
        <v>39</v>
      </c>
      <c r="Q1009" s="5" t="s">
        <v>40</v>
      </c>
      <c r="R1009" s="5" t="s">
        <v>1522</v>
      </c>
      <c r="S1009" s="5" t="s">
        <v>1523</v>
      </c>
      <c r="T1009" s="5" t="s">
        <v>42</v>
      </c>
      <c r="U1009" s="2">
        <v>2.1629999999999998</v>
      </c>
      <c r="V1009" s="2">
        <v>1.673</v>
      </c>
      <c r="W1009" s="2">
        <v>1.2999999999999999E-2</v>
      </c>
      <c r="X1009" s="2">
        <v>99.1</v>
      </c>
      <c r="Y1009" s="2">
        <v>7.6</v>
      </c>
      <c r="Z1009" s="2">
        <v>16.7</v>
      </c>
      <c r="AA1009" s="5"/>
      <c r="AB1009" s="5" t="s">
        <v>43</v>
      </c>
      <c r="AC1009" s="5" t="s">
        <v>44</v>
      </c>
      <c r="AD1009" s="2"/>
      <c r="AE1009" s="1"/>
    </row>
    <row r="1010" spans="1:31" ht="14.45">
      <c r="A1010" s="11"/>
      <c r="B1010" s="20"/>
      <c r="C1010" s="2" t="s">
        <v>3451</v>
      </c>
      <c r="D1010" s="14" t="s">
        <v>3452</v>
      </c>
      <c r="E1010" s="2" t="s">
        <v>3453</v>
      </c>
      <c r="F1010" s="2" t="s">
        <v>1727</v>
      </c>
      <c r="G1010" s="8">
        <v>170</v>
      </c>
      <c r="H1010" s="5">
        <v>6</v>
      </c>
      <c r="I1010" s="5" t="s">
        <v>1518</v>
      </c>
      <c r="J1010" s="5" t="s">
        <v>1519</v>
      </c>
      <c r="K1010" s="2" t="s">
        <v>1520</v>
      </c>
      <c r="L1010" s="5" t="s">
        <v>1519</v>
      </c>
      <c r="M1010" s="2" t="s">
        <v>1520</v>
      </c>
      <c r="N1010" s="5" t="s">
        <v>1521</v>
      </c>
      <c r="O1010" s="5" t="s">
        <v>38</v>
      </c>
      <c r="P1010" s="5" t="s">
        <v>39</v>
      </c>
      <c r="Q1010" s="5" t="s">
        <v>40</v>
      </c>
      <c r="R1010" s="5" t="s">
        <v>1522</v>
      </c>
      <c r="S1010" s="5" t="s">
        <v>1523</v>
      </c>
      <c r="T1010" s="5" t="s">
        <v>42</v>
      </c>
      <c r="U1010" s="2">
        <v>2.12</v>
      </c>
      <c r="V1010" s="2">
        <v>1.631</v>
      </c>
      <c r="W1010" s="2">
        <v>1.2999999999999999E-2</v>
      </c>
      <c r="X1010" s="2">
        <v>99.1</v>
      </c>
      <c r="Y1010" s="2">
        <v>7.6</v>
      </c>
      <c r="Z1010" s="2">
        <v>16.7</v>
      </c>
      <c r="AA1010" s="5"/>
      <c r="AB1010" s="5" t="s">
        <v>43</v>
      </c>
      <c r="AC1010" s="5" t="s">
        <v>44</v>
      </c>
      <c r="AD1010" s="2"/>
      <c r="AE1010" s="1"/>
    </row>
    <row r="1011" spans="1:31" ht="14.45">
      <c r="A1011" s="11"/>
      <c r="B1011" s="20"/>
      <c r="C1011" s="2" t="s">
        <v>3454</v>
      </c>
      <c r="D1011" s="14" t="s">
        <v>3455</v>
      </c>
      <c r="E1011" s="2" t="s">
        <v>3456</v>
      </c>
      <c r="F1011" s="2" t="s">
        <v>1731</v>
      </c>
      <c r="G1011" s="8">
        <v>170</v>
      </c>
      <c r="H1011" s="5">
        <v>6</v>
      </c>
      <c r="I1011" s="5" t="s">
        <v>1518</v>
      </c>
      <c r="J1011" s="5" t="s">
        <v>1519</v>
      </c>
      <c r="K1011" s="2" t="s">
        <v>1520</v>
      </c>
      <c r="L1011" s="5" t="s">
        <v>1519</v>
      </c>
      <c r="M1011" s="2" t="s">
        <v>1520</v>
      </c>
      <c r="N1011" s="5" t="s">
        <v>1521</v>
      </c>
      <c r="O1011" s="5" t="s">
        <v>38</v>
      </c>
      <c r="P1011" s="5" t="s">
        <v>39</v>
      </c>
      <c r="Q1011" s="5" t="s">
        <v>40</v>
      </c>
      <c r="R1011" s="5" t="s">
        <v>1522</v>
      </c>
      <c r="S1011" s="5" t="s">
        <v>1523</v>
      </c>
      <c r="T1011" s="5" t="s">
        <v>42</v>
      </c>
      <c r="U1011" s="2">
        <v>2.1619999999999999</v>
      </c>
      <c r="V1011" s="2">
        <v>1.673</v>
      </c>
      <c r="W1011" s="2">
        <v>1.2999999999999999E-2</v>
      </c>
      <c r="X1011" s="2">
        <v>99.1</v>
      </c>
      <c r="Y1011" s="2">
        <v>7.6</v>
      </c>
      <c r="Z1011" s="2">
        <v>16.7</v>
      </c>
      <c r="AA1011" s="5"/>
      <c r="AB1011" s="5" t="s">
        <v>43</v>
      </c>
      <c r="AC1011" s="5" t="s">
        <v>44</v>
      </c>
      <c r="AD1011" s="2"/>
      <c r="AE1011" s="1"/>
    </row>
    <row r="1012" spans="1:31" ht="14.45">
      <c r="A1012" s="11"/>
      <c r="B1012" s="20"/>
      <c r="C1012" s="2" t="s">
        <v>3457</v>
      </c>
      <c r="D1012" s="14" t="s">
        <v>3458</v>
      </c>
      <c r="E1012" s="2" t="s">
        <v>3459</v>
      </c>
      <c r="F1012" s="2" t="s">
        <v>1735</v>
      </c>
      <c r="G1012" s="8">
        <v>170</v>
      </c>
      <c r="H1012" s="5">
        <v>6</v>
      </c>
      <c r="I1012" s="5" t="s">
        <v>1518</v>
      </c>
      <c r="J1012" s="5" t="s">
        <v>1519</v>
      </c>
      <c r="K1012" s="2" t="s">
        <v>1520</v>
      </c>
      <c r="L1012" s="5" t="s">
        <v>1519</v>
      </c>
      <c r="M1012" s="2" t="s">
        <v>1520</v>
      </c>
      <c r="N1012" s="5" t="s">
        <v>1521</v>
      </c>
      <c r="O1012" s="5" t="s">
        <v>38</v>
      </c>
      <c r="P1012" s="5" t="s">
        <v>39</v>
      </c>
      <c r="Q1012" s="5" t="s">
        <v>40</v>
      </c>
      <c r="R1012" s="5" t="s">
        <v>1522</v>
      </c>
      <c r="S1012" s="5" t="s">
        <v>1523</v>
      </c>
      <c r="T1012" s="5" t="s">
        <v>42</v>
      </c>
      <c r="U1012" s="2">
        <v>2.1389999999999998</v>
      </c>
      <c r="V1012" s="2">
        <v>1.65</v>
      </c>
      <c r="W1012" s="2">
        <v>1.2999999999999999E-2</v>
      </c>
      <c r="X1012" s="2">
        <v>99.1</v>
      </c>
      <c r="Y1012" s="2">
        <v>7.6</v>
      </c>
      <c r="Z1012" s="2">
        <v>16.7</v>
      </c>
      <c r="AA1012" s="5"/>
      <c r="AB1012" s="5" t="s">
        <v>43</v>
      </c>
      <c r="AC1012" s="5" t="s">
        <v>44</v>
      </c>
      <c r="AD1012" s="2"/>
      <c r="AE1012" s="1"/>
    </row>
    <row r="1013" spans="1:31" ht="14.45">
      <c r="A1013" s="11"/>
      <c r="B1013" s="20"/>
      <c r="C1013" s="2" t="s">
        <v>3460</v>
      </c>
      <c r="D1013" s="14" t="s">
        <v>3461</v>
      </c>
      <c r="E1013" s="2" t="s">
        <v>3462</v>
      </c>
      <c r="F1013" s="2" t="s">
        <v>1739</v>
      </c>
      <c r="G1013" s="8">
        <v>170</v>
      </c>
      <c r="H1013" s="5">
        <v>6</v>
      </c>
      <c r="I1013" s="5" t="s">
        <v>1518</v>
      </c>
      <c r="J1013" s="5" t="s">
        <v>1519</v>
      </c>
      <c r="K1013" s="2" t="s">
        <v>1520</v>
      </c>
      <c r="L1013" s="5" t="s">
        <v>1519</v>
      </c>
      <c r="M1013" s="2" t="s">
        <v>1520</v>
      </c>
      <c r="N1013" s="5" t="s">
        <v>1521</v>
      </c>
      <c r="O1013" s="5" t="s">
        <v>38</v>
      </c>
      <c r="P1013" s="5" t="s">
        <v>39</v>
      </c>
      <c r="Q1013" s="5" t="s">
        <v>40</v>
      </c>
      <c r="R1013" s="5" t="s">
        <v>1522</v>
      </c>
      <c r="S1013" s="5" t="s">
        <v>1523</v>
      </c>
      <c r="T1013" s="5" t="s">
        <v>42</v>
      </c>
      <c r="U1013" s="2">
        <v>2.181</v>
      </c>
      <c r="V1013" s="2">
        <v>1.6919999999999999</v>
      </c>
      <c r="W1013" s="2">
        <v>1.2999999999999999E-2</v>
      </c>
      <c r="X1013" s="2">
        <v>99.1</v>
      </c>
      <c r="Y1013" s="2">
        <v>7.6</v>
      </c>
      <c r="Z1013" s="2">
        <v>16.7</v>
      </c>
      <c r="AA1013" s="5"/>
      <c r="AB1013" s="5" t="s">
        <v>43</v>
      </c>
      <c r="AC1013" s="5" t="s">
        <v>44</v>
      </c>
      <c r="AD1013" s="2"/>
      <c r="AE1013" s="1"/>
    </row>
    <row r="1014" spans="1:31" ht="14.45">
      <c r="A1014" s="11"/>
      <c r="B1014" s="20"/>
      <c r="C1014" s="2" t="s">
        <v>3463</v>
      </c>
      <c r="D1014" s="14" t="s">
        <v>3464</v>
      </c>
      <c r="E1014" s="2" t="s">
        <v>3465</v>
      </c>
      <c r="F1014" s="2" t="s">
        <v>1743</v>
      </c>
      <c r="G1014" s="8">
        <v>170</v>
      </c>
      <c r="H1014" s="5">
        <v>6</v>
      </c>
      <c r="I1014" s="5" t="s">
        <v>1518</v>
      </c>
      <c r="J1014" s="5" t="s">
        <v>1519</v>
      </c>
      <c r="K1014" s="2" t="s">
        <v>1520</v>
      </c>
      <c r="L1014" s="5" t="s">
        <v>1519</v>
      </c>
      <c r="M1014" s="2" t="s">
        <v>1520</v>
      </c>
      <c r="N1014" s="5" t="s">
        <v>1521</v>
      </c>
      <c r="O1014" s="5" t="s">
        <v>38</v>
      </c>
      <c r="P1014" s="5" t="s">
        <v>39</v>
      </c>
      <c r="Q1014" s="5" t="s">
        <v>40</v>
      </c>
      <c r="R1014" s="5" t="s">
        <v>1522</v>
      </c>
      <c r="S1014" s="5" t="s">
        <v>1523</v>
      </c>
      <c r="T1014" s="5" t="s">
        <v>42</v>
      </c>
      <c r="U1014" s="2">
        <v>2.12</v>
      </c>
      <c r="V1014" s="2">
        <v>1.631</v>
      </c>
      <c r="W1014" s="2">
        <v>1.2999999999999999E-2</v>
      </c>
      <c r="X1014" s="2">
        <v>99.1</v>
      </c>
      <c r="Y1014" s="2">
        <v>7.6</v>
      </c>
      <c r="Z1014" s="2">
        <v>16.7</v>
      </c>
      <c r="AA1014" s="5"/>
      <c r="AB1014" s="5" t="s">
        <v>43</v>
      </c>
      <c r="AC1014" s="5" t="s">
        <v>44</v>
      </c>
      <c r="AD1014" s="2"/>
      <c r="AE1014" s="1"/>
    </row>
    <row r="1015" spans="1:31" ht="14.45">
      <c r="A1015" s="11"/>
      <c r="B1015" s="20"/>
      <c r="C1015" s="2" t="s">
        <v>3466</v>
      </c>
      <c r="D1015" s="14" t="s">
        <v>3467</v>
      </c>
      <c r="E1015" s="2" t="s">
        <v>3468</v>
      </c>
      <c r="F1015" s="2" t="s">
        <v>1747</v>
      </c>
      <c r="G1015" s="8">
        <v>170</v>
      </c>
      <c r="H1015" s="5">
        <v>6</v>
      </c>
      <c r="I1015" s="5" t="s">
        <v>1518</v>
      </c>
      <c r="J1015" s="5" t="s">
        <v>1519</v>
      </c>
      <c r="K1015" s="2" t="s">
        <v>1520</v>
      </c>
      <c r="L1015" s="5" t="s">
        <v>1519</v>
      </c>
      <c r="M1015" s="2" t="s">
        <v>1520</v>
      </c>
      <c r="N1015" s="5" t="s">
        <v>1521</v>
      </c>
      <c r="O1015" s="5" t="s">
        <v>38</v>
      </c>
      <c r="P1015" s="5" t="s">
        <v>39</v>
      </c>
      <c r="Q1015" s="5" t="s">
        <v>40</v>
      </c>
      <c r="R1015" s="5" t="s">
        <v>1522</v>
      </c>
      <c r="S1015" s="5" t="s">
        <v>1523</v>
      </c>
      <c r="T1015" s="5" t="s">
        <v>42</v>
      </c>
      <c r="U1015" s="2">
        <v>2.1619999999999999</v>
      </c>
      <c r="V1015" s="2">
        <v>1.673</v>
      </c>
      <c r="W1015" s="2">
        <v>1.2999999999999999E-2</v>
      </c>
      <c r="X1015" s="2">
        <v>99.1</v>
      </c>
      <c r="Y1015" s="2">
        <v>7.6</v>
      </c>
      <c r="Z1015" s="2">
        <v>16.7</v>
      </c>
      <c r="AA1015" s="5"/>
      <c r="AB1015" s="5" t="s">
        <v>43</v>
      </c>
      <c r="AC1015" s="5" t="s">
        <v>44</v>
      </c>
      <c r="AD1015" s="2"/>
      <c r="AE1015" s="1"/>
    </row>
    <row r="1016" spans="1:31" ht="14.45">
      <c r="A1016" s="11"/>
      <c r="B1016" s="20"/>
      <c r="C1016" s="2" t="s">
        <v>3469</v>
      </c>
      <c r="D1016" s="14" t="s">
        <v>3470</v>
      </c>
      <c r="E1016" s="2" t="s">
        <v>3471</v>
      </c>
      <c r="F1016" s="2" t="s">
        <v>1751</v>
      </c>
      <c r="G1016" s="8">
        <v>170</v>
      </c>
      <c r="H1016" s="5">
        <v>6</v>
      </c>
      <c r="I1016" s="5" t="s">
        <v>1518</v>
      </c>
      <c r="J1016" s="5" t="s">
        <v>1519</v>
      </c>
      <c r="K1016" s="2" t="s">
        <v>1520</v>
      </c>
      <c r="L1016" s="5" t="s">
        <v>1519</v>
      </c>
      <c r="M1016" s="2" t="s">
        <v>1520</v>
      </c>
      <c r="N1016" s="5" t="s">
        <v>1521</v>
      </c>
      <c r="O1016" s="5" t="s">
        <v>38</v>
      </c>
      <c r="P1016" s="5" t="s">
        <v>39</v>
      </c>
      <c r="Q1016" s="5" t="s">
        <v>40</v>
      </c>
      <c r="R1016" s="5" t="s">
        <v>1522</v>
      </c>
      <c r="S1016" s="5" t="s">
        <v>1523</v>
      </c>
      <c r="T1016" s="5" t="s">
        <v>42</v>
      </c>
      <c r="U1016" s="2">
        <v>2.12</v>
      </c>
      <c r="V1016" s="2">
        <v>1.631</v>
      </c>
      <c r="W1016" s="2">
        <v>1.2999999999999999E-2</v>
      </c>
      <c r="X1016" s="2">
        <v>99.1</v>
      </c>
      <c r="Y1016" s="2">
        <v>7.6</v>
      </c>
      <c r="Z1016" s="2">
        <v>16.7</v>
      </c>
      <c r="AA1016" s="5"/>
      <c r="AB1016" s="5" t="s">
        <v>43</v>
      </c>
      <c r="AC1016" s="5" t="s">
        <v>44</v>
      </c>
      <c r="AD1016" s="2"/>
      <c r="AE1016" s="1"/>
    </row>
    <row r="1017" spans="1:31" ht="14.45">
      <c r="A1017" s="11"/>
      <c r="B1017" s="20"/>
      <c r="C1017" s="2" t="s">
        <v>3472</v>
      </c>
      <c r="D1017" s="14" t="s">
        <v>3473</v>
      </c>
      <c r="E1017" s="2" t="s">
        <v>3474</v>
      </c>
      <c r="F1017" s="2" t="s">
        <v>1755</v>
      </c>
      <c r="G1017" s="8">
        <v>170</v>
      </c>
      <c r="H1017" s="5">
        <v>6</v>
      </c>
      <c r="I1017" s="5" t="s">
        <v>1518</v>
      </c>
      <c r="J1017" s="5" t="s">
        <v>1519</v>
      </c>
      <c r="K1017" s="2" t="s">
        <v>1520</v>
      </c>
      <c r="L1017" s="5" t="s">
        <v>1519</v>
      </c>
      <c r="M1017" s="2" t="s">
        <v>1520</v>
      </c>
      <c r="N1017" s="5" t="s">
        <v>1521</v>
      </c>
      <c r="O1017" s="5" t="s">
        <v>38</v>
      </c>
      <c r="P1017" s="5" t="s">
        <v>39</v>
      </c>
      <c r="Q1017" s="5" t="s">
        <v>40</v>
      </c>
      <c r="R1017" s="5" t="s">
        <v>1522</v>
      </c>
      <c r="S1017" s="5" t="s">
        <v>1523</v>
      </c>
      <c r="T1017" s="5" t="s">
        <v>42</v>
      </c>
      <c r="U1017" s="2">
        <v>2.1619999999999999</v>
      </c>
      <c r="V1017" s="2">
        <v>1.673</v>
      </c>
      <c r="W1017" s="2">
        <v>1.2999999999999999E-2</v>
      </c>
      <c r="X1017" s="2">
        <v>99.1</v>
      </c>
      <c r="Y1017" s="2">
        <v>7.6</v>
      </c>
      <c r="Z1017" s="2">
        <v>16.7</v>
      </c>
      <c r="AA1017" s="5"/>
      <c r="AB1017" s="5" t="s">
        <v>43</v>
      </c>
      <c r="AC1017" s="5" t="s">
        <v>44</v>
      </c>
      <c r="AD1017" s="2"/>
      <c r="AE1017" s="1"/>
    </row>
    <row r="1018" spans="1:31" ht="14.45">
      <c r="A1018" s="11"/>
      <c r="B1018" s="20"/>
      <c r="C1018" s="2" t="s">
        <v>3475</v>
      </c>
      <c r="D1018" s="14" t="s">
        <v>3476</v>
      </c>
      <c r="E1018" s="2" t="s">
        <v>3477</v>
      </c>
      <c r="F1018" s="2" t="s">
        <v>1759</v>
      </c>
      <c r="G1018" s="8">
        <v>170</v>
      </c>
      <c r="H1018" s="5">
        <v>6</v>
      </c>
      <c r="I1018" s="5" t="s">
        <v>1518</v>
      </c>
      <c r="J1018" s="5" t="s">
        <v>1519</v>
      </c>
      <c r="K1018" s="2" t="s">
        <v>1520</v>
      </c>
      <c r="L1018" s="5" t="s">
        <v>1519</v>
      </c>
      <c r="M1018" s="2" t="s">
        <v>1520</v>
      </c>
      <c r="N1018" s="5" t="s">
        <v>1521</v>
      </c>
      <c r="O1018" s="5" t="s">
        <v>38</v>
      </c>
      <c r="P1018" s="5" t="s">
        <v>39</v>
      </c>
      <c r="Q1018" s="5" t="s">
        <v>40</v>
      </c>
      <c r="R1018" s="5" t="s">
        <v>1522</v>
      </c>
      <c r="S1018" s="5" t="s">
        <v>1523</v>
      </c>
      <c r="T1018" s="5" t="s">
        <v>42</v>
      </c>
      <c r="U1018" s="2">
        <v>2.1389999999999998</v>
      </c>
      <c r="V1018" s="2">
        <v>1.65</v>
      </c>
      <c r="W1018" s="2">
        <v>1.2999999999999999E-2</v>
      </c>
      <c r="X1018" s="2">
        <v>99.1</v>
      </c>
      <c r="Y1018" s="2">
        <v>7.6</v>
      </c>
      <c r="Z1018" s="2">
        <v>16.7</v>
      </c>
      <c r="AA1018" s="5"/>
      <c r="AB1018" s="5" t="s">
        <v>43</v>
      </c>
      <c r="AC1018" s="5" t="s">
        <v>44</v>
      </c>
      <c r="AD1018" s="2"/>
      <c r="AE1018" s="1"/>
    </row>
    <row r="1019" spans="1:31" ht="14.45">
      <c r="A1019" s="11"/>
      <c r="B1019" s="20"/>
      <c r="C1019" s="2" t="s">
        <v>3478</v>
      </c>
      <c r="D1019" s="14" t="s">
        <v>3479</v>
      </c>
      <c r="E1019" s="2" t="s">
        <v>3480</v>
      </c>
      <c r="F1019" s="2" t="s">
        <v>1763</v>
      </c>
      <c r="G1019" s="8">
        <v>170</v>
      </c>
      <c r="H1019" s="5">
        <v>6</v>
      </c>
      <c r="I1019" s="5" t="s">
        <v>1518</v>
      </c>
      <c r="J1019" s="5" t="s">
        <v>1519</v>
      </c>
      <c r="K1019" s="2" t="s">
        <v>1520</v>
      </c>
      <c r="L1019" s="5" t="s">
        <v>1519</v>
      </c>
      <c r="M1019" s="2" t="s">
        <v>1520</v>
      </c>
      <c r="N1019" s="5" t="s">
        <v>1521</v>
      </c>
      <c r="O1019" s="5" t="s">
        <v>38</v>
      </c>
      <c r="P1019" s="5" t="s">
        <v>39</v>
      </c>
      <c r="Q1019" s="5" t="s">
        <v>40</v>
      </c>
      <c r="R1019" s="5" t="s">
        <v>1522</v>
      </c>
      <c r="S1019" s="5" t="s">
        <v>1523</v>
      </c>
      <c r="T1019" s="5" t="s">
        <v>42</v>
      </c>
      <c r="U1019" s="2">
        <v>2.181</v>
      </c>
      <c r="V1019" s="2">
        <v>1.6919999999999999</v>
      </c>
      <c r="W1019" s="2">
        <v>1.2999999999999999E-2</v>
      </c>
      <c r="X1019" s="2">
        <v>99.1</v>
      </c>
      <c r="Y1019" s="2">
        <v>7.6</v>
      </c>
      <c r="Z1019" s="2">
        <v>16.7</v>
      </c>
      <c r="AA1019" s="5"/>
      <c r="AB1019" s="5" t="s">
        <v>43</v>
      </c>
      <c r="AC1019" s="5" t="s">
        <v>44</v>
      </c>
      <c r="AD1019" s="2"/>
      <c r="AE1019" s="1"/>
    </row>
    <row r="1020" spans="1:31" ht="14.45">
      <c r="A1020" s="11"/>
      <c r="B1020" s="20"/>
      <c r="C1020" s="2" t="s">
        <v>3481</v>
      </c>
      <c r="D1020" s="14" t="s">
        <v>3482</v>
      </c>
      <c r="E1020" s="2" t="s">
        <v>3483</v>
      </c>
      <c r="F1020" s="2" t="s">
        <v>1767</v>
      </c>
      <c r="G1020" s="8">
        <v>170</v>
      </c>
      <c r="H1020" s="5">
        <v>6</v>
      </c>
      <c r="I1020" s="5" t="s">
        <v>1518</v>
      </c>
      <c r="J1020" s="5" t="s">
        <v>1519</v>
      </c>
      <c r="K1020" s="2" t="s">
        <v>1520</v>
      </c>
      <c r="L1020" s="5" t="s">
        <v>1519</v>
      </c>
      <c r="M1020" s="2" t="s">
        <v>1520</v>
      </c>
      <c r="N1020" s="5" t="s">
        <v>1521</v>
      </c>
      <c r="O1020" s="5" t="s">
        <v>38</v>
      </c>
      <c r="P1020" s="5" t="s">
        <v>39</v>
      </c>
      <c r="Q1020" s="5" t="s">
        <v>40</v>
      </c>
      <c r="R1020" s="5" t="s">
        <v>1522</v>
      </c>
      <c r="S1020" s="5" t="s">
        <v>1523</v>
      </c>
      <c r="T1020" s="5" t="s">
        <v>42</v>
      </c>
      <c r="U1020" s="2">
        <v>2.1389999999999998</v>
      </c>
      <c r="V1020" s="2">
        <v>1.65</v>
      </c>
      <c r="W1020" s="2">
        <v>1.2999999999999999E-2</v>
      </c>
      <c r="X1020" s="2">
        <v>99.1</v>
      </c>
      <c r="Y1020" s="2">
        <v>7.6</v>
      </c>
      <c r="Z1020" s="2">
        <v>16.7</v>
      </c>
      <c r="AA1020" s="5"/>
      <c r="AB1020" s="5" t="s">
        <v>43</v>
      </c>
      <c r="AC1020" s="5" t="s">
        <v>44</v>
      </c>
      <c r="AD1020" s="2"/>
      <c r="AE1020" s="1"/>
    </row>
    <row r="1021" spans="1:31" ht="14.45">
      <c r="A1021" s="11"/>
      <c r="B1021" s="20"/>
      <c r="C1021" s="2" t="s">
        <v>3484</v>
      </c>
      <c r="D1021" s="14" t="s">
        <v>3485</v>
      </c>
      <c r="E1021" s="2" t="s">
        <v>3486</v>
      </c>
      <c r="F1021" s="2" t="s">
        <v>1771</v>
      </c>
      <c r="G1021" s="8">
        <v>170</v>
      </c>
      <c r="H1021" s="5">
        <v>6</v>
      </c>
      <c r="I1021" s="5" t="s">
        <v>1518</v>
      </c>
      <c r="J1021" s="5" t="s">
        <v>1519</v>
      </c>
      <c r="K1021" s="2" t="s">
        <v>1520</v>
      </c>
      <c r="L1021" s="5" t="s">
        <v>1519</v>
      </c>
      <c r="M1021" s="2" t="s">
        <v>1520</v>
      </c>
      <c r="N1021" s="5" t="s">
        <v>1521</v>
      </c>
      <c r="O1021" s="5" t="s">
        <v>38</v>
      </c>
      <c r="P1021" s="5" t="s">
        <v>39</v>
      </c>
      <c r="Q1021" s="5" t="s">
        <v>40</v>
      </c>
      <c r="R1021" s="5" t="s">
        <v>1522</v>
      </c>
      <c r="S1021" s="5" t="s">
        <v>1523</v>
      </c>
      <c r="T1021" s="5" t="s">
        <v>42</v>
      </c>
      <c r="U1021" s="2">
        <v>2.181</v>
      </c>
      <c r="V1021" s="2">
        <v>1.6919999999999999</v>
      </c>
      <c r="W1021" s="2">
        <v>1.2999999999999999E-2</v>
      </c>
      <c r="X1021" s="2">
        <v>99.1</v>
      </c>
      <c r="Y1021" s="2">
        <v>7.6</v>
      </c>
      <c r="Z1021" s="2">
        <v>16.7</v>
      </c>
      <c r="AA1021" s="5"/>
      <c r="AB1021" s="5" t="s">
        <v>43</v>
      </c>
      <c r="AC1021" s="5" t="s">
        <v>44</v>
      </c>
      <c r="AD1021" s="2"/>
      <c r="AE1021" s="1"/>
    </row>
    <row r="1022" spans="1:31" ht="14.45">
      <c r="A1022" s="11"/>
      <c r="B1022" s="20"/>
      <c r="C1022" s="2" t="s">
        <v>3487</v>
      </c>
      <c r="D1022" s="14" t="s">
        <v>3488</v>
      </c>
      <c r="E1022" s="2" t="s">
        <v>3489</v>
      </c>
      <c r="F1022" s="2" t="s">
        <v>1775</v>
      </c>
      <c r="G1022" s="8">
        <v>170</v>
      </c>
      <c r="H1022" s="5">
        <v>6</v>
      </c>
      <c r="I1022" s="5" t="s">
        <v>1518</v>
      </c>
      <c r="J1022" s="5" t="s">
        <v>1519</v>
      </c>
      <c r="K1022" s="2" t="s">
        <v>1520</v>
      </c>
      <c r="L1022" s="5" t="s">
        <v>1519</v>
      </c>
      <c r="M1022" s="2" t="s">
        <v>1520</v>
      </c>
      <c r="N1022" s="5" t="s">
        <v>1521</v>
      </c>
      <c r="O1022" s="5" t="s">
        <v>38</v>
      </c>
      <c r="P1022" s="5" t="s">
        <v>39</v>
      </c>
      <c r="Q1022" s="5" t="s">
        <v>40</v>
      </c>
      <c r="R1022" s="5" t="s">
        <v>1522</v>
      </c>
      <c r="S1022" s="5" t="s">
        <v>1523</v>
      </c>
      <c r="T1022" s="5" t="s">
        <v>42</v>
      </c>
      <c r="U1022" s="2">
        <v>2.1389999999999998</v>
      </c>
      <c r="V1022" s="2">
        <v>1.65</v>
      </c>
      <c r="W1022" s="2">
        <v>1.2999999999999999E-2</v>
      </c>
      <c r="X1022" s="2">
        <v>99.1</v>
      </c>
      <c r="Y1022" s="2">
        <v>7.6</v>
      </c>
      <c r="Z1022" s="2">
        <v>16.7</v>
      </c>
      <c r="AA1022" s="5"/>
      <c r="AB1022" s="5" t="s">
        <v>43</v>
      </c>
      <c r="AC1022" s="5" t="s">
        <v>44</v>
      </c>
      <c r="AD1022" s="2"/>
      <c r="AE1022" s="1"/>
    </row>
    <row r="1023" spans="1:31" ht="14.45">
      <c r="A1023" s="11"/>
      <c r="B1023" s="20"/>
      <c r="C1023" s="2" t="s">
        <v>3490</v>
      </c>
      <c r="D1023" s="14" t="s">
        <v>3491</v>
      </c>
      <c r="E1023" s="2" t="s">
        <v>3492</v>
      </c>
      <c r="F1023" s="2" t="s">
        <v>1779</v>
      </c>
      <c r="G1023" s="8">
        <v>170</v>
      </c>
      <c r="H1023" s="5">
        <v>6</v>
      </c>
      <c r="I1023" s="5" t="s">
        <v>1518</v>
      </c>
      <c r="J1023" s="5" t="s">
        <v>1519</v>
      </c>
      <c r="K1023" s="2" t="s">
        <v>1520</v>
      </c>
      <c r="L1023" s="5" t="s">
        <v>1519</v>
      </c>
      <c r="M1023" s="2" t="s">
        <v>1520</v>
      </c>
      <c r="N1023" s="5" t="s">
        <v>1521</v>
      </c>
      <c r="O1023" s="5" t="s">
        <v>38</v>
      </c>
      <c r="P1023" s="5" t="s">
        <v>39</v>
      </c>
      <c r="Q1023" s="5" t="s">
        <v>40</v>
      </c>
      <c r="R1023" s="5" t="s">
        <v>1522</v>
      </c>
      <c r="S1023" s="5" t="s">
        <v>1523</v>
      </c>
      <c r="T1023" s="5" t="s">
        <v>42</v>
      </c>
      <c r="U1023" s="2">
        <v>2.181</v>
      </c>
      <c r="V1023" s="2">
        <v>1.6919999999999999</v>
      </c>
      <c r="W1023" s="2">
        <v>1.2999999999999999E-2</v>
      </c>
      <c r="X1023" s="2">
        <v>99.1</v>
      </c>
      <c r="Y1023" s="2">
        <v>7.6</v>
      </c>
      <c r="Z1023" s="2">
        <v>16.7</v>
      </c>
      <c r="AA1023" s="5"/>
      <c r="AB1023" s="5" t="s">
        <v>43</v>
      </c>
      <c r="AC1023" s="5" t="s">
        <v>44</v>
      </c>
      <c r="AD1023" s="2"/>
      <c r="AE1023" s="1"/>
    </row>
    <row r="1024" spans="1:31" ht="14.45">
      <c r="A1024" s="11"/>
      <c r="B1024" s="20"/>
      <c r="C1024" s="2" t="s">
        <v>3493</v>
      </c>
      <c r="D1024" s="14" t="s">
        <v>3494</v>
      </c>
      <c r="E1024" s="2" t="s">
        <v>3495</v>
      </c>
      <c r="F1024" s="2" t="s">
        <v>1783</v>
      </c>
      <c r="G1024" s="8">
        <v>170</v>
      </c>
      <c r="H1024" s="5">
        <v>6</v>
      </c>
      <c r="I1024" s="5" t="s">
        <v>1518</v>
      </c>
      <c r="J1024" s="5" t="s">
        <v>1519</v>
      </c>
      <c r="K1024" s="2" t="s">
        <v>1520</v>
      </c>
      <c r="L1024" s="5" t="s">
        <v>1519</v>
      </c>
      <c r="M1024" s="2" t="s">
        <v>1520</v>
      </c>
      <c r="N1024" s="5" t="s">
        <v>1521</v>
      </c>
      <c r="O1024" s="5" t="s">
        <v>38</v>
      </c>
      <c r="P1024" s="5" t="s">
        <v>39</v>
      </c>
      <c r="Q1024" s="5" t="s">
        <v>40</v>
      </c>
      <c r="R1024" s="5" t="s">
        <v>1522</v>
      </c>
      <c r="S1024" s="5" t="s">
        <v>1523</v>
      </c>
      <c r="T1024" s="5" t="s">
        <v>42</v>
      </c>
      <c r="U1024" s="2">
        <v>2.12</v>
      </c>
      <c r="V1024" s="2">
        <v>1.631</v>
      </c>
      <c r="W1024" s="2">
        <v>1.2999999999999999E-2</v>
      </c>
      <c r="X1024" s="2">
        <v>99.1</v>
      </c>
      <c r="Y1024" s="2">
        <v>7.6</v>
      </c>
      <c r="Z1024" s="2">
        <v>16.7</v>
      </c>
      <c r="AA1024" s="5"/>
      <c r="AB1024" s="5" t="s">
        <v>43</v>
      </c>
      <c r="AC1024" s="5" t="s">
        <v>44</v>
      </c>
      <c r="AD1024" s="2"/>
      <c r="AE1024" s="1"/>
    </row>
    <row r="1025" spans="1:31" ht="14.45">
      <c r="A1025" s="11"/>
      <c r="B1025" s="20"/>
      <c r="C1025" s="2" t="s">
        <v>3496</v>
      </c>
      <c r="D1025" s="14" t="s">
        <v>3497</v>
      </c>
      <c r="E1025" s="2" t="s">
        <v>3498</v>
      </c>
      <c r="F1025" s="2" t="s">
        <v>1787</v>
      </c>
      <c r="G1025" s="8">
        <v>170</v>
      </c>
      <c r="H1025" s="5">
        <v>6</v>
      </c>
      <c r="I1025" s="5" t="s">
        <v>1518</v>
      </c>
      <c r="J1025" s="5" t="s">
        <v>1519</v>
      </c>
      <c r="K1025" s="2" t="s">
        <v>1520</v>
      </c>
      <c r="L1025" s="5" t="s">
        <v>1519</v>
      </c>
      <c r="M1025" s="2" t="s">
        <v>1520</v>
      </c>
      <c r="N1025" s="5" t="s">
        <v>1521</v>
      </c>
      <c r="O1025" s="5" t="s">
        <v>38</v>
      </c>
      <c r="P1025" s="5" t="s">
        <v>39</v>
      </c>
      <c r="Q1025" s="5" t="s">
        <v>40</v>
      </c>
      <c r="R1025" s="5" t="s">
        <v>1522</v>
      </c>
      <c r="S1025" s="5" t="s">
        <v>1523</v>
      </c>
      <c r="T1025" s="5" t="s">
        <v>42</v>
      </c>
      <c r="U1025" s="2">
        <v>2.1619999999999999</v>
      </c>
      <c r="V1025" s="2">
        <v>1.673</v>
      </c>
      <c r="W1025" s="2">
        <v>1.2999999999999999E-2</v>
      </c>
      <c r="X1025" s="2">
        <v>99.1</v>
      </c>
      <c r="Y1025" s="2">
        <v>7.6</v>
      </c>
      <c r="Z1025" s="2">
        <v>16.7</v>
      </c>
      <c r="AA1025" s="5"/>
      <c r="AB1025" s="5" t="s">
        <v>43</v>
      </c>
      <c r="AC1025" s="5" t="s">
        <v>44</v>
      </c>
      <c r="AD1025" s="2"/>
      <c r="AE1025" s="1"/>
    </row>
    <row r="1026" spans="1:31" ht="14.45">
      <c r="A1026" s="11"/>
      <c r="B1026" s="20"/>
      <c r="C1026" s="2" t="s">
        <v>3499</v>
      </c>
      <c r="D1026" s="14" t="s">
        <v>3500</v>
      </c>
      <c r="E1026" s="2" t="s">
        <v>3501</v>
      </c>
      <c r="F1026" s="2" t="s">
        <v>1791</v>
      </c>
      <c r="G1026" s="8">
        <v>170</v>
      </c>
      <c r="H1026" s="5">
        <v>6</v>
      </c>
      <c r="I1026" s="5" t="s">
        <v>1518</v>
      </c>
      <c r="J1026" s="5" t="s">
        <v>1519</v>
      </c>
      <c r="K1026" s="2" t="s">
        <v>1520</v>
      </c>
      <c r="L1026" s="5" t="s">
        <v>1519</v>
      </c>
      <c r="M1026" s="2" t="s">
        <v>1520</v>
      </c>
      <c r="N1026" s="5" t="s">
        <v>1521</v>
      </c>
      <c r="O1026" s="5" t="s">
        <v>38</v>
      </c>
      <c r="P1026" s="5" t="s">
        <v>39</v>
      </c>
      <c r="Q1026" s="5" t="s">
        <v>40</v>
      </c>
      <c r="R1026" s="5" t="s">
        <v>1522</v>
      </c>
      <c r="S1026" s="5" t="s">
        <v>1523</v>
      </c>
      <c r="T1026" s="5" t="s">
        <v>42</v>
      </c>
      <c r="U1026" s="2">
        <v>2.1389999999999998</v>
      </c>
      <c r="V1026" s="2">
        <v>1.65</v>
      </c>
      <c r="W1026" s="2">
        <v>1.2999999999999999E-2</v>
      </c>
      <c r="X1026" s="2">
        <v>99.1</v>
      </c>
      <c r="Y1026" s="2">
        <v>7.6</v>
      </c>
      <c r="Z1026" s="2">
        <v>16.7</v>
      </c>
      <c r="AA1026" s="5"/>
      <c r="AB1026" s="5" t="s">
        <v>43</v>
      </c>
      <c r="AC1026" s="5" t="s">
        <v>44</v>
      </c>
      <c r="AD1026" s="2"/>
      <c r="AE1026" s="1"/>
    </row>
    <row r="1027" spans="1:31" ht="14.45">
      <c r="A1027" s="11"/>
      <c r="B1027" s="20"/>
      <c r="C1027" s="2" t="s">
        <v>3502</v>
      </c>
      <c r="D1027" s="14" t="s">
        <v>3503</v>
      </c>
      <c r="E1027" s="2" t="s">
        <v>3504</v>
      </c>
      <c r="F1027" s="2" t="s">
        <v>1795</v>
      </c>
      <c r="G1027" s="8">
        <v>170</v>
      </c>
      <c r="H1027" s="5">
        <v>6</v>
      </c>
      <c r="I1027" s="5" t="s">
        <v>1518</v>
      </c>
      <c r="J1027" s="5" t="s">
        <v>1519</v>
      </c>
      <c r="K1027" s="2" t="s">
        <v>1520</v>
      </c>
      <c r="L1027" s="5" t="s">
        <v>1519</v>
      </c>
      <c r="M1027" s="2" t="s">
        <v>1520</v>
      </c>
      <c r="N1027" s="5" t="s">
        <v>1521</v>
      </c>
      <c r="O1027" s="5" t="s">
        <v>38</v>
      </c>
      <c r="P1027" s="5" t="s">
        <v>39</v>
      </c>
      <c r="Q1027" s="5" t="s">
        <v>40</v>
      </c>
      <c r="R1027" s="5" t="s">
        <v>1522</v>
      </c>
      <c r="S1027" s="5" t="s">
        <v>1523</v>
      </c>
      <c r="T1027" s="5" t="s">
        <v>42</v>
      </c>
      <c r="U1027" s="2">
        <v>2.181</v>
      </c>
      <c r="V1027" s="2">
        <v>1.6919999999999999</v>
      </c>
      <c r="W1027" s="2">
        <v>1.2999999999999999E-2</v>
      </c>
      <c r="X1027" s="2">
        <v>99.1</v>
      </c>
      <c r="Y1027" s="2">
        <v>7.6</v>
      </c>
      <c r="Z1027" s="2">
        <v>16.7</v>
      </c>
      <c r="AA1027" s="5"/>
      <c r="AB1027" s="5" t="s">
        <v>43</v>
      </c>
      <c r="AC1027" s="5" t="s">
        <v>44</v>
      </c>
      <c r="AD1027" s="2"/>
      <c r="AE1027" s="1"/>
    </row>
    <row r="1028" spans="1:31" ht="14.45">
      <c r="A1028" s="11"/>
      <c r="B1028" s="20"/>
      <c r="C1028" s="2" t="s">
        <v>3505</v>
      </c>
      <c r="D1028" s="14" t="s">
        <v>3506</v>
      </c>
      <c r="E1028" s="2" t="s">
        <v>3507</v>
      </c>
      <c r="F1028" s="2" t="s">
        <v>1799</v>
      </c>
      <c r="G1028" s="8">
        <v>170</v>
      </c>
      <c r="H1028" s="5">
        <v>6</v>
      </c>
      <c r="I1028" s="5" t="s">
        <v>1518</v>
      </c>
      <c r="J1028" s="5" t="s">
        <v>1519</v>
      </c>
      <c r="K1028" s="2" t="s">
        <v>1520</v>
      </c>
      <c r="L1028" s="5" t="s">
        <v>1519</v>
      </c>
      <c r="M1028" s="2" t="s">
        <v>1520</v>
      </c>
      <c r="N1028" s="5" t="s">
        <v>1521</v>
      </c>
      <c r="O1028" s="5" t="s">
        <v>38</v>
      </c>
      <c r="P1028" s="5" t="s">
        <v>39</v>
      </c>
      <c r="Q1028" s="5" t="s">
        <v>40</v>
      </c>
      <c r="R1028" s="5" t="s">
        <v>1522</v>
      </c>
      <c r="S1028" s="5" t="s">
        <v>1523</v>
      </c>
      <c r="T1028" s="5" t="s">
        <v>42</v>
      </c>
      <c r="U1028" s="2">
        <v>2.1389999999999998</v>
      </c>
      <c r="V1028" s="2">
        <v>1.65</v>
      </c>
      <c r="W1028" s="2">
        <v>1.2999999999999999E-2</v>
      </c>
      <c r="X1028" s="2">
        <v>99.1</v>
      </c>
      <c r="Y1028" s="2">
        <v>7.6</v>
      </c>
      <c r="Z1028" s="2">
        <v>16.7</v>
      </c>
      <c r="AA1028" s="5"/>
      <c r="AB1028" s="5" t="s">
        <v>43</v>
      </c>
      <c r="AC1028" s="5" t="s">
        <v>44</v>
      </c>
      <c r="AD1028" s="2"/>
      <c r="AE1028" s="1"/>
    </row>
    <row r="1029" spans="1:31" ht="14.45">
      <c r="A1029" s="11"/>
      <c r="B1029" s="20"/>
      <c r="C1029" s="2" t="s">
        <v>3508</v>
      </c>
      <c r="D1029" s="14" t="s">
        <v>3509</v>
      </c>
      <c r="E1029" s="2" t="s">
        <v>3510</v>
      </c>
      <c r="F1029" s="2" t="s">
        <v>1803</v>
      </c>
      <c r="G1029" s="8">
        <v>170</v>
      </c>
      <c r="H1029" s="5">
        <v>6</v>
      </c>
      <c r="I1029" s="5" t="s">
        <v>1518</v>
      </c>
      <c r="J1029" s="5" t="s">
        <v>1519</v>
      </c>
      <c r="K1029" s="2" t="s">
        <v>1520</v>
      </c>
      <c r="L1029" s="5" t="s">
        <v>1519</v>
      </c>
      <c r="M1029" s="2" t="s">
        <v>1520</v>
      </c>
      <c r="N1029" s="5" t="s">
        <v>1521</v>
      </c>
      <c r="O1029" s="5" t="s">
        <v>38</v>
      </c>
      <c r="P1029" s="5" t="s">
        <v>39</v>
      </c>
      <c r="Q1029" s="5" t="s">
        <v>40</v>
      </c>
      <c r="R1029" s="5" t="s">
        <v>1522</v>
      </c>
      <c r="S1029" s="5" t="s">
        <v>1523</v>
      </c>
      <c r="T1029" s="5" t="s">
        <v>42</v>
      </c>
      <c r="U1029" s="2">
        <v>2.181</v>
      </c>
      <c r="V1029" s="2">
        <v>1.6919999999999999</v>
      </c>
      <c r="W1029" s="2">
        <v>1.2999999999999999E-2</v>
      </c>
      <c r="X1029" s="2">
        <v>99.1</v>
      </c>
      <c r="Y1029" s="2">
        <v>7.6</v>
      </c>
      <c r="Z1029" s="2">
        <v>16.7</v>
      </c>
      <c r="AA1029" s="5"/>
      <c r="AB1029" s="5" t="s">
        <v>43</v>
      </c>
      <c r="AC1029" s="5" t="s">
        <v>44</v>
      </c>
      <c r="AD1029" s="2"/>
      <c r="AE1029" s="1"/>
    </row>
    <row r="1030" spans="1:31" ht="14.45">
      <c r="A1030" s="11"/>
      <c r="B1030" s="20"/>
      <c r="C1030" s="2" t="s">
        <v>3511</v>
      </c>
      <c r="D1030" s="14" t="s">
        <v>3512</v>
      </c>
      <c r="E1030" s="2" t="s">
        <v>3513</v>
      </c>
      <c r="F1030" s="2" t="s">
        <v>1807</v>
      </c>
      <c r="G1030" s="8">
        <v>170</v>
      </c>
      <c r="H1030" s="5">
        <v>6</v>
      </c>
      <c r="I1030" s="5" t="s">
        <v>1518</v>
      </c>
      <c r="J1030" s="5" t="s">
        <v>1519</v>
      </c>
      <c r="K1030" s="2" t="s">
        <v>1520</v>
      </c>
      <c r="L1030" s="5" t="s">
        <v>1519</v>
      </c>
      <c r="M1030" s="2" t="s">
        <v>1520</v>
      </c>
      <c r="N1030" s="5" t="s">
        <v>1521</v>
      </c>
      <c r="O1030" s="5" t="s">
        <v>38</v>
      </c>
      <c r="P1030" s="5" t="s">
        <v>39</v>
      </c>
      <c r="Q1030" s="5" t="s">
        <v>40</v>
      </c>
      <c r="R1030" s="5" t="s">
        <v>1522</v>
      </c>
      <c r="S1030" s="5" t="s">
        <v>1523</v>
      </c>
      <c r="T1030" s="5" t="s">
        <v>42</v>
      </c>
      <c r="U1030" s="2">
        <v>2.1389999999999998</v>
      </c>
      <c r="V1030" s="2">
        <v>1.65</v>
      </c>
      <c r="W1030" s="2">
        <v>1.2999999999999999E-2</v>
      </c>
      <c r="X1030" s="2">
        <v>99.1</v>
      </c>
      <c r="Y1030" s="2">
        <v>7.6</v>
      </c>
      <c r="Z1030" s="2">
        <v>16.7</v>
      </c>
      <c r="AA1030" s="5"/>
      <c r="AB1030" s="5" t="s">
        <v>43</v>
      </c>
      <c r="AC1030" s="5" t="s">
        <v>44</v>
      </c>
      <c r="AD1030" s="2"/>
      <c r="AE1030" s="1"/>
    </row>
    <row r="1031" spans="1:31" ht="14.45">
      <c r="A1031" s="11"/>
      <c r="B1031" s="20"/>
      <c r="C1031" s="2" t="s">
        <v>3514</v>
      </c>
      <c r="D1031" s="14" t="s">
        <v>3515</v>
      </c>
      <c r="E1031" s="2" t="s">
        <v>3516</v>
      </c>
      <c r="F1031" s="2" t="s">
        <v>1811</v>
      </c>
      <c r="G1031" s="8">
        <v>170</v>
      </c>
      <c r="H1031" s="5">
        <v>6</v>
      </c>
      <c r="I1031" s="5" t="s">
        <v>1518</v>
      </c>
      <c r="J1031" s="5" t="s">
        <v>1519</v>
      </c>
      <c r="K1031" s="2" t="s">
        <v>1520</v>
      </c>
      <c r="L1031" s="5" t="s">
        <v>1519</v>
      </c>
      <c r="M1031" s="2" t="s">
        <v>1520</v>
      </c>
      <c r="N1031" s="5" t="s">
        <v>1521</v>
      </c>
      <c r="O1031" s="5" t="s">
        <v>38</v>
      </c>
      <c r="P1031" s="5" t="s">
        <v>39</v>
      </c>
      <c r="Q1031" s="5" t="s">
        <v>40</v>
      </c>
      <c r="R1031" s="5" t="s">
        <v>1522</v>
      </c>
      <c r="S1031" s="5" t="s">
        <v>1523</v>
      </c>
      <c r="T1031" s="5" t="s">
        <v>42</v>
      </c>
      <c r="U1031" s="2">
        <v>2.181</v>
      </c>
      <c r="V1031" s="2">
        <v>1.6919999999999999</v>
      </c>
      <c r="W1031" s="2">
        <v>1.2999999999999999E-2</v>
      </c>
      <c r="X1031" s="2">
        <v>99.1</v>
      </c>
      <c r="Y1031" s="2">
        <v>7.6</v>
      </c>
      <c r="Z1031" s="2">
        <v>16.7</v>
      </c>
      <c r="AA1031" s="5"/>
      <c r="AB1031" s="5" t="s">
        <v>43</v>
      </c>
      <c r="AC1031" s="5" t="s">
        <v>44</v>
      </c>
      <c r="AD1031" s="2"/>
      <c r="AE1031" s="1"/>
    </row>
    <row r="1032" spans="1:31" ht="14.45">
      <c r="A1032" s="11"/>
      <c r="B1032" s="20"/>
      <c r="C1032" s="2" t="s">
        <v>3517</v>
      </c>
      <c r="D1032" s="14" t="s">
        <v>3518</v>
      </c>
      <c r="E1032" s="2" t="s">
        <v>3519</v>
      </c>
      <c r="F1032" s="2" t="s">
        <v>1815</v>
      </c>
      <c r="G1032" s="8">
        <v>170</v>
      </c>
      <c r="H1032" s="5">
        <v>6</v>
      </c>
      <c r="I1032" s="5" t="s">
        <v>1518</v>
      </c>
      <c r="J1032" s="5" t="s">
        <v>1519</v>
      </c>
      <c r="K1032" s="2" t="s">
        <v>1520</v>
      </c>
      <c r="L1032" s="5" t="s">
        <v>1519</v>
      </c>
      <c r="M1032" s="2" t="s">
        <v>1520</v>
      </c>
      <c r="N1032" s="5" t="s">
        <v>1521</v>
      </c>
      <c r="O1032" s="5" t="s">
        <v>38</v>
      </c>
      <c r="P1032" s="5" t="s">
        <v>39</v>
      </c>
      <c r="Q1032" s="5" t="s">
        <v>40</v>
      </c>
      <c r="R1032" s="5" t="s">
        <v>1522</v>
      </c>
      <c r="S1032" s="5" t="s">
        <v>1523</v>
      </c>
      <c r="T1032" s="5" t="s">
        <v>42</v>
      </c>
      <c r="U1032" s="2">
        <v>2.12</v>
      </c>
      <c r="V1032" s="2">
        <v>1.631</v>
      </c>
      <c r="W1032" s="2">
        <v>1.2999999999999999E-2</v>
      </c>
      <c r="X1032" s="2">
        <v>99.1</v>
      </c>
      <c r="Y1032" s="2">
        <v>7.6</v>
      </c>
      <c r="Z1032" s="2">
        <v>16.7</v>
      </c>
      <c r="AA1032" s="5"/>
      <c r="AB1032" s="5" t="s">
        <v>43</v>
      </c>
      <c r="AC1032" s="5" t="s">
        <v>44</v>
      </c>
      <c r="AD1032" s="2"/>
      <c r="AE1032" s="1"/>
    </row>
    <row r="1033" spans="1:31" ht="14.45">
      <c r="A1033" s="11"/>
      <c r="B1033" s="20"/>
      <c r="C1033" s="2" t="s">
        <v>3520</v>
      </c>
      <c r="D1033" s="14" t="s">
        <v>3521</v>
      </c>
      <c r="E1033" s="2" t="s">
        <v>3522</v>
      </c>
      <c r="F1033" s="2" t="s">
        <v>1819</v>
      </c>
      <c r="G1033" s="8">
        <v>170</v>
      </c>
      <c r="H1033" s="5">
        <v>6</v>
      </c>
      <c r="I1033" s="5" t="s">
        <v>1518</v>
      </c>
      <c r="J1033" s="5" t="s">
        <v>1519</v>
      </c>
      <c r="K1033" s="2" t="s">
        <v>1520</v>
      </c>
      <c r="L1033" s="5" t="s">
        <v>1519</v>
      </c>
      <c r="M1033" s="2" t="s">
        <v>1520</v>
      </c>
      <c r="N1033" s="5" t="s">
        <v>1521</v>
      </c>
      <c r="O1033" s="5" t="s">
        <v>38</v>
      </c>
      <c r="P1033" s="5" t="s">
        <v>39</v>
      </c>
      <c r="Q1033" s="5" t="s">
        <v>40</v>
      </c>
      <c r="R1033" s="5" t="s">
        <v>1522</v>
      </c>
      <c r="S1033" s="5" t="s">
        <v>1523</v>
      </c>
      <c r="T1033" s="5" t="s">
        <v>42</v>
      </c>
      <c r="U1033" s="2">
        <v>2.1619999999999999</v>
      </c>
      <c r="V1033" s="2">
        <v>1.673</v>
      </c>
      <c r="W1033" s="2">
        <v>1.2999999999999999E-2</v>
      </c>
      <c r="X1033" s="2">
        <v>99.1</v>
      </c>
      <c r="Y1033" s="2">
        <v>7.6</v>
      </c>
      <c r="Z1033" s="2">
        <v>16.7</v>
      </c>
      <c r="AA1033" s="5"/>
      <c r="AB1033" s="5" t="s">
        <v>43</v>
      </c>
      <c r="AC1033" s="5" t="s">
        <v>44</v>
      </c>
      <c r="AD1033" s="2"/>
      <c r="AE1033" s="1"/>
    </row>
    <row r="1034" spans="1:31" ht="14.45">
      <c r="A1034" s="11"/>
      <c r="B1034" s="20"/>
      <c r="C1034" s="2" t="s">
        <v>3523</v>
      </c>
      <c r="D1034" s="14" t="s">
        <v>3524</v>
      </c>
      <c r="E1034" s="2" t="s">
        <v>3525</v>
      </c>
      <c r="F1034" s="2" t="s">
        <v>1823</v>
      </c>
      <c r="G1034" s="8">
        <v>170</v>
      </c>
      <c r="H1034" s="5">
        <v>8</v>
      </c>
      <c r="I1034" s="5" t="s">
        <v>1518</v>
      </c>
      <c r="J1034" s="5" t="s">
        <v>1519</v>
      </c>
      <c r="K1034" s="2" t="s">
        <v>1520</v>
      </c>
      <c r="L1034" s="5" t="s">
        <v>1519</v>
      </c>
      <c r="M1034" s="2" t="s">
        <v>1520</v>
      </c>
      <c r="N1034" s="5" t="s">
        <v>1521</v>
      </c>
      <c r="O1034" s="5" t="s">
        <v>38</v>
      </c>
      <c r="P1034" s="5" t="s">
        <v>39</v>
      </c>
      <c r="Q1034" s="5" t="s">
        <v>40</v>
      </c>
      <c r="R1034" s="5" t="s">
        <v>1522</v>
      </c>
      <c r="S1034" s="5" t="s">
        <v>1523</v>
      </c>
      <c r="T1034" s="5" t="s">
        <v>42</v>
      </c>
      <c r="U1034" s="2">
        <v>2.1520000000000001</v>
      </c>
      <c r="V1034" s="2">
        <v>1.663</v>
      </c>
      <c r="W1034" s="2">
        <v>1.2999999999999999E-2</v>
      </c>
      <c r="X1034" s="2">
        <v>99.1</v>
      </c>
      <c r="Y1034" s="2">
        <v>7.6</v>
      </c>
      <c r="Z1034" s="2">
        <v>16.7</v>
      </c>
      <c r="AA1034" s="5"/>
      <c r="AB1034" s="5" t="s">
        <v>43</v>
      </c>
      <c r="AC1034" s="5" t="s">
        <v>44</v>
      </c>
      <c r="AD1034" s="2"/>
      <c r="AE1034" s="1"/>
    </row>
    <row r="1035" spans="1:31" ht="14.45">
      <c r="A1035" s="11"/>
      <c r="B1035" s="20"/>
      <c r="C1035" s="2" t="s">
        <v>3526</v>
      </c>
      <c r="D1035" s="14" t="s">
        <v>3527</v>
      </c>
      <c r="E1035" s="2" t="s">
        <v>3528</v>
      </c>
      <c r="F1035" s="2" t="s">
        <v>1827</v>
      </c>
      <c r="G1035" s="8">
        <v>170</v>
      </c>
      <c r="H1035" s="5">
        <v>8</v>
      </c>
      <c r="I1035" s="5" t="s">
        <v>1518</v>
      </c>
      <c r="J1035" s="5" t="s">
        <v>1519</v>
      </c>
      <c r="K1035" s="2" t="s">
        <v>1520</v>
      </c>
      <c r="L1035" s="5" t="s">
        <v>1519</v>
      </c>
      <c r="M1035" s="2" t="s">
        <v>1520</v>
      </c>
      <c r="N1035" s="5" t="s">
        <v>1521</v>
      </c>
      <c r="O1035" s="5" t="s">
        <v>38</v>
      </c>
      <c r="P1035" s="5" t="s">
        <v>39</v>
      </c>
      <c r="Q1035" s="5" t="s">
        <v>40</v>
      </c>
      <c r="R1035" s="5" t="s">
        <v>1522</v>
      </c>
      <c r="S1035" s="5" t="s">
        <v>1523</v>
      </c>
      <c r="T1035" s="5" t="s">
        <v>42</v>
      </c>
      <c r="U1035" s="2">
        <v>2.194</v>
      </c>
      <c r="V1035" s="2">
        <v>1.7050000000000001</v>
      </c>
      <c r="W1035" s="2">
        <v>1.2999999999999999E-2</v>
      </c>
      <c r="X1035" s="2">
        <v>99.1</v>
      </c>
      <c r="Y1035" s="2">
        <v>7.6</v>
      </c>
      <c r="Z1035" s="2">
        <v>16.7</v>
      </c>
      <c r="AA1035" s="5"/>
      <c r="AB1035" s="5" t="s">
        <v>43</v>
      </c>
      <c r="AC1035" s="5" t="s">
        <v>44</v>
      </c>
      <c r="AD1035" s="2"/>
      <c r="AE1035" s="1"/>
    </row>
    <row r="1036" spans="1:31" ht="14.45">
      <c r="A1036" s="11"/>
      <c r="B1036" s="20"/>
      <c r="C1036" s="2" t="s">
        <v>3529</v>
      </c>
      <c r="D1036" s="14" t="s">
        <v>3530</v>
      </c>
      <c r="E1036" s="2" t="s">
        <v>3531</v>
      </c>
      <c r="F1036" s="2" t="s">
        <v>1973</v>
      </c>
      <c r="G1036" s="8">
        <v>170</v>
      </c>
      <c r="H1036" s="5">
        <v>13</v>
      </c>
      <c r="I1036" s="5" t="s">
        <v>1518</v>
      </c>
      <c r="J1036" s="5" t="s">
        <v>1519</v>
      </c>
      <c r="K1036" s="2" t="s">
        <v>1520</v>
      </c>
      <c r="L1036" s="5" t="s">
        <v>1519</v>
      </c>
      <c r="M1036" s="2" t="s">
        <v>1520</v>
      </c>
      <c r="N1036" s="5" t="s">
        <v>1521</v>
      </c>
      <c r="O1036" s="5" t="s">
        <v>38</v>
      </c>
      <c r="P1036" s="5" t="s">
        <v>39</v>
      </c>
      <c r="Q1036" s="5" t="s">
        <v>40</v>
      </c>
      <c r="R1036" s="5" t="s">
        <v>1522</v>
      </c>
      <c r="S1036" s="5" t="s">
        <v>1523</v>
      </c>
      <c r="T1036" s="5" t="s">
        <v>42</v>
      </c>
      <c r="U1036" s="2">
        <v>2.177</v>
      </c>
      <c r="V1036" s="2">
        <v>1.6879999999999999</v>
      </c>
      <c r="W1036" s="2">
        <v>1.2999999999999999E-2</v>
      </c>
      <c r="X1036" s="2">
        <v>99.1</v>
      </c>
      <c r="Y1036" s="2">
        <v>7.6</v>
      </c>
      <c r="Z1036" s="2">
        <v>16.7</v>
      </c>
      <c r="AA1036" s="5"/>
      <c r="AB1036" s="5" t="s">
        <v>43</v>
      </c>
      <c r="AC1036" s="5" t="s">
        <v>44</v>
      </c>
      <c r="AD1036" s="2"/>
      <c r="AE1036" s="1"/>
    </row>
    <row r="1037" spans="1:31" ht="14.45">
      <c r="A1037" s="11"/>
      <c r="B1037" s="20"/>
      <c r="C1037" s="2" t="s">
        <v>3532</v>
      </c>
      <c r="D1037" s="14" t="s">
        <v>3533</v>
      </c>
      <c r="E1037" s="2" t="s">
        <v>3534</v>
      </c>
      <c r="F1037" s="2" t="s">
        <v>2348</v>
      </c>
      <c r="G1037" s="8">
        <v>170</v>
      </c>
      <c r="H1037" s="5">
        <v>13</v>
      </c>
      <c r="I1037" s="5" t="s">
        <v>1518</v>
      </c>
      <c r="J1037" s="5" t="s">
        <v>1519</v>
      </c>
      <c r="K1037" s="2" t="s">
        <v>1520</v>
      </c>
      <c r="L1037" s="5" t="s">
        <v>1519</v>
      </c>
      <c r="M1037" s="2" t="s">
        <v>1520</v>
      </c>
      <c r="N1037" s="5" t="s">
        <v>1521</v>
      </c>
      <c r="O1037" s="5" t="s">
        <v>38</v>
      </c>
      <c r="P1037" s="5" t="s">
        <v>39</v>
      </c>
      <c r="Q1037" s="5" t="s">
        <v>40</v>
      </c>
      <c r="R1037" s="5" t="s">
        <v>1522</v>
      </c>
      <c r="S1037" s="5" t="s">
        <v>1523</v>
      </c>
      <c r="T1037" s="5" t="s">
        <v>42</v>
      </c>
      <c r="U1037" s="2">
        <v>2.2189999999999999</v>
      </c>
      <c r="V1037" s="2">
        <v>1.73</v>
      </c>
      <c r="W1037" s="2">
        <v>1.2999999999999999E-2</v>
      </c>
      <c r="X1037" s="2">
        <v>99.1</v>
      </c>
      <c r="Y1037" s="2">
        <v>7.6</v>
      </c>
      <c r="Z1037" s="2">
        <v>16.7</v>
      </c>
      <c r="AA1037" s="5"/>
      <c r="AB1037" s="5" t="s">
        <v>43</v>
      </c>
      <c r="AC1037" s="5" t="s">
        <v>44</v>
      </c>
      <c r="AD1037" s="2"/>
      <c r="AE1037" s="1"/>
    </row>
    <row r="1038" spans="1:31" ht="14.45">
      <c r="A1038" s="11"/>
      <c r="B1038" s="20"/>
      <c r="C1038" s="2" t="s">
        <v>3535</v>
      </c>
      <c r="D1038" s="14" t="s">
        <v>3536</v>
      </c>
      <c r="E1038" s="2" t="s">
        <v>3537</v>
      </c>
      <c r="F1038" s="2" t="s">
        <v>2204</v>
      </c>
      <c r="G1038" s="8">
        <v>170</v>
      </c>
      <c r="H1038" s="5">
        <v>13</v>
      </c>
      <c r="I1038" s="5" t="s">
        <v>1518</v>
      </c>
      <c r="J1038" s="5" t="s">
        <v>1519</v>
      </c>
      <c r="K1038" s="2" t="s">
        <v>1520</v>
      </c>
      <c r="L1038" s="5" t="s">
        <v>1519</v>
      </c>
      <c r="M1038" s="2" t="s">
        <v>1520</v>
      </c>
      <c r="N1038" s="5" t="s">
        <v>1521</v>
      </c>
      <c r="O1038" s="5" t="s">
        <v>38</v>
      </c>
      <c r="P1038" s="5" t="s">
        <v>39</v>
      </c>
      <c r="Q1038" s="5" t="s">
        <v>40</v>
      </c>
      <c r="R1038" s="5" t="s">
        <v>1522</v>
      </c>
      <c r="S1038" s="5" t="s">
        <v>1523</v>
      </c>
      <c r="T1038" s="5" t="s">
        <v>42</v>
      </c>
      <c r="U1038" s="2">
        <v>2.177</v>
      </c>
      <c r="V1038" s="2">
        <v>1.6879999999999999</v>
      </c>
      <c r="W1038" s="2">
        <v>1.2999999999999999E-2</v>
      </c>
      <c r="X1038" s="2">
        <v>99.1</v>
      </c>
      <c r="Y1038" s="2">
        <v>7.6</v>
      </c>
      <c r="Z1038" s="2">
        <v>16.7</v>
      </c>
      <c r="AA1038" s="5"/>
      <c r="AB1038" s="5" t="s">
        <v>43</v>
      </c>
      <c r="AC1038" s="5" t="s">
        <v>44</v>
      </c>
      <c r="AD1038" s="2"/>
      <c r="AE1038" s="1"/>
    </row>
    <row r="1039" spans="1:31" ht="14.45">
      <c r="A1039" s="11"/>
      <c r="B1039" s="20"/>
      <c r="C1039" s="2" t="s">
        <v>3538</v>
      </c>
      <c r="D1039" s="14" t="s">
        <v>3539</v>
      </c>
      <c r="E1039" s="2" t="s">
        <v>3540</v>
      </c>
      <c r="F1039" s="2" t="s">
        <v>2208</v>
      </c>
      <c r="G1039" s="8">
        <v>170</v>
      </c>
      <c r="H1039" s="5">
        <v>13</v>
      </c>
      <c r="I1039" s="5" t="s">
        <v>1518</v>
      </c>
      <c r="J1039" s="5" t="s">
        <v>1519</v>
      </c>
      <c r="K1039" s="2" t="s">
        <v>1520</v>
      </c>
      <c r="L1039" s="5" t="s">
        <v>1519</v>
      </c>
      <c r="M1039" s="2" t="s">
        <v>1520</v>
      </c>
      <c r="N1039" s="5" t="s">
        <v>1521</v>
      </c>
      <c r="O1039" s="5" t="s">
        <v>38</v>
      </c>
      <c r="P1039" s="5" t="s">
        <v>39</v>
      </c>
      <c r="Q1039" s="5" t="s">
        <v>40</v>
      </c>
      <c r="R1039" s="5" t="s">
        <v>1522</v>
      </c>
      <c r="S1039" s="5" t="s">
        <v>1523</v>
      </c>
      <c r="T1039" s="5" t="s">
        <v>42</v>
      </c>
      <c r="U1039" s="2">
        <v>2.177</v>
      </c>
      <c r="V1039" s="2">
        <v>1.6879999999999999</v>
      </c>
      <c r="W1039" s="2">
        <v>1.2999999999999999E-2</v>
      </c>
      <c r="X1039" s="2">
        <v>99.1</v>
      </c>
      <c r="Y1039" s="2">
        <v>7.6</v>
      </c>
      <c r="Z1039" s="2">
        <v>16.7</v>
      </c>
      <c r="AA1039" s="5"/>
      <c r="AB1039" s="5" t="s">
        <v>43</v>
      </c>
      <c r="AC1039" s="5" t="s">
        <v>44</v>
      </c>
      <c r="AD1039" s="2"/>
      <c r="AE1039" s="1"/>
    </row>
    <row r="1040" spans="1:31" ht="14.45">
      <c r="A1040" s="11"/>
      <c r="B1040" s="20"/>
      <c r="C1040" s="2" t="s">
        <v>3541</v>
      </c>
      <c r="D1040" s="14" t="s">
        <v>3542</v>
      </c>
      <c r="E1040" s="2" t="s">
        <v>3543</v>
      </c>
      <c r="F1040" s="2" t="s">
        <v>2212</v>
      </c>
      <c r="G1040" s="8">
        <v>170</v>
      </c>
      <c r="H1040" s="5">
        <v>13</v>
      </c>
      <c r="I1040" s="5" t="s">
        <v>1518</v>
      </c>
      <c r="J1040" s="5" t="s">
        <v>1519</v>
      </c>
      <c r="K1040" s="2" t="s">
        <v>1520</v>
      </c>
      <c r="L1040" s="5" t="s">
        <v>1519</v>
      </c>
      <c r="M1040" s="2" t="s">
        <v>1520</v>
      </c>
      <c r="N1040" s="5" t="s">
        <v>1521</v>
      </c>
      <c r="O1040" s="5" t="s">
        <v>38</v>
      </c>
      <c r="P1040" s="5" t="s">
        <v>39</v>
      </c>
      <c r="Q1040" s="5" t="s">
        <v>40</v>
      </c>
      <c r="R1040" s="5" t="s">
        <v>1522</v>
      </c>
      <c r="S1040" s="5" t="s">
        <v>1523</v>
      </c>
      <c r="T1040" s="5" t="s">
        <v>42</v>
      </c>
      <c r="U1040" s="2">
        <v>2.2189999999999999</v>
      </c>
      <c r="V1040" s="2">
        <v>1.73</v>
      </c>
      <c r="W1040" s="2">
        <v>1.2999999999999999E-2</v>
      </c>
      <c r="X1040" s="2">
        <v>99.1</v>
      </c>
      <c r="Y1040" s="2">
        <v>7.6</v>
      </c>
      <c r="Z1040" s="2">
        <v>16.7</v>
      </c>
      <c r="AA1040" s="5"/>
      <c r="AB1040" s="5" t="s">
        <v>43</v>
      </c>
      <c r="AC1040" s="5" t="s">
        <v>44</v>
      </c>
      <c r="AD1040" s="2"/>
      <c r="AE1040" s="1"/>
    </row>
    <row r="1041" spans="1:31" ht="14.45">
      <c r="A1041" s="11"/>
      <c r="B1041" s="20"/>
      <c r="C1041" s="2" t="s">
        <v>3544</v>
      </c>
      <c r="D1041" s="14" t="s">
        <v>3545</v>
      </c>
      <c r="E1041" s="2" t="s">
        <v>3546</v>
      </c>
      <c r="F1041" s="2" t="s">
        <v>1831</v>
      </c>
      <c r="G1041" s="8">
        <v>170</v>
      </c>
      <c r="H1041" s="5">
        <v>13</v>
      </c>
      <c r="I1041" s="5" t="s">
        <v>1518</v>
      </c>
      <c r="J1041" s="5" t="s">
        <v>1519</v>
      </c>
      <c r="K1041" s="2" t="s">
        <v>1520</v>
      </c>
      <c r="L1041" s="5" t="s">
        <v>1519</v>
      </c>
      <c r="M1041" s="2" t="s">
        <v>1520</v>
      </c>
      <c r="N1041" s="5" t="s">
        <v>1521</v>
      </c>
      <c r="O1041" s="5" t="s">
        <v>38</v>
      </c>
      <c r="P1041" s="5" t="s">
        <v>39</v>
      </c>
      <c r="Q1041" s="5" t="s">
        <v>40</v>
      </c>
      <c r="R1041" s="5" t="s">
        <v>1522</v>
      </c>
      <c r="S1041" s="5" t="s">
        <v>1523</v>
      </c>
      <c r="T1041" s="5" t="s">
        <v>42</v>
      </c>
      <c r="U1041" s="2">
        <v>2.177</v>
      </c>
      <c r="V1041" s="2">
        <v>1.6879999999999999</v>
      </c>
      <c r="W1041" s="2">
        <v>1.2999999999999999E-2</v>
      </c>
      <c r="X1041" s="2">
        <v>99.1</v>
      </c>
      <c r="Y1041" s="2">
        <v>7.6</v>
      </c>
      <c r="Z1041" s="2">
        <v>16.7</v>
      </c>
      <c r="AA1041" s="5"/>
      <c r="AB1041" s="5" t="s">
        <v>43</v>
      </c>
      <c r="AC1041" s="5" t="s">
        <v>44</v>
      </c>
      <c r="AD1041" s="2"/>
      <c r="AE1041" s="1"/>
    </row>
    <row r="1042" spans="1:31" ht="14.45">
      <c r="A1042" s="11"/>
      <c r="B1042" s="20"/>
      <c r="C1042" s="2" t="s">
        <v>3547</v>
      </c>
      <c r="D1042" s="14" t="s">
        <v>3548</v>
      </c>
      <c r="E1042" s="2" t="s">
        <v>3549</v>
      </c>
      <c r="F1042" s="2" t="s">
        <v>1835</v>
      </c>
      <c r="G1042" s="8">
        <v>170</v>
      </c>
      <c r="H1042" s="5">
        <v>13</v>
      </c>
      <c r="I1042" s="5" t="s">
        <v>1518</v>
      </c>
      <c r="J1042" s="5" t="s">
        <v>1519</v>
      </c>
      <c r="K1042" s="2" t="s">
        <v>1520</v>
      </c>
      <c r="L1042" s="5" t="s">
        <v>1519</v>
      </c>
      <c r="M1042" s="2" t="s">
        <v>1520</v>
      </c>
      <c r="N1042" s="5" t="s">
        <v>1521</v>
      </c>
      <c r="O1042" s="5" t="s">
        <v>38</v>
      </c>
      <c r="P1042" s="5" t="s">
        <v>39</v>
      </c>
      <c r="Q1042" s="5" t="s">
        <v>40</v>
      </c>
      <c r="R1042" s="5" t="s">
        <v>1522</v>
      </c>
      <c r="S1042" s="5" t="s">
        <v>1523</v>
      </c>
      <c r="T1042" s="5" t="s">
        <v>42</v>
      </c>
      <c r="U1042" s="2">
        <v>2.2189999999999999</v>
      </c>
      <c r="V1042" s="2">
        <v>1.73</v>
      </c>
      <c r="W1042" s="2">
        <v>1.2999999999999999E-2</v>
      </c>
      <c r="X1042" s="2">
        <v>99.1</v>
      </c>
      <c r="Y1042" s="2">
        <v>7.6</v>
      </c>
      <c r="Z1042" s="2">
        <v>16.7</v>
      </c>
      <c r="AA1042" s="5"/>
      <c r="AB1042" s="5" t="s">
        <v>43</v>
      </c>
      <c r="AC1042" s="5" t="s">
        <v>44</v>
      </c>
      <c r="AD1042" s="2"/>
      <c r="AE1042" s="1"/>
    </row>
    <row r="1043" spans="1:31" ht="14.45">
      <c r="A1043" s="11"/>
      <c r="B1043" s="20"/>
      <c r="C1043" s="2" t="s">
        <v>3550</v>
      </c>
      <c r="D1043" s="14" t="s">
        <v>3551</v>
      </c>
      <c r="E1043" s="2" t="s">
        <v>3552</v>
      </c>
      <c r="F1043" s="2" t="s">
        <v>1839</v>
      </c>
      <c r="G1043" s="8">
        <v>170</v>
      </c>
      <c r="H1043" s="5">
        <v>13</v>
      </c>
      <c r="I1043" s="5" t="s">
        <v>1518</v>
      </c>
      <c r="J1043" s="5" t="s">
        <v>1519</v>
      </c>
      <c r="K1043" s="2" t="s">
        <v>1520</v>
      </c>
      <c r="L1043" s="5" t="s">
        <v>1519</v>
      </c>
      <c r="M1043" s="2" t="s">
        <v>1520</v>
      </c>
      <c r="N1043" s="5" t="s">
        <v>1521</v>
      </c>
      <c r="O1043" s="5" t="s">
        <v>38</v>
      </c>
      <c r="P1043" s="5" t="s">
        <v>39</v>
      </c>
      <c r="Q1043" s="5" t="s">
        <v>40</v>
      </c>
      <c r="R1043" s="5" t="s">
        <v>1522</v>
      </c>
      <c r="S1043" s="5" t="s">
        <v>1523</v>
      </c>
      <c r="T1043" s="5" t="s">
        <v>42</v>
      </c>
      <c r="U1043" s="2">
        <v>2.177</v>
      </c>
      <c r="V1043" s="2">
        <v>1.6879999999999999</v>
      </c>
      <c r="W1043" s="2">
        <v>1.2999999999999999E-2</v>
      </c>
      <c r="X1043" s="2">
        <v>99.1</v>
      </c>
      <c r="Y1043" s="2">
        <v>7.6</v>
      </c>
      <c r="Z1043" s="2">
        <v>16.7</v>
      </c>
      <c r="AA1043" s="5"/>
      <c r="AB1043" s="5" t="s">
        <v>43</v>
      </c>
      <c r="AC1043" s="5" t="s">
        <v>44</v>
      </c>
      <c r="AD1043" s="2"/>
      <c r="AE1043" s="1"/>
    </row>
    <row r="1044" spans="1:31" ht="14.45">
      <c r="A1044" s="11"/>
      <c r="B1044" s="20"/>
      <c r="C1044" s="2" t="s">
        <v>3553</v>
      </c>
      <c r="D1044" s="14" t="s">
        <v>3554</v>
      </c>
      <c r="E1044" s="2" t="s">
        <v>3555</v>
      </c>
      <c r="F1044" s="2" t="s">
        <v>1986</v>
      </c>
      <c r="G1044" s="8">
        <v>170</v>
      </c>
      <c r="H1044" s="5">
        <v>13</v>
      </c>
      <c r="I1044" s="5" t="s">
        <v>1518</v>
      </c>
      <c r="J1044" s="5" t="s">
        <v>1519</v>
      </c>
      <c r="K1044" s="2" t="s">
        <v>1520</v>
      </c>
      <c r="L1044" s="5" t="s">
        <v>1519</v>
      </c>
      <c r="M1044" s="2" t="s">
        <v>1520</v>
      </c>
      <c r="N1044" s="5" t="s">
        <v>1521</v>
      </c>
      <c r="O1044" s="5" t="s">
        <v>38</v>
      </c>
      <c r="P1044" s="5" t="s">
        <v>39</v>
      </c>
      <c r="Q1044" s="5" t="s">
        <v>40</v>
      </c>
      <c r="R1044" s="5" t="s">
        <v>1522</v>
      </c>
      <c r="S1044" s="5" t="s">
        <v>1523</v>
      </c>
      <c r="T1044" s="5" t="s">
        <v>42</v>
      </c>
      <c r="U1044" s="2">
        <v>2.2189999999999999</v>
      </c>
      <c r="V1044" s="2">
        <v>1.73</v>
      </c>
      <c r="W1044" s="2">
        <v>1.2999999999999999E-2</v>
      </c>
      <c r="X1044" s="2">
        <v>99.1</v>
      </c>
      <c r="Y1044" s="2">
        <v>7.6</v>
      </c>
      <c r="Z1044" s="2">
        <v>16.7</v>
      </c>
      <c r="AA1044" s="5"/>
      <c r="AB1044" s="5" t="s">
        <v>43</v>
      </c>
      <c r="AC1044" s="5" t="s">
        <v>44</v>
      </c>
      <c r="AD1044" s="2"/>
      <c r="AE1044" s="1"/>
    </row>
    <row r="1045" spans="1:31" ht="14.45">
      <c r="A1045" s="11"/>
      <c r="B1045" s="20"/>
      <c r="C1045" s="2" t="s">
        <v>3556</v>
      </c>
      <c r="D1045" s="14" t="s">
        <v>3557</v>
      </c>
      <c r="E1045" s="2" t="s">
        <v>3558</v>
      </c>
      <c r="F1045" s="2" t="s">
        <v>1843</v>
      </c>
      <c r="G1045" s="8">
        <v>170</v>
      </c>
      <c r="H1045" s="5">
        <v>13</v>
      </c>
      <c r="I1045" s="5" t="s">
        <v>1518</v>
      </c>
      <c r="J1045" s="5" t="s">
        <v>1519</v>
      </c>
      <c r="K1045" s="2" t="s">
        <v>1520</v>
      </c>
      <c r="L1045" s="5" t="s">
        <v>1519</v>
      </c>
      <c r="M1045" s="2" t="s">
        <v>1520</v>
      </c>
      <c r="N1045" s="5" t="s">
        <v>1521</v>
      </c>
      <c r="O1045" s="5" t="s">
        <v>38</v>
      </c>
      <c r="P1045" s="5" t="s">
        <v>39</v>
      </c>
      <c r="Q1045" s="5" t="s">
        <v>40</v>
      </c>
      <c r="R1045" s="5" t="s">
        <v>1522</v>
      </c>
      <c r="S1045" s="5" t="s">
        <v>1523</v>
      </c>
      <c r="T1045" s="5" t="s">
        <v>42</v>
      </c>
      <c r="U1045" s="2">
        <v>2.177</v>
      </c>
      <c r="V1045" s="2">
        <v>1.6879999999999999</v>
      </c>
      <c r="W1045" s="2">
        <v>1.2999999999999999E-2</v>
      </c>
      <c r="X1045" s="2">
        <v>99.1</v>
      </c>
      <c r="Y1045" s="2">
        <v>7.6</v>
      </c>
      <c r="Z1045" s="2">
        <v>16.7</v>
      </c>
      <c r="AA1045" s="5"/>
      <c r="AB1045" s="5" t="s">
        <v>43</v>
      </c>
      <c r="AC1045" s="5" t="s">
        <v>44</v>
      </c>
      <c r="AD1045" s="2"/>
      <c r="AE1045" s="1"/>
    </row>
    <row r="1046" spans="1:31" ht="14.45">
      <c r="A1046" s="11"/>
      <c r="B1046" s="20"/>
      <c r="C1046" s="2" t="s">
        <v>3559</v>
      </c>
      <c r="D1046" s="14" t="s">
        <v>3560</v>
      </c>
      <c r="E1046" s="2" t="s">
        <v>3561</v>
      </c>
      <c r="F1046" s="2" t="s">
        <v>1847</v>
      </c>
      <c r="G1046" s="8">
        <v>170</v>
      </c>
      <c r="H1046" s="5">
        <v>13</v>
      </c>
      <c r="I1046" s="5" t="s">
        <v>1518</v>
      </c>
      <c r="J1046" s="5" t="s">
        <v>1519</v>
      </c>
      <c r="K1046" s="2" t="s">
        <v>1520</v>
      </c>
      <c r="L1046" s="5" t="s">
        <v>1519</v>
      </c>
      <c r="M1046" s="2" t="s">
        <v>1520</v>
      </c>
      <c r="N1046" s="5" t="s">
        <v>1521</v>
      </c>
      <c r="O1046" s="5" t="s">
        <v>38</v>
      </c>
      <c r="P1046" s="5" t="s">
        <v>39</v>
      </c>
      <c r="Q1046" s="5" t="s">
        <v>40</v>
      </c>
      <c r="R1046" s="5" t="s">
        <v>1522</v>
      </c>
      <c r="S1046" s="5" t="s">
        <v>1523</v>
      </c>
      <c r="T1046" s="5" t="s">
        <v>42</v>
      </c>
      <c r="U1046" s="2">
        <v>2.2189999999999999</v>
      </c>
      <c r="V1046" s="2">
        <v>1.73</v>
      </c>
      <c r="W1046" s="2">
        <v>1.2999999999999999E-2</v>
      </c>
      <c r="X1046" s="2">
        <v>99.1</v>
      </c>
      <c r="Y1046" s="2">
        <v>7.6</v>
      </c>
      <c r="Z1046" s="2">
        <v>16.7</v>
      </c>
      <c r="AA1046" s="5"/>
      <c r="AB1046" s="5" t="s">
        <v>43</v>
      </c>
      <c r="AC1046" s="5" t="s">
        <v>44</v>
      </c>
      <c r="AD1046" s="2"/>
      <c r="AE1046" s="1"/>
    </row>
    <row r="1047" spans="1:31" ht="14.45">
      <c r="A1047" s="11"/>
      <c r="B1047" s="20"/>
      <c r="C1047" s="2" t="s">
        <v>3562</v>
      </c>
      <c r="D1047" s="14" t="s">
        <v>3563</v>
      </c>
      <c r="E1047" s="2" t="s">
        <v>3564</v>
      </c>
      <c r="F1047" s="2" t="s">
        <v>1851</v>
      </c>
      <c r="G1047" s="8">
        <v>170</v>
      </c>
      <c r="H1047" s="5">
        <v>13</v>
      </c>
      <c r="I1047" s="5" t="s">
        <v>1518</v>
      </c>
      <c r="J1047" s="5" t="s">
        <v>1519</v>
      </c>
      <c r="K1047" s="2" t="s">
        <v>1520</v>
      </c>
      <c r="L1047" s="5" t="s">
        <v>1519</v>
      </c>
      <c r="M1047" s="2" t="s">
        <v>1520</v>
      </c>
      <c r="N1047" s="5" t="s">
        <v>1521</v>
      </c>
      <c r="O1047" s="5" t="s">
        <v>38</v>
      </c>
      <c r="P1047" s="5" t="s">
        <v>39</v>
      </c>
      <c r="Q1047" s="5" t="s">
        <v>40</v>
      </c>
      <c r="R1047" s="5" t="s">
        <v>1522</v>
      </c>
      <c r="S1047" s="5" t="s">
        <v>1523</v>
      </c>
      <c r="T1047" s="5" t="s">
        <v>42</v>
      </c>
      <c r="U1047" s="2">
        <v>2.177</v>
      </c>
      <c r="V1047" s="2">
        <v>1.6879999999999999</v>
      </c>
      <c r="W1047" s="2">
        <v>1.2999999999999999E-2</v>
      </c>
      <c r="X1047" s="2">
        <v>99.1</v>
      </c>
      <c r="Y1047" s="2">
        <v>7.6</v>
      </c>
      <c r="Z1047" s="2">
        <v>16.7</v>
      </c>
      <c r="AA1047" s="5"/>
      <c r="AB1047" s="5" t="s">
        <v>43</v>
      </c>
      <c r="AC1047" s="5" t="s">
        <v>44</v>
      </c>
      <c r="AD1047" s="2"/>
      <c r="AE1047" s="1"/>
    </row>
    <row r="1048" spans="1:31" ht="14.45">
      <c r="A1048" s="11"/>
      <c r="B1048" s="20"/>
      <c r="C1048" s="2" t="s">
        <v>3565</v>
      </c>
      <c r="D1048" s="14" t="s">
        <v>3566</v>
      </c>
      <c r="E1048" s="2" t="s">
        <v>3567</v>
      </c>
      <c r="F1048" s="2" t="s">
        <v>1999</v>
      </c>
      <c r="G1048" s="8">
        <v>170</v>
      </c>
      <c r="H1048" s="5">
        <v>13</v>
      </c>
      <c r="I1048" s="5" t="s">
        <v>1518</v>
      </c>
      <c r="J1048" s="5" t="s">
        <v>1519</v>
      </c>
      <c r="K1048" s="2" t="s">
        <v>1520</v>
      </c>
      <c r="L1048" s="5" t="s">
        <v>1519</v>
      </c>
      <c r="M1048" s="2" t="s">
        <v>1520</v>
      </c>
      <c r="N1048" s="5" t="s">
        <v>1521</v>
      </c>
      <c r="O1048" s="5" t="s">
        <v>38</v>
      </c>
      <c r="P1048" s="5" t="s">
        <v>39</v>
      </c>
      <c r="Q1048" s="5" t="s">
        <v>40</v>
      </c>
      <c r="R1048" s="5" t="s">
        <v>1522</v>
      </c>
      <c r="S1048" s="5" t="s">
        <v>1523</v>
      </c>
      <c r="T1048" s="5" t="s">
        <v>42</v>
      </c>
      <c r="U1048" s="2">
        <v>2.2189999999999999</v>
      </c>
      <c r="V1048" s="2">
        <v>1.73</v>
      </c>
      <c r="W1048" s="2">
        <v>1.2999999999999999E-2</v>
      </c>
      <c r="X1048" s="2">
        <v>99.1</v>
      </c>
      <c r="Y1048" s="2">
        <v>7.6</v>
      </c>
      <c r="Z1048" s="2">
        <v>16.7</v>
      </c>
      <c r="AA1048" s="5"/>
      <c r="AB1048" s="5" t="s">
        <v>43</v>
      </c>
      <c r="AC1048" s="5" t="s">
        <v>44</v>
      </c>
      <c r="AD1048" s="2"/>
      <c r="AE1048" s="1"/>
    </row>
    <row r="1049" spans="1:31" ht="14.45">
      <c r="A1049" s="11"/>
      <c r="B1049" s="20"/>
      <c r="C1049" s="2" t="s">
        <v>3568</v>
      </c>
      <c r="D1049" s="14" t="s">
        <v>3569</v>
      </c>
      <c r="E1049" s="2" t="s">
        <v>3570</v>
      </c>
      <c r="F1049" s="2" t="s">
        <v>1855</v>
      </c>
      <c r="G1049" s="8">
        <v>170</v>
      </c>
      <c r="H1049" s="5">
        <v>13</v>
      </c>
      <c r="I1049" s="5" t="s">
        <v>1518</v>
      </c>
      <c r="J1049" s="5" t="s">
        <v>1519</v>
      </c>
      <c r="K1049" s="2" t="s">
        <v>1520</v>
      </c>
      <c r="L1049" s="5" t="s">
        <v>1519</v>
      </c>
      <c r="M1049" s="2" t="s">
        <v>1520</v>
      </c>
      <c r="N1049" s="5" t="s">
        <v>1521</v>
      </c>
      <c r="O1049" s="5" t="s">
        <v>38</v>
      </c>
      <c r="P1049" s="5" t="s">
        <v>39</v>
      </c>
      <c r="Q1049" s="5" t="s">
        <v>40</v>
      </c>
      <c r="R1049" s="5" t="s">
        <v>1522</v>
      </c>
      <c r="S1049" s="5" t="s">
        <v>1523</v>
      </c>
      <c r="T1049" s="5" t="s">
        <v>42</v>
      </c>
      <c r="U1049" s="2">
        <v>2.177</v>
      </c>
      <c r="V1049" s="2">
        <v>1.6879999999999999</v>
      </c>
      <c r="W1049" s="2">
        <v>1.2999999999999999E-2</v>
      </c>
      <c r="X1049" s="2">
        <v>99.1</v>
      </c>
      <c r="Y1049" s="2">
        <v>7.6</v>
      </c>
      <c r="Z1049" s="2">
        <v>16.7</v>
      </c>
      <c r="AA1049" s="5"/>
      <c r="AB1049" s="5" t="s">
        <v>43</v>
      </c>
      <c r="AC1049" s="5" t="s">
        <v>44</v>
      </c>
      <c r="AD1049" s="2"/>
      <c r="AE1049" s="1"/>
    </row>
    <row r="1050" spans="1:31" ht="14.45">
      <c r="A1050" s="11"/>
      <c r="B1050" s="20"/>
      <c r="C1050" s="2" t="s">
        <v>3571</v>
      </c>
      <c r="D1050" s="14" t="s">
        <v>3572</v>
      </c>
      <c r="E1050" s="2" t="s">
        <v>3573</v>
      </c>
      <c r="F1050" s="2" t="s">
        <v>1859</v>
      </c>
      <c r="G1050" s="8">
        <v>170</v>
      </c>
      <c r="H1050" s="5">
        <v>13</v>
      </c>
      <c r="I1050" s="5" t="s">
        <v>1518</v>
      </c>
      <c r="J1050" s="5" t="s">
        <v>1519</v>
      </c>
      <c r="K1050" s="2" t="s">
        <v>1520</v>
      </c>
      <c r="L1050" s="5" t="s">
        <v>1519</v>
      </c>
      <c r="M1050" s="2" t="s">
        <v>1520</v>
      </c>
      <c r="N1050" s="5" t="s">
        <v>1521</v>
      </c>
      <c r="O1050" s="5" t="s">
        <v>38</v>
      </c>
      <c r="P1050" s="5" t="s">
        <v>39</v>
      </c>
      <c r="Q1050" s="5" t="s">
        <v>40</v>
      </c>
      <c r="R1050" s="5" t="s">
        <v>1522</v>
      </c>
      <c r="S1050" s="5" t="s">
        <v>1523</v>
      </c>
      <c r="T1050" s="5" t="s">
        <v>42</v>
      </c>
      <c r="U1050" s="2">
        <v>2.2189999999999999</v>
      </c>
      <c r="V1050" s="2">
        <v>1.73</v>
      </c>
      <c r="W1050" s="2">
        <v>1.2999999999999999E-2</v>
      </c>
      <c r="X1050" s="2">
        <v>99.1</v>
      </c>
      <c r="Y1050" s="2">
        <v>7.6</v>
      </c>
      <c r="Z1050" s="2">
        <v>16.7</v>
      </c>
      <c r="AA1050" s="5"/>
      <c r="AB1050" s="5" t="s">
        <v>43</v>
      </c>
      <c r="AC1050" s="5" t="s">
        <v>44</v>
      </c>
      <c r="AD1050" s="2"/>
      <c r="AE1050" s="1"/>
    </row>
    <row r="1051" spans="1:31" ht="14.45">
      <c r="A1051" s="11"/>
      <c r="B1051" s="20"/>
      <c r="C1051" s="2" t="s">
        <v>3574</v>
      </c>
      <c r="D1051" s="14" t="s">
        <v>3575</v>
      </c>
      <c r="E1051" s="2" t="s">
        <v>3576</v>
      </c>
      <c r="F1051" s="2" t="s">
        <v>1863</v>
      </c>
      <c r="G1051" s="8">
        <v>170</v>
      </c>
      <c r="H1051" s="5">
        <v>11</v>
      </c>
      <c r="I1051" s="5" t="s">
        <v>1518</v>
      </c>
      <c r="J1051" s="5" t="s">
        <v>1519</v>
      </c>
      <c r="K1051" s="2" t="s">
        <v>1520</v>
      </c>
      <c r="L1051" s="5" t="s">
        <v>1519</v>
      </c>
      <c r="M1051" s="2" t="s">
        <v>1520</v>
      </c>
      <c r="N1051" s="5" t="s">
        <v>1521</v>
      </c>
      <c r="O1051" s="5" t="s">
        <v>38</v>
      </c>
      <c r="P1051" s="5" t="s">
        <v>39</v>
      </c>
      <c r="Q1051" s="5" t="s">
        <v>40</v>
      </c>
      <c r="R1051" s="5" t="s">
        <v>1522</v>
      </c>
      <c r="S1051" s="5" t="s">
        <v>1523</v>
      </c>
      <c r="T1051" s="5" t="s">
        <v>42</v>
      </c>
      <c r="U1051" s="2">
        <v>2.1230000000000002</v>
      </c>
      <c r="V1051" s="2">
        <v>1.6339999999999999</v>
      </c>
      <c r="W1051" s="2">
        <v>1.2999999999999999E-2</v>
      </c>
      <c r="X1051" s="2">
        <v>99.1</v>
      </c>
      <c r="Y1051" s="2">
        <v>7.6</v>
      </c>
      <c r="Z1051" s="2">
        <v>16.7</v>
      </c>
      <c r="AA1051" s="5"/>
      <c r="AB1051" s="5" t="s">
        <v>43</v>
      </c>
      <c r="AC1051" s="5" t="s">
        <v>44</v>
      </c>
      <c r="AD1051" s="2"/>
      <c r="AE1051" s="1"/>
    </row>
    <row r="1052" spans="1:31" ht="14.45">
      <c r="A1052" s="11"/>
      <c r="B1052" s="20"/>
      <c r="C1052" s="2" t="s">
        <v>3577</v>
      </c>
      <c r="D1052" s="14" t="s">
        <v>3578</v>
      </c>
      <c r="E1052" s="2" t="s">
        <v>3579</v>
      </c>
      <c r="F1052" s="2" t="s">
        <v>1867</v>
      </c>
      <c r="G1052" s="8">
        <v>170</v>
      </c>
      <c r="H1052" s="5">
        <v>11</v>
      </c>
      <c r="I1052" s="5" t="s">
        <v>1518</v>
      </c>
      <c r="J1052" s="5" t="s">
        <v>1519</v>
      </c>
      <c r="K1052" s="2" t="s">
        <v>1520</v>
      </c>
      <c r="L1052" s="5" t="s">
        <v>1519</v>
      </c>
      <c r="M1052" s="2" t="s">
        <v>1520</v>
      </c>
      <c r="N1052" s="5" t="s">
        <v>1521</v>
      </c>
      <c r="O1052" s="5" t="s">
        <v>38</v>
      </c>
      <c r="P1052" s="5" t="s">
        <v>39</v>
      </c>
      <c r="Q1052" s="5" t="s">
        <v>40</v>
      </c>
      <c r="R1052" s="5" t="s">
        <v>1522</v>
      </c>
      <c r="S1052" s="5" t="s">
        <v>1523</v>
      </c>
      <c r="T1052" s="5" t="s">
        <v>42</v>
      </c>
      <c r="U1052" s="2">
        <v>2.165</v>
      </c>
      <c r="V1052" s="2">
        <v>1.6759999999999999</v>
      </c>
      <c r="W1052" s="2">
        <v>1.2999999999999999E-2</v>
      </c>
      <c r="X1052" s="2">
        <v>99.1</v>
      </c>
      <c r="Y1052" s="2">
        <v>7.6</v>
      </c>
      <c r="Z1052" s="2">
        <v>16.7</v>
      </c>
      <c r="AA1052" s="5"/>
      <c r="AB1052" s="5" t="s">
        <v>43</v>
      </c>
      <c r="AC1052" s="5" t="s">
        <v>44</v>
      </c>
      <c r="AD1052" s="2"/>
      <c r="AE1052" s="1"/>
    </row>
    <row r="1053" spans="1:31" ht="14.45">
      <c r="A1053" s="11"/>
      <c r="B1053" s="20"/>
      <c r="C1053" s="2" t="s">
        <v>3580</v>
      </c>
      <c r="D1053" s="14" t="s">
        <v>3581</v>
      </c>
      <c r="E1053" s="2" t="s">
        <v>3582</v>
      </c>
      <c r="F1053" s="2" t="s">
        <v>1695</v>
      </c>
      <c r="G1053" s="8">
        <v>153</v>
      </c>
      <c r="H1053" s="5">
        <v>5</v>
      </c>
      <c r="I1053" s="5" t="s">
        <v>1518</v>
      </c>
      <c r="J1053" s="5" t="s">
        <v>1519</v>
      </c>
      <c r="K1053" s="2" t="s">
        <v>1520</v>
      </c>
      <c r="L1053" s="5" t="s">
        <v>1519</v>
      </c>
      <c r="M1053" s="2" t="s">
        <v>1520</v>
      </c>
      <c r="N1053" s="5" t="s">
        <v>1521</v>
      </c>
      <c r="O1053" s="5" t="s">
        <v>38</v>
      </c>
      <c r="P1053" s="5" t="s">
        <v>39</v>
      </c>
      <c r="Q1053" s="5" t="s">
        <v>40</v>
      </c>
      <c r="R1053" s="5" t="s">
        <v>1522</v>
      </c>
      <c r="S1053" s="5" t="s">
        <v>1523</v>
      </c>
      <c r="T1053" s="5" t="s">
        <v>42</v>
      </c>
      <c r="U1053" s="2">
        <v>2.278</v>
      </c>
      <c r="V1053" s="2">
        <v>1.7889999999999999</v>
      </c>
      <c r="W1053" s="2">
        <v>1.4999999999999999E-2</v>
      </c>
      <c r="X1053" s="2">
        <v>118.9</v>
      </c>
      <c r="Y1053" s="2">
        <v>7.6</v>
      </c>
      <c r="Z1053" s="2">
        <v>16.7</v>
      </c>
      <c r="AA1053" s="5"/>
      <c r="AB1053" s="5" t="s">
        <v>43</v>
      </c>
      <c r="AC1053" s="5" t="s">
        <v>44</v>
      </c>
      <c r="AD1053" s="2"/>
      <c r="AE1053" s="1"/>
    </row>
    <row r="1054" spans="1:31" ht="14.45">
      <c r="A1054" s="11"/>
      <c r="B1054" s="20"/>
      <c r="C1054" s="2" t="s">
        <v>3583</v>
      </c>
      <c r="D1054" s="14" t="s">
        <v>3584</v>
      </c>
      <c r="E1054" s="2" t="s">
        <v>3585</v>
      </c>
      <c r="F1054" s="2" t="s">
        <v>1699</v>
      </c>
      <c r="G1054" s="8">
        <v>153</v>
      </c>
      <c r="H1054" s="5">
        <v>6</v>
      </c>
      <c r="I1054" s="5" t="s">
        <v>1518</v>
      </c>
      <c r="J1054" s="5" t="s">
        <v>1519</v>
      </c>
      <c r="K1054" s="2" t="s">
        <v>1520</v>
      </c>
      <c r="L1054" s="5" t="s">
        <v>1519</v>
      </c>
      <c r="M1054" s="2" t="s">
        <v>1520</v>
      </c>
      <c r="N1054" s="5" t="s">
        <v>1521</v>
      </c>
      <c r="O1054" s="5" t="s">
        <v>38</v>
      </c>
      <c r="P1054" s="5" t="s">
        <v>39</v>
      </c>
      <c r="Q1054" s="5" t="s">
        <v>40</v>
      </c>
      <c r="R1054" s="5" t="s">
        <v>1522</v>
      </c>
      <c r="S1054" s="5" t="s">
        <v>1523</v>
      </c>
      <c r="T1054" s="5" t="s">
        <v>42</v>
      </c>
      <c r="U1054" s="2">
        <v>2.3239999999999998</v>
      </c>
      <c r="V1054" s="2">
        <v>1.835</v>
      </c>
      <c r="W1054" s="2">
        <v>1.4999999999999999E-2</v>
      </c>
      <c r="X1054" s="2">
        <v>118.9</v>
      </c>
      <c r="Y1054" s="2">
        <v>7.6</v>
      </c>
      <c r="Z1054" s="2">
        <v>16.7</v>
      </c>
      <c r="AA1054" s="5"/>
      <c r="AB1054" s="5" t="s">
        <v>43</v>
      </c>
      <c r="AC1054" s="5" t="s">
        <v>44</v>
      </c>
      <c r="AD1054" s="2"/>
      <c r="AE1054" s="1"/>
    </row>
    <row r="1055" spans="1:31" ht="14.45">
      <c r="A1055" s="11"/>
      <c r="B1055" s="20"/>
      <c r="C1055" s="2" t="s">
        <v>3586</v>
      </c>
      <c r="D1055" s="14" t="s">
        <v>3587</v>
      </c>
      <c r="E1055" s="2" t="s">
        <v>3588</v>
      </c>
      <c r="F1055" s="2" t="s">
        <v>1703</v>
      </c>
      <c r="G1055" s="8">
        <v>153</v>
      </c>
      <c r="H1055" s="5">
        <v>5</v>
      </c>
      <c r="I1055" s="5" t="s">
        <v>1518</v>
      </c>
      <c r="J1055" s="5" t="s">
        <v>1519</v>
      </c>
      <c r="K1055" s="2" t="s">
        <v>1520</v>
      </c>
      <c r="L1055" s="5" t="s">
        <v>1519</v>
      </c>
      <c r="M1055" s="2" t="s">
        <v>1520</v>
      </c>
      <c r="N1055" s="5" t="s">
        <v>1521</v>
      </c>
      <c r="O1055" s="5" t="s">
        <v>38</v>
      </c>
      <c r="P1055" s="5" t="s">
        <v>39</v>
      </c>
      <c r="Q1055" s="5" t="s">
        <v>40</v>
      </c>
      <c r="R1055" s="5" t="s">
        <v>1522</v>
      </c>
      <c r="S1055" s="5" t="s">
        <v>1523</v>
      </c>
      <c r="T1055" s="5" t="s">
        <v>42</v>
      </c>
      <c r="U1055" s="2">
        <v>2.2850000000000001</v>
      </c>
      <c r="V1055" s="2">
        <v>1.796</v>
      </c>
      <c r="W1055" s="2">
        <v>1.4999999999999999E-2</v>
      </c>
      <c r="X1055" s="2">
        <v>118.9</v>
      </c>
      <c r="Y1055" s="2">
        <v>7.6</v>
      </c>
      <c r="Z1055" s="2">
        <v>16.7</v>
      </c>
      <c r="AA1055" s="5"/>
      <c r="AB1055" s="5" t="s">
        <v>43</v>
      </c>
      <c r="AC1055" s="5" t="s">
        <v>44</v>
      </c>
      <c r="AD1055" s="2"/>
      <c r="AE1055" s="1"/>
    </row>
    <row r="1056" spans="1:31" ht="14.45">
      <c r="A1056" s="11"/>
      <c r="B1056" s="20"/>
      <c r="C1056" s="2" t="s">
        <v>3589</v>
      </c>
      <c r="D1056" s="14" t="s">
        <v>3590</v>
      </c>
      <c r="E1056" s="2" t="s">
        <v>3591</v>
      </c>
      <c r="F1056" s="2" t="s">
        <v>1707</v>
      </c>
      <c r="G1056" s="8">
        <v>153</v>
      </c>
      <c r="H1056" s="5">
        <v>5</v>
      </c>
      <c r="I1056" s="5" t="s">
        <v>1518</v>
      </c>
      <c r="J1056" s="5" t="s">
        <v>1519</v>
      </c>
      <c r="K1056" s="2" t="s">
        <v>1520</v>
      </c>
      <c r="L1056" s="5" t="s">
        <v>1519</v>
      </c>
      <c r="M1056" s="2" t="s">
        <v>1520</v>
      </c>
      <c r="N1056" s="5" t="s">
        <v>1521</v>
      </c>
      <c r="O1056" s="5" t="s">
        <v>38</v>
      </c>
      <c r="P1056" s="5" t="s">
        <v>39</v>
      </c>
      <c r="Q1056" s="5" t="s">
        <v>40</v>
      </c>
      <c r="R1056" s="5" t="s">
        <v>1522</v>
      </c>
      <c r="S1056" s="5" t="s">
        <v>1523</v>
      </c>
      <c r="T1056" s="5" t="s">
        <v>42</v>
      </c>
      <c r="U1056" s="2">
        <v>2.331</v>
      </c>
      <c r="V1056" s="2">
        <v>1.8420000000000001</v>
      </c>
      <c r="W1056" s="2">
        <v>1.4999999999999999E-2</v>
      </c>
      <c r="X1056" s="2">
        <v>118.9</v>
      </c>
      <c r="Y1056" s="2">
        <v>7.6</v>
      </c>
      <c r="Z1056" s="2">
        <v>16.7</v>
      </c>
      <c r="AA1056" s="5"/>
      <c r="AB1056" s="5" t="s">
        <v>43</v>
      </c>
      <c r="AC1056" s="5" t="s">
        <v>44</v>
      </c>
      <c r="AD1056" s="2"/>
      <c r="AE1056" s="1"/>
    </row>
    <row r="1057" spans="1:31" ht="14.45">
      <c r="A1057" s="11"/>
      <c r="B1057" s="20"/>
      <c r="C1057" s="2" t="s">
        <v>3592</v>
      </c>
      <c r="D1057" s="14" t="s">
        <v>3593</v>
      </c>
      <c r="E1057" s="2" t="s">
        <v>3594</v>
      </c>
      <c r="F1057" s="2" t="s">
        <v>1711</v>
      </c>
      <c r="G1057" s="8">
        <v>153</v>
      </c>
      <c r="H1057" s="5">
        <v>5</v>
      </c>
      <c r="I1057" s="5" t="s">
        <v>1518</v>
      </c>
      <c r="J1057" s="5" t="s">
        <v>1519</v>
      </c>
      <c r="K1057" s="2" t="s">
        <v>1520</v>
      </c>
      <c r="L1057" s="5" t="s">
        <v>1519</v>
      </c>
      <c r="M1057" s="2" t="s">
        <v>1520</v>
      </c>
      <c r="N1057" s="5" t="s">
        <v>1521</v>
      </c>
      <c r="O1057" s="5" t="s">
        <v>38</v>
      </c>
      <c r="P1057" s="5" t="s">
        <v>39</v>
      </c>
      <c r="Q1057" s="5" t="s">
        <v>40</v>
      </c>
      <c r="R1057" s="5" t="s">
        <v>1522</v>
      </c>
      <c r="S1057" s="5" t="s">
        <v>1523</v>
      </c>
      <c r="T1057" s="5" t="s">
        <v>42</v>
      </c>
      <c r="U1057" s="2">
        <v>2.2850000000000001</v>
      </c>
      <c r="V1057" s="2">
        <v>1.796</v>
      </c>
      <c r="W1057" s="2">
        <v>1.4999999999999999E-2</v>
      </c>
      <c r="X1057" s="2">
        <v>118.9</v>
      </c>
      <c r="Y1057" s="2">
        <v>7.6</v>
      </c>
      <c r="Z1057" s="2">
        <v>16.7</v>
      </c>
      <c r="AA1057" s="5"/>
      <c r="AB1057" s="5" t="s">
        <v>43</v>
      </c>
      <c r="AC1057" s="5" t="s">
        <v>44</v>
      </c>
      <c r="AD1057" s="2"/>
      <c r="AE1057" s="1"/>
    </row>
    <row r="1058" spans="1:31" ht="14.45">
      <c r="A1058" s="11"/>
      <c r="B1058" s="20"/>
      <c r="C1058" s="2" t="s">
        <v>3595</v>
      </c>
      <c r="D1058" s="14" t="s">
        <v>3596</v>
      </c>
      <c r="E1058" s="2" t="s">
        <v>3597</v>
      </c>
      <c r="F1058" s="2" t="s">
        <v>1715</v>
      </c>
      <c r="G1058" s="8">
        <v>153</v>
      </c>
      <c r="H1058" s="5">
        <v>6</v>
      </c>
      <c r="I1058" s="5" t="s">
        <v>1518</v>
      </c>
      <c r="J1058" s="5" t="s">
        <v>1519</v>
      </c>
      <c r="K1058" s="2" t="s">
        <v>1520</v>
      </c>
      <c r="L1058" s="5" t="s">
        <v>1519</v>
      </c>
      <c r="M1058" s="2" t="s">
        <v>1520</v>
      </c>
      <c r="N1058" s="5" t="s">
        <v>1521</v>
      </c>
      <c r="O1058" s="5" t="s">
        <v>38</v>
      </c>
      <c r="P1058" s="5" t="s">
        <v>39</v>
      </c>
      <c r="Q1058" s="5" t="s">
        <v>40</v>
      </c>
      <c r="R1058" s="5" t="s">
        <v>1522</v>
      </c>
      <c r="S1058" s="5" t="s">
        <v>1523</v>
      </c>
      <c r="T1058" s="5" t="s">
        <v>42</v>
      </c>
      <c r="U1058" s="2">
        <v>2.331</v>
      </c>
      <c r="V1058" s="2">
        <v>1.8420000000000001</v>
      </c>
      <c r="W1058" s="2">
        <v>1.4999999999999999E-2</v>
      </c>
      <c r="X1058" s="2">
        <v>118.9</v>
      </c>
      <c r="Y1058" s="2">
        <v>7.6</v>
      </c>
      <c r="Z1058" s="2">
        <v>16.7</v>
      </c>
      <c r="AA1058" s="5"/>
      <c r="AB1058" s="5" t="s">
        <v>43</v>
      </c>
      <c r="AC1058" s="5" t="s">
        <v>44</v>
      </c>
      <c r="AD1058" s="2"/>
      <c r="AE1058" s="1"/>
    </row>
    <row r="1059" spans="1:31" ht="14.45">
      <c r="A1059" s="17"/>
      <c r="B1059" s="22"/>
      <c r="C1059" s="2" t="s">
        <v>3598</v>
      </c>
      <c r="D1059" s="14" t="s">
        <v>3599</v>
      </c>
      <c r="E1059" s="2" t="s">
        <v>3600</v>
      </c>
      <c r="F1059" s="2" t="s">
        <v>1719</v>
      </c>
      <c r="G1059" s="8">
        <v>153</v>
      </c>
      <c r="H1059" s="2">
        <v>5</v>
      </c>
      <c r="I1059" s="2" t="s">
        <v>1518</v>
      </c>
      <c r="J1059" s="2" t="s">
        <v>1519</v>
      </c>
      <c r="K1059" s="2" t="s">
        <v>1520</v>
      </c>
      <c r="L1059" s="2" t="s">
        <v>1519</v>
      </c>
      <c r="M1059" s="2" t="s">
        <v>1520</v>
      </c>
      <c r="N1059" s="2" t="s">
        <v>1521</v>
      </c>
      <c r="O1059" s="2" t="s">
        <v>38</v>
      </c>
      <c r="P1059" s="2" t="s">
        <v>39</v>
      </c>
      <c r="Q1059" s="2" t="s">
        <v>40</v>
      </c>
      <c r="R1059" s="2" t="s">
        <v>1522</v>
      </c>
      <c r="S1059" s="12" t="s">
        <v>1523</v>
      </c>
      <c r="T1059" s="12" t="s">
        <v>42</v>
      </c>
      <c r="U1059" s="2">
        <v>2.2629999999999999</v>
      </c>
      <c r="V1059" s="2">
        <v>1.7729999999999999</v>
      </c>
      <c r="W1059" s="2">
        <v>1.4999999999999999E-2</v>
      </c>
      <c r="X1059" s="2">
        <v>118.9</v>
      </c>
      <c r="Y1059" s="2">
        <v>7.6</v>
      </c>
      <c r="Z1059" s="2">
        <v>16.7</v>
      </c>
      <c r="AA1059" s="12"/>
      <c r="AB1059" s="12" t="s">
        <v>43</v>
      </c>
      <c r="AC1059" s="12" t="s">
        <v>44</v>
      </c>
      <c r="AD1059" s="2"/>
      <c r="AE1059" s="1"/>
    </row>
    <row r="1060" spans="1:31" ht="14.45">
      <c r="A1060" s="11"/>
      <c r="B1060" s="20"/>
      <c r="C1060" s="2" t="s">
        <v>3601</v>
      </c>
      <c r="D1060" s="14" t="s">
        <v>3602</v>
      </c>
      <c r="E1060" s="2" t="s">
        <v>3603</v>
      </c>
      <c r="F1060" s="2" t="s">
        <v>1723</v>
      </c>
      <c r="G1060" s="8">
        <v>153</v>
      </c>
      <c r="H1060" s="5">
        <v>5</v>
      </c>
      <c r="I1060" s="5" t="s">
        <v>1518</v>
      </c>
      <c r="J1060" s="5" t="s">
        <v>1519</v>
      </c>
      <c r="K1060" s="2" t="s">
        <v>1520</v>
      </c>
      <c r="L1060" s="5" t="s">
        <v>1519</v>
      </c>
      <c r="M1060" s="2" t="s">
        <v>1520</v>
      </c>
      <c r="N1060" s="5" t="s">
        <v>1521</v>
      </c>
      <c r="O1060" s="5" t="s">
        <v>38</v>
      </c>
      <c r="P1060" s="5" t="s">
        <v>39</v>
      </c>
      <c r="Q1060" s="5" t="s">
        <v>40</v>
      </c>
      <c r="R1060" s="5" t="s">
        <v>1522</v>
      </c>
      <c r="S1060" s="5" t="s">
        <v>1523</v>
      </c>
      <c r="T1060" s="5" t="s">
        <v>42</v>
      </c>
      <c r="U1060" s="2">
        <v>2.3090000000000002</v>
      </c>
      <c r="V1060" s="2">
        <v>1.819</v>
      </c>
      <c r="W1060" s="2">
        <v>1.4999999999999999E-2</v>
      </c>
      <c r="X1060" s="2">
        <v>118.9</v>
      </c>
      <c r="Y1060" s="2">
        <v>7.6</v>
      </c>
      <c r="Z1060" s="2">
        <v>16.7</v>
      </c>
      <c r="AA1060" s="5"/>
      <c r="AB1060" s="5" t="s">
        <v>43</v>
      </c>
      <c r="AC1060" s="5" t="s">
        <v>44</v>
      </c>
      <c r="AD1060" s="2"/>
      <c r="AE1060" s="1"/>
    </row>
    <row r="1061" spans="1:31" ht="14.45">
      <c r="A1061" s="11"/>
      <c r="B1061" s="20"/>
      <c r="C1061" s="2" t="s">
        <v>3604</v>
      </c>
      <c r="D1061" s="14" t="s">
        <v>3605</v>
      </c>
      <c r="E1061" s="2" t="s">
        <v>3606</v>
      </c>
      <c r="F1061" s="2" t="s">
        <v>1727</v>
      </c>
      <c r="G1061" s="8">
        <v>176</v>
      </c>
      <c r="H1061" s="5">
        <v>6</v>
      </c>
      <c r="I1061" s="5" t="s">
        <v>1518</v>
      </c>
      <c r="J1061" s="5" t="s">
        <v>1519</v>
      </c>
      <c r="K1061" s="2" t="s">
        <v>1520</v>
      </c>
      <c r="L1061" s="5" t="s">
        <v>1519</v>
      </c>
      <c r="M1061" s="2" t="s">
        <v>1520</v>
      </c>
      <c r="N1061" s="5" t="s">
        <v>1521</v>
      </c>
      <c r="O1061" s="5" t="s">
        <v>38</v>
      </c>
      <c r="P1061" s="5" t="s">
        <v>39</v>
      </c>
      <c r="Q1061" s="5" t="s">
        <v>40</v>
      </c>
      <c r="R1061" s="5" t="s">
        <v>1522</v>
      </c>
      <c r="S1061" s="5" t="s">
        <v>1523</v>
      </c>
      <c r="T1061" s="5" t="s">
        <v>42</v>
      </c>
      <c r="U1061" s="2">
        <v>2.262</v>
      </c>
      <c r="V1061" s="2">
        <v>1.7729999999999999</v>
      </c>
      <c r="W1061" s="2">
        <v>1.4999999999999999E-2</v>
      </c>
      <c r="X1061" s="2">
        <v>118.9</v>
      </c>
      <c r="Y1061" s="2">
        <v>7.6</v>
      </c>
      <c r="Z1061" s="2">
        <v>16.7</v>
      </c>
      <c r="AA1061" s="5"/>
      <c r="AB1061" s="5" t="s">
        <v>43</v>
      </c>
      <c r="AC1061" s="5" t="s">
        <v>44</v>
      </c>
      <c r="AD1061" s="2"/>
      <c r="AE1061" s="1"/>
    </row>
    <row r="1062" spans="1:31" ht="14.45">
      <c r="A1062" s="11"/>
      <c r="B1062" s="20"/>
      <c r="C1062" s="2" t="s">
        <v>3607</v>
      </c>
      <c r="D1062" s="14" t="s">
        <v>3608</v>
      </c>
      <c r="E1062" s="2" t="s">
        <v>3609</v>
      </c>
      <c r="F1062" s="2" t="s">
        <v>1731</v>
      </c>
      <c r="G1062" s="8">
        <v>176</v>
      </c>
      <c r="H1062" s="5">
        <v>6</v>
      </c>
      <c r="I1062" s="5" t="s">
        <v>1518</v>
      </c>
      <c r="J1062" s="5" t="s">
        <v>1519</v>
      </c>
      <c r="K1062" s="2" t="s">
        <v>1520</v>
      </c>
      <c r="L1062" s="5" t="s">
        <v>1519</v>
      </c>
      <c r="M1062" s="2" t="s">
        <v>1520</v>
      </c>
      <c r="N1062" s="5" t="s">
        <v>1521</v>
      </c>
      <c r="O1062" s="5" t="s">
        <v>38</v>
      </c>
      <c r="P1062" s="5" t="s">
        <v>39</v>
      </c>
      <c r="Q1062" s="5" t="s">
        <v>40</v>
      </c>
      <c r="R1062" s="5" t="s">
        <v>1522</v>
      </c>
      <c r="S1062" s="5" t="s">
        <v>1523</v>
      </c>
      <c r="T1062" s="5" t="s">
        <v>42</v>
      </c>
      <c r="U1062" s="2">
        <v>2.3079999999999998</v>
      </c>
      <c r="V1062" s="2">
        <v>1.819</v>
      </c>
      <c r="W1062" s="2">
        <v>1.4999999999999999E-2</v>
      </c>
      <c r="X1062" s="2">
        <v>118.9</v>
      </c>
      <c r="Y1062" s="2">
        <v>7.6</v>
      </c>
      <c r="Z1062" s="2">
        <v>16.7</v>
      </c>
      <c r="AA1062" s="5"/>
      <c r="AB1062" s="5" t="s">
        <v>43</v>
      </c>
      <c r="AC1062" s="5" t="s">
        <v>44</v>
      </c>
      <c r="AD1062" s="2"/>
      <c r="AE1062" s="1"/>
    </row>
    <row r="1063" spans="1:31" ht="14.45">
      <c r="A1063" s="11"/>
      <c r="B1063" s="20"/>
      <c r="C1063" s="2" t="s">
        <v>3610</v>
      </c>
      <c r="D1063" s="14" t="s">
        <v>3611</v>
      </c>
      <c r="E1063" s="2" t="s">
        <v>3612</v>
      </c>
      <c r="F1063" s="2" t="s">
        <v>1735</v>
      </c>
      <c r="G1063" s="8">
        <v>176</v>
      </c>
      <c r="H1063" s="5">
        <v>6</v>
      </c>
      <c r="I1063" s="5" t="s">
        <v>1518</v>
      </c>
      <c r="J1063" s="5" t="s">
        <v>1519</v>
      </c>
      <c r="K1063" s="2" t="s">
        <v>1520</v>
      </c>
      <c r="L1063" s="5" t="s">
        <v>1519</v>
      </c>
      <c r="M1063" s="2" t="s">
        <v>1520</v>
      </c>
      <c r="N1063" s="5" t="s">
        <v>1521</v>
      </c>
      <c r="O1063" s="5" t="s">
        <v>38</v>
      </c>
      <c r="P1063" s="5" t="s">
        <v>39</v>
      </c>
      <c r="Q1063" s="5" t="s">
        <v>40</v>
      </c>
      <c r="R1063" s="5" t="s">
        <v>1522</v>
      </c>
      <c r="S1063" s="5" t="s">
        <v>1523</v>
      </c>
      <c r="T1063" s="5" t="s">
        <v>42</v>
      </c>
      <c r="U1063" s="2">
        <v>2.2850000000000001</v>
      </c>
      <c r="V1063" s="2">
        <v>1.796</v>
      </c>
      <c r="W1063" s="2">
        <v>1.4999999999999999E-2</v>
      </c>
      <c r="X1063" s="2">
        <v>118.9</v>
      </c>
      <c r="Y1063" s="2">
        <v>7.6</v>
      </c>
      <c r="Z1063" s="2">
        <v>16.7</v>
      </c>
      <c r="AA1063" s="5"/>
      <c r="AB1063" s="5" t="s">
        <v>43</v>
      </c>
      <c r="AC1063" s="5" t="s">
        <v>44</v>
      </c>
      <c r="AD1063" s="2"/>
      <c r="AE1063" s="1"/>
    </row>
    <row r="1064" spans="1:31" ht="14.45">
      <c r="A1064" s="11"/>
      <c r="B1064" s="20"/>
      <c r="C1064" s="2" t="s">
        <v>3613</v>
      </c>
      <c r="D1064" s="14" t="s">
        <v>3614</v>
      </c>
      <c r="E1064" s="2" t="s">
        <v>3615</v>
      </c>
      <c r="F1064" s="2" t="s">
        <v>1739</v>
      </c>
      <c r="G1064" s="8">
        <v>176</v>
      </c>
      <c r="H1064" s="5">
        <v>6</v>
      </c>
      <c r="I1064" s="5" t="s">
        <v>1518</v>
      </c>
      <c r="J1064" s="5" t="s">
        <v>1519</v>
      </c>
      <c r="K1064" s="2" t="s">
        <v>1520</v>
      </c>
      <c r="L1064" s="5" t="s">
        <v>1519</v>
      </c>
      <c r="M1064" s="2" t="s">
        <v>1520</v>
      </c>
      <c r="N1064" s="5" t="s">
        <v>1521</v>
      </c>
      <c r="O1064" s="5" t="s">
        <v>38</v>
      </c>
      <c r="P1064" s="5" t="s">
        <v>39</v>
      </c>
      <c r="Q1064" s="5" t="s">
        <v>40</v>
      </c>
      <c r="R1064" s="5" t="s">
        <v>1522</v>
      </c>
      <c r="S1064" s="5" t="s">
        <v>1523</v>
      </c>
      <c r="T1064" s="5" t="s">
        <v>42</v>
      </c>
      <c r="U1064" s="2">
        <v>2.331</v>
      </c>
      <c r="V1064" s="2">
        <v>1.8420000000000001</v>
      </c>
      <c r="W1064" s="2">
        <v>1.4999999999999999E-2</v>
      </c>
      <c r="X1064" s="2">
        <v>118.9</v>
      </c>
      <c r="Y1064" s="2">
        <v>7.6</v>
      </c>
      <c r="Z1064" s="2">
        <v>16.7</v>
      </c>
      <c r="AA1064" s="5"/>
      <c r="AB1064" s="5" t="s">
        <v>43</v>
      </c>
      <c r="AC1064" s="5" t="s">
        <v>44</v>
      </c>
      <c r="AD1064" s="2"/>
      <c r="AE1064" s="1"/>
    </row>
    <row r="1065" spans="1:31" ht="14.45">
      <c r="A1065" s="11"/>
      <c r="B1065" s="20"/>
      <c r="C1065" s="2" t="s">
        <v>3616</v>
      </c>
      <c r="D1065" s="14" t="s">
        <v>3617</v>
      </c>
      <c r="E1065" s="2" t="s">
        <v>3618</v>
      </c>
      <c r="F1065" s="2" t="s">
        <v>1743</v>
      </c>
      <c r="G1065" s="8">
        <v>176</v>
      </c>
      <c r="H1065" s="5">
        <v>6</v>
      </c>
      <c r="I1065" s="5" t="s">
        <v>1518</v>
      </c>
      <c r="J1065" s="5" t="s">
        <v>1519</v>
      </c>
      <c r="K1065" s="2" t="s">
        <v>1520</v>
      </c>
      <c r="L1065" s="5" t="s">
        <v>1519</v>
      </c>
      <c r="M1065" s="2" t="s">
        <v>1520</v>
      </c>
      <c r="N1065" s="5" t="s">
        <v>1521</v>
      </c>
      <c r="O1065" s="5" t="s">
        <v>38</v>
      </c>
      <c r="P1065" s="5" t="s">
        <v>39</v>
      </c>
      <c r="Q1065" s="5" t="s">
        <v>40</v>
      </c>
      <c r="R1065" s="5" t="s">
        <v>1522</v>
      </c>
      <c r="S1065" s="5" t="s">
        <v>1523</v>
      </c>
      <c r="T1065" s="5" t="s">
        <v>42</v>
      </c>
      <c r="U1065" s="2">
        <v>2.262</v>
      </c>
      <c r="V1065" s="2">
        <v>1.7729999999999999</v>
      </c>
      <c r="W1065" s="2">
        <v>1.4999999999999999E-2</v>
      </c>
      <c r="X1065" s="2">
        <v>118.9</v>
      </c>
      <c r="Y1065" s="2">
        <v>7.6</v>
      </c>
      <c r="Z1065" s="2">
        <v>16.7</v>
      </c>
      <c r="AA1065" s="5"/>
      <c r="AB1065" s="5" t="s">
        <v>43</v>
      </c>
      <c r="AC1065" s="5" t="s">
        <v>44</v>
      </c>
      <c r="AD1065" s="2"/>
      <c r="AE1065" s="1"/>
    </row>
    <row r="1066" spans="1:31" ht="14.45">
      <c r="A1066" s="11"/>
      <c r="B1066" s="20"/>
      <c r="C1066" s="2" t="s">
        <v>3619</v>
      </c>
      <c r="D1066" s="14" t="s">
        <v>3620</v>
      </c>
      <c r="E1066" s="2" t="s">
        <v>3621</v>
      </c>
      <c r="F1066" s="2" t="s">
        <v>1747</v>
      </c>
      <c r="G1066" s="8">
        <v>176</v>
      </c>
      <c r="H1066" s="5">
        <v>6</v>
      </c>
      <c r="I1066" s="5" t="s">
        <v>1518</v>
      </c>
      <c r="J1066" s="5" t="s">
        <v>1519</v>
      </c>
      <c r="K1066" s="2" t="s">
        <v>1520</v>
      </c>
      <c r="L1066" s="5" t="s">
        <v>1519</v>
      </c>
      <c r="M1066" s="2" t="s">
        <v>1520</v>
      </c>
      <c r="N1066" s="5" t="s">
        <v>1521</v>
      </c>
      <c r="O1066" s="5" t="s">
        <v>38</v>
      </c>
      <c r="P1066" s="5" t="s">
        <v>39</v>
      </c>
      <c r="Q1066" s="5" t="s">
        <v>40</v>
      </c>
      <c r="R1066" s="5" t="s">
        <v>1522</v>
      </c>
      <c r="S1066" s="5" t="s">
        <v>1523</v>
      </c>
      <c r="T1066" s="5" t="s">
        <v>42</v>
      </c>
      <c r="U1066" s="2">
        <v>2.3079999999999998</v>
      </c>
      <c r="V1066" s="2">
        <v>1.819</v>
      </c>
      <c r="W1066" s="2">
        <v>1.4999999999999999E-2</v>
      </c>
      <c r="X1066" s="2">
        <v>118.9</v>
      </c>
      <c r="Y1066" s="2">
        <v>7.6</v>
      </c>
      <c r="Z1066" s="2">
        <v>16.7</v>
      </c>
      <c r="AA1066" s="5"/>
      <c r="AB1066" s="5" t="s">
        <v>43</v>
      </c>
      <c r="AC1066" s="5" t="s">
        <v>44</v>
      </c>
      <c r="AD1066" s="2"/>
      <c r="AE1066" s="1"/>
    </row>
    <row r="1067" spans="1:31" ht="14.45">
      <c r="A1067" s="11"/>
      <c r="B1067" s="20"/>
      <c r="C1067" s="2" t="s">
        <v>3622</v>
      </c>
      <c r="D1067" s="14" t="s">
        <v>3623</v>
      </c>
      <c r="E1067" s="2" t="s">
        <v>3624</v>
      </c>
      <c r="F1067" s="2" t="s">
        <v>1751</v>
      </c>
      <c r="G1067" s="8">
        <v>176</v>
      </c>
      <c r="H1067" s="5">
        <v>6</v>
      </c>
      <c r="I1067" s="5" t="s">
        <v>1518</v>
      </c>
      <c r="J1067" s="5" t="s">
        <v>1519</v>
      </c>
      <c r="K1067" s="2" t="s">
        <v>1520</v>
      </c>
      <c r="L1067" s="5" t="s">
        <v>1519</v>
      </c>
      <c r="M1067" s="2" t="s">
        <v>1520</v>
      </c>
      <c r="N1067" s="5" t="s">
        <v>1521</v>
      </c>
      <c r="O1067" s="5" t="s">
        <v>38</v>
      </c>
      <c r="P1067" s="5" t="s">
        <v>39</v>
      </c>
      <c r="Q1067" s="5" t="s">
        <v>40</v>
      </c>
      <c r="R1067" s="5" t="s">
        <v>1522</v>
      </c>
      <c r="S1067" s="5" t="s">
        <v>1523</v>
      </c>
      <c r="T1067" s="5" t="s">
        <v>42</v>
      </c>
      <c r="U1067" s="2">
        <v>2.262</v>
      </c>
      <c r="V1067" s="2">
        <v>1.7729999999999999</v>
      </c>
      <c r="W1067" s="2">
        <v>1.4999999999999999E-2</v>
      </c>
      <c r="X1067" s="2">
        <v>118.9</v>
      </c>
      <c r="Y1067" s="2">
        <v>7.6</v>
      </c>
      <c r="Z1067" s="2">
        <v>16.7</v>
      </c>
      <c r="AA1067" s="5"/>
      <c r="AB1067" s="5" t="s">
        <v>43</v>
      </c>
      <c r="AC1067" s="5" t="s">
        <v>44</v>
      </c>
      <c r="AD1067" s="2"/>
      <c r="AE1067" s="1"/>
    </row>
    <row r="1068" spans="1:31" ht="14.45">
      <c r="A1068" s="11"/>
      <c r="B1068" s="20"/>
      <c r="C1068" s="2" t="s">
        <v>3625</v>
      </c>
      <c r="D1068" s="14" t="s">
        <v>3626</v>
      </c>
      <c r="E1068" s="2" t="s">
        <v>3627</v>
      </c>
      <c r="F1068" s="2" t="s">
        <v>1755</v>
      </c>
      <c r="G1068" s="8">
        <v>176</v>
      </c>
      <c r="H1068" s="5">
        <v>6</v>
      </c>
      <c r="I1068" s="5" t="s">
        <v>1518</v>
      </c>
      <c r="J1068" s="5" t="s">
        <v>1519</v>
      </c>
      <c r="K1068" s="2" t="s">
        <v>1520</v>
      </c>
      <c r="L1068" s="5" t="s">
        <v>1519</v>
      </c>
      <c r="M1068" s="2" t="s">
        <v>1520</v>
      </c>
      <c r="N1068" s="5" t="s">
        <v>1521</v>
      </c>
      <c r="O1068" s="5" t="s">
        <v>38</v>
      </c>
      <c r="P1068" s="5" t="s">
        <v>39</v>
      </c>
      <c r="Q1068" s="5" t="s">
        <v>40</v>
      </c>
      <c r="R1068" s="5" t="s">
        <v>1522</v>
      </c>
      <c r="S1068" s="5" t="s">
        <v>1523</v>
      </c>
      <c r="T1068" s="5" t="s">
        <v>42</v>
      </c>
      <c r="U1068" s="2">
        <v>2.3079999999999998</v>
      </c>
      <c r="V1068" s="2">
        <v>1.819</v>
      </c>
      <c r="W1068" s="2">
        <v>1.4999999999999999E-2</v>
      </c>
      <c r="X1068" s="2">
        <v>118.9</v>
      </c>
      <c r="Y1068" s="2">
        <v>7.6</v>
      </c>
      <c r="Z1068" s="2">
        <v>16.7</v>
      </c>
      <c r="AA1068" s="5"/>
      <c r="AB1068" s="5" t="s">
        <v>43</v>
      </c>
      <c r="AC1068" s="5" t="s">
        <v>44</v>
      </c>
      <c r="AD1068" s="2"/>
      <c r="AE1068" s="1"/>
    </row>
    <row r="1069" spans="1:31" ht="14.45">
      <c r="A1069" s="11"/>
      <c r="B1069" s="20"/>
      <c r="C1069" s="2" t="s">
        <v>3628</v>
      </c>
      <c r="D1069" s="14" t="s">
        <v>3629</v>
      </c>
      <c r="E1069" s="2" t="s">
        <v>3630</v>
      </c>
      <c r="F1069" s="2" t="s">
        <v>1759</v>
      </c>
      <c r="G1069" s="8">
        <v>176</v>
      </c>
      <c r="H1069" s="5">
        <v>6</v>
      </c>
      <c r="I1069" s="5" t="s">
        <v>1518</v>
      </c>
      <c r="J1069" s="5" t="s">
        <v>1519</v>
      </c>
      <c r="K1069" s="2" t="s">
        <v>1520</v>
      </c>
      <c r="L1069" s="5" t="s">
        <v>1519</v>
      </c>
      <c r="M1069" s="2" t="s">
        <v>1520</v>
      </c>
      <c r="N1069" s="5" t="s">
        <v>1521</v>
      </c>
      <c r="O1069" s="5" t="s">
        <v>38</v>
      </c>
      <c r="P1069" s="5" t="s">
        <v>39</v>
      </c>
      <c r="Q1069" s="5" t="s">
        <v>40</v>
      </c>
      <c r="R1069" s="5" t="s">
        <v>1522</v>
      </c>
      <c r="S1069" s="5" t="s">
        <v>1523</v>
      </c>
      <c r="T1069" s="5" t="s">
        <v>42</v>
      </c>
      <c r="U1069" s="2">
        <v>2.2850000000000001</v>
      </c>
      <c r="V1069" s="2">
        <v>1.796</v>
      </c>
      <c r="W1069" s="2">
        <v>1.4999999999999999E-2</v>
      </c>
      <c r="X1069" s="2">
        <v>118.9</v>
      </c>
      <c r="Y1069" s="2">
        <v>7.6</v>
      </c>
      <c r="Z1069" s="2">
        <v>16.7</v>
      </c>
      <c r="AA1069" s="5"/>
      <c r="AB1069" s="5" t="s">
        <v>43</v>
      </c>
      <c r="AC1069" s="5" t="s">
        <v>44</v>
      </c>
      <c r="AD1069" s="2"/>
      <c r="AE1069" s="1"/>
    </row>
    <row r="1070" spans="1:31" ht="14.45">
      <c r="A1070" s="11"/>
      <c r="B1070" s="20"/>
      <c r="C1070" s="2" t="s">
        <v>3631</v>
      </c>
      <c r="D1070" s="14" t="s">
        <v>3632</v>
      </c>
      <c r="E1070" s="2" t="s">
        <v>3633</v>
      </c>
      <c r="F1070" s="2" t="s">
        <v>1763</v>
      </c>
      <c r="G1070" s="8">
        <v>176</v>
      </c>
      <c r="H1070" s="5">
        <v>6</v>
      </c>
      <c r="I1070" s="5" t="s">
        <v>1518</v>
      </c>
      <c r="J1070" s="5" t="s">
        <v>1519</v>
      </c>
      <c r="K1070" s="2" t="s">
        <v>1520</v>
      </c>
      <c r="L1070" s="5" t="s">
        <v>1519</v>
      </c>
      <c r="M1070" s="2" t="s">
        <v>1520</v>
      </c>
      <c r="N1070" s="5" t="s">
        <v>1521</v>
      </c>
      <c r="O1070" s="5" t="s">
        <v>38</v>
      </c>
      <c r="P1070" s="5" t="s">
        <v>39</v>
      </c>
      <c r="Q1070" s="5" t="s">
        <v>40</v>
      </c>
      <c r="R1070" s="5" t="s">
        <v>1522</v>
      </c>
      <c r="S1070" s="5" t="s">
        <v>1523</v>
      </c>
      <c r="T1070" s="5" t="s">
        <v>42</v>
      </c>
      <c r="U1070" s="2">
        <v>2.331</v>
      </c>
      <c r="V1070" s="2">
        <v>1.8420000000000001</v>
      </c>
      <c r="W1070" s="2">
        <v>1.4999999999999999E-2</v>
      </c>
      <c r="X1070" s="2">
        <v>118.9</v>
      </c>
      <c r="Y1070" s="2">
        <v>7.6</v>
      </c>
      <c r="Z1070" s="2">
        <v>16.7</v>
      </c>
      <c r="AA1070" s="5"/>
      <c r="AB1070" s="5" t="s">
        <v>43</v>
      </c>
      <c r="AC1070" s="5" t="s">
        <v>44</v>
      </c>
      <c r="AD1070" s="2"/>
      <c r="AE1070" s="1"/>
    </row>
    <row r="1071" spans="1:31" ht="14.45">
      <c r="A1071" s="11"/>
      <c r="B1071" s="20"/>
      <c r="C1071" s="2" t="s">
        <v>3634</v>
      </c>
      <c r="D1071" s="14" t="s">
        <v>3635</v>
      </c>
      <c r="E1071" s="2" t="s">
        <v>3636</v>
      </c>
      <c r="F1071" s="2" t="s">
        <v>1767</v>
      </c>
      <c r="G1071" s="8">
        <v>176</v>
      </c>
      <c r="H1071" s="5">
        <v>6</v>
      </c>
      <c r="I1071" s="5" t="s">
        <v>1518</v>
      </c>
      <c r="J1071" s="5" t="s">
        <v>1519</v>
      </c>
      <c r="K1071" s="2" t="s">
        <v>1520</v>
      </c>
      <c r="L1071" s="5" t="s">
        <v>1519</v>
      </c>
      <c r="M1071" s="2" t="s">
        <v>1520</v>
      </c>
      <c r="N1071" s="5" t="s">
        <v>1521</v>
      </c>
      <c r="O1071" s="5" t="s">
        <v>38</v>
      </c>
      <c r="P1071" s="5" t="s">
        <v>39</v>
      </c>
      <c r="Q1071" s="5" t="s">
        <v>40</v>
      </c>
      <c r="R1071" s="5" t="s">
        <v>1522</v>
      </c>
      <c r="S1071" s="5" t="s">
        <v>1523</v>
      </c>
      <c r="T1071" s="5" t="s">
        <v>42</v>
      </c>
      <c r="U1071" s="2">
        <v>2.2850000000000001</v>
      </c>
      <c r="V1071" s="2">
        <v>1.796</v>
      </c>
      <c r="W1071" s="2">
        <v>1.4999999999999999E-2</v>
      </c>
      <c r="X1071" s="2">
        <v>118.9</v>
      </c>
      <c r="Y1071" s="2">
        <v>7.6</v>
      </c>
      <c r="Z1071" s="2">
        <v>16.7</v>
      </c>
      <c r="AA1071" s="5"/>
      <c r="AB1071" s="5" t="s">
        <v>43</v>
      </c>
      <c r="AC1071" s="5" t="s">
        <v>44</v>
      </c>
      <c r="AD1071" s="2"/>
      <c r="AE1071" s="1"/>
    </row>
    <row r="1072" spans="1:31" ht="14.45">
      <c r="A1072" s="11"/>
      <c r="B1072" s="20"/>
      <c r="C1072" s="2" t="s">
        <v>3637</v>
      </c>
      <c r="D1072" s="14" t="s">
        <v>3638</v>
      </c>
      <c r="E1072" s="2" t="s">
        <v>3639</v>
      </c>
      <c r="F1072" s="2" t="s">
        <v>1771</v>
      </c>
      <c r="G1072" s="8">
        <v>176</v>
      </c>
      <c r="H1072" s="5">
        <v>6</v>
      </c>
      <c r="I1072" s="5" t="s">
        <v>1518</v>
      </c>
      <c r="J1072" s="5" t="s">
        <v>1519</v>
      </c>
      <c r="K1072" s="2" t="s">
        <v>1520</v>
      </c>
      <c r="L1072" s="5" t="s">
        <v>1519</v>
      </c>
      <c r="M1072" s="2" t="s">
        <v>1520</v>
      </c>
      <c r="N1072" s="5" t="s">
        <v>1521</v>
      </c>
      <c r="O1072" s="5" t="s">
        <v>38</v>
      </c>
      <c r="P1072" s="5" t="s">
        <v>39</v>
      </c>
      <c r="Q1072" s="5" t="s">
        <v>40</v>
      </c>
      <c r="R1072" s="5" t="s">
        <v>1522</v>
      </c>
      <c r="S1072" s="5" t="s">
        <v>1523</v>
      </c>
      <c r="T1072" s="5" t="s">
        <v>42</v>
      </c>
      <c r="U1072" s="2">
        <v>2.331</v>
      </c>
      <c r="V1072" s="2">
        <v>1.8420000000000001</v>
      </c>
      <c r="W1072" s="2">
        <v>1.4999999999999999E-2</v>
      </c>
      <c r="X1072" s="2">
        <v>118.9</v>
      </c>
      <c r="Y1072" s="2">
        <v>7.6</v>
      </c>
      <c r="Z1072" s="2">
        <v>16.7</v>
      </c>
      <c r="AA1072" s="5"/>
      <c r="AB1072" s="5" t="s">
        <v>43</v>
      </c>
      <c r="AC1072" s="5" t="s">
        <v>44</v>
      </c>
      <c r="AD1072" s="2"/>
      <c r="AE1072" s="1"/>
    </row>
    <row r="1073" spans="1:31" ht="14.45">
      <c r="A1073" s="11"/>
      <c r="B1073" s="20"/>
      <c r="C1073" s="2" t="s">
        <v>3640</v>
      </c>
      <c r="D1073" s="14" t="s">
        <v>3641</v>
      </c>
      <c r="E1073" s="2" t="s">
        <v>3642</v>
      </c>
      <c r="F1073" s="2" t="s">
        <v>1775</v>
      </c>
      <c r="G1073" s="8">
        <v>176</v>
      </c>
      <c r="H1073" s="5">
        <v>6</v>
      </c>
      <c r="I1073" s="5" t="s">
        <v>1518</v>
      </c>
      <c r="J1073" s="5" t="s">
        <v>1519</v>
      </c>
      <c r="K1073" s="2" t="s">
        <v>1520</v>
      </c>
      <c r="L1073" s="5" t="s">
        <v>1519</v>
      </c>
      <c r="M1073" s="2" t="s">
        <v>1520</v>
      </c>
      <c r="N1073" s="5" t="s">
        <v>1521</v>
      </c>
      <c r="O1073" s="5" t="s">
        <v>38</v>
      </c>
      <c r="P1073" s="5" t="s">
        <v>39</v>
      </c>
      <c r="Q1073" s="5" t="s">
        <v>40</v>
      </c>
      <c r="R1073" s="5" t="s">
        <v>1522</v>
      </c>
      <c r="S1073" s="5" t="s">
        <v>1523</v>
      </c>
      <c r="T1073" s="5" t="s">
        <v>42</v>
      </c>
      <c r="U1073" s="2">
        <v>2.2850000000000001</v>
      </c>
      <c r="V1073" s="2">
        <v>1.796</v>
      </c>
      <c r="W1073" s="2">
        <v>1.4999999999999999E-2</v>
      </c>
      <c r="X1073" s="2">
        <v>118.9</v>
      </c>
      <c r="Y1073" s="2">
        <v>7.6</v>
      </c>
      <c r="Z1073" s="2">
        <v>16.7</v>
      </c>
      <c r="AA1073" s="5"/>
      <c r="AB1073" s="5" t="s">
        <v>43</v>
      </c>
      <c r="AC1073" s="5" t="s">
        <v>44</v>
      </c>
      <c r="AD1073" s="2"/>
      <c r="AE1073" s="1"/>
    </row>
    <row r="1074" spans="1:31" ht="14.45">
      <c r="A1074" s="11"/>
      <c r="B1074" s="20"/>
      <c r="C1074" s="2" t="s">
        <v>3643</v>
      </c>
      <c r="D1074" s="14" t="s">
        <v>3644</v>
      </c>
      <c r="E1074" s="2" t="s">
        <v>3645</v>
      </c>
      <c r="F1074" s="2" t="s">
        <v>1779</v>
      </c>
      <c r="G1074" s="8">
        <v>176</v>
      </c>
      <c r="H1074" s="5">
        <v>6</v>
      </c>
      <c r="I1074" s="5" t="s">
        <v>1518</v>
      </c>
      <c r="J1074" s="5" t="s">
        <v>1519</v>
      </c>
      <c r="K1074" s="2" t="s">
        <v>1520</v>
      </c>
      <c r="L1074" s="5" t="s">
        <v>1519</v>
      </c>
      <c r="M1074" s="2" t="s">
        <v>1520</v>
      </c>
      <c r="N1074" s="5" t="s">
        <v>1521</v>
      </c>
      <c r="O1074" s="5" t="s">
        <v>38</v>
      </c>
      <c r="P1074" s="5" t="s">
        <v>39</v>
      </c>
      <c r="Q1074" s="5" t="s">
        <v>40</v>
      </c>
      <c r="R1074" s="5" t="s">
        <v>1522</v>
      </c>
      <c r="S1074" s="5" t="s">
        <v>1523</v>
      </c>
      <c r="T1074" s="5" t="s">
        <v>42</v>
      </c>
      <c r="U1074" s="2">
        <v>2.331</v>
      </c>
      <c r="V1074" s="2">
        <v>1.8420000000000001</v>
      </c>
      <c r="W1074" s="2">
        <v>1.4999999999999999E-2</v>
      </c>
      <c r="X1074" s="2">
        <v>118.9</v>
      </c>
      <c r="Y1074" s="2">
        <v>7.6</v>
      </c>
      <c r="Z1074" s="2">
        <v>16.7</v>
      </c>
      <c r="AA1074" s="5"/>
      <c r="AB1074" s="5" t="s">
        <v>43</v>
      </c>
      <c r="AC1074" s="5" t="s">
        <v>44</v>
      </c>
      <c r="AD1074" s="2"/>
      <c r="AE1074" s="1"/>
    </row>
    <row r="1075" spans="1:31" ht="14.45">
      <c r="A1075" s="11"/>
      <c r="B1075" s="20"/>
      <c r="C1075" s="2" t="s">
        <v>3646</v>
      </c>
      <c r="D1075" s="14" t="s">
        <v>3647</v>
      </c>
      <c r="E1075" s="2" t="s">
        <v>3648</v>
      </c>
      <c r="F1075" s="2" t="s">
        <v>1783</v>
      </c>
      <c r="G1075" s="8">
        <v>176</v>
      </c>
      <c r="H1075" s="5">
        <v>6</v>
      </c>
      <c r="I1075" s="5" t="s">
        <v>1518</v>
      </c>
      <c r="J1075" s="5" t="s">
        <v>1519</v>
      </c>
      <c r="K1075" s="2" t="s">
        <v>1520</v>
      </c>
      <c r="L1075" s="5" t="s">
        <v>1519</v>
      </c>
      <c r="M1075" s="2" t="s">
        <v>1520</v>
      </c>
      <c r="N1075" s="5" t="s">
        <v>1521</v>
      </c>
      <c r="O1075" s="5" t="s">
        <v>38</v>
      </c>
      <c r="P1075" s="5" t="s">
        <v>39</v>
      </c>
      <c r="Q1075" s="5" t="s">
        <v>40</v>
      </c>
      <c r="R1075" s="5" t="s">
        <v>1522</v>
      </c>
      <c r="S1075" s="5" t="s">
        <v>1523</v>
      </c>
      <c r="T1075" s="5" t="s">
        <v>42</v>
      </c>
      <c r="U1075" s="2">
        <v>2.262</v>
      </c>
      <c r="V1075" s="2">
        <v>1.7729999999999999</v>
      </c>
      <c r="W1075" s="2">
        <v>1.4999999999999999E-2</v>
      </c>
      <c r="X1075" s="2">
        <v>118.9</v>
      </c>
      <c r="Y1075" s="2">
        <v>7.6</v>
      </c>
      <c r="Z1075" s="2">
        <v>16.7</v>
      </c>
      <c r="AA1075" s="5"/>
      <c r="AB1075" s="5" t="s">
        <v>43</v>
      </c>
      <c r="AC1075" s="5" t="s">
        <v>44</v>
      </c>
      <c r="AD1075" s="2"/>
      <c r="AE1075" s="1"/>
    </row>
    <row r="1076" spans="1:31" ht="14.45">
      <c r="A1076" s="11"/>
      <c r="B1076" s="20"/>
      <c r="C1076" s="2" t="s">
        <v>3649</v>
      </c>
      <c r="D1076" s="14" t="s">
        <v>3650</v>
      </c>
      <c r="E1076" s="2" t="s">
        <v>3651</v>
      </c>
      <c r="F1076" s="2" t="s">
        <v>1787</v>
      </c>
      <c r="G1076" s="8">
        <v>176</v>
      </c>
      <c r="H1076" s="5">
        <v>6</v>
      </c>
      <c r="I1076" s="5" t="s">
        <v>1518</v>
      </c>
      <c r="J1076" s="5" t="s">
        <v>1519</v>
      </c>
      <c r="K1076" s="2" t="s">
        <v>1520</v>
      </c>
      <c r="L1076" s="5" t="s">
        <v>1519</v>
      </c>
      <c r="M1076" s="2" t="s">
        <v>1520</v>
      </c>
      <c r="N1076" s="5" t="s">
        <v>1521</v>
      </c>
      <c r="O1076" s="5" t="s">
        <v>38</v>
      </c>
      <c r="P1076" s="5" t="s">
        <v>39</v>
      </c>
      <c r="Q1076" s="5" t="s">
        <v>40</v>
      </c>
      <c r="R1076" s="5" t="s">
        <v>1522</v>
      </c>
      <c r="S1076" s="5" t="s">
        <v>1523</v>
      </c>
      <c r="T1076" s="5" t="s">
        <v>42</v>
      </c>
      <c r="U1076" s="2">
        <v>2.3079999999999998</v>
      </c>
      <c r="V1076" s="2">
        <v>1.819</v>
      </c>
      <c r="W1076" s="2">
        <v>1.4999999999999999E-2</v>
      </c>
      <c r="X1076" s="2">
        <v>118.9</v>
      </c>
      <c r="Y1076" s="2">
        <v>7.6</v>
      </c>
      <c r="Z1076" s="2">
        <v>16.7</v>
      </c>
      <c r="AA1076" s="5"/>
      <c r="AB1076" s="5" t="s">
        <v>43</v>
      </c>
      <c r="AC1076" s="5" t="s">
        <v>44</v>
      </c>
      <c r="AD1076" s="2"/>
      <c r="AE1076" s="1"/>
    </row>
    <row r="1077" spans="1:31" ht="14.45">
      <c r="A1077" s="11"/>
      <c r="B1077" s="20"/>
      <c r="C1077" s="2" t="s">
        <v>3652</v>
      </c>
      <c r="D1077" s="14" t="s">
        <v>3653</v>
      </c>
      <c r="E1077" s="2" t="s">
        <v>3654</v>
      </c>
      <c r="F1077" s="2" t="s">
        <v>1791</v>
      </c>
      <c r="G1077" s="8">
        <v>176</v>
      </c>
      <c r="H1077" s="5">
        <v>6</v>
      </c>
      <c r="I1077" s="5" t="s">
        <v>1518</v>
      </c>
      <c r="J1077" s="5" t="s">
        <v>1519</v>
      </c>
      <c r="K1077" s="2" t="s">
        <v>1520</v>
      </c>
      <c r="L1077" s="5" t="s">
        <v>1519</v>
      </c>
      <c r="M1077" s="2" t="s">
        <v>1520</v>
      </c>
      <c r="N1077" s="5" t="s">
        <v>1521</v>
      </c>
      <c r="O1077" s="5" t="s">
        <v>38</v>
      </c>
      <c r="P1077" s="5" t="s">
        <v>39</v>
      </c>
      <c r="Q1077" s="5" t="s">
        <v>40</v>
      </c>
      <c r="R1077" s="5" t="s">
        <v>1522</v>
      </c>
      <c r="S1077" s="5" t="s">
        <v>1523</v>
      </c>
      <c r="T1077" s="5" t="s">
        <v>42</v>
      </c>
      <c r="U1077" s="2">
        <v>2.2850000000000001</v>
      </c>
      <c r="V1077" s="2">
        <v>1.796</v>
      </c>
      <c r="W1077" s="2">
        <v>1.4999999999999999E-2</v>
      </c>
      <c r="X1077" s="2">
        <v>118.9</v>
      </c>
      <c r="Y1077" s="2">
        <v>7.6</v>
      </c>
      <c r="Z1077" s="2">
        <v>16.7</v>
      </c>
      <c r="AA1077" s="5"/>
      <c r="AB1077" s="5" t="s">
        <v>43</v>
      </c>
      <c r="AC1077" s="5" t="s">
        <v>44</v>
      </c>
      <c r="AD1077" s="2"/>
      <c r="AE1077" s="1"/>
    </row>
    <row r="1078" spans="1:31" ht="14.45">
      <c r="A1078" s="11"/>
      <c r="B1078" s="20"/>
      <c r="C1078" s="2" t="s">
        <v>3655</v>
      </c>
      <c r="D1078" s="14" t="s">
        <v>3656</v>
      </c>
      <c r="E1078" s="2" t="s">
        <v>3657</v>
      </c>
      <c r="F1078" s="2" t="s">
        <v>1795</v>
      </c>
      <c r="G1078" s="8">
        <v>176</v>
      </c>
      <c r="H1078" s="5">
        <v>6</v>
      </c>
      <c r="I1078" s="5" t="s">
        <v>1518</v>
      </c>
      <c r="J1078" s="5" t="s">
        <v>1519</v>
      </c>
      <c r="K1078" s="2" t="s">
        <v>1520</v>
      </c>
      <c r="L1078" s="5" t="s">
        <v>1519</v>
      </c>
      <c r="M1078" s="2" t="s">
        <v>1520</v>
      </c>
      <c r="N1078" s="5" t="s">
        <v>1521</v>
      </c>
      <c r="O1078" s="5" t="s">
        <v>38</v>
      </c>
      <c r="P1078" s="5" t="s">
        <v>39</v>
      </c>
      <c r="Q1078" s="5" t="s">
        <v>40</v>
      </c>
      <c r="R1078" s="5" t="s">
        <v>1522</v>
      </c>
      <c r="S1078" s="5" t="s">
        <v>1523</v>
      </c>
      <c r="T1078" s="5" t="s">
        <v>42</v>
      </c>
      <c r="U1078" s="2">
        <v>2.331</v>
      </c>
      <c r="V1078" s="2">
        <v>1.8420000000000001</v>
      </c>
      <c r="W1078" s="2">
        <v>1.4999999999999999E-2</v>
      </c>
      <c r="X1078" s="2">
        <v>118.9</v>
      </c>
      <c r="Y1078" s="2">
        <v>7.6</v>
      </c>
      <c r="Z1078" s="2">
        <v>16.7</v>
      </c>
      <c r="AA1078" s="5"/>
      <c r="AB1078" s="5" t="s">
        <v>43</v>
      </c>
      <c r="AC1078" s="5" t="s">
        <v>44</v>
      </c>
      <c r="AD1078" s="2"/>
      <c r="AE1078" s="1"/>
    </row>
    <row r="1079" spans="1:31" ht="14.45">
      <c r="A1079" s="11"/>
      <c r="B1079" s="20"/>
      <c r="C1079" s="2" t="s">
        <v>3658</v>
      </c>
      <c r="D1079" s="14" t="s">
        <v>3659</v>
      </c>
      <c r="E1079" s="2" t="s">
        <v>3660</v>
      </c>
      <c r="F1079" s="2" t="s">
        <v>1799</v>
      </c>
      <c r="G1079" s="8">
        <v>176</v>
      </c>
      <c r="H1079" s="5">
        <v>6</v>
      </c>
      <c r="I1079" s="5" t="s">
        <v>1518</v>
      </c>
      <c r="J1079" s="5" t="s">
        <v>1519</v>
      </c>
      <c r="K1079" s="2" t="s">
        <v>1520</v>
      </c>
      <c r="L1079" s="5" t="s">
        <v>1519</v>
      </c>
      <c r="M1079" s="2" t="s">
        <v>1520</v>
      </c>
      <c r="N1079" s="5" t="s">
        <v>1521</v>
      </c>
      <c r="O1079" s="5" t="s">
        <v>38</v>
      </c>
      <c r="P1079" s="5" t="s">
        <v>39</v>
      </c>
      <c r="Q1079" s="5" t="s">
        <v>40</v>
      </c>
      <c r="R1079" s="5" t="s">
        <v>1522</v>
      </c>
      <c r="S1079" s="5" t="s">
        <v>1523</v>
      </c>
      <c r="T1079" s="5" t="s">
        <v>42</v>
      </c>
      <c r="U1079" s="2">
        <v>2.2850000000000001</v>
      </c>
      <c r="V1079" s="2">
        <v>1.796</v>
      </c>
      <c r="W1079" s="2">
        <v>1.4999999999999999E-2</v>
      </c>
      <c r="X1079" s="2">
        <v>118.9</v>
      </c>
      <c r="Y1079" s="2">
        <v>7.6</v>
      </c>
      <c r="Z1079" s="2">
        <v>16.7</v>
      </c>
      <c r="AA1079" s="5"/>
      <c r="AB1079" s="5" t="s">
        <v>43</v>
      </c>
      <c r="AC1079" s="5" t="s">
        <v>44</v>
      </c>
      <c r="AD1079" s="2"/>
      <c r="AE1079" s="1"/>
    </row>
    <row r="1080" spans="1:31" ht="14.45">
      <c r="A1080" s="11"/>
      <c r="B1080" s="20"/>
      <c r="C1080" s="2" t="s">
        <v>3661</v>
      </c>
      <c r="D1080" s="14" t="s">
        <v>3662</v>
      </c>
      <c r="E1080" s="2" t="s">
        <v>3663</v>
      </c>
      <c r="F1080" s="2" t="s">
        <v>1803</v>
      </c>
      <c r="G1080" s="8">
        <v>176</v>
      </c>
      <c r="H1080" s="5">
        <v>6</v>
      </c>
      <c r="I1080" s="5" t="s">
        <v>1518</v>
      </c>
      <c r="J1080" s="5" t="s">
        <v>1519</v>
      </c>
      <c r="K1080" s="2" t="s">
        <v>1520</v>
      </c>
      <c r="L1080" s="5" t="s">
        <v>1519</v>
      </c>
      <c r="M1080" s="2" t="s">
        <v>1520</v>
      </c>
      <c r="N1080" s="5" t="s">
        <v>1521</v>
      </c>
      <c r="O1080" s="5" t="s">
        <v>38</v>
      </c>
      <c r="P1080" s="5" t="s">
        <v>39</v>
      </c>
      <c r="Q1080" s="5" t="s">
        <v>40</v>
      </c>
      <c r="R1080" s="5" t="s">
        <v>1522</v>
      </c>
      <c r="S1080" s="5" t="s">
        <v>1523</v>
      </c>
      <c r="T1080" s="5" t="s">
        <v>42</v>
      </c>
      <c r="U1080" s="2">
        <v>2.331</v>
      </c>
      <c r="V1080" s="2">
        <v>1.8420000000000001</v>
      </c>
      <c r="W1080" s="2">
        <v>1.4999999999999999E-2</v>
      </c>
      <c r="X1080" s="2">
        <v>118.9</v>
      </c>
      <c r="Y1080" s="2">
        <v>7.6</v>
      </c>
      <c r="Z1080" s="2">
        <v>16.7</v>
      </c>
      <c r="AA1080" s="5"/>
      <c r="AB1080" s="5" t="s">
        <v>43</v>
      </c>
      <c r="AC1080" s="5" t="s">
        <v>44</v>
      </c>
      <c r="AD1080" s="2"/>
      <c r="AE1080" s="1"/>
    </row>
    <row r="1081" spans="1:31" ht="14.45">
      <c r="A1081" s="11"/>
      <c r="B1081" s="20"/>
      <c r="C1081" s="2" t="s">
        <v>3664</v>
      </c>
      <c r="D1081" s="14" t="s">
        <v>3665</v>
      </c>
      <c r="E1081" s="2" t="s">
        <v>3666</v>
      </c>
      <c r="F1081" s="2" t="s">
        <v>1807</v>
      </c>
      <c r="G1081" s="8">
        <v>176</v>
      </c>
      <c r="H1081" s="5">
        <v>6</v>
      </c>
      <c r="I1081" s="5" t="s">
        <v>1518</v>
      </c>
      <c r="J1081" s="5" t="s">
        <v>1519</v>
      </c>
      <c r="K1081" s="2" t="s">
        <v>1520</v>
      </c>
      <c r="L1081" s="5" t="s">
        <v>1519</v>
      </c>
      <c r="M1081" s="2" t="s">
        <v>1520</v>
      </c>
      <c r="N1081" s="5" t="s">
        <v>1521</v>
      </c>
      <c r="O1081" s="5" t="s">
        <v>38</v>
      </c>
      <c r="P1081" s="5" t="s">
        <v>39</v>
      </c>
      <c r="Q1081" s="5" t="s">
        <v>40</v>
      </c>
      <c r="R1081" s="5" t="s">
        <v>1522</v>
      </c>
      <c r="S1081" s="5" t="s">
        <v>1523</v>
      </c>
      <c r="T1081" s="5" t="s">
        <v>42</v>
      </c>
      <c r="U1081" s="2">
        <v>2.2850000000000001</v>
      </c>
      <c r="V1081" s="2">
        <v>1.796</v>
      </c>
      <c r="W1081" s="2">
        <v>1.4999999999999999E-2</v>
      </c>
      <c r="X1081" s="2">
        <v>118.9</v>
      </c>
      <c r="Y1081" s="2">
        <v>7.6</v>
      </c>
      <c r="Z1081" s="2">
        <v>16.7</v>
      </c>
      <c r="AA1081" s="5"/>
      <c r="AB1081" s="5" t="s">
        <v>43</v>
      </c>
      <c r="AC1081" s="5" t="s">
        <v>44</v>
      </c>
      <c r="AD1081" s="2"/>
      <c r="AE1081" s="1"/>
    </row>
    <row r="1082" spans="1:31" ht="14.45">
      <c r="A1082" s="11"/>
      <c r="B1082" s="20"/>
      <c r="C1082" s="2" t="s">
        <v>3667</v>
      </c>
      <c r="D1082" s="14" t="s">
        <v>3668</v>
      </c>
      <c r="E1082" s="2" t="s">
        <v>3669</v>
      </c>
      <c r="F1082" s="2" t="s">
        <v>1811</v>
      </c>
      <c r="G1082" s="8">
        <v>176</v>
      </c>
      <c r="H1082" s="5">
        <v>6</v>
      </c>
      <c r="I1082" s="5" t="s">
        <v>1518</v>
      </c>
      <c r="J1082" s="5" t="s">
        <v>1519</v>
      </c>
      <c r="K1082" s="2" t="s">
        <v>1520</v>
      </c>
      <c r="L1082" s="5" t="s">
        <v>1519</v>
      </c>
      <c r="M1082" s="2" t="s">
        <v>1520</v>
      </c>
      <c r="N1082" s="5" t="s">
        <v>1521</v>
      </c>
      <c r="O1082" s="5" t="s">
        <v>38</v>
      </c>
      <c r="P1082" s="5" t="s">
        <v>39</v>
      </c>
      <c r="Q1082" s="5" t="s">
        <v>40</v>
      </c>
      <c r="R1082" s="5" t="s">
        <v>1522</v>
      </c>
      <c r="S1082" s="5" t="s">
        <v>1523</v>
      </c>
      <c r="T1082" s="5" t="s">
        <v>42</v>
      </c>
      <c r="U1082" s="2">
        <v>2.331</v>
      </c>
      <c r="V1082" s="2">
        <v>1.8420000000000001</v>
      </c>
      <c r="W1082" s="2">
        <v>1.4999999999999999E-2</v>
      </c>
      <c r="X1082" s="2">
        <v>118.9</v>
      </c>
      <c r="Y1082" s="2">
        <v>7.6</v>
      </c>
      <c r="Z1082" s="2">
        <v>16.7</v>
      </c>
      <c r="AA1082" s="5"/>
      <c r="AB1082" s="5" t="s">
        <v>43</v>
      </c>
      <c r="AC1082" s="5" t="s">
        <v>44</v>
      </c>
      <c r="AD1082" s="2"/>
      <c r="AE1082" s="1"/>
    </row>
    <row r="1083" spans="1:31" ht="14.45">
      <c r="A1083" s="11"/>
      <c r="B1083" s="20"/>
      <c r="C1083" s="2" t="s">
        <v>3670</v>
      </c>
      <c r="D1083" s="14" t="s">
        <v>3671</v>
      </c>
      <c r="E1083" s="2" t="s">
        <v>3672</v>
      </c>
      <c r="F1083" s="2" t="s">
        <v>1815</v>
      </c>
      <c r="G1083" s="8">
        <v>176</v>
      </c>
      <c r="H1083" s="5">
        <v>6</v>
      </c>
      <c r="I1083" s="5" t="s">
        <v>1518</v>
      </c>
      <c r="J1083" s="5" t="s">
        <v>1519</v>
      </c>
      <c r="K1083" s="2" t="s">
        <v>1520</v>
      </c>
      <c r="L1083" s="5" t="s">
        <v>1519</v>
      </c>
      <c r="M1083" s="2" t="s">
        <v>1520</v>
      </c>
      <c r="N1083" s="5" t="s">
        <v>1521</v>
      </c>
      <c r="O1083" s="5" t="s">
        <v>38</v>
      </c>
      <c r="P1083" s="5" t="s">
        <v>39</v>
      </c>
      <c r="Q1083" s="5" t="s">
        <v>40</v>
      </c>
      <c r="R1083" s="5" t="s">
        <v>1522</v>
      </c>
      <c r="S1083" s="5" t="s">
        <v>1523</v>
      </c>
      <c r="T1083" s="5" t="s">
        <v>42</v>
      </c>
      <c r="U1083" s="2">
        <v>2.262</v>
      </c>
      <c r="V1083" s="2">
        <v>1.7729999999999999</v>
      </c>
      <c r="W1083" s="2">
        <v>1.4999999999999999E-2</v>
      </c>
      <c r="X1083" s="2">
        <v>118.9</v>
      </c>
      <c r="Y1083" s="2">
        <v>7.6</v>
      </c>
      <c r="Z1083" s="2">
        <v>16.7</v>
      </c>
      <c r="AA1083" s="5"/>
      <c r="AB1083" s="5" t="s">
        <v>43</v>
      </c>
      <c r="AC1083" s="5" t="s">
        <v>44</v>
      </c>
      <c r="AD1083" s="2"/>
      <c r="AE1083" s="1"/>
    </row>
    <row r="1084" spans="1:31" ht="14.45">
      <c r="A1084" s="11"/>
      <c r="B1084" s="20"/>
      <c r="C1084" s="2" t="s">
        <v>3673</v>
      </c>
      <c r="D1084" s="14" t="s">
        <v>3674</v>
      </c>
      <c r="E1084" s="2" t="s">
        <v>3675</v>
      </c>
      <c r="F1084" s="2" t="s">
        <v>1819</v>
      </c>
      <c r="G1084" s="8">
        <v>176</v>
      </c>
      <c r="H1084" s="5">
        <v>6</v>
      </c>
      <c r="I1084" s="5" t="s">
        <v>1518</v>
      </c>
      <c r="J1084" s="5" t="s">
        <v>1519</v>
      </c>
      <c r="K1084" s="2" t="s">
        <v>1520</v>
      </c>
      <c r="L1084" s="5" t="s">
        <v>1519</v>
      </c>
      <c r="M1084" s="2" t="s">
        <v>1520</v>
      </c>
      <c r="N1084" s="5" t="s">
        <v>1521</v>
      </c>
      <c r="O1084" s="5" t="s">
        <v>38</v>
      </c>
      <c r="P1084" s="5" t="s">
        <v>39</v>
      </c>
      <c r="Q1084" s="5" t="s">
        <v>40</v>
      </c>
      <c r="R1084" s="5" t="s">
        <v>1522</v>
      </c>
      <c r="S1084" s="5" t="s">
        <v>1523</v>
      </c>
      <c r="T1084" s="5" t="s">
        <v>42</v>
      </c>
      <c r="U1084" s="2">
        <v>2.3079999999999998</v>
      </c>
      <c r="V1084" s="2">
        <v>1.819</v>
      </c>
      <c r="W1084" s="2">
        <v>1.4999999999999999E-2</v>
      </c>
      <c r="X1084" s="2">
        <v>118.9</v>
      </c>
      <c r="Y1084" s="2">
        <v>7.6</v>
      </c>
      <c r="Z1084" s="2">
        <v>16.7</v>
      </c>
      <c r="AA1084" s="5"/>
      <c r="AB1084" s="5" t="s">
        <v>43</v>
      </c>
      <c r="AC1084" s="5" t="s">
        <v>44</v>
      </c>
      <c r="AD1084" s="2"/>
      <c r="AE1084" s="1"/>
    </row>
    <row r="1085" spans="1:31" ht="14.45">
      <c r="A1085" s="11"/>
      <c r="B1085" s="20"/>
      <c r="C1085" s="2" t="s">
        <v>3676</v>
      </c>
      <c r="D1085" s="14" t="s">
        <v>3677</v>
      </c>
      <c r="E1085" s="2" t="s">
        <v>3678</v>
      </c>
      <c r="F1085" s="2" t="s">
        <v>1823</v>
      </c>
      <c r="G1085" s="8">
        <v>176</v>
      </c>
      <c r="H1085" s="5">
        <v>8</v>
      </c>
      <c r="I1085" s="5" t="s">
        <v>1518</v>
      </c>
      <c r="J1085" s="5" t="s">
        <v>1519</v>
      </c>
      <c r="K1085" s="2" t="s">
        <v>1520</v>
      </c>
      <c r="L1085" s="5" t="s">
        <v>1519</v>
      </c>
      <c r="M1085" s="2" t="s">
        <v>1520</v>
      </c>
      <c r="N1085" s="5" t="s">
        <v>1521</v>
      </c>
      <c r="O1085" s="5" t="s">
        <v>38</v>
      </c>
      <c r="P1085" s="5" t="s">
        <v>39</v>
      </c>
      <c r="Q1085" s="5" t="s">
        <v>40</v>
      </c>
      <c r="R1085" s="5" t="s">
        <v>1522</v>
      </c>
      <c r="S1085" s="5" t="s">
        <v>1523</v>
      </c>
      <c r="T1085" s="5" t="s">
        <v>42</v>
      </c>
      <c r="U1085" s="2">
        <v>2.302</v>
      </c>
      <c r="V1085" s="2">
        <v>1.8129999999999999</v>
      </c>
      <c r="W1085" s="2">
        <v>1.4999999999999999E-2</v>
      </c>
      <c r="X1085" s="2">
        <v>118.9</v>
      </c>
      <c r="Y1085" s="2">
        <v>7.6</v>
      </c>
      <c r="Z1085" s="2">
        <v>16.7</v>
      </c>
      <c r="AA1085" s="5"/>
      <c r="AB1085" s="5" t="s">
        <v>43</v>
      </c>
      <c r="AC1085" s="5" t="s">
        <v>44</v>
      </c>
      <c r="AD1085" s="2"/>
      <c r="AE1085" s="1"/>
    </row>
    <row r="1086" spans="1:31" ht="14.45">
      <c r="A1086" s="11"/>
      <c r="B1086" s="20"/>
      <c r="C1086" s="2" t="s">
        <v>3679</v>
      </c>
      <c r="D1086" s="14" t="s">
        <v>3680</v>
      </c>
      <c r="E1086" s="2" t="s">
        <v>3681</v>
      </c>
      <c r="F1086" s="2" t="s">
        <v>1827</v>
      </c>
      <c r="G1086" s="8">
        <v>176</v>
      </c>
      <c r="H1086" s="5">
        <v>8</v>
      </c>
      <c r="I1086" s="5" t="s">
        <v>1518</v>
      </c>
      <c r="J1086" s="5" t="s">
        <v>1519</v>
      </c>
      <c r="K1086" s="2" t="s">
        <v>1520</v>
      </c>
      <c r="L1086" s="5" t="s">
        <v>1519</v>
      </c>
      <c r="M1086" s="2" t="s">
        <v>1520</v>
      </c>
      <c r="N1086" s="5" t="s">
        <v>1521</v>
      </c>
      <c r="O1086" s="5" t="s">
        <v>38</v>
      </c>
      <c r="P1086" s="5" t="s">
        <v>39</v>
      </c>
      <c r="Q1086" s="5" t="s">
        <v>40</v>
      </c>
      <c r="R1086" s="5" t="s">
        <v>1522</v>
      </c>
      <c r="S1086" s="5" t="s">
        <v>1523</v>
      </c>
      <c r="T1086" s="5" t="s">
        <v>42</v>
      </c>
      <c r="U1086" s="2">
        <v>2.3479999999999999</v>
      </c>
      <c r="V1086" s="2">
        <v>1.859</v>
      </c>
      <c r="W1086" s="2">
        <v>1.4999999999999999E-2</v>
      </c>
      <c r="X1086" s="2">
        <v>118.9</v>
      </c>
      <c r="Y1086" s="2">
        <v>7.6</v>
      </c>
      <c r="Z1086" s="2">
        <v>16.7</v>
      </c>
      <c r="AA1086" s="5"/>
      <c r="AB1086" s="5" t="s">
        <v>43</v>
      </c>
      <c r="AC1086" s="5" t="s">
        <v>44</v>
      </c>
      <c r="AD1086" s="2"/>
      <c r="AE1086" s="1"/>
    </row>
    <row r="1087" spans="1:31" ht="14.45">
      <c r="A1087" s="11"/>
      <c r="B1087" s="20"/>
      <c r="C1087" s="2" t="s">
        <v>3682</v>
      </c>
      <c r="D1087" s="14" t="s">
        <v>3683</v>
      </c>
      <c r="E1087" s="2" t="s">
        <v>3684</v>
      </c>
      <c r="F1087" s="2" t="s">
        <v>1973</v>
      </c>
      <c r="G1087" s="8">
        <v>176</v>
      </c>
      <c r="H1087" s="5">
        <v>13</v>
      </c>
      <c r="I1087" s="5" t="s">
        <v>1518</v>
      </c>
      <c r="J1087" s="5" t="s">
        <v>1519</v>
      </c>
      <c r="K1087" s="2" t="s">
        <v>1520</v>
      </c>
      <c r="L1087" s="5" t="s">
        <v>1519</v>
      </c>
      <c r="M1087" s="2" t="s">
        <v>1520</v>
      </c>
      <c r="N1087" s="5" t="s">
        <v>1521</v>
      </c>
      <c r="O1087" s="5" t="s">
        <v>38</v>
      </c>
      <c r="P1087" s="5" t="s">
        <v>39</v>
      </c>
      <c r="Q1087" s="5" t="s">
        <v>40</v>
      </c>
      <c r="R1087" s="5" t="s">
        <v>1522</v>
      </c>
      <c r="S1087" s="5" t="s">
        <v>1523</v>
      </c>
      <c r="T1087" s="5" t="s">
        <v>42</v>
      </c>
      <c r="U1087" s="2">
        <v>2.3250000000000002</v>
      </c>
      <c r="V1087" s="2">
        <v>1.8360000000000001</v>
      </c>
      <c r="W1087" s="2">
        <v>1.4999999999999999E-2</v>
      </c>
      <c r="X1087" s="2">
        <v>118.9</v>
      </c>
      <c r="Y1087" s="2">
        <v>7.6</v>
      </c>
      <c r="Z1087" s="2">
        <v>16.7</v>
      </c>
      <c r="AA1087" s="5"/>
      <c r="AB1087" s="5" t="s">
        <v>43</v>
      </c>
      <c r="AC1087" s="5" t="s">
        <v>44</v>
      </c>
      <c r="AD1087" s="2"/>
      <c r="AE1087" s="1"/>
    </row>
    <row r="1088" spans="1:31" ht="14.45">
      <c r="A1088" s="11"/>
      <c r="B1088" s="20"/>
      <c r="C1088" s="2" t="s">
        <v>3685</v>
      </c>
      <c r="D1088" s="14" t="s">
        <v>3686</v>
      </c>
      <c r="E1088" s="2" t="s">
        <v>3687</v>
      </c>
      <c r="F1088" s="2" t="s">
        <v>2348</v>
      </c>
      <c r="G1088" s="8">
        <v>176</v>
      </c>
      <c r="H1088" s="5">
        <v>13</v>
      </c>
      <c r="I1088" s="5" t="s">
        <v>1518</v>
      </c>
      <c r="J1088" s="5" t="s">
        <v>1519</v>
      </c>
      <c r="K1088" s="2" t="s">
        <v>1520</v>
      </c>
      <c r="L1088" s="5" t="s">
        <v>1519</v>
      </c>
      <c r="M1088" s="2" t="s">
        <v>1520</v>
      </c>
      <c r="N1088" s="5" t="s">
        <v>1521</v>
      </c>
      <c r="O1088" s="5" t="s">
        <v>38</v>
      </c>
      <c r="P1088" s="5" t="s">
        <v>39</v>
      </c>
      <c r="Q1088" s="5" t="s">
        <v>40</v>
      </c>
      <c r="R1088" s="5" t="s">
        <v>1522</v>
      </c>
      <c r="S1088" s="5" t="s">
        <v>1523</v>
      </c>
      <c r="T1088" s="5" t="s">
        <v>42</v>
      </c>
      <c r="U1088" s="2">
        <v>2.371</v>
      </c>
      <c r="V1088" s="2">
        <v>1.8819999999999999</v>
      </c>
      <c r="W1088" s="2">
        <v>1.4999999999999999E-2</v>
      </c>
      <c r="X1088" s="2">
        <v>118.9</v>
      </c>
      <c r="Y1088" s="2">
        <v>7.6</v>
      </c>
      <c r="Z1088" s="2">
        <v>16.7</v>
      </c>
      <c r="AA1088" s="5"/>
      <c r="AB1088" s="5" t="s">
        <v>43</v>
      </c>
      <c r="AC1088" s="5" t="s">
        <v>44</v>
      </c>
      <c r="AD1088" s="2"/>
      <c r="AE1088" s="1"/>
    </row>
    <row r="1089" spans="1:31" ht="14.45">
      <c r="A1089" s="11"/>
      <c r="B1089" s="20"/>
      <c r="C1089" s="2" t="s">
        <v>3688</v>
      </c>
      <c r="D1089" s="14" t="s">
        <v>3689</v>
      </c>
      <c r="E1089" s="2" t="s">
        <v>3690</v>
      </c>
      <c r="F1089" s="2" t="s">
        <v>2204</v>
      </c>
      <c r="G1089" s="8">
        <v>176</v>
      </c>
      <c r="H1089" s="5">
        <v>13</v>
      </c>
      <c r="I1089" s="5" t="s">
        <v>1518</v>
      </c>
      <c r="J1089" s="5" t="s">
        <v>1519</v>
      </c>
      <c r="K1089" s="2" t="s">
        <v>1520</v>
      </c>
      <c r="L1089" s="5" t="s">
        <v>1519</v>
      </c>
      <c r="M1089" s="2" t="s">
        <v>1520</v>
      </c>
      <c r="N1089" s="5" t="s">
        <v>1521</v>
      </c>
      <c r="O1089" s="5" t="s">
        <v>38</v>
      </c>
      <c r="P1089" s="5" t="s">
        <v>39</v>
      </c>
      <c r="Q1089" s="5" t="s">
        <v>40</v>
      </c>
      <c r="R1089" s="5" t="s">
        <v>1522</v>
      </c>
      <c r="S1089" s="5" t="s">
        <v>1523</v>
      </c>
      <c r="T1089" s="5" t="s">
        <v>42</v>
      </c>
      <c r="U1089" s="2">
        <v>2.3250000000000002</v>
      </c>
      <c r="V1089" s="2">
        <v>1.8360000000000001</v>
      </c>
      <c r="W1089" s="2">
        <v>1.4999999999999999E-2</v>
      </c>
      <c r="X1089" s="2">
        <v>118.9</v>
      </c>
      <c r="Y1089" s="2">
        <v>7.6</v>
      </c>
      <c r="Z1089" s="2">
        <v>16.7</v>
      </c>
      <c r="AA1089" s="5"/>
      <c r="AB1089" s="5" t="s">
        <v>43</v>
      </c>
      <c r="AC1089" s="5" t="s">
        <v>44</v>
      </c>
      <c r="AD1089" s="2"/>
      <c r="AE1089" s="1"/>
    </row>
    <row r="1090" spans="1:31" ht="14.45">
      <c r="A1090" s="11"/>
      <c r="B1090" s="20"/>
      <c r="C1090" s="2" t="s">
        <v>3691</v>
      </c>
      <c r="D1090" s="14" t="s">
        <v>3692</v>
      </c>
      <c r="E1090" s="2" t="s">
        <v>3693</v>
      </c>
      <c r="F1090" s="2" t="s">
        <v>2724</v>
      </c>
      <c r="G1090" s="8">
        <v>176</v>
      </c>
      <c r="H1090" s="5">
        <v>13</v>
      </c>
      <c r="I1090" s="5" t="s">
        <v>1518</v>
      </c>
      <c r="J1090" s="5" t="s">
        <v>1519</v>
      </c>
      <c r="K1090" s="2" t="s">
        <v>1520</v>
      </c>
      <c r="L1090" s="5" t="s">
        <v>1519</v>
      </c>
      <c r="M1090" s="2" t="s">
        <v>1520</v>
      </c>
      <c r="N1090" s="5" t="s">
        <v>1521</v>
      </c>
      <c r="O1090" s="5" t="s">
        <v>38</v>
      </c>
      <c r="P1090" s="5" t="s">
        <v>39</v>
      </c>
      <c r="Q1090" s="5" t="s">
        <v>40</v>
      </c>
      <c r="R1090" s="5" t="s">
        <v>1522</v>
      </c>
      <c r="S1090" s="5" t="s">
        <v>1523</v>
      </c>
      <c r="T1090" s="5" t="s">
        <v>42</v>
      </c>
      <c r="U1090" s="2">
        <v>2.371</v>
      </c>
      <c r="V1090" s="2">
        <v>1.8819999999999999</v>
      </c>
      <c r="W1090" s="2">
        <v>1.4999999999999999E-2</v>
      </c>
      <c r="X1090" s="2">
        <v>118.9</v>
      </c>
      <c r="Y1090" s="2">
        <v>7.6</v>
      </c>
      <c r="Z1090" s="2">
        <v>16.7</v>
      </c>
      <c r="AA1090" s="5"/>
      <c r="AB1090" s="5" t="s">
        <v>43</v>
      </c>
      <c r="AC1090" s="5" t="s">
        <v>44</v>
      </c>
      <c r="AD1090" s="2"/>
      <c r="AE1090" s="1"/>
    </row>
    <row r="1091" spans="1:31" ht="14.45">
      <c r="A1091" s="11"/>
      <c r="B1091" s="20"/>
      <c r="C1091" s="2" t="s">
        <v>3694</v>
      </c>
      <c r="D1091" s="14" t="s">
        <v>3695</v>
      </c>
      <c r="E1091" s="2" t="s">
        <v>3696</v>
      </c>
      <c r="F1091" s="2" t="s">
        <v>2208</v>
      </c>
      <c r="G1091" s="8">
        <v>176</v>
      </c>
      <c r="H1091" s="5">
        <v>13</v>
      </c>
      <c r="I1091" s="5" t="s">
        <v>1518</v>
      </c>
      <c r="J1091" s="5" t="s">
        <v>1519</v>
      </c>
      <c r="K1091" s="2" t="s">
        <v>1520</v>
      </c>
      <c r="L1091" s="5" t="s">
        <v>1519</v>
      </c>
      <c r="M1091" s="2" t="s">
        <v>1520</v>
      </c>
      <c r="N1091" s="5" t="s">
        <v>1521</v>
      </c>
      <c r="O1091" s="5" t="s">
        <v>38</v>
      </c>
      <c r="P1091" s="5" t="s">
        <v>39</v>
      </c>
      <c r="Q1091" s="5" t="s">
        <v>40</v>
      </c>
      <c r="R1091" s="5" t="s">
        <v>1522</v>
      </c>
      <c r="S1091" s="5" t="s">
        <v>1523</v>
      </c>
      <c r="T1091" s="5" t="s">
        <v>42</v>
      </c>
      <c r="U1091" s="2">
        <v>2.3250000000000002</v>
      </c>
      <c r="V1091" s="2">
        <v>1.8360000000000001</v>
      </c>
      <c r="W1091" s="2">
        <v>1.4999999999999999E-2</v>
      </c>
      <c r="X1091" s="2">
        <v>118.9</v>
      </c>
      <c r="Y1091" s="2">
        <v>7.6</v>
      </c>
      <c r="Z1091" s="2">
        <v>16.7</v>
      </c>
      <c r="AA1091" s="5"/>
      <c r="AB1091" s="5" t="s">
        <v>43</v>
      </c>
      <c r="AC1091" s="5" t="s">
        <v>44</v>
      </c>
      <c r="AD1091" s="2"/>
      <c r="AE1091" s="1"/>
    </row>
    <row r="1092" spans="1:31" ht="14.45">
      <c r="A1092" s="11"/>
      <c r="B1092" s="20"/>
      <c r="C1092" s="2" t="s">
        <v>3697</v>
      </c>
      <c r="D1092" s="14" t="s">
        <v>3698</v>
      </c>
      <c r="E1092" s="2" t="s">
        <v>3699</v>
      </c>
      <c r="F1092" s="2" t="s">
        <v>2212</v>
      </c>
      <c r="G1092" s="8">
        <v>176</v>
      </c>
      <c r="H1092" s="5">
        <v>13</v>
      </c>
      <c r="I1092" s="5" t="s">
        <v>1518</v>
      </c>
      <c r="J1092" s="5" t="s">
        <v>1519</v>
      </c>
      <c r="K1092" s="2" t="s">
        <v>1520</v>
      </c>
      <c r="L1092" s="5" t="s">
        <v>1519</v>
      </c>
      <c r="M1092" s="2" t="s">
        <v>1520</v>
      </c>
      <c r="N1092" s="5" t="s">
        <v>1521</v>
      </c>
      <c r="O1092" s="5" t="s">
        <v>38</v>
      </c>
      <c r="P1092" s="5" t="s">
        <v>39</v>
      </c>
      <c r="Q1092" s="5" t="s">
        <v>40</v>
      </c>
      <c r="R1092" s="5" t="s">
        <v>1522</v>
      </c>
      <c r="S1092" s="5" t="s">
        <v>1523</v>
      </c>
      <c r="T1092" s="5" t="s">
        <v>42</v>
      </c>
      <c r="U1092" s="2">
        <v>2.371</v>
      </c>
      <c r="V1092" s="2">
        <v>1.8819999999999999</v>
      </c>
      <c r="W1092" s="2">
        <v>1.4999999999999999E-2</v>
      </c>
      <c r="X1092" s="2">
        <v>118.9</v>
      </c>
      <c r="Y1092" s="2">
        <v>7.6</v>
      </c>
      <c r="Z1092" s="2">
        <v>16.7</v>
      </c>
      <c r="AA1092" s="5"/>
      <c r="AB1092" s="5" t="s">
        <v>43</v>
      </c>
      <c r="AC1092" s="5" t="s">
        <v>44</v>
      </c>
      <c r="AD1092" s="2"/>
      <c r="AE1092" s="1"/>
    </row>
    <row r="1093" spans="1:31" ht="14.45">
      <c r="A1093" s="11"/>
      <c r="B1093" s="20"/>
      <c r="C1093" s="2" t="s">
        <v>3700</v>
      </c>
      <c r="D1093" s="14" t="s">
        <v>3701</v>
      </c>
      <c r="E1093" s="2" t="s">
        <v>3702</v>
      </c>
      <c r="F1093" s="2" t="s">
        <v>1831</v>
      </c>
      <c r="G1093" s="8">
        <v>176</v>
      </c>
      <c r="H1093" s="5">
        <v>13</v>
      </c>
      <c r="I1093" s="5" t="s">
        <v>1518</v>
      </c>
      <c r="J1093" s="5" t="s">
        <v>1519</v>
      </c>
      <c r="K1093" s="2" t="s">
        <v>1520</v>
      </c>
      <c r="L1093" s="5" t="s">
        <v>1519</v>
      </c>
      <c r="M1093" s="2" t="s">
        <v>1520</v>
      </c>
      <c r="N1093" s="5" t="s">
        <v>1521</v>
      </c>
      <c r="O1093" s="5" t="s">
        <v>38</v>
      </c>
      <c r="P1093" s="5" t="s">
        <v>39</v>
      </c>
      <c r="Q1093" s="5" t="s">
        <v>40</v>
      </c>
      <c r="R1093" s="5" t="s">
        <v>1522</v>
      </c>
      <c r="S1093" s="5" t="s">
        <v>1523</v>
      </c>
      <c r="T1093" s="5" t="s">
        <v>42</v>
      </c>
      <c r="U1093" s="2">
        <v>2.3250000000000002</v>
      </c>
      <c r="V1093" s="2">
        <v>1.8360000000000001</v>
      </c>
      <c r="W1093" s="2">
        <v>1.4999999999999999E-2</v>
      </c>
      <c r="X1093" s="2">
        <v>118.9</v>
      </c>
      <c r="Y1093" s="2">
        <v>7.6</v>
      </c>
      <c r="Z1093" s="2">
        <v>16.7</v>
      </c>
      <c r="AA1093" s="5"/>
      <c r="AB1093" s="5" t="s">
        <v>43</v>
      </c>
      <c r="AC1093" s="5" t="s">
        <v>44</v>
      </c>
      <c r="AD1093" s="2"/>
      <c r="AE1093" s="1"/>
    </row>
    <row r="1094" spans="1:31" ht="14.45">
      <c r="A1094" s="11"/>
      <c r="B1094" s="20"/>
      <c r="C1094" s="2" t="s">
        <v>3703</v>
      </c>
      <c r="D1094" s="14" t="s">
        <v>3704</v>
      </c>
      <c r="E1094" s="2" t="s">
        <v>3705</v>
      </c>
      <c r="F1094" s="2" t="s">
        <v>1835</v>
      </c>
      <c r="G1094" s="8">
        <v>176</v>
      </c>
      <c r="H1094" s="5">
        <v>13</v>
      </c>
      <c r="I1094" s="5" t="s">
        <v>1518</v>
      </c>
      <c r="J1094" s="5" t="s">
        <v>1519</v>
      </c>
      <c r="K1094" s="2" t="s">
        <v>1520</v>
      </c>
      <c r="L1094" s="5" t="s">
        <v>1519</v>
      </c>
      <c r="M1094" s="2" t="s">
        <v>1520</v>
      </c>
      <c r="N1094" s="5" t="s">
        <v>1521</v>
      </c>
      <c r="O1094" s="5" t="s">
        <v>38</v>
      </c>
      <c r="P1094" s="5" t="s">
        <v>39</v>
      </c>
      <c r="Q1094" s="5" t="s">
        <v>40</v>
      </c>
      <c r="R1094" s="5" t="s">
        <v>1522</v>
      </c>
      <c r="S1094" s="5" t="s">
        <v>1523</v>
      </c>
      <c r="T1094" s="5" t="s">
        <v>42</v>
      </c>
      <c r="U1094" s="2">
        <v>2.371</v>
      </c>
      <c r="V1094" s="2">
        <v>1.8819999999999999</v>
      </c>
      <c r="W1094" s="2">
        <v>1.4999999999999999E-2</v>
      </c>
      <c r="X1094" s="2">
        <v>118.9</v>
      </c>
      <c r="Y1094" s="2">
        <v>7.6</v>
      </c>
      <c r="Z1094" s="2">
        <v>16.7</v>
      </c>
      <c r="AA1094" s="5"/>
      <c r="AB1094" s="5" t="s">
        <v>43</v>
      </c>
      <c r="AC1094" s="5" t="s">
        <v>44</v>
      </c>
      <c r="AD1094" s="2"/>
      <c r="AE1094" s="1"/>
    </row>
    <row r="1095" spans="1:31" ht="14.45">
      <c r="A1095" s="11"/>
      <c r="B1095" s="20"/>
      <c r="C1095" s="2" t="s">
        <v>3706</v>
      </c>
      <c r="D1095" s="14" t="s">
        <v>3707</v>
      </c>
      <c r="E1095" s="2" t="s">
        <v>3708</v>
      </c>
      <c r="F1095" s="2" t="s">
        <v>1839</v>
      </c>
      <c r="G1095" s="8">
        <v>176</v>
      </c>
      <c r="H1095" s="5">
        <v>13</v>
      </c>
      <c r="I1095" s="5" t="s">
        <v>1518</v>
      </c>
      <c r="J1095" s="5" t="s">
        <v>1519</v>
      </c>
      <c r="K1095" s="2" t="s">
        <v>1520</v>
      </c>
      <c r="L1095" s="5" t="s">
        <v>1519</v>
      </c>
      <c r="M1095" s="2" t="s">
        <v>1520</v>
      </c>
      <c r="N1095" s="5" t="s">
        <v>1521</v>
      </c>
      <c r="O1095" s="5" t="s">
        <v>38</v>
      </c>
      <c r="P1095" s="5" t="s">
        <v>39</v>
      </c>
      <c r="Q1095" s="5" t="s">
        <v>40</v>
      </c>
      <c r="R1095" s="5" t="s">
        <v>1522</v>
      </c>
      <c r="S1095" s="5" t="s">
        <v>1523</v>
      </c>
      <c r="T1095" s="5" t="s">
        <v>42</v>
      </c>
      <c r="U1095" s="2">
        <v>2.3250000000000002</v>
      </c>
      <c r="V1095" s="2">
        <v>1.8360000000000001</v>
      </c>
      <c r="W1095" s="2">
        <v>1.4999999999999999E-2</v>
      </c>
      <c r="X1095" s="2">
        <v>118.9</v>
      </c>
      <c r="Y1095" s="2">
        <v>7.6</v>
      </c>
      <c r="Z1095" s="2">
        <v>16.7</v>
      </c>
      <c r="AA1095" s="5"/>
      <c r="AB1095" s="5" t="s">
        <v>43</v>
      </c>
      <c r="AC1095" s="5" t="s">
        <v>44</v>
      </c>
      <c r="AD1095" s="2"/>
      <c r="AE1095" s="1"/>
    </row>
    <row r="1096" spans="1:31" ht="14.45">
      <c r="A1096" s="11"/>
      <c r="B1096" s="20"/>
      <c r="C1096" s="2" t="s">
        <v>3709</v>
      </c>
      <c r="D1096" s="14" t="s">
        <v>3710</v>
      </c>
      <c r="E1096" s="2" t="s">
        <v>3711</v>
      </c>
      <c r="F1096" s="2" t="s">
        <v>1986</v>
      </c>
      <c r="G1096" s="8">
        <v>176</v>
      </c>
      <c r="H1096" s="5">
        <v>13</v>
      </c>
      <c r="I1096" s="5" t="s">
        <v>1518</v>
      </c>
      <c r="J1096" s="5" t="s">
        <v>1519</v>
      </c>
      <c r="K1096" s="2" t="s">
        <v>1520</v>
      </c>
      <c r="L1096" s="5" t="s">
        <v>1519</v>
      </c>
      <c r="M1096" s="2" t="s">
        <v>1520</v>
      </c>
      <c r="N1096" s="5" t="s">
        <v>1521</v>
      </c>
      <c r="O1096" s="5" t="s">
        <v>38</v>
      </c>
      <c r="P1096" s="5" t="s">
        <v>39</v>
      </c>
      <c r="Q1096" s="5" t="s">
        <v>40</v>
      </c>
      <c r="R1096" s="5" t="s">
        <v>1522</v>
      </c>
      <c r="S1096" s="5" t="s">
        <v>1523</v>
      </c>
      <c r="T1096" s="5" t="s">
        <v>42</v>
      </c>
      <c r="U1096" s="2">
        <v>2.371</v>
      </c>
      <c r="V1096" s="2">
        <v>1.8819999999999999</v>
      </c>
      <c r="W1096" s="2">
        <v>1.4999999999999999E-2</v>
      </c>
      <c r="X1096" s="2">
        <v>118.9</v>
      </c>
      <c r="Y1096" s="2">
        <v>7.6</v>
      </c>
      <c r="Z1096" s="2">
        <v>16.7</v>
      </c>
      <c r="AA1096" s="5"/>
      <c r="AB1096" s="5" t="s">
        <v>43</v>
      </c>
      <c r="AC1096" s="5" t="s">
        <v>44</v>
      </c>
      <c r="AD1096" s="2"/>
      <c r="AE1096" s="1"/>
    </row>
    <row r="1097" spans="1:31" ht="14.45">
      <c r="A1097" s="11"/>
      <c r="B1097" s="20"/>
      <c r="C1097" s="2" t="s">
        <v>3712</v>
      </c>
      <c r="D1097" s="14" t="s">
        <v>3713</v>
      </c>
      <c r="E1097" s="2" t="s">
        <v>3714</v>
      </c>
      <c r="F1097" s="2" t="s">
        <v>1843</v>
      </c>
      <c r="G1097" s="8">
        <v>176</v>
      </c>
      <c r="H1097" s="5">
        <v>13</v>
      </c>
      <c r="I1097" s="5" t="s">
        <v>1518</v>
      </c>
      <c r="J1097" s="5" t="s">
        <v>1519</v>
      </c>
      <c r="K1097" s="2" t="s">
        <v>1520</v>
      </c>
      <c r="L1097" s="5" t="s">
        <v>1519</v>
      </c>
      <c r="M1097" s="2" t="s">
        <v>1520</v>
      </c>
      <c r="N1097" s="5" t="s">
        <v>1521</v>
      </c>
      <c r="O1097" s="5" t="s">
        <v>38</v>
      </c>
      <c r="P1097" s="5" t="s">
        <v>39</v>
      </c>
      <c r="Q1097" s="5" t="s">
        <v>40</v>
      </c>
      <c r="R1097" s="5" t="s">
        <v>1522</v>
      </c>
      <c r="S1097" s="5" t="s">
        <v>1523</v>
      </c>
      <c r="T1097" s="5" t="s">
        <v>42</v>
      </c>
      <c r="U1097" s="2">
        <v>2.3250000000000002</v>
      </c>
      <c r="V1097" s="2">
        <v>1.8360000000000001</v>
      </c>
      <c r="W1097" s="2">
        <v>1.4999999999999999E-2</v>
      </c>
      <c r="X1097" s="2">
        <v>118.9</v>
      </c>
      <c r="Y1097" s="2">
        <v>7.6</v>
      </c>
      <c r="Z1097" s="2">
        <v>16.7</v>
      </c>
      <c r="AA1097" s="5"/>
      <c r="AB1097" s="5" t="s">
        <v>43</v>
      </c>
      <c r="AC1097" s="5" t="s">
        <v>44</v>
      </c>
      <c r="AD1097" s="2"/>
      <c r="AE1097" s="1"/>
    </row>
    <row r="1098" spans="1:31" ht="14.45">
      <c r="A1098" s="11"/>
      <c r="B1098" s="20"/>
      <c r="C1098" s="2" t="s">
        <v>3715</v>
      </c>
      <c r="D1098" s="14" t="s">
        <v>3716</v>
      </c>
      <c r="E1098" s="2" t="s">
        <v>3717</v>
      </c>
      <c r="F1098" s="2" t="s">
        <v>1847</v>
      </c>
      <c r="G1098" s="8">
        <v>176</v>
      </c>
      <c r="H1098" s="5">
        <v>13</v>
      </c>
      <c r="I1098" s="5" t="s">
        <v>1518</v>
      </c>
      <c r="J1098" s="5" t="s">
        <v>1519</v>
      </c>
      <c r="K1098" s="2" t="s">
        <v>1520</v>
      </c>
      <c r="L1098" s="5" t="s">
        <v>1519</v>
      </c>
      <c r="M1098" s="2" t="s">
        <v>1520</v>
      </c>
      <c r="N1098" s="5" t="s">
        <v>1521</v>
      </c>
      <c r="O1098" s="5" t="s">
        <v>38</v>
      </c>
      <c r="P1098" s="5" t="s">
        <v>39</v>
      </c>
      <c r="Q1098" s="5" t="s">
        <v>40</v>
      </c>
      <c r="R1098" s="5" t="s">
        <v>1522</v>
      </c>
      <c r="S1098" s="5" t="s">
        <v>1523</v>
      </c>
      <c r="T1098" s="5" t="s">
        <v>42</v>
      </c>
      <c r="U1098" s="2">
        <v>2.371</v>
      </c>
      <c r="V1098" s="2">
        <v>1.8819999999999999</v>
      </c>
      <c r="W1098" s="2">
        <v>1.4999999999999999E-2</v>
      </c>
      <c r="X1098" s="2">
        <v>118.9</v>
      </c>
      <c r="Y1098" s="2">
        <v>7.6</v>
      </c>
      <c r="Z1098" s="2">
        <v>16.7</v>
      </c>
      <c r="AA1098" s="5"/>
      <c r="AB1098" s="5" t="s">
        <v>43</v>
      </c>
      <c r="AC1098" s="5" t="s">
        <v>44</v>
      </c>
      <c r="AD1098" s="2"/>
      <c r="AE1098" s="1"/>
    </row>
    <row r="1099" spans="1:31" ht="14.45">
      <c r="A1099" s="11"/>
      <c r="B1099" s="20"/>
      <c r="C1099" s="2" t="s">
        <v>3718</v>
      </c>
      <c r="D1099" s="14" t="s">
        <v>3719</v>
      </c>
      <c r="E1099" s="2" t="s">
        <v>3720</v>
      </c>
      <c r="F1099" s="2" t="s">
        <v>1851</v>
      </c>
      <c r="G1099" s="8">
        <v>176</v>
      </c>
      <c r="H1099" s="5">
        <v>13</v>
      </c>
      <c r="I1099" s="5" t="s">
        <v>1518</v>
      </c>
      <c r="J1099" s="5" t="s">
        <v>1519</v>
      </c>
      <c r="K1099" s="2" t="s">
        <v>1520</v>
      </c>
      <c r="L1099" s="5" t="s">
        <v>1519</v>
      </c>
      <c r="M1099" s="2" t="s">
        <v>1520</v>
      </c>
      <c r="N1099" s="5" t="s">
        <v>1521</v>
      </c>
      <c r="O1099" s="5" t="s">
        <v>38</v>
      </c>
      <c r="P1099" s="5" t="s">
        <v>39</v>
      </c>
      <c r="Q1099" s="5" t="s">
        <v>40</v>
      </c>
      <c r="R1099" s="5" t="s">
        <v>1522</v>
      </c>
      <c r="S1099" s="5" t="s">
        <v>1523</v>
      </c>
      <c r="T1099" s="5" t="s">
        <v>42</v>
      </c>
      <c r="U1099" s="2">
        <v>2.3250000000000002</v>
      </c>
      <c r="V1099" s="2">
        <v>1.8360000000000001</v>
      </c>
      <c r="W1099" s="2">
        <v>1.4999999999999999E-2</v>
      </c>
      <c r="X1099" s="2">
        <v>118.9</v>
      </c>
      <c r="Y1099" s="2">
        <v>7.6</v>
      </c>
      <c r="Z1099" s="2">
        <v>16.7</v>
      </c>
      <c r="AA1099" s="5"/>
      <c r="AB1099" s="5" t="s">
        <v>43</v>
      </c>
      <c r="AC1099" s="5" t="s">
        <v>44</v>
      </c>
      <c r="AD1099" s="2"/>
      <c r="AE1099" s="1"/>
    </row>
    <row r="1100" spans="1:31" ht="14.45">
      <c r="A1100" s="11"/>
      <c r="B1100" s="20"/>
      <c r="C1100" s="2" t="s">
        <v>3721</v>
      </c>
      <c r="D1100" s="14" t="s">
        <v>3722</v>
      </c>
      <c r="E1100" s="2" t="s">
        <v>3723</v>
      </c>
      <c r="F1100" s="2" t="s">
        <v>1999</v>
      </c>
      <c r="G1100" s="8">
        <v>176</v>
      </c>
      <c r="H1100" s="5">
        <v>13</v>
      </c>
      <c r="I1100" s="5" t="s">
        <v>1518</v>
      </c>
      <c r="J1100" s="5" t="s">
        <v>1519</v>
      </c>
      <c r="K1100" s="2" t="s">
        <v>1520</v>
      </c>
      <c r="L1100" s="5" t="s">
        <v>1519</v>
      </c>
      <c r="M1100" s="2" t="s">
        <v>1520</v>
      </c>
      <c r="N1100" s="5" t="s">
        <v>1521</v>
      </c>
      <c r="O1100" s="5" t="s">
        <v>38</v>
      </c>
      <c r="P1100" s="5" t="s">
        <v>39</v>
      </c>
      <c r="Q1100" s="5" t="s">
        <v>40</v>
      </c>
      <c r="R1100" s="5" t="s">
        <v>1522</v>
      </c>
      <c r="S1100" s="5" t="s">
        <v>1523</v>
      </c>
      <c r="T1100" s="5" t="s">
        <v>42</v>
      </c>
      <c r="U1100" s="2">
        <v>2.371</v>
      </c>
      <c r="V1100" s="2">
        <v>1.8819999999999999</v>
      </c>
      <c r="W1100" s="2">
        <v>1.4999999999999999E-2</v>
      </c>
      <c r="X1100" s="2">
        <v>118.9</v>
      </c>
      <c r="Y1100" s="2">
        <v>7.6</v>
      </c>
      <c r="Z1100" s="2">
        <v>16.7</v>
      </c>
      <c r="AA1100" s="5"/>
      <c r="AB1100" s="5" t="s">
        <v>43</v>
      </c>
      <c r="AC1100" s="5" t="s">
        <v>44</v>
      </c>
      <c r="AD1100" s="2"/>
      <c r="AE1100" s="1"/>
    </row>
    <row r="1101" spans="1:31" ht="14.45">
      <c r="A1101" s="11"/>
      <c r="B1101" s="20"/>
      <c r="C1101" s="2" t="s">
        <v>3724</v>
      </c>
      <c r="D1101" s="14" t="s">
        <v>3725</v>
      </c>
      <c r="E1101" s="2" t="s">
        <v>3726</v>
      </c>
      <c r="F1101" s="2" t="s">
        <v>1855</v>
      </c>
      <c r="G1101" s="8">
        <v>176</v>
      </c>
      <c r="H1101" s="5">
        <v>13</v>
      </c>
      <c r="I1101" s="5" t="s">
        <v>1518</v>
      </c>
      <c r="J1101" s="5" t="s">
        <v>1519</v>
      </c>
      <c r="K1101" s="2" t="s">
        <v>1520</v>
      </c>
      <c r="L1101" s="5" t="s">
        <v>1519</v>
      </c>
      <c r="M1101" s="2" t="s">
        <v>1520</v>
      </c>
      <c r="N1101" s="5" t="s">
        <v>1521</v>
      </c>
      <c r="O1101" s="5" t="s">
        <v>38</v>
      </c>
      <c r="P1101" s="5" t="s">
        <v>39</v>
      </c>
      <c r="Q1101" s="5" t="s">
        <v>40</v>
      </c>
      <c r="R1101" s="5" t="s">
        <v>1522</v>
      </c>
      <c r="S1101" s="5" t="s">
        <v>1523</v>
      </c>
      <c r="T1101" s="5" t="s">
        <v>42</v>
      </c>
      <c r="U1101" s="2">
        <v>2.3250000000000002</v>
      </c>
      <c r="V1101" s="2">
        <v>1.8360000000000001</v>
      </c>
      <c r="W1101" s="2">
        <v>1.4999999999999999E-2</v>
      </c>
      <c r="X1101" s="2">
        <v>118.9</v>
      </c>
      <c r="Y1101" s="2">
        <v>7.6</v>
      </c>
      <c r="Z1101" s="2">
        <v>16.7</v>
      </c>
      <c r="AA1101" s="5"/>
      <c r="AB1101" s="5" t="s">
        <v>43</v>
      </c>
      <c r="AC1101" s="5" t="s">
        <v>44</v>
      </c>
      <c r="AD1101" s="2"/>
      <c r="AE1101" s="1"/>
    </row>
    <row r="1102" spans="1:31" ht="14.45">
      <c r="A1102" s="11"/>
      <c r="B1102" s="20"/>
      <c r="C1102" s="2" t="s">
        <v>3727</v>
      </c>
      <c r="D1102" s="14" t="s">
        <v>3728</v>
      </c>
      <c r="E1102" s="2" t="s">
        <v>3729</v>
      </c>
      <c r="F1102" s="2" t="s">
        <v>1859</v>
      </c>
      <c r="G1102" s="8">
        <v>176</v>
      </c>
      <c r="H1102" s="5">
        <v>13</v>
      </c>
      <c r="I1102" s="5" t="s">
        <v>1518</v>
      </c>
      <c r="J1102" s="5" t="s">
        <v>1519</v>
      </c>
      <c r="K1102" s="2" t="s">
        <v>1520</v>
      </c>
      <c r="L1102" s="5" t="s">
        <v>1519</v>
      </c>
      <c r="M1102" s="2" t="s">
        <v>1520</v>
      </c>
      <c r="N1102" s="5" t="s">
        <v>1521</v>
      </c>
      <c r="O1102" s="5" t="s">
        <v>38</v>
      </c>
      <c r="P1102" s="5" t="s">
        <v>39</v>
      </c>
      <c r="Q1102" s="5" t="s">
        <v>40</v>
      </c>
      <c r="R1102" s="5" t="s">
        <v>1522</v>
      </c>
      <c r="S1102" s="5" t="s">
        <v>1523</v>
      </c>
      <c r="T1102" s="5" t="s">
        <v>42</v>
      </c>
      <c r="U1102" s="2">
        <v>2.371</v>
      </c>
      <c r="V1102" s="2">
        <v>1.8819999999999999</v>
      </c>
      <c r="W1102" s="2">
        <v>1.4999999999999999E-2</v>
      </c>
      <c r="X1102" s="2">
        <v>118.9</v>
      </c>
      <c r="Y1102" s="2">
        <v>7.6</v>
      </c>
      <c r="Z1102" s="2">
        <v>16.7</v>
      </c>
      <c r="AA1102" s="5"/>
      <c r="AB1102" s="5" t="s">
        <v>43</v>
      </c>
      <c r="AC1102" s="5" t="s">
        <v>44</v>
      </c>
      <c r="AD1102" s="2"/>
      <c r="AE1102" s="1"/>
    </row>
    <row r="1103" spans="1:31" ht="14.45">
      <c r="A1103" s="11"/>
      <c r="B1103" s="20"/>
      <c r="C1103" s="2" t="s">
        <v>3730</v>
      </c>
      <c r="D1103" s="14" t="s">
        <v>3731</v>
      </c>
      <c r="E1103" s="2" t="s">
        <v>3732</v>
      </c>
      <c r="F1103" s="2" t="s">
        <v>1863</v>
      </c>
      <c r="G1103" s="8">
        <v>176</v>
      </c>
      <c r="H1103" s="5">
        <v>11</v>
      </c>
      <c r="I1103" s="5" t="s">
        <v>1518</v>
      </c>
      <c r="J1103" s="5" t="s">
        <v>1519</v>
      </c>
      <c r="K1103" s="2" t="s">
        <v>1520</v>
      </c>
      <c r="L1103" s="5" t="s">
        <v>1519</v>
      </c>
      <c r="M1103" s="2" t="s">
        <v>1520</v>
      </c>
      <c r="N1103" s="5" t="s">
        <v>1521</v>
      </c>
      <c r="O1103" s="5" t="s">
        <v>38</v>
      </c>
      <c r="P1103" s="5" t="s">
        <v>39</v>
      </c>
      <c r="Q1103" s="5" t="s">
        <v>40</v>
      </c>
      <c r="R1103" s="5" t="s">
        <v>1522</v>
      </c>
      <c r="S1103" s="5" t="s">
        <v>1523</v>
      </c>
      <c r="T1103" s="5" t="s">
        <v>42</v>
      </c>
      <c r="U1103" s="2">
        <v>2.266</v>
      </c>
      <c r="V1103" s="2">
        <v>1.7769999999999999</v>
      </c>
      <c r="W1103" s="2">
        <v>1.4999999999999999E-2</v>
      </c>
      <c r="X1103" s="2">
        <v>118.9</v>
      </c>
      <c r="Y1103" s="2">
        <v>7.6</v>
      </c>
      <c r="Z1103" s="2">
        <v>16.7</v>
      </c>
      <c r="AA1103" s="5"/>
      <c r="AB1103" s="5" t="s">
        <v>43</v>
      </c>
      <c r="AC1103" s="5" t="s">
        <v>44</v>
      </c>
      <c r="AD1103" s="2"/>
      <c r="AE1103" s="1"/>
    </row>
    <row r="1104" spans="1:31" ht="14.45">
      <c r="A1104" s="11"/>
      <c r="B1104" s="20"/>
      <c r="C1104" s="2" t="s">
        <v>3733</v>
      </c>
      <c r="D1104" s="14" t="s">
        <v>3734</v>
      </c>
      <c r="E1104" s="2" t="s">
        <v>3735</v>
      </c>
      <c r="F1104" s="2" t="s">
        <v>1867</v>
      </c>
      <c r="G1104" s="8">
        <v>176</v>
      </c>
      <c r="H1104" s="5">
        <v>11</v>
      </c>
      <c r="I1104" s="5" t="s">
        <v>1518</v>
      </c>
      <c r="J1104" s="5" t="s">
        <v>1519</v>
      </c>
      <c r="K1104" s="2" t="s">
        <v>1520</v>
      </c>
      <c r="L1104" s="5" t="s">
        <v>1519</v>
      </c>
      <c r="M1104" s="2" t="s">
        <v>1520</v>
      </c>
      <c r="N1104" s="5" t="s">
        <v>1521</v>
      </c>
      <c r="O1104" s="5" t="s">
        <v>38</v>
      </c>
      <c r="P1104" s="5" t="s">
        <v>39</v>
      </c>
      <c r="Q1104" s="5" t="s">
        <v>40</v>
      </c>
      <c r="R1104" s="5" t="s">
        <v>1522</v>
      </c>
      <c r="S1104" s="5" t="s">
        <v>1523</v>
      </c>
      <c r="T1104" s="5" t="s">
        <v>42</v>
      </c>
      <c r="U1104" s="2">
        <v>2.3119999999999998</v>
      </c>
      <c r="V1104" s="2">
        <v>1.823</v>
      </c>
      <c r="W1104" s="2">
        <v>1.4999999999999999E-2</v>
      </c>
      <c r="X1104" s="2">
        <v>118.9</v>
      </c>
      <c r="Y1104" s="2">
        <v>7.6</v>
      </c>
      <c r="Z1104" s="2">
        <v>16.7</v>
      </c>
      <c r="AA1104" s="5"/>
      <c r="AB1104" s="5" t="s">
        <v>43</v>
      </c>
      <c r="AC1104" s="5" t="s">
        <v>44</v>
      </c>
      <c r="AD1104" s="2"/>
      <c r="AE1104" s="1"/>
    </row>
    <row r="1105" spans="1:31" ht="14.45">
      <c r="A1105" s="11"/>
      <c r="B1105" s="20"/>
      <c r="C1105" s="2" t="s">
        <v>3736</v>
      </c>
      <c r="D1105" s="14" t="s">
        <v>3737</v>
      </c>
      <c r="E1105" s="2" t="s">
        <v>3738</v>
      </c>
      <c r="F1105" s="2" t="s">
        <v>1695</v>
      </c>
      <c r="G1105" s="8">
        <v>162</v>
      </c>
      <c r="H1105" s="5">
        <v>6</v>
      </c>
      <c r="I1105" s="5" t="s">
        <v>1518</v>
      </c>
      <c r="J1105" s="5" t="s">
        <v>1519</v>
      </c>
      <c r="K1105" s="2" t="s">
        <v>1520</v>
      </c>
      <c r="L1105" s="5" t="s">
        <v>1519</v>
      </c>
      <c r="M1105" s="2" t="s">
        <v>1520</v>
      </c>
      <c r="N1105" s="5" t="s">
        <v>1521</v>
      </c>
      <c r="O1105" s="5" t="s">
        <v>38</v>
      </c>
      <c r="P1105" s="5" t="s">
        <v>39</v>
      </c>
      <c r="Q1105" s="5" t="s">
        <v>40</v>
      </c>
      <c r="R1105" s="5" t="s">
        <v>1522</v>
      </c>
      <c r="S1105" s="5" t="s">
        <v>1523</v>
      </c>
      <c r="T1105" s="5" t="s">
        <v>42</v>
      </c>
      <c r="U1105" s="2">
        <v>2.4809999999999999</v>
      </c>
      <c r="V1105" s="2">
        <v>1.9159999999999999</v>
      </c>
      <c r="W1105" s="2">
        <v>1.7999999999999999E-2</v>
      </c>
      <c r="X1105" s="2">
        <v>139.1</v>
      </c>
      <c r="Y1105" s="2">
        <v>7.6</v>
      </c>
      <c r="Z1105" s="2">
        <v>16.7</v>
      </c>
      <c r="AA1105" s="5"/>
      <c r="AB1105" s="5" t="s">
        <v>43</v>
      </c>
      <c r="AC1105" s="5" t="s">
        <v>44</v>
      </c>
      <c r="AD1105" s="2"/>
      <c r="AE1105" s="1"/>
    </row>
    <row r="1106" spans="1:31" ht="14.45">
      <c r="A1106" s="11"/>
      <c r="B1106" s="20"/>
      <c r="C1106" s="2" t="s">
        <v>3739</v>
      </c>
      <c r="D1106" s="14" t="s">
        <v>3740</v>
      </c>
      <c r="E1106" s="2" t="s">
        <v>3741</v>
      </c>
      <c r="F1106" s="2" t="s">
        <v>1699</v>
      </c>
      <c r="G1106" s="8">
        <v>162</v>
      </c>
      <c r="H1106" s="5">
        <v>6</v>
      </c>
      <c r="I1106" s="5" t="s">
        <v>1518</v>
      </c>
      <c r="J1106" s="5" t="s">
        <v>1519</v>
      </c>
      <c r="K1106" s="2" t="s">
        <v>1520</v>
      </c>
      <c r="L1106" s="5" t="s">
        <v>1519</v>
      </c>
      <c r="M1106" s="2" t="s">
        <v>1520</v>
      </c>
      <c r="N1106" s="5" t="s">
        <v>1521</v>
      </c>
      <c r="O1106" s="5" t="s">
        <v>38</v>
      </c>
      <c r="P1106" s="5" t="s">
        <v>39</v>
      </c>
      <c r="Q1106" s="5" t="s">
        <v>40</v>
      </c>
      <c r="R1106" s="5" t="s">
        <v>1522</v>
      </c>
      <c r="S1106" s="5" t="s">
        <v>1523</v>
      </c>
      <c r="T1106" s="5" t="s">
        <v>42</v>
      </c>
      <c r="U1106" s="2">
        <v>2.532</v>
      </c>
      <c r="V1106" s="2">
        <v>1.9670000000000001</v>
      </c>
      <c r="W1106" s="2">
        <v>1.7999999999999999E-2</v>
      </c>
      <c r="X1106" s="2">
        <v>139.1</v>
      </c>
      <c r="Y1106" s="2">
        <v>7.6</v>
      </c>
      <c r="Z1106" s="2">
        <v>16.7</v>
      </c>
      <c r="AA1106" s="5"/>
      <c r="AB1106" s="5" t="s">
        <v>43</v>
      </c>
      <c r="AC1106" s="5" t="s">
        <v>44</v>
      </c>
      <c r="AD1106" s="2"/>
      <c r="AE1106" s="1"/>
    </row>
    <row r="1107" spans="1:31" ht="14.45">
      <c r="A1107" s="11"/>
      <c r="B1107" s="20"/>
      <c r="C1107" s="2" t="s">
        <v>3742</v>
      </c>
      <c r="D1107" s="14" t="s">
        <v>3743</v>
      </c>
      <c r="E1107" s="2" t="s">
        <v>3744</v>
      </c>
      <c r="F1107" s="2" t="s">
        <v>1703</v>
      </c>
      <c r="G1107" s="8">
        <v>162</v>
      </c>
      <c r="H1107" s="5">
        <v>6</v>
      </c>
      <c r="I1107" s="5" t="s">
        <v>1518</v>
      </c>
      <c r="J1107" s="5" t="s">
        <v>1519</v>
      </c>
      <c r="K1107" s="2" t="s">
        <v>1520</v>
      </c>
      <c r="L1107" s="5" t="s">
        <v>1519</v>
      </c>
      <c r="M1107" s="2" t="s">
        <v>1520</v>
      </c>
      <c r="N1107" s="5" t="s">
        <v>1521</v>
      </c>
      <c r="O1107" s="5" t="s">
        <v>38</v>
      </c>
      <c r="P1107" s="5" t="s">
        <v>39</v>
      </c>
      <c r="Q1107" s="5" t="s">
        <v>40</v>
      </c>
      <c r="R1107" s="5" t="s">
        <v>1522</v>
      </c>
      <c r="S1107" s="5" t="s">
        <v>1523</v>
      </c>
      <c r="T1107" s="5" t="s">
        <v>42</v>
      </c>
      <c r="U1107" s="2">
        <v>2.4900000000000002</v>
      </c>
      <c r="V1107" s="2">
        <v>1.925</v>
      </c>
      <c r="W1107" s="2">
        <v>1.7999999999999999E-2</v>
      </c>
      <c r="X1107" s="2">
        <v>139.1</v>
      </c>
      <c r="Y1107" s="2">
        <v>7.6</v>
      </c>
      <c r="Z1107" s="2">
        <v>16.7</v>
      </c>
      <c r="AA1107" s="5"/>
      <c r="AB1107" s="5" t="s">
        <v>43</v>
      </c>
      <c r="AC1107" s="5" t="s">
        <v>44</v>
      </c>
      <c r="AD1107" s="2"/>
      <c r="AE1107" s="1"/>
    </row>
    <row r="1108" spans="1:31" ht="14.45">
      <c r="A1108" s="11"/>
      <c r="B1108" s="20"/>
      <c r="C1108" s="2" t="s">
        <v>3745</v>
      </c>
      <c r="D1108" s="14" t="s">
        <v>3746</v>
      </c>
      <c r="E1108" s="2" t="s">
        <v>3747</v>
      </c>
      <c r="F1108" s="2" t="s">
        <v>1707</v>
      </c>
      <c r="G1108" s="8">
        <v>162</v>
      </c>
      <c r="H1108" s="5">
        <v>6</v>
      </c>
      <c r="I1108" s="5" t="s">
        <v>1518</v>
      </c>
      <c r="J1108" s="5" t="s">
        <v>1519</v>
      </c>
      <c r="K1108" s="2" t="s">
        <v>1520</v>
      </c>
      <c r="L1108" s="5" t="s">
        <v>1519</v>
      </c>
      <c r="M1108" s="2" t="s">
        <v>1520</v>
      </c>
      <c r="N1108" s="5" t="s">
        <v>1521</v>
      </c>
      <c r="O1108" s="5" t="s">
        <v>38</v>
      </c>
      <c r="P1108" s="5" t="s">
        <v>39</v>
      </c>
      <c r="Q1108" s="5" t="s">
        <v>40</v>
      </c>
      <c r="R1108" s="5" t="s">
        <v>1522</v>
      </c>
      <c r="S1108" s="5" t="s">
        <v>1523</v>
      </c>
      <c r="T1108" s="5" t="s">
        <v>42</v>
      </c>
      <c r="U1108" s="2">
        <v>2.5409999999999999</v>
      </c>
      <c r="V1108" s="2">
        <v>1.976</v>
      </c>
      <c r="W1108" s="2">
        <v>1.7999999999999999E-2</v>
      </c>
      <c r="X1108" s="2">
        <v>139.1</v>
      </c>
      <c r="Y1108" s="2">
        <v>7.6</v>
      </c>
      <c r="Z1108" s="2">
        <v>16.7</v>
      </c>
      <c r="AA1108" s="5"/>
      <c r="AB1108" s="5" t="s">
        <v>43</v>
      </c>
      <c r="AC1108" s="5" t="s">
        <v>44</v>
      </c>
      <c r="AD1108" s="2"/>
      <c r="AE1108" s="1"/>
    </row>
    <row r="1109" spans="1:31" ht="14.45">
      <c r="A1109" s="11"/>
      <c r="B1109" s="20"/>
      <c r="C1109" s="2" t="s">
        <v>3748</v>
      </c>
      <c r="D1109" s="14" t="s">
        <v>3749</v>
      </c>
      <c r="E1109" s="2" t="s">
        <v>3750</v>
      </c>
      <c r="F1109" s="2" t="s">
        <v>1711</v>
      </c>
      <c r="G1109" s="8">
        <v>162</v>
      </c>
      <c r="H1109" s="5">
        <v>6</v>
      </c>
      <c r="I1109" s="5" t="s">
        <v>1518</v>
      </c>
      <c r="J1109" s="5" t="s">
        <v>1519</v>
      </c>
      <c r="K1109" s="2" t="s">
        <v>1520</v>
      </c>
      <c r="L1109" s="5" t="s">
        <v>1519</v>
      </c>
      <c r="M1109" s="2" t="s">
        <v>1520</v>
      </c>
      <c r="N1109" s="5" t="s">
        <v>1521</v>
      </c>
      <c r="O1109" s="5" t="s">
        <v>38</v>
      </c>
      <c r="P1109" s="5" t="s">
        <v>39</v>
      </c>
      <c r="Q1109" s="5" t="s">
        <v>40</v>
      </c>
      <c r="R1109" s="5" t="s">
        <v>1522</v>
      </c>
      <c r="S1109" s="5" t="s">
        <v>1523</v>
      </c>
      <c r="T1109" s="5" t="s">
        <v>42</v>
      </c>
      <c r="U1109" s="2">
        <v>2.4900000000000002</v>
      </c>
      <c r="V1109" s="2">
        <v>1.925</v>
      </c>
      <c r="W1109" s="2">
        <v>1.7999999999999999E-2</v>
      </c>
      <c r="X1109" s="2">
        <v>139.1</v>
      </c>
      <c r="Y1109" s="2">
        <v>7.6</v>
      </c>
      <c r="Z1109" s="2">
        <v>16.7</v>
      </c>
      <c r="AA1109" s="5"/>
      <c r="AB1109" s="5" t="s">
        <v>43</v>
      </c>
      <c r="AC1109" s="5" t="s">
        <v>44</v>
      </c>
      <c r="AD1109" s="2"/>
      <c r="AE1109" s="1"/>
    </row>
    <row r="1110" spans="1:31" ht="14.45">
      <c r="A1110" s="11"/>
      <c r="B1110" s="20"/>
      <c r="C1110" s="2" t="s">
        <v>3751</v>
      </c>
      <c r="D1110" s="14" t="s">
        <v>3752</v>
      </c>
      <c r="E1110" s="2" t="s">
        <v>3753</v>
      </c>
      <c r="F1110" s="2" t="s">
        <v>1715</v>
      </c>
      <c r="G1110" s="8">
        <v>162</v>
      </c>
      <c r="H1110" s="5">
        <v>6</v>
      </c>
      <c r="I1110" s="5" t="s">
        <v>1518</v>
      </c>
      <c r="J1110" s="5" t="s">
        <v>1519</v>
      </c>
      <c r="K1110" s="2" t="s">
        <v>1520</v>
      </c>
      <c r="L1110" s="5" t="s">
        <v>1519</v>
      </c>
      <c r="M1110" s="2" t="s">
        <v>1520</v>
      </c>
      <c r="N1110" s="5" t="s">
        <v>1521</v>
      </c>
      <c r="O1110" s="5" t="s">
        <v>38</v>
      </c>
      <c r="P1110" s="5" t="s">
        <v>39</v>
      </c>
      <c r="Q1110" s="5" t="s">
        <v>40</v>
      </c>
      <c r="R1110" s="5" t="s">
        <v>1522</v>
      </c>
      <c r="S1110" s="5" t="s">
        <v>1523</v>
      </c>
      <c r="T1110" s="5" t="s">
        <v>42</v>
      </c>
      <c r="U1110" s="2">
        <v>2.5409999999999999</v>
      </c>
      <c r="V1110" s="2">
        <v>1.976</v>
      </c>
      <c r="W1110" s="2">
        <v>1.7999999999999999E-2</v>
      </c>
      <c r="X1110" s="2">
        <v>139.1</v>
      </c>
      <c r="Y1110" s="2">
        <v>7.6</v>
      </c>
      <c r="Z1110" s="2">
        <v>16.7</v>
      </c>
      <c r="AA1110" s="5"/>
      <c r="AB1110" s="5" t="s">
        <v>43</v>
      </c>
      <c r="AC1110" s="5" t="s">
        <v>44</v>
      </c>
      <c r="AD1110" s="2"/>
      <c r="AE1110" s="1"/>
    </row>
    <row r="1111" spans="1:31" ht="14.45">
      <c r="A1111" s="11"/>
      <c r="B1111" s="20"/>
      <c r="C1111" s="2" t="s">
        <v>3754</v>
      </c>
      <c r="D1111" s="14" t="s">
        <v>3755</v>
      </c>
      <c r="E1111" s="2" t="s">
        <v>3756</v>
      </c>
      <c r="F1111" s="2" t="s">
        <v>1719</v>
      </c>
      <c r="G1111" s="8">
        <v>162</v>
      </c>
      <c r="H1111" s="5">
        <v>6</v>
      </c>
      <c r="I1111" s="5" t="s">
        <v>1518</v>
      </c>
      <c r="J1111" s="5" t="s">
        <v>1519</v>
      </c>
      <c r="K1111" s="2" t="s">
        <v>1520</v>
      </c>
      <c r="L1111" s="5" t="s">
        <v>1519</v>
      </c>
      <c r="M1111" s="2" t="s">
        <v>1520</v>
      </c>
      <c r="N1111" s="5" t="s">
        <v>1521</v>
      </c>
      <c r="O1111" s="5" t="s">
        <v>38</v>
      </c>
      <c r="P1111" s="5" t="s">
        <v>39</v>
      </c>
      <c r="Q1111" s="5" t="s">
        <v>40</v>
      </c>
      <c r="R1111" s="5" t="s">
        <v>1522</v>
      </c>
      <c r="S1111" s="5" t="s">
        <v>1523</v>
      </c>
      <c r="T1111" s="5" t="s">
        <v>42</v>
      </c>
      <c r="U1111" s="2">
        <v>2.4630000000000001</v>
      </c>
      <c r="V1111" s="2">
        <v>1.8979999999999999</v>
      </c>
      <c r="W1111" s="2">
        <v>1.7999999999999999E-2</v>
      </c>
      <c r="X1111" s="2">
        <v>139.1</v>
      </c>
      <c r="Y1111" s="2">
        <v>7.6</v>
      </c>
      <c r="Z1111" s="2">
        <v>16.7</v>
      </c>
      <c r="AA1111" s="5"/>
      <c r="AB1111" s="5" t="s">
        <v>43</v>
      </c>
      <c r="AC1111" s="5" t="s">
        <v>44</v>
      </c>
      <c r="AD1111" s="2"/>
      <c r="AE1111" s="1"/>
    </row>
    <row r="1112" spans="1:31" ht="14.45">
      <c r="A1112" s="11"/>
      <c r="B1112" s="20"/>
      <c r="C1112" s="2" t="s">
        <v>3757</v>
      </c>
      <c r="D1112" s="14" t="s">
        <v>3758</v>
      </c>
      <c r="E1112" s="2" t="s">
        <v>3759</v>
      </c>
      <c r="F1112" s="2" t="s">
        <v>1723</v>
      </c>
      <c r="G1112" s="8">
        <v>162</v>
      </c>
      <c r="H1112" s="5">
        <v>6</v>
      </c>
      <c r="I1112" s="5" t="s">
        <v>1518</v>
      </c>
      <c r="J1112" s="5" t="s">
        <v>1519</v>
      </c>
      <c r="K1112" s="2" t="s">
        <v>1520</v>
      </c>
      <c r="L1112" s="5" t="s">
        <v>1519</v>
      </c>
      <c r="M1112" s="2" t="s">
        <v>1520</v>
      </c>
      <c r="N1112" s="5" t="s">
        <v>1521</v>
      </c>
      <c r="O1112" s="5" t="s">
        <v>38</v>
      </c>
      <c r="P1112" s="5" t="s">
        <v>39</v>
      </c>
      <c r="Q1112" s="5" t="s">
        <v>40</v>
      </c>
      <c r="R1112" s="5" t="s">
        <v>1522</v>
      </c>
      <c r="S1112" s="5" t="s">
        <v>1523</v>
      </c>
      <c r="T1112" s="5" t="s">
        <v>42</v>
      </c>
      <c r="U1112" s="2">
        <v>2.5139999999999998</v>
      </c>
      <c r="V1112" s="2">
        <v>1.9490000000000001</v>
      </c>
      <c r="W1112" s="2">
        <v>1.7999999999999999E-2</v>
      </c>
      <c r="X1112" s="2">
        <v>139.1</v>
      </c>
      <c r="Y1112" s="2">
        <v>7.6</v>
      </c>
      <c r="Z1112" s="2">
        <v>16.7</v>
      </c>
      <c r="AA1112" s="5"/>
      <c r="AB1112" s="5" t="s">
        <v>43</v>
      </c>
      <c r="AC1112" s="5" t="s">
        <v>44</v>
      </c>
      <c r="AD1112" s="2"/>
      <c r="AE1112" s="1"/>
    </row>
    <row r="1113" spans="1:31" ht="14.45">
      <c r="A1113" s="11"/>
      <c r="B1113" s="20"/>
      <c r="C1113" s="2" t="s">
        <v>3760</v>
      </c>
      <c r="D1113" s="14" t="s">
        <v>3761</v>
      </c>
      <c r="E1113" s="2" t="s">
        <v>3762</v>
      </c>
      <c r="F1113" s="2" t="s">
        <v>1727</v>
      </c>
      <c r="G1113" s="8">
        <v>186</v>
      </c>
      <c r="H1113" s="5">
        <v>6</v>
      </c>
      <c r="I1113" s="5" t="s">
        <v>1518</v>
      </c>
      <c r="J1113" s="5" t="s">
        <v>1519</v>
      </c>
      <c r="K1113" s="2" t="s">
        <v>1520</v>
      </c>
      <c r="L1113" s="5" t="s">
        <v>1519</v>
      </c>
      <c r="M1113" s="2" t="s">
        <v>1520</v>
      </c>
      <c r="N1113" s="5" t="s">
        <v>1521</v>
      </c>
      <c r="O1113" s="5" t="s">
        <v>38</v>
      </c>
      <c r="P1113" s="5" t="s">
        <v>39</v>
      </c>
      <c r="Q1113" s="5" t="s">
        <v>40</v>
      </c>
      <c r="R1113" s="5" t="s">
        <v>1522</v>
      </c>
      <c r="S1113" s="5" t="s">
        <v>1523</v>
      </c>
      <c r="T1113" s="5" t="s">
        <v>42</v>
      </c>
      <c r="U1113" s="2">
        <v>2.4630000000000001</v>
      </c>
      <c r="V1113" s="2">
        <v>1.8979999999999999</v>
      </c>
      <c r="W1113" s="2">
        <v>1.7999999999999999E-2</v>
      </c>
      <c r="X1113" s="2">
        <v>139.1</v>
      </c>
      <c r="Y1113" s="2">
        <v>7.6</v>
      </c>
      <c r="Z1113" s="2">
        <v>16.7</v>
      </c>
      <c r="AA1113" s="5"/>
      <c r="AB1113" s="5" t="s">
        <v>43</v>
      </c>
      <c r="AC1113" s="5" t="s">
        <v>44</v>
      </c>
      <c r="AD1113" s="2"/>
      <c r="AE1113" s="1"/>
    </row>
    <row r="1114" spans="1:31" ht="14.45">
      <c r="A1114" s="11"/>
      <c r="B1114" s="20"/>
      <c r="C1114" s="2" t="s">
        <v>3763</v>
      </c>
      <c r="D1114" s="14" t="s">
        <v>3764</v>
      </c>
      <c r="E1114" s="2" t="s">
        <v>3765</v>
      </c>
      <c r="F1114" s="2" t="s">
        <v>1731</v>
      </c>
      <c r="G1114" s="8">
        <v>186</v>
      </c>
      <c r="H1114" s="5">
        <v>6</v>
      </c>
      <c r="I1114" s="5" t="s">
        <v>1518</v>
      </c>
      <c r="J1114" s="5" t="s">
        <v>1519</v>
      </c>
      <c r="K1114" s="2" t="s">
        <v>1520</v>
      </c>
      <c r="L1114" s="5" t="s">
        <v>1519</v>
      </c>
      <c r="M1114" s="2" t="s">
        <v>1520</v>
      </c>
      <c r="N1114" s="5" t="s">
        <v>1521</v>
      </c>
      <c r="O1114" s="5" t="s">
        <v>38</v>
      </c>
      <c r="P1114" s="5" t="s">
        <v>39</v>
      </c>
      <c r="Q1114" s="5" t="s">
        <v>40</v>
      </c>
      <c r="R1114" s="5" t="s">
        <v>1522</v>
      </c>
      <c r="S1114" s="5" t="s">
        <v>1523</v>
      </c>
      <c r="T1114" s="5" t="s">
        <v>42</v>
      </c>
      <c r="U1114" s="2">
        <v>2.5139999999999998</v>
      </c>
      <c r="V1114" s="2">
        <v>1.9490000000000001</v>
      </c>
      <c r="W1114" s="2">
        <v>1.7999999999999999E-2</v>
      </c>
      <c r="X1114" s="2">
        <v>139.1</v>
      </c>
      <c r="Y1114" s="2">
        <v>7.6</v>
      </c>
      <c r="Z1114" s="2">
        <v>16.7</v>
      </c>
      <c r="AA1114" s="5"/>
      <c r="AB1114" s="5" t="s">
        <v>43</v>
      </c>
      <c r="AC1114" s="5" t="s">
        <v>44</v>
      </c>
      <c r="AD1114" s="2"/>
      <c r="AE1114" s="1"/>
    </row>
    <row r="1115" spans="1:31" ht="14.45">
      <c r="A1115" s="11"/>
      <c r="B1115" s="20"/>
      <c r="C1115" s="2" t="s">
        <v>3766</v>
      </c>
      <c r="D1115" s="14" t="s">
        <v>3767</v>
      </c>
      <c r="E1115" s="2" t="s">
        <v>3768</v>
      </c>
      <c r="F1115" s="2" t="s">
        <v>1735</v>
      </c>
      <c r="G1115" s="8">
        <v>186</v>
      </c>
      <c r="H1115" s="5">
        <v>6</v>
      </c>
      <c r="I1115" s="5" t="s">
        <v>1518</v>
      </c>
      <c r="J1115" s="5" t="s">
        <v>1519</v>
      </c>
      <c r="K1115" s="2" t="s">
        <v>1520</v>
      </c>
      <c r="L1115" s="5" t="s">
        <v>1519</v>
      </c>
      <c r="M1115" s="2" t="s">
        <v>1520</v>
      </c>
      <c r="N1115" s="5" t="s">
        <v>1521</v>
      </c>
      <c r="O1115" s="5" t="s">
        <v>38</v>
      </c>
      <c r="P1115" s="5" t="s">
        <v>39</v>
      </c>
      <c r="Q1115" s="5" t="s">
        <v>40</v>
      </c>
      <c r="R1115" s="5" t="s">
        <v>1522</v>
      </c>
      <c r="S1115" s="5" t="s">
        <v>1523</v>
      </c>
      <c r="T1115" s="5" t="s">
        <v>42</v>
      </c>
      <c r="U1115" s="2">
        <v>2.4900000000000002</v>
      </c>
      <c r="V1115" s="2">
        <v>1.925</v>
      </c>
      <c r="W1115" s="2">
        <v>1.7999999999999999E-2</v>
      </c>
      <c r="X1115" s="2">
        <v>139.1</v>
      </c>
      <c r="Y1115" s="2">
        <v>7.6</v>
      </c>
      <c r="Z1115" s="2">
        <v>16.7</v>
      </c>
      <c r="AA1115" s="5"/>
      <c r="AB1115" s="5" t="s">
        <v>43</v>
      </c>
      <c r="AC1115" s="5" t="s">
        <v>44</v>
      </c>
      <c r="AD1115" s="2"/>
      <c r="AE1115" s="1"/>
    </row>
    <row r="1116" spans="1:31" ht="14.45">
      <c r="A1116" s="11"/>
      <c r="B1116" s="20"/>
      <c r="C1116" s="2" t="s">
        <v>3769</v>
      </c>
      <c r="D1116" s="14" t="s">
        <v>3770</v>
      </c>
      <c r="E1116" s="2" t="s">
        <v>3771</v>
      </c>
      <c r="F1116" s="2" t="s">
        <v>1739</v>
      </c>
      <c r="G1116" s="8">
        <v>186</v>
      </c>
      <c r="H1116" s="5">
        <v>6</v>
      </c>
      <c r="I1116" s="5" t="s">
        <v>1518</v>
      </c>
      <c r="J1116" s="5" t="s">
        <v>1519</v>
      </c>
      <c r="K1116" s="2" t="s">
        <v>1520</v>
      </c>
      <c r="L1116" s="5" t="s">
        <v>1519</v>
      </c>
      <c r="M1116" s="2" t="s">
        <v>1520</v>
      </c>
      <c r="N1116" s="5" t="s">
        <v>1521</v>
      </c>
      <c r="O1116" s="5" t="s">
        <v>38</v>
      </c>
      <c r="P1116" s="5" t="s">
        <v>39</v>
      </c>
      <c r="Q1116" s="5" t="s">
        <v>40</v>
      </c>
      <c r="R1116" s="5" t="s">
        <v>1522</v>
      </c>
      <c r="S1116" s="5" t="s">
        <v>1523</v>
      </c>
      <c r="T1116" s="5" t="s">
        <v>42</v>
      </c>
      <c r="U1116" s="2">
        <v>2.5409999999999999</v>
      </c>
      <c r="V1116" s="2">
        <v>1.976</v>
      </c>
      <c r="W1116" s="2">
        <v>1.7999999999999999E-2</v>
      </c>
      <c r="X1116" s="2">
        <v>139.1</v>
      </c>
      <c r="Y1116" s="2">
        <v>7.6</v>
      </c>
      <c r="Z1116" s="2">
        <v>16.7</v>
      </c>
      <c r="AA1116" s="5"/>
      <c r="AB1116" s="5" t="s">
        <v>43</v>
      </c>
      <c r="AC1116" s="5" t="s">
        <v>44</v>
      </c>
      <c r="AD1116" s="2"/>
      <c r="AE1116" s="1"/>
    </row>
    <row r="1117" spans="1:31" ht="14.45">
      <c r="A1117" s="11"/>
      <c r="B1117" s="20"/>
      <c r="C1117" s="2" t="s">
        <v>3772</v>
      </c>
      <c r="D1117" s="14" t="s">
        <v>3773</v>
      </c>
      <c r="E1117" s="2" t="s">
        <v>3774</v>
      </c>
      <c r="F1117" s="2" t="s">
        <v>1743</v>
      </c>
      <c r="G1117" s="8">
        <v>186</v>
      </c>
      <c r="H1117" s="5">
        <v>6</v>
      </c>
      <c r="I1117" s="5" t="s">
        <v>1518</v>
      </c>
      <c r="J1117" s="5" t="s">
        <v>1519</v>
      </c>
      <c r="K1117" s="2" t="s">
        <v>1520</v>
      </c>
      <c r="L1117" s="5" t="s">
        <v>1519</v>
      </c>
      <c r="M1117" s="2" t="s">
        <v>1520</v>
      </c>
      <c r="N1117" s="5" t="s">
        <v>1521</v>
      </c>
      <c r="O1117" s="5" t="s">
        <v>38</v>
      </c>
      <c r="P1117" s="5" t="s">
        <v>39</v>
      </c>
      <c r="Q1117" s="5" t="s">
        <v>40</v>
      </c>
      <c r="R1117" s="5" t="s">
        <v>1522</v>
      </c>
      <c r="S1117" s="5" t="s">
        <v>1523</v>
      </c>
      <c r="T1117" s="5" t="s">
        <v>42</v>
      </c>
      <c r="U1117" s="2">
        <v>2.4630000000000001</v>
      </c>
      <c r="V1117" s="2">
        <v>1.8979999999999999</v>
      </c>
      <c r="W1117" s="2">
        <v>1.7999999999999999E-2</v>
      </c>
      <c r="X1117" s="2">
        <v>139.1</v>
      </c>
      <c r="Y1117" s="2">
        <v>7.6</v>
      </c>
      <c r="Z1117" s="2">
        <v>16.7</v>
      </c>
      <c r="AA1117" s="5"/>
      <c r="AB1117" s="5" t="s">
        <v>43</v>
      </c>
      <c r="AC1117" s="5" t="s">
        <v>44</v>
      </c>
      <c r="AD1117" s="2"/>
      <c r="AE1117" s="1"/>
    </row>
    <row r="1118" spans="1:31" ht="14.45">
      <c r="A1118" s="11"/>
      <c r="B1118" s="20"/>
      <c r="C1118" s="2" t="s">
        <v>3775</v>
      </c>
      <c r="D1118" s="14" t="s">
        <v>3776</v>
      </c>
      <c r="E1118" s="2" t="s">
        <v>3777</v>
      </c>
      <c r="F1118" s="2" t="s">
        <v>1747</v>
      </c>
      <c r="G1118" s="8">
        <v>186</v>
      </c>
      <c r="H1118" s="5">
        <v>6</v>
      </c>
      <c r="I1118" s="5" t="s">
        <v>1518</v>
      </c>
      <c r="J1118" s="5" t="s">
        <v>1519</v>
      </c>
      <c r="K1118" s="2" t="s">
        <v>1520</v>
      </c>
      <c r="L1118" s="5" t="s">
        <v>1519</v>
      </c>
      <c r="M1118" s="2" t="s">
        <v>1520</v>
      </c>
      <c r="N1118" s="5" t="s">
        <v>1521</v>
      </c>
      <c r="O1118" s="5" t="s">
        <v>38</v>
      </c>
      <c r="P1118" s="5" t="s">
        <v>39</v>
      </c>
      <c r="Q1118" s="5" t="s">
        <v>40</v>
      </c>
      <c r="R1118" s="5" t="s">
        <v>1522</v>
      </c>
      <c r="S1118" s="5" t="s">
        <v>1523</v>
      </c>
      <c r="T1118" s="5" t="s">
        <v>42</v>
      </c>
      <c r="U1118" s="2">
        <v>2.5139999999999998</v>
      </c>
      <c r="V1118" s="2">
        <v>1.9490000000000001</v>
      </c>
      <c r="W1118" s="2">
        <v>1.7999999999999999E-2</v>
      </c>
      <c r="X1118" s="2">
        <v>139.1</v>
      </c>
      <c r="Y1118" s="2">
        <v>7.6</v>
      </c>
      <c r="Z1118" s="2">
        <v>16.7</v>
      </c>
      <c r="AA1118" s="5"/>
      <c r="AB1118" s="5" t="s">
        <v>43</v>
      </c>
      <c r="AC1118" s="5" t="s">
        <v>44</v>
      </c>
      <c r="AD1118" s="2"/>
      <c r="AE1118" s="1"/>
    </row>
    <row r="1119" spans="1:31" ht="14.45">
      <c r="A1119" s="11"/>
      <c r="B1119" s="20"/>
      <c r="C1119" s="2" t="s">
        <v>3778</v>
      </c>
      <c r="D1119" s="14" t="s">
        <v>3779</v>
      </c>
      <c r="E1119" s="2" t="s">
        <v>3780</v>
      </c>
      <c r="F1119" s="2" t="s">
        <v>1751</v>
      </c>
      <c r="G1119" s="8">
        <v>186</v>
      </c>
      <c r="H1119" s="5">
        <v>6</v>
      </c>
      <c r="I1119" s="5" t="s">
        <v>1518</v>
      </c>
      <c r="J1119" s="5" t="s">
        <v>1519</v>
      </c>
      <c r="K1119" s="2" t="s">
        <v>1520</v>
      </c>
      <c r="L1119" s="5" t="s">
        <v>1519</v>
      </c>
      <c r="M1119" s="2" t="s">
        <v>1520</v>
      </c>
      <c r="N1119" s="5" t="s">
        <v>1521</v>
      </c>
      <c r="O1119" s="5" t="s">
        <v>38</v>
      </c>
      <c r="P1119" s="5" t="s">
        <v>39</v>
      </c>
      <c r="Q1119" s="5" t="s">
        <v>40</v>
      </c>
      <c r="R1119" s="5" t="s">
        <v>1522</v>
      </c>
      <c r="S1119" s="5" t="s">
        <v>1523</v>
      </c>
      <c r="T1119" s="5" t="s">
        <v>42</v>
      </c>
      <c r="U1119" s="2">
        <v>2.4630000000000001</v>
      </c>
      <c r="V1119" s="2">
        <v>1.8979999999999999</v>
      </c>
      <c r="W1119" s="2">
        <v>1.7999999999999999E-2</v>
      </c>
      <c r="X1119" s="2">
        <v>139.1</v>
      </c>
      <c r="Y1119" s="2">
        <v>7.6</v>
      </c>
      <c r="Z1119" s="2">
        <v>16.7</v>
      </c>
      <c r="AA1119" s="5"/>
      <c r="AB1119" s="5" t="s">
        <v>43</v>
      </c>
      <c r="AC1119" s="5" t="s">
        <v>44</v>
      </c>
      <c r="AD1119" s="2"/>
      <c r="AE1119" s="1"/>
    </row>
    <row r="1120" spans="1:31" ht="14.45">
      <c r="A1120" s="11"/>
      <c r="B1120" s="20"/>
      <c r="C1120" s="2" t="s">
        <v>3781</v>
      </c>
      <c r="D1120" s="14" t="s">
        <v>3782</v>
      </c>
      <c r="E1120" s="2" t="s">
        <v>3783</v>
      </c>
      <c r="F1120" s="2" t="s">
        <v>1755</v>
      </c>
      <c r="G1120" s="8">
        <v>186</v>
      </c>
      <c r="H1120" s="5">
        <v>6</v>
      </c>
      <c r="I1120" s="5" t="s">
        <v>1518</v>
      </c>
      <c r="J1120" s="5" t="s">
        <v>1519</v>
      </c>
      <c r="K1120" s="2" t="s">
        <v>1520</v>
      </c>
      <c r="L1120" s="5" t="s">
        <v>1519</v>
      </c>
      <c r="M1120" s="2" t="s">
        <v>1520</v>
      </c>
      <c r="N1120" s="5" t="s">
        <v>1521</v>
      </c>
      <c r="O1120" s="5" t="s">
        <v>38</v>
      </c>
      <c r="P1120" s="5" t="s">
        <v>39</v>
      </c>
      <c r="Q1120" s="5" t="s">
        <v>40</v>
      </c>
      <c r="R1120" s="5" t="s">
        <v>1522</v>
      </c>
      <c r="S1120" s="5" t="s">
        <v>1523</v>
      </c>
      <c r="T1120" s="5" t="s">
        <v>42</v>
      </c>
      <c r="U1120" s="2">
        <v>2.5139999999999998</v>
      </c>
      <c r="V1120" s="2">
        <v>1.9490000000000001</v>
      </c>
      <c r="W1120" s="2">
        <v>1.7999999999999999E-2</v>
      </c>
      <c r="X1120" s="2">
        <v>139.1</v>
      </c>
      <c r="Y1120" s="2">
        <v>7.6</v>
      </c>
      <c r="Z1120" s="2">
        <v>16.7</v>
      </c>
      <c r="AA1120" s="5"/>
      <c r="AB1120" s="5" t="s">
        <v>43</v>
      </c>
      <c r="AC1120" s="5" t="s">
        <v>44</v>
      </c>
      <c r="AD1120" s="2"/>
      <c r="AE1120" s="1"/>
    </row>
    <row r="1121" spans="1:31" ht="14.45">
      <c r="A1121" s="11"/>
      <c r="B1121" s="20"/>
      <c r="C1121" s="2" t="s">
        <v>3784</v>
      </c>
      <c r="D1121" s="14" t="s">
        <v>3785</v>
      </c>
      <c r="E1121" s="2" t="s">
        <v>3786</v>
      </c>
      <c r="F1121" s="2" t="s">
        <v>1759</v>
      </c>
      <c r="G1121" s="8">
        <v>186</v>
      </c>
      <c r="H1121" s="5">
        <v>6</v>
      </c>
      <c r="I1121" s="5" t="s">
        <v>1518</v>
      </c>
      <c r="J1121" s="5" t="s">
        <v>1519</v>
      </c>
      <c r="K1121" s="2" t="s">
        <v>1520</v>
      </c>
      <c r="L1121" s="5" t="s">
        <v>1519</v>
      </c>
      <c r="M1121" s="2" t="s">
        <v>1520</v>
      </c>
      <c r="N1121" s="5" t="s">
        <v>1521</v>
      </c>
      <c r="O1121" s="5" t="s">
        <v>38</v>
      </c>
      <c r="P1121" s="5" t="s">
        <v>39</v>
      </c>
      <c r="Q1121" s="5" t="s">
        <v>40</v>
      </c>
      <c r="R1121" s="5" t="s">
        <v>1522</v>
      </c>
      <c r="S1121" s="5" t="s">
        <v>1523</v>
      </c>
      <c r="T1121" s="5" t="s">
        <v>42</v>
      </c>
      <c r="U1121" s="2">
        <v>2.4900000000000002</v>
      </c>
      <c r="V1121" s="2">
        <v>1.925</v>
      </c>
      <c r="W1121" s="2">
        <v>1.7999999999999999E-2</v>
      </c>
      <c r="X1121" s="2">
        <v>139.1</v>
      </c>
      <c r="Y1121" s="2">
        <v>7.6</v>
      </c>
      <c r="Z1121" s="2">
        <v>16.7</v>
      </c>
      <c r="AA1121" s="5"/>
      <c r="AB1121" s="5" t="s">
        <v>43</v>
      </c>
      <c r="AC1121" s="5" t="s">
        <v>44</v>
      </c>
      <c r="AD1121" s="2"/>
      <c r="AE1121" s="1"/>
    </row>
    <row r="1122" spans="1:31" ht="14.45">
      <c r="A1122" s="11"/>
      <c r="B1122" s="20"/>
      <c r="C1122" s="2" t="s">
        <v>3787</v>
      </c>
      <c r="D1122" s="14" t="s">
        <v>3788</v>
      </c>
      <c r="E1122" s="2" t="s">
        <v>3789</v>
      </c>
      <c r="F1122" s="2" t="s">
        <v>1763</v>
      </c>
      <c r="G1122" s="8">
        <v>186</v>
      </c>
      <c r="H1122" s="5">
        <v>6</v>
      </c>
      <c r="I1122" s="5" t="s">
        <v>1518</v>
      </c>
      <c r="J1122" s="5" t="s">
        <v>1519</v>
      </c>
      <c r="K1122" s="2" t="s">
        <v>1520</v>
      </c>
      <c r="L1122" s="5" t="s">
        <v>1519</v>
      </c>
      <c r="M1122" s="2" t="s">
        <v>1520</v>
      </c>
      <c r="N1122" s="5" t="s">
        <v>1521</v>
      </c>
      <c r="O1122" s="5" t="s">
        <v>38</v>
      </c>
      <c r="P1122" s="5" t="s">
        <v>39</v>
      </c>
      <c r="Q1122" s="5" t="s">
        <v>40</v>
      </c>
      <c r="R1122" s="5" t="s">
        <v>1522</v>
      </c>
      <c r="S1122" s="5" t="s">
        <v>1523</v>
      </c>
      <c r="T1122" s="5" t="s">
        <v>42</v>
      </c>
      <c r="U1122" s="2">
        <v>2.5409999999999999</v>
      </c>
      <c r="V1122" s="2">
        <v>1.976</v>
      </c>
      <c r="W1122" s="2">
        <v>1.7999999999999999E-2</v>
      </c>
      <c r="X1122" s="2">
        <v>139.1</v>
      </c>
      <c r="Y1122" s="2">
        <v>7.6</v>
      </c>
      <c r="Z1122" s="2">
        <v>16.7</v>
      </c>
      <c r="AA1122" s="5"/>
      <c r="AB1122" s="5" t="s">
        <v>43</v>
      </c>
      <c r="AC1122" s="5" t="s">
        <v>44</v>
      </c>
      <c r="AD1122" s="2"/>
      <c r="AE1122" s="1"/>
    </row>
    <row r="1123" spans="1:31" ht="14.45">
      <c r="A1123" s="11"/>
      <c r="B1123" s="20"/>
      <c r="C1123" s="2" t="s">
        <v>3790</v>
      </c>
      <c r="D1123" s="14" t="s">
        <v>3791</v>
      </c>
      <c r="E1123" s="2" t="s">
        <v>3792</v>
      </c>
      <c r="F1123" s="2" t="s">
        <v>1767</v>
      </c>
      <c r="G1123" s="8">
        <v>186</v>
      </c>
      <c r="H1123" s="5">
        <v>6</v>
      </c>
      <c r="I1123" s="5" t="s">
        <v>1518</v>
      </c>
      <c r="J1123" s="5" t="s">
        <v>1519</v>
      </c>
      <c r="K1123" s="2" t="s">
        <v>1520</v>
      </c>
      <c r="L1123" s="5" t="s">
        <v>1519</v>
      </c>
      <c r="M1123" s="2" t="s">
        <v>1520</v>
      </c>
      <c r="N1123" s="5" t="s">
        <v>1521</v>
      </c>
      <c r="O1123" s="5" t="s">
        <v>38</v>
      </c>
      <c r="P1123" s="5" t="s">
        <v>39</v>
      </c>
      <c r="Q1123" s="5" t="s">
        <v>40</v>
      </c>
      <c r="R1123" s="5" t="s">
        <v>1522</v>
      </c>
      <c r="S1123" s="5" t="s">
        <v>1523</v>
      </c>
      <c r="T1123" s="5" t="s">
        <v>42</v>
      </c>
      <c r="U1123" s="2">
        <v>2.4900000000000002</v>
      </c>
      <c r="V1123" s="2">
        <v>1.925</v>
      </c>
      <c r="W1123" s="2">
        <v>1.7999999999999999E-2</v>
      </c>
      <c r="X1123" s="2">
        <v>139.1</v>
      </c>
      <c r="Y1123" s="2">
        <v>7.6</v>
      </c>
      <c r="Z1123" s="2">
        <v>16.7</v>
      </c>
      <c r="AA1123" s="5"/>
      <c r="AB1123" s="5" t="s">
        <v>43</v>
      </c>
      <c r="AC1123" s="5" t="s">
        <v>44</v>
      </c>
      <c r="AD1123" s="2"/>
      <c r="AE1123" s="1"/>
    </row>
    <row r="1124" spans="1:31" ht="14.45">
      <c r="A1124" s="11"/>
      <c r="B1124" s="20"/>
      <c r="C1124" s="2" t="s">
        <v>3793</v>
      </c>
      <c r="D1124" s="14" t="s">
        <v>3794</v>
      </c>
      <c r="E1124" s="2" t="s">
        <v>3795</v>
      </c>
      <c r="F1124" s="2" t="s">
        <v>1775</v>
      </c>
      <c r="G1124" s="8">
        <v>186</v>
      </c>
      <c r="H1124" s="5">
        <v>6</v>
      </c>
      <c r="I1124" s="5" t="s">
        <v>1518</v>
      </c>
      <c r="J1124" s="5" t="s">
        <v>1519</v>
      </c>
      <c r="K1124" s="2" t="s">
        <v>1520</v>
      </c>
      <c r="L1124" s="5" t="s">
        <v>1519</v>
      </c>
      <c r="M1124" s="2" t="s">
        <v>1520</v>
      </c>
      <c r="N1124" s="5" t="s">
        <v>1521</v>
      </c>
      <c r="O1124" s="5" t="s">
        <v>38</v>
      </c>
      <c r="P1124" s="5" t="s">
        <v>39</v>
      </c>
      <c r="Q1124" s="5" t="s">
        <v>40</v>
      </c>
      <c r="R1124" s="5" t="s">
        <v>1522</v>
      </c>
      <c r="S1124" s="5" t="s">
        <v>1523</v>
      </c>
      <c r="T1124" s="5" t="s">
        <v>42</v>
      </c>
      <c r="U1124" s="2">
        <v>2.4900000000000002</v>
      </c>
      <c r="V1124" s="2">
        <v>1.925</v>
      </c>
      <c r="W1124" s="2">
        <v>1.7999999999999999E-2</v>
      </c>
      <c r="X1124" s="2">
        <v>139.1</v>
      </c>
      <c r="Y1124" s="2">
        <v>7.6</v>
      </c>
      <c r="Z1124" s="2">
        <v>16.7</v>
      </c>
      <c r="AA1124" s="5"/>
      <c r="AB1124" s="5" t="s">
        <v>43</v>
      </c>
      <c r="AC1124" s="5" t="s">
        <v>44</v>
      </c>
      <c r="AD1124" s="2"/>
      <c r="AE1124" s="1"/>
    </row>
    <row r="1125" spans="1:31" ht="14.45">
      <c r="A1125" s="11"/>
      <c r="B1125" s="20"/>
      <c r="C1125" s="2" t="s">
        <v>3796</v>
      </c>
      <c r="D1125" s="14" t="s">
        <v>3797</v>
      </c>
      <c r="E1125" s="2" t="s">
        <v>3798</v>
      </c>
      <c r="F1125" s="2" t="s">
        <v>1779</v>
      </c>
      <c r="G1125" s="8">
        <v>186</v>
      </c>
      <c r="H1125" s="5">
        <v>6</v>
      </c>
      <c r="I1125" s="5" t="s">
        <v>1518</v>
      </c>
      <c r="J1125" s="5" t="s">
        <v>1519</v>
      </c>
      <c r="K1125" s="2" t="s">
        <v>1520</v>
      </c>
      <c r="L1125" s="5" t="s">
        <v>1519</v>
      </c>
      <c r="M1125" s="2" t="s">
        <v>1520</v>
      </c>
      <c r="N1125" s="5" t="s">
        <v>1521</v>
      </c>
      <c r="O1125" s="5" t="s">
        <v>38</v>
      </c>
      <c r="P1125" s="5" t="s">
        <v>39</v>
      </c>
      <c r="Q1125" s="5" t="s">
        <v>40</v>
      </c>
      <c r="R1125" s="5" t="s">
        <v>1522</v>
      </c>
      <c r="S1125" s="5" t="s">
        <v>1523</v>
      </c>
      <c r="T1125" s="5" t="s">
        <v>42</v>
      </c>
      <c r="U1125" s="2">
        <v>2.5409999999999999</v>
      </c>
      <c r="V1125" s="2">
        <v>1.976</v>
      </c>
      <c r="W1125" s="2">
        <v>1.7999999999999999E-2</v>
      </c>
      <c r="X1125" s="2">
        <v>139.1</v>
      </c>
      <c r="Y1125" s="2">
        <v>7.6</v>
      </c>
      <c r="Z1125" s="2">
        <v>16.7</v>
      </c>
      <c r="AA1125" s="5"/>
      <c r="AB1125" s="5" t="s">
        <v>43</v>
      </c>
      <c r="AC1125" s="5" t="s">
        <v>44</v>
      </c>
      <c r="AD1125" s="2"/>
      <c r="AE1125" s="1"/>
    </row>
    <row r="1126" spans="1:31" ht="14.45">
      <c r="A1126" s="11"/>
      <c r="B1126" s="20"/>
      <c r="C1126" s="2" t="s">
        <v>3799</v>
      </c>
      <c r="D1126" s="14" t="s">
        <v>3800</v>
      </c>
      <c r="E1126" s="2" t="s">
        <v>3801</v>
      </c>
      <c r="F1126" s="2" t="s">
        <v>1783</v>
      </c>
      <c r="G1126" s="8">
        <v>186</v>
      </c>
      <c r="H1126" s="5">
        <v>6</v>
      </c>
      <c r="I1126" s="5" t="s">
        <v>1518</v>
      </c>
      <c r="J1126" s="5" t="s">
        <v>1519</v>
      </c>
      <c r="K1126" s="2" t="s">
        <v>1520</v>
      </c>
      <c r="L1126" s="5" t="s">
        <v>1519</v>
      </c>
      <c r="M1126" s="2" t="s">
        <v>1520</v>
      </c>
      <c r="N1126" s="5" t="s">
        <v>1521</v>
      </c>
      <c r="O1126" s="5" t="s">
        <v>38</v>
      </c>
      <c r="P1126" s="5" t="s">
        <v>39</v>
      </c>
      <c r="Q1126" s="5" t="s">
        <v>40</v>
      </c>
      <c r="R1126" s="5" t="s">
        <v>1522</v>
      </c>
      <c r="S1126" s="5" t="s">
        <v>1523</v>
      </c>
      <c r="T1126" s="5" t="s">
        <v>42</v>
      </c>
      <c r="U1126" s="2">
        <v>2.4630000000000001</v>
      </c>
      <c r="V1126" s="2">
        <v>1.8979999999999999</v>
      </c>
      <c r="W1126" s="2">
        <v>1.7999999999999999E-2</v>
      </c>
      <c r="X1126" s="2">
        <v>139.1</v>
      </c>
      <c r="Y1126" s="2">
        <v>7.6</v>
      </c>
      <c r="Z1126" s="2">
        <v>16.7</v>
      </c>
      <c r="AA1126" s="5"/>
      <c r="AB1126" s="5" t="s">
        <v>43</v>
      </c>
      <c r="AC1126" s="5" t="s">
        <v>44</v>
      </c>
      <c r="AD1126" s="2"/>
      <c r="AE1126" s="1"/>
    </row>
    <row r="1127" spans="1:31" ht="14.45">
      <c r="A1127" s="11"/>
      <c r="B1127" s="20"/>
      <c r="C1127" s="2" t="s">
        <v>3802</v>
      </c>
      <c r="D1127" s="14" t="s">
        <v>3803</v>
      </c>
      <c r="E1127" s="2" t="s">
        <v>3804</v>
      </c>
      <c r="F1127" s="2" t="s">
        <v>1787</v>
      </c>
      <c r="G1127" s="8">
        <v>186</v>
      </c>
      <c r="H1127" s="5">
        <v>6</v>
      </c>
      <c r="I1127" s="5" t="s">
        <v>1518</v>
      </c>
      <c r="J1127" s="5" t="s">
        <v>1519</v>
      </c>
      <c r="K1127" s="2" t="s">
        <v>1520</v>
      </c>
      <c r="L1127" s="5" t="s">
        <v>1519</v>
      </c>
      <c r="M1127" s="2" t="s">
        <v>1520</v>
      </c>
      <c r="N1127" s="5" t="s">
        <v>1521</v>
      </c>
      <c r="O1127" s="5" t="s">
        <v>38</v>
      </c>
      <c r="P1127" s="5" t="s">
        <v>39</v>
      </c>
      <c r="Q1127" s="5" t="s">
        <v>40</v>
      </c>
      <c r="R1127" s="5" t="s">
        <v>1522</v>
      </c>
      <c r="S1127" s="5" t="s">
        <v>1523</v>
      </c>
      <c r="T1127" s="5" t="s">
        <v>42</v>
      </c>
      <c r="U1127" s="2">
        <v>2.5139999999999998</v>
      </c>
      <c r="V1127" s="2">
        <v>1.9490000000000001</v>
      </c>
      <c r="W1127" s="2">
        <v>1.7999999999999999E-2</v>
      </c>
      <c r="X1127" s="2">
        <v>139.1</v>
      </c>
      <c r="Y1127" s="2">
        <v>7.6</v>
      </c>
      <c r="Z1127" s="2">
        <v>16.7</v>
      </c>
      <c r="AA1127" s="5"/>
      <c r="AB1127" s="5" t="s">
        <v>43</v>
      </c>
      <c r="AC1127" s="5" t="s">
        <v>44</v>
      </c>
      <c r="AD1127" s="2"/>
      <c r="AE1127" s="1"/>
    </row>
    <row r="1128" spans="1:31" ht="14.45">
      <c r="A1128" s="11"/>
      <c r="B1128" s="20"/>
      <c r="C1128" s="2" t="s">
        <v>3805</v>
      </c>
      <c r="D1128" s="14" t="s">
        <v>3806</v>
      </c>
      <c r="E1128" s="2" t="s">
        <v>3807</v>
      </c>
      <c r="F1128" s="2" t="s">
        <v>1791</v>
      </c>
      <c r="G1128" s="8">
        <v>186</v>
      </c>
      <c r="H1128" s="5">
        <v>6</v>
      </c>
      <c r="I1128" s="5" t="s">
        <v>1518</v>
      </c>
      <c r="J1128" s="5" t="s">
        <v>1519</v>
      </c>
      <c r="K1128" s="2" t="s">
        <v>1520</v>
      </c>
      <c r="L1128" s="5" t="s">
        <v>1519</v>
      </c>
      <c r="M1128" s="2" t="s">
        <v>1520</v>
      </c>
      <c r="N1128" s="5" t="s">
        <v>1521</v>
      </c>
      <c r="O1128" s="5" t="s">
        <v>38</v>
      </c>
      <c r="P1128" s="5" t="s">
        <v>39</v>
      </c>
      <c r="Q1128" s="5" t="s">
        <v>40</v>
      </c>
      <c r="R1128" s="5" t="s">
        <v>1522</v>
      </c>
      <c r="S1128" s="5" t="s">
        <v>1523</v>
      </c>
      <c r="T1128" s="5" t="s">
        <v>42</v>
      </c>
      <c r="U1128" s="2">
        <v>2.4900000000000002</v>
      </c>
      <c r="V1128" s="2">
        <v>1.925</v>
      </c>
      <c r="W1128" s="2">
        <v>1.7999999999999999E-2</v>
      </c>
      <c r="X1128" s="2">
        <v>139.1</v>
      </c>
      <c r="Y1128" s="2">
        <v>7.6</v>
      </c>
      <c r="Z1128" s="2">
        <v>16.7</v>
      </c>
      <c r="AA1128" s="5"/>
      <c r="AB1128" s="5" t="s">
        <v>43</v>
      </c>
      <c r="AC1128" s="5" t="s">
        <v>44</v>
      </c>
      <c r="AD1128" s="2"/>
      <c r="AE1128" s="1"/>
    </row>
    <row r="1129" spans="1:31" ht="14.45">
      <c r="A1129" s="11"/>
      <c r="B1129" s="20"/>
      <c r="C1129" s="2" t="s">
        <v>3808</v>
      </c>
      <c r="D1129" s="14" t="s">
        <v>3809</v>
      </c>
      <c r="E1129" s="2" t="s">
        <v>3810</v>
      </c>
      <c r="F1129" s="2" t="s">
        <v>1795</v>
      </c>
      <c r="G1129" s="8">
        <v>186</v>
      </c>
      <c r="H1129" s="5">
        <v>6</v>
      </c>
      <c r="I1129" s="5" t="s">
        <v>1518</v>
      </c>
      <c r="J1129" s="5" t="s">
        <v>1519</v>
      </c>
      <c r="K1129" s="2" t="s">
        <v>1520</v>
      </c>
      <c r="L1129" s="5" t="s">
        <v>1519</v>
      </c>
      <c r="M1129" s="2" t="s">
        <v>1520</v>
      </c>
      <c r="N1129" s="5" t="s">
        <v>1521</v>
      </c>
      <c r="O1129" s="5" t="s">
        <v>38</v>
      </c>
      <c r="P1129" s="5" t="s">
        <v>39</v>
      </c>
      <c r="Q1129" s="5" t="s">
        <v>40</v>
      </c>
      <c r="R1129" s="5" t="s">
        <v>1522</v>
      </c>
      <c r="S1129" s="5" t="s">
        <v>1523</v>
      </c>
      <c r="T1129" s="5" t="s">
        <v>42</v>
      </c>
      <c r="U1129" s="2">
        <v>2.5409999999999999</v>
      </c>
      <c r="V1129" s="2">
        <v>1.976</v>
      </c>
      <c r="W1129" s="2">
        <v>1.7999999999999999E-2</v>
      </c>
      <c r="X1129" s="2">
        <v>139.1</v>
      </c>
      <c r="Y1129" s="2">
        <v>7.6</v>
      </c>
      <c r="Z1129" s="2">
        <v>16.7</v>
      </c>
      <c r="AA1129" s="5"/>
      <c r="AB1129" s="5" t="s">
        <v>43</v>
      </c>
      <c r="AC1129" s="5" t="s">
        <v>44</v>
      </c>
      <c r="AD1129" s="2"/>
      <c r="AE1129" s="1"/>
    </row>
    <row r="1130" spans="1:31" ht="14.45">
      <c r="A1130" s="11"/>
      <c r="B1130" s="20"/>
      <c r="C1130" s="2" t="s">
        <v>3811</v>
      </c>
      <c r="D1130" s="14" t="s">
        <v>3812</v>
      </c>
      <c r="E1130" s="2" t="s">
        <v>3813</v>
      </c>
      <c r="F1130" s="2" t="s">
        <v>1799</v>
      </c>
      <c r="G1130" s="8">
        <v>186</v>
      </c>
      <c r="H1130" s="5">
        <v>6</v>
      </c>
      <c r="I1130" s="5" t="s">
        <v>1518</v>
      </c>
      <c r="J1130" s="5" t="s">
        <v>1519</v>
      </c>
      <c r="K1130" s="2" t="s">
        <v>1520</v>
      </c>
      <c r="L1130" s="5" t="s">
        <v>1519</v>
      </c>
      <c r="M1130" s="2" t="s">
        <v>1520</v>
      </c>
      <c r="N1130" s="5" t="s">
        <v>1521</v>
      </c>
      <c r="O1130" s="5" t="s">
        <v>38</v>
      </c>
      <c r="P1130" s="5" t="s">
        <v>39</v>
      </c>
      <c r="Q1130" s="5" t="s">
        <v>40</v>
      </c>
      <c r="R1130" s="5" t="s">
        <v>1522</v>
      </c>
      <c r="S1130" s="5" t="s">
        <v>1523</v>
      </c>
      <c r="T1130" s="5" t="s">
        <v>42</v>
      </c>
      <c r="U1130" s="2">
        <v>2.4900000000000002</v>
      </c>
      <c r="V1130" s="2">
        <v>1.925</v>
      </c>
      <c r="W1130" s="2">
        <v>1.7999999999999999E-2</v>
      </c>
      <c r="X1130" s="2">
        <v>139.1</v>
      </c>
      <c r="Y1130" s="2">
        <v>7.6</v>
      </c>
      <c r="Z1130" s="2">
        <v>16.7</v>
      </c>
      <c r="AA1130" s="5"/>
      <c r="AB1130" s="5" t="s">
        <v>43</v>
      </c>
      <c r="AC1130" s="5" t="s">
        <v>44</v>
      </c>
      <c r="AD1130" s="2"/>
      <c r="AE1130" s="1"/>
    </row>
    <row r="1131" spans="1:31" ht="14.45">
      <c r="A1131" s="11"/>
      <c r="B1131" s="20"/>
      <c r="C1131" s="2" t="s">
        <v>3814</v>
      </c>
      <c r="D1131" s="14" t="s">
        <v>3815</v>
      </c>
      <c r="E1131" s="2" t="s">
        <v>3816</v>
      </c>
      <c r="F1131" s="2" t="s">
        <v>1803</v>
      </c>
      <c r="G1131" s="8">
        <v>186</v>
      </c>
      <c r="H1131" s="5">
        <v>6</v>
      </c>
      <c r="I1131" s="5" t="s">
        <v>1518</v>
      </c>
      <c r="J1131" s="5" t="s">
        <v>1519</v>
      </c>
      <c r="K1131" s="2" t="s">
        <v>1520</v>
      </c>
      <c r="L1131" s="5" t="s">
        <v>1519</v>
      </c>
      <c r="M1131" s="2" t="s">
        <v>1520</v>
      </c>
      <c r="N1131" s="5" t="s">
        <v>1521</v>
      </c>
      <c r="O1131" s="5" t="s">
        <v>38</v>
      </c>
      <c r="P1131" s="5" t="s">
        <v>39</v>
      </c>
      <c r="Q1131" s="5" t="s">
        <v>40</v>
      </c>
      <c r="R1131" s="5" t="s">
        <v>1522</v>
      </c>
      <c r="S1131" s="5" t="s">
        <v>1523</v>
      </c>
      <c r="T1131" s="5" t="s">
        <v>42</v>
      </c>
      <c r="U1131" s="2">
        <v>2.5409999999999999</v>
      </c>
      <c r="V1131" s="2">
        <v>1.976</v>
      </c>
      <c r="W1131" s="2">
        <v>1.7999999999999999E-2</v>
      </c>
      <c r="X1131" s="2">
        <v>139.1</v>
      </c>
      <c r="Y1131" s="2">
        <v>7.6</v>
      </c>
      <c r="Z1131" s="2">
        <v>16.7</v>
      </c>
      <c r="AA1131" s="5"/>
      <c r="AB1131" s="5" t="s">
        <v>43</v>
      </c>
      <c r="AC1131" s="5" t="s">
        <v>44</v>
      </c>
      <c r="AD1131" s="2"/>
      <c r="AE1131" s="1"/>
    </row>
    <row r="1132" spans="1:31" ht="14.45">
      <c r="A1132" s="11"/>
      <c r="B1132" s="20"/>
      <c r="C1132" s="2" t="s">
        <v>3817</v>
      </c>
      <c r="D1132" s="14" t="s">
        <v>3818</v>
      </c>
      <c r="E1132" s="2" t="s">
        <v>3819</v>
      </c>
      <c r="F1132" s="2" t="s">
        <v>1807</v>
      </c>
      <c r="G1132" s="8">
        <v>186</v>
      </c>
      <c r="H1132" s="5">
        <v>6</v>
      </c>
      <c r="I1132" s="5" t="s">
        <v>1518</v>
      </c>
      <c r="J1132" s="5" t="s">
        <v>1519</v>
      </c>
      <c r="K1132" s="2" t="s">
        <v>1520</v>
      </c>
      <c r="L1132" s="5" t="s">
        <v>1519</v>
      </c>
      <c r="M1132" s="2" t="s">
        <v>1520</v>
      </c>
      <c r="N1132" s="5" t="s">
        <v>1521</v>
      </c>
      <c r="O1132" s="5" t="s">
        <v>38</v>
      </c>
      <c r="P1132" s="5" t="s">
        <v>39</v>
      </c>
      <c r="Q1132" s="5" t="s">
        <v>40</v>
      </c>
      <c r="R1132" s="5" t="s">
        <v>1522</v>
      </c>
      <c r="S1132" s="5" t="s">
        <v>1523</v>
      </c>
      <c r="T1132" s="5" t="s">
        <v>42</v>
      </c>
      <c r="U1132" s="2">
        <v>2.4900000000000002</v>
      </c>
      <c r="V1132" s="2">
        <v>1.925</v>
      </c>
      <c r="W1132" s="2">
        <v>1.7999999999999999E-2</v>
      </c>
      <c r="X1132" s="2">
        <v>139.1</v>
      </c>
      <c r="Y1132" s="2">
        <v>7.6</v>
      </c>
      <c r="Z1132" s="2">
        <v>16.7</v>
      </c>
      <c r="AA1132" s="5"/>
      <c r="AB1132" s="5" t="s">
        <v>43</v>
      </c>
      <c r="AC1132" s="5" t="s">
        <v>44</v>
      </c>
      <c r="AD1132" s="2"/>
      <c r="AE1132" s="1"/>
    </row>
    <row r="1133" spans="1:31" ht="14.45">
      <c r="A1133" s="11"/>
      <c r="B1133" s="20"/>
      <c r="C1133" s="2" t="s">
        <v>3820</v>
      </c>
      <c r="D1133" s="14" t="s">
        <v>3821</v>
      </c>
      <c r="E1133" s="2" t="s">
        <v>3822</v>
      </c>
      <c r="F1133" s="2" t="s">
        <v>1811</v>
      </c>
      <c r="G1133" s="8">
        <v>186</v>
      </c>
      <c r="H1133" s="5">
        <v>6</v>
      </c>
      <c r="I1133" s="5" t="s">
        <v>1518</v>
      </c>
      <c r="J1133" s="5" t="s">
        <v>1519</v>
      </c>
      <c r="K1133" s="2" t="s">
        <v>1520</v>
      </c>
      <c r="L1133" s="5" t="s">
        <v>1519</v>
      </c>
      <c r="M1133" s="2" t="s">
        <v>1520</v>
      </c>
      <c r="N1133" s="5" t="s">
        <v>1521</v>
      </c>
      <c r="O1133" s="5" t="s">
        <v>38</v>
      </c>
      <c r="P1133" s="5" t="s">
        <v>39</v>
      </c>
      <c r="Q1133" s="5" t="s">
        <v>40</v>
      </c>
      <c r="R1133" s="5" t="s">
        <v>1522</v>
      </c>
      <c r="S1133" s="5" t="s">
        <v>1523</v>
      </c>
      <c r="T1133" s="5" t="s">
        <v>42</v>
      </c>
      <c r="U1133" s="2">
        <v>2.5409999999999999</v>
      </c>
      <c r="V1133" s="2">
        <v>1.976</v>
      </c>
      <c r="W1133" s="2">
        <v>1.7999999999999999E-2</v>
      </c>
      <c r="X1133" s="2">
        <v>139.1</v>
      </c>
      <c r="Y1133" s="2">
        <v>7.6</v>
      </c>
      <c r="Z1133" s="2">
        <v>16.7</v>
      </c>
      <c r="AA1133" s="5"/>
      <c r="AB1133" s="5" t="s">
        <v>43</v>
      </c>
      <c r="AC1133" s="5" t="s">
        <v>44</v>
      </c>
      <c r="AD1133" s="2"/>
      <c r="AE1133" s="1"/>
    </row>
    <row r="1134" spans="1:31" ht="14.45">
      <c r="A1134" s="11"/>
      <c r="B1134" s="20"/>
      <c r="C1134" s="2" t="s">
        <v>3823</v>
      </c>
      <c r="D1134" s="14" t="s">
        <v>3824</v>
      </c>
      <c r="E1134" s="2" t="s">
        <v>3825</v>
      </c>
      <c r="F1134" s="2" t="s">
        <v>1815</v>
      </c>
      <c r="G1134" s="8">
        <v>186</v>
      </c>
      <c r="H1134" s="5">
        <v>6</v>
      </c>
      <c r="I1134" s="5" t="s">
        <v>1518</v>
      </c>
      <c r="J1134" s="5" t="s">
        <v>1519</v>
      </c>
      <c r="K1134" s="2" t="s">
        <v>1520</v>
      </c>
      <c r="L1134" s="5" t="s">
        <v>1519</v>
      </c>
      <c r="M1134" s="2" t="s">
        <v>1520</v>
      </c>
      <c r="N1134" s="5" t="s">
        <v>1521</v>
      </c>
      <c r="O1134" s="5" t="s">
        <v>38</v>
      </c>
      <c r="P1134" s="5" t="s">
        <v>39</v>
      </c>
      <c r="Q1134" s="5" t="s">
        <v>40</v>
      </c>
      <c r="R1134" s="5" t="s">
        <v>1522</v>
      </c>
      <c r="S1134" s="5" t="s">
        <v>1523</v>
      </c>
      <c r="T1134" s="5" t="s">
        <v>42</v>
      </c>
      <c r="U1134" s="2">
        <v>2.4630000000000001</v>
      </c>
      <c r="V1134" s="2">
        <v>1.8979999999999999</v>
      </c>
      <c r="W1134" s="2">
        <v>1.7999999999999999E-2</v>
      </c>
      <c r="X1134" s="2">
        <v>139.1</v>
      </c>
      <c r="Y1134" s="2">
        <v>7.6</v>
      </c>
      <c r="Z1134" s="2">
        <v>16.7</v>
      </c>
      <c r="AA1134" s="5"/>
      <c r="AB1134" s="5" t="s">
        <v>43</v>
      </c>
      <c r="AC1134" s="5" t="s">
        <v>44</v>
      </c>
      <c r="AD1134" s="2"/>
      <c r="AE1134" s="1"/>
    </row>
    <row r="1135" spans="1:31" ht="14.45">
      <c r="A1135" s="11"/>
      <c r="B1135" s="20"/>
      <c r="C1135" s="2" t="s">
        <v>3826</v>
      </c>
      <c r="D1135" s="14" t="s">
        <v>3827</v>
      </c>
      <c r="E1135" s="2" t="s">
        <v>3828</v>
      </c>
      <c r="F1135" s="2" t="s">
        <v>1819</v>
      </c>
      <c r="G1135" s="8">
        <v>186</v>
      </c>
      <c r="H1135" s="5">
        <v>6</v>
      </c>
      <c r="I1135" s="5" t="s">
        <v>1518</v>
      </c>
      <c r="J1135" s="5" t="s">
        <v>1519</v>
      </c>
      <c r="K1135" s="2" t="s">
        <v>1520</v>
      </c>
      <c r="L1135" s="5" t="s">
        <v>1519</v>
      </c>
      <c r="M1135" s="2" t="s">
        <v>1520</v>
      </c>
      <c r="N1135" s="5" t="s">
        <v>1521</v>
      </c>
      <c r="O1135" s="5" t="s">
        <v>38</v>
      </c>
      <c r="P1135" s="5" t="s">
        <v>39</v>
      </c>
      <c r="Q1135" s="5" t="s">
        <v>40</v>
      </c>
      <c r="R1135" s="5" t="s">
        <v>1522</v>
      </c>
      <c r="S1135" s="5" t="s">
        <v>1523</v>
      </c>
      <c r="T1135" s="5" t="s">
        <v>42</v>
      </c>
      <c r="U1135" s="2">
        <v>2.5139999999999998</v>
      </c>
      <c r="V1135" s="2">
        <v>1.9490000000000001</v>
      </c>
      <c r="W1135" s="2">
        <v>1.7999999999999999E-2</v>
      </c>
      <c r="X1135" s="2">
        <v>139.1</v>
      </c>
      <c r="Y1135" s="2">
        <v>7.6</v>
      </c>
      <c r="Z1135" s="2">
        <v>16.7</v>
      </c>
      <c r="AA1135" s="5"/>
      <c r="AB1135" s="5" t="s">
        <v>43</v>
      </c>
      <c r="AC1135" s="5" t="s">
        <v>44</v>
      </c>
      <c r="AD1135" s="2"/>
      <c r="AE1135" s="1"/>
    </row>
    <row r="1136" spans="1:31" ht="14.45">
      <c r="A1136" s="11"/>
      <c r="B1136" s="20"/>
      <c r="C1136" s="2" t="s">
        <v>3829</v>
      </c>
      <c r="D1136" s="14" t="s">
        <v>3830</v>
      </c>
      <c r="E1136" s="2" t="s">
        <v>3831</v>
      </c>
      <c r="F1136" s="2" t="s">
        <v>1823</v>
      </c>
      <c r="G1136" s="8">
        <v>186</v>
      </c>
      <c r="H1136" s="5">
        <v>18</v>
      </c>
      <c r="I1136" s="5" t="s">
        <v>1518</v>
      </c>
      <c r="J1136" s="5" t="s">
        <v>1519</v>
      </c>
      <c r="K1136" s="2" t="s">
        <v>1520</v>
      </c>
      <c r="L1136" s="5" t="s">
        <v>1519</v>
      </c>
      <c r="M1136" s="2" t="s">
        <v>1520</v>
      </c>
      <c r="N1136" s="5" t="s">
        <v>1521</v>
      </c>
      <c r="O1136" s="5" t="s">
        <v>38</v>
      </c>
      <c r="P1136" s="5" t="s">
        <v>39</v>
      </c>
      <c r="Q1136" s="5" t="s">
        <v>40</v>
      </c>
      <c r="R1136" s="5" t="s">
        <v>1522</v>
      </c>
      <c r="S1136" s="5" t="s">
        <v>1523</v>
      </c>
      <c r="T1136" s="5" t="s">
        <v>42</v>
      </c>
      <c r="U1136" s="2">
        <v>2.5089999999999999</v>
      </c>
      <c r="V1136" s="2">
        <v>1.944</v>
      </c>
      <c r="W1136" s="2">
        <v>1.7999999999999999E-2</v>
      </c>
      <c r="X1136" s="2">
        <v>139.1</v>
      </c>
      <c r="Y1136" s="2">
        <v>7.6</v>
      </c>
      <c r="Z1136" s="2">
        <v>16.7</v>
      </c>
      <c r="AA1136" s="5"/>
      <c r="AB1136" s="5" t="s">
        <v>43</v>
      </c>
      <c r="AC1136" s="5" t="s">
        <v>44</v>
      </c>
      <c r="AD1136" s="2"/>
      <c r="AE1136" s="1"/>
    </row>
    <row r="1137" spans="1:31" ht="14.45">
      <c r="A1137" s="11"/>
      <c r="B1137" s="20"/>
      <c r="C1137" s="2" t="s">
        <v>3832</v>
      </c>
      <c r="D1137" s="14" t="s">
        <v>3833</v>
      </c>
      <c r="E1137" s="2" t="s">
        <v>3834</v>
      </c>
      <c r="F1137" s="2" t="s">
        <v>1827</v>
      </c>
      <c r="G1137" s="8">
        <v>186</v>
      </c>
      <c r="H1137" s="5">
        <v>18</v>
      </c>
      <c r="I1137" s="5" t="s">
        <v>1518</v>
      </c>
      <c r="J1137" s="5" t="s">
        <v>1519</v>
      </c>
      <c r="K1137" s="2" t="s">
        <v>1520</v>
      </c>
      <c r="L1137" s="5" t="s">
        <v>1519</v>
      </c>
      <c r="M1137" s="2" t="s">
        <v>1520</v>
      </c>
      <c r="N1137" s="5" t="s">
        <v>1521</v>
      </c>
      <c r="O1137" s="5" t="s">
        <v>38</v>
      </c>
      <c r="P1137" s="5" t="s">
        <v>39</v>
      </c>
      <c r="Q1137" s="5" t="s">
        <v>40</v>
      </c>
      <c r="R1137" s="5" t="s">
        <v>1522</v>
      </c>
      <c r="S1137" s="5" t="s">
        <v>1523</v>
      </c>
      <c r="T1137" s="5" t="s">
        <v>42</v>
      </c>
      <c r="U1137" s="2">
        <v>2.56</v>
      </c>
      <c r="V1137" s="2">
        <v>1.9950000000000001</v>
      </c>
      <c r="W1137" s="2">
        <v>1.7999999999999999E-2</v>
      </c>
      <c r="X1137" s="2">
        <v>139.1</v>
      </c>
      <c r="Y1137" s="2">
        <v>7.6</v>
      </c>
      <c r="Z1137" s="2">
        <v>16.7</v>
      </c>
      <c r="AA1137" s="5"/>
      <c r="AB1137" s="5" t="s">
        <v>43</v>
      </c>
      <c r="AC1137" s="5" t="s">
        <v>44</v>
      </c>
      <c r="AD1137" s="2"/>
      <c r="AE1137" s="1"/>
    </row>
    <row r="1138" spans="1:31" ht="14.45">
      <c r="A1138" s="11"/>
      <c r="B1138" s="20"/>
      <c r="C1138" s="2" t="s">
        <v>3835</v>
      </c>
      <c r="D1138" s="14" t="s">
        <v>3836</v>
      </c>
      <c r="E1138" s="2" t="s">
        <v>3837</v>
      </c>
      <c r="F1138" s="2" t="s">
        <v>1973</v>
      </c>
      <c r="G1138" s="8">
        <v>186</v>
      </c>
      <c r="H1138" s="5">
        <v>18</v>
      </c>
      <c r="I1138" s="5" t="s">
        <v>1518</v>
      </c>
      <c r="J1138" s="5" t="s">
        <v>1519</v>
      </c>
      <c r="K1138" s="2" t="s">
        <v>1520</v>
      </c>
      <c r="L1138" s="5" t="s">
        <v>1519</v>
      </c>
      <c r="M1138" s="2" t="s">
        <v>1520</v>
      </c>
      <c r="N1138" s="5" t="s">
        <v>1521</v>
      </c>
      <c r="O1138" s="5" t="s">
        <v>38</v>
      </c>
      <c r="P1138" s="5" t="s">
        <v>39</v>
      </c>
      <c r="Q1138" s="5" t="s">
        <v>40</v>
      </c>
      <c r="R1138" s="5" t="s">
        <v>1522</v>
      </c>
      <c r="S1138" s="5" t="s">
        <v>1523</v>
      </c>
      <c r="T1138" s="5" t="s">
        <v>42</v>
      </c>
      <c r="U1138" s="2">
        <v>2.532</v>
      </c>
      <c r="V1138" s="2">
        <v>1.9670000000000001</v>
      </c>
      <c r="W1138" s="2">
        <v>1.7999999999999999E-2</v>
      </c>
      <c r="X1138" s="2">
        <v>139.1</v>
      </c>
      <c r="Y1138" s="2">
        <v>7.6</v>
      </c>
      <c r="Z1138" s="2">
        <v>16.7</v>
      </c>
      <c r="AA1138" s="5"/>
      <c r="AB1138" s="5" t="s">
        <v>43</v>
      </c>
      <c r="AC1138" s="5" t="s">
        <v>44</v>
      </c>
      <c r="AD1138" s="2"/>
      <c r="AE1138" s="1"/>
    </row>
    <row r="1139" spans="1:31" ht="14.45">
      <c r="A1139" s="11"/>
      <c r="B1139" s="20"/>
      <c r="C1139" s="2" t="s">
        <v>3838</v>
      </c>
      <c r="D1139" s="14" t="s">
        <v>3839</v>
      </c>
      <c r="E1139" s="2" t="s">
        <v>3840</v>
      </c>
      <c r="F1139" s="2" t="s">
        <v>2208</v>
      </c>
      <c r="G1139" s="8">
        <v>186</v>
      </c>
      <c r="H1139" s="5">
        <v>18</v>
      </c>
      <c r="I1139" s="5" t="s">
        <v>1518</v>
      </c>
      <c r="J1139" s="5" t="s">
        <v>1519</v>
      </c>
      <c r="K1139" s="2" t="s">
        <v>1520</v>
      </c>
      <c r="L1139" s="5" t="s">
        <v>1519</v>
      </c>
      <c r="M1139" s="2" t="s">
        <v>1520</v>
      </c>
      <c r="N1139" s="5" t="s">
        <v>1521</v>
      </c>
      <c r="O1139" s="5" t="s">
        <v>38</v>
      </c>
      <c r="P1139" s="5" t="s">
        <v>39</v>
      </c>
      <c r="Q1139" s="5" t="s">
        <v>40</v>
      </c>
      <c r="R1139" s="5" t="s">
        <v>1522</v>
      </c>
      <c r="S1139" s="5" t="s">
        <v>1523</v>
      </c>
      <c r="T1139" s="5" t="s">
        <v>42</v>
      </c>
      <c r="U1139" s="2">
        <v>2.532</v>
      </c>
      <c r="V1139" s="2">
        <v>1.9670000000000001</v>
      </c>
      <c r="W1139" s="2">
        <v>1.7999999999999999E-2</v>
      </c>
      <c r="X1139" s="2">
        <v>139.1</v>
      </c>
      <c r="Y1139" s="2">
        <v>7.6</v>
      </c>
      <c r="Z1139" s="2">
        <v>16.7</v>
      </c>
      <c r="AA1139" s="5"/>
      <c r="AB1139" s="5" t="s">
        <v>43</v>
      </c>
      <c r="AC1139" s="5" t="s">
        <v>44</v>
      </c>
      <c r="AD1139" s="2"/>
      <c r="AE1139" s="1"/>
    </row>
    <row r="1140" spans="1:31" ht="14.45">
      <c r="A1140" s="11"/>
      <c r="B1140" s="20"/>
      <c r="C1140" s="2" t="s">
        <v>3841</v>
      </c>
      <c r="D1140" s="14" t="s">
        <v>3842</v>
      </c>
      <c r="E1140" s="2" t="s">
        <v>3843</v>
      </c>
      <c r="F1140" s="2" t="s">
        <v>2212</v>
      </c>
      <c r="G1140" s="8">
        <v>186</v>
      </c>
      <c r="H1140" s="5">
        <v>18</v>
      </c>
      <c r="I1140" s="5" t="s">
        <v>1518</v>
      </c>
      <c r="J1140" s="5" t="s">
        <v>1519</v>
      </c>
      <c r="K1140" s="2" t="s">
        <v>1520</v>
      </c>
      <c r="L1140" s="5" t="s">
        <v>1519</v>
      </c>
      <c r="M1140" s="2" t="s">
        <v>1520</v>
      </c>
      <c r="N1140" s="5" t="s">
        <v>1521</v>
      </c>
      <c r="O1140" s="5" t="s">
        <v>38</v>
      </c>
      <c r="P1140" s="5" t="s">
        <v>39</v>
      </c>
      <c r="Q1140" s="5" t="s">
        <v>40</v>
      </c>
      <c r="R1140" s="5" t="s">
        <v>1522</v>
      </c>
      <c r="S1140" s="5" t="s">
        <v>1523</v>
      </c>
      <c r="T1140" s="5" t="s">
        <v>42</v>
      </c>
      <c r="U1140" s="2">
        <v>2.5830000000000002</v>
      </c>
      <c r="V1140" s="2">
        <v>2.0179999999999998</v>
      </c>
      <c r="W1140" s="2">
        <v>1.7999999999999999E-2</v>
      </c>
      <c r="X1140" s="2">
        <v>139.1</v>
      </c>
      <c r="Y1140" s="2">
        <v>7.6</v>
      </c>
      <c r="Z1140" s="2">
        <v>16.7</v>
      </c>
      <c r="AA1140" s="5"/>
      <c r="AB1140" s="5" t="s">
        <v>43</v>
      </c>
      <c r="AC1140" s="5" t="s">
        <v>44</v>
      </c>
      <c r="AD1140" s="2"/>
      <c r="AE1140" s="1"/>
    </row>
    <row r="1141" spans="1:31" ht="14.45">
      <c r="A1141" s="11"/>
      <c r="B1141" s="20"/>
      <c r="C1141" s="2" t="s">
        <v>3844</v>
      </c>
      <c r="D1141" s="14" t="s">
        <v>3845</v>
      </c>
      <c r="E1141" s="2" t="s">
        <v>3846</v>
      </c>
      <c r="F1141" s="2" t="s">
        <v>1831</v>
      </c>
      <c r="G1141" s="8">
        <v>186</v>
      </c>
      <c r="H1141" s="5">
        <v>18</v>
      </c>
      <c r="I1141" s="5" t="s">
        <v>1518</v>
      </c>
      <c r="J1141" s="5" t="s">
        <v>1519</v>
      </c>
      <c r="K1141" s="2" t="s">
        <v>1520</v>
      </c>
      <c r="L1141" s="5" t="s">
        <v>1519</v>
      </c>
      <c r="M1141" s="2" t="s">
        <v>1520</v>
      </c>
      <c r="N1141" s="5" t="s">
        <v>1521</v>
      </c>
      <c r="O1141" s="5" t="s">
        <v>38</v>
      </c>
      <c r="P1141" s="5" t="s">
        <v>39</v>
      </c>
      <c r="Q1141" s="5" t="s">
        <v>40</v>
      </c>
      <c r="R1141" s="5" t="s">
        <v>1522</v>
      </c>
      <c r="S1141" s="5" t="s">
        <v>1523</v>
      </c>
      <c r="T1141" s="5" t="s">
        <v>42</v>
      </c>
      <c r="U1141" s="2">
        <v>2.532</v>
      </c>
      <c r="V1141" s="2">
        <v>1.9670000000000001</v>
      </c>
      <c r="W1141" s="2">
        <v>1.7999999999999999E-2</v>
      </c>
      <c r="X1141" s="2">
        <v>139.1</v>
      </c>
      <c r="Y1141" s="2">
        <v>7.6</v>
      </c>
      <c r="Z1141" s="2">
        <v>16.7</v>
      </c>
      <c r="AA1141" s="5"/>
      <c r="AB1141" s="5" t="s">
        <v>43</v>
      </c>
      <c r="AC1141" s="5" t="s">
        <v>44</v>
      </c>
      <c r="AD1141" s="2"/>
      <c r="AE1141" s="1"/>
    </row>
    <row r="1142" spans="1:31" ht="14.45">
      <c r="A1142" s="11"/>
      <c r="B1142" s="20"/>
      <c r="C1142" s="2" t="s">
        <v>3847</v>
      </c>
      <c r="D1142" s="14" t="s">
        <v>3848</v>
      </c>
      <c r="E1142" s="2" t="s">
        <v>3849</v>
      </c>
      <c r="F1142" s="2" t="s">
        <v>1843</v>
      </c>
      <c r="G1142" s="8">
        <v>186</v>
      </c>
      <c r="H1142" s="5">
        <v>18</v>
      </c>
      <c r="I1142" s="5" t="s">
        <v>1518</v>
      </c>
      <c r="J1142" s="5" t="s">
        <v>1519</v>
      </c>
      <c r="K1142" s="2" t="s">
        <v>1520</v>
      </c>
      <c r="L1142" s="5" t="s">
        <v>1519</v>
      </c>
      <c r="M1142" s="2" t="s">
        <v>1520</v>
      </c>
      <c r="N1142" s="5" t="s">
        <v>1521</v>
      </c>
      <c r="O1142" s="5" t="s">
        <v>38</v>
      </c>
      <c r="P1142" s="5" t="s">
        <v>39</v>
      </c>
      <c r="Q1142" s="5" t="s">
        <v>40</v>
      </c>
      <c r="R1142" s="5" t="s">
        <v>1522</v>
      </c>
      <c r="S1142" s="5" t="s">
        <v>1523</v>
      </c>
      <c r="T1142" s="5" t="s">
        <v>42</v>
      </c>
      <c r="U1142" s="2">
        <v>2.532</v>
      </c>
      <c r="V1142" s="2">
        <v>1.9670000000000001</v>
      </c>
      <c r="W1142" s="2">
        <v>1.7999999999999999E-2</v>
      </c>
      <c r="X1142" s="2">
        <v>139.1</v>
      </c>
      <c r="Y1142" s="2">
        <v>7.6</v>
      </c>
      <c r="Z1142" s="2">
        <v>16.7</v>
      </c>
      <c r="AA1142" s="5"/>
      <c r="AB1142" s="5" t="s">
        <v>43</v>
      </c>
      <c r="AC1142" s="5" t="s">
        <v>44</v>
      </c>
      <c r="AD1142" s="2"/>
      <c r="AE1142" s="1"/>
    </row>
    <row r="1143" spans="1:31" ht="14.45">
      <c r="A1143" s="11"/>
      <c r="B1143" s="20"/>
      <c r="C1143" s="2" t="s">
        <v>3850</v>
      </c>
      <c r="D1143" s="14" t="s">
        <v>3851</v>
      </c>
      <c r="E1143" s="2" t="s">
        <v>3852</v>
      </c>
      <c r="F1143" s="2" t="s">
        <v>1851</v>
      </c>
      <c r="G1143" s="8">
        <v>186</v>
      </c>
      <c r="H1143" s="5">
        <v>18</v>
      </c>
      <c r="I1143" s="5" t="s">
        <v>1518</v>
      </c>
      <c r="J1143" s="5" t="s">
        <v>1519</v>
      </c>
      <c r="K1143" s="2" t="s">
        <v>1520</v>
      </c>
      <c r="L1143" s="5" t="s">
        <v>1519</v>
      </c>
      <c r="M1143" s="2" t="s">
        <v>1520</v>
      </c>
      <c r="N1143" s="5" t="s">
        <v>1521</v>
      </c>
      <c r="O1143" s="5" t="s">
        <v>38</v>
      </c>
      <c r="P1143" s="5" t="s">
        <v>39</v>
      </c>
      <c r="Q1143" s="5" t="s">
        <v>40</v>
      </c>
      <c r="R1143" s="5" t="s">
        <v>1522</v>
      </c>
      <c r="S1143" s="5" t="s">
        <v>1523</v>
      </c>
      <c r="T1143" s="5" t="s">
        <v>42</v>
      </c>
      <c r="U1143" s="2">
        <v>2.532</v>
      </c>
      <c r="V1143" s="2">
        <v>1.9670000000000001</v>
      </c>
      <c r="W1143" s="2">
        <v>1.7999999999999999E-2</v>
      </c>
      <c r="X1143" s="2">
        <v>139.1</v>
      </c>
      <c r="Y1143" s="2">
        <v>7.6</v>
      </c>
      <c r="Z1143" s="2">
        <v>16.7</v>
      </c>
      <c r="AA1143" s="5"/>
      <c r="AB1143" s="5" t="s">
        <v>43</v>
      </c>
      <c r="AC1143" s="5" t="s">
        <v>44</v>
      </c>
      <c r="AD1143" s="2"/>
      <c r="AE1143" s="1"/>
    </row>
    <row r="1144" spans="1:31" ht="14.45">
      <c r="A1144" s="11"/>
      <c r="B1144" s="20"/>
      <c r="C1144" s="2" t="s">
        <v>3853</v>
      </c>
      <c r="D1144" s="14" t="s">
        <v>3854</v>
      </c>
      <c r="E1144" s="2" t="s">
        <v>3855</v>
      </c>
      <c r="F1144" s="2" t="s">
        <v>1855</v>
      </c>
      <c r="G1144" s="8">
        <v>186</v>
      </c>
      <c r="H1144" s="5">
        <v>18</v>
      </c>
      <c r="I1144" s="5" t="s">
        <v>1518</v>
      </c>
      <c r="J1144" s="5" t="s">
        <v>1519</v>
      </c>
      <c r="K1144" s="2" t="s">
        <v>1520</v>
      </c>
      <c r="L1144" s="5" t="s">
        <v>1519</v>
      </c>
      <c r="M1144" s="2" t="s">
        <v>1520</v>
      </c>
      <c r="N1144" s="5" t="s">
        <v>1521</v>
      </c>
      <c r="O1144" s="5" t="s">
        <v>38</v>
      </c>
      <c r="P1144" s="5" t="s">
        <v>39</v>
      </c>
      <c r="Q1144" s="5" t="s">
        <v>40</v>
      </c>
      <c r="R1144" s="5" t="s">
        <v>1522</v>
      </c>
      <c r="S1144" s="5" t="s">
        <v>1523</v>
      </c>
      <c r="T1144" s="5" t="s">
        <v>42</v>
      </c>
      <c r="U1144" s="2">
        <v>2.532</v>
      </c>
      <c r="V1144" s="2">
        <v>1.9670000000000001</v>
      </c>
      <c r="W1144" s="2">
        <v>1.7999999999999999E-2</v>
      </c>
      <c r="X1144" s="2">
        <v>139.1</v>
      </c>
      <c r="Y1144" s="2">
        <v>7.6</v>
      </c>
      <c r="Z1144" s="2">
        <v>16.7</v>
      </c>
      <c r="AA1144" s="5"/>
      <c r="AB1144" s="5" t="s">
        <v>43</v>
      </c>
      <c r="AC1144" s="5" t="s">
        <v>44</v>
      </c>
      <c r="AD1144" s="2"/>
      <c r="AE1144" s="1"/>
    </row>
    <row r="1145" spans="1:31" ht="14.45">
      <c r="A1145" s="11"/>
      <c r="B1145" s="20"/>
      <c r="C1145" s="2" t="s">
        <v>3856</v>
      </c>
      <c r="D1145" s="14" t="s">
        <v>3857</v>
      </c>
      <c r="E1145" s="2" t="s">
        <v>3858</v>
      </c>
      <c r="F1145" s="2" t="s">
        <v>1863</v>
      </c>
      <c r="G1145" s="8">
        <v>186</v>
      </c>
      <c r="H1145" s="5">
        <v>21</v>
      </c>
      <c r="I1145" s="5" t="s">
        <v>1518</v>
      </c>
      <c r="J1145" s="5" t="s">
        <v>1519</v>
      </c>
      <c r="K1145" s="2" t="s">
        <v>1520</v>
      </c>
      <c r="L1145" s="5" t="s">
        <v>1519</v>
      </c>
      <c r="M1145" s="2" t="s">
        <v>1520</v>
      </c>
      <c r="N1145" s="5" t="s">
        <v>1521</v>
      </c>
      <c r="O1145" s="5" t="s">
        <v>38</v>
      </c>
      <c r="P1145" s="5" t="s">
        <v>39</v>
      </c>
      <c r="Q1145" s="5" t="s">
        <v>40</v>
      </c>
      <c r="R1145" s="5" t="s">
        <v>1522</v>
      </c>
      <c r="S1145" s="5" t="s">
        <v>1523</v>
      </c>
      <c r="T1145" s="5" t="s">
        <v>42</v>
      </c>
      <c r="U1145" s="2">
        <v>2.468</v>
      </c>
      <c r="V1145" s="2">
        <v>1.903</v>
      </c>
      <c r="W1145" s="2">
        <v>1.7999999999999999E-2</v>
      </c>
      <c r="X1145" s="2">
        <v>139.1</v>
      </c>
      <c r="Y1145" s="2">
        <v>7.6</v>
      </c>
      <c r="Z1145" s="2">
        <v>16.7</v>
      </c>
      <c r="AA1145" s="5"/>
      <c r="AB1145" s="5" t="s">
        <v>43</v>
      </c>
      <c r="AC1145" s="5" t="s">
        <v>44</v>
      </c>
      <c r="AD1145" s="2"/>
      <c r="AE1145" s="1"/>
    </row>
    <row r="1146" spans="1:31" ht="14.45">
      <c r="A1146" s="11"/>
      <c r="B1146" s="20"/>
      <c r="C1146" s="2" t="s">
        <v>3859</v>
      </c>
      <c r="D1146" s="14" t="s">
        <v>3860</v>
      </c>
      <c r="E1146" s="2" t="s">
        <v>3861</v>
      </c>
      <c r="F1146" s="2" t="s">
        <v>1867</v>
      </c>
      <c r="G1146" s="8">
        <v>186</v>
      </c>
      <c r="H1146" s="5">
        <v>21</v>
      </c>
      <c r="I1146" s="5" t="s">
        <v>1518</v>
      </c>
      <c r="J1146" s="5" t="s">
        <v>1519</v>
      </c>
      <c r="K1146" s="2" t="s">
        <v>1520</v>
      </c>
      <c r="L1146" s="5" t="s">
        <v>1519</v>
      </c>
      <c r="M1146" s="2" t="s">
        <v>1520</v>
      </c>
      <c r="N1146" s="5" t="s">
        <v>1521</v>
      </c>
      <c r="O1146" s="5" t="s">
        <v>38</v>
      </c>
      <c r="P1146" s="5" t="s">
        <v>39</v>
      </c>
      <c r="Q1146" s="5" t="s">
        <v>40</v>
      </c>
      <c r="R1146" s="5" t="s">
        <v>1522</v>
      </c>
      <c r="S1146" s="5" t="s">
        <v>1523</v>
      </c>
      <c r="T1146" s="5" t="s">
        <v>42</v>
      </c>
      <c r="U1146" s="2">
        <v>2.5190000000000001</v>
      </c>
      <c r="V1146" s="2">
        <v>1.954</v>
      </c>
      <c r="W1146" s="2">
        <v>1.7999999999999999E-2</v>
      </c>
      <c r="X1146" s="2">
        <v>139.1</v>
      </c>
      <c r="Y1146" s="2">
        <v>7.6</v>
      </c>
      <c r="Z1146" s="2">
        <v>16.7</v>
      </c>
      <c r="AA1146" s="5"/>
      <c r="AB1146" s="5" t="s">
        <v>43</v>
      </c>
      <c r="AC1146" s="5" t="s">
        <v>44</v>
      </c>
      <c r="AD1146" s="2"/>
      <c r="AE1146" s="1"/>
    </row>
    <row r="1147" spans="1:31" ht="14.45">
      <c r="A1147" s="11"/>
      <c r="B1147" s="20"/>
      <c r="C1147" s="2" t="s">
        <v>3862</v>
      </c>
      <c r="D1147" s="14" t="s">
        <v>3863</v>
      </c>
      <c r="E1147" s="2" t="s">
        <v>3864</v>
      </c>
      <c r="F1147" s="2" t="s">
        <v>1695</v>
      </c>
      <c r="G1147" s="8">
        <v>136</v>
      </c>
      <c r="H1147" s="5">
        <v>5</v>
      </c>
      <c r="I1147" s="5" t="s">
        <v>1518</v>
      </c>
      <c r="J1147" s="5" t="s">
        <v>1519</v>
      </c>
      <c r="K1147" s="2" t="s">
        <v>1520</v>
      </c>
      <c r="L1147" s="5" t="s">
        <v>1519</v>
      </c>
      <c r="M1147" s="2" t="s">
        <v>1520</v>
      </c>
      <c r="N1147" s="5" t="s">
        <v>1521</v>
      </c>
      <c r="O1147" s="5" t="s">
        <v>38</v>
      </c>
      <c r="P1147" s="5" t="s">
        <v>39</v>
      </c>
      <c r="Q1147" s="5" t="s">
        <v>40</v>
      </c>
      <c r="R1147" s="5" t="s">
        <v>1522</v>
      </c>
      <c r="S1147" s="5" t="s">
        <v>1523</v>
      </c>
      <c r="T1147" s="5" t="s">
        <v>42</v>
      </c>
      <c r="U1147" s="2">
        <v>1.956</v>
      </c>
      <c r="V1147" s="2">
        <v>1.5489999999999999</v>
      </c>
      <c r="W1147" s="2">
        <v>1.0999999999999999E-2</v>
      </c>
      <c r="X1147" s="2">
        <v>82.9</v>
      </c>
      <c r="Y1147" s="2">
        <v>7.6</v>
      </c>
      <c r="Z1147" s="2">
        <v>16.7</v>
      </c>
      <c r="AA1147" s="5"/>
      <c r="AB1147" s="5" t="s">
        <v>43</v>
      </c>
      <c r="AC1147" s="5" t="s">
        <v>44</v>
      </c>
      <c r="AD1147" s="2"/>
      <c r="AE1147" s="1"/>
    </row>
    <row r="1148" spans="1:31" ht="14.45">
      <c r="A1148" s="11"/>
      <c r="B1148" s="20"/>
      <c r="C1148" s="2" t="s">
        <v>3865</v>
      </c>
      <c r="D1148" s="14" t="s">
        <v>3866</v>
      </c>
      <c r="E1148" s="2" t="s">
        <v>3867</v>
      </c>
      <c r="F1148" s="2" t="s">
        <v>1699</v>
      </c>
      <c r="G1148" s="8">
        <v>136</v>
      </c>
      <c r="H1148" s="5">
        <v>5</v>
      </c>
      <c r="I1148" s="5" t="s">
        <v>1518</v>
      </c>
      <c r="J1148" s="5" t="s">
        <v>1519</v>
      </c>
      <c r="K1148" s="2" t="s">
        <v>1520</v>
      </c>
      <c r="L1148" s="5" t="s">
        <v>1519</v>
      </c>
      <c r="M1148" s="2" t="s">
        <v>1520</v>
      </c>
      <c r="N1148" s="5" t="s">
        <v>1521</v>
      </c>
      <c r="O1148" s="5" t="s">
        <v>38</v>
      </c>
      <c r="P1148" s="5" t="s">
        <v>39</v>
      </c>
      <c r="Q1148" s="5" t="s">
        <v>40</v>
      </c>
      <c r="R1148" s="5" t="s">
        <v>1522</v>
      </c>
      <c r="S1148" s="5" t="s">
        <v>1523</v>
      </c>
      <c r="T1148" s="5" t="s">
        <v>42</v>
      </c>
      <c r="U1148" s="2">
        <v>1.9950000000000001</v>
      </c>
      <c r="V1148" s="2">
        <v>1.5880000000000001</v>
      </c>
      <c r="W1148" s="2">
        <v>1.0999999999999999E-2</v>
      </c>
      <c r="X1148" s="2">
        <v>82.9</v>
      </c>
      <c r="Y1148" s="2">
        <v>7.6</v>
      </c>
      <c r="Z1148" s="2">
        <v>16.7</v>
      </c>
      <c r="AA1148" s="5"/>
      <c r="AB1148" s="5" t="s">
        <v>43</v>
      </c>
      <c r="AC1148" s="5" t="s">
        <v>44</v>
      </c>
      <c r="AD1148" s="2"/>
      <c r="AE1148" s="1"/>
    </row>
    <row r="1149" spans="1:31" ht="14.45">
      <c r="A1149" s="11"/>
      <c r="B1149" s="20"/>
      <c r="C1149" s="2" t="s">
        <v>3868</v>
      </c>
      <c r="D1149" s="14" t="s">
        <v>3869</v>
      </c>
      <c r="E1149" s="2" t="s">
        <v>3870</v>
      </c>
      <c r="F1149" s="2" t="s">
        <v>1703</v>
      </c>
      <c r="G1149" s="8">
        <v>136</v>
      </c>
      <c r="H1149" s="5">
        <v>5</v>
      </c>
      <c r="I1149" s="5" t="s">
        <v>1518</v>
      </c>
      <c r="J1149" s="5" t="s">
        <v>1519</v>
      </c>
      <c r="K1149" s="2" t="s">
        <v>1520</v>
      </c>
      <c r="L1149" s="5" t="s">
        <v>1519</v>
      </c>
      <c r="M1149" s="2" t="s">
        <v>1520</v>
      </c>
      <c r="N1149" s="5" t="s">
        <v>1521</v>
      </c>
      <c r="O1149" s="5" t="s">
        <v>38</v>
      </c>
      <c r="P1149" s="5" t="s">
        <v>39</v>
      </c>
      <c r="Q1149" s="5" t="s">
        <v>40</v>
      </c>
      <c r="R1149" s="5" t="s">
        <v>1522</v>
      </c>
      <c r="S1149" s="5" t="s">
        <v>1523</v>
      </c>
      <c r="T1149" s="5" t="s">
        <v>42</v>
      </c>
      <c r="U1149" s="2">
        <v>1.962</v>
      </c>
      <c r="V1149" s="2">
        <v>1.5549999999999999</v>
      </c>
      <c r="W1149" s="2">
        <v>1.0999999999999999E-2</v>
      </c>
      <c r="X1149" s="2">
        <v>82.9</v>
      </c>
      <c r="Y1149" s="2">
        <v>7.6</v>
      </c>
      <c r="Z1149" s="2">
        <v>16.7</v>
      </c>
      <c r="AA1149" s="5"/>
      <c r="AB1149" s="5" t="s">
        <v>43</v>
      </c>
      <c r="AC1149" s="5" t="s">
        <v>44</v>
      </c>
      <c r="AD1149" s="2"/>
      <c r="AE1149" s="1"/>
    </row>
    <row r="1150" spans="1:31" ht="14.45">
      <c r="A1150" s="11"/>
      <c r="B1150" s="20"/>
      <c r="C1150" s="2" t="s">
        <v>3871</v>
      </c>
      <c r="D1150" s="14" t="s">
        <v>3872</v>
      </c>
      <c r="E1150" s="2" t="s">
        <v>3873</v>
      </c>
      <c r="F1150" s="2" t="s">
        <v>1707</v>
      </c>
      <c r="G1150" s="8">
        <v>136</v>
      </c>
      <c r="H1150" s="5">
        <v>5</v>
      </c>
      <c r="I1150" s="5" t="s">
        <v>1518</v>
      </c>
      <c r="J1150" s="5" t="s">
        <v>1519</v>
      </c>
      <c r="K1150" s="2" t="s">
        <v>1520</v>
      </c>
      <c r="L1150" s="5" t="s">
        <v>1519</v>
      </c>
      <c r="M1150" s="2" t="s">
        <v>1520</v>
      </c>
      <c r="N1150" s="5" t="s">
        <v>1521</v>
      </c>
      <c r="O1150" s="5" t="s">
        <v>38</v>
      </c>
      <c r="P1150" s="5" t="s">
        <v>39</v>
      </c>
      <c r="Q1150" s="5" t="s">
        <v>40</v>
      </c>
      <c r="R1150" s="5" t="s">
        <v>1522</v>
      </c>
      <c r="S1150" s="5" t="s">
        <v>1523</v>
      </c>
      <c r="T1150" s="5" t="s">
        <v>42</v>
      </c>
      <c r="U1150" s="2">
        <v>2.0009999999999999</v>
      </c>
      <c r="V1150" s="2">
        <v>1.5940000000000001</v>
      </c>
      <c r="W1150" s="2">
        <v>1.0999999999999999E-2</v>
      </c>
      <c r="X1150" s="2">
        <v>82.9</v>
      </c>
      <c r="Y1150" s="2">
        <v>7.6</v>
      </c>
      <c r="Z1150" s="2">
        <v>16.7</v>
      </c>
      <c r="AA1150" s="5"/>
      <c r="AB1150" s="5" t="s">
        <v>43</v>
      </c>
      <c r="AC1150" s="5" t="s">
        <v>44</v>
      </c>
      <c r="AD1150" s="2"/>
      <c r="AE1150" s="1"/>
    </row>
    <row r="1151" spans="1:31" ht="14.45">
      <c r="A1151" s="11"/>
      <c r="B1151" s="20"/>
      <c r="C1151" s="2" t="s">
        <v>3874</v>
      </c>
      <c r="D1151" s="14" t="s">
        <v>3875</v>
      </c>
      <c r="E1151" s="2" t="s">
        <v>3876</v>
      </c>
      <c r="F1151" s="2" t="s">
        <v>1711</v>
      </c>
      <c r="G1151" s="8">
        <v>136</v>
      </c>
      <c r="H1151" s="5">
        <v>5</v>
      </c>
      <c r="I1151" s="5" t="s">
        <v>1518</v>
      </c>
      <c r="J1151" s="5" t="s">
        <v>1519</v>
      </c>
      <c r="K1151" s="2" t="s">
        <v>1520</v>
      </c>
      <c r="L1151" s="5" t="s">
        <v>1519</v>
      </c>
      <c r="M1151" s="2" t="s">
        <v>1520</v>
      </c>
      <c r="N1151" s="5" t="s">
        <v>1521</v>
      </c>
      <c r="O1151" s="5" t="s">
        <v>38</v>
      </c>
      <c r="P1151" s="5" t="s">
        <v>39</v>
      </c>
      <c r="Q1151" s="5" t="s">
        <v>40</v>
      </c>
      <c r="R1151" s="5" t="s">
        <v>1522</v>
      </c>
      <c r="S1151" s="5" t="s">
        <v>1523</v>
      </c>
      <c r="T1151" s="5" t="s">
        <v>42</v>
      </c>
      <c r="U1151" s="2">
        <v>1.962</v>
      </c>
      <c r="V1151" s="2">
        <v>1.5549999999999999</v>
      </c>
      <c r="W1151" s="2">
        <v>1.0999999999999999E-2</v>
      </c>
      <c r="X1151" s="2">
        <v>82.9</v>
      </c>
      <c r="Y1151" s="2">
        <v>7.6</v>
      </c>
      <c r="Z1151" s="2">
        <v>16.7</v>
      </c>
      <c r="AA1151" s="5"/>
      <c r="AB1151" s="5" t="s">
        <v>43</v>
      </c>
      <c r="AC1151" s="5" t="s">
        <v>44</v>
      </c>
      <c r="AD1151" s="2"/>
      <c r="AE1151" s="1"/>
    </row>
    <row r="1152" spans="1:31" ht="14.45">
      <c r="A1152" s="11"/>
      <c r="B1152" s="20"/>
      <c r="C1152" s="2" t="s">
        <v>3877</v>
      </c>
      <c r="D1152" s="14" t="s">
        <v>3878</v>
      </c>
      <c r="E1152" s="2" t="s">
        <v>3879</v>
      </c>
      <c r="F1152" s="2" t="s">
        <v>1715</v>
      </c>
      <c r="G1152" s="8">
        <v>136</v>
      </c>
      <c r="H1152" s="5">
        <v>6</v>
      </c>
      <c r="I1152" s="5" t="s">
        <v>1518</v>
      </c>
      <c r="J1152" s="5" t="s">
        <v>1519</v>
      </c>
      <c r="K1152" s="2" t="s">
        <v>1520</v>
      </c>
      <c r="L1152" s="5" t="s">
        <v>1519</v>
      </c>
      <c r="M1152" s="2" t="s">
        <v>1520</v>
      </c>
      <c r="N1152" s="5" t="s">
        <v>1521</v>
      </c>
      <c r="O1152" s="5" t="s">
        <v>38</v>
      </c>
      <c r="P1152" s="5" t="s">
        <v>39</v>
      </c>
      <c r="Q1152" s="5" t="s">
        <v>40</v>
      </c>
      <c r="R1152" s="5" t="s">
        <v>1522</v>
      </c>
      <c r="S1152" s="5" t="s">
        <v>1523</v>
      </c>
      <c r="T1152" s="5" t="s">
        <v>42</v>
      </c>
      <c r="U1152" s="2">
        <v>2.0009999999999999</v>
      </c>
      <c r="V1152" s="2">
        <v>1.5940000000000001</v>
      </c>
      <c r="W1152" s="2">
        <v>1.0999999999999999E-2</v>
      </c>
      <c r="X1152" s="2">
        <v>82.9</v>
      </c>
      <c r="Y1152" s="2">
        <v>7.6</v>
      </c>
      <c r="Z1152" s="2">
        <v>16.7</v>
      </c>
      <c r="AA1152" s="5"/>
      <c r="AB1152" s="5" t="s">
        <v>43</v>
      </c>
      <c r="AC1152" s="5" t="s">
        <v>44</v>
      </c>
      <c r="AD1152" s="2"/>
      <c r="AE1152" s="1"/>
    </row>
    <row r="1153" spans="1:31" ht="14.45">
      <c r="A1153" s="11"/>
      <c r="B1153" s="20"/>
      <c r="C1153" s="2" t="s">
        <v>3880</v>
      </c>
      <c r="D1153" s="14" t="s">
        <v>3881</v>
      </c>
      <c r="E1153" s="2" t="s">
        <v>3882</v>
      </c>
      <c r="F1153" s="2" t="s">
        <v>1719</v>
      </c>
      <c r="G1153" s="8">
        <v>136</v>
      </c>
      <c r="H1153" s="5">
        <v>5</v>
      </c>
      <c r="I1153" s="5" t="s">
        <v>1518</v>
      </c>
      <c r="J1153" s="5" t="s">
        <v>1519</v>
      </c>
      <c r="K1153" s="2" t="s">
        <v>1520</v>
      </c>
      <c r="L1153" s="5" t="s">
        <v>1519</v>
      </c>
      <c r="M1153" s="2" t="s">
        <v>1520</v>
      </c>
      <c r="N1153" s="5" t="s">
        <v>1521</v>
      </c>
      <c r="O1153" s="5" t="s">
        <v>38</v>
      </c>
      <c r="P1153" s="5" t="s">
        <v>39</v>
      </c>
      <c r="Q1153" s="5" t="s">
        <v>40</v>
      </c>
      <c r="R1153" s="5" t="s">
        <v>1522</v>
      </c>
      <c r="S1153" s="5" t="s">
        <v>1523</v>
      </c>
      <c r="T1153" s="5" t="s">
        <v>42</v>
      </c>
      <c r="U1153" s="2">
        <v>1.946</v>
      </c>
      <c r="V1153" s="2">
        <v>1.5389999999999999</v>
      </c>
      <c r="W1153" s="2">
        <v>1.0999999999999999E-2</v>
      </c>
      <c r="X1153" s="2">
        <v>82.9</v>
      </c>
      <c r="Y1153" s="2">
        <v>7.6</v>
      </c>
      <c r="Z1153" s="2">
        <v>16.7</v>
      </c>
      <c r="AA1153" s="5"/>
      <c r="AB1153" s="5" t="s">
        <v>43</v>
      </c>
      <c r="AC1153" s="5" t="s">
        <v>44</v>
      </c>
      <c r="AD1153" s="2"/>
      <c r="AE1153" s="1"/>
    </row>
    <row r="1154" spans="1:31" ht="14.45">
      <c r="A1154" s="11"/>
      <c r="B1154" s="20"/>
      <c r="C1154" s="2" t="s">
        <v>3883</v>
      </c>
      <c r="D1154" s="14" t="s">
        <v>3884</v>
      </c>
      <c r="E1154" s="2" t="s">
        <v>3885</v>
      </c>
      <c r="F1154" s="2" t="s">
        <v>1723</v>
      </c>
      <c r="G1154" s="8">
        <v>136</v>
      </c>
      <c r="H1154" s="5">
        <v>6</v>
      </c>
      <c r="I1154" s="5" t="s">
        <v>1518</v>
      </c>
      <c r="J1154" s="5" t="s">
        <v>1519</v>
      </c>
      <c r="K1154" s="2" t="s">
        <v>1520</v>
      </c>
      <c r="L1154" s="5" t="s">
        <v>1519</v>
      </c>
      <c r="M1154" s="2" t="s">
        <v>1520</v>
      </c>
      <c r="N1154" s="5" t="s">
        <v>1521</v>
      </c>
      <c r="O1154" s="5" t="s">
        <v>38</v>
      </c>
      <c r="P1154" s="5" t="s">
        <v>39</v>
      </c>
      <c r="Q1154" s="5" t="s">
        <v>40</v>
      </c>
      <c r="R1154" s="5" t="s">
        <v>1522</v>
      </c>
      <c r="S1154" s="5" t="s">
        <v>1523</v>
      </c>
      <c r="T1154" s="5" t="s">
        <v>42</v>
      </c>
      <c r="U1154" s="2">
        <v>1.9850000000000001</v>
      </c>
      <c r="V1154" s="2">
        <v>1.5780000000000001</v>
      </c>
      <c r="W1154" s="2">
        <v>1.0999999999999999E-2</v>
      </c>
      <c r="X1154" s="2">
        <v>82.9</v>
      </c>
      <c r="Y1154" s="2">
        <v>7.6</v>
      </c>
      <c r="Z1154" s="2">
        <v>16.7</v>
      </c>
      <c r="AA1154" s="5"/>
      <c r="AB1154" s="5" t="s">
        <v>43</v>
      </c>
      <c r="AC1154" s="5" t="s">
        <v>44</v>
      </c>
      <c r="AD1154" s="2"/>
      <c r="AE1154" s="1"/>
    </row>
    <row r="1155" spans="1:31" ht="14.45">
      <c r="A1155" s="11"/>
      <c r="B1155" s="20"/>
      <c r="C1155" s="2" t="s">
        <v>3886</v>
      </c>
      <c r="D1155" s="14" t="s">
        <v>3887</v>
      </c>
      <c r="E1155" s="2" t="s">
        <v>3888</v>
      </c>
      <c r="F1155" s="2" t="s">
        <v>1727</v>
      </c>
      <c r="G1155" s="8">
        <v>157</v>
      </c>
      <c r="H1155" s="5">
        <v>6</v>
      </c>
      <c r="I1155" s="5" t="s">
        <v>1518</v>
      </c>
      <c r="J1155" s="5" t="s">
        <v>1519</v>
      </c>
      <c r="K1155" s="2" t="s">
        <v>1520</v>
      </c>
      <c r="L1155" s="5" t="s">
        <v>1519</v>
      </c>
      <c r="M1155" s="2" t="s">
        <v>1520</v>
      </c>
      <c r="N1155" s="5" t="s">
        <v>1521</v>
      </c>
      <c r="O1155" s="5" t="s">
        <v>38</v>
      </c>
      <c r="P1155" s="5" t="s">
        <v>39</v>
      </c>
      <c r="Q1155" s="5" t="s">
        <v>40</v>
      </c>
      <c r="R1155" s="5" t="s">
        <v>1522</v>
      </c>
      <c r="S1155" s="5" t="s">
        <v>1523</v>
      </c>
      <c r="T1155" s="5" t="s">
        <v>42</v>
      </c>
      <c r="U1155" s="2">
        <v>1.946</v>
      </c>
      <c r="V1155" s="2">
        <v>1.5389999999999999</v>
      </c>
      <c r="W1155" s="2">
        <v>1.0999999999999999E-2</v>
      </c>
      <c r="X1155" s="2">
        <v>82.9</v>
      </c>
      <c r="Y1155" s="2">
        <v>7.6</v>
      </c>
      <c r="Z1155" s="2">
        <v>16.7</v>
      </c>
      <c r="AA1155" s="5"/>
      <c r="AB1155" s="5" t="s">
        <v>43</v>
      </c>
      <c r="AC1155" s="5" t="s">
        <v>44</v>
      </c>
      <c r="AD1155" s="2"/>
      <c r="AE1155" s="1"/>
    </row>
    <row r="1156" spans="1:31" ht="14.45">
      <c r="A1156" s="11"/>
      <c r="B1156" s="20"/>
      <c r="C1156" s="2" t="s">
        <v>3889</v>
      </c>
      <c r="D1156" s="14" t="s">
        <v>3890</v>
      </c>
      <c r="E1156" s="2" t="s">
        <v>3891</v>
      </c>
      <c r="F1156" s="2" t="s">
        <v>1731</v>
      </c>
      <c r="G1156" s="8">
        <v>157</v>
      </c>
      <c r="H1156" s="5">
        <v>6</v>
      </c>
      <c r="I1156" s="5" t="s">
        <v>1518</v>
      </c>
      <c r="J1156" s="5" t="s">
        <v>1519</v>
      </c>
      <c r="K1156" s="2" t="s">
        <v>1520</v>
      </c>
      <c r="L1156" s="5" t="s">
        <v>1519</v>
      </c>
      <c r="M1156" s="2" t="s">
        <v>1520</v>
      </c>
      <c r="N1156" s="5" t="s">
        <v>1521</v>
      </c>
      <c r="O1156" s="5" t="s">
        <v>38</v>
      </c>
      <c r="P1156" s="5" t="s">
        <v>39</v>
      </c>
      <c r="Q1156" s="5" t="s">
        <v>40</v>
      </c>
      <c r="R1156" s="5" t="s">
        <v>1522</v>
      </c>
      <c r="S1156" s="5" t="s">
        <v>1523</v>
      </c>
      <c r="T1156" s="5" t="s">
        <v>42</v>
      </c>
      <c r="U1156" s="2">
        <v>1.9850000000000001</v>
      </c>
      <c r="V1156" s="2">
        <v>1.5780000000000001</v>
      </c>
      <c r="W1156" s="2">
        <v>1.0999999999999999E-2</v>
      </c>
      <c r="X1156" s="2">
        <v>82.9</v>
      </c>
      <c r="Y1156" s="2">
        <v>7.6</v>
      </c>
      <c r="Z1156" s="2">
        <v>16.7</v>
      </c>
      <c r="AA1156" s="5"/>
      <c r="AB1156" s="5" t="s">
        <v>43</v>
      </c>
      <c r="AC1156" s="5" t="s">
        <v>44</v>
      </c>
      <c r="AD1156" s="2"/>
      <c r="AE1156" s="1"/>
    </row>
    <row r="1157" spans="1:31" ht="14.45">
      <c r="A1157" s="11"/>
      <c r="B1157" s="20"/>
      <c r="C1157" s="2" t="s">
        <v>3892</v>
      </c>
      <c r="D1157" s="14" t="s">
        <v>3893</v>
      </c>
      <c r="E1157" s="2" t="s">
        <v>3894</v>
      </c>
      <c r="F1157" s="2" t="s">
        <v>1735</v>
      </c>
      <c r="G1157" s="8">
        <v>157</v>
      </c>
      <c r="H1157" s="5">
        <v>6</v>
      </c>
      <c r="I1157" s="5" t="s">
        <v>1518</v>
      </c>
      <c r="J1157" s="5" t="s">
        <v>1519</v>
      </c>
      <c r="K1157" s="2" t="s">
        <v>1520</v>
      </c>
      <c r="L1157" s="5" t="s">
        <v>1519</v>
      </c>
      <c r="M1157" s="2" t="s">
        <v>1520</v>
      </c>
      <c r="N1157" s="5" t="s">
        <v>1521</v>
      </c>
      <c r="O1157" s="5" t="s">
        <v>38</v>
      </c>
      <c r="P1157" s="5" t="s">
        <v>39</v>
      </c>
      <c r="Q1157" s="5" t="s">
        <v>40</v>
      </c>
      <c r="R1157" s="5" t="s">
        <v>1522</v>
      </c>
      <c r="S1157" s="5" t="s">
        <v>1523</v>
      </c>
      <c r="T1157" s="5" t="s">
        <v>42</v>
      </c>
      <c r="U1157" s="2">
        <v>1.962</v>
      </c>
      <c r="V1157" s="2">
        <v>1.5549999999999999</v>
      </c>
      <c r="W1157" s="2">
        <v>1.0999999999999999E-2</v>
      </c>
      <c r="X1157" s="2">
        <v>82.9</v>
      </c>
      <c r="Y1157" s="2">
        <v>7.6</v>
      </c>
      <c r="Z1157" s="2">
        <v>16.7</v>
      </c>
      <c r="AA1157" s="5"/>
      <c r="AB1157" s="5" t="s">
        <v>43</v>
      </c>
      <c r="AC1157" s="5" t="s">
        <v>44</v>
      </c>
      <c r="AD1157" s="2"/>
      <c r="AE1157" s="1"/>
    </row>
    <row r="1158" spans="1:31" ht="14.45">
      <c r="A1158" s="11"/>
      <c r="B1158" s="20"/>
      <c r="C1158" s="2" t="s">
        <v>3895</v>
      </c>
      <c r="D1158" s="14" t="s">
        <v>3896</v>
      </c>
      <c r="E1158" s="2" t="s">
        <v>3897</v>
      </c>
      <c r="F1158" s="2" t="s">
        <v>1739</v>
      </c>
      <c r="G1158" s="8">
        <v>157</v>
      </c>
      <c r="H1158" s="5">
        <v>6</v>
      </c>
      <c r="I1158" s="5" t="s">
        <v>1518</v>
      </c>
      <c r="J1158" s="5" t="s">
        <v>1519</v>
      </c>
      <c r="K1158" s="2" t="s">
        <v>1520</v>
      </c>
      <c r="L1158" s="5" t="s">
        <v>1519</v>
      </c>
      <c r="M1158" s="2" t="s">
        <v>1520</v>
      </c>
      <c r="N1158" s="5" t="s">
        <v>1521</v>
      </c>
      <c r="O1158" s="5" t="s">
        <v>38</v>
      </c>
      <c r="P1158" s="5" t="s">
        <v>39</v>
      </c>
      <c r="Q1158" s="5" t="s">
        <v>40</v>
      </c>
      <c r="R1158" s="5" t="s">
        <v>1522</v>
      </c>
      <c r="S1158" s="5" t="s">
        <v>1523</v>
      </c>
      <c r="T1158" s="5" t="s">
        <v>42</v>
      </c>
      <c r="U1158" s="2">
        <v>2.0009999999999999</v>
      </c>
      <c r="V1158" s="2">
        <v>1.5940000000000001</v>
      </c>
      <c r="W1158" s="2">
        <v>1.0999999999999999E-2</v>
      </c>
      <c r="X1158" s="2">
        <v>82.9</v>
      </c>
      <c r="Y1158" s="2">
        <v>7.6</v>
      </c>
      <c r="Z1158" s="2">
        <v>16.7</v>
      </c>
      <c r="AA1158" s="5"/>
      <c r="AB1158" s="5" t="s">
        <v>43</v>
      </c>
      <c r="AC1158" s="5" t="s">
        <v>44</v>
      </c>
      <c r="AD1158" s="2"/>
      <c r="AE1158" s="1"/>
    </row>
    <row r="1159" spans="1:31" ht="14.45">
      <c r="A1159" s="11"/>
      <c r="B1159" s="20"/>
      <c r="C1159" s="2" t="s">
        <v>3898</v>
      </c>
      <c r="D1159" s="14" t="s">
        <v>3899</v>
      </c>
      <c r="E1159" s="2" t="s">
        <v>3900</v>
      </c>
      <c r="F1159" s="2" t="s">
        <v>1743</v>
      </c>
      <c r="G1159" s="8">
        <v>157</v>
      </c>
      <c r="H1159" s="5">
        <v>6</v>
      </c>
      <c r="I1159" s="5" t="s">
        <v>1518</v>
      </c>
      <c r="J1159" s="5" t="s">
        <v>1519</v>
      </c>
      <c r="K1159" s="2" t="s">
        <v>1520</v>
      </c>
      <c r="L1159" s="5" t="s">
        <v>1519</v>
      </c>
      <c r="M1159" s="2" t="s">
        <v>1520</v>
      </c>
      <c r="N1159" s="5" t="s">
        <v>1521</v>
      </c>
      <c r="O1159" s="5" t="s">
        <v>38</v>
      </c>
      <c r="P1159" s="5" t="s">
        <v>39</v>
      </c>
      <c r="Q1159" s="5" t="s">
        <v>40</v>
      </c>
      <c r="R1159" s="5" t="s">
        <v>1522</v>
      </c>
      <c r="S1159" s="5" t="s">
        <v>1523</v>
      </c>
      <c r="T1159" s="5" t="s">
        <v>42</v>
      </c>
      <c r="U1159" s="2">
        <v>1.946</v>
      </c>
      <c r="V1159" s="2">
        <v>1.5389999999999999</v>
      </c>
      <c r="W1159" s="2">
        <v>1.0999999999999999E-2</v>
      </c>
      <c r="X1159" s="2">
        <v>82.9</v>
      </c>
      <c r="Y1159" s="2">
        <v>7.6</v>
      </c>
      <c r="Z1159" s="2">
        <v>16.7</v>
      </c>
      <c r="AA1159" s="5"/>
      <c r="AB1159" s="5" t="s">
        <v>43</v>
      </c>
      <c r="AC1159" s="5" t="s">
        <v>44</v>
      </c>
      <c r="AD1159" s="2"/>
      <c r="AE1159" s="1"/>
    </row>
    <row r="1160" spans="1:31" ht="14.45">
      <c r="A1160" s="11"/>
      <c r="B1160" s="20"/>
      <c r="C1160" s="2" t="s">
        <v>3901</v>
      </c>
      <c r="D1160" s="14" t="s">
        <v>3902</v>
      </c>
      <c r="E1160" s="2" t="s">
        <v>3903</v>
      </c>
      <c r="F1160" s="2" t="s">
        <v>1747</v>
      </c>
      <c r="G1160" s="8">
        <v>157</v>
      </c>
      <c r="H1160" s="5">
        <v>6</v>
      </c>
      <c r="I1160" s="5" t="s">
        <v>1518</v>
      </c>
      <c r="J1160" s="5" t="s">
        <v>1519</v>
      </c>
      <c r="K1160" s="2" t="s">
        <v>1520</v>
      </c>
      <c r="L1160" s="5" t="s">
        <v>1519</v>
      </c>
      <c r="M1160" s="2" t="s">
        <v>1520</v>
      </c>
      <c r="N1160" s="5" t="s">
        <v>1521</v>
      </c>
      <c r="O1160" s="5" t="s">
        <v>38</v>
      </c>
      <c r="P1160" s="5" t="s">
        <v>39</v>
      </c>
      <c r="Q1160" s="5" t="s">
        <v>40</v>
      </c>
      <c r="R1160" s="5" t="s">
        <v>1522</v>
      </c>
      <c r="S1160" s="5" t="s">
        <v>1523</v>
      </c>
      <c r="T1160" s="5" t="s">
        <v>42</v>
      </c>
      <c r="U1160" s="2">
        <v>1.9850000000000001</v>
      </c>
      <c r="V1160" s="2">
        <v>1.5780000000000001</v>
      </c>
      <c r="W1160" s="2">
        <v>1.0999999999999999E-2</v>
      </c>
      <c r="X1160" s="2">
        <v>82.9</v>
      </c>
      <c r="Y1160" s="2">
        <v>7.6</v>
      </c>
      <c r="Z1160" s="2">
        <v>16.7</v>
      </c>
      <c r="AA1160" s="5"/>
      <c r="AB1160" s="5" t="s">
        <v>43</v>
      </c>
      <c r="AC1160" s="5" t="s">
        <v>44</v>
      </c>
      <c r="AD1160" s="2"/>
      <c r="AE1160" s="1"/>
    </row>
    <row r="1161" spans="1:31" ht="14.45">
      <c r="A1161" s="11"/>
      <c r="B1161" s="20"/>
      <c r="C1161" s="2" t="s">
        <v>3904</v>
      </c>
      <c r="D1161" s="14" t="s">
        <v>3905</v>
      </c>
      <c r="E1161" s="2" t="s">
        <v>3906</v>
      </c>
      <c r="F1161" s="2" t="s">
        <v>1751</v>
      </c>
      <c r="G1161" s="8">
        <v>157</v>
      </c>
      <c r="H1161" s="5">
        <v>6</v>
      </c>
      <c r="I1161" s="5" t="s">
        <v>1518</v>
      </c>
      <c r="J1161" s="5" t="s">
        <v>1519</v>
      </c>
      <c r="K1161" s="2" t="s">
        <v>1520</v>
      </c>
      <c r="L1161" s="5" t="s">
        <v>1519</v>
      </c>
      <c r="M1161" s="2" t="s">
        <v>1520</v>
      </c>
      <c r="N1161" s="5" t="s">
        <v>1521</v>
      </c>
      <c r="O1161" s="5" t="s">
        <v>38</v>
      </c>
      <c r="P1161" s="5" t="s">
        <v>39</v>
      </c>
      <c r="Q1161" s="5" t="s">
        <v>40</v>
      </c>
      <c r="R1161" s="5" t="s">
        <v>1522</v>
      </c>
      <c r="S1161" s="5" t="s">
        <v>1523</v>
      </c>
      <c r="T1161" s="5" t="s">
        <v>42</v>
      </c>
      <c r="U1161" s="2">
        <v>1.946</v>
      </c>
      <c r="V1161" s="2">
        <v>1.5389999999999999</v>
      </c>
      <c r="W1161" s="2">
        <v>1.0999999999999999E-2</v>
      </c>
      <c r="X1161" s="2">
        <v>82.9</v>
      </c>
      <c r="Y1161" s="2">
        <v>7.6</v>
      </c>
      <c r="Z1161" s="2">
        <v>16.7</v>
      </c>
      <c r="AA1161" s="5"/>
      <c r="AB1161" s="5" t="s">
        <v>43</v>
      </c>
      <c r="AC1161" s="5" t="s">
        <v>44</v>
      </c>
      <c r="AD1161" s="2"/>
      <c r="AE1161" s="1"/>
    </row>
    <row r="1162" spans="1:31" ht="14.45">
      <c r="A1162" s="11"/>
      <c r="B1162" s="20"/>
      <c r="C1162" s="2" t="s">
        <v>3907</v>
      </c>
      <c r="D1162" s="14" t="s">
        <v>3908</v>
      </c>
      <c r="E1162" s="2" t="s">
        <v>3909</v>
      </c>
      <c r="F1162" s="2" t="s">
        <v>1755</v>
      </c>
      <c r="G1162" s="8">
        <v>157</v>
      </c>
      <c r="H1162" s="5">
        <v>6</v>
      </c>
      <c r="I1162" s="5" t="s">
        <v>1518</v>
      </c>
      <c r="J1162" s="5" t="s">
        <v>1519</v>
      </c>
      <c r="K1162" s="2" t="s">
        <v>1520</v>
      </c>
      <c r="L1162" s="5" t="s">
        <v>1519</v>
      </c>
      <c r="M1162" s="2" t="s">
        <v>1520</v>
      </c>
      <c r="N1162" s="5" t="s">
        <v>1521</v>
      </c>
      <c r="O1162" s="5" t="s">
        <v>38</v>
      </c>
      <c r="P1162" s="5" t="s">
        <v>39</v>
      </c>
      <c r="Q1162" s="5" t="s">
        <v>40</v>
      </c>
      <c r="R1162" s="5" t="s">
        <v>1522</v>
      </c>
      <c r="S1162" s="5" t="s">
        <v>1523</v>
      </c>
      <c r="T1162" s="5" t="s">
        <v>42</v>
      </c>
      <c r="U1162" s="2">
        <v>1.9850000000000001</v>
      </c>
      <c r="V1162" s="2">
        <v>1.5780000000000001</v>
      </c>
      <c r="W1162" s="2">
        <v>1.0999999999999999E-2</v>
      </c>
      <c r="X1162" s="2">
        <v>82.9</v>
      </c>
      <c r="Y1162" s="2">
        <v>7.6</v>
      </c>
      <c r="Z1162" s="2">
        <v>16.7</v>
      </c>
      <c r="AA1162" s="5"/>
      <c r="AB1162" s="5" t="s">
        <v>43</v>
      </c>
      <c r="AC1162" s="5" t="s">
        <v>44</v>
      </c>
      <c r="AD1162" s="2"/>
      <c r="AE1162" s="1"/>
    </row>
    <row r="1163" spans="1:31" ht="14.45">
      <c r="A1163" s="11"/>
      <c r="B1163" s="20"/>
      <c r="C1163" s="2" t="s">
        <v>3910</v>
      </c>
      <c r="D1163" s="14" t="s">
        <v>3911</v>
      </c>
      <c r="E1163" s="2" t="s">
        <v>3912</v>
      </c>
      <c r="F1163" s="2" t="s">
        <v>1759</v>
      </c>
      <c r="G1163" s="8">
        <v>157</v>
      </c>
      <c r="H1163" s="5">
        <v>6</v>
      </c>
      <c r="I1163" s="5" t="s">
        <v>1518</v>
      </c>
      <c r="J1163" s="5" t="s">
        <v>1519</v>
      </c>
      <c r="K1163" s="2" t="s">
        <v>1520</v>
      </c>
      <c r="L1163" s="5" t="s">
        <v>1519</v>
      </c>
      <c r="M1163" s="2" t="s">
        <v>1520</v>
      </c>
      <c r="N1163" s="5" t="s">
        <v>1521</v>
      </c>
      <c r="O1163" s="5" t="s">
        <v>38</v>
      </c>
      <c r="P1163" s="5" t="s">
        <v>39</v>
      </c>
      <c r="Q1163" s="5" t="s">
        <v>40</v>
      </c>
      <c r="R1163" s="5" t="s">
        <v>1522</v>
      </c>
      <c r="S1163" s="5" t="s">
        <v>1523</v>
      </c>
      <c r="T1163" s="5" t="s">
        <v>42</v>
      </c>
      <c r="U1163" s="2">
        <v>1.962</v>
      </c>
      <c r="V1163" s="2">
        <v>1.5549999999999999</v>
      </c>
      <c r="W1163" s="2">
        <v>1.0999999999999999E-2</v>
      </c>
      <c r="X1163" s="2">
        <v>82.9</v>
      </c>
      <c r="Y1163" s="2">
        <v>7.6</v>
      </c>
      <c r="Z1163" s="2">
        <v>16.7</v>
      </c>
      <c r="AA1163" s="5"/>
      <c r="AB1163" s="5" t="s">
        <v>43</v>
      </c>
      <c r="AC1163" s="5" t="s">
        <v>44</v>
      </c>
      <c r="AD1163" s="2"/>
      <c r="AE1163" s="1"/>
    </row>
    <row r="1164" spans="1:31" ht="14.45">
      <c r="A1164" s="11"/>
      <c r="B1164" s="20"/>
      <c r="C1164" s="2" t="s">
        <v>3913</v>
      </c>
      <c r="D1164" s="14" t="s">
        <v>3914</v>
      </c>
      <c r="E1164" s="2" t="s">
        <v>3915</v>
      </c>
      <c r="F1164" s="2" t="s">
        <v>1763</v>
      </c>
      <c r="G1164" s="8">
        <v>157</v>
      </c>
      <c r="H1164" s="5">
        <v>6</v>
      </c>
      <c r="I1164" s="5" t="s">
        <v>1518</v>
      </c>
      <c r="J1164" s="5" t="s">
        <v>1519</v>
      </c>
      <c r="K1164" s="2" t="s">
        <v>1520</v>
      </c>
      <c r="L1164" s="5" t="s">
        <v>1519</v>
      </c>
      <c r="M1164" s="2" t="s">
        <v>1520</v>
      </c>
      <c r="N1164" s="5" t="s">
        <v>1521</v>
      </c>
      <c r="O1164" s="5" t="s">
        <v>38</v>
      </c>
      <c r="P1164" s="5" t="s">
        <v>39</v>
      </c>
      <c r="Q1164" s="5" t="s">
        <v>40</v>
      </c>
      <c r="R1164" s="5" t="s">
        <v>1522</v>
      </c>
      <c r="S1164" s="5" t="s">
        <v>1523</v>
      </c>
      <c r="T1164" s="5" t="s">
        <v>42</v>
      </c>
      <c r="U1164" s="2">
        <v>2.0009999999999999</v>
      </c>
      <c r="V1164" s="2">
        <v>1.5940000000000001</v>
      </c>
      <c r="W1164" s="2">
        <v>1.0999999999999999E-2</v>
      </c>
      <c r="X1164" s="2">
        <v>82.9</v>
      </c>
      <c r="Y1164" s="2">
        <v>7.6</v>
      </c>
      <c r="Z1164" s="2">
        <v>16.7</v>
      </c>
      <c r="AA1164" s="5"/>
      <c r="AB1164" s="5" t="s">
        <v>43</v>
      </c>
      <c r="AC1164" s="5" t="s">
        <v>44</v>
      </c>
      <c r="AD1164" s="2"/>
      <c r="AE1164" s="1"/>
    </row>
    <row r="1165" spans="1:31" ht="14.45">
      <c r="A1165" s="11"/>
      <c r="B1165" s="20"/>
      <c r="C1165" s="2" t="s">
        <v>3916</v>
      </c>
      <c r="D1165" s="14" t="s">
        <v>3917</v>
      </c>
      <c r="E1165" s="2" t="s">
        <v>3918</v>
      </c>
      <c r="F1165" s="2" t="s">
        <v>1767</v>
      </c>
      <c r="G1165" s="8">
        <v>157</v>
      </c>
      <c r="H1165" s="5">
        <v>6</v>
      </c>
      <c r="I1165" s="5" t="s">
        <v>1518</v>
      </c>
      <c r="J1165" s="5" t="s">
        <v>1519</v>
      </c>
      <c r="K1165" s="2" t="s">
        <v>1520</v>
      </c>
      <c r="L1165" s="5" t="s">
        <v>1519</v>
      </c>
      <c r="M1165" s="2" t="s">
        <v>1520</v>
      </c>
      <c r="N1165" s="5" t="s">
        <v>1521</v>
      </c>
      <c r="O1165" s="5" t="s">
        <v>38</v>
      </c>
      <c r="P1165" s="5" t="s">
        <v>39</v>
      </c>
      <c r="Q1165" s="5" t="s">
        <v>40</v>
      </c>
      <c r="R1165" s="5" t="s">
        <v>1522</v>
      </c>
      <c r="S1165" s="5" t="s">
        <v>1523</v>
      </c>
      <c r="T1165" s="5" t="s">
        <v>42</v>
      </c>
      <c r="U1165" s="2">
        <v>1.962</v>
      </c>
      <c r="V1165" s="2">
        <v>1.5549999999999999</v>
      </c>
      <c r="W1165" s="2">
        <v>1.0999999999999999E-2</v>
      </c>
      <c r="X1165" s="2">
        <v>82.9</v>
      </c>
      <c r="Y1165" s="2">
        <v>7.6</v>
      </c>
      <c r="Z1165" s="2">
        <v>16.7</v>
      </c>
      <c r="AA1165" s="5"/>
      <c r="AB1165" s="5" t="s">
        <v>43</v>
      </c>
      <c r="AC1165" s="5" t="s">
        <v>44</v>
      </c>
      <c r="AD1165" s="2"/>
      <c r="AE1165" s="1"/>
    </row>
    <row r="1166" spans="1:31" ht="14.45">
      <c r="A1166" s="11"/>
      <c r="B1166" s="20"/>
      <c r="C1166" s="2" t="s">
        <v>3919</v>
      </c>
      <c r="D1166" s="14" t="s">
        <v>3920</v>
      </c>
      <c r="E1166" s="2" t="s">
        <v>3921</v>
      </c>
      <c r="F1166" s="2" t="s">
        <v>1771</v>
      </c>
      <c r="G1166" s="8">
        <v>157</v>
      </c>
      <c r="H1166" s="5">
        <v>6</v>
      </c>
      <c r="I1166" s="5" t="s">
        <v>1518</v>
      </c>
      <c r="J1166" s="5" t="s">
        <v>1519</v>
      </c>
      <c r="K1166" s="2" t="s">
        <v>1520</v>
      </c>
      <c r="L1166" s="5" t="s">
        <v>1519</v>
      </c>
      <c r="M1166" s="2" t="s">
        <v>1520</v>
      </c>
      <c r="N1166" s="5" t="s">
        <v>1521</v>
      </c>
      <c r="O1166" s="5" t="s">
        <v>38</v>
      </c>
      <c r="P1166" s="5" t="s">
        <v>39</v>
      </c>
      <c r="Q1166" s="5" t="s">
        <v>40</v>
      </c>
      <c r="R1166" s="5" t="s">
        <v>1522</v>
      </c>
      <c r="S1166" s="5" t="s">
        <v>1523</v>
      </c>
      <c r="T1166" s="5" t="s">
        <v>42</v>
      </c>
      <c r="U1166" s="2">
        <v>2.0009999999999999</v>
      </c>
      <c r="V1166" s="2">
        <v>1.5940000000000001</v>
      </c>
      <c r="W1166" s="2">
        <v>1.0999999999999999E-2</v>
      </c>
      <c r="X1166" s="2">
        <v>82.9</v>
      </c>
      <c r="Y1166" s="2">
        <v>7.6</v>
      </c>
      <c r="Z1166" s="2">
        <v>16.7</v>
      </c>
      <c r="AA1166" s="5"/>
      <c r="AB1166" s="5" t="s">
        <v>43</v>
      </c>
      <c r="AC1166" s="5" t="s">
        <v>44</v>
      </c>
      <c r="AD1166" s="2"/>
      <c r="AE1166" s="1"/>
    </row>
    <row r="1167" spans="1:31" ht="14.45">
      <c r="A1167" s="11"/>
      <c r="B1167" s="20"/>
      <c r="C1167" s="2" t="s">
        <v>3922</v>
      </c>
      <c r="D1167" s="14" t="s">
        <v>3923</v>
      </c>
      <c r="E1167" s="2" t="s">
        <v>3924</v>
      </c>
      <c r="F1167" s="2" t="s">
        <v>1775</v>
      </c>
      <c r="G1167" s="8">
        <v>157</v>
      </c>
      <c r="H1167" s="5">
        <v>6</v>
      </c>
      <c r="I1167" s="5" t="s">
        <v>1518</v>
      </c>
      <c r="J1167" s="5" t="s">
        <v>1519</v>
      </c>
      <c r="K1167" s="2" t="s">
        <v>1520</v>
      </c>
      <c r="L1167" s="5" t="s">
        <v>1519</v>
      </c>
      <c r="M1167" s="2" t="s">
        <v>1520</v>
      </c>
      <c r="N1167" s="5" t="s">
        <v>1521</v>
      </c>
      <c r="O1167" s="5" t="s">
        <v>38</v>
      </c>
      <c r="P1167" s="5" t="s">
        <v>39</v>
      </c>
      <c r="Q1167" s="5" t="s">
        <v>40</v>
      </c>
      <c r="R1167" s="5" t="s">
        <v>1522</v>
      </c>
      <c r="S1167" s="5" t="s">
        <v>1523</v>
      </c>
      <c r="T1167" s="5" t="s">
        <v>42</v>
      </c>
      <c r="U1167" s="2">
        <v>1.962</v>
      </c>
      <c r="V1167" s="2">
        <v>1.5549999999999999</v>
      </c>
      <c r="W1167" s="2">
        <v>1.0999999999999999E-2</v>
      </c>
      <c r="X1167" s="2">
        <v>82.9</v>
      </c>
      <c r="Y1167" s="2">
        <v>7.6</v>
      </c>
      <c r="Z1167" s="2">
        <v>16.7</v>
      </c>
      <c r="AA1167" s="5"/>
      <c r="AB1167" s="5" t="s">
        <v>43</v>
      </c>
      <c r="AC1167" s="5" t="s">
        <v>44</v>
      </c>
      <c r="AD1167" s="2"/>
      <c r="AE1167" s="1"/>
    </row>
    <row r="1168" spans="1:31" ht="14.45">
      <c r="A1168" s="11"/>
      <c r="B1168" s="20"/>
      <c r="C1168" s="2" t="s">
        <v>3925</v>
      </c>
      <c r="D1168" s="14" t="s">
        <v>3926</v>
      </c>
      <c r="E1168" s="2" t="s">
        <v>3927</v>
      </c>
      <c r="F1168" s="2" t="s">
        <v>1779</v>
      </c>
      <c r="G1168" s="8">
        <v>157</v>
      </c>
      <c r="H1168" s="5">
        <v>6</v>
      </c>
      <c r="I1168" s="5" t="s">
        <v>1518</v>
      </c>
      <c r="J1168" s="5" t="s">
        <v>1519</v>
      </c>
      <c r="K1168" s="2" t="s">
        <v>1520</v>
      </c>
      <c r="L1168" s="5" t="s">
        <v>1519</v>
      </c>
      <c r="M1168" s="2" t="s">
        <v>1520</v>
      </c>
      <c r="N1168" s="5" t="s">
        <v>1521</v>
      </c>
      <c r="O1168" s="5" t="s">
        <v>38</v>
      </c>
      <c r="P1168" s="5" t="s">
        <v>39</v>
      </c>
      <c r="Q1168" s="5" t="s">
        <v>40</v>
      </c>
      <c r="R1168" s="5" t="s">
        <v>1522</v>
      </c>
      <c r="S1168" s="5" t="s">
        <v>1523</v>
      </c>
      <c r="T1168" s="5" t="s">
        <v>42</v>
      </c>
      <c r="U1168" s="2">
        <v>2.0009999999999999</v>
      </c>
      <c r="V1168" s="2">
        <v>1.5940000000000001</v>
      </c>
      <c r="W1168" s="2">
        <v>1.0999999999999999E-2</v>
      </c>
      <c r="X1168" s="2">
        <v>82.9</v>
      </c>
      <c r="Y1168" s="2">
        <v>7.6</v>
      </c>
      <c r="Z1168" s="2">
        <v>16.7</v>
      </c>
      <c r="AA1168" s="5"/>
      <c r="AB1168" s="5" t="s">
        <v>43</v>
      </c>
      <c r="AC1168" s="5" t="s">
        <v>44</v>
      </c>
      <c r="AD1168" s="2"/>
      <c r="AE1168" s="1"/>
    </row>
    <row r="1169" spans="1:31" ht="14.45">
      <c r="A1169" s="11"/>
      <c r="B1169" s="20"/>
      <c r="C1169" s="2" t="s">
        <v>3928</v>
      </c>
      <c r="D1169" s="14" t="s">
        <v>3929</v>
      </c>
      <c r="E1169" s="2" t="s">
        <v>3930</v>
      </c>
      <c r="F1169" s="2" t="s">
        <v>1783</v>
      </c>
      <c r="G1169" s="8">
        <v>157</v>
      </c>
      <c r="H1169" s="5">
        <v>6</v>
      </c>
      <c r="I1169" s="5" t="s">
        <v>1518</v>
      </c>
      <c r="J1169" s="5" t="s">
        <v>1519</v>
      </c>
      <c r="K1169" s="2" t="s">
        <v>1520</v>
      </c>
      <c r="L1169" s="5" t="s">
        <v>1519</v>
      </c>
      <c r="M1169" s="2" t="s">
        <v>1520</v>
      </c>
      <c r="N1169" s="5" t="s">
        <v>1521</v>
      </c>
      <c r="O1169" s="5" t="s">
        <v>38</v>
      </c>
      <c r="P1169" s="5" t="s">
        <v>39</v>
      </c>
      <c r="Q1169" s="5" t="s">
        <v>40</v>
      </c>
      <c r="R1169" s="5" t="s">
        <v>1522</v>
      </c>
      <c r="S1169" s="5" t="s">
        <v>1523</v>
      </c>
      <c r="T1169" s="5" t="s">
        <v>42</v>
      </c>
      <c r="U1169" s="2">
        <v>1.946</v>
      </c>
      <c r="V1169" s="2">
        <v>1.5389999999999999</v>
      </c>
      <c r="W1169" s="2">
        <v>1.0999999999999999E-2</v>
      </c>
      <c r="X1169" s="2">
        <v>82.9</v>
      </c>
      <c r="Y1169" s="2">
        <v>7.6</v>
      </c>
      <c r="Z1169" s="2">
        <v>16.7</v>
      </c>
      <c r="AA1169" s="5"/>
      <c r="AB1169" s="5" t="s">
        <v>43</v>
      </c>
      <c r="AC1169" s="5" t="s">
        <v>44</v>
      </c>
      <c r="AD1169" s="2"/>
      <c r="AE1169" s="1"/>
    </row>
    <row r="1170" spans="1:31" ht="14.45">
      <c r="A1170" s="11"/>
      <c r="B1170" s="20"/>
      <c r="C1170" s="2" t="s">
        <v>3931</v>
      </c>
      <c r="D1170" s="14" t="s">
        <v>3932</v>
      </c>
      <c r="E1170" s="2" t="s">
        <v>3933</v>
      </c>
      <c r="F1170" s="2" t="s">
        <v>1787</v>
      </c>
      <c r="G1170" s="8">
        <v>157</v>
      </c>
      <c r="H1170" s="5">
        <v>6</v>
      </c>
      <c r="I1170" s="5" t="s">
        <v>1518</v>
      </c>
      <c r="J1170" s="5" t="s">
        <v>1519</v>
      </c>
      <c r="K1170" s="2" t="s">
        <v>1520</v>
      </c>
      <c r="L1170" s="5" t="s">
        <v>1519</v>
      </c>
      <c r="M1170" s="2" t="s">
        <v>1520</v>
      </c>
      <c r="N1170" s="5" t="s">
        <v>1521</v>
      </c>
      <c r="O1170" s="5" t="s">
        <v>38</v>
      </c>
      <c r="P1170" s="5" t="s">
        <v>39</v>
      </c>
      <c r="Q1170" s="5" t="s">
        <v>40</v>
      </c>
      <c r="R1170" s="5" t="s">
        <v>1522</v>
      </c>
      <c r="S1170" s="5" t="s">
        <v>1523</v>
      </c>
      <c r="T1170" s="5" t="s">
        <v>42</v>
      </c>
      <c r="U1170" s="2">
        <v>1.9850000000000001</v>
      </c>
      <c r="V1170" s="2">
        <v>1.5780000000000001</v>
      </c>
      <c r="W1170" s="2">
        <v>1.0999999999999999E-2</v>
      </c>
      <c r="X1170" s="2">
        <v>82.9</v>
      </c>
      <c r="Y1170" s="2">
        <v>7.6</v>
      </c>
      <c r="Z1170" s="2">
        <v>16.7</v>
      </c>
      <c r="AA1170" s="5"/>
      <c r="AB1170" s="5" t="s">
        <v>43</v>
      </c>
      <c r="AC1170" s="5" t="s">
        <v>44</v>
      </c>
      <c r="AD1170" s="2"/>
      <c r="AE1170" s="1"/>
    </row>
    <row r="1171" spans="1:31" ht="14.45">
      <c r="A1171" s="11"/>
      <c r="B1171" s="20"/>
      <c r="C1171" s="2" t="s">
        <v>3934</v>
      </c>
      <c r="D1171" s="14" t="s">
        <v>3935</v>
      </c>
      <c r="E1171" s="2" t="s">
        <v>3936</v>
      </c>
      <c r="F1171" s="2" t="s">
        <v>1791</v>
      </c>
      <c r="G1171" s="8">
        <v>157</v>
      </c>
      <c r="H1171" s="5">
        <v>6</v>
      </c>
      <c r="I1171" s="5" t="s">
        <v>1518</v>
      </c>
      <c r="J1171" s="5" t="s">
        <v>1519</v>
      </c>
      <c r="K1171" s="2" t="s">
        <v>1520</v>
      </c>
      <c r="L1171" s="5" t="s">
        <v>1519</v>
      </c>
      <c r="M1171" s="2" t="s">
        <v>1520</v>
      </c>
      <c r="N1171" s="5" t="s">
        <v>1521</v>
      </c>
      <c r="O1171" s="5" t="s">
        <v>38</v>
      </c>
      <c r="P1171" s="5" t="s">
        <v>39</v>
      </c>
      <c r="Q1171" s="5" t="s">
        <v>40</v>
      </c>
      <c r="R1171" s="5" t="s">
        <v>1522</v>
      </c>
      <c r="S1171" s="5" t="s">
        <v>1523</v>
      </c>
      <c r="T1171" s="5" t="s">
        <v>42</v>
      </c>
      <c r="U1171" s="2">
        <v>1.962</v>
      </c>
      <c r="V1171" s="2">
        <v>1.5549999999999999</v>
      </c>
      <c r="W1171" s="2">
        <v>1.0999999999999999E-2</v>
      </c>
      <c r="X1171" s="2">
        <v>82.9</v>
      </c>
      <c r="Y1171" s="2">
        <v>7.6</v>
      </c>
      <c r="Z1171" s="2">
        <v>16.7</v>
      </c>
      <c r="AA1171" s="5"/>
      <c r="AB1171" s="5" t="s">
        <v>43</v>
      </c>
      <c r="AC1171" s="5" t="s">
        <v>44</v>
      </c>
      <c r="AD1171" s="2"/>
      <c r="AE1171" s="1"/>
    </row>
    <row r="1172" spans="1:31" ht="14.45">
      <c r="A1172" s="11"/>
      <c r="B1172" s="20"/>
      <c r="C1172" s="2" t="s">
        <v>3937</v>
      </c>
      <c r="D1172" s="14" t="s">
        <v>3938</v>
      </c>
      <c r="E1172" s="2" t="s">
        <v>3939</v>
      </c>
      <c r="F1172" s="2" t="s">
        <v>1795</v>
      </c>
      <c r="G1172" s="8">
        <v>157</v>
      </c>
      <c r="H1172" s="5">
        <v>6</v>
      </c>
      <c r="I1172" s="5" t="s">
        <v>1518</v>
      </c>
      <c r="J1172" s="5" t="s">
        <v>1519</v>
      </c>
      <c r="K1172" s="2" t="s">
        <v>1520</v>
      </c>
      <c r="L1172" s="5" t="s">
        <v>1519</v>
      </c>
      <c r="M1172" s="2" t="s">
        <v>1520</v>
      </c>
      <c r="N1172" s="5" t="s">
        <v>1521</v>
      </c>
      <c r="O1172" s="5" t="s">
        <v>38</v>
      </c>
      <c r="P1172" s="5" t="s">
        <v>39</v>
      </c>
      <c r="Q1172" s="5" t="s">
        <v>40</v>
      </c>
      <c r="R1172" s="5" t="s">
        <v>1522</v>
      </c>
      <c r="S1172" s="5" t="s">
        <v>1523</v>
      </c>
      <c r="T1172" s="5" t="s">
        <v>42</v>
      </c>
      <c r="U1172" s="2">
        <v>2.0009999999999999</v>
      </c>
      <c r="V1172" s="2">
        <v>1.5940000000000001</v>
      </c>
      <c r="W1172" s="2">
        <v>1.0999999999999999E-2</v>
      </c>
      <c r="X1172" s="2">
        <v>82.9</v>
      </c>
      <c r="Y1172" s="2">
        <v>7.6</v>
      </c>
      <c r="Z1172" s="2">
        <v>16.7</v>
      </c>
      <c r="AA1172" s="5"/>
      <c r="AB1172" s="5" t="s">
        <v>43</v>
      </c>
      <c r="AC1172" s="5" t="s">
        <v>44</v>
      </c>
      <c r="AD1172" s="2"/>
      <c r="AE1172" s="1"/>
    </row>
    <row r="1173" spans="1:31" ht="14.45">
      <c r="A1173" s="11"/>
      <c r="B1173" s="20"/>
      <c r="C1173" s="2" t="s">
        <v>3940</v>
      </c>
      <c r="D1173" s="14" t="s">
        <v>3941</v>
      </c>
      <c r="E1173" s="2" t="s">
        <v>3942</v>
      </c>
      <c r="F1173" s="2" t="s">
        <v>1799</v>
      </c>
      <c r="G1173" s="8">
        <v>157</v>
      </c>
      <c r="H1173" s="5">
        <v>6</v>
      </c>
      <c r="I1173" s="5" t="s">
        <v>1518</v>
      </c>
      <c r="J1173" s="5" t="s">
        <v>1519</v>
      </c>
      <c r="K1173" s="2" t="s">
        <v>1520</v>
      </c>
      <c r="L1173" s="5" t="s">
        <v>1519</v>
      </c>
      <c r="M1173" s="2" t="s">
        <v>1520</v>
      </c>
      <c r="N1173" s="5" t="s">
        <v>1521</v>
      </c>
      <c r="O1173" s="5" t="s">
        <v>38</v>
      </c>
      <c r="P1173" s="5" t="s">
        <v>39</v>
      </c>
      <c r="Q1173" s="5" t="s">
        <v>40</v>
      </c>
      <c r="R1173" s="5" t="s">
        <v>1522</v>
      </c>
      <c r="S1173" s="5" t="s">
        <v>1523</v>
      </c>
      <c r="T1173" s="5" t="s">
        <v>42</v>
      </c>
      <c r="U1173" s="2">
        <v>1.962</v>
      </c>
      <c r="V1173" s="2">
        <v>1.5549999999999999</v>
      </c>
      <c r="W1173" s="2">
        <v>1.0999999999999999E-2</v>
      </c>
      <c r="X1173" s="2">
        <v>82.9</v>
      </c>
      <c r="Y1173" s="2">
        <v>7.6</v>
      </c>
      <c r="Z1173" s="2">
        <v>16.7</v>
      </c>
      <c r="AA1173" s="5"/>
      <c r="AB1173" s="5" t="s">
        <v>43</v>
      </c>
      <c r="AC1173" s="5" t="s">
        <v>44</v>
      </c>
      <c r="AD1173" s="2"/>
      <c r="AE1173" s="1"/>
    </row>
    <row r="1174" spans="1:31" ht="14.45">
      <c r="A1174" s="11"/>
      <c r="B1174" s="20"/>
      <c r="C1174" s="2" t="s">
        <v>3943</v>
      </c>
      <c r="D1174" s="14" t="s">
        <v>3944</v>
      </c>
      <c r="E1174" s="2" t="s">
        <v>3945</v>
      </c>
      <c r="F1174" s="2" t="s">
        <v>1803</v>
      </c>
      <c r="G1174" s="8">
        <v>157</v>
      </c>
      <c r="H1174" s="5">
        <v>6</v>
      </c>
      <c r="I1174" s="5" t="s">
        <v>1518</v>
      </c>
      <c r="J1174" s="5" t="s">
        <v>1519</v>
      </c>
      <c r="K1174" s="2" t="s">
        <v>1520</v>
      </c>
      <c r="L1174" s="5" t="s">
        <v>1519</v>
      </c>
      <c r="M1174" s="2" t="s">
        <v>1520</v>
      </c>
      <c r="N1174" s="5" t="s">
        <v>1521</v>
      </c>
      <c r="O1174" s="5" t="s">
        <v>38</v>
      </c>
      <c r="P1174" s="5" t="s">
        <v>39</v>
      </c>
      <c r="Q1174" s="5" t="s">
        <v>40</v>
      </c>
      <c r="R1174" s="5" t="s">
        <v>1522</v>
      </c>
      <c r="S1174" s="5" t="s">
        <v>1523</v>
      </c>
      <c r="T1174" s="5" t="s">
        <v>42</v>
      </c>
      <c r="U1174" s="2">
        <v>2.0009999999999999</v>
      </c>
      <c r="V1174" s="2">
        <v>1.5940000000000001</v>
      </c>
      <c r="W1174" s="2">
        <v>1.0999999999999999E-2</v>
      </c>
      <c r="X1174" s="2">
        <v>82.9</v>
      </c>
      <c r="Y1174" s="2">
        <v>7.6</v>
      </c>
      <c r="Z1174" s="2">
        <v>16.7</v>
      </c>
      <c r="AA1174" s="5"/>
      <c r="AB1174" s="5" t="s">
        <v>43</v>
      </c>
      <c r="AC1174" s="5" t="s">
        <v>44</v>
      </c>
      <c r="AD1174" s="2"/>
      <c r="AE1174" s="1"/>
    </row>
    <row r="1175" spans="1:31" ht="14.45">
      <c r="A1175" s="11"/>
      <c r="B1175" s="20"/>
      <c r="C1175" s="2" t="s">
        <v>3946</v>
      </c>
      <c r="D1175" s="14" t="s">
        <v>3947</v>
      </c>
      <c r="E1175" s="2" t="s">
        <v>3948</v>
      </c>
      <c r="F1175" s="2" t="s">
        <v>1807</v>
      </c>
      <c r="G1175" s="8">
        <v>157</v>
      </c>
      <c r="H1175" s="5">
        <v>6</v>
      </c>
      <c r="I1175" s="5" t="s">
        <v>1518</v>
      </c>
      <c r="J1175" s="5" t="s">
        <v>1519</v>
      </c>
      <c r="K1175" s="2" t="s">
        <v>1520</v>
      </c>
      <c r="L1175" s="5" t="s">
        <v>1519</v>
      </c>
      <c r="M1175" s="2" t="s">
        <v>1520</v>
      </c>
      <c r="N1175" s="5" t="s">
        <v>1521</v>
      </c>
      <c r="O1175" s="5" t="s">
        <v>38</v>
      </c>
      <c r="P1175" s="5" t="s">
        <v>39</v>
      </c>
      <c r="Q1175" s="5" t="s">
        <v>40</v>
      </c>
      <c r="R1175" s="5" t="s">
        <v>1522</v>
      </c>
      <c r="S1175" s="5" t="s">
        <v>1523</v>
      </c>
      <c r="T1175" s="5" t="s">
        <v>42</v>
      </c>
      <c r="U1175" s="2">
        <v>1.962</v>
      </c>
      <c r="V1175" s="2">
        <v>1.5549999999999999</v>
      </c>
      <c r="W1175" s="2">
        <v>1.0999999999999999E-2</v>
      </c>
      <c r="X1175" s="2">
        <v>82.9</v>
      </c>
      <c r="Y1175" s="2">
        <v>7.6</v>
      </c>
      <c r="Z1175" s="2">
        <v>16.7</v>
      </c>
      <c r="AA1175" s="5"/>
      <c r="AB1175" s="5" t="s">
        <v>43</v>
      </c>
      <c r="AC1175" s="5" t="s">
        <v>44</v>
      </c>
      <c r="AD1175" s="2"/>
      <c r="AE1175" s="1"/>
    </row>
    <row r="1176" spans="1:31" ht="14.45">
      <c r="A1176" s="11"/>
      <c r="B1176" s="20"/>
      <c r="C1176" s="2" t="s">
        <v>3949</v>
      </c>
      <c r="D1176" s="14" t="s">
        <v>3950</v>
      </c>
      <c r="E1176" s="2" t="s">
        <v>3951</v>
      </c>
      <c r="F1176" s="2" t="s">
        <v>1811</v>
      </c>
      <c r="G1176" s="8">
        <v>157</v>
      </c>
      <c r="H1176" s="5">
        <v>6</v>
      </c>
      <c r="I1176" s="5" t="s">
        <v>1518</v>
      </c>
      <c r="J1176" s="5" t="s">
        <v>1519</v>
      </c>
      <c r="K1176" s="2" t="s">
        <v>1520</v>
      </c>
      <c r="L1176" s="5" t="s">
        <v>1519</v>
      </c>
      <c r="M1176" s="2" t="s">
        <v>1520</v>
      </c>
      <c r="N1176" s="5" t="s">
        <v>1521</v>
      </c>
      <c r="O1176" s="5" t="s">
        <v>38</v>
      </c>
      <c r="P1176" s="5" t="s">
        <v>39</v>
      </c>
      <c r="Q1176" s="5" t="s">
        <v>40</v>
      </c>
      <c r="R1176" s="5" t="s">
        <v>1522</v>
      </c>
      <c r="S1176" s="5" t="s">
        <v>1523</v>
      </c>
      <c r="T1176" s="5" t="s">
        <v>42</v>
      </c>
      <c r="U1176" s="2">
        <v>2.0009999999999999</v>
      </c>
      <c r="V1176" s="2">
        <v>1.5940000000000001</v>
      </c>
      <c r="W1176" s="2">
        <v>1.0999999999999999E-2</v>
      </c>
      <c r="X1176" s="2">
        <v>82.9</v>
      </c>
      <c r="Y1176" s="2">
        <v>7.6</v>
      </c>
      <c r="Z1176" s="2">
        <v>16.7</v>
      </c>
      <c r="AA1176" s="5"/>
      <c r="AB1176" s="5" t="s">
        <v>43</v>
      </c>
      <c r="AC1176" s="5" t="s">
        <v>44</v>
      </c>
      <c r="AD1176" s="2"/>
      <c r="AE1176" s="1"/>
    </row>
    <row r="1177" spans="1:31" ht="14.45">
      <c r="A1177" s="11"/>
      <c r="B1177" s="20"/>
      <c r="C1177" s="2" t="s">
        <v>3952</v>
      </c>
      <c r="D1177" s="14" t="s">
        <v>3953</v>
      </c>
      <c r="E1177" s="2" t="s">
        <v>3954</v>
      </c>
      <c r="F1177" s="2" t="s">
        <v>1815</v>
      </c>
      <c r="G1177" s="8">
        <v>157</v>
      </c>
      <c r="H1177" s="5">
        <v>6</v>
      </c>
      <c r="I1177" s="5" t="s">
        <v>1518</v>
      </c>
      <c r="J1177" s="5" t="s">
        <v>1519</v>
      </c>
      <c r="K1177" s="2" t="s">
        <v>1520</v>
      </c>
      <c r="L1177" s="5" t="s">
        <v>1519</v>
      </c>
      <c r="M1177" s="2" t="s">
        <v>1520</v>
      </c>
      <c r="N1177" s="5" t="s">
        <v>1521</v>
      </c>
      <c r="O1177" s="5" t="s">
        <v>38</v>
      </c>
      <c r="P1177" s="5" t="s">
        <v>39</v>
      </c>
      <c r="Q1177" s="5" t="s">
        <v>40</v>
      </c>
      <c r="R1177" s="5" t="s">
        <v>1522</v>
      </c>
      <c r="S1177" s="5" t="s">
        <v>1523</v>
      </c>
      <c r="T1177" s="5" t="s">
        <v>42</v>
      </c>
      <c r="U1177" s="2">
        <v>1.946</v>
      </c>
      <c r="V1177" s="2">
        <v>1.5389999999999999</v>
      </c>
      <c r="W1177" s="2">
        <v>1.0999999999999999E-2</v>
      </c>
      <c r="X1177" s="2">
        <v>82.9</v>
      </c>
      <c r="Y1177" s="2">
        <v>7.6</v>
      </c>
      <c r="Z1177" s="2">
        <v>16.7</v>
      </c>
      <c r="AA1177" s="5"/>
      <c r="AB1177" s="5" t="s">
        <v>43</v>
      </c>
      <c r="AC1177" s="5" t="s">
        <v>44</v>
      </c>
      <c r="AD1177" s="2"/>
      <c r="AE1177" s="1"/>
    </row>
    <row r="1178" spans="1:31" ht="14.45">
      <c r="A1178" s="11"/>
      <c r="B1178" s="20"/>
      <c r="C1178" s="2" t="s">
        <v>3955</v>
      </c>
      <c r="D1178" s="14" t="s">
        <v>3956</v>
      </c>
      <c r="E1178" s="2" t="s">
        <v>3957</v>
      </c>
      <c r="F1178" s="2" t="s">
        <v>1819</v>
      </c>
      <c r="G1178" s="8">
        <v>157</v>
      </c>
      <c r="H1178" s="5">
        <v>6</v>
      </c>
      <c r="I1178" s="5" t="s">
        <v>1518</v>
      </c>
      <c r="J1178" s="5" t="s">
        <v>1519</v>
      </c>
      <c r="K1178" s="2" t="s">
        <v>1520</v>
      </c>
      <c r="L1178" s="5" t="s">
        <v>1519</v>
      </c>
      <c r="M1178" s="2" t="s">
        <v>1520</v>
      </c>
      <c r="N1178" s="5" t="s">
        <v>1521</v>
      </c>
      <c r="O1178" s="5" t="s">
        <v>38</v>
      </c>
      <c r="P1178" s="5" t="s">
        <v>39</v>
      </c>
      <c r="Q1178" s="5" t="s">
        <v>40</v>
      </c>
      <c r="R1178" s="5" t="s">
        <v>1522</v>
      </c>
      <c r="S1178" s="5" t="s">
        <v>1523</v>
      </c>
      <c r="T1178" s="5" t="s">
        <v>42</v>
      </c>
      <c r="U1178" s="2">
        <v>1.9850000000000001</v>
      </c>
      <c r="V1178" s="2">
        <v>1.5780000000000001</v>
      </c>
      <c r="W1178" s="2">
        <v>1.0999999999999999E-2</v>
      </c>
      <c r="X1178" s="2">
        <v>82.9</v>
      </c>
      <c r="Y1178" s="2">
        <v>7.6</v>
      </c>
      <c r="Z1178" s="2">
        <v>16.7</v>
      </c>
      <c r="AA1178" s="5"/>
      <c r="AB1178" s="5" t="s">
        <v>43</v>
      </c>
      <c r="AC1178" s="5" t="s">
        <v>44</v>
      </c>
      <c r="AD1178" s="2"/>
      <c r="AE1178" s="1"/>
    </row>
    <row r="1179" spans="1:31" ht="14.45">
      <c r="A1179" s="11"/>
      <c r="B1179" s="20"/>
      <c r="C1179" s="2" t="s">
        <v>3958</v>
      </c>
      <c r="D1179" s="14" t="s">
        <v>3959</v>
      </c>
      <c r="E1179" s="2" t="s">
        <v>3960</v>
      </c>
      <c r="F1179" s="2" t="s">
        <v>1823</v>
      </c>
      <c r="G1179" s="8">
        <v>157</v>
      </c>
      <c r="H1179" s="5">
        <v>8</v>
      </c>
      <c r="I1179" s="5" t="s">
        <v>1518</v>
      </c>
      <c r="J1179" s="5" t="s">
        <v>1519</v>
      </c>
      <c r="K1179" s="2" t="s">
        <v>1520</v>
      </c>
      <c r="L1179" s="5" t="s">
        <v>1519</v>
      </c>
      <c r="M1179" s="2" t="s">
        <v>1520</v>
      </c>
      <c r="N1179" s="5" t="s">
        <v>1521</v>
      </c>
      <c r="O1179" s="5" t="s">
        <v>38</v>
      </c>
      <c r="P1179" s="5" t="s">
        <v>39</v>
      </c>
      <c r="Q1179" s="5" t="s">
        <v>40</v>
      </c>
      <c r="R1179" s="5" t="s">
        <v>1522</v>
      </c>
      <c r="S1179" s="5" t="s">
        <v>1523</v>
      </c>
      <c r="T1179" s="5" t="s">
        <v>42</v>
      </c>
      <c r="U1179" s="2">
        <v>1.9730000000000001</v>
      </c>
      <c r="V1179" s="2">
        <v>1.5660000000000001</v>
      </c>
      <c r="W1179" s="2">
        <v>1.0999999999999999E-2</v>
      </c>
      <c r="X1179" s="2">
        <v>82.9</v>
      </c>
      <c r="Y1179" s="2">
        <v>7.6</v>
      </c>
      <c r="Z1179" s="2">
        <v>16.7</v>
      </c>
      <c r="AA1179" s="5"/>
      <c r="AB1179" s="5" t="s">
        <v>43</v>
      </c>
      <c r="AC1179" s="5" t="s">
        <v>44</v>
      </c>
      <c r="AD1179" s="2"/>
      <c r="AE1179" s="1"/>
    </row>
    <row r="1180" spans="1:31" ht="14.45">
      <c r="A1180" s="11"/>
      <c r="B1180" s="20"/>
      <c r="C1180" s="2" t="s">
        <v>3961</v>
      </c>
      <c r="D1180" s="14" t="s">
        <v>3962</v>
      </c>
      <c r="E1180" s="2" t="s">
        <v>3963</v>
      </c>
      <c r="F1180" s="2" t="s">
        <v>1827</v>
      </c>
      <c r="G1180" s="8">
        <v>157</v>
      </c>
      <c r="H1180" s="5">
        <v>8</v>
      </c>
      <c r="I1180" s="5" t="s">
        <v>1518</v>
      </c>
      <c r="J1180" s="5" t="s">
        <v>1519</v>
      </c>
      <c r="K1180" s="2" t="s">
        <v>1520</v>
      </c>
      <c r="L1180" s="5" t="s">
        <v>1519</v>
      </c>
      <c r="M1180" s="2" t="s">
        <v>1520</v>
      </c>
      <c r="N1180" s="5" t="s">
        <v>1521</v>
      </c>
      <c r="O1180" s="5" t="s">
        <v>38</v>
      </c>
      <c r="P1180" s="5" t="s">
        <v>39</v>
      </c>
      <c r="Q1180" s="5" t="s">
        <v>40</v>
      </c>
      <c r="R1180" s="5" t="s">
        <v>1522</v>
      </c>
      <c r="S1180" s="5" t="s">
        <v>1523</v>
      </c>
      <c r="T1180" s="5" t="s">
        <v>42</v>
      </c>
      <c r="U1180" s="2">
        <v>2.012</v>
      </c>
      <c r="V1180" s="2">
        <v>1.605</v>
      </c>
      <c r="W1180" s="2">
        <v>1.0999999999999999E-2</v>
      </c>
      <c r="X1180" s="2">
        <v>82.9</v>
      </c>
      <c r="Y1180" s="2">
        <v>7.6</v>
      </c>
      <c r="Z1180" s="2">
        <v>16.7</v>
      </c>
      <c r="AA1180" s="5"/>
      <c r="AB1180" s="5" t="s">
        <v>43</v>
      </c>
      <c r="AC1180" s="5" t="s">
        <v>44</v>
      </c>
      <c r="AD1180" s="2"/>
      <c r="AE1180" s="1"/>
    </row>
    <row r="1181" spans="1:31" ht="14.45">
      <c r="A1181" s="11"/>
      <c r="B1181" s="20"/>
      <c r="C1181" s="2" t="s">
        <v>3964</v>
      </c>
      <c r="D1181" s="14" t="s">
        <v>3965</v>
      </c>
      <c r="E1181" s="2" t="s">
        <v>3966</v>
      </c>
      <c r="F1181" s="2" t="s">
        <v>1973</v>
      </c>
      <c r="G1181" s="8">
        <v>157</v>
      </c>
      <c r="H1181" s="5">
        <v>13</v>
      </c>
      <c r="I1181" s="5" t="s">
        <v>1518</v>
      </c>
      <c r="J1181" s="5" t="s">
        <v>1519</v>
      </c>
      <c r="K1181" s="2" t="s">
        <v>1520</v>
      </c>
      <c r="L1181" s="5" t="s">
        <v>1519</v>
      </c>
      <c r="M1181" s="2" t="s">
        <v>1520</v>
      </c>
      <c r="N1181" s="5" t="s">
        <v>1521</v>
      </c>
      <c r="O1181" s="5" t="s">
        <v>38</v>
      </c>
      <c r="P1181" s="5" t="s">
        <v>39</v>
      </c>
      <c r="Q1181" s="5" t="s">
        <v>40</v>
      </c>
      <c r="R1181" s="5" t="s">
        <v>1522</v>
      </c>
      <c r="S1181" s="5" t="s">
        <v>1523</v>
      </c>
      <c r="T1181" s="5" t="s">
        <v>42</v>
      </c>
      <c r="U1181" s="2">
        <v>1.9910000000000001</v>
      </c>
      <c r="V1181" s="2">
        <v>1.5840000000000001</v>
      </c>
      <c r="W1181" s="2">
        <v>1.0999999999999999E-2</v>
      </c>
      <c r="X1181" s="2">
        <v>82.9</v>
      </c>
      <c r="Y1181" s="2">
        <v>7.6</v>
      </c>
      <c r="Z1181" s="2">
        <v>16.7</v>
      </c>
      <c r="AA1181" s="5"/>
      <c r="AB1181" s="5" t="s">
        <v>43</v>
      </c>
      <c r="AC1181" s="5" t="s">
        <v>44</v>
      </c>
      <c r="AD1181" s="2"/>
      <c r="AE1181" s="1"/>
    </row>
    <row r="1182" spans="1:31" ht="14.45">
      <c r="A1182" s="11"/>
      <c r="B1182" s="20"/>
      <c r="C1182" s="2" t="s">
        <v>3967</v>
      </c>
      <c r="D1182" s="14" t="s">
        <v>3968</v>
      </c>
      <c r="E1182" s="2" t="s">
        <v>3969</v>
      </c>
      <c r="F1182" s="2" t="s">
        <v>2348</v>
      </c>
      <c r="G1182" s="8">
        <v>157</v>
      </c>
      <c r="H1182" s="5">
        <v>13</v>
      </c>
      <c r="I1182" s="5" t="s">
        <v>1518</v>
      </c>
      <c r="J1182" s="5" t="s">
        <v>1519</v>
      </c>
      <c r="K1182" s="2" t="s">
        <v>1520</v>
      </c>
      <c r="L1182" s="5" t="s">
        <v>1519</v>
      </c>
      <c r="M1182" s="2" t="s">
        <v>1520</v>
      </c>
      <c r="N1182" s="5" t="s">
        <v>1521</v>
      </c>
      <c r="O1182" s="5" t="s">
        <v>38</v>
      </c>
      <c r="P1182" s="5" t="s">
        <v>39</v>
      </c>
      <c r="Q1182" s="5" t="s">
        <v>40</v>
      </c>
      <c r="R1182" s="5" t="s">
        <v>1522</v>
      </c>
      <c r="S1182" s="5" t="s">
        <v>1523</v>
      </c>
      <c r="T1182" s="5" t="s">
        <v>42</v>
      </c>
      <c r="U1182" s="2">
        <v>2.0299999999999998</v>
      </c>
      <c r="V1182" s="2">
        <v>1.623</v>
      </c>
      <c r="W1182" s="2">
        <v>1.0999999999999999E-2</v>
      </c>
      <c r="X1182" s="2">
        <v>82.9</v>
      </c>
      <c r="Y1182" s="2">
        <v>7.6</v>
      </c>
      <c r="Z1182" s="2">
        <v>16.7</v>
      </c>
      <c r="AA1182" s="5"/>
      <c r="AB1182" s="5" t="s">
        <v>43</v>
      </c>
      <c r="AC1182" s="5" t="s">
        <v>44</v>
      </c>
      <c r="AD1182" s="2"/>
      <c r="AE1182" s="1"/>
    </row>
    <row r="1183" spans="1:31" ht="14.45">
      <c r="A1183" s="11"/>
      <c r="B1183" s="20"/>
      <c r="C1183" s="2" t="s">
        <v>3970</v>
      </c>
      <c r="D1183" s="14" t="s">
        <v>3971</v>
      </c>
      <c r="E1183" s="2" t="s">
        <v>3972</v>
      </c>
      <c r="F1183" s="2" t="s">
        <v>2204</v>
      </c>
      <c r="G1183" s="8">
        <v>157</v>
      </c>
      <c r="H1183" s="5">
        <v>13</v>
      </c>
      <c r="I1183" s="5" t="s">
        <v>1518</v>
      </c>
      <c r="J1183" s="5" t="s">
        <v>1519</v>
      </c>
      <c r="K1183" s="2" t="s">
        <v>1520</v>
      </c>
      <c r="L1183" s="5" t="s">
        <v>1519</v>
      </c>
      <c r="M1183" s="2" t="s">
        <v>1520</v>
      </c>
      <c r="N1183" s="5" t="s">
        <v>1521</v>
      </c>
      <c r="O1183" s="5" t="s">
        <v>38</v>
      </c>
      <c r="P1183" s="5" t="s">
        <v>39</v>
      </c>
      <c r="Q1183" s="5" t="s">
        <v>40</v>
      </c>
      <c r="R1183" s="5" t="s">
        <v>1522</v>
      </c>
      <c r="S1183" s="5" t="s">
        <v>1523</v>
      </c>
      <c r="T1183" s="5" t="s">
        <v>42</v>
      </c>
      <c r="U1183" s="2">
        <v>1.9910000000000001</v>
      </c>
      <c r="V1183" s="2">
        <v>1.5840000000000001</v>
      </c>
      <c r="W1183" s="2">
        <v>1.0999999999999999E-2</v>
      </c>
      <c r="X1183" s="2">
        <v>82.9</v>
      </c>
      <c r="Y1183" s="2">
        <v>7.6</v>
      </c>
      <c r="Z1183" s="2">
        <v>16.7</v>
      </c>
      <c r="AA1183" s="5"/>
      <c r="AB1183" s="5" t="s">
        <v>43</v>
      </c>
      <c r="AC1183" s="5" t="s">
        <v>44</v>
      </c>
      <c r="AD1183" s="2"/>
      <c r="AE1183" s="1"/>
    </row>
    <row r="1184" spans="1:31" ht="14.45">
      <c r="A1184" s="11"/>
      <c r="B1184" s="20"/>
      <c r="C1184" s="2" t="s">
        <v>3973</v>
      </c>
      <c r="D1184" s="14" t="s">
        <v>3974</v>
      </c>
      <c r="E1184" s="2" t="s">
        <v>3975</v>
      </c>
      <c r="F1184" s="2" t="s">
        <v>2208</v>
      </c>
      <c r="G1184" s="8">
        <v>157</v>
      </c>
      <c r="H1184" s="5">
        <v>13</v>
      </c>
      <c r="I1184" s="5" t="s">
        <v>1518</v>
      </c>
      <c r="J1184" s="5" t="s">
        <v>1519</v>
      </c>
      <c r="K1184" s="2" t="s">
        <v>1520</v>
      </c>
      <c r="L1184" s="5" t="s">
        <v>1519</v>
      </c>
      <c r="M1184" s="2" t="s">
        <v>1520</v>
      </c>
      <c r="N1184" s="5" t="s">
        <v>1521</v>
      </c>
      <c r="O1184" s="5" t="s">
        <v>38</v>
      </c>
      <c r="P1184" s="5" t="s">
        <v>39</v>
      </c>
      <c r="Q1184" s="5" t="s">
        <v>40</v>
      </c>
      <c r="R1184" s="5" t="s">
        <v>1522</v>
      </c>
      <c r="S1184" s="5" t="s">
        <v>1523</v>
      </c>
      <c r="T1184" s="5" t="s">
        <v>42</v>
      </c>
      <c r="U1184" s="2">
        <v>1.9910000000000001</v>
      </c>
      <c r="V1184" s="2">
        <v>1.5840000000000001</v>
      </c>
      <c r="W1184" s="2">
        <v>1.0999999999999999E-2</v>
      </c>
      <c r="X1184" s="2">
        <v>82.9</v>
      </c>
      <c r="Y1184" s="2">
        <v>7.6</v>
      </c>
      <c r="Z1184" s="2">
        <v>16.7</v>
      </c>
      <c r="AA1184" s="5"/>
      <c r="AB1184" s="5" t="s">
        <v>43</v>
      </c>
      <c r="AC1184" s="5" t="s">
        <v>44</v>
      </c>
      <c r="AD1184" s="2"/>
      <c r="AE1184" s="1"/>
    </row>
    <row r="1185" spans="1:31" ht="14.45">
      <c r="A1185" s="11"/>
      <c r="B1185" s="20"/>
      <c r="C1185" s="2" t="s">
        <v>3976</v>
      </c>
      <c r="D1185" s="14" t="s">
        <v>3977</v>
      </c>
      <c r="E1185" s="2" t="s">
        <v>3978</v>
      </c>
      <c r="F1185" s="2" t="s">
        <v>2212</v>
      </c>
      <c r="G1185" s="8">
        <v>157</v>
      </c>
      <c r="H1185" s="5">
        <v>13</v>
      </c>
      <c r="I1185" s="5" t="s">
        <v>1518</v>
      </c>
      <c r="J1185" s="5" t="s">
        <v>1519</v>
      </c>
      <c r="K1185" s="2" t="s">
        <v>1520</v>
      </c>
      <c r="L1185" s="5" t="s">
        <v>1519</v>
      </c>
      <c r="M1185" s="2" t="s">
        <v>1520</v>
      </c>
      <c r="N1185" s="5" t="s">
        <v>1521</v>
      </c>
      <c r="O1185" s="5" t="s">
        <v>38</v>
      </c>
      <c r="P1185" s="5" t="s">
        <v>39</v>
      </c>
      <c r="Q1185" s="5" t="s">
        <v>40</v>
      </c>
      <c r="R1185" s="5" t="s">
        <v>1522</v>
      </c>
      <c r="S1185" s="5" t="s">
        <v>1523</v>
      </c>
      <c r="T1185" s="5" t="s">
        <v>42</v>
      </c>
      <c r="U1185" s="2">
        <v>2.0299999999999998</v>
      </c>
      <c r="V1185" s="2">
        <v>1.623</v>
      </c>
      <c r="W1185" s="2">
        <v>1.0999999999999999E-2</v>
      </c>
      <c r="X1185" s="2">
        <v>82.9</v>
      </c>
      <c r="Y1185" s="2">
        <v>7.6</v>
      </c>
      <c r="Z1185" s="2">
        <v>16.7</v>
      </c>
      <c r="AA1185" s="5"/>
      <c r="AB1185" s="5" t="s">
        <v>43</v>
      </c>
      <c r="AC1185" s="5" t="s">
        <v>44</v>
      </c>
      <c r="AD1185" s="2"/>
      <c r="AE1185" s="1"/>
    </row>
    <row r="1186" spans="1:31" ht="14.45">
      <c r="A1186" s="11"/>
      <c r="B1186" s="20"/>
      <c r="C1186" s="2" t="s">
        <v>3979</v>
      </c>
      <c r="D1186" s="14" t="s">
        <v>3980</v>
      </c>
      <c r="E1186" s="2" t="s">
        <v>3981</v>
      </c>
      <c r="F1186" s="2" t="s">
        <v>1831</v>
      </c>
      <c r="G1186" s="8">
        <v>157</v>
      </c>
      <c r="H1186" s="5">
        <v>13</v>
      </c>
      <c r="I1186" s="5" t="s">
        <v>1518</v>
      </c>
      <c r="J1186" s="5" t="s">
        <v>1519</v>
      </c>
      <c r="K1186" s="2" t="s">
        <v>1520</v>
      </c>
      <c r="L1186" s="5" t="s">
        <v>1519</v>
      </c>
      <c r="M1186" s="2" t="s">
        <v>1520</v>
      </c>
      <c r="N1186" s="5" t="s">
        <v>1521</v>
      </c>
      <c r="O1186" s="5" t="s">
        <v>38</v>
      </c>
      <c r="P1186" s="5" t="s">
        <v>39</v>
      </c>
      <c r="Q1186" s="5" t="s">
        <v>40</v>
      </c>
      <c r="R1186" s="5" t="s">
        <v>1522</v>
      </c>
      <c r="S1186" s="5" t="s">
        <v>1523</v>
      </c>
      <c r="T1186" s="5" t="s">
        <v>42</v>
      </c>
      <c r="U1186" s="2">
        <v>1.9910000000000001</v>
      </c>
      <c r="V1186" s="2">
        <v>1.5840000000000001</v>
      </c>
      <c r="W1186" s="2">
        <v>1.0999999999999999E-2</v>
      </c>
      <c r="X1186" s="2">
        <v>82.9</v>
      </c>
      <c r="Y1186" s="2">
        <v>7.6</v>
      </c>
      <c r="Z1186" s="2">
        <v>16.7</v>
      </c>
      <c r="AA1186" s="5"/>
      <c r="AB1186" s="5" t="s">
        <v>43</v>
      </c>
      <c r="AC1186" s="5" t="s">
        <v>44</v>
      </c>
      <c r="AD1186" s="2"/>
      <c r="AE1186" s="1"/>
    </row>
    <row r="1187" spans="1:31" ht="14.45">
      <c r="A1187" s="11"/>
      <c r="B1187" s="20"/>
      <c r="C1187" s="2" t="s">
        <v>3982</v>
      </c>
      <c r="D1187" s="14" t="s">
        <v>3983</v>
      </c>
      <c r="E1187" s="2" t="s">
        <v>3984</v>
      </c>
      <c r="F1187" s="2" t="s">
        <v>1835</v>
      </c>
      <c r="G1187" s="8">
        <v>157</v>
      </c>
      <c r="H1187" s="5">
        <v>13</v>
      </c>
      <c r="I1187" s="5" t="s">
        <v>1518</v>
      </c>
      <c r="J1187" s="5" t="s">
        <v>1519</v>
      </c>
      <c r="K1187" s="2" t="s">
        <v>1520</v>
      </c>
      <c r="L1187" s="5" t="s">
        <v>1519</v>
      </c>
      <c r="M1187" s="2" t="s">
        <v>1520</v>
      </c>
      <c r="N1187" s="5" t="s">
        <v>1521</v>
      </c>
      <c r="O1187" s="5" t="s">
        <v>38</v>
      </c>
      <c r="P1187" s="5" t="s">
        <v>39</v>
      </c>
      <c r="Q1187" s="5" t="s">
        <v>40</v>
      </c>
      <c r="R1187" s="5" t="s">
        <v>1522</v>
      </c>
      <c r="S1187" s="5" t="s">
        <v>1523</v>
      </c>
      <c r="T1187" s="5" t="s">
        <v>42</v>
      </c>
      <c r="U1187" s="2">
        <v>2.0299999999999998</v>
      </c>
      <c r="V1187" s="2">
        <v>1.623</v>
      </c>
      <c r="W1187" s="2">
        <v>1.0999999999999999E-2</v>
      </c>
      <c r="X1187" s="2">
        <v>82.9</v>
      </c>
      <c r="Y1187" s="2">
        <v>7.6</v>
      </c>
      <c r="Z1187" s="2">
        <v>16.7</v>
      </c>
      <c r="AA1187" s="5"/>
      <c r="AB1187" s="5" t="s">
        <v>43</v>
      </c>
      <c r="AC1187" s="5" t="s">
        <v>44</v>
      </c>
      <c r="AD1187" s="2"/>
      <c r="AE1187" s="1"/>
    </row>
    <row r="1188" spans="1:31" ht="14.45">
      <c r="A1188" s="11"/>
      <c r="B1188" s="20"/>
      <c r="C1188" s="2" t="s">
        <v>3985</v>
      </c>
      <c r="D1188" s="14" t="s">
        <v>3986</v>
      </c>
      <c r="E1188" s="2" t="s">
        <v>3987</v>
      </c>
      <c r="F1188" s="2" t="s">
        <v>1839</v>
      </c>
      <c r="G1188" s="8">
        <v>157</v>
      </c>
      <c r="H1188" s="5">
        <v>13</v>
      </c>
      <c r="I1188" s="5" t="s">
        <v>1518</v>
      </c>
      <c r="J1188" s="5" t="s">
        <v>1519</v>
      </c>
      <c r="K1188" s="2" t="s">
        <v>1520</v>
      </c>
      <c r="L1188" s="5" t="s">
        <v>1519</v>
      </c>
      <c r="M1188" s="2" t="s">
        <v>1520</v>
      </c>
      <c r="N1188" s="5" t="s">
        <v>1521</v>
      </c>
      <c r="O1188" s="5" t="s">
        <v>38</v>
      </c>
      <c r="P1188" s="5" t="s">
        <v>39</v>
      </c>
      <c r="Q1188" s="5" t="s">
        <v>40</v>
      </c>
      <c r="R1188" s="5" t="s">
        <v>1522</v>
      </c>
      <c r="S1188" s="5" t="s">
        <v>1523</v>
      </c>
      <c r="T1188" s="5" t="s">
        <v>42</v>
      </c>
      <c r="U1188" s="2">
        <v>1.9910000000000001</v>
      </c>
      <c r="V1188" s="2">
        <v>1.5840000000000001</v>
      </c>
      <c r="W1188" s="2">
        <v>1.0999999999999999E-2</v>
      </c>
      <c r="X1188" s="2">
        <v>82.9</v>
      </c>
      <c r="Y1188" s="2">
        <v>7.6</v>
      </c>
      <c r="Z1188" s="2">
        <v>16.7</v>
      </c>
      <c r="AA1188" s="5"/>
      <c r="AB1188" s="5" t="s">
        <v>43</v>
      </c>
      <c r="AC1188" s="5" t="s">
        <v>44</v>
      </c>
      <c r="AD1188" s="2"/>
      <c r="AE1188" s="1"/>
    </row>
    <row r="1189" spans="1:31" ht="14.45">
      <c r="A1189" s="11"/>
      <c r="B1189" s="20"/>
      <c r="C1189" s="2" t="s">
        <v>3988</v>
      </c>
      <c r="D1189" s="14" t="s">
        <v>3989</v>
      </c>
      <c r="E1189" s="2" t="s">
        <v>3990</v>
      </c>
      <c r="F1189" s="2" t="s">
        <v>1986</v>
      </c>
      <c r="G1189" s="8">
        <v>157</v>
      </c>
      <c r="H1189" s="5">
        <v>13</v>
      </c>
      <c r="I1189" s="5" t="s">
        <v>1518</v>
      </c>
      <c r="J1189" s="5" t="s">
        <v>1519</v>
      </c>
      <c r="K1189" s="2" t="s">
        <v>1520</v>
      </c>
      <c r="L1189" s="5" t="s">
        <v>1519</v>
      </c>
      <c r="M1189" s="2" t="s">
        <v>1520</v>
      </c>
      <c r="N1189" s="5" t="s">
        <v>1521</v>
      </c>
      <c r="O1189" s="5" t="s">
        <v>38</v>
      </c>
      <c r="P1189" s="5" t="s">
        <v>39</v>
      </c>
      <c r="Q1189" s="5" t="s">
        <v>40</v>
      </c>
      <c r="R1189" s="5" t="s">
        <v>1522</v>
      </c>
      <c r="S1189" s="5" t="s">
        <v>1523</v>
      </c>
      <c r="T1189" s="5" t="s">
        <v>42</v>
      </c>
      <c r="U1189" s="2">
        <v>2.0299999999999998</v>
      </c>
      <c r="V1189" s="2">
        <v>1.623</v>
      </c>
      <c r="W1189" s="2">
        <v>1.0999999999999999E-2</v>
      </c>
      <c r="X1189" s="2">
        <v>82.9</v>
      </c>
      <c r="Y1189" s="2">
        <v>7.6</v>
      </c>
      <c r="Z1189" s="2">
        <v>16.7</v>
      </c>
      <c r="AA1189" s="5"/>
      <c r="AB1189" s="5" t="s">
        <v>43</v>
      </c>
      <c r="AC1189" s="5" t="s">
        <v>44</v>
      </c>
      <c r="AD1189" s="2"/>
      <c r="AE1189" s="1"/>
    </row>
    <row r="1190" spans="1:31" ht="14.45">
      <c r="A1190" s="11"/>
      <c r="B1190" s="20"/>
      <c r="C1190" s="2" t="s">
        <v>3991</v>
      </c>
      <c r="D1190" s="14" t="s">
        <v>3992</v>
      </c>
      <c r="E1190" s="2" t="s">
        <v>3993</v>
      </c>
      <c r="F1190" s="2" t="s">
        <v>1843</v>
      </c>
      <c r="G1190" s="8">
        <v>157</v>
      </c>
      <c r="H1190" s="5">
        <v>13</v>
      </c>
      <c r="I1190" s="5" t="s">
        <v>1518</v>
      </c>
      <c r="J1190" s="5" t="s">
        <v>1519</v>
      </c>
      <c r="K1190" s="2" t="s">
        <v>1520</v>
      </c>
      <c r="L1190" s="5" t="s">
        <v>1519</v>
      </c>
      <c r="M1190" s="2" t="s">
        <v>1520</v>
      </c>
      <c r="N1190" s="5" t="s">
        <v>1521</v>
      </c>
      <c r="O1190" s="5" t="s">
        <v>38</v>
      </c>
      <c r="P1190" s="5" t="s">
        <v>39</v>
      </c>
      <c r="Q1190" s="5" t="s">
        <v>40</v>
      </c>
      <c r="R1190" s="5" t="s">
        <v>1522</v>
      </c>
      <c r="S1190" s="5" t="s">
        <v>1523</v>
      </c>
      <c r="T1190" s="5" t="s">
        <v>42</v>
      </c>
      <c r="U1190" s="2">
        <v>1.9910000000000001</v>
      </c>
      <c r="V1190" s="2">
        <v>1.5840000000000001</v>
      </c>
      <c r="W1190" s="2">
        <v>1.0999999999999999E-2</v>
      </c>
      <c r="X1190" s="2">
        <v>82.9</v>
      </c>
      <c r="Y1190" s="2">
        <v>7.6</v>
      </c>
      <c r="Z1190" s="2">
        <v>16.7</v>
      </c>
      <c r="AA1190" s="5"/>
      <c r="AB1190" s="5" t="s">
        <v>43</v>
      </c>
      <c r="AC1190" s="5" t="s">
        <v>44</v>
      </c>
      <c r="AD1190" s="2"/>
      <c r="AE1190" s="1"/>
    </row>
    <row r="1191" spans="1:31" ht="14.45">
      <c r="A1191" s="11"/>
      <c r="B1191" s="20"/>
      <c r="C1191" s="2" t="s">
        <v>3994</v>
      </c>
      <c r="D1191" s="14" t="s">
        <v>3995</v>
      </c>
      <c r="E1191" s="2" t="s">
        <v>3996</v>
      </c>
      <c r="F1191" s="2" t="s">
        <v>1847</v>
      </c>
      <c r="G1191" s="8">
        <v>157</v>
      </c>
      <c r="H1191" s="5">
        <v>13</v>
      </c>
      <c r="I1191" s="5" t="s">
        <v>1518</v>
      </c>
      <c r="J1191" s="5" t="s">
        <v>1519</v>
      </c>
      <c r="K1191" s="2" t="s">
        <v>1520</v>
      </c>
      <c r="L1191" s="5" t="s">
        <v>1519</v>
      </c>
      <c r="M1191" s="2" t="s">
        <v>1520</v>
      </c>
      <c r="N1191" s="5" t="s">
        <v>1521</v>
      </c>
      <c r="O1191" s="5" t="s">
        <v>38</v>
      </c>
      <c r="P1191" s="5" t="s">
        <v>39</v>
      </c>
      <c r="Q1191" s="5" t="s">
        <v>40</v>
      </c>
      <c r="R1191" s="5" t="s">
        <v>1522</v>
      </c>
      <c r="S1191" s="5" t="s">
        <v>1523</v>
      </c>
      <c r="T1191" s="5" t="s">
        <v>42</v>
      </c>
      <c r="U1191" s="2">
        <v>2.0299999999999998</v>
      </c>
      <c r="V1191" s="2">
        <v>1.623</v>
      </c>
      <c r="W1191" s="2">
        <v>1.0999999999999999E-2</v>
      </c>
      <c r="X1191" s="2">
        <v>82.9</v>
      </c>
      <c r="Y1191" s="2">
        <v>7.6</v>
      </c>
      <c r="Z1191" s="2">
        <v>16.7</v>
      </c>
      <c r="AA1191" s="5"/>
      <c r="AB1191" s="5" t="s">
        <v>43</v>
      </c>
      <c r="AC1191" s="5" t="s">
        <v>44</v>
      </c>
      <c r="AD1191" s="2"/>
      <c r="AE1191" s="1"/>
    </row>
    <row r="1192" spans="1:31" ht="14.45">
      <c r="A1192" s="11"/>
      <c r="B1192" s="20"/>
      <c r="C1192" s="2" t="s">
        <v>3997</v>
      </c>
      <c r="D1192" s="14" t="s">
        <v>3998</v>
      </c>
      <c r="E1192" s="2" t="s">
        <v>3999</v>
      </c>
      <c r="F1192" s="2" t="s">
        <v>1851</v>
      </c>
      <c r="G1192" s="8">
        <v>157</v>
      </c>
      <c r="H1192" s="5">
        <v>13</v>
      </c>
      <c r="I1192" s="5" t="s">
        <v>1518</v>
      </c>
      <c r="J1192" s="5" t="s">
        <v>1519</v>
      </c>
      <c r="K1192" s="2" t="s">
        <v>1520</v>
      </c>
      <c r="L1192" s="5" t="s">
        <v>1519</v>
      </c>
      <c r="M1192" s="2" t="s">
        <v>1520</v>
      </c>
      <c r="N1192" s="5" t="s">
        <v>1521</v>
      </c>
      <c r="O1192" s="5" t="s">
        <v>38</v>
      </c>
      <c r="P1192" s="5" t="s">
        <v>39</v>
      </c>
      <c r="Q1192" s="5" t="s">
        <v>40</v>
      </c>
      <c r="R1192" s="5" t="s">
        <v>1522</v>
      </c>
      <c r="S1192" s="5" t="s">
        <v>1523</v>
      </c>
      <c r="T1192" s="5" t="s">
        <v>42</v>
      </c>
      <c r="U1192" s="2">
        <v>1.9910000000000001</v>
      </c>
      <c r="V1192" s="2">
        <v>1.5840000000000001</v>
      </c>
      <c r="W1192" s="2">
        <v>1.0999999999999999E-2</v>
      </c>
      <c r="X1192" s="2">
        <v>82.9</v>
      </c>
      <c r="Y1192" s="2">
        <v>7.6</v>
      </c>
      <c r="Z1192" s="2">
        <v>16.7</v>
      </c>
      <c r="AA1192" s="5"/>
      <c r="AB1192" s="5" t="s">
        <v>43</v>
      </c>
      <c r="AC1192" s="5" t="s">
        <v>44</v>
      </c>
      <c r="AD1192" s="2"/>
      <c r="AE1192" s="1"/>
    </row>
    <row r="1193" spans="1:31" ht="14.45">
      <c r="A1193" s="11"/>
      <c r="B1193" s="20"/>
      <c r="C1193" s="2" t="s">
        <v>4000</v>
      </c>
      <c r="D1193" s="14" t="s">
        <v>4001</v>
      </c>
      <c r="E1193" s="2" t="s">
        <v>4002</v>
      </c>
      <c r="F1193" s="2" t="s">
        <v>1999</v>
      </c>
      <c r="G1193" s="8">
        <v>157</v>
      </c>
      <c r="H1193" s="5">
        <v>13</v>
      </c>
      <c r="I1193" s="5" t="s">
        <v>1518</v>
      </c>
      <c r="J1193" s="5" t="s">
        <v>1519</v>
      </c>
      <c r="K1193" s="2" t="s">
        <v>1520</v>
      </c>
      <c r="L1193" s="5" t="s">
        <v>1519</v>
      </c>
      <c r="M1193" s="2" t="s">
        <v>1520</v>
      </c>
      <c r="N1193" s="5" t="s">
        <v>1521</v>
      </c>
      <c r="O1193" s="5" t="s">
        <v>38</v>
      </c>
      <c r="P1193" s="5" t="s">
        <v>39</v>
      </c>
      <c r="Q1193" s="5" t="s">
        <v>40</v>
      </c>
      <c r="R1193" s="5" t="s">
        <v>1522</v>
      </c>
      <c r="S1193" s="5" t="s">
        <v>1523</v>
      </c>
      <c r="T1193" s="5" t="s">
        <v>42</v>
      </c>
      <c r="U1193" s="2">
        <v>2.0299999999999998</v>
      </c>
      <c r="V1193" s="2">
        <v>1.623</v>
      </c>
      <c r="W1193" s="2">
        <v>1.0999999999999999E-2</v>
      </c>
      <c r="X1193" s="2">
        <v>82.9</v>
      </c>
      <c r="Y1193" s="2">
        <v>7.6</v>
      </c>
      <c r="Z1193" s="2">
        <v>16.7</v>
      </c>
      <c r="AA1193" s="5"/>
      <c r="AB1193" s="5" t="s">
        <v>43</v>
      </c>
      <c r="AC1193" s="5" t="s">
        <v>44</v>
      </c>
      <c r="AD1193" s="2"/>
      <c r="AE1193" s="1"/>
    </row>
    <row r="1194" spans="1:31" ht="14.45">
      <c r="A1194" s="11"/>
      <c r="B1194" s="20"/>
      <c r="C1194" s="2" t="s">
        <v>4003</v>
      </c>
      <c r="D1194" s="14" t="s">
        <v>4004</v>
      </c>
      <c r="E1194" s="2" t="s">
        <v>4005</v>
      </c>
      <c r="F1194" s="2" t="s">
        <v>1855</v>
      </c>
      <c r="G1194" s="8">
        <v>157</v>
      </c>
      <c r="H1194" s="5">
        <v>13</v>
      </c>
      <c r="I1194" s="5" t="s">
        <v>1518</v>
      </c>
      <c r="J1194" s="5" t="s">
        <v>1519</v>
      </c>
      <c r="K1194" s="2" t="s">
        <v>1520</v>
      </c>
      <c r="L1194" s="5" t="s">
        <v>1519</v>
      </c>
      <c r="M1194" s="2" t="s">
        <v>1520</v>
      </c>
      <c r="N1194" s="5" t="s">
        <v>1521</v>
      </c>
      <c r="O1194" s="5" t="s">
        <v>38</v>
      </c>
      <c r="P1194" s="5" t="s">
        <v>39</v>
      </c>
      <c r="Q1194" s="5" t="s">
        <v>40</v>
      </c>
      <c r="R1194" s="5" t="s">
        <v>1522</v>
      </c>
      <c r="S1194" s="5" t="s">
        <v>1523</v>
      </c>
      <c r="T1194" s="5" t="s">
        <v>42</v>
      </c>
      <c r="U1194" s="2">
        <v>1.9910000000000001</v>
      </c>
      <c r="V1194" s="2">
        <v>1.5840000000000001</v>
      </c>
      <c r="W1194" s="2">
        <v>1.0999999999999999E-2</v>
      </c>
      <c r="X1194" s="2">
        <v>82.9</v>
      </c>
      <c r="Y1194" s="2">
        <v>7.6</v>
      </c>
      <c r="Z1194" s="2">
        <v>16.7</v>
      </c>
      <c r="AA1194" s="5"/>
      <c r="AB1194" s="5" t="s">
        <v>43</v>
      </c>
      <c r="AC1194" s="5" t="s">
        <v>44</v>
      </c>
      <c r="AD1194" s="2"/>
      <c r="AE1194" s="1"/>
    </row>
    <row r="1195" spans="1:31" ht="14.45">
      <c r="A1195" s="11"/>
      <c r="B1195" s="20"/>
      <c r="C1195" s="2" t="s">
        <v>4006</v>
      </c>
      <c r="D1195" s="14" t="s">
        <v>4007</v>
      </c>
      <c r="E1195" s="2" t="s">
        <v>4008</v>
      </c>
      <c r="F1195" s="2" t="s">
        <v>1859</v>
      </c>
      <c r="G1195" s="8">
        <v>157</v>
      </c>
      <c r="H1195" s="5">
        <v>13</v>
      </c>
      <c r="I1195" s="5" t="s">
        <v>1518</v>
      </c>
      <c r="J1195" s="5" t="s">
        <v>1519</v>
      </c>
      <c r="K1195" s="2" t="s">
        <v>1520</v>
      </c>
      <c r="L1195" s="5" t="s">
        <v>1519</v>
      </c>
      <c r="M1195" s="2" t="s">
        <v>1520</v>
      </c>
      <c r="N1195" s="5" t="s">
        <v>1521</v>
      </c>
      <c r="O1195" s="5" t="s">
        <v>38</v>
      </c>
      <c r="P1195" s="5" t="s">
        <v>39</v>
      </c>
      <c r="Q1195" s="5" t="s">
        <v>40</v>
      </c>
      <c r="R1195" s="5" t="s">
        <v>1522</v>
      </c>
      <c r="S1195" s="5" t="s">
        <v>1523</v>
      </c>
      <c r="T1195" s="5" t="s">
        <v>42</v>
      </c>
      <c r="U1195" s="2">
        <v>2.0299999999999998</v>
      </c>
      <c r="V1195" s="2">
        <v>1.623</v>
      </c>
      <c r="W1195" s="2">
        <v>1.0999999999999999E-2</v>
      </c>
      <c r="X1195" s="2">
        <v>82.9</v>
      </c>
      <c r="Y1195" s="2">
        <v>7.6</v>
      </c>
      <c r="Z1195" s="2">
        <v>16.7</v>
      </c>
      <c r="AA1195" s="5"/>
      <c r="AB1195" s="5" t="s">
        <v>43</v>
      </c>
      <c r="AC1195" s="5" t="s">
        <v>44</v>
      </c>
      <c r="AD1195" s="2"/>
      <c r="AE1195" s="1"/>
    </row>
    <row r="1196" spans="1:31" ht="14.45">
      <c r="A1196" s="11"/>
      <c r="B1196" s="20"/>
      <c r="C1196" s="2" t="s">
        <v>4009</v>
      </c>
      <c r="D1196" s="14" t="s">
        <v>4010</v>
      </c>
      <c r="E1196" s="2" t="s">
        <v>4011</v>
      </c>
      <c r="F1196" s="2" t="s">
        <v>1863</v>
      </c>
      <c r="G1196" s="8">
        <v>157</v>
      </c>
      <c r="H1196" s="5">
        <v>11</v>
      </c>
      <c r="I1196" s="5" t="s">
        <v>1518</v>
      </c>
      <c r="J1196" s="5" t="s">
        <v>1519</v>
      </c>
      <c r="K1196" s="2" t="s">
        <v>1520</v>
      </c>
      <c r="L1196" s="5" t="s">
        <v>1519</v>
      </c>
      <c r="M1196" s="2" t="s">
        <v>1520</v>
      </c>
      <c r="N1196" s="5" t="s">
        <v>1521</v>
      </c>
      <c r="O1196" s="5" t="s">
        <v>38</v>
      </c>
      <c r="P1196" s="5" t="s">
        <v>39</v>
      </c>
      <c r="Q1196" s="5" t="s">
        <v>40</v>
      </c>
      <c r="R1196" s="5" t="s">
        <v>1522</v>
      </c>
      <c r="S1196" s="5" t="s">
        <v>1523</v>
      </c>
      <c r="T1196" s="5" t="s">
        <v>42</v>
      </c>
      <c r="U1196" s="2">
        <v>1.948</v>
      </c>
      <c r="V1196" s="2">
        <v>1.5409999999999999</v>
      </c>
      <c r="W1196" s="2">
        <v>1.0999999999999999E-2</v>
      </c>
      <c r="X1196" s="2">
        <v>82.9</v>
      </c>
      <c r="Y1196" s="2">
        <v>7.6</v>
      </c>
      <c r="Z1196" s="2">
        <v>16.7</v>
      </c>
      <c r="AA1196" s="5"/>
      <c r="AB1196" s="5" t="s">
        <v>43</v>
      </c>
      <c r="AC1196" s="5" t="s">
        <v>44</v>
      </c>
      <c r="AD1196" s="2"/>
      <c r="AE1196" s="1"/>
    </row>
    <row r="1197" spans="1:31" ht="14.45">
      <c r="A1197" s="11"/>
      <c r="B1197" s="20"/>
      <c r="C1197" s="2" t="s">
        <v>4012</v>
      </c>
      <c r="D1197" s="14" t="s">
        <v>4013</v>
      </c>
      <c r="E1197" s="2" t="s">
        <v>4014</v>
      </c>
      <c r="F1197" s="2" t="s">
        <v>1867</v>
      </c>
      <c r="G1197" s="8">
        <v>157</v>
      </c>
      <c r="H1197" s="5">
        <v>11</v>
      </c>
      <c r="I1197" s="5" t="s">
        <v>1518</v>
      </c>
      <c r="J1197" s="5" t="s">
        <v>1519</v>
      </c>
      <c r="K1197" s="2" t="s">
        <v>1520</v>
      </c>
      <c r="L1197" s="5" t="s">
        <v>1519</v>
      </c>
      <c r="M1197" s="2" t="s">
        <v>1520</v>
      </c>
      <c r="N1197" s="5" t="s">
        <v>1521</v>
      </c>
      <c r="O1197" s="5" t="s">
        <v>38</v>
      </c>
      <c r="P1197" s="5" t="s">
        <v>39</v>
      </c>
      <c r="Q1197" s="5" t="s">
        <v>40</v>
      </c>
      <c r="R1197" s="5" t="s">
        <v>1522</v>
      </c>
      <c r="S1197" s="5" t="s">
        <v>1523</v>
      </c>
      <c r="T1197" s="5" t="s">
        <v>42</v>
      </c>
      <c r="U1197" s="2">
        <v>1.9870000000000001</v>
      </c>
      <c r="V1197" s="2">
        <v>1.58</v>
      </c>
      <c r="W1197" s="2">
        <v>1.0999999999999999E-2</v>
      </c>
      <c r="X1197" s="2">
        <v>82.9</v>
      </c>
      <c r="Y1197" s="2">
        <v>7.6</v>
      </c>
      <c r="Z1197" s="2">
        <v>16.7</v>
      </c>
      <c r="AA1197" s="5"/>
      <c r="AB1197" s="5" t="s">
        <v>43</v>
      </c>
      <c r="AC1197" s="5" t="s">
        <v>44</v>
      </c>
      <c r="AD1197" s="2"/>
      <c r="AE1197" s="1"/>
    </row>
    <row r="1198" spans="1:31" ht="14.45">
      <c r="A1198" s="11"/>
      <c r="B1198" s="20"/>
      <c r="C1198" s="2" t="s">
        <v>4015</v>
      </c>
      <c r="D1198" s="14" t="s">
        <v>4016</v>
      </c>
      <c r="E1198" s="2" t="s">
        <v>4017</v>
      </c>
      <c r="F1198" s="2" t="s">
        <v>1695</v>
      </c>
      <c r="G1198" s="8">
        <v>148</v>
      </c>
      <c r="H1198" s="5">
        <v>5</v>
      </c>
      <c r="I1198" s="5" t="s">
        <v>1518</v>
      </c>
      <c r="J1198" s="5" t="s">
        <v>1519</v>
      </c>
      <c r="K1198" s="2" t="s">
        <v>1520</v>
      </c>
      <c r="L1198" s="5" t="s">
        <v>1519</v>
      </c>
      <c r="M1198" s="2" t="s">
        <v>1520</v>
      </c>
      <c r="N1198" s="5" t="s">
        <v>1521</v>
      </c>
      <c r="O1198" s="5" t="s">
        <v>38</v>
      </c>
      <c r="P1198" s="5" t="s">
        <v>39</v>
      </c>
      <c r="Q1198" s="5" t="s">
        <v>40</v>
      </c>
      <c r="R1198" s="5" t="s">
        <v>1522</v>
      </c>
      <c r="S1198" s="5" t="s">
        <v>1523</v>
      </c>
      <c r="T1198" s="5" t="s">
        <v>42</v>
      </c>
      <c r="U1198" s="2">
        <v>2.1760000000000002</v>
      </c>
      <c r="V1198" s="2">
        <v>1.681</v>
      </c>
      <c r="W1198" s="2">
        <v>1.4999999999999999E-2</v>
      </c>
      <c r="X1198" s="2">
        <v>118.9</v>
      </c>
      <c r="Y1198" s="2">
        <v>7.6</v>
      </c>
      <c r="Z1198" s="2">
        <v>16.7</v>
      </c>
      <c r="AA1198" s="5"/>
      <c r="AB1198" s="5" t="s">
        <v>43</v>
      </c>
      <c r="AC1198" s="5" t="s">
        <v>44</v>
      </c>
      <c r="AD1198" s="2"/>
      <c r="AE1198" s="1"/>
    </row>
    <row r="1199" spans="1:31" ht="14.45">
      <c r="A1199" s="11"/>
      <c r="B1199" s="20"/>
      <c r="C1199" s="2" t="s">
        <v>4018</v>
      </c>
      <c r="D1199" s="14" t="s">
        <v>4019</v>
      </c>
      <c r="E1199" s="2" t="s">
        <v>4020</v>
      </c>
      <c r="F1199" s="2" t="s">
        <v>1699</v>
      </c>
      <c r="G1199" s="8">
        <v>148</v>
      </c>
      <c r="H1199" s="5">
        <v>5</v>
      </c>
      <c r="I1199" s="5" t="s">
        <v>1518</v>
      </c>
      <c r="J1199" s="5" t="s">
        <v>1519</v>
      </c>
      <c r="K1199" s="2" t="s">
        <v>1520</v>
      </c>
      <c r="L1199" s="5" t="s">
        <v>1519</v>
      </c>
      <c r="M1199" s="2" t="s">
        <v>1520</v>
      </c>
      <c r="N1199" s="5" t="s">
        <v>1521</v>
      </c>
      <c r="O1199" s="5" t="s">
        <v>38</v>
      </c>
      <c r="P1199" s="5" t="s">
        <v>39</v>
      </c>
      <c r="Q1199" s="5" t="s">
        <v>40</v>
      </c>
      <c r="R1199" s="5" t="s">
        <v>1522</v>
      </c>
      <c r="S1199" s="5" t="s">
        <v>1523</v>
      </c>
      <c r="T1199" s="5" t="s">
        <v>42</v>
      </c>
      <c r="U1199" s="2">
        <v>2.2189999999999999</v>
      </c>
      <c r="V1199" s="2">
        <v>1.724</v>
      </c>
      <c r="W1199" s="2">
        <v>1.4999999999999999E-2</v>
      </c>
      <c r="X1199" s="2">
        <v>118.9</v>
      </c>
      <c r="Y1199" s="2">
        <v>7.6</v>
      </c>
      <c r="Z1199" s="2">
        <v>16.7</v>
      </c>
      <c r="AA1199" s="5"/>
      <c r="AB1199" s="5" t="s">
        <v>43</v>
      </c>
      <c r="AC1199" s="5" t="s">
        <v>44</v>
      </c>
      <c r="AD1199" s="2"/>
      <c r="AE1199" s="1"/>
    </row>
    <row r="1200" spans="1:31" ht="14.45">
      <c r="A1200" s="11"/>
      <c r="B1200" s="20"/>
      <c r="C1200" s="2" t="s">
        <v>4021</v>
      </c>
      <c r="D1200" s="14" t="s">
        <v>4022</v>
      </c>
      <c r="E1200" s="2" t="s">
        <v>4023</v>
      </c>
      <c r="F1200" s="2" t="s">
        <v>1703</v>
      </c>
      <c r="G1200" s="8">
        <v>148</v>
      </c>
      <c r="H1200" s="5">
        <v>5</v>
      </c>
      <c r="I1200" s="5" t="s">
        <v>1518</v>
      </c>
      <c r="J1200" s="5" t="s">
        <v>1519</v>
      </c>
      <c r="K1200" s="2" t="s">
        <v>1520</v>
      </c>
      <c r="L1200" s="5" t="s">
        <v>1519</v>
      </c>
      <c r="M1200" s="2" t="s">
        <v>1520</v>
      </c>
      <c r="N1200" s="5" t="s">
        <v>1521</v>
      </c>
      <c r="O1200" s="5" t="s">
        <v>38</v>
      </c>
      <c r="P1200" s="5" t="s">
        <v>39</v>
      </c>
      <c r="Q1200" s="5" t="s">
        <v>40</v>
      </c>
      <c r="R1200" s="5" t="s">
        <v>1522</v>
      </c>
      <c r="S1200" s="5" t="s">
        <v>1523</v>
      </c>
      <c r="T1200" s="5" t="s">
        <v>42</v>
      </c>
      <c r="U1200" s="2">
        <v>2.1819999999999999</v>
      </c>
      <c r="V1200" s="2">
        <v>1.6870000000000001</v>
      </c>
      <c r="W1200" s="2">
        <v>1.4999999999999999E-2</v>
      </c>
      <c r="X1200" s="2">
        <v>118.9</v>
      </c>
      <c r="Y1200" s="2">
        <v>7.6</v>
      </c>
      <c r="Z1200" s="2">
        <v>16.7</v>
      </c>
      <c r="AA1200" s="5"/>
      <c r="AB1200" s="5" t="s">
        <v>43</v>
      </c>
      <c r="AC1200" s="5" t="s">
        <v>44</v>
      </c>
      <c r="AD1200" s="2"/>
      <c r="AE1200" s="1"/>
    </row>
    <row r="1201" spans="1:31" ht="14.45">
      <c r="A1201" s="11"/>
      <c r="B1201" s="20"/>
      <c r="C1201" s="2" t="s">
        <v>4024</v>
      </c>
      <c r="D1201" s="14" t="s">
        <v>4025</v>
      </c>
      <c r="E1201" s="2" t="s">
        <v>4026</v>
      </c>
      <c r="F1201" s="2" t="s">
        <v>1707</v>
      </c>
      <c r="G1201" s="8">
        <v>148</v>
      </c>
      <c r="H1201" s="5">
        <v>5</v>
      </c>
      <c r="I1201" s="5" t="s">
        <v>1518</v>
      </c>
      <c r="J1201" s="5" t="s">
        <v>1519</v>
      </c>
      <c r="K1201" s="2" t="s">
        <v>1520</v>
      </c>
      <c r="L1201" s="5" t="s">
        <v>1519</v>
      </c>
      <c r="M1201" s="2" t="s">
        <v>1520</v>
      </c>
      <c r="N1201" s="5" t="s">
        <v>1521</v>
      </c>
      <c r="O1201" s="5" t="s">
        <v>38</v>
      </c>
      <c r="P1201" s="5" t="s">
        <v>39</v>
      </c>
      <c r="Q1201" s="5" t="s">
        <v>40</v>
      </c>
      <c r="R1201" s="5" t="s">
        <v>1522</v>
      </c>
      <c r="S1201" s="5" t="s">
        <v>1523</v>
      </c>
      <c r="T1201" s="5" t="s">
        <v>42</v>
      </c>
      <c r="U1201" s="2">
        <v>2.2250000000000001</v>
      </c>
      <c r="V1201" s="2">
        <v>1.73</v>
      </c>
      <c r="W1201" s="2">
        <v>1.4999999999999999E-2</v>
      </c>
      <c r="X1201" s="2">
        <v>118.9</v>
      </c>
      <c r="Y1201" s="2">
        <v>7.6</v>
      </c>
      <c r="Z1201" s="2">
        <v>16.7</v>
      </c>
      <c r="AA1201" s="5"/>
      <c r="AB1201" s="5" t="s">
        <v>43</v>
      </c>
      <c r="AC1201" s="5" t="s">
        <v>44</v>
      </c>
      <c r="AD1201" s="2"/>
      <c r="AE1201" s="1"/>
    </row>
    <row r="1202" spans="1:31" ht="14.45">
      <c r="A1202" s="11"/>
      <c r="B1202" s="20"/>
      <c r="C1202" s="2" t="s">
        <v>4027</v>
      </c>
      <c r="D1202" s="14" t="s">
        <v>4028</v>
      </c>
      <c r="E1202" s="2" t="s">
        <v>4029</v>
      </c>
      <c r="F1202" s="2" t="s">
        <v>1711</v>
      </c>
      <c r="G1202" s="8">
        <v>148</v>
      </c>
      <c r="H1202" s="5">
        <v>5</v>
      </c>
      <c r="I1202" s="5" t="s">
        <v>1518</v>
      </c>
      <c r="J1202" s="5" t="s">
        <v>1519</v>
      </c>
      <c r="K1202" s="2" t="s">
        <v>1520</v>
      </c>
      <c r="L1202" s="5" t="s">
        <v>1519</v>
      </c>
      <c r="M1202" s="2" t="s">
        <v>1520</v>
      </c>
      <c r="N1202" s="5" t="s">
        <v>1521</v>
      </c>
      <c r="O1202" s="5" t="s">
        <v>38</v>
      </c>
      <c r="P1202" s="5" t="s">
        <v>39</v>
      </c>
      <c r="Q1202" s="5" t="s">
        <v>40</v>
      </c>
      <c r="R1202" s="5" t="s">
        <v>1522</v>
      </c>
      <c r="S1202" s="5" t="s">
        <v>1523</v>
      </c>
      <c r="T1202" s="5" t="s">
        <v>42</v>
      </c>
      <c r="U1202" s="2">
        <v>2.1819999999999999</v>
      </c>
      <c r="V1202" s="2">
        <v>1.6870000000000001</v>
      </c>
      <c r="W1202" s="2">
        <v>1.4999999999999999E-2</v>
      </c>
      <c r="X1202" s="2">
        <v>118.9</v>
      </c>
      <c r="Y1202" s="2">
        <v>7.6</v>
      </c>
      <c r="Z1202" s="2">
        <v>16.7</v>
      </c>
      <c r="AA1202" s="5"/>
      <c r="AB1202" s="5" t="s">
        <v>43</v>
      </c>
      <c r="AC1202" s="5" t="s">
        <v>44</v>
      </c>
      <c r="AD1202" s="2"/>
      <c r="AE1202" s="1"/>
    </row>
    <row r="1203" spans="1:31" ht="14.45">
      <c r="A1203" s="11"/>
      <c r="B1203" s="20"/>
      <c r="C1203" s="2" t="s">
        <v>4030</v>
      </c>
      <c r="D1203" s="14" t="s">
        <v>4031</v>
      </c>
      <c r="E1203" s="2" t="s">
        <v>4032</v>
      </c>
      <c r="F1203" s="2" t="s">
        <v>1715</v>
      </c>
      <c r="G1203" s="8">
        <v>148</v>
      </c>
      <c r="H1203" s="5">
        <v>5</v>
      </c>
      <c r="I1203" s="5" t="s">
        <v>1518</v>
      </c>
      <c r="J1203" s="5" t="s">
        <v>1519</v>
      </c>
      <c r="K1203" s="2" t="s">
        <v>1520</v>
      </c>
      <c r="L1203" s="5" t="s">
        <v>1519</v>
      </c>
      <c r="M1203" s="2" t="s">
        <v>1520</v>
      </c>
      <c r="N1203" s="5" t="s">
        <v>1521</v>
      </c>
      <c r="O1203" s="5" t="s">
        <v>38</v>
      </c>
      <c r="P1203" s="5" t="s">
        <v>39</v>
      </c>
      <c r="Q1203" s="5" t="s">
        <v>40</v>
      </c>
      <c r="R1203" s="5" t="s">
        <v>1522</v>
      </c>
      <c r="S1203" s="5" t="s">
        <v>1523</v>
      </c>
      <c r="T1203" s="5" t="s">
        <v>42</v>
      </c>
      <c r="U1203" s="2">
        <v>2.2250000000000001</v>
      </c>
      <c r="V1203" s="2">
        <v>1.73</v>
      </c>
      <c r="W1203" s="2">
        <v>1.4999999999999999E-2</v>
      </c>
      <c r="X1203" s="2">
        <v>118.9</v>
      </c>
      <c r="Y1203" s="2">
        <v>7.6</v>
      </c>
      <c r="Z1203" s="2">
        <v>16.7</v>
      </c>
      <c r="AA1203" s="5"/>
      <c r="AB1203" s="5" t="s">
        <v>43</v>
      </c>
      <c r="AC1203" s="5" t="s">
        <v>44</v>
      </c>
      <c r="AD1203" s="2"/>
      <c r="AE1203" s="1"/>
    </row>
    <row r="1204" spans="1:31" ht="14.45">
      <c r="A1204" s="17"/>
      <c r="B1204" s="22"/>
      <c r="C1204" s="2" t="s">
        <v>4033</v>
      </c>
      <c r="D1204" s="14" t="s">
        <v>4034</v>
      </c>
      <c r="E1204" s="2" t="s">
        <v>4035</v>
      </c>
      <c r="F1204" s="2" t="s">
        <v>1719</v>
      </c>
      <c r="G1204" s="8">
        <v>148</v>
      </c>
      <c r="H1204" s="2">
        <v>5</v>
      </c>
      <c r="I1204" s="2" t="s">
        <v>1518</v>
      </c>
      <c r="J1204" s="2" t="s">
        <v>1519</v>
      </c>
      <c r="K1204" s="2" t="s">
        <v>1520</v>
      </c>
      <c r="L1204" s="2" t="s">
        <v>1519</v>
      </c>
      <c r="M1204" s="2" t="s">
        <v>1520</v>
      </c>
      <c r="N1204" s="2" t="s">
        <v>1521</v>
      </c>
      <c r="O1204" s="2" t="s">
        <v>38</v>
      </c>
      <c r="P1204" s="2" t="s">
        <v>39</v>
      </c>
      <c r="Q1204" s="2" t="s">
        <v>40</v>
      </c>
      <c r="R1204" s="2" t="s">
        <v>1522</v>
      </c>
      <c r="S1204" s="12" t="s">
        <v>1523</v>
      </c>
      <c r="T1204" s="12" t="s">
        <v>42</v>
      </c>
      <c r="U1204" s="2">
        <v>2.1640000000000001</v>
      </c>
      <c r="V1204" s="2">
        <v>1.6719999999999999</v>
      </c>
      <c r="W1204" s="2">
        <v>1.4999999999999999E-2</v>
      </c>
      <c r="X1204" s="2">
        <v>118.9</v>
      </c>
      <c r="Y1204" s="2">
        <v>7.6</v>
      </c>
      <c r="Z1204" s="2">
        <v>16.7</v>
      </c>
      <c r="AA1204" s="12"/>
      <c r="AB1204" s="12" t="s">
        <v>43</v>
      </c>
      <c r="AC1204" s="12" t="s">
        <v>44</v>
      </c>
      <c r="AD1204" s="2"/>
      <c r="AE1204" s="1"/>
    </row>
    <row r="1205" spans="1:31" ht="14.45">
      <c r="A1205" s="11"/>
      <c r="B1205" s="20"/>
      <c r="C1205" s="2" t="s">
        <v>4036</v>
      </c>
      <c r="D1205" s="14" t="s">
        <v>4037</v>
      </c>
      <c r="E1205" s="2" t="s">
        <v>4038</v>
      </c>
      <c r="F1205" s="2" t="s">
        <v>1723</v>
      </c>
      <c r="G1205" s="8">
        <v>148</v>
      </c>
      <c r="H1205" s="5">
        <v>5</v>
      </c>
      <c r="I1205" s="5" t="s">
        <v>1518</v>
      </c>
      <c r="J1205" s="5" t="s">
        <v>1519</v>
      </c>
      <c r="K1205" s="2" t="s">
        <v>1520</v>
      </c>
      <c r="L1205" s="5" t="s">
        <v>1519</v>
      </c>
      <c r="M1205" s="2" t="s">
        <v>1520</v>
      </c>
      <c r="N1205" s="5" t="s">
        <v>1521</v>
      </c>
      <c r="O1205" s="5" t="s">
        <v>38</v>
      </c>
      <c r="P1205" s="5" t="s">
        <v>39</v>
      </c>
      <c r="Q1205" s="5" t="s">
        <v>40</v>
      </c>
      <c r="R1205" s="5" t="s">
        <v>1522</v>
      </c>
      <c r="S1205" s="5" t="s">
        <v>1523</v>
      </c>
      <c r="T1205" s="5" t="s">
        <v>42</v>
      </c>
      <c r="U1205" s="2">
        <v>2.2069999999999999</v>
      </c>
      <c r="V1205" s="2">
        <v>1.7150000000000001</v>
      </c>
      <c r="W1205" s="2">
        <v>1.4999999999999999E-2</v>
      </c>
      <c r="X1205" s="2">
        <v>118.9</v>
      </c>
      <c r="Y1205" s="2">
        <v>7.6</v>
      </c>
      <c r="Z1205" s="2">
        <v>16.7</v>
      </c>
      <c r="AA1205" s="5"/>
      <c r="AB1205" s="5" t="s">
        <v>43</v>
      </c>
      <c r="AC1205" s="5" t="s">
        <v>44</v>
      </c>
      <c r="AD1205" s="2"/>
      <c r="AE1205" s="1"/>
    </row>
    <row r="1206" spans="1:31" ht="14.45">
      <c r="A1206" s="11"/>
      <c r="B1206" s="20"/>
      <c r="C1206" s="2" t="s">
        <v>4039</v>
      </c>
      <c r="D1206" s="14" t="s">
        <v>4040</v>
      </c>
      <c r="E1206" s="2" t="s">
        <v>4041</v>
      </c>
      <c r="F1206" s="2" t="s">
        <v>1727</v>
      </c>
      <c r="G1206" s="8">
        <v>170</v>
      </c>
      <c r="H1206" s="5">
        <v>6</v>
      </c>
      <c r="I1206" s="5" t="s">
        <v>1518</v>
      </c>
      <c r="J1206" s="5" t="s">
        <v>1519</v>
      </c>
      <c r="K1206" s="2" t="s">
        <v>1520</v>
      </c>
      <c r="L1206" s="5" t="s">
        <v>1519</v>
      </c>
      <c r="M1206" s="2" t="s">
        <v>1520</v>
      </c>
      <c r="N1206" s="5" t="s">
        <v>1521</v>
      </c>
      <c r="O1206" s="5" t="s">
        <v>38</v>
      </c>
      <c r="P1206" s="5" t="s">
        <v>39</v>
      </c>
      <c r="Q1206" s="5" t="s">
        <v>40</v>
      </c>
      <c r="R1206" s="5" t="s">
        <v>1522</v>
      </c>
      <c r="S1206" s="5" t="s">
        <v>1523</v>
      </c>
      <c r="T1206" s="5" t="s">
        <v>42</v>
      </c>
      <c r="U1206" s="2">
        <v>2.1629999999999998</v>
      </c>
      <c r="V1206" s="2">
        <v>1.6679999999999999</v>
      </c>
      <c r="W1206" s="2">
        <v>1.4999999999999999E-2</v>
      </c>
      <c r="X1206" s="2">
        <v>118.9</v>
      </c>
      <c r="Y1206" s="2">
        <v>7.6</v>
      </c>
      <c r="Z1206" s="2">
        <v>16.7</v>
      </c>
      <c r="AA1206" s="5"/>
      <c r="AB1206" s="5" t="s">
        <v>43</v>
      </c>
      <c r="AC1206" s="5" t="s">
        <v>44</v>
      </c>
      <c r="AD1206" s="2"/>
      <c r="AE1206" s="1"/>
    </row>
    <row r="1207" spans="1:31" ht="14.45">
      <c r="A1207" s="11"/>
      <c r="B1207" s="20"/>
      <c r="C1207" s="2" t="s">
        <v>4042</v>
      </c>
      <c r="D1207" s="14" t="s">
        <v>4043</v>
      </c>
      <c r="E1207" s="2" t="s">
        <v>4044</v>
      </c>
      <c r="F1207" s="2" t="s">
        <v>1731</v>
      </c>
      <c r="G1207" s="8">
        <v>170</v>
      </c>
      <c r="H1207" s="5">
        <v>6</v>
      </c>
      <c r="I1207" s="5" t="s">
        <v>1518</v>
      </c>
      <c r="J1207" s="5" t="s">
        <v>1519</v>
      </c>
      <c r="K1207" s="2" t="s">
        <v>1520</v>
      </c>
      <c r="L1207" s="5" t="s">
        <v>1519</v>
      </c>
      <c r="M1207" s="2" t="s">
        <v>1520</v>
      </c>
      <c r="N1207" s="5" t="s">
        <v>1521</v>
      </c>
      <c r="O1207" s="5" t="s">
        <v>38</v>
      </c>
      <c r="P1207" s="5" t="s">
        <v>39</v>
      </c>
      <c r="Q1207" s="5" t="s">
        <v>40</v>
      </c>
      <c r="R1207" s="5" t="s">
        <v>1522</v>
      </c>
      <c r="S1207" s="5" t="s">
        <v>1523</v>
      </c>
      <c r="T1207" s="5" t="s">
        <v>42</v>
      </c>
      <c r="U1207" s="2">
        <v>2.206</v>
      </c>
      <c r="V1207" s="2">
        <v>1.7110000000000001</v>
      </c>
      <c r="W1207" s="2">
        <v>1.4999999999999999E-2</v>
      </c>
      <c r="X1207" s="2">
        <v>118.9</v>
      </c>
      <c r="Y1207" s="2">
        <v>7.6</v>
      </c>
      <c r="Z1207" s="2">
        <v>16.7</v>
      </c>
      <c r="AA1207" s="5"/>
      <c r="AB1207" s="5" t="s">
        <v>43</v>
      </c>
      <c r="AC1207" s="5" t="s">
        <v>44</v>
      </c>
      <c r="AD1207" s="2"/>
      <c r="AE1207" s="1"/>
    </row>
    <row r="1208" spans="1:31" ht="14.45">
      <c r="A1208" s="11"/>
      <c r="B1208" s="20"/>
      <c r="C1208" s="2" t="s">
        <v>4045</v>
      </c>
      <c r="D1208" s="14" t="s">
        <v>4046</v>
      </c>
      <c r="E1208" s="2" t="s">
        <v>4047</v>
      </c>
      <c r="F1208" s="2" t="s">
        <v>1735</v>
      </c>
      <c r="G1208" s="8">
        <v>170</v>
      </c>
      <c r="H1208" s="5">
        <v>6</v>
      </c>
      <c r="I1208" s="5" t="s">
        <v>1518</v>
      </c>
      <c r="J1208" s="5" t="s">
        <v>1519</v>
      </c>
      <c r="K1208" s="2" t="s">
        <v>1520</v>
      </c>
      <c r="L1208" s="5" t="s">
        <v>1519</v>
      </c>
      <c r="M1208" s="2" t="s">
        <v>1520</v>
      </c>
      <c r="N1208" s="5" t="s">
        <v>1521</v>
      </c>
      <c r="O1208" s="5" t="s">
        <v>38</v>
      </c>
      <c r="P1208" s="5" t="s">
        <v>39</v>
      </c>
      <c r="Q1208" s="5" t="s">
        <v>40</v>
      </c>
      <c r="R1208" s="5" t="s">
        <v>1522</v>
      </c>
      <c r="S1208" s="5" t="s">
        <v>1523</v>
      </c>
      <c r="T1208" s="5" t="s">
        <v>42</v>
      </c>
      <c r="U1208" s="2">
        <v>2.1819999999999999</v>
      </c>
      <c r="V1208" s="2">
        <v>1.6870000000000001</v>
      </c>
      <c r="W1208" s="2">
        <v>1.4999999999999999E-2</v>
      </c>
      <c r="X1208" s="2">
        <v>118.9</v>
      </c>
      <c r="Y1208" s="2">
        <v>7.6</v>
      </c>
      <c r="Z1208" s="2">
        <v>16.7</v>
      </c>
      <c r="AA1208" s="5"/>
      <c r="AB1208" s="5" t="s">
        <v>43</v>
      </c>
      <c r="AC1208" s="5" t="s">
        <v>44</v>
      </c>
      <c r="AD1208" s="2"/>
      <c r="AE1208" s="1"/>
    </row>
    <row r="1209" spans="1:31" ht="14.45">
      <c r="A1209" s="11"/>
      <c r="B1209" s="20"/>
      <c r="C1209" s="2" t="s">
        <v>4048</v>
      </c>
      <c r="D1209" s="14" t="s">
        <v>4049</v>
      </c>
      <c r="E1209" s="2" t="s">
        <v>4050</v>
      </c>
      <c r="F1209" s="2" t="s">
        <v>1739</v>
      </c>
      <c r="G1209" s="8">
        <v>170</v>
      </c>
      <c r="H1209" s="5">
        <v>6</v>
      </c>
      <c r="I1209" s="5" t="s">
        <v>1518</v>
      </c>
      <c r="J1209" s="5" t="s">
        <v>1519</v>
      </c>
      <c r="K1209" s="2" t="s">
        <v>1520</v>
      </c>
      <c r="L1209" s="5" t="s">
        <v>1519</v>
      </c>
      <c r="M1209" s="2" t="s">
        <v>1520</v>
      </c>
      <c r="N1209" s="5" t="s">
        <v>1521</v>
      </c>
      <c r="O1209" s="5" t="s">
        <v>38</v>
      </c>
      <c r="P1209" s="5" t="s">
        <v>39</v>
      </c>
      <c r="Q1209" s="5" t="s">
        <v>40</v>
      </c>
      <c r="R1209" s="5" t="s">
        <v>1522</v>
      </c>
      <c r="S1209" s="5" t="s">
        <v>1523</v>
      </c>
      <c r="T1209" s="5" t="s">
        <v>42</v>
      </c>
      <c r="U1209" s="2">
        <v>2.2250000000000001</v>
      </c>
      <c r="V1209" s="2">
        <v>1.73</v>
      </c>
      <c r="W1209" s="2">
        <v>1.4999999999999999E-2</v>
      </c>
      <c r="X1209" s="2">
        <v>118.9</v>
      </c>
      <c r="Y1209" s="2">
        <v>7.6</v>
      </c>
      <c r="Z1209" s="2">
        <v>16.7</v>
      </c>
      <c r="AA1209" s="5"/>
      <c r="AB1209" s="5" t="s">
        <v>43</v>
      </c>
      <c r="AC1209" s="5" t="s">
        <v>44</v>
      </c>
      <c r="AD1209" s="2"/>
      <c r="AE1209" s="1"/>
    </row>
    <row r="1210" spans="1:31" ht="14.45">
      <c r="A1210" s="11"/>
      <c r="B1210" s="20"/>
      <c r="C1210" s="2" t="s">
        <v>4051</v>
      </c>
      <c r="D1210" s="14" t="s">
        <v>4052</v>
      </c>
      <c r="E1210" s="2" t="s">
        <v>4053</v>
      </c>
      <c r="F1210" s="2" t="s">
        <v>1743</v>
      </c>
      <c r="G1210" s="8">
        <v>170</v>
      </c>
      <c r="H1210" s="5">
        <v>6</v>
      </c>
      <c r="I1210" s="5" t="s">
        <v>1518</v>
      </c>
      <c r="J1210" s="5" t="s">
        <v>1519</v>
      </c>
      <c r="K1210" s="2" t="s">
        <v>1520</v>
      </c>
      <c r="L1210" s="5" t="s">
        <v>1519</v>
      </c>
      <c r="M1210" s="2" t="s">
        <v>1520</v>
      </c>
      <c r="N1210" s="5" t="s">
        <v>1521</v>
      </c>
      <c r="O1210" s="5" t="s">
        <v>38</v>
      </c>
      <c r="P1210" s="5" t="s">
        <v>39</v>
      </c>
      <c r="Q1210" s="5" t="s">
        <v>40</v>
      </c>
      <c r="R1210" s="5" t="s">
        <v>1522</v>
      </c>
      <c r="S1210" s="5" t="s">
        <v>1523</v>
      </c>
      <c r="T1210" s="5" t="s">
        <v>42</v>
      </c>
      <c r="U1210" s="2">
        <v>2.1629999999999998</v>
      </c>
      <c r="V1210" s="2">
        <v>1.6679999999999999</v>
      </c>
      <c r="W1210" s="2">
        <v>1.4999999999999999E-2</v>
      </c>
      <c r="X1210" s="2">
        <v>118.9</v>
      </c>
      <c r="Y1210" s="2">
        <v>7.6</v>
      </c>
      <c r="Z1210" s="2">
        <v>16.7</v>
      </c>
      <c r="AA1210" s="5"/>
      <c r="AB1210" s="5" t="s">
        <v>43</v>
      </c>
      <c r="AC1210" s="5" t="s">
        <v>44</v>
      </c>
      <c r="AD1210" s="2"/>
      <c r="AE1210" s="1"/>
    </row>
    <row r="1211" spans="1:31" ht="14.45">
      <c r="A1211" s="11"/>
      <c r="B1211" s="20"/>
      <c r="C1211" s="2" t="s">
        <v>4054</v>
      </c>
      <c r="D1211" s="14" t="s">
        <v>4055</v>
      </c>
      <c r="E1211" s="2" t="s">
        <v>4056</v>
      </c>
      <c r="F1211" s="2" t="s">
        <v>1747</v>
      </c>
      <c r="G1211" s="8">
        <v>170</v>
      </c>
      <c r="H1211" s="5">
        <v>6</v>
      </c>
      <c r="I1211" s="5" t="s">
        <v>1518</v>
      </c>
      <c r="J1211" s="5" t="s">
        <v>1519</v>
      </c>
      <c r="K1211" s="2" t="s">
        <v>1520</v>
      </c>
      <c r="L1211" s="5" t="s">
        <v>1519</v>
      </c>
      <c r="M1211" s="2" t="s">
        <v>1520</v>
      </c>
      <c r="N1211" s="5" t="s">
        <v>1521</v>
      </c>
      <c r="O1211" s="5" t="s">
        <v>38</v>
      </c>
      <c r="P1211" s="5" t="s">
        <v>39</v>
      </c>
      <c r="Q1211" s="5" t="s">
        <v>40</v>
      </c>
      <c r="R1211" s="5" t="s">
        <v>1522</v>
      </c>
      <c r="S1211" s="5" t="s">
        <v>1523</v>
      </c>
      <c r="T1211" s="5" t="s">
        <v>42</v>
      </c>
      <c r="U1211" s="2">
        <v>2.206</v>
      </c>
      <c r="V1211" s="2">
        <v>1.7110000000000001</v>
      </c>
      <c r="W1211" s="2">
        <v>1.4999999999999999E-2</v>
      </c>
      <c r="X1211" s="2">
        <v>118.9</v>
      </c>
      <c r="Y1211" s="2">
        <v>7.6</v>
      </c>
      <c r="Z1211" s="2">
        <v>16.7</v>
      </c>
      <c r="AA1211" s="5"/>
      <c r="AB1211" s="5" t="s">
        <v>43</v>
      </c>
      <c r="AC1211" s="5" t="s">
        <v>44</v>
      </c>
      <c r="AD1211" s="2"/>
      <c r="AE1211" s="1"/>
    </row>
    <row r="1212" spans="1:31" ht="14.45">
      <c r="A1212" s="11"/>
      <c r="B1212" s="20"/>
      <c r="C1212" s="2" t="s">
        <v>4057</v>
      </c>
      <c r="D1212" s="14" t="s">
        <v>4058</v>
      </c>
      <c r="E1212" s="2" t="s">
        <v>4059</v>
      </c>
      <c r="F1212" s="2" t="s">
        <v>1751</v>
      </c>
      <c r="G1212" s="8">
        <v>170</v>
      </c>
      <c r="H1212" s="5">
        <v>6</v>
      </c>
      <c r="I1212" s="5" t="s">
        <v>1518</v>
      </c>
      <c r="J1212" s="5" t="s">
        <v>1519</v>
      </c>
      <c r="K1212" s="2" t="s">
        <v>1520</v>
      </c>
      <c r="L1212" s="5" t="s">
        <v>1519</v>
      </c>
      <c r="M1212" s="2" t="s">
        <v>1520</v>
      </c>
      <c r="N1212" s="5" t="s">
        <v>1521</v>
      </c>
      <c r="O1212" s="5" t="s">
        <v>38</v>
      </c>
      <c r="P1212" s="5" t="s">
        <v>39</v>
      </c>
      <c r="Q1212" s="5" t="s">
        <v>40</v>
      </c>
      <c r="R1212" s="5" t="s">
        <v>1522</v>
      </c>
      <c r="S1212" s="5" t="s">
        <v>1523</v>
      </c>
      <c r="T1212" s="5" t="s">
        <v>42</v>
      </c>
      <c r="U1212" s="2">
        <v>2.1629999999999998</v>
      </c>
      <c r="V1212" s="2">
        <v>1.6679999999999999</v>
      </c>
      <c r="W1212" s="2">
        <v>1.4999999999999999E-2</v>
      </c>
      <c r="X1212" s="2">
        <v>118.9</v>
      </c>
      <c r="Y1212" s="2">
        <v>7.6</v>
      </c>
      <c r="Z1212" s="2">
        <v>16.7</v>
      </c>
      <c r="AA1212" s="5"/>
      <c r="AB1212" s="5" t="s">
        <v>43</v>
      </c>
      <c r="AC1212" s="5" t="s">
        <v>44</v>
      </c>
      <c r="AD1212" s="2"/>
      <c r="AE1212" s="1"/>
    </row>
    <row r="1213" spans="1:31" ht="14.45">
      <c r="A1213" s="11"/>
      <c r="B1213" s="20"/>
      <c r="C1213" s="2" t="s">
        <v>4060</v>
      </c>
      <c r="D1213" s="14" t="s">
        <v>4061</v>
      </c>
      <c r="E1213" s="2" t="s">
        <v>4062</v>
      </c>
      <c r="F1213" s="2" t="s">
        <v>1755</v>
      </c>
      <c r="G1213" s="8">
        <v>170</v>
      </c>
      <c r="H1213" s="5">
        <v>6</v>
      </c>
      <c r="I1213" s="5" t="s">
        <v>1518</v>
      </c>
      <c r="J1213" s="5" t="s">
        <v>1519</v>
      </c>
      <c r="K1213" s="2" t="s">
        <v>1520</v>
      </c>
      <c r="L1213" s="5" t="s">
        <v>1519</v>
      </c>
      <c r="M1213" s="2" t="s">
        <v>1520</v>
      </c>
      <c r="N1213" s="5" t="s">
        <v>1521</v>
      </c>
      <c r="O1213" s="5" t="s">
        <v>38</v>
      </c>
      <c r="P1213" s="5" t="s">
        <v>39</v>
      </c>
      <c r="Q1213" s="5" t="s">
        <v>40</v>
      </c>
      <c r="R1213" s="5" t="s">
        <v>1522</v>
      </c>
      <c r="S1213" s="5" t="s">
        <v>1523</v>
      </c>
      <c r="T1213" s="5" t="s">
        <v>42</v>
      </c>
      <c r="U1213" s="2">
        <v>2.206</v>
      </c>
      <c r="V1213" s="2">
        <v>1.7110000000000001</v>
      </c>
      <c r="W1213" s="2">
        <v>1.4999999999999999E-2</v>
      </c>
      <c r="X1213" s="2">
        <v>118.9</v>
      </c>
      <c r="Y1213" s="2">
        <v>7.6</v>
      </c>
      <c r="Z1213" s="2">
        <v>16.7</v>
      </c>
      <c r="AA1213" s="5"/>
      <c r="AB1213" s="5" t="s">
        <v>43</v>
      </c>
      <c r="AC1213" s="5" t="s">
        <v>44</v>
      </c>
      <c r="AD1213" s="2"/>
      <c r="AE1213" s="1"/>
    </row>
    <row r="1214" spans="1:31" ht="14.45">
      <c r="A1214" s="11"/>
      <c r="B1214" s="20"/>
      <c r="C1214" s="2" t="s">
        <v>4063</v>
      </c>
      <c r="D1214" s="14" t="s">
        <v>4064</v>
      </c>
      <c r="E1214" s="2" t="s">
        <v>4065</v>
      </c>
      <c r="F1214" s="2" t="s">
        <v>1759</v>
      </c>
      <c r="G1214" s="8">
        <v>170</v>
      </c>
      <c r="H1214" s="5">
        <v>6</v>
      </c>
      <c r="I1214" s="5" t="s">
        <v>1518</v>
      </c>
      <c r="J1214" s="5" t="s">
        <v>1519</v>
      </c>
      <c r="K1214" s="2" t="s">
        <v>1520</v>
      </c>
      <c r="L1214" s="5" t="s">
        <v>1519</v>
      </c>
      <c r="M1214" s="2" t="s">
        <v>1520</v>
      </c>
      <c r="N1214" s="5" t="s">
        <v>1521</v>
      </c>
      <c r="O1214" s="5" t="s">
        <v>38</v>
      </c>
      <c r="P1214" s="5" t="s">
        <v>39</v>
      </c>
      <c r="Q1214" s="5" t="s">
        <v>40</v>
      </c>
      <c r="R1214" s="5" t="s">
        <v>1522</v>
      </c>
      <c r="S1214" s="5" t="s">
        <v>1523</v>
      </c>
      <c r="T1214" s="5" t="s">
        <v>42</v>
      </c>
      <c r="U1214" s="2">
        <v>2.1819999999999999</v>
      </c>
      <c r="V1214" s="2">
        <v>1.6870000000000001</v>
      </c>
      <c r="W1214" s="2">
        <v>1.4999999999999999E-2</v>
      </c>
      <c r="X1214" s="2">
        <v>118.9</v>
      </c>
      <c r="Y1214" s="2">
        <v>7.6</v>
      </c>
      <c r="Z1214" s="2">
        <v>16.7</v>
      </c>
      <c r="AA1214" s="5"/>
      <c r="AB1214" s="5" t="s">
        <v>43</v>
      </c>
      <c r="AC1214" s="5" t="s">
        <v>44</v>
      </c>
      <c r="AD1214" s="2"/>
      <c r="AE1214" s="1"/>
    </row>
    <row r="1215" spans="1:31" ht="14.45">
      <c r="A1215" s="11"/>
      <c r="B1215" s="20"/>
      <c r="C1215" s="2" t="s">
        <v>4066</v>
      </c>
      <c r="D1215" s="14" t="s">
        <v>4067</v>
      </c>
      <c r="E1215" s="2" t="s">
        <v>4068</v>
      </c>
      <c r="F1215" s="2" t="s">
        <v>1763</v>
      </c>
      <c r="G1215" s="8">
        <v>170</v>
      </c>
      <c r="H1215" s="5">
        <v>6</v>
      </c>
      <c r="I1215" s="5" t="s">
        <v>1518</v>
      </c>
      <c r="J1215" s="5" t="s">
        <v>1519</v>
      </c>
      <c r="K1215" s="2" t="s">
        <v>1520</v>
      </c>
      <c r="L1215" s="5" t="s">
        <v>1519</v>
      </c>
      <c r="M1215" s="2" t="s">
        <v>1520</v>
      </c>
      <c r="N1215" s="5" t="s">
        <v>1521</v>
      </c>
      <c r="O1215" s="5" t="s">
        <v>38</v>
      </c>
      <c r="P1215" s="5" t="s">
        <v>39</v>
      </c>
      <c r="Q1215" s="5" t="s">
        <v>40</v>
      </c>
      <c r="R1215" s="5" t="s">
        <v>1522</v>
      </c>
      <c r="S1215" s="5" t="s">
        <v>1523</v>
      </c>
      <c r="T1215" s="5" t="s">
        <v>42</v>
      </c>
      <c r="U1215" s="2">
        <v>2.2250000000000001</v>
      </c>
      <c r="V1215" s="2">
        <v>1.73</v>
      </c>
      <c r="W1215" s="2">
        <v>1.4999999999999999E-2</v>
      </c>
      <c r="X1215" s="2">
        <v>118.9</v>
      </c>
      <c r="Y1215" s="2">
        <v>7.6</v>
      </c>
      <c r="Z1215" s="2">
        <v>16.7</v>
      </c>
      <c r="AA1215" s="5"/>
      <c r="AB1215" s="5" t="s">
        <v>43</v>
      </c>
      <c r="AC1215" s="5" t="s">
        <v>44</v>
      </c>
      <c r="AD1215" s="2"/>
      <c r="AE1215" s="1"/>
    </row>
    <row r="1216" spans="1:31" ht="14.45">
      <c r="A1216" s="11"/>
      <c r="B1216" s="20"/>
      <c r="C1216" s="2" t="s">
        <v>4069</v>
      </c>
      <c r="D1216" s="14" t="s">
        <v>4070</v>
      </c>
      <c r="E1216" s="2" t="s">
        <v>4071</v>
      </c>
      <c r="F1216" s="2" t="s">
        <v>1767</v>
      </c>
      <c r="G1216" s="8">
        <v>170</v>
      </c>
      <c r="H1216" s="5">
        <v>6</v>
      </c>
      <c r="I1216" s="5" t="s">
        <v>1518</v>
      </c>
      <c r="J1216" s="5" t="s">
        <v>1519</v>
      </c>
      <c r="K1216" s="2" t="s">
        <v>1520</v>
      </c>
      <c r="L1216" s="5" t="s">
        <v>1519</v>
      </c>
      <c r="M1216" s="2" t="s">
        <v>1520</v>
      </c>
      <c r="N1216" s="5" t="s">
        <v>1521</v>
      </c>
      <c r="O1216" s="5" t="s">
        <v>38</v>
      </c>
      <c r="P1216" s="5" t="s">
        <v>39</v>
      </c>
      <c r="Q1216" s="5" t="s">
        <v>40</v>
      </c>
      <c r="R1216" s="5" t="s">
        <v>1522</v>
      </c>
      <c r="S1216" s="5" t="s">
        <v>1523</v>
      </c>
      <c r="T1216" s="5" t="s">
        <v>42</v>
      </c>
      <c r="U1216" s="2">
        <v>2.1819999999999999</v>
      </c>
      <c r="V1216" s="2">
        <v>1.6870000000000001</v>
      </c>
      <c r="W1216" s="2">
        <v>1.4999999999999999E-2</v>
      </c>
      <c r="X1216" s="2">
        <v>118.9</v>
      </c>
      <c r="Y1216" s="2">
        <v>7.6</v>
      </c>
      <c r="Z1216" s="2">
        <v>16.7</v>
      </c>
      <c r="AA1216" s="5"/>
      <c r="AB1216" s="5" t="s">
        <v>43</v>
      </c>
      <c r="AC1216" s="5" t="s">
        <v>44</v>
      </c>
      <c r="AD1216" s="2"/>
      <c r="AE1216" s="1"/>
    </row>
    <row r="1217" spans="1:31" ht="14.45">
      <c r="A1217" s="11"/>
      <c r="B1217" s="20"/>
      <c r="C1217" s="2" t="s">
        <v>4072</v>
      </c>
      <c r="D1217" s="14" t="s">
        <v>4073</v>
      </c>
      <c r="E1217" s="2" t="s">
        <v>4074</v>
      </c>
      <c r="F1217" s="2" t="s">
        <v>1771</v>
      </c>
      <c r="G1217" s="8">
        <v>170</v>
      </c>
      <c r="H1217" s="5">
        <v>6</v>
      </c>
      <c r="I1217" s="5" t="s">
        <v>1518</v>
      </c>
      <c r="J1217" s="5" t="s">
        <v>1519</v>
      </c>
      <c r="K1217" s="2" t="s">
        <v>1520</v>
      </c>
      <c r="L1217" s="5" t="s">
        <v>1519</v>
      </c>
      <c r="M1217" s="2" t="s">
        <v>1520</v>
      </c>
      <c r="N1217" s="5" t="s">
        <v>1521</v>
      </c>
      <c r="O1217" s="5" t="s">
        <v>38</v>
      </c>
      <c r="P1217" s="5" t="s">
        <v>39</v>
      </c>
      <c r="Q1217" s="5" t="s">
        <v>40</v>
      </c>
      <c r="R1217" s="5" t="s">
        <v>1522</v>
      </c>
      <c r="S1217" s="5" t="s">
        <v>1523</v>
      </c>
      <c r="T1217" s="5" t="s">
        <v>42</v>
      </c>
      <c r="U1217" s="2">
        <v>2.2250000000000001</v>
      </c>
      <c r="V1217" s="2">
        <v>1.73</v>
      </c>
      <c r="W1217" s="2">
        <v>1.4999999999999999E-2</v>
      </c>
      <c r="X1217" s="2">
        <v>118.9</v>
      </c>
      <c r="Y1217" s="2">
        <v>7.6</v>
      </c>
      <c r="Z1217" s="2">
        <v>16.7</v>
      </c>
      <c r="AA1217" s="5"/>
      <c r="AB1217" s="5" t="s">
        <v>43</v>
      </c>
      <c r="AC1217" s="5" t="s">
        <v>44</v>
      </c>
      <c r="AD1217" s="2"/>
      <c r="AE1217" s="1"/>
    </row>
    <row r="1218" spans="1:31" ht="14.45">
      <c r="A1218" s="11"/>
      <c r="B1218" s="20"/>
      <c r="C1218" s="2" t="s">
        <v>4075</v>
      </c>
      <c r="D1218" s="14" t="s">
        <v>4076</v>
      </c>
      <c r="E1218" s="2" t="s">
        <v>4077</v>
      </c>
      <c r="F1218" s="2" t="s">
        <v>1775</v>
      </c>
      <c r="G1218" s="8">
        <v>170</v>
      </c>
      <c r="H1218" s="5">
        <v>6</v>
      </c>
      <c r="I1218" s="5" t="s">
        <v>1518</v>
      </c>
      <c r="J1218" s="5" t="s">
        <v>1519</v>
      </c>
      <c r="K1218" s="2" t="s">
        <v>1520</v>
      </c>
      <c r="L1218" s="5" t="s">
        <v>1519</v>
      </c>
      <c r="M1218" s="2" t="s">
        <v>1520</v>
      </c>
      <c r="N1218" s="5" t="s">
        <v>1521</v>
      </c>
      <c r="O1218" s="5" t="s">
        <v>38</v>
      </c>
      <c r="P1218" s="5" t="s">
        <v>39</v>
      </c>
      <c r="Q1218" s="5" t="s">
        <v>40</v>
      </c>
      <c r="R1218" s="5" t="s">
        <v>1522</v>
      </c>
      <c r="S1218" s="5" t="s">
        <v>1523</v>
      </c>
      <c r="T1218" s="5" t="s">
        <v>42</v>
      </c>
      <c r="U1218" s="2">
        <v>2.1819999999999999</v>
      </c>
      <c r="V1218" s="2">
        <v>1.6870000000000001</v>
      </c>
      <c r="W1218" s="2">
        <v>1.4999999999999999E-2</v>
      </c>
      <c r="X1218" s="2">
        <v>118.9</v>
      </c>
      <c r="Y1218" s="2">
        <v>7.6</v>
      </c>
      <c r="Z1218" s="2">
        <v>16.7</v>
      </c>
      <c r="AA1218" s="5"/>
      <c r="AB1218" s="5" t="s">
        <v>43</v>
      </c>
      <c r="AC1218" s="5" t="s">
        <v>44</v>
      </c>
      <c r="AD1218" s="2"/>
      <c r="AE1218" s="1"/>
    </row>
    <row r="1219" spans="1:31" ht="14.45">
      <c r="A1219" s="11"/>
      <c r="B1219" s="20"/>
      <c r="C1219" s="2" t="s">
        <v>4078</v>
      </c>
      <c r="D1219" s="14" t="s">
        <v>4079</v>
      </c>
      <c r="E1219" s="2" t="s">
        <v>4080</v>
      </c>
      <c r="F1219" s="2" t="s">
        <v>1779</v>
      </c>
      <c r="G1219" s="8">
        <v>170</v>
      </c>
      <c r="H1219" s="5">
        <v>6</v>
      </c>
      <c r="I1219" s="5" t="s">
        <v>1518</v>
      </c>
      <c r="J1219" s="5" t="s">
        <v>1519</v>
      </c>
      <c r="K1219" s="2" t="s">
        <v>1520</v>
      </c>
      <c r="L1219" s="5" t="s">
        <v>1519</v>
      </c>
      <c r="M1219" s="2" t="s">
        <v>1520</v>
      </c>
      <c r="N1219" s="5" t="s">
        <v>1521</v>
      </c>
      <c r="O1219" s="5" t="s">
        <v>38</v>
      </c>
      <c r="P1219" s="5" t="s">
        <v>39</v>
      </c>
      <c r="Q1219" s="5" t="s">
        <v>40</v>
      </c>
      <c r="R1219" s="5" t="s">
        <v>1522</v>
      </c>
      <c r="S1219" s="5" t="s">
        <v>1523</v>
      </c>
      <c r="T1219" s="5" t="s">
        <v>42</v>
      </c>
      <c r="U1219" s="2">
        <v>2.2250000000000001</v>
      </c>
      <c r="V1219" s="2">
        <v>1.73</v>
      </c>
      <c r="W1219" s="2">
        <v>1.4999999999999999E-2</v>
      </c>
      <c r="X1219" s="2">
        <v>118.9</v>
      </c>
      <c r="Y1219" s="2">
        <v>7.6</v>
      </c>
      <c r="Z1219" s="2">
        <v>16.7</v>
      </c>
      <c r="AA1219" s="5"/>
      <c r="AB1219" s="5" t="s">
        <v>43</v>
      </c>
      <c r="AC1219" s="5" t="s">
        <v>44</v>
      </c>
      <c r="AD1219" s="2"/>
      <c r="AE1219" s="1"/>
    </row>
    <row r="1220" spans="1:31" ht="14.45">
      <c r="A1220" s="11"/>
      <c r="B1220" s="20"/>
      <c r="C1220" s="2" t="s">
        <v>4081</v>
      </c>
      <c r="D1220" s="14" t="s">
        <v>4082</v>
      </c>
      <c r="E1220" s="2" t="s">
        <v>4083</v>
      </c>
      <c r="F1220" s="2" t="s">
        <v>1783</v>
      </c>
      <c r="G1220" s="8">
        <v>170</v>
      </c>
      <c r="H1220" s="5">
        <v>6</v>
      </c>
      <c r="I1220" s="5" t="s">
        <v>1518</v>
      </c>
      <c r="J1220" s="5" t="s">
        <v>1519</v>
      </c>
      <c r="K1220" s="2" t="s">
        <v>1520</v>
      </c>
      <c r="L1220" s="5" t="s">
        <v>1519</v>
      </c>
      <c r="M1220" s="2" t="s">
        <v>1520</v>
      </c>
      <c r="N1220" s="5" t="s">
        <v>1521</v>
      </c>
      <c r="O1220" s="5" t="s">
        <v>38</v>
      </c>
      <c r="P1220" s="5" t="s">
        <v>39</v>
      </c>
      <c r="Q1220" s="5" t="s">
        <v>40</v>
      </c>
      <c r="R1220" s="5" t="s">
        <v>1522</v>
      </c>
      <c r="S1220" s="5" t="s">
        <v>1523</v>
      </c>
      <c r="T1220" s="5" t="s">
        <v>42</v>
      </c>
      <c r="U1220" s="2">
        <v>2.1629999999999998</v>
      </c>
      <c r="V1220" s="2">
        <v>1.6679999999999999</v>
      </c>
      <c r="W1220" s="2">
        <v>1.4999999999999999E-2</v>
      </c>
      <c r="X1220" s="2">
        <v>118.9</v>
      </c>
      <c r="Y1220" s="2">
        <v>7.6</v>
      </c>
      <c r="Z1220" s="2">
        <v>16.7</v>
      </c>
      <c r="AA1220" s="5"/>
      <c r="AB1220" s="5" t="s">
        <v>43</v>
      </c>
      <c r="AC1220" s="5" t="s">
        <v>44</v>
      </c>
      <c r="AD1220" s="2"/>
      <c r="AE1220" s="1"/>
    </row>
    <row r="1221" spans="1:31" ht="14.45">
      <c r="A1221" s="11"/>
      <c r="B1221" s="20"/>
      <c r="C1221" s="2" t="s">
        <v>4084</v>
      </c>
      <c r="D1221" s="14" t="s">
        <v>4085</v>
      </c>
      <c r="E1221" s="2" t="s">
        <v>4086</v>
      </c>
      <c r="F1221" s="2" t="s">
        <v>1787</v>
      </c>
      <c r="G1221" s="8">
        <v>170</v>
      </c>
      <c r="H1221" s="5">
        <v>6</v>
      </c>
      <c r="I1221" s="5" t="s">
        <v>1518</v>
      </c>
      <c r="J1221" s="5" t="s">
        <v>1519</v>
      </c>
      <c r="K1221" s="2" t="s">
        <v>1520</v>
      </c>
      <c r="L1221" s="5" t="s">
        <v>1519</v>
      </c>
      <c r="M1221" s="2" t="s">
        <v>1520</v>
      </c>
      <c r="N1221" s="5" t="s">
        <v>1521</v>
      </c>
      <c r="O1221" s="5" t="s">
        <v>38</v>
      </c>
      <c r="P1221" s="5" t="s">
        <v>39</v>
      </c>
      <c r="Q1221" s="5" t="s">
        <v>40</v>
      </c>
      <c r="R1221" s="5" t="s">
        <v>1522</v>
      </c>
      <c r="S1221" s="5" t="s">
        <v>1523</v>
      </c>
      <c r="T1221" s="5" t="s">
        <v>42</v>
      </c>
      <c r="U1221" s="2">
        <v>2.206</v>
      </c>
      <c r="V1221" s="2">
        <v>1.7110000000000001</v>
      </c>
      <c r="W1221" s="2">
        <v>1.4999999999999999E-2</v>
      </c>
      <c r="X1221" s="2">
        <v>118.9</v>
      </c>
      <c r="Y1221" s="2">
        <v>7.6</v>
      </c>
      <c r="Z1221" s="2">
        <v>16.7</v>
      </c>
      <c r="AA1221" s="5"/>
      <c r="AB1221" s="5" t="s">
        <v>43</v>
      </c>
      <c r="AC1221" s="5" t="s">
        <v>44</v>
      </c>
      <c r="AD1221" s="2"/>
      <c r="AE1221" s="1"/>
    </row>
    <row r="1222" spans="1:31" ht="14.45">
      <c r="A1222" s="11"/>
      <c r="B1222" s="20"/>
      <c r="C1222" s="2" t="s">
        <v>4087</v>
      </c>
      <c r="D1222" s="14" t="s">
        <v>4088</v>
      </c>
      <c r="E1222" s="2" t="s">
        <v>4089</v>
      </c>
      <c r="F1222" s="2" t="s">
        <v>1791</v>
      </c>
      <c r="G1222" s="8">
        <v>170</v>
      </c>
      <c r="H1222" s="5">
        <v>6</v>
      </c>
      <c r="I1222" s="5" t="s">
        <v>1518</v>
      </c>
      <c r="J1222" s="5" t="s">
        <v>1519</v>
      </c>
      <c r="K1222" s="2" t="s">
        <v>1520</v>
      </c>
      <c r="L1222" s="5" t="s">
        <v>1519</v>
      </c>
      <c r="M1222" s="2" t="s">
        <v>1520</v>
      </c>
      <c r="N1222" s="5" t="s">
        <v>1521</v>
      </c>
      <c r="O1222" s="5" t="s">
        <v>38</v>
      </c>
      <c r="P1222" s="5" t="s">
        <v>39</v>
      </c>
      <c r="Q1222" s="5" t="s">
        <v>40</v>
      </c>
      <c r="R1222" s="5" t="s">
        <v>1522</v>
      </c>
      <c r="S1222" s="5" t="s">
        <v>1523</v>
      </c>
      <c r="T1222" s="5" t="s">
        <v>42</v>
      </c>
      <c r="U1222" s="2">
        <v>2.1819999999999999</v>
      </c>
      <c r="V1222" s="2">
        <v>1.6870000000000001</v>
      </c>
      <c r="W1222" s="2">
        <v>1.4999999999999999E-2</v>
      </c>
      <c r="X1222" s="2">
        <v>118.9</v>
      </c>
      <c r="Y1222" s="2">
        <v>7.6</v>
      </c>
      <c r="Z1222" s="2">
        <v>16.7</v>
      </c>
      <c r="AA1222" s="5"/>
      <c r="AB1222" s="5" t="s">
        <v>43</v>
      </c>
      <c r="AC1222" s="5" t="s">
        <v>44</v>
      </c>
      <c r="AD1222" s="2"/>
      <c r="AE1222" s="1"/>
    </row>
    <row r="1223" spans="1:31" ht="14.45">
      <c r="A1223" s="11"/>
      <c r="B1223" s="20"/>
      <c r="C1223" s="2" t="s">
        <v>4090</v>
      </c>
      <c r="D1223" s="14" t="s">
        <v>4091</v>
      </c>
      <c r="E1223" s="2" t="s">
        <v>4092</v>
      </c>
      <c r="F1223" s="2" t="s">
        <v>1795</v>
      </c>
      <c r="G1223" s="8">
        <v>170</v>
      </c>
      <c r="H1223" s="5">
        <v>6</v>
      </c>
      <c r="I1223" s="5" t="s">
        <v>1518</v>
      </c>
      <c r="J1223" s="5" t="s">
        <v>1519</v>
      </c>
      <c r="K1223" s="2" t="s">
        <v>1520</v>
      </c>
      <c r="L1223" s="5" t="s">
        <v>1519</v>
      </c>
      <c r="M1223" s="2" t="s">
        <v>1520</v>
      </c>
      <c r="N1223" s="5" t="s">
        <v>1521</v>
      </c>
      <c r="O1223" s="5" t="s">
        <v>38</v>
      </c>
      <c r="P1223" s="5" t="s">
        <v>39</v>
      </c>
      <c r="Q1223" s="5" t="s">
        <v>40</v>
      </c>
      <c r="R1223" s="5" t="s">
        <v>1522</v>
      </c>
      <c r="S1223" s="5" t="s">
        <v>1523</v>
      </c>
      <c r="T1223" s="5" t="s">
        <v>42</v>
      </c>
      <c r="U1223" s="2">
        <v>2.2250000000000001</v>
      </c>
      <c r="V1223" s="2">
        <v>1.73</v>
      </c>
      <c r="W1223" s="2">
        <v>1.4999999999999999E-2</v>
      </c>
      <c r="X1223" s="2">
        <v>118.9</v>
      </c>
      <c r="Y1223" s="2">
        <v>7.6</v>
      </c>
      <c r="Z1223" s="2">
        <v>16.7</v>
      </c>
      <c r="AA1223" s="5"/>
      <c r="AB1223" s="5" t="s">
        <v>43</v>
      </c>
      <c r="AC1223" s="5" t="s">
        <v>44</v>
      </c>
      <c r="AD1223" s="2"/>
      <c r="AE1223" s="1"/>
    </row>
    <row r="1224" spans="1:31" ht="14.45">
      <c r="A1224" s="11"/>
      <c r="B1224" s="20"/>
      <c r="C1224" s="2" t="s">
        <v>4093</v>
      </c>
      <c r="D1224" s="14" t="s">
        <v>4094</v>
      </c>
      <c r="E1224" s="2" t="s">
        <v>4095</v>
      </c>
      <c r="F1224" s="2" t="s">
        <v>1799</v>
      </c>
      <c r="G1224" s="8">
        <v>170</v>
      </c>
      <c r="H1224" s="5">
        <v>6</v>
      </c>
      <c r="I1224" s="5" t="s">
        <v>1518</v>
      </c>
      <c r="J1224" s="5" t="s">
        <v>1519</v>
      </c>
      <c r="K1224" s="2" t="s">
        <v>1520</v>
      </c>
      <c r="L1224" s="5" t="s">
        <v>1519</v>
      </c>
      <c r="M1224" s="2" t="s">
        <v>1520</v>
      </c>
      <c r="N1224" s="5" t="s">
        <v>1521</v>
      </c>
      <c r="O1224" s="5" t="s">
        <v>38</v>
      </c>
      <c r="P1224" s="5" t="s">
        <v>39</v>
      </c>
      <c r="Q1224" s="5" t="s">
        <v>40</v>
      </c>
      <c r="R1224" s="5" t="s">
        <v>1522</v>
      </c>
      <c r="S1224" s="5" t="s">
        <v>1523</v>
      </c>
      <c r="T1224" s="5" t="s">
        <v>42</v>
      </c>
      <c r="U1224" s="2">
        <v>2.1819999999999999</v>
      </c>
      <c r="V1224" s="2">
        <v>1.6870000000000001</v>
      </c>
      <c r="W1224" s="2">
        <v>1.4999999999999999E-2</v>
      </c>
      <c r="X1224" s="2">
        <v>118.9</v>
      </c>
      <c r="Y1224" s="2">
        <v>7.6</v>
      </c>
      <c r="Z1224" s="2">
        <v>16.7</v>
      </c>
      <c r="AA1224" s="5"/>
      <c r="AB1224" s="5" t="s">
        <v>43</v>
      </c>
      <c r="AC1224" s="5" t="s">
        <v>44</v>
      </c>
      <c r="AD1224" s="2"/>
      <c r="AE1224" s="1"/>
    </row>
    <row r="1225" spans="1:31" ht="14.45">
      <c r="A1225" s="11"/>
      <c r="B1225" s="20"/>
      <c r="C1225" s="2" t="s">
        <v>4096</v>
      </c>
      <c r="D1225" s="14" t="s">
        <v>4097</v>
      </c>
      <c r="E1225" s="2" t="s">
        <v>4098</v>
      </c>
      <c r="F1225" s="2" t="s">
        <v>1803</v>
      </c>
      <c r="G1225" s="8">
        <v>170</v>
      </c>
      <c r="H1225" s="5">
        <v>6</v>
      </c>
      <c r="I1225" s="5" t="s">
        <v>1518</v>
      </c>
      <c r="J1225" s="5" t="s">
        <v>1519</v>
      </c>
      <c r="K1225" s="2" t="s">
        <v>1520</v>
      </c>
      <c r="L1225" s="5" t="s">
        <v>1519</v>
      </c>
      <c r="M1225" s="2" t="s">
        <v>1520</v>
      </c>
      <c r="N1225" s="5" t="s">
        <v>1521</v>
      </c>
      <c r="O1225" s="5" t="s">
        <v>38</v>
      </c>
      <c r="P1225" s="5" t="s">
        <v>39</v>
      </c>
      <c r="Q1225" s="5" t="s">
        <v>40</v>
      </c>
      <c r="R1225" s="5" t="s">
        <v>1522</v>
      </c>
      <c r="S1225" s="5" t="s">
        <v>1523</v>
      </c>
      <c r="T1225" s="5" t="s">
        <v>42</v>
      </c>
      <c r="U1225" s="2">
        <v>2.2250000000000001</v>
      </c>
      <c r="V1225" s="2">
        <v>1.73</v>
      </c>
      <c r="W1225" s="2">
        <v>1.4999999999999999E-2</v>
      </c>
      <c r="X1225" s="2">
        <v>118.9</v>
      </c>
      <c r="Y1225" s="2">
        <v>7.6</v>
      </c>
      <c r="Z1225" s="2">
        <v>16.7</v>
      </c>
      <c r="AA1225" s="5"/>
      <c r="AB1225" s="5" t="s">
        <v>43</v>
      </c>
      <c r="AC1225" s="5" t="s">
        <v>44</v>
      </c>
      <c r="AD1225" s="2"/>
      <c r="AE1225" s="1"/>
    </row>
    <row r="1226" spans="1:31" ht="14.45">
      <c r="A1226" s="11"/>
      <c r="B1226" s="20"/>
      <c r="C1226" s="2" t="s">
        <v>4099</v>
      </c>
      <c r="D1226" s="14" t="s">
        <v>4100</v>
      </c>
      <c r="E1226" s="2" t="s">
        <v>4101</v>
      </c>
      <c r="F1226" s="2" t="s">
        <v>1807</v>
      </c>
      <c r="G1226" s="8">
        <v>170</v>
      </c>
      <c r="H1226" s="5">
        <v>6</v>
      </c>
      <c r="I1226" s="5" t="s">
        <v>1518</v>
      </c>
      <c r="J1226" s="5" t="s">
        <v>1519</v>
      </c>
      <c r="K1226" s="2" t="s">
        <v>1520</v>
      </c>
      <c r="L1226" s="5" t="s">
        <v>1519</v>
      </c>
      <c r="M1226" s="2" t="s">
        <v>1520</v>
      </c>
      <c r="N1226" s="5" t="s">
        <v>1521</v>
      </c>
      <c r="O1226" s="5" t="s">
        <v>38</v>
      </c>
      <c r="P1226" s="5" t="s">
        <v>39</v>
      </c>
      <c r="Q1226" s="5" t="s">
        <v>40</v>
      </c>
      <c r="R1226" s="5" t="s">
        <v>1522</v>
      </c>
      <c r="S1226" s="5" t="s">
        <v>1523</v>
      </c>
      <c r="T1226" s="5" t="s">
        <v>42</v>
      </c>
      <c r="U1226" s="2">
        <v>2.1819999999999999</v>
      </c>
      <c r="V1226" s="2">
        <v>1.6870000000000001</v>
      </c>
      <c r="W1226" s="2">
        <v>1.4999999999999999E-2</v>
      </c>
      <c r="X1226" s="2">
        <v>118.9</v>
      </c>
      <c r="Y1226" s="2">
        <v>7.6</v>
      </c>
      <c r="Z1226" s="2">
        <v>16.7</v>
      </c>
      <c r="AA1226" s="5"/>
      <c r="AB1226" s="5" t="s">
        <v>43</v>
      </c>
      <c r="AC1226" s="5" t="s">
        <v>44</v>
      </c>
      <c r="AD1226" s="2"/>
      <c r="AE1226" s="1"/>
    </row>
    <row r="1227" spans="1:31" ht="14.45">
      <c r="A1227" s="11"/>
      <c r="B1227" s="20"/>
      <c r="C1227" s="2" t="s">
        <v>4102</v>
      </c>
      <c r="D1227" s="14" t="s">
        <v>4103</v>
      </c>
      <c r="E1227" s="2" t="s">
        <v>4104</v>
      </c>
      <c r="F1227" s="2" t="s">
        <v>1811</v>
      </c>
      <c r="G1227" s="8">
        <v>170</v>
      </c>
      <c r="H1227" s="5">
        <v>6</v>
      </c>
      <c r="I1227" s="5" t="s">
        <v>1518</v>
      </c>
      <c r="J1227" s="5" t="s">
        <v>1519</v>
      </c>
      <c r="K1227" s="2" t="s">
        <v>1520</v>
      </c>
      <c r="L1227" s="5" t="s">
        <v>1519</v>
      </c>
      <c r="M1227" s="2" t="s">
        <v>1520</v>
      </c>
      <c r="N1227" s="5" t="s">
        <v>1521</v>
      </c>
      <c r="O1227" s="5" t="s">
        <v>38</v>
      </c>
      <c r="P1227" s="5" t="s">
        <v>39</v>
      </c>
      <c r="Q1227" s="5" t="s">
        <v>40</v>
      </c>
      <c r="R1227" s="5" t="s">
        <v>1522</v>
      </c>
      <c r="S1227" s="5" t="s">
        <v>1523</v>
      </c>
      <c r="T1227" s="5" t="s">
        <v>42</v>
      </c>
      <c r="U1227" s="2">
        <v>2.2250000000000001</v>
      </c>
      <c r="V1227" s="2">
        <v>1.73</v>
      </c>
      <c r="W1227" s="2">
        <v>1.4999999999999999E-2</v>
      </c>
      <c r="X1227" s="2">
        <v>118.9</v>
      </c>
      <c r="Y1227" s="2">
        <v>7.6</v>
      </c>
      <c r="Z1227" s="2">
        <v>16.7</v>
      </c>
      <c r="AA1227" s="5"/>
      <c r="AB1227" s="5" t="s">
        <v>43</v>
      </c>
      <c r="AC1227" s="5" t="s">
        <v>44</v>
      </c>
      <c r="AD1227" s="2"/>
      <c r="AE1227" s="1"/>
    </row>
    <row r="1228" spans="1:31" ht="14.45">
      <c r="A1228" s="11"/>
      <c r="B1228" s="20"/>
      <c r="C1228" s="2" t="s">
        <v>4105</v>
      </c>
      <c r="D1228" s="14" t="s">
        <v>4106</v>
      </c>
      <c r="E1228" s="2" t="s">
        <v>4107</v>
      </c>
      <c r="F1228" s="2" t="s">
        <v>1815</v>
      </c>
      <c r="G1228" s="8">
        <v>170</v>
      </c>
      <c r="H1228" s="5">
        <v>6</v>
      </c>
      <c r="I1228" s="5" t="s">
        <v>1518</v>
      </c>
      <c r="J1228" s="5" t="s">
        <v>1519</v>
      </c>
      <c r="K1228" s="2" t="s">
        <v>1520</v>
      </c>
      <c r="L1228" s="5" t="s">
        <v>1519</v>
      </c>
      <c r="M1228" s="2" t="s">
        <v>1520</v>
      </c>
      <c r="N1228" s="5" t="s">
        <v>1521</v>
      </c>
      <c r="O1228" s="5" t="s">
        <v>38</v>
      </c>
      <c r="P1228" s="5" t="s">
        <v>39</v>
      </c>
      <c r="Q1228" s="5" t="s">
        <v>40</v>
      </c>
      <c r="R1228" s="5" t="s">
        <v>1522</v>
      </c>
      <c r="S1228" s="5" t="s">
        <v>1523</v>
      </c>
      <c r="T1228" s="5" t="s">
        <v>42</v>
      </c>
      <c r="U1228" s="2">
        <v>2.1629999999999998</v>
      </c>
      <c r="V1228" s="2">
        <v>1.6679999999999999</v>
      </c>
      <c r="W1228" s="2">
        <v>1.4999999999999999E-2</v>
      </c>
      <c r="X1228" s="2">
        <v>118.9</v>
      </c>
      <c r="Y1228" s="2">
        <v>7.6</v>
      </c>
      <c r="Z1228" s="2">
        <v>16.7</v>
      </c>
      <c r="AA1228" s="5"/>
      <c r="AB1228" s="5" t="s">
        <v>43</v>
      </c>
      <c r="AC1228" s="5" t="s">
        <v>44</v>
      </c>
      <c r="AD1228" s="2"/>
      <c r="AE1228" s="1"/>
    </row>
    <row r="1229" spans="1:31" ht="14.45">
      <c r="A1229" s="11"/>
      <c r="B1229" s="20"/>
      <c r="C1229" s="2" t="s">
        <v>4108</v>
      </c>
      <c r="D1229" s="14" t="s">
        <v>4109</v>
      </c>
      <c r="E1229" s="2" t="s">
        <v>4110</v>
      </c>
      <c r="F1229" s="2" t="s">
        <v>1819</v>
      </c>
      <c r="G1229" s="8">
        <v>170</v>
      </c>
      <c r="H1229" s="5">
        <v>6</v>
      </c>
      <c r="I1229" s="5" t="s">
        <v>1518</v>
      </c>
      <c r="J1229" s="5" t="s">
        <v>1519</v>
      </c>
      <c r="K1229" s="2" t="s">
        <v>1520</v>
      </c>
      <c r="L1229" s="5" t="s">
        <v>1519</v>
      </c>
      <c r="M1229" s="2" t="s">
        <v>1520</v>
      </c>
      <c r="N1229" s="5" t="s">
        <v>1521</v>
      </c>
      <c r="O1229" s="5" t="s">
        <v>38</v>
      </c>
      <c r="P1229" s="5" t="s">
        <v>39</v>
      </c>
      <c r="Q1229" s="5" t="s">
        <v>40</v>
      </c>
      <c r="R1229" s="5" t="s">
        <v>1522</v>
      </c>
      <c r="S1229" s="5" t="s">
        <v>1523</v>
      </c>
      <c r="T1229" s="5" t="s">
        <v>42</v>
      </c>
      <c r="U1229" s="2">
        <v>2.206</v>
      </c>
      <c r="V1229" s="2">
        <v>1.7110000000000001</v>
      </c>
      <c r="W1229" s="2">
        <v>1.4999999999999999E-2</v>
      </c>
      <c r="X1229" s="2">
        <v>118.9</v>
      </c>
      <c r="Y1229" s="2">
        <v>7.6</v>
      </c>
      <c r="Z1229" s="2">
        <v>16.7</v>
      </c>
      <c r="AA1229" s="5"/>
      <c r="AB1229" s="5" t="s">
        <v>43</v>
      </c>
      <c r="AC1229" s="5" t="s">
        <v>44</v>
      </c>
      <c r="AD1229" s="2"/>
      <c r="AE1229" s="1"/>
    </row>
    <row r="1230" spans="1:31" ht="14.45">
      <c r="A1230" s="11"/>
      <c r="B1230" s="20"/>
      <c r="C1230" s="2" t="s">
        <v>4111</v>
      </c>
      <c r="D1230" s="14" t="s">
        <v>4112</v>
      </c>
      <c r="E1230" s="2" t="s">
        <v>4113</v>
      </c>
      <c r="F1230" s="2" t="s">
        <v>1823</v>
      </c>
      <c r="G1230" s="8">
        <v>170</v>
      </c>
      <c r="H1230" s="5">
        <v>8</v>
      </c>
      <c r="I1230" s="5" t="s">
        <v>1518</v>
      </c>
      <c r="J1230" s="5" t="s">
        <v>1519</v>
      </c>
      <c r="K1230" s="2" t="s">
        <v>1520</v>
      </c>
      <c r="L1230" s="5" t="s">
        <v>1519</v>
      </c>
      <c r="M1230" s="2" t="s">
        <v>1520</v>
      </c>
      <c r="N1230" s="5" t="s">
        <v>1521</v>
      </c>
      <c r="O1230" s="5" t="s">
        <v>38</v>
      </c>
      <c r="P1230" s="5" t="s">
        <v>39</v>
      </c>
      <c r="Q1230" s="5" t="s">
        <v>40</v>
      </c>
      <c r="R1230" s="5" t="s">
        <v>1522</v>
      </c>
      <c r="S1230" s="5" t="s">
        <v>1523</v>
      </c>
      <c r="T1230" s="5" t="s">
        <v>42</v>
      </c>
      <c r="U1230" s="2">
        <v>2.1970000000000001</v>
      </c>
      <c r="V1230" s="2">
        <v>1.702</v>
      </c>
      <c r="W1230" s="2">
        <v>1.4999999999999999E-2</v>
      </c>
      <c r="X1230" s="2">
        <v>118.9</v>
      </c>
      <c r="Y1230" s="2">
        <v>7.6</v>
      </c>
      <c r="Z1230" s="2">
        <v>16.7</v>
      </c>
      <c r="AA1230" s="5"/>
      <c r="AB1230" s="5" t="s">
        <v>43</v>
      </c>
      <c r="AC1230" s="5" t="s">
        <v>44</v>
      </c>
      <c r="AD1230" s="2"/>
      <c r="AE1230" s="1"/>
    </row>
    <row r="1231" spans="1:31" ht="14.45">
      <c r="A1231" s="11"/>
      <c r="B1231" s="20"/>
      <c r="C1231" s="2" t="s">
        <v>4114</v>
      </c>
      <c r="D1231" s="14" t="s">
        <v>4115</v>
      </c>
      <c r="E1231" s="2" t="s">
        <v>4116</v>
      </c>
      <c r="F1231" s="2" t="s">
        <v>1827</v>
      </c>
      <c r="G1231" s="8">
        <v>170</v>
      </c>
      <c r="H1231" s="5">
        <v>8</v>
      </c>
      <c r="I1231" s="5" t="s">
        <v>1518</v>
      </c>
      <c r="J1231" s="5" t="s">
        <v>1519</v>
      </c>
      <c r="K1231" s="2" t="s">
        <v>1520</v>
      </c>
      <c r="L1231" s="5" t="s">
        <v>1519</v>
      </c>
      <c r="M1231" s="2" t="s">
        <v>1520</v>
      </c>
      <c r="N1231" s="5" t="s">
        <v>1521</v>
      </c>
      <c r="O1231" s="5" t="s">
        <v>38</v>
      </c>
      <c r="P1231" s="5" t="s">
        <v>39</v>
      </c>
      <c r="Q1231" s="5" t="s">
        <v>40</v>
      </c>
      <c r="R1231" s="5" t="s">
        <v>1522</v>
      </c>
      <c r="S1231" s="5" t="s">
        <v>1523</v>
      </c>
      <c r="T1231" s="5" t="s">
        <v>42</v>
      </c>
      <c r="U1231" s="2">
        <v>2.2400000000000002</v>
      </c>
      <c r="V1231" s="2">
        <v>1.7450000000000001</v>
      </c>
      <c r="W1231" s="2">
        <v>1.4999999999999999E-2</v>
      </c>
      <c r="X1231" s="2">
        <v>118.9</v>
      </c>
      <c r="Y1231" s="2">
        <v>7.6</v>
      </c>
      <c r="Z1231" s="2">
        <v>16.7</v>
      </c>
      <c r="AA1231" s="5"/>
      <c r="AB1231" s="5" t="s">
        <v>43</v>
      </c>
      <c r="AC1231" s="5" t="s">
        <v>44</v>
      </c>
      <c r="AD1231" s="2"/>
      <c r="AE1231" s="1"/>
    </row>
    <row r="1232" spans="1:31" ht="14.45">
      <c r="A1232" s="11"/>
      <c r="B1232" s="20"/>
      <c r="C1232" s="2" t="s">
        <v>4117</v>
      </c>
      <c r="D1232" s="14" t="s">
        <v>4118</v>
      </c>
      <c r="E1232" s="2" t="s">
        <v>4119</v>
      </c>
      <c r="F1232" s="2" t="s">
        <v>2348</v>
      </c>
      <c r="G1232" s="8">
        <v>170</v>
      </c>
      <c r="H1232" s="5">
        <v>13</v>
      </c>
      <c r="I1232" s="5" t="s">
        <v>1518</v>
      </c>
      <c r="J1232" s="5" t="s">
        <v>1519</v>
      </c>
      <c r="K1232" s="2" t="s">
        <v>1520</v>
      </c>
      <c r="L1232" s="5" t="s">
        <v>1519</v>
      </c>
      <c r="M1232" s="2" t="s">
        <v>1520</v>
      </c>
      <c r="N1232" s="5" t="s">
        <v>1521</v>
      </c>
      <c r="O1232" s="5" t="s">
        <v>38</v>
      </c>
      <c r="P1232" s="5" t="s">
        <v>39</v>
      </c>
      <c r="Q1232" s="5" t="s">
        <v>40</v>
      </c>
      <c r="R1232" s="5" t="s">
        <v>1522</v>
      </c>
      <c r="S1232" s="5" t="s">
        <v>1523</v>
      </c>
      <c r="T1232" s="5" t="s">
        <v>42</v>
      </c>
      <c r="U1232" s="2">
        <v>2.2559999999999998</v>
      </c>
      <c r="V1232" s="2">
        <v>1.7609999999999999</v>
      </c>
      <c r="W1232" s="2">
        <v>1.4999999999999999E-2</v>
      </c>
      <c r="X1232" s="2">
        <v>118.9</v>
      </c>
      <c r="Y1232" s="2">
        <v>7.6</v>
      </c>
      <c r="Z1232" s="2">
        <v>16.7</v>
      </c>
      <c r="AA1232" s="5"/>
      <c r="AB1232" s="5" t="s">
        <v>43</v>
      </c>
      <c r="AC1232" s="5" t="s">
        <v>44</v>
      </c>
      <c r="AD1232" s="2"/>
      <c r="AE1232" s="1"/>
    </row>
    <row r="1233" spans="1:31" ht="14.45">
      <c r="A1233" s="11"/>
      <c r="B1233" s="20"/>
      <c r="C1233" s="2" t="s">
        <v>4120</v>
      </c>
      <c r="D1233" s="14" t="s">
        <v>4121</v>
      </c>
      <c r="E1233" s="2" t="s">
        <v>4122</v>
      </c>
      <c r="F1233" s="2" t="s">
        <v>2204</v>
      </c>
      <c r="G1233" s="8">
        <v>170</v>
      </c>
      <c r="H1233" s="5">
        <v>13</v>
      </c>
      <c r="I1233" s="5" t="s">
        <v>1518</v>
      </c>
      <c r="J1233" s="5" t="s">
        <v>1519</v>
      </c>
      <c r="K1233" s="2" t="s">
        <v>1520</v>
      </c>
      <c r="L1233" s="5" t="s">
        <v>1519</v>
      </c>
      <c r="M1233" s="2" t="s">
        <v>1520</v>
      </c>
      <c r="N1233" s="5" t="s">
        <v>1521</v>
      </c>
      <c r="O1233" s="5" t="s">
        <v>38</v>
      </c>
      <c r="P1233" s="5" t="s">
        <v>39</v>
      </c>
      <c r="Q1233" s="5" t="s">
        <v>40</v>
      </c>
      <c r="R1233" s="5" t="s">
        <v>1522</v>
      </c>
      <c r="S1233" s="5" t="s">
        <v>1523</v>
      </c>
      <c r="T1233" s="5" t="s">
        <v>42</v>
      </c>
      <c r="U1233" s="2">
        <v>2.2130000000000001</v>
      </c>
      <c r="V1233" s="2">
        <v>1.718</v>
      </c>
      <c r="W1233" s="2">
        <v>1.4999999999999999E-2</v>
      </c>
      <c r="X1233" s="2">
        <v>118.9</v>
      </c>
      <c r="Y1233" s="2">
        <v>7.6</v>
      </c>
      <c r="Z1233" s="2">
        <v>16.7</v>
      </c>
      <c r="AA1233" s="5"/>
      <c r="AB1233" s="5" t="s">
        <v>43</v>
      </c>
      <c r="AC1233" s="5" t="s">
        <v>44</v>
      </c>
      <c r="AD1233" s="2"/>
      <c r="AE1233" s="1"/>
    </row>
    <row r="1234" spans="1:31" ht="14.45">
      <c r="A1234" s="11"/>
      <c r="B1234" s="20"/>
      <c r="C1234" s="2" t="s">
        <v>4123</v>
      </c>
      <c r="D1234" s="14" t="s">
        <v>4124</v>
      </c>
      <c r="E1234" s="2" t="s">
        <v>4125</v>
      </c>
      <c r="F1234" s="2" t="s">
        <v>2724</v>
      </c>
      <c r="G1234" s="8">
        <v>170</v>
      </c>
      <c r="H1234" s="5">
        <v>13</v>
      </c>
      <c r="I1234" s="5" t="s">
        <v>1518</v>
      </c>
      <c r="J1234" s="5" t="s">
        <v>1519</v>
      </c>
      <c r="K1234" s="2" t="s">
        <v>1520</v>
      </c>
      <c r="L1234" s="5" t="s">
        <v>1519</v>
      </c>
      <c r="M1234" s="2" t="s">
        <v>1520</v>
      </c>
      <c r="N1234" s="5" t="s">
        <v>1521</v>
      </c>
      <c r="O1234" s="5" t="s">
        <v>38</v>
      </c>
      <c r="P1234" s="5" t="s">
        <v>39</v>
      </c>
      <c r="Q1234" s="5" t="s">
        <v>40</v>
      </c>
      <c r="R1234" s="5" t="s">
        <v>1522</v>
      </c>
      <c r="S1234" s="5" t="s">
        <v>1523</v>
      </c>
      <c r="T1234" s="5" t="s">
        <v>42</v>
      </c>
      <c r="U1234" s="2">
        <v>2.2559999999999998</v>
      </c>
      <c r="V1234" s="2">
        <v>1.7609999999999999</v>
      </c>
      <c r="W1234" s="2">
        <v>1.4999999999999999E-2</v>
      </c>
      <c r="X1234" s="2">
        <v>118.9</v>
      </c>
      <c r="Y1234" s="2">
        <v>7.6</v>
      </c>
      <c r="Z1234" s="2">
        <v>16.7</v>
      </c>
      <c r="AA1234" s="5"/>
      <c r="AB1234" s="5" t="s">
        <v>43</v>
      </c>
      <c r="AC1234" s="5" t="s">
        <v>44</v>
      </c>
      <c r="AD1234" s="2"/>
      <c r="AE1234" s="1"/>
    </row>
    <row r="1235" spans="1:31" ht="14.45">
      <c r="A1235" s="11"/>
      <c r="B1235" s="20"/>
      <c r="C1235" s="2" t="s">
        <v>4126</v>
      </c>
      <c r="D1235" s="14" t="s">
        <v>4127</v>
      </c>
      <c r="E1235" s="2" t="s">
        <v>4128</v>
      </c>
      <c r="F1235" s="2" t="s">
        <v>2208</v>
      </c>
      <c r="G1235" s="8">
        <v>170</v>
      </c>
      <c r="H1235" s="5">
        <v>13</v>
      </c>
      <c r="I1235" s="5" t="s">
        <v>1518</v>
      </c>
      <c r="J1235" s="5" t="s">
        <v>1519</v>
      </c>
      <c r="K1235" s="2" t="s">
        <v>1520</v>
      </c>
      <c r="L1235" s="5" t="s">
        <v>1519</v>
      </c>
      <c r="M1235" s="2" t="s">
        <v>1520</v>
      </c>
      <c r="N1235" s="5" t="s">
        <v>1521</v>
      </c>
      <c r="O1235" s="5" t="s">
        <v>38</v>
      </c>
      <c r="P1235" s="5" t="s">
        <v>39</v>
      </c>
      <c r="Q1235" s="5" t="s">
        <v>40</v>
      </c>
      <c r="R1235" s="5" t="s">
        <v>1522</v>
      </c>
      <c r="S1235" s="5" t="s">
        <v>1523</v>
      </c>
      <c r="T1235" s="5" t="s">
        <v>42</v>
      </c>
      <c r="U1235" s="2">
        <v>2.2130000000000001</v>
      </c>
      <c r="V1235" s="2">
        <v>1.718</v>
      </c>
      <c r="W1235" s="2">
        <v>1.4999999999999999E-2</v>
      </c>
      <c r="X1235" s="2">
        <v>118.9</v>
      </c>
      <c r="Y1235" s="2">
        <v>7.6</v>
      </c>
      <c r="Z1235" s="2">
        <v>16.7</v>
      </c>
      <c r="AA1235" s="5"/>
      <c r="AB1235" s="5" t="s">
        <v>43</v>
      </c>
      <c r="AC1235" s="5" t="s">
        <v>44</v>
      </c>
      <c r="AD1235" s="2"/>
      <c r="AE1235" s="1"/>
    </row>
    <row r="1236" spans="1:31" ht="14.45">
      <c r="A1236" s="11"/>
      <c r="B1236" s="20"/>
      <c r="C1236" s="2" t="s">
        <v>4129</v>
      </c>
      <c r="D1236" s="14" t="s">
        <v>4130</v>
      </c>
      <c r="E1236" s="2" t="s">
        <v>4131</v>
      </c>
      <c r="F1236" s="2" t="s">
        <v>2212</v>
      </c>
      <c r="G1236" s="8">
        <v>170</v>
      </c>
      <c r="H1236" s="5">
        <v>13</v>
      </c>
      <c r="I1236" s="5" t="s">
        <v>1518</v>
      </c>
      <c r="J1236" s="5" t="s">
        <v>1519</v>
      </c>
      <c r="K1236" s="2" t="s">
        <v>1520</v>
      </c>
      <c r="L1236" s="5" t="s">
        <v>1519</v>
      </c>
      <c r="M1236" s="2" t="s">
        <v>1520</v>
      </c>
      <c r="N1236" s="5" t="s">
        <v>1521</v>
      </c>
      <c r="O1236" s="5" t="s">
        <v>38</v>
      </c>
      <c r="P1236" s="5" t="s">
        <v>39</v>
      </c>
      <c r="Q1236" s="5" t="s">
        <v>40</v>
      </c>
      <c r="R1236" s="5" t="s">
        <v>1522</v>
      </c>
      <c r="S1236" s="5" t="s">
        <v>1523</v>
      </c>
      <c r="T1236" s="5" t="s">
        <v>42</v>
      </c>
      <c r="U1236" s="2">
        <v>2.2559999999999998</v>
      </c>
      <c r="V1236" s="2">
        <v>1.7609999999999999</v>
      </c>
      <c r="W1236" s="2">
        <v>1.4999999999999999E-2</v>
      </c>
      <c r="X1236" s="2">
        <v>118.9</v>
      </c>
      <c r="Y1236" s="2">
        <v>7.6</v>
      </c>
      <c r="Z1236" s="2">
        <v>16.7</v>
      </c>
      <c r="AA1236" s="5"/>
      <c r="AB1236" s="5" t="s">
        <v>43</v>
      </c>
      <c r="AC1236" s="5" t="s">
        <v>44</v>
      </c>
      <c r="AD1236" s="2"/>
      <c r="AE1236" s="1"/>
    </row>
    <row r="1237" spans="1:31" ht="14.45">
      <c r="A1237" s="11"/>
      <c r="B1237" s="20"/>
      <c r="C1237" s="2" t="s">
        <v>4132</v>
      </c>
      <c r="D1237" s="14" t="s">
        <v>4133</v>
      </c>
      <c r="E1237" s="2" t="s">
        <v>4134</v>
      </c>
      <c r="F1237" s="2" t="s">
        <v>1831</v>
      </c>
      <c r="G1237" s="8">
        <v>170</v>
      </c>
      <c r="H1237" s="5">
        <v>13</v>
      </c>
      <c r="I1237" s="5" t="s">
        <v>1518</v>
      </c>
      <c r="J1237" s="5" t="s">
        <v>1519</v>
      </c>
      <c r="K1237" s="2" t="s">
        <v>1520</v>
      </c>
      <c r="L1237" s="5" t="s">
        <v>1519</v>
      </c>
      <c r="M1237" s="2" t="s">
        <v>1520</v>
      </c>
      <c r="N1237" s="5" t="s">
        <v>1521</v>
      </c>
      <c r="O1237" s="5" t="s">
        <v>38</v>
      </c>
      <c r="P1237" s="5" t="s">
        <v>39</v>
      </c>
      <c r="Q1237" s="5" t="s">
        <v>40</v>
      </c>
      <c r="R1237" s="5" t="s">
        <v>1522</v>
      </c>
      <c r="S1237" s="5" t="s">
        <v>1523</v>
      </c>
      <c r="T1237" s="5" t="s">
        <v>42</v>
      </c>
      <c r="U1237" s="2">
        <v>2.2130000000000001</v>
      </c>
      <c r="V1237" s="2">
        <v>1.718</v>
      </c>
      <c r="W1237" s="2">
        <v>1.4999999999999999E-2</v>
      </c>
      <c r="X1237" s="2">
        <v>118.9</v>
      </c>
      <c r="Y1237" s="2">
        <v>7.6</v>
      </c>
      <c r="Z1237" s="2">
        <v>16.7</v>
      </c>
      <c r="AA1237" s="5"/>
      <c r="AB1237" s="5" t="s">
        <v>43</v>
      </c>
      <c r="AC1237" s="5" t="s">
        <v>44</v>
      </c>
      <c r="AD1237" s="2"/>
      <c r="AE1237" s="1"/>
    </row>
    <row r="1238" spans="1:31" ht="14.45">
      <c r="A1238" s="11"/>
      <c r="B1238" s="20"/>
      <c r="C1238" s="2" t="s">
        <v>4135</v>
      </c>
      <c r="D1238" s="14" t="s">
        <v>4136</v>
      </c>
      <c r="E1238" s="2" t="s">
        <v>4137</v>
      </c>
      <c r="F1238" s="2" t="s">
        <v>1835</v>
      </c>
      <c r="G1238" s="8">
        <v>170</v>
      </c>
      <c r="H1238" s="5">
        <v>13</v>
      </c>
      <c r="I1238" s="5" t="s">
        <v>1518</v>
      </c>
      <c r="J1238" s="5" t="s">
        <v>1519</v>
      </c>
      <c r="K1238" s="2" t="s">
        <v>1520</v>
      </c>
      <c r="L1238" s="5" t="s">
        <v>1519</v>
      </c>
      <c r="M1238" s="2" t="s">
        <v>1520</v>
      </c>
      <c r="N1238" s="5" t="s">
        <v>1521</v>
      </c>
      <c r="O1238" s="5" t="s">
        <v>38</v>
      </c>
      <c r="P1238" s="5" t="s">
        <v>39</v>
      </c>
      <c r="Q1238" s="5" t="s">
        <v>40</v>
      </c>
      <c r="R1238" s="5" t="s">
        <v>1522</v>
      </c>
      <c r="S1238" s="5" t="s">
        <v>1523</v>
      </c>
      <c r="T1238" s="5" t="s">
        <v>42</v>
      </c>
      <c r="U1238" s="2">
        <v>2.2559999999999998</v>
      </c>
      <c r="V1238" s="2">
        <v>1.7609999999999999</v>
      </c>
      <c r="W1238" s="2">
        <v>1.4999999999999999E-2</v>
      </c>
      <c r="X1238" s="2">
        <v>118.9</v>
      </c>
      <c r="Y1238" s="2">
        <v>7.6</v>
      </c>
      <c r="Z1238" s="2">
        <v>16.7</v>
      </c>
      <c r="AA1238" s="5"/>
      <c r="AB1238" s="5" t="s">
        <v>43</v>
      </c>
      <c r="AC1238" s="5" t="s">
        <v>44</v>
      </c>
      <c r="AD1238" s="2"/>
      <c r="AE1238" s="1"/>
    </row>
    <row r="1239" spans="1:31" ht="14.45">
      <c r="A1239" s="11"/>
      <c r="B1239" s="20"/>
      <c r="C1239" s="2" t="s">
        <v>4138</v>
      </c>
      <c r="D1239" s="14" t="s">
        <v>4139</v>
      </c>
      <c r="E1239" s="2" t="s">
        <v>4140</v>
      </c>
      <c r="F1239" s="2" t="s">
        <v>1839</v>
      </c>
      <c r="G1239" s="8">
        <v>170</v>
      </c>
      <c r="H1239" s="5">
        <v>13</v>
      </c>
      <c r="I1239" s="5" t="s">
        <v>1518</v>
      </c>
      <c r="J1239" s="5" t="s">
        <v>1519</v>
      </c>
      <c r="K1239" s="2" t="s">
        <v>1520</v>
      </c>
      <c r="L1239" s="5" t="s">
        <v>1519</v>
      </c>
      <c r="M1239" s="2" t="s">
        <v>1520</v>
      </c>
      <c r="N1239" s="5" t="s">
        <v>1521</v>
      </c>
      <c r="O1239" s="5" t="s">
        <v>38</v>
      </c>
      <c r="P1239" s="5" t="s">
        <v>39</v>
      </c>
      <c r="Q1239" s="5" t="s">
        <v>40</v>
      </c>
      <c r="R1239" s="5" t="s">
        <v>1522</v>
      </c>
      <c r="S1239" s="5" t="s">
        <v>1523</v>
      </c>
      <c r="T1239" s="5" t="s">
        <v>42</v>
      </c>
      <c r="U1239" s="2">
        <v>2.2130000000000001</v>
      </c>
      <c r="V1239" s="2">
        <v>1.718</v>
      </c>
      <c r="W1239" s="2">
        <v>1.4999999999999999E-2</v>
      </c>
      <c r="X1239" s="2">
        <v>118.9</v>
      </c>
      <c r="Y1239" s="2">
        <v>7.6</v>
      </c>
      <c r="Z1239" s="2">
        <v>16.7</v>
      </c>
      <c r="AA1239" s="5"/>
      <c r="AB1239" s="5" t="s">
        <v>43</v>
      </c>
      <c r="AC1239" s="5" t="s">
        <v>44</v>
      </c>
      <c r="AD1239" s="2"/>
      <c r="AE1239" s="1"/>
    </row>
    <row r="1240" spans="1:31" ht="14.45">
      <c r="A1240" s="11"/>
      <c r="B1240" s="20"/>
      <c r="C1240" s="2" t="s">
        <v>4141</v>
      </c>
      <c r="D1240" s="14" t="s">
        <v>4142</v>
      </c>
      <c r="E1240" s="2" t="s">
        <v>4143</v>
      </c>
      <c r="F1240" s="2" t="s">
        <v>1986</v>
      </c>
      <c r="G1240" s="8">
        <v>170</v>
      </c>
      <c r="H1240" s="5">
        <v>13</v>
      </c>
      <c r="I1240" s="5" t="s">
        <v>1518</v>
      </c>
      <c r="J1240" s="5" t="s">
        <v>1519</v>
      </c>
      <c r="K1240" s="2" t="s">
        <v>1520</v>
      </c>
      <c r="L1240" s="5" t="s">
        <v>1519</v>
      </c>
      <c r="M1240" s="2" t="s">
        <v>1520</v>
      </c>
      <c r="N1240" s="5" t="s">
        <v>1521</v>
      </c>
      <c r="O1240" s="5" t="s">
        <v>38</v>
      </c>
      <c r="P1240" s="5" t="s">
        <v>39</v>
      </c>
      <c r="Q1240" s="5" t="s">
        <v>40</v>
      </c>
      <c r="R1240" s="5" t="s">
        <v>1522</v>
      </c>
      <c r="S1240" s="5" t="s">
        <v>1523</v>
      </c>
      <c r="T1240" s="5" t="s">
        <v>42</v>
      </c>
      <c r="U1240" s="2">
        <v>2.2559999999999998</v>
      </c>
      <c r="V1240" s="2">
        <v>1.7609999999999999</v>
      </c>
      <c r="W1240" s="2">
        <v>1.4999999999999999E-2</v>
      </c>
      <c r="X1240" s="2">
        <v>118.9</v>
      </c>
      <c r="Y1240" s="2">
        <v>7.6</v>
      </c>
      <c r="Z1240" s="2">
        <v>16.7</v>
      </c>
      <c r="AA1240" s="5"/>
      <c r="AB1240" s="5" t="s">
        <v>43</v>
      </c>
      <c r="AC1240" s="5" t="s">
        <v>44</v>
      </c>
      <c r="AD1240" s="2"/>
      <c r="AE1240" s="1"/>
    </row>
    <row r="1241" spans="1:31" ht="14.45">
      <c r="A1241" s="11"/>
      <c r="B1241" s="20"/>
      <c r="C1241" s="2" t="s">
        <v>4144</v>
      </c>
      <c r="D1241" s="14" t="s">
        <v>4145</v>
      </c>
      <c r="E1241" s="2" t="s">
        <v>4146</v>
      </c>
      <c r="F1241" s="2" t="s">
        <v>1843</v>
      </c>
      <c r="G1241" s="8">
        <v>170</v>
      </c>
      <c r="H1241" s="5">
        <v>13</v>
      </c>
      <c r="I1241" s="5" t="s">
        <v>1518</v>
      </c>
      <c r="J1241" s="5" t="s">
        <v>1519</v>
      </c>
      <c r="K1241" s="2" t="s">
        <v>1520</v>
      </c>
      <c r="L1241" s="5" t="s">
        <v>1519</v>
      </c>
      <c r="M1241" s="2" t="s">
        <v>1520</v>
      </c>
      <c r="N1241" s="5" t="s">
        <v>1521</v>
      </c>
      <c r="O1241" s="5" t="s">
        <v>38</v>
      </c>
      <c r="P1241" s="5" t="s">
        <v>39</v>
      </c>
      <c r="Q1241" s="5" t="s">
        <v>40</v>
      </c>
      <c r="R1241" s="5" t="s">
        <v>1522</v>
      </c>
      <c r="S1241" s="5" t="s">
        <v>1523</v>
      </c>
      <c r="T1241" s="5" t="s">
        <v>42</v>
      </c>
      <c r="U1241" s="2">
        <v>2.2130000000000001</v>
      </c>
      <c r="V1241" s="2">
        <v>1.718</v>
      </c>
      <c r="W1241" s="2">
        <v>1.4999999999999999E-2</v>
      </c>
      <c r="X1241" s="2">
        <v>118.9</v>
      </c>
      <c r="Y1241" s="2">
        <v>7.6</v>
      </c>
      <c r="Z1241" s="2">
        <v>16.7</v>
      </c>
      <c r="AA1241" s="5"/>
      <c r="AB1241" s="5" t="s">
        <v>43</v>
      </c>
      <c r="AC1241" s="5" t="s">
        <v>44</v>
      </c>
      <c r="AD1241" s="2"/>
      <c r="AE1241" s="1"/>
    </row>
    <row r="1242" spans="1:31" ht="14.45">
      <c r="A1242" s="11"/>
      <c r="B1242" s="20"/>
      <c r="C1242" s="2" t="s">
        <v>4147</v>
      </c>
      <c r="D1242" s="14" t="s">
        <v>4148</v>
      </c>
      <c r="E1242" s="2" t="s">
        <v>4149</v>
      </c>
      <c r="F1242" s="2" t="s">
        <v>1847</v>
      </c>
      <c r="G1242" s="8">
        <v>170</v>
      </c>
      <c r="H1242" s="5">
        <v>13</v>
      </c>
      <c r="I1242" s="5" t="s">
        <v>1518</v>
      </c>
      <c r="J1242" s="5" t="s">
        <v>1519</v>
      </c>
      <c r="K1242" s="2" t="s">
        <v>1520</v>
      </c>
      <c r="L1242" s="5" t="s">
        <v>1519</v>
      </c>
      <c r="M1242" s="2" t="s">
        <v>1520</v>
      </c>
      <c r="N1242" s="5" t="s">
        <v>1521</v>
      </c>
      <c r="O1242" s="5" t="s">
        <v>38</v>
      </c>
      <c r="P1242" s="5" t="s">
        <v>39</v>
      </c>
      <c r="Q1242" s="5" t="s">
        <v>40</v>
      </c>
      <c r="R1242" s="5" t="s">
        <v>1522</v>
      </c>
      <c r="S1242" s="5" t="s">
        <v>1523</v>
      </c>
      <c r="T1242" s="5" t="s">
        <v>42</v>
      </c>
      <c r="U1242" s="2">
        <v>2.2559999999999998</v>
      </c>
      <c r="V1242" s="2">
        <v>1.7609999999999999</v>
      </c>
      <c r="W1242" s="2">
        <v>1.4999999999999999E-2</v>
      </c>
      <c r="X1242" s="2">
        <v>118.9</v>
      </c>
      <c r="Y1242" s="2">
        <v>7.6</v>
      </c>
      <c r="Z1242" s="2">
        <v>16.7</v>
      </c>
      <c r="AA1242" s="5"/>
      <c r="AB1242" s="5" t="s">
        <v>43</v>
      </c>
      <c r="AC1242" s="5" t="s">
        <v>44</v>
      </c>
      <c r="AD1242" s="2"/>
      <c r="AE1242" s="1"/>
    </row>
    <row r="1243" spans="1:31" ht="14.45">
      <c r="A1243" s="11"/>
      <c r="B1243" s="20"/>
      <c r="C1243" s="2" t="s">
        <v>4150</v>
      </c>
      <c r="D1243" s="14" t="s">
        <v>4151</v>
      </c>
      <c r="E1243" s="2" t="s">
        <v>4152</v>
      </c>
      <c r="F1243" s="2" t="s">
        <v>1851</v>
      </c>
      <c r="G1243" s="8">
        <v>170</v>
      </c>
      <c r="H1243" s="5">
        <v>13</v>
      </c>
      <c r="I1243" s="5" t="s">
        <v>1518</v>
      </c>
      <c r="J1243" s="5" t="s">
        <v>1519</v>
      </c>
      <c r="K1243" s="2" t="s">
        <v>1520</v>
      </c>
      <c r="L1243" s="5" t="s">
        <v>1519</v>
      </c>
      <c r="M1243" s="2" t="s">
        <v>1520</v>
      </c>
      <c r="N1243" s="5" t="s">
        <v>1521</v>
      </c>
      <c r="O1243" s="5" t="s">
        <v>38</v>
      </c>
      <c r="P1243" s="5" t="s">
        <v>39</v>
      </c>
      <c r="Q1243" s="5" t="s">
        <v>40</v>
      </c>
      <c r="R1243" s="5" t="s">
        <v>1522</v>
      </c>
      <c r="S1243" s="5" t="s">
        <v>1523</v>
      </c>
      <c r="T1243" s="5" t="s">
        <v>42</v>
      </c>
      <c r="U1243" s="2">
        <v>2.2130000000000001</v>
      </c>
      <c r="V1243" s="2">
        <v>1.718</v>
      </c>
      <c r="W1243" s="2">
        <v>1.4999999999999999E-2</v>
      </c>
      <c r="X1243" s="2">
        <v>118.9</v>
      </c>
      <c r="Y1243" s="2">
        <v>7.6</v>
      </c>
      <c r="Z1243" s="2">
        <v>16.7</v>
      </c>
      <c r="AA1243" s="5"/>
      <c r="AB1243" s="5" t="s">
        <v>43</v>
      </c>
      <c r="AC1243" s="5" t="s">
        <v>44</v>
      </c>
      <c r="AD1243" s="2"/>
      <c r="AE1243" s="1"/>
    </row>
    <row r="1244" spans="1:31" ht="14.45">
      <c r="A1244" s="11"/>
      <c r="B1244" s="20"/>
      <c r="C1244" s="2" t="s">
        <v>4153</v>
      </c>
      <c r="D1244" s="14" t="s">
        <v>4154</v>
      </c>
      <c r="E1244" s="2" t="s">
        <v>4155</v>
      </c>
      <c r="F1244" s="2" t="s">
        <v>1999</v>
      </c>
      <c r="G1244" s="8">
        <v>170</v>
      </c>
      <c r="H1244" s="5">
        <v>13</v>
      </c>
      <c r="I1244" s="5" t="s">
        <v>1518</v>
      </c>
      <c r="J1244" s="5" t="s">
        <v>1519</v>
      </c>
      <c r="K1244" s="2" t="s">
        <v>1520</v>
      </c>
      <c r="L1244" s="5" t="s">
        <v>1519</v>
      </c>
      <c r="M1244" s="2" t="s">
        <v>1520</v>
      </c>
      <c r="N1244" s="5" t="s">
        <v>1521</v>
      </c>
      <c r="O1244" s="5" t="s">
        <v>38</v>
      </c>
      <c r="P1244" s="5" t="s">
        <v>39</v>
      </c>
      <c r="Q1244" s="5" t="s">
        <v>40</v>
      </c>
      <c r="R1244" s="5" t="s">
        <v>1522</v>
      </c>
      <c r="S1244" s="5" t="s">
        <v>1523</v>
      </c>
      <c r="T1244" s="5" t="s">
        <v>42</v>
      </c>
      <c r="U1244" s="2">
        <v>2.2559999999999998</v>
      </c>
      <c r="V1244" s="2">
        <v>1.7609999999999999</v>
      </c>
      <c r="W1244" s="2">
        <v>1.4999999999999999E-2</v>
      </c>
      <c r="X1244" s="2">
        <v>118.9</v>
      </c>
      <c r="Y1244" s="2">
        <v>7.6</v>
      </c>
      <c r="Z1244" s="2">
        <v>16.7</v>
      </c>
      <c r="AA1244" s="5"/>
      <c r="AB1244" s="5" t="s">
        <v>43</v>
      </c>
      <c r="AC1244" s="5" t="s">
        <v>44</v>
      </c>
      <c r="AD1244" s="2"/>
      <c r="AE1244" s="1"/>
    </row>
    <row r="1245" spans="1:31" ht="14.45">
      <c r="A1245" s="11"/>
      <c r="B1245" s="20"/>
      <c r="C1245" s="2" t="s">
        <v>4156</v>
      </c>
      <c r="D1245" s="14" t="s">
        <v>4157</v>
      </c>
      <c r="E1245" s="2" t="s">
        <v>4158</v>
      </c>
      <c r="F1245" s="2" t="s">
        <v>1855</v>
      </c>
      <c r="G1245" s="8">
        <v>170</v>
      </c>
      <c r="H1245" s="5">
        <v>13</v>
      </c>
      <c r="I1245" s="5" t="s">
        <v>1518</v>
      </c>
      <c r="J1245" s="5" t="s">
        <v>1519</v>
      </c>
      <c r="K1245" s="2" t="s">
        <v>1520</v>
      </c>
      <c r="L1245" s="5" t="s">
        <v>1519</v>
      </c>
      <c r="M1245" s="2" t="s">
        <v>1520</v>
      </c>
      <c r="N1245" s="5" t="s">
        <v>1521</v>
      </c>
      <c r="O1245" s="5" t="s">
        <v>38</v>
      </c>
      <c r="P1245" s="5" t="s">
        <v>39</v>
      </c>
      <c r="Q1245" s="5" t="s">
        <v>40</v>
      </c>
      <c r="R1245" s="5" t="s">
        <v>1522</v>
      </c>
      <c r="S1245" s="5" t="s">
        <v>1523</v>
      </c>
      <c r="T1245" s="5" t="s">
        <v>42</v>
      </c>
      <c r="U1245" s="2">
        <v>2.2130000000000001</v>
      </c>
      <c r="V1245" s="2">
        <v>1.718</v>
      </c>
      <c r="W1245" s="2">
        <v>1.4999999999999999E-2</v>
      </c>
      <c r="X1245" s="2">
        <v>118.9</v>
      </c>
      <c r="Y1245" s="2">
        <v>7.6</v>
      </c>
      <c r="Z1245" s="2">
        <v>16.7</v>
      </c>
      <c r="AA1245" s="5"/>
      <c r="AB1245" s="5" t="s">
        <v>43</v>
      </c>
      <c r="AC1245" s="5" t="s">
        <v>44</v>
      </c>
      <c r="AD1245" s="2"/>
      <c r="AE1245" s="1"/>
    </row>
    <row r="1246" spans="1:31" ht="14.45">
      <c r="A1246" s="11"/>
      <c r="B1246" s="20"/>
      <c r="C1246" s="2" t="s">
        <v>4159</v>
      </c>
      <c r="D1246" s="14" t="s">
        <v>4160</v>
      </c>
      <c r="E1246" s="2" t="s">
        <v>4161</v>
      </c>
      <c r="F1246" s="2" t="s">
        <v>1859</v>
      </c>
      <c r="G1246" s="8">
        <v>170</v>
      </c>
      <c r="H1246" s="5">
        <v>13</v>
      </c>
      <c r="I1246" s="5" t="s">
        <v>1518</v>
      </c>
      <c r="J1246" s="5" t="s">
        <v>1519</v>
      </c>
      <c r="K1246" s="2" t="s">
        <v>1520</v>
      </c>
      <c r="L1246" s="5" t="s">
        <v>1519</v>
      </c>
      <c r="M1246" s="2" t="s">
        <v>1520</v>
      </c>
      <c r="N1246" s="5" t="s">
        <v>1521</v>
      </c>
      <c r="O1246" s="5" t="s">
        <v>38</v>
      </c>
      <c r="P1246" s="5" t="s">
        <v>39</v>
      </c>
      <c r="Q1246" s="5" t="s">
        <v>40</v>
      </c>
      <c r="R1246" s="5" t="s">
        <v>1522</v>
      </c>
      <c r="S1246" s="5" t="s">
        <v>1523</v>
      </c>
      <c r="T1246" s="5" t="s">
        <v>42</v>
      </c>
      <c r="U1246" s="2">
        <v>2.2559999999999998</v>
      </c>
      <c r="V1246" s="2">
        <v>1.7609999999999999</v>
      </c>
      <c r="W1246" s="2">
        <v>1.4999999999999999E-2</v>
      </c>
      <c r="X1246" s="2">
        <v>118.9</v>
      </c>
      <c r="Y1246" s="2">
        <v>7.6</v>
      </c>
      <c r="Z1246" s="2">
        <v>16.7</v>
      </c>
      <c r="AA1246" s="5"/>
      <c r="AB1246" s="5" t="s">
        <v>43</v>
      </c>
      <c r="AC1246" s="5" t="s">
        <v>44</v>
      </c>
      <c r="AD1246" s="2"/>
      <c r="AE1246" s="1"/>
    </row>
    <row r="1247" spans="1:31" ht="14.45">
      <c r="A1247" s="11"/>
      <c r="B1247" s="20"/>
      <c r="C1247" s="2" t="s">
        <v>4162</v>
      </c>
      <c r="D1247" s="14" t="s">
        <v>4163</v>
      </c>
      <c r="E1247" s="2" t="s">
        <v>4164</v>
      </c>
      <c r="F1247" s="2" t="s">
        <v>1863</v>
      </c>
      <c r="G1247" s="8">
        <v>170</v>
      </c>
      <c r="H1247" s="5">
        <v>11</v>
      </c>
      <c r="I1247" s="5" t="s">
        <v>1518</v>
      </c>
      <c r="J1247" s="5" t="s">
        <v>1519</v>
      </c>
      <c r="K1247" s="2" t="s">
        <v>1520</v>
      </c>
      <c r="L1247" s="5" t="s">
        <v>1519</v>
      </c>
      <c r="M1247" s="2" t="s">
        <v>1520</v>
      </c>
      <c r="N1247" s="5" t="s">
        <v>1521</v>
      </c>
      <c r="O1247" s="5" t="s">
        <v>38</v>
      </c>
      <c r="P1247" s="5" t="s">
        <v>39</v>
      </c>
      <c r="Q1247" s="5" t="s">
        <v>40</v>
      </c>
      <c r="R1247" s="5" t="s">
        <v>1522</v>
      </c>
      <c r="S1247" s="5" t="s">
        <v>1523</v>
      </c>
      <c r="T1247" s="5" t="s">
        <v>42</v>
      </c>
      <c r="U1247" s="2">
        <v>2.1659999999999999</v>
      </c>
      <c r="V1247" s="2">
        <v>1.671</v>
      </c>
      <c r="W1247" s="2">
        <v>1.4999999999999999E-2</v>
      </c>
      <c r="X1247" s="2">
        <v>118.9</v>
      </c>
      <c r="Y1247" s="2">
        <v>7.6</v>
      </c>
      <c r="Z1247" s="2">
        <v>16.7</v>
      </c>
      <c r="AA1247" s="5"/>
      <c r="AB1247" s="5" t="s">
        <v>43</v>
      </c>
      <c r="AC1247" s="5" t="s">
        <v>44</v>
      </c>
      <c r="AD1247" s="2"/>
      <c r="AE1247" s="1"/>
    </row>
    <row r="1248" spans="1:31" ht="14.45">
      <c r="A1248" s="11"/>
      <c r="B1248" s="20"/>
      <c r="C1248" s="2" t="s">
        <v>4165</v>
      </c>
      <c r="D1248" s="14" t="s">
        <v>4166</v>
      </c>
      <c r="E1248" s="2" t="s">
        <v>4167</v>
      </c>
      <c r="F1248" s="2" t="s">
        <v>1867</v>
      </c>
      <c r="G1248" s="8">
        <v>170</v>
      </c>
      <c r="H1248" s="5">
        <v>11</v>
      </c>
      <c r="I1248" s="5" t="s">
        <v>1518</v>
      </c>
      <c r="J1248" s="5" t="s">
        <v>1519</v>
      </c>
      <c r="K1248" s="2" t="s">
        <v>1520</v>
      </c>
      <c r="L1248" s="5" t="s">
        <v>1519</v>
      </c>
      <c r="M1248" s="2" t="s">
        <v>1520</v>
      </c>
      <c r="N1248" s="5" t="s">
        <v>1521</v>
      </c>
      <c r="O1248" s="5" t="s">
        <v>38</v>
      </c>
      <c r="P1248" s="5" t="s">
        <v>39</v>
      </c>
      <c r="Q1248" s="5" t="s">
        <v>40</v>
      </c>
      <c r="R1248" s="5" t="s">
        <v>1522</v>
      </c>
      <c r="S1248" s="5" t="s">
        <v>1523</v>
      </c>
      <c r="T1248" s="5" t="s">
        <v>42</v>
      </c>
      <c r="U1248" s="2">
        <v>2.2090000000000001</v>
      </c>
      <c r="V1248" s="2">
        <v>1.714</v>
      </c>
      <c r="W1248" s="2">
        <v>1.4999999999999999E-2</v>
      </c>
      <c r="X1248" s="2">
        <v>118.9</v>
      </c>
      <c r="Y1248" s="2">
        <v>7.6</v>
      </c>
      <c r="Z1248" s="2">
        <v>16.7</v>
      </c>
      <c r="AA1248" s="5"/>
      <c r="AB1248" s="5" t="s">
        <v>43</v>
      </c>
      <c r="AC1248" s="5" t="s">
        <v>44</v>
      </c>
      <c r="AD1248" s="2"/>
      <c r="AE1248" s="1"/>
    </row>
    <row r="1249" spans="1:31" ht="14.45">
      <c r="A1249" s="11"/>
      <c r="B1249" s="20"/>
      <c r="C1249" s="2" t="s">
        <v>4168</v>
      </c>
      <c r="D1249" s="14" t="s">
        <v>4169</v>
      </c>
      <c r="E1249" s="2" t="s">
        <v>4170</v>
      </c>
      <c r="F1249" s="2" t="s">
        <v>1695</v>
      </c>
      <c r="G1249" s="8">
        <v>153</v>
      </c>
      <c r="H1249" s="5">
        <v>5</v>
      </c>
      <c r="I1249" s="5" t="s">
        <v>1518</v>
      </c>
      <c r="J1249" s="5" t="s">
        <v>1519</v>
      </c>
      <c r="K1249" s="2" t="s">
        <v>1520</v>
      </c>
      <c r="L1249" s="5" t="s">
        <v>1519</v>
      </c>
      <c r="M1249" s="2" t="s">
        <v>1520</v>
      </c>
      <c r="N1249" s="5" t="s">
        <v>1521</v>
      </c>
      <c r="O1249" s="5" t="s">
        <v>38</v>
      </c>
      <c r="P1249" s="5" t="s">
        <v>39</v>
      </c>
      <c r="Q1249" s="5" t="s">
        <v>40</v>
      </c>
      <c r="R1249" s="5" t="s">
        <v>1522</v>
      </c>
      <c r="S1249" s="5" t="s">
        <v>1523</v>
      </c>
      <c r="T1249" s="5" t="s">
        <v>42</v>
      </c>
      <c r="U1249" s="2">
        <v>2.391</v>
      </c>
      <c r="V1249" s="2">
        <v>1.8220000000000001</v>
      </c>
      <c r="W1249" s="2">
        <v>1.7999999999999999E-2</v>
      </c>
      <c r="X1249" s="2">
        <v>139.1</v>
      </c>
      <c r="Y1249" s="2">
        <v>7.6</v>
      </c>
      <c r="Z1249" s="2">
        <v>16.7</v>
      </c>
      <c r="AA1249" s="5"/>
      <c r="AB1249" s="5" t="s">
        <v>43</v>
      </c>
      <c r="AC1249" s="5" t="s">
        <v>44</v>
      </c>
      <c r="AD1249" s="2"/>
      <c r="AE1249" s="1"/>
    </row>
    <row r="1250" spans="1:31" ht="14.45">
      <c r="A1250" s="11"/>
      <c r="B1250" s="20"/>
      <c r="C1250" s="2" t="s">
        <v>4171</v>
      </c>
      <c r="D1250" s="14" t="s">
        <v>4172</v>
      </c>
      <c r="E1250" s="2" t="s">
        <v>4173</v>
      </c>
      <c r="F1250" s="2" t="s">
        <v>1699</v>
      </c>
      <c r="G1250" s="8">
        <v>153</v>
      </c>
      <c r="H1250" s="5">
        <v>5</v>
      </c>
      <c r="I1250" s="5" t="s">
        <v>1518</v>
      </c>
      <c r="J1250" s="5" t="s">
        <v>1519</v>
      </c>
      <c r="K1250" s="2" t="s">
        <v>1520</v>
      </c>
      <c r="L1250" s="5" t="s">
        <v>1519</v>
      </c>
      <c r="M1250" s="2" t="s">
        <v>1520</v>
      </c>
      <c r="N1250" s="5" t="s">
        <v>1521</v>
      </c>
      <c r="O1250" s="5" t="s">
        <v>38</v>
      </c>
      <c r="P1250" s="5" t="s">
        <v>39</v>
      </c>
      <c r="Q1250" s="5" t="s">
        <v>40</v>
      </c>
      <c r="R1250" s="5" t="s">
        <v>1522</v>
      </c>
      <c r="S1250" s="5" t="s">
        <v>1523</v>
      </c>
      <c r="T1250" s="5" t="s">
        <v>42</v>
      </c>
      <c r="U1250" s="2">
        <v>2.4390000000000001</v>
      </c>
      <c r="V1250" s="2">
        <v>1.87</v>
      </c>
      <c r="W1250" s="2">
        <v>1.7999999999999999E-2</v>
      </c>
      <c r="X1250" s="2">
        <v>139.1</v>
      </c>
      <c r="Y1250" s="2">
        <v>7.6</v>
      </c>
      <c r="Z1250" s="2">
        <v>16.7</v>
      </c>
      <c r="AA1250" s="5"/>
      <c r="AB1250" s="5" t="s">
        <v>43</v>
      </c>
      <c r="AC1250" s="5" t="s">
        <v>44</v>
      </c>
      <c r="AD1250" s="2"/>
      <c r="AE1250" s="1"/>
    </row>
    <row r="1251" spans="1:31" ht="14.45">
      <c r="A1251" s="11"/>
      <c r="B1251" s="20"/>
      <c r="C1251" s="2" t="s">
        <v>4174</v>
      </c>
      <c r="D1251" s="14" t="s">
        <v>4175</v>
      </c>
      <c r="E1251" s="2" t="s">
        <v>4176</v>
      </c>
      <c r="F1251" s="2" t="s">
        <v>1703</v>
      </c>
      <c r="G1251" s="8">
        <v>153</v>
      </c>
      <c r="H1251" s="5">
        <v>5</v>
      </c>
      <c r="I1251" s="5" t="s">
        <v>1518</v>
      </c>
      <c r="J1251" s="5" t="s">
        <v>1519</v>
      </c>
      <c r="K1251" s="2" t="s">
        <v>1520</v>
      </c>
      <c r="L1251" s="5" t="s">
        <v>1519</v>
      </c>
      <c r="M1251" s="2" t="s">
        <v>1520</v>
      </c>
      <c r="N1251" s="5" t="s">
        <v>1521</v>
      </c>
      <c r="O1251" s="5" t="s">
        <v>38</v>
      </c>
      <c r="P1251" s="5" t="s">
        <v>39</v>
      </c>
      <c r="Q1251" s="5" t="s">
        <v>40</v>
      </c>
      <c r="R1251" s="5" t="s">
        <v>1522</v>
      </c>
      <c r="S1251" s="5" t="s">
        <v>1523</v>
      </c>
      <c r="T1251" s="5" t="s">
        <v>42</v>
      </c>
      <c r="U1251" s="2">
        <v>2.399</v>
      </c>
      <c r="V1251" s="2">
        <v>1.83</v>
      </c>
      <c r="W1251" s="2">
        <v>1.7999999999999999E-2</v>
      </c>
      <c r="X1251" s="2">
        <v>139.1</v>
      </c>
      <c r="Y1251" s="2">
        <v>7.6</v>
      </c>
      <c r="Z1251" s="2">
        <v>16.7</v>
      </c>
      <c r="AA1251" s="5"/>
      <c r="AB1251" s="5" t="s">
        <v>43</v>
      </c>
      <c r="AC1251" s="5" t="s">
        <v>44</v>
      </c>
      <c r="AD1251" s="2"/>
      <c r="AE1251" s="1"/>
    </row>
    <row r="1252" spans="1:31" ht="14.45">
      <c r="A1252" s="11"/>
      <c r="B1252" s="20"/>
      <c r="C1252" s="2" t="s">
        <v>4177</v>
      </c>
      <c r="D1252" s="14" t="s">
        <v>4178</v>
      </c>
      <c r="E1252" s="2" t="s">
        <v>4179</v>
      </c>
      <c r="F1252" s="2" t="s">
        <v>1707</v>
      </c>
      <c r="G1252" s="8">
        <v>153</v>
      </c>
      <c r="H1252" s="5">
        <v>5</v>
      </c>
      <c r="I1252" s="5" t="s">
        <v>1518</v>
      </c>
      <c r="J1252" s="5" t="s">
        <v>1519</v>
      </c>
      <c r="K1252" s="2" t="s">
        <v>1520</v>
      </c>
      <c r="L1252" s="5" t="s">
        <v>1519</v>
      </c>
      <c r="M1252" s="2" t="s">
        <v>1520</v>
      </c>
      <c r="N1252" s="5" t="s">
        <v>1521</v>
      </c>
      <c r="O1252" s="5" t="s">
        <v>38</v>
      </c>
      <c r="P1252" s="5" t="s">
        <v>39</v>
      </c>
      <c r="Q1252" s="5" t="s">
        <v>40</v>
      </c>
      <c r="R1252" s="5" t="s">
        <v>1522</v>
      </c>
      <c r="S1252" s="5" t="s">
        <v>1523</v>
      </c>
      <c r="T1252" s="5" t="s">
        <v>42</v>
      </c>
      <c r="U1252" s="2">
        <v>2.4470000000000001</v>
      </c>
      <c r="V1252" s="2">
        <v>1.8779999999999999</v>
      </c>
      <c r="W1252" s="2">
        <v>1.7999999999999999E-2</v>
      </c>
      <c r="X1252" s="2">
        <v>139.1</v>
      </c>
      <c r="Y1252" s="2">
        <v>7.6</v>
      </c>
      <c r="Z1252" s="2">
        <v>16.7</v>
      </c>
      <c r="AA1252" s="5"/>
      <c r="AB1252" s="5" t="s">
        <v>43</v>
      </c>
      <c r="AC1252" s="5" t="s">
        <v>44</v>
      </c>
      <c r="AD1252" s="2"/>
      <c r="AE1252" s="1"/>
    </row>
    <row r="1253" spans="1:31" ht="14.45">
      <c r="A1253" s="11"/>
      <c r="B1253" s="20"/>
      <c r="C1253" s="2" t="s">
        <v>4180</v>
      </c>
      <c r="D1253" s="14" t="s">
        <v>4181</v>
      </c>
      <c r="E1253" s="2" t="s">
        <v>4182</v>
      </c>
      <c r="F1253" s="2" t="s">
        <v>1711</v>
      </c>
      <c r="G1253" s="8">
        <v>153</v>
      </c>
      <c r="H1253" s="5">
        <v>5</v>
      </c>
      <c r="I1253" s="5" t="s">
        <v>1518</v>
      </c>
      <c r="J1253" s="5" t="s">
        <v>1519</v>
      </c>
      <c r="K1253" s="2" t="s">
        <v>1520</v>
      </c>
      <c r="L1253" s="5" t="s">
        <v>1519</v>
      </c>
      <c r="M1253" s="2" t="s">
        <v>1520</v>
      </c>
      <c r="N1253" s="5" t="s">
        <v>1521</v>
      </c>
      <c r="O1253" s="5" t="s">
        <v>38</v>
      </c>
      <c r="P1253" s="5" t="s">
        <v>39</v>
      </c>
      <c r="Q1253" s="5" t="s">
        <v>40</v>
      </c>
      <c r="R1253" s="5" t="s">
        <v>1522</v>
      </c>
      <c r="S1253" s="5" t="s">
        <v>1523</v>
      </c>
      <c r="T1253" s="5" t="s">
        <v>42</v>
      </c>
      <c r="U1253" s="2">
        <v>2.399</v>
      </c>
      <c r="V1253" s="2">
        <v>1.83</v>
      </c>
      <c r="W1253" s="2">
        <v>1.7999999999999999E-2</v>
      </c>
      <c r="X1253" s="2">
        <v>139.1</v>
      </c>
      <c r="Y1253" s="2">
        <v>7.6</v>
      </c>
      <c r="Z1253" s="2">
        <v>16.7</v>
      </c>
      <c r="AA1253" s="5"/>
      <c r="AB1253" s="5" t="s">
        <v>43</v>
      </c>
      <c r="AC1253" s="5" t="s">
        <v>44</v>
      </c>
      <c r="AD1253" s="2"/>
      <c r="AE1253" s="1"/>
    </row>
    <row r="1254" spans="1:31" ht="14.45">
      <c r="A1254" s="11"/>
      <c r="B1254" s="20"/>
      <c r="C1254" s="2" t="s">
        <v>4183</v>
      </c>
      <c r="D1254" s="14" t="s">
        <v>4184</v>
      </c>
      <c r="E1254" s="2" t="s">
        <v>4185</v>
      </c>
      <c r="F1254" s="2" t="s">
        <v>1715</v>
      </c>
      <c r="G1254" s="8">
        <v>153</v>
      </c>
      <c r="H1254" s="5">
        <v>5</v>
      </c>
      <c r="I1254" s="5" t="s">
        <v>1518</v>
      </c>
      <c r="J1254" s="5" t="s">
        <v>1519</v>
      </c>
      <c r="K1254" s="2" t="s">
        <v>1520</v>
      </c>
      <c r="L1254" s="5" t="s">
        <v>1519</v>
      </c>
      <c r="M1254" s="2" t="s">
        <v>1520</v>
      </c>
      <c r="N1254" s="5" t="s">
        <v>1521</v>
      </c>
      <c r="O1254" s="5" t="s">
        <v>38</v>
      </c>
      <c r="P1254" s="5" t="s">
        <v>39</v>
      </c>
      <c r="Q1254" s="5" t="s">
        <v>40</v>
      </c>
      <c r="R1254" s="5" t="s">
        <v>1522</v>
      </c>
      <c r="S1254" s="5" t="s">
        <v>1523</v>
      </c>
      <c r="T1254" s="5" t="s">
        <v>42</v>
      </c>
      <c r="U1254" s="2">
        <v>2.4470000000000001</v>
      </c>
      <c r="V1254" s="2">
        <v>1.8779999999999999</v>
      </c>
      <c r="W1254" s="2">
        <v>1.7999999999999999E-2</v>
      </c>
      <c r="X1254" s="2">
        <v>139.1</v>
      </c>
      <c r="Y1254" s="2">
        <v>7.6</v>
      </c>
      <c r="Z1254" s="2">
        <v>16.7</v>
      </c>
      <c r="AA1254" s="5"/>
      <c r="AB1254" s="5" t="s">
        <v>43</v>
      </c>
      <c r="AC1254" s="5" t="s">
        <v>44</v>
      </c>
      <c r="AD1254" s="2"/>
      <c r="AE1254" s="1"/>
    </row>
    <row r="1255" spans="1:31" ht="14.45">
      <c r="A1255" s="11"/>
      <c r="B1255" s="20"/>
      <c r="C1255" s="2" t="s">
        <v>4186</v>
      </c>
      <c r="D1255" s="14" t="s">
        <v>4187</v>
      </c>
      <c r="E1255" s="2" t="s">
        <v>4188</v>
      </c>
      <c r="F1255" s="2" t="s">
        <v>1719</v>
      </c>
      <c r="G1255" s="8">
        <v>153</v>
      </c>
      <c r="H1255" s="2">
        <v>5</v>
      </c>
      <c r="I1255" s="2" t="s">
        <v>1518</v>
      </c>
      <c r="J1255" s="2" t="s">
        <v>1519</v>
      </c>
      <c r="K1255" s="2" t="s">
        <v>1520</v>
      </c>
      <c r="L1255" s="2" t="s">
        <v>1519</v>
      </c>
      <c r="M1255" s="2" t="s">
        <v>1520</v>
      </c>
      <c r="N1255" s="2" t="s">
        <v>1521</v>
      </c>
      <c r="O1255" s="2" t="s">
        <v>38</v>
      </c>
      <c r="P1255" s="2" t="s">
        <v>39</v>
      </c>
      <c r="Q1255" s="2" t="s">
        <v>40</v>
      </c>
      <c r="R1255" s="2" t="s">
        <v>1522</v>
      </c>
      <c r="S1255" s="12" t="s">
        <v>1523</v>
      </c>
      <c r="T1255" s="12" t="s">
        <v>42</v>
      </c>
      <c r="U1255" s="2">
        <v>2.3759999999999999</v>
      </c>
      <c r="V1255" s="2">
        <v>1.81</v>
      </c>
      <c r="W1255" s="2">
        <v>1.7999999999999999E-2</v>
      </c>
      <c r="X1255" s="2">
        <v>139.1</v>
      </c>
      <c r="Y1255" s="2">
        <v>7.6</v>
      </c>
      <c r="Z1255" s="2">
        <v>16.7</v>
      </c>
      <c r="AA1255" s="12"/>
      <c r="AB1255" s="12" t="s">
        <v>43</v>
      </c>
      <c r="AC1255" s="12" t="s">
        <v>44</v>
      </c>
      <c r="AD1255" s="2"/>
      <c r="AE1255" s="1"/>
    </row>
    <row r="1256" spans="1:31" ht="14.45">
      <c r="A1256" s="11"/>
      <c r="B1256" s="20"/>
      <c r="C1256" s="2" t="s">
        <v>4189</v>
      </c>
      <c r="D1256" s="14" t="s">
        <v>4190</v>
      </c>
      <c r="E1256" s="2" t="s">
        <v>4191</v>
      </c>
      <c r="F1256" s="2" t="s">
        <v>1723</v>
      </c>
      <c r="G1256" s="8">
        <v>153</v>
      </c>
      <c r="H1256" s="5">
        <v>5</v>
      </c>
      <c r="I1256" s="5" t="s">
        <v>1518</v>
      </c>
      <c r="J1256" s="5" t="s">
        <v>1519</v>
      </c>
      <c r="K1256" s="2" t="s">
        <v>1520</v>
      </c>
      <c r="L1256" s="5" t="s">
        <v>1519</v>
      </c>
      <c r="M1256" s="2" t="s">
        <v>1520</v>
      </c>
      <c r="N1256" s="5" t="s">
        <v>1521</v>
      </c>
      <c r="O1256" s="5" t="s">
        <v>38</v>
      </c>
      <c r="P1256" s="5" t="s">
        <v>39</v>
      </c>
      <c r="Q1256" s="5" t="s">
        <v>40</v>
      </c>
      <c r="R1256" s="5" t="s">
        <v>1522</v>
      </c>
      <c r="S1256" s="5" t="s">
        <v>1523</v>
      </c>
      <c r="T1256" s="5" t="s">
        <v>42</v>
      </c>
      <c r="U1256" s="2">
        <v>2.4239999999999999</v>
      </c>
      <c r="V1256" s="2">
        <v>1.8580000000000001</v>
      </c>
      <c r="W1256" s="2">
        <v>1.7999999999999999E-2</v>
      </c>
      <c r="X1256" s="2">
        <v>139.1</v>
      </c>
      <c r="Y1256" s="2">
        <v>7.6</v>
      </c>
      <c r="Z1256" s="2">
        <v>16.7</v>
      </c>
      <c r="AA1256" s="5"/>
      <c r="AB1256" s="5" t="s">
        <v>43</v>
      </c>
      <c r="AC1256" s="5" t="s">
        <v>44</v>
      </c>
      <c r="AD1256" s="2"/>
      <c r="AE1256" s="1"/>
    </row>
    <row r="1257" spans="1:31" ht="14.45">
      <c r="A1257" s="11"/>
      <c r="B1257" s="20"/>
      <c r="C1257" s="2" t="s">
        <v>4192</v>
      </c>
      <c r="D1257" s="14" t="s">
        <v>4193</v>
      </c>
      <c r="E1257" s="2" t="s">
        <v>4194</v>
      </c>
      <c r="F1257" s="2" t="s">
        <v>1727</v>
      </c>
      <c r="G1257" s="8">
        <v>176</v>
      </c>
      <c r="H1257" s="5">
        <v>6</v>
      </c>
      <c r="I1257" s="5" t="s">
        <v>1518</v>
      </c>
      <c r="J1257" s="5" t="s">
        <v>1519</v>
      </c>
      <c r="K1257" s="2" t="s">
        <v>1520</v>
      </c>
      <c r="L1257" s="5" t="s">
        <v>1519</v>
      </c>
      <c r="M1257" s="2" t="s">
        <v>1520</v>
      </c>
      <c r="N1257" s="5" t="s">
        <v>1521</v>
      </c>
      <c r="O1257" s="5" t="s">
        <v>38</v>
      </c>
      <c r="P1257" s="5" t="s">
        <v>39</v>
      </c>
      <c r="Q1257" s="5" t="s">
        <v>40</v>
      </c>
      <c r="R1257" s="5" t="s">
        <v>1522</v>
      </c>
      <c r="S1257" s="5" t="s">
        <v>1523</v>
      </c>
      <c r="T1257" s="5" t="s">
        <v>42</v>
      </c>
      <c r="U1257" s="2">
        <v>2.375</v>
      </c>
      <c r="V1257" s="2">
        <v>1.806</v>
      </c>
      <c r="W1257" s="2">
        <v>1.7999999999999999E-2</v>
      </c>
      <c r="X1257" s="2">
        <v>139.1</v>
      </c>
      <c r="Y1257" s="2">
        <v>7.6</v>
      </c>
      <c r="Z1257" s="2">
        <v>16.7</v>
      </c>
      <c r="AA1257" s="5"/>
      <c r="AB1257" s="5" t="s">
        <v>43</v>
      </c>
      <c r="AC1257" s="5" t="s">
        <v>44</v>
      </c>
      <c r="AD1257" s="2"/>
      <c r="AE1257" s="1"/>
    </row>
    <row r="1258" spans="1:31" ht="14.45">
      <c r="A1258" s="11"/>
      <c r="B1258" s="20"/>
      <c r="C1258" s="2" t="s">
        <v>4195</v>
      </c>
      <c r="D1258" s="14" t="s">
        <v>4196</v>
      </c>
      <c r="E1258" s="2" t="s">
        <v>4197</v>
      </c>
      <c r="F1258" s="2" t="s">
        <v>1731</v>
      </c>
      <c r="G1258" s="8">
        <v>176</v>
      </c>
      <c r="H1258" s="5">
        <v>6</v>
      </c>
      <c r="I1258" s="5" t="s">
        <v>1518</v>
      </c>
      <c r="J1258" s="5" t="s">
        <v>1519</v>
      </c>
      <c r="K1258" s="2" t="s">
        <v>1520</v>
      </c>
      <c r="L1258" s="5" t="s">
        <v>1519</v>
      </c>
      <c r="M1258" s="2" t="s">
        <v>1520</v>
      </c>
      <c r="N1258" s="5" t="s">
        <v>1521</v>
      </c>
      <c r="O1258" s="5" t="s">
        <v>38</v>
      </c>
      <c r="P1258" s="5" t="s">
        <v>39</v>
      </c>
      <c r="Q1258" s="5" t="s">
        <v>40</v>
      </c>
      <c r="R1258" s="5" t="s">
        <v>1522</v>
      </c>
      <c r="S1258" s="5" t="s">
        <v>1523</v>
      </c>
      <c r="T1258" s="5" t="s">
        <v>42</v>
      </c>
      <c r="U1258" s="2">
        <v>2.423</v>
      </c>
      <c r="V1258" s="2">
        <v>1.8540000000000001</v>
      </c>
      <c r="W1258" s="2">
        <v>1.7999999999999999E-2</v>
      </c>
      <c r="X1258" s="2">
        <v>139.1</v>
      </c>
      <c r="Y1258" s="2">
        <v>7.6</v>
      </c>
      <c r="Z1258" s="2">
        <v>16.7</v>
      </c>
      <c r="AA1258" s="5"/>
      <c r="AB1258" s="5" t="s">
        <v>43</v>
      </c>
      <c r="AC1258" s="5" t="s">
        <v>44</v>
      </c>
      <c r="AD1258" s="2"/>
      <c r="AE1258" s="1"/>
    </row>
    <row r="1259" spans="1:31" ht="14.45">
      <c r="A1259" s="11"/>
      <c r="B1259" s="20"/>
      <c r="C1259" s="2" t="s">
        <v>4198</v>
      </c>
      <c r="D1259" s="14" t="s">
        <v>4199</v>
      </c>
      <c r="E1259" s="2" t="s">
        <v>4200</v>
      </c>
      <c r="F1259" s="2" t="s">
        <v>1735</v>
      </c>
      <c r="G1259" s="8">
        <v>176</v>
      </c>
      <c r="H1259" s="5">
        <v>6</v>
      </c>
      <c r="I1259" s="5" t="s">
        <v>1518</v>
      </c>
      <c r="J1259" s="5" t="s">
        <v>1519</v>
      </c>
      <c r="K1259" s="2" t="s">
        <v>1520</v>
      </c>
      <c r="L1259" s="5" t="s">
        <v>1519</v>
      </c>
      <c r="M1259" s="2" t="s">
        <v>1520</v>
      </c>
      <c r="N1259" s="5" t="s">
        <v>1521</v>
      </c>
      <c r="O1259" s="5" t="s">
        <v>38</v>
      </c>
      <c r="P1259" s="5" t="s">
        <v>39</v>
      </c>
      <c r="Q1259" s="5" t="s">
        <v>40</v>
      </c>
      <c r="R1259" s="5" t="s">
        <v>1522</v>
      </c>
      <c r="S1259" s="5" t="s">
        <v>1523</v>
      </c>
      <c r="T1259" s="5" t="s">
        <v>42</v>
      </c>
      <c r="U1259" s="2">
        <v>2.399</v>
      </c>
      <c r="V1259" s="2">
        <v>1.83</v>
      </c>
      <c r="W1259" s="2">
        <v>1.7999999999999999E-2</v>
      </c>
      <c r="X1259" s="2">
        <v>139.1</v>
      </c>
      <c r="Y1259" s="2">
        <v>7.6</v>
      </c>
      <c r="Z1259" s="2">
        <v>16.7</v>
      </c>
      <c r="AA1259" s="5"/>
      <c r="AB1259" s="5" t="s">
        <v>43</v>
      </c>
      <c r="AC1259" s="5" t="s">
        <v>44</v>
      </c>
      <c r="AD1259" s="2"/>
      <c r="AE1259" s="1"/>
    </row>
    <row r="1260" spans="1:31" ht="14.45">
      <c r="A1260" s="11"/>
      <c r="B1260" s="20"/>
      <c r="C1260" s="2" t="s">
        <v>4201</v>
      </c>
      <c r="D1260" s="14" t="s">
        <v>4202</v>
      </c>
      <c r="E1260" s="2" t="s">
        <v>4203</v>
      </c>
      <c r="F1260" s="2" t="s">
        <v>1739</v>
      </c>
      <c r="G1260" s="8">
        <v>176</v>
      </c>
      <c r="H1260" s="5">
        <v>6</v>
      </c>
      <c r="I1260" s="5" t="s">
        <v>1518</v>
      </c>
      <c r="J1260" s="5" t="s">
        <v>1519</v>
      </c>
      <c r="K1260" s="2" t="s">
        <v>1520</v>
      </c>
      <c r="L1260" s="5" t="s">
        <v>1519</v>
      </c>
      <c r="M1260" s="2" t="s">
        <v>1520</v>
      </c>
      <c r="N1260" s="5" t="s">
        <v>1521</v>
      </c>
      <c r="O1260" s="5" t="s">
        <v>38</v>
      </c>
      <c r="P1260" s="5" t="s">
        <v>39</v>
      </c>
      <c r="Q1260" s="5" t="s">
        <v>40</v>
      </c>
      <c r="R1260" s="5" t="s">
        <v>1522</v>
      </c>
      <c r="S1260" s="5" t="s">
        <v>1523</v>
      </c>
      <c r="T1260" s="5" t="s">
        <v>42</v>
      </c>
      <c r="U1260" s="2">
        <v>2.4470000000000001</v>
      </c>
      <c r="V1260" s="2">
        <v>1.8779999999999999</v>
      </c>
      <c r="W1260" s="2">
        <v>1.7999999999999999E-2</v>
      </c>
      <c r="X1260" s="2">
        <v>139.1</v>
      </c>
      <c r="Y1260" s="2">
        <v>7.6</v>
      </c>
      <c r="Z1260" s="2">
        <v>16.7</v>
      </c>
      <c r="AA1260" s="5"/>
      <c r="AB1260" s="5" t="s">
        <v>43</v>
      </c>
      <c r="AC1260" s="5" t="s">
        <v>44</v>
      </c>
      <c r="AD1260" s="2"/>
      <c r="AE1260" s="1"/>
    </row>
    <row r="1261" spans="1:31" ht="14.45">
      <c r="A1261" s="11"/>
      <c r="B1261" s="20"/>
      <c r="C1261" s="2" t="s">
        <v>4204</v>
      </c>
      <c r="D1261" s="14" t="s">
        <v>4205</v>
      </c>
      <c r="E1261" s="2" t="s">
        <v>4206</v>
      </c>
      <c r="F1261" s="2" t="s">
        <v>1743</v>
      </c>
      <c r="G1261" s="8">
        <v>176</v>
      </c>
      <c r="H1261" s="5">
        <v>6</v>
      </c>
      <c r="I1261" s="5" t="s">
        <v>1518</v>
      </c>
      <c r="J1261" s="5" t="s">
        <v>1519</v>
      </c>
      <c r="K1261" s="2" t="s">
        <v>1520</v>
      </c>
      <c r="L1261" s="5" t="s">
        <v>1519</v>
      </c>
      <c r="M1261" s="2" t="s">
        <v>1520</v>
      </c>
      <c r="N1261" s="5" t="s">
        <v>1521</v>
      </c>
      <c r="O1261" s="5" t="s">
        <v>38</v>
      </c>
      <c r="P1261" s="5" t="s">
        <v>39</v>
      </c>
      <c r="Q1261" s="5" t="s">
        <v>40</v>
      </c>
      <c r="R1261" s="5" t="s">
        <v>1522</v>
      </c>
      <c r="S1261" s="5" t="s">
        <v>1523</v>
      </c>
      <c r="T1261" s="5" t="s">
        <v>42</v>
      </c>
      <c r="U1261" s="2">
        <v>2.375</v>
      </c>
      <c r="V1261" s="2">
        <v>1.806</v>
      </c>
      <c r="W1261" s="2">
        <v>1.7999999999999999E-2</v>
      </c>
      <c r="X1261" s="2">
        <v>139.1</v>
      </c>
      <c r="Y1261" s="2">
        <v>7.6</v>
      </c>
      <c r="Z1261" s="2">
        <v>16.7</v>
      </c>
      <c r="AA1261" s="5"/>
      <c r="AB1261" s="5" t="s">
        <v>43</v>
      </c>
      <c r="AC1261" s="5" t="s">
        <v>44</v>
      </c>
      <c r="AD1261" s="2"/>
      <c r="AE1261" s="1"/>
    </row>
    <row r="1262" spans="1:31" ht="14.45">
      <c r="A1262" s="11"/>
      <c r="B1262" s="20"/>
      <c r="C1262" s="2" t="s">
        <v>4207</v>
      </c>
      <c r="D1262" s="14" t="s">
        <v>4208</v>
      </c>
      <c r="E1262" s="2" t="s">
        <v>4209</v>
      </c>
      <c r="F1262" s="2" t="s">
        <v>1747</v>
      </c>
      <c r="G1262" s="8">
        <v>176</v>
      </c>
      <c r="H1262" s="5">
        <v>6</v>
      </c>
      <c r="I1262" s="5" t="s">
        <v>1518</v>
      </c>
      <c r="J1262" s="5" t="s">
        <v>1519</v>
      </c>
      <c r="K1262" s="2" t="s">
        <v>1520</v>
      </c>
      <c r="L1262" s="5" t="s">
        <v>1519</v>
      </c>
      <c r="M1262" s="2" t="s">
        <v>1520</v>
      </c>
      <c r="N1262" s="5" t="s">
        <v>1521</v>
      </c>
      <c r="O1262" s="5" t="s">
        <v>38</v>
      </c>
      <c r="P1262" s="5" t="s">
        <v>39</v>
      </c>
      <c r="Q1262" s="5" t="s">
        <v>40</v>
      </c>
      <c r="R1262" s="5" t="s">
        <v>1522</v>
      </c>
      <c r="S1262" s="5" t="s">
        <v>1523</v>
      </c>
      <c r="T1262" s="5" t="s">
        <v>42</v>
      </c>
      <c r="U1262" s="2">
        <v>2.423</v>
      </c>
      <c r="V1262" s="2">
        <v>1.8540000000000001</v>
      </c>
      <c r="W1262" s="2">
        <v>1.7999999999999999E-2</v>
      </c>
      <c r="X1262" s="2">
        <v>139.1</v>
      </c>
      <c r="Y1262" s="2">
        <v>7.6</v>
      </c>
      <c r="Z1262" s="2">
        <v>16.7</v>
      </c>
      <c r="AA1262" s="5"/>
      <c r="AB1262" s="5" t="s">
        <v>43</v>
      </c>
      <c r="AC1262" s="5" t="s">
        <v>44</v>
      </c>
      <c r="AD1262" s="2"/>
      <c r="AE1262" s="1"/>
    </row>
    <row r="1263" spans="1:31" ht="14.45">
      <c r="A1263" s="11"/>
      <c r="B1263" s="20"/>
      <c r="C1263" s="2" t="s">
        <v>4210</v>
      </c>
      <c r="D1263" s="14" t="s">
        <v>4211</v>
      </c>
      <c r="E1263" s="2" t="s">
        <v>4212</v>
      </c>
      <c r="F1263" s="2" t="s">
        <v>1751</v>
      </c>
      <c r="G1263" s="8">
        <v>176</v>
      </c>
      <c r="H1263" s="5">
        <v>6</v>
      </c>
      <c r="I1263" s="5" t="s">
        <v>1518</v>
      </c>
      <c r="J1263" s="5" t="s">
        <v>1519</v>
      </c>
      <c r="K1263" s="2" t="s">
        <v>1520</v>
      </c>
      <c r="L1263" s="5" t="s">
        <v>1519</v>
      </c>
      <c r="M1263" s="2" t="s">
        <v>1520</v>
      </c>
      <c r="N1263" s="5" t="s">
        <v>1521</v>
      </c>
      <c r="O1263" s="5" t="s">
        <v>38</v>
      </c>
      <c r="P1263" s="5" t="s">
        <v>39</v>
      </c>
      <c r="Q1263" s="5" t="s">
        <v>40</v>
      </c>
      <c r="R1263" s="5" t="s">
        <v>1522</v>
      </c>
      <c r="S1263" s="5" t="s">
        <v>1523</v>
      </c>
      <c r="T1263" s="5" t="s">
        <v>42</v>
      </c>
      <c r="U1263" s="2">
        <v>2.375</v>
      </c>
      <c r="V1263" s="2">
        <v>1.806</v>
      </c>
      <c r="W1263" s="2">
        <v>1.7999999999999999E-2</v>
      </c>
      <c r="X1263" s="2">
        <v>139.1</v>
      </c>
      <c r="Y1263" s="2">
        <v>7.6</v>
      </c>
      <c r="Z1263" s="2">
        <v>16.7</v>
      </c>
      <c r="AA1263" s="5"/>
      <c r="AB1263" s="5" t="s">
        <v>43</v>
      </c>
      <c r="AC1263" s="5" t="s">
        <v>44</v>
      </c>
      <c r="AD1263" s="2"/>
      <c r="AE1263" s="1"/>
    </row>
    <row r="1264" spans="1:31" ht="14.45">
      <c r="A1264" s="11"/>
      <c r="B1264" s="20"/>
      <c r="C1264" s="2" t="s">
        <v>4213</v>
      </c>
      <c r="D1264" s="14" t="s">
        <v>4214</v>
      </c>
      <c r="E1264" s="2" t="s">
        <v>4215</v>
      </c>
      <c r="F1264" s="2" t="s">
        <v>1755</v>
      </c>
      <c r="G1264" s="8">
        <v>176</v>
      </c>
      <c r="H1264" s="5">
        <v>6</v>
      </c>
      <c r="I1264" s="5" t="s">
        <v>1518</v>
      </c>
      <c r="J1264" s="5" t="s">
        <v>1519</v>
      </c>
      <c r="K1264" s="2" t="s">
        <v>1520</v>
      </c>
      <c r="L1264" s="5" t="s">
        <v>1519</v>
      </c>
      <c r="M1264" s="2" t="s">
        <v>1520</v>
      </c>
      <c r="N1264" s="5" t="s">
        <v>1521</v>
      </c>
      <c r="O1264" s="5" t="s">
        <v>38</v>
      </c>
      <c r="P1264" s="5" t="s">
        <v>39</v>
      </c>
      <c r="Q1264" s="5" t="s">
        <v>40</v>
      </c>
      <c r="R1264" s="5" t="s">
        <v>1522</v>
      </c>
      <c r="S1264" s="5" t="s">
        <v>1523</v>
      </c>
      <c r="T1264" s="5" t="s">
        <v>42</v>
      </c>
      <c r="U1264" s="2">
        <v>2.423</v>
      </c>
      <c r="V1264" s="2">
        <v>1.8540000000000001</v>
      </c>
      <c r="W1264" s="2">
        <v>1.7999999999999999E-2</v>
      </c>
      <c r="X1264" s="2">
        <v>139.1</v>
      </c>
      <c r="Y1264" s="2">
        <v>7.6</v>
      </c>
      <c r="Z1264" s="2">
        <v>16.7</v>
      </c>
      <c r="AA1264" s="5"/>
      <c r="AB1264" s="5" t="s">
        <v>43</v>
      </c>
      <c r="AC1264" s="5" t="s">
        <v>44</v>
      </c>
      <c r="AD1264" s="2"/>
      <c r="AE1264" s="1"/>
    </row>
    <row r="1265" spans="1:31" ht="14.45">
      <c r="A1265" s="11"/>
      <c r="B1265" s="20"/>
      <c r="C1265" s="2" t="s">
        <v>4216</v>
      </c>
      <c r="D1265" s="14" t="s">
        <v>4217</v>
      </c>
      <c r="E1265" s="2" t="s">
        <v>4218</v>
      </c>
      <c r="F1265" s="2" t="s">
        <v>1759</v>
      </c>
      <c r="G1265" s="8">
        <v>176</v>
      </c>
      <c r="H1265" s="5">
        <v>6</v>
      </c>
      <c r="I1265" s="5" t="s">
        <v>1518</v>
      </c>
      <c r="J1265" s="5" t="s">
        <v>1519</v>
      </c>
      <c r="K1265" s="2" t="s">
        <v>1520</v>
      </c>
      <c r="L1265" s="5" t="s">
        <v>1519</v>
      </c>
      <c r="M1265" s="2" t="s">
        <v>1520</v>
      </c>
      <c r="N1265" s="5" t="s">
        <v>1521</v>
      </c>
      <c r="O1265" s="5" t="s">
        <v>38</v>
      </c>
      <c r="P1265" s="5" t="s">
        <v>39</v>
      </c>
      <c r="Q1265" s="5" t="s">
        <v>40</v>
      </c>
      <c r="R1265" s="5" t="s">
        <v>1522</v>
      </c>
      <c r="S1265" s="5" t="s">
        <v>1523</v>
      </c>
      <c r="T1265" s="5" t="s">
        <v>42</v>
      </c>
      <c r="U1265" s="2">
        <v>2.399</v>
      </c>
      <c r="V1265" s="2">
        <v>1.83</v>
      </c>
      <c r="W1265" s="2">
        <v>1.7999999999999999E-2</v>
      </c>
      <c r="X1265" s="2">
        <v>139.1</v>
      </c>
      <c r="Y1265" s="2">
        <v>7.6</v>
      </c>
      <c r="Z1265" s="2">
        <v>16.7</v>
      </c>
      <c r="AA1265" s="5"/>
      <c r="AB1265" s="5" t="s">
        <v>43</v>
      </c>
      <c r="AC1265" s="5" t="s">
        <v>44</v>
      </c>
      <c r="AD1265" s="2"/>
      <c r="AE1265" s="1"/>
    </row>
    <row r="1266" spans="1:31" ht="14.45">
      <c r="A1266" s="11"/>
      <c r="B1266" s="20"/>
      <c r="C1266" s="2" t="s">
        <v>4219</v>
      </c>
      <c r="D1266" s="14" t="s">
        <v>4220</v>
      </c>
      <c r="E1266" s="2" t="s">
        <v>4221</v>
      </c>
      <c r="F1266" s="2" t="s">
        <v>1763</v>
      </c>
      <c r="G1266" s="8">
        <v>176</v>
      </c>
      <c r="H1266" s="5">
        <v>6</v>
      </c>
      <c r="I1266" s="5" t="s">
        <v>1518</v>
      </c>
      <c r="J1266" s="5" t="s">
        <v>1519</v>
      </c>
      <c r="K1266" s="2" t="s">
        <v>1520</v>
      </c>
      <c r="L1266" s="5" t="s">
        <v>1519</v>
      </c>
      <c r="M1266" s="2" t="s">
        <v>1520</v>
      </c>
      <c r="N1266" s="5" t="s">
        <v>1521</v>
      </c>
      <c r="O1266" s="5" t="s">
        <v>38</v>
      </c>
      <c r="P1266" s="5" t="s">
        <v>39</v>
      </c>
      <c r="Q1266" s="5" t="s">
        <v>40</v>
      </c>
      <c r="R1266" s="5" t="s">
        <v>1522</v>
      </c>
      <c r="S1266" s="5" t="s">
        <v>1523</v>
      </c>
      <c r="T1266" s="5" t="s">
        <v>42</v>
      </c>
      <c r="U1266" s="2">
        <v>2.4470000000000001</v>
      </c>
      <c r="V1266" s="2">
        <v>1.8779999999999999</v>
      </c>
      <c r="W1266" s="2">
        <v>1.7999999999999999E-2</v>
      </c>
      <c r="X1266" s="2">
        <v>139.1</v>
      </c>
      <c r="Y1266" s="2">
        <v>7.6</v>
      </c>
      <c r="Z1266" s="2">
        <v>16.7</v>
      </c>
      <c r="AA1266" s="5"/>
      <c r="AB1266" s="5" t="s">
        <v>43</v>
      </c>
      <c r="AC1266" s="5" t="s">
        <v>44</v>
      </c>
      <c r="AD1266" s="2"/>
      <c r="AE1266" s="1"/>
    </row>
    <row r="1267" spans="1:31" ht="14.45">
      <c r="A1267" s="11"/>
      <c r="B1267" s="20"/>
      <c r="C1267" s="2" t="s">
        <v>4222</v>
      </c>
      <c r="D1267" s="14" t="s">
        <v>4223</v>
      </c>
      <c r="E1267" s="2" t="s">
        <v>4224</v>
      </c>
      <c r="F1267" s="2" t="s">
        <v>1767</v>
      </c>
      <c r="G1267" s="8">
        <v>176</v>
      </c>
      <c r="H1267" s="5">
        <v>6</v>
      </c>
      <c r="I1267" s="5" t="s">
        <v>1518</v>
      </c>
      <c r="J1267" s="5" t="s">
        <v>1519</v>
      </c>
      <c r="K1267" s="2" t="s">
        <v>1520</v>
      </c>
      <c r="L1267" s="5" t="s">
        <v>1519</v>
      </c>
      <c r="M1267" s="2" t="s">
        <v>1520</v>
      </c>
      <c r="N1267" s="5" t="s">
        <v>1521</v>
      </c>
      <c r="O1267" s="5" t="s">
        <v>38</v>
      </c>
      <c r="P1267" s="5" t="s">
        <v>39</v>
      </c>
      <c r="Q1267" s="5" t="s">
        <v>40</v>
      </c>
      <c r="R1267" s="5" t="s">
        <v>1522</v>
      </c>
      <c r="S1267" s="5" t="s">
        <v>1523</v>
      </c>
      <c r="T1267" s="5" t="s">
        <v>42</v>
      </c>
      <c r="U1267" s="2">
        <v>2.399</v>
      </c>
      <c r="V1267" s="2">
        <v>1.83</v>
      </c>
      <c r="W1267" s="2">
        <v>1.7999999999999999E-2</v>
      </c>
      <c r="X1267" s="2">
        <v>139.1</v>
      </c>
      <c r="Y1267" s="2">
        <v>7.6</v>
      </c>
      <c r="Z1267" s="2">
        <v>16.7</v>
      </c>
      <c r="AA1267" s="5"/>
      <c r="AB1267" s="5" t="s">
        <v>43</v>
      </c>
      <c r="AC1267" s="5" t="s">
        <v>44</v>
      </c>
      <c r="AD1267" s="2"/>
      <c r="AE1267" s="1"/>
    </row>
    <row r="1268" spans="1:31" ht="14.45">
      <c r="A1268" s="11"/>
      <c r="B1268" s="20"/>
      <c r="C1268" s="2" t="s">
        <v>4225</v>
      </c>
      <c r="D1268" s="14" t="s">
        <v>4226</v>
      </c>
      <c r="E1268" s="2" t="s">
        <v>4227</v>
      </c>
      <c r="F1268" s="2" t="s">
        <v>1771</v>
      </c>
      <c r="G1268" s="8">
        <v>176</v>
      </c>
      <c r="H1268" s="5">
        <v>6</v>
      </c>
      <c r="I1268" s="5" t="s">
        <v>1518</v>
      </c>
      <c r="J1268" s="5" t="s">
        <v>1519</v>
      </c>
      <c r="K1268" s="2" t="s">
        <v>1520</v>
      </c>
      <c r="L1268" s="5" t="s">
        <v>1519</v>
      </c>
      <c r="M1268" s="2" t="s">
        <v>1520</v>
      </c>
      <c r="N1268" s="5" t="s">
        <v>1521</v>
      </c>
      <c r="O1268" s="5" t="s">
        <v>38</v>
      </c>
      <c r="P1268" s="5" t="s">
        <v>39</v>
      </c>
      <c r="Q1268" s="5" t="s">
        <v>40</v>
      </c>
      <c r="R1268" s="5" t="s">
        <v>1522</v>
      </c>
      <c r="S1268" s="5" t="s">
        <v>1523</v>
      </c>
      <c r="T1268" s="5" t="s">
        <v>42</v>
      </c>
      <c r="U1268" s="2">
        <v>2.4470000000000001</v>
      </c>
      <c r="V1268" s="2">
        <v>1.8779999999999999</v>
      </c>
      <c r="W1268" s="2">
        <v>1.7999999999999999E-2</v>
      </c>
      <c r="X1268" s="2">
        <v>139.1</v>
      </c>
      <c r="Y1268" s="2">
        <v>7.6</v>
      </c>
      <c r="Z1268" s="2">
        <v>16.7</v>
      </c>
      <c r="AA1268" s="5"/>
      <c r="AB1268" s="5" t="s">
        <v>43</v>
      </c>
      <c r="AC1268" s="5" t="s">
        <v>44</v>
      </c>
      <c r="AD1268" s="2"/>
      <c r="AE1268" s="1"/>
    </row>
    <row r="1269" spans="1:31" ht="14.45">
      <c r="A1269" s="11"/>
      <c r="B1269" s="20"/>
      <c r="C1269" s="2" t="s">
        <v>4228</v>
      </c>
      <c r="D1269" s="14" t="s">
        <v>4229</v>
      </c>
      <c r="E1269" s="2" t="s">
        <v>4230</v>
      </c>
      <c r="F1269" s="2" t="s">
        <v>1775</v>
      </c>
      <c r="G1269" s="8">
        <v>176</v>
      </c>
      <c r="H1269" s="5">
        <v>6</v>
      </c>
      <c r="I1269" s="5" t="s">
        <v>1518</v>
      </c>
      <c r="J1269" s="5" t="s">
        <v>1519</v>
      </c>
      <c r="K1269" s="2" t="s">
        <v>1520</v>
      </c>
      <c r="L1269" s="5" t="s">
        <v>1519</v>
      </c>
      <c r="M1269" s="2" t="s">
        <v>1520</v>
      </c>
      <c r="N1269" s="5" t="s">
        <v>1521</v>
      </c>
      <c r="O1269" s="5" t="s">
        <v>38</v>
      </c>
      <c r="P1269" s="5" t="s">
        <v>39</v>
      </c>
      <c r="Q1269" s="5" t="s">
        <v>40</v>
      </c>
      <c r="R1269" s="5" t="s">
        <v>1522</v>
      </c>
      <c r="S1269" s="5" t="s">
        <v>1523</v>
      </c>
      <c r="T1269" s="5" t="s">
        <v>42</v>
      </c>
      <c r="U1269" s="2">
        <v>2.399</v>
      </c>
      <c r="V1269" s="2">
        <v>1.83</v>
      </c>
      <c r="W1269" s="2">
        <v>1.7999999999999999E-2</v>
      </c>
      <c r="X1269" s="2">
        <v>139.1</v>
      </c>
      <c r="Y1269" s="2">
        <v>7.6</v>
      </c>
      <c r="Z1269" s="2">
        <v>16.7</v>
      </c>
      <c r="AA1269" s="5"/>
      <c r="AB1269" s="5" t="s">
        <v>43</v>
      </c>
      <c r="AC1269" s="5" t="s">
        <v>44</v>
      </c>
      <c r="AD1269" s="2"/>
      <c r="AE1269" s="1"/>
    </row>
    <row r="1270" spans="1:31" ht="14.45">
      <c r="A1270" s="11"/>
      <c r="B1270" s="20"/>
      <c r="C1270" s="2" t="s">
        <v>4231</v>
      </c>
      <c r="D1270" s="14" t="s">
        <v>4232</v>
      </c>
      <c r="E1270" s="2" t="s">
        <v>4233</v>
      </c>
      <c r="F1270" s="2" t="s">
        <v>1779</v>
      </c>
      <c r="G1270" s="8">
        <v>176</v>
      </c>
      <c r="H1270" s="5">
        <v>6</v>
      </c>
      <c r="I1270" s="5" t="s">
        <v>1518</v>
      </c>
      <c r="J1270" s="5" t="s">
        <v>1519</v>
      </c>
      <c r="K1270" s="2" t="s">
        <v>1520</v>
      </c>
      <c r="L1270" s="5" t="s">
        <v>1519</v>
      </c>
      <c r="M1270" s="2" t="s">
        <v>1520</v>
      </c>
      <c r="N1270" s="5" t="s">
        <v>1521</v>
      </c>
      <c r="O1270" s="5" t="s">
        <v>38</v>
      </c>
      <c r="P1270" s="5" t="s">
        <v>39</v>
      </c>
      <c r="Q1270" s="5" t="s">
        <v>40</v>
      </c>
      <c r="R1270" s="5" t="s">
        <v>1522</v>
      </c>
      <c r="S1270" s="5" t="s">
        <v>1523</v>
      </c>
      <c r="T1270" s="5" t="s">
        <v>42</v>
      </c>
      <c r="U1270" s="2">
        <v>2.4470000000000001</v>
      </c>
      <c r="V1270" s="2">
        <v>1.8779999999999999</v>
      </c>
      <c r="W1270" s="2">
        <v>1.7999999999999999E-2</v>
      </c>
      <c r="X1270" s="2">
        <v>139.1</v>
      </c>
      <c r="Y1270" s="2">
        <v>7.6</v>
      </c>
      <c r="Z1270" s="2">
        <v>16.7</v>
      </c>
      <c r="AA1270" s="5"/>
      <c r="AB1270" s="5" t="s">
        <v>43</v>
      </c>
      <c r="AC1270" s="5" t="s">
        <v>44</v>
      </c>
      <c r="AD1270" s="2"/>
      <c r="AE1270" s="1"/>
    </row>
    <row r="1271" spans="1:31" ht="14.45">
      <c r="A1271" s="11"/>
      <c r="B1271" s="20"/>
      <c r="C1271" s="2" t="s">
        <v>4234</v>
      </c>
      <c r="D1271" s="14" t="s">
        <v>4235</v>
      </c>
      <c r="E1271" s="2" t="s">
        <v>4236</v>
      </c>
      <c r="F1271" s="2" t="s">
        <v>1783</v>
      </c>
      <c r="G1271" s="8">
        <v>176</v>
      </c>
      <c r="H1271" s="5">
        <v>6</v>
      </c>
      <c r="I1271" s="5" t="s">
        <v>1518</v>
      </c>
      <c r="J1271" s="5" t="s">
        <v>1519</v>
      </c>
      <c r="K1271" s="2" t="s">
        <v>1520</v>
      </c>
      <c r="L1271" s="5" t="s">
        <v>1519</v>
      </c>
      <c r="M1271" s="2" t="s">
        <v>1520</v>
      </c>
      <c r="N1271" s="5" t="s">
        <v>1521</v>
      </c>
      <c r="O1271" s="5" t="s">
        <v>38</v>
      </c>
      <c r="P1271" s="5" t="s">
        <v>39</v>
      </c>
      <c r="Q1271" s="5" t="s">
        <v>40</v>
      </c>
      <c r="R1271" s="5" t="s">
        <v>1522</v>
      </c>
      <c r="S1271" s="5" t="s">
        <v>1523</v>
      </c>
      <c r="T1271" s="5" t="s">
        <v>42</v>
      </c>
      <c r="U1271" s="2">
        <v>2.375</v>
      </c>
      <c r="V1271" s="2">
        <v>1.806</v>
      </c>
      <c r="W1271" s="2">
        <v>1.7999999999999999E-2</v>
      </c>
      <c r="X1271" s="2">
        <v>139.1</v>
      </c>
      <c r="Y1271" s="2">
        <v>7.6</v>
      </c>
      <c r="Z1271" s="2">
        <v>16.7</v>
      </c>
      <c r="AA1271" s="5"/>
      <c r="AB1271" s="5" t="s">
        <v>43</v>
      </c>
      <c r="AC1271" s="5" t="s">
        <v>44</v>
      </c>
      <c r="AD1271" s="2"/>
      <c r="AE1271" s="1"/>
    </row>
    <row r="1272" spans="1:31" ht="14.45">
      <c r="A1272" s="11"/>
      <c r="B1272" s="20"/>
      <c r="C1272" s="2" t="s">
        <v>4237</v>
      </c>
      <c r="D1272" s="14" t="s">
        <v>4238</v>
      </c>
      <c r="E1272" s="2" t="s">
        <v>4239</v>
      </c>
      <c r="F1272" s="2" t="s">
        <v>1787</v>
      </c>
      <c r="G1272" s="8">
        <v>176</v>
      </c>
      <c r="H1272" s="5">
        <v>6</v>
      </c>
      <c r="I1272" s="5" t="s">
        <v>1518</v>
      </c>
      <c r="J1272" s="5" t="s">
        <v>1519</v>
      </c>
      <c r="K1272" s="2" t="s">
        <v>1520</v>
      </c>
      <c r="L1272" s="5" t="s">
        <v>1519</v>
      </c>
      <c r="M1272" s="2" t="s">
        <v>1520</v>
      </c>
      <c r="N1272" s="5" t="s">
        <v>1521</v>
      </c>
      <c r="O1272" s="5" t="s">
        <v>38</v>
      </c>
      <c r="P1272" s="5" t="s">
        <v>39</v>
      </c>
      <c r="Q1272" s="5" t="s">
        <v>40</v>
      </c>
      <c r="R1272" s="5" t="s">
        <v>1522</v>
      </c>
      <c r="S1272" s="5" t="s">
        <v>1523</v>
      </c>
      <c r="T1272" s="5" t="s">
        <v>42</v>
      </c>
      <c r="U1272" s="2">
        <v>2.423</v>
      </c>
      <c r="V1272" s="2">
        <v>1.8540000000000001</v>
      </c>
      <c r="W1272" s="2">
        <v>1.7999999999999999E-2</v>
      </c>
      <c r="X1272" s="2">
        <v>139.1</v>
      </c>
      <c r="Y1272" s="2">
        <v>7.6</v>
      </c>
      <c r="Z1272" s="2">
        <v>16.7</v>
      </c>
      <c r="AA1272" s="5"/>
      <c r="AB1272" s="5" t="s">
        <v>43</v>
      </c>
      <c r="AC1272" s="5" t="s">
        <v>44</v>
      </c>
      <c r="AD1272" s="2"/>
      <c r="AE1272" s="1"/>
    </row>
    <row r="1273" spans="1:31" ht="14.45">
      <c r="A1273" s="11"/>
      <c r="B1273" s="20"/>
      <c r="C1273" s="2" t="s">
        <v>4240</v>
      </c>
      <c r="D1273" s="14" t="s">
        <v>4241</v>
      </c>
      <c r="E1273" s="2" t="s">
        <v>4242</v>
      </c>
      <c r="F1273" s="2" t="s">
        <v>1791</v>
      </c>
      <c r="G1273" s="8">
        <v>176</v>
      </c>
      <c r="H1273" s="5">
        <v>6</v>
      </c>
      <c r="I1273" s="5" t="s">
        <v>1518</v>
      </c>
      <c r="J1273" s="5" t="s">
        <v>1519</v>
      </c>
      <c r="K1273" s="2" t="s">
        <v>1520</v>
      </c>
      <c r="L1273" s="5" t="s">
        <v>1519</v>
      </c>
      <c r="M1273" s="2" t="s">
        <v>1520</v>
      </c>
      <c r="N1273" s="5" t="s">
        <v>1521</v>
      </c>
      <c r="O1273" s="5" t="s">
        <v>38</v>
      </c>
      <c r="P1273" s="5" t="s">
        <v>39</v>
      </c>
      <c r="Q1273" s="5" t="s">
        <v>40</v>
      </c>
      <c r="R1273" s="5" t="s">
        <v>1522</v>
      </c>
      <c r="S1273" s="5" t="s">
        <v>1523</v>
      </c>
      <c r="T1273" s="5" t="s">
        <v>42</v>
      </c>
      <c r="U1273" s="2">
        <v>2.399</v>
      </c>
      <c r="V1273" s="2">
        <v>1.83</v>
      </c>
      <c r="W1273" s="2">
        <v>1.7999999999999999E-2</v>
      </c>
      <c r="X1273" s="2">
        <v>139.1</v>
      </c>
      <c r="Y1273" s="2">
        <v>7.6</v>
      </c>
      <c r="Z1273" s="2">
        <v>16.7</v>
      </c>
      <c r="AA1273" s="5"/>
      <c r="AB1273" s="5" t="s">
        <v>43</v>
      </c>
      <c r="AC1273" s="5" t="s">
        <v>44</v>
      </c>
      <c r="AD1273" s="2"/>
      <c r="AE1273" s="1"/>
    </row>
    <row r="1274" spans="1:31" ht="14.45">
      <c r="A1274" s="11"/>
      <c r="B1274" s="20"/>
      <c r="C1274" s="2" t="s">
        <v>4243</v>
      </c>
      <c r="D1274" s="14" t="s">
        <v>4244</v>
      </c>
      <c r="E1274" s="2" t="s">
        <v>4245</v>
      </c>
      <c r="F1274" s="2" t="s">
        <v>1795</v>
      </c>
      <c r="G1274" s="8">
        <v>176</v>
      </c>
      <c r="H1274" s="5">
        <v>6</v>
      </c>
      <c r="I1274" s="5" t="s">
        <v>1518</v>
      </c>
      <c r="J1274" s="5" t="s">
        <v>1519</v>
      </c>
      <c r="K1274" s="2" t="s">
        <v>1520</v>
      </c>
      <c r="L1274" s="5" t="s">
        <v>1519</v>
      </c>
      <c r="M1274" s="2" t="s">
        <v>1520</v>
      </c>
      <c r="N1274" s="5" t="s">
        <v>1521</v>
      </c>
      <c r="O1274" s="5" t="s">
        <v>38</v>
      </c>
      <c r="P1274" s="5" t="s">
        <v>39</v>
      </c>
      <c r="Q1274" s="5" t="s">
        <v>40</v>
      </c>
      <c r="R1274" s="5" t="s">
        <v>1522</v>
      </c>
      <c r="S1274" s="5" t="s">
        <v>1523</v>
      </c>
      <c r="T1274" s="5" t="s">
        <v>42</v>
      </c>
      <c r="U1274" s="2">
        <v>2.4470000000000001</v>
      </c>
      <c r="V1274" s="2">
        <v>1.8779999999999999</v>
      </c>
      <c r="W1274" s="2">
        <v>1.7999999999999999E-2</v>
      </c>
      <c r="X1274" s="2">
        <v>139.1</v>
      </c>
      <c r="Y1274" s="2">
        <v>7.6</v>
      </c>
      <c r="Z1274" s="2">
        <v>16.7</v>
      </c>
      <c r="AA1274" s="5"/>
      <c r="AB1274" s="5" t="s">
        <v>43</v>
      </c>
      <c r="AC1274" s="5" t="s">
        <v>44</v>
      </c>
      <c r="AD1274" s="2"/>
      <c r="AE1274" s="1"/>
    </row>
    <row r="1275" spans="1:31" ht="14.45">
      <c r="A1275" s="11"/>
      <c r="B1275" s="20"/>
      <c r="C1275" s="2" t="s">
        <v>4246</v>
      </c>
      <c r="D1275" s="14" t="s">
        <v>4247</v>
      </c>
      <c r="E1275" s="2" t="s">
        <v>4248</v>
      </c>
      <c r="F1275" s="2" t="s">
        <v>1799</v>
      </c>
      <c r="G1275" s="8">
        <v>176</v>
      </c>
      <c r="H1275" s="5">
        <v>6</v>
      </c>
      <c r="I1275" s="5" t="s">
        <v>1518</v>
      </c>
      <c r="J1275" s="5" t="s">
        <v>1519</v>
      </c>
      <c r="K1275" s="2" t="s">
        <v>1520</v>
      </c>
      <c r="L1275" s="5" t="s">
        <v>1519</v>
      </c>
      <c r="M1275" s="2" t="s">
        <v>1520</v>
      </c>
      <c r="N1275" s="5" t="s">
        <v>1521</v>
      </c>
      <c r="O1275" s="5" t="s">
        <v>38</v>
      </c>
      <c r="P1275" s="5" t="s">
        <v>39</v>
      </c>
      <c r="Q1275" s="5" t="s">
        <v>40</v>
      </c>
      <c r="R1275" s="5" t="s">
        <v>1522</v>
      </c>
      <c r="S1275" s="5" t="s">
        <v>1523</v>
      </c>
      <c r="T1275" s="5" t="s">
        <v>42</v>
      </c>
      <c r="U1275" s="2">
        <v>2.399</v>
      </c>
      <c r="V1275" s="2">
        <v>1.83</v>
      </c>
      <c r="W1275" s="2">
        <v>1.7999999999999999E-2</v>
      </c>
      <c r="X1275" s="2">
        <v>139.1</v>
      </c>
      <c r="Y1275" s="2">
        <v>7.6</v>
      </c>
      <c r="Z1275" s="2">
        <v>16.7</v>
      </c>
      <c r="AA1275" s="5"/>
      <c r="AB1275" s="5" t="s">
        <v>43</v>
      </c>
      <c r="AC1275" s="5" t="s">
        <v>44</v>
      </c>
      <c r="AD1275" s="2"/>
      <c r="AE1275" s="1"/>
    </row>
    <row r="1276" spans="1:31" ht="14.45">
      <c r="A1276" s="11"/>
      <c r="B1276" s="20"/>
      <c r="C1276" s="2" t="s">
        <v>4249</v>
      </c>
      <c r="D1276" s="14" t="s">
        <v>4250</v>
      </c>
      <c r="E1276" s="2" t="s">
        <v>4251</v>
      </c>
      <c r="F1276" s="2" t="s">
        <v>1803</v>
      </c>
      <c r="G1276" s="8">
        <v>176</v>
      </c>
      <c r="H1276" s="5">
        <v>6</v>
      </c>
      <c r="I1276" s="5" t="s">
        <v>1518</v>
      </c>
      <c r="J1276" s="5" t="s">
        <v>1519</v>
      </c>
      <c r="K1276" s="2" t="s">
        <v>1520</v>
      </c>
      <c r="L1276" s="5" t="s">
        <v>1519</v>
      </c>
      <c r="M1276" s="2" t="s">
        <v>1520</v>
      </c>
      <c r="N1276" s="5" t="s">
        <v>1521</v>
      </c>
      <c r="O1276" s="5" t="s">
        <v>38</v>
      </c>
      <c r="P1276" s="5" t="s">
        <v>39</v>
      </c>
      <c r="Q1276" s="5" t="s">
        <v>40</v>
      </c>
      <c r="R1276" s="5" t="s">
        <v>1522</v>
      </c>
      <c r="S1276" s="5" t="s">
        <v>1523</v>
      </c>
      <c r="T1276" s="5" t="s">
        <v>42</v>
      </c>
      <c r="U1276" s="2">
        <v>2.4470000000000001</v>
      </c>
      <c r="V1276" s="2">
        <v>1.8779999999999999</v>
      </c>
      <c r="W1276" s="2">
        <v>1.7999999999999999E-2</v>
      </c>
      <c r="X1276" s="2">
        <v>139.1</v>
      </c>
      <c r="Y1276" s="2">
        <v>7.6</v>
      </c>
      <c r="Z1276" s="2">
        <v>16.7</v>
      </c>
      <c r="AA1276" s="5"/>
      <c r="AB1276" s="5" t="s">
        <v>43</v>
      </c>
      <c r="AC1276" s="5" t="s">
        <v>44</v>
      </c>
      <c r="AD1276" s="2"/>
      <c r="AE1276" s="1"/>
    </row>
    <row r="1277" spans="1:31" ht="14.45">
      <c r="A1277" s="11"/>
      <c r="B1277" s="20"/>
      <c r="C1277" s="2" t="s">
        <v>4252</v>
      </c>
      <c r="D1277" s="14" t="s">
        <v>4253</v>
      </c>
      <c r="E1277" s="2" t="s">
        <v>4254</v>
      </c>
      <c r="F1277" s="2" t="s">
        <v>1807</v>
      </c>
      <c r="G1277" s="8">
        <v>176</v>
      </c>
      <c r="H1277" s="5">
        <v>6</v>
      </c>
      <c r="I1277" s="5" t="s">
        <v>1518</v>
      </c>
      <c r="J1277" s="5" t="s">
        <v>1519</v>
      </c>
      <c r="K1277" s="2" t="s">
        <v>1520</v>
      </c>
      <c r="L1277" s="5" t="s">
        <v>1519</v>
      </c>
      <c r="M1277" s="2" t="s">
        <v>1520</v>
      </c>
      <c r="N1277" s="5" t="s">
        <v>1521</v>
      </c>
      <c r="O1277" s="5" t="s">
        <v>38</v>
      </c>
      <c r="P1277" s="5" t="s">
        <v>39</v>
      </c>
      <c r="Q1277" s="5" t="s">
        <v>40</v>
      </c>
      <c r="R1277" s="5" t="s">
        <v>1522</v>
      </c>
      <c r="S1277" s="5" t="s">
        <v>1523</v>
      </c>
      <c r="T1277" s="5" t="s">
        <v>42</v>
      </c>
      <c r="U1277" s="2">
        <v>2.399</v>
      </c>
      <c r="V1277" s="2">
        <v>1.83</v>
      </c>
      <c r="W1277" s="2">
        <v>1.7999999999999999E-2</v>
      </c>
      <c r="X1277" s="2">
        <v>139.1</v>
      </c>
      <c r="Y1277" s="2">
        <v>7.6</v>
      </c>
      <c r="Z1277" s="2">
        <v>16.7</v>
      </c>
      <c r="AA1277" s="5"/>
      <c r="AB1277" s="5" t="s">
        <v>43</v>
      </c>
      <c r="AC1277" s="5" t="s">
        <v>44</v>
      </c>
      <c r="AD1277" s="2"/>
      <c r="AE1277" s="1"/>
    </row>
    <row r="1278" spans="1:31" ht="14.45">
      <c r="A1278" s="11"/>
      <c r="B1278" s="20"/>
      <c r="C1278" s="2" t="s">
        <v>4255</v>
      </c>
      <c r="D1278" s="14" t="s">
        <v>4256</v>
      </c>
      <c r="E1278" s="2" t="s">
        <v>4257</v>
      </c>
      <c r="F1278" s="2" t="s">
        <v>1811</v>
      </c>
      <c r="G1278" s="8">
        <v>176</v>
      </c>
      <c r="H1278" s="5">
        <v>6</v>
      </c>
      <c r="I1278" s="5" t="s">
        <v>1518</v>
      </c>
      <c r="J1278" s="5" t="s">
        <v>1519</v>
      </c>
      <c r="K1278" s="2" t="s">
        <v>1520</v>
      </c>
      <c r="L1278" s="5" t="s">
        <v>1519</v>
      </c>
      <c r="M1278" s="2" t="s">
        <v>1520</v>
      </c>
      <c r="N1278" s="5" t="s">
        <v>1521</v>
      </c>
      <c r="O1278" s="5" t="s">
        <v>38</v>
      </c>
      <c r="P1278" s="5" t="s">
        <v>39</v>
      </c>
      <c r="Q1278" s="5" t="s">
        <v>40</v>
      </c>
      <c r="R1278" s="5" t="s">
        <v>1522</v>
      </c>
      <c r="S1278" s="5" t="s">
        <v>1523</v>
      </c>
      <c r="T1278" s="5" t="s">
        <v>42</v>
      </c>
      <c r="U1278" s="2">
        <v>2.4470000000000001</v>
      </c>
      <c r="V1278" s="2">
        <v>1.8779999999999999</v>
      </c>
      <c r="W1278" s="2">
        <v>1.7999999999999999E-2</v>
      </c>
      <c r="X1278" s="2">
        <v>139.1</v>
      </c>
      <c r="Y1278" s="2">
        <v>7.6</v>
      </c>
      <c r="Z1278" s="2">
        <v>16.7</v>
      </c>
      <c r="AA1278" s="5"/>
      <c r="AB1278" s="5" t="s">
        <v>43</v>
      </c>
      <c r="AC1278" s="5" t="s">
        <v>44</v>
      </c>
      <c r="AD1278" s="2"/>
      <c r="AE1278" s="1"/>
    </row>
    <row r="1279" spans="1:31" ht="14.45">
      <c r="A1279" s="11"/>
      <c r="B1279" s="20"/>
      <c r="C1279" s="2" t="s">
        <v>4258</v>
      </c>
      <c r="D1279" s="14" t="s">
        <v>4259</v>
      </c>
      <c r="E1279" s="2" t="s">
        <v>4260</v>
      </c>
      <c r="F1279" s="2" t="s">
        <v>1815</v>
      </c>
      <c r="G1279" s="8">
        <v>176</v>
      </c>
      <c r="H1279" s="5">
        <v>6</v>
      </c>
      <c r="I1279" s="5" t="s">
        <v>1518</v>
      </c>
      <c r="J1279" s="5" t="s">
        <v>1519</v>
      </c>
      <c r="K1279" s="2" t="s">
        <v>1520</v>
      </c>
      <c r="L1279" s="5" t="s">
        <v>1519</v>
      </c>
      <c r="M1279" s="2" t="s">
        <v>1520</v>
      </c>
      <c r="N1279" s="5" t="s">
        <v>1521</v>
      </c>
      <c r="O1279" s="5" t="s">
        <v>38</v>
      </c>
      <c r="P1279" s="5" t="s">
        <v>39</v>
      </c>
      <c r="Q1279" s="5" t="s">
        <v>40</v>
      </c>
      <c r="R1279" s="5" t="s">
        <v>1522</v>
      </c>
      <c r="S1279" s="5" t="s">
        <v>1523</v>
      </c>
      <c r="T1279" s="5" t="s">
        <v>42</v>
      </c>
      <c r="U1279" s="2">
        <v>2.375</v>
      </c>
      <c r="V1279" s="2">
        <v>1.806</v>
      </c>
      <c r="W1279" s="2">
        <v>1.7999999999999999E-2</v>
      </c>
      <c r="X1279" s="2">
        <v>139.1</v>
      </c>
      <c r="Y1279" s="2">
        <v>7.6</v>
      </c>
      <c r="Z1279" s="2">
        <v>16.7</v>
      </c>
      <c r="AA1279" s="5"/>
      <c r="AB1279" s="5" t="s">
        <v>43</v>
      </c>
      <c r="AC1279" s="5" t="s">
        <v>44</v>
      </c>
      <c r="AD1279" s="2"/>
      <c r="AE1279" s="1"/>
    </row>
    <row r="1280" spans="1:31" ht="14.45">
      <c r="A1280" s="11"/>
      <c r="B1280" s="20"/>
      <c r="C1280" s="2" t="s">
        <v>4261</v>
      </c>
      <c r="D1280" s="14" t="s">
        <v>4262</v>
      </c>
      <c r="E1280" s="2" t="s">
        <v>4263</v>
      </c>
      <c r="F1280" s="2" t="s">
        <v>1819</v>
      </c>
      <c r="G1280" s="8">
        <v>176</v>
      </c>
      <c r="H1280" s="5">
        <v>6</v>
      </c>
      <c r="I1280" s="5" t="s">
        <v>1518</v>
      </c>
      <c r="J1280" s="5" t="s">
        <v>1519</v>
      </c>
      <c r="K1280" s="2" t="s">
        <v>1520</v>
      </c>
      <c r="L1280" s="5" t="s">
        <v>1519</v>
      </c>
      <c r="M1280" s="2" t="s">
        <v>1520</v>
      </c>
      <c r="N1280" s="5" t="s">
        <v>1521</v>
      </c>
      <c r="O1280" s="5" t="s">
        <v>38</v>
      </c>
      <c r="P1280" s="5" t="s">
        <v>39</v>
      </c>
      <c r="Q1280" s="5" t="s">
        <v>40</v>
      </c>
      <c r="R1280" s="5" t="s">
        <v>1522</v>
      </c>
      <c r="S1280" s="5" t="s">
        <v>1523</v>
      </c>
      <c r="T1280" s="5" t="s">
        <v>42</v>
      </c>
      <c r="U1280" s="2">
        <v>2.423</v>
      </c>
      <c r="V1280" s="2">
        <v>1.8540000000000001</v>
      </c>
      <c r="W1280" s="2">
        <v>1.7999999999999999E-2</v>
      </c>
      <c r="X1280" s="2">
        <v>139.1</v>
      </c>
      <c r="Y1280" s="2">
        <v>7.6</v>
      </c>
      <c r="Z1280" s="2">
        <v>16.7</v>
      </c>
      <c r="AA1280" s="5"/>
      <c r="AB1280" s="5" t="s">
        <v>43</v>
      </c>
      <c r="AC1280" s="5" t="s">
        <v>44</v>
      </c>
      <c r="AD1280" s="2"/>
      <c r="AE1280" s="1"/>
    </row>
    <row r="1281" spans="1:31" ht="14.45">
      <c r="A1281" s="11"/>
      <c r="B1281" s="20"/>
      <c r="C1281" s="2" t="s">
        <v>4264</v>
      </c>
      <c r="D1281" s="14" t="s">
        <v>4265</v>
      </c>
      <c r="E1281" s="2" t="s">
        <v>4266</v>
      </c>
      <c r="F1281" s="2" t="s">
        <v>1823</v>
      </c>
      <c r="G1281" s="8">
        <v>176</v>
      </c>
      <c r="H1281" s="5">
        <v>8</v>
      </c>
      <c r="I1281" s="5" t="s">
        <v>1518</v>
      </c>
      <c r="J1281" s="5" t="s">
        <v>1519</v>
      </c>
      <c r="K1281" s="2" t="s">
        <v>1520</v>
      </c>
      <c r="L1281" s="5" t="s">
        <v>1519</v>
      </c>
      <c r="M1281" s="2" t="s">
        <v>1520</v>
      </c>
      <c r="N1281" s="5" t="s">
        <v>1521</v>
      </c>
      <c r="O1281" s="5" t="s">
        <v>38</v>
      </c>
      <c r="P1281" s="5" t="s">
        <v>39</v>
      </c>
      <c r="Q1281" s="5" t="s">
        <v>40</v>
      </c>
      <c r="R1281" s="5" t="s">
        <v>1522</v>
      </c>
      <c r="S1281" s="5" t="s">
        <v>1523</v>
      </c>
      <c r="T1281" s="5" t="s">
        <v>42</v>
      </c>
      <c r="U1281" s="2">
        <v>2.4159999999999999</v>
      </c>
      <c r="V1281" s="2">
        <v>1.847</v>
      </c>
      <c r="W1281" s="2">
        <v>1.7999999999999999E-2</v>
      </c>
      <c r="X1281" s="2">
        <v>139.1</v>
      </c>
      <c r="Y1281" s="2">
        <v>7.6</v>
      </c>
      <c r="Z1281" s="2">
        <v>16.7</v>
      </c>
      <c r="AA1281" s="5"/>
      <c r="AB1281" s="5" t="s">
        <v>43</v>
      </c>
      <c r="AC1281" s="5" t="s">
        <v>44</v>
      </c>
      <c r="AD1281" s="2"/>
      <c r="AE1281" s="1"/>
    </row>
    <row r="1282" spans="1:31" ht="14.45">
      <c r="A1282" s="11"/>
      <c r="B1282" s="20"/>
      <c r="C1282" s="2" t="s">
        <v>4267</v>
      </c>
      <c r="D1282" s="14" t="s">
        <v>4268</v>
      </c>
      <c r="E1282" s="2" t="s">
        <v>4269</v>
      </c>
      <c r="F1282" s="2" t="s">
        <v>1827</v>
      </c>
      <c r="G1282" s="8">
        <v>176</v>
      </c>
      <c r="H1282" s="5">
        <v>8</v>
      </c>
      <c r="I1282" s="5" t="s">
        <v>1518</v>
      </c>
      <c r="J1282" s="5" t="s">
        <v>1519</v>
      </c>
      <c r="K1282" s="2" t="s">
        <v>1520</v>
      </c>
      <c r="L1282" s="5" t="s">
        <v>1519</v>
      </c>
      <c r="M1282" s="2" t="s">
        <v>1520</v>
      </c>
      <c r="N1282" s="5" t="s">
        <v>1521</v>
      </c>
      <c r="O1282" s="5" t="s">
        <v>38</v>
      </c>
      <c r="P1282" s="5" t="s">
        <v>39</v>
      </c>
      <c r="Q1282" s="5" t="s">
        <v>40</v>
      </c>
      <c r="R1282" s="5" t="s">
        <v>1522</v>
      </c>
      <c r="S1282" s="5" t="s">
        <v>1523</v>
      </c>
      <c r="T1282" s="5" t="s">
        <v>42</v>
      </c>
      <c r="U1282" s="2">
        <v>2.464</v>
      </c>
      <c r="V1282" s="2">
        <v>1.895</v>
      </c>
      <c r="W1282" s="2">
        <v>1.7999999999999999E-2</v>
      </c>
      <c r="X1282" s="2">
        <v>139.1</v>
      </c>
      <c r="Y1282" s="2">
        <v>7.6</v>
      </c>
      <c r="Z1282" s="2">
        <v>16.7</v>
      </c>
      <c r="AA1282" s="5"/>
      <c r="AB1282" s="5" t="s">
        <v>43</v>
      </c>
      <c r="AC1282" s="5" t="s">
        <v>44</v>
      </c>
      <c r="AD1282" s="2"/>
      <c r="AE1282" s="1"/>
    </row>
    <row r="1283" spans="1:31" ht="14.45">
      <c r="A1283" s="11"/>
      <c r="B1283" s="20"/>
      <c r="C1283" s="2" t="s">
        <v>4270</v>
      </c>
      <c r="D1283" s="14" t="s">
        <v>4271</v>
      </c>
      <c r="E1283" s="2" t="s">
        <v>4272</v>
      </c>
      <c r="F1283" s="2" t="s">
        <v>1973</v>
      </c>
      <c r="G1283" s="8">
        <v>176</v>
      </c>
      <c r="H1283" s="5">
        <v>13</v>
      </c>
      <c r="I1283" s="5" t="s">
        <v>1518</v>
      </c>
      <c r="J1283" s="5" t="s">
        <v>1519</v>
      </c>
      <c r="K1283" s="2" t="s">
        <v>1520</v>
      </c>
      <c r="L1283" s="5" t="s">
        <v>1519</v>
      </c>
      <c r="M1283" s="2" t="s">
        <v>1520</v>
      </c>
      <c r="N1283" s="5" t="s">
        <v>1521</v>
      </c>
      <c r="O1283" s="5" t="s">
        <v>38</v>
      </c>
      <c r="P1283" s="5" t="s">
        <v>39</v>
      </c>
      <c r="Q1283" s="5" t="s">
        <v>40</v>
      </c>
      <c r="R1283" s="5" t="s">
        <v>1522</v>
      </c>
      <c r="S1283" s="5" t="s">
        <v>1523</v>
      </c>
      <c r="T1283" s="5" t="s">
        <v>42</v>
      </c>
      <c r="U1283" s="2">
        <v>2.431</v>
      </c>
      <c r="V1283" s="2">
        <v>1.8620000000000001</v>
      </c>
      <c r="W1283" s="2">
        <v>1.7999999999999999E-2</v>
      </c>
      <c r="X1283" s="2">
        <v>139.1</v>
      </c>
      <c r="Y1283" s="2">
        <v>7.6</v>
      </c>
      <c r="Z1283" s="2">
        <v>16.7</v>
      </c>
      <c r="AA1283" s="5"/>
      <c r="AB1283" s="5" t="s">
        <v>43</v>
      </c>
      <c r="AC1283" s="5" t="s">
        <v>44</v>
      </c>
      <c r="AD1283" s="2"/>
      <c r="AE1283" s="1"/>
    </row>
    <row r="1284" spans="1:31" ht="14.45">
      <c r="A1284" s="11"/>
      <c r="B1284" s="20"/>
      <c r="C1284" s="2" t="s">
        <v>4273</v>
      </c>
      <c r="D1284" s="14" t="s">
        <v>4274</v>
      </c>
      <c r="E1284" s="2" t="s">
        <v>4275</v>
      </c>
      <c r="F1284" s="2" t="s">
        <v>2348</v>
      </c>
      <c r="G1284" s="8">
        <v>176</v>
      </c>
      <c r="H1284" s="5">
        <v>13</v>
      </c>
      <c r="I1284" s="5" t="s">
        <v>1518</v>
      </c>
      <c r="J1284" s="5" t="s">
        <v>1519</v>
      </c>
      <c r="K1284" s="2" t="s">
        <v>1520</v>
      </c>
      <c r="L1284" s="5" t="s">
        <v>1519</v>
      </c>
      <c r="M1284" s="2" t="s">
        <v>1520</v>
      </c>
      <c r="N1284" s="5" t="s">
        <v>1521</v>
      </c>
      <c r="O1284" s="5" t="s">
        <v>38</v>
      </c>
      <c r="P1284" s="5" t="s">
        <v>39</v>
      </c>
      <c r="Q1284" s="5" t="s">
        <v>40</v>
      </c>
      <c r="R1284" s="5" t="s">
        <v>1522</v>
      </c>
      <c r="S1284" s="5" t="s">
        <v>1523</v>
      </c>
      <c r="T1284" s="5" t="s">
        <v>42</v>
      </c>
      <c r="U1284" s="2">
        <v>2.4790000000000001</v>
      </c>
      <c r="V1284" s="2">
        <v>1.91</v>
      </c>
      <c r="W1284" s="2">
        <v>1.7999999999999999E-2</v>
      </c>
      <c r="X1284" s="2">
        <v>139.1</v>
      </c>
      <c r="Y1284" s="2">
        <v>7.6</v>
      </c>
      <c r="Z1284" s="2">
        <v>16.7</v>
      </c>
      <c r="AA1284" s="5"/>
      <c r="AB1284" s="5" t="s">
        <v>43</v>
      </c>
      <c r="AC1284" s="5" t="s">
        <v>44</v>
      </c>
      <c r="AD1284" s="2"/>
      <c r="AE1284" s="1"/>
    </row>
    <row r="1285" spans="1:31" ht="14.45">
      <c r="A1285" s="11"/>
      <c r="B1285" s="20"/>
      <c r="C1285" s="2" t="s">
        <v>4276</v>
      </c>
      <c r="D1285" s="14" t="s">
        <v>4277</v>
      </c>
      <c r="E1285" s="2" t="s">
        <v>4278</v>
      </c>
      <c r="F1285" s="2" t="s">
        <v>2204</v>
      </c>
      <c r="G1285" s="8">
        <v>176</v>
      </c>
      <c r="H1285" s="5">
        <v>13</v>
      </c>
      <c r="I1285" s="5" t="s">
        <v>1518</v>
      </c>
      <c r="J1285" s="5" t="s">
        <v>1519</v>
      </c>
      <c r="K1285" s="2" t="s">
        <v>1520</v>
      </c>
      <c r="L1285" s="5" t="s">
        <v>1519</v>
      </c>
      <c r="M1285" s="2" t="s">
        <v>1520</v>
      </c>
      <c r="N1285" s="5" t="s">
        <v>1521</v>
      </c>
      <c r="O1285" s="5" t="s">
        <v>38</v>
      </c>
      <c r="P1285" s="5" t="s">
        <v>39</v>
      </c>
      <c r="Q1285" s="5" t="s">
        <v>40</v>
      </c>
      <c r="R1285" s="5" t="s">
        <v>1522</v>
      </c>
      <c r="S1285" s="5" t="s">
        <v>1523</v>
      </c>
      <c r="T1285" s="5" t="s">
        <v>42</v>
      </c>
      <c r="U1285" s="2">
        <v>2.431</v>
      </c>
      <c r="V1285" s="2">
        <v>1.8620000000000001</v>
      </c>
      <c r="W1285" s="2">
        <v>1.7999999999999999E-2</v>
      </c>
      <c r="X1285" s="2">
        <v>139.1</v>
      </c>
      <c r="Y1285" s="2">
        <v>7.6</v>
      </c>
      <c r="Z1285" s="2">
        <v>16.7</v>
      </c>
      <c r="AA1285" s="5"/>
      <c r="AB1285" s="5" t="s">
        <v>43</v>
      </c>
      <c r="AC1285" s="5" t="s">
        <v>44</v>
      </c>
      <c r="AD1285" s="2"/>
      <c r="AE1285" s="1"/>
    </row>
    <row r="1286" spans="1:31" ht="14.45">
      <c r="A1286" s="11"/>
      <c r="B1286" s="20"/>
      <c r="C1286" s="2" t="s">
        <v>4279</v>
      </c>
      <c r="D1286" s="14" t="s">
        <v>4280</v>
      </c>
      <c r="E1286" s="2" t="s">
        <v>4281</v>
      </c>
      <c r="F1286" s="2" t="s">
        <v>2208</v>
      </c>
      <c r="G1286" s="8">
        <v>176</v>
      </c>
      <c r="H1286" s="5">
        <v>13</v>
      </c>
      <c r="I1286" s="5" t="s">
        <v>1518</v>
      </c>
      <c r="J1286" s="5" t="s">
        <v>1519</v>
      </c>
      <c r="K1286" s="2" t="s">
        <v>1520</v>
      </c>
      <c r="L1286" s="5" t="s">
        <v>1519</v>
      </c>
      <c r="M1286" s="2" t="s">
        <v>1520</v>
      </c>
      <c r="N1286" s="5" t="s">
        <v>1521</v>
      </c>
      <c r="O1286" s="5" t="s">
        <v>38</v>
      </c>
      <c r="P1286" s="5" t="s">
        <v>39</v>
      </c>
      <c r="Q1286" s="5" t="s">
        <v>40</v>
      </c>
      <c r="R1286" s="5" t="s">
        <v>1522</v>
      </c>
      <c r="S1286" s="5" t="s">
        <v>1523</v>
      </c>
      <c r="T1286" s="5" t="s">
        <v>42</v>
      </c>
      <c r="U1286" s="2">
        <v>2.431</v>
      </c>
      <c r="V1286" s="2">
        <v>1.8620000000000001</v>
      </c>
      <c r="W1286" s="2">
        <v>1.7999999999999999E-2</v>
      </c>
      <c r="X1286" s="2">
        <v>139.1</v>
      </c>
      <c r="Y1286" s="2">
        <v>7.6</v>
      </c>
      <c r="Z1286" s="2">
        <v>16.7</v>
      </c>
      <c r="AA1286" s="5"/>
      <c r="AB1286" s="5" t="s">
        <v>43</v>
      </c>
      <c r="AC1286" s="5" t="s">
        <v>44</v>
      </c>
      <c r="AD1286" s="2"/>
      <c r="AE1286" s="1"/>
    </row>
    <row r="1287" spans="1:31" ht="14.45">
      <c r="A1287" s="11"/>
      <c r="B1287" s="20"/>
      <c r="C1287" s="2" t="s">
        <v>4282</v>
      </c>
      <c r="D1287" s="14" t="s">
        <v>4283</v>
      </c>
      <c r="E1287" s="2" t="s">
        <v>4284</v>
      </c>
      <c r="F1287" s="2" t="s">
        <v>2212</v>
      </c>
      <c r="G1287" s="8">
        <v>176</v>
      </c>
      <c r="H1287" s="5">
        <v>13</v>
      </c>
      <c r="I1287" s="5" t="s">
        <v>1518</v>
      </c>
      <c r="J1287" s="5" t="s">
        <v>1519</v>
      </c>
      <c r="K1287" s="2" t="s">
        <v>1520</v>
      </c>
      <c r="L1287" s="5" t="s">
        <v>1519</v>
      </c>
      <c r="M1287" s="2" t="s">
        <v>1520</v>
      </c>
      <c r="N1287" s="5" t="s">
        <v>1521</v>
      </c>
      <c r="O1287" s="5" t="s">
        <v>38</v>
      </c>
      <c r="P1287" s="5" t="s">
        <v>39</v>
      </c>
      <c r="Q1287" s="5" t="s">
        <v>40</v>
      </c>
      <c r="R1287" s="5" t="s">
        <v>1522</v>
      </c>
      <c r="S1287" s="5" t="s">
        <v>1523</v>
      </c>
      <c r="T1287" s="5" t="s">
        <v>42</v>
      </c>
      <c r="U1287" s="2">
        <v>2.4790000000000001</v>
      </c>
      <c r="V1287" s="2">
        <v>1.91</v>
      </c>
      <c r="W1287" s="2">
        <v>1.7999999999999999E-2</v>
      </c>
      <c r="X1287" s="2">
        <v>139.1</v>
      </c>
      <c r="Y1287" s="2">
        <v>7.6</v>
      </c>
      <c r="Z1287" s="2">
        <v>16.7</v>
      </c>
      <c r="AA1287" s="5"/>
      <c r="AB1287" s="5" t="s">
        <v>43</v>
      </c>
      <c r="AC1287" s="5" t="s">
        <v>44</v>
      </c>
      <c r="AD1287" s="2"/>
      <c r="AE1287" s="1"/>
    </row>
    <row r="1288" spans="1:31" ht="14.45">
      <c r="A1288" s="11"/>
      <c r="B1288" s="20"/>
      <c r="C1288" s="2" t="s">
        <v>4285</v>
      </c>
      <c r="D1288" s="14" t="s">
        <v>4286</v>
      </c>
      <c r="E1288" s="2" t="s">
        <v>4287</v>
      </c>
      <c r="F1288" s="2" t="s">
        <v>1831</v>
      </c>
      <c r="G1288" s="8">
        <v>176</v>
      </c>
      <c r="H1288" s="5">
        <v>13</v>
      </c>
      <c r="I1288" s="5" t="s">
        <v>1518</v>
      </c>
      <c r="J1288" s="5" t="s">
        <v>1519</v>
      </c>
      <c r="K1288" s="2" t="s">
        <v>1520</v>
      </c>
      <c r="L1288" s="5" t="s">
        <v>1519</v>
      </c>
      <c r="M1288" s="2" t="s">
        <v>1520</v>
      </c>
      <c r="N1288" s="5" t="s">
        <v>1521</v>
      </c>
      <c r="O1288" s="5" t="s">
        <v>38</v>
      </c>
      <c r="P1288" s="5" t="s">
        <v>39</v>
      </c>
      <c r="Q1288" s="5" t="s">
        <v>40</v>
      </c>
      <c r="R1288" s="5" t="s">
        <v>1522</v>
      </c>
      <c r="S1288" s="5" t="s">
        <v>1523</v>
      </c>
      <c r="T1288" s="5" t="s">
        <v>42</v>
      </c>
      <c r="U1288" s="2">
        <v>2.431</v>
      </c>
      <c r="V1288" s="2">
        <v>1.8620000000000001</v>
      </c>
      <c r="W1288" s="2">
        <v>1.7999999999999999E-2</v>
      </c>
      <c r="X1288" s="2">
        <v>139.1</v>
      </c>
      <c r="Y1288" s="2">
        <v>7.6</v>
      </c>
      <c r="Z1288" s="2">
        <v>16.7</v>
      </c>
      <c r="AA1288" s="5"/>
      <c r="AB1288" s="5" t="s">
        <v>43</v>
      </c>
      <c r="AC1288" s="5" t="s">
        <v>44</v>
      </c>
      <c r="AD1288" s="2"/>
      <c r="AE1288" s="1"/>
    </row>
    <row r="1289" spans="1:31" ht="14.45">
      <c r="A1289" s="11"/>
      <c r="B1289" s="20"/>
      <c r="C1289" s="2" t="s">
        <v>4288</v>
      </c>
      <c r="D1289" s="14" t="s">
        <v>4289</v>
      </c>
      <c r="E1289" s="2" t="s">
        <v>4290</v>
      </c>
      <c r="F1289" s="2" t="s">
        <v>1835</v>
      </c>
      <c r="G1289" s="8">
        <v>176</v>
      </c>
      <c r="H1289" s="5">
        <v>13</v>
      </c>
      <c r="I1289" s="5" t="s">
        <v>1518</v>
      </c>
      <c r="J1289" s="5" t="s">
        <v>1519</v>
      </c>
      <c r="K1289" s="2" t="s">
        <v>1520</v>
      </c>
      <c r="L1289" s="5" t="s">
        <v>1519</v>
      </c>
      <c r="M1289" s="2" t="s">
        <v>1520</v>
      </c>
      <c r="N1289" s="5" t="s">
        <v>1521</v>
      </c>
      <c r="O1289" s="5" t="s">
        <v>38</v>
      </c>
      <c r="P1289" s="5" t="s">
        <v>39</v>
      </c>
      <c r="Q1289" s="5" t="s">
        <v>40</v>
      </c>
      <c r="R1289" s="5" t="s">
        <v>1522</v>
      </c>
      <c r="S1289" s="5" t="s">
        <v>1523</v>
      </c>
      <c r="T1289" s="5" t="s">
        <v>42</v>
      </c>
      <c r="U1289" s="2">
        <v>2.4790000000000001</v>
      </c>
      <c r="V1289" s="2">
        <v>1.91</v>
      </c>
      <c r="W1289" s="2">
        <v>1.7999999999999999E-2</v>
      </c>
      <c r="X1289" s="2">
        <v>139.1</v>
      </c>
      <c r="Y1289" s="2">
        <v>7.6</v>
      </c>
      <c r="Z1289" s="2">
        <v>16.7</v>
      </c>
      <c r="AA1289" s="5"/>
      <c r="AB1289" s="5" t="s">
        <v>43</v>
      </c>
      <c r="AC1289" s="5" t="s">
        <v>44</v>
      </c>
      <c r="AD1289" s="2"/>
      <c r="AE1289" s="1"/>
    </row>
    <row r="1290" spans="1:31" ht="14.45">
      <c r="A1290" s="11"/>
      <c r="B1290" s="20"/>
      <c r="C1290" s="2" t="s">
        <v>4291</v>
      </c>
      <c r="D1290" s="14" t="s">
        <v>4292</v>
      </c>
      <c r="E1290" s="2" t="s">
        <v>4293</v>
      </c>
      <c r="F1290" s="2" t="s">
        <v>1839</v>
      </c>
      <c r="G1290" s="8">
        <v>176</v>
      </c>
      <c r="H1290" s="5">
        <v>13</v>
      </c>
      <c r="I1290" s="5" t="s">
        <v>1518</v>
      </c>
      <c r="J1290" s="5" t="s">
        <v>1519</v>
      </c>
      <c r="K1290" s="2" t="s">
        <v>1520</v>
      </c>
      <c r="L1290" s="5" t="s">
        <v>1519</v>
      </c>
      <c r="M1290" s="2" t="s">
        <v>1520</v>
      </c>
      <c r="N1290" s="5" t="s">
        <v>1521</v>
      </c>
      <c r="O1290" s="5" t="s">
        <v>38</v>
      </c>
      <c r="P1290" s="5" t="s">
        <v>39</v>
      </c>
      <c r="Q1290" s="5" t="s">
        <v>40</v>
      </c>
      <c r="R1290" s="5" t="s">
        <v>1522</v>
      </c>
      <c r="S1290" s="5" t="s">
        <v>1523</v>
      </c>
      <c r="T1290" s="5" t="s">
        <v>42</v>
      </c>
      <c r="U1290" s="2">
        <v>2.431</v>
      </c>
      <c r="V1290" s="2">
        <v>1.8620000000000001</v>
      </c>
      <c r="W1290" s="2">
        <v>1.7999999999999999E-2</v>
      </c>
      <c r="X1290" s="2">
        <v>139.1</v>
      </c>
      <c r="Y1290" s="2">
        <v>7.6</v>
      </c>
      <c r="Z1290" s="2">
        <v>16.7</v>
      </c>
      <c r="AA1290" s="5"/>
      <c r="AB1290" s="5" t="s">
        <v>43</v>
      </c>
      <c r="AC1290" s="5" t="s">
        <v>44</v>
      </c>
      <c r="AD1290" s="2"/>
      <c r="AE1290" s="1"/>
    </row>
    <row r="1291" spans="1:31" ht="14.45">
      <c r="A1291" s="11"/>
      <c r="B1291" s="20"/>
      <c r="C1291" s="2" t="s">
        <v>4294</v>
      </c>
      <c r="D1291" s="14" t="s">
        <v>4295</v>
      </c>
      <c r="E1291" s="2" t="s">
        <v>4296</v>
      </c>
      <c r="F1291" s="2" t="s">
        <v>1986</v>
      </c>
      <c r="G1291" s="8">
        <v>176</v>
      </c>
      <c r="H1291" s="5">
        <v>13</v>
      </c>
      <c r="I1291" s="5" t="s">
        <v>1518</v>
      </c>
      <c r="J1291" s="5" t="s">
        <v>1519</v>
      </c>
      <c r="K1291" s="2" t="s">
        <v>1520</v>
      </c>
      <c r="L1291" s="5" t="s">
        <v>1519</v>
      </c>
      <c r="M1291" s="2" t="s">
        <v>1520</v>
      </c>
      <c r="N1291" s="5" t="s">
        <v>1521</v>
      </c>
      <c r="O1291" s="5" t="s">
        <v>38</v>
      </c>
      <c r="P1291" s="5" t="s">
        <v>39</v>
      </c>
      <c r="Q1291" s="5" t="s">
        <v>40</v>
      </c>
      <c r="R1291" s="5" t="s">
        <v>1522</v>
      </c>
      <c r="S1291" s="5" t="s">
        <v>1523</v>
      </c>
      <c r="T1291" s="5" t="s">
        <v>42</v>
      </c>
      <c r="U1291" s="2">
        <v>2.4790000000000001</v>
      </c>
      <c r="V1291" s="2">
        <v>1.91</v>
      </c>
      <c r="W1291" s="2">
        <v>1.7999999999999999E-2</v>
      </c>
      <c r="X1291" s="2">
        <v>139.1</v>
      </c>
      <c r="Y1291" s="2">
        <v>7.6</v>
      </c>
      <c r="Z1291" s="2">
        <v>16.7</v>
      </c>
      <c r="AA1291" s="5"/>
      <c r="AB1291" s="5" t="s">
        <v>43</v>
      </c>
      <c r="AC1291" s="5" t="s">
        <v>44</v>
      </c>
      <c r="AD1291" s="2"/>
      <c r="AE1291" s="1"/>
    </row>
    <row r="1292" spans="1:31" ht="14.45">
      <c r="A1292" s="11"/>
      <c r="B1292" s="20"/>
      <c r="C1292" s="2" t="s">
        <v>4297</v>
      </c>
      <c r="D1292" s="14" t="s">
        <v>4298</v>
      </c>
      <c r="E1292" s="2" t="s">
        <v>4299</v>
      </c>
      <c r="F1292" s="2" t="s">
        <v>1843</v>
      </c>
      <c r="G1292" s="8">
        <v>176</v>
      </c>
      <c r="H1292" s="5">
        <v>13</v>
      </c>
      <c r="I1292" s="5" t="s">
        <v>1518</v>
      </c>
      <c r="J1292" s="5" t="s">
        <v>1519</v>
      </c>
      <c r="K1292" s="2" t="s">
        <v>1520</v>
      </c>
      <c r="L1292" s="5" t="s">
        <v>1519</v>
      </c>
      <c r="M1292" s="2" t="s">
        <v>1520</v>
      </c>
      <c r="N1292" s="5" t="s">
        <v>1521</v>
      </c>
      <c r="O1292" s="5" t="s">
        <v>38</v>
      </c>
      <c r="P1292" s="5" t="s">
        <v>39</v>
      </c>
      <c r="Q1292" s="5" t="s">
        <v>40</v>
      </c>
      <c r="R1292" s="5" t="s">
        <v>1522</v>
      </c>
      <c r="S1292" s="5" t="s">
        <v>1523</v>
      </c>
      <c r="T1292" s="5" t="s">
        <v>42</v>
      </c>
      <c r="U1292" s="2">
        <v>2.431</v>
      </c>
      <c r="V1292" s="2">
        <v>1.8620000000000001</v>
      </c>
      <c r="W1292" s="2">
        <v>1.7999999999999999E-2</v>
      </c>
      <c r="X1292" s="2">
        <v>139.1</v>
      </c>
      <c r="Y1292" s="2">
        <v>7.6</v>
      </c>
      <c r="Z1292" s="2">
        <v>16.7</v>
      </c>
      <c r="AA1292" s="5"/>
      <c r="AB1292" s="5" t="s">
        <v>43</v>
      </c>
      <c r="AC1292" s="5" t="s">
        <v>44</v>
      </c>
      <c r="AD1292" s="2"/>
      <c r="AE1292" s="1"/>
    </row>
    <row r="1293" spans="1:31" ht="14.45">
      <c r="A1293" s="11"/>
      <c r="B1293" s="20"/>
      <c r="C1293" s="2" t="s">
        <v>4300</v>
      </c>
      <c r="D1293" s="14" t="s">
        <v>4301</v>
      </c>
      <c r="E1293" s="2" t="s">
        <v>4302</v>
      </c>
      <c r="F1293" s="2" t="s">
        <v>1847</v>
      </c>
      <c r="G1293" s="8">
        <v>176</v>
      </c>
      <c r="H1293" s="5">
        <v>13</v>
      </c>
      <c r="I1293" s="5" t="s">
        <v>1518</v>
      </c>
      <c r="J1293" s="5" t="s">
        <v>1519</v>
      </c>
      <c r="K1293" s="2" t="s">
        <v>1520</v>
      </c>
      <c r="L1293" s="5" t="s">
        <v>1519</v>
      </c>
      <c r="M1293" s="2" t="s">
        <v>1520</v>
      </c>
      <c r="N1293" s="5" t="s">
        <v>1521</v>
      </c>
      <c r="O1293" s="5" t="s">
        <v>38</v>
      </c>
      <c r="P1293" s="5" t="s">
        <v>39</v>
      </c>
      <c r="Q1293" s="5" t="s">
        <v>40</v>
      </c>
      <c r="R1293" s="5" t="s">
        <v>1522</v>
      </c>
      <c r="S1293" s="5" t="s">
        <v>1523</v>
      </c>
      <c r="T1293" s="5" t="s">
        <v>42</v>
      </c>
      <c r="U1293" s="2">
        <v>2.4790000000000001</v>
      </c>
      <c r="V1293" s="2">
        <v>1.91</v>
      </c>
      <c r="W1293" s="2">
        <v>1.7999999999999999E-2</v>
      </c>
      <c r="X1293" s="2">
        <v>139.1</v>
      </c>
      <c r="Y1293" s="2">
        <v>7.6</v>
      </c>
      <c r="Z1293" s="2">
        <v>16.7</v>
      </c>
      <c r="AA1293" s="5"/>
      <c r="AB1293" s="5" t="s">
        <v>43</v>
      </c>
      <c r="AC1293" s="5" t="s">
        <v>44</v>
      </c>
      <c r="AD1293" s="2"/>
      <c r="AE1293" s="1"/>
    </row>
    <row r="1294" spans="1:31" ht="14.45">
      <c r="A1294" s="11"/>
      <c r="B1294" s="20"/>
      <c r="C1294" s="2" t="s">
        <v>4303</v>
      </c>
      <c r="D1294" s="14" t="s">
        <v>4304</v>
      </c>
      <c r="E1294" s="2" t="s">
        <v>4305</v>
      </c>
      <c r="F1294" s="2" t="s">
        <v>1851</v>
      </c>
      <c r="G1294" s="8">
        <v>176</v>
      </c>
      <c r="H1294" s="5">
        <v>13</v>
      </c>
      <c r="I1294" s="5" t="s">
        <v>1518</v>
      </c>
      <c r="J1294" s="5" t="s">
        <v>1519</v>
      </c>
      <c r="K1294" s="2" t="s">
        <v>1520</v>
      </c>
      <c r="L1294" s="5" t="s">
        <v>1519</v>
      </c>
      <c r="M1294" s="2" t="s">
        <v>1520</v>
      </c>
      <c r="N1294" s="5" t="s">
        <v>1521</v>
      </c>
      <c r="O1294" s="5" t="s">
        <v>38</v>
      </c>
      <c r="P1294" s="5" t="s">
        <v>39</v>
      </c>
      <c r="Q1294" s="5" t="s">
        <v>40</v>
      </c>
      <c r="R1294" s="5" t="s">
        <v>1522</v>
      </c>
      <c r="S1294" s="5" t="s">
        <v>1523</v>
      </c>
      <c r="T1294" s="5" t="s">
        <v>42</v>
      </c>
      <c r="U1294" s="2">
        <v>2.431</v>
      </c>
      <c r="V1294" s="2">
        <v>1.8620000000000001</v>
      </c>
      <c r="W1294" s="2">
        <v>1.7999999999999999E-2</v>
      </c>
      <c r="X1294" s="2">
        <v>139.1</v>
      </c>
      <c r="Y1294" s="2">
        <v>7.6</v>
      </c>
      <c r="Z1294" s="2">
        <v>16.7</v>
      </c>
      <c r="AA1294" s="5"/>
      <c r="AB1294" s="5" t="s">
        <v>43</v>
      </c>
      <c r="AC1294" s="5" t="s">
        <v>44</v>
      </c>
      <c r="AD1294" s="2"/>
      <c r="AE1294" s="1"/>
    </row>
    <row r="1295" spans="1:31" ht="14.45">
      <c r="A1295" s="11"/>
      <c r="B1295" s="20"/>
      <c r="C1295" s="2" t="s">
        <v>4306</v>
      </c>
      <c r="D1295" s="14" t="s">
        <v>4307</v>
      </c>
      <c r="E1295" s="2" t="s">
        <v>4308</v>
      </c>
      <c r="F1295" s="2" t="s">
        <v>1999</v>
      </c>
      <c r="G1295" s="8">
        <v>176</v>
      </c>
      <c r="H1295" s="5">
        <v>13</v>
      </c>
      <c r="I1295" s="5" t="s">
        <v>1518</v>
      </c>
      <c r="J1295" s="5" t="s">
        <v>1519</v>
      </c>
      <c r="K1295" s="2" t="s">
        <v>1520</v>
      </c>
      <c r="L1295" s="5" t="s">
        <v>1519</v>
      </c>
      <c r="M1295" s="2" t="s">
        <v>1520</v>
      </c>
      <c r="N1295" s="5" t="s">
        <v>1521</v>
      </c>
      <c r="O1295" s="5" t="s">
        <v>38</v>
      </c>
      <c r="P1295" s="5" t="s">
        <v>39</v>
      </c>
      <c r="Q1295" s="5" t="s">
        <v>40</v>
      </c>
      <c r="R1295" s="5" t="s">
        <v>1522</v>
      </c>
      <c r="S1295" s="5" t="s">
        <v>1523</v>
      </c>
      <c r="T1295" s="5" t="s">
        <v>42</v>
      </c>
      <c r="U1295" s="2">
        <v>2.4790000000000001</v>
      </c>
      <c r="V1295" s="2">
        <v>1.91</v>
      </c>
      <c r="W1295" s="2">
        <v>1.7999999999999999E-2</v>
      </c>
      <c r="X1295" s="2">
        <v>139.1</v>
      </c>
      <c r="Y1295" s="2">
        <v>7.6</v>
      </c>
      <c r="Z1295" s="2">
        <v>16.7</v>
      </c>
      <c r="AA1295" s="5"/>
      <c r="AB1295" s="5" t="s">
        <v>43</v>
      </c>
      <c r="AC1295" s="5" t="s">
        <v>44</v>
      </c>
      <c r="AD1295" s="2"/>
      <c r="AE1295" s="1"/>
    </row>
    <row r="1296" spans="1:31" ht="14.45">
      <c r="A1296" s="11"/>
      <c r="B1296" s="20"/>
      <c r="C1296" s="2" t="s">
        <v>4309</v>
      </c>
      <c r="D1296" s="14" t="s">
        <v>4310</v>
      </c>
      <c r="E1296" s="2" t="s">
        <v>4311</v>
      </c>
      <c r="F1296" s="2" t="s">
        <v>1855</v>
      </c>
      <c r="G1296" s="8">
        <v>176</v>
      </c>
      <c r="H1296" s="5">
        <v>13</v>
      </c>
      <c r="I1296" s="5" t="s">
        <v>1518</v>
      </c>
      <c r="J1296" s="5" t="s">
        <v>1519</v>
      </c>
      <c r="K1296" s="2" t="s">
        <v>1520</v>
      </c>
      <c r="L1296" s="5" t="s">
        <v>1519</v>
      </c>
      <c r="M1296" s="2" t="s">
        <v>1520</v>
      </c>
      <c r="N1296" s="5" t="s">
        <v>1521</v>
      </c>
      <c r="O1296" s="5" t="s">
        <v>38</v>
      </c>
      <c r="P1296" s="5" t="s">
        <v>39</v>
      </c>
      <c r="Q1296" s="5" t="s">
        <v>40</v>
      </c>
      <c r="R1296" s="5" t="s">
        <v>1522</v>
      </c>
      <c r="S1296" s="5" t="s">
        <v>1523</v>
      </c>
      <c r="T1296" s="5" t="s">
        <v>42</v>
      </c>
      <c r="U1296" s="2">
        <v>2.431</v>
      </c>
      <c r="V1296" s="2">
        <v>1.8620000000000001</v>
      </c>
      <c r="W1296" s="2">
        <v>1.7999999999999999E-2</v>
      </c>
      <c r="X1296" s="2">
        <v>139.1</v>
      </c>
      <c r="Y1296" s="2">
        <v>7.6</v>
      </c>
      <c r="Z1296" s="2">
        <v>16.7</v>
      </c>
      <c r="AA1296" s="5"/>
      <c r="AB1296" s="5" t="s">
        <v>43</v>
      </c>
      <c r="AC1296" s="5" t="s">
        <v>44</v>
      </c>
      <c r="AD1296" s="2"/>
      <c r="AE1296" s="1"/>
    </row>
    <row r="1297" spans="1:31" ht="14.45">
      <c r="A1297" s="11"/>
      <c r="B1297" s="20"/>
      <c r="C1297" s="2" t="s">
        <v>4312</v>
      </c>
      <c r="D1297" s="14" t="s">
        <v>4313</v>
      </c>
      <c r="E1297" s="2" t="s">
        <v>4314</v>
      </c>
      <c r="F1297" s="2" t="s">
        <v>1859</v>
      </c>
      <c r="G1297" s="8">
        <v>176</v>
      </c>
      <c r="H1297" s="5">
        <v>13</v>
      </c>
      <c r="I1297" s="5" t="s">
        <v>1518</v>
      </c>
      <c r="J1297" s="5" t="s">
        <v>1519</v>
      </c>
      <c r="K1297" s="2" t="s">
        <v>1520</v>
      </c>
      <c r="L1297" s="5" t="s">
        <v>1519</v>
      </c>
      <c r="M1297" s="2" t="s">
        <v>1520</v>
      </c>
      <c r="N1297" s="5" t="s">
        <v>1521</v>
      </c>
      <c r="O1297" s="5" t="s">
        <v>38</v>
      </c>
      <c r="P1297" s="5" t="s">
        <v>39</v>
      </c>
      <c r="Q1297" s="5" t="s">
        <v>40</v>
      </c>
      <c r="R1297" s="5" t="s">
        <v>1522</v>
      </c>
      <c r="S1297" s="5" t="s">
        <v>1523</v>
      </c>
      <c r="T1297" s="5" t="s">
        <v>42</v>
      </c>
      <c r="U1297" s="2">
        <v>2.4790000000000001</v>
      </c>
      <c r="V1297" s="2">
        <v>1.91</v>
      </c>
      <c r="W1297" s="2">
        <v>1.7999999999999999E-2</v>
      </c>
      <c r="X1297" s="2">
        <v>139.1</v>
      </c>
      <c r="Y1297" s="2">
        <v>7.6</v>
      </c>
      <c r="Z1297" s="2">
        <v>16.7</v>
      </c>
      <c r="AA1297" s="5"/>
      <c r="AB1297" s="5" t="s">
        <v>43</v>
      </c>
      <c r="AC1297" s="5" t="s">
        <v>44</v>
      </c>
      <c r="AD1297" s="2"/>
      <c r="AE1297" s="1"/>
    </row>
    <row r="1298" spans="1:31" ht="14.45">
      <c r="A1298" s="11"/>
      <c r="B1298" s="20"/>
      <c r="C1298" s="2" t="s">
        <v>4315</v>
      </c>
      <c r="D1298" s="14" t="s">
        <v>4316</v>
      </c>
      <c r="E1298" s="2" t="s">
        <v>4317</v>
      </c>
      <c r="F1298" s="2" t="s">
        <v>1863</v>
      </c>
      <c r="G1298" s="8">
        <v>176</v>
      </c>
      <c r="H1298" s="5">
        <v>11</v>
      </c>
      <c r="I1298" s="5" t="s">
        <v>1518</v>
      </c>
      <c r="J1298" s="5" t="s">
        <v>1519</v>
      </c>
      <c r="K1298" s="2" t="s">
        <v>1520</v>
      </c>
      <c r="L1298" s="5" t="s">
        <v>1519</v>
      </c>
      <c r="M1298" s="2" t="s">
        <v>1520</v>
      </c>
      <c r="N1298" s="5" t="s">
        <v>1521</v>
      </c>
      <c r="O1298" s="5" t="s">
        <v>38</v>
      </c>
      <c r="P1298" s="5" t="s">
        <v>39</v>
      </c>
      <c r="Q1298" s="5" t="s">
        <v>40</v>
      </c>
      <c r="R1298" s="5" t="s">
        <v>1522</v>
      </c>
      <c r="S1298" s="5" t="s">
        <v>1523</v>
      </c>
      <c r="T1298" s="5" t="s">
        <v>42</v>
      </c>
      <c r="U1298" s="2">
        <v>2.379</v>
      </c>
      <c r="V1298" s="2">
        <v>1.81</v>
      </c>
      <c r="W1298" s="2">
        <v>1.7999999999999999E-2</v>
      </c>
      <c r="X1298" s="2">
        <v>139.1</v>
      </c>
      <c r="Y1298" s="2">
        <v>7.6</v>
      </c>
      <c r="Z1298" s="2">
        <v>16.7</v>
      </c>
      <c r="AA1298" s="5"/>
      <c r="AB1298" s="5" t="s">
        <v>43</v>
      </c>
      <c r="AC1298" s="5" t="s">
        <v>44</v>
      </c>
      <c r="AD1298" s="2"/>
      <c r="AE1298" s="1"/>
    </row>
    <row r="1299" spans="1:31" ht="14.45">
      <c r="A1299" s="11"/>
      <c r="B1299" s="20"/>
      <c r="C1299" s="2" t="s">
        <v>4318</v>
      </c>
      <c r="D1299" s="14" t="s">
        <v>4319</v>
      </c>
      <c r="E1299" s="2" t="s">
        <v>4320</v>
      </c>
      <c r="F1299" s="2" t="s">
        <v>1867</v>
      </c>
      <c r="G1299" s="8">
        <v>176</v>
      </c>
      <c r="H1299" s="5">
        <v>11</v>
      </c>
      <c r="I1299" s="5" t="s">
        <v>1518</v>
      </c>
      <c r="J1299" s="5" t="s">
        <v>1519</v>
      </c>
      <c r="K1299" s="2" t="s">
        <v>1520</v>
      </c>
      <c r="L1299" s="5" t="s">
        <v>1519</v>
      </c>
      <c r="M1299" s="2" t="s">
        <v>1520</v>
      </c>
      <c r="N1299" s="5" t="s">
        <v>1521</v>
      </c>
      <c r="O1299" s="5" t="s">
        <v>38</v>
      </c>
      <c r="P1299" s="5" t="s">
        <v>39</v>
      </c>
      <c r="Q1299" s="5" t="s">
        <v>40</v>
      </c>
      <c r="R1299" s="5" t="s">
        <v>1522</v>
      </c>
      <c r="S1299" s="5" t="s">
        <v>1523</v>
      </c>
      <c r="T1299" s="5" t="s">
        <v>42</v>
      </c>
      <c r="U1299" s="2">
        <v>2.427</v>
      </c>
      <c r="V1299" s="2">
        <v>1.8580000000000001</v>
      </c>
      <c r="W1299" s="2">
        <v>1.7999999999999999E-2</v>
      </c>
      <c r="X1299" s="2">
        <v>139.1</v>
      </c>
      <c r="Y1299" s="2">
        <v>7.6</v>
      </c>
      <c r="Z1299" s="2">
        <v>16.7</v>
      </c>
      <c r="AA1299" s="5"/>
      <c r="AB1299" s="5" t="s">
        <v>43</v>
      </c>
      <c r="AC1299" s="5" t="s">
        <v>44</v>
      </c>
      <c r="AD1299" s="2"/>
      <c r="AE1299" s="1"/>
    </row>
    <row r="1300" spans="1:31" ht="14.45">
      <c r="A1300" s="11"/>
      <c r="B1300" s="20"/>
      <c r="C1300" s="2" t="s">
        <v>4321</v>
      </c>
      <c r="D1300" s="14" t="s">
        <v>4322</v>
      </c>
      <c r="E1300" s="2" t="s">
        <v>4323</v>
      </c>
      <c r="F1300" s="2" t="s">
        <v>1695</v>
      </c>
      <c r="G1300" s="8">
        <v>162</v>
      </c>
      <c r="H1300" s="5">
        <v>6</v>
      </c>
      <c r="I1300" s="5" t="s">
        <v>1518</v>
      </c>
      <c r="J1300" s="5" t="s">
        <v>1519</v>
      </c>
      <c r="K1300" s="2" t="s">
        <v>1520</v>
      </c>
      <c r="L1300" s="5" t="s">
        <v>1519</v>
      </c>
      <c r="M1300" s="2" t="s">
        <v>1520</v>
      </c>
      <c r="N1300" s="5" t="s">
        <v>1521</v>
      </c>
      <c r="O1300" s="5" t="s">
        <v>38</v>
      </c>
      <c r="P1300" s="5" t="s">
        <v>39</v>
      </c>
      <c r="Q1300" s="5" t="s">
        <v>40</v>
      </c>
      <c r="R1300" s="5" t="s">
        <v>1522</v>
      </c>
      <c r="S1300" s="5" t="s">
        <v>1523</v>
      </c>
      <c r="T1300" s="5" t="s">
        <v>42</v>
      </c>
      <c r="U1300" s="2">
        <v>2.6059999999999999</v>
      </c>
      <c r="V1300" s="2">
        <v>1.954</v>
      </c>
      <c r="W1300" s="2">
        <v>0.02</v>
      </c>
      <c r="X1300" s="2">
        <v>159.1</v>
      </c>
      <c r="Y1300" s="2">
        <v>7.6</v>
      </c>
      <c r="Z1300" s="2">
        <v>16.7</v>
      </c>
      <c r="AA1300" s="5"/>
      <c r="AB1300" s="5" t="s">
        <v>43</v>
      </c>
      <c r="AC1300" s="5" t="s">
        <v>44</v>
      </c>
      <c r="AD1300" s="2"/>
      <c r="AE1300" s="1"/>
    </row>
    <row r="1301" spans="1:31" ht="14.45">
      <c r="A1301" s="11"/>
      <c r="B1301" s="20"/>
      <c r="C1301" s="2" t="s">
        <v>4324</v>
      </c>
      <c r="D1301" s="14" t="s">
        <v>4325</v>
      </c>
      <c r="E1301" s="2" t="s">
        <v>4326</v>
      </c>
      <c r="F1301" s="2" t="s">
        <v>1699</v>
      </c>
      <c r="G1301" s="8">
        <v>162</v>
      </c>
      <c r="H1301" s="5">
        <v>6</v>
      </c>
      <c r="I1301" s="5" t="s">
        <v>1518</v>
      </c>
      <c r="J1301" s="5" t="s">
        <v>1519</v>
      </c>
      <c r="K1301" s="2" t="s">
        <v>1520</v>
      </c>
      <c r="L1301" s="5" t="s">
        <v>1519</v>
      </c>
      <c r="M1301" s="2" t="s">
        <v>1520</v>
      </c>
      <c r="N1301" s="5" t="s">
        <v>1521</v>
      </c>
      <c r="O1301" s="5" t="s">
        <v>38</v>
      </c>
      <c r="P1301" s="5" t="s">
        <v>39</v>
      </c>
      <c r="Q1301" s="5" t="s">
        <v>40</v>
      </c>
      <c r="R1301" s="5" t="s">
        <v>1522</v>
      </c>
      <c r="S1301" s="5" t="s">
        <v>1523</v>
      </c>
      <c r="T1301" s="5" t="s">
        <v>42</v>
      </c>
      <c r="U1301" s="2">
        <v>2.6579999999999999</v>
      </c>
      <c r="V1301" s="2">
        <v>2.0059999999999998</v>
      </c>
      <c r="W1301" s="2">
        <v>0.02</v>
      </c>
      <c r="X1301" s="2">
        <v>159.1</v>
      </c>
      <c r="Y1301" s="2">
        <v>7.6</v>
      </c>
      <c r="Z1301" s="2">
        <v>16.7</v>
      </c>
      <c r="AA1301" s="5"/>
      <c r="AB1301" s="5" t="s">
        <v>43</v>
      </c>
      <c r="AC1301" s="5" t="s">
        <v>44</v>
      </c>
      <c r="AD1301" s="2"/>
      <c r="AE1301" s="1"/>
    </row>
    <row r="1302" spans="1:31" ht="14.45">
      <c r="A1302" s="11"/>
      <c r="B1302" s="20"/>
      <c r="C1302" s="2" t="s">
        <v>4327</v>
      </c>
      <c r="D1302" s="14" t="s">
        <v>4328</v>
      </c>
      <c r="E1302" s="2" t="s">
        <v>4329</v>
      </c>
      <c r="F1302" s="2" t="s">
        <v>1703</v>
      </c>
      <c r="G1302" s="8">
        <v>162</v>
      </c>
      <c r="H1302" s="5">
        <v>6</v>
      </c>
      <c r="I1302" s="5" t="s">
        <v>1518</v>
      </c>
      <c r="J1302" s="5" t="s">
        <v>1519</v>
      </c>
      <c r="K1302" s="2" t="s">
        <v>1520</v>
      </c>
      <c r="L1302" s="5" t="s">
        <v>1519</v>
      </c>
      <c r="M1302" s="2" t="s">
        <v>1520</v>
      </c>
      <c r="N1302" s="5" t="s">
        <v>1521</v>
      </c>
      <c r="O1302" s="5" t="s">
        <v>38</v>
      </c>
      <c r="P1302" s="5" t="s">
        <v>39</v>
      </c>
      <c r="Q1302" s="5" t="s">
        <v>40</v>
      </c>
      <c r="R1302" s="5" t="s">
        <v>1522</v>
      </c>
      <c r="S1302" s="5" t="s">
        <v>1523</v>
      </c>
      <c r="T1302" s="5" t="s">
        <v>42</v>
      </c>
      <c r="U1302" s="2">
        <v>2.6150000000000002</v>
      </c>
      <c r="V1302" s="2">
        <v>1.9630000000000001</v>
      </c>
      <c r="W1302" s="2">
        <v>0.02</v>
      </c>
      <c r="X1302" s="2">
        <v>159.1</v>
      </c>
      <c r="Y1302" s="2">
        <v>7.6</v>
      </c>
      <c r="Z1302" s="2">
        <v>16.7</v>
      </c>
      <c r="AA1302" s="5"/>
      <c r="AB1302" s="5" t="s">
        <v>43</v>
      </c>
      <c r="AC1302" s="5" t="s">
        <v>44</v>
      </c>
      <c r="AD1302" s="2"/>
      <c r="AE1302" s="1"/>
    </row>
    <row r="1303" spans="1:31" ht="14.45">
      <c r="A1303" s="11"/>
      <c r="B1303" s="20"/>
      <c r="C1303" s="2" t="s">
        <v>4330</v>
      </c>
      <c r="D1303" s="14" t="s">
        <v>4331</v>
      </c>
      <c r="E1303" s="2" t="s">
        <v>4332</v>
      </c>
      <c r="F1303" s="2" t="s">
        <v>1707</v>
      </c>
      <c r="G1303" s="8">
        <v>162</v>
      </c>
      <c r="H1303" s="5">
        <v>6</v>
      </c>
      <c r="I1303" s="5" t="s">
        <v>1518</v>
      </c>
      <c r="J1303" s="5" t="s">
        <v>1519</v>
      </c>
      <c r="K1303" s="2" t="s">
        <v>1520</v>
      </c>
      <c r="L1303" s="5" t="s">
        <v>1519</v>
      </c>
      <c r="M1303" s="2" t="s">
        <v>1520</v>
      </c>
      <c r="N1303" s="5" t="s">
        <v>1521</v>
      </c>
      <c r="O1303" s="5" t="s">
        <v>38</v>
      </c>
      <c r="P1303" s="5" t="s">
        <v>39</v>
      </c>
      <c r="Q1303" s="5" t="s">
        <v>40</v>
      </c>
      <c r="R1303" s="5" t="s">
        <v>1522</v>
      </c>
      <c r="S1303" s="5" t="s">
        <v>1523</v>
      </c>
      <c r="T1303" s="5" t="s">
        <v>42</v>
      </c>
      <c r="U1303" s="2">
        <v>2.6669999999999998</v>
      </c>
      <c r="V1303" s="2">
        <v>2.0150000000000001</v>
      </c>
      <c r="W1303" s="2">
        <v>0.02</v>
      </c>
      <c r="X1303" s="2">
        <v>159.1</v>
      </c>
      <c r="Y1303" s="2">
        <v>7.6</v>
      </c>
      <c r="Z1303" s="2">
        <v>16.7</v>
      </c>
      <c r="AA1303" s="5"/>
      <c r="AB1303" s="5" t="s">
        <v>43</v>
      </c>
      <c r="AC1303" s="5" t="s">
        <v>44</v>
      </c>
      <c r="AD1303" s="2"/>
      <c r="AE1303" s="1"/>
    </row>
    <row r="1304" spans="1:31" ht="14.45">
      <c r="A1304" s="11"/>
      <c r="B1304" s="20"/>
      <c r="C1304" s="2" t="s">
        <v>4333</v>
      </c>
      <c r="D1304" s="14" t="s">
        <v>4334</v>
      </c>
      <c r="E1304" s="2" t="s">
        <v>4335</v>
      </c>
      <c r="F1304" s="2" t="s">
        <v>1711</v>
      </c>
      <c r="G1304" s="8">
        <v>162</v>
      </c>
      <c r="H1304" s="5">
        <v>6</v>
      </c>
      <c r="I1304" s="5" t="s">
        <v>1518</v>
      </c>
      <c r="J1304" s="5" t="s">
        <v>1519</v>
      </c>
      <c r="K1304" s="2" t="s">
        <v>1520</v>
      </c>
      <c r="L1304" s="5" t="s">
        <v>1519</v>
      </c>
      <c r="M1304" s="2" t="s">
        <v>1520</v>
      </c>
      <c r="N1304" s="5" t="s">
        <v>1521</v>
      </c>
      <c r="O1304" s="5" t="s">
        <v>38</v>
      </c>
      <c r="P1304" s="5" t="s">
        <v>39</v>
      </c>
      <c r="Q1304" s="5" t="s">
        <v>40</v>
      </c>
      <c r="R1304" s="5" t="s">
        <v>1522</v>
      </c>
      <c r="S1304" s="5" t="s">
        <v>1523</v>
      </c>
      <c r="T1304" s="5" t="s">
        <v>42</v>
      </c>
      <c r="U1304" s="2">
        <v>2.6150000000000002</v>
      </c>
      <c r="V1304" s="2">
        <v>1.9630000000000001</v>
      </c>
      <c r="W1304" s="2">
        <v>0.02</v>
      </c>
      <c r="X1304" s="2">
        <v>159.1</v>
      </c>
      <c r="Y1304" s="2">
        <v>7.6</v>
      </c>
      <c r="Z1304" s="2">
        <v>16.7</v>
      </c>
      <c r="AA1304" s="5"/>
      <c r="AB1304" s="5" t="s">
        <v>43</v>
      </c>
      <c r="AC1304" s="5" t="s">
        <v>44</v>
      </c>
      <c r="AD1304" s="2"/>
      <c r="AE1304" s="1"/>
    </row>
    <row r="1305" spans="1:31" ht="14.45">
      <c r="A1305" s="11"/>
      <c r="B1305" s="20"/>
      <c r="C1305" s="2" t="s">
        <v>4336</v>
      </c>
      <c r="D1305" s="14" t="s">
        <v>4337</v>
      </c>
      <c r="E1305" s="2" t="s">
        <v>4338</v>
      </c>
      <c r="F1305" s="2" t="s">
        <v>1715</v>
      </c>
      <c r="G1305" s="8">
        <v>162</v>
      </c>
      <c r="H1305" s="5">
        <v>6</v>
      </c>
      <c r="I1305" s="5" t="s">
        <v>1518</v>
      </c>
      <c r="J1305" s="5" t="s">
        <v>1519</v>
      </c>
      <c r="K1305" s="2" t="s">
        <v>1520</v>
      </c>
      <c r="L1305" s="5" t="s">
        <v>1519</v>
      </c>
      <c r="M1305" s="2" t="s">
        <v>1520</v>
      </c>
      <c r="N1305" s="5" t="s">
        <v>1521</v>
      </c>
      <c r="O1305" s="5" t="s">
        <v>38</v>
      </c>
      <c r="P1305" s="5" t="s">
        <v>39</v>
      </c>
      <c r="Q1305" s="5" t="s">
        <v>40</v>
      </c>
      <c r="R1305" s="5" t="s">
        <v>1522</v>
      </c>
      <c r="S1305" s="5" t="s">
        <v>1523</v>
      </c>
      <c r="T1305" s="5" t="s">
        <v>42</v>
      </c>
      <c r="U1305" s="2">
        <v>2.6669999999999998</v>
      </c>
      <c r="V1305" s="2">
        <v>2.0150000000000001</v>
      </c>
      <c r="W1305" s="2">
        <v>0.02</v>
      </c>
      <c r="X1305" s="2">
        <v>159.1</v>
      </c>
      <c r="Y1305" s="2">
        <v>7.6</v>
      </c>
      <c r="Z1305" s="2">
        <v>16.7</v>
      </c>
      <c r="AA1305" s="5"/>
      <c r="AB1305" s="5" t="s">
        <v>43</v>
      </c>
      <c r="AC1305" s="5" t="s">
        <v>44</v>
      </c>
      <c r="AD1305" s="2"/>
      <c r="AE1305" s="1"/>
    </row>
    <row r="1306" spans="1:31" ht="14.45">
      <c r="A1306" s="11"/>
      <c r="B1306" s="20"/>
      <c r="C1306" s="2" t="s">
        <v>4339</v>
      </c>
      <c r="D1306" s="14" t="s">
        <v>4340</v>
      </c>
      <c r="E1306" s="2" t="s">
        <v>4341</v>
      </c>
      <c r="F1306" s="2" t="s">
        <v>1719</v>
      </c>
      <c r="G1306" s="8">
        <v>162</v>
      </c>
      <c r="H1306" s="5">
        <v>6</v>
      </c>
      <c r="I1306" s="5" t="s">
        <v>1518</v>
      </c>
      <c r="J1306" s="5" t="s">
        <v>1519</v>
      </c>
      <c r="K1306" s="2" t="s">
        <v>1520</v>
      </c>
      <c r="L1306" s="5" t="s">
        <v>1519</v>
      </c>
      <c r="M1306" s="2" t="s">
        <v>1520</v>
      </c>
      <c r="N1306" s="5" t="s">
        <v>1521</v>
      </c>
      <c r="O1306" s="5" t="s">
        <v>38</v>
      </c>
      <c r="P1306" s="5" t="s">
        <v>39</v>
      </c>
      <c r="Q1306" s="5" t="s">
        <v>40</v>
      </c>
      <c r="R1306" s="5" t="s">
        <v>1522</v>
      </c>
      <c r="S1306" s="5" t="s">
        <v>1523</v>
      </c>
      <c r="T1306" s="5" t="s">
        <v>42</v>
      </c>
      <c r="U1306" s="2">
        <v>2.5880000000000001</v>
      </c>
      <c r="V1306" s="2">
        <v>1.9359999999999999</v>
      </c>
      <c r="W1306" s="2">
        <v>0.02</v>
      </c>
      <c r="X1306" s="2">
        <v>159.1</v>
      </c>
      <c r="Y1306" s="2">
        <v>7.6</v>
      </c>
      <c r="Z1306" s="2">
        <v>16.7</v>
      </c>
      <c r="AA1306" s="5"/>
      <c r="AB1306" s="5" t="s">
        <v>43</v>
      </c>
      <c r="AC1306" s="5" t="s">
        <v>44</v>
      </c>
      <c r="AD1306" s="2"/>
      <c r="AE1306" s="1"/>
    </row>
    <row r="1307" spans="1:31" ht="14.45">
      <c r="A1307" s="11"/>
      <c r="B1307" s="20"/>
      <c r="C1307" s="2" t="s">
        <v>4342</v>
      </c>
      <c r="D1307" s="14" t="s">
        <v>4343</v>
      </c>
      <c r="E1307" s="2" t="s">
        <v>4344</v>
      </c>
      <c r="F1307" s="2" t="s">
        <v>1723</v>
      </c>
      <c r="G1307" s="8">
        <v>162</v>
      </c>
      <c r="H1307" s="5">
        <v>6</v>
      </c>
      <c r="I1307" s="5" t="s">
        <v>1518</v>
      </c>
      <c r="J1307" s="5" t="s">
        <v>1519</v>
      </c>
      <c r="K1307" s="2" t="s">
        <v>1520</v>
      </c>
      <c r="L1307" s="5" t="s">
        <v>1519</v>
      </c>
      <c r="M1307" s="2" t="s">
        <v>1520</v>
      </c>
      <c r="N1307" s="5" t="s">
        <v>1521</v>
      </c>
      <c r="O1307" s="5" t="s">
        <v>38</v>
      </c>
      <c r="P1307" s="5" t="s">
        <v>39</v>
      </c>
      <c r="Q1307" s="5" t="s">
        <v>40</v>
      </c>
      <c r="R1307" s="5" t="s">
        <v>1522</v>
      </c>
      <c r="S1307" s="5" t="s">
        <v>1523</v>
      </c>
      <c r="T1307" s="5" t="s">
        <v>42</v>
      </c>
      <c r="U1307" s="2">
        <v>2.64</v>
      </c>
      <c r="V1307" s="2">
        <v>1.988</v>
      </c>
      <c r="W1307" s="2">
        <v>0.02</v>
      </c>
      <c r="X1307" s="2">
        <v>159.1</v>
      </c>
      <c r="Y1307" s="2">
        <v>7.6</v>
      </c>
      <c r="Z1307" s="2">
        <v>16.7</v>
      </c>
      <c r="AA1307" s="5"/>
      <c r="AB1307" s="5" t="s">
        <v>43</v>
      </c>
      <c r="AC1307" s="5" t="s">
        <v>44</v>
      </c>
      <c r="AD1307" s="2"/>
      <c r="AE1307" s="1"/>
    </row>
    <row r="1308" spans="1:31" ht="14.45">
      <c r="A1308" s="11"/>
      <c r="B1308" s="20"/>
      <c r="C1308" s="2" t="s">
        <v>4345</v>
      </c>
      <c r="D1308" s="14" t="s">
        <v>4346</v>
      </c>
      <c r="E1308" s="2" t="s">
        <v>4347</v>
      </c>
      <c r="F1308" s="2" t="s">
        <v>1727</v>
      </c>
      <c r="G1308" s="8">
        <v>186</v>
      </c>
      <c r="H1308" s="5">
        <v>6</v>
      </c>
      <c r="I1308" s="5" t="s">
        <v>1518</v>
      </c>
      <c r="J1308" s="5" t="s">
        <v>1519</v>
      </c>
      <c r="K1308" s="2" t="s">
        <v>1520</v>
      </c>
      <c r="L1308" s="5" t="s">
        <v>1519</v>
      </c>
      <c r="M1308" s="2" t="s">
        <v>1520</v>
      </c>
      <c r="N1308" s="5" t="s">
        <v>1521</v>
      </c>
      <c r="O1308" s="5" t="s">
        <v>38</v>
      </c>
      <c r="P1308" s="5" t="s">
        <v>39</v>
      </c>
      <c r="Q1308" s="5" t="s">
        <v>40</v>
      </c>
      <c r="R1308" s="5" t="s">
        <v>1522</v>
      </c>
      <c r="S1308" s="5" t="s">
        <v>1523</v>
      </c>
      <c r="T1308" s="5" t="s">
        <v>42</v>
      </c>
      <c r="U1308" s="2">
        <v>2.5880000000000001</v>
      </c>
      <c r="V1308" s="2">
        <v>1.9359999999999999</v>
      </c>
      <c r="W1308" s="2">
        <v>0.02</v>
      </c>
      <c r="X1308" s="2">
        <v>159.1</v>
      </c>
      <c r="Y1308" s="2">
        <v>7.6</v>
      </c>
      <c r="Z1308" s="2">
        <v>16.7</v>
      </c>
      <c r="AA1308" s="5"/>
      <c r="AB1308" s="5" t="s">
        <v>43</v>
      </c>
      <c r="AC1308" s="5" t="s">
        <v>44</v>
      </c>
      <c r="AD1308" s="2"/>
      <c r="AE1308" s="1"/>
    </row>
    <row r="1309" spans="1:31" ht="14.45">
      <c r="A1309" s="11"/>
      <c r="B1309" s="20"/>
      <c r="C1309" s="2" t="s">
        <v>4348</v>
      </c>
      <c r="D1309" s="14" t="s">
        <v>4349</v>
      </c>
      <c r="E1309" s="2" t="s">
        <v>4350</v>
      </c>
      <c r="F1309" s="2" t="s">
        <v>1731</v>
      </c>
      <c r="G1309" s="8">
        <v>186</v>
      </c>
      <c r="H1309" s="5">
        <v>6</v>
      </c>
      <c r="I1309" s="5" t="s">
        <v>1518</v>
      </c>
      <c r="J1309" s="5" t="s">
        <v>1519</v>
      </c>
      <c r="K1309" s="2" t="s">
        <v>1520</v>
      </c>
      <c r="L1309" s="5" t="s">
        <v>1519</v>
      </c>
      <c r="M1309" s="2" t="s">
        <v>1520</v>
      </c>
      <c r="N1309" s="5" t="s">
        <v>1521</v>
      </c>
      <c r="O1309" s="5" t="s">
        <v>38</v>
      </c>
      <c r="P1309" s="5" t="s">
        <v>39</v>
      </c>
      <c r="Q1309" s="5" t="s">
        <v>40</v>
      </c>
      <c r="R1309" s="5" t="s">
        <v>1522</v>
      </c>
      <c r="S1309" s="5" t="s">
        <v>1523</v>
      </c>
      <c r="T1309" s="5" t="s">
        <v>42</v>
      </c>
      <c r="U1309" s="2">
        <v>2.64</v>
      </c>
      <c r="V1309" s="2">
        <v>1.988</v>
      </c>
      <c r="W1309" s="2">
        <v>0.02</v>
      </c>
      <c r="X1309" s="2">
        <v>159.1</v>
      </c>
      <c r="Y1309" s="2">
        <v>7.6</v>
      </c>
      <c r="Z1309" s="2">
        <v>16.7</v>
      </c>
      <c r="AA1309" s="5"/>
      <c r="AB1309" s="5" t="s">
        <v>43</v>
      </c>
      <c r="AC1309" s="5" t="s">
        <v>44</v>
      </c>
      <c r="AD1309" s="2"/>
      <c r="AE1309" s="1"/>
    </row>
    <row r="1310" spans="1:31" ht="14.45">
      <c r="A1310" s="11"/>
      <c r="B1310" s="20"/>
      <c r="C1310" s="2" t="s">
        <v>4351</v>
      </c>
      <c r="D1310" s="14" t="s">
        <v>4352</v>
      </c>
      <c r="E1310" s="2" t="s">
        <v>4353</v>
      </c>
      <c r="F1310" s="2" t="s">
        <v>1735</v>
      </c>
      <c r="G1310" s="8">
        <v>186</v>
      </c>
      <c r="H1310" s="5">
        <v>6</v>
      </c>
      <c r="I1310" s="5" t="s">
        <v>1518</v>
      </c>
      <c r="J1310" s="5" t="s">
        <v>1519</v>
      </c>
      <c r="K1310" s="2" t="s">
        <v>1520</v>
      </c>
      <c r="L1310" s="5" t="s">
        <v>1519</v>
      </c>
      <c r="M1310" s="2" t="s">
        <v>1520</v>
      </c>
      <c r="N1310" s="5" t="s">
        <v>1521</v>
      </c>
      <c r="O1310" s="5" t="s">
        <v>38</v>
      </c>
      <c r="P1310" s="5" t="s">
        <v>39</v>
      </c>
      <c r="Q1310" s="5" t="s">
        <v>40</v>
      </c>
      <c r="R1310" s="5" t="s">
        <v>1522</v>
      </c>
      <c r="S1310" s="5" t="s">
        <v>1523</v>
      </c>
      <c r="T1310" s="5" t="s">
        <v>42</v>
      </c>
      <c r="U1310" s="2">
        <v>2.6150000000000002</v>
      </c>
      <c r="V1310" s="2">
        <v>1.9630000000000001</v>
      </c>
      <c r="W1310" s="2">
        <v>0.02</v>
      </c>
      <c r="X1310" s="2">
        <v>159.1</v>
      </c>
      <c r="Y1310" s="2">
        <v>7.6</v>
      </c>
      <c r="Z1310" s="2">
        <v>16.7</v>
      </c>
      <c r="AA1310" s="5"/>
      <c r="AB1310" s="5" t="s">
        <v>43</v>
      </c>
      <c r="AC1310" s="5" t="s">
        <v>44</v>
      </c>
      <c r="AD1310" s="2"/>
      <c r="AE1310" s="1"/>
    </row>
    <row r="1311" spans="1:31" ht="14.45">
      <c r="A1311" s="11"/>
      <c r="B1311" s="20"/>
      <c r="C1311" s="2" t="s">
        <v>4354</v>
      </c>
      <c r="D1311" s="14" t="s">
        <v>4355</v>
      </c>
      <c r="E1311" s="2" t="s">
        <v>4356</v>
      </c>
      <c r="F1311" s="2" t="s">
        <v>1739</v>
      </c>
      <c r="G1311" s="8">
        <v>186</v>
      </c>
      <c r="H1311" s="5">
        <v>6</v>
      </c>
      <c r="I1311" s="5" t="s">
        <v>1518</v>
      </c>
      <c r="J1311" s="5" t="s">
        <v>1519</v>
      </c>
      <c r="K1311" s="2" t="s">
        <v>1520</v>
      </c>
      <c r="L1311" s="5" t="s">
        <v>1519</v>
      </c>
      <c r="M1311" s="2" t="s">
        <v>1520</v>
      </c>
      <c r="N1311" s="5" t="s">
        <v>1521</v>
      </c>
      <c r="O1311" s="5" t="s">
        <v>38</v>
      </c>
      <c r="P1311" s="5" t="s">
        <v>39</v>
      </c>
      <c r="Q1311" s="5" t="s">
        <v>40</v>
      </c>
      <c r="R1311" s="5" t="s">
        <v>1522</v>
      </c>
      <c r="S1311" s="5" t="s">
        <v>1523</v>
      </c>
      <c r="T1311" s="5" t="s">
        <v>42</v>
      </c>
      <c r="U1311" s="2">
        <v>2.6669999999999998</v>
      </c>
      <c r="V1311" s="2">
        <v>2.0150000000000001</v>
      </c>
      <c r="W1311" s="2">
        <v>0.02</v>
      </c>
      <c r="X1311" s="2">
        <v>159.1</v>
      </c>
      <c r="Y1311" s="2">
        <v>7.6</v>
      </c>
      <c r="Z1311" s="2">
        <v>16.7</v>
      </c>
      <c r="AA1311" s="5"/>
      <c r="AB1311" s="5" t="s">
        <v>43</v>
      </c>
      <c r="AC1311" s="5" t="s">
        <v>44</v>
      </c>
      <c r="AD1311" s="2"/>
      <c r="AE1311" s="1"/>
    </row>
    <row r="1312" spans="1:31" ht="14.45">
      <c r="A1312" s="11"/>
      <c r="B1312" s="20"/>
      <c r="C1312" s="2" t="s">
        <v>4357</v>
      </c>
      <c r="D1312" s="14" t="s">
        <v>4358</v>
      </c>
      <c r="E1312" s="2" t="s">
        <v>4359</v>
      </c>
      <c r="F1312" s="2" t="s">
        <v>1743</v>
      </c>
      <c r="G1312" s="8">
        <v>186</v>
      </c>
      <c r="H1312" s="5">
        <v>6</v>
      </c>
      <c r="I1312" s="5" t="s">
        <v>1518</v>
      </c>
      <c r="J1312" s="5" t="s">
        <v>1519</v>
      </c>
      <c r="K1312" s="2" t="s">
        <v>1520</v>
      </c>
      <c r="L1312" s="5" t="s">
        <v>1519</v>
      </c>
      <c r="M1312" s="2" t="s">
        <v>1520</v>
      </c>
      <c r="N1312" s="5" t="s">
        <v>1521</v>
      </c>
      <c r="O1312" s="5" t="s">
        <v>38</v>
      </c>
      <c r="P1312" s="5" t="s">
        <v>39</v>
      </c>
      <c r="Q1312" s="5" t="s">
        <v>40</v>
      </c>
      <c r="R1312" s="5" t="s">
        <v>1522</v>
      </c>
      <c r="S1312" s="5" t="s">
        <v>1523</v>
      </c>
      <c r="T1312" s="5" t="s">
        <v>42</v>
      </c>
      <c r="U1312" s="2">
        <v>2.5880000000000001</v>
      </c>
      <c r="V1312" s="2">
        <v>1.9359999999999999</v>
      </c>
      <c r="W1312" s="2">
        <v>0.02</v>
      </c>
      <c r="X1312" s="2">
        <v>159.1</v>
      </c>
      <c r="Y1312" s="2">
        <v>7.6</v>
      </c>
      <c r="Z1312" s="2">
        <v>16.7</v>
      </c>
      <c r="AA1312" s="5"/>
      <c r="AB1312" s="5" t="s">
        <v>43</v>
      </c>
      <c r="AC1312" s="5" t="s">
        <v>44</v>
      </c>
      <c r="AD1312" s="2"/>
      <c r="AE1312" s="1"/>
    </row>
    <row r="1313" spans="1:31" ht="14.45">
      <c r="A1313" s="11"/>
      <c r="B1313" s="20"/>
      <c r="C1313" s="2" t="s">
        <v>4360</v>
      </c>
      <c r="D1313" s="14" t="s">
        <v>4361</v>
      </c>
      <c r="E1313" s="2" t="s">
        <v>4362</v>
      </c>
      <c r="F1313" s="2" t="s">
        <v>1747</v>
      </c>
      <c r="G1313" s="8">
        <v>186</v>
      </c>
      <c r="H1313" s="5">
        <v>6</v>
      </c>
      <c r="I1313" s="5" t="s">
        <v>1518</v>
      </c>
      <c r="J1313" s="5" t="s">
        <v>1519</v>
      </c>
      <c r="K1313" s="2" t="s">
        <v>1520</v>
      </c>
      <c r="L1313" s="5" t="s">
        <v>1519</v>
      </c>
      <c r="M1313" s="2" t="s">
        <v>1520</v>
      </c>
      <c r="N1313" s="5" t="s">
        <v>1521</v>
      </c>
      <c r="O1313" s="5" t="s">
        <v>38</v>
      </c>
      <c r="P1313" s="5" t="s">
        <v>39</v>
      </c>
      <c r="Q1313" s="5" t="s">
        <v>40</v>
      </c>
      <c r="R1313" s="5" t="s">
        <v>1522</v>
      </c>
      <c r="S1313" s="5" t="s">
        <v>1523</v>
      </c>
      <c r="T1313" s="5" t="s">
        <v>42</v>
      </c>
      <c r="U1313" s="2">
        <v>2.64</v>
      </c>
      <c r="V1313" s="2">
        <v>1.988</v>
      </c>
      <c r="W1313" s="2">
        <v>0.02</v>
      </c>
      <c r="X1313" s="2">
        <v>159.1</v>
      </c>
      <c r="Y1313" s="2">
        <v>7.6</v>
      </c>
      <c r="Z1313" s="2">
        <v>16.7</v>
      </c>
      <c r="AA1313" s="5"/>
      <c r="AB1313" s="5" t="s">
        <v>43</v>
      </c>
      <c r="AC1313" s="5" t="s">
        <v>44</v>
      </c>
      <c r="AD1313" s="2"/>
      <c r="AE1313" s="1"/>
    </row>
    <row r="1314" spans="1:31" ht="14.45">
      <c r="A1314" s="11"/>
      <c r="B1314" s="20"/>
      <c r="C1314" s="2" t="s">
        <v>4363</v>
      </c>
      <c r="D1314" s="14" t="s">
        <v>4364</v>
      </c>
      <c r="E1314" s="2" t="s">
        <v>4365</v>
      </c>
      <c r="F1314" s="2" t="s">
        <v>1751</v>
      </c>
      <c r="G1314" s="8">
        <v>186</v>
      </c>
      <c r="H1314" s="5">
        <v>6</v>
      </c>
      <c r="I1314" s="5" t="s">
        <v>1518</v>
      </c>
      <c r="J1314" s="5" t="s">
        <v>1519</v>
      </c>
      <c r="K1314" s="2" t="s">
        <v>1520</v>
      </c>
      <c r="L1314" s="5" t="s">
        <v>1519</v>
      </c>
      <c r="M1314" s="2" t="s">
        <v>1520</v>
      </c>
      <c r="N1314" s="5" t="s">
        <v>1521</v>
      </c>
      <c r="O1314" s="5" t="s">
        <v>38</v>
      </c>
      <c r="P1314" s="5" t="s">
        <v>39</v>
      </c>
      <c r="Q1314" s="5" t="s">
        <v>40</v>
      </c>
      <c r="R1314" s="5" t="s">
        <v>1522</v>
      </c>
      <c r="S1314" s="5" t="s">
        <v>1523</v>
      </c>
      <c r="T1314" s="5" t="s">
        <v>42</v>
      </c>
      <c r="U1314" s="2">
        <v>2.5880000000000001</v>
      </c>
      <c r="V1314" s="2">
        <v>1.9359999999999999</v>
      </c>
      <c r="W1314" s="2">
        <v>0.02</v>
      </c>
      <c r="X1314" s="2">
        <v>159.1</v>
      </c>
      <c r="Y1314" s="2">
        <v>7.6</v>
      </c>
      <c r="Z1314" s="2">
        <v>16.7</v>
      </c>
      <c r="AA1314" s="5"/>
      <c r="AB1314" s="5" t="s">
        <v>43</v>
      </c>
      <c r="AC1314" s="5" t="s">
        <v>44</v>
      </c>
      <c r="AD1314" s="2"/>
      <c r="AE1314" s="1"/>
    </row>
    <row r="1315" spans="1:31" ht="14.45">
      <c r="A1315" s="11"/>
      <c r="B1315" s="20"/>
      <c r="C1315" s="2" t="s">
        <v>4366</v>
      </c>
      <c r="D1315" s="14" t="s">
        <v>4367</v>
      </c>
      <c r="E1315" s="2" t="s">
        <v>4368</v>
      </c>
      <c r="F1315" s="2" t="s">
        <v>1755</v>
      </c>
      <c r="G1315" s="8">
        <v>186</v>
      </c>
      <c r="H1315" s="5">
        <v>6</v>
      </c>
      <c r="I1315" s="5" t="s">
        <v>1518</v>
      </c>
      <c r="J1315" s="5" t="s">
        <v>1519</v>
      </c>
      <c r="K1315" s="2" t="s">
        <v>1520</v>
      </c>
      <c r="L1315" s="5" t="s">
        <v>1519</v>
      </c>
      <c r="M1315" s="2" t="s">
        <v>1520</v>
      </c>
      <c r="N1315" s="5" t="s">
        <v>1521</v>
      </c>
      <c r="O1315" s="5" t="s">
        <v>38</v>
      </c>
      <c r="P1315" s="5" t="s">
        <v>39</v>
      </c>
      <c r="Q1315" s="5" t="s">
        <v>40</v>
      </c>
      <c r="R1315" s="5" t="s">
        <v>1522</v>
      </c>
      <c r="S1315" s="5" t="s">
        <v>1523</v>
      </c>
      <c r="T1315" s="5" t="s">
        <v>42</v>
      </c>
      <c r="U1315" s="2">
        <v>2.64</v>
      </c>
      <c r="V1315" s="2">
        <v>1.988</v>
      </c>
      <c r="W1315" s="2">
        <v>0.02</v>
      </c>
      <c r="X1315" s="2">
        <v>159.1</v>
      </c>
      <c r="Y1315" s="2">
        <v>7.6</v>
      </c>
      <c r="Z1315" s="2">
        <v>16.7</v>
      </c>
      <c r="AA1315" s="5"/>
      <c r="AB1315" s="5" t="s">
        <v>43</v>
      </c>
      <c r="AC1315" s="5" t="s">
        <v>44</v>
      </c>
      <c r="AD1315" s="2"/>
      <c r="AE1315" s="1"/>
    </row>
    <row r="1316" spans="1:31" ht="14.45">
      <c r="A1316" s="11"/>
      <c r="B1316" s="20"/>
      <c r="C1316" s="2" t="s">
        <v>4369</v>
      </c>
      <c r="D1316" s="14" t="s">
        <v>4370</v>
      </c>
      <c r="E1316" s="2" t="s">
        <v>4371</v>
      </c>
      <c r="F1316" s="2" t="s">
        <v>1759</v>
      </c>
      <c r="G1316" s="8">
        <v>186</v>
      </c>
      <c r="H1316" s="5">
        <v>6</v>
      </c>
      <c r="I1316" s="5" t="s">
        <v>1518</v>
      </c>
      <c r="J1316" s="5" t="s">
        <v>1519</v>
      </c>
      <c r="K1316" s="2" t="s">
        <v>1520</v>
      </c>
      <c r="L1316" s="5" t="s">
        <v>1519</v>
      </c>
      <c r="M1316" s="2" t="s">
        <v>1520</v>
      </c>
      <c r="N1316" s="5" t="s">
        <v>1521</v>
      </c>
      <c r="O1316" s="5" t="s">
        <v>38</v>
      </c>
      <c r="P1316" s="5" t="s">
        <v>39</v>
      </c>
      <c r="Q1316" s="5" t="s">
        <v>40</v>
      </c>
      <c r="R1316" s="5" t="s">
        <v>1522</v>
      </c>
      <c r="S1316" s="5" t="s">
        <v>1523</v>
      </c>
      <c r="T1316" s="5" t="s">
        <v>42</v>
      </c>
      <c r="U1316" s="2">
        <v>2.6150000000000002</v>
      </c>
      <c r="V1316" s="2">
        <v>1.9630000000000001</v>
      </c>
      <c r="W1316" s="2">
        <v>0.02</v>
      </c>
      <c r="X1316" s="2">
        <v>159.1</v>
      </c>
      <c r="Y1316" s="2">
        <v>7.6</v>
      </c>
      <c r="Z1316" s="2">
        <v>16.7</v>
      </c>
      <c r="AA1316" s="5"/>
      <c r="AB1316" s="5" t="s">
        <v>43</v>
      </c>
      <c r="AC1316" s="5" t="s">
        <v>44</v>
      </c>
      <c r="AD1316" s="2"/>
      <c r="AE1316" s="1"/>
    </row>
    <row r="1317" spans="1:31" ht="14.45">
      <c r="A1317" s="11"/>
      <c r="B1317" s="20"/>
      <c r="C1317" s="2" t="s">
        <v>4372</v>
      </c>
      <c r="D1317" s="14" t="s">
        <v>4373</v>
      </c>
      <c r="E1317" s="2" t="s">
        <v>4374</v>
      </c>
      <c r="F1317" s="2" t="s">
        <v>1763</v>
      </c>
      <c r="G1317" s="8">
        <v>186</v>
      </c>
      <c r="H1317" s="5">
        <v>6</v>
      </c>
      <c r="I1317" s="5" t="s">
        <v>1518</v>
      </c>
      <c r="J1317" s="5" t="s">
        <v>1519</v>
      </c>
      <c r="K1317" s="2" t="s">
        <v>1520</v>
      </c>
      <c r="L1317" s="5" t="s">
        <v>1519</v>
      </c>
      <c r="M1317" s="2" t="s">
        <v>1520</v>
      </c>
      <c r="N1317" s="5" t="s">
        <v>1521</v>
      </c>
      <c r="O1317" s="5" t="s">
        <v>38</v>
      </c>
      <c r="P1317" s="5" t="s">
        <v>39</v>
      </c>
      <c r="Q1317" s="5" t="s">
        <v>40</v>
      </c>
      <c r="R1317" s="5" t="s">
        <v>1522</v>
      </c>
      <c r="S1317" s="5" t="s">
        <v>1523</v>
      </c>
      <c r="T1317" s="5" t="s">
        <v>42</v>
      </c>
      <c r="U1317" s="2">
        <v>2.6669999999999998</v>
      </c>
      <c r="V1317" s="2">
        <v>2.0150000000000001</v>
      </c>
      <c r="W1317" s="2">
        <v>0.02</v>
      </c>
      <c r="X1317" s="2">
        <v>159.1</v>
      </c>
      <c r="Y1317" s="2">
        <v>7.6</v>
      </c>
      <c r="Z1317" s="2">
        <v>16.7</v>
      </c>
      <c r="AA1317" s="5"/>
      <c r="AB1317" s="5" t="s">
        <v>43</v>
      </c>
      <c r="AC1317" s="5" t="s">
        <v>44</v>
      </c>
      <c r="AD1317" s="2"/>
      <c r="AE1317" s="1"/>
    </row>
    <row r="1318" spans="1:31" ht="14.45">
      <c r="A1318" s="11"/>
      <c r="B1318" s="20"/>
      <c r="C1318" s="2" t="s">
        <v>4375</v>
      </c>
      <c r="D1318" s="14" t="s">
        <v>4376</v>
      </c>
      <c r="E1318" s="2" t="s">
        <v>4377</v>
      </c>
      <c r="F1318" s="2" t="s">
        <v>1767</v>
      </c>
      <c r="G1318" s="8">
        <v>186</v>
      </c>
      <c r="H1318" s="5">
        <v>6</v>
      </c>
      <c r="I1318" s="5" t="s">
        <v>1518</v>
      </c>
      <c r="J1318" s="5" t="s">
        <v>1519</v>
      </c>
      <c r="K1318" s="2" t="s">
        <v>1520</v>
      </c>
      <c r="L1318" s="5" t="s">
        <v>1519</v>
      </c>
      <c r="M1318" s="2" t="s">
        <v>1520</v>
      </c>
      <c r="N1318" s="5" t="s">
        <v>1521</v>
      </c>
      <c r="O1318" s="5" t="s">
        <v>38</v>
      </c>
      <c r="P1318" s="5" t="s">
        <v>39</v>
      </c>
      <c r="Q1318" s="5" t="s">
        <v>40</v>
      </c>
      <c r="R1318" s="5" t="s">
        <v>1522</v>
      </c>
      <c r="S1318" s="5" t="s">
        <v>1523</v>
      </c>
      <c r="T1318" s="5" t="s">
        <v>42</v>
      </c>
      <c r="U1318" s="2">
        <v>2.6150000000000002</v>
      </c>
      <c r="V1318" s="2">
        <v>1.9630000000000001</v>
      </c>
      <c r="W1318" s="2">
        <v>0.02</v>
      </c>
      <c r="X1318" s="2">
        <v>159.1</v>
      </c>
      <c r="Y1318" s="2">
        <v>7.6</v>
      </c>
      <c r="Z1318" s="2">
        <v>16.7</v>
      </c>
      <c r="AA1318" s="5"/>
      <c r="AB1318" s="5" t="s">
        <v>43</v>
      </c>
      <c r="AC1318" s="5" t="s">
        <v>44</v>
      </c>
      <c r="AD1318" s="2"/>
      <c r="AE1318" s="1"/>
    </row>
    <row r="1319" spans="1:31" ht="14.45">
      <c r="A1319" s="11"/>
      <c r="B1319" s="20"/>
      <c r="C1319" s="2" t="s">
        <v>4378</v>
      </c>
      <c r="D1319" s="14" t="s">
        <v>4379</v>
      </c>
      <c r="E1319" s="2" t="s">
        <v>4380</v>
      </c>
      <c r="F1319" s="2" t="s">
        <v>1771</v>
      </c>
      <c r="G1319" s="8">
        <v>186</v>
      </c>
      <c r="H1319" s="5">
        <v>6</v>
      </c>
      <c r="I1319" s="5" t="s">
        <v>1518</v>
      </c>
      <c r="J1319" s="5" t="s">
        <v>1519</v>
      </c>
      <c r="K1319" s="2" t="s">
        <v>1520</v>
      </c>
      <c r="L1319" s="5" t="s">
        <v>1519</v>
      </c>
      <c r="M1319" s="2" t="s">
        <v>1520</v>
      </c>
      <c r="N1319" s="5" t="s">
        <v>1521</v>
      </c>
      <c r="O1319" s="5" t="s">
        <v>38</v>
      </c>
      <c r="P1319" s="5" t="s">
        <v>39</v>
      </c>
      <c r="Q1319" s="5" t="s">
        <v>40</v>
      </c>
      <c r="R1319" s="5" t="s">
        <v>1522</v>
      </c>
      <c r="S1319" s="5" t="s">
        <v>1523</v>
      </c>
      <c r="T1319" s="5" t="s">
        <v>42</v>
      </c>
      <c r="U1319" s="2">
        <v>2.6669999999999998</v>
      </c>
      <c r="V1319" s="2">
        <v>2.0150000000000001</v>
      </c>
      <c r="W1319" s="2">
        <v>0.02</v>
      </c>
      <c r="X1319" s="2">
        <v>159.1</v>
      </c>
      <c r="Y1319" s="2">
        <v>7.6</v>
      </c>
      <c r="Z1319" s="2">
        <v>16.7</v>
      </c>
      <c r="AA1319" s="5"/>
      <c r="AB1319" s="5" t="s">
        <v>43</v>
      </c>
      <c r="AC1319" s="5" t="s">
        <v>44</v>
      </c>
      <c r="AD1319" s="2"/>
      <c r="AE1319" s="1"/>
    </row>
    <row r="1320" spans="1:31" ht="14.45">
      <c r="A1320" s="11"/>
      <c r="B1320" s="20"/>
      <c r="C1320" s="2" t="s">
        <v>4381</v>
      </c>
      <c r="D1320" s="14" t="s">
        <v>4382</v>
      </c>
      <c r="E1320" s="2" t="s">
        <v>4383</v>
      </c>
      <c r="F1320" s="2" t="s">
        <v>1775</v>
      </c>
      <c r="G1320" s="8">
        <v>186</v>
      </c>
      <c r="H1320" s="5">
        <v>6</v>
      </c>
      <c r="I1320" s="5" t="s">
        <v>1518</v>
      </c>
      <c r="J1320" s="5" t="s">
        <v>1519</v>
      </c>
      <c r="K1320" s="2" t="s">
        <v>1520</v>
      </c>
      <c r="L1320" s="5" t="s">
        <v>1519</v>
      </c>
      <c r="M1320" s="2" t="s">
        <v>1520</v>
      </c>
      <c r="N1320" s="5" t="s">
        <v>1521</v>
      </c>
      <c r="O1320" s="5" t="s">
        <v>38</v>
      </c>
      <c r="P1320" s="5" t="s">
        <v>39</v>
      </c>
      <c r="Q1320" s="5" t="s">
        <v>40</v>
      </c>
      <c r="R1320" s="5" t="s">
        <v>1522</v>
      </c>
      <c r="S1320" s="5" t="s">
        <v>1523</v>
      </c>
      <c r="T1320" s="5" t="s">
        <v>42</v>
      </c>
      <c r="U1320" s="2">
        <v>2.6150000000000002</v>
      </c>
      <c r="V1320" s="2">
        <v>1.9630000000000001</v>
      </c>
      <c r="W1320" s="2">
        <v>0.02</v>
      </c>
      <c r="X1320" s="2">
        <v>159.1</v>
      </c>
      <c r="Y1320" s="2">
        <v>7.6</v>
      </c>
      <c r="Z1320" s="2">
        <v>16.7</v>
      </c>
      <c r="AA1320" s="5"/>
      <c r="AB1320" s="5" t="s">
        <v>43</v>
      </c>
      <c r="AC1320" s="5" t="s">
        <v>44</v>
      </c>
      <c r="AD1320" s="2"/>
      <c r="AE1320" s="1"/>
    </row>
    <row r="1321" spans="1:31" ht="14.45">
      <c r="A1321" s="11"/>
      <c r="B1321" s="20"/>
      <c r="C1321" s="2" t="s">
        <v>4384</v>
      </c>
      <c r="D1321" s="14" t="s">
        <v>4385</v>
      </c>
      <c r="E1321" s="2" t="s">
        <v>4386</v>
      </c>
      <c r="F1321" s="2" t="s">
        <v>1779</v>
      </c>
      <c r="G1321" s="8">
        <v>186</v>
      </c>
      <c r="H1321" s="5">
        <v>6</v>
      </c>
      <c r="I1321" s="5" t="s">
        <v>1518</v>
      </c>
      <c r="J1321" s="5" t="s">
        <v>1519</v>
      </c>
      <c r="K1321" s="2" t="s">
        <v>1520</v>
      </c>
      <c r="L1321" s="5" t="s">
        <v>1519</v>
      </c>
      <c r="M1321" s="2" t="s">
        <v>1520</v>
      </c>
      <c r="N1321" s="5" t="s">
        <v>1521</v>
      </c>
      <c r="O1321" s="5" t="s">
        <v>38</v>
      </c>
      <c r="P1321" s="5" t="s">
        <v>39</v>
      </c>
      <c r="Q1321" s="5" t="s">
        <v>40</v>
      </c>
      <c r="R1321" s="5" t="s">
        <v>1522</v>
      </c>
      <c r="S1321" s="5" t="s">
        <v>1523</v>
      </c>
      <c r="T1321" s="5" t="s">
        <v>42</v>
      </c>
      <c r="U1321" s="2">
        <v>2.6669999999999998</v>
      </c>
      <c r="V1321" s="2">
        <v>2.0150000000000001</v>
      </c>
      <c r="W1321" s="2">
        <v>0.02</v>
      </c>
      <c r="X1321" s="2">
        <v>159.1</v>
      </c>
      <c r="Y1321" s="2">
        <v>7.6</v>
      </c>
      <c r="Z1321" s="2">
        <v>16.7</v>
      </c>
      <c r="AA1321" s="5"/>
      <c r="AB1321" s="5" t="s">
        <v>43</v>
      </c>
      <c r="AC1321" s="5" t="s">
        <v>44</v>
      </c>
      <c r="AD1321" s="2"/>
      <c r="AE1321" s="1"/>
    </row>
    <row r="1322" spans="1:31" ht="14.45">
      <c r="A1322" s="11"/>
      <c r="B1322" s="20"/>
      <c r="C1322" s="2" t="s">
        <v>4387</v>
      </c>
      <c r="D1322" s="14" t="s">
        <v>4388</v>
      </c>
      <c r="E1322" s="2" t="s">
        <v>4389</v>
      </c>
      <c r="F1322" s="2" t="s">
        <v>1783</v>
      </c>
      <c r="G1322" s="8">
        <v>186</v>
      </c>
      <c r="H1322" s="5">
        <v>6</v>
      </c>
      <c r="I1322" s="5" t="s">
        <v>1518</v>
      </c>
      <c r="J1322" s="5" t="s">
        <v>1519</v>
      </c>
      <c r="K1322" s="2" t="s">
        <v>1520</v>
      </c>
      <c r="L1322" s="5" t="s">
        <v>1519</v>
      </c>
      <c r="M1322" s="2" t="s">
        <v>1520</v>
      </c>
      <c r="N1322" s="5" t="s">
        <v>1521</v>
      </c>
      <c r="O1322" s="5" t="s">
        <v>38</v>
      </c>
      <c r="P1322" s="5" t="s">
        <v>39</v>
      </c>
      <c r="Q1322" s="5" t="s">
        <v>40</v>
      </c>
      <c r="R1322" s="5" t="s">
        <v>1522</v>
      </c>
      <c r="S1322" s="5" t="s">
        <v>1523</v>
      </c>
      <c r="T1322" s="5" t="s">
        <v>42</v>
      </c>
      <c r="U1322" s="2">
        <v>2.5880000000000001</v>
      </c>
      <c r="V1322" s="2">
        <v>1.9359999999999999</v>
      </c>
      <c r="W1322" s="2">
        <v>0.02</v>
      </c>
      <c r="X1322" s="2">
        <v>159.1</v>
      </c>
      <c r="Y1322" s="2">
        <v>7.6</v>
      </c>
      <c r="Z1322" s="2">
        <v>16.7</v>
      </c>
      <c r="AA1322" s="5"/>
      <c r="AB1322" s="5" t="s">
        <v>43</v>
      </c>
      <c r="AC1322" s="5" t="s">
        <v>44</v>
      </c>
      <c r="AD1322" s="2"/>
      <c r="AE1322" s="1"/>
    </row>
    <row r="1323" spans="1:31" ht="14.45">
      <c r="A1323" s="11"/>
      <c r="B1323" s="20"/>
      <c r="C1323" s="2" t="s">
        <v>4390</v>
      </c>
      <c r="D1323" s="14" t="s">
        <v>4391</v>
      </c>
      <c r="E1323" s="2" t="s">
        <v>4392</v>
      </c>
      <c r="F1323" s="2" t="s">
        <v>1787</v>
      </c>
      <c r="G1323" s="8">
        <v>186</v>
      </c>
      <c r="H1323" s="5">
        <v>6</v>
      </c>
      <c r="I1323" s="5" t="s">
        <v>1518</v>
      </c>
      <c r="J1323" s="5" t="s">
        <v>1519</v>
      </c>
      <c r="K1323" s="2" t="s">
        <v>1520</v>
      </c>
      <c r="L1323" s="5" t="s">
        <v>1519</v>
      </c>
      <c r="M1323" s="2" t="s">
        <v>1520</v>
      </c>
      <c r="N1323" s="5" t="s">
        <v>1521</v>
      </c>
      <c r="O1323" s="5" t="s">
        <v>38</v>
      </c>
      <c r="P1323" s="5" t="s">
        <v>39</v>
      </c>
      <c r="Q1323" s="5" t="s">
        <v>40</v>
      </c>
      <c r="R1323" s="5" t="s">
        <v>1522</v>
      </c>
      <c r="S1323" s="5" t="s">
        <v>1523</v>
      </c>
      <c r="T1323" s="5" t="s">
        <v>42</v>
      </c>
      <c r="U1323" s="2">
        <v>2.64</v>
      </c>
      <c r="V1323" s="2">
        <v>1.988</v>
      </c>
      <c r="W1323" s="2">
        <v>0.02</v>
      </c>
      <c r="X1323" s="2">
        <v>159.1</v>
      </c>
      <c r="Y1323" s="2">
        <v>7.6</v>
      </c>
      <c r="Z1323" s="2">
        <v>16.7</v>
      </c>
      <c r="AA1323" s="5"/>
      <c r="AB1323" s="5" t="s">
        <v>43</v>
      </c>
      <c r="AC1323" s="5" t="s">
        <v>44</v>
      </c>
      <c r="AD1323" s="2"/>
      <c r="AE1323" s="1"/>
    </row>
    <row r="1324" spans="1:31" ht="14.45">
      <c r="A1324" s="11"/>
      <c r="B1324" s="20"/>
      <c r="C1324" s="2" t="s">
        <v>4393</v>
      </c>
      <c r="D1324" s="14" t="s">
        <v>4394</v>
      </c>
      <c r="E1324" s="2" t="s">
        <v>4395</v>
      </c>
      <c r="F1324" s="2" t="s">
        <v>1791</v>
      </c>
      <c r="G1324" s="8">
        <v>186</v>
      </c>
      <c r="H1324" s="5">
        <v>6</v>
      </c>
      <c r="I1324" s="5" t="s">
        <v>1518</v>
      </c>
      <c r="J1324" s="5" t="s">
        <v>1519</v>
      </c>
      <c r="K1324" s="2" t="s">
        <v>1520</v>
      </c>
      <c r="L1324" s="5" t="s">
        <v>1519</v>
      </c>
      <c r="M1324" s="2" t="s">
        <v>1520</v>
      </c>
      <c r="N1324" s="5" t="s">
        <v>1521</v>
      </c>
      <c r="O1324" s="5" t="s">
        <v>38</v>
      </c>
      <c r="P1324" s="5" t="s">
        <v>39</v>
      </c>
      <c r="Q1324" s="5" t="s">
        <v>40</v>
      </c>
      <c r="R1324" s="5" t="s">
        <v>1522</v>
      </c>
      <c r="S1324" s="5" t="s">
        <v>1523</v>
      </c>
      <c r="T1324" s="5" t="s">
        <v>42</v>
      </c>
      <c r="U1324" s="2">
        <v>2.6150000000000002</v>
      </c>
      <c r="V1324" s="2">
        <v>1.9630000000000001</v>
      </c>
      <c r="W1324" s="2">
        <v>0.02</v>
      </c>
      <c r="X1324" s="2">
        <v>159.1</v>
      </c>
      <c r="Y1324" s="2">
        <v>7.6</v>
      </c>
      <c r="Z1324" s="2">
        <v>16.7</v>
      </c>
      <c r="AA1324" s="5"/>
      <c r="AB1324" s="5" t="s">
        <v>43</v>
      </c>
      <c r="AC1324" s="5" t="s">
        <v>44</v>
      </c>
      <c r="AD1324" s="2"/>
      <c r="AE1324" s="1"/>
    </row>
    <row r="1325" spans="1:31" ht="14.45">
      <c r="A1325" s="11"/>
      <c r="B1325" s="20"/>
      <c r="C1325" s="2" t="s">
        <v>4396</v>
      </c>
      <c r="D1325" s="14" t="s">
        <v>4397</v>
      </c>
      <c r="E1325" s="2" t="s">
        <v>4398</v>
      </c>
      <c r="F1325" s="2" t="s">
        <v>1795</v>
      </c>
      <c r="G1325" s="8">
        <v>186</v>
      </c>
      <c r="H1325" s="5">
        <v>6</v>
      </c>
      <c r="I1325" s="5" t="s">
        <v>1518</v>
      </c>
      <c r="J1325" s="5" t="s">
        <v>1519</v>
      </c>
      <c r="K1325" s="2" t="s">
        <v>1520</v>
      </c>
      <c r="L1325" s="5" t="s">
        <v>1519</v>
      </c>
      <c r="M1325" s="2" t="s">
        <v>1520</v>
      </c>
      <c r="N1325" s="5" t="s">
        <v>1521</v>
      </c>
      <c r="O1325" s="5" t="s">
        <v>38</v>
      </c>
      <c r="P1325" s="5" t="s">
        <v>39</v>
      </c>
      <c r="Q1325" s="5" t="s">
        <v>40</v>
      </c>
      <c r="R1325" s="5" t="s">
        <v>1522</v>
      </c>
      <c r="S1325" s="5" t="s">
        <v>1523</v>
      </c>
      <c r="T1325" s="5" t="s">
        <v>42</v>
      </c>
      <c r="U1325" s="2">
        <v>2.6669999999999998</v>
      </c>
      <c r="V1325" s="2">
        <v>2.0150000000000001</v>
      </c>
      <c r="W1325" s="2">
        <v>0.02</v>
      </c>
      <c r="X1325" s="2">
        <v>159.1</v>
      </c>
      <c r="Y1325" s="2">
        <v>7.6</v>
      </c>
      <c r="Z1325" s="2">
        <v>16.7</v>
      </c>
      <c r="AA1325" s="5"/>
      <c r="AB1325" s="5" t="s">
        <v>43</v>
      </c>
      <c r="AC1325" s="5" t="s">
        <v>44</v>
      </c>
      <c r="AD1325" s="2"/>
      <c r="AE1325" s="1"/>
    </row>
    <row r="1326" spans="1:31" ht="14.45">
      <c r="A1326" s="11"/>
      <c r="B1326" s="20"/>
      <c r="C1326" s="2" t="s">
        <v>4399</v>
      </c>
      <c r="D1326" s="14" t="s">
        <v>4400</v>
      </c>
      <c r="E1326" s="2" t="s">
        <v>4401</v>
      </c>
      <c r="F1326" s="2" t="s">
        <v>1799</v>
      </c>
      <c r="G1326" s="8">
        <v>186</v>
      </c>
      <c r="H1326" s="5">
        <v>6</v>
      </c>
      <c r="I1326" s="5" t="s">
        <v>1518</v>
      </c>
      <c r="J1326" s="5" t="s">
        <v>1519</v>
      </c>
      <c r="K1326" s="2" t="s">
        <v>1520</v>
      </c>
      <c r="L1326" s="5" t="s">
        <v>1519</v>
      </c>
      <c r="M1326" s="2" t="s">
        <v>1520</v>
      </c>
      <c r="N1326" s="5" t="s">
        <v>1521</v>
      </c>
      <c r="O1326" s="5" t="s">
        <v>38</v>
      </c>
      <c r="P1326" s="5" t="s">
        <v>39</v>
      </c>
      <c r="Q1326" s="5" t="s">
        <v>40</v>
      </c>
      <c r="R1326" s="5" t="s">
        <v>1522</v>
      </c>
      <c r="S1326" s="5" t="s">
        <v>1523</v>
      </c>
      <c r="T1326" s="5" t="s">
        <v>42</v>
      </c>
      <c r="U1326" s="2">
        <v>2.6150000000000002</v>
      </c>
      <c r="V1326" s="2">
        <v>1.9630000000000001</v>
      </c>
      <c r="W1326" s="2">
        <v>0.02</v>
      </c>
      <c r="X1326" s="2">
        <v>159.1</v>
      </c>
      <c r="Y1326" s="2">
        <v>7.6</v>
      </c>
      <c r="Z1326" s="2">
        <v>16.7</v>
      </c>
      <c r="AA1326" s="5"/>
      <c r="AB1326" s="5" t="s">
        <v>43</v>
      </c>
      <c r="AC1326" s="5" t="s">
        <v>44</v>
      </c>
      <c r="AD1326" s="2"/>
      <c r="AE1326" s="1"/>
    </row>
    <row r="1327" spans="1:31" ht="14.45">
      <c r="A1327" s="11"/>
      <c r="B1327" s="20"/>
      <c r="C1327" s="2" t="s">
        <v>4402</v>
      </c>
      <c r="D1327" s="14" t="s">
        <v>4403</v>
      </c>
      <c r="E1327" s="2" t="s">
        <v>4404</v>
      </c>
      <c r="F1327" s="2" t="s">
        <v>1803</v>
      </c>
      <c r="G1327" s="8">
        <v>186</v>
      </c>
      <c r="H1327" s="5">
        <v>6</v>
      </c>
      <c r="I1327" s="5" t="s">
        <v>1518</v>
      </c>
      <c r="J1327" s="5" t="s">
        <v>1519</v>
      </c>
      <c r="K1327" s="2" t="s">
        <v>1520</v>
      </c>
      <c r="L1327" s="5" t="s">
        <v>1519</v>
      </c>
      <c r="M1327" s="2" t="s">
        <v>1520</v>
      </c>
      <c r="N1327" s="5" t="s">
        <v>1521</v>
      </c>
      <c r="O1327" s="5" t="s">
        <v>38</v>
      </c>
      <c r="P1327" s="5" t="s">
        <v>39</v>
      </c>
      <c r="Q1327" s="5" t="s">
        <v>40</v>
      </c>
      <c r="R1327" s="5" t="s">
        <v>1522</v>
      </c>
      <c r="S1327" s="5" t="s">
        <v>1523</v>
      </c>
      <c r="T1327" s="5" t="s">
        <v>42</v>
      </c>
      <c r="U1327" s="2">
        <v>2.6669999999999998</v>
      </c>
      <c r="V1327" s="2">
        <v>2.0150000000000001</v>
      </c>
      <c r="W1327" s="2">
        <v>0.02</v>
      </c>
      <c r="X1327" s="2">
        <v>159.1</v>
      </c>
      <c r="Y1327" s="2">
        <v>7.6</v>
      </c>
      <c r="Z1327" s="2">
        <v>16.7</v>
      </c>
      <c r="AA1327" s="5"/>
      <c r="AB1327" s="5" t="s">
        <v>43</v>
      </c>
      <c r="AC1327" s="5" t="s">
        <v>44</v>
      </c>
      <c r="AD1327" s="2"/>
      <c r="AE1327" s="1"/>
    </row>
    <row r="1328" spans="1:31" ht="14.45">
      <c r="A1328" s="11"/>
      <c r="B1328" s="20"/>
      <c r="C1328" s="2" t="s">
        <v>4405</v>
      </c>
      <c r="D1328" s="14" t="s">
        <v>4406</v>
      </c>
      <c r="E1328" s="2" t="s">
        <v>4407</v>
      </c>
      <c r="F1328" s="2" t="s">
        <v>1807</v>
      </c>
      <c r="G1328" s="8">
        <v>186</v>
      </c>
      <c r="H1328" s="5">
        <v>6</v>
      </c>
      <c r="I1328" s="5" t="s">
        <v>1518</v>
      </c>
      <c r="J1328" s="5" t="s">
        <v>1519</v>
      </c>
      <c r="K1328" s="2" t="s">
        <v>1520</v>
      </c>
      <c r="L1328" s="5" t="s">
        <v>1519</v>
      </c>
      <c r="M1328" s="2" t="s">
        <v>1520</v>
      </c>
      <c r="N1328" s="5" t="s">
        <v>1521</v>
      </c>
      <c r="O1328" s="5" t="s">
        <v>38</v>
      </c>
      <c r="P1328" s="5" t="s">
        <v>39</v>
      </c>
      <c r="Q1328" s="5" t="s">
        <v>40</v>
      </c>
      <c r="R1328" s="5" t="s">
        <v>1522</v>
      </c>
      <c r="S1328" s="5" t="s">
        <v>1523</v>
      </c>
      <c r="T1328" s="5" t="s">
        <v>42</v>
      </c>
      <c r="U1328" s="2">
        <v>2.6150000000000002</v>
      </c>
      <c r="V1328" s="2">
        <v>1.9630000000000001</v>
      </c>
      <c r="W1328" s="2">
        <v>0.02</v>
      </c>
      <c r="X1328" s="2">
        <v>159.1</v>
      </c>
      <c r="Y1328" s="2">
        <v>7.6</v>
      </c>
      <c r="Z1328" s="2">
        <v>16.7</v>
      </c>
      <c r="AA1328" s="5"/>
      <c r="AB1328" s="5" t="s">
        <v>43</v>
      </c>
      <c r="AC1328" s="5" t="s">
        <v>44</v>
      </c>
      <c r="AD1328" s="2"/>
      <c r="AE1328" s="1"/>
    </row>
    <row r="1329" spans="1:31" ht="14.45">
      <c r="A1329" s="11"/>
      <c r="B1329" s="20"/>
      <c r="C1329" s="2" t="s">
        <v>4408</v>
      </c>
      <c r="D1329" s="14" t="s">
        <v>4409</v>
      </c>
      <c r="E1329" s="2" t="s">
        <v>4410</v>
      </c>
      <c r="F1329" s="2" t="s">
        <v>1811</v>
      </c>
      <c r="G1329" s="8">
        <v>186</v>
      </c>
      <c r="H1329" s="5">
        <v>6</v>
      </c>
      <c r="I1329" s="5" t="s">
        <v>1518</v>
      </c>
      <c r="J1329" s="5" t="s">
        <v>1519</v>
      </c>
      <c r="K1329" s="2" t="s">
        <v>1520</v>
      </c>
      <c r="L1329" s="5" t="s">
        <v>1519</v>
      </c>
      <c r="M1329" s="2" t="s">
        <v>1520</v>
      </c>
      <c r="N1329" s="5" t="s">
        <v>1521</v>
      </c>
      <c r="O1329" s="5" t="s">
        <v>38</v>
      </c>
      <c r="P1329" s="5" t="s">
        <v>39</v>
      </c>
      <c r="Q1329" s="5" t="s">
        <v>40</v>
      </c>
      <c r="R1329" s="5" t="s">
        <v>1522</v>
      </c>
      <c r="S1329" s="5" t="s">
        <v>1523</v>
      </c>
      <c r="T1329" s="5" t="s">
        <v>42</v>
      </c>
      <c r="U1329" s="2">
        <v>2.6669999999999998</v>
      </c>
      <c r="V1329" s="2">
        <v>2.0150000000000001</v>
      </c>
      <c r="W1329" s="2">
        <v>0.02</v>
      </c>
      <c r="X1329" s="2">
        <v>159.1</v>
      </c>
      <c r="Y1329" s="2">
        <v>7.6</v>
      </c>
      <c r="Z1329" s="2">
        <v>16.7</v>
      </c>
      <c r="AA1329" s="5"/>
      <c r="AB1329" s="5" t="s">
        <v>43</v>
      </c>
      <c r="AC1329" s="5" t="s">
        <v>44</v>
      </c>
      <c r="AD1329" s="2"/>
      <c r="AE1329" s="1"/>
    </row>
    <row r="1330" spans="1:31" ht="14.45">
      <c r="A1330" s="11"/>
      <c r="B1330" s="20"/>
      <c r="C1330" s="2" t="s">
        <v>4411</v>
      </c>
      <c r="D1330" s="14" t="s">
        <v>4412</v>
      </c>
      <c r="E1330" s="2" t="s">
        <v>4413</v>
      </c>
      <c r="F1330" s="2" t="s">
        <v>1815</v>
      </c>
      <c r="G1330" s="8">
        <v>186</v>
      </c>
      <c r="H1330" s="5">
        <v>6</v>
      </c>
      <c r="I1330" s="5" t="s">
        <v>1518</v>
      </c>
      <c r="J1330" s="5" t="s">
        <v>1519</v>
      </c>
      <c r="K1330" s="2" t="s">
        <v>1520</v>
      </c>
      <c r="L1330" s="5" t="s">
        <v>1519</v>
      </c>
      <c r="M1330" s="2" t="s">
        <v>1520</v>
      </c>
      <c r="N1330" s="5" t="s">
        <v>1521</v>
      </c>
      <c r="O1330" s="5" t="s">
        <v>38</v>
      </c>
      <c r="P1330" s="5" t="s">
        <v>39</v>
      </c>
      <c r="Q1330" s="5" t="s">
        <v>40</v>
      </c>
      <c r="R1330" s="5" t="s">
        <v>1522</v>
      </c>
      <c r="S1330" s="5" t="s">
        <v>1523</v>
      </c>
      <c r="T1330" s="5" t="s">
        <v>42</v>
      </c>
      <c r="U1330" s="2">
        <v>2.5880000000000001</v>
      </c>
      <c r="V1330" s="2">
        <v>1.9359999999999999</v>
      </c>
      <c r="W1330" s="2">
        <v>0.02</v>
      </c>
      <c r="X1330" s="2">
        <v>159.1</v>
      </c>
      <c r="Y1330" s="2">
        <v>7.6</v>
      </c>
      <c r="Z1330" s="2">
        <v>16.7</v>
      </c>
      <c r="AA1330" s="5"/>
      <c r="AB1330" s="5" t="s">
        <v>43</v>
      </c>
      <c r="AC1330" s="5" t="s">
        <v>44</v>
      </c>
      <c r="AD1330" s="2"/>
      <c r="AE1330" s="1"/>
    </row>
    <row r="1331" spans="1:31" ht="14.45">
      <c r="A1331" s="11"/>
      <c r="B1331" s="20"/>
      <c r="C1331" s="2" t="s">
        <v>4414</v>
      </c>
      <c r="D1331" s="14" t="s">
        <v>4415</v>
      </c>
      <c r="E1331" s="2" t="s">
        <v>4416</v>
      </c>
      <c r="F1331" s="2" t="s">
        <v>1819</v>
      </c>
      <c r="G1331" s="8">
        <v>186</v>
      </c>
      <c r="H1331" s="5">
        <v>6</v>
      </c>
      <c r="I1331" s="5" t="s">
        <v>1518</v>
      </c>
      <c r="J1331" s="5" t="s">
        <v>1519</v>
      </c>
      <c r="K1331" s="2" t="s">
        <v>1520</v>
      </c>
      <c r="L1331" s="5" t="s">
        <v>1519</v>
      </c>
      <c r="M1331" s="2" t="s">
        <v>1520</v>
      </c>
      <c r="N1331" s="5" t="s">
        <v>1521</v>
      </c>
      <c r="O1331" s="5" t="s">
        <v>38</v>
      </c>
      <c r="P1331" s="5" t="s">
        <v>39</v>
      </c>
      <c r="Q1331" s="5" t="s">
        <v>40</v>
      </c>
      <c r="R1331" s="5" t="s">
        <v>1522</v>
      </c>
      <c r="S1331" s="5" t="s">
        <v>1523</v>
      </c>
      <c r="T1331" s="5" t="s">
        <v>42</v>
      </c>
      <c r="U1331" s="2">
        <v>2.64</v>
      </c>
      <c r="V1331" s="2">
        <v>1.988</v>
      </c>
      <c r="W1331" s="2">
        <v>0.02</v>
      </c>
      <c r="X1331" s="2">
        <v>159.1</v>
      </c>
      <c r="Y1331" s="2">
        <v>7.6</v>
      </c>
      <c r="Z1331" s="2">
        <v>16.7</v>
      </c>
      <c r="AA1331" s="5"/>
      <c r="AB1331" s="5" t="s">
        <v>43</v>
      </c>
      <c r="AC1331" s="5" t="s">
        <v>44</v>
      </c>
      <c r="AD1331" s="2"/>
      <c r="AE1331" s="1"/>
    </row>
    <row r="1332" spans="1:31" ht="14.45">
      <c r="A1332" s="11"/>
      <c r="B1332" s="20"/>
      <c r="C1332" s="2" t="s">
        <v>4417</v>
      </c>
      <c r="D1332" s="14" t="s">
        <v>4418</v>
      </c>
      <c r="E1332" s="2" t="s">
        <v>4419</v>
      </c>
      <c r="F1332" s="2" t="s">
        <v>1823</v>
      </c>
      <c r="G1332" s="8">
        <v>186</v>
      </c>
      <c r="H1332" s="5">
        <v>18</v>
      </c>
      <c r="I1332" s="5" t="s">
        <v>1518</v>
      </c>
      <c r="J1332" s="5" t="s">
        <v>1519</v>
      </c>
      <c r="K1332" s="2" t="s">
        <v>1520</v>
      </c>
      <c r="L1332" s="5" t="s">
        <v>1519</v>
      </c>
      <c r="M1332" s="2" t="s">
        <v>1520</v>
      </c>
      <c r="N1332" s="5" t="s">
        <v>1521</v>
      </c>
      <c r="O1332" s="5" t="s">
        <v>38</v>
      </c>
      <c r="P1332" s="5" t="s">
        <v>39</v>
      </c>
      <c r="Q1332" s="5" t="s">
        <v>40</v>
      </c>
      <c r="R1332" s="5" t="s">
        <v>1522</v>
      </c>
      <c r="S1332" s="5" t="s">
        <v>1523</v>
      </c>
      <c r="T1332" s="5" t="s">
        <v>42</v>
      </c>
      <c r="U1332" s="2">
        <v>2.6349999999999998</v>
      </c>
      <c r="V1332" s="2">
        <v>1.9830000000000001</v>
      </c>
      <c r="W1332" s="2">
        <v>0.02</v>
      </c>
      <c r="X1332" s="2">
        <v>159.1</v>
      </c>
      <c r="Y1332" s="2">
        <v>7.6</v>
      </c>
      <c r="Z1332" s="2">
        <v>16.7</v>
      </c>
      <c r="AA1332" s="5"/>
      <c r="AB1332" s="5" t="s">
        <v>43</v>
      </c>
      <c r="AC1332" s="5" t="s">
        <v>44</v>
      </c>
      <c r="AD1332" s="2"/>
      <c r="AE1332" s="1"/>
    </row>
    <row r="1333" spans="1:31" ht="14.45">
      <c r="A1333" s="11"/>
      <c r="B1333" s="20"/>
      <c r="C1333" s="2" t="s">
        <v>4420</v>
      </c>
      <c r="D1333" s="14" t="s">
        <v>4421</v>
      </c>
      <c r="E1333" s="2" t="s">
        <v>4422</v>
      </c>
      <c r="F1333" s="2" t="s">
        <v>1827</v>
      </c>
      <c r="G1333" s="8">
        <v>186</v>
      </c>
      <c r="H1333" s="5">
        <v>18</v>
      </c>
      <c r="I1333" s="5" t="s">
        <v>1518</v>
      </c>
      <c r="J1333" s="5" t="s">
        <v>1519</v>
      </c>
      <c r="K1333" s="2" t="s">
        <v>1520</v>
      </c>
      <c r="L1333" s="5" t="s">
        <v>1519</v>
      </c>
      <c r="M1333" s="2" t="s">
        <v>1520</v>
      </c>
      <c r="N1333" s="5" t="s">
        <v>1521</v>
      </c>
      <c r="O1333" s="5" t="s">
        <v>38</v>
      </c>
      <c r="P1333" s="5" t="s">
        <v>39</v>
      </c>
      <c r="Q1333" s="5" t="s">
        <v>40</v>
      </c>
      <c r="R1333" s="5" t="s">
        <v>1522</v>
      </c>
      <c r="S1333" s="5" t="s">
        <v>1523</v>
      </c>
      <c r="T1333" s="5" t="s">
        <v>42</v>
      </c>
      <c r="U1333" s="2">
        <v>2.6869999999999998</v>
      </c>
      <c r="V1333" s="2">
        <v>2.0350000000000001</v>
      </c>
      <c r="W1333" s="2">
        <v>0.02</v>
      </c>
      <c r="X1333" s="2">
        <v>159.1</v>
      </c>
      <c r="Y1333" s="2">
        <v>7.6</v>
      </c>
      <c r="Z1333" s="2">
        <v>16.7</v>
      </c>
      <c r="AA1333" s="5"/>
      <c r="AB1333" s="5" t="s">
        <v>43</v>
      </c>
      <c r="AC1333" s="5" t="s">
        <v>44</v>
      </c>
      <c r="AD1333" s="2"/>
      <c r="AE1333" s="1"/>
    </row>
    <row r="1334" spans="1:31" ht="14.45">
      <c r="A1334" s="11"/>
      <c r="B1334" s="20"/>
      <c r="C1334" s="2" t="s">
        <v>4423</v>
      </c>
      <c r="D1334" s="14" t="s">
        <v>4424</v>
      </c>
      <c r="E1334" s="2" t="s">
        <v>4425</v>
      </c>
      <c r="F1334" s="2" t="s">
        <v>2212</v>
      </c>
      <c r="G1334" s="8">
        <v>186</v>
      </c>
      <c r="H1334" s="5">
        <v>18</v>
      </c>
      <c r="I1334" s="5" t="s">
        <v>1518</v>
      </c>
      <c r="J1334" s="5" t="s">
        <v>1519</v>
      </c>
      <c r="K1334" s="2" t="s">
        <v>1520</v>
      </c>
      <c r="L1334" s="5" t="s">
        <v>1519</v>
      </c>
      <c r="M1334" s="2" t="s">
        <v>1520</v>
      </c>
      <c r="N1334" s="5" t="s">
        <v>1521</v>
      </c>
      <c r="O1334" s="5" t="s">
        <v>38</v>
      </c>
      <c r="P1334" s="5" t="s">
        <v>39</v>
      </c>
      <c r="Q1334" s="5" t="s">
        <v>40</v>
      </c>
      <c r="R1334" s="5" t="s">
        <v>1522</v>
      </c>
      <c r="S1334" s="5" t="s">
        <v>1523</v>
      </c>
      <c r="T1334" s="5" t="s">
        <v>42</v>
      </c>
      <c r="U1334" s="2">
        <v>2.7</v>
      </c>
      <c r="V1334" s="2">
        <v>2.048</v>
      </c>
      <c r="W1334" s="2">
        <v>0.02</v>
      </c>
      <c r="X1334" s="2">
        <v>159.1</v>
      </c>
      <c r="Y1334" s="2">
        <v>7.6</v>
      </c>
      <c r="Z1334" s="2">
        <v>16.7</v>
      </c>
      <c r="AA1334" s="5"/>
      <c r="AB1334" s="5" t="s">
        <v>43</v>
      </c>
      <c r="AC1334" s="5" t="s">
        <v>44</v>
      </c>
      <c r="AD1334" s="2"/>
      <c r="AE1334" s="1"/>
    </row>
    <row r="1335" spans="1:31" ht="14.45">
      <c r="A1335" s="11"/>
      <c r="B1335" s="20"/>
      <c r="C1335" s="2" t="s">
        <v>4426</v>
      </c>
      <c r="D1335" s="14" t="s">
        <v>4427</v>
      </c>
      <c r="E1335" s="2" t="s">
        <v>4428</v>
      </c>
      <c r="F1335" s="2" t="s">
        <v>1831</v>
      </c>
      <c r="G1335" s="8">
        <v>186</v>
      </c>
      <c r="H1335" s="5">
        <v>18</v>
      </c>
      <c r="I1335" s="5" t="s">
        <v>1518</v>
      </c>
      <c r="J1335" s="5" t="s">
        <v>1519</v>
      </c>
      <c r="K1335" s="2" t="s">
        <v>1520</v>
      </c>
      <c r="L1335" s="5" t="s">
        <v>1519</v>
      </c>
      <c r="M1335" s="2" t="s">
        <v>1520</v>
      </c>
      <c r="N1335" s="5" t="s">
        <v>1521</v>
      </c>
      <c r="O1335" s="5" t="s">
        <v>38</v>
      </c>
      <c r="P1335" s="5" t="s">
        <v>39</v>
      </c>
      <c r="Q1335" s="5" t="s">
        <v>40</v>
      </c>
      <c r="R1335" s="5" t="s">
        <v>1522</v>
      </c>
      <c r="S1335" s="5" t="s">
        <v>1523</v>
      </c>
      <c r="T1335" s="5" t="s">
        <v>42</v>
      </c>
      <c r="U1335" s="2">
        <v>2.6480000000000001</v>
      </c>
      <c r="V1335" s="2">
        <v>1.996</v>
      </c>
      <c r="W1335" s="2">
        <v>0.02</v>
      </c>
      <c r="X1335" s="2">
        <v>159.1</v>
      </c>
      <c r="Y1335" s="2">
        <v>7.6</v>
      </c>
      <c r="Z1335" s="2">
        <v>16.7</v>
      </c>
      <c r="AA1335" s="5"/>
      <c r="AB1335" s="5" t="s">
        <v>43</v>
      </c>
      <c r="AC1335" s="5" t="s">
        <v>44</v>
      </c>
      <c r="AD1335" s="2"/>
      <c r="AE1335" s="1"/>
    </row>
    <row r="1336" spans="1:31" ht="14.45">
      <c r="A1336" s="11"/>
      <c r="B1336" s="20"/>
      <c r="C1336" s="2" t="s">
        <v>4429</v>
      </c>
      <c r="D1336" s="14" t="s">
        <v>4430</v>
      </c>
      <c r="E1336" s="2" t="s">
        <v>4431</v>
      </c>
      <c r="F1336" s="2" t="s">
        <v>1835</v>
      </c>
      <c r="G1336" s="8">
        <v>186</v>
      </c>
      <c r="H1336" s="5">
        <v>18</v>
      </c>
      <c r="I1336" s="5" t="s">
        <v>1518</v>
      </c>
      <c r="J1336" s="5" t="s">
        <v>1519</v>
      </c>
      <c r="K1336" s="2" t="s">
        <v>1520</v>
      </c>
      <c r="L1336" s="5" t="s">
        <v>1519</v>
      </c>
      <c r="M1336" s="2" t="s">
        <v>1520</v>
      </c>
      <c r="N1336" s="5" t="s">
        <v>1521</v>
      </c>
      <c r="O1336" s="5" t="s">
        <v>38</v>
      </c>
      <c r="P1336" s="5" t="s">
        <v>39</v>
      </c>
      <c r="Q1336" s="5" t="s">
        <v>40</v>
      </c>
      <c r="R1336" s="5" t="s">
        <v>1522</v>
      </c>
      <c r="S1336" s="5" t="s">
        <v>1523</v>
      </c>
      <c r="T1336" s="5" t="s">
        <v>42</v>
      </c>
      <c r="U1336" s="2">
        <v>2.7</v>
      </c>
      <c r="V1336" s="2">
        <v>2.048</v>
      </c>
      <c r="W1336" s="2">
        <v>0.02</v>
      </c>
      <c r="X1336" s="2">
        <v>159.1</v>
      </c>
      <c r="Y1336" s="2">
        <v>7.6</v>
      </c>
      <c r="Z1336" s="2">
        <v>16.7</v>
      </c>
      <c r="AA1336" s="5"/>
      <c r="AB1336" s="5" t="s">
        <v>43</v>
      </c>
      <c r="AC1336" s="5" t="s">
        <v>44</v>
      </c>
      <c r="AD1336" s="2"/>
      <c r="AE1336" s="1"/>
    </row>
    <row r="1337" spans="1:31" ht="14.45">
      <c r="A1337" s="11"/>
      <c r="B1337" s="20"/>
      <c r="C1337" s="2" t="s">
        <v>4432</v>
      </c>
      <c r="D1337" s="14" t="s">
        <v>4433</v>
      </c>
      <c r="E1337" s="2" t="s">
        <v>4434</v>
      </c>
      <c r="F1337" s="2" t="s">
        <v>1839</v>
      </c>
      <c r="G1337" s="8">
        <v>186</v>
      </c>
      <c r="H1337" s="5">
        <v>18</v>
      </c>
      <c r="I1337" s="5" t="s">
        <v>1518</v>
      </c>
      <c r="J1337" s="5" t="s">
        <v>1519</v>
      </c>
      <c r="K1337" s="2" t="s">
        <v>1520</v>
      </c>
      <c r="L1337" s="5" t="s">
        <v>1519</v>
      </c>
      <c r="M1337" s="2" t="s">
        <v>1520</v>
      </c>
      <c r="N1337" s="5" t="s">
        <v>1521</v>
      </c>
      <c r="O1337" s="5" t="s">
        <v>38</v>
      </c>
      <c r="P1337" s="5" t="s">
        <v>39</v>
      </c>
      <c r="Q1337" s="5" t="s">
        <v>40</v>
      </c>
      <c r="R1337" s="5" t="s">
        <v>1522</v>
      </c>
      <c r="S1337" s="5" t="s">
        <v>1523</v>
      </c>
      <c r="T1337" s="5" t="s">
        <v>42</v>
      </c>
      <c r="U1337" s="2">
        <v>2.6480000000000001</v>
      </c>
      <c r="V1337" s="2">
        <v>1.996</v>
      </c>
      <c r="W1337" s="2">
        <v>0.02</v>
      </c>
      <c r="X1337" s="2">
        <v>159.1</v>
      </c>
      <c r="Y1337" s="2">
        <v>7.6</v>
      </c>
      <c r="Z1337" s="2">
        <v>16.7</v>
      </c>
      <c r="AA1337" s="5"/>
      <c r="AB1337" s="5" t="s">
        <v>43</v>
      </c>
      <c r="AC1337" s="5" t="s">
        <v>44</v>
      </c>
      <c r="AD1337" s="2"/>
      <c r="AE1337" s="1"/>
    </row>
    <row r="1338" spans="1:31" ht="14.45">
      <c r="A1338" s="11"/>
      <c r="B1338" s="20"/>
      <c r="C1338" s="2" t="s">
        <v>4435</v>
      </c>
      <c r="D1338" s="14" t="s">
        <v>4436</v>
      </c>
      <c r="E1338" s="2" t="s">
        <v>4437</v>
      </c>
      <c r="F1338" s="2" t="s">
        <v>1986</v>
      </c>
      <c r="G1338" s="8">
        <v>186</v>
      </c>
      <c r="H1338" s="5">
        <v>18</v>
      </c>
      <c r="I1338" s="5" t="s">
        <v>1518</v>
      </c>
      <c r="J1338" s="5" t="s">
        <v>1519</v>
      </c>
      <c r="K1338" s="2" t="s">
        <v>1520</v>
      </c>
      <c r="L1338" s="5" t="s">
        <v>1519</v>
      </c>
      <c r="M1338" s="2" t="s">
        <v>1520</v>
      </c>
      <c r="N1338" s="5" t="s">
        <v>1521</v>
      </c>
      <c r="O1338" s="5" t="s">
        <v>38</v>
      </c>
      <c r="P1338" s="5" t="s">
        <v>39</v>
      </c>
      <c r="Q1338" s="5" t="s">
        <v>40</v>
      </c>
      <c r="R1338" s="5" t="s">
        <v>1522</v>
      </c>
      <c r="S1338" s="5" t="s">
        <v>1523</v>
      </c>
      <c r="T1338" s="5" t="s">
        <v>42</v>
      </c>
      <c r="U1338" s="2">
        <v>2.7</v>
      </c>
      <c r="V1338" s="2">
        <v>2.048</v>
      </c>
      <c r="W1338" s="2">
        <v>0.02</v>
      </c>
      <c r="X1338" s="2">
        <v>159.1</v>
      </c>
      <c r="Y1338" s="2">
        <v>7.6</v>
      </c>
      <c r="Z1338" s="2">
        <v>16.7</v>
      </c>
      <c r="AA1338" s="5"/>
      <c r="AB1338" s="5" t="s">
        <v>43</v>
      </c>
      <c r="AC1338" s="5" t="s">
        <v>44</v>
      </c>
      <c r="AD1338" s="2"/>
      <c r="AE1338" s="1"/>
    </row>
    <row r="1339" spans="1:31" ht="14.45">
      <c r="A1339" s="11"/>
      <c r="B1339" s="20"/>
      <c r="C1339" s="2" t="s">
        <v>4438</v>
      </c>
      <c r="D1339" s="14" t="s">
        <v>4439</v>
      </c>
      <c r="E1339" s="2" t="s">
        <v>4440</v>
      </c>
      <c r="F1339" s="2" t="s">
        <v>1843</v>
      </c>
      <c r="G1339" s="8">
        <v>186</v>
      </c>
      <c r="H1339" s="5">
        <v>18</v>
      </c>
      <c r="I1339" s="5" t="s">
        <v>1518</v>
      </c>
      <c r="J1339" s="5" t="s">
        <v>1519</v>
      </c>
      <c r="K1339" s="2" t="s">
        <v>1520</v>
      </c>
      <c r="L1339" s="5" t="s">
        <v>1519</v>
      </c>
      <c r="M1339" s="2" t="s">
        <v>1520</v>
      </c>
      <c r="N1339" s="5" t="s">
        <v>1521</v>
      </c>
      <c r="O1339" s="5" t="s">
        <v>38</v>
      </c>
      <c r="P1339" s="5" t="s">
        <v>39</v>
      </c>
      <c r="Q1339" s="5" t="s">
        <v>40</v>
      </c>
      <c r="R1339" s="5" t="s">
        <v>1522</v>
      </c>
      <c r="S1339" s="5" t="s">
        <v>1523</v>
      </c>
      <c r="T1339" s="5" t="s">
        <v>42</v>
      </c>
      <c r="U1339" s="2">
        <v>2.6480000000000001</v>
      </c>
      <c r="V1339" s="2">
        <v>1.996</v>
      </c>
      <c r="W1339" s="2">
        <v>0.02</v>
      </c>
      <c r="X1339" s="2">
        <v>159.1</v>
      </c>
      <c r="Y1339" s="2">
        <v>7.6</v>
      </c>
      <c r="Z1339" s="2">
        <v>16.7</v>
      </c>
      <c r="AA1339" s="5"/>
      <c r="AB1339" s="5" t="s">
        <v>43</v>
      </c>
      <c r="AC1339" s="5" t="s">
        <v>44</v>
      </c>
      <c r="AD1339" s="2"/>
      <c r="AE1339" s="1"/>
    </row>
    <row r="1340" spans="1:31" ht="14.45">
      <c r="A1340" s="11"/>
      <c r="B1340" s="20"/>
      <c r="C1340" s="2" t="s">
        <v>4441</v>
      </c>
      <c r="D1340" s="14" t="s">
        <v>4442</v>
      </c>
      <c r="E1340" s="2" t="s">
        <v>4443</v>
      </c>
      <c r="F1340" s="2" t="s">
        <v>1847</v>
      </c>
      <c r="G1340" s="8">
        <v>186</v>
      </c>
      <c r="H1340" s="5">
        <v>18</v>
      </c>
      <c r="I1340" s="5" t="s">
        <v>1518</v>
      </c>
      <c r="J1340" s="5" t="s">
        <v>1519</v>
      </c>
      <c r="K1340" s="2" t="s">
        <v>1520</v>
      </c>
      <c r="L1340" s="5" t="s">
        <v>1519</v>
      </c>
      <c r="M1340" s="2" t="s">
        <v>1520</v>
      </c>
      <c r="N1340" s="5" t="s">
        <v>1521</v>
      </c>
      <c r="O1340" s="5" t="s">
        <v>38</v>
      </c>
      <c r="P1340" s="5" t="s">
        <v>39</v>
      </c>
      <c r="Q1340" s="5" t="s">
        <v>40</v>
      </c>
      <c r="R1340" s="5" t="s">
        <v>1522</v>
      </c>
      <c r="S1340" s="5" t="s">
        <v>1523</v>
      </c>
      <c r="T1340" s="5" t="s">
        <v>42</v>
      </c>
      <c r="U1340" s="2">
        <v>2.7</v>
      </c>
      <c r="V1340" s="2">
        <v>2.048</v>
      </c>
      <c r="W1340" s="2">
        <v>0.02</v>
      </c>
      <c r="X1340" s="2">
        <v>159.1</v>
      </c>
      <c r="Y1340" s="2">
        <v>7.6</v>
      </c>
      <c r="Z1340" s="2">
        <v>16.7</v>
      </c>
      <c r="AA1340" s="5"/>
      <c r="AB1340" s="5" t="s">
        <v>43</v>
      </c>
      <c r="AC1340" s="5" t="s">
        <v>44</v>
      </c>
      <c r="AD1340" s="2"/>
      <c r="AE1340" s="1"/>
    </row>
    <row r="1341" spans="1:31" ht="14.45">
      <c r="A1341" s="11"/>
      <c r="B1341" s="20"/>
      <c r="C1341" s="2" t="s">
        <v>4444</v>
      </c>
      <c r="D1341" s="14" t="s">
        <v>4445</v>
      </c>
      <c r="E1341" s="2" t="s">
        <v>4446</v>
      </c>
      <c r="F1341" s="2" t="s">
        <v>1999</v>
      </c>
      <c r="G1341" s="8">
        <v>186</v>
      </c>
      <c r="H1341" s="5">
        <v>18</v>
      </c>
      <c r="I1341" s="5" t="s">
        <v>1518</v>
      </c>
      <c r="J1341" s="5" t="s">
        <v>1519</v>
      </c>
      <c r="K1341" s="2" t="s">
        <v>1520</v>
      </c>
      <c r="L1341" s="5" t="s">
        <v>1519</v>
      </c>
      <c r="M1341" s="2" t="s">
        <v>1520</v>
      </c>
      <c r="N1341" s="5" t="s">
        <v>1521</v>
      </c>
      <c r="O1341" s="5" t="s">
        <v>38</v>
      </c>
      <c r="P1341" s="5" t="s">
        <v>39</v>
      </c>
      <c r="Q1341" s="5" t="s">
        <v>40</v>
      </c>
      <c r="R1341" s="5" t="s">
        <v>1522</v>
      </c>
      <c r="S1341" s="5" t="s">
        <v>1523</v>
      </c>
      <c r="T1341" s="5" t="s">
        <v>42</v>
      </c>
      <c r="U1341" s="2">
        <v>2.7</v>
      </c>
      <c r="V1341" s="2">
        <v>2.048</v>
      </c>
      <c r="W1341" s="2">
        <v>0.02</v>
      </c>
      <c r="X1341" s="2">
        <v>159.1</v>
      </c>
      <c r="Y1341" s="2">
        <v>7.6</v>
      </c>
      <c r="Z1341" s="2">
        <v>16.7</v>
      </c>
      <c r="AA1341" s="5"/>
      <c r="AB1341" s="5" t="s">
        <v>43</v>
      </c>
      <c r="AC1341" s="5" t="s">
        <v>44</v>
      </c>
      <c r="AD1341" s="2"/>
      <c r="AE1341" s="1"/>
    </row>
    <row r="1342" spans="1:31" ht="14.45">
      <c r="A1342" s="11"/>
      <c r="B1342" s="20"/>
      <c r="C1342" s="2" t="s">
        <v>4447</v>
      </c>
      <c r="D1342" s="14" t="s">
        <v>4448</v>
      </c>
      <c r="E1342" s="2" t="s">
        <v>4449</v>
      </c>
      <c r="F1342" s="2" t="s">
        <v>1855</v>
      </c>
      <c r="G1342" s="8">
        <v>186</v>
      </c>
      <c r="H1342" s="5">
        <v>18</v>
      </c>
      <c r="I1342" s="5" t="s">
        <v>1518</v>
      </c>
      <c r="J1342" s="5" t="s">
        <v>1519</v>
      </c>
      <c r="K1342" s="2" t="s">
        <v>1520</v>
      </c>
      <c r="L1342" s="5" t="s">
        <v>1519</v>
      </c>
      <c r="M1342" s="2" t="s">
        <v>1520</v>
      </c>
      <c r="N1342" s="5" t="s">
        <v>1521</v>
      </c>
      <c r="O1342" s="5" t="s">
        <v>38</v>
      </c>
      <c r="P1342" s="5" t="s">
        <v>39</v>
      </c>
      <c r="Q1342" s="5" t="s">
        <v>40</v>
      </c>
      <c r="R1342" s="5" t="s">
        <v>1522</v>
      </c>
      <c r="S1342" s="5" t="s">
        <v>1523</v>
      </c>
      <c r="T1342" s="5" t="s">
        <v>42</v>
      </c>
      <c r="U1342" s="2">
        <v>2.6480000000000001</v>
      </c>
      <c r="V1342" s="2">
        <v>1.996</v>
      </c>
      <c r="W1342" s="2">
        <v>0.02</v>
      </c>
      <c r="X1342" s="2">
        <v>159.1</v>
      </c>
      <c r="Y1342" s="2">
        <v>7.6</v>
      </c>
      <c r="Z1342" s="2">
        <v>16.7</v>
      </c>
      <c r="AA1342" s="5"/>
      <c r="AB1342" s="5" t="s">
        <v>43</v>
      </c>
      <c r="AC1342" s="5" t="s">
        <v>44</v>
      </c>
      <c r="AD1342" s="2"/>
      <c r="AE1342" s="1"/>
    </row>
    <row r="1343" spans="1:31" ht="14.45">
      <c r="A1343" s="11"/>
      <c r="B1343" s="20"/>
      <c r="C1343" s="2" t="s">
        <v>4450</v>
      </c>
      <c r="D1343" s="14" t="s">
        <v>4451</v>
      </c>
      <c r="E1343" s="2" t="s">
        <v>4452</v>
      </c>
      <c r="F1343" s="2" t="s">
        <v>1859</v>
      </c>
      <c r="G1343" s="8">
        <v>186</v>
      </c>
      <c r="H1343" s="5">
        <v>18</v>
      </c>
      <c r="I1343" s="5" t="s">
        <v>1518</v>
      </c>
      <c r="J1343" s="5" t="s">
        <v>1519</v>
      </c>
      <c r="K1343" s="2" t="s">
        <v>1520</v>
      </c>
      <c r="L1343" s="5" t="s">
        <v>1519</v>
      </c>
      <c r="M1343" s="2" t="s">
        <v>1520</v>
      </c>
      <c r="N1343" s="5" t="s">
        <v>1521</v>
      </c>
      <c r="O1343" s="5" t="s">
        <v>38</v>
      </c>
      <c r="P1343" s="5" t="s">
        <v>39</v>
      </c>
      <c r="Q1343" s="5" t="s">
        <v>40</v>
      </c>
      <c r="R1343" s="5" t="s">
        <v>1522</v>
      </c>
      <c r="S1343" s="5" t="s">
        <v>1523</v>
      </c>
      <c r="T1343" s="5" t="s">
        <v>42</v>
      </c>
      <c r="U1343" s="2">
        <v>2.7</v>
      </c>
      <c r="V1343" s="2">
        <v>2.048</v>
      </c>
      <c r="W1343" s="2">
        <v>0.02</v>
      </c>
      <c r="X1343" s="2">
        <v>159.1</v>
      </c>
      <c r="Y1343" s="2">
        <v>7.6</v>
      </c>
      <c r="Z1343" s="2">
        <v>16.7</v>
      </c>
      <c r="AA1343" s="5"/>
      <c r="AB1343" s="5" t="s">
        <v>43</v>
      </c>
      <c r="AC1343" s="5" t="s">
        <v>44</v>
      </c>
      <c r="AD1343" s="2"/>
      <c r="AE1343" s="1"/>
    </row>
    <row r="1344" spans="1:31" ht="14.45">
      <c r="A1344" s="11"/>
      <c r="B1344" s="20"/>
      <c r="C1344" s="2" t="s">
        <v>4453</v>
      </c>
      <c r="D1344" s="14" t="s">
        <v>4454</v>
      </c>
      <c r="E1344" s="2" t="s">
        <v>4455</v>
      </c>
      <c r="F1344" s="2" t="s">
        <v>1863</v>
      </c>
      <c r="G1344" s="8">
        <v>186</v>
      </c>
      <c r="H1344" s="5">
        <v>21</v>
      </c>
      <c r="I1344" s="5" t="s">
        <v>1518</v>
      </c>
      <c r="J1344" s="5" t="s">
        <v>1519</v>
      </c>
      <c r="K1344" s="2" t="s">
        <v>1520</v>
      </c>
      <c r="L1344" s="5" t="s">
        <v>1519</v>
      </c>
      <c r="M1344" s="2" t="s">
        <v>1520</v>
      </c>
      <c r="N1344" s="5" t="s">
        <v>1521</v>
      </c>
      <c r="O1344" s="5" t="s">
        <v>38</v>
      </c>
      <c r="P1344" s="5" t="s">
        <v>39</v>
      </c>
      <c r="Q1344" s="5" t="s">
        <v>40</v>
      </c>
      <c r="R1344" s="5" t="s">
        <v>1522</v>
      </c>
      <c r="S1344" s="5" t="s">
        <v>1523</v>
      </c>
      <c r="T1344" s="5" t="s">
        <v>42</v>
      </c>
      <c r="U1344" s="2">
        <v>2.5920000000000001</v>
      </c>
      <c r="V1344" s="2">
        <v>1.94</v>
      </c>
      <c r="W1344" s="2">
        <v>0.02</v>
      </c>
      <c r="X1344" s="2">
        <v>159.1</v>
      </c>
      <c r="Y1344" s="2">
        <v>7.6</v>
      </c>
      <c r="Z1344" s="2">
        <v>16.7</v>
      </c>
      <c r="AA1344" s="5"/>
      <c r="AB1344" s="5" t="s">
        <v>43</v>
      </c>
      <c r="AC1344" s="5" t="s">
        <v>44</v>
      </c>
      <c r="AD1344" s="2"/>
      <c r="AE1344" s="1"/>
    </row>
    <row r="1345" spans="1:31" ht="14.45">
      <c r="A1345" s="11"/>
      <c r="B1345" s="20"/>
      <c r="C1345" s="2" t="s">
        <v>4456</v>
      </c>
      <c r="D1345" s="14" t="s">
        <v>4457</v>
      </c>
      <c r="E1345" s="2" t="s">
        <v>4458</v>
      </c>
      <c r="F1345" s="2" t="s">
        <v>1867</v>
      </c>
      <c r="G1345" s="8">
        <v>186</v>
      </c>
      <c r="H1345" s="5">
        <v>21</v>
      </c>
      <c r="I1345" s="5" t="s">
        <v>1518</v>
      </c>
      <c r="J1345" s="5" t="s">
        <v>1519</v>
      </c>
      <c r="K1345" s="2" t="s">
        <v>1520</v>
      </c>
      <c r="L1345" s="5" t="s">
        <v>1519</v>
      </c>
      <c r="M1345" s="2" t="s">
        <v>1520</v>
      </c>
      <c r="N1345" s="5" t="s">
        <v>1521</v>
      </c>
      <c r="O1345" s="5" t="s">
        <v>38</v>
      </c>
      <c r="P1345" s="5" t="s">
        <v>39</v>
      </c>
      <c r="Q1345" s="5" t="s">
        <v>40</v>
      </c>
      <c r="R1345" s="5" t="s">
        <v>1522</v>
      </c>
      <c r="S1345" s="5" t="s">
        <v>1523</v>
      </c>
      <c r="T1345" s="5" t="s">
        <v>42</v>
      </c>
      <c r="U1345" s="2">
        <v>2.6440000000000001</v>
      </c>
      <c r="V1345" s="2">
        <v>1.992</v>
      </c>
      <c r="W1345" s="2">
        <v>0.02</v>
      </c>
      <c r="X1345" s="2">
        <v>159.1</v>
      </c>
      <c r="Y1345" s="2">
        <v>7.6</v>
      </c>
      <c r="Z1345" s="2">
        <v>16.7</v>
      </c>
      <c r="AA1345" s="5"/>
      <c r="AB1345" s="5" t="s">
        <v>43</v>
      </c>
      <c r="AC1345" s="5" t="s">
        <v>44</v>
      </c>
      <c r="AD1345" s="2"/>
      <c r="AE1345" s="1"/>
    </row>
    <row r="1346" spans="1:31" ht="14.45">
      <c r="A1346" s="11"/>
      <c r="B1346" s="20"/>
      <c r="C1346" s="2" t="s">
        <v>4459</v>
      </c>
      <c r="D1346" s="14" t="s">
        <v>4460</v>
      </c>
      <c r="E1346" s="2" t="s">
        <v>4461</v>
      </c>
      <c r="F1346" s="2" t="s">
        <v>1695</v>
      </c>
      <c r="G1346" s="8">
        <v>159</v>
      </c>
      <c r="H1346" s="5">
        <v>6</v>
      </c>
      <c r="I1346" s="5" t="s">
        <v>1518</v>
      </c>
      <c r="J1346" s="5" t="s">
        <v>1519</v>
      </c>
      <c r="K1346" s="2" t="s">
        <v>1520</v>
      </c>
      <c r="L1346" s="5" t="s">
        <v>1519</v>
      </c>
      <c r="M1346" s="2" t="s">
        <v>1520</v>
      </c>
      <c r="N1346" s="5" t="s">
        <v>1521</v>
      </c>
      <c r="O1346" s="5" t="s">
        <v>38</v>
      </c>
      <c r="P1346" s="5" t="s">
        <v>39</v>
      </c>
      <c r="Q1346" s="5" t="s">
        <v>40</v>
      </c>
      <c r="R1346" s="5" t="s">
        <v>1522</v>
      </c>
      <c r="S1346" s="5" t="s">
        <v>1523</v>
      </c>
      <c r="T1346" s="5" t="s">
        <v>42</v>
      </c>
      <c r="U1346" s="2">
        <v>2.2799999999999998</v>
      </c>
      <c r="V1346" s="2">
        <v>1.8009999999999999</v>
      </c>
      <c r="W1346" s="2">
        <v>1.2999999999999999E-2</v>
      </c>
      <c r="X1346" s="2">
        <v>99.1</v>
      </c>
      <c r="Y1346" s="2">
        <v>7.6</v>
      </c>
      <c r="Z1346" s="2">
        <v>16.7</v>
      </c>
      <c r="AA1346" s="5"/>
      <c r="AB1346" s="5" t="s">
        <v>43</v>
      </c>
      <c r="AC1346" s="5" t="s">
        <v>44</v>
      </c>
      <c r="AD1346" s="2"/>
      <c r="AE1346" s="1"/>
    </row>
    <row r="1347" spans="1:31" ht="14.45">
      <c r="A1347" s="11"/>
      <c r="B1347" s="20"/>
      <c r="C1347" s="2" t="s">
        <v>4462</v>
      </c>
      <c r="D1347" s="14" t="s">
        <v>4463</v>
      </c>
      <c r="E1347" s="2" t="s">
        <v>4464</v>
      </c>
      <c r="F1347" s="2" t="s">
        <v>1699</v>
      </c>
      <c r="G1347" s="8">
        <v>159</v>
      </c>
      <c r="H1347" s="5">
        <v>6</v>
      </c>
      <c r="I1347" s="5" t="s">
        <v>1518</v>
      </c>
      <c r="J1347" s="5" t="s">
        <v>1519</v>
      </c>
      <c r="K1347" s="2" t="s">
        <v>1520</v>
      </c>
      <c r="L1347" s="5" t="s">
        <v>1519</v>
      </c>
      <c r="M1347" s="2" t="s">
        <v>1520</v>
      </c>
      <c r="N1347" s="5" t="s">
        <v>1521</v>
      </c>
      <c r="O1347" s="5" t="s">
        <v>38</v>
      </c>
      <c r="P1347" s="5" t="s">
        <v>39</v>
      </c>
      <c r="Q1347" s="5" t="s">
        <v>40</v>
      </c>
      <c r="R1347" s="5" t="s">
        <v>1522</v>
      </c>
      <c r="S1347" s="5" t="s">
        <v>1523</v>
      </c>
      <c r="T1347" s="5" t="s">
        <v>42</v>
      </c>
      <c r="U1347" s="2">
        <v>2.323</v>
      </c>
      <c r="V1347" s="2">
        <v>1.8440000000000001</v>
      </c>
      <c r="W1347" s="2">
        <v>1.2999999999999999E-2</v>
      </c>
      <c r="X1347" s="2">
        <v>99.1</v>
      </c>
      <c r="Y1347" s="2">
        <v>7.6</v>
      </c>
      <c r="Z1347" s="2">
        <v>16.7</v>
      </c>
      <c r="AA1347" s="5"/>
      <c r="AB1347" s="5" t="s">
        <v>43</v>
      </c>
      <c r="AC1347" s="5" t="s">
        <v>44</v>
      </c>
      <c r="AD1347" s="2"/>
      <c r="AE1347" s="1"/>
    </row>
    <row r="1348" spans="1:31" ht="14.45">
      <c r="A1348" s="11"/>
      <c r="B1348" s="20"/>
      <c r="C1348" s="2" t="s">
        <v>4465</v>
      </c>
      <c r="D1348" s="14" t="s">
        <v>4466</v>
      </c>
      <c r="E1348" s="2" t="s">
        <v>4467</v>
      </c>
      <c r="F1348" s="2" t="s">
        <v>1703</v>
      </c>
      <c r="G1348" s="8">
        <v>159</v>
      </c>
      <c r="H1348" s="5">
        <v>6</v>
      </c>
      <c r="I1348" s="5" t="s">
        <v>1518</v>
      </c>
      <c r="J1348" s="5" t="s">
        <v>1519</v>
      </c>
      <c r="K1348" s="2" t="s">
        <v>1520</v>
      </c>
      <c r="L1348" s="5" t="s">
        <v>1519</v>
      </c>
      <c r="M1348" s="2" t="s">
        <v>1520</v>
      </c>
      <c r="N1348" s="5" t="s">
        <v>1521</v>
      </c>
      <c r="O1348" s="5" t="s">
        <v>38</v>
      </c>
      <c r="P1348" s="5" t="s">
        <v>39</v>
      </c>
      <c r="Q1348" s="5" t="s">
        <v>40</v>
      </c>
      <c r="R1348" s="5" t="s">
        <v>1522</v>
      </c>
      <c r="S1348" s="5" t="s">
        <v>1523</v>
      </c>
      <c r="T1348" s="5" t="s">
        <v>42</v>
      </c>
      <c r="U1348" s="2">
        <v>2.286</v>
      </c>
      <c r="V1348" s="2">
        <v>1.8069999999999999</v>
      </c>
      <c r="W1348" s="2">
        <v>1.2999999999999999E-2</v>
      </c>
      <c r="X1348" s="2">
        <v>99.1</v>
      </c>
      <c r="Y1348" s="2">
        <v>7.6</v>
      </c>
      <c r="Z1348" s="2">
        <v>16.7</v>
      </c>
      <c r="AA1348" s="5"/>
      <c r="AB1348" s="5" t="s">
        <v>43</v>
      </c>
      <c r="AC1348" s="5" t="s">
        <v>44</v>
      </c>
      <c r="AD1348" s="2"/>
      <c r="AE1348" s="1"/>
    </row>
    <row r="1349" spans="1:31" ht="14.45">
      <c r="A1349" s="11"/>
      <c r="B1349" s="20"/>
      <c r="C1349" s="2" t="s">
        <v>4468</v>
      </c>
      <c r="D1349" s="14" t="s">
        <v>4469</v>
      </c>
      <c r="E1349" s="2" t="s">
        <v>4470</v>
      </c>
      <c r="F1349" s="2" t="s">
        <v>1707</v>
      </c>
      <c r="G1349" s="8">
        <v>159</v>
      </c>
      <c r="H1349" s="5">
        <v>6</v>
      </c>
      <c r="I1349" s="5" t="s">
        <v>1518</v>
      </c>
      <c r="J1349" s="5" t="s">
        <v>1519</v>
      </c>
      <c r="K1349" s="2" t="s">
        <v>1520</v>
      </c>
      <c r="L1349" s="5" t="s">
        <v>1519</v>
      </c>
      <c r="M1349" s="2" t="s">
        <v>1520</v>
      </c>
      <c r="N1349" s="5" t="s">
        <v>1521</v>
      </c>
      <c r="O1349" s="5" t="s">
        <v>38</v>
      </c>
      <c r="P1349" s="5" t="s">
        <v>39</v>
      </c>
      <c r="Q1349" s="5" t="s">
        <v>40</v>
      </c>
      <c r="R1349" s="5" t="s">
        <v>1522</v>
      </c>
      <c r="S1349" s="5" t="s">
        <v>1523</v>
      </c>
      <c r="T1349" s="5" t="s">
        <v>42</v>
      </c>
      <c r="U1349" s="2">
        <v>2.3290000000000002</v>
      </c>
      <c r="V1349" s="2">
        <v>1.85</v>
      </c>
      <c r="W1349" s="2">
        <v>1.2999999999999999E-2</v>
      </c>
      <c r="X1349" s="2">
        <v>99.1</v>
      </c>
      <c r="Y1349" s="2">
        <v>7.6</v>
      </c>
      <c r="Z1349" s="2">
        <v>16.7</v>
      </c>
      <c r="AA1349" s="5"/>
      <c r="AB1349" s="5" t="s">
        <v>43</v>
      </c>
      <c r="AC1349" s="5" t="s">
        <v>44</v>
      </c>
      <c r="AD1349" s="2"/>
      <c r="AE1349" s="1"/>
    </row>
    <row r="1350" spans="1:31" ht="14.45">
      <c r="A1350" s="11"/>
      <c r="B1350" s="20"/>
      <c r="C1350" s="2" t="s">
        <v>4471</v>
      </c>
      <c r="D1350" s="14" t="s">
        <v>4472</v>
      </c>
      <c r="E1350" s="2" t="s">
        <v>4473</v>
      </c>
      <c r="F1350" s="2" t="s">
        <v>1711</v>
      </c>
      <c r="G1350" s="8">
        <v>159</v>
      </c>
      <c r="H1350" s="5">
        <v>6</v>
      </c>
      <c r="I1350" s="5" t="s">
        <v>1518</v>
      </c>
      <c r="J1350" s="5" t="s">
        <v>1519</v>
      </c>
      <c r="K1350" s="2" t="s">
        <v>1520</v>
      </c>
      <c r="L1350" s="5" t="s">
        <v>1519</v>
      </c>
      <c r="M1350" s="2" t="s">
        <v>1520</v>
      </c>
      <c r="N1350" s="5" t="s">
        <v>1521</v>
      </c>
      <c r="O1350" s="5" t="s">
        <v>38</v>
      </c>
      <c r="P1350" s="5" t="s">
        <v>39</v>
      </c>
      <c r="Q1350" s="5" t="s">
        <v>40</v>
      </c>
      <c r="R1350" s="5" t="s">
        <v>1522</v>
      </c>
      <c r="S1350" s="5" t="s">
        <v>1523</v>
      </c>
      <c r="T1350" s="5" t="s">
        <v>42</v>
      </c>
      <c r="U1350" s="2">
        <v>2.286</v>
      </c>
      <c r="V1350" s="2">
        <v>1.8069999999999999</v>
      </c>
      <c r="W1350" s="2">
        <v>1.2999999999999999E-2</v>
      </c>
      <c r="X1350" s="2">
        <v>99.1</v>
      </c>
      <c r="Y1350" s="2">
        <v>7.6</v>
      </c>
      <c r="Z1350" s="2">
        <v>16.7</v>
      </c>
      <c r="AA1350" s="5"/>
      <c r="AB1350" s="5" t="s">
        <v>43</v>
      </c>
      <c r="AC1350" s="5" t="s">
        <v>44</v>
      </c>
      <c r="AD1350" s="2"/>
      <c r="AE1350" s="1"/>
    </row>
    <row r="1351" spans="1:31" ht="14.45">
      <c r="A1351" s="11"/>
      <c r="B1351" s="20"/>
      <c r="C1351" s="2" t="s">
        <v>4474</v>
      </c>
      <c r="D1351" s="14" t="s">
        <v>4475</v>
      </c>
      <c r="E1351" s="2" t="s">
        <v>4476</v>
      </c>
      <c r="F1351" s="2" t="s">
        <v>1715</v>
      </c>
      <c r="G1351" s="8">
        <v>159</v>
      </c>
      <c r="H1351" s="5">
        <v>6</v>
      </c>
      <c r="I1351" s="5" t="s">
        <v>1518</v>
      </c>
      <c r="J1351" s="5" t="s">
        <v>1519</v>
      </c>
      <c r="K1351" s="2" t="s">
        <v>1520</v>
      </c>
      <c r="L1351" s="5" t="s">
        <v>1519</v>
      </c>
      <c r="M1351" s="2" t="s">
        <v>1520</v>
      </c>
      <c r="N1351" s="5" t="s">
        <v>1521</v>
      </c>
      <c r="O1351" s="5" t="s">
        <v>38</v>
      </c>
      <c r="P1351" s="5" t="s">
        <v>39</v>
      </c>
      <c r="Q1351" s="5" t="s">
        <v>40</v>
      </c>
      <c r="R1351" s="5" t="s">
        <v>1522</v>
      </c>
      <c r="S1351" s="5" t="s">
        <v>1523</v>
      </c>
      <c r="T1351" s="5" t="s">
        <v>42</v>
      </c>
      <c r="U1351" s="2">
        <v>2.3290000000000002</v>
      </c>
      <c r="V1351" s="2">
        <v>1.85</v>
      </c>
      <c r="W1351" s="2">
        <v>1.2999999999999999E-2</v>
      </c>
      <c r="X1351" s="2">
        <v>99.1</v>
      </c>
      <c r="Y1351" s="2">
        <v>7.6</v>
      </c>
      <c r="Z1351" s="2">
        <v>16.7</v>
      </c>
      <c r="AA1351" s="5"/>
      <c r="AB1351" s="5" t="s">
        <v>43</v>
      </c>
      <c r="AC1351" s="5" t="s">
        <v>44</v>
      </c>
      <c r="AD1351" s="2"/>
      <c r="AE1351" s="1"/>
    </row>
    <row r="1352" spans="1:31" ht="14.45">
      <c r="A1352" s="11"/>
      <c r="B1352" s="20"/>
      <c r="C1352" s="2" t="s">
        <v>4477</v>
      </c>
      <c r="D1352" s="14" t="s">
        <v>4478</v>
      </c>
      <c r="E1352" s="2" t="s">
        <v>4479</v>
      </c>
      <c r="F1352" s="2" t="s">
        <v>1719</v>
      </c>
      <c r="G1352" s="8">
        <v>159</v>
      </c>
      <c r="H1352" s="5">
        <v>6</v>
      </c>
      <c r="I1352" s="5" t="s">
        <v>1518</v>
      </c>
      <c r="J1352" s="5" t="s">
        <v>1519</v>
      </c>
      <c r="K1352" s="2" t="s">
        <v>1520</v>
      </c>
      <c r="L1352" s="5" t="s">
        <v>1519</v>
      </c>
      <c r="M1352" s="2" t="s">
        <v>1520</v>
      </c>
      <c r="N1352" s="5" t="s">
        <v>1521</v>
      </c>
      <c r="O1352" s="5" t="s">
        <v>38</v>
      </c>
      <c r="P1352" s="5" t="s">
        <v>39</v>
      </c>
      <c r="Q1352" s="5" t="s">
        <v>40</v>
      </c>
      <c r="R1352" s="5" t="s">
        <v>1522</v>
      </c>
      <c r="S1352" s="5" t="s">
        <v>1523</v>
      </c>
      <c r="T1352" s="5" t="s">
        <v>42</v>
      </c>
      <c r="U1352" s="2">
        <v>2.2669999999999999</v>
      </c>
      <c r="V1352" s="2">
        <v>1.788</v>
      </c>
      <c r="W1352" s="2">
        <v>1.2999999999999999E-2</v>
      </c>
      <c r="X1352" s="2">
        <v>99.1</v>
      </c>
      <c r="Y1352" s="2">
        <v>7.6</v>
      </c>
      <c r="Z1352" s="2">
        <v>16.7</v>
      </c>
      <c r="AA1352" s="5"/>
      <c r="AB1352" s="5" t="s">
        <v>43</v>
      </c>
      <c r="AC1352" s="5" t="s">
        <v>44</v>
      </c>
      <c r="AD1352" s="2"/>
      <c r="AE1352" s="1"/>
    </row>
    <row r="1353" spans="1:31" ht="14.45">
      <c r="A1353" s="11"/>
      <c r="B1353" s="20"/>
      <c r="C1353" s="2" t="s">
        <v>4480</v>
      </c>
      <c r="D1353" s="14" t="s">
        <v>4481</v>
      </c>
      <c r="E1353" s="2" t="s">
        <v>4482</v>
      </c>
      <c r="F1353" s="2" t="s">
        <v>1723</v>
      </c>
      <c r="G1353" s="8">
        <v>159</v>
      </c>
      <c r="H1353" s="5">
        <v>6</v>
      </c>
      <c r="I1353" s="5" t="s">
        <v>1518</v>
      </c>
      <c r="J1353" s="5" t="s">
        <v>1519</v>
      </c>
      <c r="K1353" s="2" t="s">
        <v>1520</v>
      </c>
      <c r="L1353" s="5" t="s">
        <v>1519</v>
      </c>
      <c r="M1353" s="2" t="s">
        <v>1520</v>
      </c>
      <c r="N1353" s="5" t="s">
        <v>1521</v>
      </c>
      <c r="O1353" s="5" t="s">
        <v>38</v>
      </c>
      <c r="P1353" s="5" t="s">
        <v>39</v>
      </c>
      <c r="Q1353" s="5" t="s">
        <v>40</v>
      </c>
      <c r="R1353" s="5" t="s">
        <v>1522</v>
      </c>
      <c r="S1353" s="5" t="s">
        <v>1523</v>
      </c>
      <c r="T1353" s="5" t="s">
        <v>42</v>
      </c>
      <c r="U1353" s="2">
        <v>2.31</v>
      </c>
      <c r="V1353" s="2">
        <v>1.831</v>
      </c>
      <c r="W1353" s="2">
        <v>1.2999999999999999E-2</v>
      </c>
      <c r="X1353" s="2">
        <v>99.1</v>
      </c>
      <c r="Y1353" s="2">
        <v>7.6</v>
      </c>
      <c r="Z1353" s="2">
        <v>16.7</v>
      </c>
      <c r="AA1353" s="5"/>
      <c r="AB1353" s="5" t="s">
        <v>43</v>
      </c>
      <c r="AC1353" s="5" t="s">
        <v>44</v>
      </c>
      <c r="AD1353" s="2"/>
      <c r="AE1353" s="1"/>
    </row>
    <row r="1354" spans="1:31" ht="14.45">
      <c r="A1354" s="11"/>
      <c r="B1354" s="20"/>
      <c r="C1354" s="2" t="s">
        <v>4483</v>
      </c>
      <c r="D1354" s="14" t="s">
        <v>4484</v>
      </c>
      <c r="E1354" s="2" t="s">
        <v>4485</v>
      </c>
      <c r="F1354" s="2" t="s">
        <v>1727</v>
      </c>
      <c r="G1354" s="8">
        <v>182</v>
      </c>
      <c r="H1354" s="5">
        <v>6</v>
      </c>
      <c r="I1354" s="5" t="s">
        <v>1518</v>
      </c>
      <c r="J1354" s="5" t="s">
        <v>1519</v>
      </c>
      <c r="K1354" s="2" t="s">
        <v>1520</v>
      </c>
      <c r="L1354" s="5" t="s">
        <v>1519</v>
      </c>
      <c r="M1354" s="2" t="s">
        <v>1520</v>
      </c>
      <c r="N1354" s="5" t="s">
        <v>1521</v>
      </c>
      <c r="O1354" s="5" t="s">
        <v>38</v>
      </c>
      <c r="P1354" s="5" t="s">
        <v>39</v>
      </c>
      <c r="Q1354" s="5" t="s">
        <v>40</v>
      </c>
      <c r="R1354" s="5" t="s">
        <v>1522</v>
      </c>
      <c r="S1354" s="5" t="s">
        <v>1523</v>
      </c>
      <c r="T1354" s="5" t="s">
        <v>42</v>
      </c>
      <c r="U1354" s="2">
        <v>2.2669999999999999</v>
      </c>
      <c r="V1354" s="2">
        <v>1.788</v>
      </c>
      <c r="W1354" s="2">
        <v>1.2999999999999999E-2</v>
      </c>
      <c r="X1354" s="2">
        <v>99.1</v>
      </c>
      <c r="Y1354" s="2">
        <v>7.6</v>
      </c>
      <c r="Z1354" s="2">
        <v>16.7</v>
      </c>
      <c r="AA1354" s="5"/>
      <c r="AB1354" s="5" t="s">
        <v>43</v>
      </c>
      <c r="AC1354" s="5" t="s">
        <v>44</v>
      </c>
      <c r="AD1354" s="2"/>
      <c r="AE1354" s="1"/>
    </row>
    <row r="1355" spans="1:31" ht="14.45">
      <c r="A1355" s="11"/>
      <c r="B1355" s="20"/>
      <c r="C1355" s="2" t="s">
        <v>4486</v>
      </c>
      <c r="D1355" s="14" t="s">
        <v>4487</v>
      </c>
      <c r="E1355" s="2" t="s">
        <v>4488</v>
      </c>
      <c r="F1355" s="2" t="s">
        <v>1731</v>
      </c>
      <c r="G1355" s="8">
        <v>182</v>
      </c>
      <c r="H1355" s="5">
        <v>6</v>
      </c>
      <c r="I1355" s="5" t="s">
        <v>1518</v>
      </c>
      <c r="J1355" s="5" t="s">
        <v>1519</v>
      </c>
      <c r="K1355" s="2" t="s">
        <v>1520</v>
      </c>
      <c r="L1355" s="5" t="s">
        <v>1519</v>
      </c>
      <c r="M1355" s="2" t="s">
        <v>1520</v>
      </c>
      <c r="N1355" s="5" t="s">
        <v>1521</v>
      </c>
      <c r="O1355" s="5" t="s">
        <v>38</v>
      </c>
      <c r="P1355" s="5" t="s">
        <v>39</v>
      </c>
      <c r="Q1355" s="5" t="s">
        <v>40</v>
      </c>
      <c r="R1355" s="5" t="s">
        <v>1522</v>
      </c>
      <c r="S1355" s="5" t="s">
        <v>1523</v>
      </c>
      <c r="T1355" s="5" t="s">
        <v>42</v>
      </c>
      <c r="U1355" s="2">
        <v>2.31</v>
      </c>
      <c r="V1355" s="2">
        <v>1.831</v>
      </c>
      <c r="W1355" s="2">
        <v>1.2999999999999999E-2</v>
      </c>
      <c r="X1355" s="2">
        <v>99.1</v>
      </c>
      <c r="Y1355" s="2">
        <v>7.6</v>
      </c>
      <c r="Z1355" s="2">
        <v>16.7</v>
      </c>
      <c r="AA1355" s="5"/>
      <c r="AB1355" s="5" t="s">
        <v>43</v>
      </c>
      <c r="AC1355" s="5" t="s">
        <v>44</v>
      </c>
      <c r="AD1355" s="2"/>
      <c r="AE1355" s="1"/>
    </row>
    <row r="1356" spans="1:31" ht="14.45">
      <c r="A1356" s="11"/>
      <c r="B1356" s="20"/>
      <c r="C1356" s="2" t="s">
        <v>4489</v>
      </c>
      <c r="D1356" s="14" t="s">
        <v>4490</v>
      </c>
      <c r="E1356" s="2" t="s">
        <v>4491</v>
      </c>
      <c r="F1356" s="2" t="s">
        <v>1735</v>
      </c>
      <c r="G1356" s="8">
        <v>182</v>
      </c>
      <c r="H1356" s="5">
        <v>6</v>
      </c>
      <c r="I1356" s="5" t="s">
        <v>1518</v>
      </c>
      <c r="J1356" s="5" t="s">
        <v>1519</v>
      </c>
      <c r="K1356" s="2" t="s">
        <v>1520</v>
      </c>
      <c r="L1356" s="5" t="s">
        <v>1519</v>
      </c>
      <c r="M1356" s="2" t="s">
        <v>1520</v>
      </c>
      <c r="N1356" s="5" t="s">
        <v>1521</v>
      </c>
      <c r="O1356" s="5" t="s">
        <v>38</v>
      </c>
      <c r="P1356" s="5" t="s">
        <v>39</v>
      </c>
      <c r="Q1356" s="5" t="s">
        <v>40</v>
      </c>
      <c r="R1356" s="5" t="s">
        <v>1522</v>
      </c>
      <c r="S1356" s="5" t="s">
        <v>1523</v>
      </c>
      <c r="T1356" s="5" t="s">
        <v>42</v>
      </c>
      <c r="U1356" s="2">
        <v>2.286</v>
      </c>
      <c r="V1356" s="2">
        <v>1.8069999999999999</v>
      </c>
      <c r="W1356" s="2">
        <v>1.2999999999999999E-2</v>
      </c>
      <c r="X1356" s="2">
        <v>99.1</v>
      </c>
      <c r="Y1356" s="2">
        <v>7.6</v>
      </c>
      <c r="Z1356" s="2">
        <v>16.7</v>
      </c>
      <c r="AA1356" s="5"/>
      <c r="AB1356" s="5" t="s">
        <v>43</v>
      </c>
      <c r="AC1356" s="5" t="s">
        <v>44</v>
      </c>
      <c r="AD1356" s="2"/>
      <c r="AE1356" s="1"/>
    </row>
    <row r="1357" spans="1:31" ht="14.45">
      <c r="A1357" s="11"/>
      <c r="B1357" s="20"/>
      <c r="C1357" s="2" t="s">
        <v>4492</v>
      </c>
      <c r="D1357" s="14" t="s">
        <v>4493</v>
      </c>
      <c r="E1357" s="2" t="s">
        <v>4494</v>
      </c>
      <c r="F1357" s="2" t="s">
        <v>1739</v>
      </c>
      <c r="G1357" s="8">
        <v>182</v>
      </c>
      <c r="H1357" s="5">
        <v>6</v>
      </c>
      <c r="I1357" s="5" t="s">
        <v>1518</v>
      </c>
      <c r="J1357" s="5" t="s">
        <v>1519</v>
      </c>
      <c r="K1357" s="2" t="s">
        <v>1520</v>
      </c>
      <c r="L1357" s="5" t="s">
        <v>1519</v>
      </c>
      <c r="M1357" s="2" t="s">
        <v>1520</v>
      </c>
      <c r="N1357" s="5" t="s">
        <v>1521</v>
      </c>
      <c r="O1357" s="5" t="s">
        <v>38</v>
      </c>
      <c r="P1357" s="5" t="s">
        <v>39</v>
      </c>
      <c r="Q1357" s="5" t="s">
        <v>40</v>
      </c>
      <c r="R1357" s="5" t="s">
        <v>1522</v>
      </c>
      <c r="S1357" s="5" t="s">
        <v>1523</v>
      </c>
      <c r="T1357" s="5" t="s">
        <v>42</v>
      </c>
      <c r="U1357" s="2">
        <v>2.3290000000000002</v>
      </c>
      <c r="V1357" s="2">
        <v>1.85</v>
      </c>
      <c r="W1357" s="2">
        <v>1.2999999999999999E-2</v>
      </c>
      <c r="X1357" s="2">
        <v>99.1</v>
      </c>
      <c r="Y1357" s="2">
        <v>7.6</v>
      </c>
      <c r="Z1357" s="2">
        <v>16.7</v>
      </c>
      <c r="AA1357" s="5"/>
      <c r="AB1357" s="5" t="s">
        <v>43</v>
      </c>
      <c r="AC1357" s="5" t="s">
        <v>44</v>
      </c>
      <c r="AD1357" s="2"/>
      <c r="AE1357" s="1"/>
    </row>
    <row r="1358" spans="1:31" ht="14.45">
      <c r="A1358" s="11"/>
      <c r="B1358" s="20"/>
      <c r="C1358" s="2" t="s">
        <v>4495</v>
      </c>
      <c r="D1358" s="14" t="s">
        <v>4496</v>
      </c>
      <c r="E1358" s="2" t="s">
        <v>4497</v>
      </c>
      <c r="F1358" s="2" t="s">
        <v>1743</v>
      </c>
      <c r="G1358" s="8">
        <v>182</v>
      </c>
      <c r="H1358" s="5">
        <v>6</v>
      </c>
      <c r="I1358" s="5" t="s">
        <v>1518</v>
      </c>
      <c r="J1358" s="5" t="s">
        <v>1519</v>
      </c>
      <c r="K1358" s="2" t="s">
        <v>1520</v>
      </c>
      <c r="L1358" s="5" t="s">
        <v>1519</v>
      </c>
      <c r="M1358" s="2" t="s">
        <v>1520</v>
      </c>
      <c r="N1358" s="5" t="s">
        <v>1521</v>
      </c>
      <c r="O1358" s="5" t="s">
        <v>38</v>
      </c>
      <c r="P1358" s="5" t="s">
        <v>39</v>
      </c>
      <c r="Q1358" s="5" t="s">
        <v>40</v>
      </c>
      <c r="R1358" s="5" t="s">
        <v>1522</v>
      </c>
      <c r="S1358" s="5" t="s">
        <v>1523</v>
      </c>
      <c r="T1358" s="5" t="s">
        <v>42</v>
      </c>
      <c r="U1358" s="2">
        <v>2.2669999999999999</v>
      </c>
      <c r="V1358" s="2">
        <v>1.788</v>
      </c>
      <c r="W1358" s="2">
        <v>1.2999999999999999E-2</v>
      </c>
      <c r="X1358" s="2">
        <v>99.1</v>
      </c>
      <c r="Y1358" s="2">
        <v>7.6</v>
      </c>
      <c r="Z1358" s="2">
        <v>16.7</v>
      </c>
      <c r="AA1358" s="5"/>
      <c r="AB1358" s="5" t="s">
        <v>43</v>
      </c>
      <c r="AC1358" s="5" t="s">
        <v>44</v>
      </c>
      <c r="AD1358" s="2"/>
      <c r="AE1358" s="1"/>
    </row>
    <row r="1359" spans="1:31" ht="14.45">
      <c r="A1359" s="11"/>
      <c r="B1359" s="20"/>
      <c r="C1359" s="2" t="s">
        <v>4498</v>
      </c>
      <c r="D1359" s="14" t="s">
        <v>4499</v>
      </c>
      <c r="E1359" s="2" t="s">
        <v>4500</v>
      </c>
      <c r="F1359" s="2" t="s">
        <v>1747</v>
      </c>
      <c r="G1359" s="8">
        <v>182</v>
      </c>
      <c r="H1359" s="5">
        <v>6</v>
      </c>
      <c r="I1359" s="5" t="s">
        <v>1518</v>
      </c>
      <c r="J1359" s="5" t="s">
        <v>1519</v>
      </c>
      <c r="K1359" s="2" t="s">
        <v>1520</v>
      </c>
      <c r="L1359" s="5" t="s">
        <v>1519</v>
      </c>
      <c r="M1359" s="2" t="s">
        <v>1520</v>
      </c>
      <c r="N1359" s="5" t="s">
        <v>1521</v>
      </c>
      <c r="O1359" s="5" t="s">
        <v>38</v>
      </c>
      <c r="P1359" s="5" t="s">
        <v>39</v>
      </c>
      <c r="Q1359" s="5" t="s">
        <v>40</v>
      </c>
      <c r="R1359" s="5" t="s">
        <v>1522</v>
      </c>
      <c r="S1359" s="5" t="s">
        <v>1523</v>
      </c>
      <c r="T1359" s="5" t="s">
        <v>42</v>
      </c>
      <c r="U1359" s="2">
        <v>2.31</v>
      </c>
      <c r="V1359" s="2">
        <v>1.831</v>
      </c>
      <c r="W1359" s="2">
        <v>1.2999999999999999E-2</v>
      </c>
      <c r="X1359" s="2">
        <v>99.1</v>
      </c>
      <c r="Y1359" s="2">
        <v>7.6</v>
      </c>
      <c r="Z1359" s="2">
        <v>16.7</v>
      </c>
      <c r="AA1359" s="5"/>
      <c r="AB1359" s="5" t="s">
        <v>43</v>
      </c>
      <c r="AC1359" s="5" t="s">
        <v>44</v>
      </c>
      <c r="AD1359" s="2"/>
      <c r="AE1359" s="1"/>
    </row>
    <row r="1360" spans="1:31" ht="14.45">
      <c r="A1360" s="11"/>
      <c r="B1360" s="20"/>
      <c r="C1360" s="2" t="s">
        <v>4501</v>
      </c>
      <c r="D1360" s="14" t="s">
        <v>4502</v>
      </c>
      <c r="E1360" s="2" t="s">
        <v>4503</v>
      </c>
      <c r="F1360" s="2" t="s">
        <v>1751</v>
      </c>
      <c r="G1360" s="8">
        <v>182</v>
      </c>
      <c r="H1360" s="5">
        <v>6</v>
      </c>
      <c r="I1360" s="5" t="s">
        <v>1518</v>
      </c>
      <c r="J1360" s="5" t="s">
        <v>1519</v>
      </c>
      <c r="K1360" s="2" t="s">
        <v>1520</v>
      </c>
      <c r="L1360" s="5" t="s">
        <v>1519</v>
      </c>
      <c r="M1360" s="2" t="s">
        <v>1520</v>
      </c>
      <c r="N1360" s="5" t="s">
        <v>1521</v>
      </c>
      <c r="O1360" s="5" t="s">
        <v>38</v>
      </c>
      <c r="P1360" s="5" t="s">
        <v>39</v>
      </c>
      <c r="Q1360" s="5" t="s">
        <v>40</v>
      </c>
      <c r="R1360" s="5" t="s">
        <v>1522</v>
      </c>
      <c r="S1360" s="5" t="s">
        <v>1523</v>
      </c>
      <c r="T1360" s="5" t="s">
        <v>42</v>
      </c>
      <c r="U1360" s="2">
        <v>2.2669999999999999</v>
      </c>
      <c r="V1360" s="2">
        <v>1.788</v>
      </c>
      <c r="W1360" s="2">
        <v>1.2999999999999999E-2</v>
      </c>
      <c r="X1360" s="2">
        <v>99.1</v>
      </c>
      <c r="Y1360" s="2">
        <v>7.6</v>
      </c>
      <c r="Z1360" s="2">
        <v>16.7</v>
      </c>
      <c r="AA1360" s="5"/>
      <c r="AB1360" s="5" t="s">
        <v>43</v>
      </c>
      <c r="AC1360" s="5" t="s">
        <v>44</v>
      </c>
      <c r="AD1360" s="2"/>
      <c r="AE1360" s="1"/>
    </row>
    <row r="1361" spans="1:31" ht="14.45">
      <c r="A1361" s="11"/>
      <c r="B1361" s="20"/>
      <c r="C1361" s="2" t="s">
        <v>4504</v>
      </c>
      <c r="D1361" s="14" t="s">
        <v>4505</v>
      </c>
      <c r="E1361" s="2" t="s">
        <v>4506</v>
      </c>
      <c r="F1361" s="2" t="s">
        <v>1755</v>
      </c>
      <c r="G1361" s="8">
        <v>182</v>
      </c>
      <c r="H1361" s="5">
        <v>6</v>
      </c>
      <c r="I1361" s="5" t="s">
        <v>1518</v>
      </c>
      <c r="J1361" s="5" t="s">
        <v>1519</v>
      </c>
      <c r="K1361" s="2" t="s">
        <v>1520</v>
      </c>
      <c r="L1361" s="5" t="s">
        <v>1519</v>
      </c>
      <c r="M1361" s="2" t="s">
        <v>1520</v>
      </c>
      <c r="N1361" s="5" t="s">
        <v>1521</v>
      </c>
      <c r="O1361" s="5" t="s">
        <v>38</v>
      </c>
      <c r="P1361" s="5" t="s">
        <v>39</v>
      </c>
      <c r="Q1361" s="5" t="s">
        <v>40</v>
      </c>
      <c r="R1361" s="5" t="s">
        <v>1522</v>
      </c>
      <c r="S1361" s="5" t="s">
        <v>1523</v>
      </c>
      <c r="T1361" s="5" t="s">
        <v>42</v>
      </c>
      <c r="U1361" s="2">
        <v>2.31</v>
      </c>
      <c r="V1361" s="2">
        <v>1.831</v>
      </c>
      <c r="W1361" s="2">
        <v>1.2999999999999999E-2</v>
      </c>
      <c r="X1361" s="2">
        <v>99.1</v>
      </c>
      <c r="Y1361" s="2">
        <v>7.6</v>
      </c>
      <c r="Z1361" s="2">
        <v>16.7</v>
      </c>
      <c r="AA1361" s="5"/>
      <c r="AB1361" s="5" t="s">
        <v>43</v>
      </c>
      <c r="AC1361" s="5" t="s">
        <v>44</v>
      </c>
      <c r="AD1361" s="2"/>
      <c r="AE1361" s="1"/>
    </row>
    <row r="1362" spans="1:31" ht="14.45">
      <c r="A1362" s="11"/>
      <c r="B1362" s="20"/>
      <c r="C1362" s="2" t="s">
        <v>4507</v>
      </c>
      <c r="D1362" s="14" t="s">
        <v>4508</v>
      </c>
      <c r="E1362" s="2" t="s">
        <v>4509</v>
      </c>
      <c r="F1362" s="2" t="s">
        <v>1759</v>
      </c>
      <c r="G1362" s="8">
        <v>182</v>
      </c>
      <c r="H1362" s="5">
        <v>6</v>
      </c>
      <c r="I1362" s="5" t="s">
        <v>1518</v>
      </c>
      <c r="J1362" s="5" t="s">
        <v>1519</v>
      </c>
      <c r="K1362" s="2" t="s">
        <v>1520</v>
      </c>
      <c r="L1362" s="5" t="s">
        <v>1519</v>
      </c>
      <c r="M1362" s="2" t="s">
        <v>1520</v>
      </c>
      <c r="N1362" s="5" t="s">
        <v>1521</v>
      </c>
      <c r="O1362" s="5" t="s">
        <v>38</v>
      </c>
      <c r="P1362" s="5" t="s">
        <v>39</v>
      </c>
      <c r="Q1362" s="5" t="s">
        <v>40</v>
      </c>
      <c r="R1362" s="5" t="s">
        <v>1522</v>
      </c>
      <c r="S1362" s="5" t="s">
        <v>1523</v>
      </c>
      <c r="T1362" s="5" t="s">
        <v>42</v>
      </c>
      <c r="U1362" s="2">
        <v>2.286</v>
      </c>
      <c r="V1362" s="2">
        <v>1.8069999999999999</v>
      </c>
      <c r="W1362" s="2">
        <v>1.2999999999999999E-2</v>
      </c>
      <c r="X1362" s="2">
        <v>99.1</v>
      </c>
      <c r="Y1362" s="2">
        <v>7.6</v>
      </c>
      <c r="Z1362" s="2">
        <v>16.7</v>
      </c>
      <c r="AA1362" s="5"/>
      <c r="AB1362" s="5" t="s">
        <v>43</v>
      </c>
      <c r="AC1362" s="5" t="s">
        <v>44</v>
      </c>
      <c r="AD1362" s="2"/>
      <c r="AE1362" s="1"/>
    </row>
    <row r="1363" spans="1:31" ht="14.45">
      <c r="A1363" s="11"/>
      <c r="B1363" s="20"/>
      <c r="C1363" s="2" t="s">
        <v>4510</v>
      </c>
      <c r="D1363" s="14" t="s">
        <v>4511</v>
      </c>
      <c r="E1363" s="2" t="s">
        <v>4512</v>
      </c>
      <c r="F1363" s="2" t="s">
        <v>1763</v>
      </c>
      <c r="G1363" s="8">
        <v>182</v>
      </c>
      <c r="H1363" s="5">
        <v>6</v>
      </c>
      <c r="I1363" s="5" t="s">
        <v>1518</v>
      </c>
      <c r="J1363" s="5" t="s">
        <v>1519</v>
      </c>
      <c r="K1363" s="2" t="s">
        <v>1520</v>
      </c>
      <c r="L1363" s="5" t="s">
        <v>1519</v>
      </c>
      <c r="M1363" s="2" t="s">
        <v>1520</v>
      </c>
      <c r="N1363" s="5" t="s">
        <v>1521</v>
      </c>
      <c r="O1363" s="5" t="s">
        <v>38</v>
      </c>
      <c r="P1363" s="5" t="s">
        <v>39</v>
      </c>
      <c r="Q1363" s="5" t="s">
        <v>40</v>
      </c>
      <c r="R1363" s="5" t="s">
        <v>1522</v>
      </c>
      <c r="S1363" s="5" t="s">
        <v>1523</v>
      </c>
      <c r="T1363" s="5" t="s">
        <v>42</v>
      </c>
      <c r="U1363" s="2">
        <v>2.3290000000000002</v>
      </c>
      <c r="V1363" s="2">
        <v>1.85</v>
      </c>
      <c r="W1363" s="2">
        <v>1.2999999999999999E-2</v>
      </c>
      <c r="X1363" s="2">
        <v>99.1</v>
      </c>
      <c r="Y1363" s="2">
        <v>7.6</v>
      </c>
      <c r="Z1363" s="2">
        <v>16.7</v>
      </c>
      <c r="AA1363" s="5"/>
      <c r="AB1363" s="5" t="s">
        <v>43</v>
      </c>
      <c r="AC1363" s="5" t="s">
        <v>44</v>
      </c>
      <c r="AD1363" s="2"/>
      <c r="AE1363" s="1"/>
    </row>
    <row r="1364" spans="1:31" ht="14.45">
      <c r="A1364" s="11"/>
      <c r="B1364" s="20"/>
      <c r="C1364" s="2" t="s">
        <v>4513</v>
      </c>
      <c r="D1364" s="14" t="s">
        <v>4514</v>
      </c>
      <c r="E1364" s="2" t="s">
        <v>4515</v>
      </c>
      <c r="F1364" s="2" t="s">
        <v>1767</v>
      </c>
      <c r="G1364" s="8">
        <v>182</v>
      </c>
      <c r="H1364" s="5">
        <v>6</v>
      </c>
      <c r="I1364" s="5" t="s">
        <v>1518</v>
      </c>
      <c r="J1364" s="5" t="s">
        <v>1519</v>
      </c>
      <c r="K1364" s="2" t="s">
        <v>1520</v>
      </c>
      <c r="L1364" s="5" t="s">
        <v>1519</v>
      </c>
      <c r="M1364" s="2" t="s">
        <v>1520</v>
      </c>
      <c r="N1364" s="5" t="s">
        <v>1521</v>
      </c>
      <c r="O1364" s="5" t="s">
        <v>38</v>
      </c>
      <c r="P1364" s="5" t="s">
        <v>39</v>
      </c>
      <c r="Q1364" s="5" t="s">
        <v>40</v>
      </c>
      <c r="R1364" s="5" t="s">
        <v>1522</v>
      </c>
      <c r="S1364" s="5" t="s">
        <v>1523</v>
      </c>
      <c r="T1364" s="5" t="s">
        <v>42</v>
      </c>
      <c r="U1364" s="2">
        <v>2.286</v>
      </c>
      <c r="V1364" s="2">
        <v>1.8069999999999999</v>
      </c>
      <c r="W1364" s="2">
        <v>1.2999999999999999E-2</v>
      </c>
      <c r="X1364" s="2">
        <v>99.1</v>
      </c>
      <c r="Y1364" s="2">
        <v>7.6</v>
      </c>
      <c r="Z1364" s="2">
        <v>16.7</v>
      </c>
      <c r="AA1364" s="5"/>
      <c r="AB1364" s="5" t="s">
        <v>43</v>
      </c>
      <c r="AC1364" s="5" t="s">
        <v>44</v>
      </c>
      <c r="AD1364" s="2"/>
      <c r="AE1364" s="1"/>
    </row>
    <row r="1365" spans="1:31" ht="14.45">
      <c r="A1365" s="11"/>
      <c r="B1365" s="20"/>
      <c r="C1365" s="2" t="s">
        <v>4516</v>
      </c>
      <c r="D1365" s="14" t="s">
        <v>4517</v>
      </c>
      <c r="E1365" s="2" t="s">
        <v>4518</v>
      </c>
      <c r="F1365" s="2" t="s">
        <v>1771</v>
      </c>
      <c r="G1365" s="8">
        <v>182</v>
      </c>
      <c r="H1365" s="5">
        <v>6</v>
      </c>
      <c r="I1365" s="5" t="s">
        <v>1518</v>
      </c>
      <c r="J1365" s="5" t="s">
        <v>1519</v>
      </c>
      <c r="K1365" s="2" t="s">
        <v>1520</v>
      </c>
      <c r="L1365" s="5" t="s">
        <v>1519</v>
      </c>
      <c r="M1365" s="2" t="s">
        <v>1520</v>
      </c>
      <c r="N1365" s="5" t="s">
        <v>1521</v>
      </c>
      <c r="O1365" s="5" t="s">
        <v>38</v>
      </c>
      <c r="P1365" s="5" t="s">
        <v>39</v>
      </c>
      <c r="Q1365" s="5" t="s">
        <v>40</v>
      </c>
      <c r="R1365" s="5" t="s">
        <v>1522</v>
      </c>
      <c r="S1365" s="5" t="s">
        <v>1523</v>
      </c>
      <c r="T1365" s="5" t="s">
        <v>42</v>
      </c>
      <c r="U1365" s="2">
        <v>2.3290000000000002</v>
      </c>
      <c r="V1365" s="2">
        <v>1.85</v>
      </c>
      <c r="W1365" s="2">
        <v>1.2999999999999999E-2</v>
      </c>
      <c r="X1365" s="2">
        <v>99.1</v>
      </c>
      <c r="Y1365" s="2">
        <v>7.6</v>
      </c>
      <c r="Z1365" s="2">
        <v>16.7</v>
      </c>
      <c r="AA1365" s="5"/>
      <c r="AB1365" s="5" t="s">
        <v>43</v>
      </c>
      <c r="AC1365" s="5" t="s">
        <v>44</v>
      </c>
      <c r="AD1365" s="2"/>
      <c r="AE1365" s="1"/>
    </row>
    <row r="1366" spans="1:31" ht="14.45">
      <c r="A1366" s="11"/>
      <c r="B1366" s="20"/>
      <c r="C1366" s="2" t="s">
        <v>4519</v>
      </c>
      <c r="D1366" s="14" t="s">
        <v>4520</v>
      </c>
      <c r="E1366" s="2" t="s">
        <v>4521</v>
      </c>
      <c r="F1366" s="2" t="s">
        <v>1775</v>
      </c>
      <c r="G1366" s="8">
        <v>182</v>
      </c>
      <c r="H1366" s="5">
        <v>6</v>
      </c>
      <c r="I1366" s="5" t="s">
        <v>1518</v>
      </c>
      <c r="J1366" s="5" t="s">
        <v>1519</v>
      </c>
      <c r="K1366" s="2" t="s">
        <v>1520</v>
      </c>
      <c r="L1366" s="5" t="s">
        <v>1519</v>
      </c>
      <c r="M1366" s="2" t="s">
        <v>1520</v>
      </c>
      <c r="N1366" s="5" t="s">
        <v>1521</v>
      </c>
      <c r="O1366" s="5" t="s">
        <v>38</v>
      </c>
      <c r="P1366" s="5" t="s">
        <v>39</v>
      </c>
      <c r="Q1366" s="5" t="s">
        <v>40</v>
      </c>
      <c r="R1366" s="5" t="s">
        <v>1522</v>
      </c>
      <c r="S1366" s="5" t="s">
        <v>1523</v>
      </c>
      <c r="T1366" s="5" t="s">
        <v>42</v>
      </c>
      <c r="U1366" s="2">
        <v>2.286</v>
      </c>
      <c r="V1366" s="2">
        <v>1.8069999999999999</v>
      </c>
      <c r="W1366" s="2">
        <v>1.2999999999999999E-2</v>
      </c>
      <c r="X1366" s="2">
        <v>99.1</v>
      </c>
      <c r="Y1366" s="2">
        <v>7.6</v>
      </c>
      <c r="Z1366" s="2">
        <v>16.7</v>
      </c>
      <c r="AA1366" s="5"/>
      <c r="AB1366" s="5" t="s">
        <v>43</v>
      </c>
      <c r="AC1366" s="5" t="s">
        <v>44</v>
      </c>
      <c r="AD1366" s="2"/>
      <c r="AE1366" s="1"/>
    </row>
    <row r="1367" spans="1:31" ht="14.45">
      <c r="A1367" s="11"/>
      <c r="B1367" s="20"/>
      <c r="C1367" s="2" t="s">
        <v>4522</v>
      </c>
      <c r="D1367" s="14" t="s">
        <v>4523</v>
      </c>
      <c r="E1367" s="2" t="s">
        <v>4524</v>
      </c>
      <c r="F1367" s="2" t="s">
        <v>1779</v>
      </c>
      <c r="G1367" s="8">
        <v>182</v>
      </c>
      <c r="H1367" s="5">
        <v>6</v>
      </c>
      <c r="I1367" s="5" t="s">
        <v>1518</v>
      </c>
      <c r="J1367" s="5" t="s">
        <v>1519</v>
      </c>
      <c r="K1367" s="2" t="s">
        <v>1520</v>
      </c>
      <c r="L1367" s="5" t="s">
        <v>1519</v>
      </c>
      <c r="M1367" s="2" t="s">
        <v>1520</v>
      </c>
      <c r="N1367" s="5" t="s">
        <v>1521</v>
      </c>
      <c r="O1367" s="5" t="s">
        <v>38</v>
      </c>
      <c r="P1367" s="5" t="s">
        <v>39</v>
      </c>
      <c r="Q1367" s="5" t="s">
        <v>40</v>
      </c>
      <c r="R1367" s="5" t="s">
        <v>1522</v>
      </c>
      <c r="S1367" s="5" t="s">
        <v>1523</v>
      </c>
      <c r="T1367" s="5" t="s">
        <v>42</v>
      </c>
      <c r="U1367" s="2">
        <v>2.3290000000000002</v>
      </c>
      <c r="V1367" s="2">
        <v>1.85</v>
      </c>
      <c r="W1367" s="2">
        <v>1.2999999999999999E-2</v>
      </c>
      <c r="X1367" s="2">
        <v>99.1</v>
      </c>
      <c r="Y1367" s="2">
        <v>7.6</v>
      </c>
      <c r="Z1367" s="2">
        <v>16.7</v>
      </c>
      <c r="AA1367" s="5"/>
      <c r="AB1367" s="5" t="s">
        <v>43</v>
      </c>
      <c r="AC1367" s="5" t="s">
        <v>44</v>
      </c>
      <c r="AD1367" s="2"/>
      <c r="AE1367" s="1"/>
    </row>
    <row r="1368" spans="1:31" ht="14.45">
      <c r="A1368" s="11"/>
      <c r="B1368" s="20"/>
      <c r="C1368" s="2" t="s">
        <v>4525</v>
      </c>
      <c r="D1368" s="14" t="s">
        <v>4526</v>
      </c>
      <c r="E1368" s="2" t="s">
        <v>4527</v>
      </c>
      <c r="F1368" s="2" t="s">
        <v>1783</v>
      </c>
      <c r="G1368" s="8">
        <v>182</v>
      </c>
      <c r="H1368" s="5">
        <v>6</v>
      </c>
      <c r="I1368" s="5" t="s">
        <v>1518</v>
      </c>
      <c r="J1368" s="5" t="s">
        <v>1519</v>
      </c>
      <c r="K1368" s="2" t="s">
        <v>1520</v>
      </c>
      <c r="L1368" s="5" t="s">
        <v>1519</v>
      </c>
      <c r="M1368" s="2" t="s">
        <v>1520</v>
      </c>
      <c r="N1368" s="5" t="s">
        <v>1521</v>
      </c>
      <c r="O1368" s="5" t="s">
        <v>38</v>
      </c>
      <c r="P1368" s="5" t="s">
        <v>39</v>
      </c>
      <c r="Q1368" s="5" t="s">
        <v>40</v>
      </c>
      <c r="R1368" s="5" t="s">
        <v>1522</v>
      </c>
      <c r="S1368" s="5" t="s">
        <v>1523</v>
      </c>
      <c r="T1368" s="5" t="s">
        <v>42</v>
      </c>
      <c r="U1368" s="2">
        <v>2.2669999999999999</v>
      </c>
      <c r="V1368" s="2">
        <v>1.788</v>
      </c>
      <c r="W1368" s="2">
        <v>1.2999999999999999E-2</v>
      </c>
      <c r="X1368" s="2">
        <v>99.1</v>
      </c>
      <c r="Y1368" s="2">
        <v>7.6</v>
      </c>
      <c r="Z1368" s="2">
        <v>16.7</v>
      </c>
      <c r="AA1368" s="5"/>
      <c r="AB1368" s="5" t="s">
        <v>43</v>
      </c>
      <c r="AC1368" s="5" t="s">
        <v>44</v>
      </c>
      <c r="AD1368" s="2"/>
      <c r="AE1368" s="1"/>
    </row>
    <row r="1369" spans="1:31" ht="14.45">
      <c r="A1369" s="11"/>
      <c r="B1369" s="20"/>
      <c r="C1369" s="2" t="s">
        <v>4528</v>
      </c>
      <c r="D1369" s="14" t="s">
        <v>4529</v>
      </c>
      <c r="E1369" s="2" t="s">
        <v>4530</v>
      </c>
      <c r="F1369" s="2" t="s">
        <v>1787</v>
      </c>
      <c r="G1369" s="8">
        <v>182</v>
      </c>
      <c r="H1369" s="5">
        <v>6</v>
      </c>
      <c r="I1369" s="5" t="s">
        <v>1518</v>
      </c>
      <c r="J1369" s="5" t="s">
        <v>1519</v>
      </c>
      <c r="K1369" s="2" t="s">
        <v>1520</v>
      </c>
      <c r="L1369" s="5" t="s">
        <v>1519</v>
      </c>
      <c r="M1369" s="2" t="s">
        <v>1520</v>
      </c>
      <c r="N1369" s="5" t="s">
        <v>1521</v>
      </c>
      <c r="O1369" s="5" t="s">
        <v>38</v>
      </c>
      <c r="P1369" s="5" t="s">
        <v>39</v>
      </c>
      <c r="Q1369" s="5" t="s">
        <v>40</v>
      </c>
      <c r="R1369" s="5" t="s">
        <v>1522</v>
      </c>
      <c r="S1369" s="5" t="s">
        <v>1523</v>
      </c>
      <c r="T1369" s="5" t="s">
        <v>42</v>
      </c>
      <c r="U1369" s="2">
        <v>2.31</v>
      </c>
      <c r="V1369" s="2">
        <v>1.831</v>
      </c>
      <c r="W1369" s="2">
        <v>1.2999999999999999E-2</v>
      </c>
      <c r="X1369" s="2">
        <v>99.1</v>
      </c>
      <c r="Y1369" s="2">
        <v>7.6</v>
      </c>
      <c r="Z1369" s="2">
        <v>16.7</v>
      </c>
      <c r="AA1369" s="5"/>
      <c r="AB1369" s="5" t="s">
        <v>43</v>
      </c>
      <c r="AC1369" s="5" t="s">
        <v>44</v>
      </c>
      <c r="AD1369" s="2"/>
      <c r="AE1369" s="1"/>
    </row>
    <row r="1370" spans="1:31" ht="14.45">
      <c r="A1370" s="11"/>
      <c r="B1370" s="20"/>
      <c r="C1370" s="2" t="s">
        <v>4531</v>
      </c>
      <c r="D1370" s="14" t="s">
        <v>4532</v>
      </c>
      <c r="E1370" s="2" t="s">
        <v>4533</v>
      </c>
      <c r="F1370" s="2" t="s">
        <v>1791</v>
      </c>
      <c r="G1370" s="8">
        <v>182</v>
      </c>
      <c r="H1370" s="5">
        <v>6</v>
      </c>
      <c r="I1370" s="5" t="s">
        <v>1518</v>
      </c>
      <c r="J1370" s="5" t="s">
        <v>1519</v>
      </c>
      <c r="K1370" s="2" t="s">
        <v>1520</v>
      </c>
      <c r="L1370" s="5" t="s">
        <v>1519</v>
      </c>
      <c r="M1370" s="2" t="s">
        <v>1520</v>
      </c>
      <c r="N1370" s="5" t="s">
        <v>1521</v>
      </c>
      <c r="O1370" s="5" t="s">
        <v>38</v>
      </c>
      <c r="P1370" s="5" t="s">
        <v>39</v>
      </c>
      <c r="Q1370" s="5" t="s">
        <v>40</v>
      </c>
      <c r="R1370" s="5" t="s">
        <v>1522</v>
      </c>
      <c r="S1370" s="5" t="s">
        <v>1523</v>
      </c>
      <c r="T1370" s="5" t="s">
        <v>42</v>
      </c>
      <c r="U1370" s="2">
        <v>2.286</v>
      </c>
      <c r="V1370" s="2">
        <v>1.8069999999999999</v>
      </c>
      <c r="W1370" s="2">
        <v>1.2999999999999999E-2</v>
      </c>
      <c r="X1370" s="2">
        <v>99.1</v>
      </c>
      <c r="Y1370" s="2">
        <v>7.6</v>
      </c>
      <c r="Z1370" s="2">
        <v>16.7</v>
      </c>
      <c r="AA1370" s="5"/>
      <c r="AB1370" s="5" t="s">
        <v>43</v>
      </c>
      <c r="AC1370" s="5" t="s">
        <v>44</v>
      </c>
      <c r="AD1370" s="2"/>
      <c r="AE1370" s="1"/>
    </row>
    <row r="1371" spans="1:31" ht="14.45">
      <c r="A1371" s="11"/>
      <c r="B1371" s="20"/>
      <c r="C1371" s="2" t="s">
        <v>4534</v>
      </c>
      <c r="D1371" s="14" t="s">
        <v>4535</v>
      </c>
      <c r="E1371" s="2" t="s">
        <v>4536</v>
      </c>
      <c r="F1371" s="2" t="s">
        <v>1795</v>
      </c>
      <c r="G1371" s="8">
        <v>182</v>
      </c>
      <c r="H1371" s="5">
        <v>6</v>
      </c>
      <c r="I1371" s="5" t="s">
        <v>1518</v>
      </c>
      <c r="J1371" s="5" t="s">
        <v>1519</v>
      </c>
      <c r="K1371" s="2" t="s">
        <v>1520</v>
      </c>
      <c r="L1371" s="5" t="s">
        <v>1519</v>
      </c>
      <c r="M1371" s="2" t="s">
        <v>1520</v>
      </c>
      <c r="N1371" s="5" t="s">
        <v>1521</v>
      </c>
      <c r="O1371" s="5" t="s">
        <v>38</v>
      </c>
      <c r="P1371" s="5" t="s">
        <v>39</v>
      </c>
      <c r="Q1371" s="5" t="s">
        <v>40</v>
      </c>
      <c r="R1371" s="5" t="s">
        <v>1522</v>
      </c>
      <c r="S1371" s="5" t="s">
        <v>1523</v>
      </c>
      <c r="T1371" s="5" t="s">
        <v>42</v>
      </c>
      <c r="U1371" s="2">
        <v>2.3290000000000002</v>
      </c>
      <c r="V1371" s="2">
        <v>1.85</v>
      </c>
      <c r="W1371" s="2">
        <v>1.2999999999999999E-2</v>
      </c>
      <c r="X1371" s="2">
        <v>99.1</v>
      </c>
      <c r="Y1371" s="2">
        <v>7.6</v>
      </c>
      <c r="Z1371" s="2">
        <v>16.7</v>
      </c>
      <c r="AA1371" s="5"/>
      <c r="AB1371" s="5" t="s">
        <v>43</v>
      </c>
      <c r="AC1371" s="5" t="s">
        <v>44</v>
      </c>
      <c r="AD1371" s="2"/>
      <c r="AE1371" s="1"/>
    </row>
    <row r="1372" spans="1:31" ht="14.45">
      <c r="A1372" s="11"/>
      <c r="B1372" s="20"/>
      <c r="C1372" s="2" t="s">
        <v>4537</v>
      </c>
      <c r="D1372" s="14" t="s">
        <v>4538</v>
      </c>
      <c r="E1372" s="2" t="s">
        <v>4539</v>
      </c>
      <c r="F1372" s="2" t="s">
        <v>1799</v>
      </c>
      <c r="G1372" s="8">
        <v>182</v>
      </c>
      <c r="H1372" s="5">
        <v>6</v>
      </c>
      <c r="I1372" s="5" t="s">
        <v>1518</v>
      </c>
      <c r="J1372" s="5" t="s">
        <v>1519</v>
      </c>
      <c r="K1372" s="2" t="s">
        <v>1520</v>
      </c>
      <c r="L1372" s="5" t="s">
        <v>1519</v>
      </c>
      <c r="M1372" s="2" t="s">
        <v>1520</v>
      </c>
      <c r="N1372" s="5" t="s">
        <v>1521</v>
      </c>
      <c r="O1372" s="5" t="s">
        <v>38</v>
      </c>
      <c r="P1372" s="5" t="s">
        <v>39</v>
      </c>
      <c r="Q1372" s="5" t="s">
        <v>40</v>
      </c>
      <c r="R1372" s="5" t="s">
        <v>1522</v>
      </c>
      <c r="S1372" s="5" t="s">
        <v>1523</v>
      </c>
      <c r="T1372" s="5" t="s">
        <v>42</v>
      </c>
      <c r="U1372" s="2">
        <v>2.286</v>
      </c>
      <c r="V1372" s="2">
        <v>1.8069999999999999</v>
      </c>
      <c r="W1372" s="2">
        <v>1.2999999999999999E-2</v>
      </c>
      <c r="X1372" s="2">
        <v>99.1</v>
      </c>
      <c r="Y1372" s="2">
        <v>7.6</v>
      </c>
      <c r="Z1372" s="2">
        <v>16.7</v>
      </c>
      <c r="AA1372" s="5"/>
      <c r="AB1372" s="5" t="s">
        <v>43</v>
      </c>
      <c r="AC1372" s="5" t="s">
        <v>44</v>
      </c>
      <c r="AD1372" s="2"/>
      <c r="AE1372" s="1"/>
    </row>
    <row r="1373" spans="1:31" ht="14.45">
      <c r="A1373" s="11"/>
      <c r="B1373" s="20"/>
      <c r="C1373" s="2" t="s">
        <v>4540</v>
      </c>
      <c r="D1373" s="14" t="s">
        <v>4541</v>
      </c>
      <c r="E1373" s="2" t="s">
        <v>4542</v>
      </c>
      <c r="F1373" s="2" t="s">
        <v>1803</v>
      </c>
      <c r="G1373" s="8">
        <v>182</v>
      </c>
      <c r="H1373" s="5">
        <v>6</v>
      </c>
      <c r="I1373" s="5" t="s">
        <v>1518</v>
      </c>
      <c r="J1373" s="5" t="s">
        <v>1519</v>
      </c>
      <c r="K1373" s="2" t="s">
        <v>1520</v>
      </c>
      <c r="L1373" s="5" t="s">
        <v>1519</v>
      </c>
      <c r="M1373" s="2" t="s">
        <v>1520</v>
      </c>
      <c r="N1373" s="5" t="s">
        <v>1521</v>
      </c>
      <c r="O1373" s="5" t="s">
        <v>38</v>
      </c>
      <c r="P1373" s="5" t="s">
        <v>39</v>
      </c>
      <c r="Q1373" s="5" t="s">
        <v>40</v>
      </c>
      <c r="R1373" s="5" t="s">
        <v>1522</v>
      </c>
      <c r="S1373" s="5" t="s">
        <v>1523</v>
      </c>
      <c r="T1373" s="5" t="s">
        <v>42</v>
      </c>
      <c r="U1373" s="2">
        <v>2.3290000000000002</v>
      </c>
      <c r="V1373" s="2">
        <v>1.85</v>
      </c>
      <c r="W1373" s="2">
        <v>1.2999999999999999E-2</v>
      </c>
      <c r="X1373" s="2">
        <v>99.1</v>
      </c>
      <c r="Y1373" s="2">
        <v>7.6</v>
      </c>
      <c r="Z1373" s="2">
        <v>16.7</v>
      </c>
      <c r="AA1373" s="5"/>
      <c r="AB1373" s="5" t="s">
        <v>43</v>
      </c>
      <c r="AC1373" s="5" t="s">
        <v>44</v>
      </c>
      <c r="AD1373" s="2"/>
      <c r="AE1373" s="1"/>
    </row>
    <row r="1374" spans="1:31" ht="14.45">
      <c r="A1374" s="11"/>
      <c r="B1374" s="20"/>
      <c r="C1374" s="2" t="s">
        <v>4543</v>
      </c>
      <c r="D1374" s="14" t="s">
        <v>4544</v>
      </c>
      <c r="E1374" s="2" t="s">
        <v>4545</v>
      </c>
      <c r="F1374" s="2" t="s">
        <v>1807</v>
      </c>
      <c r="G1374" s="8">
        <v>182</v>
      </c>
      <c r="H1374" s="5">
        <v>6</v>
      </c>
      <c r="I1374" s="5" t="s">
        <v>1518</v>
      </c>
      <c r="J1374" s="5" t="s">
        <v>1519</v>
      </c>
      <c r="K1374" s="2" t="s">
        <v>1520</v>
      </c>
      <c r="L1374" s="5" t="s">
        <v>1519</v>
      </c>
      <c r="M1374" s="2" t="s">
        <v>1520</v>
      </c>
      <c r="N1374" s="5" t="s">
        <v>1521</v>
      </c>
      <c r="O1374" s="5" t="s">
        <v>38</v>
      </c>
      <c r="P1374" s="5" t="s">
        <v>39</v>
      </c>
      <c r="Q1374" s="5" t="s">
        <v>40</v>
      </c>
      <c r="R1374" s="5" t="s">
        <v>1522</v>
      </c>
      <c r="S1374" s="5" t="s">
        <v>1523</v>
      </c>
      <c r="T1374" s="5" t="s">
        <v>42</v>
      </c>
      <c r="U1374" s="2">
        <v>2.286</v>
      </c>
      <c r="V1374" s="2">
        <v>1.8069999999999999</v>
      </c>
      <c r="W1374" s="2">
        <v>1.2999999999999999E-2</v>
      </c>
      <c r="X1374" s="2">
        <v>99.1</v>
      </c>
      <c r="Y1374" s="2">
        <v>7.6</v>
      </c>
      <c r="Z1374" s="2">
        <v>16.7</v>
      </c>
      <c r="AA1374" s="5"/>
      <c r="AB1374" s="5" t="s">
        <v>43</v>
      </c>
      <c r="AC1374" s="5" t="s">
        <v>44</v>
      </c>
      <c r="AD1374" s="2"/>
      <c r="AE1374" s="1"/>
    </row>
    <row r="1375" spans="1:31" ht="14.45">
      <c r="A1375" s="11"/>
      <c r="B1375" s="20"/>
      <c r="C1375" s="2" t="s">
        <v>4546</v>
      </c>
      <c r="D1375" s="14" t="s">
        <v>4547</v>
      </c>
      <c r="E1375" s="2" t="s">
        <v>4548</v>
      </c>
      <c r="F1375" s="2" t="s">
        <v>1811</v>
      </c>
      <c r="G1375" s="8">
        <v>182</v>
      </c>
      <c r="H1375" s="5">
        <v>6</v>
      </c>
      <c r="I1375" s="5" t="s">
        <v>1518</v>
      </c>
      <c r="J1375" s="5" t="s">
        <v>1519</v>
      </c>
      <c r="K1375" s="2" t="s">
        <v>1520</v>
      </c>
      <c r="L1375" s="5" t="s">
        <v>1519</v>
      </c>
      <c r="M1375" s="2" t="s">
        <v>1520</v>
      </c>
      <c r="N1375" s="5" t="s">
        <v>1521</v>
      </c>
      <c r="O1375" s="5" t="s">
        <v>38</v>
      </c>
      <c r="P1375" s="5" t="s">
        <v>39</v>
      </c>
      <c r="Q1375" s="5" t="s">
        <v>40</v>
      </c>
      <c r="R1375" s="5" t="s">
        <v>1522</v>
      </c>
      <c r="S1375" s="5" t="s">
        <v>1523</v>
      </c>
      <c r="T1375" s="5" t="s">
        <v>42</v>
      </c>
      <c r="U1375" s="2">
        <v>2.3290000000000002</v>
      </c>
      <c r="V1375" s="2">
        <v>1.85</v>
      </c>
      <c r="W1375" s="2">
        <v>1.2999999999999999E-2</v>
      </c>
      <c r="X1375" s="2">
        <v>99.1</v>
      </c>
      <c r="Y1375" s="2">
        <v>7.6</v>
      </c>
      <c r="Z1375" s="2">
        <v>16.7</v>
      </c>
      <c r="AA1375" s="5"/>
      <c r="AB1375" s="5" t="s">
        <v>43</v>
      </c>
      <c r="AC1375" s="5" t="s">
        <v>44</v>
      </c>
      <c r="AD1375" s="2"/>
      <c r="AE1375" s="1"/>
    </row>
    <row r="1376" spans="1:31" ht="14.45">
      <c r="A1376" s="11"/>
      <c r="B1376" s="20"/>
      <c r="C1376" s="2" t="s">
        <v>4549</v>
      </c>
      <c r="D1376" s="14" t="s">
        <v>4550</v>
      </c>
      <c r="E1376" s="2" t="s">
        <v>4551</v>
      </c>
      <c r="F1376" s="2" t="s">
        <v>1815</v>
      </c>
      <c r="G1376" s="8">
        <v>182</v>
      </c>
      <c r="H1376" s="5">
        <v>6</v>
      </c>
      <c r="I1376" s="5" t="s">
        <v>1518</v>
      </c>
      <c r="J1376" s="5" t="s">
        <v>1519</v>
      </c>
      <c r="K1376" s="2" t="s">
        <v>1520</v>
      </c>
      <c r="L1376" s="5" t="s">
        <v>1519</v>
      </c>
      <c r="M1376" s="2" t="s">
        <v>1520</v>
      </c>
      <c r="N1376" s="5" t="s">
        <v>1521</v>
      </c>
      <c r="O1376" s="5" t="s">
        <v>38</v>
      </c>
      <c r="P1376" s="5" t="s">
        <v>39</v>
      </c>
      <c r="Q1376" s="5" t="s">
        <v>40</v>
      </c>
      <c r="R1376" s="5" t="s">
        <v>1522</v>
      </c>
      <c r="S1376" s="5" t="s">
        <v>1523</v>
      </c>
      <c r="T1376" s="5" t="s">
        <v>42</v>
      </c>
      <c r="U1376" s="2">
        <v>2.2669999999999999</v>
      </c>
      <c r="V1376" s="2">
        <v>1.788</v>
      </c>
      <c r="W1376" s="2">
        <v>1.2999999999999999E-2</v>
      </c>
      <c r="X1376" s="2">
        <v>99.1</v>
      </c>
      <c r="Y1376" s="2">
        <v>7.6</v>
      </c>
      <c r="Z1376" s="2">
        <v>16.7</v>
      </c>
      <c r="AA1376" s="5"/>
      <c r="AB1376" s="5" t="s">
        <v>43</v>
      </c>
      <c r="AC1376" s="5" t="s">
        <v>44</v>
      </c>
      <c r="AD1376" s="2"/>
      <c r="AE1376" s="1"/>
    </row>
    <row r="1377" spans="1:31" ht="14.45">
      <c r="A1377" s="11"/>
      <c r="B1377" s="20"/>
      <c r="C1377" s="2" t="s">
        <v>4552</v>
      </c>
      <c r="D1377" s="14" t="s">
        <v>4553</v>
      </c>
      <c r="E1377" s="2" t="s">
        <v>4554</v>
      </c>
      <c r="F1377" s="2" t="s">
        <v>1819</v>
      </c>
      <c r="G1377" s="8">
        <v>182</v>
      </c>
      <c r="H1377" s="5">
        <v>6</v>
      </c>
      <c r="I1377" s="5" t="s">
        <v>1518</v>
      </c>
      <c r="J1377" s="5" t="s">
        <v>1519</v>
      </c>
      <c r="K1377" s="2" t="s">
        <v>1520</v>
      </c>
      <c r="L1377" s="5" t="s">
        <v>1519</v>
      </c>
      <c r="M1377" s="2" t="s">
        <v>1520</v>
      </c>
      <c r="N1377" s="5" t="s">
        <v>1521</v>
      </c>
      <c r="O1377" s="5" t="s">
        <v>38</v>
      </c>
      <c r="P1377" s="5" t="s">
        <v>39</v>
      </c>
      <c r="Q1377" s="5" t="s">
        <v>40</v>
      </c>
      <c r="R1377" s="5" t="s">
        <v>1522</v>
      </c>
      <c r="S1377" s="5" t="s">
        <v>1523</v>
      </c>
      <c r="T1377" s="5" t="s">
        <v>42</v>
      </c>
      <c r="U1377" s="2">
        <v>2.31</v>
      </c>
      <c r="V1377" s="2">
        <v>1.831</v>
      </c>
      <c r="W1377" s="2">
        <v>1.2999999999999999E-2</v>
      </c>
      <c r="X1377" s="2">
        <v>99.1</v>
      </c>
      <c r="Y1377" s="2">
        <v>7.6</v>
      </c>
      <c r="Z1377" s="2">
        <v>16.7</v>
      </c>
      <c r="AA1377" s="5"/>
      <c r="AB1377" s="5" t="s">
        <v>43</v>
      </c>
      <c r="AC1377" s="5" t="s">
        <v>44</v>
      </c>
      <c r="AD1377" s="2"/>
      <c r="AE1377" s="1"/>
    </row>
    <row r="1378" spans="1:31" ht="14.45">
      <c r="A1378" s="11"/>
      <c r="B1378" s="20"/>
      <c r="C1378" s="2" t="s">
        <v>4555</v>
      </c>
      <c r="D1378" s="14" t="s">
        <v>4556</v>
      </c>
      <c r="E1378" s="2" t="s">
        <v>4557</v>
      </c>
      <c r="F1378" s="2" t="s">
        <v>1823</v>
      </c>
      <c r="G1378" s="8">
        <v>182</v>
      </c>
      <c r="H1378" s="5">
        <v>8</v>
      </c>
      <c r="I1378" s="5" t="s">
        <v>1518</v>
      </c>
      <c r="J1378" s="5" t="s">
        <v>1519</v>
      </c>
      <c r="K1378" s="2" t="s">
        <v>1520</v>
      </c>
      <c r="L1378" s="5" t="s">
        <v>1519</v>
      </c>
      <c r="M1378" s="2" t="s">
        <v>1520</v>
      </c>
      <c r="N1378" s="5" t="s">
        <v>1521</v>
      </c>
      <c r="O1378" s="5" t="s">
        <v>38</v>
      </c>
      <c r="P1378" s="5" t="s">
        <v>39</v>
      </c>
      <c r="Q1378" s="5" t="s">
        <v>40</v>
      </c>
      <c r="R1378" s="5" t="s">
        <v>1522</v>
      </c>
      <c r="S1378" s="5" t="s">
        <v>1523</v>
      </c>
      <c r="T1378" s="5" t="s">
        <v>42</v>
      </c>
      <c r="U1378" s="2">
        <v>2.2999999999999998</v>
      </c>
      <c r="V1378" s="2">
        <v>1.821</v>
      </c>
      <c r="W1378" s="2">
        <v>1.2999999999999999E-2</v>
      </c>
      <c r="X1378" s="2">
        <v>99.1</v>
      </c>
      <c r="Y1378" s="2">
        <v>7.6</v>
      </c>
      <c r="Z1378" s="2">
        <v>16.7</v>
      </c>
      <c r="AA1378" s="5"/>
      <c r="AB1378" s="5" t="s">
        <v>43</v>
      </c>
      <c r="AC1378" s="5" t="s">
        <v>44</v>
      </c>
      <c r="AD1378" s="2"/>
      <c r="AE1378" s="1"/>
    </row>
    <row r="1379" spans="1:31" ht="14.45">
      <c r="A1379" s="11"/>
      <c r="B1379" s="20"/>
      <c r="C1379" s="2" t="s">
        <v>4558</v>
      </c>
      <c r="D1379" s="14" t="s">
        <v>4559</v>
      </c>
      <c r="E1379" s="2" t="s">
        <v>4560</v>
      </c>
      <c r="F1379" s="2" t="s">
        <v>1827</v>
      </c>
      <c r="G1379" s="8">
        <v>182</v>
      </c>
      <c r="H1379" s="5">
        <v>8</v>
      </c>
      <c r="I1379" s="5" t="s">
        <v>1518</v>
      </c>
      <c r="J1379" s="5" t="s">
        <v>1519</v>
      </c>
      <c r="K1379" s="2" t="s">
        <v>1520</v>
      </c>
      <c r="L1379" s="5" t="s">
        <v>1519</v>
      </c>
      <c r="M1379" s="2" t="s">
        <v>1520</v>
      </c>
      <c r="N1379" s="5" t="s">
        <v>1521</v>
      </c>
      <c r="O1379" s="5" t="s">
        <v>38</v>
      </c>
      <c r="P1379" s="5" t="s">
        <v>39</v>
      </c>
      <c r="Q1379" s="5" t="s">
        <v>40</v>
      </c>
      <c r="R1379" s="5" t="s">
        <v>1522</v>
      </c>
      <c r="S1379" s="5" t="s">
        <v>1523</v>
      </c>
      <c r="T1379" s="5" t="s">
        <v>42</v>
      </c>
      <c r="U1379" s="2">
        <v>2.343</v>
      </c>
      <c r="V1379" s="2">
        <v>1.8640000000000001</v>
      </c>
      <c r="W1379" s="2">
        <v>1.2999999999999999E-2</v>
      </c>
      <c r="X1379" s="2">
        <v>99.1</v>
      </c>
      <c r="Y1379" s="2">
        <v>7.6</v>
      </c>
      <c r="Z1379" s="2">
        <v>16.7</v>
      </c>
      <c r="AA1379" s="5"/>
      <c r="AB1379" s="5" t="s">
        <v>43</v>
      </c>
      <c r="AC1379" s="5" t="s">
        <v>44</v>
      </c>
      <c r="AD1379" s="2"/>
      <c r="AE1379" s="1"/>
    </row>
    <row r="1380" spans="1:31" ht="14.45">
      <c r="A1380" s="11"/>
      <c r="B1380" s="20"/>
      <c r="C1380" s="2" t="s">
        <v>4561</v>
      </c>
      <c r="D1380" s="14" t="s">
        <v>4562</v>
      </c>
      <c r="E1380" s="2" t="s">
        <v>4563</v>
      </c>
      <c r="F1380" s="2" t="s">
        <v>1973</v>
      </c>
      <c r="G1380" s="8">
        <v>182</v>
      </c>
      <c r="H1380" s="5">
        <v>13</v>
      </c>
      <c r="I1380" s="5" t="s">
        <v>1518</v>
      </c>
      <c r="J1380" s="5" t="s">
        <v>1519</v>
      </c>
      <c r="K1380" s="2" t="s">
        <v>1520</v>
      </c>
      <c r="L1380" s="5" t="s">
        <v>1519</v>
      </c>
      <c r="M1380" s="2" t="s">
        <v>1520</v>
      </c>
      <c r="N1380" s="5" t="s">
        <v>1521</v>
      </c>
      <c r="O1380" s="5" t="s">
        <v>38</v>
      </c>
      <c r="P1380" s="5" t="s">
        <v>39</v>
      </c>
      <c r="Q1380" s="5" t="s">
        <v>40</v>
      </c>
      <c r="R1380" s="5" t="s">
        <v>1522</v>
      </c>
      <c r="S1380" s="5" t="s">
        <v>1523</v>
      </c>
      <c r="T1380" s="5" t="s">
        <v>42</v>
      </c>
      <c r="U1380" s="2">
        <v>2.3260000000000001</v>
      </c>
      <c r="V1380" s="2">
        <v>1.847</v>
      </c>
      <c r="W1380" s="2">
        <v>1.2999999999999999E-2</v>
      </c>
      <c r="X1380" s="2">
        <v>99.1</v>
      </c>
      <c r="Y1380" s="2">
        <v>7.6</v>
      </c>
      <c r="Z1380" s="2">
        <v>16.7</v>
      </c>
      <c r="AA1380" s="5"/>
      <c r="AB1380" s="5" t="s">
        <v>43</v>
      </c>
      <c r="AC1380" s="5" t="s">
        <v>44</v>
      </c>
      <c r="AD1380" s="2"/>
      <c r="AE1380" s="1"/>
    </row>
    <row r="1381" spans="1:31" ht="14.45">
      <c r="A1381" s="11"/>
      <c r="B1381" s="20"/>
      <c r="C1381" s="2" t="s">
        <v>4564</v>
      </c>
      <c r="D1381" s="14" t="s">
        <v>4565</v>
      </c>
      <c r="E1381" s="2" t="s">
        <v>4566</v>
      </c>
      <c r="F1381" s="2" t="s">
        <v>2208</v>
      </c>
      <c r="G1381" s="8">
        <v>182</v>
      </c>
      <c r="H1381" s="5">
        <v>13</v>
      </c>
      <c r="I1381" s="5" t="s">
        <v>1518</v>
      </c>
      <c r="J1381" s="5" t="s">
        <v>1519</v>
      </c>
      <c r="K1381" s="2" t="s">
        <v>1520</v>
      </c>
      <c r="L1381" s="5" t="s">
        <v>1519</v>
      </c>
      <c r="M1381" s="2" t="s">
        <v>1520</v>
      </c>
      <c r="N1381" s="5" t="s">
        <v>1521</v>
      </c>
      <c r="O1381" s="5" t="s">
        <v>38</v>
      </c>
      <c r="P1381" s="5" t="s">
        <v>39</v>
      </c>
      <c r="Q1381" s="5" t="s">
        <v>40</v>
      </c>
      <c r="R1381" s="5" t="s">
        <v>1522</v>
      </c>
      <c r="S1381" s="5" t="s">
        <v>1523</v>
      </c>
      <c r="T1381" s="5" t="s">
        <v>42</v>
      </c>
      <c r="U1381" s="2">
        <v>2.3260000000000001</v>
      </c>
      <c r="V1381" s="2">
        <v>1.847</v>
      </c>
      <c r="W1381" s="2">
        <v>1.2999999999999999E-2</v>
      </c>
      <c r="X1381" s="2">
        <v>99.1</v>
      </c>
      <c r="Y1381" s="2">
        <v>7.6</v>
      </c>
      <c r="Z1381" s="2">
        <v>16.7</v>
      </c>
      <c r="AA1381" s="5"/>
      <c r="AB1381" s="5" t="s">
        <v>43</v>
      </c>
      <c r="AC1381" s="5" t="s">
        <v>44</v>
      </c>
      <c r="AD1381" s="2"/>
      <c r="AE1381" s="1"/>
    </row>
    <row r="1382" spans="1:31" ht="14.45">
      <c r="A1382" s="11"/>
      <c r="B1382" s="20"/>
      <c r="C1382" s="2" t="s">
        <v>4567</v>
      </c>
      <c r="D1382" s="14" t="s">
        <v>4568</v>
      </c>
      <c r="E1382" s="2" t="s">
        <v>4569</v>
      </c>
      <c r="F1382" s="2" t="s">
        <v>2212</v>
      </c>
      <c r="G1382" s="8">
        <v>182</v>
      </c>
      <c r="H1382" s="5">
        <v>13</v>
      </c>
      <c r="I1382" s="5" t="s">
        <v>1518</v>
      </c>
      <c r="J1382" s="5" t="s">
        <v>1519</v>
      </c>
      <c r="K1382" s="2" t="s">
        <v>1520</v>
      </c>
      <c r="L1382" s="5" t="s">
        <v>1519</v>
      </c>
      <c r="M1382" s="2" t="s">
        <v>1520</v>
      </c>
      <c r="N1382" s="5" t="s">
        <v>1521</v>
      </c>
      <c r="O1382" s="5" t="s">
        <v>38</v>
      </c>
      <c r="P1382" s="5" t="s">
        <v>39</v>
      </c>
      <c r="Q1382" s="5" t="s">
        <v>40</v>
      </c>
      <c r="R1382" s="5" t="s">
        <v>1522</v>
      </c>
      <c r="S1382" s="5" t="s">
        <v>1523</v>
      </c>
      <c r="T1382" s="5" t="s">
        <v>42</v>
      </c>
      <c r="U1382" s="2">
        <v>2.3690000000000002</v>
      </c>
      <c r="V1382" s="2">
        <v>1.89</v>
      </c>
      <c r="W1382" s="2">
        <v>1.2999999999999999E-2</v>
      </c>
      <c r="X1382" s="2">
        <v>99.1</v>
      </c>
      <c r="Y1382" s="2">
        <v>7.6</v>
      </c>
      <c r="Z1382" s="2">
        <v>16.7</v>
      </c>
      <c r="AA1382" s="5"/>
      <c r="AB1382" s="5" t="s">
        <v>43</v>
      </c>
      <c r="AC1382" s="5" t="s">
        <v>44</v>
      </c>
      <c r="AD1382" s="2"/>
      <c r="AE1382" s="1"/>
    </row>
    <row r="1383" spans="1:31" ht="14.45">
      <c r="A1383" s="11"/>
      <c r="B1383" s="20"/>
      <c r="C1383" s="2" t="s">
        <v>4570</v>
      </c>
      <c r="D1383" s="14" t="s">
        <v>4571</v>
      </c>
      <c r="E1383" s="2" t="s">
        <v>4572</v>
      </c>
      <c r="F1383" s="2" t="s">
        <v>1835</v>
      </c>
      <c r="G1383" s="8">
        <v>182</v>
      </c>
      <c r="H1383" s="5">
        <v>13</v>
      </c>
      <c r="I1383" s="5" t="s">
        <v>1518</v>
      </c>
      <c r="J1383" s="5" t="s">
        <v>1519</v>
      </c>
      <c r="K1383" s="2" t="s">
        <v>1520</v>
      </c>
      <c r="L1383" s="5" t="s">
        <v>1519</v>
      </c>
      <c r="M1383" s="2" t="s">
        <v>1520</v>
      </c>
      <c r="N1383" s="5" t="s">
        <v>1521</v>
      </c>
      <c r="O1383" s="5" t="s">
        <v>38</v>
      </c>
      <c r="P1383" s="5" t="s">
        <v>39</v>
      </c>
      <c r="Q1383" s="5" t="s">
        <v>40</v>
      </c>
      <c r="R1383" s="5" t="s">
        <v>1522</v>
      </c>
      <c r="S1383" s="5" t="s">
        <v>1523</v>
      </c>
      <c r="T1383" s="5" t="s">
        <v>42</v>
      </c>
      <c r="U1383" s="2">
        <v>2.3690000000000002</v>
      </c>
      <c r="V1383" s="2">
        <v>1.89</v>
      </c>
      <c r="W1383" s="2">
        <v>1.2999999999999999E-2</v>
      </c>
      <c r="X1383" s="2">
        <v>99.1</v>
      </c>
      <c r="Y1383" s="2">
        <v>7.6</v>
      </c>
      <c r="Z1383" s="2">
        <v>16.7</v>
      </c>
      <c r="AA1383" s="5"/>
      <c r="AB1383" s="5" t="s">
        <v>43</v>
      </c>
      <c r="AC1383" s="5" t="s">
        <v>44</v>
      </c>
      <c r="AD1383" s="2"/>
      <c r="AE1383" s="1"/>
    </row>
    <row r="1384" spans="1:31" ht="14.45">
      <c r="A1384" s="11"/>
      <c r="B1384" s="20"/>
      <c r="C1384" s="2" t="s">
        <v>4573</v>
      </c>
      <c r="D1384" s="14" t="s">
        <v>4574</v>
      </c>
      <c r="E1384" s="2" t="s">
        <v>4575</v>
      </c>
      <c r="F1384" s="2" t="s">
        <v>1839</v>
      </c>
      <c r="G1384" s="8">
        <v>182</v>
      </c>
      <c r="H1384" s="5">
        <v>13</v>
      </c>
      <c r="I1384" s="5" t="s">
        <v>1518</v>
      </c>
      <c r="J1384" s="5" t="s">
        <v>1519</v>
      </c>
      <c r="K1384" s="2" t="s">
        <v>1520</v>
      </c>
      <c r="L1384" s="5" t="s">
        <v>1519</v>
      </c>
      <c r="M1384" s="2" t="s">
        <v>1520</v>
      </c>
      <c r="N1384" s="5" t="s">
        <v>1521</v>
      </c>
      <c r="O1384" s="5" t="s">
        <v>38</v>
      </c>
      <c r="P1384" s="5" t="s">
        <v>39</v>
      </c>
      <c r="Q1384" s="5" t="s">
        <v>40</v>
      </c>
      <c r="R1384" s="5" t="s">
        <v>1522</v>
      </c>
      <c r="S1384" s="5" t="s">
        <v>1523</v>
      </c>
      <c r="T1384" s="5" t="s">
        <v>42</v>
      </c>
      <c r="U1384" s="2">
        <v>2.3260000000000001</v>
      </c>
      <c r="V1384" s="2">
        <v>1.847</v>
      </c>
      <c r="W1384" s="2">
        <v>1.2999999999999999E-2</v>
      </c>
      <c r="X1384" s="2">
        <v>99.1</v>
      </c>
      <c r="Y1384" s="2">
        <v>7.6</v>
      </c>
      <c r="Z1384" s="2">
        <v>16.7</v>
      </c>
      <c r="AA1384" s="5"/>
      <c r="AB1384" s="5" t="s">
        <v>43</v>
      </c>
      <c r="AC1384" s="5" t="s">
        <v>44</v>
      </c>
      <c r="AD1384" s="2"/>
      <c r="AE1384" s="1"/>
    </row>
    <row r="1385" spans="1:31" ht="14.45">
      <c r="A1385" s="11"/>
      <c r="B1385" s="20"/>
      <c r="C1385" s="2" t="s">
        <v>4576</v>
      </c>
      <c r="D1385" s="14" t="s">
        <v>4577</v>
      </c>
      <c r="E1385" s="2" t="s">
        <v>4578</v>
      </c>
      <c r="F1385" s="2" t="s">
        <v>1986</v>
      </c>
      <c r="G1385" s="8">
        <v>182</v>
      </c>
      <c r="H1385" s="5">
        <v>13</v>
      </c>
      <c r="I1385" s="5" t="s">
        <v>1518</v>
      </c>
      <c r="J1385" s="5" t="s">
        <v>1519</v>
      </c>
      <c r="K1385" s="2" t="s">
        <v>1520</v>
      </c>
      <c r="L1385" s="5" t="s">
        <v>1519</v>
      </c>
      <c r="M1385" s="2" t="s">
        <v>1520</v>
      </c>
      <c r="N1385" s="5" t="s">
        <v>1521</v>
      </c>
      <c r="O1385" s="5" t="s">
        <v>38</v>
      </c>
      <c r="P1385" s="5" t="s">
        <v>39</v>
      </c>
      <c r="Q1385" s="5" t="s">
        <v>40</v>
      </c>
      <c r="R1385" s="5" t="s">
        <v>1522</v>
      </c>
      <c r="S1385" s="5" t="s">
        <v>1523</v>
      </c>
      <c r="T1385" s="5" t="s">
        <v>42</v>
      </c>
      <c r="U1385" s="2">
        <v>2.3690000000000002</v>
      </c>
      <c r="V1385" s="2">
        <v>1.89</v>
      </c>
      <c r="W1385" s="2">
        <v>1.2999999999999999E-2</v>
      </c>
      <c r="X1385" s="2">
        <v>99.1</v>
      </c>
      <c r="Y1385" s="2">
        <v>7.6</v>
      </c>
      <c r="Z1385" s="2">
        <v>16.7</v>
      </c>
      <c r="AA1385" s="5"/>
      <c r="AB1385" s="5" t="s">
        <v>43</v>
      </c>
      <c r="AC1385" s="5" t="s">
        <v>44</v>
      </c>
      <c r="AD1385" s="2"/>
      <c r="AE1385" s="1"/>
    </row>
    <row r="1386" spans="1:31" ht="14.45">
      <c r="A1386" s="11"/>
      <c r="B1386" s="20"/>
      <c r="C1386" s="2" t="s">
        <v>4579</v>
      </c>
      <c r="D1386" s="14" t="s">
        <v>4580</v>
      </c>
      <c r="E1386" s="2" t="s">
        <v>4581</v>
      </c>
      <c r="F1386" s="2" t="s">
        <v>1847</v>
      </c>
      <c r="G1386" s="8">
        <v>182</v>
      </c>
      <c r="H1386" s="5">
        <v>13</v>
      </c>
      <c r="I1386" s="5" t="s">
        <v>1518</v>
      </c>
      <c r="J1386" s="5" t="s">
        <v>1519</v>
      </c>
      <c r="K1386" s="2" t="s">
        <v>1520</v>
      </c>
      <c r="L1386" s="5" t="s">
        <v>1519</v>
      </c>
      <c r="M1386" s="2" t="s">
        <v>1520</v>
      </c>
      <c r="N1386" s="5" t="s">
        <v>1521</v>
      </c>
      <c r="O1386" s="5" t="s">
        <v>38</v>
      </c>
      <c r="P1386" s="5" t="s">
        <v>39</v>
      </c>
      <c r="Q1386" s="5" t="s">
        <v>40</v>
      </c>
      <c r="R1386" s="5" t="s">
        <v>1522</v>
      </c>
      <c r="S1386" s="5" t="s">
        <v>1523</v>
      </c>
      <c r="T1386" s="5" t="s">
        <v>42</v>
      </c>
      <c r="U1386" s="2">
        <v>2.3690000000000002</v>
      </c>
      <c r="V1386" s="2">
        <v>1.89</v>
      </c>
      <c r="W1386" s="2">
        <v>1.2999999999999999E-2</v>
      </c>
      <c r="X1386" s="2">
        <v>99.1</v>
      </c>
      <c r="Y1386" s="2">
        <v>7.6</v>
      </c>
      <c r="Z1386" s="2">
        <v>16.7</v>
      </c>
      <c r="AA1386" s="5"/>
      <c r="AB1386" s="5" t="s">
        <v>43</v>
      </c>
      <c r="AC1386" s="5" t="s">
        <v>44</v>
      </c>
      <c r="AD1386" s="2"/>
      <c r="AE1386" s="1"/>
    </row>
    <row r="1387" spans="1:31" ht="14.45">
      <c r="A1387" s="11"/>
      <c r="B1387" s="20"/>
      <c r="C1387" s="2" t="s">
        <v>4582</v>
      </c>
      <c r="D1387" s="14" t="s">
        <v>4583</v>
      </c>
      <c r="E1387" s="2" t="s">
        <v>4584</v>
      </c>
      <c r="F1387" s="2" t="s">
        <v>1851</v>
      </c>
      <c r="G1387" s="8">
        <v>182</v>
      </c>
      <c r="H1387" s="5">
        <v>13</v>
      </c>
      <c r="I1387" s="5" t="s">
        <v>1518</v>
      </c>
      <c r="J1387" s="5" t="s">
        <v>1519</v>
      </c>
      <c r="K1387" s="2" t="s">
        <v>1520</v>
      </c>
      <c r="L1387" s="5" t="s">
        <v>1519</v>
      </c>
      <c r="M1387" s="2" t="s">
        <v>1520</v>
      </c>
      <c r="N1387" s="5" t="s">
        <v>1521</v>
      </c>
      <c r="O1387" s="5" t="s">
        <v>38</v>
      </c>
      <c r="P1387" s="5" t="s">
        <v>39</v>
      </c>
      <c r="Q1387" s="5" t="s">
        <v>40</v>
      </c>
      <c r="R1387" s="5" t="s">
        <v>1522</v>
      </c>
      <c r="S1387" s="5" t="s">
        <v>1523</v>
      </c>
      <c r="T1387" s="5" t="s">
        <v>42</v>
      </c>
      <c r="U1387" s="2">
        <v>2.3260000000000001</v>
      </c>
      <c r="V1387" s="2">
        <v>1.847</v>
      </c>
      <c r="W1387" s="2">
        <v>1.2999999999999999E-2</v>
      </c>
      <c r="X1387" s="2">
        <v>99.1</v>
      </c>
      <c r="Y1387" s="2">
        <v>7.6</v>
      </c>
      <c r="Z1387" s="2">
        <v>16.7</v>
      </c>
      <c r="AA1387" s="5"/>
      <c r="AB1387" s="5" t="s">
        <v>43</v>
      </c>
      <c r="AC1387" s="5" t="s">
        <v>44</v>
      </c>
      <c r="AD1387" s="2"/>
      <c r="AE1387" s="1"/>
    </row>
    <row r="1388" spans="1:31" ht="14.45">
      <c r="A1388" s="11"/>
      <c r="B1388" s="20"/>
      <c r="C1388" s="2" t="s">
        <v>4585</v>
      </c>
      <c r="D1388" s="14" t="s">
        <v>4586</v>
      </c>
      <c r="E1388" s="2" t="s">
        <v>4587</v>
      </c>
      <c r="F1388" s="2" t="s">
        <v>1859</v>
      </c>
      <c r="G1388" s="8">
        <v>182</v>
      </c>
      <c r="H1388" s="5">
        <v>13</v>
      </c>
      <c r="I1388" s="5" t="s">
        <v>1518</v>
      </c>
      <c r="J1388" s="5" t="s">
        <v>1519</v>
      </c>
      <c r="K1388" s="2" t="s">
        <v>1520</v>
      </c>
      <c r="L1388" s="5" t="s">
        <v>1519</v>
      </c>
      <c r="M1388" s="2" t="s">
        <v>1520</v>
      </c>
      <c r="N1388" s="5" t="s">
        <v>1521</v>
      </c>
      <c r="O1388" s="5" t="s">
        <v>38</v>
      </c>
      <c r="P1388" s="5" t="s">
        <v>39</v>
      </c>
      <c r="Q1388" s="5" t="s">
        <v>40</v>
      </c>
      <c r="R1388" s="5" t="s">
        <v>1522</v>
      </c>
      <c r="S1388" s="5" t="s">
        <v>1523</v>
      </c>
      <c r="T1388" s="5" t="s">
        <v>42</v>
      </c>
      <c r="U1388" s="2">
        <v>2.3690000000000002</v>
      </c>
      <c r="V1388" s="2">
        <v>1.89</v>
      </c>
      <c r="W1388" s="2">
        <v>1.2999999999999999E-2</v>
      </c>
      <c r="X1388" s="2">
        <v>99.1</v>
      </c>
      <c r="Y1388" s="2">
        <v>7.6</v>
      </c>
      <c r="Z1388" s="2">
        <v>16.7</v>
      </c>
      <c r="AA1388" s="5"/>
      <c r="AB1388" s="5" t="s">
        <v>43</v>
      </c>
      <c r="AC1388" s="5" t="s">
        <v>44</v>
      </c>
      <c r="AD1388" s="2"/>
      <c r="AE1388" s="1"/>
    </row>
    <row r="1389" spans="1:31" ht="14.45">
      <c r="A1389" s="11"/>
      <c r="B1389" s="20"/>
      <c r="C1389" s="2" t="s">
        <v>4588</v>
      </c>
      <c r="D1389" s="14" t="s">
        <v>4589</v>
      </c>
      <c r="E1389" s="2" t="s">
        <v>4590</v>
      </c>
      <c r="F1389" s="2" t="s">
        <v>1863</v>
      </c>
      <c r="G1389" s="8">
        <v>182</v>
      </c>
      <c r="H1389" s="5">
        <v>11</v>
      </c>
      <c r="I1389" s="5" t="s">
        <v>1518</v>
      </c>
      <c r="J1389" s="5" t="s">
        <v>1519</v>
      </c>
      <c r="K1389" s="2" t="s">
        <v>1520</v>
      </c>
      <c r="L1389" s="5" t="s">
        <v>1519</v>
      </c>
      <c r="M1389" s="2" t="s">
        <v>1520</v>
      </c>
      <c r="N1389" s="5" t="s">
        <v>1521</v>
      </c>
      <c r="O1389" s="5" t="s">
        <v>38</v>
      </c>
      <c r="P1389" s="5" t="s">
        <v>39</v>
      </c>
      <c r="Q1389" s="5" t="s">
        <v>40</v>
      </c>
      <c r="R1389" s="5" t="s">
        <v>1522</v>
      </c>
      <c r="S1389" s="5" t="s">
        <v>1523</v>
      </c>
      <c r="T1389" s="5" t="s">
        <v>42</v>
      </c>
      <c r="U1389" s="2">
        <v>2.27</v>
      </c>
      <c r="V1389" s="2">
        <v>1.7909999999999999</v>
      </c>
      <c r="W1389" s="2">
        <v>1.2999999999999999E-2</v>
      </c>
      <c r="X1389" s="2">
        <v>99.1</v>
      </c>
      <c r="Y1389" s="2">
        <v>7.6</v>
      </c>
      <c r="Z1389" s="2">
        <v>16.7</v>
      </c>
      <c r="AA1389" s="5"/>
      <c r="AB1389" s="5" t="s">
        <v>43</v>
      </c>
      <c r="AC1389" s="5" t="s">
        <v>44</v>
      </c>
      <c r="AD1389" s="2"/>
      <c r="AE1389" s="1"/>
    </row>
    <row r="1390" spans="1:31" ht="14.45">
      <c r="A1390" s="11"/>
      <c r="B1390" s="20"/>
      <c r="C1390" s="2" t="s">
        <v>4591</v>
      </c>
      <c r="D1390" s="14" t="s">
        <v>4592</v>
      </c>
      <c r="E1390" s="2" t="s">
        <v>4593</v>
      </c>
      <c r="F1390" s="2" t="s">
        <v>1867</v>
      </c>
      <c r="G1390" s="8">
        <v>182</v>
      </c>
      <c r="H1390" s="5">
        <v>11</v>
      </c>
      <c r="I1390" s="5" t="s">
        <v>1518</v>
      </c>
      <c r="J1390" s="5" t="s">
        <v>1519</v>
      </c>
      <c r="K1390" s="2" t="s">
        <v>1520</v>
      </c>
      <c r="L1390" s="5" t="s">
        <v>1519</v>
      </c>
      <c r="M1390" s="2" t="s">
        <v>1520</v>
      </c>
      <c r="N1390" s="5" t="s">
        <v>1521</v>
      </c>
      <c r="O1390" s="5" t="s">
        <v>38</v>
      </c>
      <c r="P1390" s="5" t="s">
        <v>39</v>
      </c>
      <c r="Q1390" s="5" t="s">
        <v>40</v>
      </c>
      <c r="R1390" s="5" t="s">
        <v>1522</v>
      </c>
      <c r="S1390" s="5" t="s">
        <v>1523</v>
      </c>
      <c r="T1390" s="5" t="s">
        <v>42</v>
      </c>
      <c r="U1390" s="2">
        <v>2.3130000000000002</v>
      </c>
      <c r="V1390" s="2">
        <v>1.8340000000000001</v>
      </c>
      <c r="W1390" s="2">
        <v>1.2999999999999999E-2</v>
      </c>
      <c r="X1390" s="2">
        <v>99.1</v>
      </c>
      <c r="Y1390" s="2">
        <v>7.6</v>
      </c>
      <c r="Z1390" s="2">
        <v>16.7</v>
      </c>
      <c r="AA1390" s="5"/>
      <c r="AB1390" s="5" t="s">
        <v>43</v>
      </c>
      <c r="AC1390" s="5" t="s">
        <v>44</v>
      </c>
      <c r="AD1390" s="2"/>
      <c r="AE1390" s="1"/>
    </row>
    <row r="1391" spans="1:31" ht="14.45">
      <c r="A1391" s="11"/>
      <c r="B1391" s="20"/>
      <c r="C1391" s="2" t="s">
        <v>4594</v>
      </c>
      <c r="D1391" s="14" t="s">
        <v>4595</v>
      </c>
      <c r="E1391" s="2" t="s">
        <v>4596</v>
      </c>
      <c r="F1391" s="2" t="s">
        <v>1695</v>
      </c>
      <c r="G1391" s="8">
        <v>159</v>
      </c>
      <c r="H1391" s="5">
        <v>6</v>
      </c>
      <c r="I1391" s="5" t="s">
        <v>1518</v>
      </c>
      <c r="J1391" s="5" t="s">
        <v>1519</v>
      </c>
      <c r="K1391" s="2" t="s">
        <v>1520</v>
      </c>
      <c r="L1391" s="5" t="s">
        <v>1519</v>
      </c>
      <c r="M1391" s="2" t="s">
        <v>1520</v>
      </c>
      <c r="N1391" s="5" t="s">
        <v>1521</v>
      </c>
      <c r="O1391" s="5" t="s">
        <v>38</v>
      </c>
      <c r="P1391" s="5" t="s">
        <v>39</v>
      </c>
      <c r="Q1391" s="5" t="s">
        <v>40</v>
      </c>
      <c r="R1391" s="5" t="s">
        <v>1522</v>
      </c>
      <c r="S1391" s="5" t="s">
        <v>1523</v>
      </c>
      <c r="T1391" s="5" t="s">
        <v>42</v>
      </c>
      <c r="U1391" s="2">
        <v>2.407</v>
      </c>
      <c r="V1391" s="2">
        <v>1.9370000000000001</v>
      </c>
      <c r="W1391" s="2">
        <v>1.2999999999999999E-2</v>
      </c>
      <c r="X1391" s="2">
        <v>99.1</v>
      </c>
      <c r="Y1391" s="2">
        <v>7.6</v>
      </c>
      <c r="Z1391" s="2">
        <v>16.7</v>
      </c>
      <c r="AA1391" s="5"/>
      <c r="AB1391" s="5" t="s">
        <v>43</v>
      </c>
      <c r="AC1391" s="5" t="s">
        <v>44</v>
      </c>
      <c r="AD1391" s="2"/>
      <c r="AE1391" s="1"/>
    </row>
    <row r="1392" spans="1:31" ht="14.45">
      <c r="A1392" s="11"/>
      <c r="B1392" s="20"/>
      <c r="C1392" s="2" t="s">
        <v>4597</v>
      </c>
      <c r="D1392" s="14" t="s">
        <v>4598</v>
      </c>
      <c r="E1392" s="2" t="s">
        <v>4599</v>
      </c>
      <c r="F1392" s="2" t="s">
        <v>1699</v>
      </c>
      <c r="G1392" s="8">
        <v>159</v>
      </c>
      <c r="H1392" s="5">
        <v>6</v>
      </c>
      <c r="I1392" s="5" t="s">
        <v>1518</v>
      </c>
      <c r="J1392" s="5" t="s">
        <v>1519</v>
      </c>
      <c r="K1392" s="2" t="s">
        <v>1520</v>
      </c>
      <c r="L1392" s="5" t="s">
        <v>1519</v>
      </c>
      <c r="M1392" s="2" t="s">
        <v>1520</v>
      </c>
      <c r="N1392" s="5" t="s">
        <v>1521</v>
      </c>
      <c r="O1392" s="5" t="s">
        <v>38</v>
      </c>
      <c r="P1392" s="5" t="s">
        <v>39</v>
      </c>
      <c r="Q1392" s="5" t="s">
        <v>40</v>
      </c>
      <c r="R1392" s="5" t="s">
        <v>1522</v>
      </c>
      <c r="S1392" s="5" t="s">
        <v>1523</v>
      </c>
      <c r="T1392" s="5" t="s">
        <v>42</v>
      </c>
      <c r="U1392" s="2">
        <v>2.4550000000000001</v>
      </c>
      <c r="V1392" s="2">
        <v>1.9850000000000001</v>
      </c>
      <c r="W1392" s="2">
        <v>1.2999999999999999E-2</v>
      </c>
      <c r="X1392" s="2">
        <v>99.1</v>
      </c>
      <c r="Y1392" s="2">
        <v>7.6</v>
      </c>
      <c r="Z1392" s="2">
        <v>16.7</v>
      </c>
      <c r="AA1392" s="5"/>
      <c r="AB1392" s="5" t="s">
        <v>43</v>
      </c>
      <c r="AC1392" s="5" t="s">
        <v>44</v>
      </c>
      <c r="AD1392" s="2"/>
      <c r="AE1392" s="1"/>
    </row>
    <row r="1393" spans="1:31" ht="14.45">
      <c r="A1393" s="11"/>
      <c r="B1393" s="20"/>
      <c r="C1393" s="2" t="s">
        <v>4600</v>
      </c>
      <c r="D1393" s="14" t="s">
        <v>4601</v>
      </c>
      <c r="E1393" s="2" t="s">
        <v>4602</v>
      </c>
      <c r="F1393" s="2" t="s">
        <v>1703</v>
      </c>
      <c r="G1393" s="8">
        <v>159</v>
      </c>
      <c r="H1393" s="5">
        <v>6</v>
      </c>
      <c r="I1393" s="5" t="s">
        <v>1518</v>
      </c>
      <c r="J1393" s="5" t="s">
        <v>1519</v>
      </c>
      <c r="K1393" s="2" t="s">
        <v>1520</v>
      </c>
      <c r="L1393" s="5" t="s">
        <v>1519</v>
      </c>
      <c r="M1393" s="2" t="s">
        <v>1520</v>
      </c>
      <c r="N1393" s="5" t="s">
        <v>1521</v>
      </c>
      <c r="O1393" s="5" t="s">
        <v>38</v>
      </c>
      <c r="P1393" s="5" t="s">
        <v>39</v>
      </c>
      <c r="Q1393" s="5" t="s">
        <v>40</v>
      </c>
      <c r="R1393" s="5" t="s">
        <v>1522</v>
      </c>
      <c r="S1393" s="5" t="s">
        <v>1523</v>
      </c>
      <c r="T1393" s="5" t="s">
        <v>42</v>
      </c>
      <c r="U1393" s="2">
        <v>2.415</v>
      </c>
      <c r="V1393" s="2">
        <v>1.9450000000000001</v>
      </c>
      <c r="W1393" s="2">
        <v>1.2999999999999999E-2</v>
      </c>
      <c r="X1393" s="2">
        <v>99.1</v>
      </c>
      <c r="Y1393" s="2">
        <v>7.6</v>
      </c>
      <c r="Z1393" s="2">
        <v>16.7</v>
      </c>
      <c r="AA1393" s="5"/>
      <c r="AB1393" s="5" t="s">
        <v>43</v>
      </c>
      <c r="AC1393" s="5" t="s">
        <v>44</v>
      </c>
      <c r="AD1393" s="2"/>
      <c r="AE1393" s="1"/>
    </row>
    <row r="1394" spans="1:31" ht="14.45">
      <c r="A1394" s="11"/>
      <c r="B1394" s="20"/>
      <c r="C1394" s="2" t="s">
        <v>4603</v>
      </c>
      <c r="D1394" s="14" t="s">
        <v>4604</v>
      </c>
      <c r="E1394" s="2" t="s">
        <v>4605</v>
      </c>
      <c r="F1394" s="2" t="s">
        <v>1707</v>
      </c>
      <c r="G1394" s="8">
        <v>159</v>
      </c>
      <c r="H1394" s="5">
        <v>6</v>
      </c>
      <c r="I1394" s="5" t="s">
        <v>1518</v>
      </c>
      <c r="J1394" s="5" t="s">
        <v>1519</v>
      </c>
      <c r="K1394" s="2" t="s">
        <v>1520</v>
      </c>
      <c r="L1394" s="5" t="s">
        <v>1519</v>
      </c>
      <c r="M1394" s="2" t="s">
        <v>1520</v>
      </c>
      <c r="N1394" s="5" t="s">
        <v>1521</v>
      </c>
      <c r="O1394" s="5" t="s">
        <v>38</v>
      </c>
      <c r="P1394" s="5" t="s">
        <v>39</v>
      </c>
      <c r="Q1394" s="5" t="s">
        <v>40</v>
      </c>
      <c r="R1394" s="5" t="s">
        <v>1522</v>
      </c>
      <c r="S1394" s="5" t="s">
        <v>1523</v>
      </c>
      <c r="T1394" s="5" t="s">
        <v>42</v>
      </c>
      <c r="U1394" s="2">
        <v>2.4630000000000001</v>
      </c>
      <c r="V1394" s="2">
        <v>1.9930000000000001</v>
      </c>
      <c r="W1394" s="2">
        <v>1.2999999999999999E-2</v>
      </c>
      <c r="X1394" s="2">
        <v>99.1</v>
      </c>
      <c r="Y1394" s="2">
        <v>7.6</v>
      </c>
      <c r="Z1394" s="2">
        <v>16.7</v>
      </c>
      <c r="AA1394" s="5"/>
      <c r="AB1394" s="5" t="s">
        <v>43</v>
      </c>
      <c r="AC1394" s="5" t="s">
        <v>44</v>
      </c>
      <c r="AD1394" s="2"/>
      <c r="AE1394" s="1"/>
    </row>
    <row r="1395" spans="1:31" ht="14.45">
      <c r="A1395" s="11"/>
      <c r="B1395" s="20"/>
      <c r="C1395" s="2" t="s">
        <v>4606</v>
      </c>
      <c r="D1395" s="14" t="s">
        <v>4607</v>
      </c>
      <c r="E1395" s="2" t="s">
        <v>4608</v>
      </c>
      <c r="F1395" s="2" t="s">
        <v>1711</v>
      </c>
      <c r="G1395" s="8">
        <v>159</v>
      </c>
      <c r="H1395" s="5">
        <v>6</v>
      </c>
      <c r="I1395" s="5" t="s">
        <v>1518</v>
      </c>
      <c r="J1395" s="5" t="s">
        <v>1519</v>
      </c>
      <c r="K1395" s="2" t="s">
        <v>1520</v>
      </c>
      <c r="L1395" s="5" t="s">
        <v>1519</v>
      </c>
      <c r="M1395" s="2" t="s">
        <v>1520</v>
      </c>
      <c r="N1395" s="5" t="s">
        <v>1521</v>
      </c>
      <c r="O1395" s="5" t="s">
        <v>38</v>
      </c>
      <c r="P1395" s="5" t="s">
        <v>39</v>
      </c>
      <c r="Q1395" s="5" t="s">
        <v>40</v>
      </c>
      <c r="R1395" s="5" t="s">
        <v>1522</v>
      </c>
      <c r="S1395" s="5" t="s">
        <v>1523</v>
      </c>
      <c r="T1395" s="5" t="s">
        <v>42</v>
      </c>
      <c r="U1395" s="2">
        <v>2.415</v>
      </c>
      <c r="V1395" s="2">
        <v>1.9450000000000001</v>
      </c>
      <c r="W1395" s="2">
        <v>1.2999999999999999E-2</v>
      </c>
      <c r="X1395" s="2">
        <v>99.1</v>
      </c>
      <c r="Y1395" s="2">
        <v>7.6</v>
      </c>
      <c r="Z1395" s="2">
        <v>16.7</v>
      </c>
      <c r="AA1395" s="5"/>
      <c r="AB1395" s="5" t="s">
        <v>43</v>
      </c>
      <c r="AC1395" s="5" t="s">
        <v>44</v>
      </c>
      <c r="AD1395" s="2"/>
      <c r="AE1395" s="1"/>
    </row>
    <row r="1396" spans="1:31" ht="14.45">
      <c r="A1396" s="11"/>
      <c r="B1396" s="20"/>
      <c r="C1396" s="2" t="s">
        <v>4609</v>
      </c>
      <c r="D1396" s="14" t="s">
        <v>4610</v>
      </c>
      <c r="E1396" s="2" t="s">
        <v>4611</v>
      </c>
      <c r="F1396" s="2" t="s">
        <v>1715</v>
      </c>
      <c r="G1396" s="8">
        <v>159</v>
      </c>
      <c r="H1396" s="5">
        <v>6</v>
      </c>
      <c r="I1396" s="5" t="s">
        <v>1518</v>
      </c>
      <c r="J1396" s="5" t="s">
        <v>1519</v>
      </c>
      <c r="K1396" s="2" t="s">
        <v>1520</v>
      </c>
      <c r="L1396" s="5" t="s">
        <v>1519</v>
      </c>
      <c r="M1396" s="2" t="s">
        <v>1520</v>
      </c>
      <c r="N1396" s="5" t="s">
        <v>1521</v>
      </c>
      <c r="O1396" s="5" t="s">
        <v>38</v>
      </c>
      <c r="P1396" s="5" t="s">
        <v>39</v>
      </c>
      <c r="Q1396" s="5" t="s">
        <v>40</v>
      </c>
      <c r="R1396" s="5" t="s">
        <v>1522</v>
      </c>
      <c r="S1396" s="5" t="s">
        <v>1523</v>
      </c>
      <c r="T1396" s="5" t="s">
        <v>42</v>
      </c>
      <c r="U1396" s="2">
        <v>2.4630000000000001</v>
      </c>
      <c r="V1396" s="2">
        <v>1.9930000000000001</v>
      </c>
      <c r="W1396" s="2">
        <v>1.2999999999999999E-2</v>
      </c>
      <c r="X1396" s="2">
        <v>99.1</v>
      </c>
      <c r="Y1396" s="2">
        <v>7.6</v>
      </c>
      <c r="Z1396" s="2">
        <v>16.7</v>
      </c>
      <c r="AA1396" s="5"/>
      <c r="AB1396" s="5" t="s">
        <v>43</v>
      </c>
      <c r="AC1396" s="5" t="s">
        <v>44</v>
      </c>
      <c r="AD1396" s="2"/>
      <c r="AE1396" s="1"/>
    </row>
    <row r="1397" spans="1:31" ht="14.45">
      <c r="A1397" s="11"/>
      <c r="B1397" s="20"/>
      <c r="C1397" s="2" t="s">
        <v>4612</v>
      </c>
      <c r="D1397" s="14" t="s">
        <v>4613</v>
      </c>
      <c r="E1397" s="2" t="s">
        <v>4614</v>
      </c>
      <c r="F1397" s="2" t="s">
        <v>1719</v>
      </c>
      <c r="G1397" s="8">
        <v>159</v>
      </c>
      <c r="H1397" s="5">
        <v>6</v>
      </c>
      <c r="I1397" s="5" t="s">
        <v>1518</v>
      </c>
      <c r="J1397" s="5" t="s">
        <v>1519</v>
      </c>
      <c r="K1397" s="2" t="s">
        <v>1520</v>
      </c>
      <c r="L1397" s="5" t="s">
        <v>1519</v>
      </c>
      <c r="M1397" s="2" t="s">
        <v>1520</v>
      </c>
      <c r="N1397" s="5" t="s">
        <v>1521</v>
      </c>
      <c r="O1397" s="5" t="s">
        <v>38</v>
      </c>
      <c r="P1397" s="5" t="s">
        <v>39</v>
      </c>
      <c r="Q1397" s="5" t="s">
        <v>40</v>
      </c>
      <c r="R1397" s="5" t="s">
        <v>1522</v>
      </c>
      <c r="S1397" s="5" t="s">
        <v>1523</v>
      </c>
      <c r="T1397" s="5" t="s">
        <v>42</v>
      </c>
      <c r="U1397" s="2">
        <v>2.3919999999999999</v>
      </c>
      <c r="V1397" s="2">
        <v>1.9219999999999999</v>
      </c>
      <c r="W1397" s="2">
        <v>1.2999999999999999E-2</v>
      </c>
      <c r="X1397" s="2">
        <v>99.1</v>
      </c>
      <c r="Y1397" s="2">
        <v>7.6</v>
      </c>
      <c r="Z1397" s="2">
        <v>16.7</v>
      </c>
      <c r="AA1397" s="5"/>
      <c r="AB1397" s="5" t="s">
        <v>43</v>
      </c>
      <c r="AC1397" s="5" t="s">
        <v>44</v>
      </c>
      <c r="AD1397" s="2"/>
      <c r="AE1397" s="1"/>
    </row>
    <row r="1398" spans="1:31" ht="14.45">
      <c r="A1398" s="11"/>
      <c r="B1398" s="20"/>
      <c r="C1398" s="2" t="s">
        <v>4615</v>
      </c>
      <c r="D1398" s="14" t="s">
        <v>4616</v>
      </c>
      <c r="E1398" s="2" t="s">
        <v>4617</v>
      </c>
      <c r="F1398" s="2" t="s">
        <v>1723</v>
      </c>
      <c r="G1398" s="8">
        <v>159</v>
      </c>
      <c r="H1398" s="5">
        <v>6</v>
      </c>
      <c r="I1398" s="5" t="s">
        <v>1518</v>
      </c>
      <c r="J1398" s="5" t="s">
        <v>1519</v>
      </c>
      <c r="K1398" s="2" t="s">
        <v>1520</v>
      </c>
      <c r="L1398" s="5" t="s">
        <v>1519</v>
      </c>
      <c r="M1398" s="2" t="s">
        <v>1520</v>
      </c>
      <c r="N1398" s="5" t="s">
        <v>1521</v>
      </c>
      <c r="O1398" s="5" t="s">
        <v>38</v>
      </c>
      <c r="P1398" s="5" t="s">
        <v>39</v>
      </c>
      <c r="Q1398" s="5" t="s">
        <v>40</v>
      </c>
      <c r="R1398" s="5" t="s">
        <v>1522</v>
      </c>
      <c r="S1398" s="5" t="s">
        <v>1523</v>
      </c>
      <c r="T1398" s="5" t="s">
        <v>42</v>
      </c>
      <c r="U1398" s="2">
        <v>2.44</v>
      </c>
      <c r="V1398" s="2">
        <v>1.97</v>
      </c>
      <c r="W1398" s="2">
        <v>1.2999999999999999E-2</v>
      </c>
      <c r="X1398" s="2">
        <v>99.1</v>
      </c>
      <c r="Y1398" s="2">
        <v>7.6</v>
      </c>
      <c r="Z1398" s="2">
        <v>16.7</v>
      </c>
      <c r="AA1398" s="5"/>
      <c r="AB1398" s="5" t="s">
        <v>43</v>
      </c>
      <c r="AC1398" s="5" t="s">
        <v>44</v>
      </c>
      <c r="AD1398" s="2"/>
      <c r="AE1398" s="1"/>
    </row>
    <row r="1399" spans="1:31" ht="14.45">
      <c r="A1399" s="11"/>
      <c r="B1399" s="20"/>
      <c r="C1399" s="2" t="s">
        <v>4618</v>
      </c>
      <c r="D1399" s="14" t="s">
        <v>4619</v>
      </c>
      <c r="E1399" s="2" t="s">
        <v>4620</v>
      </c>
      <c r="F1399" s="2" t="s">
        <v>1727</v>
      </c>
      <c r="G1399" s="8">
        <v>182</v>
      </c>
      <c r="H1399" s="5">
        <v>6</v>
      </c>
      <c r="I1399" s="5" t="s">
        <v>1518</v>
      </c>
      <c r="J1399" s="5" t="s">
        <v>1519</v>
      </c>
      <c r="K1399" s="2" t="s">
        <v>1520</v>
      </c>
      <c r="L1399" s="5" t="s">
        <v>1519</v>
      </c>
      <c r="M1399" s="2" t="s">
        <v>1520</v>
      </c>
      <c r="N1399" s="5" t="s">
        <v>1521</v>
      </c>
      <c r="O1399" s="5" t="s">
        <v>38</v>
      </c>
      <c r="P1399" s="5" t="s">
        <v>39</v>
      </c>
      <c r="Q1399" s="5" t="s">
        <v>40</v>
      </c>
      <c r="R1399" s="5" t="s">
        <v>1522</v>
      </c>
      <c r="S1399" s="5" t="s">
        <v>1523</v>
      </c>
      <c r="T1399" s="5" t="s">
        <v>42</v>
      </c>
      <c r="U1399" s="2">
        <v>2.3919999999999999</v>
      </c>
      <c r="V1399" s="2">
        <v>1.9219999999999999</v>
      </c>
      <c r="W1399" s="2">
        <v>1.2999999999999999E-2</v>
      </c>
      <c r="X1399" s="2">
        <v>99.1</v>
      </c>
      <c r="Y1399" s="2">
        <v>7.6</v>
      </c>
      <c r="Z1399" s="2">
        <v>16.7</v>
      </c>
      <c r="AA1399" s="5"/>
      <c r="AB1399" s="5" t="s">
        <v>43</v>
      </c>
      <c r="AC1399" s="5" t="s">
        <v>44</v>
      </c>
      <c r="AD1399" s="2"/>
      <c r="AE1399" s="1"/>
    </row>
    <row r="1400" spans="1:31" ht="14.45">
      <c r="A1400" s="11"/>
      <c r="B1400" s="20"/>
      <c r="C1400" s="2" t="s">
        <v>4621</v>
      </c>
      <c r="D1400" s="14" t="s">
        <v>4622</v>
      </c>
      <c r="E1400" s="2" t="s">
        <v>4623</v>
      </c>
      <c r="F1400" s="2" t="s">
        <v>1731</v>
      </c>
      <c r="G1400" s="8">
        <v>182</v>
      </c>
      <c r="H1400" s="5">
        <v>6</v>
      </c>
      <c r="I1400" s="5" t="s">
        <v>1518</v>
      </c>
      <c r="J1400" s="5" t="s">
        <v>1519</v>
      </c>
      <c r="K1400" s="2" t="s">
        <v>1520</v>
      </c>
      <c r="L1400" s="5" t="s">
        <v>1519</v>
      </c>
      <c r="M1400" s="2" t="s">
        <v>1520</v>
      </c>
      <c r="N1400" s="5" t="s">
        <v>1521</v>
      </c>
      <c r="O1400" s="5" t="s">
        <v>38</v>
      </c>
      <c r="P1400" s="5" t="s">
        <v>39</v>
      </c>
      <c r="Q1400" s="5" t="s">
        <v>40</v>
      </c>
      <c r="R1400" s="5" t="s">
        <v>1522</v>
      </c>
      <c r="S1400" s="5" t="s">
        <v>1523</v>
      </c>
      <c r="T1400" s="5" t="s">
        <v>42</v>
      </c>
      <c r="U1400" s="2">
        <v>2.44</v>
      </c>
      <c r="V1400" s="2">
        <v>1.97</v>
      </c>
      <c r="W1400" s="2">
        <v>1.2999999999999999E-2</v>
      </c>
      <c r="X1400" s="2">
        <v>99.1</v>
      </c>
      <c r="Y1400" s="2">
        <v>7.6</v>
      </c>
      <c r="Z1400" s="2">
        <v>16.7</v>
      </c>
      <c r="AA1400" s="5"/>
      <c r="AB1400" s="5" t="s">
        <v>43</v>
      </c>
      <c r="AC1400" s="5" t="s">
        <v>44</v>
      </c>
      <c r="AD1400" s="2"/>
      <c r="AE1400" s="1"/>
    </row>
    <row r="1401" spans="1:31" ht="14.45">
      <c r="A1401" s="11"/>
      <c r="B1401" s="20"/>
      <c r="C1401" s="2" t="s">
        <v>4624</v>
      </c>
      <c r="D1401" s="14" t="s">
        <v>4625</v>
      </c>
      <c r="E1401" s="2" t="s">
        <v>4626</v>
      </c>
      <c r="F1401" s="2" t="s">
        <v>1735</v>
      </c>
      <c r="G1401" s="8">
        <v>182</v>
      </c>
      <c r="H1401" s="5">
        <v>6</v>
      </c>
      <c r="I1401" s="5" t="s">
        <v>1518</v>
      </c>
      <c r="J1401" s="5" t="s">
        <v>1519</v>
      </c>
      <c r="K1401" s="2" t="s">
        <v>1520</v>
      </c>
      <c r="L1401" s="5" t="s">
        <v>1519</v>
      </c>
      <c r="M1401" s="2" t="s">
        <v>1520</v>
      </c>
      <c r="N1401" s="5" t="s">
        <v>1521</v>
      </c>
      <c r="O1401" s="5" t="s">
        <v>38</v>
      </c>
      <c r="P1401" s="5" t="s">
        <v>39</v>
      </c>
      <c r="Q1401" s="5" t="s">
        <v>40</v>
      </c>
      <c r="R1401" s="5" t="s">
        <v>1522</v>
      </c>
      <c r="S1401" s="5" t="s">
        <v>1523</v>
      </c>
      <c r="T1401" s="5" t="s">
        <v>42</v>
      </c>
      <c r="U1401" s="2">
        <v>2.415</v>
      </c>
      <c r="V1401" s="2">
        <v>1.9450000000000001</v>
      </c>
      <c r="W1401" s="2">
        <v>1.2999999999999999E-2</v>
      </c>
      <c r="X1401" s="2">
        <v>99.1</v>
      </c>
      <c r="Y1401" s="2">
        <v>7.6</v>
      </c>
      <c r="Z1401" s="2">
        <v>16.7</v>
      </c>
      <c r="AA1401" s="5"/>
      <c r="AB1401" s="5" t="s">
        <v>43</v>
      </c>
      <c r="AC1401" s="5" t="s">
        <v>44</v>
      </c>
      <c r="AD1401" s="2"/>
      <c r="AE1401" s="1"/>
    </row>
    <row r="1402" spans="1:31" ht="14.45">
      <c r="A1402" s="11"/>
      <c r="B1402" s="20"/>
      <c r="C1402" s="2" t="s">
        <v>4627</v>
      </c>
      <c r="D1402" s="14" t="s">
        <v>4628</v>
      </c>
      <c r="E1402" s="2" t="s">
        <v>4629</v>
      </c>
      <c r="F1402" s="2" t="s">
        <v>1739</v>
      </c>
      <c r="G1402" s="8">
        <v>182</v>
      </c>
      <c r="H1402" s="5">
        <v>6</v>
      </c>
      <c r="I1402" s="5" t="s">
        <v>1518</v>
      </c>
      <c r="J1402" s="5" t="s">
        <v>1519</v>
      </c>
      <c r="K1402" s="2" t="s">
        <v>1520</v>
      </c>
      <c r="L1402" s="5" t="s">
        <v>1519</v>
      </c>
      <c r="M1402" s="2" t="s">
        <v>1520</v>
      </c>
      <c r="N1402" s="5" t="s">
        <v>1521</v>
      </c>
      <c r="O1402" s="5" t="s">
        <v>38</v>
      </c>
      <c r="P1402" s="5" t="s">
        <v>39</v>
      </c>
      <c r="Q1402" s="5" t="s">
        <v>40</v>
      </c>
      <c r="R1402" s="5" t="s">
        <v>1522</v>
      </c>
      <c r="S1402" s="5" t="s">
        <v>1523</v>
      </c>
      <c r="T1402" s="5" t="s">
        <v>42</v>
      </c>
      <c r="U1402" s="2">
        <v>2.4630000000000001</v>
      </c>
      <c r="V1402" s="2">
        <v>1.9930000000000001</v>
      </c>
      <c r="W1402" s="2">
        <v>1.2999999999999999E-2</v>
      </c>
      <c r="X1402" s="2">
        <v>99.1</v>
      </c>
      <c r="Y1402" s="2">
        <v>7.6</v>
      </c>
      <c r="Z1402" s="2">
        <v>16.7</v>
      </c>
      <c r="AA1402" s="5"/>
      <c r="AB1402" s="5" t="s">
        <v>43</v>
      </c>
      <c r="AC1402" s="5" t="s">
        <v>44</v>
      </c>
      <c r="AD1402" s="2"/>
      <c r="AE1402" s="1"/>
    </row>
    <row r="1403" spans="1:31" ht="14.45">
      <c r="A1403" s="11"/>
      <c r="B1403" s="20"/>
      <c r="C1403" s="2" t="s">
        <v>4630</v>
      </c>
      <c r="D1403" s="14" t="s">
        <v>4631</v>
      </c>
      <c r="E1403" s="2" t="s">
        <v>4632</v>
      </c>
      <c r="F1403" s="2" t="s">
        <v>1743</v>
      </c>
      <c r="G1403" s="8">
        <v>182</v>
      </c>
      <c r="H1403" s="5">
        <v>6</v>
      </c>
      <c r="I1403" s="5" t="s">
        <v>1518</v>
      </c>
      <c r="J1403" s="5" t="s">
        <v>1519</v>
      </c>
      <c r="K1403" s="2" t="s">
        <v>1520</v>
      </c>
      <c r="L1403" s="5" t="s">
        <v>1519</v>
      </c>
      <c r="M1403" s="2" t="s">
        <v>1520</v>
      </c>
      <c r="N1403" s="5" t="s">
        <v>1521</v>
      </c>
      <c r="O1403" s="5" t="s">
        <v>38</v>
      </c>
      <c r="P1403" s="5" t="s">
        <v>39</v>
      </c>
      <c r="Q1403" s="5" t="s">
        <v>40</v>
      </c>
      <c r="R1403" s="5" t="s">
        <v>1522</v>
      </c>
      <c r="S1403" s="5" t="s">
        <v>1523</v>
      </c>
      <c r="T1403" s="5" t="s">
        <v>42</v>
      </c>
      <c r="U1403" s="2">
        <v>2.3919999999999999</v>
      </c>
      <c r="V1403" s="2">
        <v>1.9219999999999999</v>
      </c>
      <c r="W1403" s="2">
        <v>1.2999999999999999E-2</v>
      </c>
      <c r="X1403" s="2">
        <v>99.1</v>
      </c>
      <c r="Y1403" s="2">
        <v>7.6</v>
      </c>
      <c r="Z1403" s="2">
        <v>16.7</v>
      </c>
      <c r="AA1403" s="5"/>
      <c r="AB1403" s="5" t="s">
        <v>43</v>
      </c>
      <c r="AC1403" s="5" t="s">
        <v>44</v>
      </c>
      <c r="AD1403" s="2"/>
      <c r="AE1403" s="1"/>
    </row>
    <row r="1404" spans="1:31" ht="14.45">
      <c r="A1404" s="11"/>
      <c r="B1404" s="20"/>
      <c r="C1404" s="2" t="s">
        <v>4633</v>
      </c>
      <c r="D1404" s="14" t="s">
        <v>4634</v>
      </c>
      <c r="E1404" s="2" t="s">
        <v>4635</v>
      </c>
      <c r="F1404" s="2" t="s">
        <v>1747</v>
      </c>
      <c r="G1404" s="8">
        <v>182</v>
      </c>
      <c r="H1404" s="5">
        <v>6</v>
      </c>
      <c r="I1404" s="5" t="s">
        <v>1518</v>
      </c>
      <c r="J1404" s="5" t="s">
        <v>1519</v>
      </c>
      <c r="K1404" s="2" t="s">
        <v>1520</v>
      </c>
      <c r="L1404" s="5" t="s">
        <v>1519</v>
      </c>
      <c r="M1404" s="2" t="s">
        <v>1520</v>
      </c>
      <c r="N1404" s="5" t="s">
        <v>1521</v>
      </c>
      <c r="O1404" s="5" t="s">
        <v>38</v>
      </c>
      <c r="P1404" s="5" t="s">
        <v>39</v>
      </c>
      <c r="Q1404" s="5" t="s">
        <v>40</v>
      </c>
      <c r="R1404" s="5" t="s">
        <v>1522</v>
      </c>
      <c r="S1404" s="5" t="s">
        <v>1523</v>
      </c>
      <c r="T1404" s="5" t="s">
        <v>42</v>
      </c>
      <c r="U1404" s="2">
        <v>2.44</v>
      </c>
      <c r="V1404" s="2">
        <v>1.97</v>
      </c>
      <c r="W1404" s="2">
        <v>1.2999999999999999E-2</v>
      </c>
      <c r="X1404" s="2">
        <v>99.1</v>
      </c>
      <c r="Y1404" s="2">
        <v>7.6</v>
      </c>
      <c r="Z1404" s="2">
        <v>16.7</v>
      </c>
      <c r="AA1404" s="5"/>
      <c r="AB1404" s="5" t="s">
        <v>43</v>
      </c>
      <c r="AC1404" s="5" t="s">
        <v>44</v>
      </c>
      <c r="AD1404" s="2"/>
      <c r="AE1404" s="1"/>
    </row>
    <row r="1405" spans="1:31" ht="14.45">
      <c r="A1405" s="11"/>
      <c r="B1405" s="20"/>
      <c r="C1405" s="2" t="s">
        <v>4636</v>
      </c>
      <c r="D1405" s="14" t="s">
        <v>4637</v>
      </c>
      <c r="E1405" s="2" t="s">
        <v>4638</v>
      </c>
      <c r="F1405" s="2" t="s">
        <v>1751</v>
      </c>
      <c r="G1405" s="8">
        <v>182</v>
      </c>
      <c r="H1405" s="5">
        <v>6</v>
      </c>
      <c r="I1405" s="5" t="s">
        <v>1518</v>
      </c>
      <c r="J1405" s="5" t="s">
        <v>1519</v>
      </c>
      <c r="K1405" s="2" t="s">
        <v>1520</v>
      </c>
      <c r="L1405" s="5" t="s">
        <v>1519</v>
      </c>
      <c r="M1405" s="2" t="s">
        <v>1520</v>
      </c>
      <c r="N1405" s="5" t="s">
        <v>1521</v>
      </c>
      <c r="O1405" s="5" t="s">
        <v>38</v>
      </c>
      <c r="P1405" s="5" t="s">
        <v>39</v>
      </c>
      <c r="Q1405" s="5" t="s">
        <v>40</v>
      </c>
      <c r="R1405" s="5" t="s">
        <v>1522</v>
      </c>
      <c r="S1405" s="5" t="s">
        <v>1523</v>
      </c>
      <c r="T1405" s="5" t="s">
        <v>42</v>
      </c>
      <c r="U1405" s="2">
        <v>2.3919999999999999</v>
      </c>
      <c r="V1405" s="2">
        <v>1.9219999999999999</v>
      </c>
      <c r="W1405" s="2">
        <v>1.2999999999999999E-2</v>
      </c>
      <c r="X1405" s="2">
        <v>99.1</v>
      </c>
      <c r="Y1405" s="2">
        <v>7.6</v>
      </c>
      <c r="Z1405" s="2">
        <v>16.7</v>
      </c>
      <c r="AA1405" s="5"/>
      <c r="AB1405" s="5" t="s">
        <v>43</v>
      </c>
      <c r="AC1405" s="5" t="s">
        <v>44</v>
      </c>
      <c r="AD1405" s="2"/>
      <c r="AE1405" s="1"/>
    </row>
    <row r="1406" spans="1:31" ht="14.45">
      <c r="A1406" s="11"/>
      <c r="B1406" s="20"/>
      <c r="C1406" s="2" t="s">
        <v>4639</v>
      </c>
      <c r="D1406" s="14" t="s">
        <v>4640</v>
      </c>
      <c r="E1406" s="2" t="s">
        <v>4641</v>
      </c>
      <c r="F1406" s="2" t="s">
        <v>1755</v>
      </c>
      <c r="G1406" s="8">
        <v>182</v>
      </c>
      <c r="H1406" s="5">
        <v>6</v>
      </c>
      <c r="I1406" s="5" t="s">
        <v>1518</v>
      </c>
      <c r="J1406" s="5" t="s">
        <v>1519</v>
      </c>
      <c r="K1406" s="2" t="s">
        <v>1520</v>
      </c>
      <c r="L1406" s="5" t="s">
        <v>1519</v>
      </c>
      <c r="M1406" s="2" t="s">
        <v>1520</v>
      </c>
      <c r="N1406" s="5" t="s">
        <v>1521</v>
      </c>
      <c r="O1406" s="5" t="s">
        <v>38</v>
      </c>
      <c r="P1406" s="5" t="s">
        <v>39</v>
      </c>
      <c r="Q1406" s="5" t="s">
        <v>40</v>
      </c>
      <c r="R1406" s="5" t="s">
        <v>1522</v>
      </c>
      <c r="S1406" s="5" t="s">
        <v>1523</v>
      </c>
      <c r="T1406" s="5" t="s">
        <v>42</v>
      </c>
      <c r="U1406" s="2">
        <v>2.44</v>
      </c>
      <c r="V1406" s="2">
        <v>1.97</v>
      </c>
      <c r="W1406" s="2">
        <v>1.2999999999999999E-2</v>
      </c>
      <c r="X1406" s="2">
        <v>99.1</v>
      </c>
      <c r="Y1406" s="2">
        <v>7.6</v>
      </c>
      <c r="Z1406" s="2">
        <v>16.7</v>
      </c>
      <c r="AA1406" s="5"/>
      <c r="AB1406" s="5" t="s">
        <v>43</v>
      </c>
      <c r="AC1406" s="5" t="s">
        <v>44</v>
      </c>
      <c r="AD1406" s="2"/>
      <c r="AE1406" s="1"/>
    </row>
    <row r="1407" spans="1:31" ht="14.45">
      <c r="A1407" s="11"/>
      <c r="B1407" s="20"/>
      <c r="C1407" s="2" t="s">
        <v>4642</v>
      </c>
      <c r="D1407" s="14" t="s">
        <v>4643</v>
      </c>
      <c r="E1407" s="2" t="s">
        <v>4644</v>
      </c>
      <c r="F1407" s="2" t="s">
        <v>1759</v>
      </c>
      <c r="G1407" s="8">
        <v>182</v>
      </c>
      <c r="H1407" s="5">
        <v>6</v>
      </c>
      <c r="I1407" s="5" t="s">
        <v>1518</v>
      </c>
      <c r="J1407" s="5" t="s">
        <v>1519</v>
      </c>
      <c r="K1407" s="2" t="s">
        <v>1520</v>
      </c>
      <c r="L1407" s="5" t="s">
        <v>1519</v>
      </c>
      <c r="M1407" s="2" t="s">
        <v>1520</v>
      </c>
      <c r="N1407" s="5" t="s">
        <v>1521</v>
      </c>
      <c r="O1407" s="5" t="s">
        <v>38</v>
      </c>
      <c r="P1407" s="5" t="s">
        <v>39</v>
      </c>
      <c r="Q1407" s="5" t="s">
        <v>40</v>
      </c>
      <c r="R1407" s="5" t="s">
        <v>1522</v>
      </c>
      <c r="S1407" s="5" t="s">
        <v>1523</v>
      </c>
      <c r="T1407" s="5" t="s">
        <v>42</v>
      </c>
      <c r="U1407" s="2">
        <v>2.415</v>
      </c>
      <c r="V1407" s="2">
        <v>1.9450000000000001</v>
      </c>
      <c r="W1407" s="2">
        <v>1.2999999999999999E-2</v>
      </c>
      <c r="X1407" s="2">
        <v>99.1</v>
      </c>
      <c r="Y1407" s="2">
        <v>7.6</v>
      </c>
      <c r="Z1407" s="2">
        <v>16.7</v>
      </c>
      <c r="AA1407" s="5"/>
      <c r="AB1407" s="5" t="s">
        <v>43</v>
      </c>
      <c r="AC1407" s="5" t="s">
        <v>44</v>
      </c>
      <c r="AD1407" s="2"/>
      <c r="AE1407" s="1"/>
    </row>
    <row r="1408" spans="1:31" ht="14.45">
      <c r="A1408" s="11"/>
      <c r="B1408" s="20"/>
      <c r="C1408" s="2" t="s">
        <v>4645</v>
      </c>
      <c r="D1408" s="14" t="s">
        <v>4646</v>
      </c>
      <c r="E1408" s="2" t="s">
        <v>4647</v>
      </c>
      <c r="F1408" s="2" t="s">
        <v>1763</v>
      </c>
      <c r="G1408" s="8">
        <v>182</v>
      </c>
      <c r="H1408" s="5">
        <v>6</v>
      </c>
      <c r="I1408" s="5" t="s">
        <v>1518</v>
      </c>
      <c r="J1408" s="5" t="s">
        <v>1519</v>
      </c>
      <c r="K1408" s="2" t="s">
        <v>1520</v>
      </c>
      <c r="L1408" s="5" t="s">
        <v>1519</v>
      </c>
      <c r="M1408" s="2" t="s">
        <v>1520</v>
      </c>
      <c r="N1408" s="5" t="s">
        <v>1521</v>
      </c>
      <c r="O1408" s="5" t="s">
        <v>38</v>
      </c>
      <c r="P1408" s="5" t="s">
        <v>39</v>
      </c>
      <c r="Q1408" s="5" t="s">
        <v>40</v>
      </c>
      <c r="R1408" s="5" t="s">
        <v>1522</v>
      </c>
      <c r="S1408" s="5" t="s">
        <v>1523</v>
      </c>
      <c r="T1408" s="5" t="s">
        <v>42</v>
      </c>
      <c r="U1408" s="2">
        <v>2.4630000000000001</v>
      </c>
      <c r="V1408" s="2">
        <v>1.9930000000000001</v>
      </c>
      <c r="W1408" s="2">
        <v>1.2999999999999999E-2</v>
      </c>
      <c r="X1408" s="2">
        <v>99.1</v>
      </c>
      <c r="Y1408" s="2">
        <v>7.6</v>
      </c>
      <c r="Z1408" s="2">
        <v>16.7</v>
      </c>
      <c r="AA1408" s="5"/>
      <c r="AB1408" s="5" t="s">
        <v>43</v>
      </c>
      <c r="AC1408" s="5" t="s">
        <v>44</v>
      </c>
      <c r="AD1408" s="2"/>
      <c r="AE1408" s="1"/>
    </row>
    <row r="1409" spans="1:31" ht="14.45">
      <c r="A1409" s="11"/>
      <c r="B1409" s="20"/>
      <c r="C1409" s="2" t="s">
        <v>4648</v>
      </c>
      <c r="D1409" s="14" t="s">
        <v>4649</v>
      </c>
      <c r="E1409" s="2" t="s">
        <v>4650</v>
      </c>
      <c r="F1409" s="2" t="s">
        <v>1767</v>
      </c>
      <c r="G1409" s="8">
        <v>182</v>
      </c>
      <c r="H1409" s="5">
        <v>6</v>
      </c>
      <c r="I1409" s="5" t="s">
        <v>1518</v>
      </c>
      <c r="J1409" s="5" t="s">
        <v>1519</v>
      </c>
      <c r="K1409" s="2" t="s">
        <v>1520</v>
      </c>
      <c r="L1409" s="5" t="s">
        <v>1519</v>
      </c>
      <c r="M1409" s="2" t="s">
        <v>1520</v>
      </c>
      <c r="N1409" s="5" t="s">
        <v>1521</v>
      </c>
      <c r="O1409" s="5" t="s">
        <v>38</v>
      </c>
      <c r="P1409" s="5" t="s">
        <v>39</v>
      </c>
      <c r="Q1409" s="5" t="s">
        <v>40</v>
      </c>
      <c r="R1409" s="5" t="s">
        <v>1522</v>
      </c>
      <c r="S1409" s="5" t="s">
        <v>1523</v>
      </c>
      <c r="T1409" s="5" t="s">
        <v>42</v>
      </c>
      <c r="U1409" s="2">
        <v>2.415</v>
      </c>
      <c r="V1409" s="2">
        <v>1.9450000000000001</v>
      </c>
      <c r="W1409" s="2">
        <v>1.2999999999999999E-2</v>
      </c>
      <c r="X1409" s="2">
        <v>99.1</v>
      </c>
      <c r="Y1409" s="2">
        <v>7.6</v>
      </c>
      <c r="Z1409" s="2">
        <v>16.7</v>
      </c>
      <c r="AA1409" s="5"/>
      <c r="AB1409" s="5" t="s">
        <v>43</v>
      </c>
      <c r="AC1409" s="5" t="s">
        <v>44</v>
      </c>
      <c r="AD1409" s="2"/>
      <c r="AE1409" s="1"/>
    </row>
    <row r="1410" spans="1:31" ht="14.45">
      <c r="A1410" s="11"/>
      <c r="B1410" s="20"/>
      <c r="C1410" s="2" t="s">
        <v>4651</v>
      </c>
      <c r="D1410" s="14" t="s">
        <v>4652</v>
      </c>
      <c r="E1410" s="2" t="s">
        <v>4653</v>
      </c>
      <c r="F1410" s="2" t="s">
        <v>1771</v>
      </c>
      <c r="G1410" s="8">
        <v>182</v>
      </c>
      <c r="H1410" s="5">
        <v>6</v>
      </c>
      <c r="I1410" s="5" t="s">
        <v>1518</v>
      </c>
      <c r="J1410" s="5" t="s">
        <v>1519</v>
      </c>
      <c r="K1410" s="2" t="s">
        <v>1520</v>
      </c>
      <c r="L1410" s="5" t="s">
        <v>1519</v>
      </c>
      <c r="M1410" s="2" t="s">
        <v>1520</v>
      </c>
      <c r="N1410" s="5" t="s">
        <v>1521</v>
      </c>
      <c r="O1410" s="5" t="s">
        <v>38</v>
      </c>
      <c r="P1410" s="5" t="s">
        <v>39</v>
      </c>
      <c r="Q1410" s="5" t="s">
        <v>40</v>
      </c>
      <c r="R1410" s="5" t="s">
        <v>1522</v>
      </c>
      <c r="S1410" s="5" t="s">
        <v>1523</v>
      </c>
      <c r="T1410" s="5" t="s">
        <v>42</v>
      </c>
      <c r="U1410" s="2">
        <v>2.4630000000000001</v>
      </c>
      <c r="V1410" s="2">
        <v>1.9930000000000001</v>
      </c>
      <c r="W1410" s="2">
        <v>1.2999999999999999E-2</v>
      </c>
      <c r="X1410" s="2">
        <v>99.1</v>
      </c>
      <c r="Y1410" s="2">
        <v>7.6</v>
      </c>
      <c r="Z1410" s="2">
        <v>16.7</v>
      </c>
      <c r="AA1410" s="5"/>
      <c r="AB1410" s="5" t="s">
        <v>43</v>
      </c>
      <c r="AC1410" s="5" t="s">
        <v>44</v>
      </c>
      <c r="AD1410" s="2"/>
      <c r="AE1410" s="1"/>
    </row>
    <row r="1411" spans="1:31" ht="14.45">
      <c r="A1411" s="11"/>
      <c r="B1411" s="20"/>
      <c r="C1411" s="2" t="s">
        <v>4654</v>
      </c>
      <c r="D1411" s="14" t="s">
        <v>4655</v>
      </c>
      <c r="E1411" s="2" t="s">
        <v>4656</v>
      </c>
      <c r="F1411" s="2" t="s">
        <v>1775</v>
      </c>
      <c r="G1411" s="8">
        <v>182</v>
      </c>
      <c r="H1411" s="5">
        <v>6</v>
      </c>
      <c r="I1411" s="5" t="s">
        <v>1518</v>
      </c>
      <c r="J1411" s="5" t="s">
        <v>1519</v>
      </c>
      <c r="K1411" s="2" t="s">
        <v>1520</v>
      </c>
      <c r="L1411" s="5" t="s">
        <v>1519</v>
      </c>
      <c r="M1411" s="2" t="s">
        <v>1520</v>
      </c>
      <c r="N1411" s="5" t="s">
        <v>1521</v>
      </c>
      <c r="O1411" s="5" t="s">
        <v>38</v>
      </c>
      <c r="P1411" s="5" t="s">
        <v>39</v>
      </c>
      <c r="Q1411" s="5" t="s">
        <v>40</v>
      </c>
      <c r="R1411" s="5" t="s">
        <v>1522</v>
      </c>
      <c r="S1411" s="5" t="s">
        <v>1523</v>
      </c>
      <c r="T1411" s="5" t="s">
        <v>42</v>
      </c>
      <c r="U1411" s="2">
        <v>2.415</v>
      </c>
      <c r="V1411" s="2">
        <v>1.9450000000000001</v>
      </c>
      <c r="W1411" s="2">
        <v>1.2999999999999999E-2</v>
      </c>
      <c r="X1411" s="2">
        <v>99.1</v>
      </c>
      <c r="Y1411" s="2">
        <v>7.6</v>
      </c>
      <c r="Z1411" s="2">
        <v>16.7</v>
      </c>
      <c r="AA1411" s="5"/>
      <c r="AB1411" s="5" t="s">
        <v>43</v>
      </c>
      <c r="AC1411" s="5" t="s">
        <v>44</v>
      </c>
      <c r="AD1411" s="2"/>
      <c r="AE1411" s="1"/>
    </row>
    <row r="1412" spans="1:31" ht="14.45">
      <c r="A1412" s="11"/>
      <c r="B1412" s="20"/>
      <c r="C1412" s="2" t="s">
        <v>4657</v>
      </c>
      <c r="D1412" s="14" t="s">
        <v>4658</v>
      </c>
      <c r="E1412" s="2" t="s">
        <v>4659</v>
      </c>
      <c r="F1412" s="2" t="s">
        <v>1779</v>
      </c>
      <c r="G1412" s="8">
        <v>182</v>
      </c>
      <c r="H1412" s="5">
        <v>6</v>
      </c>
      <c r="I1412" s="5" t="s">
        <v>1518</v>
      </c>
      <c r="J1412" s="5" t="s">
        <v>1519</v>
      </c>
      <c r="K1412" s="2" t="s">
        <v>1520</v>
      </c>
      <c r="L1412" s="5" t="s">
        <v>1519</v>
      </c>
      <c r="M1412" s="2" t="s">
        <v>1520</v>
      </c>
      <c r="N1412" s="5" t="s">
        <v>1521</v>
      </c>
      <c r="O1412" s="5" t="s">
        <v>38</v>
      </c>
      <c r="P1412" s="5" t="s">
        <v>39</v>
      </c>
      <c r="Q1412" s="5" t="s">
        <v>40</v>
      </c>
      <c r="R1412" s="5" t="s">
        <v>1522</v>
      </c>
      <c r="S1412" s="5" t="s">
        <v>1523</v>
      </c>
      <c r="T1412" s="5" t="s">
        <v>42</v>
      </c>
      <c r="U1412" s="2">
        <v>2.4630000000000001</v>
      </c>
      <c r="V1412" s="2">
        <v>1.9930000000000001</v>
      </c>
      <c r="W1412" s="2">
        <v>1.2999999999999999E-2</v>
      </c>
      <c r="X1412" s="2">
        <v>99.1</v>
      </c>
      <c r="Y1412" s="2">
        <v>7.6</v>
      </c>
      <c r="Z1412" s="2">
        <v>16.7</v>
      </c>
      <c r="AA1412" s="5"/>
      <c r="AB1412" s="5" t="s">
        <v>43</v>
      </c>
      <c r="AC1412" s="5" t="s">
        <v>44</v>
      </c>
      <c r="AD1412" s="2"/>
      <c r="AE1412" s="1"/>
    </row>
    <row r="1413" spans="1:31" ht="14.45">
      <c r="A1413" s="11"/>
      <c r="B1413" s="20"/>
      <c r="C1413" s="2" t="s">
        <v>4660</v>
      </c>
      <c r="D1413" s="14" t="s">
        <v>4661</v>
      </c>
      <c r="E1413" s="2" t="s">
        <v>4662</v>
      </c>
      <c r="F1413" s="2" t="s">
        <v>1783</v>
      </c>
      <c r="G1413" s="8">
        <v>182</v>
      </c>
      <c r="H1413" s="5">
        <v>6</v>
      </c>
      <c r="I1413" s="5" t="s">
        <v>1518</v>
      </c>
      <c r="J1413" s="5" t="s">
        <v>1519</v>
      </c>
      <c r="K1413" s="2" t="s">
        <v>1520</v>
      </c>
      <c r="L1413" s="5" t="s">
        <v>1519</v>
      </c>
      <c r="M1413" s="2" t="s">
        <v>1520</v>
      </c>
      <c r="N1413" s="5" t="s">
        <v>1521</v>
      </c>
      <c r="O1413" s="5" t="s">
        <v>38</v>
      </c>
      <c r="P1413" s="5" t="s">
        <v>39</v>
      </c>
      <c r="Q1413" s="5" t="s">
        <v>40</v>
      </c>
      <c r="R1413" s="5" t="s">
        <v>1522</v>
      </c>
      <c r="S1413" s="5" t="s">
        <v>1523</v>
      </c>
      <c r="T1413" s="5" t="s">
        <v>42</v>
      </c>
      <c r="U1413" s="2">
        <v>2.3919999999999999</v>
      </c>
      <c r="V1413" s="2">
        <v>1.9219999999999999</v>
      </c>
      <c r="W1413" s="2">
        <v>1.2999999999999999E-2</v>
      </c>
      <c r="X1413" s="2">
        <v>99.1</v>
      </c>
      <c r="Y1413" s="2">
        <v>7.6</v>
      </c>
      <c r="Z1413" s="2">
        <v>16.7</v>
      </c>
      <c r="AA1413" s="5"/>
      <c r="AB1413" s="5" t="s">
        <v>43</v>
      </c>
      <c r="AC1413" s="5" t="s">
        <v>44</v>
      </c>
      <c r="AD1413" s="2"/>
      <c r="AE1413" s="1"/>
    </row>
    <row r="1414" spans="1:31" ht="14.45">
      <c r="A1414" s="11"/>
      <c r="B1414" s="20"/>
      <c r="C1414" s="2" t="s">
        <v>4663</v>
      </c>
      <c r="D1414" s="14" t="s">
        <v>4664</v>
      </c>
      <c r="E1414" s="2" t="s">
        <v>4665</v>
      </c>
      <c r="F1414" s="2" t="s">
        <v>1787</v>
      </c>
      <c r="G1414" s="8">
        <v>182</v>
      </c>
      <c r="H1414" s="5">
        <v>6</v>
      </c>
      <c r="I1414" s="5" t="s">
        <v>1518</v>
      </c>
      <c r="J1414" s="5" t="s">
        <v>1519</v>
      </c>
      <c r="K1414" s="2" t="s">
        <v>1520</v>
      </c>
      <c r="L1414" s="5" t="s">
        <v>1519</v>
      </c>
      <c r="M1414" s="2" t="s">
        <v>1520</v>
      </c>
      <c r="N1414" s="5" t="s">
        <v>1521</v>
      </c>
      <c r="O1414" s="5" t="s">
        <v>38</v>
      </c>
      <c r="P1414" s="5" t="s">
        <v>39</v>
      </c>
      <c r="Q1414" s="5" t="s">
        <v>40</v>
      </c>
      <c r="R1414" s="5" t="s">
        <v>1522</v>
      </c>
      <c r="S1414" s="5" t="s">
        <v>1523</v>
      </c>
      <c r="T1414" s="5" t="s">
        <v>42</v>
      </c>
      <c r="U1414" s="2">
        <v>2.44</v>
      </c>
      <c r="V1414" s="2">
        <v>1.97</v>
      </c>
      <c r="W1414" s="2">
        <v>1.2999999999999999E-2</v>
      </c>
      <c r="X1414" s="2">
        <v>99.1</v>
      </c>
      <c r="Y1414" s="2">
        <v>7.6</v>
      </c>
      <c r="Z1414" s="2">
        <v>16.7</v>
      </c>
      <c r="AA1414" s="5"/>
      <c r="AB1414" s="5" t="s">
        <v>43</v>
      </c>
      <c r="AC1414" s="5" t="s">
        <v>44</v>
      </c>
      <c r="AD1414" s="2"/>
      <c r="AE1414" s="1"/>
    </row>
    <row r="1415" spans="1:31" ht="14.45">
      <c r="A1415" s="11"/>
      <c r="B1415" s="20"/>
      <c r="C1415" s="2" t="s">
        <v>4666</v>
      </c>
      <c r="D1415" s="14" t="s">
        <v>4667</v>
      </c>
      <c r="E1415" s="2" t="s">
        <v>4668</v>
      </c>
      <c r="F1415" s="2" t="s">
        <v>1791</v>
      </c>
      <c r="G1415" s="8">
        <v>182</v>
      </c>
      <c r="H1415" s="5">
        <v>6</v>
      </c>
      <c r="I1415" s="5" t="s">
        <v>1518</v>
      </c>
      <c r="J1415" s="5" t="s">
        <v>1519</v>
      </c>
      <c r="K1415" s="2" t="s">
        <v>1520</v>
      </c>
      <c r="L1415" s="5" t="s">
        <v>1519</v>
      </c>
      <c r="M1415" s="2" t="s">
        <v>1520</v>
      </c>
      <c r="N1415" s="5" t="s">
        <v>1521</v>
      </c>
      <c r="O1415" s="5" t="s">
        <v>38</v>
      </c>
      <c r="P1415" s="5" t="s">
        <v>39</v>
      </c>
      <c r="Q1415" s="5" t="s">
        <v>40</v>
      </c>
      <c r="R1415" s="5" t="s">
        <v>1522</v>
      </c>
      <c r="S1415" s="5" t="s">
        <v>1523</v>
      </c>
      <c r="T1415" s="5" t="s">
        <v>42</v>
      </c>
      <c r="U1415" s="2">
        <v>2.415</v>
      </c>
      <c r="V1415" s="2">
        <v>1.9450000000000001</v>
      </c>
      <c r="W1415" s="2">
        <v>1.2999999999999999E-2</v>
      </c>
      <c r="X1415" s="2">
        <v>99.1</v>
      </c>
      <c r="Y1415" s="2">
        <v>7.6</v>
      </c>
      <c r="Z1415" s="2">
        <v>16.7</v>
      </c>
      <c r="AA1415" s="5"/>
      <c r="AB1415" s="5" t="s">
        <v>43</v>
      </c>
      <c r="AC1415" s="5" t="s">
        <v>44</v>
      </c>
      <c r="AD1415" s="2"/>
      <c r="AE1415" s="1"/>
    </row>
    <row r="1416" spans="1:31" ht="14.45">
      <c r="A1416" s="11"/>
      <c r="B1416" s="20"/>
      <c r="C1416" s="2" t="s">
        <v>4669</v>
      </c>
      <c r="D1416" s="14" t="s">
        <v>4670</v>
      </c>
      <c r="E1416" s="2" t="s">
        <v>4671</v>
      </c>
      <c r="F1416" s="2" t="s">
        <v>1795</v>
      </c>
      <c r="G1416" s="8">
        <v>182</v>
      </c>
      <c r="H1416" s="5">
        <v>6</v>
      </c>
      <c r="I1416" s="5" t="s">
        <v>1518</v>
      </c>
      <c r="J1416" s="5" t="s">
        <v>1519</v>
      </c>
      <c r="K1416" s="2" t="s">
        <v>1520</v>
      </c>
      <c r="L1416" s="5" t="s">
        <v>1519</v>
      </c>
      <c r="M1416" s="2" t="s">
        <v>1520</v>
      </c>
      <c r="N1416" s="5" t="s">
        <v>1521</v>
      </c>
      <c r="O1416" s="5" t="s">
        <v>38</v>
      </c>
      <c r="P1416" s="5" t="s">
        <v>39</v>
      </c>
      <c r="Q1416" s="5" t="s">
        <v>40</v>
      </c>
      <c r="R1416" s="5" t="s">
        <v>1522</v>
      </c>
      <c r="S1416" s="5" t="s">
        <v>1523</v>
      </c>
      <c r="T1416" s="5" t="s">
        <v>42</v>
      </c>
      <c r="U1416" s="2">
        <v>2.4630000000000001</v>
      </c>
      <c r="V1416" s="2">
        <v>1.9930000000000001</v>
      </c>
      <c r="W1416" s="2">
        <v>1.2999999999999999E-2</v>
      </c>
      <c r="X1416" s="2">
        <v>99.1</v>
      </c>
      <c r="Y1416" s="2">
        <v>7.6</v>
      </c>
      <c r="Z1416" s="2">
        <v>16.7</v>
      </c>
      <c r="AA1416" s="5"/>
      <c r="AB1416" s="5" t="s">
        <v>43</v>
      </c>
      <c r="AC1416" s="5" t="s">
        <v>44</v>
      </c>
      <c r="AD1416" s="2"/>
      <c r="AE1416" s="1"/>
    </row>
    <row r="1417" spans="1:31" ht="14.45">
      <c r="A1417" s="11"/>
      <c r="B1417" s="20"/>
      <c r="C1417" s="2" t="s">
        <v>4672</v>
      </c>
      <c r="D1417" s="14" t="s">
        <v>4673</v>
      </c>
      <c r="E1417" s="2" t="s">
        <v>4674</v>
      </c>
      <c r="F1417" s="2" t="s">
        <v>1799</v>
      </c>
      <c r="G1417" s="8">
        <v>182</v>
      </c>
      <c r="H1417" s="5">
        <v>6</v>
      </c>
      <c r="I1417" s="5" t="s">
        <v>1518</v>
      </c>
      <c r="J1417" s="5" t="s">
        <v>1519</v>
      </c>
      <c r="K1417" s="2" t="s">
        <v>1520</v>
      </c>
      <c r="L1417" s="5" t="s">
        <v>1519</v>
      </c>
      <c r="M1417" s="2" t="s">
        <v>1520</v>
      </c>
      <c r="N1417" s="5" t="s">
        <v>1521</v>
      </c>
      <c r="O1417" s="5" t="s">
        <v>38</v>
      </c>
      <c r="P1417" s="5" t="s">
        <v>39</v>
      </c>
      <c r="Q1417" s="5" t="s">
        <v>40</v>
      </c>
      <c r="R1417" s="5" t="s">
        <v>1522</v>
      </c>
      <c r="S1417" s="5" t="s">
        <v>1523</v>
      </c>
      <c r="T1417" s="5" t="s">
        <v>42</v>
      </c>
      <c r="U1417" s="2">
        <v>2.415</v>
      </c>
      <c r="V1417" s="2">
        <v>1.9450000000000001</v>
      </c>
      <c r="W1417" s="2">
        <v>1.2999999999999999E-2</v>
      </c>
      <c r="X1417" s="2">
        <v>99.1</v>
      </c>
      <c r="Y1417" s="2">
        <v>7.6</v>
      </c>
      <c r="Z1417" s="2">
        <v>16.7</v>
      </c>
      <c r="AA1417" s="5"/>
      <c r="AB1417" s="5" t="s">
        <v>43</v>
      </c>
      <c r="AC1417" s="5" t="s">
        <v>44</v>
      </c>
      <c r="AD1417" s="2"/>
      <c r="AE1417" s="1"/>
    </row>
    <row r="1418" spans="1:31" ht="14.45">
      <c r="A1418" s="11"/>
      <c r="B1418" s="20"/>
      <c r="C1418" s="2" t="s">
        <v>4675</v>
      </c>
      <c r="D1418" s="14" t="s">
        <v>4676</v>
      </c>
      <c r="E1418" s="2" t="s">
        <v>4677</v>
      </c>
      <c r="F1418" s="2" t="s">
        <v>1803</v>
      </c>
      <c r="G1418" s="8">
        <v>182</v>
      </c>
      <c r="H1418" s="5">
        <v>6</v>
      </c>
      <c r="I1418" s="5" t="s">
        <v>1518</v>
      </c>
      <c r="J1418" s="5" t="s">
        <v>1519</v>
      </c>
      <c r="K1418" s="2" t="s">
        <v>1520</v>
      </c>
      <c r="L1418" s="5" t="s">
        <v>1519</v>
      </c>
      <c r="M1418" s="2" t="s">
        <v>1520</v>
      </c>
      <c r="N1418" s="5" t="s">
        <v>1521</v>
      </c>
      <c r="O1418" s="5" t="s">
        <v>38</v>
      </c>
      <c r="P1418" s="5" t="s">
        <v>39</v>
      </c>
      <c r="Q1418" s="5" t="s">
        <v>40</v>
      </c>
      <c r="R1418" s="5" t="s">
        <v>1522</v>
      </c>
      <c r="S1418" s="5" t="s">
        <v>1523</v>
      </c>
      <c r="T1418" s="5" t="s">
        <v>42</v>
      </c>
      <c r="U1418" s="2">
        <v>2.4630000000000001</v>
      </c>
      <c r="V1418" s="2">
        <v>1.9930000000000001</v>
      </c>
      <c r="W1418" s="2">
        <v>1.2999999999999999E-2</v>
      </c>
      <c r="X1418" s="2">
        <v>99.1</v>
      </c>
      <c r="Y1418" s="2">
        <v>7.6</v>
      </c>
      <c r="Z1418" s="2">
        <v>16.7</v>
      </c>
      <c r="AA1418" s="5"/>
      <c r="AB1418" s="5" t="s">
        <v>43</v>
      </c>
      <c r="AC1418" s="5" t="s">
        <v>44</v>
      </c>
      <c r="AD1418" s="2"/>
      <c r="AE1418" s="1"/>
    </row>
    <row r="1419" spans="1:31" ht="14.45">
      <c r="A1419" s="11"/>
      <c r="B1419" s="20"/>
      <c r="C1419" s="2" t="s">
        <v>4678</v>
      </c>
      <c r="D1419" s="14" t="s">
        <v>4679</v>
      </c>
      <c r="E1419" s="2" t="s">
        <v>4680</v>
      </c>
      <c r="F1419" s="2" t="s">
        <v>1807</v>
      </c>
      <c r="G1419" s="8">
        <v>182</v>
      </c>
      <c r="H1419" s="5">
        <v>6</v>
      </c>
      <c r="I1419" s="5" t="s">
        <v>1518</v>
      </c>
      <c r="J1419" s="5" t="s">
        <v>1519</v>
      </c>
      <c r="K1419" s="2" t="s">
        <v>1520</v>
      </c>
      <c r="L1419" s="5" t="s">
        <v>1519</v>
      </c>
      <c r="M1419" s="2" t="s">
        <v>1520</v>
      </c>
      <c r="N1419" s="5" t="s">
        <v>1521</v>
      </c>
      <c r="O1419" s="5" t="s">
        <v>38</v>
      </c>
      <c r="P1419" s="5" t="s">
        <v>39</v>
      </c>
      <c r="Q1419" s="5" t="s">
        <v>40</v>
      </c>
      <c r="R1419" s="5" t="s">
        <v>1522</v>
      </c>
      <c r="S1419" s="5" t="s">
        <v>1523</v>
      </c>
      <c r="T1419" s="5" t="s">
        <v>42</v>
      </c>
      <c r="U1419" s="2">
        <v>2.415</v>
      </c>
      <c r="V1419" s="2">
        <v>1.9450000000000001</v>
      </c>
      <c r="W1419" s="2">
        <v>1.2999999999999999E-2</v>
      </c>
      <c r="X1419" s="2">
        <v>99.1</v>
      </c>
      <c r="Y1419" s="2">
        <v>7.6</v>
      </c>
      <c r="Z1419" s="2">
        <v>16.7</v>
      </c>
      <c r="AA1419" s="5"/>
      <c r="AB1419" s="5" t="s">
        <v>43</v>
      </c>
      <c r="AC1419" s="5" t="s">
        <v>44</v>
      </c>
      <c r="AD1419" s="2"/>
      <c r="AE1419" s="1"/>
    </row>
    <row r="1420" spans="1:31" ht="14.45">
      <c r="A1420" s="11"/>
      <c r="B1420" s="20"/>
      <c r="C1420" s="2" t="s">
        <v>4681</v>
      </c>
      <c r="D1420" s="14" t="s">
        <v>4682</v>
      </c>
      <c r="E1420" s="2" t="s">
        <v>4683</v>
      </c>
      <c r="F1420" s="2" t="s">
        <v>1811</v>
      </c>
      <c r="G1420" s="8">
        <v>182</v>
      </c>
      <c r="H1420" s="5">
        <v>6</v>
      </c>
      <c r="I1420" s="5" t="s">
        <v>1518</v>
      </c>
      <c r="J1420" s="5" t="s">
        <v>1519</v>
      </c>
      <c r="K1420" s="2" t="s">
        <v>1520</v>
      </c>
      <c r="L1420" s="5" t="s">
        <v>1519</v>
      </c>
      <c r="M1420" s="2" t="s">
        <v>1520</v>
      </c>
      <c r="N1420" s="5" t="s">
        <v>1521</v>
      </c>
      <c r="O1420" s="5" t="s">
        <v>38</v>
      </c>
      <c r="P1420" s="5" t="s">
        <v>39</v>
      </c>
      <c r="Q1420" s="5" t="s">
        <v>40</v>
      </c>
      <c r="R1420" s="5" t="s">
        <v>1522</v>
      </c>
      <c r="S1420" s="5" t="s">
        <v>1523</v>
      </c>
      <c r="T1420" s="5" t="s">
        <v>42</v>
      </c>
      <c r="U1420" s="2">
        <v>2.4630000000000001</v>
      </c>
      <c r="V1420" s="2">
        <v>1.9930000000000001</v>
      </c>
      <c r="W1420" s="2">
        <v>1.2999999999999999E-2</v>
      </c>
      <c r="X1420" s="2">
        <v>99.1</v>
      </c>
      <c r="Y1420" s="2">
        <v>7.6</v>
      </c>
      <c r="Z1420" s="2">
        <v>16.7</v>
      </c>
      <c r="AA1420" s="5"/>
      <c r="AB1420" s="5" t="s">
        <v>43</v>
      </c>
      <c r="AC1420" s="5" t="s">
        <v>44</v>
      </c>
      <c r="AD1420" s="2"/>
      <c r="AE1420" s="1"/>
    </row>
    <row r="1421" spans="1:31" ht="14.45">
      <c r="A1421" s="11"/>
      <c r="B1421" s="20"/>
      <c r="C1421" s="2" t="s">
        <v>4684</v>
      </c>
      <c r="D1421" s="14" t="s">
        <v>4685</v>
      </c>
      <c r="E1421" s="2" t="s">
        <v>4686</v>
      </c>
      <c r="F1421" s="2" t="s">
        <v>1815</v>
      </c>
      <c r="G1421" s="8">
        <v>182</v>
      </c>
      <c r="H1421" s="5">
        <v>6</v>
      </c>
      <c r="I1421" s="5" t="s">
        <v>1518</v>
      </c>
      <c r="J1421" s="5" t="s">
        <v>1519</v>
      </c>
      <c r="K1421" s="2" t="s">
        <v>1520</v>
      </c>
      <c r="L1421" s="5" t="s">
        <v>1519</v>
      </c>
      <c r="M1421" s="2" t="s">
        <v>1520</v>
      </c>
      <c r="N1421" s="5" t="s">
        <v>1521</v>
      </c>
      <c r="O1421" s="5" t="s">
        <v>38</v>
      </c>
      <c r="P1421" s="5" t="s">
        <v>39</v>
      </c>
      <c r="Q1421" s="5" t="s">
        <v>40</v>
      </c>
      <c r="R1421" s="5" t="s">
        <v>1522</v>
      </c>
      <c r="S1421" s="5" t="s">
        <v>1523</v>
      </c>
      <c r="T1421" s="5" t="s">
        <v>42</v>
      </c>
      <c r="U1421" s="2">
        <v>2.3919999999999999</v>
      </c>
      <c r="V1421" s="2">
        <v>1.9219999999999999</v>
      </c>
      <c r="W1421" s="2">
        <v>1.2999999999999999E-2</v>
      </c>
      <c r="X1421" s="2">
        <v>99.1</v>
      </c>
      <c r="Y1421" s="2">
        <v>7.6</v>
      </c>
      <c r="Z1421" s="2">
        <v>16.7</v>
      </c>
      <c r="AA1421" s="5"/>
      <c r="AB1421" s="5" t="s">
        <v>43</v>
      </c>
      <c r="AC1421" s="5" t="s">
        <v>44</v>
      </c>
      <c r="AD1421" s="2"/>
      <c r="AE1421" s="1"/>
    </row>
    <row r="1422" spans="1:31" ht="14.45">
      <c r="A1422" s="11"/>
      <c r="B1422" s="20"/>
      <c r="C1422" s="2" t="s">
        <v>4687</v>
      </c>
      <c r="D1422" s="14" t="s">
        <v>4688</v>
      </c>
      <c r="E1422" s="2" t="s">
        <v>4689</v>
      </c>
      <c r="F1422" s="2" t="s">
        <v>1819</v>
      </c>
      <c r="G1422" s="8">
        <v>182</v>
      </c>
      <c r="H1422" s="5">
        <v>6</v>
      </c>
      <c r="I1422" s="5" t="s">
        <v>1518</v>
      </c>
      <c r="J1422" s="5" t="s">
        <v>1519</v>
      </c>
      <c r="K1422" s="2" t="s">
        <v>1520</v>
      </c>
      <c r="L1422" s="5" t="s">
        <v>1519</v>
      </c>
      <c r="M1422" s="2" t="s">
        <v>1520</v>
      </c>
      <c r="N1422" s="5" t="s">
        <v>1521</v>
      </c>
      <c r="O1422" s="5" t="s">
        <v>38</v>
      </c>
      <c r="P1422" s="5" t="s">
        <v>39</v>
      </c>
      <c r="Q1422" s="5" t="s">
        <v>40</v>
      </c>
      <c r="R1422" s="5" t="s">
        <v>1522</v>
      </c>
      <c r="S1422" s="5" t="s">
        <v>1523</v>
      </c>
      <c r="T1422" s="5" t="s">
        <v>42</v>
      </c>
      <c r="U1422" s="2">
        <v>2.44</v>
      </c>
      <c r="V1422" s="2">
        <v>1.97</v>
      </c>
      <c r="W1422" s="2">
        <v>1.2999999999999999E-2</v>
      </c>
      <c r="X1422" s="2">
        <v>99.1</v>
      </c>
      <c r="Y1422" s="2">
        <v>7.6</v>
      </c>
      <c r="Z1422" s="2">
        <v>16.7</v>
      </c>
      <c r="AA1422" s="5"/>
      <c r="AB1422" s="5" t="s">
        <v>43</v>
      </c>
      <c r="AC1422" s="5" t="s">
        <v>44</v>
      </c>
      <c r="AD1422" s="2"/>
      <c r="AE1422" s="1"/>
    </row>
    <row r="1423" spans="1:31" ht="14.45">
      <c r="A1423" s="11"/>
      <c r="B1423" s="20"/>
      <c r="C1423" s="2" t="s">
        <v>4690</v>
      </c>
      <c r="D1423" s="14" t="s">
        <v>4691</v>
      </c>
      <c r="E1423" s="2" t="s">
        <v>4692</v>
      </c>
      <c r="F1423" s="2" t="s">
        <v>1823</v>
      </c>
      <c r="G1423" s="8">
        <v>182</v>
      </c>
      <c r="H1423" s="5">
        <v>8</v>
      </c>
      <c r="I1423" s="5" t="s">
        <v>1518</v>
      </c>
      <c r="J1423" s="5" t="s">
        <v>1519</v>
      </c>
      <c r="K1423" s="2" t="s">
        <v>1520</v>
      </c>
      <c r="L1423" s="5" t="s">
        <v>1519</v>
      </c>
      <c r="M1423" s="2" t="s">
        <v>1520</v>
      </c>
      <c r="N1423" s="5" t="s">
        <v>1521</v>
      </c>
      <c r="O1423" s="5" t="s">
        <v>38</v>
      </c>
      <c r="P1423" s="5" t="s">
        <v>39</v>
      </c>
      <c r="Q1423" s="5" t="s">
        <v>40</v>
      </c>
      <c r="R1423" s="5" t="s">
        <v>1522</v>
      </c>
      <c r="S1423" s="5" t="s">
        <v>1523</v>
      </c>
      <c r="T1423" s="5" t="s">
        <v>42</v>
      </c>
      <c r="U1423" s="2">
        <v>2.4329999999999998</v>
      </c>
      <c r="V1423" s="2">
        <v>1.9630000000000001</v>
      </c>
      <c r="W1423" s="2">
        <v>1.2999999999999999E-2</v>
      </c>
      <c r="X1423" s="2">
        <v>99.1</v>
      </c>
      <c r="Y1423" s="2">
        <v>7.6</v>
      </c>
      <c r="Z1423" s="2">
        <v>16.7</v>
      </c>
      <c r="AA1423" s="5"/>
      <c r="AB1423" s="5" t="s">
        <v>43</v>
      </c>
      <c r="AC1423" s="5" t="s">
        <v>44</v>
      </c>
      <c r="AD1423" s="2"/>
      <c r="AE1423" s="1"/>
    </row>
    <row r="1424" spans="1:31" ht="14.45">
      <c r="A1424" s="11"/>
      <c r="B1424" s="20"/>
      <c r="C1424" s="2" t="s">
        <v>4693</v>
      </c>
      <c r="D1424" s="14" t="s">
        <v>4694</v>
      </c>
      <c r="E1424" s="2" t="s">
        <v>4695</v>
      </c>
      <c r="F1424" s="2" t="s">
        <v>1827</v>
      </c>
      <c r="G1424" s="8">
        <v>182</v>
      </c>
      <c r="H1424" s="5">
        <v>8</v>
      </c>
      <c r="I1424" s="5" t="s">
        <v>1518</v>
      </c>
      <c r="J1424" s="5" t="s">
        <v>1519</v>
      </c>
      <c r="K1424" s="2" t="s">
        <v>1520</v>
      </c>
      <c r="L1424" s="5" t="s">
        <v>1519</v>
      </c>
      <c r="M1424" s="2" t="s">
        <v>1520</v>
      </c>
      <c r="N1424" s="5" t="s">
        <v>1521</v>
      </c>
      <c r="O1424" s="5" t="s">
        <v>38</v>
      </c>
      <c r="P1424" s="5" t="s">
        <v>39</v>
      </c>
      <c r="Q1424" s="5" t="s">
        <v>40</v>
      </c>
      <c r="R1424" s="5" t="s">
        <v>1522</v>
      </c>
      <c r="S1424" s="5" t="s">
        <v>1523</v>
      </c>
      <c r="T1424" s="5" t="s">
        <v>42</v>
      </c>
      <c r="U1424" s="2">
        <v>2.4809999999999999</v>
      </c>
      <c r="V1424" s="2">
        <v>2.0110000000000001</v>
      </c>
      <c r="W1424" s="2">
        <v>1.2999999999999999E-2</v>
      </c>
      <c r="X1424" s="2">
        <v>99.1</v>
      </c>
      <c r="Y1424" s="2">
        <v>7.6</v>
      </c>
      <c r="Z1424" s="2">
        <v>16.7</v>
      </c>
      <c r="AA1424" s="5"/>
      <c r="AB1424" s="5" t="s">
        <v>43</v>
      </c>
      <c r="AC1424" s="5" t="s">
        <v>44</v>
      </c>
      <c r="AD1424" s="2"/>
      <c r="AE1424" s="1"/>
    </row>
    <row r="1425" spans="1:31" ht="14.45">
      <c r="A1425" s="11"/>
      <c r="B1425" s="20"/>
      <c r="C1425" s="2" t="s">
        <v>4696</v>
      </c>
      <c r="D1425" s="14" t="s">
        <v>4697</v>
      </c>
      <c r="E1425" s="2" t="s">
        <v>4698</v>
      </c>
      <c r="F1425" s="2" t="s">
        <v>1973</v>
      </c>
      <c r="G1425" s="8">
        <v>182</v>
      </c>
      <c r="H1425" s="5">
        <v>13</v>
      </c>
      <c r="I1425" s="5" t="s">
        <v>1518</v>
      </c>
      <c r="J1425" s="5" t="s">
        <v>1519</v>
      </c>
      <c r="K1425" s="2" t="s">
        <v>1520</v>
      </c>
      <c r="L1425" s="5" t="s">
        <v>1519</v>
      </c>
      <c r="M1425" s="2" t="s">
        <v>1520</v>
      </c>
      <c r="N1425" s="5" t="s">
        <v>1521</v>
      </c>
      <c r="O1425" s="5" t="s">
        <v>38</v>
      </c>
      <c r="P1425" s="5" t="s">
        <v>39</v>
      </c>
      <c r="Q1425" s="5" t="s">
        <v>40</v>
      </c>
      <c r="R1425" s="5" t="s">
        <v>1522</v>
      </c>
      <c r="S1425" s="5" t="s">
        <v>1523</v>
      </c>
      <c r="T1425" s="5" t="s">
        <v>42</v>
      </c>
      <c r="U1425" s="2">
        <v>2.4569999999999999</v>
      </c>
      <c r="V1425" s="2">
        <v>1.9870000000000001</v>
      </c>
      <c r="W1425" s="2">
        <v>1.2999999999999999E-2</v>
      </c>
      <c r="X1425" s="2">
        <v>99.1</v>
      </c>
      <c r="Y1425" s="2">
        <v>7.6</v>
      </c>
      <c r="Z1425" s="2">
        <v>16.7</v>
      </c>
      <c r="AA1425" s="5"/>
      <c r="AB1425" s="5" t="s">
        <v>43</v>
      </c>
      <c r="AC1425" s="5" t="s">
        <v>44</v>
      </c>
      <c r="AD1425" s="2"/>
      <c r="AE1425" s="1"/>
    </row>
    <row r="1426" spans="1:31" ht="14.45">
      <c r="A1426" s="11"/>
      <c r="B1426" s="20"/>
      <c r="C1426" s="2" t="s">
        <v>4699</v>
      </c>
      <c r="D1426" s="14" t="s">
        <v>4700</v>
      </c>
      <c r="E1426" s="2" t="s">
        <v>4701</v>
      </c>
      <c r="F1426" s="2" t="s">
        <v>2348</v>
      </c>
      <c r="G1426" s="8">
        <v>182</v>
      </c>
      <c r="H1426" s="5">
        <v>13</v>
      </c>
      <c r="I1426" s="5" t="s">
        <v>1518</v>
      </c>
      <c r="J1426" s="5" t="s">
        <v>1519</v>
      </c>
      <c r="K1426" s="2" t="s">
        <v>1520</v>
      </c>
      <c r="L1426" s="5" t="s">
        <v>1519</v>
      </c>
      <c r="M1426" s="2" t="s">
        <v>1520</v>
      </c>
      <c r="N1426" s="5" t="s">
        <v>1521</v>
      </c>
      <c r="O1426" s="5" t="s">
        <v>38</v>
      </c>
      <c r="P1426" s="5" t="s">
        <v>39</v>
      </c>
      <c r="Q1426" s="5" t="s">
        <v>40</v>
      </c>
      <c r="R1426" s="5" t="s">
        <v>1522</v>
      </c>
      <c r="S1426" s="5" t="s">
        <v>1523</v>
      </c>
      <c r="T1426" s="5" t="s">
        <v>42</v>
      </c>
      <c r="U1426" s="2">
        <v>2.5049999999999999</v>
      </c>
      <c r="V1426" s="2">
        <v>2.0350000000000001</v>
      </c>
      <c r="W1426" s="2">
        <v>1.2999999999999999E-2</v>
      </c>
      <c r="X1426" s="2">
        <v>99.1</v>
      </c>
      <c r="Y1426" s="2">
        <v>7.6</v>
      </c>
      <c r="Z1426" s="2">
        <v>16.7</v>
      </c>
      <c r="AA1426" s="5"/>
      <c r="AB1426" s="5" t="s">
        <v>43</v>
      </c>
      <c r="AC1426" s="5" t="s">
        <v>44</v>
      </c>
      <c r="AD1426" s="2"/>
      <c r="AE1426" s="1"/>
    </row>
    <row r="1427" spans="1:31" ht="14.45">
      <c r="A1427" s="11"/>
      <c r="B1427" s="20"/>
      <c r="C1427" s="2" t="s">
        <v>4702</v>
      </c>
      <c r="D1427" s="14" t="s">
        <v>4703</v>
      </c>
      <c r="E1427" s="2" t="s">
        <v>4704</v>
      </c>
      <c r="F1427" s="2" t="s">
        <v>2212</v>
      </c>
      <c r="G1427" s="8">
        <v>182</v>
      </c>
      <c r="H1427" s="5">
        <v>13</v>
      </c>
      <c r="I1427" s="5" t="s">
        <v>1518</v>
      </c>
      <c r="J1427" s="5" t="s">
        <v>1519</v>
      </c>
      <c r="K1427" s="2" t="s">
        <v>1520</v>
      </c>
      <c r="L1427" s="5" t="s">
        <v>1519</v>
      </c>
      <c r="M1427" s="2" t="s">
        <v>1520</v>
      </c>
      <c r="N1427" s="5" t="s">
        <v>1521</v>
      </c>
      <c r="O1427" s="5" t="s">
        <v>38</v>
      </c>
      <c r="P1427" s="5" t="s">
        <v>39</v>
      </c>
      <c r="Q1427" s="5" t="s">
        <v>40</v>
      </c>
      <c r="R1427" s="5" t="s">
        <v>1522</v>
      </c>
      <c r="S1427" s="5" t="s">
        <v>1523</v>
      </c>
      <c r="T1427" s="5" t="s">
        <v>42</v>
      </c>
      <c r="U1427" s="2">
        <v>2.5049999999999999</v>
      </c>
      <c r="V1427" s="2">
        <v>2.0350000000000001</v>
      </c>
      <c r="W1427" s="2">
        <v>1.2999999999999999E-2</v>
      </c>
      <c r="X1427" s="2">
        <v>99.1</v>
      </c>
      <c r="Y1427" s="2">
        <v>7.6</v>
      </c>
      <c r="Z1427" s="2">
        <v>16.7</v>
      </c>
      <c r="AA1427" s="5"/>
      <c r="AB1427" s="5" t="s">
        <v>43</v>
      </c>
      <c r="AC1427" s="5" t="s">
        <v>44</v>
      </c>
      <c r="AD1427" s="2"/>
      <c r="AE1427" s="1"/>
    </row>
    <row r="1428" spans="1:31" ht="14.45">
      <c r="A1428" s="11"/>
      <c r="B1428" s="20"/>
      <c r="C1428" s="2" t="s">
        <v>4705</v>
      </c>
      <c r="D1428" s="14" t="s">
        <v>4706</v>
      </c>
      <c r="E1428" s="2" t="s">
        <v>4707</v>
      </c>
      <c r="F1428" s="2" t="s">
        <v>1831</v>
      </c>
      <c r="G1428" s="8">
        <v>182</v>
      </c>
      <c r="H1428" s="5">
        <v>13</v>
      </c>
      <c r="I1428" s="5" t="s">
        <v>1518</v>
      </c>
      <c r="J1428" s="5" t="s">
        <v>1519</v>
      </c>
      <c r="K1428" s="2" t="s">
        <v>1520</v>
      </c>
      <c r="L1428" s="5" t="s">
        <v>1519</v>
      </c>
      <c r="M1428" s="2" t="s">
        <v>1520</v>
      </c>
      <c r="N1428" s="5" t="s">
        <v>1521</v>
      </c>
      <c r="O1428" s="5" t="s">
        <v>38</v>
      </c>
      <c r="P1428" s="5" t="s">
        <v>39</v>
      </c>
      <c r="Q1428" s="5" t="s">
        <v>40</v>
      </c>
      <c r="R1428" s="5" t="s">
        <v>1522</v>
      </c>
      <c r="S1428" s="5" t="s">
        <v>1523</v>
      </c>
      <c r="T1428" s="5" t="s">
        <v>42</v>
      </c>
      <c r="U1428" s="2">
        <v>2.4569999999999999</v>
      </c>
      <c r="V1428" s="2">
        <v>1.9870000000000001</v>
      </c>
      <c r="W1428" s="2">
        <v>1.2999999999999999E-2</v>
      </c>
      <c r="X1428" s="2">
        <v>99.1</v>
      </c>
      <c r="Y1428" s="2">
        <v>7.6</v>
      </c>
      <c r="Z1428" s="2">
        <v>16.7</v>
      </c>
      <c r="AA1428" s="5"/>
      <c r="AB1428" s="5" t="s">
        <v>43</v>
      </c>
      <c r="AC1428" s="5" t="s">
        <v>44</v>
      </c>
      <c r="AD1428" s="2"/>
      <c r="AE1428" s="1"/>
    </row>
    <row r="1429" spans="1:31" ht="14.45">
      <c r="A1429" s="11"/>
      <c r="B1429" s="20"/>
      <c r="C1429" s="2" t="s">
        <v>4708</v>
      </c>
      <c r="D1429" s="14" t="s">
        <v>4709</v>
      </c>
      <c r="E1429" s="2" t="s">
        <v>4710</v>
      </c>
      <c r="F1429" s="2" t="s">
        <v>1835</v>
      </c>
      <c r="G1429" s="8">
        <v>182</v>
      </c>
      <c r="H1429" s="5">
        <v>13</v>
      </c>
      <c r="I1429" s="5" t="s">
        <v>1518</v>
      </c>
      <c r="J1429" s="5" t="s">
        <v>1519</v>
      </c>
      <c r="K1429" s="2" t="s">
        <v>1520</v>
      </c>
      <c r="L1429" s="5" t="s">
        <v>1519</v>
      </c>
      <c r="M1429" s="2" t="s">
        <v>1520</v>
      </c>
      <c r="N1429" s="5" t="s">
        <v>1521</v>
      </c>
      <c r="O1429" s="5" t="s">
        <v>38</v>
      </c>
      <c r="P1429" s="5" t="s">
        <v>39</v>
      </c>
      <c r="Q1429" s="5" t="s">
        <v>40</v>
      </c>
      <c r="R1429" s="5" t="s">
        <v>1522</v>
      </c>
      <c r="S1429" s="5" t="s">
        <v>1523</v>
      </c>
      <c r="T1429" s="5" t="s">
        <v>42</v>
      </c>
      <c r="U1429" s="2">
        <v>2.5049999999999999</v>
      </c>
      <c r="V1429" s="2">
        <v>2.0350000000000001</v>
      </c>
      <c r="W1429" s="2">
        <v>1.2999999999999999E-2</v>
      </c>
      <c r="X1429" s="2">
        <v>99.1</v>
      </c>
      <c r="Y1429" s="2">
        <v>7.6</v>
      </c>
      <c r="Z1429" s="2">
        <v>16.7</v>
      </c>
      <c r="AA1429" s="5"/>
      <c r="AB1429" s="5" t="s">
        <v>43</v>
      </c>
      <c r="AC1429" s="5" t="s">
        <v>44</v>
      </c>
      <c r="AD1429" s="2"/>
      <c r="AE1429" s="1"/>
    </row>
    <row r="1430" spans="1:31" ht="14.45">
      <c r="A1430" s="11"/>
      <c r="B1430" s="20"/>
      <c r="C1430" s="2" t="s">
        <v>4711</v>
      </c>
      <c r="D1430" s="14" t="s">
        <v>4712</v>
      </c>
      <c r="E1430" s="2" t="s">
        <v>4713</v>
      </c>
      <c r="F1430" s="2" t="s">
        <v>1986</v>
      </c>
      <c r="G1430" s="8">
        <v>182</v>
      </c>
      <c r="H1430" s="5">
        <v>13</v>
      </c>
      <c r="I1430" s="5" t="s">
        <v>1518</v>
      </c>
      <c r="J1430" s="5" t="s">
        <v>1519</v>
      </c>
      <c r="K1430" s="2" t="s">
        <v>1520</v>
      </c>
      <c r="L1430" s="5" t="s">
        <v>1519</v>
      </c>
      <c r="M1430" s="2" t="s">
        <v>1520</v>
      </c>
      <c r="N1430" s="5" t="s">
        <v>1521</v>
      </c>
      <c r="O1430" s="5" t="s">
        <v>38</v>
      </c>
      <c r="P1430" s="5" t="s">
        <v>39</v>
      </c>
      <c r="Q1430" s="5" t="s">
        <v>40</v>
      </c>
      <c r="R1430" s="5" t="s">
        <v>1522</v>
      </c>
      <c r="S1430" s="5" t="s">
        <v>1523</v>
      </c>
      <c r="T1430" s="5" t="s">
        <v>42</v>
      </c>
      <c r="U1430" s="2">
        <v>2.5049999999999999</v>
      </c>
      <c r="V1430" s="2">
        <v>2.0350000000000001</v>
      </c>
      <c r="W1430" s="2">
        <v>1.2999999999999999E-2</v>
      </c>
      <c r="X1430" s="2">
        <v>99.1</v>
      </c>
      <c r="Y1430" s="2">
        <v>7.6</v>
      </c>
      <c r="Z1430" s="2">
        <v>16.7</v>
      </c>
      <c r="AA1430" s="5"/>
      <c r="AB1430" s="5" t="s">
        <v>43</v>
      </c>
      <c r="AC1430" s="5" t="s">
        <v>44</v>
      </c>
      <c r="AD1430" s="2"/>
      <c r="AE1430" s="1"/>
    </row>
    <row r="1431" spans="1:31" ht="14.45">
      <c r="A1431" s="11"/>
      <c r="B1431" s="20"/>
      <c r="C1431" s="2" t="s">
        <v>4714</v>
      </c>
      <c r="D1431" s="14" t="s">
        <v>4715</v>
      </c>
      <c r="E1431" s="2" t="s">
        <v>4716</v>
      </c>
      <c r="F1431" s="2" t="s">
        <v>1843</v>
      </c>
      <c r="G1431" s="8">
        <v>182</v>
      </c>
      <c r="H1431" s="5">
        <v>13</v>
      </c>
      <c r="I1431" s="5" t="s">
        <v>1518</v>
      </c>
      <c r="J1431" s="5" t="s">
        <v>1519</v>
      </c>
      <c r="K1431" s="2" t="s">
        <v>1520</v>
      </c>
      <c r="L1431" s="5" t="s">
        <v>1519</v>
      </c>
      <c r="M1431" s="2" t="s">
        <v>1520</v>
      </c>
      <c r="N1431" s="5" t="s">
        <v>1521</v>
      </c>
      <c r="O1431" s="5" t="s">
        <v>38</v>
      </c>
      <c r="P1431" s="5" t="s">
        <v>39</v>
      </c>
      <c r="Q1431" s="5" t="s">
        <v>40</v>
      </c>
      <c r="R1431" s="5" t="s">
        <v>1522</v>
      </c>
      <c r="S1431" s="5" t="s">
        <v>1523</v>
      </c>
      <c r="T1431" s="5" t="s">
        <v>42</v>
      </c>
      <c r="U1431" s="2">
        <v>2.4569999999999999</v>
      </c>
      <c r="V1431" s="2">
        <v>1.9870000000000001</v>
      </c>
      <c r="W1431" s="2">
        <v>1.2999999999999999E-2</v>
      </c>
      <c r="X1431" s="2">
        <v>99.1</v>
      </c>
      <c r="Y1431" s="2">
        <v>7.6</v>
      </c>
      <c r="Z1431" s="2">
        <v>16.7</v>
      </c>
      <c r="AA1431" s="5"/>
      <c r="AB1431" s="5" t="s">
        <v>43</v>
      </c>
      <c r="AC1431" s="5" t="s">
        <v>44</v>
      </c>
      <c r="AD1431" s="2"/>
      <c r="AE1431" s="1"/>
    </row>
    <row r="1432" spans="1:31" ht="14.45">
      <c r="A1432" s="11"/>
      <c r="B1432" s="20"/>
      <c r="C1432" s="2" t="s">
        <v>4717</v>
      </c>
      <c r="D1432" s="14" t="s">
        <v>4718</v>
      </c>
      <c r="E1432" s="2" t="s">
        <v>4719</v>
      </c>
      <c r="F1432" s="2" t="s">
        <v>1847</v>
      </c>
      <c r="G1432" s="8">
        <v>182</v>
      </c>
      <c r="H1432" s="5">
        <v>13</v>
      </c>
      <c r="I1432" s="5" t="s">
        <v>1518</v>
      </c>
      <c r="J1432" s="5" t="s">
        <v>1519</v>
      </c>
      <c r="K1432" s="2" t="s">
        <v>1520</v>
      </c>
      <c r="L1432" s="5" t="s">
        <v>1519</v>
      </c>
      <c r="M1432" s="2" t="s">
        <v>1520</v>
      </c>
      <c r="N1432" s="5" t="s">
        <v>1521</v>
      </c>
      <c r="O1432" s="5" t="s">
        <v>38</v>
      </c>
      <c r="P1432" s="5" t="s">
        <v>39</v>
      </c>
      <c r="Q1432" s="5" t="s">
        <v>40</v>
      </c>
      <c r="R1432" s="5" t="s">
        <v>1522</v>
      </c>
      <c r="S1432" s="5" t="s">
        <v>1523</v>
      </c>
      <c r="T1432" s="5" t="s">
        <v>42</v>
      </c>
      <c r="U1432" s="2">
        <v>2.5049999999999999</v>
      </c>
      <c r="V1432" s="2">
        <v>2.0350000000000001</v>
      </c>
      <c r="W1432" s="2">
        <v>1.2999999999999999E-2</v>
      </c>
      <c r="X1432" s="2">
        <v>99.1</v>
      </c>
      <c r="Y1432" s="2">
        <v>7.6</v>
      </c>
      <c r="Z1432" s="2">
        <v>16.7</v>
      </c>
      <c r="AA1432" s="5"/>
      <c r="AB1432" s="5" t="s">
        <v>43</v>
      </c>
      <c r="AC1432" s="5" t="s">
        <v>44</v>
      </c>
      <c r="AD1432" s="2"/>
      <c r="AE1432" s="1"/>
    </row>
    <row r="1433" spans="1:31" ht="14.45">
      <c r="A1433" s="11"/>
      <c r="B1433" s="20"/>
      <c r="C1433" s="2" t="s">
        <v>4720</v>
      </c>
      <c r="D1433" s="14" t="s">
        <v>4721</v>
      </c>
      <c r="E1433" s="2" t="s">
        <v>4722</v>
      </c>
      <c r="F1433" s="2" t="s">
        <v>1851</v>
      </c>
      <c r="G1433" s="8">
        <v>182</v>
      </c>
      <c r="H1433" s="5">
        <v>13</v>
      </c>
      <c r="I1433" s="5" t="s">
        <v>1518</v>
      </c>
      <c r="J1433" s="5" t="s">
        <v>1519</v>
      </c>
      <c r="K1433" s="2" t="s">
        <v>1520</v>
      </c>
      <c r="L1433" s="5" t="s">
        <v>1519</v>
      </c>
      <c r="M1433" s="2" t="s">
        <v>1520</v>
      </c>
      <c r="N1433" s="5" t="s">
        <v>1521</v>
      </c>
      <c r="O1433" s="5" t="s">
        <v>38</v>
      </c>
      <c r="P1433" s="5" t="s">
        <v>39</v>
      </c>
      <c r="Q1433" s="5" t="s">
        <v>40</v>
      </c>
      <c r="R1433" s="5" t="s">
        <v>1522</v>
      </c>
      <c r="S1433" s="5" t="s">
        <v>1523</v>
      </c>
      <c r="T1433" s="5" t="s">
        <v>42</v>
      </c>
      <c r="U1433" s="2">
        <v>2.4569999999999999</v>
      </c>
      <c r="V1433" s="2">
        <v>1.9870000000000001</v>
      </c>
      <c r="W1433" s="2">
        <v>1.2999999999999999E-2</v>
      </c>
      <c r="X1433" s="2">
        <v>99.1</v>
      </c>
      <c r="Y1433" s="2">
        <v>7.6</v>
      </c>
      <c r="Z1433" s="2">
        <v>16.7</v>
      </c>
      <c r="AA1433" s="5"/>
      <c r="AB1433" s="5" t="s">
        <v>43</v>
      </c>
      <c r="AC1433" s="5" t="s">
        <v>44</v>
      </c>
      <c r="AD1433" s="2"/>
      <c r="AE1433" s="1"/>
    </row>
    <row r="1434" spans="1:31" ht="14.45">
      <c r="A1434" s="11"/>
      <c r="B1434" s="20"/>
      <c r="C1434" s="2" t="s">
        <v>4723</v>
      </c>
      <c r="D1434" s="14" t="s">
        <v>4724</v>
      </c>
      <c r="E1434" s="2" t="s">
        <v>4725</v>
      </c>
      <c r="F1434" s="2" t="s">
        <v>1999</v>
      </c>
      <c r="G1434" s="8">
        <v>182</v>
      </c>
      <c r="H1434" s="5">
        <v>13</v>
      </c>
      <c r="I1434" s="5" t="s">
        <v>1518</v>
      </c>
      <c r="J1434" s="5" t="s">
        <v>1519</v>
      </c>
      <c r="K1434" s="2" t="s">
        <v>1520</v>
      </c>
      <c r="L1434" s="5" t="s">
        <v>1519</v>
      </c>
      <c r="M1434" s="2" t="s">
        <v>1520</v>
      </c>
      <c r="N1434" s="5" t="s">
        <v>1521</v>
      </c>
      <c r="O1434" s="5" t="s">
        <v>38</v>
      </c>
      <c r="P1434" s="5" t="s">
        <v>39</v>
      </c>
      <c r="Q1434" s="5" t="s">
        <v>40</v>
      </c>
      <c r="R1434" s="5" t="s">
        <v>1522</v>
      </c>
      <c r="S1434" s="5" t="s">
        <v>1523</v>
      </c>
      <c r="T1434" s="5" t="s">
        <v>42</v>
      </c>
      <c r="U1434" s="2">
        <v>2.5049999999999999</v>
      </c>
      <c r="V1434" s="2">
        <v>2.0350000000000001</v>
      </c>
      <c r="W1434" s="2">
        <v>1.2999999999999999E-2</v>
      </c>
      <c r="X1434" s="2">
        <v>99.1</v>
      </c>
      <c r="Y1434" s="2">
        <v>7.6</v>
      </c>
      <c r="Z1434" s="2">
        <v>16.7</v>
      </c>
      <c r="AA1434" s="5"/>
      <c r="AB1434" s="5" t="s">
        <v>43</v>
      </c>
      <c r="AC1434" s="5" t="s">
        <v>44</v>
      </c>
      <c r="AD1434" s="2"/>
      <c r="AE1434" s="1"/>
    </row>
    <row r="1435" spans="1:31" ht="14.45">
      <c r="A1435" s="11"/>
      <c r="B1435" s="20"/>
      <c r="C1435" s="2" t="s">
        <v>4726</v>
      </c>
      <c r="D1435" s="14" t="s">
        <v>4727</v>
      </c>
      <c r="E1435" s="2" t="s">
        <v>4728</v>
      </c>
      <c r="F1435" s="2" t="s">
        <v>1855</v>
      </c>
      <c r="G1435" s="8">
        <v>182</v>
      </c>
      <c r="H1435" s="5">
        <v>13</v>
      </c>
      <c r="I1435" s="5" t="s">
        <v>1518</v>
      </c>
      <c r="J1435" s="5" t="s">
        <v>1519</v>
      </c>
      <c r="K1435" s="2" t="s">
        <v>1520</v>
      </c>
      <c r="L1435" s="5" t="s">
        <v>1519</v>
      </c>
      <c r="M1435" s="2" t="s">
        <v>1520</v>
      </c>
      <c r="N1435" s="5" t="s">
        <v>1521</v>
      </c>
      <c r="O1435" s="5" t="s">
        <v>38</v>
      </c>
      <c r="P1435" s="5" t="s">
        <v>39</v>
      </c>
      <c r="Q1435" s="5" t="s">
        <v>40</v>
      </c>
      <c r="R1435" s="5" t="s">
        <v>1522</v>
      </c>
      <c r="S1435" s="5" t="s">
        <v>1523</v>
      </c>
      <c r="T1435" s="5" t="s">
        <v>42</v>
      </c>
      <c r="U1435" s="2">
        <v>2.4569999999999999</v>
      </c>
      <c r="V1435" s="2">
        <v>1.9870000000000001</v>
      </c>
      <c r="W1435" s="2">
        <v>1.2999999999999999E-2</v>
      </c>
      <c r="X1435" s="2">
        <v>99.1</v>
      </c>
      <c r="Y1435" s="2">
        <v>7.6</v>
      </c>
      <c r="Z1435" s="2">
        <v>16.7</v>
      </c>
      <c r="AA1435" s="5"/>
      <c r="AB1435" s="5" t="s">
        <v>43</v>
      </c>
      <c r="AC1435" s="5" t="s">
        <v>44</v>
      </c>
      <c r="AD1435" s="2"/>
      <c r="AE1435" s="1"/>
    </row>
    <row r="1436" spans="1:31" ht="14.45">
      <c r="A1436" s="11"/>
      <c r="B1436" s="20"/>
      <c r="C1436" s="2" t="s">
        <v>4729</v>
      </c>
      <c r="D1436" s="14" t="s">
        <v>4730</v>
      </c>
      <c r="E1436" s="2" t="s">
        <v>4731</v>
      </c>
      <c r="F1436" s="2" t="s">
        <v>1859</v>
      </c>
      <c r="G1436" s="8">
        <v>182</v>
      </c>
      <c r="H1436" s="5">
        <v>13</v>
      </c>
      <c r="I1436" s="5" t="s">
        <v>1518</v>
      </c>
      <c r="J1436" s="5" t="s">
        <v>1519</v>
      </c>
      <c r="K1436" s="2" t="s">
        <v>1520</v>
      </c>
      <c r="L1436" s="5" t="s">
        <v>1519</v>
      </c>
      <c r="M1436" s="2" t="s">
        <v>1520</v>
      </c>
      <c r="N1436" s="5" t="s">
        <v>1521</v>
      </c>
      <c r="O1436" s="5" t="s">
        <v>38</v>
      </c>
      <c r="P1436" s="5" t="s">
        <v>39</v>
      </c>
      <c r="Q1436" s="5" t="s">
        <v>40</v>
      </c>
      <c r="R1436" s="5" t="s">
        <v>1522</v>
      </c>
      <c r="S1436" s="5" t="s">
        <v>1523</v>
      </c>
      <c r="T1436" s="5" t="s">
        <v>42</v>
      </c>
      <c r="U1436" s="2">
        <v>2.5049999999999999</v>
      </c>
      <c r="V1436" s="2">
        <v>2.0350000000000001</v>
      </c>
      <c r="W1436" s="2">
        <v>1.2999999999999999E-2</v>
      </c>
      <c r="X1436" s="2">
        <v>99.1</v>
      </c>
      <c r="Y1436" s="2">
        <v>7.6</v>
      </c>
      <c r="Z1436" s="2">
        <v>16.7</v>
      </c>
      <c r="AA1436" s="5"/>
      <c r="AB1436" s="5" t="s">
        <v>43</v>
      </c>
      <c r="AC1436" s="5" t="s">
        <v>44</v>
      </c>
      <c r="AD1436" s="2"/>
      <c r="AE1436" s="1"/>
    </row>
    <row r="1437" spans="1:31" ht="14.45">
      <c r="A1437" s="11"/>
      <c r="B1437" s="20"/>
      <c r="C1437" s="2" t="s">
        <v>4732</v>
      </c>
      <c r="D1437" s="14" t="s">
        <v>4733</v>
      </c>
      <c r="E1437" s="2" t="s">
        <v>4734</v>
      </c>
      <c r="F1437" s="2" t="s">
        <v>1863</v>
      </c>
      <c r="G1437" s="8">
        <v>182</v>
      </c>
      <c r="H1437" s="5">
        <v>11</v>
      </c>
      <c r="I1437" s="5" t="s">
        <v>1518</v>
      </c>
      <c r="J1437" s="5" t="s">
        <v>1519</v>
      </c>
      <c r="K1437" s="2" t="s">
        <v>1520</v>
      </c>
      <c r="L1437" s="5" t="s">
        <v>1519</v>
      </c>
      <c r="M1437" s="2" t="s">
        <v>1520</v>
      </c>
      <c r="N1437" s="5" t="s">
        <v>1521</v>
      </c>
      <c r="O1437" s="5" t="s">
        <v>38</v>
      </c>
      <c r="P1437" s="5" t="s">
        <v>39</v>
      </c>
      <c r="Q1437" s="5" t="s">
        <v>40</v>
      </c>
      <c r="R1437" s="5" t="s">
        <v>1522</v>
      </c>
      <c r="S1437" s="5" t="s">
        <v>1523</v>
      </c>
      <c r="T1437" s="5" t="s">
        <v>42</v>
      </c>
      <c r="U1437" s="2">
        <v>2.395</v>
      </c>
      <c r="V1437" s="2">
        <v>1.925</v>
      </c>
      <c r="W1437" s="2">
        <v>1.2999999999999999E-2</v>
      </c>
      <c r="X1437" s="2">
        <v>99.1</v>
      </c>
      <c r="Y1437" s="2">
        <v>7.6</v>
      </c>
      <c r="Z1437" s="2">
        <v>16.7</v>
      </c>
      <c r="AA1437" s="5"/>
      <c r="AB1437" s="5" t="s">
        <v>43</v>
      </c>
      <c r="AC1437" s="5" t="s">
        <v>44</v>
      </c>
      <c r="AD1437" s="2"/>
      <c r="AE1437" s="1"/>
    </row>
    <row r="1438" spans="1:31" ht="14.45">
      <c r="A1438" s="11"/>
      <c r="B1438" s="20"/>
      <c r="C1438" s="2" t="s">
        <v>4735</v>
      </c>
      <c r="D1438" s="14" t="s">
        <v>4736</v>
      </c>
      <c r="E1438" s="2" t="s">
        <v>4737</v>
      </c>
      <c r="F1438" s="2" t="s">
        <v>1867</v>
      </c>
      <c r="G1438" s="8">
        <v>182</v>
      </c>
      <c r="H1438" s="5">
        <v>11</v>
      </c>
      <c r="I1438" s="5" t="s">
        <v>1518</v>
      </c>
      <c r="J1438" s="5" t="s">
        <v>1519</v>
      </c>
      <c r="K1438" s="2" t="s">
        <v>1520</v>
      </c>
      <c r="L1438" s="5" t="s">
        <v>1519</v>
      </c>
      <c r="M1438" s="2" t="s">
        <v>1520</v>
      </c>
      <c r="N1438" s="5" t="s">
        <v>1521</v>
      </c>
      <c r="O1438" s="5" t="s">
        <v>38</v>
      </c>
      <c r="P1438" s="5" t="s">
        <v>39</v>
      </c>
      <c r="Q1438" s="5" t="s">
        <v>40</v>
      </c>
      <c r="R1438" s="5" t="s">
        <v>1522</v>
      </c>
      <c r="S1438" s="5" t="s">
        <v>1523</v>
      </c>
      <c r="T1438" s="5" t="s">
        <v>42</v>
      </c>
      <c r="U1438" s="2">
        <v>2.4430000000000001</v>
      </c>
      <c r="V1438" s="2">
        <v>1.9730000000000001</v>
      </c>
      <c r="W1438" s="2">
        <v>1.2999999999999999E-2</v>
      </c>
      <c r="X1438" s="2">
        <v>99.1</v>
      </c>
      <c r="Y1438" s="2">
        <v>7.6</v>
      </c>
      <c r="Z1438" s="2">
        <v>16.7</v>
      </c>
      <c r="AA1438" s="5"/>
      <c r="AB1438" s="5" t="s">
        <v>43</v>
      </c>
      <c r="AC1438" s="5" t="s">
        <v>44</v>
      </c>
      <c r="AD1438" s="2"/>
      <c r="AE1438" s="1"/>
    </row>
    <row r="1439" spans="1:31" ht="14.45">
      <c r="A1439" s="11"/>
      <c r="B1439" s="20"/>
      <c r="C1439" s="2" t="s">
        <v>4738</v>
      </c>
      <c r="D1439" s="14" t="s">
        <v>4739</v>
      </c>
      <c r="E1439" s="2" t="s">
        <v>4740</v>
      </c>
      <c r="F1439" s="2" t="s">
        <v>1695</v>
      </c>
      <c r="G1439" s="8">
        <v>170</v>
      </c>
      <c r="H1439" s="5">
        <v>6</v>
      </c>
      <c r="I1439" s="5" t="s">
        <v>1518</v>
      </c>
      <c r="J1439" s="5" t="s">
        <v>1519</v>
      </c>
      <c r="K1439" s="2" t="s">
        <v>1520</v>
      </c>
      <c r="L1439" s="5" t="s">
        <v>1519</v>
      </c>
      <c r="M1439" s="2" t="s">
        <v>1520</v>
      </c>
      <c r="N1439" s="5" t="s">
        <v>1521</v>
      </c>
      <c r="O1439" s="5" t="s">
        <v>38</v>
      </c>
      <c r="P1439" s="5" t="s">
        <v>39</v>
      </c>
      <c r="Q1439" s="5" t="s">
        <v>40</v>
      </c>
      <c r="R1439" s="5" t="s">
        <v>1522</v>
      </c>
      <c r="S1439" s="5" t="s">
        <v>1523</v>
      </c>
      <c r="T1439" s="5" t="s">
        <v>42</v>
      </c>
      <c r="U1439" s="2">
        <v>2.5670000000000002</v>
      </c>
      <c r="V1439" s="2">
        <v>2.097</v>
      </c>
      <c r="W1439" s="2">
        <v>1.4999999999999999E-2</v>
      </c>
      <c r="X1439" s="2">
        <v>118.9</v>
      </c>
      <c r="Y1439" s="2">
        <v>7.6</v>
      </c>
      <c r="Z1439" s="2">
        <v>16.7</v>
      </c>
      <c r="AA1439" s="5"/>
      <c r="AB1439" s="5" t="s">
        <v>43</v>
      </c>
      <c r="AC1439" s="5" t="s">
        <v>44</v>
      </c>
      <c r="AD1439" s="2"/>
      <c r="AE1439" s="1"/>
    </row>
    <row r="1440" spans="1:31" ht="14.45">
      <c r="A1440" s="11"/>
      <c r="B1440" s="20"/>
      <c r="C1440" s="2" t="s">
        <v>4741</v>
      </c>
      <c r="D1440" s="14" t="s">
        <v>4742</v>
      </c>
      <c r="E1440" s="2" t="s">
        <v>4743</v>
      </c>
      <c r="F1440" s="2" t="s">
        <v>1699</v>
      </c>
      <c r="G1440" s="8">
        <v>170</v>
      </c>
      <c r="H1440" s="5">
        <v>6</v>
      </c>
      <c r="I1440" s="5" t="s">
        <v>1518</v>
      </c>
      <c r="J1440" s="5" t="s">
        <v>1519</v>
      </c>
      <c r="K1440" s="2" t="s">
        <v>1520</v>
      </c>
      <c r="L1440" s="5" t="s">
        <v>1519</v>
      </c>
      <c r="M1440" s="2" t="s">
        <v>1520</v>
      </c>
      <c r="N1440" s="5" t="s">
        <v>1521</v>
      </c>
      <c r="O1440" s="5" t="s">
        <v>38</v>
      </c>
      <c r="P1440" s="5" t="s">
        <v>39</v>
      </c>
      <c r="Q1440" s="5" t="s">
        <v>40</v>
      </c>
      <c r="R1440" s="5" t="s">
        <v>1522</v>
      </c>
      <c r="S1440" s="5" t="s">
        <v>1523</v>
      </c>
      <c r="T1440" s="5" t="s">
        <v>42</v>
      </c>
      <c r="U1440" s="2">
        <v>2.6190000000000002</v>
      </c>
      <c r="V1440" s="2">
        <v>2.149</v>
      </c>
      <c r="W1440" s="2">
        <v>1.4999999999999999E-2</v>
      </c>
      <c r="X1440" s="2">
        <v>118.9</v>
      </c>
      <c r="Y1440" s="2">
        <v>7.6</v>
      </c>
      <c r="Z1440" s="2">
        <v>16.7</v>
      </c>
      <c r="AA1440" s="5"/>
      <c r="AB1440" s="5" t="s">
        <v>43</v>
      </c>
      <c r="AC1440" s="5" t="s">
        <v>44</v>
      </c>
      <c r="AD1440" s="2"/>
      <c r="AE1440" s="1"/>
    </row>
    <row r="1441" spans="1:31" ht="14.45">
      <c r="A1441" s="11"/>
      <c r="B1441" s="20"/>
      <c r="C1441" s="2" t="s">
        <v>4744</v>
      </c>
      <c r="D1441" s="14" t="s">
        <v>4745</v>
      </c>
      <c r="E1441" s="2" t="s">
        <v>4746</v>
      </c>
      <c r="F1441" s="2" t="s">
        <v>1703</v>
      </c>
      <c r="G1441" s="8">
        <v>170</v>
      </c>
      <c r="H1441" s="5">
        <v>6</v>
      </c>
      <c r="I1441" s="5" t="s">
        <v>1518</v>
      </c>
      <c r="J1441" s="5" t="s">
        <v>1519</v>
      </c>
      <c r="K1441" s="2" t="s">
        <v>1520</v>
      </c>
      <c r="L1441" s="5" t="s">
        <v>1519</v>
      </c>
      <c r="M1441" s="2" t="s">
        <v>1520</v>
      </c>
      <c r="N1441" s="5" t="s">
        <v>1521</v>
      </c>
      <c r="O1441" s="5" t="s">
        <v>38</v>
      </c>
      <c r="P1441" s="5" t="s">
        <v>39</v>
      </c>
      <c r="Q1441" s="5" t="s">
        <v>40</v>
      </c>
      <c r="R1441" s="5" t="s">
        <v>1522</v>
      </c>
      <c r="S1441" s="5" t="s">
        <v>1523</v>
      </c>
      <c r="T1441" s="5" t="s">
        <v>42</v>
      </c>
      <c r="U1441" s="2">
        <v>2.5760000000000001</v>
      </c>
      <c r="V1441" s="2">
        <v>2.1059999999999999</v>
      </c>
      <c r="W1441" s="2">
        <v>1.4999999999999999E-2</v>
      </c>
      <c r="X1441" s="2">
        <v>118.9</v>
      </c>
      <c r="Y1441" s="2">
        <v>7.6</v>
      </c>
      <c r="Z1441" s="2">
        <v>16.7</v>
      </c>
      <c r="AA1441" s="5"/>
      <c r="AB1441" s="5" t="s">
        <v>43</v>
      </c>
      <c r="AC1441" s="5" t="s">
        <v>44</v>
      </c>
      <c r="AD1441" s="2"/>
      <c r="AE1441" s="1"/>
    </row>
    <row r="1442" spans="1:31" ht="14.45">
      <c r="A1442" s="11"/>
      <c r="B1442" s="20"/>
      <c r="C1442" s="2" t="s">
        <v>4747</v>
      </c>
      <c r="D1442" s="14" t="s">
        <v>4748</v>
      </c>
      <c r="E1442" s="2" t="s">
        <v>4749</v>
      </c>
      <c r="F1442" s="2" t="s">
        <v>1707</v>
      </c>
      <c r="G1442" s="8">
        <v>170</v>
      </c>
      <c r="H1442" s="5">
        <v>6</v>
      </c>
      <c r="I1442" s="5" t="s">
        <v>1518</v>
      </c>
      <c r="J1442" s="5" t="s">
        <v>1519</v>
      </c>
      <c r="K1442" s="2" t="s">
        <v>1520</v>
      </c>
      <c r="L1442" s="5" t="s">
        <v>1519</v>
      </c>
      <c r="M1442" s="2" t="s">
        <v>1520</v>
      </c>
      <c r="N1442" s="5" t="s">
        <v>1521</v>
      </c>
      <c r="O1442" s="5" t="s">
        <v>38</v>
      </c>
      <c r="P1442" s="5" t="s">
        <v>39</v>
      </c>
      <c r="Q1442" s="5" t="s">
        <v>40</v>
      </c>
      <c r="R1442" s="5" t="s">
        <v>1522</v>
      </c>
      <c r="S1442" s="5" t="s">
        <v>1523</v>
      </c>
      <c r="T1442" s="5" t="s">
        <v>42</v>
      </c>
      <c r="U1442" s="2">
        <v>2.6280000000000001</v>
      </c>
      <c r="V1442" s="2">
        <v>2.1579999999999999</v>
      </c>
      <c r="W1442" s="2">
        <v>1.4999999999999999E-2</v>
      </c>
      <c r="X1442" s="2">
        <v>118.9</v>
      </c>
      <c r="Y1442" s="2">
        <v>7.6</v>
      </c>
      <c r="Z1442" s="2">
        <v>16.7</v>
      </c>
      <c r="AA1442" s="5"/>
      <c r="AB1442" s="5" t="s">
        <v>43</v>
      </c>
      <c r="AC1442" s="5" t="s">
        <v>44</v>
      </c>
      <c r="AD1442" s="2"/>
      <c r="AE1442" s="1"/>
    </row>
    <row r="1443" spans="1:31" ht="14.45">
      <c r="A1443" s="11"/>
      <c r="B1443" s="20"/>
      <c r="C1443" s="2" t="s">
        <v>4750</v>
      </c>
      <c r="D1443" s="14" t="s">
        <v>4751</v>
      </c>
      <c r="E1443" s="2" t="s">
        <v>4752</v>
      </c>
      <c r="F1443" s="2" t="s">
        <v>1711</v>
      </c>
      <c r="G1443" s="8">
        <v>170</v>
      </c>
      <c r="H1443" s="5">
        <v>6</v>
      </c>
      <c r="I1443" s="5" t="s">
        <v>1518</v>
      </c>
      <c r="J1443" s="5" t="s">
        <v>1519</v>
      </c>
      <c r="K1443" s="2" t="s">
        <v>1520</v>
      </c>
      <c r="L1443" s="5" t="s">
        <v>1519</v>
      </c>
      <c r="M1443" s="2" t="s">
        <v>1520</v>
      </c>
      <c r="N1443" s="5" t="s">
        <v>1521</v>
      </c>
      <c r="O1443" s="5" t="s">
        <v>38</v>
      </c>
      <c r="P1443" s="5" t="s">
        <v>39</v>
      </c>
      <c r="Q1443" s="5" t="s">
        <v>40</v>
      </c>
      <c r="R1443" s="5" t="s">
        <v>1522</v>
      </c>
      <c r="S1443" s="5" t="s">
        <v>1523</v>
      </c>
      <c r="T1443" s="5" t="s">
        <v>42</v>
      </c>
      <c r="U1443" s="2">
        <v>2.5760000000000001</v>
      </c>
      <c r="V1443" s="2">
        <v>2.1059999999999999</v>
      </c>
      <c r="W1443" s="2">
        <v>1.4999999999999999E-2</v>
      </c>
      <c r="X1443" s="2">
        <v>118.9</v>
      </c>
      <c r="Y1443" s="2">
        <v>7.6</v>
      </c>
      <c r="Z1443" s="2">
        <v>16.7</v>
      </c>
      <c r="AA1443" s="5"/>
      <c r="AB1443" s="5" t="s">
        <v>43</v>
      </c>
      <c r="AC1443" s="5" t="s">
        <v>44</v>
      </c>
      <c r="AD1443" s="2"/>
      <c r="AE1443" s="1"/>
    </row>
    <row r="1444" spans="1:31" ht="14.45">
      <c r="A1444" s="11"/>
      <c r="B1444" s="20"/>
      <c r="C1444" s="2" t="s">
        <v>4753</v>
      </c>
      <c r="D1444" s="14" t="s">
        <v>4754</v>
      </c>
      <c r="E1444" s="2" t="s">
        <v>4755</v>
      </c>
      <c r="F1444" s="2" t="s">
        <v>1715</v>
      </c>
      <c r="G1444" s="8">
        <v>170</v>
      </c>
      <c r="H1444" s="5">
        <v>6</v>
      </c>
      <c r="I1444" s="5" t="s">
        <v>1518</v>
      </c>
      <c r="J1444" s="5" t="s">
        <v>1519</v>
      </c>
      <c r="K1444" s="2" t="s">
        <v>1520</v>
      </c>
      <c r="L1444" s="5" t="s">
        <v>1519</v>
      </c>
      <c r="M1444" s="2" t="s">
        <v>1520</v>
      </c>
      <c r="N1444" s="5" t="s">
        <v>1521</v>
      </c>
      <c r="O1444" s="5" t="s">
        <v>38</v>
      </c>
      <c r="P1444" s="5" t="s">
        <v>39</v>
      </c>
      <c r="Q1444" s="5" t="s">
        <v>40</v>
      </c>
      <c r="R1444" s="5" t="s">
        <v>1522</v>
      </c>
      <c r="S1444" s="5" t="s">
        <v>1523</v>
      </c>
      <c r="T1444" s="5" t="s">
        <v>42</v>
      </c>
      <c r="U1444" s="2">
        <v>2.6280000000000001</v>
      </c>
      <c r="V1444" s="2">
        <v>2.1579999999999999</v>
      </c>
      <c r="W1444" s="2">
        <v>1.4999999999999999E-2</v>
      </c>
      <c r="X1444" s="2">
        <v>118.9</v>
      </c>
      <c r="Y1444" s="2">
        <v>7.6</v>
      </c>
      <c r="Z1444" s="2">
        <v>16.7</v>
      </c>
      <c r="AA1444" s="5"/>
      <c r="AB1444" s="5" t="s">
        <v>43</v>
      </c>
      <c r="AC1444" s="5" t="s">
        <v>44</v>
      </c>
      <c r="AD1444" s="2"/>
      <c r="AE1444" s="1"/>
    </row>
    <row r="1445" spans="1:31" ht="14.45">
      <c r="A1445" s="11"/>
      <c r="B1445" s="20"/>
      <c r="C1445" s="2" t="s">
        <v>4756</v>
      </c>
      <c r="D1445" s="14" t="s">
        <v>4757</v>
      </c>
      <c r="E1445" s="2" t="s">
        <v>4758</v>
      </c>
      <c r="F1445" s="2" t="s">
        <v>1719</v>
      </c>
      <c r="G1445" s="8">
        <v>170</v>
      </c>
      <c r="H1445" s="5">
        <v>6</v>
      </c>
      <c r="I1445" s="5" t="s">
        <v>1518</v>
      </c>
      <c r="J1445" s="5" t="s">
        <v>1519</v>
      </c>
      <c r="K1445" s="2" t="s">
        <v>1520</v>
      </c>
      <c r="L1445" s="5" t="s">
        <v>1519</v>
      </c>
      <c r="M1445" s="2" t="s">
        <v>1520</v>
      </c>
      <c r="N1445" s="5" t="s">
        <v>1521</v>
      </c>
      <c r="O1445" s="5" t="s">
        <v>38</v>
      </c>
      <c r="P1445" s="5" t="s">
        <v>39</v>
      </c>
      <c r="Q1445" s="5" t="s">
        <v>40</v>
      </c>
      <c r="R1445" s="5" t="s">
        <v>1522</v>
      </c>
      <c r="S1445" s="5" t="s">
        <v>1523</v>
      </c>
      <c r="T1445" s="5" t="s">
        <v>42</v>
      </c>
      <c r="U1445" s="2">
        <v>2.548</v>
      </c>
      <c r="V1445" s="2">
        <v>2.0779999999999998</v>
      </c>
      <c r="W1445" s="2">
        <v>1.4999999999999999E-2</v>
      </c>
      <c r="X1445" s="2">
        <v>118.9</v>
      </c>
      <c r="Y1445" s="2">
        <v>7.6</v>
      </c>
      <c r="Z1445" s="2">
        <v>16.7</v>
      </c>
      <c r="AA1445" s="5"/>
      <c r="AB1445" s="5" t="s">
        <v>43</v>
      </c>
      <c r="AC1445" s="5" t="s">
        <v>44</v>
      </c>
      <c r="AD1445" s="2"/>
      <c r="AE1445" s="1"/>
    </row>
    <row r="1446" spans="1:31" ht="14.45">
      <c r="A1446" s="11"/>
      <c r="B1446" s="20"/>
      <c r="C1446" s="2" t="s">
        <v>4759</v>
      </c>
      <c r="D1446" s="14" t="s">
        <v>4760</v>
      </c>
      <c r="E1446" s="2" t="s">
        <v>4761</v>
      </c>
      <c r="F1446" s="2" t="s">
        <v>1723</v>
      </c>
      <c r="G1446" s="8">
        <v>170</v>
      </c>
      <c r="H1446" s="5">
        <v>6</v>
      </c>
      <c r="I1446" s="5" t="s">
        <v>1518</v>
      </c>
      <c r="J1446" s="5" t="s">
        <v>1519</v>
      </c>
      <c r="K1446" s="2" t="s">
        <v>1520</v>
      </c>
      <c r="L1446" s="5" t="s">
        <v>1519</v>
      </c>
      <c r="M1446" s="2" t="s">
        <v>1520</v>
      </c>
      <c r="N1446" s="5" t="s">
        <v>1521</v>
      </c>
      <c r="O1446" s="5" t="s">
        <v>38</v>
      </c>
      <c r="P1446" s="5" t="s">
        <v>39</v>
      </c>
      <c r="Q1446" s="5" t="s">
        <v>40</v>
      </c>
      <c r="R1446" s="5" t="s">
        <v>1522</v>
      </c>
      <c r="S1446" s="5" t="s">
        <v>1523</v>
      </c>
      <c r="T1446" s="5" t="s">
        <v>42</v>
      </c>
      <c r="U1446" s="2">
        <v>2.6</v>
      </c>
      <c r="V1446" s="2">
        <v>2.13</v>
      </c>
      <c r="W1446" s="2">
        <v>1.4999999999999999E-2</v>
      </c>
      <c r="X1446" s="2">
        <v>118.9</v>
      </c>
      <c r="Y1446" s="2">
        <v>7.6</v>
      </c>
      <c r="Z1446" s="2">
        <v>16.7</v>
      </c>
      <c r="AA1446" s="5"/>
      <c r="AB1446" s="5" t="s">
        <v>43</v>
      </c>
      <c r="AC1446" s="5" t="s">
        <v>44</v>
      </c>
      <c r="AD1446" s="2"/>
      <c r="AE1446" s="1"/>
    </row>
    <row r="1447" spans="1:31" ht="14.45">
      <c r="A1447" s="11"/>
      <c r="B1447" s="20"/>
      <c r="C1447" s="2" t="s">
        <v>4762</v>
      </c>
      <c r="D1447" s="14" t="s">
        <v>4763</v>
      </c>
      <c r="E1447" s="2" t="s">
        <v>4764</v>
      </c>
      <c r="F1447" s="2" t="s">
        <v>1727</v>
      </c>
      <c r="G1447" s="8">
        <v>196</v>
      </c>
      <c r="H1447" s="5">
        <v>6</v>
      </c>
      <c r="I1447" s="5" t="s">
        <v>1518</v>
      </c>
      <c r="J1447" s="5" t="s">
        <v>1519</v>
      </c>
      <c r="K1447" s="2" t="s">
        <v>1520</v>
      </c>
      <c r="L1447" s="5" t="s">
        <v>1519</v>
      </c>
      <c r="M1447" s="2" t="s">
        <v>1520</v>
      </c>
      <c r="N1447" s="5" t="s">
        <v>1521</v>
      </c>
      <c r="O1447" s="5" t="s">
        <v>38</v>
      </c>
      <c r="P1447" s="5" t="s">
        <v>39</v>
      </c>
      <c r="Q1447" s="5" t="s">
        <v>40</v>
      </c>
      <c r="R1447" s="5" t="s">
        <v>1522</v>
      </c>
      <c r="S1447" s="5" t="s">
        <v>1523</v>
      </c>
      <c r="T1447" s="5" t="s">
        <v>42</v>
      </c>
      <c r="U1447" s="2">
        <v>2.548</v>
      </c>
      <c r="V1447" s="2">
        <v>2.0779999999999998</v>
      </c>
      <c r="W1447" s="2">
        <v>1.4999999999999999E-2</v>
      </c>
      <c r="X1447" s="2">
        <v>118.9</v>
      </c>
      <c r="Y1447" s="2">
        <v>7.6</v>
      </c>
      <c r="Z1447" s="2">
        <v>16.7</v>
      </c>
      <c r="AA1447" s="5"/>
      <c r="AB1447" s="5" t="s">
        <v>43</v>
      </c>
      <c r="AC1447" s="5" t="s">
        <v>44</v>
      </c>
      <c r="AD1447" s="2"/>
      <c r="AE1447" s="1"/>
    </row>
    <row r="1448" spans="1:31" ht="14.45">
      <c r="A1448" s="11"/>
      <c r="B1448" s="20"/>
      <c r="C1448" s="2" t="s">
        <v>4765</v>
      </c>
      <c r="D1448" s="14" t="s">
        <v>4766</v>
      </c>
      <c r="E1448" s="2" t="s">
        <v>4767</v>
      </c>
      <c r="F1448" s="2" t="s">
        <v>1731</v>
      </c>
      <c r="G1448" s="8">
        <v>196</v>
      </c>
      <c r="H1448" s="5">
        <v>6</v>
      </c>
      <c r="I1448" s="5" t="s">
        <v>1518</v>
      </c>
      <c r="J1448" s="5" t="s">
        <v>1519</v>
      </c>
      <c r="K1448" s="2" t="s">
        <v>1520</v>
      </c>
      <c r="L1448" s="5" t="s">
        <v>1519</v>
      </c>
      <c r="M1448" s="2" t="s">
        <v>1520</v>
      </c>
      <c r="N1448" s="5" t="s">
        <v>1521</v>
      </c>
      <c r="O1448" s="5" t="s">
        <v>38</v>
      </c>
      <c r="P1448" s="5" t="s">
        <v>39</v>
      </c>
      <c r="Q1448" s="5" t="s">
        <v>40</v>
      </c>
      <c r="R1448" s="5" t="s">
        <v>1522</v>
      </c>
      <c r="S1448" s="5" t="s">
        <v>1523</v>
      </c>
      <c r="T1448" s="5" t="s">
        <v>42</v>
      </c>
      <c r="U1448" s="2">
        <v>2.6</v>
      </c>
      <c r="V1448" s="2">
        <v>2.13</v>
      </c>
      <c r="W1448" s="2">
        <v>1.4999999999999999E-2</v>
      </c>
      <c r="X1448" s="2">
        <v>118.9</v>
      </c>
      <c r="Y1448" s="2">
        <v>7.6</v>
      </c>
      <c r="Z1448" s="2">
        <v>16.7</v>
      </c>
      <c r="AA1448" s="5"/>
      <c r="AB1448" s="5" t="s">
        <v>43</v>
      </c>
      <c r="AC1448" s="5" t="s">
        <v>44</v>
      </c>
      <c r="AD1448" s="2"/>
      <c r="AE1448" s="1"/>
    </row>
    <row r="1449" spans="1:31" ht="14.45">
      <c r="A1449" s="11"/>
      <c r="B1449" s="20"/>
      <c r="C1449" s="2" t="s">
        <v>4768</v>
      </c>
      <c r="D1449" s="14" t="s">
        <v>4769</v>
      </c>
      <c r="E1449" s="2" t="s">
        <v>4770</v>
      </c>
      <c r="F1449" s="2" t="s">
        <v>1735</v>
      </c>
      <c r="G1449" s="8">
        <v>196</v>
      </c>
      <c r="H1449" s="5">
        <v>6</v>
      </c>
      <c r="I1449" s="5" t="s">
        <v>1518</v>
      </c>
      <c r="J1449" s="5" t="s">
        <v>1519</v>
      </c>
      <c r="K1449" s="2" t="s">
        <v>1520</v>
      </c>
      <c r="L1449" s="5" t="s">
        <v>1519</v>
      </c>
      <c r="M1449" s="2" t="s">
        <v>1520</v>
      </c>
      <c r="N1449" s="5" t="s">
        <v>1521</v>
      </c>
      <c r="O1449" s="5" t="s">
        <v>38</v>
      </c>
      <c r="P1449" s="5" t="s">
        <v>39</v>
      </c>
      <c r="Q1449" s="5" t="s">
        <v>40</v>
      </c>
      <c r="R1449" s="5" t="s">
        <v>1522</v>
      </c>
      <c r="S1449" s="5" t="s">
        <v>1523</v>
      </c>
      <c r="T1449" s="5" t="s">
        <v>42</v>
      </c>
      <c r="U1449" s="2">
        <v>2.5760000000000001</v>
      </c>
      <c r="V1449" s="2">
        <v>2.1059999999999999</v>
      </c>
      <c r="W1449" s="2">
        <v>1.4999999999999999E-2</v>
      </c>
      <c r="X1449" s="2">
        <v>118.9</v>
      </c>
      <c r="Y1449" s="2">
        <v>7.6</v>
      </c>
      <c r="Z1449" s="2">
        <v>16.7</v>
      </c>
      <c r="AA1449" s="5"/>
      <c r="AB1449" s="5" t="s">
        <v>43</v>
      </c>
      <c r="AC1449" s="5" t="s">
        <v>44</v>
      </c>
      <c r="AD1449" s="2"/>
      <c r="AE1449" s="1"/>
    </row>
    <row r="1450" spans="1:31" ht="14.45">
      <c r="A1450" s="11"/>
      <c r="B1450" s="20"/>
      <c r="C1450" s="2" t="s">
        <v>4771</v>
      </c>
      <c r="D1450" s="14" t="s">
        <v>4772</v>
      </c>
      <c r="E1450" s="2" t="s">
        <v>4773</v>
      </c>
      <c r="F1450" s="2" t="s">
        <v>1739</v>
      </c>
      <c r="G1450" s="8">
        <v>196</v>
      </c>
      <c r="H1450" s="5">
        <v>6</v>
      </c>
      <c r="I1450" s="5" t="s">
        <v>1518</v>
      </c>
      <c r="J1450" s="5" t="s">
        <v>1519</v>
      </c>
      <c r="K1450" s="2" t="s">
        <v>1520</v>
      </c>
      <c r="L1450" s="5" t="s">
        <v>1519</v>
      </c>
      <c r="M1450" s="2" t="s">
        <v>1520</v>
      </c>
      <c r="N1450" s="5" t="s">
        <v>1521</v>
      </c>
      <c r="O1450" s="5" t="s">
        <v>38</v>
      </c>
      <c r="P1450" s="5" t="s">
        <v>39</v>
      </c>
      <c r="Q1450" s="5" t="s">
        <v>40</v>
      </c>
      <c r="R1450" s="5" t="s">
        <v>1522</v>
      </c>
      <c r="S1450" s="5" t="s">
        <v>1523</v>
      </c>
      <c r="T1450" s="5" t="s">
        <v>42</v>
      </c>
      <c r="U1450" s="2">
        <v>2.6280000000000001</v>
      </c>
      <c r="V1450" s="2">
        <v>2.1579999999999999</v>
      </c>
      <c r="W1450" s="2">
        <v>1.4999999999999999E-2</v>
      </c>
      <c r="X1450" s="2">
        <v>118.9</v>
      </c>
      <c r="Y1450" s="2">
        <v>7.6</v>
      </c>
      <c r="Z1450" s="2">
        <v>16.7</v>
      </c>
      <c r="AA1450" s="5"/>
      <c r="AB1450" s="5" t="s">
        <v>43</v>
      </c>
      <c r="AC1450" s="5" t="s">
        <v>44</v>
      </c>
      <c r="AD1450" s="2"/>
      <c r="AE1450" s="1"/>
    </row>
    <row r="1451" spans="1:31" ht="14.45">
      <c r="A1451" s="11"/>
      <c r="B1451" s="20"/>
      <c r="C1451" s="2" t="s">
        <v>4774</v>
      </c>
      <c r="D1451" s="14" t="s">
        <v>4775</v>
      </c>
      <c r="E1451" s="2" t="s">
        <v>4776</v>
      </c>
      <c r="F1451" s="2" t="s">
        <v>1743</v>
      </c>
      <c r="G1451" s="8">
        <v>196</v>
      </c>
      <c r="H1451" s="5">
        <v>6</v>
      </c>
      <c r="I1451" s="5" t="s">
        <v>1518</v>
      </c>
      <c r="J1451" s="5" t="s">
        <v>1519</v>
      </c>
      <c r="K1451" s="2" t="s">
        <v>1520</v>
      </c>
      <c r="L1451" s="5" t="s">
        <v>1519</v>
      </c>
      <c r="M1451" s="2" t="s">
        <v>1520</v>
      </c>
      <c r="N1451" s="5" t="s">
        <v>1521</v>
      </c>
      <c r="O1451" s="5" t="s">
        <v>38</v>
      </c>
      <c r="P1451" s="5" t="s">
        <v>39</v>
      </c>
      <c r="Q1451" s="5" t="s">
        <v>40</v>
      </c>
      <c r="R1451" s="5" t="s">
        <v>1522</v>
      </c>
      <c r="S1451" s="5" t="s">
        <v>1523</v>
      </c>
      <c r="T1451" s="5" t="s">
        <v>42</v>
      </c>
      <c r="U1451" s="2">
        <v>2.548</v>
      </c>
      <c r="V1451" s="2">
        <v>2.0779999999999998</v>
      </c>
      <c r="W1451" s="2">
        <v>1.4999999999999999E-2</v>
      </c>
      <c r="X1451" s="2">
        <v>118.9</v>
      </c>
      <c r="Y1451" s="2">
        <v>7.6</v>
      </c>
      <c r="Z1451" s="2">
        <v>16.7</v>
      </c>
      <c r="AA1451" s="5"/>
      <c r="AB1451" s="5" t="s">
        <v>43</v>
      </c>
      <c r="AC1451" s="5" t="s">
        <v>44</v>
      </c>
      <c r="AD1451" s="2"/>
      <c r="AE1451" s="1"/>
    </row>
    <row r="1452" spans="1:31" ht="14.45">
      <c r="A1452" s="11"/>
      <c r="B1452" s="20"/>
      <c r="C1452" s="2" t="s">
        <v>4777</v>
      </c>
      <c r="D1452" s="14" t="s">
        <v>4778</v>
      </c>
      <c r="E1452" s="2" t="s">
        <v>4779</v>
      </c>
      <c r="F1452" s="2" t="s">
        <v>1747</v>
      </c>
      <c r="G1452" s="8">
        <v>196</v>
      </c>
      <c r="H1452" s="5">
        <v>6</v>
      </c>
      <c r="I1452" s="5" t="s">
        <v>1518</v>
      </c>
      <c r="J1452" s="5" t="s">
        <v>1519</v>
      </c>
      <c r="K1452" s="2" t="s">
        <v>1520</v>
      </c>
      <c r="L1452" s="5" t="s">
        <v>1519</v>
      </c>
      <c r="M1452" s="2" t="s">
        <v>1520</v>
      </c>
      <c r="N1452" s="5" t="s">
        <v>1521</v>
      </c>
      <c r="O1452" s="5" t="s">
        <v>38</v>
      </c>
      <c r="P1452" s="5" t="s">
        <v>39</v>
      </c>
      <c r="Q1452" s="5" t="s">
        <v>40</v>
      </c>
      <c r="R1452" s="5" t="s">
        <v>1522</v>
      </c>
      <c r="S1452" s="5" t="s">
        <v>1523</v>
      </c>
      <c r="T1452" s="5" t="s">
        <v>42</v>
      </c>
      <c r="U1452" s="2">
        <v>2.6</v>
      </c>
      <c r="V1452" s="2">
        <v>2.13</v>
      </c>
      <c r="W1452" s="2">
        <v>1.4999999999999999E-2</v>
      </c>
      <c r="X1452" s="2">
        <v>118.9</v>
      </c>
      <c r="Y1452" s="2">
        <v>7.6</v>
      </c>
      <c r="Z1452" s="2">
        <v>16.7</v>
      </c>
      <c r="AA1452" s="5"/>
      <c r="AB1452" s="5" t="s">
        <v>43</v>
      </c>
      <c r="AC1452" s="5" t="s">
        <v>44</v>
      </c>
      <c r="AD1452" s="2"/>
      <c r="AE1452" s="1"/>
    </row>
    <row r="1453" spans="1:31" ht="14.45">
      <c r="A1453" s="11"/>
      <c r="B1453" s="20"/>
      <c r="C1453" s="2" t="s">
        <v>4780</v>
      </c>
      <c r="D1453" s="14" t="s">
        <v>4781</v>
      </c>
      <c r="E1453" s="2" t="s">
        <v>4782</v>
      </c>
      <c r="F1453" s="2" t="s">
        <v>1751</v>
      </c>
      <c r="G1453" s="8">
        <v>196</v>
      </c>
      <c r="H1453" s="5">
        <v>6</v>
      </c>
      <c r="I1453" s="5" t="s">
        <v>1518</v>
      </c>
      <c r="J1453" s="5" t="s">
        <v>1519</v>
      </c>
      <c r="K1453" s="2" t="s">
        <v>1520</v>
      </c>
      <c r="L1453" s="5" t="s">
        <v>1519</v>
      </c>
      <c r="M1453" s="2" t="s">
        <v>1520</v>
      </c>
      <c r="N1453" s="5" t="s">
        <v>1521</v>
      </c>
      <c r="O1453" s="5" t="s">
        <v>38</v>
      </c>
      <c r="P1453" s="5" t="s">
        <v>39</v>
      </c>
      <c r="Q1453" s="5" t="s">
        <v>40</v>
      </c>
      <c r="R1453" s="5" t="s">
        <v>1522</v>
      </c>
      <c r="S1453" s="5" t="s">
        <v>1523</v>
      </c>
      <c r="T1453" s="5" t="s">
        <v>42</v>
      </c>
      <c r="U1453" s="2">
        <v>2.548</v>
      </c>
      <c r="V1453" s="2">
        <v>2.0779999999999998</v>
      </c>
      <c r="W1453" s="2">
        <v>1.4999999999999999E-2</v>
      </c>
      <c r="X1453" s="2">
        <v>118.9</v>
      </c>
      <c r="Y1453" s="2">
        <v>7.6</v>
      </c>
      <c r="Z1453" s="2">
        <v>16.7</v>
      </c>
      <c r="AA1453" s="5"/>
      <c r="AB1453" s="5" t="s">
        <v>43</v>
      </c>
      <c r="AC1453" s="5" t="s">
        <v>44</v>
      </c>
      <c r="AD1453" s="2"/>
      <c r="AE1453" s="1"/>
    </row>
    <row r="1454" spans="1:31" ht="14.45">
      <c r="A1454" s="11"/>
      <c r="B1454" s="20"/>
      <c r="C1454" s="2" t="s">
        <v>4783</v>
      </c>
      <c r="D1454" s="14" t="s">
        <v>4784</v>
      </c>
      <c r="E1454" s="2" t="s">
        <v>4785</v>
      </c>
      <c r="F1454" s="2" t="s">
        <v>1755</v>
      </c>
      <c r="G1454" s="8">
        <v>196</v>
      </c>
      <c r="H1454" s="5">
        <v>6</v>
      </c>
      <c r="I1454" s="5" t="s">
        <v>1518</v>
      </c>
      <c r="J1454" s="5" t="s">
        <v>1519</v>
      </c>
      <c r="K1454" s="2" t="s">
        <v>1520</v>
      </c>
      <c r="L1454" s="5" t="s">
        <v>1519</v>
      </c>
      <c r="M1454" s="2" t="s">
        <v>1520</v>
      </c>
      <c r="N1454" s="5" t="s">
        <v>1521</v>
      </c>
      <c r="O1454" s="5" t="s">
        <v>38</v>
      </c>
      <c r="P1454" s="5" t="s">
        <v>39</v>
      </c>
      <c r="Q1454" s="5" t="s">
        <v>40</v>
      </c>
      <c r="R1454" s="5" t="s">
        <v>1522</v>
      </c>
      <c r="S1454" s="5" t="s">
        <v>1523</v>
      </c>
      <c r="T1454" s="5" t="s">
        <v>42</v>
      </c>
      <c r="U1454" s="2">
        <v>2.6</v>
      </c>
      <c r="V1454" s="2">
        <v>2.13</v>
      </c>
      <c r="W1454" s="2">
        <v>1.4999999999999999E-2</v>
      </c>
      <c r="X1454" s="2">
        <v>118.9</v>
      </c>
      <c r="Y1454" s="2">
        <v>7.6</v>
      </c>
      <c r="Z1454" s="2">
        <v>16.7</v>
      </c>
      <c r="AA1454" s="5"/>
      <c r="AB1454" s="5" t="s">
        <v>43</v>
      </c>
      <c r="AC1454" s="5" t="s">
        <v>44</v>
      </c>
      <c r="AD1454" s="2"/>
      <c r="AE1454" s="1"/>
    </row>
    <row r="1455" spans="1:31" ht="14.45">
      <c r="A1455" s="11"/>
      <c r="B1455" s="20"/>
      <c r="C1455" s="2" t="s">
        <v>4786</v>
      </c>
      <c r="D1455" s="14" t="s">
        <v>4787</v>
      </c>
      <c r="E1455" s="2" t="s">
        <v>4788</v>
      </c>
      <c r="F1455" s="2" t="s">
        <v>1759</v>
      </c>
      <c r="G1455" s="8">
        <v>196</v>
      </c>
      <c r="H1455" s="5">
        <v>6</v>
      </c>
      <c r="I1455" s="5" t="s">
        <v>1518</v>
      </c>
      <c r="J1455" s="5" t="s">
        <v>1519</v>
      </c>
      <c r="K1455" s="2" t="s">
        <v>1520</v>
      </c>
      <c r="L1455" s="5" t="s">
        <v>1519</v>
      </c>
      <c r="M1455" s="2" t="s">
        <v>1520</v>
      </c>
      <c r="N1455" s="5" t="s">
        <v>1521</v>
      </c>
      <c r="O1455" s="5" t="s">
        <v>38</v>
      </c>
      <c r="P1455" s="5" t="s">
        <v>39</v>
      </c>
      <c r="Q1455" s="5" t="s">
        <v>40</v>
      </c>
      <c r="R1455" s="5" t="s">
        <v>1522</v>
      </c>
      <c r="S1455" s="5" t="s">
        <v>1523</v>
      </c>
      <c r="T1455" s="5" t="s">
        <v>42</v>
      </c>
      <c r="U1455" s="2">
        <v>2.5760000000000001</v>
      </c>
      <c r="V1455" s="2">
        <v>2.1059999999999999</v>
      </c>
      <c r="W1455" s="2">
        <v>1.4999999999999999E-2</v>
      </c>
      <c r="X1455" s="2">
        <v>118.9</v>
      </c>
      <c r="Y1455" s="2">
        <v>7.6</v>
      </c>
      <c r="Z1455" s="2">
        <v>16.7</v>
      </c>
      <c r="AA1455" s="5"/>
      <c r="AB1455" s="5" t="s">
        <v>43</v>
      </c>
      <c r="AC1455" s="5" t="s">
        <v>44</v>
      </c>
      <c r="AD1455" s="2"/>
      <c r="AE1455" s="1"/>
    </row>
    <row r="1456" spans="1:31" ht="14.45">
      <c r="A1456" s="11"/>
      <c r="B1456" s="20"/>
      <c r="C1456" s="2" t="s">
        <v>4789</v>
      </c>
      <c r="D1456" s="14" t="s">
        <v>4790</v>
      </c>
      <c r="E1456" s="2" t="s">
        <v>4791</v>
      </c>
      <c r="F1456" s="2" t="s">
        <v>1763</v>
      </c>
      <c r="G1456" s="8">
        <v>196</v>
      </c>
      <c r="H1456" s="5">
        <v>6</v>
      </c>
      <c r="I1456" s="5" t="s">
        <v>1518</v>
      </c>
      <c r="J1456" s="5" t="s">
        <v>1519</v>
      </c>
      <c r="K1456" s="2" t="s">
        <v>1520</v>
      </c>
      <c r="L1456" s="5" t="s">
        <v>1519</v>
      </c>
      <c r="M1456" s="2" t="s">
        <v>1520</v>
      </c>
      <c r="N1456" s="5" t="s">
        <v>1521</v>
      </c>
      <c r="O1456" s="5" t="s">
        <v>38</v>
      </c>
      <c r="P1456" s="5" t="s">
        <v>39</v>
      </c>
      <c r="Q1456" s="5" t="s">
        <v>40</v>
      </c>
      <c r="R1456" s="5" t="s">
        <v>1522</v>
      </c>
      <c r="S1456" s="5" t="s">
        <v>1523</v>
      </c>
      <c r="T1456" s="5" t="s">
        <v>42</v>
      </c>
      <c r="U1456" s="2">
        <v>2.6280000000000001</v>
      </c>
      <c r="V1456" s="2">
        <v>2.1579999999999999</v>
      </c>
      <c r="W1456" s="2">
        <v>1.4999999999999999E-2</v>
      </c>
      <c r="X1456" s="2">
        <v>118.9</v>
      </c>
      <c r="Y1456" s="2">
        <v>7.6</v>
      </c>
      <c r="Z1456" s="2">
        <v>16.7</v>
      </c>
      <c r="AA1456" s="5"/>
      <c r="AB1456" s="5" t="s">
        <v>43</v>
      </c>
      <c r="AC1456" s="5" t="s">
        <v>44</v>
      </c>
      <c r="AD1456" s="2"/>
      <c r="AE1456" s="1"/>
    </row>
    <row r="1457" spans="1:31" ht="14.45">
      <c r="A1457" s="11"/>
      <c r="B1457" s="20"/>
      <c r="C1457" s="2" t="s">
        <v>4792</v>
      </c>
      <c r="D1457" s="14" t="s">
        <v>4793</v>
      </c>
      <c r="E1457" s="2" t="s">
        <v>4794</v>
      </c>
      <c r="F1457" s="2" t="s">
        <v>1767</v>
      </c>
      <c r="G1457" s="8">
        <v>196</v>
      </c>
      <c r="H1457" s="5">
        <v>6</v>
      </c>
      <c r="I1457" s="5" t="s">
        <v>1518</v>
      </c>
      <c r="J1457" s="5" t="s">
        <v>1519</v>
      </c>
      <c r="K1457" s="2" t="s">
        <v>1520</v>
      </c>
      <c r="L1457" s="5" t="s">
        <v>1519</v>
      </c>
      <c r="M1457" s="2" t="s">
        <v>1520</v>
      </c>
      <c r="N1457" s="5" t="s">
        <v>1521</v>
      </c>
      <c r="O1457" s="5" t="s">
        <v>38</v>
      </c>
      <c r="P1457" s="5" t="s">
        <v>39</v>
      </c>
      <c r="Q1457" s="5" t="s">
        <v>40</v>
      </c>
      <c r="R1457" s="5" t="s">
        <v>1522</v>
      </c>
      <c r="S1457" s="5" t="s">
        <v>1523</v>
      </c>
      <c r="T1457" s="5" t="s">
        <v>42</v>
      </c>
      <c r="U1457" s="2">
        <v>2.5760000000000001</v>
      </c>
      <c r="V1457" s="2">
        <v>2.1059999999999999</v>
      </c>
      <c r="W1457" s="2">
        <v>1.4999999999999999E-2</v>
      </c>
      <c r="X1457" s="2">
        <v>118.9</v>
      </c>
      <c r="Y1457" s="2">
        <v>7.6</v>
      </c>
      <c r="Z1457" s="2">
        <v>16.7</v>
      </c>
      <c r="AA1457" s="5"/>
      <c r="AB1457" s="5" t="s">
        <v>43</v>
      </c>
      <c r="AC1457" s="5" t="s">
        <v>44</v>
      </c>
      <c r="AD1457" s="2"/>
      <c r="AE1457" s="1"/>
    </row>
    <row r="1458" spans="1:31" ht="14.45">
      <c r="A1458" s="11"/>
      <c r="B1458" s="20"/>
      <c r="C1458" s="2" t="s">
        <v>4795</v>
      </c>
      <c r="D1458" s="14" t="s">
        <v>4796</v>
      </c>
      <c r="E1458" s="2" t="s">
        <v>4797</v>
      </c>
      <c r="F1458" s="2" t="s">
        <v>1771</v>
      </c>
      <c r="G1458" s="8">
        <v>196</v>
      </c>
      <c r="H1458" s="5">
        <v>6</v>
      </c>
      <c r="I1458" s="5" t="s">
        <v>1518</v>
      </c>
      <c r="J1458" s="5" t="s">
        <v>1519</v>
      </c>
      <c r="K1458" s="2" t="s">
        <v>1520</v>
      </c>
      <c r="L1458" s="5" t="s">
        <v>1519</v>
      </c>
      <c r="M1458" s="2" t="s">
        <v>1520</v>
      </c>
      <c r="N1458" s="5" t="s">
        <v>1521</v>
      </c>
      <c r="O1458" s="5" t="s">
        <v>38</v>
      </c>
      <c r="P1458" s="5" t="s">
        <v>39</v>
      </c>
      <c r="Q1458" s="5" t="s">
        <v>40</v>
      </c>
      <c r="R1458" s="5" t="s">
        <v>1522</v>
      </c>
      <c r="S1458" s="5" t="s">
        <v>1523</v>
      </c>
      <c r="T1458" s="5" t="s">
        <v>42</v>
      </c>
      <c r="U1458" s="2">
        <v>2.6280000000000001</v>
      </c>
      <c r="V1458" s="2">
        <v>2.1579999999999999</v>
      </c>
      <c r="W1458" s="2">
        <v>1.4999999999999999E-2</v>
      </c>
      <c r="X1458" s="2">
        <v>118.9</v>
      </c>
      <c r="Y1458" s="2">
        <v>7.6</v>
      </c>
      <c r="Z1458" s="2">
        <v>16.7</v>
      </c>
      <c r="AA1458" s="5"/>
      <c r="AB1458" s="5" t="s">
        <v>43</v>
      </c>
      <c r="AC1458" s="5" t="s">
        <v>44</v>
      </c>
      <c r="AD1458" s="2"/>
      <c r="AE1458" s="1"/>
    </row>
    <row r="1459" spans="1:31" ht="14.45">
      <c r="A1459" s="11"/>
      <c r="B1459" s="20"/>
      <c r="C1459" s="2" t="s">
        <v>4798</v>
      </c>
      <c r="D1459" s="14" t="s">
        <v>4799</v>
      </c>
      <c r="E1459" s="2" t="s">
        <v>4800</v>
      </c>
      <c r="F1459" s="2" t="s">
        <v>1775</v>
      </c>
      <c r="G1459" s="8">
        <v>196</v>
      </c>
      <c r="H1459" s="5">
        <v>6</v>
      </c>
      <c r="I1459" s="5" t="s">
        <v>1518</v>
      </c>
      <c r="J1459" s="5" t="s">
        <v>1519</v>
      </c>
      <c r="K1459" s="2" t="s">
        <v>1520</v>
      </c>
      <c r="L1459" s="5" t="s">
        <v>1519</v>
      </c>
      <c r="M1459" s="2" t="s">
        <v>1520</v>
      </c>
      <c r="N1459" s="5" t="s">
        <v>1521</v>
      </c>
      <c r="O1459" s="5" t="s">
        <v>38</v>
      </c>
      <c r="P1459" s="5" t="s">
        <v>39</v>
      </c>
      <c r="Q1459" s="5" t="s">
        <v>40</v>
      </c>
      <c r="R1459" s="5" t="s">
        <v>1522</v>
      </c>
      <c r="S1459" s="5" t="s">
        <v>1523</v>
      </c>
      <c r="T1459" s="5" t="s">
        <v>42</v>
      </c>
      <c r="U1459" s="2">
        <v>2.5760000000000001</v>
      </c>
      <c r="V1459" s="2">
        <v>2.1059999999999999</v>
      </c>
      <c r="W1459" s="2">
        <v>1.4999999999999999E-2</v>
      </c>
      <c r="X1459" s="2">
        <v>118.9</v>
      </c>
      <c r="Y1459" s="2">
        <v>7.6</v>
      </c>
      <c r="Z1459" s="2">
        <v>16.7</v>
      </c>
      <c r="AA1459" s="5"/>
      <c r="AB1459" s="5" t="s">
        <v>43</v>
      </c>
      <c r="AC1459" s="5" t="s">
        <v>44</v>
      </c>
      <c r="AD1459" s="2"/>
      <c r="AE1459" s="1"/>
    </row>
    <row r="1460" spans="1:31" ht="14.45">
      <c r="A1460" s="11"/>
      <c r="B1460" s="20"/>
      <c r="C1460" s="2" t="s">
        <v>4801</v>
      </c>
      <c r="D1460" s="14" t="s">
        <v>4802</v>
      </c>
      <c r="E1460" s="2" t="s">
        <v>4803</v>
      </c>
      <c r="F1460" s="2" t="s">
        <v>1779</v>
      </c>
      <c r="G1460" s="8">
        <v>196</v>
      </c>
      <c r="H1460" s="5">
        <v>6</v>
      </c>
      <c r="I1460" s="5" t="s">
        <v>1518</v>
      </c>
      <c r="J1460" s="5" t="s">
        <v>1519</v>
      </c>
      <c r="K1460" s="2" t="s">
        <v>1520</v>
      </c>
      <c r="L1460" s="5" t="s">
        <v>1519</v>
      </c>
      <c r="M1460" s="2" t="s">
        <v>1520</v>
      </c>
      <c r="N1460" s="5" t="s">
        <v>1521</v>
      </c>
      <c r="O1460" s="5" t="s">
        <v>38</v>
      </c>
      <c r="P1460" s="5" t="s">
        <v>39</v>
      </c>
      <c r="Q1460" s="5" t="s">
        <v>40</v>
      </c>
      <c r="R1460" s="5" t="s">
        <v>1522</v>
      </c>
      <c r="S1460" s="5" t="s">
        <v>1523</v>
      </c>
      <c r="T1460" s="5" t="s">
        <v>42</v>
      </c>
      <c r="U1460" s="2">
        <v>2.6280000000000001</v>
      </c>
      <c r="V1460" s="2">
        <v>2.1579999999999999</v>
      </c>
      <c r="W1460" s="2">
        <v>1.4999999999999999E-2</v>
      </c>
      <c r="X1460" s="2">
        <v>118.9</v>
      </c>
      <c r="Y1460" s="2">
        <v>7.6</v>
      </c>
      <c r="Z1460" s="2">
        <v>16.7</v>
      </c>
      <c r="AA1460" s="5"/>
      <c r="AB1460" s="5" t="s">
        <v>43</v>
      </c>
      <c r="AC1460" s="5" t="s">
        <v>44</v>
      </c>
      <c r="AD1460" s="2"/>
      <c r="AE1460" s="1"/>
    </row>
    <row r="1461" spans="1:31" ht="14.45">
      <c r="A1461" s="11"/>
      <c r="B1461" s="20"/>
      <c r="C1461" s="2" t="s">
        <v>4804</v>
      </c>
      <c r="D1461" s="14" t="s">
        <v>4805</v>
      </c>
      <c r="E1461" s="2" t="s">
        <v>4806</v>
      </c>
      <c r="F1461" s="2" t="s">
        <v>1783</v>
      </c>
      <c r="G1461" s="8">
        <v>196</v>
      </c>
      <c r="H1461" s="5">
        <v>6</v>
      </c>
      <c r="I1461" s="5" t="s">
        <v>1518</v>
      </c>
      <c r="J1461" s="5" t="s">
        <v>1519</v>
      </c>
      <c r="K1461" s="2" t="s">
        <v>1520</v>
      </c>
      <c r="L1461" s="5" t="s">
        <v>1519</v>
      </c>
      <c r="M1461" s="2" t="s">
        <v>1520</v>
      </c>
      <c r="N1461" s="5" t="s">
        <v>1521</v>
      </c>
      <c r="O1461" s="5" t="s">
        <v>38</v>
      </c>
      <c r="P1461" s="5" t="s">
        <v>39</v>
      </c>
      <c r="Q1461" s="5" t="s">
        <v>40</v>
      </c>
      <c r="R1461" s="5" t="s">
        <v>1522</v>
      </c>
      <c r="S1461" s="5" t="s">
        <v>1523</v>
      </c>
      <c r="T1461" s="5" t="s">
        <v>42</v>
      </c>
      <c r="U1461" s="2">
        <v>2.548</v>
      </c>
      <c r="V1461" s="2">
        <v>2.0779999999999998</v>
      </c>
      <c r="W1461" s="2">
        <v>1.4999999999999999E-2</v>
      </c>
      <c r="X1461" s="2">
        <v>118.9</v>
      </c>
      <c r="Y1461" s="2">
        <v>7.6</v>
      </c>
      <c r="Z1461" s="2">
        <v>16.7</v>
      </c>
      <c r="AA1461" s="5"/>
      <c r="AB1461" s="5" t="s">
        <v>43</v>
      </c>
      <c r="AC1461" s="5" t="s">
        <v>44</v>
      </c>
      <c r="AD1461" s="2"/>
      <c r="AE1461" s="1"/>
    </row>
    <row r="1462" spans="1:31" ht="14.45">
      <c r="A1462" s="11"/>
      <c r="B1462" s="20"/>
      <c r="C1462" s="2" t="s">
        <v>4807</v>
      </c>
      <c r="D1462" s="14" t="s">
        <v>4808</v>
      </c>
      <c r="E1462" s="2" t="s">
        <v>4809</v>
      </c>
      <c r="F1462" s="2" t="s">
        <v>1787</v>
      </c>
      <c r="G1462" s="8">
        <v>196</v>
      </c>
      <c r="H1462" s="5">
        <v>6</v>
      </c>
      <c r="I1462" s="5" t="s">
        <v>1518</v>
      </c>
      <c r="J1462" s="5" t="s">
        <v>1519</v>
      </c>
      <c r="K1462" s="2" t="s">
        <v>1520</v>
      </c>
      <c r="L1462" s="5" t="s">
        <v>1519</v>
      </c>
      <c r="M1462" s="2" t="s">
        <v>1520</v>
      </c>
      <c r="N1462" s="5" t="s">
        <v>1521</v>
      </c>
      <c r="O1462" s="5" t="s">
        <v>38</v>
      </c>
      <c r="P1462" s="5" t="s">
        <v>39</v>
      </c>
      <c r="Q1462" s="5" t="s">
        <v>40</v>
      </c>
      <c r="R1462" s="5" t="s">
        <v>1522</v>
      </c>
      <c r="S1462" s="5" t="s">
        <v>1523</v>
      </c>
      <c r="T1462" s="5" t="s">
        <v>42</v>
      </c>
      <c r="U1462" s="2">
        <v>2.6</v>
      </c>
      <c r="V1462" s="2">
        <v>2.13</v>
      </c>
      <c r="W1462" s="2">
        <v>1.4999999999999999E-2</v>
      </c>
      <c r="X1462" s="2">
        <v>118.9</v>
      </c>
      <c r="Y1462" s="2">
        <v>7.6</v>
      </c>
      <c r="Z1462" s="2">
        <v>16.7</v>
      </c>
      <c r="AA1462" s="5"/>
      <c r="AB1462" s="5" t="s">
        <v>43</v>
      </c>
      <c r="AC1462" s="5" t="s">
        <v>44</v>
      </c>
      <c r="AD1462" s="2"/>
      <c r="AE1462" s="1"/>
    </row>
    <row r="1463" spans="1:31" ht="14.45">
      <c r="A1463" s="11"/>
      <c r="B1463" s="20"/>
      <c r="C1463" s="2" t="s">
        <v>4810</v>
      </c>
      <c r="D1463" s="14" t="s">
        <v>4811</v>
      </c>
      <c r="E1463" s="2" t="s">
        <v>4812</v>
      </c>
      <c r="F1463" s="2" t="s">
        <v>1791</v>
      </c>
      <c r="G1463" s="8">
        <v>196</v>
      </c>
      <c r="H1463" s="5">
        <v>6</v>
      </c>
      <c r="I1463" s="5" t="s">
        <v>1518</v>
      </c>
      <c r="J1463" s="5" t="s">
        <v>1519</v>
      </c>
      <c r="K1463" s="2" t="s">
        <v>1520</v>
      </c>
      <c r="L1463" s="5" t="s">
        <v>1519</v>
      </c>
      <c r="M1463" s="2" t="s">
        <v>1520</v>
      </c>
      <c r="N1463" s="5" t="s">
        <v>1521</v>
      </c>
      <c r="O1463" s="5" t="s">
        <v>38</v>
      </c>
      <c r="P1463" s="5" t="s">
        <v>39</v>
      </c>
      <c r="Q1463" s="5" t="s">
        <v>40</v>
      </c>
      <c r="R1463" s="5" t="s">
        <v>1522</v>
      </c>
      <c r="S1463" s="5" t="s">
        <v>1523</v>
      </c>
      <c r="T1463" s="5" t="s">
        <v>42</v>
      </c>
      <c r="U1463" s="2">
        <v>2.5760000000000001</v>
      </c>
      <c r="V1463" s="2">
        <v>2.1059999999999999</v>
      </c>
      <c r="W1463" s="2">
        <v>1.4999999999999999E-2</v>
      </c>
      <c r="X1463" s="2">
        <v>118.9</v>
      </c>
      <c r="Y1463" s="2">
        <v>7.6</v>
      </c>
      <c r="Z1463" s="2">
        <v>16.7</v>
      </c>
      <c r="AA1463" s="5"/>
      <c r="AB1463" s="5" t="s">
        <v>43</v>
      </c>
      <c r="AC1463" s="5" t="s">
        <v>44</v>
      </c>
      <c r="AD1463" s="2"/>
      <c r="AE1463" s="1"/>
    </row>
    <row r="1464" spans="1:31" ht="14.45">
      <c r="A1464" s="11"/>
      <c r="B1464" s="20"/>
      <c r="C1464" s="2" t="s">
        <v>4813</v>
      </c>
      <c r="D1464" s="14" t="s">
        <v>4814</v>
      </c>
      <c r="E1464" s="2" t="s">
        <v>4815</v>
      </c>
      <c r="F1464" s="2" t="s">
        <v>1795</v>
      </c>
      <c r="G1464" s="8">
        <v>196</v>
      </c>
      <c r="H1464" s="5">
        <v>6</v>
      </c>
      <c r="I1464" s="5" t="s">
        <v>1518</v>
      </c>
      <c r="J1464" s="5" t="s">
        <v>1519</v>
      </c>
      <c r="K1464" s="2" t="s">
        <v>1520</v>
      </c>
      <c r="L1464" s="5" t="s">
        <v>1519</v>
      </c>
      <c r="M1464" s="2" t="s">
        <v>1520</v>
      </c>
      <c r="N1464" s="5" t="s">
        <v>1521</v>
      </c>
      <c r="O1464" s="5" t="s">
        <v>38</v>
      </c>
      <c r="P1464" s="5" t="s">
        <v>39</v>
      </c>
      <c r="Q1464" s="5" t="s">
        <v>40</v>
      </c>
      <c r="R1464" s="5" t="s">
        <v>1522</v>
      </c>
      <c r="S1464" s="5" t="s">
        <v>1523</v>
      </c>
      <c r="T1464" s="5" t="s">
        <v>42</v>
      </c>
      <c r="U1464" s="2">
        <v>2.6280000000000001</v>
      </c>
      <c r="V1464" s="2">
        <v>2.1579999999999999</v>
      </c>
      <c r="W1464" s="2">
        <v>1.4999999999999999E-2</v>
      </c>
      <c r="X1464" s="2">
        <v>118.9</v>
      </c>
      <c r="Y1464" s="2">
        <v>7.6</v>
      </c>
      <c r="Z1464" s="2">
        <v>16.7</v>
      </c>
      <c r="AA1464" s="5"/>
      <c r="AB1464" s="5" t="s">
        <v>43</v>
      </c>
      <c r="AC1464" s="5" t="s">
        <v>44</v>
      </c>
      <c r="AD1464" s="2"/>
      <c r="AE1464" s="1"/>
    </row>
    <row r="1465" spans="1:31" ht="14.45">
      <c r="A1465" s="11"/>
      <c r="B1465" s="20"/>
      <c r="C1465" s="2" t="s">
        <v>4816</v>
      </c>
      <c r="D1465" s="14" t="s">
        <v>4817</v>
      </c>
      <c r="E1465" s="2" t="s">
        <v>4818</v>
      </c>
      <c r="F1465" s="2" t="s">
        <v>1799</v>
      </c>
      <c r="G1465" s="8">
        <v>196</v>
      </c>
      <c r="H1465" s="5">
        <v>6</v>
      </c>
      <c r="I1465" s="5" t="s">
        <v>1518</v>
      </c>
      <c r="J1465" s="5" t="s">
        <v>1519</v>
      </c>
      <c r="K1465" s="2" t="s">
        <v>1520</v>
      </c>
      <c r="L1465" s="5" t="s">
        <v>1519</v>
      </c>
      <c r="M1465" s="2" t="s">
        <v>1520</v>
      </c>
      <c r="N1465" s="5" t="s">
        <v>1521</v>
      </c>
      <c r="O1465" s="5" t="s">
        <v>38</v>
      </c>
      <c r="P1465" s="5" t="s">
        <v>39</v>
      </c>
      <c r="Q1465" s="5" t="s">
        <v>40</v>
      </c>
      <c r="R1465" s="5" t="s">
        <v>1522</v>
      </c>
      <c r="S1465" s="5" t="s">
        <v>1523</v>
      </c>
      <c r="T1465" s="5" t="s">
        <v>42</v>
      </c>
      <c r="U1465" s="2">
        <v>2.5760000000000001</v>
      </c>
      <c r="V1465" s="2">
        <v>2.1059999999999999</v>
      </c>
      <c r="W1465" s="2">
        <v>1.4999999999999999E-2</v>
      </c>
      <c r="X1465" s="2">
        <v>118.9</v>
      </c>
      <c r="Y1465" s="2">
        <v>7.6</v>
      </c>
      <c r="Z1465" s="2">
        <v>16.7</v>
      </c>
      <c r="AA1465" s="5"/>
      <c r="AB1465" s="5" t="s">
        <v>43</v>
      </c>
      <c r="AC1465" s="5" t="s">
        <v>44</v>
      </c>
      <c r="AD1465" s="2"/>
      <c r="AE1465" s="1"/>
    </row>
    <row r="1466" spans="1:31" ht="14.45">
      <c r="A1466" s="11"/>
      <c r="B1466" s="20"/>
      <c r="C1466" s="2" t="s">
        <v>4819</v>
      </c>
      <c r="D1466" s="14" t="s">
        <v>4820</v>
      </c>
      <c r="E1466" s="2" t="s">
        <v>4821</v>
      </c>
      <c r="F1466" s="2" t="s">
        <v>1803</v>
      </c>
      <c r="G1466" s="8">
        <v>196</v>
      </c>
      <c r="H1466" s="5">
        <v>6</v>
      </c>
      <c r="I1466" s="5" t="s">
        <v>1518</v>
      </c>
      <c r="J1466" s="5" t="s">
        <v>1519</v>
      </c>
      <c r="K1466" s="2" t="s">
        <v>1520</v>
      </c>
      <c r="L1466" s="5" t="s">
        <v>1519</v>
      </c>
      <c r="M1466" s="2" t="s">
        <v>1520</v>
      </c>
      <c r="N1466" s="5" t="s">
        <v>1521</v>
      </c>
      <c r="O1466" s="5" t="s">
        <v>38</v>
      </c>
      <c r="P1466" s="5" t="s">
        <v>39</v>
      </c>
      <c r="Q1466" s="5" t="s">
        <v>40</v>
      </c>
      <c r="R1466" s="5" t="s">
        <v>1522</v>
      </c>
      <c r="S1466" s="5" t="s">
        <v>1523</v>
      </c>
      <c r="T1466" s="5" t="s">
        <v>42</v>
      </c>
      <c r="U1466" s="2">
        <v>2.6280000000000001</v>
      </c>
      <c r="V1466" s="2">
        <v>2.1579999999999999</v>
      </c>
      <c r="W1466" s="2">
        <v>1.4999999999999999E-2</v>
      </c>
      <c r="X1466" s="2">
        <v>118.9</v>
      </c>
      <c r="Y1466" s="2">
        <v>7.6</v>
      </c>
      <c r="Z1466" s="2">
        <v>16.7</v>
      </c>
      <c r="AA1466" s="5"/>
      <c r="AB1466" s="5" t="s">
        <v>43</v>
      </c>
      <c r="AC1466" s="5" t="s">
        <v>44</v>
      </c>
      <c r="AD1466" s="2"/>
      <c r="AE1466" s="1"/>
    </row>
    <row r="1467" spans="1:31" ht="14.45">
      <c r="A1467" s="11"/>
      <c r="B1467" s="20"/>
      <c r="C1467" s="2" t="s">
        <v>4822</v>
      </c>
      <c r="D1467" s="14" t="s">
        <v>4823</v>
      </c>
      <c r="E1467" s="2" t="s">
        <v>4824</v>
      </c>
      <c r="F1467" s="2" t="s">
        <v>1807</v>
      </c>
      <c r="G1467" s="8">
        <v>196</v>
      </c>
      <c r="H1467" s="5">
        <v>6</v>
      </c>
      <c r="I1467" s="5" t="s">
        <v>1518</v>
      </c>
      <c r="J1467" s="5" t="s">
        <v>1519</v>
      </c>
      <c r="K1467" s="2" t="s">
        <v>1520</v>
      </c>
      <c r="L1467" s="5" t="s">
        <v>1519</v>
      </c>
      <c r="M1467" s="2" t="s">
        <v>1520</v>
      </c>
      <c r="N1467" s="5" t="s">
        <v>1521</v>
      </c>
      <c r="O1467" s="5" t="s">
        <v>38</v>
      </c>
      <c r="P1467" s="5" t="s">
        <v>39</v>
      </c>
      <c r="Q1467" s="5" t="s">
        <v>40</v>
      </c>
      <c r="R1467" s="5" t="s">
        <v>1522</v>
      </c>
      <c r="S1467" s="5" t="s">
        <v>1523</v>
      </c>
      <c r="T1467" s="5" t="s">
        <v>42</v>
      </c>
      <c r="U1467" s="2">
        <v>2.5760000000000001</v>
      </c>
      <c r="V1467" s="2">
        <v>2.1059999999999999</v>
      </c>
      <c r="W1467" s="2">
        <v>1.4999999999999999E-2</v>
      </c>
      <c r="X1467" s="2">
        <v>118.9</v>
      </c>
      <c r="Y1467" s="2">
        <v>7.6</v>
      </c>
      <c r="Z1467" s="2">
        <v>16.7</v>
      </c>
      <c r="AA1467" s="5"/>
      <c r="AB1467" s="5" t="s">
        <v>43</v>
      </c>
      <c r="AC1467" s="5" t="s">
        <v>44</v>
      </c>
      <c r="AD1467" s="2"/>
      <c r="AE1467" s="1"/>
    </row>
    <row r="1468" spans="1:31" ht="14.45">
      <c r="A1468" s="11"/>
      <c r="B1468" s="20"/>
      <c r="C1468" s="2" t="s">
        <v>4825</v>
      </c>
      <c r="D1468" s="14" t="s">
        <v>4826</v>
      </c>
      <c r="E1468" s="2" t="s">
        <v>4827</v>
      </c>
      <c r="F1468" s="2" t="s">
        <v>1811</v>
      </c>
      <c r="G1468" s="8">
        <v>196</v>
      </c>
      <c r="H1468" s="5">
        <v>6</v>
      </c>
      <c r="I1468" s="5" t="s">
        <v>1518</v>
      </c>
      <c r="J1468" s="5" t="s">
        <v>1519</v>
      </c>
      <c r="K1468" s="2" t="s">
        <v>1520</v>
      </c>
      <c r="L1468" s="5" t="s">
        <v>1519</v>
      </c>
      <c r="M1468" s="2" t="s">
        <v>1520</v>
      </c>
      <c r="N1468" s="5" t="s">
        <v>1521</v>
      </c>
      <c r="O1468" s="5" t="s">
        <v>38</v>
      </c>
      <c r="P1468" s="5" t="s">
        <v>39</v>
      </c>
      <c r="Q1468" s="5" t="s">
        <v>40</v>
      </c>
      <c r="R1468" s="5" t="s">
        <v>1522</v>
      </c>
      <c r="S1468" s="5" t="s">
        <v>1523</v>
      </c>
      <c r="T1468" s="5" t="s">
        <v>42</v>
      </c>
      <c r="U1468" s="2">
        <v>2.6280000000000001</v>
      </c>
      <c r="V1468" s="2">
        <v>2.1579999999999999</v>
      </c>
      <c r="W1468" s="2">
        <v>1.4999999999999999E-2</v>
      </c>
      <c r="X1468" s="2">
        <v>118.9</v>
      </c>
      <c r="Y1468" s="2">
        <v>7.6</v>
      </c>
      <c r="Z1468" s="2">
        <v>16.7</v>
      </c>
      <c r="AA1468" s="5"/>
      <c r="AB1468" s="5" t="s">
        <v>43</v>
      </c>
      <c r="AC1468" s="5" t="s">
        <v>44</v>
      </c>
      <c r="AD1468" s="2"/>
      <c r="AE1468" s="1"/>
    </row>
    <row r="1469" spans="1:31" ht="14.45">
      <c r="A1469" s="11"/>
      <c r="B1469" s="20"/>
      <c r="C1469" s="2" t="s">
        <v>4828</v>
      </c>
      <c r="D1469" s="14" t="s">
        <v>4829</v>
      </c>
      <c r="E1469" s="2" t="s">
        <v>4830</v>
      </c>
      <c r="F1469" s="2" t="s">
        <v>1815</v>
      </c>
      <c r="G1469" s="8">
        <v>196</v>
      </c>
      <c r="H1469" s="5">
        <v>6</v>
      </c>
      <c r="I1469" s="5" t="s">
        <v>1518</v>
      </c>
      <c r="J1469" s="5" t="s">
        <v>1519</v>
      </c>
      <c r="K1469" s="2" t="s">
        <v>1520</v>
      </c>
      <c r="L1469" s="5" t="s">
        <v>1519</v>
      </c>
      <c r="M1469" s="2" t="s">
        <v>1520</v>
      </c>
      <c r="N1469" s="5" t="s">
        <v>1521</v>
      </c>
      <c r="O1469" s="5" t="s">
        <v>38</v>
      </c>
      <c r="P1469" s="5" t="s">
        <v>39</v>
      </c>
      <c r="Q1469" s="5" t="s">
        <v>40</v>
      </c>
      <c r="R1469" s="5" t="s">
        <v>1522</v>
      </c>
      <c r="S1469" s="5" t="s">
        <v>1523</v>
      </c>
      <c r="T1469" s="5" t="s">
        <v>42</v>
      </c>
      <c r="U1469" s="2">
        <v>2.548</v>
      </c>
      <c r="V1469" s="2">
        <v>2.0779999999999998</v>
      </c>
      <c r="W1469" s="2">
        <v>1.4999999999999999E-2</v>
      </c>
      <c r="X1469" s="2">
        <v>118.9</v>
      </c>
      <c r="Y1469" s="2">
        <v>7.6</v>
      </c>
      <c r="Z1469" s="2">
        <v>16.7</v>
      </c>
      <c r="AA1469" s="5"/>
      <c r="AB1469" s="5" t="s">
        <v>43</v>
      </c>
      <c r="AC1469" s="5" t="s">
        <v>44</v>
      </c>
      <c r="AD1469" s="2"/>
      <c r="AE1469" s="1"/>
    </row>
    <row r="1470" spans="1:31" ht="14.45">
      <c r="A1470" s="11"/>
      <c r="B1470" s="20"/>
      <c r="C1470" s="2" t="s">
        <v>4831</v>
      </c>
      <c r="D1470" s="14" t="s">
        <v>4832</v>
      </c>
      <c r="E1470" s="2" t="s">
        <v>4833</v>
      </c>
      <c r="F1470" s="2" t="s">
        <v>1819</v>
      </c>
      <c r="G1470" s="8">
        <v>196</v>
      </c>
      <c r="H1470" s="5">
        <v>6</v>
      </c>
      <c r="I1470" s="5" t="s">
        <v>1518</v>
      </c>
      <c r="J1470" s="5" t="s">
        <v>1519</v>
      </c>
      <c r="K1470" s="2" t="s">
        <v>1520</v>
      </c>
      <c r="L1470" s="5" t="s">
        <v>1519</v>
      </c>
      <c r="M1470" s="2" t="s">
        <v>1520</v>
      </c>
      <c r="N1470" s="5" t="s">
        <v>1521</v>
      </c>
      <c r="O1470" s="5" t="s">
        <v>38</v>
      </c>
      <c r="P1470" s="5" t="s">
        <v>39</v>
      </c>
      <c r="Q1470" s="5" t="s">
        <v>40</v>
      </c>
      <c r="R1470" s="5" t="s">
        <v>1522</v>
      </c>
      <c r="S1470" s="5" t="s">
        <v>1523</v>
      </c>
      <c r="T1470" s="5" t="s">
        <v>42</v>
      </c>
      <c r="U1470" s="2">
        <v>2.6</v>
      </c>
      <c r="V1470" s="2">
        <v>2.13</v>
      </c>
      <c r="W1470" s="2">
        <v>1.4999999999999999E-2</v>
      </c>
      <c r="X1470" s="2">
        <v>118.9</v>
      </c>
      <c r="Y1470" s="2">
        <v>7.6</v>
      </c>
      <c r="Z1470" s="2">
        <v>16.7</v>
      </c>
      <c r="AA1470" s="5"/>
      <c r="AB1470" s="5" t="s">
        <v>43</v>
      </c>
      <c r="AC1470" s="5" t="s">
        <v>44</v>
      </c>
      <c r="AD1470" s="2"/>
      <c r="AE1470" s="1"/>
    </row>
    <row r="1471" spans="1:31" ht="14.45">
      <c r="A1471" s="11"/>
      <c r="B1471" s="20"/>
      <c r="C1471" s="2" t="s">
        <v>4834</v>
      </c>
      <c r="D1471" s="14" t="s">
        <v>4835</v>
      </c>
      <c r="E1471" s="2" t="s">
        <v>4836</v>
      </c>
      <c r="F1471" s="2" t="s">
        <v>1823</v>
      </c>
      <c r="G1471" s="8">
        <v>196</v>
      </c>
      <c r="H1471" s="5">
        <v>8</v>
      </c>
      <c r="I1471" s="5" t="s">
        <v>1518</v>
      </c>
      <c r="J1471" s="5" t="s">
        <v>1519</v>
      </c>
      <c r="K1471" s="2" t="s">
        <v>1520</v>
      </c>
      <c r="L1471" s="5" t="s">
        <v>1519</v>
      </c>
      <c r="M1471" s="2" t="s">
        <v>1520</v>
      </c>
      <c r="N1471" s="5" t="s">
        <v>1521</v>
      </c>
      <c r="O1471" s="5" t="s">
        <v>38</v>
      </c>
      <c r="P1471" s="5" t="s">
        <v>39</v>
      </c>
      <c r="Q1471" s="5" t="s">
        <v>40</v>
      </c>
      <c r="R1471" s="5" t="s">
        <v>1522</v>
      </c>
      <c r="S1471" s="5" t="s">
        <v>1523</v>
      </c>
      <c r="T1471" s="5" t="s">
        <v>42</v>
      </c>
      <c r="U1471" s="2">
        <v>2.597</v>
      </c>
      <c r="V1471" s="2">
        <v>2.1269999999999998</v>
      </c>
      <c r="W1471" s="2">
        <v>1.4999999999999999E-2</v>
      </c>
      <c r="X1471" s="2">
        <v>118.9</v>
      </c>
      <c r="Y1471" s="2">
        <v>7.6</v>
      </c>
      <c r="Z1471" s="2">
        <v>16.7</v>
      </c>
      <c r="AA1471" s="5"/>
      <c r="AB1471" s="5" t="s">
        <v>43</v>
      </c>
      <c r="AC1471" s="5" t="s">
        <v>44</v>
      </c>
      <c r="AD1471" s="2"/>
      <c r="AE1471" s="1"/>
    </row>
    <row r="1472" spans="1:31" ht="14.45">
      <c r="A1472" s="11"/>
      <c r="B1472" s="20"/>
      <c r="C1472" s="2" t="s">
        <v>4837</v>
      </c>
      <c r="D1472" s="14" t="s">
        <v>4838</v>
      </c>
      <c r="E1472" s="2" t="s">
        <v>4839</v>
      </c>
      <c r="F1472" s="2" t="s">
        <v>1827</v>
      </c>
      <c r="G1472" s="8">
        <v>196</v>
      </c>
      <c r="H1472" s="5">
        <v>8</v>
      </c>
      <c r="I1472" s="5" t="s">
        <v>1518</v>
      </c>
      <c r="J1472" s="5" t="s">
        <v>1519</v>
      </c>
      <c r="K1472" s="2" t="s">
        <v>1520</v>
      </c>
      <c r="L1472" s="5" t="s">
        <v>1519</v>
      </c>
      <c r="M1472" s="2" t="s">
        <v>1520</v>
      </c>
      <c r="N1472" s="5" t="s">
        <v>1521</v>
      </c>
      <c r="O1472" s="5" t="s">
        <v>38</v>
      </c>
      <c r="P1472" s="5" t="s">
        <v>39</v>
      </c>
      <c r="Q1472" s="5" t="s">
        <v>40</v>
      </c>
      <c r="R1472" s="5" t="s">
        <v>1522</v>
      </c>
      <c r="S1472" s="5" t="s">
        <v>1523</v>
      </c>
      <c r="T1472" s="5" t="s">
        <v>42</v>
      </c>
      <c r="U1472" s="2">
        <v>2.649</v>
      </c>
      <c r="V1472" s="2">
        <v>2.1789999999999998</v>
      </c>
      <c r="W1472" s="2">
        <v>1.4999999999999999E-2</v>
      </c>
      <c r="X1472" s="2">
        <v>118.9</v>
      </c>
      <c r="Y1472" s="2">
        <v>7.6</v>
      </c>
      <c r="Z1472" s="2">
        <v>16.7</v>
      </c>
      <c r="AA1472" s="5"/>
      <c r="AB1472" s="5" t="s">
        <v>43</v>
      </c>
      <c r="AC1472" s="5" t="s">
        <v>44</v>
      </c>
      <c r="AD1472" s="2"/>
      <c r="AE1472" s="1"/>
    </row>
    <row r="1473" spans="1:31" ht="14.45">
      <c r="A1473" s="11"/>
      <c r="B1473" s="20"/>
      <c r="C1473" s="2" t="s">
        <v>4840</v>
      </c>
      <c r="D1473" s="14" t="s">
        <v>4841</v>
      </c>
      <c r="E1473" s="2" t="s">
        <v>4842</v>
      </c>
      <c r="F1473" s="2" t="s">
        <v>1973</v>
      </c>
      <c r="G1473" s="8">
        <v>196</v>
      </c>
      <c r="H1473" s="5">
        <v>13</v>
      </c>
      <c r="I1473" s="5" t="s">
        <v>1518</v>
      </c>
      <c r="J1473" s="5" t="s">
        <v>1519</v>
      </c>
      <c r="K1473" s="2" t="s">
        <v>1520</v>
      </c>
      <c r="L1473" s="5" t="s">
        <v>1519</v>
      </c>
      <c r="M1473" s="2" t="s">
        <v>1520</v>
      </c>
      <c r="N1473" s="5" t="s">
        <v>1521</v>
      </c>
      <c r="O1473" s="5" t="s">
        <v>38</v>
      </c>
      <c r="P1473" s="5" t="s">
        <v>39</v>
      </c>
      <c r="Q1473" s="5" t="s">
        <v>40</v>
      </c>
      <c r="R1473" s="5" t="s">
        <v>1522</v>
      </c>
      <c r="S1473" s="5" t="s">
        <v>1523</v>
      </c>
      <c r="T1473" s="5" t="s">
        <v>42</v>
      </c>
      <c r="U1473" s="2">
        <v>2.6190000000000002</v>
      </c>
      <c r="V1473" s="2">
        <v>2.149</v>
      </c>
      <c r="W1473" s="2">
        <v>1.4999999999999999E-2</v>
      </c>
      <c r="X1473" s="2">
        <v>118.9</v>
      </c>
      <c r="Y1473" s="2">
        <v>7.6</v>
      </c>
      <c r="Z1473" s="2">
        <v>16.7</v>
      </c>
      <c r="AA1473" s="5"/>
      <c r="AB1473" s="5" t="s">
        <v>43</v>
      </c>
      <c r="AC1473" s="5" t="s">
        <v>44</v>
      </c>
      <c r="AD1473" s="2"/>
      <c r="AE1473" s="1"/>
    </row>
    <row r="1474" spans="1:31" ht="14.45">
      <c r="A1474" s="11"/>
      <c r="B1474" s="20"/>
      <c r="C1474" s="2" t="s">
        <v>4843</v>
      </c>
      <c r="D1474" s="14" t="s">
        <v>4844</v>
      </c>
      <c r="E1474" s="2" t="s">
        <v>4845</v>
      </c>
      <c r="F1474" s="2" t="s">
        <v>2212</v>
      </c>
      <c r="G1474" s="8">
        <v>196</v>
      </c>
      <c r="H1474" s="5">
        <v>13</v>
      </c>
      <c r="I1474" s="5" t="s">
        <v>1518</v>
      </c>
      <c r="J1474" s="5" t="s">
        <v>1519</v>
      </c>
      <c r="K1474" s="2" t="s">
        <v>1520</v>
      </c>
      <c r="L1474" s="5" t="s">
        <v>1519</v>
      </c>
      <c r="M1474" s="2" t="s">
        <v>1520</v>
      </c>
      <c r="N1474" s="5" t="s">
        <v>1521</v>
      </c>
      <c r="O1474" s="5" t="s">
        <v>38</v>
      </c>
      <c r="P1474" s="5" t="s">
        <v>39</v>
      </c>
      <c r="Q1474" s="5" t="s">
        <v>40</v>
      </c>
      <c r="R1474" s="5" t="s">
        <v>1522</v>
      </c>
      <c r="S1474" s="5" t="s">
        <v>1523</v>
      </c>
      <c r="T1474" s="5" t="s">
        <v>42</v>
      </c>
      <c r="U1474" s="2">
        <v>2.6709999999999998</v>
      </c>
      <c r="V1474" s="2">
        <v>2.2010000000000001</v>
      </c>
      <c r="W1474" s="2">
        <v>1.4999999999999999E-2</v>
      </c>
      <c r="X1474" s="2">
        <v>118.9</v>
      </c>
      <c r="Y1474" s="2">
        <v>7.6</v>
      </c>
      <c r="Z1474" s="2">
        <v>16.7</v>
      </c>
      <c r="AA1474" s="5"/>
      <c r="AB1474" s="5" t="s">
        <v>43</v>
      </c>
      <c r="AC1474" s="5" t="s">
        <v>44</v>
      </c>
      <c r="AD1474" s="2"/>
      <c r="AE1474" s="1"/>
    </row>
    <row r="1475" spans="1:31" ht="14.45">
      <c r="A1475" s="11"/>
      <c r="B1475" s="20"/>
      <c r="C1475" s="2" t="s">
        <v>4846</v>
      </c>
      <c r="D1475" s="14" t="s">
        <v>4847</v>
      </c>
      <c r="E1475" s="2" t="s">
        <v>4848</v>
      </c>
      <c r="F1475" s="2" t="s">
        <v>1831</v>
      </c>
      <c r="G1475" s="8">
        <v>196</v>
      </c>
      <c r="H1475" s="5">
        <v>13</v>
      </c>
      <c r="I1475" s="5" t="s">
        <v>1518</v>
      </c>
      <c r="J1475" s="5" t="s">
        <v>1519</v>
      </c>
      <c r="K1475" s="2" t="s">
        <v>1520</v>
      </c>
      <c r="L1475" s="5" t="s">
        <v>1519</v>
      </c>
      <c r="M1475" s="2" t="s">
        <v>1520</v>
      </c>
      <c r="N1475" s="5" t="s">
        <v>1521</v>
      </c>
      <c r="O1475" s="5" t="s">
        <v>38</v>
      </c>
      <c r="P1475" s="5" t="s">
        <v>39</v>
      </c>
      <c r="Q1475" s="5" t="s">
        <v>40</v>
      </c>
      <c r="R1475" s="5" t="s">
        <v>1522</v>
      </c>
      <c r="S1475" s="5" t="s">
        <v>1523</v>
      </c>
      <c r="T1475" s="5" t="s">
        <v>42</v>
      </c>
      <c r="U1475" s="2">
        <v>2.6190000000000002</v>
      </c>
      <c r="V1475" s="2">
        <v>2.149</v>
      </c>
      <c r="W1475" s="2">
        <v>1.4999999999999999E-2</v>
      </c>
      <c r="X1475" s="2">
        <v>118.9</v>
      </c>
      <c r="Y1475" s="2">
        <v>7.6</v>
      </c>
      <c r="Z1475" s="2">
        <v>16.7</v>
      </c>
      <c r="AA1475" s="5"/>
      <c r="AB1475" s="5" t="s">
        <v>43</v>
      </c>
      <c r="AC1475" s="5" t="s">
        <v>44</v>
      </c>
      <c r="AD1475" s="2"/>
      <c r="AE1475" s="1"/>
    </row>
    <row r="1476" spans="1:31" ht="14.45">
      <c r="A1476" s="11"/>
      <c r="B1476" s="20"/>
      <c r="C1476" s="2" t="s">
        <v>4849</v>
      </c>
      <c r="D1476" s="14" t="s">
        <v>4850</v>
      </c>
      <c r="E1476" s="2" t="s">
        <v>4851</v>
      </c>
      <c r="F1476" s="2" t="s">
        <v>1835</v>
      </c>
      <c r="G1476" s="8">
        <v>196</v>
      </c>
      <c r="H1476" s="5">
        <v>13</v>
      </c>
      <c r="I1476" s="5" t="s">
        <v>1518</v>
      </c>
      <c r="J1476" s="5" t="s">
        <v>1519</v>
      </c>
      <c r="K1476" s="2" t="s">
        <v>1520</v>
      </c>
      <c r="L1476" s="5" t="s">
        <v>1519</v>
      </c>
      <c r="M1476" s="2" t="s">
        <v>1520</v>
      </c>
      <c r="N1476" s="5" t="s">
        <v>1521</v>
      </c>
      <c r="O1476" s="5" t="s">
        <v>38</v>
      </c>
      <c r="P1476" s="5" t="s">
        <v>39</v>
      </c>
      <c r="Q1476" s="5" t="s">
        <v>40</v>
      </c>
      <c r="R1476" s="5" t="s">
        <v>1522</v>
      </c>
      <c r="S1476" s="5" t="s">
        <v>1523</v>
      </c>
      <c r="T1476" s="5" t="s">
        <v>42</v>
      </c>
      <c r="U1476" s="2">
        <v>2.6709999999999998</v>
      </c>
      <c r="V1476" s="2">
        <v>2.2010000000000001</v>
      </c>
      <c r="W1476" s="2">
        <v>1.4999999999999999E-2</v>
      </c>
      <c r="X1476" s="2">
        <v>118.9</v>
      </c>
      <c r="Y1476" s="2">
        <v>7.6</v>
      </c>
      <c r="Z1476" s="2">
        <v>16.7</v>
      </c>
      <c r="AA1476" s="5"/>
      <c r="AB1476" s="5" t="s">
        <v>43</v>
      </c>
      <c r="AC1476" s="5" t="s">
        <v>44</v>
      </c>
      <c r="AD1476" s="2"/>
      <c r="AE1476" s="1"/>
    </row>
    <row r="1477" spans="1:31" ht="14.45">
      <c r="A1477" s="11"/>
      <c r="B1477" s="20"/>
      <c r="C1477" s="2" t="s">
        <v>4852</v>
      </c>
      <c r="D1477" s="14" t="s">
        <v>4853</v>
      </c>
      <c r="E1477" s="2" t="s">
        <v>4854</v>
      </c>
      <c r="F1477" s="2" t="s">
        <v>1839</v>
      </c>
      <c r="G1477" s="8">
        <v>196</v>
      </c>
      <c r="H1477" s="5">
        <v>13</v>
      </c>
      <c r="I1477" s="5" t="s">
        <v>1518</v>
      </c>
      <c r="J1477" s="5" t="s">
        <v>1519</v>
      </c>
      <c r="K1477" s="2" t="s">
        <v>1520</v>
      </c>
      <c r="L1477" s="5" t="s">
        <v>1519</v>
      </c>
      <c r="M1477" s="2" t="s">
        <v>1520</v>
      </c>
      <c r="N1477" s="5" t="s">
        <v>1521</v>
      </c>
      <c r="O1477" s="5" t="s">
        <v>38</v>
      </c>
      <c r="P1477" s="5" t="s">
        <v>39</v>
      </c>
      <c r="Q1477" s="5" t="s">
        <v>40</v>
      </c>
      <c r="R1477" s="5" t="s">
        <v>1522</v>
      </c>
      <c r="S1477" s="5" t="s">
        <v>1523</v>
      </c>
      <c r="T1477" s="5" t="s">
        <v>42</v>
      </c>
      <c r="U1477" s="2">
        <v>2.6190000000000002</v>
      </c>
      <c r="V1477" s="2">
        <v>2.149</v>
      </c>
      <c r="W1477" s="2">
        <v>1.4999999999999999E-2</v>
      </c>
      <c r="X1477" s="2">
        <v>118.9</v>
      </c>
      <c r="Y1477" s="2">
        <v>7.6</v>
      </c>
      <c r="Z1477" s="2">
        <v>16.7</v>
      </c>
      <c r="AA1477" s="5"/>
      <c r="AB1477" s="5" t="s">
        <v>43</v>
      </c>
      <c r="AC1477" s="5" t="s">
        <v>44</v>
      </c>
      <c r="AD1477" s="2"/>
      <c r="AE1477" s="1"/>
    </row>
    <row r="1478" spans="1:31" ht="14.45">
      <c r="A1478" s="11"/>
      <c r="B1478" s="20"/>
      <c r="C1478" s="2" t="s">
        <v>4855</v>
      </c>
      <c r="D1478" s="14" t="s">
        <v>4856</v>
      </c>
      <c r="E1478" s="2" t="s">
        <v>4857</v>
      </c>
      <c r="F1478" s="2" t="s">
        <v>1986</v>
      </c>
      <c r="G1478" s="8">
        <v>196</v>
      </c>
      <c r="H1478" s="5">
        <v>13</v>
      </c>
      <c r="I1478" s="5" t="s">
        <v>1518</v>
      </c>
      <c r="J1478" s="5" t="s">
        <v>1519</v>
      </c>
      <c r="K1478" s="2" t="s">
        <v>1520</v>
      </c>
      <c r="L1478" s="5" t="s">
        <v>1519</v>
      </c>
      <c r="M1478" s="2" t="s">
        <v>1520</v>
      </c>
      <c r="N1478" s="5" t="s">
        <v>1521</v>
      </c>
      <c r="O1478" s="5" t="s">
        <v>38</v>
      </c>
      <c r="P1478" s="5" t="s">
        <v>39</v>
      </c>
      <c r="Q1478" s="5" t="s">
        <v>40</v>
      </c>
      <c r="R1478" s="5" t="s">
        <v>1522</v>
      </c>
      <c r="S1478" s="5" t="s">
        <v>1523</v>
      </c>
      <c r="T1478" s="5" t="s">
        <v>42</v>
      </c>
      <c r="U1478" s="2">
        <v>2.6709999999999998</v>
      </c>
      <c r="V1478" s="2">
        <v>2.2010000000000001</v>
      </c>
      <c r="W1478" s="2">
        <v>1.4999999999999999E-2</v>
      </c>
      <c r="X1478" s="2">
        <v>118.9</v>
      </c>
      <c r="Y1478" s="2">
        <v>7.6</v>
      </c>
      <c r="Z1478" s="2">
        <v>16.7</v>
      </c>
      <c r="AA1478" s="5"/>
      <c r="AB1478" s="5" t="s">
        <v>43</v>
      </c>
      <c r="AC1478" s="5" t="s">
        <v>44</v>
      </c>
      <c r="AD1478" s="2"/>
      <c r="AE1478" s="1"/>
    </row>
    <row r="1479" spans="1:31" ht="14.45">
      <c r="A1479" s="11"/>
      <c r="B1479" s="20"/>
      <c r="C1479" s="2" t="s">
        <v>4858</v>
      </c>
      <c r="D1479" s="14" t="s">
        <v>4859</v>
      </c>
      <c r="E1479" s="2" t="s">
        <v>4860</v>
      </c>
      <c r="F1479" s="2" t="s">
        <v>1843</v>
      </c>
      <c r="G1479" s="8">
        <v>196</v>
      </c>
      <c r="H1479" s="5">
        <v>13</v>
      </c>
      <c r="I1479" s="5" t="s">
        <v>1518</v>
      </c>
      <c r="J1479" s="5" t="s">
        <v>1519</v>
      </c>
      <c r="K1479" s="2" t="s">
        <v>1520</v>
      </c>
      <c r="L1479" s="5" t="s">
        <v>1519</v>
      </c>
      <c r="M1479" s="2" t="s">
        <v>1520</v>
      </c>
      <c r="N1479" s="5" t="s">
        <v>1521</v>
      </c>
      <c r="O1479" s="5" t="s">
        <v>38</v>
      </c>
      <c r="P1479" s="5" t="s">
        <v>39</v>
      </c>
      <c r="Q1479" s="5" t="s">
        <v>40</v>
      </c>
      <c r="R1479" s="5" t="s">
        <v>1522</v>
      </c>
      <c r="S1479" s="5" t="s">
        <v>1523</v>
      </c>
      <c r="T1479" s="5" t="s">
        <v>42</v>
      </c>
      <c r="U1479" s="2">
        <v>2.6190000000000002</v>
      </c>
      <c r="V1479" s="2">
        <v>2.149</v>
      </c>
      <c r="W1479" s="2">
        <v>1.4999999999999999E-2</v>
      </c>
      <c r="X1479" s="2">
        <v>118.9</v>
      </c>
      <c r="Y1479" s="2">
        <v>7.6</v>
      </c>
      <c r="Z1479" s="2">
        <v>16.7</v>
      </c>
      <c r="AA1479" s="5"/>
      <c r="AB1479" s="5" t="s">
        <v>43</v>
      </c>
      <c r="AC1479" s="5" t="s">
        <v>44</v>
      </c>
      <c r="AD1479" s="2"/>
      <c r="AE1479" s="1"/>
    </row>
    <row r="1480" spans="1:31" ht="14.45">
      <c r="A1480" s="11"/>
      <c r="B1480" s="20"/>
      <c r="C1480" s="2" t="s">
        <v>4861</v>
      </c>
      <c r="D1480" s="14" t="s">
        <v>4862</v>
      </c>
      <c r="E1480" s="2" t="s">
        <v>4863</v>
      </c>
      <c r="F1480" s="2" t="s">
        <v>1851</v>
      </c>
      <c r="G1480" s="8">
        <v>196</v>
      </c>
      <c r="H1480" s="5">
        <v>13</v>
      </c>
      <c r="I1480" s="5" t="s">
        <v>1518</v>
      </c>
      <c r="J1480" s="5" t="s">
        <v>1519</v>
      </c>
      <c r="K1480" s="2" t="s">
        <v>1520</v>
      </c>
      <c r="L1480" s="5" t="s">
        <v>1519</v>
      </c>
      <c r="M1480" s="2" t="s">
        <v>1520</v>
      </c>
      <c r="N1480" s="5" t="s">
        <v>1521</v>
      </c>
      <c r="O1480" s="5" t="s">
        <v>38</v>
      </c>
      <c r="P1480" s="5" t="s">
        <v>39</v>
      </c>
      <c r="Q1480" s="5" t="s">
        <v>40</v>
      </c>
      <c r="R1480" s="5" t="s">
        <v>1522</v>
      </c>
      <c r="S1480" s="5" t="s">
        <v>1523</v>
      </c>
      <c r="T1480" s="5" t="s">
        <v>42</v>
      </c>
      <c r="U1480" s="2">
        <v>2.6190000000000002</v>
      </c>
      <c r="V1480" s="2">
        <v>2.149</v>
      </c>
      <c r="W1480" s="2">
        <v>1.4999999999999999E-2</v>
      </c>
      <c r="X1480" s="2">
        <v>118.9</v>
      </c>
      <c r="Y1480" s="2">
        <v>7.6</v>
      </c>
      <c r="Z1480" s="2">
        <v>16.7</v>
      </c>
      <c r="AA1480" s="5"/>
      <c r="AB1480" s="5" t="s">
        <v>43</v>
      </c>
      <c r="AC1480" s="5" t="s">
        <v>44</v>
      </c>
      <c r="AD1480" s="2"/>
      <c r="AE1480" s="1"/>
    </row>
    <row r="1481" spans="1:31" ht="14.45">
      <c r="A1481" s="11"/>
      <c r="B1481" s="20"/>
      <c r="C1481" s="2" t="s">
        <v>4864</v>
      </c>
      <c r="D1481" s="14" t="s">
        <v>4865</v>
      </c>
      <c r="E1481" s="2" t="s">
        <v>4866</v>
      </c>
      <c r="F1481" s="2" t="s">
        <v>1999</v>
      </c>
      <c r="G1481" s="8">
        <v>196</v>
      </c>
      <c r="H1481" s="5">
        <v>13</v>
      </c>
      <c r="I1481" s="5" t="s">
        <v>1518</v>
      </c>
      <c r="J1481" s="5" t="s">
        <v>1519</v>
      </c>
      <c r="K1481" s="2" t="s">
        <v>1520</v>
      </c>
      <c r="L1481" s="5" t="s">
        <v>1519</v>
      </c>
      <c r="M1481" s="2" t="s">
        <v>1520</v>
      </c>
      <c r="N1481" s="5" t="s">
        <v>1521</v>
      </c>
      <c r="O1481" s="5" t="s">
        <v>38</v>
      </c>
      <c r="P1481" s="5" t="s">
        <v>39</v>
      </c>
      <c r="Q1481" s="5" t="s">
        <v>40</v>
      </c>
      <c r="R1481" s="5" t="s">
        <v>1522</v>
      </c>
      <c r="S1481" s="5" t="s">
        <v>1523</v>
      </c>
      <c r="T1481" s="5" t="s">
        <v>42</v>
      </c>
      <c r="U1481" s="2">
        <v>2.6709999999999998</v>
      </c>
      <c r="V1481" s="2">
        <v>2.2010000000000001</v>
      </c>
      <c r="W1481" s="2">
        <v>1.4999999999999999E-2</v>
      </c>
      <c r="X1481" s="2">
        <v>118.9</v>
      </c>
      <c r="Y1481" s="2">
        <v>7.6</v>
      </c>
      <c r="Z1481" s="2">
        <v>16.7</v>
      </c>
      <c r="AA1481" s="5"/>
      <c r="AB1481" s="5" t="s">
        <v>43</v>
      </c>
      <c r="AC1481" s="5" t="s">
        <v>44</v>
      </c>
      <c r="AD1481" s="2"/>
      <c r="AE1481" s="1"/>
    </row>
    <row r="1482" spans="1:31" ht="14.45">
      <c r="A1482" s="11"/>
      <c r="B1482" s="20"/>
      <c r="C1482" s="2" t="s">
        <v>4867</v>
      </c>
      <c r="D1482" s="14" t="s">
        <v>4868</v>
      </c>
      <c r="E1482" s="2" t="s">
        <v>4869</v>
      </c>
      <c r="F1482" s="2" t="s">
        <v>1863</v>
      </c>
      <c r="G1482" s="8">
        <v>196</v>
      </c>
      <c r="H1482" s="5">
        <v>11</v>
      </c>
      <c r="I1482" s="5" t="s">
        <v>1518</v>
      </c>
      <c r="J1482" s="5" t="s">
        <v>1519</v>
      </c>
      <c r="K1482" s="2" t="s">
        <v>1520</v>
      </c>
      <c r="L1482" s="5" t="s">
        <v>1519</v>
      </c>
      <c r="M1482" s="2" t="s">
        <v>1520</v>
      </c>
      <c r="N1482" s="5" t="s">
        <v>1521</v>
      </c>
      <c r="O1482" s="5" t="s">
        <v>38</v>
      </c>
      <c r="P1482" s="5" t="s">
        <v>39</v>
      </c>
      <c r="Q1482" s="5" t="s">
        <v>40</v>
      </c>
      <c r="R1482" s="5" t="s">
        <v>1522</v>
      </c>
      <c r="S1482" s="5" t="s">
        <v>1523</v>
      </c>
      <c r="T1482" s="5" t="s">
        <v>42</v>
      </c>
      <c r="U1482" s="2">
        <v>2.552</v>
      </c>
      <c r="V1482" s="2">
        <v>2.0819999999999999</v>
      </c>
      <c r="W1482" s="2">
        <v>1.4999999999999999E-2</v>
      </c>
      <c r="X1482" s="2">
        <v>118.9</v>
      </c>
      <c r="Y1482" s="2">
        <v>7.6</v>
      </c>
      <c r="Z1482" s="2">
        <v>16.7</v>
      </c>
      <c r="AA1482" s="5"/>
      <c r="AB1482" s="5" t="s">
        <v>43</v>
      </c>
      <c r="AC1482" s="5" t="s">
        <v>44</v>
      </c>
      <c r="AD1482" s="2"/>
      <c r="AE1482" s="1"/>
    </row>
    <row r="1483" spans="1:31" ht="14.45">
      <c r="A1483" s="11"/>
      <c r="B1483" s="20"/>
      <c r="C1483" s="2" t="s">
        <v>4870</v>
      </c>
      <c r="D1483" s="14" t="s">
        <v>4871</v>
      </c>
      <c r="E1483" s="2" t="s">
        <v>4872</v>
      </c>
      <c r="F1483" s="2" t="s">
        <v>1867</v>
      </c>
      <c r="G1483" s="8">
        <v>196</v>
      </c>
      <c r="H1483" s="5">
        <v>11</v>
      </c>
      <c r="I1483" s="5" t="s">
        <v>1518</v>
      </c>
      <c r="J1483" s="5" t="s">
        <v>1519</v>
      </c>
      <c r="K1483" s="2" t="s">
        <v>1520</v>
      </c>
      <c r="L1483" s="5" t="s">
        <v>1519</v>
      </c>
      <c r="M1483" s="2" t="s">
        <v>1520</v>
      </c>
      <c r="N1483" s="5" t="s">
        <v>1521</v>
      </c>
      <c r="O1483" s="5" t="s">
        <v>38</v>
      </c>
      <c r="P1483" s="5" t="s">
        <v>39</v>
      </c>
      <c r="Q1483" s="5" t="s">
        <v>40</v>
      </c>
      <c r="R1483" s="5" t="s">
        <v>1522</v>
      </c>
      <c r="S1483" s="5" t="s">
        <v>1523</v>
      </c>
      <c r="T1483" s="5" t="s">
        <v>42</v>
      </c>
      <c r="U1483" s="2">
        <v>2.6040000000000001</v>
      </c>
      <c r="V1483" s="2">
        <v>2.1339999999999999</v>
      </c>
      <c r="W1483" s="2">
        <v>1.4999999999999999E-2</v>
      </c>
      <c r="X1483" s="2">
        <v>118.9</v>
      </c>
      <c r="Y1483" s="2">
        <v>7.6</v>
      </c>
      <c r="Z1483" s="2">
        <v>16.7</v>
      </c>
      <c r="AA1483" s="5"/>
      <c r="AB1483" s="5" t="s">
        <v>43</v>
      </c>
      <c r="AC1483" s="5" t="s">
        <v>44</v>
      </c>
      <c r="AD1483" s="2"/>
      <c r="AE1483" s="1"/>
    </row>
    <row r="1484" spans="1:31" ht="14.45">
      <c r="A1484" s="11"/>
      <c r="B1484" s="20"/>
      <c r="C1484" s="2" t="s">
        <v>4873</v>
      </c>
      <c r="D1484" s="14" t="s">
        <v>4874</v>
      </c>
      <c r="E1484" s="2" t="s">
        <v>4875</v>
      </c>
      <c r="F1484" s="2" t="s">
        <v>1695</v>
      </c>
      <c r="G1484" s="8">
        <v>185</v>
      </c>
      <c r="H1484" s="5">
        <v>6</v>
      </c>
      <c r="I1484" s="5" t="s">
        <v>1518</v>
      </c>
      <c r="J1484" s="5" t="s">
        <v>1519</v>
      </c>
      <c r="K1484" s="2" t="s">
        <v>1520</v>
      </c>
      <c r="L1484" s="5" t="s">
        <v>1519</v>
      </c>
      <c r="M1484" s="2" t="s">
        <v>1520</v>
      </c>
      <c r="N1484" s="5" t="s">
        <v>1521</v>
      </c>
      <c r="O1484" s="5" t="s">
        <v>38</v>
      </c>
      <c r="P1484" s="5" t="s">
        <v>39</v>
      </c>
      <c r="Q1484" s="5" t="s">
        <v>40</v>
      </c>
      <c r="R1484" s="5" t="s">
        <v>1522</v>
      </c>
      <c r="S1484" s="5" t="s">
        <v>1523</v>
      </c>
      <c r="T1484" s="5" t="s">
        <v>42</v>
      </c>
      <c r="U1484" s="2">
        <v>2.78</v>
      </c>
      <c r="V1484" s="2">
        <v>2.234</v>
      </c>
      <c r="W1484" s="2">
        <v>1.7999999999999999E-2</v>
      </c>
      <c r="X1484" s="2">
        <v>139.1</v>
      </c>
      <c r="Y1484" s="2">
        <v>7.6</v>
      </c>
      <c r="Z1484" s="2">
        <v>16.7</v>
      </c>
      <c r="AA1484" s="5"/>
      <c r="AB1484" s="5" t="s">
        <v>43</v>
      </c>
      <c r="AC1484" s="5" t="s">
        <v>44</v>
      </c>
      <c r="AD1484" s="2"/>
      <c r="AE1484" s="1"/>
    </row>
    <row r="1485" spans="1:31" ht="14.45">
      <c r="A1485" s="11"/>
      <c r="B1485" s="20"/>
      <c r="C1485" s="2" t="s">
        <v>4876</v>
      </c>
      <c r="D1485" s="14" t="s">
        <v>4877</v>
      </c>
      <c r="E1485" s="2" t="s">
        <v>4878</v>
      </c>
      <c r="F1485" s="2" t="s">
        <v>1699</v>
      </c>
      <c r="G1485" s="8">
        <v>185</v>
      </c>
      <c r="H1485" s="5">
        <v>6</v>
      </c>
      <c r="I1485" s="5" t="s">
        <v>1518</v>
      </c>
      <c r="J1485" s="5" t="s">
        <v>1519</v>
      </c>
      <c r="K1485" s="2" t="s">
        <v>1520</v>
      </c>
      <c r="L1485" s="5" t="s">
        <v>1519</v>
      </c>
      <c r="M1485" s="2" t="s">
        <v>1520</v>
      </c>
      <c r="N1485" s="5" t="s">
        <v>1521</v>
      </c>
      <c r="O1485" s="5" t="s">
        <v>38</v>
      </c>
      <c r="P1485" s="5" t="s">
        <v>39</v>
      </c>
      <c r="Q1485" s="5" t="s">
        <v>40</v>
      </c>
      <c r="R1485" s="5" t="s">
        <v>1522</v>
      </c>
      <c r="S1485" s="5" t="s">
        <v>1523</v>
      </c>
      <c r="T1485" s="5" t="s">
        <v>42</v>
      </c>
      <c r="U1485" s="2">
        <v>2.8370000000000002</v>
      </c>
      <c r="V1485" s="2">
        <v>2.2909999999999999</v>
      </c>
      <c r="W1485" s="2">
        <v>1.7999999999999999E-2</v>
      </c>
      <c r="X1485" s="2">
        <v>139.1</v>
      </c>
      <c r="Y1485" s="2">
        <v>7.6</v>
      </c>
      <c r="Z1485" s="2">
        <v>16.7</v>
      </c>
      <c r="AA1485" s="5"/>
      <c r="AB1485" s="5" t="s">
        <v>43</v>
      </c>
      <c r="AC1485" s="5" t="s">
        <v>44</v>
      </c>
      <c r="AD1485" s="2"/>
      <c r="AE1485" s="1"/>
    </row>
    <row r="1486" spans="1:31" ht="14.45">
      <c r="A1486" s="11"/>
      <c r="B1486" s="20"/>
      <c r="C1486" s="2" t="s">
        <v>4879</v>
      </c>
      <c r="D1486" s="14" t="s">
        <v>4880</v>
      </c>
      <c r="E1486" s="2" t="s">
        <v>4881</v>
      </c>
      <c r="F1486" s="2" t="s">
        <v>1703</v>
      </c>
      <c r="G1486" s="8">
        <v>185</v>
      </c>
      <c r="H1486" s="5">
        <v>6</v>
      </c>
      <c r="I1486" s="5" t="s">
        <v>1518</v>
      </c>
      <c r="J1486" s="5" t="s">
        <v>1519</v>
      </c>
      <c r="K1486" s="2" t="s">
        <v>1520</v>
      </c>
      <c r="L1486" s="5" t="s">
        <v>1519</v>
      </c>
      <c r="M1486" s="2" t="s">
        <v>1520</v>
      </c>
      <c r="N1486" s="5" t="s">
        <v>1521</v>
      </c>
      <c r="O1486" s="5" t="s">
        <v>38</v>
      </c>
      <c r="P1486" s="5" t="s">
        <v>39</v>
      </c>
      <c r="Q1486" s="5" t="s">
        <v>40</v>
      </c>
      <c r="R1486" s="5" t="s">
        <v>1522</v>
      </c>
      <c r="S1486" s="5" t="s">
        <v>1523</v>
      </c>
      <c r="T1486" s="5" t="s">
        <v>42</v>
      </c>
      <c r="U1486" s="2">
        <v>2.7909999999999999</v>
      </c>
      <c r="V1486" s="2">
        <v>2.2450000000000001</v>
      </c>
      <c r="W1486" s="2">
        <v>1.7999999999999999E-2</v>
      </c>
      <c r="X1486" s="2">
        <v>139.1</v>
      </c>
      <c r="Y1486" s="2">
        <v>7.6</v>
      </c>
      <c r="Z1486" s="2">
        <v>16.7</v>
      </c>
      <c r="AA1486" s="5"/>
      <c r="AB1486" s="5" t="s">
        <v>43</v>
      </c>
      <c r="AC1486" s="5" t="s">
        <v>44</v>
      </c>
      <c r="AD1486" s="2"/>
      <c r="AE1486" s="1"/>
    </row>
    <row r="1487" spans="1:31" ht="14.45">
      <c r="A1487" s="11"/>
      <c r="B1487" s="20"/>
      <c r="C1487" s="2" t="s">
        <v>4882</v>
      </c>
      <c r="D1487" s="14" t="s">
        <v>4883</v>
      </c>
      <c r="E1487" s="2" t="s">
        <v>4884</v>
      </c>
      <c r="F1487" s="2" t="s">
        <v>1707</v>
      </c>
      <c r="G1487" s="8">
        <v>185</v>
      </c>
      <c r="H1487" s="5">
        <v>6</v>
      </c>
      <c r="I1487" s="5" t="s">
        <v>1518</v>
      </c>
      <c r="J1487" s="5" t="s">
        <v>1519</v>
      </c>
      <c r="K1487" s="2" t="s">
        <v>1520</v>
      </c>
      <c r="L1487" s="5" t="s">
        <v>1519</v>
      </c>
      <c r="M1487" s="2" t="s">
        <v>1520</v>
      </c>
      <c r="N1487" s="5" t="s">
        <v>1521</v>
      </c>
      <c r="O1487" s="5" t="s">
        <v>38</v>
      </c>
      <c r="P1487" s="5" t="s">
        <v>39</v>
      </c>
      <c r="Q1487" s="5" t="s">
        <v>40</v>
      </c>
      <c r="R1487" s="5" t="s">
        <v>1522</v>
      </c>
      <c r="S1487" s="5" t="s">
        <v>1523</v>
      </c>
      <c r="T1487" s="5" t="s">
        <v>42</v>
      </c>
      <c r="U1487" s="2">
        <v>2.8479999999999999</v>
      </c>
      <c r="V1487" s="2">
        <v>2.302</v>
      </c>
      <c r="W1487" s="2">
        <v>1.7999999999999999E-2</v>
      </c>
      <c r="X1487" s="2">
        <v>139.1</v>
      </c>
      <c r="Y1487" s="2">
        <v>7.6</v>
      </c>
      <c r="Z1487" s="2">
        <v>16.7</v>
      </c>
      <c r="AA1487" s="5"/>
      <c r="AB1487" s="5" t="s">
        <v>43</v>
      </c>
      <c r="AC1487" s="5" t="s">
        <v>44</v>
      </c>
      <c r="AD1487" s="2"/>
      <c r="AE1487" s="1"/>
    </row>
    <row r="1488" spans="1:31" ht="14.45">
      <c r="A1488" s="11"/>
      <c r="B1488" s="20"/>
      <c r="C1488" s="2" t="s">
        <v>4885</v>
      </c>
      <c r="D1488" s="14" t="s">
        <v>4886</v>
      </c>
      <c r="E1488" s="2" t="s">
        <v>4887</v>
      </c>
      <c r="F1488" s="2" t="s">
        <v>1711</v>
      </c>
      <c r="G1488" s="8">
        <v>185</v>
      </c>
      <c r="H1488" s="5">
        <v>6</v>
      </c>
      <c r="I1488" s="5" t="s">
        <v>1518</v>
      </c>
      <c r="J1488" s="5" t="s">
        <v>1519</v>
      </c>
      <c r="K1488" s="2" t="s">
        <v>1520</v>
      </c>
      <c r="L1488" s="5" t="s">
        <v>1519</v>
      </c>
      <c r="M1488" s="2" t="s">
        <v>1520</v>
      </c>
      <c r="N1488" s="5" t="s">
        <v>1521</v>
      </c>
      <c r="O1488" s="5" t="s">
        <v>38</v>
      </c>
      <c r="P1488" s="5" t="s">
        <v>39</v>
      </c>
      <c r="Q1488" s="5" t="s">
        <v>40</v>
      </c>
      <c r="R1488" s="5" t="s">
        <v>1522</v>
      </c>
      <c r="S1488" s="5" t="s">
        <v>1523</v>
      </c>
      <c r="T1488" s="5" t="s">
        <v>42</v>
      </c>
      <c r="U1488" s="2">
        <v>2.7909999999999999</v>
      </c>
      <c r="V1488" s="2">
        <v>2.2450000000000001</v>
      </c>
      <c r="W1488" s="2">
        <v>1.7999999999999999E-2</v>
      </c>
      <c r="X1488" s="2">
        <v>139.1</v>
      </c>
      <c r="Y1488" s="2">
        <v>7.6</v>
      </c>
      <c r="Z1488" s="2">
        <v>16.7</v>
      </c>
      <c r="AA1488" s="5"/>
      <c r="AB1488" s="5" t="s">
        <v>43</v>
      </c>
      <c r="AC1488" s="5" t="s">
        <v>44</v>
      </c>
      <c r="AD1488" s="2"/>
      <c r="AE1488" s="1"/>
    </row>
    <row r="1489" spans="1:31" ht="14.45">
      <c r="A1489" s="11"/>
      <c r="B1489" s="20"/>
      <c r="C1489" s="2" t="s">
        <v>4888</v>
      </c>
      <c r="D1489" s="14" t="s">
        <v>4889</v>
      </c>
      <c r="E1489" s="2" t="s">
        <v>4890</v>
      </c>
      <c r="F1489" s="2" t="s">
        <v>1715</v>
      </c>
      <c r="G1489" s="8">
        <v>185</v>
      </c>
      <c r="H1489" s="5">
        <v>6</v>
      </c>
      <c r="I1489" s="5" t="s">
        <v>1518</v>
      </c>
      <c r="J1489" s="5" t="s">
        <v>1519</v>
      </c>
      <c r="K1489" s="2" t="s">
        <v>1520</v>
      </c>
      <c r="L1489" s="5" t="s">
        <v>1519</v>
      </c>
      <c r="M1489" s="2" t="s">
        <v>1520</v>
      </c>
      <c r="N1489" s="5" t="s">
        <v>1521</v>
      </c>
      <c r="O1489" s="5" t="s">
        <v>38</v>
      </c>
      <c r="P1489" s="5" t="s">
        <v>39</v>
      </c>
      <c r="Q1489" s="5" t="s">
        <v>40</v>
      </c>
      <c r="R1489" s="5" t="s">
        <v>1522</v>
      </c>
      <c r="S1489" s="5" t="s">
        <v>1523</v>
      </c>
      <c r="T1489" s="5" t="s">
        <v>42</v>
      </c>
      <c r="U1489" s="2">
        <v>2.8479999999999999</v>
      </c>
      <c r="V1489" s="2">
        <v>2.302</v>
      </c>
      <c r="W1489" s="2">
        <v>1.7999999999999999E-2</v>
      </c>
      <c r="X1489" s="2">
        <v>139.1</v>
      </c>
      <c r="Y1489" s="2">
        <v>7.6</v>
      </c>
      <c r="Z1489" s="2">
        <v>16.7</v>
      </c>
      <c r="AA1489" s="5"/>
      <c r="AB1489" s="5" t="s">
        <v>43</v>
      </c>
      <c r="AC1489" s="5" t="s">
        <v>44</v>
      </c>
      <c r="AD1489" s="2"/>
      <c r="AE1489" s="1"/>
    </row>
    <row r="1490" spans="1:31" ht="14.45">
      <c r="A1490" s="11"/>
      <c r="B1490" s="20"/>
      <c r="C1490" s="2" t="s">
        <v>4891</v>
      </c>
      <c r="D1490" s="14" t="s">
        <v>4892</v>
      </c>
      <c r="E1490" s="2" t="s">
        <v>4893</v>
      </c>
      <c r="F1490" s="2" t="s">
        <v>1719</v>
      </c>
      <c r="G1490" s="8">
        <v>185</v>
      </c>
      <c r="H1490" s="5">
        <v>6</v>
      </c>
      <c r="I1490" s="5" t="s">
        <v>1518</v>
      </c>
      <c r="J1490" s="5" t="s">
        <v>1519</v>
      </c>
      <c r="K1490" s="2" t="s">
        <v>1520</v>
      </c>
      <c r="L1490" s="5" t="s">
        <v>1519</v>
      </c>
      <c r="M1490" s="2" t="s">
        <v>1520</v>
      </c>
      <c r="N1490" s="5" t="s">
        <v>1521</v>
      </c>
      <c r="O1490" s="5" t="s">
        <v>38</v>
      </c>
      <c r="P1490" s="5" t="s">
        <v>39</v>
      </c>
      <c r="Q1490" s="5" t="s">
        <v>40</v>
      </c>
      <c r="R1490" s="5" t="s">
        <v>1522</v>
      </c>
      <c r="S1490" s="5" t="s">
        <v>1523</v>
      </c>
      <c r="T1490" s="5" t="s">
        <v>42</v>
      </c>
      <c r="U1490" s="2">
        <v>2.758</v>
      </c>
      <c r="V1490" s="2">
        <v>2.2120000000000002</v>
      </c>
      <c r="W1490" s="2">
        <v>1.7999999999999999E-2</v>
      </c>
      <c r="X1490" s="2">
        <v>139.1</v>
      </c>
      <c r="Y1490" s="2">
        <v>7.6</v>
      </c>
      <c r="Z1490" s="2">
        <v>16.7</v>
      </c>
      <c r="AA1490" s="5"/>
      <c r="AB1490" s="5" t="s">
        <v>43</v>
      </c>
      <c r="AC1490" s="5" t="s">
        <v>44</v>
      </c>
      <c r="AD1490" s="2"/>
      <c r="AE1490" s="1"/>
    </row>
    <row r="1491" spans="1:31" ht="14.45">
      <c r="A1491" s="11"/>
      <c r="B1491" s="20"/>
      <c r="C1491" s="2" t="s">
        <v>4894</v>
      </c>
      <c r="D1491" s="14" t="s">
        <v>4895</v>
      </c>
      <c r="E1491" s="2" t="s">
        <v>4896</v>
      </c>
      <c r="F1491" s="2" t="s">
        <v>1723</v>
      </c>
      <c r="G1491" s="8">
        <v>185</v>
      </c>
      <c r="H1491" s="5">
        <v>6</v>
      </c>
      <c r="I1491" s="5" t="s">
        <v>1518</v>
      </c>
      <c r="J1491" s="5" t="s">
        <v>1519</v>
      </c>
      <c r="K1491" s="2" t="s">
        <v>1520</v>
      </c>
      <c r="L1491" s="5" t="s">
        <v>1519</v>
      </c>
      <c r="M1491" s="2" t="s">
        <v>1520</v>
      </c>
      <c r="N1491" s="5" t="s">
        <v>1521</v>
      </c>
      <c r="O1491" s="5" t="s">
        <v>38</v>
      </c>
      <c r="P1491" s="5" t="s">
        <v>39</v>
      </c>
      <c r="Q1491" s="5" t="s">
        <v>40</v>
      </c>
      <c r="R1491" s="5" t="s">
        <v>1522</v>
      </c>
      <c r="S1491" s="5" t="s">
        <v>1523</v>
      </c>
      <c r="T1491" s="5" t="s">
        <v>42</v>
      </c>
      <c r="U1491" s="2">
        <v>2.8149999999999999</v>
      </c>
      <c r="V1491" s="2">
        <v>2.2690000000000001</v>
      </c>
      <c r="W1491" s="2">
        <v>1.7999999999999999E-2</v>
      </c>
      <c r="X1491" s="2">
        <v>139.1</v>
      </c>
      <c r="Y1491" s="2">
        <v>7.6</v>
      </c>
      <c r="Z1491" s="2">
        <v>16.7</v>
      </c>
      <c r="AA1491" s="5"/>
      <c r="AB1491" s="5" t="s">
        <v>43</v>
      </c>
      <c r="AC1491" s="5" t="s">
        <v>44</v>
      </c>
      <c r="AD1491" s="2"/>
      <c r="AE1491" s="1"/>
    </row>
    <row r="1492" spans="1:31" ht="14.45">
      <c r="A1492" s="11"/>
      <c r="B1492" s="20"/>
      <c r="C1492" s="2" t="s">
        <v>4897</v>
      </c>
      <c r="D1492" s="14" t="s">
        <v>4898</v>
      </c>
      <c r="E1492" s="2" t="s">
        <v>4899</v>
      </c>
      <c r="F1492" s="2" t="s">
        <v>1727</v>
      </c>
      <c r="G1492" s="8">
        <v>213</v>
      </c>
      <c r="H1492" s="5">
        <v>6</v>
      </c>
      <c r="I1492" s="5" t="s">
        <v>1518</v>
      </c>
      <c r="J1492" s="5" t="s">
        <v>1519</v>
      </c>
      <c r="K1492" s="2" t="s">
        <v>1520</v>
      </c>
      <c r="L1492" s="5" t="s">
        <v>1519</v>
      </c>
      <c r="M1492" s="2" t="s">
        <v>1520</v>
      </c>
      <c r="N1492" s="5" t="s">
        <v>1521</v>
      </c>
      <c r="O1492" s="5" t="s">
        <v>38</v>
      </c>
      <c r="P1492" s="5" t="s">
        <v>39</v>
      </c>
      <c r="Q1492" s="5" t="s">
        <v>40</v>
      </c>
      <c r="R1492" s="5" t="s">
        <v>1522</v>
      </c>
      <c r="S1492" s="5" t="s">
        <v>1523</v>
      </c>
      <c r="T1492" s="5" t="s">
        <v>42</v>
      </c>
      <c r="U1492" s="2">
        <v>2.758</v>
      </c>
      <c r="V1492" s="2">
        <v>2.2120000000000002</v>
      </c>
      <c r="W1492" s="2">
        <v>1.7999999999999999E-2</v>
      </c>
      <c r="X1492" s="2">
        <v>139.1</v>
      </c>
      <c r="Y1492" s="2">
        <v>7.6</v>
      </c>
      <c r="Z1492" s="2">
        <v>16.7</v>
      </c>
      <c r="AA1492" s="5"/>
      <c r="AB1492" s="5" t="s">
        <v>43</v>
      </c>
      <c r="AC1492" s="5" t="s">
        <v>44</v>
      </c>
      <c r="AD1492" s="2"/>
      <c r="AE1492" s="1"/>
    </row>
    <row r="1493" spans="1:31" ht="14.45">
      <c r="A1493" s="11"/>
      <c r="B1493" s="20"/>
      <c r="C1493" s="2" t="s">
        <v>4900</v>
      </c>
      <c r="D1493" s="14" t="s">
        <v>4901</v>
      </c>
      <c r="E1493" s="2" t="s">
        <v>4902</v>
      </c>
      <c r="F1493" s="2" t="s">
        <v>1731</v>
      </c>
      <c r="G1493" s="8">
        <v>213</v>
      </c>
      <c r="H1493" s="5">
        <v>6</v>
      </c>
      <c r="I1493" s="5" t="s">
        <v>1518</v>
      </c>
      <c r="J1493" s="5" t="s">
        <v>1519</v>
      </c>
      <c r="K1493" s="2" t="s">
        <v>1520</v>
      </c>
      <c r="L1493" s="5" t="s">
        <v>1519</v>
      </c>
      <c r="M1493" s="2" t="s">
        <v>1520</v>
      </c>
      <c r="N1493" s="5" t="s">
        <v>1521</v>
      </c>
      <c r="O1493" s="5" t="s">
        <v>38</v>
      </c>
      <c r="P1493" s="5" t="s">
        <v>39</v>
      </c>
      <c r="Q1493" s="5" t="s">
        <v>40</v>
      </c>
      <c r="R1493" s="5" t="s">
        <v>1522</v>
      </c>
      <c r="S1493" s="5" t="s">
        <v>1523</v>
      </c>
      <c r="T1493" s="5" t="s">
        <v>42</v>
      </c>
      <c r="U1493" s="2">
        <v>2.8149999999999999</v>
      </c>
      <c r="V1493" s="2">
        <v>2.2690000000000001</v>
      </c>
      <c r="W1493" s="2">
        <v>1.7999999999999999E-2</v>
      </c>
      <c r="X1493" s="2">
        <v>139.1</v>
      </c>
      <c r="Y1493" s="2">
        <v>7.6</v>
      </c>
      <c r="Z1493" s="2">
        <v>16.7</v>
      </c>
      <c r="AA1493" s="5"/>
      <c r="AB1493" s="5" t="s">
        <v>43</v>
      </c>
      <c r="AC1493" s="5" t="s">
        <v>44</v>
      </c>
      <c r="AD1493" s="2"/>
      <c r="AE1493" s="1"/>
    </row>
    <row r="1494" spans="1:31" ht="14.45">
      <c r="A1494" s="11"/>
      <c r="B1494" s="20"/>
      <c r="C1494" s="2" t="s">
        <v>4903</v>
      </c>
      <c r="D1494" s="14" t="s">
        <v>4904</v>
      </c>
      <c r="E1494" s="2" t="s">
        <v>4905</v>
      </c>
      <c r="F1494" s="2" t="s">
        <v>1735</v>
      </c>
      <c r="G1494" s="8">
        <v>213</v>
      </c>
      <c r="H1494" s="5">
        <v>6</v>
      </c>
      <c r="I1494" s="5" t="s">
        <v>1518</v>
      </c>
      <c r="J1494" s="5" t="s">
        <v>1519</v>
      </c>
      <c r="K1494" s="2" t="s">
        <v>1520</v>
      </c>
      <c r="L1494" s="5" t="s">
        <v>1519</v>
      </c>
      <c r="M1494" s="2" t="s">
        <v>1520</v>
      </c>
      <c r="N1494" s="5" t="s">
        <v>1521</v>
      </c>
      <c r="O1494" s="5" t="s">
        <v>38</v>
      </c>
      <c r="P1494" s="5" t="s">
        <v>39</v>
      </c>
      <c r="Q1494" s="5" t="s">
        <v>40</v>
      </c>
      <c r="R1494" s="5" t="s">
        <v>1522</v>
      </c>
      <c r="S1494" s="5" t="s">
        <v>1523</v>
      </c>
      <c r="T1494" s="5" t="s">
        <v>42</v>
      </c>
      <c r="U1494" s="2">
        <v>2.7909999999999999</v>
      </c>
      <c r="V1494" s="2">
        <v>2.2450000000000001</v>
      </c>
      <c r="W1494" s="2">
        <v>1.7999999999999999E-2</v>
      </c>
      <c r="X1494" s="2">
        <v>139.1</v>
      </c>
      <c r="Y1494" s="2">
        <v>7.6</v>
      </c>
      <c r="Z1494" s="2">
        <v>16.7</v>
      </c>
      <c r="AA1494" s="5"/>
      <c r="AB1494" s="5" t="s">
        <v>43</v>
      </c>
      <c r="AC1494" s="5" t="s">
        <v>44</v>
      </c>
      <c r="AD1494" s="2"/>
      <c r="AE1494" s="1"/>
    </row>
    <row r="1495" spans="1:31" ht="14.45">
      <c r="A1495" s="11"/>
      <c r="B1495" s="20"/>
      <c r="C1495" s="2" t="s">
        <v>4906</v>
      </c>
      <c r="D1495" s="14" t="s">
        <v>4907</v>
      </c>
      <c r="E1495" s="2" t="s">
        <v>4908</v>
      </c>
      <c r="F1495" s="2" t="s">
        <v>1739</v>
      </c>
      <c r="G1495" s="8">
        <v>213</v>
      </c>
      <c r="H1495" s="5">
        <v>6</v>
      </c>
      <c r="I1495" s="5" t="s">
        <v>1518</v>
      </c>
      <c r="J1495" s="5" t="s">
        <v>1519</v>
      </c>
      <c r="K1495" s="2" t="s">
        <v>1520</v>
      </c>
      <c r="L1495" s="5" t="s">
        <v>1519</v>
      </c>
      <c r="M1495" s="2" t="s">
        <v>1520</v>
      </c>
      <c r="N1495" s="5" t="s">
        <v>1521</v>
      </c>
      <c r="O1495" s="5" t="s">
        <v>38</v>
      </c>
      <c r="P1495" s="5" t="s">
        <v>39</v>
      </c>
      <c r="Q1495" s="5" t="s">
        <v>40</v>
      </c>
      <c r="R1495" s="5" t="s">
        <v>1522</v>
      </c>
      <c r="S1495" s="5" t="s">
        <v>1523</v>
      </c>
      <c r="T1495" s="5" t="s">
        <v>42</v>
      </c>
      <c r="U1495" s="2">
        <v>2.8479999999999999</v>
      </c>
      <c r="V1495" s="2">
        <v>2.302</v>
      </c>
      <c r="W1495" s="2">
        <v>1.7999999999999999E-2</v>
      </c>
      <c r="X1495" s="2">
        <v>139.1</v>
      </c>
      <c r="Y1495" s="2">
        <v>7.6</v>
      </c>
      <c r="Z1495" s="2">
        <v>16.7</v>
      </c>
      <c r="AA1495" s="5"/>
      <c r="AB1495" s="5" t="s">
        <v>43</v>
      </c>
      <c r="AC1495" s="5" t="s">
        <v>44</v>
      </c>
      <c r="AD1495" s="2"/>
      <c r="AE1495" s="1"/>
    </row>
    <row r="1496" spans="1:31" ht="14.45">
      <c r="A1496" s="11"/>
      <c r="B1496" s="20"/>
      <c r="C1496" s="2" t="s">
        <v>4909</v>
      </c>
      <c r="D1496" s="14" t="s">
        <v>4910</v>
      </c>
      <c r="E1496" s="2" t="s">
        <v>4911</v>
      </c>
      <c r="F1496" s="2" t="s">
        <v>1743</v>
      </c>
      <c r="G1496" s="8">
        <v>213</v>
      </c>
      <c r="H1496" s="5">
        <v>6</v>
      </c>
      <c r="I1496" s="5" t="s">
        <v>1518</v>
      </c>
      <c r="J1496" s="5" t="s">
        <v>1519</v>
      </c>
      <c r="K1496" s="2" t="s">
        <v>1520</v>
      </c>
      <c r="L1496" s="5" t="s">
        <v>1519</v>
      </c>
      <c r="M1496" s="2" t="s">
        <v>1520</v>
      </c>
      <c r="N1496" s="5" t="s">
        <v>1521</v>
      </c>
      <c r="O1496" s="5" t="s">
        <v>38</v>
      </c>
      <c r="P1496" s="5" t="s">
        <v>39</v>
      </c>
      <c r="Q1496" s="5" t="s">
        <v>40</v>
      </c>
      <c r="R1496" s="5" t="s">
        <v>1522</v>
      </c>
      <c r="S1496" s="5" t="s">
        <v>1523</v>
      </c>
      <c r="T1496" s="5" t="s">
        <v>42</v>
      </c>
      <c r="U1496" s="2">
        <v>2.758</v>
      </c>
      <c r="V1496" s="2">
        <v>2.2120000000000002</v>
      </c>
      <c r="W1496" s="2">
        <v>1.7999999999999999E-2</v>
      </c>
      <c r="X1496" s="2">
        <v>139.1</v>
      </c>
      <c r="Y1496" s="2">
        <v>7.6</v>
      </c>
      <c r="Z1496" s="2">
        <v>16.7</v>
      </c>
      <c r="AA1496" s="5"/>
      <c r="AB1496" s="5" t="s">
        <v>43</v>
      </c>
      <c r="AC1496" s="5" t="s">
        <v>44</v>
      </c>
      <c r="AD1496" s="2"/>
      <c r="AE1496" s="1"/>
    </row>
    <row r="1497" spans="1:31" ht="14.45">
      <c r="A1497" s="11"/>
      <c r="B1497" s="20"/>
      <c r="C1497" s="2" t="s">
        <v>4912</v>
      </c>
      <c r="D1497" s="14" t="s">
        <v>4913</v>
      </c>
      <c r="E1497" s="2" t="s">
        <v>4914</v>
      </c>
      <c r="F1497" s="2" t="s">
        <v>1747</v>
      </c>
      <c r="G1497" s="8">
        <v>213</v>
      </c>
      <c r="H1497" s="5">
        <v>6</v>
      </c>
      <c r="I1497" s="5" t="s">
        <v>1518</v>
      </c>
      <c r="J1497" s="5" t="s">
        <v>1519</v>
      </c>
      <c r="K1497" s="2" t="s">
        <v>1520</v>
      </c>
      <c r="L1497" s="5" t="s">
        <v>1519</v>
      </c>
      <c r="M1497" s="2" t="s">
        <v>1520</v>
      </c>
      <c r="N1497" s="5" t="s">
        <v>1521</v>
      </c>
      <c r="O1497" s="5" t="s">
        <v>38</v>
      </c>
      <c r="P1497" s="5" t="s">
        <v>39</v>
      </c>
      <c r="Q1497" s="5" t="s">
        <v>40</v>
      </c>
      <c r="R1497" s="5" t="s">
        <v>1522</v>
      </c>
      <c r="S1497" s="5" t="s">
        <v>1523</v>
      </c>
      <c r="T1497" s="5" t="s">
        <v>42</v>
      </c>
      <c r="U1497" s="2">
        <v>2.8149999999999999</v>
      </c>
      <c r="V1497" s="2">
        <v>2.2690000000000001</v>
      </c>
      <c r="W1497" s="2">
        <v>1.7999999999999999E-2</v>
      </c>
      <c r="X1497" s="2">
        <v>139.1</v>
      </c>
      <c r="Y1497" s="2">
        <v>7.6</v>
      </c>
      <c r="Z1497" s="2">
        <v>16.7</v>
      </c>
      <c r="AA1497" s="5"/>
      <c r="AB1497" s="5" t="s">
        <v>43</v>
      </c>
      <c r="AC1497" s="5" t="s">
        <v>44</v>
      </c>
      <c r="AD1497" s="2"/>
      <c r="AE1497" s="1"/>
    </row>
    <row r="1498" spans="1:31" ht="14.45">
      <c r="A1498" s="11"/>
      <c r="B1498" s="20"/>
      <c r="C1498" s="2" t="s">
        <v>4915</v>
      </c>
      <c r="D1498" s="14" t="s">
        <v>4916</v>
      </c>
      <c r="E1498" s="2" t="s">
        <v>4917</v>
      </c>
      <c r="F1498" s="2" t="s">
        <v>1751</v>
      </c>
      <c r="G1498" s="8">
        <v>213</v>
      </c>
      <c r="H1498" s="5">
        <v>6</v>
      </c>
      <c r="I1498" s="5" t="s">
        <v>1518</v>
      </c>
      <c r="J1498" s="5" t="s">
        <v>1519</v>
      </c>
      <c r="K1498" s="2" t="s">
        <v>1520</v>
      </c>
      <c r="L1498" s="5" t="s">
        <v>1519</v>
      </c>
      <c r="M1498" s="2" t="s">
        <v>1520</v>
      </c>
      <c r="N1498" s="5" t="s">
        <v>1521</v>
      </c>
      <c r="O1498" s="5" t="s">
        <v>38</v>
      </c>
      <c r="P1498" s="5" t="s">
        <v>39</v>
      </c>
      <c r="Q1498" s="5" t="s">
        <v>40</v>
      </c>
      <c r="R1498" s="5" t="s">
        <v>1522</v>
      </c>
      <c r="S1498" s="5" t="s">
        <v>1523</v>
      </c>
      <c r="T1498" s="5" t="s">
        <v>42</v>
      </c>
      <c r="U1498" s="2">
        <v>2.758</v>
      </c>
      <c r="V1498" s="2">
        <v>2.2120000000000002</v>
      </c>
      <c r="W1498" s="2">
        <v>1.7999999999999999E-2</v>
      </c>
      <c r="X1498" s="2">
        <v>139.1</v>
      </c>
      <c r="Y1498" s="2">
        <v>7.6</v>
      </c>
      <c r="Z1498" s="2">
        <v>16.7</v>
      </c>
      <c r="AA1498" s="5"/>
      <c r="AB1498" s="5" t="s">
        <v>43</v>
      </c>
      <c r="AC1498" s="5" t="s">
        <v>44</v>
      </c>
      <c r="AD1498" s="2"/>
      <c r="AE1498" s="1"/>
    </row>
    <row r="1499" spans="1:31" ht="14.45">
      <c r="A1499" s="11"/>
      <c r="B1499" s="20"/>
      <c r="C1499" s="2" t="s">
        <v>4918</v>
      </c>
      <c r="D1499" s="14" t="s">
        <v>4919</v>
      </c>
      <c r="E1499" s="2" t="s">
        <v>4920</v>
      </c>
      <c r="F1499" s="2" t="s">
        <v>1755</v>
      </c>
      <c r="G1499" s="8">
        <v>213</v>
      </c>
      <c r="H1499" s="5">
        <v>6</v>
      </c>
      <c r="I1499" s="5" t="s">
        <v>1518</v>
      </c>
      <c r="J1499" s="5" t="s">
        <v>1519</v>
      </c>
      <c r="K1499" s="2" t="s">
        <v>1520</v>
      </c>
      <c r="L1499" s="5" t="s">
        <v>1519</v>
      </c>
      <c r="M1499" s="2" t="s">
        <v>1520</v>
      </c>
      <c r="N1499" s="5" t="s">
        <v>1521</v>
      </c>
      <c r="O1499" s="5" t="s">
        <v>38</v>
      </c>
      <c r="P1499" s="5" t="s">
        <v>39</v>
      </c>
      <c r="Q1499" s="5" t="s">
        <v>40</v>
      </c>
      <c r="R1499" s="5" t="s">
        <v>1522</v>
      </c>
      <c r="S1499" s="5" t="s">
        <v>1523</v>
      </c>
      <c r="T1499" s="5" t="s">
        <v>42</v>
      </c>
      <c r="U1499" s="2">
        <v>2.8149999999999999</v>
      </c>
      <c r="V1499" s="2">
        <v>2.2690000000000001</v>
      </c>
      <c r="W1499" s="2">
        <v>1.7999999999999999E-2</v>
      </c>
      <c r="X1499" s="2">
        <v>139.1</v>
      </c>
      <c r="Y1499" s="2">
        <v>7.6</v>
      </c>
      <c r="Z1499" s="2">
        <v>16.7</v>
      </c>
      <c r="AA1499" s="5"/>
      <c r="AB1499" s="5" t="s">
        <v>43</v>
      </c>
      <c r="AC1499" s="5" t="s">
        <v>44</v>
      </c>
      <c r="AD1499" s="2"/>
      <c r="AE1499" s="1"/>
    </row>
    <row r="1500" spans="1:31" ht="14.45">
      <c r="A1500" s="11"/>
      <c r="B1500" s="20"/>
      <c r="C1500" s="2" t="s">
        <v>4921</v>
      </c>
      <c r="D1500" s="14" t="s">
        <v>4922</v>
      </c>
      <c r="E1500" s="2" t="s">
        <v>4923</v>
      </c>
      <c r="F1500" s="2" t="s">
        <v>1759</v>
      </c>
      <c r="G1500" s="8">
        <v>213</v>
      </c>
      <c r="H1500" s="5">
        <v>6</v>
      </c>
      <c r="I1500" s="5" t="s">
        <v>1518</v>
      </c>
      <c r="J1500" s="5" t="s">
        <v>1519</v>
      </c>
      <c r="K1500" s="2" t="s">
        <v>1520</v>
      </c>
      <c r="L1500" s="5" t="s">
        <v>1519</v>
      </c>
      <c r="M1500" s="2" t="s">
        <v>1520</v>
      </c>
      <c r="N1500" s="5" t="s">
        <v>1521</v>
      </c>
      <c r="O1500" s="5" t="s">
        <v>38</v>
      </c>
      <c r="P1500" s="5" t="s">
        <v>39</v>
      </c>
      <c r="Q1500" s="5" t="s">
        <v>40</v>
      </c>
      <c r="R1500" s="5" t="s">
        <v>1522</v>
      </c>
      <c r="S1500" s="5" t="s">
        <v>1523</v>
      </c>
      <c r="T1500" s="5" t="s">
        <v>42</v>
      </c>
      <c r="U1500" s="2">
        <v>2.7909999999999999</v>
      </c>
      <c r="V1500" s="2">
        <v>2.2450000000000001</v>
      </c>
      <c r="W1500" s="2">
        <v>1.7999999999999999E-2</v>
      </c>
      <c r="X1500" s="2">
        <v>139.1</v>
      </c>
      <c r="Y1500" s="2">
        <v>7.6</v>
      </c>
      <c r="Z1500" s="2">
        <v>16.7</v>
      </c>
      <c r="AA1500" s="5"/>
      <c r="AB1500" s="5" t="s">
        <v>43</v>
      </c>
      <c r="AC1500" s="5" t="s">
        <v>44</v>
      </c>
      <c r="AD1500" s="2"/>
      <c r="AE1500" s="1"/>
    </row>
    <row r="1501" spans="1:31" ht="14.45">
      <c r="A1501" s="11"/>
      <c r="B1501" s="20"/>
      <c r="C1501" s="2" t="s">
        <v>4924</v>
      </c>
      <c r="D1501" s="14" t="s">
        <v>4925</v>
      </c>
      <c r="E1501" s="2" t="s">
        <v>4926</v>
      </c>
      <c r="F1501" s="2" t="s">
        <v>1763</v>
      </c>
      <c r="G1501" s="8">
        <v>213</v>
      </c>
      <c r="H1501" s="5">
        <v>6</v>
      </c>
      <c r="I1501" s="5" t="s">
        <v>1518</v>
      </c>
      <c r="J1501" s="5" t="s">
        <v>1519</v>
      </c>
      <c r="K1501" s="2" t="s">
        <v>1520</v>
      </c>
      <c r="L1501" s="5" t="s">
        <v>1519</v>
      </c>
      <c r="M1501" s="2" t="s">
        <v>1520</v>
      </c>
      <c r="N1501" s="5" t="s">
        <v>1521</v>
      </c>
      <c r="O1501" s="5" t="s">
        <v>38</v>
      </c>
      <c r="P1501" s="5" t="s">
        <v>39</v>
      </c>
      <c r="Q1501" s="5" t="s">
        <v>40</v>
      </c>
      <c r="R1501" s="5" t="s">
        <v>1522</v>
      </c>
      <c r="S1501" s="5" t="s">
        <v>1523</v>
      </c>
      <c r="T1501" s="5" t="s">
        <v>42</v>
      </c>
      <c r="U1501" s="2">
        <v>2.8479999999999999</v>
      </c>
      <c r="V1501" s="2">
        <v>2.302</v>
      </c>
      <c r="W1501" s="2">
        <v>1.7999999999999999E-2</v>
      </c>
      <c r="X1501" s="2">
        <v>139.1</v>
      </c>
      <c r="Y1501" s="2">
        <v>7.6</v>
      </c>
      <c r="Z1501" s="2">
        <v>16.7</v>
      </c>
      <c r="AA1501" s="5"/>
      <c r="AB1501" s="5" t="s">
        <v>43</v>
      </c>
      <c r="AC1501" s="5" t="s">
        <v>44</v>
      </c>
      <c r="AD1501" s="2"/>
      <c r="AE1501" s="1"/>
    </row>
    <row r="1502" spans="1:31" ht="14.45">
      <c r="A1502" s="11"/>
      <c r="B1502" s="20"/>
      <c r="C1502" s="2" t="s">
        <v>4927</v>
      </c>
      <c r="D1502" s="14" t="s">
        <v>4928</v>
      </c>
      <c r="E1502" s="2" t="s">
        <v>4929</v>
      </c>
      <c r="F1502" s="2" t="s">
        <v>1767</v>
      </c>
      <c r="G1502" s="8">
        <v>213</v>
      </c>
      <c r="H1502" s="5">
        <v>6</v>
      </c>
      <c r="I1502" s="5" t="s">
        <v>1518</v>
      </c>
      <c r="J1502" s="5" t="s">
        <v>1519</v>
      </c>
      <c r="K1502" s="2" t="s">
        <v>1520</v>
      </c>
      <c r="L1502" s="5" t="s">
        <v>1519</v>
      </c>
      <c r="M1502" s="2" t="s">
        <v>1520</v>
      </c>
      <c r="N1502" s="5" t="s">
        <v>1521</v>
      </c>
      <c r="O1502" s="5" t="s">
        <v>38</v>
      </c>
      <c r="P1502" s="5" t="s">
        <v>39</v>
      </c>
      <c r="Q1502" s="5" t="s">
        <v>40</v>
      </c>
      <c r="R1502" s="5" t="s">
        <v>1522</v>
      </c>
      <c r="S1502" s="5" t="s">
        <v>1523</v>
      </c>
      <c r="T1502" s="5" t="s">
        <v>42</v>
      </c>
      <c r="U1502" s="2">
        <v>2.7909999999999999</v>
      </c>
      <c r="V1502" s="2">
        <v>2.2450000000000001</v>
      </c>
      <c r="W1502" s="2">
        <v>1.7999999999999999E-2</v>
      </c>
      <c r="X1502" s="2">
        <v>139.1</v>
      </c>
      <c r="Y1502" s="2">
        <v>7.6</v>
      </c>
      <c r="Z1502" s="2">
        <v>16.7</v>
      </c>
      <c r="AA1502" s="5"/>
      <c r="AB1502" s="5" t="s">
        <v>43</v>
      </c>
      <c r="AC1502" s="5" t="s">
        <v>44</v>
      </c>
      <c r="AD1502" s="2"/>
      <c r="AE1502" s="1"/>
    </row>
    <row r="1503" spans="1:31" ht="14.45">
      <c r="A1503" s="11"/>
      <c r="B1503" s="20"/>
      <c r="C1503" s="2" t="s">
        <v>4930</v>
      </c>
      <c r="D1503" s="14" t="s">
        <v>4931</v>
      </c>
      <c r="E1503" s="2" t="s">
        <v>4932</v>
      </c>
      <c r="F1503" s="2" t="s">
        <v>1771</v>
      </c>
      <c r="G1503" s="8">
        <v>213</v>
      </c>
      <c r="H1503" s="5">
        <v>6</v>
      </c>
      <c r="I1503" s="5" t="s">
        <v>1518</v>
      </c>
      <c r="J1503" s="5" t="s">
        <v>1519</v>
      </c>
      <c r="K1503" s="2" t="s">
        <v>1520</v>
      </c>
      <c r="L1503" s="5" t="s">
        <v>1519</v>
      </c>
      <c r="M1503" s="2" t="s">
        <v>1520</v>
      </c>
      <c r="N1503" s="5" t="s">
        <v>1521</v>
      </c>
      <c r="O1503" s="5" t="s">
        <v>38</v>
      </c>
      <c r="P1503" s="5" t="s">
        <v>39</v>
      </c>
      <c r="Q1503" s="5" t="s">
        <v>40</v>
      </c>
      <c r="R1503" s="5" t="s">
        <v>1522</v>
      </c>
      <c r="S1503" s="5" t="s">
        <v>1523</v>
      </c>
      <c r="T1503" s="5" t="s">
        <v>42</v>
      </c>
      <c r="U1503" s="2">
        <v>2.8479999999999999</v>
      </c>
      <c r="V1503" s="2">
        <v>2.302</v>
      </c>
      <c r="W1503" s="2">
        <v>1.7999999999999999E-2</v>
      </c>
      <c r="X1503" s="2">
        <v>139.1</v>
      </c>
      <c r="Y1503" s="2">
        <v>7.6</v>
      </c>
      <c r="Z1503" s="2">
        <v>16.7</v>
      </c>
      <c r="AA1503" s="5"/>
      <c r="AB1503" s="5" t="s">
        <v>43</v>
      </c>
      <c r="AC1503" s="5" t="s">
        <v>44</v>
      </c>
      <c r="AD1503" s="2"/>
      <c r="AE1503" s="1"/>
    </row>
    <row r="1504" spans="1:31" ht="14.45">
      <c r="A1504" s="11"/>
      <c r="B1504" s="20"/>
      <c r="C1504" s="2" t="s">
        <v>4933</v>
      </c>
      <c r="D1504" s="14" t="s">
        <v>4934</v>
      </c>
      <c r="E1504" s="2" t="s">
        <v>4935</v>
      </c>
      <c r="F1504" s="2" t="s">
        <v>1775</v>
      </c>
      <c r="G1504" s="8">
        <v>213</v>
      </c>
      <c r="H1504" s="5">
        <v>6</v>
      </c>
      <c r="I1504" s="5" t="s">
        <v>1518</v>
      </c>
      <c r="J1504" s="5" t="s">
        <v>1519</v>
      </c>
      <c r="K1504" s="2" t="s">
        <v>1520</v>
      </c>
      <c r="L1504" s="5" t="s">
        <v>1519</v>
      </c>
      <c r="M1504" s="2" t="s">
        <v>1520</v>
      </c>
      <c r="N1504" s="5" t="s">
        <v>1521</v>
      </c>
      <c r="O1504" s="5" t="s">
        <v>38</v>
      </c>
      <c r="P1504" s="5" t="s">
        <v>39</v>
      </c>
      <c r="Q1504" s="5" t="s">
        <v>40</v>
      </c>
      <c r="R1504" s="5" t="s">
        <v>1522</v>
      </c>
      <c r="S1504" s="5" t="s">
        <v>1523</v>
      </c>
      <c r="T1504" s="5" t="s">
        <v>42</v>
      </c>
      <c r="U1504" s="2">
        <v>2.7909999999999999</v>
      </c>
      <c r="V1504" s="2">
        <v>2.2450000000000001</v>
      </c>
      <c r="W1504" s="2">
        <v>1.7999999999999999E-2</v>
      </c>
      <c r="X1504" s="2">
        <v>139.1</v>
      </c>
      <c r="Y1504" s="2">
        <v>7.6</v>
      </c>
      <c r="Z1504" s="2">
        <v>16.7</v>
      </c>
      <c r="AA1504" s="5"/>
      <c r="AB1504" s="5" t="s">
        <v>43</v>
      </c>
      <c r="AC1504" s="5" t="s">
        <v>44</v>
      </c>
      <c r="AD1504" s="2"/>
      <c r="AE1504" s="1"/>
    </row>
    <row r="1505" spans="1:31" ht="14.45">
      <c r="A1505" s="11"/>
      <c r="B1505" s="20"/>
      <c r="C1505" s="2" t="s">
        <v>4936</v>
      </c>
      <c r="D1505" s="14" t="s">
        <v>4937</v>
      </c>
      <c r="E1505" s="2" t="s">
        <v>4938</v>
      </c>
      <c r="F1505" s="2" t="s">
        <v>1779</v>
      </c>
      <c r="G1505" s="8">
        <v>213</v>
      </c>
      <c r="H1505" s="5">
        <v>6</v>
      </c>
      <c r="I1505" s="5" t="s">
        <v>1518</v>
      </c>
      <c r="J1505" s="5" t="s">
        <v>1519</v>
      </c>
      <c r="K1505" s="2" t="s">
        <v>1520</v>
      </c>
      <c r="L1505" s="5" t="s">
        <v>1519</v>
      </c>
      <c r="M1505" s="2" t="s">
        <v>1520</v>
      </c>
      <c r="N1505" s="5" t="s">
        <v>1521</v>
      </c>
      <c r="O1505" s="5" t="s">
        <v>38</v>
      </c>
      <c r="P1505" s="5" t="s">
        <v>39</v>
      </c>
      <c r="Q1505" s="5" t="s">
        <v>40</v>
      </c>
      <c r="R1505" s="5" t="s">
        <v>1522</v>
      </c>
      <c r="S1505" s="5" t="s">
        <v>1523</v>
      </c>
      <c r="T1505" s="5" t="s">
        <v>42</v>
      </c>
      <c r="U1505" s="2">
        <v>2.8479999999999999</v>
      </c>
      <c r="V1505" s="2">
        <v>2.302</v>
      </c>
      <c r="W1505" s="2">
        <v>1.7999999999999999E-2</v>
      </c>
      <c r="X1505" s="2">
        <v>139.1</v>
      </c>
      <c r="Y1505" s="2">
        <v>7.6</v>
      </c>
      <c r="Z1505" s="2">
        <v>16.7</v>
      </c>
      <c r="AA1505" s="5"/>
      <c r="AB1505" s="5" t="s">
        <v>43</v>
      </c>
      <c r="AC1505" s="5" t="s">
        <v>44</v>
      </c>
      <c r="AD1505" s="2"/>
      <c r="AE1505" s="1"/>
    </row>
    <row r="1506" spans="1:31" ht="14.45">
      <c r="A1506" s="11"/>
      <c r="B1506" s="20"/>
      <c r="C1506" s="2" t="s">
        <v>4939</v>
      </c>
      <c r="D1506" s="14" t="s">
        <v>4940</v>
      </c>
      <c r="E1506" s="2" t="s">
        <v>4941</v>
      </c>
      <c r="F1506" s="2" t="s">
        <v>1783</v>
      </c>
      <c r="G1506" s="8">
        <v>213</v>
      </c>
      <c r="H1506" s="5">
        <v>6</v>
      </c>
      <c r="I1506" s="5" t="s">
        <v>1518</v>
      </c>
      <c r="J1506" s="5" t="s">
        <v>1519</v>
      </c>
      <c r="K1506" s="2" t="s">
        <v>1520</v>
      </c>
      <c r="L1506" s="5" t="s">
        <v>1519</v>
      </c>
      <c r="M1506" s="2" t="s">
        <v>1520</v>
      </c>
      <c r="N1506" s="5" t="s">
        <v>1521</v>
      </c>
      <c r="O1506" s="5" t="s">
        <v>38</v>
      </c>
      <c r="P1506" s="5" t="s">
        <v>39</v>
      </c>
      <c r="Q1506" s="5" t="s">
        <v>40</v>
      </c>
      <c r="R1506" s="5" t="s">
        <v>1522</v>
      </c>
      <c r="S1506" s="5" t="s">
        <v>1523</v>
      </c>
      <c r="T1506" s="5" t="s">
        <v>42</v>
      </c>
      <c r="U1506" s="2">
        <v>2.758</v>
      </c>
      <c r="V1506" s="2">
        <v>2.2120000000000002</v>
      </c>
      <c r="W1506" s="2">
        <v>1.7999999999999999E-2</v>
      </c>
      <c r="X1506" s="2">
        <v>139.1</v>
      </c>
      <c r="Y1506" s="2">
        <v>7.6</v>
      </c>
      <c r="Z1506" s="2">
        <v>16.7</v>
      </c>
      <c r="AA1506" s="5"/>
      <c r="AB1506" s="5" t="s">
        <v>43</v>
      </c>
      <c r="AC1506" s="5" t="s">
        <v>44</v>
      </c>
      <c r="AD1506" s="2"/>
      <c r="AE1506" s="1"/>
    </row>
    <row r="1507" spans="1:31" ht="14.45">
      <c r="A1507" s="11"/>
      <c r="B1507" s="20"/>
      <c r="C1507" s="2" t="s">
        <v>4942</v>
      </c>
      <c r="D1507" s="14" t="s">
        <v>4943</v>
      </c>
      <c r="E1507" s="2" t="s">
        <v>4944</v>
      </c>
      <c r="F1507" s="2" t="s">
        <v>1787</v>
      </c>
      <c r="G1507" s="8">
        <v>213</v>
      </c>
      <c r="H1507" s="5">
        <v>6</v>
      </c>
      <c r="I1507" s="5" t="s">
        <v>1518</v>
      </c>
      <c r="J1507" s="5" t="s">
        <v>1519</v>
      </c>
      <c r="K1507" s="2" t="s">
        <v>1520</v>
      </c>
      <c r="L1507" s="5" t="s">
        <v>1519</v>
      </c>
      <c r="M1507" s="2" t="s">
        <v>1520</v>
      </c>
      <c r="N1507" s="5" t="s">
        <v>1521</v>
      </c>
      <c r="O1507" s="5" t="s">
        <v>38</v>
      </c>
      <c r="P1507" s="5" t="s">
        <v>39</v>
      </c>
      <c r="Q1507" s="5" t="s">
        <v>40</v>
      </c>
      <c r="R1507" s="5" t="s">
        <v>1522</v>
      </c>
      <c r="S1507" s="5" t="s">
        <v>1523</v>
      </c>
      <c r="T1507" s="5" t="s">
        <v>42</v>
      </c>
      <c r="U1507" s="2">
        <v>2.8149999999999999</v>
      </c>
      <c r="V1507" s="2">
        <v>2.2690000000000001</v>
      </c>
      <c r="W1507" s="2">
        <v>1.7999999999999999E-2</v>
      </c>
      <c r="X1507" s="2">
        <v>139.1</v>
      </c>
      <c r="Y1507" s="2">
        <v>7.6</v>
      </c>
      <c r="Z1507" s="2">
        <v>16.7</v>
      </c>
      <c r="AA1507" s="5"/>
      <c r="AB1507" s="5" t="s">
        <v>43</v>
      </c>
      <c r="AC1507" s="5" t="s">
        <v>44</v>
      </c>
      <c r="AD1507" s="2"/>
      <c r="AE1507" s="1"/>
    </row>
    <row r="1508" spans="1:31" ht="14.45">
      <c r="A1508" s="11"/>
      <c r="B1508" s="20"/>
      <c r="C1508" s="2" t="s">
        <v>4945</v>
      </c>
      <c r="D1508" s="14" t="s">
        <v>4946</v>
      </c>
      <c r="E1508" s="2" t="s">
        <v>4947</v>
      </c>
      <c r="F1508" s="2" t="s">
        <v>1791</v>
      </c>
      <c r="G1508" s="8">
        <v>213</v>
      </c>
      <c r="H1508" s="5">
        <v>6</v>
      </c>
      <c r="I1508" s="5" t="s">
        <v>1518</v>
      </c>
      <c r="J1508" s="5" t="s">
        <v>1519</v>
      </c>
      <c r="K1508" s="2" t="s">
        <v>1520</v>
      </c>
      <c r="L1508" s="5" t="s">
        <v>1519</v>
      </c>
      <c r="M1508" s="2" t="s">
        <v>1520</v>
      </c>
      <c r="N1508" s="5" t="s">
        <v>1521</v>
      </c>
      <c r="O1508" s="5" t="s">
        <v>38</v>
      </c>
      <c r="P1508" s="5" t="s">
        <v>39</v>
      </c>
      <c r="Q1508" s="5" t="s">
        <v>40</v>
      </c>
      <c r="R1508" s="5" t="s">
        <v>1522</v>
      </c>
      <c r="S1508" s="5" t="s">
        <v>1523</v>
      </c>
      <c r="T1508" s="5" t="s">
        <v>42</v>
      </c>
      <c r="U1508" s="2">
        <v>2.7909999999999999</v>
      </c>
      <c r="V1508" s="2">
        <v>2.2450000000000001</v>
      </c>
      <c r="W1508" s="2">
        <v>1.7999999999999999E-2</v>
      </c>
      <c r="X1508" s="2">
        <v>139.1</v>
      </c>
      <c r="Y1508" s="2">
        <v>7.6</v>
      </c>
      <c r="Z1508" s="2">
        <v>16.7</v>
      </c>
      <c r="AA1508" s="5"/>
      <c r="AB1508" s="5" t="s">
        <v>43</v>
      </c>
      <c r="AC1508" s="5" t="s">
        <v>44</v>
      </c>
      <c r="AD1508" s="2"/>
      <c r="AE1508" s="1"/>
    </row>
    <row r="1509" spans="1:31" ht="14.45">
      <c r="A1509" s="11"/>
      <c r="B1509" s="20"/>
      <c r="C1509" s="2" t="s">
        <v>4948</v>
      </c>
      <c r="D1509" s="14" t="s">
        <v>4949</v>
      </c>
      <c r="E1509" s="2" t="s">
        <v>4950</v>
      </c>
      <c r="F1509" s="2" t="s">
        <v>1795</v>
      </c>
      <c r="G1509" s="8">
        <v>213</v>
      </c>
      <c r="H1509" s="5">
        <v>6</v>
      </c>
      <c r="I1509" s="5" t="s">
        <v>1518</v>
      </c>
      <c r="J1509" s="5" t="s">
        <v>1519</v>
      </c>
      <c r="K1509" s="2" t="s">
        <v>1520</v>
      </c>
      <c r="L1509" s="5" t="s">
        <v>1519</v>
      </c>
      <c r="M1509" s="2" t="s">
        <v>1520</v>
      </c>
      <c r="N1509" s="5" t="s">
        <v>1521</v>
      </c>
      <c r="O1509" s="5" t="s">
        <v>38</v>
      </c>
      <c r="P1509" s="5" t="s">
        <v>39</v>
      </c>
      <c r="Q1509" s="5" t="s">
        <v>40</v>
      </c>
      <c r="R1509" s="5" t="s">
        <v>1522</v>
      </c>
      <c r="S1509" s="5" t="s">
        <v>1523</v>
      </c>
      <c r="T1509" s="5" t="s">
        <v>42</v>
      </c>
      <c r="U1509" s="2">
        <v>2.8479999999999999</v>
      </c>
      <c r="V1509" s="2">
        <v>2.302</v>
      </c>
      <c r="W1509" s="2">
        <v>1.7999999999999999E-2</v>
      </c>
      <c r="X1509" s="2">
        <v>139.1</v>
      </c>
      <c r="Y1509" s="2">
        <v>7.6</v>
      </c>
      <c r="Z1509" s="2">
        <v>16.7</v>
      </c>
      <c r="AA1509" s="5"/>
      <c r="AB1509" s="5" t="s">
        <v>43</v>
      </c>
      <c r="AC1509" s="5" t="s">
        <v>44</v>
      </c>
      <c r="AD1509" s="2"/>
      <c r="AE1509" s="1"/>
    </row>
    <row r="1510" spans="1:31" ht="14.45">
      <c r="A1510" s="11"/>
      <c r="B1510" s="20"/>
      <c r="C1510" s="2" t="s">
        <v>4951</v>
      </c>
      <c r="D1510" s="14" t="s">
        <v>4952</v>
      </c>
      <c r="E1510" s="2" t="s">
        <v>4953</v>
      </c>
      <c r="F1510" s="2" t="s">
        <v>1799</v>
      </c>
      <c r="G1510" s="8">
        <v>213</v>
      </c>
      <c r="H1510" s="5">
        <v>6</v>
      </c>
      <c r="I1510" s="5" t="s">
        <v>1518</v>
      </c>
      <c r="J1510" s="5" t="s">
        <v>1519</v>
      </c>
      <c r="K1510" s="2" t="s">
        <v>1520</v>
      </c>
      <c r="L1510" s="5" t="s">
        <v>1519</v>
      </c>
      <c r="M1510" s="2" t="s">
        <v>1520</v>
      </c>
      <c r="N1510" s="5" t="s">
        <v>1521</v>
      </c>
      <c r="O1510" s="5" t="s">
        <v>38</v>
      </c>
      <c r="P1510" s="5" t="s">
        <v>39</v>
      </c>
      <c r="Q1510" s="5" t="s">
        <v>40</v>
      </c>
      <c r="R1510" s="5" t="s">
        <v>1522</v>
      </c>
      <c r="S1510" s="5" t="s">
        <v>1523</v>
      </c>
      <c r="T1510" s="5" t="s">
        <v>42</v>
      </c>
      <c r="U1510" s="2">
        <v>2.7909999999999999</v>
      </c>
      <c r="V1510" s="2">
        <v>2.2450000000000001</v>
      </c>
      <c r="W1510" s="2">
        <v>1.7999999999999999E-2</v>
      </c>
      <c r="X1510" s="2">
        <v>139.1</v>
      </c>
      <c r="Y1510" s="2">
        <v>7.6</v>
      </c>
      <c r="Z1510" s="2">
        <v>16.7</v>
      </c>
      <c r="AA1510" s="5"/>
      <c r="AB1510" s="5" t="s">
        <v>43</v>
      </c>
      <c r="AC1510" s="5" t="s">
        <v>44</v>
      </c>
      <c r="AD1510" s="2"/>
      <c r="AE1510" s="1"/>
    </row>
    <row r="1511" spans="1:31" ht="14.45">
      <c r="A1511" s="11"/>
      <c r="B1511" s="20"/>
      <c r="C1511" s="2" t="s">
        <v>4954</v>
      </c>
      <c r="D1511" s="14" t="s">
        <v>4955</v>
      </c>
      <c r="E1511" s="2" t="s">
        <v>4956</v>
      </c>
      <c r="F1511" s="2" t="s">
        <v>1803</v>
      </c>
      <c r="G1511" s="8">
        <v>213</v>
      </c>
      <c r="H1511" s="5">
        <v>6</v>
      </c>
      <c r="I1511" s="5" t="s">
        <v>1518</v>
      </c>
      <c r="J1511" s="5" t="s">
        <v>1519</v>
      </c>
      <c r="K1511" s="2" t="s">
        <v>1520</v>
      </c>
      <c r="L1511" s="5" t="s">
        <v>1519</v>
      </c>
      <c r="M1511" s="2" t="s">
        <v>1520</v>
      </c>
      <c r="N1511" s="5" t="s">
        <v>1521</v>
      </c>
      <c r="O1511" s="5" t="s">
        <v>38</v>
      </c>
      <c r="P1511" s="5" t="s">
        <v>39</v>
      </c>
      <c r="Q1511" s="5" t="s">
        <v>40</v>
      </c>
      <c r="R1511" s="5" t="s">
        <v>1522</v>
      </c>
      <c r="S1511" s="5" t="s">
        <v>1523</v>
      </c>
      <c r="T1511" s="5" t="s">
        <v>42</v>
      </c>
      <c r="U1511" s="2">
        <v>2.8479999999999999</v>
      </c>
      <c r="V1511" s="2">
        <v>2.302</v>
      </c>
      <c r="W1511" s="2">
        <v>1.7999999999999999E-2</v>
      </c>
      <c r="X1511" s="2">
        <v>139.1</v>
      </c>
      <c r="Y1511" s="2">
        <v>7.6</v>
      </c>
      <c r="Z1511" s="2">
        <v>16.7</v>
      </c>
      <c r="AA1511" s="5"/>
      <c r="AB1511" s="5" t="s">
        <v>43</v>
      </c>
      <c r="AC1511" s="5" t="s">
        <v>44</v>
      </c>
      <c r="AD1511" s="2"/>
      <c r="AE1511" s="1"/>
    </row>
    <row r="1512" spans="1:31" ht="14.45">
      <c r="A1512" s="11"/>
      <c r="B1512" s="20"/>
      <c r="C1512" s="2" t="s">
        <v>4957</v>
      </c>
      <c r="D1512" s="14" t="s">
        <v>4958</v>
      </c>
      <c r="E1512" s="2" t="s">
        <v>4959</v>
      </c>
      <c r="F1512" s="2" t="s">
        <v>1807</v>
      </c>
      <c r="G1512" s="8">
        <v>213</v>
      </c>
      <c r="H1512" s="5">
        <v>6</v>
      </c>
      <c r="I1512" s="5" t="s">
        <v>1518</v>
      </c>
      <c r="J1512" s="5" t="s">
        <v>1519</v>
      </c>
      <c r="K1512" s="2" t="s">
        <v>1520</v>
      </c>
      <c r="L1512" s="5" t="s">
        <v>1519</v>
      </c>
      <c r="M1512" s="2" t="s">
        <v>1520</v>
      </c>
      <c r="N1512" s="5" t="s">
        <v>1521</v>
      </c>
      <c r="O1512" s="5" t="s">
        <v>38</v>
      </c>
      <c r="P1512" s="5" t="s">
        <v>39</v>
      </c>
      <c r="Q1512" s="5" t="s">
        <v>40</v>
      </c>
      <c r="R1512" s="5" t="s">
        <v>1522</v>
      </c>
      <c r="S1512" s="5" t="s">
        <v>1523</v>
      </c>
      <c r="T1512" s="5" t="s">
        <v>42</v>
      </c>
      <c r="U1512" s="2">
        <v>2.7909999999999999</v>
      </c>
      <c r="V1512" s="2">
        <v>2.2450000000000001</v>
      </c>
      <c r="W1512" s="2">
        <v>1.7999999999999999E-2</v>
      </c>
      <c r="X1512" s="2">
        <v>139.1</v>
      </c>
      <c r="Y1512" s="2">
        <v>7.6</v>
      </c>
      <c r="Z1512" s="2">
        <v>16.7</v>
      </c>
      <c r="AA1512" s="5"/>
      <c r="AB1512" s="5" t="s">
        <v>43</v>
      </c>
      <c r="AC1512" s="5" t="s">
        <v>44</v>
      </c>
      <c r="AD1512" s="2"/>
      <c r="AE1512" s="1"/>
    </row>
    <row r="1513" spans="1:31" ht="14.45">
      <c r="A1513" s="11"/>
      <c r="B1513" s="20"/>
      <c r="C1513" s="2" t="s">
        <v>4960</v>
      </c>
      <c r="D1513" s="14" t="s">
        <v>4961</v>
      </c>
      <c r="E1513" s="2" t="s">
        <v>4962</v>
      </c>
      <c r="F1513" s="2" t="s">
        <v>1811</v>
      </c>
      <c r="G1513" s="8">
        <v>213</v>
      </c>
      <c r="H1513" s="5">
        <v>6</v>
      </c>
      <c r="I1513" s="5" t="s">
        <v>1518</v>
      </c>
      <c r="J1513" s="5" t="s">
        <v>1519</v>
      </c>
      <c r="K1513" s="2" t="s">
        <v>1520</v>
      </c>
      <c r="L1513" s="5" t="s">
        <v>1519</v>
      </c>
      <c r="M1513" s="2" t="s">
        <v>1520</v>
      </c>
      <c r="N1513" s="5" t="s">
        <v>1521</v>
      </c>
      <c r="O1513" s="5" t="s">
        <v>38</v>
      </c>
      <c r="P1513" s="5" t="s">
        <v>39</v>
      </c>
      <c r="Q1513" s="5" t="s">
        <v>40</v>
      </c>
      <c r="R1513" s="5" t="s">
        <v>1522</v>
      </c>
      <c r="S1513" s="5" t="s">
        <v>1523</v>
      </c>
      <c r="T1513" s="5" t="s">
        <v>42</v>
      </c>
      <c r="U1513" s="2">
        <v>2.8479999999999999</v>
      </c>
      <c r="V1513" s="2">
        <v>2.302</v>
      </c>
      <c r="W1513" s="2">
        <v>1.7999999999999999E-2</v>
      </c>
      <c r="X1513" s="2">
        <v>139.1</v>
      </c>
      <c r="Y1513" s="2">
        <v>7.6</v>
      </c>
      <c r="Z1513" s="2">
        <v>16.7</v>
      </c>
      <c r="AA1513" s="5"/>
      <c r="AB1513" s="5" t="s">
        <v>43</v>
      </c>
      <c r="AC1513" s="5" t="s">
        <v>44</v>
      </c>
      <c r="AD1513" s="2"/>
      <c r="AE1513" s="1"/>
    </row>
    <row r="1514" spans="1:31" ht="14.45">
      <c r="A1514" s="11"/>
      <c r="B1514" s="20"/>
      <c r="C1514" s="2" t="s">
        <v>4963</v>
      </c>
      <c r="D1514" s="14" t="s">
        <v>4964</v>
      </c>
      <c r="E1514" s="2" t="s">
        <v>4965</v>
      </c>
      <c r="F1514" s="2" t="s">
        <v>1815</v>
      </c>
      <c r="G1514" s="8">
        <v>213</v>
      </c>
      <c r="H1514" s="5">
        <v>6</v>
      </c>
      <c r="I1514" s="5" t="s">
        <v>1518</v>
      </c>
      <c r="J1514" s="5" t="s">
        <v>1519</v>
      </c>
      <c r="K1514" s="2" t="s">
        <v>1520</v>
      </c>
      <c r="L1514" s="5" t="s">
        <v>1519</v>
      </c>
      <c r="M1514" s="2" t="s">
        <v>1520</v>
      </c>
      <c r="N1514" s="5" t="s">
        <v>1521</v>
      </c>
      <c r="O1514" s="5" t="s">
        <v>38</v>
      </c>
      <c r="P1514" s="5" t="s">
        <v>39</v>
      </c>
      <c r="Q1514" s="5" t="s">
        <v>40</v>
      </c>
      <c r="R1514" s="5" t="s">
        <v>1522</v>
      </c>
      <c r="S1514" s="5" t="s">
        <v>1523</v>
      </c>
      <c r="T1514" s="5" t="s">
        <v>42</v>
      </c>
      <c r="U1514" s="2">
        <v>2.758</v>
      </c>
      <c r="V1514" s="2">
        <v>2.2120000000000002</v>
      </c>
      <c r="W1514" s="2">
        <v>1.7999999999999999E-2</v>
      </c>
      <c r="X1514" s="2">
        <v>139.1</v>
      </c>
      <c r="Y1514" s="2">
        <v>7.6</v>
      </c>
      <c r="Z1514" s="2">
        <v>16.7</v>
      </c>
      <c r="AA1514" s="5"/>
      <c r="AB1514" s="5" t="s">
        <v>43</v>
      </c>
      <c r="AC1514" s="5" t="s">
        <v>44</v>
      </c>
      <c r="AD1514" s="2"/>
      <c r="AE1514" s="1"/>
    </row>
    <row r="1515" spans="1:31" ht="14.45">
      <c r="A1515" s="11"/>
      <c r="B1515" s="20"/>
      <c r="C1515" s="2" t="s">
        <v>4966</v>
      </c>
      <c r="D1515" s="14" t="s">
        <v>4967</v>
      </c>
      <c r="E1515" s="2" t="s">
        <v>4968</v>
      </c>
      <c r="F1515" s="2" t="s">
        <v>1819</v>
      </c>
      <c r="G1515" s="8">
        <v>213</v>
      </c>
      <c r="H1515" s="5">
        <v>6</v>
      </c>
      <c r="I1515" s="5" t="s">
        <v>1518</v>
      </c>
      <c r="J1515" s="5" t="s">
        <v>1519</v>
      </c>
      <c r="K1515" s="2" t="s">
        <v>1520</v>
      </c>
      <c r="L1515" s="5" t="s">
        <v>1519</v>
      </c>
      <c r="M1515" s="2" t="s">
        <v>1520</v>
      </c>
      <c r="N1515" s="5" t="s">
        <v>1521</v>
      </c>
      <c r="O1515" s="5" t="s">
        <v>38</v>
      </c>
      <c r="P1515" s="5" t="s">
        <v>39</v>
      </c>
      <c r="Q1515" s="5" t="s">
        <v>40</v>
      </c>
      <c r="R1515" s="5" t="s">
        <v>1522</v>
      </c>
      <c r="S1515" s="5" t="s">
        <v>1523</v>
      </c>
      <c r="T1515" s="5" t="s">
        <v>42</v>
      </c>
      <c r="U1515" s="2">
        <v>2.8149999999999999</v>
      </c>
      <c r="V1515" s="2">
        <v>2.2690000000000001</v>
      </c>
      <c r="W1515" s="2">
        <v>1.7999999999999999E-2</v>
      </c>
      <c r="X1515" s="2">
        <v>139.1</v>
      </c>
      <c r="Y1515" s="2">
        <v>7.6</v>
      </c>
      <c r="Z1515" s="2">
        <v>16.7</v>
      </c>
      <c r="AA1515" s="5"/>
      <c r="AB1515" s="5" t="s">
        <v>43</v>
      </c>
      <c r="AC1515" s="5" t="s">
        <v>44</v>
      </c>
      <c r="AD1515" s="2"/>
      <c r="AE1515" s="1"/>
    </row>
    <row r="1516" spans="1:31" ht="14.45">
      <c r="A1516" s="11"/>
      <c r="B1516" s="20"/>
      <c r="C1516" s="2" t="s">
        <v>4969</v>
      </c>
      <c r="D1516" s="14" t="s">
        <v>4970</v>
      </c>
      <c r="E1516" s="2" t="s">
        <v>4971</v>
      </c>
      <c r="F1516" s="2" t="s">
        <v>1823</v>
      </c>
      <c r="G1516" s="8">
        <v>213</v>
      </c>
      <c r="H1516" s="5">
        <v>18</v>
      </c>
      <c r="I1516" s="5" t="s">
        <v>1518</v>
      </c>
      <c r="J1516" s="5" t="s">
        <v>1519</v>
      </c>
      <c r="K1516" s="2" t="s">
        <v>1520</v>
      </c>
      <c r="L1516" s="5" t="s">
        <v>1519</v>
      </c>
      <c r="M1516" s="2" t="s">
        <v>1520</v>
      </c>
      <c r="N1516" s="5" t="s">
        <v>1521</v>
      </c>
      <c r="O1516" s="5" t="s">
        <v>38</v>
      </c>
      <c r="P1516" s="5" t="s">
        <v>39</v>
      </c>
      <c r="Q1516" s="5" t="s">
        <v>40</v>
      </c>
      <c r="R1516" s="5" t="s">
        <v>1522</v>
      </c>
      <c r="S1516" s="5" t="s">
        <v>1523</v>
      </c>
      <c r="T1516" s="5" t="s">
        <v>42</v>
      </c>
      <c r="U1516" s="2">
        <v>2.8159999999999998</v>
      </c>
      <c r="V1516" s="2">
        <v>2.27</v>
      </c>
      <c r="W1516" s="2">
        <v>1.7999999999999999E-2</v>
      </c>
      <c r="X1516" s="2">
        <v>139.1</v>
      </c>
      <c r="Y1516" s="2">
        <v>7.6</v>
      </c>
      <c r="Z1516" s="2">
        <v>16.7</v>
      </c>
      <c r="AA1516" s="5"/>
      <c r="AB1516" s="5" t="s">
        <v>43</v>
      </c>
      <c r="AC1516" s="5" t="s">
        <v>44</v>
      </c>
      <c r="AD1516" s="2"/>
      <c r="AE1516" s="1"/>
    </row>
    <row r="1517" spans="1:31" ht="14.45">
      <c r="A1517" s="11"/>
      <c r="B1517" s="20"/>
      <c r="C1517" s="2" t="s">
        <v>4972</v>
      </c>
      <c r="D1517" s="14" t="s">
        <v>4973</v>
      </c>
      <c r="E1517" s="2" t="s">
        <v>4974</v>
      </c>
      <c r="F1517" s="2" t="s">
        <v>1827</v>
      </c>
      <c r="G1517" s="8">
        <v>213</v>
      </c>
      <c r="H1517" s="5">
        <v>18</v>
      </c>
      <c r="I1517" s="5" t="s">
        <v>1518</v>
      </c>
      <c r="J1517" s="5" t="s">
        <v>1519</v>
      </c>
      <c r="K1517" s="2" t="s">
        <v>1520</v>
      </c>
      <c r="L1517" s="5" t="s">
        <v>1519</v>
      </c>
      <c r="M1517" s="2" t="s">
        <v>1520</v>
      </c>
      <c r="N1517" s="5" t="s">
        <v>1521</v>
      </c>
      <c r="O1517" s="5" t="s">
        <v>38</v>
      </c>
      <c r="P1517" s="5" t="s">
        <v>39</v>
      </c>
      <c r="Q1517" s="5" t="s">
        <v>40</v>
      </c>
      <c r="R1517" s="5" t="s">
        <v>1522</v>
      </c>
      <c r="S1517" s="5" t="s">
        <v>1523</v>
      </c>
      <c r="T1517" s="5" t="s">
        <v>42</v>
      </c>
      <c r="U1517" s="2">
        <v>2.8730000000000002</v>
      </c>
      <c r="V1517" s="2">
        <v>2.327</v>
      </c>
      <c r="W1517" s="2">
        <v>1.7999999999999999E-2</v>
      </c>
      <c r="X1517" s="2">
        <v>139.1</v>
      </c>
      <c r="Y1517" s="2">
        <v>7.6</v>
      </c>
      <c r="Z1517" s="2">
        <v>16.7</v>
      </c>
      <c r="AA1517" s="5"/>
      <c r="AB1517" s="5" t="s">
        <v>43</v>
      </c>
      <c r="AC1517" s="5" t="s">
        <v>44</v>
      </c>
      <c r="AD1517" s="2"/>
      <c r="AE1517" s="1"/>
    </row>
    <row r="1518" spans="1:31" ht="14.45">
      <c r="A1518" s="11"/>
      <c r="B1518" s="20"/>
      <c r="C1518" s="2" t="s">
        <v>4975</v>
      </c>
      <c r="D1518" s="14" t="s">
        <v>4976</v>
      </c>
      <c r="E1518" s="2" t="s">
        <v>4977</v>
      </c>
      <c r="F1518" s="2" t="s">
        <v>2348</v>
      </c>
      <c r="G1518" s="8">
        <v>213</v>
      </c>
      <c r="H1518" s="5">
        <v>18</v>
      </c>
      <c r="I1518" s="5" t="s">
        <v>1518</v>
      </c>
      <c r="J1518" s="5" t="s">
        <v>1519</v>
      </c>
      <c r="K1518" s="2" t="s">
        <v>1520</v>
      </c>
      <c r="L1518" s="5" t="s">
        <v>1519</v>
      </c>
      <c r="M1518" s="2" t="s">
        <v>1520</v>
      </c>
      <c r="N1518" s="5" t="s">
        <v>1521</v>
      </c>
      <c r="O1518" s="5" t="s">
        <v>38</v>
      </c>
      <c r="P1518" s="5" t="s">
        <v>39</v>
      </c>
      <c r="Q1518" s="5" t="s">
        <v>40</v>
      </c>
      <c r="R1518" s="5" t="s">
        <v>1522</v>
      </c>
      <c r="S1518" s="5" t="s">
        <v>1523</v>
      </c>
      <c r="T1518" s="5" t="s">
        <v>42</v>
      </c>
      <c r="U1518" s="2">
        <v>2.895</v>
      </c>
      <c r="V1518" s="2">
        <v>2.3490000000000002</v>
      </c>
      <c r="W1518" s="2">
        <v>1.7999999999999999E-2</v>
      </c>
      <c r="X1518" s="2">
        <v>139.1</v>
      </c>
      <c r="Y1518" s="2">
        <v>7.6</v>
      </c>
      <c r="Z1518" s="2">
        <v>16.7</v>
      </c>
      <c r="AA1518" s="5"/>
      <c r="AB1518" s="5" t="s">
        <v>43</v>
      </c>
      <c r="AC1518" s="5" t="s">
        <v>44</v>
      </c>
      <c r="AD1518" s="2"/>
      <c r="AE1518" s="1"/>
    </row>
    <row r="1519" spans="1:31" ht="14.45">
      <c r="A1519" s="11"/>
      <c r="B1519" s="20"/>
      <c r="C1519" s="2" t="s">
        <v>4978</v>
      </c>
      <c r="D1519" s="14" t="s">
        <v>4979</v>
      </c>
      <c r="E1519" s="2" t="s">
        <v>4980</v>
      </c>
      <c r="F1519" s="2" t="s">
        <v>2204</v>
      </c>
      <c r="G1519" s="8">
        <v>213</v>
      </c>
      <c r="H1519" s="5">
        <v>18</v>
      </c>
      <c r="I1519" s="5" t="s">
        <v>1518</v>
      </c>
      <c r="J1519" s="5" t="s">
        <v>1519</v>
      </c>
      <c r="K1519" s="2" t="s">
        <v>1520</v>
      </c>
      <c r="L1519" s="5" t="s">
        <v>1519</v>
      </c>
      <c r="M1519" s="2" t="s">
        <v>1520</v>
      </c>
      <c r="N1519" s="5" t="s">
        <v>1521</v>
      </c>
      <c r="O1519" s="5" t="s">
        <v>38</v>
      </c>
      <c r="P1519" s="5" t="s">
        <v>39</v>
      </c>
      <c r="Q1519" s="5" t="s">
        <v>40</v>
      </c>
      <c r="R1519" s="5" t="s">
        <v>1522</v>
      </c>
      <c r="S1519" s="5" t="s">
        <v>1523</v>
      </c>
      <c r="T1519" s="5" t="s">
        <v>42</v>
      </c>
      <c r="U1519" s="2">
        <v>2.8380000000000001</v>
      </c>
      <c r="V1519" s="2">
        <v>2.2919999999999998</v>
      </c>
      <c r="W1519" s="2">
        <v>1.7999999999999999E-2</v>
      </c>
      <c r="X1519" s="2">
        <v>139.1</v>
      </c>
      <c r="Y1519" s="2">
        <v>7.6</v>
      </c>
      <c r="Z1519" s="2">
        <v>16.7</v>
      </c>
      <c r="AA1519" s="5"/>
      <c r="AB1519" s="5" t="s">
        <v>43</v>
      </c>
      <c r="AC1519" s="5" t="s">
        <v>44</v>
      </c>
      <c r="AD1519" s="2"/>
      <c r="AE1519" s="1"/>
    </row>
    <row r="1520" spans="1:31" ht="14.45">
      <c r="A1520" s="11"/>
      <c r="B1520" s="20"/>
      <c r="C1520" s="2" t="s">
        <v>4981</v>
      </c>
      <c r="D1520" s="14" t="s">
        <v>4982</v>
      </c>
      <c r="E1520" s="2" t="s">
        <v>4983</v>
      </c>
      <c r="F1520" s="2" t="s">
        <v>2208</v>
      </c>
      <c r="G1520" s="8">
        <v>213</v>
      </c>
      <c r="H1520" s="5">
        <v>18</v>
      </c>
      <c r="I1520" s="5" t="s">
        <v>1518</v>
      </c>
      <c r="J1520" s="5" t="s">
        <v>1519</v>
      </c>
      <c r="K1520" s="2" t="s">
        <v>1520</v>
      </c>
      <c r="L1520" s="5" t="s">
        <v>1519</v>
      </c>
      <c r="M1520" s="2" t="s">
        <v>1520</v>
      </c>
      <c r="N1520" s="5" t="s">
        <v>1521</v>
      </c>
      <c r="O1520" s="5" t="s">
        <v>38</v>
      </c>
      <c r="P1520" s="5" t="s">
        <v>39</v>
      </c>
      <c r="Q1520" s="5" t="s">
        <v>40</v>
      </c>
      <c r="R1520" s="5" t="s">
        <v>1522</v>
      </c>
      <c r="S1520" s="5" t="s">
        <v>1523</v>
      </c>
      <c r="T1520" s="5" t="s">
        <v>42</v>
      </c>
      <c r="U1520" s="2">
        <v>2.8380000000000001</v>
      </c>
      <c r="V1520" s="2">
        <v>2.2919999999999998</v>
      </c>
      <c r="W1520" s="2">
        <v>1.7999999999999999E-2</v>
      </c>
      <c r="X1520" s="2">
        <v>139.1</v>
      </c>
      <c r="Y1520" s="2">
        <v>7.6</v>
      </c>
      <c r="Z1520" s="2">
        <v>16.7</v>
      </c>
      <c r="AA1520" s="5"/>
      <c r="AB1520" s="5" t="s">
        <v>43</v>
      </c>
      <c r="AC1520" s="5" t="s">
        <v>44</v>
      </c>
      <c r="AD1520" s="2"/>
      <c r="AE1520" s="1"/>
    </row>
    <row r="1521" spans="1:31" ht="14.45">
      <c r="A1521" s="11"/>
      <c r="B1521" s="20"/>
      <c r="C1521" s="2" t="s">
        <v>4984</v>
      </c>
      <c r="D1521" s="14" t="s">
        <v>4985</v>
      </c>
      <c r="E1521" s="2" t="s">
        <v>4986</v>
      </c>
      <c r="F1521" s="2" t="s">
        <v>2212</v>
      </c>
      <c r="G1521" s="8">
        <v>213</v>
      </c>
      <c r="H1521" s="5">
        <v>18</v>
      </c>
      <c r="I1521" s="5" t="s">
        <v>1518</v>
      </c>
      <c r="J1521" s="5" t="s">
        <v>1519</v>
      </c>
      <c r="K1521" s="2" t="s">
        <v>1520</v>
      </c>
      <c r="L1521" s="5" t="s">
        <v>1519</v>
      </c>
      <c r="M1521" s="2" t="s">
        <v>1520</v>
      </c>
      <c r="N1521" s="5" t="s">
        <v>1521</v>
      </c>
      <c r="O1521" s="5" t="s">
        <v>38</v>
      </c>
      <c r="P1521" s="5" t="s">
        <v>39</v>
      </c>
      <c r="Q1521" s="5" t="s">
        <v>40</v>
      </c>
      <c r="R1521" s="5" t="s">
        <v>1522</v>
      </c>
      <c r="S1521" s="5" t="s">
        <v>1523</v>
      </c>
      <c r="T1521" s="5" t="s">
        <v>42</v>
      </c>
      <c r="U1521" s="2">
        <v>2.895</v>
      </c>
      <c r="V1521" s="2">
        <v>2.3490000000000002</v>
      </c>
      <c r="W1521" s="2">
        <v>1.7999999999999999E-2</v>
      </c>
      <c r="X1521" s="2">
        <v>139.1</v>
      </c>
      <c r="Y1521" s="2">
        <v>7.6</v>
      </c>
      <c r="Z1521" s="2">
        <v>16.7</v>
      </c>
      <c r="AA1521" s="5"/>
      <c r="AB1521" s="5" t="s">
        <v>43</v>
      </c>
      <c r="AC1521" s="5" t="s">
        <v>44</v>
      </c>
      <c r="AD1521" s="2"/>
      <c r="AE1521" s="1"/>
    </row>
    <row r="1522" spans="1:31" ht="14.45">
      <c r="A1522" s="11"/>
      <c r="B1522" s="20"/>
      <c r="C1522" s="2" t="s">
        <v>4987</v>
      </c>
      <c r="D1522" s="14" t="s">
        <v>4988</v>
      </c>
      <c r="E1522" s="2" t="s">
        <v>4989</v>
      </c>
      <c r="F1522" s="2" t="s">
        <v>1831</v>
      </c>
      <c r="G1522" s="8">
        <v>213</v>
      </c>
      <c r="H1522" s="5">
        <v>18</v>
      </c>
      <c r="I1522" s="5" t="s">
        <v>1518</v>
      </c>
      <c r="J1522" s="5" t="s">
        <v>1519</v>
      </c>
      <c r="K1522" s="2" t="s">
        <v>1520</v>
      </c>
      <c r="L1522" s="5" t="s">
        <v>1519</v>
      </c>
      <c r="M1522" s="2" t="s">
        <v>1520</v>
      </c>
      <c r="N1522" s="5" t="s">
        <v>1521</v>
      </c>
      <c r="O1522" s="5" t="s">
        <v>38</v>
      </c>
      <c r="P1522" s="5" t="s">
        <v>39</v>
      </c>
      <c r="Q1522" s="5" t="s">
        <v>40</v>
      </c>
      <c r="R1522" s="5" t="s">
        <v>1522</v>
      </c>
      <c r="S1522" s="5" t="s">
        <v>1523</v>
      </c>
      <c r="T1522" s="5" t="s">
        <v>42</v>
      </c>
      <c r="U1522" s="2">
        <v>2.8380000000000001</v>
      </c>
      <c r="V1522" s="2">
        <v>2.2919999999999998</v>
      </c>
      <c r="W1522" s="2">
        <v>1.7999999999999999E-2</v>
      </c>
      <c r="X1522" s="2">
        <v>139.1</v>
      </c>
      <c r="Y1522" s="2">
        <v>7.6</v>
      </c>
      <c r="Z1522" s="2">
        <v>16.7</v>
      </c>
      <c r="AA1522" s="5"/>
      <c r="AB1522" s="5" t="s">
        <v>43</v>
      </c>
      <c r="AC1522" s="5" t="s">
        <v>44</v>
      </c>
      <c r="AD1522" s="2"/>
      <c r="AE1522" s="1"/>
    </row>
    <row r="1523" spans="1:31" ht="14.45">
      <c r="A1523" s="11"/>
      <c r="B1523" s="20"/>
      <c r="C1523" s="2" t="s">
        <v>4990</v>
      </c>
      <c r="D1523" s="14" t="s">
        <v>4991</v>
      </c>
      <c r="E1523" s="2" t="s">
        <v>4992</v>
      </c>
      <c r="F1523" s="2" t="s">
        <v>1839</v>
      </c>
      <c r="G1523" s="8">
        <v>213</v>
      </c>
      <c r="H1523" s="5">
        <v>18</v>
      </c>
      <c r="I1523" s="5" t="s">
        <v>1518</v>
      </c>
      <c r="J1523" s="5" t="s">
        <v>1519</v>
      </c>
      <c r="K1523" s="2" t="s">
        <v>1520</v>
      </c>
      <c r="L1523" s="5" t="s">
        <v>1519</v>
      </c>
      <c r="M1523" s="2" t="s">
        <v>1520</v>
      </c>
      <c r="N1523" s="5" t="s">
        <v>1521</v>
      </c>
      <c r="O1523" s="5" t="s">
        <v>38</v>
      </c>
      <c r="P1523" s="5" t="s">
        <v>39</v>
      </c>
      <c r="Q1523" s="5" t="s">
        <v>40</v>
      </c>
      <c r="R1523" s="5" t="s">
        <v>1522</v>
      </c>
      <c r="S1523" s="5" t="s">
        <v>1523</v>
      </c>
      <c r="T1523" s="5" t="s">
        <v>42</v>
      </c>
      <c r="U1523" s="2">
        <v>2.8380000000000001</v>
      </c>
      <c r="V1523" s="2">
        <v>2.2919999999999998</v>
      </c>
      <c r="W1523" s="2">
        <v>1.7999999999999999E-2</v>
      </c>
      <c r="X1523" s="2">
        <v>139.1</v>
      </c>
      <c r="Y1523" s="2">
        <v>7.6</v>
      </c>
      <c r="Z1523" s="2">
        <v>16.7</v>
      </c>
      <c r="AA1523" s="5"/>
      <c r="AB1523" s="5" t="s">
        <v>43</v>
      </c>
      <c r="AC1523" s="5" t="s">
        <v>44</v>
      </c>
      <c r="AD1523" s="2"/>
      <c r="AE1523" s="1"/>
    </row>
    <row r="1524" spans="1:31" ht="14.45">
      <c r="A1524" s="11"/>
      <c r="B1524" s="20"/>
      <c r="C1524" s="2" t="s">
        <v>4993</v>
      </c>
      <c r="D1524" s="14" t="s">
        <v>4994</v>
      </c>
      <c r="E1524" s="2" t="s">
        <v>4995</v>
      </c>
      <c r="F1524" s="2" t="s">
        <v>1843</v>
      </c>
      <c r="G1524" s="8">
        <v>213</v>
      </c>
      <c r="H1524" s="5">
        <v>18</v>
      </c>
      <c r="I1524" s="5" t="s">
        <v>1518</v>
      </c>
      <c r="J1524" s="5" t="s">
        <v>1519</v>
      </c>
      <c r="K1524" s="2" t="s">
        <v>1520</v>
      </c>
      <c r="L1524" s="5" t="s">
        <v>1519</v>
      </c>
      <c r="M1524" s="2" t="s">
        <v>1520</v>
      </c>
      <c r="N1524" s="5" t="s">
        <v>1521</v>
      </c>
      <c r="O1524" s="5" t="s">
        <v>38</v>
      </c>
      <c r="P1524" s="5" t="s">
        <v>39</v>
      </c>
      <c r="Q1524" s="5" t="s">
        <v>40</v>
      </c>
      <c r="R1524" s="5" t="s">
        <v>1522</v>
      </c>
      <c r="S1524" s="5" t="s">
        <v>1523</v>
      </c>
      <c r="T1524" s="5" t="s">
        <v>42</v>
      </c>
      <c r="U1524" s="2">
        <v>2.8380000000000001</v>
      </c>
      <c r="V1524" s="2">
        <v>2.2919999999999998</v>
      </c>
      <c r="W1524" s="2">
        <v>1.7999999999999999E-2</v>
      </c>
      <c r="X1524" s="2">
        <v>139.1</v>
      </c>
      <c r="Y1524" s="2">
        <v>7.6</v>
      </c>
      <c r="Z1524" s="2">
        <v>16.7</v>
      </c>
      <c r="AA1524" s="5"/>
      <c r="AB1524" s="5" t="s">
        <v>43</v>
      </c>
      <c r="AC1524" s="5" t="s">
        <v>44</v>
      </c>
      <c r="AD1524" s="2"/>
      <c r="AE1524" s="1"/>
    </row>
    <row r="1525" spans="1:31" ht="14.45">
      <c r="A1525" s="11"/>
      <c r="B1525" s="20"/>
      <c r="C1525" s="2" t="s">
        <v>4996</v>
      </c>
      <c r="D1525" s="14" t="s">
        <v>4997</v>
      </c>
      <c r="E1525" s="2" t="s">
        <v>4998</v>
      </c>
      <c r="F1525" s="2" t="s">
        <v>1847</v>
      </c>
      <c r="G1525" s="8">
        <v>213</v>
      </c>
      <c r="H1525" s="5">
        <v>18</v>
      </c>
      <c r="I1525" s="5" t="s">
        <v>1518</v>
      </c>
      <c r="J1525" s="5" t="s">
        <v>1519</v>
      </c>
      <c r="K1525" s="2" t="s">
        <v>1520</v>
      </c>
      <c r="L1525" s="5" t="s">
        <v>1519</v>
      </c>
      <c r="M1525" s="2" t="s">
        <v>1520</v>
      </c>
      <c r="N1525" s="5" t="s">
        <v>1521</v>
      </c>
      <c r="O1525" s="5" t="s">
        <v>38</v>
      </c>
      <c r="P1525" s="5" t="s">
        <v>39</v>
      </c>
      <c r="Q1525" s="5" t="s">
        <v>40</v>
      </c>
      <c r="R1525" s="5" t="s">
        <v>1522</v>
      </c>
      <c r="S1525" s="5" t="s">
        <v>1523</v>
      </c>
      <c r="T1525" s="5" t="s">
        <v>42</v>
      </c>
      <c r="U1525" s="2">
        <v>2.895</v>
      </c>
      <c r="V1525" s="2">
        <v>2.3490000000000002</v>
      </c>
      <c r="W1525" s="2">
        <v>1.7999999999999999E-2</v>
      </c>
      <c r="X1525" s="2">
        <v>139.1</v>
      </c>
      <c r="Y1525" s="2">
        <v>7.6</v>
      </c>
      <c r="Z1525" s="2">
        <v>16.7</v>
      </c>
      <c r="AA1525" s="5"/>
      <c r="AB1525" s="5" t="s">
        <v>43</v>
      </c>
      <c r="AC1525" s="5" t="s">
        <v>44</v>
      </c>
      <c r="AD1525" s="2"/>
      <c r="AE1525" s="1"/>
    </row>
    <row r="1526" spans="1:31" ht="14.45">
      <c r="A1526" s="11"/>
      <c r="B1526" s="20"/>
      <c r="C1526" s="2" t="s">
        <v>4999</v>
      </c>
      <c r="D1526" s="14" t="s">
        <v>5000</v>
      </c>
      <c r="E1526" s="2" t="s">
        <v>5001</v>
      </c>
      <c r="F1526" s="2" t="s">
        <v>1851</v>
      </c>
      <c r="G1526" s="8">
        <v>213</v>
      </c>
      <c r="H1526" s="5">
        <v>18</v>
      </c>
      <c r="I1526" s="5" t="s">
        <v>1518</v>
      </c>
      <c r="J1526" s="5" t="s">
        <v>1519</v>
      </c>
      <c r="K1526" s="2" t="s">
        <v>1520</v>
      </c>
      <c r="L1526" s="5" t="s">
        <v>1519</v>
      </c>
      <c r="M1526" s="2" t="s">
        <v>1520</v>
      </c>
      <c r="N1526" s="5" t="s">
        <v>1521</v>
      </c>
      <c r="O1526" s="5" t="s">
        <v>38</v>
      </c>
      <c r="P1526" s="5" t="s">
        <v>39</v>
      </c>
      <c r="Q1526" s="5" t="s">
        <v>40</v>
      </c>
      <c r="R1526" s="5" t="s">
        <v>1522</v>
      </c>
      <c r="S1526" s="5" t="s">
        <v>1523</v>
      </c>
      <c r="T1526" s="5" t="s">
        <v>42</v>
      </c>
      <c r="U1526" s="2">
        <v>2.8380000000000001</v>
      </c>
      <c r="V1526" s="2">
        <v>2.2919999999999998</v>
      </c>
      <c r="W1526" s="2">
        <v>1.7999999999999999E-2</v>
      </c>
      <c r="X1526" s="2">
        <v>139.1</v>
      </c>
      <c r="Y1526" s="2">
        <v>7.6</v>
      </c>
      <c r="Z1526" s="2">
        <v>16.7</v>
      </c>
      <c r="AA1526" s="5"/>
      <c r="AB1526" s="5" t="s">
        <v>43</v>
      </c>
      <c r="AC1526" s="5" t="s">
        <v>44</v>
      </c>
      <c r="AD1526" s="2"/>
      <c r="AE1526" s="1"/>
    </row>
    <row r="1527" spans="1:31" ht="14.45">
      <c r="A1527" s="11"/>
      <c r="B1527" s="20"/>
      <c r="C1527" s="2" t="s">
        <v>5002</v>
      </c>
      <c r="D1527" s="14" t="s">
        <v>5003</v>
      </c>
      <c r="E1527" s="2" t="s">
        <v>5004</v>
      </c>
      <c r="F1527" s="2" t="s">
        <v>1999</v>
      </c>
      <c r="G1527" s="8">
        <v>213</v>
      </c>
      <c r="H1527" s="5">
        <v>18</v>
      </c>
      <c r="I1527" s="5" t="s">
        <v>1518</v>
      </c>
      <c r="J1527" s="5" t="s">
        <v>1519</v>
      </c>
      <c r="K1527" s="2" t="s">
        <v>1520</v>
      </c>
      <c r="L1527" s="5" t="s">
        <v>1519</v>
      </c>
      <c r="M1527" s="2" t="s">
        <v>1520</v>
      </c>
      <c r="N1527" s="5" t="s">
        <v>1521</v>
      </c>
      <c r="O1527" s="5" t="s">
        <v>38</v>
      </c>
      <c r="P1527" s="5" t="s">
        <v>39</v>
      </c>
      <c r="Q1527" s="5" t="s">
        <v>40</v>
      </c>
      <c r="R1527" s="5" t="s">
        <v>1522</v>
      </c>
      <c r="S1527" s="5" t="s">
        <v>1523</v>
      </c>
      <c r="T1527" s="5" t="s">
        <v>42</v>
      </c>
      <c r="U1527" s="2">
        <v>2.895</v>
      </c>
      <c r="V1527" s="2">
        <v>2.3490000000000002</v>
      </c>
      <c r="W1527" s="2">
        <v>1.7999999999999999E-2</v>
      </c>
      <c r="X1527" s="2">
        <v>139.1</v>
      </c>
      <c r="Y1527" s="2">
        <v>7.6</v>
      </c>
      <c r="Z1527" s="2">
        <v>16.7</v>
      </c>
      <c r="AA1527" s="5"/>
      <c r="AB1527" s="5" t="s">
        <v>43</v>
      </c>
      <c r="AC1527" s="5" t="s">
        <v>44</v>
      </c>
      <c r="AD1527" s="2"/>
      <c r="AE1527" s="1"/>
    </row>
    <row r="1528" spans="1:31" ht="14.45">
      <c r="A1528" s="11"/>
      <c r="B1528" s="20"/>
      <c r="C1528" s="2" t="s">
        <v>5005</v>
      </c>
      <c r="D1528" s="14" t="s">
        <v>5006</v>
      </c>
      <c r="E1528" s="2" t="s">
        <v>5007</v>
      </c>
      <c r="F1528" s="2" t="s">
        <v>1855</v>
      </c>
      <c r="G1528" s="8">
        <v>213</v>
      </c>
      <c r="H1528" s="5">
        <v>18</v>
      </c>
      <c r="I1528" s="5" t="s">
        <v>1518</v>
      </c>
      <c r="J1528" s="5" t="s">
        <v>1519</v>
      </c>
      <c r="K1528" s="2" t="s">
        <v>1520</v>
      </c>
      <c r="L1528" s="5" t="s">
        <v>1519</v>
      </c>
      <c r="M1528" s="2" t="s">
        <v>1520</v>
      </c>
      <c r="N1528" s="5" t="s">
        <v>1521</v>
      </c>
      <c r="O1528" s="5" t="s">
        <v>38</v>
      </c>
      <c r="P1528" s="5" t="s">
        <v>39</v>
      </c>
      <c r="Q1528" s="5" t="s">
        <v>40</v>
      </c>
      <c r="R1528" s="5" t="s">
        <v>1522</v>
      </c>
      <c r="S1528" s="5" t="s">
        <v>1523</v>
      </c>
      <c r="T1528" s="5" t="s">
        <v>42</v>
      </c>
      <c r="U1528" s="2">
        <v>2.8380000000000001</v>
      </c>
      <c r="V1528" s="2">
        <v>2.2919999999999998</v>
      </c>
      <c r="W1528" s="2">
        <v>1.7999999999999999E-2</v>
      </c>
      <c r="X1528" s="2">
        <v>139.1</v>
      </c>
      <c r="Y1528" s="2">
        <v>7.6</v>
      </c>
      <c r="Z1528" s="2">
        <v>16.7</v>
      </c>
      <c r="AA1528" s="5"/>
      <c r="AB1528" s="5" t="s">
        <v>43</v>
      </c>
      <c r="AC1528" s="5" t="s">
        <v>44</v>
      </c>
      <c r="AD1528" s="2"/>
      <c r="AE1528" s="1"/>
    </row>
    <row r="1529" spans="1:31" ht="14.45">
      <c r="A1529" s="11"/>
      <c r="B1529" s="20"/>
      <c r="C1529" s="2" t="s">
        <v>5008</v>
      </c>
      <c r="D1529" s="14" t="s">
        <v>5009</v>
      </c>
      <c r="E1529" s="2" t="s">
        <v>5010</v>
      </c>
      <c r="F1529" s="2" t="s">
        <v>1859</v>
      </c>
      <c r="G1529" s="8">
        <v>213</v>
      </c>
      <c r="H1529" s="5">
        <v>18</v>
      </c>
      <c r="I1529" s="5" t="s">
        <v>1518</v>
      </c>
      <c r="J1529" s="5" t="s">
        <v>1519</v>
      </c>
      <c r="K1529" s="2" t="s">
        <v>1520</v>
      </c>
      <c r="L1529" s="5" t="s">
        <v>1519</v>
      </c>
      <c r="M1529" s="2" t="s">
        <v>1520</v>
      </c>
      <c r="N1529" s="5" t="s">
        <v>1521</v>
      </c>
      <c r="O1529" s="5" t="s">
        <v>38</v>
      </c>
      <c r="P1529" s="5" t="s">
        <v>39</v>
      </c>
      <c r="Q1529" s="5" t="s">
        <v>40</v>
      </c>
      <c r="R1529" s="5" t="s">
        <v>1522</v>
      </c>
      <c r="S1529" s="5" t="s">
        <v>1523</v>
      </c>
      <c r="T1529" s="5" t="s">
        <v>42</v>
      </c>
      <c r="U1529" s="2">
        <v>2.895</v>
      </c>
      <c r="V1529" s="2">
        <v>2.3490000000000002</v>
      </c>
      <c r="W1529" s="2">
        <v>1.7999999999999999E-2</v>
      </c>
      <c r="X1529" s="2">
        <v>139.1</v>
      </c>
      <c r="Y1529" s="2">
        <v>7.6</v>
      </c>
      <c r="Z1529" s="2">
        <v>16.7</v>
      </c>
      <c r="AA1529" s="5"/>
      <c r="AB1529" s="5" t="s">
        <v>43</v>
      </c>
      <c r="AC1529" s="5" t="s">
        <v>44</v>
      </c>
      <c r="AD1529" s="2"/>
      <c r="AE1529" s="1"/>
    </row>
    <row r="1530" spans="1:31" ht="14.45">
      <c r="A1530" s="11"/>
      <c r="B1530" s="20"/>
      <c r="C1530" s="2" t="s">
        <v>5011</v>
      </c>
      <c r="D1530" s="14" t="s">
        <v>5012</v>
      </c>
      <c r="E1530" s="2" t="s">
        <v>5013</v>
      </c>
      <c r="F1530" s="2" t="s">
        <v>1863</v>
      </c>
      <c r="G1530" s="8">
        <v>213</v>
      </c>
      <c r="H1530" s="5">
        <v>21</v>
      </c>
      <c r="I1530" s="5" t="s">
        <v>1518</v>
      </c>
      <c r="J1530" s="5" t="s">
        <v>1519</v>
      </c>
      <c r="K1530" s="2" t="s">
        <v>1520</v>
      </c>
      <c r="L1530" s="5" t="s">
        <v>1519</v>
      </c>
      <c r="M1530" s="2" t="s">
        <v>1520</v>
      </c>
      <c r="N1530" s="5" t="s">
        <v>1521</v>
      </c>
      <c r="O1530" s="5" t="s">
        <v>38</v>
      </c>
      <c r="P1530" s="5" t="s">
        <v>39</v>
      </c>
      <c r="Q1530" s="5" t="s">
        <v>40</v>
      </c>
      <c r="R1530" s="5" t="s">
        <v>1522</v>
      </c>
      <c r="S1530" s="5" t="s">
        <v>1523</v>
      </c>
      <c r="T1530" s="5" t="s">
        <v>42</v>
      </c>
      <c r="U1530" s="2">
        <v>2.7629999999999999</v>
      </c>
      <c r="V1530" s="2">
        <v>2.2170000000000001</v>
      </c>
      <c r="W1530" s="2">
        <v>1.7999999999999999E-2</v>
      </c>
      <c r="X1530" s="2">
        <v>139.1</v>
      </c>
      <c r="Y1530" s="2">
        <v>7.6</v>
      </c>
      <c r="Z1530" s="2">
        <v>16.7</v>
      </c>
      <c r="AA1530" s="5"/>
      <c r="AB1530" s="5" t="s">
        <v>43</v>
      </c>
      <c r="AC1530" s="5" t="s">
        <v>44</v>
      </c>
      <c r="AD1530" s="2"/>
      <c r="AE1530" s="1"/>
    </row>
    <row r="1531" spans="1:31" ht="14.45">
      <c r="A1531" s="11"/>
      <c r="B1531" s="20"/>
      <c r="C1531" s="2" t="s">
        <v>5014</v>
      </c>
      <c r="D1531" s="14" t="s">
        <v>5015</v>
      </c>
      <c r="E1531" s="2" t="s">
        <v>5016</v>
      </c>
      <c r="F1531" s="2" t="s">
        <v>1867</v>
      </c>
      <c r="G1531" s="8">
        <v>213</v>
      </c>
      <c r="H1531" s="5">
        <v>21</v>
      </c>
      <c r="I1531" s="5" t="s">
        <v>1518</v>
      </c>
      <c r="J1531" s="5" t="s">
        <v>1519</v>
      </c>
      <c r="K1531" s="2" t="s">
        <v>1520</v>
      </c>
      <c r="L1531" s="5" t="s">
        <v>1519</v>
      </c>
      <c r="M1531" s="2" t="s">
        <v>1520</v>
      </c>
      <c r="N1531" s="5" t="s">
        <v>1521</v>
      </c>
      <c r="O1531" s="5" t="s">
        <v>38</v>
      </c>
      <c r="P1531" s="5" t="s">
        <v>39</v>
      </c>
      <c r="Q1531" s="5" t="s">
        <v>40</v>
      </c>
      <c r="R1531" s="5" t="s">
        <v>1522</v>
      </c>
      <c r="S1531" s="5" t="s">
        <v>1523</v>
      </c>
      <c r="T1531" s="5" t="s">
        <v>42</v>
      </c>
      <c r="U1531" s="2">
        <v>2.82</v>
      </c>
      <c r="V1531" s="2">
        <v>2.274</v>
      </c>
      <c r="W1531" s="2">
        <v>1.7999999999999999E-2</v>
      </c>
      <c r="X1531" s="2">
        <v>139.1</v>
      </c>
      <c r="Y1531" s="2">
        <v>7.6</v>
      </c>
      <c r="Z1531" s="2">
        <v>16.7</v>
      </c>
      <c r="AA1531" s="5"/>
      <c r="AB1531" s="5" t="s">
        <v>43</v>
      </c>
      <c r="AC1531" s="5" t="s">
        <v>44</v>
      </c>
      <c r="AD1531" s="2"/>
      <c r="AE1531" s="1"/>
    </row>
    <row r="1532" spans="1:31" ht="14.45">
      <c r="A1532" s="11"/>
      <c r="B1532" s="20"/>
      <c r="C1532" s="2" t="s">
        <v>5017</v>
      </c>
      <c r="D1532" s="14" t="s">
        <v>5018</v>
      </c>
      <c r="E1532" s="2" t="s">
        <v>5019</v>
      </c>
      <c r="F1532" s="2" t="s">
        <v>1695</v>
      </c>
      <c r="G1532" s="8">
        <v>159</v>
      </c>
      <c r="H1532" s="5">
        <v>6</v>
      </c>
      <c r="I1532" s="5" t="s">
        <v>1518</v>
      </c>
      <c r="J1532" s="5" t="s">
        <v>1519</v>
      </c>
      <c r="K1532" s="2" t="s">
        <v>1520</v>
      </c>
      <c r="L1532" s="5" t="s">
        <v>1519</v>
      </c>
      <c r="M1532" s="2" t="s">
        <v>1520</v>
      </c>
      <c r="N1532" s="5" t="s">
        <v>1521</v>
      </c>
      <c r="O1532" s="5" t="s">
        <v>38</v>
      </c>
      <c r="P1532" s="5" t="s">
        <v>39</v>
      </c>
      <c r="Q1532" s="5" t="s">
        <v>40</v>
      </c>
      <c r="R1532" s="5" t="s">
        <v>1522</v>
      </c>
      <c r="S1532" s="5" t="s">
        <v>1523</v>
      </c>
      <c r="T1532" s="5" t="s">
        <v>42</v>
      </c>
      <c r="U1532" s="2">
        <v>2.4550000000000001</v>
      </c>
      <c r="V1532" s="2">
        <v>1.9790000000000001</v>
      </c>
      <c r="W1532" s="2">
        <v>1.4999999999999999E-2</v>
      </c>
      <c r="X1532" s="2">
        <v>118.9</v>
      </c>
      <c r="Y1532" s="2">
        <v>7.6</v>
      </c>
      <c r="Z1532" s="2">
        <v>16.7</v>
      </c>
      <c r="AA1532" s="5"/>
      <c r="AB1532" s="5" t="s">
        <v>43</v>
      </c>
      <c r="AC1532" s="5" t="s">
        <v>44</v>
      </c>
      <c r="AD1532" s="2"/>
      <c r="AE1532" s="1"/>
    </row>
    <row r="1533" spans="1:31" ht="14.45">
      <c r="A1533" s="11"/>
      <c r="B1533" s="20"/>
      <c r="C1533" s="2" t="s">
        <v>5020</v>
      </c>
      <c r="D1533" s="14" t="s">
        <v>5021</v>
      </c>
      <c r="E1533" s="2" t="s">
        <v>5022</v>
      </c>
      <c r="F1533" s="2" t="s">
        <v>1699</v>
      </c>
      <c r="G1533" s="8">
        <v>159</v>
      </c>
      <c r="H1533" s="5">
        <v>6</v>
      </c>
      <c r="I1533" s="5" t="s">
        <v>1518</v>
      </c>
      <c r="J1533" s="5" t="s">
        <v>1519</v>
      </c>
      <c r="K1533" s="2" t="s">
        <v>1520</v>
      </c>
      <c r="L1533" s="5" t="s">
        <v>1519</v>
      </c>
      <c r="M1533" s="2" t="s">
        <v>1520</v>
      </c>
      <c r="N1533" s="5" t="s">
        <v>1521</v>
      </c>
      <c r="O1533" s="5" t="s">
        <v>38</v>
      </c>
      <c r="P1533" s="5" t="s">
        <v>39</v>
      </c>
      <c r="Q1533" s="5" t="s">
        <v>40</v>
      </c>
      <c r="R1533" s="5" t="s">
        <v>1522</v>
      </c>
      <c r="S1533" s="5" t="s">
        <v>1523</v>
      </c>
      <c r="T1533" s="5" t="s">
        <v>42</v>
      </c>
      <c r="U1533" s="2">
        <v>2.504</v>
      </c>
      <c r="V1533" s="2">
        <v>2.028</v>
      </c>
      <c r="W1533" s="2">
        <v>1.4999999999999999E-2</v>
      </c>
      <c r="X1533" s="2">
        <v>118.9</v>
      </c>
      <c r="Y1533" s="2">
        <v>7.6</v>
      </c>
      <c r="Z1533" s="2">
        <v>16.7</v>
      </c>
      <c r="AA1533" s="5"/>
      <c r="AB1533" s="5" t="s">
        <v>43</v>
      </c>
      <c r="AC1533" s="5" t="s">
        <v>44</v>
      </c>
      <c r="AD1533" s="2"/>
      <c r="AE1533" s="1"/>
    </row>
    <row r="1534" spans="1:31" ht="14.45">
      <c r="A1534" s="11"/>
      <c r="B1534" s="20"/>
      <c r="C1534" s="2" t="s">
        <v>5023</v>
      </c>
      <c r="D1534" s="14" t="s">
        <v>5024</v>
      </c>
      <c r="E1534" s="2" t="s">
        <v>5025</v>
      </c>
      <c r="F1534" s="2" t="s">
        <v>1703</v>
      </c>
      <c r="G1534" s="8">
        <v>159</v>
      </c>
      <c r="H1534" s="5">
        <v>6</v>
      </c>
      <c r="I1534" s="5" t="s">
        <v>1518</v>
      </c>
      <c r="J1534" s="5" t="s">
        <v>1519</v>
      </c>
      <c r="K1534" s="2" t="s">
        <v>1520</v>
      </c>
      <c r="L1534" s="5" t="s">
        <v>1519</v>
      </c>
      <c r="M1534" s="2" t="s">
        <v>1520</v>
      </c>
      <c r="N1534" s="5" t="s">
        <v>1521</v>
      </c>
      <c r="O1534" s="5" t="s">
        <v>38</v>
      </c>
      <c r="P1534" s="5" t="s">
        <v>39</v>
      </c>
      <c r="Q1534" s="5" t="s">
        <v>40</v>
      </c>
      <c r="R1534" s="5" t="s">
        <v>1522</v>
      </c>
      <c r="S1534" s="5" t="s">
        <v>1523</v>
      </c>
      <c r="T1534" s="5" t="s">
        <v>42</v>
      </c>
      <c r="U1534" s="2">
        <v>2.4630000000000001</v>
      </c>
      <c r="V1534" s="2">
        <v>1.9870000000000001</v>
      </c>
      <c r="W1534" s="2">
        <v>1.4999999999999999E-2</v>
      </c>
      <c r="X1534" s="2">
        <v>118.9</v>
      </c>
      <c r="Y1534" s="2">
        <v>7.6</v>
      </c>
      <c r="Z1534" s="2">
        <v>16.7</v>
      </c>
      <c r="AA1534" s="5"/>
      <c r="AB1534" s="5" t="s">
        <v>43</v>
      </c>
      <c r="AC1534" s="5" t="s">
        <v>44</v>
      </c>
      <c r="AD1534" s="2"/>
      <c r="AE1534" s="1"/>
    </row>
    <row r="1535" spans="1:31" ht="14.45">
      <c r="A1535" s="11"/>
      <c r="B1535" s="20"/>
      <c r="C1535" s="2" t="s">
        <v>5026</v>
      </c>
      <c r="D1535" s="14" t="s">
        <v>5027</v>
      </c>
      <c r="E1535" s="2" t="s">
        <v>5028</v>
      </c>
      <c r="F1535" s="2" t="s">
        <v>1707</v>
      </c>
      <c r="G1535" s="8">
        <v>159</v>
      </c>
      <c r="H1535" s="5">
        <v>6</v>
      </c>
      <c r="I1535" s="5" t="s">
        <v>1518</v>
      </c>
      <c r="J1535" s="5" t="s">
        <v>1519</v>
      </c>
      <c r="K1535" s="2" t="s">
        <v>1520</v>
      </c>
      <c r="L1535" s="5" t="s">
        <v>1519</v>
      </c>
      <c r="M1535" s="2" t="s">
        <v>1520</v>
      </c>
      <c r="N1535" s="5" t="s">
        <v>1521</v>
      </c>
      <c r="O1535" s="5" t="s">
        <v>38</v>
      </c>
      <c r="P1535" s="5" t="s">
        <v>39</v>
      </c>
      <c r="Q1535" s="5" t="s">
        <v>40</v>
      </c>
      <c r="R1535" s="5" t="s">
        <v>1522</v>
      </c>
      <c r="S1535" s="5" t="s">
        <v>1523</v>
      </c>
      <c r="T1535" s="5" t="s">
        <v>42</v>
      </c>
      <c r="U1535" s="2">
        <v>2.512</v>
      </c>
      <c r="V1535" s="2">
        <v>2.036</v>
      </c>
      <c r="W1535" s="2">
        <v>1.4999999999999999E-2</v>
      </c>
      <c r="X1535" s="2">
        <v>118.9</v>
      </c>
      <c r="Y1535" s="2">
        <v>7.6</v>
      </c>
      <c r="Z1535" s="2">
        <v>16.7</v>
      </c>
      <c r="AA1535" s="5"/>
      <c r="AB1535" s="5" t="s">
        <v>43</v>
      </c>
      <c r="AC1535" s="5" t="s">
        <v>44</v>
      </c>
      <c r="AD1535" s="2"/>
      <c r="AE1535" s="1"/>
    </row>
    <row r="1536" spans="1:31" ht="14.45">
      <c r="A1536" s="11"/>
      <c r="B1536" s="20"/>
      <c r="C1536" s="2" t="s">
        <v>5029</v>
      </c>
      <c r="D1536" s="14" t="s">
        <v>5030</v>
      </c>
      <c r="E1536" s="2" t="s">
        <v>5031</v>
      </c>
      <c r="F1536" s="2" t="s">
        <v>1711</v>
      </c>
      <c r="G1536" s="8">
        <v>159</v>
      </c>
      <c r="H1536" s="5">
        <v>6</v>
      </c>
      <c r="I1536" s="5" t="s">
        <v>1518</v>
      </c>
      <c r="J1536" s="5" t="s">
        <v>1519</v>
      </c>
      <c r="K1536" s="2" t="s">
        <v>1520</v>
      </c>
      <c r="L1536" s="5" t="s">
        <v>1519</v>
      </c>
      <c r="M1536" s="2" t="s">
        <v>1520</v>
      </c>
      <c r="N1536" s="5" t="s">
        <v>1521</v>
      </c>
      <c r="O1536" s="5" t="s">
        <v>38</v>
      </c>
      <c r="P1536" s="5" t="s">
        <v>39</v>
      </c>
      <c r="Q1536" s="5" t="s">
        <v>40</v>
      </c>
      <c r="R1536" s="5" t="s">
        <v>1522</v>
      </c>
      <c r="S1536" s="5" t="s">
        <v>1523</v>
      </c>
      <c r="T1536" s="5" t="s">
        <v>42</v>
      </c>
      <c r="U1536" s="2">
        <v>2.4630000000000001</v>
      </c>
      <c r="V1536" s="2">
        <v>1.9870000000000001</v>
      </c>
      <c r="W1536" s="2">
        <v>1.4999999999999999E-2</v>
      </c>
      <c r="X1536" s="2">
        <v>118.9</v>
      </c>
      <c r="Y1536" s="2">
        <v>7.6</v>
      </c>
      <c r="Z1536" s="2">
        <v>16.7</v>
      </c>
      <c r="AA1536" s="5"/>
      <c r="AB1536" s="5" t="s">
        <v>43</v>
      </c>
      <c r="AC1536" s="5" t="s">
        <v>44</v>
      </c>
      <c r="AD1536" s="2"/>
      <c r="AE1536" s="1"/>
    </row>
    <row r="1537" spans="1:31" ht="14.45">
      <c r="A1537" s="11"/>
      <c r="B1537" s="20"/>
      <c r="C1537" s="2" t="s">
        <v>5032</v>
      </c>
      <c r="D1537" s="14" t="s">
        <v>5033</v>
      </c>
      <c r="E1537" s="2" t="s">
        <v>5034</v>
      </c>
      <c r="F1537" s="2" t="s">
        <v>1715</v>
      </c>
      <c r="G1537" s="8">
        <v>159</v>
      </c>
      <c r="H1537" s="5">
        <v>6</v>
      </c>
      <c r="I1537" s="5" t="s">
        <v>1518</v>
      </c>
      <c r="J1537" s="5" t="s">
        <v>1519</v>
      </c>
      <c r="K1537" s="2" t="s">
        <v>1520</v>
      </c>
      <c r="L1537" s="5" t="s">
        <v>1519</v>
      </c>
      <c r="M1537" s="2" t="s">
        <v>1520</v>
      </c>
      <c r="N1537" s="5" t="s">
        <v>1521</v>
      </c>
      <c r="O1537" s="5" t="s">
        <v>38</v>
      </c>
      <c r="P1537" s="5" t="s">
        <v>39</v>
      </c>
      <c r="Q1537" s="5" t="s">
        <v>40</v>
      </c>
      <c r="R1537" s="5" t="s">
        <v>1522</v>
      </c>
      <c r="S1537" s="5" t="s">
        <v>1523</v>
      </c>
      <c r="T1537" s="5" t="s">
        <v>42</v>
      </c>
      <c r="U1537" s="2">
        <v>2.512</v>
      </c>
      <c r="V1537" s="2">
        <v>2.036</v>
      </c>
      <c r="W1537" s="2">
        <v>1.4999999999999999E-2</v>
      </c>
      <c r="X1537" s="2">
        <v>118.9</v>
      </c>
      <c r="Y1537" s="2">
        <v>7.6</v>
      </c>
      <c r="Z1537" s="2">
        <v>16.7</v>
      </c>
      <c r="AA1537" s="5"/>
      <c r="AB1537" s="5" t="s">
        <v>43</v>
      </c>
      <c r="AC1537" s="5" t="s">
        <v>44</v>
      </c>
      <c r="AD1537" s="2"/>
      <c r="AE1537" s="1"/>
    </row>
    <row r="1538" spans="1:31" ht="14.45">
      <c r="A1538" s="11"/>
      <c r="B1538" s="20"/>
      <c r="C1538" s="2" t="s">
        <v>5035</v>
      </c>
      <c r="D1538" s="14" t="s">
        <v>5036</v>
      </c>
      <c r="E1538" s="2" t="s">
        <v>5037</v>
      </c>
      <c r="F1538" s="2" t="s">
        <v>1719</v>
      </c>
      <c r="G1538" s="8">
        <v>159</v>
      </c>
      <c r="H1538" s="5">
        <v>6</v>
      </c>
      <c r="I1538" s="5" t="s">
        <v>1518</v>
      </c>
      <c r="J1538" s="5" t="s">
        <v>1519</v>
      </c>
      <c r="K1538" s="2" t="s">
        <v>1520</v>
      </c>
      <c r="L1538" s="5" t="s">
        <v>1519</v>
      </c>
      <c r="M1538" s="2" t="s">
        <v>1520</v>
      </c>
      <c r="N1538" s="5" t="s">
        <v>1521</v>
      </c>
      <c r="O1538" s="5" t="s">
        <v>38</v>
      </c>
      <c r="P1538" s="5" t="s">
        <v>39</v>
      </c>
      <c r="Q1538" s="5" t="s">
        <v>40</v>
      </c>
      <c r="R1538" s="5" t="s">
        <v>1522</v>
      </c>
      <c r="S1538" s="5" t="s">
        <v>1523</v>
      </c>
      <c r="T1538" s="5" t="s">
        <v>42</v>
      </c>
      <c r="U1538" s="2">
        <v>2.4380000000000002</v>
      </c>
      <c r="V1538" s="2">
        <v>1.962</v>
      </c>
      <c r="W1538" s="2">
        <v>1.4999999999999999E-2</v>
      </c>
      <c r="X1538" s="2">
        <v>118.9</v>
      </c>
      <c r="Y1538" s="2">
        <v>7.6</v>
      </c>
      <c r="Z1538" s="2">
        <v>16.7</v>
      </c>
      <c r="AA1538" s="5"/>
      <c r="AB1538" s="5" t="s">
        <v>43</v>
      </c>
      <c r="AC1538" s="5" t="s">
        <v>44</v>
      </c>
      <c r="AD1538" s="2"/>
      <c r="AE1538" s="1"/>
    </row>
    <row r="1539" spans="1:31" ht="14.45">
      <c r="A1539" s="11"/>
      <c r="B1539" s="20"/>
      <c r="C1539" s="2" t="s">
        <v>5038</v>
      </c>
      <c r="D1539" s="14" t="s">
        <v>5039</v>
      </c>
      <c r="E1539" s="2" t="s">
        <v>5040</v>
      </c>
      <c r="F1539" s="2" t="s">
        <v>1723</v>
      </c>
      <c r="G1539" s="8">
        <v>159</v>
      </c>
      <c r="H1539" s="5">
        <v>6</v>
      </c>
      <c r="I1539" s="5" t="s">
        <v>1518</v>
      </c>
      <c r="J1539" s="5" t="s">
        <v>1519</v>
      </c>
      <c r="K1539" s="2" t="s">
        <v>1520</v>
      </c>
      <c r="L1539" s="5" t="s">
        <v>1519</v>
      </c>
      <c r="M1539" s="2" t="s">
        <v>1520</v>
      </c>
      <c r="N1539" s="5" t="s">
        <v>1521</v>
      </c>
      <c r="O1539" s="5" t="s">
        <v>38</v>
      </c>
      <c r="P1539" s="5" t="s">
        <v>39</v>
      </c>
      <c r="Q1539" s="5" t="s">
        <v>40</v>
      </c>
      <c r="R1539" s="5" t="s">
        <v>1522</v>
      </c>
      <c r="S1539" s="5" t="s">
        <v>1523</v>
      </c>
      <c r="T1539" s="5" t="s">
        <v>42</v>
      </c>
      <c r="U1539" s="2">
        <v>2.4870000000000001</v>
      </c>
      <c r="V1539" s="2">
        <v>2.0110000000000001</v>
      </c>
      <c r="W1539" s="2">
        <v>1.4999999999999999E-2</v>
      </c>
      <c r="X1539" s="2">
        <v>118.9</v>
      </c>
      <c r="Y1539" s="2">
        <v>7.6</v>
      </c>
      <c r="Z1539" s="2">
        <v>16.7</v>
      </c>
      <c r="AA1539" s="5"/>
      <c r="AB1539" s="5" t="s">
        <v>43</v>
      </c>
      <c r="AC1539" s="5" t="s">
        <v>44</v>
      </c>
      <c r="AD1539" s="2"/>
      <c r="AE1539" s="1"/>
    </row>
    <row r="1540" spans="1:31" ht="14.45">
      <c r="A1540" s="11"/>
      <c r="B1540" s="20"/>
      <c r="C1540" s="2" t="s">
        <v>5041</v>
      </c>
      <c r="D1540" s="14" t="s">
        <v>5042</v>
      </c>
      <c r="E1540" s="2" t="s">
        <v>5043</v>
      </c>
      <c r="F1540" s="2" t="s">
        <v>1727</v>
      </c>
      <c r="G1540" s="8">
        <v>182</v>
      </c>
      <c r="H1540" s="5">
        <v>6</v>
      </c>
      <c r="I1540" s="5" t="s">
        <v>1518</v>
      </c>
      <c r="J1540" s="5" t="s">
        <v>1519</v>
      </c>
      <c r="K1540" s="2" t="s">
        <v>1520</v>
      </c>
      <c r="L1540" s="5" t="s">
        <v>1519</v>
      </c>
      <c r="M1540" s="2" t="s">
        <v>1520</v>
      </c>
      <c r="N1540" s="5" t="s">
        <v>1521</v>
      </c>
      <c r="O1540" s="5" t="s">
        <v>38</v>
      </c>
      <c r="P1540" s="5" t="s">
        <v>39</v>
      </c>
      <c r="Q1540" s="5" t="s">
        <v>40</v>
      </c>
      <c r="R1540" s="5" t="s">
        <v>1522</v>
      </c>
      <c r="S1540" s="5" t="s">
        <v>1523</v>
      </c>
      <c r="T1540" s="5" t="s">
        <v>42</v>
      </c>
      <c r="U1540" s="2">
        <v>2.4380000000000002</v>
      </c>
      <c r="V1540" s="2">
        <v>1.962</v>
      </c>
      <c r="W1540" s="2">
        <v>1.4999999999999999E-2</v>
      </c>
      <c r="X1540" s="2">
        <v>118.9</v>
      </c>
      <c r="Y1540" s="2">
        <v>7.6</v>
      </c>
      <c r="Z1540" s="2">
        <v>16.7</v>
      </c>
      <c r="AA1540" s="5"/>
      <c r="AB1540" s="5" t="s">
        <v>43</v>
      </c>
      <c r="AC1540" s="5" t="s">
        <v>44</v>
      </c>
      <c r="AD1540" s="2"/>
      <c r="AE1540" s="1"/>
    </row>
    <row r="1541" spans="1:31" ht="14.45">
      <c r="A1541" s="11"/>
      <c r="B1541" s="20"/>
      <c r="C1541" s="2" t="s">
        <v>5044</v>
      </c>
      <c r="D1541" s="14" t="s">
        <v>5045</v>
      </c>
      <c r="E1541" s="2" t="s">
        <v>5046</v>
      </c>
      <c r="F1541" s="2" t="s">
        <v>1731</v>
      </c>
      <c r="G1541" s="8">
        <v>182</v>
      </c>
      <c r="H1541" s="5">
        <v>6</v>
      </c>
      <c r="I1541" s="5" t="s">
        <v>1518</v>
      </c>
      <c r="J1541" s="5" t="s">
        <v>1519</v>
      </c>
      <c r="K1541" s="2" t="s">
        <v>1520</v>
      </c>
      <c r="L1541" s="5" t="s">
        <v>1519</v>
      </c>
      <c r="M1541" s="2" t="s">
        <v>1520</v>
      </c>
      <c r="N1541" s="5" t="s">
        <v>1521</v>
      </c>
      <c r="O1541" s="5" t="s">
        <v>38</v>
      </c>
      <c r="P1541" s="5" t="s">
        <v>39</v>
      </c>
      <c r="Q1541" s="5" t="s">
        <v>40</v>
      </c>
      <c r="R1541" s="5" t="s">
        <v>1522</v>
      </c>
      <c r="S1541" s="5" t="s">
        <v>1523</v>
      </c>
      <c r="T1541" s="5" t="s">
        <v>42</v>
      </c>
      <c r="U1541" s="2">
        <v>2.4870000000000001</v>
      </c>
      <c r="V1541" s="2">
        <v>2.0110000000000001</v>
      </c>
      <c r="W1541" s="2">
        <v>1.4999999999999999E-2</v>
      </c>
      <c r="X1541" s="2">
        <v>118.9</v>
      </c>
      <c r="Y1541" s="2">
        <v>7.6</v>
      </c>
      <c r="Z1541" s="2">
        <v>16.7</v>
      </c>
      <c r="AA1541" s="5"/>
      <c r="AB1541" s="5" t="s">
        <v>43</v>
      </c>
      <c r="AC1541" s="5" t="s">
        <v>44</v>
      </c>
      <c r="AD1541" s="2"/>
      <c r="AE1541" s="1"/>
    </row>
    <row r="1542" spans="1:31" ht="14.45">
      <c r="A1542" s="11"/>
      <c r="B1542" s="20"/>
      <c r="C1542" s="2" t="s">
        <v>5047</v>
      </c>
      <c r="D1542" s="14" t="s">
        <v>5048</v>
      </c>
      <c r="E1542" s="2" t="s">
        <v>5049</v>
      </c>
      <c r="F1542" s="2" t="s">
        <v>1735</v>
      </c>
      <c r="G1542" s="8">
        <v>182</v>
      </c>
      <c r="H1542" s="5">
        <v>6</v>
      </c>
      <c r="I1542" s="5" t="s">
        <v>1518</v>
      </c>
      <c r="J1542" s="5" t="s">
        <v>1519</v>
      </c>
      <c r="K1542" s="2" t="s">
        <v>1520</v>
      </c>
      <c r="L1542" s="5" t="s">
        <v>1519</v>
      </c>
      <c r="M1542" s="2" t="s">
        <v>1520</v>
      </c>
      <c r="N1542" s="5" t="s">
        <v>1521</v>
      </c>
      <c r="O1542" s="5" t="s">
        <v>38</v>
      </c>
      <c r="P1542" s="5" t="s">
        <v>39</v>
      </c>
      <c r="Q1542" s="5" t="s">
        <v>40</v>
      </c>
      <c r="R1542" s="5" t="s">
        <v>1522</v>
      </c>
      <c r="S1542" s="5" t="s">
        <v>1523</v>
      </c>
      <c r="T1542" s="5" t="s">
        <v>42</v>
      </c>
      <c r="U1542" s="2">
        <v>2.4630000000000001</v>
      </c>
      <c r="V1542" s="2">
        <v>1.9870000000000001</v>
      </c>
      <c r="W1542" s="2">
        <v>1.4999999999999999E-2</v>
      </c>
      <c r="X1542" s="2">
        <v>118.9</v>
      </c>
      <c r="Y1542" s="2">
        <v>7.6</v>
      </c>
      <c r="Z1542" s="2">
        <v>16.7</v>
      </c>
      <c r="AA1542" s="5"/>
      <c r="AB1542" s="5" t="s">
        <v>43</v>
      </c>
      <c r="AC1542" s="5" t="s">
        <v>44</v>
      </c>
      <c r="AD1542" s="2"/>
      <c r="AE1542" s="1"/>
    </row>
    <row r="1543" spans="1:31" ht="14.45">
      <c r="A1543" s="11"/>
      <c r="B1543" s="20"/>
      <c r="C1543" s="2" t="s">
        <v>5050</v>
      </c>
      <c r="D1543" s="14" t="s">
        <v>5051</v>
      </c>
      <c r="E1543" s="2" t="s">
        <v>5052</v>
      </c>
      <c r="F1543" s="2" t="s">
        <v>1739</v>
      </c>
      <c r="G1543" s="8">
        <v>182</v>
      </c>
      <c r="H1543" s="5">
        <v>6</v>
      </c>
      <c r="I1543" s="5" t="s">
        <v>1518</v>
      </c>
      <c r="J1543" s="5" t="s">
        <v>1519</v>
      </c>
      <c r="K1543" s="2" t="s">
        <v>1520</v>
      </c>
      <c r="L1543" s="5" t="s">
        <v>1519</v>
      </c>
      <c r="M1543" s="2" t="s">
        <v>1520</v>
      </c>
      <c r="N1543" s="5" t="s">
        <v>1521</v>
      </c>
      <c r="O1543" s="5" t="s">
        <v>38</v>
      </c>
      <c r="P1543" s="5" t="s">
        <v>39</v>
      </c>
      <c r="Q1543" s="5" t="s">
        <v>40</v>
      </c>
      <c r="R1543" s="5" t="s">
        <v>1522</v>
      </c>
      <c r="S1543" s="5" t="s">
        <v>1523</v>
      </c>
      <c r="T1543" s="5" t="s">
        <v>42</v>
      </c>
      <c r="U1543" s="2">
        <v>2.512</v>
      </c>
      <c r="V1543" s="2">
        <v>2.036</v>
      </c>
      <c r="W1543" s="2">
        <v>1.4999999999999999E-2</v>
      </c>
      <c r="X1543" s="2">
        <v>118.9</v>
      </c>
      <c r="Y1543" s="2">
        <v>7.6</v>
      </c>
      <c r="Z1543" s="2">
        <v>16.7</v>
      </c>
      <c r="AA1543" s="5"/>
      <c r="AB1543" s="5" t="s">
        <v>43</v>
      </c>
      <c r="AC1543" s="5" t="s">
        <v>44</v>
      </c>
      <c r="AD1543" s="2"/>
      <c r="AE1543" s="1"/>
    </row>
    <row r="1544" spans="1:31" ht="14.45">
      <c r="A1544" s="11"/>
      <c r="B1544" s="20"/>
      <c r="C1544" s="2" t="s">
        <v>5053</v>
      </c>
      <c r="D1544" s="14" t="s">
        <v>5054</v>
      </c>
      <c r="E1544" s="2" t="s">
        <v>5055</v>
      </c>
      <c r="F1544" s="2" t="s">
        <v>1743</v>
      </c>
      <c r="G1544" s="8">
        <v>182</v>
      </c>
      <c r="H1544" s="5">
        <v>6</v>
      </c>
      <c r="I1544" s="5" t="s">
        <v>1518</v>
      </c>
      <c r="J1544" s="5" t="s">
        <v>1519</v>
      </c>
      <c r="K1544" s="2" t="s">
        <v>1520</v>
      </c>
      <c r="L1544" s="5" t="s">
        <v>1519</v>
      </c>
      <c r="M1544" s="2" t="s">
        <v>1520</v>
      </c>
      <c r="N1544" s="5" t="s">
        <v>1521</v>
      </c>
      <c r="O1544" s="5" t="s">
        <v>38</v>
      </c>
      <c r="P1544" s="5" t="s">
        <v>39</v>
      </c>
      <c r="Q1544" s="5" t="s">
        <v>40</v>
      </c>
      <c r="R1544" s="5" t="s">
        <v>1522</v>
      </c>
      <c r="S1544" s="5" t="s">
        <v>1523</v>
      </c>
      <c r="T1544" s="5" t="s">
        <v>42</v>
      </c>
      <c r="U1544" s="2">
        <v>2.4380000000000002</v>
      </c>
      <c r="V1544" s="2">
        <v>1.962</v>
      </c>
      <c r="W1544" s="2">
        <v>1.4999999999999999E-2</v>
      </c>
      <c r="X1544" s="2">
        <v>118.9</v>
      </c>
      <c r="Y1544" s="2">
        <v>7.6</v>
      </c>
      <c r="Z1544" s="2">
        <v>16.7</v>
      </c>
      <c r="AA1544" s="5"/>
      <c r="AB1544" s="5" t="s">
        <v>43</v>
      </c>
      <c r="AC1544" s="5" t="s">
        <v>44</v>
      </c>
      <c r="AD1544" s="2"/>
      <c r="AE1544" s="1"/>
    </row>
    <row r="1545" spans="1:31" ht="14.45">
      <c r="A1545" s="11"/>
      <c r="B1545" s="20"/>
      <c r="C1545" s="2" t="s">
        <v>5056</v>
      </c>
      <c r="D1545" s="14" t="s">
        <v>5057</v>
      </c>
      <c r="E1545" s="2" t="s">
        <v>5058</v>
      </c>
      <c r="F1545" s="2" t="s">
        <v>1747</v>
      </c>
      <c r="G1545" s="8">
        <v>182</v>
      </c>
      <c r="H1545" s="5">
        <v>6</v>
      </c>
      <c r="I1545" s="5" t="s">
        <v>1518</v>
      </c>
      <c r="J1545" s="5" t="s">
        <v>1519</v>
      </c>
      <c r="K1545" s="2" t="s">
        <v>1520</v>
      </c>
      <c r="L1545" s="5" t="s">
        <v>1519</v>
      </c>
      <c r="M1545" s="2" t="s">
        <v>1520</v>
      </c>
      <c r="N1545" s="5" t="s">
        <v>1521</v>
      </c>
      <c r="O1545" s="5" t="s">
        <v>38</v>
      </c>
      <c r="P1545" s="5" t="s">
        <v>39</v>
      </c>
      <c r="Q1545" s="5" t="s">
        <v>40</v>
      </c>
      <c r="R1545" s="5" t="s">
        <v>1522</v>
      </c>
      <c r="S1545" s="5" t="s">
        <v>1523</v>
      </c>
      <c r="T1545" s="5" t="s">
        <v>42</v>
      </c>
      <c r="U1545" s="2">
        <v>2.4870000000000001</v>
      </c>
      <c r="V1545" s="2">
        <v>2.0110000000000001</v>
      </c>
      <c r="W1545" s="2">
        <v>1.4999999999999999E-2</v>
      </c>
      <c r="X1545" s="2">
        <v>118.9</v>
      </c>
      <c r="Y1545" s="2">
        <v>7.6</v>
      </c>
      <c r="Z1545" s="2">
        <v>16.7</v>
      </c>
      <c r="AA1545" s="5"/>
      <c r="AB1545" s="5" t="s">
        <v>43</v>
      </c>
      <c r="AC1545" s="5" t="s">
        <v>44</v>
      </c>
      <c r="AD1545" s="2"/>
      <c r="AE1545" s="1"/>
    </row>
    <row r="1546" spans="1:31" ht="14.45">
      <c r="A1546" s="11"/>
      <c r="B1546" s="20"/>
      <c r="C1546" s="2" t="s">
        <v>5059</v>
      </c>
      <c r="D1546" s="14" t="s">
        <v>5060</v>
      </c>
      <c r="E1546" s="2" t="s">
        <v>5061</v>
      </c>
      <c r="F1546" s="2" t="s">
        <v>1751</v>
      </c>
      <c r="G1546" s="8">
        <v>182</v>
      </c>
      <c r="H1546" s="5">
        <v>6</v>
      </c>
      <c r="I1546" s="5" t="s">
        <v>1518</v>
      </c>
      <c r="J1546" s="5" t="s">
        <v>1519</v>
      </c>
      <c r="K1546" s="2" t="s">
        <v>1520</v>
      </c>
      <c r="L1546" s="5" t="s">
        <v>1519</v>
      </c>
      <c r="M1546" s="2" t="s">
        <v>1520</v>
      </c>
      <c r="N1546" s="5" t="s">
        <v>1521</v>
      </c>
      <c r="O1546" s="5" t="s">
        <v>38</v>
      </c>
      <c r="P1546" s="5" t="s">
        <v>39</v>
      </c>
      <c r="Q1546" s="5" t="s">
        <v>40</v>
      </c>
      <c r="R1546" s="5" t="s">
        <v>1522</v>
      </c>
      <c r="S1546" s="5" t="s">
        <v>1523</v>
      </c>
      <c r="T1546" s="5" t="s">
        <v>42</v>
      </c>
      <c r="U1546" s="2">
        <v>2.4380000000000002</v>
      </c>
      <c r="V1546" s="2">
        <v>1.962</v>
      </c>
      <c r="W1546" s="2">
        <v>1.4999999999999999E-2</v>
      </c>
      <c r="X1546" s="2">
        <v>118.9</v>
      </c>
      <c r="Y1546" s="2">
        <v>7.6</v>
      </c>
      <c r="Z1546" s="2">
        <v>16.7</v>
      </c>
      <c r="AA1546" s="5"/>
      <c r="AB1546" s="5" t="s">
        <v>43</v>
      </c>
      <c r="AC1546" s="5" t="s">
        <v>44</v>
      </c>
      <c r="AD1546" s="2"/>
      <c r="AE1546" s="1"/>
    </row>
    <row r="1547" spans="1:31" ht="14.45">
      <c r="A1547" s="11"/>
      <c r="B1547" s="20"/>
      <c r="C1547" s="2" t="s">
        <v>5062</v>
      </c>
      <c r="D1547" s="14" t="s">
        <v>5063</v>
      </c>
      <c r="E1547" s="2" t="s">
        <v>5064</v>
      </c>
      <c r="F1547" s="2" t="s">
        <v>1755</v>
      </c>
      <c r="G1547" s="8">
        <v>182</v>
      </c>
      <c r="H1547" s="5">
        <v>6</v>
      </c>
      <c r="I1547" s="5" t="s">
        <v>1518</v>
      </c>
      <c r="J1547" s="5" t="s">
        <v>1519</v>
      </c>
      <c r="K1547" s="2" t="s">
        <v>1520</v>
      </c>
      <c r="L1547" s="5" t="s">
        <v>1519</v>
      </c>
      <c r="M1547" s="2" t="s">
        <v>1520</v>
      </c>
      <c r="N1547" s="5" t="s">
        <v>1521</v>
      </c>
      <c r="O1547" s="5" t="s">
        <v>38</v>
      </c>
      <c r="P1547" s="5" t="s">
        <v>39</v>
      </c>
      <c r="Q1547" s="5" t="s">
        <v>40</v>
      </c>
      <c r="R1547" s="5" t="s">
        <v>1522</v>
      </c>
      <c r="S1547" s="5" t="s">
        <v>1523</v>
      </c>
      <c r="T1547" s="5" t="s">
        <v>42</v>
      </c>
      <c r="U1547" s="2">
        <v>2.4870000000000001</v>
      </c>
      <c r="V1547" s="2">
        <v>2.0110000000000001</v>
      </c>
      <c r="W1547" s="2">
        <v>1.4999999999999999E-2</v>
      </c>
      <c r="X1547" s="2">
        <v>118.9</v>
      </c>
      <c r="Y1547" s="2">
        <v>7.6</v>
      </c>
      <c r="Z1547" s="2">
        <v>16.7</v>
      </c>
      <c r="AA1547" s="5"/>
      <c r="AB1547" s="5" t="s">
        <v>43</v>
      </c>
      <c r="AC1547" s="5" t="s">
        <v>44</v>
      </c>
      <c r="AD1547" s="2"/>
      <c r="AE1547" s="1"/>
    </row>
    <row r="1548" spans="1:31" ht="14.45">
      <c r="A1548" s="11"/>
      <c r="B1548" s="20"/>
      <c r="C1548" s="2" t="s">
        <v>5065</v>
      </c>
      <c r="D1548" s="14" t="s">
        <v>5066</v>
      </c>
      <c r="E1548" s="2" t="s">
        <v>5067</v>
      </c>
      <c r="F1548" s="2" t="s">
        <v>1759</v>
      </c>
      <c r="G1548" s="8">
        <v>182</v>
      </c>
      <c r="H1548" s="5">
        <v>6</v>
      </c>
      <c r="I1548" s="5" t="s">
        <v>1518</v>
      </c>
      <c r="J1548" s="5" t="s">
        <v>1519</v>
      </c>
      <c r="K1548" s="2" t="s">
        <v>1520</v>
      </c>
      <c r="L1548" s="5" t="s">
        <v>1519</v>
      </c>
      <c r="M1548" s="2" t="s">
        <v>1520</v>
      </c>
      <c r="N1548" s="5" t="s">
        <v>1521</v>
      </c>
      <c r="O1548" s="5" t="s">
        <v>38</v>
      </c>
      <c r="P1548" s="5" t="s">
        <v>39</v>
      </c>
      <c r="Q1548" s="5" t="s">
        <v>40</v>
      </c>
      <c r="R1548" s="5" t="s">
        <v>1522</v>
      </c>
      <c r="S1548" s="5" t="s">
        <v>1523</v>
      </c>
      <c r="T1548" s="5" t="s">
        <v>42</v>
      </c>
      <c r="U1548" s="2">
        <v>2.4630000000000001</v>
      </c>
      <c r="V1548" s="2">
        <v>1.9870000000000001</v>
      </c>
      <c r="W1548" s="2">
        <v>1.4999999999999999E-2</v>
      </c>
      <c r="X1548" s="2">
        <v>118.9</v>
      </c>
      <c r="Y1548" s="2">
        <v>7.6</v>
      </c>
      <c r="Z1548" s="2">
        <v>16.7</v>
      </c>
      <c r="AA1548" s="5"/>
      <c r="AB1548" s="5" t="s">
        <v>43</v>
      </c>
      <c r="AC1548" s="5" t="s">
        <v>44</v>
      </c>
      <c r="AD1548" s="2"/>
      <c r="AE1548" s="1"/>
    </row>
    <row r="1549" spans="1:31" ht="14.45">
      <c r="A1549" s="11"/>
      <c r="B1549" s="20"/>
      <c r="C1549" s="2" t="s">
        <v>5068</v>
      </c>
      <c r="D1549" s="14" t="s">
        <v>5069</v>
      </c>
      <c r="E1549" s="2" t="s">
        <v>5070</v>
      </c>
      <c r="F1549" s="2" t="s">
        <v>1763</v>
      </c>
      <c r="G1549" s="8">
        <v>182</v>
      </c>
      <c r="H1549" s="5">
        <v>6</v>
      </c>
      <c r="I1549" s="5" t="s">
        <v>1518</v>
      </c>
      <c r="J1549" s="5" t="s">
        <v>1519</v>
      </c>
      <c r="K1549" s="2" t="s">
        <v>1520</v>
      </c>
      <c r="L1549" s="5" t="s">
        <v>1519</v>
      </c>
      <c r="M1549" s="2" t="s">
        <v>1520</v>
      </c>
      <c r="N1549" s="5" t="s">
        <v>1521</v>
      </c>
      <c r="O1549" s="5" t="s">
        <v>38</v>
      </c>
      <c r="P1549" s="5" t="s">
        <v>39</v>
      </c>
      <c r="Q1549" s="5" t="s">
        <v>40</v>
      </c>
      <c r="R1549" s="5" t="s">
        <v>1522</v>
      </c>
      <c r="S1549" s="5" t="s">
        <v>1523</v>
      </c>
      <c r="T1549" s="5" t="s">
        <v>42</v>
      </c>
      <c r="U1549" s="2">
        <v>2.512</v>
      </c>
      <c r="V1549" s="2">
        <v>2.036</v>
      </c>
      <c r="W1549" s="2">
        <v>1.4999999999999999E-2</v>
      </c>
      <c r="X1549" s="2">
        <v>118.9</v>
      </c>
      <c r="Y1549" s="2">
        <v>7.6</v>
      </c>
      <c r="Z1549" s="2">
        <v>16.7</v>
      </c>
      <c r="AA1549" s="5"/>
      <c r="AB1549" s="5" t="s">
        <v>43</v>
      </c>
      <c r="AC1549" s="5" t="s">
        <v>44</v>
      </c>
      <c r="AD1549" s="2"/>
      <c r="AE1549" s="1"/>
    </row>
    <row r="1550" spans="1:31" ht="14.45">
      <c r="A1550" s="11"/>
      <c r="B1550" s="20"/>
      <c r="C1550" s="2" t="s">
        <v>5071</v>
      </c>
      <c r="D1550" s="14" t="s">
        <v>5072</v>
      </c>
      <c r="E1550" s="2" t="s">
        <v>5073</v>
      </c>
      <c r="F1550" s="2" t="s">
        <v>1767</v>
      </c>
      <c r="G1550" s="8">
        <v>182</v>
      </c>
      <c r="H1550" s="5">
        <v>6</v>
      </c>
      <c r="I1550" s="5" t="s">
        <v>1518</v>
      </c>
      <c r="J1550" s="5" t="s">
        <v>1519</v>
      </c>
      <c r="K1550" s="2" t="s">
        <v>1520</v>
      </c>
      <c r="L1550" s="5" t="s">
        <v>1519</v>
      </c>
      <c r="M1550" s="2" t="s">
        <v>1520</v>
      </c>
      <c r="N1550" s="5" t="s">
        <v>1521</v>
      </c>
      <c r="O1550" s="5" t="s">
        <v>38</v>
      </c>
      <c r="P1550" s="5" t="s">
        <v>39</v>
      </c>
      <c r="Q1550" s="5" t="s">
        <v>40</v>
      </c>
      <c r="R1550" s="5" t="s">
        <v>1522</v>
      </c>
      <c r="S1550" s="5" t="s">
        <v>1523</v>
      </c>
      <c r="T1550" s="5" t="s">
        <v>42</v>
      </c>
      <c r="U1550" s="2">
        <v>2.4630000000000001</v>
      </c>
      <c r="V1550" s="2">
        <v>1.9870000000000001</v>
      </c>
      <c r="W1550" s="2">
        <v>1.4999999999999999E-2</v>
      </c>
      <c r="X1550" s="2">
        <v>118.9</v>
      </c>
      <c r="Y1550" s="2">
        <v>7.6</v>
      </c>
      <c r="Z1550" s="2">
        <v>16.7</v>
      </c>
      <c r="AA1550" s="5"/>
      <c r="AB1550" s="5" t="s">
        <v>43</v>
      </c>
      <c r="AC1550" s="5" t="s">
        <v>44</v>
      </c>
      <c r="AD1550" s="2"/>
      <c r="AE1550" s="1"/>
    </row>
    <row r="1551" spans="1:31" ht="14.45">
      <c r="A1551" s="11"/>
      <c r="B1551" s="20"/>
      <c r="C1551" s="2" t="s">
        <v>5074</v>
      </c>
      <c r="D1551" s="14" t="s">
        <v>5075</v>
      </c>
      <c r="E1551" s="2" t="s">
        <v>5076</v>
      </c>
      <c r="F1551" s="2" t="s">
        <v>1771</v>
      </c>
      <c r="G1551" s="8">
        <v>182</v>
      </c>
      <c r="H1551" s="5">
        <v>6</v>
      </c>
      <c r="I1551" s="5" t="s">
        <v>1518</v>
      </c>
      <c r="J1551" s="5" t="s">
        <v>1519</v>
      </c>
      <c r="K1551" s="2" t="s">
        <v>1520</v>
      </c>
      <c r="L1551" s="5" t="s">
        <v>1519</v>
      </c>
      <c r="M1551" s="2" t="s">
        <v>1520</v>
      </c>
      <c r="N1551" s="5" t="s">
        <v>1521</v>
      </c>
      <c r="O1551" s="5" t="s">
        <v>38</v>
      </c>
      <c r="P1551" s="5" t="s">
        <v>39</v>
      </c>
      <c r="Q1551" s="5" t="s">
        <v>40</v>
      </c>
      <c r="R1551" s="5" t="s">
        <v>1522</v>
      </c>
      <c r="S1551" s="5" t="s">
        <v>1523</v>
      </c>
      <c r="T1551" s="5" t="s">
        <v>42</v>
      </c>
      <c r="U1551" s="2">
        <v>2.512</v>
      </c>
      <c r="V1551" s="2">
        <v>2.036</v>
      </c>
      <c r="W1551" s="2">
        <v>1.4999999999999999E-2</v>
      </c>
      <c r="X1551" s="2">
        <v>118.9</v>
      </c>
      <c r="Y1551" s="2">
        <v>7.6</v>
      </c>
      <c r="Z1551" s="2">
        <v>16.7</v>
      </c>
      <c r="AA1551" s="5"/>
      <c r="AB1551" s="5" t="s">
        <v>43</v>
      </c>
      <c r="AC1551" s="5" t="s">
        <v>44</v>
      </c>
      <c r="AD1551" s="2"/>
      <c r="AE1551" s="1"/>
    </row>
    <row r="1552" spans="1:31" ht="14.45">
      <c r="A1552" s="11"/>
      <c r="B1552" s="20"/>
      <c r="C1552" s="2" t="s">
        <v>5077</v>
      </c>
      <c r="D1552" s="14" t="s">
        <v>5078</v>
      </c>
      <c r="E1552" s="2" t="s">
        <v>5079</v>
      </c>
      <c r="F1552" s="2" t="s">
        <v>1775</v>
      </c>
      <c r="G1552" s="8">
        <v>182</v>
      </c>
      <c r="H1552" s="5">
        <v>6</v>
      </c>
      <c r="I1552" s="5" t="s">
        <v>1518</v>
      </c>
      <c r="J1552" s="5" t="s">
        <v>1519</v>
      </c>
      <c r="K1552" s="2" t="s">
        <v>1520</v>
      </c>
      <c r="L1552" s="5" t="s">
        <v>1519</v>
      </c>
      <c r="M1552" s="2" t="s">
        <v>1520</v>
      </c>
      <c r="N1552" s="5" t="s">
        <v>1521</v>
      </c>
      <c r="O1552" s="5" t="s">
        <v>38</v>
      </c>
      <c r="P1552" s="5" t="s">
        <v>39</v>
      </c>
      <c r="Q1552" s="5" t="s">
        <v>40</v>
      </c>
      <c r="R1552" s="5" t="s">
        <v>1522</v>
      </c>
      <c r="S1552" s="5" t="s">
        <v>1523</v>
      </c>
      <c r="T1552" s="5" t="s">
        <v>42</v>
      </c>
      <c r="U1552" s="2">
        <v>2.4630000000000001</v>
      </c>
      <c r="V1552" s="2">
        <v>1.9870000000000001</v>
      </c>
      <c r="W1552" s="2">
        <v>1.4999999999999999E-2</v>
      </c>
      <c r="X1552" s="2">
        <v>118.9</v>
      </c>
      <c r="Y1552" s="2">
        <v>7.6</v>
      </c>
      <c r="Z1552" s="2">
        <v>16.7</v>
      </c>
      <c r="AA1552" s="5"/>
      <c r="AB1552" s="5" t="s">
        <v>43</v>
      </c>
      <c r="AC1552" s="5" t="s">
        <v>44</v>
      </c>
      <c r="AD1552" s="2"/>
      <c r="AE1552" s="1"/>
    </row>
    <row r="1553" spans="1:31" ht="14.45">
      <c r="A1553" s="11"/>
      <c r="B1553" s="20"/>
      <c r="C1553" s="2" t="s">
        <v>5080</v>
      </c>
      <c r="D1553" s="14" t="s">
        <v>5081</v>
      </c>
      <c r="E1553" s="2" t="s">
        <v>5082</v>
      </c>
      <c r="F1553" s="2" t="s">
        <v>1779</v>
      </c>
      <c r="G1553" s="8">
        <v>182</v>
      </c>
      <c r="H1553" s="5">
        <v>6</v>
      </c>
      <c r="I1553" s="5" t="s">
        <v>1518</v>
      </c>
      <c r="J1553" s="5" t="s">
        <v>1519</v>
      </c>
      <c r="K1553" s="2" t="s">
        <v>1520</v>
      </c>
      <c r="L1553" s="5" t="s">
        <v>1519</v>
      </c>
      <c r="M1553" s="2" t="s">
        <v>1520</v>
      </c>
      <c r="N1553" s="5" t="s">
        <v>1521</v>
      </c>
      <c r="O1553" s="5" t="s">
        <v>38</v>
      </c>
      <c r="P1553" s="5" t="s">
        <v>39</v>
      </c>
      <c r="Q1553" s="5" t="s">
        <v>40</v>
      </c>
      <c r="R1553" s="5" t="s">
        <v>1522</v>
      </c>
      <c r="S1553" s="5" t="s">
        <v>1523</v>
      </c>
      <c r="T1553" s="5" t="s">
        <v>42</v>
      </c>
      <c r="U1553" s="2">
        <v>2.512</v>
      </c>
      <c r="V1553" s="2">
        <v>2.036</v>
      </c>
      <c r="W1553" s="2">
        <v>1.4999999999999999E-2</v>
      </c>
      <c r="X1553" s="2">
        <v>118.9</v>
      </c>
      <c r="Y1553" s="2">
        <v>7.6</v>
      </c>
      <c r="Z1553" s="2">
        <v>16.7</v>
      </c>
      <c r="AA1553" s="5"/>
      <c r="AB1553" s="5" t="s">
        <v>43</v>
      </c>
      <c r="AC1553" s="5" t="s">
        <v>44</v>
      </c>
      <c r="AD1553" s="2"/>
      <c r="AE1553" s="1"/>
    </row>
    <row r="1554" spans="1:31" ht="14.45">
      <c r="A1554" s="11"/>
      <c r="B1554" s="20"/>
      <c r="C1554" s="2" t="s">
        <v>5083</v>
      </c>
      <c r="D1554" s="14" t="s">
        <v>5084</v>
      </c>
      <c r="E1554" s="2" t="s">
        <v>5085</v>
      </c>
      <c r="F1554" s="2" t="s">
        <v>1783</v>
      </c>
      <c r="G1554" s="8">
        <v>182</v>
      </c>
      <c r="H1554" s="5">
        <v>6</v>
      </c>
      <c r="I1554" s="5" t="s">
        <v>1518</v>
      </c>
      <c r="J1554" s="5" t="s">
        <v>1519</v>
      </c>
      <c r="K1554" s="2" t="s">
        <v>1520</v>
      </c>
      <c r="L1554" s="5" t="s">
        <v>1519</v>
      </c>
      <c r="M1554" s="2" t="s">
        <v>1520</v>
      </c>
      <c r="N1554" s="5" t="s">
        <v>1521</v>
      </c>
      <c r="O1554" s="5" t="s">
        <v>38</v>
      </c>
      <c r="P1554" s="5" t="s">
        <v>39</v>
      </c>
      <c r="Q1554" s="5" t="s">
        <v>40</v>
      </c>
      <c r="R1554" s="5" t="s">
        <v>1522</v>
      </c>
      <c r="S1554" s="5" t="s">
        <v>1523</v>
      </c>
      <c r="T1554" s="5" t="s">
        <v>42</v>
      </c>
      <c r="U1554" s="2">
        <v>2.4380000000000002</v>
      </c>
      <c r="V1554" s="2">
        <v>1.962</v>
      </c>
      <c r="W1554" s="2">
        <v>1.4999999999999999E-2</v>
      </c>
      <c r="X1554" s="2">
        <v>118.9</v>
      </c>
      <c r="Y1554" s="2">
        <v>7.6</v>
      </c>
      <c r="Z1554" s="2">
        <v>16.7</v>
      </c>
      <c r="AA1554" s="5"/>
      <c r="AB1554" s="5" t="s">
        <v>43</v>
      </c>
      <c r="AC1554" s="5" t="s">
        <v>44</v>
      </c>
      <c r="AD1554" s="2"/>
      <c r="AE1554" s="1"/>
    </row>
    <row r="1555" spans="1:31" ht="14.45">
      <c r="A1555" s="11"/>
      <c r="B1555" s="20"/>
      <c r="C1555" s="2" t="s">
        <v>5086</v>
      </c>
      <c r="D1555" s="14" t="s">
        <v>5087</v>
      </c>
      <c r="E1555" s="2" t="s">
        <v>5088</v>
      </c>
      <c r="F1555" s="2" t="s">
        <v>1787</v>
      </c>
      <c r="G1555" s="8">
        <v>182</v>
      </c>
      <c r="H1555" s="5">
        <v>6</v>
      </c>
      <c r="I1555" s="5" t="s">
        <v>1518</v>
      </c>
      <c r="J1555" s="5" t="s">
        <v>1519</v>
      </c>
      <c r="K1555" s="2" t="s">
        <v>1520</v>
      </c>
      <c r="L1555" s="5" t="s">
        <v>1519</v>
      </c>
      <c r="M1555" s="2" t="s">
        <v>1520</v>
      </c>
      <c r="N1555" s="5" t="s">
        <v>1521</v>
      </c>
      <c r="O1555" s="5" t="s">
        <v>38</v>
      </c>
      <c r="P1555" s="5" t="s">
        <v>39</v>
      </c>
      <c r="Q1555" s="5" t="s">
        <v>40</v>
      </c>
      <c r="R1555" s="5" t="s">
        <v>1522</v>
      </c>
      <c r="S1555" s="5" t="s">
        <v>1523</v>
      </c>
      <c r="T1555" s="5" t="s">
        <v>42</v>
      </c>
      <c r="U1555" s="2">
        <v>2.4870000000000001</v>
      </c>
      <c r="V1555" s="2">
        <v>2.0110000000000001</v>
      </c>
      <c r="W1555" s="2">
        <v>1.4999999999999999E-2</v>
      </c>
      <c r="X1555" s="2">
        <v>118.9</v>
      </c>
      <c r="Y1555" s="2">
        <v>7.6</v>
      </c>
      <c r="Z1555" s="2">
        <v>16.7</v>
      </c>
      <c r="AA1555" s="5"/>
      <c r="AB1555" s="5" t="s">
        <v>43</v>
      </c>
      <c r="AC1555" s="5" t="s">
        <v>44</v>
      </c>
      <c r="AD1555" s="2"/>
      <c r="AE1555" s="1"/>
    </row>
    <row r="1556" spans="1:31" ht="14.45">
      <c r="A1556" s="11"/>
      <c r="B1556" s="20"/>
      <c r="C1556" s="2" t="s">
        <v>5089</v>
      </c>
      <c r="D1556" s="14" t="s">
        <v>5090</v>
      </c>
      <c r="E1556" s="2" t="s">
        <v>5091</v>
      </c>
      <c r="F1556" s="2" t="s">
        <v>1791</v>
      </c>
      <c r="G1556" s="8">
        <v>182</v>
      </c>
      <c r="H1556" s="5">
        <v>6</v>
      </c>
      <c r="I1556" s="5" t="s">
        <v>1518</v>
      </c>
      <c r="J1556" s="5" t="s">
        <v>1519</v>
      </c>
      <c r="K1556" s="2" t="s">
        <v>1520</v>
      </c>
      <c r="L1556" s="5" t="s">
        <v>1519</v>
      </c>
      <c r="M1556" s="2" t="s">
        <v>1520</v>
      </c>
      <c r="N1556" s="5" t="s">
        <v>1521</v>
      </c>
      <c r="O1556" s="5" t="s">
        <v>38</v>
      </c>
      <c r="P1556" s="5" t="s">
        <v>39</v>
      </c>
      <c r="Q1556" s="5" t="s">
        <v>40</v>
      </c>
      <c r="R1556" s="5" t="s">
        <v>1522</v>
      </c>
      <c r="S1556" s="5" t="s">
        <v>1523</v>
      </c>
      <c r="T1556" s="5" t="s">
        <v>42</v>
      </c>
      <c r="U1556" s="2">
        <v>2.4630000000000001</v>
      </c>
      <c r="V1556" s="2">
        <v>1.9870000000000001</v>
      </c>
      <c r="W1556" s="2">
        <v>1.4999999999999999E-2</v>
      </c>
      <c r="X1556" s="2">
        <v>118.9</v>
      </c>
      <c r="Y1556" s="2">
        <v>7.6</v>
      </c>
      <c r="Z1556" s="2">
        <v>16.7</v>
      </c>
      <c r="AA1556" s="5"/>
      <c r="AB1556" s="5" t="s">
        <v>43</v>
      </c>
      <c r="AC1556" s="5" t="s">
        <v>44</v>
      </c>
      <c r="AD1556" s="2"/>
      <c r="AE1556" s="1"/>
    </row>
    <row r="1557" spans="1:31" ht="14.45">
      <c r="A1557" s="11"/>
      <c r="B1557" s="20"/>
      <c r="C1557" s="2" t="s">
        <v>5092</v>
      </c>
      <c r="D1557" s="14" t="s">
        <v>5093</v>
      </c>
      <c r="E1557" s="2" t="s">
        <v>5094</v>
      </c>
      <c r="F1557" s="2" t="s">
        <v>1795</v>
      </c>
      <c r="G1557" s="8">
        <v>182</v>
      </c>
      <c r="H1557" s="5">
        <v>6</v>
      </c>
      <c r="I1557" s="5" t="s">
        <v>1518</v>
      </c>
      <c r="J1557" s="5" t="s">
        <v>1519</v>
      </c>
      <c r="K1557" s="2" t="s">
        <v>1520</v>
      </c>
      <c r="L1557" s="5" t="s">
        <v>1519</v>
      </c>
      <c r="M1557" s="2" t="s">
        <v>1520</v>
      </c>
      <c r="N1557" s="5" t="s">
        <v>1521</v>
      </c>
      <c r="O1557" s="5" t="s">
        <v>38</v>
      </c>
      <c r="P1557" s="5" t="s">
        <v>39</v>
      </c>
      <c r="Q1557" s="5" t="s">
        <v>40</v>
      </c>
      <c r="R1557" s="5" t="s">
        <v>1522</v>
      </c>
      <c r="S1557" s="5" t="s">
        <v>1523</v>
      </c>
      <c r="T1557" s="5" t="s">
        <v>42</v>
      </c>
      <c r="U1557" s="2">
        <v>2.512</v>
      </c>
      <c r="V1557" s="2">
        <v>2.036</v>
      </c>
      <c r="W1557" s="2">
        <v>1.4999999999999999E-2</v>
      </c>
      <c r="X1557" s="2">
        <v>118.9</v>
      </c>
      <c r="Y1557" s="2">
        <v>7.6</v>
      </c>
      <c r="Z1557" s="2">
        <v>16.7</v>
      </c>
      <c r="AA1557" s="5"/>
      <c r="AB1557" s="5" t="s">
        <v>43</v>
      </c>
      <c r="AC1557" s="5" t="s">
        <v>44</v>
      </c>
      <c r="AD1557" s="2"/>
      <c r="AE1557" s="1"/>
    </row>
    <row r="1558" spans="1:31" ht="14.45">
      <c r="A1558" s="11"/>
      <c r="B1558" s="20"/>
      <c r="C1558" s="2" t="s">
        <v>5095</v>
      </c>
      <c r="D1558" s="14" t="s">
        <v>5096</v>
      </c>
      <c r="E1558" s="2" t="s">
        <v>5097</v>
      </c>
      <c r="F1558" s="2" t="s">
        <v>1799</v>
      </c>
      <c r="G1558" s="8">
        <v>182</v>
      </c>
      <c r="H1558" s="5">
        <v>6</v>
      </c>
      <c r="I1558" s="5" t="s">
        <v>1518</v>
      </c>
      <c r="J1558" s="5" t="s">
        <v>1519</v>
      </c>
      <c r="K1558" s="2" t="s">
        <v>1520</v>
      </c>
      <c r="L1558" s="5" t="s">
        <v>1519</v>
      </c>
      <c r="M1558" s="2" t="s">
        <v>1520</v>
      </c>
      <c r="N1558" s="5" t="s">
        <v>1521</v>
      </c>
      <c r="O1558" s="5" t="s">
        <v>38</v>
      </c>
      <c r="P1558" s="5" t="s">
        <v>39</v>
      </c>
      <c r="Q1558" s="5" t="s">
        <v>40</v>
      </c>
      <c r="R1558" s="5" t="s">
        <v>1522</v>
      </c>
      <c r="S1558" s="5" t="s">
        <v>1523</v>
      </c>
      <c r="T1558" s="5" t="s">
        <v>42</v>
      </c>
      <c r="U1558" s="2">
        <v>2.4630000000000001</v>
      </c>
      <c r="V1558" s="2">
        <v>1.9870000000000001</v>
      </c>
      <c r="W1558" s="2">
        <v>1.4999999999999999E-2</v>
      </c>
      <c r="X1558" s="2">
        <v>118.9</v>
      </c>
      <c r="Y1558" s="2">
        <v>7.6</v>
      </c>
      <c r="Z1558" s="2">
        <v>16.7</v>
      </c>
      <c r="AA1558" s="5"/>
      <c r="AB1558" s="5" t="s">
        <v>43</v>
      </c>
      <c r="AC1558" s="5" t="s">
        <v>44</v>
      </c>
      <c r="AD1558" s="2"/>
      <c r="AE1558" s="1"/>
    </row>
    <row r="1559" spans="1:31" ht="14.45">
      <c r="A1559" s="11"/>
      <c r="B1559" s="20"/>
      <c r="C1559" s="2" t="s">
        <v>5098</v>
      </c>
      <c r="D1559" s="14" t="s">
        <v>5099</v>
      </c>
      <c r="E1559" s="2" t="s">
        <v>5100</v>
      </c>
      <c r="F1559" s="2" t="s">
        <v>1803</v>
      </c>
      <c r="G1559" s="8">
        <v>182</v>
      </c>
      <c r="H1559" s="5">
        <v>6</v>
      </c>
      <c r="I1559" s="5" t="s">
        <v>1518</v>
      </c>
      <c r="J1559" s="5" t="s">
        <v>1519</v>
      </c>
      <c r="K1559" s="2" t="s">
        <v>1520</v>
      </c>
      <c r="L1559" s="5" t="s">
        <v>1519</v>
      </c>
      <c r="M1559" s="2" t="s">
        <v>1520</v>
      </c>
      <c r="N1559" s="5" t="s">
        <v>1521</v>
      </c>
      <c r="O1559" s="5" t="s">
        <v>38</v>
      </c>
      <c r="P1559" s="5" t="s">
        <v>39</v>
      </c>
      <c r="Q1559" s="5" t="s">
        <v>40</v>
      </c>
      <c r="R1559" s="5" t="s">
        <v>1522</v>
      </c>
      <c r="S1559" s="5" t="s">
        <v>1523</v>
      </c>
      <c r="T1559" s="5" t="s">
        <v>42</v>
      </c>
      <c r="U1559" s="2">
        <v>2.512</v>
      </c>
      <c r="V1559" s="2">
        <v>2.036</v>
      </c>
      <c r="W1559" s="2">
        <v>1.4999999999999999E-2</v>
      </c>
      <c r="X1559" s="2">
        <v>118.9</v>
      </c>
      <c r="Y1559" s="2">
        <v>7.6</v>
      </c>
      <c r="Z1559" s="2">
        <v>16.7</v>
      </c>
      <c r="AA1559" s="5"/>
      <c r="AB1559" s="5" t="s">
        <v>43</v>
      </c>
      <c r="AC1559" s="5" t="s">
        <v>44</v>
      </c>
      <c r="AD1559" s="2"/>
      <c r="AE1559" s="1"/>
    </row>
    <row r="1560" spans="1:31" ht="14.45">
      <c r="A1560" s="11"/>
      <c r="B1560" s="20"/>
      <c r="C1560" s="2" t="s">
        <v>5101</v>
      </c>
      <c r="D1560" s="14" t="s">
        <v>5102</v>
      </c>
      <c r="E1560" s="2" t="s">
        <v>5103</v>
      </c>
      <c r="F1560" s="2" t="s">
        <v>1807</v>
      </c>
      <c r="G1560" s="8">
        <v>182</v>
      </c>
      <c r="H1560" s="5">
        <v>6</v>
      </c>
      <c r="I1560" s="5" t="s">
        <v>1518</v>
      </c>
      <c r="J1560" s="5" t="s">
        <v>1519</v>
      </c>
      <c r="K1560" s="2" t="s">
        <v>1520</v>
      </c>
      <c r="L1560" s="5" t="s">
        <v>1519</v>
      </c>
      <c r="M1560" s="2" t="s">
        <v>1520</v>
      </c>
      <c r="N1560" s="5" t="s">
        <v>1521</v>
      </c>
      <c r="O1560" s="5" t="s">
        <v>38</v>
      </c>
      <c r="P1560" s="5" t="s">
        <v>39</v>
      </c>
      <c r="Q1560" s="5" t="s">
        <v>40</v>
      </c>
      <c r="R1560" s="5" t="s">
        <v>1522</v>
      </c>
      <c r="S1560" s="5" t="s">
        <v>1523</v>
      </c>
      <c r="T1560" s="5" t="s">
        <v>42</v>
      </c>
      <c r="U1560" s="2">
        <v>2.4630000000000001</v>
      </c>
      <c r="V1560" s="2">
        <v>1.9870000000000001</v>
      </c>
      <c r="W1560" s="2">
        <v>1.4999999999999999E-2</v>
      </c>
      <c r="X1560" s="2">
        <v>118.9</v>
      </c>
      <c r="Y1560" s="2">
        <v>7.6</v>
      </c>
      <c r="Z1560" s="2">
        <v>16.7</v>
      </c>
      <c r="AA1560" s="5"/>
      <c r="AB1560" s="5" t="s">
        <v>43</v>
      </c>
      <c r="AC1560" s="5" t="s">
        <v>44</v>
      </c>
      <c r="AD1560" s="2"/>
      <c r="AE1560" s="1"/>
    </row>
    <row r="1561" spans="1:31" ht="14.45">
      <c r="A1561" s="11"/>
      <c r="B1561" s="20"/>
      <c r="C1561" s="2" t="s">
        <v>5104</v>
      </c>
      <c r="D1561" s="14" t="s">
        <v>5105</v>
      </c>
      <c r="E1561" s="2" t="s">
        <v>5106</v>
      </c>
      <c r="F1561" s="2" t="s">
        <v>1811</v>
      </c>
      <c r="G1561" s="8">
        <v>182</v>
      </c>
      <c r="H1561" s="5">
        <v>6</v>
      </c>
      <c r="I1561" s="5" t="s">
        <v>1518</v>
      </c>
      <c r="J1561" s="5" t="s">
        <v>1519</v>
      </c>
      <c r="K1561" s="2" t="s">
        <v>1520</v>
      </c>
      <c r="L1561" s="5" t="s">
        <v>1519</v>
      </c>
      <c r="M1561" s="2" t="s">
        <v>1520</v>
      </c>
      <c r="N1561" s="5" t="s">
        <v>1521</v>
      </c>
      <c r="O1561" s="5" t="s">
        <v>38</v>
      </c>
      <c r="P1561" s="5" t="s">
        <v>39</v>
      </c>
      <c r="Q1561" s="5" t="s">
        <v>40</v>
      </c>
      <c r="R1561" s="5" t="s">
        <v>1522</v>
      </c>
      <c r="S1561" s="5" t="s">
        <v>1523</v>
      </c>
      <c r="T1561" s="5" t="s">
        <v>42</v>
      </c>
      <c r="U1561" s="2">
        <v>2.512</v>
      </c>
      <c r="V1561" s="2">
        <v>2.036</v>
      </c>
      <c r="W1561" s="2">
        <v>1.4999999999999999E-2</v>
      </c>
      <c r="X1561" s="2">
        <v>118.9</v>
      </c>
      <c r="Y1561" s="2">
        <v>7.6</v>
      </c>
      <c r="Z1561" s="2">
        <v>16.7</v>
      </c>
      <c r="AA1561" s="5"/>
      <c r="AB1561" s="5" t="s">
        <v>43</v>
      </c>
      <c r="AC1561" s="5" t="s">
        <v>44</v>
      </c>
      <c r="AD1561" s="2"/>
      <c r="AE1561" s="1"/>
    </row>
    <row r="1562" spans="1:31" ht="14.45">
      <c r="A1562" s="11"/>
      <c r="B1562" s="20"/>
      <c r="C1562" s="2" t="s">
        <v>5107</v>
      </c>
      <c r="D1562" s="14" t="s">
        <v>5108</v>
      </c>
      <c r="E1562" s="2" t="s">
        <v>5109</v>
      </c>
      <c r="F1562" s="2" t="s">
        <v>1815</v>
      </c>
      <c r="G1562" s="8">
        <v>182</v>
      </c>
      <c r="H1562" s="5">
        <v>6</v>
      </c>
      <c r="I1562" s="5" t="s">
        <v>1518</v>
      </c>
      <c r="J1562" s="5" t="s">
        <v>1519</v>
      </c>
      <c r="K1562" s="2" t="s">
        <v>1520</v>
      </c>
      <c r="L1562" s="5" t="s">
        <v>1519</v>
      </c>
      <c r="M1562" s="2" t="s">
        <v>1520</v>
      </c>
      <c r="N1562" s="5" t="s">
        <v>1521</v>
      </c>
      <c r="O1562" s="5" t="s">
        <v>38</v>
      </c>
      <c r="P1562" s="5" t="s">
        <v>39</v>
      </c>
      <c r="Q1562" s="5" t="s">
        <v>40</v>
      </c>
      <c r="R1562" s="5" t="s">
        <v>1522</v>
      </c>
      <c r="S1562" s="5" t="s">
        <v>1523</v>
      </c>
      <c r="T1562" s="5" t="s">
        <v>42</v>
      </c>
      <c r="U1562" s="2">
        <v>2.4380000000000002</v>
      </c>
      <c r="V1562" s="2">
        <v>1.962</v>
      </c>
      <c r="W1562" s="2">
        <v>1.4999999999999999E-2</v>
      </c>
      <c r="X1562" s="2">
        <v>118.9</v>
      </c>
      <c r="Y1562" s="2">
        <v>7.6</v>
      </c>
      <c r="Z1562" s="2">
        <v>16.7</v>
      </c>
      <c r="AA1562" s="5"/>
      <c r="AB1562" s="5" t="s">
        <v>43</v>
      </c>
      <c r="AC1562" s="5" t="s">
        <v>44</v>
      </c>
      <c r="AD1562" s="2"/>
      <c r="AE1562" s="1"/>
    </row>
    <row r="1563" spans="1:31" ht="14.45">
      <c r="A1563" s="11"/>
      <c r="B1563" s="20"/>
      <c r="C1563" s="2" t="s">
        <v>5110</v>
      </c>
      <c r="D1563" s="14" t="s">
        <v>5111</v>
      </c>
      <c r="E1563" s="2" t="s">
        <v>5112</v>
      </c>
      <c r="F1563" s="2" t="s">
        <v>1819</v>
      </c>
      <c r="G1563" s="8">
        <v>182</v>
      </c>
      <c r="H1563" s="5">
        <v>6</v>
      </c>
      <c r="I1563" s="5" t="s">
        <v>1518</v>
      </c>
      <c r="J1563" s="5" t="s">
        <v>1519</v>
      </c>
      <c r="K1563" s="2" t="s">
        <v>1520</v>
      </c>
      <c r="L1563" s="5" t="s">
        <v>1519</v>
      </c>
      <c r="M1563" s="2" t="s">
        <v>1520</v>
      </c>
      <c r="N1563" s="5" t="s">
        <v>1521</v>
      </c>
      <c r="O1563" s="5" t="s">
        <v>38</v>
      </c>
      <c r="P1563" s="5" t="s">
        <v>39</v>
      </c>
      <c r="Q1563" s="5" t="s">
        <v>40</v>
      </c>
      <c r="R1563" s="5" t="s">
        <v>1522</v>
      </c>
      <c r="S1563" s="5" t="s">
        <v>1523</v>
      </c>
      <c r="T1563" s="5" t="s">
        <v>42</v>
      </c>
      <c r="U1563" s="2">
        <v>2.4870000000000001</v>
      </c>
      <c r="V1563" s="2">
        <v>2.0110000000000001</v>
      </c>
      <c r="W1563" s="2">
        <v>1.4999999999999999E-2</v>
      </c>
      <c r="X1563" s="2">
        <v>118.9</v>
      </c>
      <c r="Y1563" s="2">
        <v>7.6</v>
      </c>
      <c r="Z1563" s="2">
        <v>16.7</v>
      </c>
      <c r="AA1563" s="5"/>
      <c r="AB1563" s="5" t="s">
        <v>43</v>
      </c>
      <c r="AC1563" s="5" t="s">
        <v>44</v>
      </c>
      <c r="AD1563" s="2"/>
      <c r="AE1563" s="1"/>
    </row>
    <row r="1564" spans="1:31" ht="14.45">
      <c r="A1564" s="11"/>
      <c r="B1564" s="20"/>
      <c r="C1564" s="2" t="s">
        <v>5113</v>
      </c>
      <c r="D1564" s="14" t="s">
        <v>5114</v>
      </c>
      <c r="E1564" s="2" t="s">
        <v>5115</v>
      </c>
      <c r="F1564" s="2" t="s">
        <v>1823</v>
      </c>
      <c r="G1564" s="8">
        <v>182</v>
      </c>
      <c r="H1564" s="5">
        <v>8</v>
      </c>
      <c r="I1564" s="5" t="s">
        <v>1518</v>
      </c>
      <c r="J1564" s="5" t="s">
        <v>1519</v>
      </c>
      <c r="K1564" s="2" t="s">
        <v>1520</v>
      </c>
      <c r="L1564" s="5" t="s">
        <v>1519</v>
      </c>
      <c r="M1564" s="2" t="s">
        <v>1520</v>
      </c>
      <c r="N1564" s="5" t="s">
        <v>1521</v>
      </c>
      <c r="O1564" s="5" t="s">
        <v>38</v>
      </c>
      <c r="P1564" s="5" t="s">
        <v>39</v>
      </c>
      <c r="Q1564" s="5" t="s">
        <v>40</v>
      </c>
      <c r="R1564" s="5" t="s">
        <v>1522</v>
      </c>
      <c r="S1564" s="5" t="s">
        <v>1523</v>
      </c>
      <c r="T1564" s="5" t="s">
        <v>42</v>
      </c>
      <c r="U1564" s="2">
        <v>2.4809999999999999</v>
      </c>
      <c r="V1564" s="2">
        <v>2.0049999999999999</v>
      </c>
      <c r="W1564" s="2">
        <v>1.4999999999999999E-2</v>
      </c>
      <c r="X1564" s="2">
        <v>118.9</v>
      </c>
      <c r="Y1564" s="2">
        <v>7.6</v>
      </c>
      <c r="Z1564" s="2">
        <v>16.7</v>
      </c>
      <c r="AA1564" s="5"/>
      <c r="AB1564" s="5" t="s">
        <v>43</v>
      </c>
      <c r="AC1564" s="5" t="s">
        <v>44</v>
      </c>
      <c r="AD1564" s="2"/>
      <c r="AE1564" s="1"/>
    </row>
    <row r="1565" spans="1:31" ht="14.45">
      <c r="A1565" s="11"/>
      <c r="B1565" s="20"/>
      <c r="C1565" s="2" t="s">
        <v>5116</v>
      </c>
      <c r="D1565" s="14" t="s">
        <v>5117</v>
      </c>
      <c r="E1565" s="2" t="s">
        <v>5118</v>
      </c>
      <c r="F1565" s="2" t="s">
        <v>1827</v>
      </c>
      <c r="G1565" s="8">
        <v>182</v>
      </c>
      <c r="H1565" s="5">
        <v>8</v>
      </c>
      <c r="I1565" s="5" t="s">
        <v>1518</v>
      </c>
      <c r="J1565" s="5" t="s">
        <v>1519</v>
      </c>
      <c r="K1565" s="2" t="s">
        <v>1520</v>
      </c>
      <c r="L1565" s="5" t="s">
        <v>1519</v>
      </c>
      <c r="M1565" s="2" t="s">
        <v>1520</v>
      </c>
      <c r="N1565" s="5" t="s">
        <v>1521</v>
      </c>
      <c r="O1565" s="5" t="s">
        <v>38</v>
      </c>
      <c r="P1565" s="5" t="s">
        <v>39</v>
      </c>
      <c r="Q1565" s="5" t="s">
        <v>40</v>
      </c>
      <c r="R1565" s="5" t="s">
        <v>1522</v>
      </c>
      <c r="S1565" s="5" t="s">
        <v>1523</v>
      </c>
      <c r="T1565" s="5" t="s">
        <v>42</v>
      </c>
      <c r="U1565" s="2">
        <v>2.5299999999999998</v>
      </c>
      <c r="V1565" s="2">
        <v>2.0539999999999998</v>
      </c>
      <c r="W1565" s="2">
        <v>1.4999999999999999E-2</v>
      </c>
      <c r="X1565" s="2">
        <v>118.9</v>
      </c>
      <c r="Y1565" s="2">
        <v>7.6</v>
      </c>
      <c r="Z1565" s="2">
        <v>16.7</v>
      </c>
      <c r="AA1565" s="5"/>
      <c r="AB1565" s="5" t="s">
        <v>43</v>
      </c>
      <c r="AC1565" s="5" t="s">
        <v>44</v>
      </c>
      <c r="AD1565" s="2"/>
      <c r="AE1565" s="1"/>
    </row>
    <row r="1566" spans="1:31" ht="14.45">
      <c r="A1566" s="11"/>
      <c r="B1566" s="20"/>
      <c r="C1566" s="2" t="s">
        <v>5119</v>
      </c>
      <c r="D1566" s="14" t="s">
        <v>5120</v>
      </c>
      <c r="E1566" s="2" t="s">
        <v>5121</v>
      </c>
      <c r="F1566" s="2" t="s">
        <v>2348</v>
      </c>
      <c r="G1566" s="8">
        <v>182</v>
      </c>
      <c r="H1566" s="5">
        <v>13</v>
      </c>
      <c r="I1566" s="5" t="s">
        <v>1518</v>
      </c>
      <c r="J1566" s="5" t="s">
        <v>1519</v>
      </c>
      <c r="K1566" s="2" t="s">
        <v>1520</v>
      </c>
      <c r="L1566" s="5" t="s">
        <v>1519</v>
      </c>
      <c r="M1566" s="2" t="s">
        <v>1520</v>
      </c>
      <c r="N1566" s="5" t="s">
        <v>1521</v>
      </c>
      <c r="O1566" s="5" t="s">
        <v>38</v>
      </c>
      <c r="P1566" s="5" t="s">
        <v>39</v>
      </c>
      <c r="Q1566" s="5" t="s">
        <v>40</v>
      </c>
      <c r="R1566" s="5" t="s">
        <v>1522</v>
      </c>
      <c r="S1566" s="5" t="s">
        <v>1523</v>
      </c>
      <c r="T1566" s="5" t="s">
        <v>42</v>
      </c>
      <c r="U1566" s="2">
        <v>2.544</v>
      </c>
      <c r="V1566" s="2">
        <v>2.0680000000000001</v>
      </c>
      <c r="W1566" s="2">
        <v>1.4999999999999999E-2</v>
      </c>
      <c r="X1566" s="2">
        <v>118.9</v>
      </c>
      <c r="Y1566" s="2">
        <v>7.6</v>
      </c>
      <c r="Z1566" s="2">
        <v>16.7</v>
      </c>
      <c r="AA1566" s="5"/>
      <c r="AB1566" s="5" t="s">
        <v>43</v>
      </c>
      <c r="AC1566" s="5" t="s">
        <v>44</v>
      </c>
      <c r="AD1566" s="2"/>
      <c r="AE1566" s="1"/>
    </row>
    <row r="1567" spans="1:31" ht="14.45">
      <c r="A1567" s="11"/>
      <c r="B1567" s="20"/>
      <c r="C1567" s="2" t="s">
        <v>5122</v>
      </c>
      <c r="D1567" s="14" t="s">
        <v>5123</v>
      </c>
      <c r="E1567" s="2" t="s">
        <v>5124</v>
      </c>
      <c r="F1567" s="2" t="s">
        <v>2204</v>
      </c>
      <c r="G1567" s="8">
        <v>182</v>
      </c>
      <c r="H1567" s="5">
        <v>13</v>
      </c>
      <c r="I1567" s="5" t="s">
        <v>1518</v>
      </c>
      <c r="J1567" s="5" t="s">
        <v>1519</v>
      </c>
      <c r="K1567" s="2" t="s">
        <v>1520</v>
      </c>
      <c r="L1567" s="5" t="s">
        <v>1519</v>
      </c>
      <c r="M1567" s="2" t="s">
        <v>1520</v>
      </c>
      <c r="N1567" s="5" t="s">
        <v>1521</v>
      </c>
      <c r="O1567" s="5" t="s">
        <v>38</v>
      </c>
      <c r="P1567" s="5" t="s">
        <v>39</v>
      </c>
      <c r="Q1567" s="5" t="s">
        <v>40</v>
      </c>
      <c r="R1567" s="5" t="s">
        <v>1522</v>
      </c>
      <c r="S1567" s="5" t="s">
        <v>1523</v>
      </c>
      <c r="T1567" s="5" t="s">
        <v>42</v>
      </c>
      <c r="U1567" s="2">
        <v>2.4950000000000001</v>
      </c>
      <c r="V1567" s="2">
        <v>2.0190000000000001</v>
      </c>
      <c r="W1567" s="2">
        <v>1.4999999999999999E-2</v>
      </c>
      <c r="X1567" s="2">
        <v>118.9</v>
      </c>
      <c r="Y1567" s="2">
        <v>7.6</v>
      </c>
      <c r="Z1567" s="2">
        <v>16.7</v>
      </c>
      <c r="AA1567" s="5"/>
      <c r="AB1567" s="5" t="s">
        <v>43</v>
      </c>
      <c r="AC1567" s="5" t="s">
        <v>44</v>
      </c>
      <c r="AD1567" s="2"/>
      <c r="AE1567" s="1"/>
    </row>
    <row r="1568" spans="1:31" ht="14.45">
      <c r="A1568" s="11"/>
      <c r="B1568" s="20"/>
      <c r="C1568" s="2" t="s">
        <v>5125</v>
      </c>
      <c r="D1568" s="14" t="s">
        <v>5126</v>
      </c>
      <c r="E1568" s="2" t="s">
        <v>5127</v>
      </c>
      <c r="F1568" s="2" t="s">
        <v>2208</v>
      </c>
      <c r="G1568" s="8">
        <v>182</v>
      </c>
      <c r="H1568" s="5">
        <v>13</v>
      </c>
      <c r="I1568" s="5" t="s">
        <v>1518</v>
      </c>
      <c r="J1568" s="5" t="s">
        <v>1519</v>
      </c>
      <c r="K1568" s="2" t="s">
        <v>1520</v>
      </c>
      <c r="L1568" s="5" t="s">
        <v>1519</v>
      </c>
      <c r="M1568" s="2" t="s">
        <v>1520</v>
      </c>
      <c r="N1568" s="5" t="s">
        <v>1521</v>
      </c>
      <c r="O1568" s="5" t="s">
        <v>38</v>
      </c>
      <c r="P1568" s="5" t="s">
        <v>39</v>
      </c>
      <c r="Q1568" s="5" t="s">
        <v>40</v>
      </c>
      <c r="R1568" s="5" t="s">
        <v>1522</v>
      </c>
      <c r="S1568" s="5" t="s">
        <v>1523</v>
      </c>
      <c r="T1568" s="5" t="s">
        <v>42</v>
      </c>
      <c r="U1568" s="2">
        <v>2.4950000000000001</v>
      </c>
      <c r="V1568" s="2">
        <v>2.0190000000000001</v>
      </c>
      <c r="W1568" s="2">
        <v>1.4999999999999999E-2</v>
      </c>
      <c r="X1568" s="2">
        <v>118.9</v>
      </c>
      <c r="Y1568" s="2">
        <v>7.6</v>
      </c>
      <c r="Z1568" s="2">
        <v>16.7</v>
      </c>
      <c r="AA1568" s="5"/>
      <c r="AB1568" s="5" t="s">
        <v>43</v>
      </c>
      <c r="AC1568" s="5" t="s">
        <v>44</v>
      </c>
      <c r="AD1568" s="2"/>
      <c r="AE1568" s="1"/>
    </row>
    <row r="1569" spans="1:31" ht="14.45">
      <c r="A1569" s="11"/>
      <c r="B1569" s="20"/>
      <c r="C1569" s="2" t="s">
        <v>5128</v>
      </c>
      <c r="D1569" s="14" t="s">
        <v>5129</v>
      </c>
      <c r="E1569" s="2" t="s">
        <v>5130</v>
      </c>
      <c r="F1569" s="2" t="s">
        <v>2212</v>
      </c>
      <c r="G1569" s="8">
        <v>182</v>
      </c>
      <c r="H1569" s="5">
        <v>13</v>
      </c>
      <c r="I1569" s="5" t="s">
        <v>1518</v>
      </c>
      <c r="J1569" s="5" t="s">
        <v>1519</v>
      </c>
      <c r="K1569" s="2" t="s">
        <v>1520</v>
      </c>
      <c r="L1569" s="5" t="s">
        <v>1519</v>
      </c>
      <c r="M1569" s="2" t="s">
        <v>1520</v>
      </c>
      <c r="N1569" s="5" t="s">
        <v>1521</v>
      </c>
      <c r="O1569" s="5" t="s">
        <v>38</v>
      </c>
      <c r="P1569" s="5" t="s">
        <v>39</v>
      </c>
      <c r="Q1569" s="5" t="s">
        <v>40</v>
      </c>
      <c r="R1569" s="5" t="s">
        <v>1522</v>
      </c>
      <c r="S1569" s="5" t="s">
        <v>1523</v>
      </c>
      <c r="T1569" s="5" t="s">
        <v>42</v>
      </c>
      <c r="U1569" s="2">
        <v>2.544</v>
      </c>
      <c r="V1569" s="2">
        <v>2.0680000000000001</v>
      </c>
      <c r="W1569" s="2">
        <v>1.4999999999999999E-2</v>
      </c>
      <c r="X1569" s="2">
        <v>118.9</v>
      </c>
      <c r="Y1569" s="2">
        <v>7.6</v>
      </c>
      <c r="Z1569" s="2">
        <v>16.7</v>
      </c>
      <c r="AA1569" s="5"/>
      <c r="AB1569" s="5" t="s">
        <v>43</v>
      </c>
      <c r="AC1569" s="5" t="s">
        <v>44</v>
      </c>
      <c r="AD1569" s="2"/>
      <c r="AE1569" s="1"/>
    </row>
    <row r="1570" spans="1:31" ht="14.45">
      <c r="A1570" s="11"/>
      <c r="B1570" s="20"/>
      <c r="C1570" s="2" t="s">
        <v>5131</v>
      </c>
      <c r="D1570" s="14" t="s">
        <v>5132</v>
      </c>
      <c r="E1570" s="2" t="s">
        <v>5133</v>
      </c>
      <c r="F1570" s="2" t="s">
        <v>1831</v>
      </c>
      <c r="G1570" s="8">
        <v>182</v>
      </c>
      <c r="H1570" s="5">
        <v>13</v>
      </c>
      <c r="I1570" s="5" t="s">
        <v>1518</v>
      </c>
      <c r="J1570" s="5" t="s">
        <v>1519</v>
      </c>
      <c r="K1570" s="2" t="s">
        <v>1520</v>
      </c>
      <c r="L1570" s="5" t="s">
        <v>1519</v>
      </c>
      <c r="M1570" s="2" t="s">
        <v>1520</v>
      </c>
      <c r="N1570" s="5" t="s">
        <v>1521</v>
      </c>
      <c r="O1570" s="5" t="s">
        <v>38</v>
      </c>
      <c r="P1570" s="5" t="s">
        <v>39</v>
      </c>
      <c r="Q1570" s="5" t="s">
        <v>40</v>
      </c>
      <c r="R1570" s="5" t="s">
        <v>1522</v>
      </c>
      <c r="S1570" s="5" t="s">
        <v>1523</v>
      </c>
      <c r="T1570" s="5" t="s">
        <v>42</v>
      </c>
      <c r="U1570" s="2">
        <v>2.4950000000000001</v>
      </c>
      <c r="V1570" s="2">
        <v>2.0190000000000001</v>
      </c>
      <c r="W1570" s="2">
        <v>1.4999999999999999E-2</v>
      </c>
      <c r="X1570" s="2">
        <v>118.9</v>
      </c>
      <c r="Y1570" s="2">
        <v>7.6</v>
      </c>
      <c r="Z1570" s="2">
        <v>16.7</v>
      </c>
      <c r="AA1570" s="5"/>
      <c r="AB1570" s="5" t="s">
        <v>43</v>
      </c>
      <c r="AC1570" s="5" t="s">
        <v>44</v>
      </c>
      <c r="AD1570" s="2"/>
      <c r="AE1570" s="1"/>
    </row>
    <row r="1571" spans="1:31" ht="14.45">
      <c r="A1571" s="11"/>
      <c r="B1571" s="20"/>
      <c r="C1571" s="2" t="s">
        <v>5134</v>
      </c>
      <c r="D1571" s="14" t="s">
        <v>5135</v>
      </c>
      <c r="E1571" s="2" t="s">
        <v>5136</v>
      </c>
      <c r="F1571" s="2" t="s">
        <v>1835</v>
      </c>
      <c r="G1571" s="8">
        <v>182</v>
      </c>
      <c r="H1571" s="5">
        <v>13</v>
      </c>
      <c r="I1571" s="5" t="s">
        <v>1518</v>
      </c>
      <c r="J1571" s="5" t="s">
        <v>1519</v>
      </c>
      <c r="K1571" s="2" t="s">
        <v>1520</v>
      </c>
      <c r="L1571" s="5" t="s">
        <v>1519</v>
      </c>
      <c r="M1571" s="2" t="s">
        <v>1520</v>
      </c>
      <c r="N1571" s="5" t="s">
        <v>1521</v>
      </c>
      <c r="O1571" s="5" t="s">
        <v>38</v>
      </c>
      <c r="P1571" s="5" t="s">
        <v>39</v>
      </c>
      <c r="Q1571" s="5" t="s">
        <v>40</v>
      </c>
      <c r="R1571" s="5" t="s">
        <v>1522</v>
      </c>
      <c r="S1571" s="5" t="s">
        <v>1523</v>
      </c>
      <c r="T1571" s="5" t="s">
        <v>42</v>
      </c>
      <c r="U1571" s="2">
        <v>2.544</v>
      </c>
      <c r="V1571" s="2">
        <v>2.0680000000000001</v>
      </c>
      <c r="W1571" s="2">
        <v>1.4999999999999999E-2</v>
      </c>
      <c r="X1571" s="2">
        <v>118.9</v>
      </c>
      <c r="Y1571" s="2">
        <v>7.6</v>
      </c>
      <c r="Z1571" s="2">
        <v>16.7</v>
      </c>
      <c r="AA1571" s="5"/>
      <c r="AB1571" s="5" t="s">
        <v>43</v>
      </c>
      <c r="AC1571" s="5" t="s">
        <v>44</v>
      </c>
      <c r="AD1571" s="2"/>
      <c r="AE1571" s="1"/>
    </row>
    <row r="1572" spans="1:31" ht="14.45">
      <c r="A1572" s="11"/>
      <c r="B1572" s="20"/>
      <c r="C1572" s="2" t="s">
        <v>5137</v>
      </c>
      <c r="D1572" s="14" t="s">
        <v>5138</v>
      </c>
      <c r="E1572" s="2" t="s">
        <v>5139</v>
      </c>
      <c r="F1572" s="2" t="s">
        <v>1839</v>
      </c>
      <c r="G1572" s="8">
        <v>182</v>
      </c>
      <c r="H1572" s="5">
        <v>13</v>
      </c>
      <c r="I1572" s="5" t="s">
        <v>1518</v>
      </c>
      <c r="J1572" s="5" t="s">
        <v>1519</v>
      </c>
      <c r="K1572" s="2" t="s">
        <v>1520</v>
      </c>
      <c r="L1572" s="5" t="s">
        <v>1519</v>
      </c>
      <c r="M1572" s="2" t="s">
        <v>1520</v>
      </c>
      <c r="N1572" s="5" t="s">
        <v>1521</v>
      </c>
      <c r="O1572" s="5" t="s">
        <v>38</v>
      </c>
      <c r="P1572" s="5" t="s">
        <v>39</v>
      </c>
      <c r="Q1572" s="5" t="s">
        <v>40</v>
      </c>
      <c r="R1572" s="5" t="s">
        <v>1522</v>
      </c>
      <c r="S1572" s="5" t="s">
        <v>1523</v>
      </c>
      <c r="T1572" s="5" t="s">
        <v>42</v>
      </c>
      <c r="U1572" s="2">
        <v>2.4950000000000001</v>
      </c>
      <c r="V1572" s="2">
        <v>2.0190000000000001</v>
      </c>
      <c r="W1572" s="2">
        <v>1.4999999999999999E-2</v>
      </c>
      <c r="X1572" s="2">
        <v>118.9</v>
      </c>
      <c r="Y1572" s="2">
        <v>7.6</v>
      </c>
      <c r="Z1572" s="2">
        <v>16.7</v>
      </c>
      <c r="AA1572" s="5"/>
      <c r="AB1572" s="5" t="s">
        <v>43</v>
      </c>
      <c r="AC1572" s="5" t="s">
        <v>44</v>
      </c>
      <c r="AD1572" s="2"/>
      <c r="AE1572" s="1"/>
    </row>
    <row r="1573" spans="1:31" ht="14.45">
      <c r="A1573" s="11"/>
      <c r="B1573" s="20"/>
      <c r="C1573" s="2" t="s">
        <v>5140</v>
      </c>
      <c r="D1573" s="14" t="s">
        <v>5141</v>
      </c>
      <c r="E1573" s="2" t="s">
        <v>5142</v>
      </c>
      <c r="F1573" s="2" t="s">
        <v>1986</v>
      </c>
      <c r="G1573" s="8">
        <v>182</v>
      </c>
      <c r="H1573" s="5">
        <v>13</v>
      </c>
      <c r="I1573" s="5" t="s">
        <v>1518</v>
      </c>
      <c r="J1573" s="5" t="s">
        <v>1519</v>
      </c>
      <c r="K1573" s="2" t="s">
        <v>1520</v>
      </c>
      <c r="L1573" s="5" t="s">
        <v>1519</v>
      </c>
      <c r="M1573" s="2" t="s">
        <v>1520</v>
      </c>
      <c r="N1573" s="5" t="s">
        <v>1521</v>
      </c>
      <c r="O1573" s="5" t="s">
        <v>38</v>
      </c>
      <c r="P1573" s="5" t="s">
        <v>39</v>
      </c>
      <c r="Q1573" s="5" t="s">
        <v>40</v>
      </c>
      <c r="R1573" s="5" t="s">
        <v>1522</v>
      </c>
      <c r="S1573" s="5" t="s">
        <v>1523</v>
      </c>
      <c r="T1573" s="5" t="s">
        <v>42</v>
      </c>
      <c r="U1573" s="2">
        <v>2.544</v>
      </c>
      <c r="V1573" s="2">
        <v>2.0680000000000001</v>
      </c>
      <c r="W1573" s="2">
        <v>1.4999999999999999E-2</v>
      </c>
      <c r="X1573" s="2">
        <v>118.9</v>
      </c>
      <c r="Y1573" s="2">
        <v>7.6</v>
      </c>
      <c r="Z1573" s="2">
        <v>16.7</v>
      </c>
      <c r="AA1573" s="5"/>
      <c r="AB1573" s="5" t="s">
        <v>43</v>
      </c>
      <c r="AC1573" s="5" t="s">
        <v>44</v>
      </c>
      <c r="AD1573" s="2"/>
      <c r="AE1573" s="1"/>
    </row>
    <row r="1574" spans="1:31" ht="14.45">
      <c r="A1574" s="11"/>
      <c r="B1574" s="20"/>
      <c r="C1574" s="2" t="s">
        <v>5143</v>
      </c>
      <c r="D1574" s="14" t="s">
        <v>5144</v>
      </c>
      <c r="E1574" s="2" t="s">
        <v>5145</v>
      </c>
      <c r="F1574" s="2" t="s">
        <v>1843</v>
      </c>
      <c r="G1574" s="8">
        <v>182</v>
      </c>
      <c r="H1574" s="5">
        <v>13</v>
      </c>
      <c r="I1574" s="5" t="s">
        <v>1518</v>
      </c>
      <c r="J1574" s="5" t="s">
        <v>1519</v>
      </c>
      <c r="K1574" s="2" t="s">
        <v>1520</v>
      </c>
      <c r="L1574" s="5" t="s">
        <v>1519</v>
      </c>
      <c r="M1574" s="2" t="s">
        <v>1520</v>
      </c>
      <c r="N1574" s="5" t="s">
        <v>1521</v>
      </c>
      <c r="O1574" s="5" t="s">
        <v>38</v>
      </c>
      <c r="P1574" s="5" t="s">
        <v>39</v>
      </c>
      <c r="Q1574" s="5" t="s">
        <v>40</v>
      </c>
      <c r="R1574" s="5" t="s">
        <v>1522</v>
      </c>
      <c r="S1574" s="5" t="s">
        <v>1523</v>
      </c>
      <c r="T1574" s="5" t="s">
        <v>42</v>
      </c>
      <c r="U1574" s="2">
        <v>2.4950000000000001</v>
      </c>
      <c r="V1574" s="2">
        <v>2.0190000000000001</v>
      </c>
      <c r="W1574" s="2">
        <v>1.4999999999999999E-2</v>
      </c>
      <c r="X1574" s="2">
        <v>118.9</v>
      </c>
      <c r="Y1574" s="2">
        <v>7.6</v>
      </c>
      <c r="Z1574" s="2">
        <v>16.7</v>
      </c>
      <c r="AA1574" s="5"/>
      <c r="AB1574" s="5" t="s">
        <v>43</v>
      </c>
      <c r="AC1574" s="5" t="s">
        <v>44</v>
      </c>
      <c r="AD1574" s="2"/>
      <c r="AE1574" s="1"/>
    </row>
    <row r="1575" spans="1:31" ht="14.45">
      <c r="A1575" s="11"/>
      <c r="B1575" s="20"/>
      <c r="C1575" s="2" t="s">
        <v>5146</v>
      </c>
      <c r="D1575" s="14" t="s">
        <v>5147</v>
      </c>
      <c r="E1575" s="2" t="s">
        <v>5148</v>
      </c>
      <c r="F1575" s="2" t="s">
        <v>1847</v>
      </c>
      <c r="G1575" s="8">
        <v>182</v>
      </c>
      <c r="H1575" s="5">
        <v>13</v>
      </c>
      <c r="I1575" s="5" t="s">
        <v>1518</v>
      </c>
      <c r="J1575" s="5" t="s">
        <v>1519</v>
      </c>
      <c r="K1575" s="2" t="s">
        <v>1520</v>
      </c>
      <c r="L1575" s="5" t="s">
        <v>1519</v>
      </c>
      <c r="M1575" s="2" t="s">
        <v>1520</v>
      </c>
      <c r="N1575" s="5" t="s">
        <v>1521</v>
      </c>
      <c r="O1575" s="5" t="s">
        <v>38</v>
      </c>
      <c r="P1575" s="5" t="s">
        <v>39</v>
      </c>
      <c r="Q1575" s="5" t="s">
        <v>40</v>
      </c>
      <c r="R1575" s="5" t="s">
        <v>1522</v>
      </c>
      <c r="S1575" s="5" t="s">
        <v>1523</v>
      </c>
      <c r="T1575" s="5" t="s">
        <v>42</v>
      </c>
      <c r="U1575" s="2">
        <v>2.544</v>
      </c>
      <c r="V1575" s="2">
        <v>2.0680000000000001</v>
      </c>
      <c r="W1575" s="2">
        <v>1.4999999999999999E-2</v>
      </c>
      <c r="X1575" s="2">
        <v>118.9</v>
      </c>
      <c r="Y1575" s="2">
        <v>7.6</v>
      </c>
      <c r="Z1575" s="2">
        <v>16.7</v>
      </c>
      <c r="AA1575" s="5"/>
      <c r="AB1575" s="5" t="s">
        <v>43</v>
      </c>
      <c r="AC1575" s="5" t="s">
        <v>44</v>
      </c>
      <c r="AD1575" s="2"/>
      <c r="AE1575" s="1"/>
    </row>
    <row r="1576" spans="1:31" ht="14.45">
      <c r="A1576" s="11"/>
      <c r="B1576" s="20"/>
      <c r="C1576" s="2" t="s">
        <v>5149</v>
      </c>
      <c r="D1576" s="14" t="s">
        <v>5150</v>
      </c>
      <c r="E1576" s="2" t="s">
        <v>5151</v>
      </c>
      <c r="F1576" s="2" t="s">
        <v>1851</v>
      </c>
      <c r="G1576" s="8">
        <v>182</v>
      </c>
      <c r="H1576" s="5">
        <v>13</v>
      </c>
      <c r="I1576" s="5" t="s">
        <v>1518</v>
      </c>
      <c r="J1576" s="5" t="s">
        <v>1519</v>
      </c>
      <c r="K1576" s="2" t="s">
        <v>1520</v>
      </c>
      <c r="L1576" s="5" t="s">
        <v>1519</v>
      </c>
      <c r="M1576" s="2" t="s">
        <v>1520</v>
      </c>
      <c r="N1576" s="5" t="s">
        <v>1521</v>
      </c>
      <c r="O1576" s="5" t="s">
        <v>38</v>
      </c>
      <c r="P1576" s="5" t="s">
        <v>39</v>
      </c>
      <c r="Q1576" s="5" t="s">
        <v>40</v>
      </c>
      <c r="R1576" s="5" t="s">
        <v>1522</v>
      </c>
      <c r="S1576" s="5" t="s">
        <v>1523</v>
      </c>
      <c r="T1576" s="5" t="s">
        <v>42</v>
      </c>
      <c r="U1576" s="2">
        <v>2.4950000000000001</v>
      </c>
      <c r="V1576" s="2">
        <v>2.0190000000000001</v>
      </c>
      <c r="W1576" s="2">
        <v>1.4999999999999999E-2</v>
      </c>
      <c r="X1576" s="2">
        <v>118.9</v>
      </c>
      <c r="Y1576" s="2">
        <v>7.6</v>
      </c>
      <c r="Z1576" s="2">
        <v>16.7</v>
      </c>
      <c r="AA1576" s="5"/>
      <c r="AB1576" s="5" t="s">
        <v>43</v>
      </c>
      <c r="AC1576" s="5" t="s">
        <v>44</v>
      </c>
      <c r="AD1576" s="2"/>
      <c r="AE1576" s="1"/>
    </row>
    <row r="1577" spans="1:31" ht="14.45">
      <c r="A1577" s="11"/>
      <c r="B1577" s="20"/>
      <c r="C1577" s="2" t="s">
        <v>5152</v>
      </c>
      <c r="D1577" s="14" t="s">
        <v>5153</v>
      </c>
      <c r="E1577" s="2" t="s">
        <v>5154</v>
      </c>
      <c r="F1577" s="2" t="s">
        <v>1999</v>
      </c>
      <c r="G1577" s="8">
        <v>182</v>
      </c>
      <c r="H1577" s="5">
        <v>13</v>
      </c>
      <c r="I1577" s="5" t="s">
        <v>1518</v>
      </c>
      <c r="J1577" s="5" t="s">
        <v>1519</v>
      </c>
      <c r="K1577" s="2" t="s">
        <v>1520</v>
      </c>
      <c r="L1577" s="5" t="s">
        <v>1519</v>
      </c>
      <c r="M1577" s="2" t="s">
        <v>1520</v>
      </c>
      <c r="N1577" s="5" t="s">
        <v>1521</v>
      </c>
      <c r="O1577" s="5" t="s">
        <v>38</v>
      </c>
      <c r="P1577" s="5" t="s">
        <v>39</v>
      </c>
      <c r="Q1577" s="5" t="s">
        <v>40</v>
      </c>
      <c r="R1577" s="5" t="s">
        <v>1522</v>
      </c>
      <c r="S1577" s="5" t="s">
        <v>1523</v>
      </c>
      <c r="T1577" s="5" t="s">
        <v>42</v>
      </c>
      <c r="U1577" s="2">
        <v>2.544</v>
      </c>
      <c r="V1577" s="2">
        <v>2.0680000000000001</v>
      </c>
      <c r="W1577" s="2">
        <v>1.4999999999999999E-2</v>
      </c>
      <c r="X1577" s="2">
        <v>118.9</v>
      </c>
      <c r="Y1577" s="2">
        <v>7.6</v>
      </c>
      <c r="Z1577" s="2">
        <v>16.7</v>
      </c>
      <c r="AA1577" s="5"/>
      <c r="AB1577" s="5" t="s">
        <v>43</v>
      </c>
      <c r="AC1577" s="5" t="s">
        <v>44</v>
      </c>
      <c r="AD1577" s="2"/>
      <c r="AE1577" s="1"/>
    </row>
    <row r="1578" spans="1:31" ht="14.45">
      <c r="A1578" s="11"/>
      <c r="B1578" s="20"/>
      <c r="C1578" s="2" t="s">
        <v>5155</v>
      </c>
      <c r="D1578" s="14" t="s">
        <v>5156</v>
      </c>
      <c r="E1578" s="2" t="s">
        <v>5157</v>
      </c>
      <c r="F1578" s="2" t="s">
        <v>1859</v>
      </c>
      <c r="G1578" s="8">
        <v>182</v>
      </c>
      <c r="H1578" s="5">
        <v>13</v>
      </c>
      <c r="I1578" s="5" t="s">
        <v>1518</v>
      </c>
      <c r="J1578" s="5" t="s">
        <v>1519</v>
      </c>
      <c r="K1578" s="2" t="s">
        <v>1520</v>
      </c>
      <c r="L1578" s="5" t="s">
        <v>1519</v>
      </c>
      <c r="M1578" s="2" t="s">
        <v>1520</v>
      </c>
      <c r="N1578" s="5" t="s">
        <v>1521</v>
      </c>
      <c r="O1578" s="5" t="s">
        <v>38</v>
      </c>
      <c r="P1578" s="5" t="s">
        <v>39</v>
      </c>
      <c r="Q1578" s="5" t="s">
        <v>40</v>
      </c>
      <c r="R1578" s="5" t="s">
        <v>1522</v>
      </c>
      <c r="S1578" s="5" t="s">
        <v>1523</v>
      </c>
      <c r="T1578" s="5" t="s">
        <v>42</v>
      </c>
      <c r="U1578" s="2">
        <v>2.544</v>
      </c>
      <c r="V1578" s="2">
        <v>2.0680000000000001</v>
      </c>
      <c r="W1578" s="2">
        <v>1.4999999999999999E-2</v>
      </c>
      <c r="X1578" s="2">
        <v>118.9</v>
      </c>
      <c r="Y1578" s="2">
        <v>7.6</v>
      </c>
      <c r="Z1578" s="2">
        <v>16.7</v>
      </c>
      <c r="AA1578" s="5"/>
      <c r="AB1578" s="5" t="s">
        <v>43</v>
      </c>
      <c r="AC1578" s="5" t="s">
        <v>44</v>
      </c>
      <c r="AD1578" s="2"/>
      <c r="AE1578" s="1"/>
    </row>
    <row r="1579" spans="1:31" ht="14.45">
      <c r="A1579" s="11"/>
      <c r="B1579" s="20"/>
      <c r="C1579" s="2" t="s">
        <v>5158</v>
      </c>
      <c r="D1579" s="14" t="s">
        <v>5159</v>
      </c>
      <c r="E1579" s="2" t="s">
        <v>5160</v>
      </c>
      <c r="F1579" s="2" t="s">
        <v>1863</v>
      </c>
      <c r="G1579" s="8">
        <v>182</v>
      </c>
      <c r="H1579" s="5">
        <v>11</v>
      </c>
      <c r="I1579" s="5" t="s">
        <v>1518</v>
      </c>
      <c r="J1579" s="5" t="s">
        <v>1519</v>
      </c>
      <c r="K1579" s="2" t="s">
        <v>1520</v>
      </c>
      <c r="L1579" s="5" t="s">
        <v>1519</v>
      </c>
      <c r="M1579" s="2" t="s">
        <v>1520</v>
      </c>
      <c r="N1579" s="5" t="s">
        <v>1521</v>
      </c>
      <c r="O1579" s="5" t="s">
        <v>38</v>
      </c>
      <c r="P1579" s="5" t="s">
        <v>39</v>
      </c>
      <c r="Q1579" s="5" t="s">
        <v>40</v>
      </c>
      <c r="R1579" s="5" t="s">
        <v>1522</v>
      </c>
      <c r="S1579" s="5" t="s">
        <v>1523</v>
      </c>
      <c r="T1579" s="5" t="s">
        <v>42</v>
      </c>
      <c r="U1579" s="2">
        <v>2.4420000000000002</v>
      </c>
      <c r="V1579" s="2">
        <v>1.966</v>
      </c>
      <c r="W1579" s="2">
        <v>1.4999999999999999E-2</v>
      </c>
      <c r="X1579" s="2">
        <v>118.9</v>
      </c>
      <c r="Y1579" s="2">
        <v>7.6</v>
      </c>
      <c r="Z1579" s="2">
        <v>16.7</v>
      </c>
      <c r="AA1579" s="5"/>
      <c r="AB1579" s="5" t="s">
        <v>43</v>
      </c>
      <c r="AC1579" s="5" t="s">
        <v>44</v>
      </c>
      <c r="AD1579" s="2"/>
      <c r="AE1579" s="1"/>
    </row>
    <row r="1580" spans="1:31" ht="14.45">
      <c r="A1580" s="11"/>
      <c r="B1580" s="20"/>
      <c r="C1580" s="2" t="s">
        <v>5161</v>
      </c>
      <c r="D1580" s="14" t="s">
        <v>5162</v>
      </c>
      <c r="E1580" s="2" t="s">
        <v>5163</v>
      </c>
      <c r="F1580" s="2" t="s">
        <v>1867</v>
      </c>
      <c r="G1580" s="8">
        <v>182</v>
      </c>
      <c r="H1580" s="5">
        <v>11</v>
      </c>
      <c r="I1580" s="5" t="s">
        <v>1518</v>
      </c>
      <c r="J1580" s="5" t="s">
        <v>1519</v>
      </c>
      <c r="K1580" s="2" t="s">
        <v>1520</v>
      </c>
      <c r="L1580" s="5" t="s">
        <v>1519</v>
      </c>
      <c r="M1580" s="2" t="s">
        <v>1520</v>
      </c>
      <c r="N1580" s="5" t="s">
        <v>1521</v>
      </c>
      <c r="O1580" s="5" t="s">
        <v>38</v>
      </c>
      <c r="P1580" s="5" t="s">
        <v>39</v>
      </c>
      <c r="Q1580" s="5" t="s">
        <v>40</v>
      </c>
      <c r="R1580" s="5" t="s">
        <v>1522</v>
      </c>
      <c r="S1580" s="5" t="s">
        <v>1523</v>
      </c>
      <c r="T1580" s="5" t="s">
        <v>42</v>
      </c>
      <c r="U1580" s="2">
        <v>2.4910000000000001</v>
      </c>
      <c r="V1580" s="2">
        <v>2.0150000000000001</v>
      </c>
      <c r="W1580" s="2">
        <v>1.4999999999999999E-2</v>
      </c>
      <c r="X1580" s="2">
        <v>118.9</v>
      </c>
      <c r="Y1580" s="2">
        <v>7.6</v>
      </c>
      <c r="Z1580" s="2">
        <v>16.7</v>
      </c>
      <c r="AA1580" s="5"/>
      <c r="AB1580" s="5" t="s">
        <v>43</v>
      </c>
      <c r="AC1580" s="5" t="s">
        <v>44</v>
      </c>
      <c r="AD1580" s="2"/>
      <c r="AE1580" s="1"/>
    </row>
    <row r="1581" spans="1:31" ht="14.45">
      <c r="A1581" s="11"/>
      <c r="B1581" s="20"/>
      <c r="C1581" s="2" t="s">
        <v>5164</v>
      </c>
      <c r="D1581" s="14" t="s">
        <v>5165</v>
      </c>
      <c r="E1581" s="2" t="s">
        <v>5166</v>
      </c>
      <c r="F1581" s="2" t="s">
        <v>1695</v>
      </c>
      <c r="G1581" s="8">
        <v>170</v>
      </c>
      <c r="H1581" s="5">
        <v>6</v>
      </c>
      <c r="I1581" s="5" t="s">
        <v>1518</v>
      </c>
      <c r="J1581" s="5" t="s">
        <v>1519</v>
      </c>
      <c r="K1581" s="2" t="s">
        <v>1520</v>
      </c>
      <c r="L1581" s="5" t="s">
        <v>1519</v>
      </c>
      <c r="M1581" s="2" t="s">
        <v>1520</v>
      </c>
      <c r="N1581" s="5" t="s">
        <v>1521</v>
      </c>
      <c r="O1581" s="5" t="s">
        <v>38</v>
      </c>
      <c r="P1581" s="5" t="s">
        <v>39</v>
      </c>
      <c r="Q1581" s="5" t="s">
        <v>40</v>
      </c>
      <c r="R1581" s="5" t="s">
        <v>1522</v>
      </c>
      <c r="S1581" s="5" t="s">
        <v>1523</v>
      </c>
      <c r="T1581" s="5" t="s">
        <v>42</v>
      </c>
      <c r="U1581" s="2">
        <v>2.6819999999999999</v>
      </c>
      <c r="V1581" s="2">
        <v>2.1320000000000001</v>
      </c>
      <c r="W1581" s="2">
        <v>1.7999999999999999E-2</v>
      </c>
      <c r="X1581" s="2">
        <v>139.1</v>
      </c>
      <c r="Y1581" s="2">
        <v>7.6</v>
      </c>
      <c r="Z1581" s="2">
        <v>16.7</v>
      </c>
      <c r="AA1581" s="5"/>
      <c r="AB1581" s="5" t="s">
        <v>43</v>
      </c>
      <c r="AC1581" s="5" t="s">
        <v>44</v>
      </c>
      <c r="AD1581" s="2"/>
      <c r="AE1581" s="1"/>
    </row>
    <row r="1582" spans="1:31" ht="14.45">
      <c r="A1582" s="11"/>
      <c r="B1582" s="20"/>
      <c r="C1582" s="2" t="s">
        <v>5167</v>
      </c>
      <c r="D1582" s="14" t="s">
        <v>5168</v>
      </c>
      <c r="E1582" s="2" t="s">
        <v>5169</v>
      </c>
      <c r="F1582" s="2" t="s">
        <v>1699</v>
      </c>
      <c r="G1582" s="8">
        <v>170</v>
      </c>
      <c r="H1582" s="5">
        <v>6</v>
      </c>
      <c r="I1582" s="5" t="s">
        <v>1518</v>
      </c>
      <c r="J1582" s="5" t="s">
        <v>1519</v>
      </c>
      <c r="K1582" s="2" t="s">
        <v>1520</v>
      </c>
      <c r="L1582" s="5" t="s">
        <v>1519</v>
      </c>
      <c r="M1582" s="2" t="s">
        <v>1520</v>
      </c>
      <c r="N1582" s="5" t="s">
        <v>1521</v>
      </c>
      <c r="O1582" s="5" t="s">
        <v>38</v>
      </c>
      <c r="P1582" s="5" t="s">
        <v>39</v>
      </c>
      <c r="Q1582" s="5" t="s">
        <v>40</v>
      </c>
      <c r="R1582" s="5" t="s">
        <v>1522</v>
      </c>
      <c r="S1582" s="5" t="s">
        <v>1523</v>
      </c>
      <c r="T1582" s="5" t="s">
        <v>42</v>
      </c>
      <c r="U1582" s="2">
        <v>2.7360000000000002</v>
      </c>
      <c r="V1582" s="2">
        <v>2.1859999999999999</v>
      </c>
      <c r="W1582" s="2">
        <v>1.7999999999999999E-2</v>
      </c>
      <c r="X1582" s="2">
        <v>139.1</v>
      </c>
      <c r="Y1582" s="2">
        <v>7.6</v>
      </c>
      <c r="Z1582" s="2">
        <v>16.7</v>
      </c>
      <c r="AA1582" s="5"/>
      <c r="AB1582" s="5" t="s">
        <v>43</v>
      </c>
      <c r="AC1582" s="5" t="s">
        <v>44</v>
      </c>
      <c r="AD1582" s="2"/>
      <c r="AE1582" s="1"/>
    </row>
    <row r="1583" spans="1:31" ht="14.45">
      <c r="A1583" s="11"/>
      <c r="B1583" s="20"/>
      <c r="C1583" s="2" t="s">
        <v>5170</v>
      </c>
      <c r="D1583" s="14" t="s">
        <v>5171</v>
      </c>
      <c r="E1583" s="2" t="s">
        <v>5172</v>
      </c>
      <c r="F1583" s="2" t="s">
        <v>1703</v>
      </c>
      <c r="G1583" s="8">
        <v>170</v>
      </c>
      <c r="H1583" s="5">
        <v>6</v>
      </c>
      <c r="I1583" s="5" t="s">
        <v>1518</v>
      </c>
      <c r="J1583" s="5" t="s">
        <v>1519</v>
      </c>
      <c r="K1583" s="2" t="s">
        <v>1520</v>
      </c>
      <c r="L1583" s="5" t="s">
        <v>1519</v>
      </c>
      <c r="M1583" s="2" t="s">
        <v>1520</v>
      </c>
      <c r="N1583" s="5" t="s">
        <v>1521</v>
      </c>
      <c r="O1583" s="5" t="s">
        <v>38</v>
      </c>
      <c r="P1583" s="5" t="s">
        <v>39</v>
      </c>
      <c r="Q1583" s="5" t="s">
        <v>40</v>
      </c>
      <c r="R1583" s="5" t="s">
        <v>1522</v>
      </c>
      <c r="S1583" s="5" t="s">
        <v>1523</v>
      </c>
      <c r="T1583" s="5" t="s">
        <v>42</v>
      </c>
      <c r="U1583" s="2">
        <v>2.6909999999999998</v>
      </c>
      <c r="V1583" s="2">
        <v>2.141</v>
      </c>
      <c r="W1583" s="2">
        <v>1.7999999999999999E-2</v>
      </c>
      <c r="X1583" s="2">
        <v>139.1</v>
      </c>
      <c r="Y1583" s="2">
        <v>7.6</v>
      </c>
      <c r="Z1583" s="2">
        <v>16.7</v>
      </c>
      <c r="AA1583" s="5"/>
      <c r="AB1583" s="5" t="s">
        <v>43</v>
      </c>
      <c r="AC1583" s="5" t="s">
        <v>44</v>
      </c>
      <c r="AD1583" s="2"/>
      <c r="AE1583" s="1"/>
    </row>
    <row r="1584" spans="1:31" ht="14.45">
      <c r="A1584" s="11"/>
      <c r="B1584" s="20"/>
      <c r="C1584" s="2" t="s">
        <v>5173</v>
      </c>
      <c r="D1584" s="14" t="s">
        <v>5174</v>
      </c>
      <c r="E1584" s="2" t="s">
        <v>5175</v>
      </c>
      <c r="F1584" s="2" t="s">
        <v>1707</v>
      </c>
      <c r="G1584" s="8">
        <v>170</v>
      </c>
      <c r="H1584" s="5">
        <v>5</v>
      </c>
      <c r="I1584" s="5" t="s">
        <v>1518</v>
      </c>
      <c r="J1584" s="5" t="s">
        <v>1519</v>
      </c>
      <c r="K1584" s="2" t="s">
        <v>1520</v>
      </c>
      <c r="L1584" s="5" t="s">
        <v>1519</v>
      </c>
      <c r="M1584" s="2" t="s">
        <v>1520</v>
      </c>
      <c r="N1584" s="5" t="s">
        <v>1521</v>
      </c>
      <c r="O1584" s="5" t="s">
        <v>38</v>
      </c>
      <c r="P1584" s="5" t="s">
        <v>39</v>
      </c>
      <c r="Q1584" s="5" t="s">
        <v>40</v>
      </c>
      <c r="R1584" s="5" t="s">
        <v>1522</v>
      </c>
      <c r="S1584" s="5" t="s">
        <v>1523</v>
      </c>
      <c r="T1584" s="5" t="s">
        <v>42</v>
      </c>
      <c r="U1584" s="2">
        <v>2.7450000000000001</v>
      </c>
      <c r="V1584" s="2">
        <v>2.1949999999999998</v>
      </c>
      <c r="W1584" s="2">
        <v>1.7999999999999999E-2</v>
      </c>
      <c r="X1584" s="2">
        <v>139.1</v>
      </c>
      <c r="Y1584" s="2">
        <v>7.6</v>
      </c>
      <c r="Z1584" s="2">
        <v>16.7</v>
      </c>
      <c r="AA1584" s="5"/>
      <c r="AB1584" s="5" t="s">
        <v>43</v>
      </c>
      <c r="AC1584" s="5" t="s">
        <v>44</v>
      </c>
      <c r="AD1584" s="2"/>
      <c r="AE1584" s="1"/>
    </row>
    <row r="1585" spans="1:31" ht="14.45">
      <c r="A1585" s="11"/>
      <c r="B1585" s="20"/>
      <c r="C1585" s="2" t="s">
        <v>5176</v>
      </c>
      <c r="D1585" s="14" t="s">
        <v>5177</v>
      </c>
      <c r="E1585" s="2" t="s">
        <v>5178</v>
      </c>
      <c r="F1585" s="2" t="s">
        <v>1711</v>
      </c>
      <c r="G1585" s="8">
        <v>170</v>
      </c>
      <c r="H1585" s="5">
        <v>6</v>
      </c>
      <c r="I1585" s="5" t="s">
        <v>1518</v>
      </c>
      <c r="J1585" s="5" t="s">
        <v>1519</v>
      </c>
      <c r="K1585" s="2" t="s">
        <v>1520</v>
      </c>
      <c r="L1585" s="5" t="s">
        <v>1519</v>
      </c>
      <c r="M1585" s="2" t="s">
        <v>1520</v>
      </c>
      <c r="N1585" s="5" t="s">
        <v>1521</v>
      </c>
      <c r="O1585" s="5" t="s">
        <v>38</v>
      </c>
      <c r="P1585" s="5" t="s">
        <v>39</v>
      </c>
      <c r="Q1585" s="5" t="s">
        <v>40</v>
      </c>
      <c r="R1585" s="5" t="s">
        <v>1522</v>
      </c>
      <c r="S1585" s="5" t="s">
        <v>1523</v>
      </c>
      <c r="T1585" s="5" t="s">
        <v>42</v>
      </c>
      <c r="U1585" s="2">
        <v>2.6909999999999998</v>
      </c>
      <c r="V1585" s="2">
        <v>2.141</v>
      </c>
      <c r="W1585" s="2">
        <v>1.7999999999999999E-2</v>
      </c>
      <c r="X1585" s="2">
        <v>139.1</v>
      </c>
      <c r="Y1585" s="2">
        <v>7.6</v>
      </c>
      <c r="Z1585" s="2">
        <v>16.7</v>
      </c>
      <c r="AA1585" s="5"/>
      <c r="AB1585" s="5" t="s">
        <v>43</v>
      </c>
      <c r="AC1585" s="5" t="s">
        <v>44</v>
      </c>
      <c r="AD1585" s="2"/>
      <c r="AE1585" s="1"/>
    </row>
    <row r="1586" spans="1:31" ht="14.45">
      <c r="A1586" s="11"/>
      <c r="B1586" s="20"/>
      <c r="C1586" s="2" t="s">
        <v>5179</v>
      </c>
      <c r="D1586" s="14" t="s">
        <v>5180</v>
      </c>
      <c r="E1586" s="2" t="s">
        <v>5181</v>
      </c>
      <c r="F1586" s="2" t="s">
        <v>1715</v>
      </c>
      <c r="G1586" s="8">
        <v>170</v>
      </c>
      <c r="H1586" s="5">
        <v>6</v>
      </c>
      <c r="I1586" s="5" t="s">
        <v>1518</v>
      </c>
      <c r="J1586" s="5" t="s">
        <v>1519</v>
      </c>
      <c r="K1586" s="2" t="s">
        <v>1520</v>
      </c>
      <c r="L1586" s="5" t="s">
        <v>1519</v>
      </c>
      <c r="M1586" s="2" t="s">
        <v>1520</v>
      </c>
      <c r="N1586" s="5" t="s">
        <v>1521</v>
      </c>
      <c r="O1586" s="5" t="s">
        <v>38</v>
      </c>
      <c r="P1586" s="5" t="s">
        <v>39</v>
      </c>
      <c r="Q1586" s="5" t="s">
        <v>40</v>
      </c>
      <c r="R1586" s="5" t="s">
        <v>1522</v>
      </c>
      <c r="S1586" s="5" t="s">
        <v>1523</v>
      </c>
      <c r="T1586" s="5" t="s">
        <v>42</v>
      </c>
      <c r="U1586" s="2">
        <v>2.7450000000000001</v>
      </c>
      <c r="V1586" s="2">
        <v>2.1949999999999998</v>
      </c>
      <c r="W1586" s="2">
        <v>1.7999999999999999E-2</v>
      </c>
      <c r="X1586" s="2">
        <v>139.1</v>
      </c>
      <c r="Y1586" s="2">
        <v>7.6</v>
      </c>
      <c r="Z1586" s="2">
        <v>16.7</v>
      </c>
      <c r="AA1586" s="5"/>
      <c r="AB1586" s="5" t="s">
        <v>43</v>
      </c>
      <c r="AC1586" s="5" t="s">
        <v>44</v>
      </c>
      <c r="AD1586" s="2"/>
      <c r="AE1586" s="1"/>
    </row>
    <row r="1587" spans="1:31" ht="14.45">
      <c r="A1587" s="11"/>
      <c r="B1587" s="20"/>
      <c r="C1587" s="2" t="s">
        <v>5182</v>
      </c>
      <c r="D1587" s="14" t="s">
        <v>5183</v>
      </c>
      <c r="E1587" s="2" t="s">
        <v>5184</v>
      </c>
      <c r="F1587" s="2" t="s">
        <v>1719</v>
      </c>
      <c r="G1587" s="8">
        <v>170</v>
      </c>
      <c r="H1587" s="5">
        <v>6</v>
      </c>
      <c r="I1587" s="5" t="s">
        <v>1518</v>
      </c>
      <c r="J1587" s="5" t="s">
        <v>1519</v>
      </c>
      <c r="K1587" s="2" t="s">
        <v>1520</v>
      </c>
      <c r="L1587" s="5" t="s">
        <v>1519</v>
      </c>
      <c r="M1587" s="2" t="s">
        <v>1520</v>
      </c>
      <c r="N1587" s="5" t="s">
        <v>1521</v>
      </c>
      <c r="O1587" s="5" t="s">
        <v>38</v>
      </c>
      <c r="P1587" s="5" t="s">
        <v>39</v>
      </c>
      <c r="Q1587" s="5" t="s">
        <v>40</v>
      </c>
      <c r="R1587" s="5" t="s">
        <v>1522</v>
      </c>
      <c r="S1587" s="5" t="s">
        <v>1523</v>
      </c>
      <c r="T1587" s="5" t="s">
        <v>42</v>
      </c>
      <c r="U1587" s="2">
        <v>2.6619999999999999</v>
      </c>
      <c r="V1587" s="2">
        <v>2.1120000000000001</v>
      </c>
      <c r="W1587" s="2">
        <v>1.7999999999999999E-2</v>
      </c>
      <c r="X1587" s="2">
        <v>139.1</v>
      </c>
      <c r="Y1587" s="2">
        <v>7.6</v>
      </c>
      <c r="Z1587" s="2">
        <v>16.7</v>
      </c>
      <c r="AA1587" s="5"/>
      <c r="AB1587" s="5" t="s">
        <v>43</v>
      </c>
      <c r="AC1587" s="5" t="s">
        <v>44</v>
      </c>
      <c r="AD1587" s="2"/>
      <c r="AE1587" s="1"/>
    </row>
    <row r="1588" spans="1:31" ht="14.45">
      <c r="A1588" s="11"/>
      <c r="B1588" s="20"/>
      <c r="C1588" s="2" t="s">
        <v>5185</v>
      </c>
      <c r="D1588" s="14" t="s">
        <v>5186</v>
      </c>
      <c r="E1588" s="2" t="s">
        <v>5187</v>
      </c>
      <c r="F1588" s="2" t="s">
        <v>1723</v>
      </c>
      <c r="G1588" s="8">
        <v>170</v>
      </c>
      <c r="H1588" s="5">
        <v>6</v>
      </c>
      <c r="I1588" s="5" t="s">
        <v>1518</v>
      </c>
      <c r="J1588" s="5" t="s">
        <v>1519</v>
      </c>
      <c r="K1588" s="2" t="s">
        <v>1520</v>
      </c>
      <c r="L1588" s="5" t="s">
        <v>1519</v>
      </c>
      <c r="M1588" s="2" t="s">
        <v>1520</v>
      </c>
      <c r="N1588" s="5" t="s">
        <v>1521</v>
      </c>
      <c r="O1588" s="5" t="s">
        <v>38</v>
      </c>
      <c r="P1588" s="5" t="s">
        <v>39</v>
      </c>
      <c r="Q1588" s="5" t="s">
        <v>40</v>
      </c>
      <c r="R1588" s="5" t="s">
        <v>1522</v>
      </c>
      <c r="S1588" s="5" t="s">
        <v>1523</v>
      </c>
      <c r="T1588" s="5" t="s">
        <v>42</v>
      </c>
      <c r="U1588" s="2">
        <v>2.7160000000000002</v>
      </c>
      <c r="V1588" s="2">
        <v>2.1659999999999999</v>
      </c>
      <c r="W1588" s="2">
        <v>1.7999999999999999E-2</v>
      </c>
      <c r="X1588" s="2">
        <v>139.1</v>
      </c>
      <c r="Y1588" s="2">
        <v>7.6</v>
      </c>
      <c r="Z1588" s="2">
        <v>16.7</v>
      </c>
      <c r="AA1588" s="5"/>
      <c r="AB1588" s="5" t="s">
        <v>43</v>
      </c>
      <c r="AC1588" s="5" t="s">
        <v>44</v>
      </c>
      <c r="AD1588" s="2"/>
      <c r="AE1588" s="1"/>
    </row>
    <row r="1589" spans="1:31" ht="14.45">
      <c r="A1589" s="11"/>
      <c r="B1589" s="20"/>
      <c r="C1589" s="2" t="s">
        <v>5188</v>
      </c>
      <c r="D1589" s="14" t="s">
        <v>5189</v>
      </c>
      <c r="E1589" s="2" t="s">
        <v>5190</v>
      </c>
      <c r="F1589" s="2" t="s">
        <v>1727</v>
      </c>
      <c r="G1589" s="8">
        <v>196</v>
      </c>
      <c r="H1589" s="5">
        <v>6</v>
      </c>
      <c r="I1589" s="5" t="s">
        <v>1518</v>
      </c>
      <c r="J1589" s="5" t="s">
        <v>1519</v>
      </c>
      <c r="K1589" s="2" t="s">
        <v>1520</v>
      </c>
      <c r="L1589" s="5" t="s">
        <v>1519</v>
      </c>
      <c r="M1589" s="2" t="s">
        <v>1520</v>
      </c>
      <c r="N1589" s="5" t="s">
        <v>1521</v>
      </c>
      <c r="O1589" s="5" t="s">
        <v>38</v>
      </c>
      <c r="P1589" s="5" t="s">
        <v>39</v>
      </c>
      <c r="Q1589" s="5" t="s">
        <v>40</v>
      </c>
      <c r="R1589" s="5" t="s">
        <v>1522</v>
      </c>
      <c r="S1589" s="5" t="s">
        <v>1523</v>
      </c>
      <c r="T1589" s="5" t="s">
        <v>42</v>
      </c>
      <c r="U1589" s="2">
        <v>2.6619999999999999</v>
      </c>
      <c r="V1589" s="2">
        <v>2.1120000000000001</v>
      </c>
      <c r="W1589" s="2">
        <v>1.7999999999999999E-2</v>
      </c>
      <c r="X1589" s="2">
        <v>139.1</v>
      </c>
      <c r="Y1589" s="2">
        <v>7.6</v>
      </c>
      <c r="Z1589" s="2">
        <v>16.7</v>
      </c>
      <c r="AA1589" s="5"/>
      <c r="AB1589" s="5" t="s">
        <v>43</v>
      </c>
      <c r="AC1589" s="5" t="s">
        <v>44</v>
      </c>
      <c r="AD1589" s="2"/>
      <c r="AE1589" s="1"/>
    </row>
    <row r="1590" spans="1:31" ht="14.45">
      <c r="A1590" s="11"/>
      <c r="B1590" s="20"/>
      <c r="C1590" s="2" t="s">
        <v>5191</v>
      </c>
      <c r="D1590" s="14" t="s">
        <v>5192</v>
      </c>
      <c r="E1590" s="2" t="s">
        <v>5193</v>
      </c>
      <c r="F1590" s="2" t="s">
        <v>1731</v>
      </c>
      <c r="G1590" s="8">
        <v>196</v>
      </c>
      <c r="H1590" s="5">
        <v>6</v>
      </c>
      <c r="I1590" s="5" t="s">
        <v>1518</v>
      </c>
      <c r="J1590" s="5" t="s">
        <v>1519</v>
      </c>
      <c r="K1590" s="2" t="s">
        <v>1520</v>
      </c>
      <c r="L1590" s="5" t="s">
        <v>1519</v>
      </c>
      <c r="M1590" s="2" t="s">
        <v>1520</v>
      </c>
      <c r="N1590" s="5" t="s">
        <v>1521</v>
      </c>
      <c r="O1590" s="5" t="s">
        <v>38</v>
      </c>
      <c r="P1590" s="5" t="s">
        <v>39</v>
      </c>
      <c r="Q1590" s="5" t="s">
        <v>40</v>
      </c>
      <c r="R1590" s="5" t="s">
        <v>1522</v>
      </c>
      <c r="S1590" s="5" t="s">
        <v>1523</v>
      </c>
      <c r="T1590" s="5" t="s">
        <v>42</v>
      </c>
      <c r="U1590" s="2">
        <v>2.7160000000000002</v>
      </c>
      <c r="V1590" s="2">
        <v>2.1659999999999999</v>
      </c>
      <c r="W1590" s="2">
        <v>1.7999999999999999E-2</v>
      </c>
      <c r="X1590" s="2">
        <v>139.1</v>
      </c>
      <c r="Y1590" s="2">
        <v>7.6</v>
      </c>
      <c r="Z1590" s="2">
        <v>16.7</v>
      </c>
      <c r="AA1590" s="5"/>
      <c r="AB1590" s="5" t="s">
        <v>43</v>
      </c>
      <c r="AC1590" s="5" t="s">
        <v>44</v>
      </c>
      <c r="AD1590" s="2"/>
      <c r="AE1590" s="1"/>
    </row>
    <row r="1591" spans="1:31" ht="14.45">
      <c r="A1591" s="11"/>
      <c r="B1591" s="20"/>
      <c r="C1591" s="2" t="s">
        <v>5194</v>
      </c>
      <c r="D1591" s="14" t="s">
        <v>5195</v>
      </c>
      <c r="E1591" s="2" t="s">
        <v>5196</v>
      </c>
      <c r="F1591" s="2" t="s">
        <v>1735</v>
      </c>
      <c r="G1591" s="8">
        <v>196</v>
      </c>
      <c r="H1591" s="5">
        <v>6</v>
      </c>
      <c r="I1591" s="5" t="s">
        <v>1518</v>
      </c>
      <c r="J1591" s="5" t="s">
        <v>1519</v>
      </c>
      <c r="K1591" s="2" t="s">
        <v>1520</v>
      </c>
      <c r="L1591" s="5" t="s">
        <v>1519</v>
      </c>
      <c r="M1591" s="2" t="s">
        <v>1520</v>
      </c>
      <c r="N1591" s="5" t="s">
        <v>1521</v>
      </c>
      <c r="O1591" s="5" t="s">
        <v>38</v>
      </c>
      <c r="P1591" s="5" t="s">
        <v>39</v>
      </c>
      <c r="Q1591" s="5" t="s">
        <v>40</v>
      </c>
      <c r="R1591" s="5" t="s">
        <v>1522</v>
      </c>
      <c r="S1591" s="5" t="s">
        <v>1523</v>
      </c>
      <c r="T1591" s="5" t="s">
        <v>42</v>
      </c>
      <c r="U1591" s="2">
        <v>2.6909999999999998</v>
      </c>
      <c r="V1591" s="2">
        <v>2.141</v>
      </c>
      <c r="W1591" s="2">
        <v>1.7999999999999999E-2</v>
      </c>
      <c r="X1591" s="2">
        <v>139.1</v>
      </c>
      <c r="Y1591" s="2">
        <v>7.6</v>
      </c>
      <c r="Z1591" s="2">
        <v>16.7</v>
      </c>
      <c r="AA1591" s="5"/>
      <c r="AB1591" s="5" t="s">
        <v>43</v>
      </c>
      <c r="AC1591" s="5" t="s">
        <v>44</v>
      </c>
      <c r="AD1591" s="2"/>
      <c r="AE1591" s="1"/>
    </row>
    <row r="1592" spans="1:31" ht="14.45">
      <c r="A1592" s="11"/>
      <c r="B1592" s="20"/>
      <c r="C1592" s="2" t="s">
        <v>5197</v>
      </c>
      <c r="D1592" s="14" t="s">
        <v>5198</v>
      </c>
      <c r="E1592" s="2" t="s">
        <v>5199</v>
      </c>
      <c r="F1592" s="2" t="s">
        <v>1739</v>
      </c>
      <c r="G1592" s="8">
        <v>196</v>
      </c>
      <c r="H1592" s="5">
        <v>6</v>
      </c>
      <c r="I1592" s="5" t="s">
        <v>1518</v>
      </c>
      <c r="J1592" s="5" t="s">
        <v>1519</v>
      </c>
      <c r="K1592" s="2" t="s">
        <v>1520</v>
      </c>
      <c r="L1592" s="5" t="s">
        <v>1519</v>
      </c>
      <c r="M1592" s="2" t="s">
        <v>1520</v>
      </c>
      <c r="N1592" s="5" t="s">
        <v>1521</v>
      </c>
      <c r="O1592" s="5" t="s">
        <v>38</v>
      </c>
      <c r="P1592" s="5" t="s">
        <v>39</v>
      </c>
      <c r="Q1592" s="5" t="s">
        <v>40</v>
      </c>
      <c r="R1592" s="5" t="s">
        <v>1522</v>
      </c>
      <c r="S1592" s="5" t="s">
        <v>1523</v>
      </c>
      <c r="T1592" s="5" t="s">
        <v>42</v>
      </c>
      <c r="U1592" s="2">
        <v>2.7450000000000001</v>
      </c>
      <c r="V1592" s="2">
        <v>2.1949999999999998</v>
      </c>
      <c r="W1592" s="2">
        <v>1.7999999999999999E-2</v>
      </c>
      <c r="X1592" s="2">
        <v>139.1</v>
      </c>
      <c r="Y1592" s="2">
        <v>7.6</v>
      </c>
      <c r="Z1592" s="2">
        <v>16.7</v>
      </c>
      <c r="AA1592" s="5"/>
      <c r="AB1592" s="5" t="s">
        <v>43</v>
      </c>
      <c r="AC1592" s="5" t="s">
        <v>44</v>
      </c>
      <c r="AD1592" s="2"/>
      <c r="AE1592" s="1"/>
    </row>
    <row r="1593" spans="1:31" ht="14.45">
      <c r="A1593" s="11"/>
      <c r="B1593" s="20"/>
      <c r="C1593" s="2" t="s">
        <v>5200</v>
      </c>
      <c r="D1593" s="14" t="s">
        <v>5201</v>
      </c>
      <c r="E1593" s="2" t="s">
        <v>5202</v>
      </c>
      <c r="F1593" s="2" t="s">
        <v>1743</v>
      </c>
      <c r="G1593" s="8">
        <v>196</v>
      </c>
      <c r="H1593" s="5">
        <v>6</v>
      </c>
      <c r="I1593" s="5" t="s">
        <v>1518</v>
      </c>
      <c r="J1593" s="5" t="s">
        <v>1519</v>
      </c>
      <c r="K1593" s="2" t="s">
        <v>1520</v>
      </c>
      <c r="L1593" s="5" t="s">
        <v>1519</v>
      </c>
      <c r="M1593" s="2" t="s">
        <v>1520</v>
      </c>
      <c r="N1593" s="5" t="s">
        <v>1521</v>
      </c>
      <c r="O1593" s="5" t="s">
        <v>38</v>
      </c>
      <c r="P1593" s="5" t="s">
        <v>39</v>
      </c>
      <c r="Q1593" s="5" t="s">
        <v>40</v>
      </c>
      <c r="R1593" s="5" t="s">
        <v>1522</v>
      </c>
      <c r="S1593" s="5" t="s">
        <v>1523</v>
      </c>
      <c r="T1593" s="5" t="s">
        <v>42</v>
      </c>
      <c r="U1593" s="2">
        <v>2.6619999999999999</v>
      </c>
      <c r="V1593" s="2">
        <v>2.1120000000000001</v>
      </c>
      <c r="W1593" s="2">
        <v>1.7999999999999999E-2</v>
      </c>
      <c r="X1593" s="2">
        <v>139.1</v>
      </c>
      <c r="Y1593" s="2">
        <v>7.6</v>
      </c>
      <c r="Z1593" s="2">
        <v>16.7</v>
      </c>
      <c r="AA1593" s="5"/>
      <c r="AB1593" s="5" t="s">
        <v>43</v>
      </c>
      <c r="AC1593" s="5" t="s">
        <v>44</v>
      </c>
      <c r="AD1593" s="2"/>
      <c r="AE1593" s="1"/>
    </row>
    <row r="1594" spans="1:31" ht="14.45">
      <c r="A1594" s="11"/>
      <c r="B1594" s="20"/>
      <c r="C1594" s="2" t="s">
        <v>5203</v>
      </c>
      <c r="D1594" s="14" t="s">
        <v>5204</v>
      </c>
      <c r="E1594" s="2" t="s">
        <v>5205</v>
      </c>
      <c r="F1594" s="2" t="s">
        <v>1747</v>
      </c>
      <c r="G1594" s="8">
        <v>196</v>
      </c>
      <c r="H1594" s="5">
        <v>6</v>
      </c>
      <c r="I1594" s="5" t="s">
        <v>1518</v>
      </c>
      <c r="J1594" s="5" t="s">
        <v>1519</v>
      </c>
      <c r="K1594" s="2" t="s">
        <v>1520</v>
      </c>
      <c r="L1594" s="5" t="s">
        <v>1519</v>
      </c>
      <c r="M1594" s="2" t="s">
        <v>1520</v>
      </c>
      <c r="N1594" s="5" t="s">
        <v>1521</v>
      </c>
      <c r="O1594" s="5" t="s">
        <v>38</v>
      </c>
      <c r="P1594" s="5" t="s">
        <v>39</v>
      </c>
      <c r="Q1594" s="5" t="s">
        <v>40</v>
      </c>
      <c r="R1594" s="5" t="s">
        <v>1522</v>
      </c>
      <c r="S1594" s="5" t="s">
        <v>1523</v>
      </c>
      <c r="T1594" s="5" t="s">
        <v>42</v>
      </c>
      <c r="U1594" s="2">
        <v>2.7160000000000002</v>
      </c>
      <c r="V1594" s="2">
        <v>2.1659999999999999</v>
      </c>
      <c r="W1594" s="2">
        <v>1.7999999999999999E-2</v>
      </c>
      <c r="X1594" s="2">
        <v>139.1</v>
      </c>
      <c r="Y1594" s="2">
        <v>7.6</v>
      </c>
      <c r="Z1594" s="2">
        <v>16.7</v>
      </c>
      <c r="AA1594" s="5"/>
      <c r="AB1594" s="5" t="s">
        <v>43</v>
      </c>
      <c r="AC1594" s="5" t="s">
        <v>44</v>
      </c>
      <c r="AD1594" s="2"/>
      <c r="AE1594" s="1"/>
    </row>
    <row r="1595" spans="1:31" ht="14.45">
      <c r="A1595" s="11"/>
      <c r="B1595" s="20"/>
      <c r="C1595" s="2" t="s">
        <v>5206</v>
      </c>
      <c r="D1595" s="14" t="s">
        <v>5207</v>
      </c>
      <c r="E1595" s="2" t="s">
        <v>5208</v>
      </c>
      <c r="F1595" s="2" t="s">
        <v>1751</v>
      </c>
      <c r="G1595" s="8">
        <v>196</v>
      </c>
      <c r="H1595" s="5">
        <v>6</v>
      </c>
      <c r="I1595" s="5" t="s">
        <v>1518</v>
      </c>
      <c r="J1595" s="5" t="s">
        <v>1519</v>
      </c>
      <c r="K1595" s="2" t="s">
        <v>1520</v>
      </c>
      <c r="L1595" s="5" t="s">
        <v>1519</v>
      </c>
      <c r="M1595" s="2" t="s">
        <v>1520</v>
      </c>
      <c r="N1595" s="5" t="s">
        <v>1521</v>
      </c>
      <c r="O1595" s="5" t="s">
        <v>38</v>
      </c>
      <c r="P1595" s="5" t="s">
        <v>39</v>
      </c>
      <c r="Q1595" s="5" t="s">
        <v>40</v>
      </c>
      <c r="R1595" s="5" t="s">
        <v>1522</v>
      </c>
      <c r="S1595" s="5" t="s">
        <v>1523</v>
      </c>
      <c r="T1595" s="5" t="s">
        <v>42</v>
      </c>
      <c r="U1595" s="2">
        <v>2.6619999999999999</v>
      </c>
      <c r="V1595" s="2">
        <v>2.1120000000000001</v>
      </c>
      <c r="W1595" s="2">
        <v>1.7999999999999999E-2</v>
      </c>
      <c r="X1595" s="2">
        <v>139.1</v>
      </c>
      <c r="Y1595" s="2">
        <v>7.6</v>
      </c>
      <c r="Z1595" s="2">
        <v>16.7</v>
      </c>
      <c r="AA1595" s="5"/>
      <c r="AB1595" s="5" t="s">
        <v>43</v>
      </c>
      <c r="AC1595" s="5" t="s">
        <v>44</v>
      </c>
      <c r="AD1595" s="2"/>
      <c r="AE1595" s="1"/>
    </row>
    <row r="1596" spans="1:31" ht="14.45">
      <c r="A1596" s="11"/>
      <c r="B1596" s="20"/>
      <c r="C1596" s="2" t="s">
        <v>5209</v>
      </c>
      <c r="D1596" s="14" t="s">
        <v>5210</v>
      </c>
      <c r="E1596" s="2" t="s">
        <v>5211</v>
      </c>
      <c r="F1596" s="2" t="s">
        <v>1755</v>
      </c>
      <c r="G1596" s="8">
        <v>196</v>
      </c>
      <c r="H1596" s="5">
        <v>6</v>
      </c>
      <c r="I1596" s="5" t="s">
        <v>1518</v>
      </c>
      <c r="J1596" s="5" t="s">
        <v>1519</v>
      </c>
      <c r="K1596" s="2" t="s">
        <v>1520</v>
      </c>
      <c r="L1596" s="5" t="s">
        <v>1519</v>
      </c>
      <c r="M1596" s="2" t="s">
        <v>1520</v>
      </c>
      <c r="N1596" s="5" t="s">
        <v>1521</v>
      </c>
      <c r="O1596" s="5" t="s">
        <v>38</v>
      </c>
      <c r="P1596" s="5" t="s">
        <v>39</v>
      </c>
      <c r="Q1596" s="5" t="s">
        <v>40</v>
      </c>
      <c r="R1596" s="5" t="s">
        <v>1522</v>
      </c>
      <c r="S1596" s="5" t="s">
        <v>1523</v>
      </c>
      <c r="T1596" s="5" t="s">
        <v>42</v>
      </c>
      <c r="U1596" s="2">
        <v>2.7160000000000002</v>
      </c>
      <c r="V1596" s="2">
        <v>2.1659999999999999</v>
      </c>
      <c r="W1596" s="2">
        <v>1.7999999999999999E-2</v>
      </c>
      <c r="X1596" s="2">
        <v>139.1</v>
      </c>
      <c r="Y1596" s="2">
        <v>7.6</v>
      </c>
      <c r="Z1596" s="2">
        <v>16.7</v>
      </c>
      <c r="AA1596" s="5"/>
      <c r="AB1596" s="5" t="s">
        <v>43</v>
      </c>
      <c r="AC1596" s="5" t="s">
        <v>44</v>
      </c>
      <c r="AD1596" s="2"/>
      <c r="AE1596" s="1"/>
    </row>
    <row r="1597" spans="1:31" ht="14.45">
      <c r="A1597" s="11"/>
      <c r="B1597" s="20"/>
      <c r="C1597" s="2" t="s">
        <v>5212</v>
      </c>
      <c r="D1597" s="14" t="s">
        <v>5213</v>
      </c>
      <c r="E1597" s="2" t="s">
        <v>5214</v>
      </c>
      <c r="F1597" s="2" t="s">
        <v>1759</v>
      </c>
      <c r="G1597" s="8">
        <v>196</v>
      </c>
      <c r="H1597" s="5">
        <v>6</v>
      </c>
      <c r="I1597" s="5" t="s">
        <v>1518</v>
      </c>
      <c r="J1597" s="5" t="s">
        <v>1519</v>
      </c>
      <c r="K1597" s="2" t="s">
        <v>1520</v>
      </c>
      <c r="L1597" s="5" t="s">
        <v>1519</v>
      </c>
      <c r="M1597" s="2" t="s">
        <v>1520</v>
      </c>
      <c r="N1597" s="5" t="s">
        <v>1521</v>
      </c>
      <c r="O1597" s="5" t="s">
        <v>38</v>
      </c>
      <c r="P1597" s="5" t="s">
        <v>39</v>
      </c>
      <c r="Q1597" s="5" t="s">
        <v>40</v>
      </c>
      <c r="R1597" s="5" t="s">
        <v>1522</v>
      </c>
      <c r="S1597" s="5" t="s">
        <v>1523</v>
      </c>
      <c r="T1597" s="5" t="s">
        <v>42</v>
      </c>
      <c r="U1597" s="2">
        <v>2.6909999999999998</v>
      </c>
      <c r="V1597" s="2">
        <v>2.141</v>
      </c>
      <c r="W1597" s="2">
        <v>1.7999999999999999E-2</v>
      </c>
      <c r="X1597" s="2">
        <v>139.1</v>
      </c>
      <c r="Y1597" s="2">
        <v>7.6</v>
      </c>
      <c r="Z1597" s="2">
        <v>16.7</v>
      </c>
      <c r="AA1597" s="5"/>
      <c r="AB1597" s="5" t="s">
        <v>43</v>
      </c>
      <c r="AC1597" s="5" t="s">
        <v>44</v>
      </c>
      <c r="AD1597" s="2"/>
      <c r="AE1597" s="1"/>
    </row>
    <row r="1598" spans="1:31" ht="14.45">
      <c r="A1598" s="11"/>
      <c r="B1598" s="20"/>
      <c r="C1598" s="2" t="s">
        <v>5215</v>
      </c>
      <c r="D1598" s="14" t="s">
        <v>5216</v>
      </c>
      <c r="E1598" s="2" t="s">
        <v>5217</v>
      </c>
      <c r="F1598" s="2" t="s">
        <v>1763</v>
      </c>
      <c r="G1598" s="8">
        <v>196</v>
      </c>
      <c r="H1598" s="5">
        <v>6</v>
      </c>
      <c r="I1598" s="5" t="s">
        <v>1518</v>
      </c>
      <c r="J1598" s="5" t="s">
        <v>1519</v>
      </c>
      <c r="K1598" s="2" t="s">
        <v>1520</v>
      </c>
      <c r="L1598" s="5" t="s">
        <v>1519</v>
      </c>
      <c r="M1598" s="2" t="s">
        <v>1520</v>
      </c>
      <c r="N1598" s="5" t="s">
        <v>1521</v>
      </c>
      <c r="O1598" s="5" t="s">
        <v>38</v>
      </c>
      <c r="P1598" s="5" t="s">
        <v>39</v>
      </c>
      <c r="Q1598" s="5" t="s">
        <v>40</v>
      </c>
      <c r="R1598" s="5" t="s">
        <v>1522</v>
      </c>
      <c r="S1598" s="5" t="s">
        <v>1523</v>
      </c>
      <c r="T1598" s="5" t="s">
        <v>42</v>
      </c>
      <c r="U1598" s="2">
        <v>2.7450000000000001</v>
      </c>
      <c r="V1598" s="2">
        <v>2.1949999999999998</v>
      </c>
      <c r="W1598" s="2">
        <v>1.7999999999999999E-2</v>
      </c>
      <c r="X1598" s="2">
        <v>139.1</v>
      </c>
      <c r="Y1598" s="2">
        <v>7.6</v>
      </c>
      <c r="Z1598" s="2">
        <v>16.7</v>
      </c>
      <c r="AA1598" s="5"/>
      <c r="AB1598" s="5" t="s">
        <v>43</v>
      </c>
      <c r="AC1598" s="5" t="s">
        <v>44</v>
      </c>
      <c r="AD1598" s="2"/>
      <c r="AE1598" s="1"/>
    </row>
    <row r="1599" spans="1:31" ht="14.45">
      <c r="A1599" s="11"/>
      <c r="B1599" s="20"/>
      <c r="C1599" s="2" t="s">
        <v>5218</v>
      </c>
      <c r="D1599" s="14" t="s">
        <v>5219</v>
      </c>
      <c r="E1599" s="2" t="s">
        <v>5220</v>
      </c>
      <c r="F1599" s="2" t="s">
        <v>1767</v>
      </c>
      <c r="G1599" s="8">
        <v>196</v>
      </c>
      <c r="H1599" s="5">
        <v>6</v>
      </c>
      <c r="I1599" s="5" t="s">
        <v>1518</v>
      </c>
      <c r="J1599" s="5" t="s">
        <v>1519</v>
      </c>
      <c r="K1599" s="2" t="s">
        <v>1520</v>
      </c>
      <c r="L1599" s="5" t="s">
        <v>1519</v>
      </c>
      <c r="M1599" s="2" t="s">
        <v>1520</v>
      </c>
      <c r="N1599" s="5" t="s">
        <v>1521</v>
      </c>
      <c r="O1599" s="5" t="s">
        <v>38</v>
      </c>
      <c r="P1599" s="5" t="s">
        <v>39</v>
      </c>
      <c r="Q1599" s="5" t="s">
        <v>40</v>
      </c>
      <c r="R1599" s="5" t="s">
        <v>1522</v>
      </c>
      <c r="S1599" s="5" t="s">
        <v>1523</v>
      </c>
      <c r="T1599" s="5" t="s">
        <v>42</v>
      </c>
      <c r="U1599" s="2">
        <v>2.6909999999999998</v>
      </c>
      <c r="V1599" s="2">
        <v>2.141</v>
      </c>
      <c r="W1599" s="2">
        <v>1.7999999999999999E-2</v>
      </c>
      <c r="X1599" s="2">
        <v>139.1</v>
      </c>
      <c r="Y1599" s="2">
        <v>7.6</v>
      </c>
      <c r="Z1599" s="2">
        <v>16.7</v>
      </c>
      <c r="AA1599" s="5"/>
      <c r="AB1599" s="5" t="s">
        <v>43</v>
      </c>
      <c r="AC1599" s="5" t="s">
        <v>44</v>
      </c>
      <c r="AD1599" s="2"/>
      <c r="AE1599" s="1"/>
    </row>
    <row r="1600" spans="1:31" ht="14.45">
      <c r="A1600" s="11"/>
      <c r="B1600" s="20"/>
      <c r="C1600" s="2" t="s">
        <v>5221</v>
      </c>
      <c r="D1600" s="14" t="s">
        <v>5222</v>
      </c>
      <c r="E1600" s="2" t="s">
        <v>5223</v>
      </c>
      <c r="F1600" s="2" t="s">
        <v>1771</v>
      </c>
      <c r="G1600" s="8">
        <v>196</v>
      </c>
      <c r="H1600" s="5">
        <v>6</v>
      </c>
      <c r="I1600" s="5" t="s">
        <v>1518</v>
      </c>
      <c r="J1600" s="5" t="s">
        <v>1519</v>
      </c>
      <c r="K1600" s="2" t="s">
        <v>1520</v>
      </c>
      <c r="L1600" s="5" t="s">
        <v>1519</v>
      </c>
      <c r="M1600" s="2" t="s">
        <v>1520</v>
      </c>
      <c r="N1600" s="5" t="s">
        <v>1521</v>
      </c>
      <c r="O1600" s="5" t="s">
        <v>38</v>
      </c>
      <c r="P1600" s="5" t="s">
        <v>39</v>
      </c>
      <c r="Q1600" s="5" t="s">
        <v>40</v>
      </c>
      <c r="R1600" s="5" t="s">
        <v>1522</v>
      </c>
      <c r="S1600" s="5" t="s">
        <v>1523</v>
      </c>
      <c r="T1600" s="5" t="s">
        <v>42</v>
      </c>
      <c r="U1600" s="2">
        <v>2.7450000000000001</v>
      </c>
      <c r="V1600" s="2">
        <v>2.1949999999999998</v>
      </c>
      <c r="W1600" s="2">
        <v>1.7999999999999999E-2</v>
      </c>
      <c r="X1600" s="2">
        <v>139.1</v>
      </c>
      <c r="Y1600" s="2">
        <v>7.6</v>
      </c>
      <c r="Z1600" s="2">
        <v>16.7</v>
      </c>
      <c r="AA1600" s="5"/>
      <c r="AB1600" s="5" t="s">
        <v>43</v>
      </c>
      <c r="AC1600" s="5" t="s">
        <v>44</v>
      </c>
      <c r="AD1600" s="2"/>
      <c r="AE1600" s="1"/>
    </row>
    <row r="1601" spans="1:31" ht="14.45">
      <c r="A1601" s="11"/>
      <c r="B1601" s="20"/>
      <c r="C1601" s="2" t="s">
        <v>5224</v>
      </c>
      <c r="D1601" s="14" t="s">
        <v>5225</v>
      </c>
      <c r="E1601" s="2" t="s">
        <v>5226</v>
      </c>
      <c r="F1601" s="2" t="s">
        <v>1775</v>
      </c>
      <c r="G1601" s="8">
        <v>196</v>
      </c>
      <c r="H1601" s="5">
        <v>6</v>
      </c>
      <c r="I1601" s="5" t="s">
        <v>1518</v>
      </c>
      <c r="J1601" s="5" t="s">
        <v>1519</v>
      </c>
      <c r="K1601" s="2" t="s">
        <v>1520</v>
      </c>
      <c r="L1601" s="5" t="s">
        <v>1519</v>
      </c>
      <c r="M1601" s="2" t="s">
        <v>1520</v>
      </c>
      <c r="N1601" s="5" t="s">
        <v>1521</v>
      </c>
      <c r="O1601" s="5" t="s">
        <v>38</v>
      </c>
      <c r="P1601" s="5" t="s">
        <v>39</v>
      </c>
      <c r="Q1601" s="5" t="s">
        <v>40</v>
      </c>
      <c r="R1601" s="5" t="s">
        <v>1522</v>
      </c>
      <c r="S1601" s="5" t="s">
        <v>1523</v>
      </c>
      <c r="T1601" s="5" t="s">
        <v>42</v>
      </c>
      <c r="U1601" s="2">
        <v>2.6909999999999998</v>
      </c>
      <c r="V1601" s="2">
        <v>2.141</v>
      </c>
      <c r="W1601" s="2">
        <v>1.7999999999999999E-2</v>
      </c>
      <c r="X1601" s="2">
        <v>139.1</v>
      </c>
      <c r="Y1601" s="2">
        <v>7.6</v>
      </c>
      <c r="Z1601" s="2">
        <v>16.7</v>
      </c>
      <c r="AA1601" s="5"/>
      <c r="AB1601" s="5" t="s">
        <v>43</v>
      </c>
      <c r="AC1601" s="5" t="s">
        <v>44</v>
      </c>
      <c r="AD1601" s="2"/>
      <c r="AE1601" s="1"/>
    </row>
    <row r="1602" spans="1:31" ht="14.45">
      <c r="A1602" s="11"/>
      <c r="B1602" s="20"/>
      <c r="C1602" s="2" t="s">
        <v>5227</v>
      </c>
      <c r="D1602" s="14" t="s">
        <v>5228</v>
      </c>
      <c r="E1602" s="2" t="s">
        <v>5229</v>
      </c>
      <c r="F1602" s="2" t="s">
        <v>1779</v>
      </c>
      <c r="G1602" s="8">
        <v>196</v>
      </c>
      <c r="H1602" s="5">
        <v>6</v>
      </c>
      <c r="I1602" s="5" t="s">
        <v>1518</v>
      </c>
      <c r="J1602" s="5" t="s">
        <v>1519</v>
      </c>
      <c r="K1602" s="2" t="s">
        <v>1520</v>
      </c>
      <c r="L1602" s="5" t="s">
        <v>1519</v>
      </c>
      <c r="M1602" s="2" t="s">
        <v>1520</v>
      </c>
      <c r="N1602" s="5" t="s">
        <v>1521</v>
      </c>
      <c r="O1602" s="5" t="s">
        <v>38</v>
      </c>
      <c r="P1602" s="5" t="s">
        <v>39</v>
      </c>
      <c r="Q1602" s="5" t="s">
        <v>40</v>
      </c>
      <c r="R1602" s="5" t="s">
        <v>1522</v>
      </c>
      <c r="S1602" s="5" t="s">
        <v>1523</v>
      </c>
      <c r="T1602" s="5" t="s">
        <v>42</v>
      </c>
      <c r="U1602" s="2">
        <v>2.7450000000000001</v>
      </c>
      <c r="V1602" s="2">
        <v>2.1949999999999998</v>
      </c>
      <c r="W1602" s="2">
        <v>1.7999999999999999E-2</v>
      </c>
      <c r="X1602" s="2">
        <v>139.1</v>
      </c>
      <c r="Y1602" s="2">
        <v>7.6</v>
      </c>
      <c r="Z1602" s="2">
        <v>16.7</v>
      </c>
      <c r="AA1602" s="5"/>
      <c r="AB1602" s="5" t="s">
        <v>43</v>
      </c>
      <c r="AC1602" s="5" t="s">
        <v>44</v>
      </c>
      <c r="AD1602" s="2"/>
      <c r="AE1602" s="1"/>
    </row>
    <row r="1603" spans="1:31" ht="14.45">
      <c r="A1603" s="11"/>
      <c r="B1603" s="20"/>
      <c r="C1603" s="2" t="s">
        <v>5230</v>
      </c>
      <c r="D1603" s="14" t="s">
        <v>5231</v>
      </c>
      <c r="E1603" s="2" t="s">
        <v>5232</v>
      </c>
      <c r="F1603" s="2" t="s">
        <v>1783</v>
      </c>
      <c r="G1603" s="8">
        <v>196</v>
      </c>
      <c r="H1603" s="5">
        <v>6</v>
      </c>
      <c r="I1603" s="5" t="s">
        <v>1518</v>
      </c>
      <c r="J1603" s="5" t="s">
        <v>1519</v>
      </c>
      <c r="K1603" s="2" t="s">
        <v>1520</v>
      </c>
      <c r="L1603" s="5" t="s">
        <v>1519</v>
      </c>
      <c r="M1603" s="2" t="s">
        <v>1520</v>
      </c>
      <c r="N1603" s="5" t="s">
        <v>1521</v>
      </c>
      <c r="O1603" s="5" t="s">
        <v>38</v>
      </c>
      <c r="P1603" s="5" t="s">
        <v>39</v>
      </c>
      <c r="Q1603" s="5" t="s">
        <v>40</v>
      </c>
      <c r="R1603" s="5" t="s">
        <v>1522</v>
      </c>
      <c r="S1603" s="5" t="s">
        <v>1523</v>
      </c>
      <c r="T1603" s="5" t="s">
        <v>42</v>
      </c>
      <c r="U1603" s="2">
        <v>2.6619999999999999</v>
      </c>
      <c r="V1603" s="2">
        <v>2.1120000000000001</v>
      </c>
      <c r="W1603" s="2">
        <v>1.7999999999999999E-2</v>
      </c>
      <c r="X1603" s="2">
        <v>139.1</v>
      </c>
      <c r="Y1603" s="2">
        <v>7.6</v>
      </c>
      <c r="Z1603" s="2">
        <v>16.7</v>
      </c>
      <c r="AA1603" s="5"/>
      <c r="AB1603" s="5" t="s">
        <v>43</v>
      </c>
      <c r="AC1603" s="5" t="s">
        <v>44</v>
      </c>
      <c r="AD1603" s="2"/>
      <c r="AE1603" s="1"/>
    </row>
    <row r="1604" spans="1:31" ht="14.45">
      <c r="A1604" s="11"/>
      <c r="B1604" s="20"/>
      <c r="C1604" s="2" t="s">
        <v>5233</v>
      </c>
      <c r="D1604" s="14" t="s">
        <v>5234</v>
      </c>
      <c r="E1604" s="2" t="s">
        <v>5235</v>
      </c>
      <c r="F1604" s="2" t="s">
        <v>1787</v>
      </c>
      <c r="G1604" s="8">
        <v>196</v>
      </c>
      <c r="H1604" s="5">
        <v>6</v>
      </c>
      <c r="I1604" s="5" t="s">
        <v>1518</v>
      </c>
      <c r="J1604" s="5" t="s">
        <v>1519</v>
      </c>
      <c r="K1604" s="2" t="s">
        <v>1520</v>
      </c>
      <c r="L1604" s="5" t="s">
        <v>1519</v>
      </c>
      <c r="M1604" s="2" t="s">
        <v>1520</v>
      </c>
      <c r="N1604" s="5" t="s">
        <v>1521</v>
      </c>
      <c r="O1604" s="5" t="s">
        <v>38</v>
      </c>
      <c r="P1604" s="5" t="s">
        <v>39</v>
      </c>
      <c r="Q1604" s="5" t="s">
        <v>40</v>
      </c>
      <c r="R1604" s="5" t="s">
        <v>1522</v>
      </c>
      <c r="S1604" s="5" t="s">
        <v>1523</v>
      </c>
      <c r="T1604" s="5" t="s">
        <v>42</v>
      </c>
      <c r="U1604" s="2">
        <v>2.7160000000000002</v>
      </c>
      <c r="V1604" s="2">
        <v>2.1659999999999999</v>
      </c>
      <c r="W1604" s="2">
        <v>1.7999999999999999E-2</v>
      </c>
      <c r="X1604" s="2">
        <v>139.1</v>
      </c>
      <c r="Y1604" s="2">
        <v>7.6</v>
      </c>
      <c r="Z1604" s="2">
        <v>16.7</v>
      </c>
      <c r="AA1604" s="5"/>
      <c r="AB1604" s="5" t="s">
        <v>43</v>
      </c>
      <c r="AC1604" s="5" t="s">
        <v>44</v>
      </c>
      <c r="AD1604" s="2"/>
      <c r="AE1604" s="1"/>
    </row>
    <row r="1605" spans="1:31" ht="14.45">
      <c r="A1605" s="11"/>
      <c r="B1605" s="20"/>
      <c r="C1605" s="2" t="s">
        <v>5236</v>
      </c>
      <c r="D1605" s="14" t="s">
        <v>5237</v>
      </c>
      <c r="E1605" s="2" t="s">
        <v>5238</v>
      </c>
      <c r="F1605" s="2" t="s">
        <v>1791</v>
      </c>
      <c r="G1605" s="8">
        <v>196</v>
      </c>
      <c r="H1605" s="5">
        <v>6</v>
      </c>
      <c r="I1605" s="5" t="s">
        <v>1518</v>
      </c>
      <c r="J1605" s="5" t="s">
        <v>1519</v>
      </c>
      <c r="K1605" s="2" t="s">
        <v>1520</v>
      </c>
      <c r="L1605" s="5" t="s">
        <v>1519</v>
      </c>
      <c r="M1605" s="2" t="s">
        <v>1520</v>
      </c>
      <c r="N1605" s="5" t="s">
        <v>1521</v>
      </c>
      <c r="O1605" s="5" t="s">
        <v>38</v>
      </c>
      <c r="P1605" s="5" t="s">
        <v>39</v>
      </c>
      <c r="Q1605" s="5" t="s">
        <v>40</v>
      </c>
      <c r="R1605" s="5" t="s">
        <v>1522</v>
      </c>
      <c r="S1605" s="5" t="s">
        <v>1523</v>
      </c>
      <c r="T1605" s="5" t="s">
        <v>42</v>
      </c>
      <c r="U1605" s="2">
        <v>2.6909999999999998</v>
      </c>
      <c r="V1605" s="2">
        <v>2.141</v>
      </c>
      <c r="W1605" s="2">
        <v>1.7999999999999999E-2</v>
      </c>
      <c r="X1605" s="2">
        <v>139.1</v>
      </c>
      <c r="Y1605" s="2">
        <v>7.6</v>
      </c>
      <c r="Z1605" s="2">
        <v>16.7</v>
      </c>
      <c r="AA1605" s="5"/>
      <c r="AB1605" s="5" t="s">
        <v>43</v>
      </c>
      <c r="AC1605" s="5" t="s">
        <v>44</v>
      </c>
      <c r="AD1605" s="2"/>
      <c r="AE1605" s="1"/>
    </row>
    <row r="1606" spans="1:31" ht="14.45">
      <c r="A1606" s="11"/>
      <c r="B1606" s="20"/>
      <c r="C1606" s="2" t="s">
        <v>5239</v>
      </c>
      <c r="D1606" s="14" t="s">
        <v>5240</v>
      </c>
      <c r="E1606" s="2" t="s">
        <v>5241</v>
      </c>
      <c r="F1606" s="2" t="s">
        <v>1795</v>
      </c>
      <c r="G1606" s="8">
        <v>196</v>
      </c>
      <c r="H1606" s="5">
        <v>6</v>
      </c>
      <c r="I1606" s="5" t="s">
        <v>1518</v>
      </c>
      <c r="J1606" s="5" t="s">
        <v>1519</v>
      </c>
      <c r="K1606" s="2" t="s">
        <v>1520</v>
      </c>
      <c r="L1606" s="5" t="s">
        <v>1519</v>
      </c>
      <c r="M1606" s="2" t="s">
        <v>1520</v>
      </c>
      <c r="N1606" s="5" t="s">
        <v>1521</v>
      </c>
      <c r="O1606" s="5" t="s">
        <v>38</v>
      </c>
      <c r="P1606" s="5" t="s">
        <v>39</v>
      </c>
      <c r="Q1606" s="5" t="s">
        <v>40</v>
      </c>
      <c r="R1606" s="5" t="s">
        <v>1522</v>
      </c>
      <c r="S1606" s="5" t="s">
        <v>1523</v>
      </c>
      <c r="T1606" s="5" t="s">
        <v>42</v>
      </c>
      <c r="U1606" s="2">
        <v>2.7450000000000001</v>
      </c>
      <c r="V1606" s="2">
        <v>2.1949999999999998</v>
      </c>
      <c r="W1606" s="2">
        <v>1.7999999999999999E-2</v>
      </c>
      <c r="X1606" s="2">
        <v>139.1</v>
      </c>
      <c r="Y1606" s="2">
        <v>7.6</v>
      </c>
      <c r="Z1606" s="2">
        <v>16.7</v>
      </c>
      <c r="AA1606" s="5"/>
      <c r="AB1606" s="5" t="s">
        <v>43</v>
      </c>
      <c r="AC1606" s="5" t="s">
        <v>44</v>
      </c>
      <c r="AD1606" s="2"/>
      <c r="AE1606" s="1"/>
    </row>
    <row r="1607" spans="1:31" ht="14.45">
      <c r="A1607" s="11"/>
      <c r="B1607" s="20"/>
      <c r="C1607" s="2" t="s">
        <v>5242</v>
      </c>
      <c r="D1607" s="14" t="s">
        <v>5243</v>
      </c>
      <c r="E1607" s="2" t="s">
        <v>5244</v>
      </c>
      <c r="F1607" s="2" t="s">
        <v>1799</v>
      </c>
      <c r="G1607" s="8">
        <v>196</v>
      </c>
      <c r="H1607" s="5">
        <v>6</v>
      </c>
      <c r="I1607" s="5" t="s">
        <v>1518</v>
      </c>
      <c r="J1607" s="5" t="s">
        <v>1519</v>
      </c>
      <c r="K1607" s="2" t="s">
        <v>1520</v>
      </c>
      <c r="L1607" s="5" t="s">
        <v>1519</v>
      </c>
      <c r="M1607" s="2" t="s">
        <v>1520</v>
      </c>
      <c r="N1607" s="5" t="s">
        <v>1521</v>
      </c>
      <c r="O1607" s="5" t="s">
        <v>38</v>
      </c>
      <c r="P1607" s="5" t="s">
        <v>39</v>
      </c>
      <c r="Q1607" s="5" t="s">
        <v>40</v>
      </c>
      <c r="R1607" s="5" t="s">
        <v>1522</v>
      </c>
      <c r="S1607" s="5" t="s">
        <v>1523</v>
      </c>
      <c r="T1607" s="5" t="s">
        <v>42</v>
      </c>
      <c r="U1607" s="2">
        <v>2.6909999999999998</v>
      </c>
      <c r="V1607" s="2">
        <v>2.141</v>
      </c>
      <c r="W1607" s="2">
        <v>1.7999999999999999E-2</v>
      </c>
      <c r="X1607" s="2">
        <v>139.1</v>
      </c>
      <c r="Y1607" s="2">
        <v>7.6</v>
      </c>
      <c r="Z1607" s="2">
        <v>16.7</v>
      </c>
      <c r="AA1607" s="5"/>
      <c r="AB1607" s="5" t="s">
        <v>43</v>
      </c>
      <c r="AC1607" s="5" t="s">
        <v>44</v>
      </c>
      <c r="AD1607" s="2"/>
      <c r="AE1607" s="1"/>
    </row>
    <row r="1608" spans="1:31" ht="14.45">
      <c r="A1608" s="11"/>
      <c r="B1608" s="20"/>
      <c r="C1608" s="2" t="s">
        <v>5245</v>
      </c>
      <c r="D1608" s="14" t="s">
        <v>5246</v>
      </c>
      <c r="E1608" s="2" t="s">
        <v>5247</v>
      </c>
      <c r="F1608" s="2" t="s">
        <v>1803</v>
      </c>
      <c r="G1608" s="8">
        <v>196</v>
      </c>
      <c r="H1608" s="5">
        <v>6</v>
      </c>
      <c r="I1608" s="5" t="s">
        <v>1518</v>
      </c>
      <c r="J1608" s="5" t="s">
        <v>1519</v>
      </c>
      <c r="K1608" s="2" t="s">
        <v>1520</v>
      </c>
      <c r="L1608" s="5" t="s">
        <v>1519</v>
      </c>
      <c r="M1608" s="2" t="s">
        <v>1520</v>
      </c>
      <c r="N1608" s="5" t="s">
        <v>1521</v>
      </c>
      <c r="O1608" s="5" t="s">
        <v>38</v>
      </c>
      <c r="P1608" s="5" t="s">
        <v>39</v>
      </c>
      <c r="Q1608" s="5" t="s">
        <v>40</v>
      </c>
      <c r="R1608" s="5" t="s">
        <v>1522</v>
      </c>
      <c r="S1608" s="5" t="s">
        <v>1523</v>
      </c>
      <c r="T1608" s="5" t="s">
        <v>42</v>
      </c>
      <c r="U1608" s="2">
        <v>2.7450000000000001</v>
      </c>
      <c r="V1608" s="2">
        <v>2.1949999999999998</v>
      </c>
      <c r="W1608" s="2">
        <v>1.7999999999999999E-2</v>
      </c>
      <c r="X1608" s="2">
        <v>139.1</v>
      </c>
      <c r="Y1608" s="2">
        <v>7.6</v>
      </c>
      <c r="Z1608" s="2">
        <v>16.7</v>
      </c>
      <c r="AA1608" s="5"/>
      <c r="AB1608" s="5" t="s">
        <v>43</v>
      </c>
      <c r="AC1608" s="5" t="s">
        <v>44</v>
      </c>
      <c r="AD1608" s="2"/>
      <c r="AE1608" s="1"/>
    </row>
    <row r="1609" spans="1:31" ht="14.45">
      <c r="A1609" s="11"/>
      <c r="B1609" s="20"/>
      <c r="C1609" s="2" t="s">
        <v>5248</v>
      </c>
      <c r="D1609" s="14" t="s">
        <v>5249</v>
      </c>
      <c r="E1609" s="2" t="s">
        <v>5250</v>
      </c>
      <c r="F1609" s="2" t="s">
        <v>1807</v>
      </c>
      <c r="G1609" s="8">
        <v>196</v>
      </c>
      <c r="H1609" s="5">
        <v>6</v>
      </c>
      <c r="I1609" s="5" t="s">
        <v>1518</v>
      </c>
      <c r="J1609" s="5" t="s">
        <v>1519</v>
      </c>
      <c r="K1609" s="2" t="s">
        <v>1520</v>
      </c>
      <c r="L1609" s="5" t="s">
        <v>1519</v>
      </c>
      <c r="M1609" s="2" t="s">
        <v>1520</v>
      </c>
      <c r="N1609" s="5" t="s">
        <v>1521</v>
      </c>
      <c r="O1609" s="5" t="s">
        <v>38</v>
      </c>
      <c r="P1609" s="5" t="s">
        <v>39</v>
      </c>
      <c r="Q1609" s="5" t="s">
        <v>40</v>
      </c>
      <c r="R1609" s="5" t="s">
        <v>1522</v>
      </c>
      <c r="S1609" s="5" t="s">
        <v>1523</v>
      </c>
      <c r="T1609" s="5" t="s">
        <v>42</v>
      </c>
      <c r="U1609" s="2">
        <v>2.6909999999999998</v>
      </c>
      <c r="V1609" s="2">
        <v>2.141</v>
      </c>
      <c r="W1609" s="2">
        <v>1.7999999999999999E-2</v>
      </c>
      <c r="X1609" s="2">
        <v>139.1</v>
      </c>
      <c r="Y1609" s="2">
        <v>7.6</v>
      </c>
      <c r="Z1609" s="2">
        <v>16.7</v>
      </c>
      <c r="AA1609" s="5"/>
      <c r="AB1609" s="5" t="s">
        <v>43</v>
      </c>
      <c r="AC1609" s="5" t="s">
        <v>44</v>
      </c>
      <c r="AD1609" s="2"/>
      <c r="AE1609" s="1"/>
    </row>
    <row r="1610" spans="1:31" ht="14.45">
      <c r="A1610" s="11"/>
      <c r="B1610" s="20"/>
      <c r="C1610" s="2" t="s">
        <v>5251</v>
      </c>
      <c r="D1610" s="14" t="s">
        <v>5252</v>
      </c>
      <c r="E1610" s="2" t="s">
        <v>5253</v>
      </c>
      <c r="F1610" s="2" t="s">
        <v>1811</v>
      </c>
      <c r="G1610" s="8">
        <v>196</v>
      </c>
      <c r="H1610" s="5">
        <v>6</v>
      </c>
      <c r="I1610" s="5" t="s">
        <v>1518</v>
      </c>
      <c r="J1610" s="5" t="s">
        <v>1519</v>
      </c>
      <c r="K1610" s="2" t="s">
        <v>1520</v>
      </c>
      <c r="L1610" s="5" t="s">
        <v>1519</v>
      </c>
      <c r="M1610" s="2" t="s">
        <v>1520</v>
      </c>
      <c r="N1610" s="5" t="s">
        <v>1521</v>
      </c>
      <c r="O1610" s="5" t="s">
        <v>38</v>
      </c>
      <c r="P1610" s="5" t="s">
        <v>39</v>
      </c>
      <c r="Q1610" s="5" t="s">
        <v>40</v>
      </c>
      <c r="R1610" s="5" t="s">
        <v>1522</v>
      </c>
      <c r="S1610" s="5" t="s">
        <v>1523</v>
      </c>
      <c r="T1610" s="5" t="s">
        <v>42</v>
      </c>
      <c r="U1610" s="2">
        <v>2.7450000000000001</v>
      </c>
      <c r="V1610" s="2">
        <v>2.1949999999999998</v>
      </c>
      <c r="W1610" s="2">
        <v>1.7999999999999999E-2</v>
      </c>
      <c r="X1610" s="2">
        <v>139.1</v>
      </c>
      <c r="Y1610" s="2">
        <v>7.6</v>
      </c>
      <c r="Z1610" s="2">
        <v>16.7</v>
      </c>
      <c r="AA1610" s="5"/>
      <c r="AB1610" s="5" t="s">
        <v>43</v>
      </c>
      <c r="AC1610" s="5" t="s">
        <v>44</v>
      </c>
      <c r="AD1610" s="2"/>
      <c r="AE1610" s="1"/>
    </row>
    <row r="1611" spans="1:31" ht="14.45">
      <c r="A1611" s="11"/>
      <c r="B1611" s="20"/>
      <c r="C1611" s="2" t="s">
        <v>5254</v>
      </c>
      <c r="D1611" s="14" t="s">
        <v>5255</v>
      </c>
      <c r="E1611" s="2" t="s">
        <v>5256</v>
      </c>
      <c r="F1611" s="2" t="s">
        <v>1815</v>
      </c>
      <c r="G1611" s="8">
        <v>196</v>
      </c>
      <c r="H1611" s="5">
        <v>6</v>
      </c>
      <c r="I1611" s="5" t="s">
        <v>1518</v>
      </c>
      <c r="J1611" s="5" t="s">
        <v>1519</v>
      </c>
      <c r="K1611" s="2" t="s">
        <v>1520</v>
      </c>
      <c r="L1611" s="5" t="s">
        <v>1519</v>
      </c>
      <c r="M1611" s="2" t="s">
        <v>1520</v>
      </c>
      <c r="N1611" s="5" t="s">
        <v>1521</v>
      </c>
      <c r="O1611" s="5" t="s">
        <v>38</v>
      </c>
      <c r="P1611" s="5" t="s">
        <v>39</v>
      </c>
      <c r="Q1611" s="5" t="s">
        <v>40</v>
      </c>
      <c r="R1611" s="5" t="s">
        <v>1522</v>
      </c>
      <c r="S1611" s="5" t="s">
        <v>1523</v>
      </c>
      <c r="T1611" s="5" t="s">
        <v>42</v>
      </c>
      <c r="U1611" s="2">
        <v>2.6619999999999999</v>
      </c>
      <c r="V1611" s="2">
        <v>2.1120000000000001</v>
      </c>
      <c r="W1611" s="2">
        <v>1.7999999999999999E-2</v>
      </c>
      <c r="X1611" s="2">
        <v>139.1</v>
      </c>
      <c r="Y1611" s="2">
        <v>7.6</v>
      </c>
      <c r="Z1611" s="2">
        <v>16.7</v>
      </c>
      <c r="AA1611" s="5"/>
      <c r="AB1611" s="5" t="s">
        <v>43</v>
      </c>
      <c r="AC1611" s="5" t="s">
        <v>44</v>
      </c>
      <c r="AD1611" s="2"/>
      <c r="AE1611" s="1"/>
    </row>
    <row r="1612" spans="1:31" ht="14.45">
      <c r="A1612" s="11"/>
      <c r="B1612" s="20"/>
      <c r="C1612" s="2" t="s">
        <v>5257</v>
      </c>
      <c r="D1612" s="14" t="s">
        <v>5258</v>
      </c>
      <c r="E1612" s="2" t="s">
        <v>5259</v>
      </c>
      <c r="F1612" s="2" t="s">
        <v>1819</v>
      </c>
      <c r="G1612" s="8">
        <v>196</v>
      </c>
      <c r="H1612" s="5">
        <v>6</v>
      </c>
      <c r="I1612" s="5" t="s">
        <v>1518</v>
      </c>
      <c r="J1612" s="5" t="s">
        <v>1519</v>
      </c>
      <c r="K1612" s="2" t="s">
        <v>1520</v>
      </c>
      <c r="L1612" s="5" t="s">
        <v>1519</v>
      </c>
      <c r="M1612" s="2" t="s">
        <v>1520</v>
      </c>
      <c r="N1612" s="5" t="s">
        <v>1521</v>
      </c>
      <c r="O1612" s="5" t="s">
        <v>38</v>
      </c>
      <c r="P1612" s="5" t="s">
        <v>39</v>
      </c>
      <c r="Q1612" s="5" t="s">
        <v>40</v>
      </c>
      <c r="R1612" s="5" t="s">
        <v>1522</v>
      </c>
      <c r="S1612" s="5" t="s">
        <v>1523</v>
      </c>
      <c r="T1612" s="5" t="s">
        <v>42</v>
      </c>
      <c r="U1612" s="2">
        <v>2.7160000000000002</v>
      </c>
      <c r="V1612" s="2">
        <v>2.1659999999999999</v>
      </c>
      <c r="W1612" s="2">
        <v>1.7999999999999999E-2</v>
      </c>
      <c r="X1612" s="2">
        <v>139.1</v>
      </c>
      <c r="Y1612" s="2">
        <v>7.6</v>
      </c>
      <c r="Z1612" s="2">
        <v>16.7</v>
      </c>
      <c r="AA1612" s="5"/>
      <c r="AB1612" s="5" t="s">
        <v>43</v>
      </c>
      <c r="AC1612" s="5" t="s">
        <v>44</v>
      </c>
      <c r="AD1612" s="2"/>
      <c r="AE1612" s="1"/>
    </row>
    <row r="1613" spans="1:31" ht="14.45">
      <c r="A1613" s="11"/>
      <c r="B1613" s="20"/>
      <c r="C1613" s="2" t="s">
        <v>5260</v>
      </c>
      <c r="D1613" s="14" t="s">
        <v>5261</v>
      </c>
      <c r="E1613" s="2" t="s">
        <v>5262</v>
      </c>
      <c r="F1613" s="2" t="s">
        <v>1823</v>
      </c>
      <c r="G1613" s="8">
        <v>196</v>
      </c>
      <c r="H1613" s="5">
        <v>8</v>
      </c>
      <c r="I1613" s="5" t="s">
        <v>1518</v>
      </c>
      <c r="J1613" s="5" t="s">
        <v>1519</v>
      </c>
      <c r="K1613" s="2" t="s">
        <v>1520</v>
      </c>
      <c r="L1613" s="5" t="s">
        <v>1519</v>
      </c>
      <c r="M1613" s="2" t="s">
        <v>1520</v>
      </c>
      <c r="N1613" s="5" t="s">
        <v>1521</v>
      </c>
      <c r="O1613" s="5" t="s">
        <v>38</v>
      </c>
      <c r="P1613" s="5" t="s">
        <v>39</v>
      </c>
      <c r="Q1613" s="5" t="s">
        <v>40</v>
      </c>
      <c r="R1613" s="5" t="s">
        <v>1522</v>
      </c>
      <c r="S1613" s="5" t="s">
        <v>1523</v>
      </c>
      <c r="T1613" s="5" t="s">
        <v>42</v>
      </c>
      <c r="U1613" s="2">
        <v>2.714</v>
      </c>
      <c r="V1613" s="2">
        <v>2.1640000000000001</v>
      </c>
      <c r="W1613" s="2">
        <v>1.7999999999999999E-2</v>
      </c>
      <c r="X1613" s="2">
        <v>139.1</v>
      </c>
      <c r="Y1613" s="2">
        <v>7.6</v>
      </c>
      <c r="Z1613" s="2">
        <v>16.7</v>
      </c>
      <c r="AA1613" s="5"/>
      <c r="AB1613" s="5" t="s">
        <v>43</v>
      </c>
      <c r="AC1613" s="5" t="s">
        <v>44</v>
      </c>
      <c r="AD1613" s="2"/>
      <c r="AE1613" s="1"/>
    </row>
    <row r="1614" spans="1:31" ht="14.45">
      <c r="A1614" s="11"/>
      <c r="B1614" s="20"/>
      <c r="C1614" s="2" t="s">
        <v>5263</v>
      </c>
      <c r="D1614" s="14" t="s">
        <v>5264</v>
      </c>
      <c r="E1614" s="2" t="s">
        <v>5265</v>
      </c>
      <c r="F1614" s="2" t="s">
        <v>1827</v>
      </c>
      <c r="G1614" s="8">
        <v>196</v>
      </c>
      <c r="H1614" s="5">
        <v>8</v>
      </c>
      <c r="I1614" s="5" t="s">
        <v>1518</v>
      </c>
      <c r="J1614" s="5" t="s">
        <v>1519</v>
      </c>
      <c r="K1614" s="2" t="s">
        <v>1520</v>
      </c>
      <c r="L1614" s="5" t="s">
        <v>1519</v>
      </c>
      <c r="M1614" s="2" t="s">
        <v>1520</v>
      </c>
      <c r="N1614" s="5" t="s">
        <v>1521</v>
      </c>
      <c r="O1614" s="5" t="s">
        <v>38</v>
      </c>
      <c r="P1614" s="5" t="s">
        <v>39</v>
      </c>
      <c r="Q1614" s="5" t="s">
        <v>40</v>
      </c>
      <c r="R1614" s="5" t="s">
        <v>1522</v>
      </c>
      <c r="S1614" s="5" t="s">
        <v>1523</v>
      </c>
      <c r="T1614" s="5" t="s">
        <v>42</v>
      </c>
      <c r="U1614" s="2">
        <v>2.7679999999999998</v>
      </c>
      <c r="V1614" s="2">
        <v>2.218</v>
      </c>
      <c r="W1614" s="2">
        <v>1.7999999999999999E-2</v>
      </c>
      <c r="X1614" s="2">
        <v>139.1</v>
      </c>
      <c r="Y1614" s="2">
        <v>7.6</v>
      </c>
      <c r="Z1614" s="2">
        <v>16.7</v>
      </c>
      <c r="AA1614" s="5"/>
      <c r="AB1614" s="5" t="s">
        <v>43</v>
      </c>
      <c r="AC1614" s="5" t="s">
        <v>44</v>
      </c>
      <c r="AD1614" s="2"/>
      <c r="AE1614" s="1"/>
    </row>
    <row r="1615" spans="1:31" ht="14.45">
      <c r="A1615" s="11"/>
      <c r="B1615" s="20"/>
      <c r="C1615" s="2" t="s">
        <v>5266</v>
      </c>
      <c r="D1615" s="14" t="s">
        <v>5267</v>
      </c>
      <c r="E1615" s="2" t="s">
        <v>5268</v>
      </c>
      <c r="F1615" s="2" t="s">
        <v>1973</v>
      </c>
      <c r="G1615" s="8">
        <v>196</v>
      </c>
      <c r="H1615" s="5">
        <v>13</v>
      </c>
      <c r="I1615" s="5" t="s">
        <v>1518</v>
      </c>
      <c r="J1615" s="5" t="s">
        <v>1519</v>
      </c>
      <c r="K1615" s="2" t="s">
        <v>1520</v>
      </c>
      <c r="L1615" s="5" t="s">
        <v>1519</v>
      </c>
      <c r="M1615" s="2" t="s">
        <v>1520</v>
      </c>
      <c r="N1615" s="5" t="s">
        <v>1521</v>
      </c>
      <c r="O1615" s="5" t="s">
        <v>38</v>
      </c>
      <c r="P1615" s="5" t="s">
        <v>39</v>
      </c>
      <c r="Q1615" s="5" t="s">
        <v>40</v>
      </c>
      <c r="R1615" s="5" t="s">
        <v>1522</v>
      </c>
      <c r="S1615" s="5" t="s">
        <v>1523</v>
      </c>
      <c r="T1615" s="5" t="s">
        <v>42</v>
      </c>
      <c r="U1615" s="2">
        <v>2.7250000000000001</v>
      </c>
      <c r="V1615" s="2">
        <v>2.1749999999999998</v>
      </c>
      <c r="W1615" s="2">
        <v>1.7999999999999999E-2</v>
      </c>
      <c r="X1615" s="2">
        <v>139.1</v>
      </c>
      <c r="Y1615" s="2">
        <v>7.6</v>
      </c>
      <c r="Z1615" s="2">
        <v>16.7</v>
      </c>
      <c r="AA1615" s="5"/>
      <c r="AB1615" s="5" t="s">
        <v>43</v>
      </c>
      <c r="AC1615" s="5" t="s">
        <v>44</v>
      </c>
      <c r="AD1615" s="2"/>
      <c r="AE1615" s="1"/>
    </row>
    <row r="1616" spans="1:31" ht="14.45">
      <c r="A1616" s="11"/>
      <c r="B1616" s="20"/>
      <c r="C1616" s="2" t="s">
        <v>5269</v>
      </c>
      <c r="D1616" s="14" t="s">
        <v>5270</v>
      </c>
      <c r="E1616" s="2" t="s">
        <v>5271</v>
      </c>
      <c r="F1616" s="2" t="s">
        <v>2348</v>
      </c>
      <c r="G1616" s="8">
        <v>196</v>
      </c>
      <c r="H1616" s="5">
        <v>13</v>
      </c>
      <c r="I1616" s="5" t="s">
        <v>1518</v>
      </c>
      <c r="J1616" s="5" t="s">
        <v>1519</v>
      </c>
      <c r="K1616" s="2" t="s">
        <v>1520</v>
      </c>
      <c r="L1616" s="5" t="s">
        <v>1519</v>
      </c>
      <c r="M1616" s="2" t="s">
        <v>1520</v>
      </c>
      <c r="N1616" s="5" t="s">
        <v>1521</v>
      </c>
      <c r="O1616" s="5" t="s">
        <v>38</v>
      </c>
      <c r="P1616" s="5" t="s">
        <v>39</v>
      </c>
      <c r="Q1616" s="5" t="s">
        <v>40</v>
      </c>
      <c r="R1616" s="5" t="s">
        <v>1522</v>
      </c>
      <c r="S1616" s="5" t="s">
        <v>1523</v>
      </c>
      <c r="T1616" s="5" t="s">
        <v>42</v>
      </c>
      <c r="U1616" s="2">
        <v>2.7789999999999999</v>
      </c>
      <c r="V1616" s="2">
        <v>2.2290000000000001</v>
      </c>
      <c r="W1616" s="2">
        <v>1.7999999999999999E-2</v>
      </c>
      <c r="X1616" s="2">
        <v>139.1</v>
      </c>
      <c r="Y1616" s="2">
        <v>7.6</v>
      </c>
      <c r="Z1616" s="2">
        <v>16.7</v>
      </c>
      <c r="AA1616" s="5"/>
      <c r="AB1616" s="5" t="s">
        <v>43</v>
      </c>
      <c r="AC1616" s="5" t="s">
        <v>44</v>
      </c>
      <c r="AD1616" s="2"/>
      <c r="AE1616" s="1"/>
    </row>
    <row r="1617" spans="1:31" ht="14.45">
      <c r="A1617" s="11"/>
      <c r="B1617" s="20"/>
      <c r="C1617" s="2" t="s">
        <v>5272</v>
      </c>
      <c r="D1617" s="14" t="s">
        <v>5273</v>
      </c>
      <c r="E1617" s="2" t="s">
        <v>5274</v>
      </c>
      <c r="F1617" s="2" t="s">
        <v>2204</v>
      </c>
      <c r="G1617" s="8">
        <v>196</v>
      </c>
      <c r="H1617" s="5">
        <v>13</v>
      </c>
      <c r="I1617" s="5" t="s">
        <v>1518</v>
      </c>
      <c r="J1617" s="5" t="s">
        <v>1519</v>
      </c>
      <c r="K1617" s="2" t="s">
        <v>1520</v>
      </c>
      <c r="L1617" s="5" t="s">
        <v>1519</v>
      </c>
      <c r="M1617" s="2" t="s">
        <v>1520</v>
      </c>
      <c r="N1617" s="5" t="s">
        <v>1521</v>
      </c>
      <c r="O1617" s="5" t="s">
        <v>38</v>
      </c>
      <c r="P1617" s="5" t="s">
        <v>39</v>
      </c>
      <c r="Q1617" s="5" t="s">
        <v>40</v>
      </c>
      <c r="R1617" s="5" t="s">
        <v>1522</v>
      </c>
      <c r="S1617" s="5" t="s">
        <v>1523</v>
      </c>
      <c r="T1617" s="5" t="s">
        <v>42</v>
      </c>
      <c r="U1617" s="2">
        <v>2.7250000000000001</v>
      </c>
      <c r="V1617" s="2">
        <v>2.1749999999999998</v>
      </c>
      <c r="W1617" s="2">
        <v>1.7999999999999999E-2</v>
      </c>
      <c r="X1617" s="2">
        <v>139.1</v>
      </c>
      <c r="Y1617" s="2">
        <v>7.6</v>
      </c>
      <c r="Z1617" s="2">
        <v>16.7</v>
      </c>
      <c r="AA1617" s="5"/>
      <c r="AB1617" s="5" t="s">
        <v>43</v>
      </c>
      <c r="AC1617" s="5" t="s">
        <v>44</v>
      </c>
      <c r="AD1617" s="2"/>
      <c r="AE1617" s="1"/>
    </row>
    <row r="1618" spans="1:31" ht="14.45">
      <c r="A1618" s="11"/>
      <c r="B1618" s="20"/>
      <c r="C1618" s="2" t="s">
        <v>5275</v>
      </c>
      <c r="D1618" s="14" t="s">
        <v>5276</v>
      </c>
      <c r="E1618" s="2" t="s">
        <v>5277</v>
      </c>
      <c r="F1618" s="2" t="s">
        <v>2724</v>
      </c>
      <c r="G1618" s="8">
        <v>196</v>
      </c>
      <c r="H1618" s="5">
        <v>13</v>
      </c>
      <c r="I1618" s="5" t="s">
        <v>1518</v>
      </c>
      <c r="J1618" s="5" t="s">
        <v>1519</v>
      </c>
      <c r="K1618" s="2" t="s">
        <v>1520</v>
      </c>
      <c r="L1618" s="5" t="s">
        <v>1519</v>
      </c>
      <c r="M1618" s="2" t="s">
        <v>1520</v>
      </c>
      <c r="N1618" s="5" t="s">
        <v>1521</v>
      </c>
      <c r="O1618" s="5" t="s">
        <v>38</v>
      </c>
      <c r="P1618" s="5" t="s">
        <v>39</v>
      </c>
      <c r="Q1618" s="5" t="s">
        <v>40</v>
      </c>
      <c r="R1618" s="5" t="s">
        <v>1522</v>
      </c>
      <c r="S1618" s="5" t="s">
        <v>1523</v>
      </c>
      <c r="T1618" s="5" t="s">
        <v>42</v>
      </c>
      <c r="U1618" s="2">
        <v>2.7789999999999999</v>
      </c>
      <c r="V1618" s="2">
        <v>2.2290000000000001</v>
      </c>
      <c r="W1618" s="2">
        <v>1.7999999999999999E-2</v>
      </c>
      <c r="X1618" s="2">
        <v>139.1</v>
      </c>
      <c r="Y1618" s="2">
        <v>7.6</v>
      </c>
      <c r="Z1618" s="2">
        <v>16.7</v>
      </c>
      <c r="AA1618" s="5"/>
      <c r="AB1618" s="5" t="s">
        <v>43</v>
      </c>
      <c r="AC1618" s="5" t="s">
        <v>44</v>
      </c>
      <c r="AD1618" s="2"/>
      <c r="AE1618" s="1"/>
    </row>
    <row r="1619" spans="1:31" ht="14.45">
      <c r="A1619" s="11"/>
      <c r="B1619" s="20"/>
      <c r="C1619" s="2" t="s">
        <v>5278</v>
      </c>
      <c r="D1619" s="14" t="s">
        <v>5279</v>
      </c>
      <c r="E1619" s="2" t="s">
        <v>5280</v>
      </c>
      <c r="F1619" s="2" t="s">
        <v>2208</v>
      </c>
      <c r="G1619" s="8">
        <v>196</v>
      </c>
      <c r="H1619" s="5">
        <v>13</v>
      </c>
      <c r="I1619" s="5" t="s">
        <v>1518</v>
      </c>
      <c r="J1619" s="5" t="s">
        <v>1519</v>
      </c>
      <c r="K1619" s="2" t="s">
        <v>1520</v>
      </c>
      <c r="L1619" s="5" t="s">
        <v>1519</v>
      </c>
      <c r="M1619" s="2" t="s">
        <v>1520</v>
      </c>
      <c r="N1619" s="5" t="s">
        <v>1521</v>
      </c>
      <c r="O1619" s="5" t="s">
        <v>38</v>
      </c>
      <c r="P1619" s="5" t="s">
        <v>39</v>
      </c>
      <c r="Q1619" s="5" t="s">
        <v>40</v>
      </c>
      <c r="R1619" s="5" t="s">
        <v>1522</v>
      </c>
      <c r="S1619" s="5" t="s">
        <v>1523</v>
      </c>
      <c r="T1619" s="5" t="s">
        <v>42</v>
      </c>
      <c r="U1619" s="2">
        <v>2.7250000000000001</v>
      </c>
      <c r="V1619" s="2">
        <v>2.1749999999999998</v>
      </c>
      <c r="W1619" s="2">
        <v>1.7999999999999999E-2</v>
      </c>
      <c r="X1619" s="2">
        <v>139.1</v>
      </c>
      <c r="Y1619" s="2">
        <v>7.6</v>
      </c>
      <c r="Z1619" s="2">
        <v>16.7</v>
      </c>
      <c r="AA1619" s="5"/>
      <c r="AB1619" s="5" t="s">
        <v>43</v>
      </c>
      <c r="AC1619" s="5" t="s">
        <v>44</v>
      </c>
      <c r="AD1619" s="2"/>
      <c r="AE1619" s="1"/>
    </row>
    <row r="1620" spans="1:31" ht="14.45">
      <c r="A1620" s="11"/>
      <c r="B1620" s="20"/>
      <c r="C1620" s="2" t="s">
        <v>5281</v>
      </c>
      <c r="D1620" s="14" t="s">
        <v>5282</v>
      </c>
      <c r="E1620" s="2" t="s">
        <v>5283</v>
      </c>
      <c r="F1620" s="2" t="s">
        <v>2212</v>
      </c>
      <c r="G1620" s="8">
        <v>196</v>
      </c>
      <c r="H1620" s="5">
        <v>13</v>
      </c>
      <c r="I1620" s="5" t="s">
        <v>1518</v>
      </c>
      <c r="J1620" s="5" t="s">
        <v>1519</v>
      </c>
      <c r="K1620" s="2" t="s">
        <v>1520</v>
      </c>
      <c r="L1620" s="5" t="s">
        <v>1519</v>
      </c>
      <c r="M1620" s="2" t="s">
        <v>1520</v>
      </c>
      <c r="N1620" s="5" t="s">
        <v>1521</v>
      </c>
      <c r="O1620" s="5" t="s">
        <v>38</v>
      </c>
      <c r="P1620" s="5" t="s">
        <v>39</v>
      </c>
      <c r="Q1620" s="5" t="s">
        <v>40</v>
      </c>
      <c r="R1620" s="5" t="s">
        <v>1522</v>
      </c>
      <c r="S1620" s="5" t="s">
        <v>1523</v>
      </c>
      <c r="T1620" s="5" t="s">
        <v>42</v>
      </c>
      <c r="U1620" s="2">
        <v>2.7789999999999999</v>
      </c>
      <c r="V1620" s="2">
        <v>2.2290000000000001</v>
      </c>
      <c r="W1620" s="2">
        <v>1.7999999999999999E-2</v>
      </c>
      <c r="X1620" s="2">
        <v>139.1</v>
      </c>
      <c r="Y1620" s="2">
        <v>7.6</v>
      </c>
      <c r="Z1620" s="2">
        <v>16.7</v>
      </c>
      <c r="AA1620" s="5"/>
      <c r="AB1620" s="5" t="s">
        <v>43</v>
      </c>
      <c r="AC1620" s="5" t="s">
        <v>44</v>
      </c>
      <c r="AD1620" s="2"/>
      <c r="AE1620" s="1"/>
    </row>
    <row r="1621" spans="1:31" ht="14.45">
      <c r="A1621" s="11"/>
      <c r="B1621" s="20"/>
      <c r="C1621" s="2" t="s">
        <v>5284</v>
      </c>
      <c r="D1621" s="14" t="s">
        <v>5285</v>
      </c>
      <c r="E1621" s="2" t="s">
        <v>5286</v>
      </c>
      <c r="F1621" s="2" t="s">
        <v>1831</v>
      </c>
      <c r="G1621" s="8">
        <v>196</v>
      </c>
      <c r="H1621" s="5">
        <v>13</v>
      </c>
      <c r="I1621" s="5" t="s">
        <v>1518</v>
      </c>
      <c r="J1621" s="5" t="s">
        <v>1519</v>
      </c>
      <c r="K1621" s="2" t="s">
        <v>1520</v>
      </c>
      <c r="L1621" s="5" t="s">
        <v>1519</v>
      </c>
      <c r="M1621" s="2" t="s">
        <v>1520</v>
      </c>
      <c r="N1621" s="5" t="s">
        <v>1521</v>
      </c>
      <c r="O1621" s="5" t="s">
        <v>38</v>
      </c>
      <c r="P1621" s="5" t="s">
        <v>39</v>
      </c>
      <c r="Q1621" s="5" t="s">
        <v>40</v>
      </c>
      <c r="R1621" s="5" t="s">
        <v>1522</v>
      </c>
      <c r="S1621" s="5" t="s">
        <v>1523</v>
      </c>
      <c r="T1621" s="5" t="s">
        <v>42</v>
      </c>
      <c r="U1621" s="2">
        <v>2.7250000000000001</v>
      </c>
      <c r="V1621" s="2">
        <v>2.1749999999999998</v>
      </c>
      <c r="W1621" s="2">
        <v>1.7999999999999999E-2</v>
      </c>
      <c r="X1621" s="2">
        <v>139.1</v>
      </c>
      <c r="Y1621" s="2">
        <v>7.6</v>
      </c>
      <c r="Z1621" s="2">
        <v>16.7</v>
      </c>
      <c r="AA1621" s="5"/>
      <c r="AB1621" s="5" t="s">
        <v>43</v>
      </c>
      <c r="AC1621" s="5" t="s">
        <v>44</v>
      </c>
      <c r="AD1621" s="2"/>
      <c r="AE1621" s="1"/>
    </row>
    <row r="1622" spans="1:31" ht="14.45">
      <c r="A1622" s="11"/>
      <c r="B1622" s="20"/>
      <c r="C1622" s="2" t="s">
        <v>5287</v>
      </c>
      <c r="D1622" s="14" t="s">
        <v>5288</v>
      </c>
      <c r="E1622" s="2" t="s">
        <v>5289</v>
      </c>
      <c r="F1622" s="2" t="s">
        <v>1835</v>
      </c>
      <c r="G1622" s="8">
        <v>196</v>
      </c>
      <c r="H1622" s="5">
        <v>13</v>
      </c>
      <c r="I1622" s="5" t="s">
        <v>1518</v>
      </c>
      <c r="J1622" s="5" t="s">
        <v>1519</v>
      </c>
      <c r="K1622" s="2" t="s">
        <v>1520</v>
      </c>
      <c r="L1622" s="5" t="s">
        <v>1519</v>
      </c>
      <c r="M1622" s="2" t="s">
        <v>1520</v>
      </c>
      <c r="N1622" s="5" t="s">
        <v>1521</v>
      </c>
      <c r="O1622" s="5" t="s">
        <v>38</v>
      </c>
      <c r="P1622" s="5" t="s">
        <v>39</v>
      </c>
      <c r="Q1622" s="5" t="s">
        <v>40</v>
      </c>
      <c r="R1622" s="5" t="s">
        <v>1522</v>
      </c>
      <c r="S1622" s="5" t="s">
        <v>1523</v>
      </c>
      <c r="T1622" s="5" t="s">
        <v>42</v>
      </c>
      <c r="U1622" s="2">
        <v>2.7789999999999999</v>
      </c>
      <c r="V1622" s="2">
        <v>2.2290000000000001</v>
      </c>
      <c r="W1622" s="2">
        <v>1.7999999999999999E-2</v>
      </c>
      <c r="X1622" s="2">
        <v>139.1</v>
      </c>
      <c r="Y1622" s="2">
        <v>7.6</v>
      </c>
      <c r="Z1622" s="2">
        <v>16.7</v>
      </c>
      <c r="AA1622" s="5"/>
      <c r="AB1622" s="5" t="s">
        <v>43</v>
      </c>
      <c r="AC1622" s="5" t="s">
        <v>44</v>
      </c>
      <c r="AD1622" s="2"/>
      <c r="AE1622" s="1"/>
    </row>
    <row r="1623" spans="1:31" ht="14.45">
      <c r="A1623" s="11"/>
      <c r="B1623" s="20"/>
      <c r="C1623" s="2" t="s">
        <v>5290</v>
      </c>
      <c r="D1623" s="14" t="s">
        <v>5291</v>
      </c>
      <c r="E1623" s="2" t="s">
        <v>5292</v>
      </c>
      <c r="F1623" s="2" t="s">
        <v>1839</v>
      </c>
      <c r="G1623" s="8">
        <v>196</v>
      </c>
      <c r="H1623" s="5">
        <v>13</v>
      </c>
      <c r="I1623" s="5" t="s">
        <v>1518</v>
      </c>
      <c r="J1623" s="5" t="s">
        <v>1519</v>
      </c>
      <c r="K1623" s="2" t="s">
        <v>1520</v>
      </c>
      <c r="L1623" s="5" t="s">
        <v>1519</v>
      </c>
      <c r="M1623" s="2" t="s">
        <v>1520</v>
      </c>
      <c r="N1623" s="5" t="s">
        <v>1521</v>
      </c>
      <c r="O1623" s="5" t="s">
        <v>38</v>
      </c>
      <c r="P1623" s="5" t="s">
        <v>39</v>
      </c>
      <c r="Q1623" s="5" t="s">
        <v>40</v>
      </c>
      <c r="R1623" s="5" t="s">
        <v>1522</v>
      </c>
      <c r="S1623" s="5" t="s">
        <v>1523</v>
      </c>
      <c r="T1623" s="5" t="s">
        <v>42</v>
      </c>
      <c r="U1623" s="2">
        <v>2.7250000000000001</v>
      </c>
      <c r="V1623" s="2">
        <v>2.1749999999999998</v>
      </c>
      <c r="W1623" s="2">
        <v>1.7999999999999999E-2</v>
      </c>
      <c r="X1623" s="2">
        <v>139.1</v>
      </c>
      <c r="Y1623" s="2">
        <v>7.6</v>
      </c>
      <c r="Z1623" s="2">
        <v>16.7</v>
      </c>
      <c r="AA1623" s="5"/>
      <c r="AB1623" s="5" t="s">
        <v>43</v>
      </c>
      <c r="AC1623" s="5" t="s">
        <v>44</v>
      </c>
      <c r="AD1623" s="2"/>
      <c r="AE1623" s="1"/>
    </row>
    <row r="1624" spans="1:31" ht="14.45">
      <c r="A1624" s="11"/>
      <c r="B1624" s="20"/>
      <c r="C1624" s="2" t="s">
        <v>5293</v>
      </c>
      <c r="D1624" s="14" t="s">
        <v>5294</v>
      </c>
      <c r="E1624" s="2" t="s">
        <v>5295</v>
      </c>
      <c r="F1624" s="2" t="s">
        <v>1986</v>
      </c>
      <c r="G1624" s="8">
        <v>196</v>
      </c>
      <c r="H1624" s="5">
        <v>13</v>
      </c>
      <c r="I1624" s="5" t="s">
        <v>1518</v>
      </c>
      <c r="J1624" s="5" t="s">
        <v>1519</v>
      </c>
      <c r="K1624" s="2" t="s">
        <v>1520</v>
      </c>
      <c r="L1624" s="5" t="s">
        <v>1519</v>
      </c>
      <c r="M1624" s="2" t="s">
        <v>1520</v>
      </c>
      <c r="N1624" s="5" t="s">
        <v>1521</v>
      </c>
      <c r="O1624" s="5" t="s">
        <v>38</v>
      </c>
      <c r="P1624" s="5" t="s">
        <v>39</v>
      </c>
      <c r="Q1624" s="5" t="s">
        <v>40</v>
      </c>
      <c r="R1624" s="5" t="s">
        <v>1522</v>
      </c>
      <c r="S1624" s="5" t="s">
        <v>1523</v>
      </c>
      <c r="T1624" s="5" t="s">
        <v>42</v>
      </c>
      <c r="U1624" s="2">
        <v>2.7789999999999999</v>
      </c>
      <c r="V1624" s="2">
        <v>2.2290000000000001</v>
      </c>
      <c r="W1624" s="2">
        <v>1.7999999999999999E-2</v>
      </c>
      <c r="X1624" s="2">
        <v>139.1</v>
      </c>
      <c r="Y1624" s="2">
        <v>7.6</v>
      </c>
      <c r="Z1624" s="2">
        <v>16.7</v>
      </c>
      <c r="AA1624" s="5"/>
      <c r="AB1624" s="5" t="s">
        <v>43</v>
      </c>
      <c r="AC1624" s="5" t="s">
        <v>44</v>
      </c>
      <c r="AD1624" s="2"/>
      <c r="AE1624" s="1"/>
    </row>
    <row r="1625" spans="1:31" ht="14.45">
      <c r="A1625" s="11"/>
      <c r="B1625" s="20"/>
      <c r="C1625" s="2" t="s">
        <v>5296</v>
      </c>
      <c r="D1625" s="14" t="s">
        <v>5297</v>
      </c>
      <c r="E1625" s="2" t="s">
        <v>5298</v>
      </c>
      <c r="F1625" s="2" t="s">
        <v>1843</v>
      </c>
      <c r="G1625" s="8">
        <v>196</v>
      </c>
      <c r="H1625" s="5">
        <v>13</v>
      </c>
      <c r="I1625" s="5" t="s">
        <v>1518</v>
      </c>
      <c r="J1625" s="5" t="s">
        <v>1519</v>
      </c>
      <c r="K1625" s="2" t="s">
        <v>1520</v>
      </c>
      <c r="L1625" s="5" t="s">
        <v>1519</v>
      </c>
      <c r="M1625" s="2" t="s">
        <v>1520</v>
      </c>
      <c r="N1625" s="5" t="s">
        <v>1521</v>
      </c>
      <c r="O1625" s="5" t="s">
        <v>38</v>
      </c>
      <c r="P1625" s="5" t="s">
        <v>39</v>
      </c>
      <c r="Q1625" s="5" t="s">
        <v>40</v>
      </c>
      <c r="R1625" s="5" t="s">
        <v>1522</v>
      </c>
      <c r="S1625" s="5" t="s">
        <v>1523</v>
      </c>
      <c r="T1625" s="5" t="s">
        <v>42</v>
      </c>
      <c r="U1625" s="2">
        <v>2.7250000000000001</v>
      </c>
      <c r="V1625" s="2">
        <v>2.1749999999999998</v>
      </c>
      <c r="W1625" s="2">
        <v>1.7999999999999999E-2</v>
      </c>
      <c r="X1625" s="2">
        <v>139.1</v>
      </c>
      <c r="Y1625" s="2">
        <v>7.6</v>
      </c>
      <c r="Z1625" s="2">
        <v>16.7</v>
      </c>
      <c r="AA1625" s="5"/>
      <c r="AB1625" s="5" t="s">
        <v>43</v>
      </c>
      <c r="AC1625" s="5" t="s">
        <v>44</v>
      </c>
      <c r="AD1625" s="2"/>
      <c r="AE1625" s="1"/>
    </row>
    <row r="1626" spans="1:31" ht="14.45">
      <c r="A1626" s="11"/>
      <c r="B1626" s="20"/>
      <c r="C1626" s="2" t="s">
        <v>5299</v>
      </c>
      <c r="D1626" s="14" t="s">
        <v>5300</v>
      </c>
      <c r="E1626" s="2" t="s">
        <v>5301</v>
      </c>
      <c r="F1626" s="2" t="s">
        <v>1847</v>
      </c>
      <c r="G1626" s="8">
        <v>196</v>
      </c>
      <c r="H1626" s="5">
        <v>13</v>
      </c>
      <c r="I1626" s="5" t="s">
        <v>1518</v>
      </c>
      <c r="J1626" s="5" t="s">
        <v>1519</v>
      </c>
      <c r="K1626" s="2" t="s">
        <v>1520</v>
      </c>
      <c r="L1626" s="5" t="s">
        <v>1519</v>
      </c>
      <c r="M1626" s="2" t="s">
        <v>1520</v>
      </c>
      <c r="N1626" s="5" t="s">
        <v>1521</v>
      </c>
      <c r="O1626" s="5" t="s">
        <v>38</v>
      </c>
      <c r="P1626" s="5" t="s">
        <v>39</v>
      </c>
      <c r="Q1626" s="5" t="s">
        <v>40</v>
      </c>
      <c r="R1626" s="5" t="s">
        <v>1522</v>
      </c>
      <c r="S1626" s="5" t="s">
        <v>1523</v>
      </c>
      <c r="T1626" s="5" t="s">
        <v>42</v>
      </c>
      <c r="U1626" s="2">
        <v>2.7789999999999999</v>
      </c>
      <c r="V1626" s="2">
        <v>2.2290000000000001</v>
      </c>
      <c r="W1626" s="2">
        <v>1.7999999999999999E-2</v>
      </c>
      <c r="X1626" s="2">
        <v>139.1</v>
      </c>
      <c r="Y1626" s="2">
        <v>7.6</v>
      </c>
      <c r="Z1626" s="2">
        <v>16.7</v>
      </c>
      <c r="AA1626" s="5"/>
      <c r="AB1626" s="5" t="s">
        <v>43</v>
      </c>
      <c r="AC1626" s="5" t="s">
        <v>44</v>
      </c>
      <c r="AD1626" s="2"/>
      <c r="AE1626" s="1"/>
    </row>
    <row r="1627" spans="1:31" ht="14.45">
      <c r="A1627" s="11"/>
      <c r="B1627" s="20"/>
      <c r="C1627" s="2" t="s">
        <v>5302</v>
      </c>
      <c r="D1627" s="14" t="s">
        <v>5303</v>
      </c>
      <c r="E1627" s="2" t="s">
        <v>5304</v>
      </c>
      <c r="F1627" s="2" t="s">
        <v>1851</v>
      </c>
      <c r="G1627" s="8">
        <v>196</v>
      </c>
      <c r="H1627" s="5">
        <v>13</v>
      </c>
      <c r="I1627" s="5" t="s">
        <v>1518</v>
      </c>
      <c r="J1627" s="5" t="s">
        <v>1519</v>
      </c>
      <c r="K1627" s="2" t="s">
        <v>1520</v>
      </c>
      <c r="L1627" s="5" t="s">
        <v>1519</v>
      </c>
      <c r="M1627" s="2" t="s">
        <v>1520</v>
      </c>
      <c r="N1627" s="5" t="s">
        <v>1521</v>
      </c>
      <c r="O1627" s="5" t="s">
        <v>38</v>
      </c>
      <c r="P1627" s="5" t="s">
        <v>39</v>
      </c>
      <c r="Q1627" s="5" t="s">
        <v>40</v>
      </c>
      <c r="R1627" s="5" t="s">
        <v>1522</v>
      </c>
      <c r="S1627" s="5" t="s">
        <v>1523</v>
      </c>
      <c r="T1627" s="5" t="s">
        <v>42</v>
      </c>
      <c r="U1627" s="2">
        <v>2.7250000000000001</v>
      </c>
      <c r="V1627" s="2">
        <v>2.1749999999999998</v>
      </c>
      <c r="W1627" s="2">
        <v>1.7999999999999999E-2</v>
      </c>
      <c r="X1627" s="2">
        <v>139.1</v>
      </c>
      <c r="Y1627" s="2">
        <v>7.6</v>
      </c>
      <c r="Z1627" s="2">
        <v>16.7</v>
      </c>
      <c r="AA1627" s="5"/>
      <c r="AB1627" s="5" t="s">
        <v>43</v>
      </c>
      <c r="AC1627" s="5" t="s">
        <v>44</v>
      </c>
      <c r="AD1627" s="2"/>
      <c r="AE1627" s="1"/>
    </row>
    <row r="1628" spans="1:31" ht="14.45">
      <c r="A1628" s="11"/>
      <c r="B1628" s="20"/>
      <c r="C1628" s="2" t="s">
        <v>5305</v>
      </c>
      <c r="D1628" s="14" t="s">
        <v>5306</v>
      </c>
      <c r="E1628" s="2" t="s">
        <v>5307</v>
      </c>
      <c r="F1628" s="2" t="s">
        <v>1999</v>
      </c>
      <c r="G1628" s="8">
        <v>196</v>
      </c>
      <c r="H1628" s="5">
        <v>13</v>
      </c>
      <c r="I1628" s="5" t="s">
        <v>1518</v>
      </c>
      <c r="J1628" s="5" t="s">
        <v>1519</v>
      </c>
      <c r="K1628" s="2" t="s">
        <v>1520</v>
      </c>
      <c r="L1628" s="5" t="s">
        <v>1519</v>
      </c>
      <c r="M1628" s="2" t="s">
        <v>1520</v>
      </c>
      <c r="N1628" s="5" t="s">
        <v>1521</v>
      </c>
      <c r="O1628" s="5" t="s">
        <v>38</v>
      </c>
      <c r="P1628" s="5" t="s">
        <v>39</v>
      </c>
      <c r="Q1628" s="5" t="s">
        <v>40</v>
      </c>
      <c r="R1628" s="5" t="s">
        <v>1522</v>
      </c>
      <c r="S1628" s="5" t="s">
        <v>1523</v>
      </c>
      <c r="T1628" s="5" t="s">
        <v>42</v>
      </c>
      <c r="U1628" s="2">
        <v>2.7789999999999999</v>
      </c>
      <c r="V1628" s="2">
        <v>2.2290000000000001</v>
      </c>
      <c r="W1628" s="2">
        <v>1.7999999999999999E-2</v>
      </c>
      <c r="X1628" s="2">
        <v>139.1</v>
      </c>
      <c r="Y1628" s="2">
        <v>7.6</v>
      </c>
      <c r="Z1628" s="2">
        <v>16.7</v>
      </c>
      <c r="AA1628" s="5"/>
      <c r="AB1628" s="5" t="s">
        <v>43</v>
      </c>
      <c r="AC1628" s="5" t="s">
        <v>44</v>
      </c>
      <c r="AD1628" s="2"/>
      <c r="AE1628" s="1"/>
    </row>
    <row r="1629" spans="1:31" ht="14.45">
      <c r="A1629" s="11"/>
      <c r="B1629" s="20"/>
      <c r="C1629" s="2" t="s">
        <v>5308</v>
      </c>
      <c r="D1629" s="14" t="s">
        <v>5309</v>
      </c>
      <c r="E1629" s="2" t="s">
        <v>5310</v>
      </c>
      <c r="F1629" s="2" t="s">
        <v>1855</v>
      </c>
      <c r="G1629" s="8">
        <v>196</v>
      </c>
      <c r="H1629" s="5">
        <v>13</v>
      </c>
      <c r="I1629" s="5" t="s">
        <v>1518</v>
      </c>
      <c r="J1629" s="5" t="s">
        <v>1519</v>
      </c>
      <c r="K1629" s="2" t="s">
        <v>1520</v>
      </c>
      <c r="L1629" s="5" t="s">
        <v>1519</v>
      </c>
      <c r="M1629" s="2" t="s">
        <v>1520</v>
      </c>
      <c r="N1629" s="5" t="s">
        <v>1521</v>
      </c>
      <c r="O1629" s="5" t="s">
        <v>38</v>
      </c>
      <c r="P1629" s="5" t="s">
        <v>39</v>
      </c>
      <c r="Q1629" s="5" t="s">
        <v>40</v>
      </c>
      <c r="R1629" s="5" t="s">
        <v>1522</v>
      </c>
      <c r="S1629" s="5" t="s">
        <v>1523</v>
      </c>
      <c r="T1629" s="5" t="s">
        <v>42</v>
      </c>
      <c r="U1629" s="2">
        <v>2.7250000000000001</v>
      </c>
      <c r="V1629" s="2">
        <v>2.1749999999999998</v>
      </c>
      <c r="W1629" s="2">
        <v>1.7999999999999999E-2</v>
      </c>
      <c r="X1629" s="2">
        <v>139.1</v>
      </c>
      <c r="Y1629" s="2">
        <v>7.6</v>
      </c>
      <c r="Z1629" s="2">
        <v>16.7</v>
      </c>
      <c r="AA1629" s="5"/>
      <c r="AB1629" s="5" t="s">
        <v>43</v>
      </c>
      <c r="AC1629" s="5" t="s">
        <v>44</v>
      </c>
      <c r="AD1629" s="2"/>
      <c r="AE1629" s="1"/>
    </row>
    <row r="1630" spans="1:31" ht="14.45">
      <c r="A1630" s="11"/>
      <c r="B1630" s="20"/>
      <c r="C1630" s="2" t="s">
        <v>5311</v>
      </c>
      <c r="D1630" s="14" t="s">
        <v>5312</v>
      </c>
      <c r="E1630" s="2" t="s">
        <v>5313</v>
      </c>
      <c r="F1630" s="2" t="s">
        <v>1859</v>
      </c>
      <c r="G1630" s="8">
        <v>196</v>
      </c>
      <c r="H1630" s="5">
        <v>13</v>
      </c>
      <c r="I1630" s="5" t="s">
        <v>1518</v>
      </c>
      <c r="J1630" s="5" t="s">
        <v>1519</v>
      </c>
      <c r="K1630" s="2" t="s">
        <v>1520</v>
      </c>
      <c r="L1630" s="5" t="s">
        <v>1519</v>
      </c>
      <c r="M1630" s="2" t="s">
        <v>1520</v>
      </c>
      <c r="N1630" s="5" t="s">
        <v>1521</v>
      </c>
      <c r="O1630" s="5" t="s">
        <v>38</v>
      </c>
      <c r="P1630" s="5" t="s">
        <v>39</v>
      </c>
      <c r="Q1630" s="5" t="s">
        <v>40</v>
      </c>
      <c r="R1630" s="5" t="s">
        <v>1522</v>
      </c>
      <c r="S1630" s="5" t="s">
        <v>1523</v>
      </c>
      <c r="T1630" s="5" t="s">
        <v>42</v>
      </c>
      <c r="U1630" s="2">
        <v>2.7789999999999999</v>
      </c>
      <c r="V1630" s="2">
        <v>2.2290000000000001</v>
      </c>
      <c r="W1630" s="2">
        <v>1.7999999999999999E-2</v>
      </c>
      <c r="X1630" s="2">
        <v>139.1</v>
      </c>
      <c r="Y1630" s="2">
        <v>7.6</v>
      </c>
      <c r="Z1630" s="2">
        <v>16.7</v>
      </c>
      <c r="AA1630" s="5"/>
      <c r="AB1630" s="5" t="s">
        <v>43</v>
      </c>
      <c r="AC1630" s="5" t="s">
        <v>44</v>
      </c>
      <c r="AD1630" s="2"/>
      <c r="AE1630" s="1"/>
    </row>
    <row r="1631" spans="1:31" ht="14.45">
      <c r="A1631" s="11"/>
      <c r="B1631" s="20"/>
      <c r="C1631" s="2" t="s">
        <v>5314</v>
      </c>
      <c r="D1631" s="14" t="s">
        <v>5315</v>
      </c>
      <c r="E1631" s="2" t="s">
        <v>5316</v>
      </c>
      <c r="F1631" s="2" t="s">
        <v>1863</v>
      </c>
      <c r="G1631" s="8">
        <v>196</v>
      </c>
      <c r="H1631" s="5">
        <v>11</v>
      </c>
      <c r="I1631" s="5" t="s">
        <v>1518</v>
      </c>
      <c r="J1631" s="5" t="s">
        <v>1519</v>
      </c>
      <c r="K1631" s="2" t="s">
        <v>1520</v>
      </c>
      <c r="L1631" s="5" t="s">
        <v>1519</v>
      </c>
      <c r="M1631" s="2" t="s">
        <v>1520</v>
      </c>
      <c r="N1631" s="5" t="s">
        <v>1521</v>
      </c>
      <c r="O1631" s="5" t="s">
        <v>38</v>
      </c>
      <c r="P1631" s="5" t="s">
        <v>39</v>
      </c>
      <c r="Q1631" s="5" t="s">
        <v>40</v>
      </c>
      <c r="R1631" s="5" t="s">
        <v>1522</v>
      </c>
      <c r="S1631" s="5" t="s">
        <v>1523</v>
      </c>
      <c r="T1631" s="5" t="s">
        <v>42</v>
      </c>
      <c r="U1631" s="2">
        <v>2.6659999999999999</v>
      </c>
      <c r="V1631" s="2">
        <v>2.1160000000000001</v>
      </c>
      <c r="W1631" s="2">
        <v>1.7999999999999999E-2</v>
      </c>
      <c r="X1631" s="2">
        <v>139.1</v>
      </c>
      <c r="Y1631" s="2">
        <v>7.6</v>
      </c>
      <c r="Z1631" s="2">
        <v>16.7</v>
      </c>
      <c r="AA1631" s="5"/>
      <c r="AB1631" s="5" t="s">
        <v>43</v>
      </c>
      <c r="AC1631" s="5" t="s">
        <v>44</v>
      </c>
      <c r="AD1631" s="2"/>
      <c r="AE1631" s="1"/>
    </row>
    <row r="1632" spans="1:31" ht="14.45">
      <c r="A1632" s="11"/>
      <c r="B1632" s="20"/>
      <c r="C1632" s="2" t="s">
        <v>5317</v>
      </c>
      <c r="D1632" s="14" t="s">
        <v>5318</v>
      </c>
      <c r="E1632" s="2" t="s">
        <v>5319</v>
      </c>
      <c r="F1632" s="2" t="s">
        <v>1867</v>
      </c>
      <c r="G1632" s="8">
        <v>196</v>
      </c>
      <c r="H1632" s="5">
        <v>11</v>
      </c>
      <c r="I1632" s="5" t="s">
        <v>1518</v>
      </c>
      <c r="J1632" s="5" t="s">
        <v>1519</v>
      </c>
      <c r="K1632" s="2" t="s">
        <v>1520</v>
      </c>
      <c r="L1632" s="5" t="s">
        <v>1519</v>
      </c>
      <c r="M1632" s="2" t="s">
        <v>1520</v>
      </c>
      <c r="N1632" s="5" t="s">
        <v>1521</v>
      </c>
      <c r="O1632" s="5" t="s">
        <v>38</v>
      </c>
      <c r="P1632" s="5" t="s">
        <v>39</v>
      </c>
      <c r="Q1632" s="5" t="s">
        <v>40</v>
      </c>
      <c r="R1632" s="5" t="s">
        <v>1522</v>
      </c>
      <c r="S1632" s="5" t="s">
        <v>1523</v>
      </c>
      <c r="T1632" s="5" t="s">
        <v>42</v>
      </c>
      <c r="U1632" s="2">
        <v>2.72</v>
      </c>
      <c r="V1632" s="2">
        <v>2.17</v>
      </c>
      <c r="W1632" s="2">
        <v>1.7999999999999999E-2</v>
      </c>
      <c r="X1632" s="2">
        <v>139.1</v>
      </c>
      <c r="Y1632" s="2">
        <v>7.6</v>
      </c>
      <c r="Z1632" s="2">
        <v>16.7</v>
      </c>
      <c r="AA1632" s="5"/>
      <c r="AB1632" s="5" t="s">
        <v>43</v>
      </c>
      <c r="AC1632" s="5" t="s">
        <v>44</v>
      </c>
      <c r="AD1632" s="2"/>
      <c r="AE1632" s="1"/>
    </row>
    <row r="1633" spans="1:31" ht="14.45">
      <c r="A1633" s="11"/>
      <c r="B1633" s="20"/>
      <c r="C1633" s="2" t="s">
        <v>5320</v>
      </c>
      <c r="D1633" s="14" t="s">
        <v>5321</v>
      </c>
      <c r="E1633" s="2" t="s">
        <v>5322</v>
      </c>
      <c r="F1633" s="2" t="s">
        <v>1695</v>
      </c>
      <c r="G1633" s="8">
        <v>185</v>
      </c>
      <c r="H1633" s="5">
        <v>6</v>
      </c>
      <c r="I1633" s="5" t="s">
        <v>1518</v>
      </c>
      <c r="J1633" s="5" t="s">
        <v>1519</v>
      </c>
      <c r="K1633" s="2" t="s">
        <v>1520</v>
      </c>
      <c r="L1633" s="5" t="s">
        <v>1519</v>
      </c>
      <c r="M1633" s="2" t="s">
        <v>1520</v>
      </c>
      <c r="N1633" s="5" t="s">
        <v>1521</v>
      </c>
      <c r="O1633" s="5" t="s">
        <v>38</v>
      </c>
      <c r="P1633" s="5" t="s">
        <v>39</v>
      </c>
      <c r="Q1633" s="5" t="s">
        <v>40</v>
      </c>
      <c r="R1633" s="5" t="s">
        <v>1522</v>
      </c>
      <c r="S1633" s="5" t="s">
        <v>1523</v>
      </c>
      <c r="T1633" s="5" t="s">
        <v>42</v>
      </c>
      <c r="U1633" s="2">
        <v>2.91</v>
      </c>
      <c r="V1633" s="2">
        <v>2.2770000000000001</v>
      </c>
      <c r="W1633" s="2">
        <v>0.02</v>
      </c>
      <c r="X1633" s="2">
        <v>159.1</v>
      </c>
      <c r="Y1633" s="2">
        <v>7.6</v>
      </c>
      <c r="Z1633" s="2">
        <v>16.7</v>
      </c>
      <c r="AA1633" s="5"/>
      <c r="AB1633" s="5" t="s">
        <v>43</v>
      </c>
      <c r="AC1633" s="5" t="s">
        <v>44</v>
      </c>
      <c r="AD1633" s="2"/>
      <c r="AE1633" s="1"/>
    </row>
    <row r="1634" spans="1:31" ht="14.45">
      <c r="A1634" s="11"/>
      <c r="B1634" s="20"/>
      <c r="C1634" s="2" t="s">
        <v>5323</v>
      </c>
      <c r="D1634" s="14" t="s">
        <v>5324</v>
      </c>
      <c r="E1634" s="2" t="s">
        <v>5325</v>
      </c>
      <c r="F1634" s="2" t="s">
        <v>1699</v>
      </c>
      <c r="G1634" s="8">
        <v>185</v>
      </c>
      <c r="H1634" s="5">
        <v>6</v>
      </c>
      <c r="I1634" s="5" t="s">
        <v>1518</v>
      </c>
      <c r="J1634" s="5" t="s">
        <v>1519</v>
      </c>
      <c r="K1634" s="2" t="s">
        <v>1520</v>
      </c>
      <c r="L1634" s="5" t="s">
        <v>1519</v>
      </c>
      <c r="M1634" s="2" t="s">
        <v>1520</v>
      </c>
      <c r="N1634" s="5" t="s">
        <v>1521</v>
      </c>
      <c r="O1634" s="5" t="s">
        <v>38</v>
      </c>
      <c r="P1634" s="5" t="s">
        <v>39</v>
      </c>
      <c r="Q1634" s="5" t="s">
        <v>40</v>
      </c>
      <c r="R1634" s="5" t="s">
        <v>1522</v>
      </c>
      <c r="S1634" s="5" t="s">
        <v>1523</v>
      </c>
      <c r="T1634" s="5" t="s">
        <v>42</v>
      </c>
      <c r="U1634" s="2">
        <v>2.968</v>
      </c>
      <c r="V1634" s="2">
        <v>2.335</v>
      </c>
      <c r="W1634" s="2">
        <v>0.02</v>
      </c>
      <c r="X1634" s="2">
        <v>159.1</v>
      </c>
      <c r="Y1634" s="2">
        <v>7.6</v>
      </c>
      <c r="Z1634" s="2">
        <v>16.7</v>
      </c>
      <c r="AA1634" s="5"/>
      <c r="AB1634" s="5" t="s">
        <v>43</v>
      </c>
      <c r="AC1634" s="5" t="s">
        <v>44</v>
      </c>
      <c r="AD1634" s="2"/>
      <c r="AE1634" s="1"/>
    </row>
    <row r="1635" spans="1:31" ht="14.45">
      <c r="A1635" s="11"/>
      <c r="B1635" s="20"/>
      <c r="C1635" s="2" t="s">
        <v>5326</v>
      </c>
      <c r="D1635" s="14" t="s">
        <v>5327</v>
      </c>
      <c r="E1635" s="2" t="s">
        <v>5328</v>
      </c>
      <c r="F1635" s="2" t="s">
        <v>1703</v>
      </c>
      <c r="G1635" s="8">
        <v>185</v>
      </c>
      <c r="H1635" s="5">
        <v>6</v>
      </c>
      <c r="I1635" s="5" t="s">
        <v>1518</v>
      </c>
      <c r="J1635" s="5" t="s">
        <v>1519</v>
      </c>
      <c r="K1635" s="2" t="s">
        <v>1520</v>
      </c>
      <c r="L1635" s="5" t="s">
        <v>1519</v>
      </c>
      <c r="M1635" s="2" t="s">
        <v>1520</v>
      </c>
      <c r="N1635" s="5" t="s">
        <v>1521</v>
      </c>
      <c r="O1635" s="5" t="s">
        <v>38</v>
      </c>
      <c r="P1635" s="5" t="s">
        <v>39</v>
      </c>
      <c r="Q1635" s="5" t="s">
        <v>40</v>
      </c>
      <c r="R1635" s="5" t="s">
        <v>1522</v>
      </c>
      <c r="S1635" s="5" t="s">
        <v>1523</v>
      </c>
      <c r="T1635" s="5" t="s">
        <v>42</v>
      </c>
      <c r="U1635" s="2">
        <v>2.92</v>
      </c>
      <c r="V1635" s="2">
        <v>2.2869999999999999</v>
      </c>
      <c r="W1635" s="2">
        <v>0.02</v>
      </c>
      <c r="X1635" s="2">
        <v>159.1</v>
      </c>
      <c r="Y1635" s="2">
        <v>7.6</v>
      </c>
      <c r="Z1635" s="2">
        <v>16.7</v>
      </c>
      <c r="AA1635" s="5"/>
      <c r="AB1635" s="5" t="s">
        <v>43</v>
      </c>
      <c r="AC1635" s="5" t="s">
        <v>44</v>
      </c>
      <c r="AD1635" s="2"/>
      <c r="AE1635" s="1"/>
    </row>
    <row r="1636" spans="1:31" ht="14.45">
      <c r="A1636" s="11"/>
      <c r="B1636" s="20"/>
      <c r="C1636" s="2" t="s">
        <v>5329</v>
      </c>
      <c r="D1636" s="14" t="s">
        <v>5330</v>
      </c>
      <c r="E1636" s="2" t="s">
        <v>5331</v>
      </c>
      <c r="F1636" s="2" t="s">
        <v>1707</v>
      </c>
      <c r="G1636" s="8">
        <v>185</v>
      </c>
      <c r="H1636" s="5">
        <v>5</v>
      </c>
      <c r="I1636" s="5" t="s">
        <v>1518</v>
      </c>
      <c r="J1636" s="5" t="s">
        <v>1519</v>
      </c>
      <c r="K1636" s="2" t="s">
        <v>1520</v>
      </c>
      <c r="L1636" s="5" t="s">
        <v>1519</v>
      </c>
      <c r="M1636" s="2" t="s">
        <v>1520</v>
      </c>
      <c r="N1636" s="5" t="s">
        <v>1521</v>
      </c>
      <c r="O1636" s="5" t="s">
        <v>38</v>
      </c>
      <c r="P1636" s="5" t="s">
        <v>39</v>
      </c>
      <c r="Q1636" s="5" t="s">
        <v>40</v>
      </c>
      <c r="R1636" s="5" t="s">
        <v>1522</v>
      </c>
      <c r="S1636" s="5" t="s">
        <v>1523</v>
      </c>
      <c r="T1636" s="5" t="s">
        <v>42</v>
      </c>
      <c r="U1636" s="2">
        <v>2.9780000000000002</v>
      </c>
      <c r="V1636" s="2">
        <v>2.3450000000000002</v>
      </c>
      <c r="W1636" s="2">
        <v>0.02</v>
      </c>
      <c r="X1636" s="2">
        <v>159.1</v>
      </c>
      <c r="Y1636" s="2">
        <v>7.6</v>
      </c>
      <c r="Z1636" s="2">
        <v>16.7</v>
      </c>
      <c r="AA1636" s="5"/>
      <c r="AB1636" s="5" t="s">
        <v>43</v>
      </c>
      <c r="AC1636" s="5" t="s">
        <v>44</v>
      </c>
      <c r="AD1636" s="2"/>
      <c r="AE1636" s="1"/>
    </row>
    <row r="1637" spans="1:31" ht="14.45">
      <c r="A1637" s="11"/>
      <c r="B1637" s="20"/>
      <c r="C1637" s="2" t="s">
        <v>5332</v>
      </c>
      <c r="D1637" s="14" t="s">
        <v>5333</v>
      </c>
      <c r="E1637" s="2" t="s">
        <v>5334</v>
      </c>
      <c r="F1637" s="2" t="s">
        <v>1711</v>
      </c>
      <c r="G1637" s="8">
        <v>185</v>
      </c>
      <c r="H1637" s="5">
        <v>6</v>
      </c>
      <c r="I1637" s="5" t="s">
        <v>1518</v>
      </c>
      <c r="J1637" s="5" t="s">
        <v>1519</v>
      </c>
      <c r="K1637" s="2" t="s">
        <v>1520</v>
      </c>
      <c r="L1637" s="5" t="s">
        <v>1519</v>
      </c>
      <c r="M1637" s="2" t="s">
        <v>1520</v>
      </c>
      <c r="N1637" s="5" t="s">
        <v>1521</v>
      </c>
      <c r="O1637" s="5" t="s">
        <v>38</v>
      </c>
      <c r="P1637" s="5" t="s">
        <v>39</v>
      </c>
      <c r="Q1637" s="5" t="s">
        <v>40</v>
      </c>
      <c r="R1637" s="5" t="s">
        <v>1522</v>
      </c>
      <c r="S1637" s="5" t="s">
        <v>1523</v>
      </c>
      <c r="T1637" s="5" t="s">
        <v>42</v>
      </c>
      <c r="U1637" s="2">
        <v>2.92</v>
      </c>
      <c r="V1637" s="2">
        <v>2.2869999999999999</v>
      </c>
      <c r="W1637" s="2">
        <v>0.02</v>
      </c>
      <c r="X1637" s="2">
        <v>159.1</v>
      </c>
      <c r="Y1637" s="2">
        <v>7.6</v>
      </c>
      <c r="Z1637" s="2">
        <v>16.7</v>
      </c>
      <c r="AA1637" s="5"/>
      <c r="AB1637" s="5" t="s">
        <v>43</v>
      </c>
      <c r="AC1637" s="5" t="s">
        <v>44</v>
      </c>
      <c r="AD1637" s="2"/>
      <c r="AE1637" s="1"/>
    </row>
    <row r="1638" spans="1:31" ht="14.45">
      <c r="A1638" s="11"/>
      <c r="B1638" s="20"/>
      <c r="C1638" s="2" t="s">
        <v>5335</v>
      </c>
      <c r="D1638" s="14" t="s">
        <v>5336</v>
      </c>
      <c r="E1638" s="2" t="s">
        <v>5337</v>
      </c>
      <c r="F1638" s="2" t="s">
        <v>1715</v>
      </c>
      <c r="G1638" s="8">
        <v>185</v>
      </c>
      <c r="H1638" s="5">
        <v>6</v>
      </c>
      <c r="I1638" s="5" t="s">
        <v>1518</v>
      </c>
      <c r="J1638" s="5" t="s">
        <v>1519</v>
      </c>
      <c r="K1638" s="2" t="s">
        <v>1520</v>
      </c>
      <c r="L1638" s="5" t="s">
        <v>1519</v>
      </c>
      <c r="M1638" s="2" t="s">
        <v>1520</v>
      </c>
      <c r="N1638" s="5" t="s">
        <v>1521</v>
      </c>
      <c r="O1638" s="5" t="s">
        <v>38</v>
      </c>
      <c r="P1638" s="5" t="s">
        <v>39</v>
      </c>
      <c r="Q1638" s="5" t="s">
        <v>40</v>
      </c>
      <c r="R1638" s="5" t="s">
        <v>1522</v>
      </c>
      <c r="S1638" s="5" t="s">
        <v>1523</v>
      </c>
      <c r="T1638" s="5" t="s">
        <v>42</v>
      </c>
      <c r="U1638" s="2">
        <v>2.9780000000000002</v>
      </c>
      <c r="V1638" s="2">
        <v>2.3450000000000002</v>
      </c>
      <c r="W1638" s="2">
        <v>0.02</v>
      </c>
      <c r="X1638" s="2">
        <v>159.1</v>
      </c>
      <c r="Y1638" s="2">
        <v>7.6</v>
      </c>
      <c r="Z1638" s="2">
        <v>16.7</v>
      </c>
      <c r="AA1638" s="5"/>
      <c r="AB1638" s="5" t="s">
        <v>43</v>
      </c>
      <c r="AC1638" s="5" t="s">
        <v>44</v>
      </c>
      <c r="AD1638" s="2"/>
      <c r="AE1638" s="1"/>
    </row>
    <row r="1639" spans="1:31" ht="14.45">
      <c r="A1639" s="11"/>
      <c r="B1639" s="20"/>
      <c r="C1639" s="2" t="s">
        <v>5338</v>
      </c>
      <c r="D1639" s="14" t="s">
        <v>5339</v>
      </c>
      <c r="E1639" s="2" t="s">
        <v>5340</v>
      </c>
      <c r="F1639" s="2" t="s">
        <v>1719</v>
      </c>
      <c r="G1639" s="8">
        <v>185</v>
      </c>
      <c r="H1639" s="5">
        <v>6</v>
      </c>
      <c r="I1639" s="5" t="s">
        <v>1518</v>
      </c>
      <c r="J1639" s="5" t="s">
        <v>1519</v>
      </c>
      <c r="K1639" s="2" t="s">
        <v>1520</v>
      </c>
      <c r="L1639" s="5" t="s">
        <v>1519</v>
      </c>
      <c r="M1639" s="2" t="s">
        <v>1520</v>
      </c>
      <c r="N1639" s="5" t="s">
        <v>1521</v>
      </c>
      <c r="O1639" s="5" t="s">
        <v>38</v>
      </c>
      <c r="P1639" s="5" t="s">
        <v>39</v>
      </c>
      <c r="Q1639" s="5" t="s">
        <v>40</v>
      </c>
      <c r="R1639" s="5" t="s">
        <v>1522</v>
      </c>
      <c r="S1639" s="5" t="s">
        <v>1523</v>
      </c>
      <c r="T1639" s="5" t="s">
        <v>42</v>
      </c>
      <c r="U1639" s="2">
        <v>2.887</v>
      </c>
      <c r="V1639" s="2">
        <v>2.254</v>
      </c>
      <c r="W1639" s="2">
        <v>0.02</v>
      </c>
      <c r="X1639" s="2">
        <v>159.1</v>
      </c>
      <c r="Y1639" s="2">
        <v>7.6</v>
      </c>
      <c r="Z1639" s="2">
        <v>16.7</v>
      </c>
      <c r="AA1639" s="5"/>
      <c r="AB1639" s="5" t="s">
        <v>43</v>
      </c>
      <c r="AC1639" s="5" t="s">
        <v>44</v>
      </c>
      <c r="AD1639" s="2"/>
      <c r="AE1639" s="1"/>
    </row>
    <row r="1640" spans="1:31" ht="14.45">
      <c r="A1640" s="11"/>
      <c r="B1640" s="20"/>
      <c r="C1640" s="2" t="s">
        <v>5341</v>
      </c>
      <c r="D1640" s="14" t="s">
        <v>5342</v>
      </c>
      <c r="E1640" s="2" t="s">
        <v>5343</v>
      </c>
      <c r="F1640" s="2" t="s">
        <v>1723</v>
      </c>
      <c r="G1640" s="8">
        <v>185</v>
      </c>
      <c r="H1640" s="5">
        <v>6</v>
      </c>
      <c r="I1640" s="5" t="s">
        <v>1518</v>
      </c>
      <c r="J1640" s="5" t="s">
        <v>1519</v>
      </c>
      <c r="K1640" s="2" t="s">
        <v>1520</v>
      </c>
      <c r="L1640" s="5" t="s">
        <v>1519</v>
      </c>
      <c r="M1640" s="2" t="s">
        <v>1520</v>
      </c>
      <c r="N1640" s="5" t="s">
        <v>1521</v>
      </c>
      <c r="O1640" s="5" t="s">
        <v>38</v>
      </c>
      <c r="P1640" s="5" t="s">
        <v>39</v>
      </c>
      <c r="Q1640" s="5" t="s">
        <v>40</v>
      </c>
      <c r="R1640" s="5" t="s">
        <v>1522</v>
      </c>
      <c r="S1640" s="5" t="s">
        <v>1523</v>
      </c>
      <c r="T1640" s="5" t="s">
        <v>42</v>
      </c>
      <c r="U1640" s="2">
        <v>2.9449999999999998</v>
      </c>
      <c r="V1640" s="2">
        <v>2.3119999999999998</v>
      </c>
      <c r="W1640" s="2">
        <v>0.02</v>
      </c>
      <c r="X1640" s="2">
        <v>159.1</v>
      </c>
      <c r="Y1640" s="2">
        <v>7.6</v>
      </c>
      <c r="Z1640" s="2">
        <v>16.7</v>
      </c>
      <c r="AA1640" s="5"/>
      <c r="AB1640" s="5" t="s">
        <v>43</v>
      </c>
      <c r="AC1640" s="5" t="s">
        <v>44</v>
      </c>
      <c r="AD1640" s="2"/>
      <c r="AE1640" s="1"/>
    </row>
    <row r="1641" spans="1:31" ht="14.45">
      <c r="A1641" s="11"/>
      <c r="B1641" s="20"/>
      <c r="C1641" s="2" t="s">
        <v>5344</v>
      </c>
      <c r="D1641" s="14" t="s">
        <v>5345</v>
      </c>
      <c r="E1641" s="2" t="s">
        <v>5346</v>
      </c>
      <c r="F1641" s="2" t="s">
        <v>1727</v>
      </c>
      <c r="G1641" s="8">
        <v>213</v>
      </c>
      <c r="H1641" s="5">
        <v>6</v>
      </c>
      <c r="I1641" s="5" t="s">
        <v>1518</v>
      </c>
      <c r="J1641" s="5" t="s">
        <v>1519</v>
      </c>
      <c r="K1641" s="2" t="s">
        <v>1520</v>
      </c>
      <c r="L1641" s="5" t="s">
        <v>1519</v>
      </c>
      <c r="M1641" s="2" t="s">
        <v>1520</v>
      </c>
      <c r="N1641" s="5" t="s">
        <v>1521</v>
      </c>
      <c r="O1641" s="5" t="s">
        <v>38</v>
      </c>
      <c r="P1641" s="5" t="s">
        <v>39</v>
      </c>
      <c r="Q1641" s="5" t="s">
        <v>40</v>
      </c>
      <c r="R1641" s="5" t="s">
        <v>1522</v>
      </c>
      <c r="S1641" s="5" t="s">
        <v>1523</v>
      </c>
      <c r="T1641" s="5" t="s">
        <v>42</v>
      </c>
      <c r="U1641" s="2">
        <v>2.887</v>
      </c>
      <c r="V1641" s="2">
        <v>2.254</v>
      </c>
      <c r="W1641" s="2">
        <v>0.02</v>
      </c>
      <c r="X1641" s="2">
        <v>159.1</v>
      </c>
      <c r="Y1641" s="2">
        <v>7.6</v>
      </c>
      <c r="Z1641" s="2">
        <v>16.7</v>
      </c>
      <c r="AA1641" s="5"/>
      <c r="AB1641" s="5" t="s">
        <v>43</v>
      </c>
      <c r="AC1641" s="5" t="s">
        <v>44</v>
      </c>
      <c r="AD1641" s="2"/>
      <c r="AE1641" s="1"/>
    </row>
    <row r="1642" spans="1:31" ht="14.45">
      <c r="A1642" s="11"/>
      <c r="B1642" s="20"/>
      <c r="C1642" s="2" t="s">
        <v>5347</v>
      </c>
      <c r="D1642" s="14" t="s">
        <v>5348</v>
      </c>
      <c r="E1642" s="2" t="s">
        <v>5349</v>
      </c>
      <c r="F1642" s="2" t="s">
        <v>1731</v>
      </c>
      <c r="G1642" s="8">
        <v>213</v>
      </c>
      <c r="H1642" s="5">
        <v>6</v>
      </c>
      <c r="I1642" s="5" t="s">
        <v>1518</v>
      </c>
      <c r="J1642" s="5" t="s">
        <v>1519</v>
      </c>
      <c r="K1642" s="2" t="s">
        <v>1520</v>
      </c>
      <c r="L1642" s="5" t="s">
        <v>1519</v>
      </c>
      <c r="M1642" s="2" t="s">
        <v>1520</v>
      </c>
      <c r="N1642" s="5" t="s">
        <v>1521</v>
      </c>
      <c r="O1642" s="5" t="s">
        <v>38</v>
      </c>
      <c r="P1642" s="5" t="s">
        <v>39</v>
      </c>
      <c r="Q1642" s="5" t="s">
        <v>40</v>
      </c>
      <c r="R1642" s="5" t="s">
        <v>1522</v>
      </c>
      <c r="S1642" s="5" t="s">
        <v>1523</v>
      </c>
      <c r="T1642" s="5" t="s">
        <v>42</v>
      </c>
      <c r="U1642" s="2">
        <v>2.9449999999999998</v>
      </c>
      <c r="V1642" s="2">
        <v>2.3119999999999998</v>
      </c>
      <c r="W1642" s="2">
        <v>0.02</v>
      </c>
      <c r="X1642" s="2">
        <v>159.1</v>
      </c>
      <c r="Y1642" s="2">
        <v>7.6</v>
      </c>
      <c r="Z1642" s="2">
        <v>16.7</v>
      </c>
      <c r="AA1642" s="5"/>
      <c r="AB1642" s="5" t="s">
        <v>43</v>
      </c>
      <c r="AC1642" s="5" t="s">
        <v>44</v>
      </c>
      <c r="AD1642" s="2"/>
      <c r="AE1642" s="1"/>
    </row>
    <row r="1643" spans="1:31" ht="14.45">
      <c r="A1643" s="11"/>
      <c r="B1643" s="20"/>
      <c r="C1643" s="2" t="s">
        <v>5350</v>
      </c>
      <c r="D1643" s="14" t="s">
        <v>5351</v>
      </c>
      <c r="E1643" s="2" t="s">
        <v>5352</v>
      </c>
      <c r="F1643" s="2" t="s">
        <v>1735</v>
      </c>
      <c r="G1643" s="8">
        <v>213</v>
      </c>
      <c r="H1643" s="5">
        <v>6</v>
      </c>
      <c r="I1643" s="5" t="s">
        <v>1518</v>
      </c>
      <c r="J1643" s="5" t="s">
        <v>1519</v>
      </c>
      <c r="K1643" s="2" t="s">
        <v>1520</v>
      </c>
      <c r="L1643" s="5" t="s">
        <v>1519</v>
      </c>
      <c r="M1643" s="2" t="s">
        <v>1520</v>
      </c>
      <c r="N1643" s="5" t="s">
        <v>1521</v>
      </c>
      <c r="O1643" s="5" t="s">
        <v>38</v>
      </c>
      <c r="P1643" s="5" t="s">
        <v>39</v>
      </c>
      <c r="Q1643" s="5" t="s">
        <v>40</v>
      </c>
      <c r="R1643" s="5" t="s">
        <v>1522</v>
      </c>
      <c r="S1643" s="5" t="s">
        <v>1523</v>
      </c>
      <c r="T1643" s="5" t="s">
        <v>42</v>
      </c>
      <c r="U1643" s="2">
        <v>2.92</v>
      </c>
      <c r="V1643" s="2">
        <v>2.2869999999999999</v>
      </c>
      <c r="W1643" s="2">
        <v>0.02</v>
      </c>
      <c r="X1643" s="2">
        <v>159.1</v>
      </c>
      <c r="Y1643" s="2">
        <v>7.6</v>
      </c>
      <c r="Z1643" s="2">
        <v>16.7</v>
      </c>
      <c r="AA1643" s="5"/>
      <c r="AB1643" s="5" t="s">
        <v>43</v>
      </c>
      <c r="AC1643" s="5" t="s">
        <v>44</v>
      </c>
      <c r="AD1643" s="2"/>
      <c r="AE1643" s="1"/>
    </row>
    <row r="1644" spans="1:31" ht="14.45">
      <c r="A1644" s="11"/>
      <c r="B1644" s="20"/>
      <c r="C1644" s="2" t="s">
        <v>5353</v>
      </c>
      <c r="D1644" s="14" t="s">
        <v>5354</v>
      </c>
      <c r="E1644" s="2" t="s">
        <v>5355</v>
      </c>
      <c r="F1644" s="2" t="s">
        <v>1739</v>
      </c>
      <c r="G1644" s="8">
        <v>213</v>
      </c>
      <c r="H1644" s="5">
        <v>6</v>
      </c>
      <c r="I1644" s="5" t="s">
        <v>1518</v>
      </c>
      <c r="J1644" s="5" t="s">
        <v>1519</v>
      </c>
      <c r="K1644" s="2" t="s">
        <v>1520</v>
      </c>
      <c r="L1644" s="5" t="s">
        <v>1519</v>
      </c>
      <c r="M1644" s="2" t="s">
        <v>1520</v>
      </c>
      <c r="N1644" s="5" t="s">
        <v>1521</v>
      </c>
      <c r="O1644" s="5" t="s">
        <v>38</v>
      </c>
      <c r="P1644" s="5" t="s">
        <v>39</v>
      </c>
      <c r="Q1644" s="5" t="s">
        <v>40</v>
      </c>
      <c r="R1644" s="5" t="s">
        <v>1522</v>
      </c>
      <c r="S1644" s="5" t="s">
        <v>1523</v>
      </c>
      <c r="T1644" s="5" t="s">
        <v>42</v>
      </c>
      <c r="U1644" s="2">
        <v>2.9780000000000002</v>
      </c>
      <c r="V1644" s="2">
        <v>2.3450000000000002</v>
      </c>
      <c r="W1644" s="2">
        <v>0.02</v>
      </c>
      <c r="X1644" s="2">
        <v>159.1</v>
      </c>
      <c r="Y1644" s="2">
        <v>7.6</v>
      </c>
      <c r="Z1644" s="2">
        <v>16.7</v>
      </c>
      <c r="AA1644" s="5"/>
      <c r="AB1644" s="5" t="s">
        <v>43</v>
      </c>
      <c r="AC1644" s="5" t="s">
        <v>44</v>
      </c>
      <c r="AD1644" s="2"/>
      <c r="AE1644" s="1"/>
    </row>
    <row r="1645" spans="1:31" ht="14.45">
      <c r="A1645" s="11"/>
      <c r="B1645" s="20"/>
      <c r="C1645" s="2" t="s">
        <v>5356</v>
      </c>
      <c r="D1645" s="14" t="s">
        <v>5357</v>
      </c>
      <c r="E1645" s="2" t="s">
        <v>5358</v>
      </c>
      <c r="F1645" s="2" t="s">
        <v>1743</v>
      </c>
      <c r="G1645" s="8">
        <v>213</v>
      </c>
      <c r="H1645" s="5">
        <v>6</v>
      </c>
      <c r="I1645" s="5" t="s">
        <v>1518</v>
      </c>
      <c r="J1645" s="5" t="s">
        <v>1519</v>
      </c>
      <c r="K1645" s="2" t="s">
        <v>1520</v>
      </c>
      <c r="L1645" s="5" t="s">
        <v>1519</v>
      </c>
      <c r="M1645" s="2" t="s">
        <v>1520</v>
      </c>
      <c r="N1645" s="5" t="s">
        <v>1521</v>
      </c>
      <c r="O1645" s="5" t="s">
        <v>38</v>
      </c>
      <c r="P1645" s="5" t="s">
        <v>39</v>
      </c>
      <c r="Q1645" s="5" t="s">
        <v>40</v>
      </c>
      <c r="R1645" s="5" t="s">
        <v>1522</v>
      </c>
      <c r="S1645" s="5" t="s">
        <v>1523</v>
      </c>
      <c r="T1645" s="5" t="s">
        <v>42</v>
      </c>
      <c r="U1645" s="2">
        <v>2.887</v>
      </c>
      <c r="V1645" s="2">
        <v>2.254</v>
      </c>
      <c r="W1645" s="2">
        <v>0.02</v>
      </c>
      <c r="X1645" s="2">
        <v>159.1</v>
      </c>
      <c r="Y1645" s="2">
        <v>7.6</v>
      </c>
      <c r="Z1645" s="2">
        <v>16.7</v>
      </c>
      <c r="AA1645" s="5"/>
      <c r="AB1645" s="5" t="s">
        <v>43</v>
      </c>
      <c r="AC1645" s="5" t="s">
        <v>44</v>
      </c>
      <c r="AD1645" s="2"/>
      <c r="AE1645" s="1"/>
    </row>
    <row r="1646" spans="1:31" ht="14.45">
      <c r="A1646" s="11"/>
      <c r="B1646" s="20"/>
      <c r="C1646" s="2" t="s">
        <v>5359</v>
      </c>
      <c r="D1646" s="14" t="s">
        <v>5360</v>
      </c>
      <c r="E1646" s="2" t="s">
        <v>5361</v>
      </c>
      <c r="F1646" s="2" t="s">
        <v>1747</v>
      </c>
      <c r="G1646" s="8">
        <v>213</v>
      </c>
      <c r="H1646" s="5">
        <v>6</v>
      </c>
      <c r="I1646" s="5" t="s">
        <v>1518</v>
      </c>
      <c r="J1646" s="5" t="s">
        <v>1519</v>
      </c>
      <c r="K1646" s="2" t="s">
        <v>1520</v>
      </c>
      <c r="L1646" s="5" t="s">
        <v>1519</v>
      </c>
      <c r="M1646" s="2" t="s">
        <v>1520</v>
      </c>
      <c r="N1646" s="5" t="s">
        <v>1521</v>
      </c>
      <c r="O1646" s="5" t="s">
        <v>38</v>
      </c>
      <c r="P1646" s="5" t="s">
        <v>39</v>
      </c>
      <c r="Q1646" s="5" t="s">
        <v>40</v>
      </c>
      <c r="R1646" s="5" t="s">
        <v>1522</v>
      </c>
      <c r="S1646" s="5" t="s">
        <v>1523</v>
      </c>
      <c r="T1646" s="5" t="s">
        <v>42</v>
      </c>
      <c r="U1646" s="2">
        <v>2.9449999999999998</v>
      </c>
      <c r="V1646" s="2">
        <v>2.3119999999999998</v>
      </c>
      <c r="W1646" s="2">
        <v>0.02</v>
      </c>
      <c r="X1646" s="2">
        <v>159.1</v>
      </c>
      <c r="Y1646" s="2">
        <v>7.6</v>
      </c>
      <c r="Z1646" s="2">
        <v>16.7</v>
      </c>
      <c r="AA1646" s="5"/>
      <c r="AB1646" s="5" t="s">
        <v>43</v>
      </c>
      <c r="AC1646" s="5" t="s">
        <v>44</v>
      </c>
      <c r="AD1646" s="2"/>
      <c r="AE1646" s="1"/>
    </row>
    <row r="1647" spans="1:31" ht="14.45">
      <c r="A1647" s="11"/>
      <c r="B1647" s="20"/>
      <c r="C1647" s="2" t="s">
        <v>5362</v>
      </c>
      <c r="D1647" s="14" t="s">
        <v>5363</v>
      </c>
      <c r="E1647" s="2" t="s">
        <v>5364</v>
      </c>
      <c r="F1647" s="2" t="s">
        <v>1751</v>
      </c>
      <c r="G1647" s="8">
        <v>213</v>
      </c>
      <c r="H1647" s="5">
        <v>6</v>
      </c>
      <c r="I1647" s="5" t="s">
        <v>1518</v>
      </c>
      <c r="J1647" s="5" t="s">
        <v>1519</v>
      </c>
      <c r="K1647" s="2" t="s">
        <v>1520</v>
      </c>
      <c r="L1647" s="5" t="s">
        <v>1519</v>
      </c>
      <c r="M1647" s="2" t="s">
        <v>1520</v>
      </c>
      <c r="N1647" s="5" t="s">
        <v>1521</v>
      </c>
      <c r="O1647" s="5" t="s">
        <v>38</v>
      </c>
      <c r="P1647" s="5" t="s">
        <v>39</v>
      </c>
      <c r="Q1647" s="5" t="s">
        <v>40</v>
      </c>
      <c r="R1647" s="5" t="s">
        <v>1522</v>
      </c>
      <c r="S1647" s="5" t="s">
        <v>1523</v>
      </c>
      <c r="T1647" s="5" t="s">
        <v>42</v>
      </c>
      <c r="U1647" s="2">
        <v>2.887</v>
      </c>
      <c r="V1647" s="2">
        <v>2.254</v>
      </c>
      <c r="W1647" s="2">
        <v>0.02</v>
      </c>
      <c r="X1647" s="2">
        <v>159.1</v>
      </c>
      <c r="Y1647" s="2">
        <v>7.6</v>
      </c>
      <c r="Z1647" s="2">
        <v>16.7</v>
      </c>
      <c r="AA1647" s="5"/>
      <c r="AB1647" s="5" t="s">
        <v>43</v>
      </c>
      <c r="AC1647" s="5" t="s">
        <v>44</v>
      </c>
      <c r="AD1647" s="2"/>
      <c r="AE1647" s="1"/>
    </row>
    <row r="1648" spans="1:31" ht="14.45">
      <c r="A1648" s="11"/>
      <c r="B1648" s="20"/>
      <c r="C1648" s="2" t="s">
        <v>5365</v>
      </c>
      <c r="D1648" s="14" t="s">
        <v>5366</v>
      </c>
      <c r="E1648" s="2" t="s">
        <v>5367</v>
      </c>
      <c r="F1648" s="2" t="s">
        <v>1755</v>
      </c>
      <c r="G1648" s="8">
        <v>213</v>
      </c>
      <c r="H1648" s="5">
        <v>6</v>
      </c>
      <c r="I1648" s="5" t="s">
        <v>1518</v>
      </c>
      <c r="J1648" s="5" t="s">
        <v>1519</v>
      </c>
      <c r="K1648" s="2" t="s">
        <v>1520</v>
      </c>
      <c r="L1648" s="5" t="s">
        <v>1519</v>
      </c>
      <c r="M1648" s="2" t="s">
        <v>1520</v>
      </c>
      <c r="N1648" s="5" t="s">
        <v>1521</v>
      </c>
      <c r="O1648" s="5" t="s">
        <v>38</v>
      </c>
      <c r="P1648" s="5" t="s">
        <v>39</v>
      </c>
      <c r="Q1648" s="5" t="s">
        <v>40</v>
      </c>
      <c r="R1648" s="5" t="s">
        <v>1522</v>
      </c>
      <c r="S1648" s="5" t="s">
        <v>1523</v>
      </c>
      <c r="T1648" s="5" t="s">
        <v>42</v>
      </c>
      <c r="U1648" s="2">
        <v>2.9449999999999998</v>
      </c>
      <c r="V1648" s="2">
        <v>2.3119999999999998</v>
      </c>
      <c r="W1648" s="2">
        <v>0.02</v>
      </c>
      <c r="X1648" s="2">
        <v>159.1</v>
      </c>
      <c r="Y1648" s="2">
        <v>7.6</v>
      </c>
      <c r="Z1648" s="2">
        <v>16.7</v>
      </c>
      <c r="AA1648" s="5"/>
      <c r="AB1648" s="5" t="s">
        <v>43</v>
      </c>
      <c r="AC1648" s="5" t="s">
        <v>44</v>
      </c>
      <c r="AD1648" s="2"/>
      <c r="AE1648" s="1"/>
    </row>
    <row r="1649" spans="1:31" ht="14.45">
      <c r="A1649" s="11"/>
      <c r="B1649" s="20"/>
      <c r="C1649" s="2" t="s">
        <v>5368</v>
      </c>
      <c r="D1649" s="14" t="s">
        <v>5369</v>
      </c>
      <c r="E1649" s="2" t="s">
        <v>5370</v>
      </c>
      <c r="F1649" s="2" t="s">
        <v>1759</v>
      </c>
      <c r="G1649" s="8">
        <v>213</v>
      </c>
      <c r="H1649" s="5">
        <v>6</v>
      </c>
      <c r="I1649" s="5" t="s">
        <v>1518</v>
      </c>
      <c r="J1649" s="5" t="s">
        <v>1519</v>
      </c>
      <c r="K1649" s="2" t="s">
        <v>1520</v>
      </c>
      <c r="L1649" s="5" t="s">
        <v>1519</v>
      </c>
      <c r="M1649" s="2" t="s">
        <v>1520</v>
      </c>
      <c r="N1649" s="5" t="s">
        <v>1521</v>
      </c>
      <c r="O1649" s="5" t="s">
        <v>38</v>
      </c>
      <c r="P1649" s="5" t="s">
        <v>39</v>
      </c>
      <c r="Q1649" s="5" t="s">
        <v>40</v>
      </c>
      <c r="R1649" s="5" t="s">
        <v>1522</v>
      </c>
      <c r="S1649" s="5" t="s">
        <v>1523</v>
      </c>
      <c r="T1649" s="5" t="s">
        <v>42</v>
      </c>
      <c r="U1649" s="2">
        <v>2.92</v>
      </c>
      <c r="V1649" s="2">
        <v>2.2869999999999999</v>
      </c>
      <c r="W1649" s="2">
        <v>0.02</v>
      </c>
      <c r="X1649" s="2">
        <v>159.1</v>
      </c>
      <c r="Y1649" s="2">
        <v>7.6</v>
      </c>
      <c r="Z1649" s="2">
        <v>16.7</v>
      </c>
      <c r="AA1649" s="5"/>
      <c r="AB1649" s="5" t="s">
        <v>43</v>
      </c>
      <c r="AC1649" s="5" t="s">
        <v>44</v>
      </c>
      <c r="AD1649" s="2"/>
      <c r="AE1649" s="1"/>
    </row>
    <row r="1650" spans="1:31" ht="14.45">
      <c r="A1650" s="11"/>
      <c r="B1650" s="20"/>
      <c r="C1650" s="2" t="s">
        <v>5371</v>
      </c>
      <c r="D1650" s="14" t="s">
        <v>5372</v>
      </c>
      <c r="E1650" s="2" t="s">
        <v>5373</v>
      </c>
      <c r="F1650" s="2" t="s">
        <v>1763</v>
      </c>
      <c r="G1650" s="8">
        <v>213</v>
      </c>
      <c r="H1650" s="5">
        <v>6</v>
      </c>
      <c r="I1650" s="5" t="s">
        <v>1518</v>
      </c>
      <c r="J1650" s="5" t="s">
        <v>1519</v>
      </c>
      <c r="K1650" s="2" t="s">
        <v>1520</v>
      </c>
      <c r="L1650" s="5" t="s">
        <v>1519</v>
      </c>
      <c r="M1650" s="2" t="s">
        <v>1520</v>
      </c>
      <c r="N1650" s="5" t="s">
        <v>1521</v>
      </c>
      <c r="O1650" s="5" t="s">
        <v>38</v>
      </c>
      <c r="P1650" s="5" t="s">
        <v>39</v>
      </c>
      <c r="Q1650" s="5" t="s">
        <v>40</v>
      </c>
      <c r="R1650" s="5" t="s">
        <v>1522</v>
      </c>
      <c r="S1650" s="5" t="s">
        <v>1523</v>
      </c>
      <c r="T1650" s="5" t="s">
        <v>42</v>
      </c>
      <c r="U1650" s="2">
        <v>2.9780000000000002</v>
      </c>
      <c r="V1650" s="2">
        <v>2.3450000000000002</v>
      </c>
      <c r="W1650" s="2">
        <v>0.02</v>
      </c>
      <c r="X1650" s="2">
        <v>159.1</v>
      </c>
      <c r="Y1650" s="2">
        <v>7.6</v>
      </c>
      <c r="Z1650" s="2">
        <v>16.7</v>
      </c>
      <c r="AA1650" s="5"/>
      <c r="AB1650" s="5" t="s">
        <v>43</v>
      </c>
      <c r="AC1650" s="5" t="s">
        <v>44</v>
      </c>
      <c r="AD1650" s="2"/>
      <c r="AE1650" s="1"/>
    </row>
    <row r="1651" spans="1:31" ht="14.45">
      <c r="A1651" s="11"/>
      <c r="B1651" s="20"/>
      <c r="C1651" s="2" t="s">
        <v>5374</v>
      </c>
      <c r="D1651" s="14" t="s">
        <v>5375</v>
      </c>
      <c r="E1651" s="2" t="s">
        <v>5376</v>
      </c>
      <c r="F1651" s="2" t="s">
        <v>1767</v>
      </c>
      <c r="G1651" s="8">
        <v>213</v>
      </c>
      <c r="H1651" s="5">
        <v>6</v>
      </c>
      <c r="I1651" s="5" t="s">
        <v>1518</v>
      </c>
      <c r="J1651" s="5" t="s">
        <v>1519</v>
      </c>
      <c r="K1651" s="2" t="s">
        <v>1520</v>
      </c>
      <c r="L1651" s="5" t="s">
        <v>1519</v>
      </c>
      <c r="M1651" s="2" t="s">
        <v>1520</v>
      </c>
      <c r="N1651" s="5" t="s">
        <v>1521</v>
      </c>
      <c r="O1651" s="5" t="s">
        <v>38</v>
      </c>
      <c r="P1651" s="5" t="s">
        <v>39</v>
      </c>
      <c r="Q1651" s="5" t="s">
        <v>40</v>
      </c>
      <c r="R1651" s="5" t="s">
        <v>1522</v>
      </c>
      <c r="S1651" s="5" t="s">
        <v>1523</v>
      </c>
      <c r="T1651" s="5" t="s">
        <v>42</v>
      </c>
      <c r="U1651" s="2">
        <v>2.92</v>
      </c>
      <c r="V1651" s="2">
        <v>2.2869999999999999</v>
      </c>
      <c r="W1651" s="2">
        <v>0.02</v>
      </c>
      <c r="X1651" s="2">
        <v>159.1</v>
      </c>
      <c r="Y1651" s="2">
        <v>7.6</v>
      </c>
      <c r="Z1651" s="2">
        <v>16.7</v>
      </c>
      <c r="AA1651" s="5"/>
      <c r="AB1651" s="5" t="s">
        <v>43</v>
      </c>
      <c r="AC1651" s="5" t="s">
        <v>44</v>
      </c>
      <c r="AD1651" s="2"/>
      <c r="AE1651" s="1"/>
    </row>
    <row r="1652" spans="1:31" ht="14.45">
      <c r="A1652" s="11"/>
      <c r="B1652" s="20"/>
      <c r="C1652" s="2" t="s">
        <v>5377</v>
      </c>
      <c r="D1652" s="14" t="s">
        <v>5378</v>
      </c>
      <c r="E1652" s="2" t="s">
        <v>5379</v>
      </c>
      <c r="F1652" s="2" t="s">
        <v>1771</v>
      </c>
      <c r="G1652" s="8">
        <v>213</v>
      </c>
      <c r="H1652" s="5">
        <v>6</v>
      </c>
      <c r="I1652" s="5" t="s">
        <v>1518</v>
      </c>
      <c r="J1652" s="5" t="s">
        <v>1519</v>
      </c>
      <c r="K1652" s="2" t="s">
        <v>1520</v>
      </c>
      <c r="L1652" s="5" t="s">
        <v>1519</v>
      </c>
      <c r="M1652" s="2" t="s">
        <v>1520</v>
      </c>
      <c r="N1652" s="5" t="s">
        <v>1521</v>
      </c>
      <c r="O1652" s="5" t="s">
        <v>38</v>
      </c>
      <c r="P1652" s="5" t="s">
        <v>39</v>
      </c>
      <c r="Q1652" s="5" t="s">
        <v>40</v>
      </c>
      <c r="R1652" s="5" t="s">
        <v>1522</v>
      </c>
      <c r="S1652" s="5" t="s">
        <v>1523</v>
      </c>
      <c r="T1652" s="5" t="s">
        <v>42</v>
      </c>
      <c r="U1652" s="2">
        <v>2.9780000000000002</v>
      </c>
      <c r="V1652" s="2">
        <v>2.3450000000000002</v>
      </c>
      <c r="W1652" s="2">
        <v>0.02</v>
      </c>
      <c r="X1652" s="2">
        <v>159.1</v>
      </c>
      <c r="Y1652" s="2">
        <v>7.6</v>
      </c>
      <c r="Z1652" s="2">
        <v>16.7</v>
      </c>
      <c r="AA1652" s="5"/>
      <c r="AB1652" s="5" t="s">
        <v>43</v>
      </c>
      <c r="AC1652" s="5" t="s">
        <v>44</v>
      </c>
      <c r="AD1652" s="2"/>
      <c r="AE1652" s="1"/>
    </row>
    <row r="1653" spans="1:31" ht="14.45">
      <c r="A1653" s="11"/>
      <c r="B1653" s="20"/>
      <c r="C1653" s="2" t="s">
        <v>5380</v>
      </c>
      <c r="D1653" s="14" t="s">
        <v>5381</v>
      </c>
      <c r="E1653" s="2" t="s">
        <v>5382</v>
      </c>
      <c r="F1653" s="2" t="s">
        <v>1775</v>
      </c>
      <c r="G1653" s="8">
        <v>213</v>
      </c>
      <c r="H1653" s="5">
        <v>6</v>
      </c>
      <c r="I1653" s="5" t="s">
        <v>1518</v>
      </c>
      <c r="J1653" s="5" t="s">
        <v>1519</v>
      </c>
      <c r="K1653" s="2" t="s">
        <v>1520</v>
      </c>
      <c r="L1653" s="5" t="s">
        <v>1519</v>
      </c>
      <c r="M1653" s="2" t="s">
        <v>1520</v>
      </c>
      <c r="N1653" s="5" t="s">
        <v>1521</v>
      </c>
      <c r="O1653" s="5" t="s">
        <v>38</v>
      </c>
      <c r="P1653" s="5" t="s">
        <v>39</v>
      </c>
      <c r="Q1653" s="5" t="s">
        <v>40</v>
      </c>
      <c r="R1653" s="5" t="s">
        <v>1522</v>
      </c>
      <c r="S1653" s="5" t="s">
        <v>1523</v>
      </c>
      <c r="T1653" s="5" t="s">
        <v>42</v>
      </c>
      <c r="U1653" s="2">
        <v>2.92</v>
      </c>
      <c r="V1653" s="2">
        <v>2.2869999999999999</v>
      </c>
      <c r="W1653" s="2">
        <v>0.02</v>
      </c>
      <c r="X1653" s="2">
        <v>159.1</v>
      </c>
      <c r="Y1653" s="2">
        <v>7.6</v>
      </c>
      <c r="Z1653" s="2">
        <v>16.7</v>
      </c>
      <c r="AA1653" s="5"/>
      <c r="AB1653" s="5" t="s">
        <v>43</v>
      </c>
      <c r="AC1653" s="5" t="s">
        <v>44</v>
      </c>
      <c r="AD1653" s="2"/>
      <c r="AE1653" s="1"/>
    </row>
    <row r="1654" spans="1:31" ht="14.45">
      <c r="A1654" s="11"/>
      <c r="B1654" s="20"/>
      <c r="C1654" s="2" t="s">
        <v>5383</v>
      </c>
      <c r="D1654" s="14" t="s">
        <v>5384</v>
      </c>
      <c r="E1654" s="2" t="s">
        <v>5385</v>
      </c>
      <c r="F1654" s="2" t="s">
        <v>1779</v>
      </c>
      <c r="G1654" s="8">
        <v>213</v>
      </c>
      <c r="H1654" s="5">
        <v>6</v>
      </c>
      <c r="I1654" s="5" t="s">
        <v>1518</v>
      </c>
      <c r="J1654" s="5" t="s">
        <v>1519</v>
      </c>
      <c r="K1654" s="2" t="s">
        <v>1520</v>
      </c>
      <c r="L1654" s="5" t="s">
        <v>1519</v>
      </c>
      <c r="M1654" s="2" t="s">
        <v>1520</v>
      </c>
      <c r="N1654" s="5" t="s">
        <v>1521</v>
      </c>
      <c r="O1654" s="5" t="s">
        <v>38</v>
      </c>
      <c r="P1654" s="5" t="s">
        <v>39</v>
      </c>
      <c r="Q1654" s="5" t="s">
        <v>40</v>
      </c>
      <c r="R1654" s="5" t="s">
        <v>1522</v>
      </c>
      <c r="S1654" s="5" t="s">
        <v>1523</v>
      </c>
      <c r="T1654" s="5" t="s">
        <v>42</v>
      </c>
      <c r="U1654" s="2">
        <v>2.9780000000000002</v>
      </c>
      <c r="V1654" s="2">
        <v>2.3450000000000002</v>
      </c>
      <c r="W1654" s="2">
        <v>0.02</v>
      </c>
      <c r="X1654" s="2">
        <v>159.1</v>
      </c>
      <c r="Y1654" s="2">
        <v>7.6</v>
      </c>
      <c r="Z1654" s="2">
        <v>16.7</v>
      </c>
      <c r="AA1654" s="5"/>
      <c r="AB1654" s="5" t="s">
        <v>43</v>
      </c>
      <c r="AC1654" s="5" t="s">
        <v>44</v>
      </c>
      <c r="AD1654" s="2"/>
      <c r="AE1654" s="1"/>
    </row>
    <row r="1655" spans="1:31" ht="14.45">
      <c r="A1655" s="11"/>
      <c r="B1655" s="20"/>
      <c r="C1655" s="2" t="s">
        <v>5386</v>
      </c>
      <c r="D1655" s="14" t="s">
        <v>5387</v>
      </c>
      <c r="E1655" s="2" t="s">
        <v>5388</v>
      </c>
      <c r="F1655" s="2" t="s">
        <v>1783</v>
      </c>
      <c r="G1655" s="8">
        <v>213</v>
      </c>
      <c r="H1655" s="5">
        <v>6</v>
      </c>
      <c r="I1655" s="5" t="s">
        <v>1518</v>
      </c>
      <c r="J1655" s="5" t="s">
        <v>1519</v>
      </c>
      <c r="K1655" s="2" t="s">
        <v>1520</v>
      </c>
      <c r="L1655" s="5" t="s">
        <v>1519</v>
      </c>
      <c r="M1655" s="2" t="s">
        <v>1520</v>
      </c>
      <c r="N1655" s="5" t="s">
        <v>1521</v>
      </c>
      <c r="O1655" s="5" t="s">
        <v>38</v>
      </c>
      <c r="P1655" s="5" t="s">
        <v>39</v>
      </c>
      <c r="Q1655" s="5" t="s">
        <v>40</v>
      </c>
      <c r="R1655" s="5" t="s">
        <v>1522</v>
      </c>
      <c r="S1655" s="5" t="s">
        <v>1523</v>
      </c>
      <c r="T1655" s="5" t="s">
        <v>42</v>
      </c>
      <c r="U1655" s="2">
        <v>2.887</v>
      </c>
      <c r="V1655" s="2">
        <v>2.254</v>
      </c>
      <c r="W1655" s="2">
        <v>0.02</v>
      </c>
      <c r="X1655" s="2">
        <v>159.1</v>
      </c>
      <c r="Y1655" s="2">
        <v>7.6</v>
      </c>
      <c r="Z1655" s="2">
        <v>16.7</v>
      </c>
      <c r="AA1655" s="5"/>
      <c r="AB1655" s="5" t="s">
        <v>43</v>
      </c>
      <c r="AC1655" s="5" t="s">
        <v>44</v>
      </c>
      <c r="AD1655" s="2"/>
      <c r="AE1655" s="1"/>
    </row>
    <row r="1656" spans="1:31" ht="14.45">
      <c r="A1656" s="11"/>
      <c r="B1656" s="20"/>
      <c r="C1656" s="2" t="s">
        <v>5389</v>
      </c>
      <c r="D1656" s="14" t="s">
        <v>5390</v>
      </c>
      <c r="E1656" s="2" t="s">
        <v>5391</v>
      </c>
      <c r="F1656" s="2" t="s">
        <v>1787</v>
      </c>
      <c r="G1656" s="8">
        <v>213</v>
      </c>
      <c r="H1656" s="5">
        <v>6</v>
      </c>
      <c r="I1656" s="5" t="s">
        <v>1518</v>
      </c>
      <c r="J1656" s="5" t="s">
        <v>1519</v>
      </c>
      <c r="K1656" s="2" t="s">
        <v>1520</v>
      </c>
      <c r="L1656" s="5" t="s">
        <v>1519</v>
      </c>
      <c r="M1656" s="2" t="s">
        <v>1520</v>
      </c>
      <c r="N1656" s="5" t="s">
        <v>1521</v>
      </c>
      <c r="O1656" s="5" t="s">
        <v>38</v>
      </c>
      <c r="P1656" s="5" t="s">
        <v>39</v>
      </c>
      <c r="Q1656" s="5" t="s">
        <v>40</v>
      </c>
      <c r="R1656" s="5" t="s">
        <v>1522</v>
      </c>
      <c r="S1656" s="5" t="s">
        <v>1523</v>
      </c>
      <c r="T1656" s="5" t="s">
        <v>42</v>
      </c>
      <c r="U1656" s="2">
        <v>2.9449999999999998</v>
      </c>
      <c r="V1656" s="2">
        <v>2.3119999999999998</v>
      </c>
      <c r="W1656" s="2">
        <v>0.02</v>
      </c>
      <c r="X1656" s="2">
        <v>159.1</v>
      </c>
      <c r="Y1656" s="2">
        <v>7.6</v>
      </c>
      <c r="Z1656" s="2">
        <v>16.7</v>
      </c>
      <c r="AA1656" s="5"/>
      <c r="AB1656" s="5" t="s">
        <v>43</v>
      </c>
      <c r="AC1656" s="5" t="s">
        <v>44</v>
      </c>
      <c r="AD1656" s="2"/>
      <c r="AE1656" s="1"/>
    </row>
    <row r="1657" spans="1:31" ht="14.45">
      <c r="A1657" s="11"/>
      <c r="B1657" s="20"/>
      <c r="C1657" s="2" t="s">
        <v>5392</v>
      </c>
      <c r="D1657" s="14" t="s">
        <v>5393</v>
      </c>
      <c r="E1657" s="2" t="s">
        <v>5394</v>
      </c>
      <c r="F1657" s="2" t="s">
        <v>1791</v>
      </c>
      <c r="G1657" s="8">
        <v>213</v>
      </c>
      <c r="H1657" s="5">
        <v>6</v>
      </c>
      <c r="I1657" s="5" t="s">
        <v>1518</v>
      </c>
      <c r="J1657" s="5" t="s">
        <v>1519</v>
      </c>
      <c r="K1657" s="2" t="s">
        <v>1520</v>
      </c>
      <c r="L1657" s="5" t="s">
        <v>1519</v>
      </c>
      <c r="M1657" s="2" t="s">
        <v>1520</v>
      </c>
      <c r="N1657" s="5" t="s">
        <v>1521</v>
      </c>
      <c r="O1657" s="5" t="s">
        <v>38</v>
      </c>
      <c r="P1657" s="5" t="s">
        <v>39</v>
      </c>
      <c r="Q1657" s="5" t="s">
        <v>40</v>
      </c>
      <c r="R1657" s="5" t="s">
        <v>1522</v>
      </c>
      <c r="S1657" s="5" t="s">
        <v>1523</v>
      </c>
      <c r="T1657" s="5" t="s">
        <v>42</v>
      </c>
      <c r="U1657" s="2">
        <v>2.92</v>
      </c>
      <c r="V1657" s="2">
        <v>2.2869999999999999</v>
      </c>
      <c r="W1657" s="2">
        <v>0.02</v>
      </c>
      <c r="X1657" s="2">
        <v>159.1</v>
      </c>
      <c r="Y1657" s="2">
        <v>7.6</v>
      </c>
      <c r="Z1657" s="2">
        <v>16.7</v>
      </c>
      <c r="AA1657" s="5"/>
      <c r="AB1657" s="5" t="s">
        <v>43</v>
      </c>
      <c r="AC1657" s="5" t="s">
        <v>44</v>
      </c>
      <c r="AD1657" s="2"/>
      <c r="AE1657" s="1"/>
    </row>
    <row r="1658" spans="1:31" ht="14.45">
      <c r="A1658" s="11"/>
      <c r="B1658" s="20"/>
      <c r="C1658" s="2" t="s">
        <v>5395</v>
      </c>
      <c r="D1658" s="14" t="s">
        <v>5396</v>
      </c>
      <c r="E1658" s="2" t="s">
        <v>5397</v>
      </c>
      <c r="F1658" s="2" t="s">
        <v>1795</v>
      </c>
      <c r="G1658" s="8">
        <v>213</v>
      </c>
      <c r="H1658" s="5">
        <v>6</v>
      </c>
      <c r="I1658" s="5" t="s">
        <v>1518</v>
      </c>
      <c r="J1658" s="5" t="s">
        <v>1519</v>
      </c>
      <c r="K1658" s="2" t="s">
        <v>1520</v>
      </c>
      <c r="L1658" s="5" t="s">
        <v>1519</v>
      </c>
      <c r="M1658" s="2" t="s">
        <v>1520</v>
      </c>
      <c r="N1658" s="5" t="s">
        <v>1521</v>
      </c>
      <c r="O1658" s="5" t="s">
        <v>38</v>
      </c>
      <c r="P1658" s="5" t="s">
        <v>39</v>
      </c>
      <c r="Q1658" s="5" t="s">
        <v>40</v>
      </c>
      <c r="R1658" s="5" t="s">
        <v>1522</v>
      </c>
      <c r="S1658" s="5" t="s">
        <v>1523</v>
      </c>
      <c r="T1658" s="5" t="s">
        <v>42</v>
      </c>
      <c r="U1658" s="2">
        <v>2.9780000000000002</v>
      </c>
      <c r="V1658" s="2">
        <v>2.3450000000000002</v>
      </c>
      <c r="W1658" s="2">
        <v>0.02</v>
      </c>
      <c r="X1658" s="2">
        <v>159.1</v>
      </c>
      <c r="Y1658" s="2">
        <v>7.6</v>
      </c>
      <c r="Z1658" s="2">
        <v>16.7</v>
      </c>
      <c r="AA1658" s="5"/>
      <c r="AB1658" s="5" t="s">
        <v>43</v>
      </c>
      <c r="AC1658" s="5" t="s">
        <v>44</v>
      </c>
      <c r="AD1658" s="2"/>
      <c r="AE1658" s="1"/>
    </row>
    <row r="1659" spans="1:31" ht="14.45">
      <c r="A1659" s="11"/>
      <c r="B1659" s="20"/>
      <c r="C1659" s="2" t="s">
        <v>5398</v>
      </c>
      <c r="D1659" s="14" t="s">
        <v>5399</v>
      </c>
      <c r="E1659" s="2" t="s">
        <v>5400</v>
      </c>
      <c r="F1659" s="2" t="s">
        <v>1799</v>
      </c>
      <c r="G1659" s="8">
        <v>213</v>
      </c>
      <c r="H1659" s="5">
        <v>6</v>
      </c>
      <c r="I1659" s="5" t="s">
        <v>1518</v>
      </c>
      <c r="J1659" s="5" t="s">
        <v>1519</v>
      </c>
      <c r="K1659" s="2" t="s">
        <v>1520</v>
      </c>
      <c r="L1659" s="5" t="s">
        <v>1519</v>
      </c>
      <c r="M1659" s="2" t="s">
        <v>1520</v>
      </c>
      <c r="N1659" s="5" t="s">
        <v>1521</v>
      </c>
      <c r="O1659" s="5" t="s">
        <v>38</v>
      </c>
      <c r="P1659" s="5" t="s">
        <v>39</v>
      </c>
      <c r="Q1659" s="5" t="s">
        <v>40</v>
      </c>
      <c r="R1659" s="5" t="s">
        <v>1522</v>
      </c>
      <c r="S1659" s="5" t="s">
        <v>1523</v>
      </c>
      <c r="T1659" s="5" t="s">
        <v>42</v>
      </c>
      <c r="U1659" s="2">
        <v>2.92</v>
      </c>
      <c r="V1659" s="2">
        <v>2.2869999999999999</v>
      </c>
      <c r="W1659" s="2">
        <v>0.02</v>
      </c>
      <c r="X1659" s="2">
        <v>159.1</v>
      </c>
      <c r="Y1659" s="2">
        <v>7.6</v>
      </c>
      <c r="Z1659" s="2">
        <v>16.7</v>
      </c>
      <c r="AA1659" s="5"/>
      <c r="AB1659" s="5" t="s">
        <v>43</v>
      </c>
      <c r="AC1659" s="5" t="s">
        <v>44</v>
      </c>
      <c r="AD1659" s="2"/>
      <c r="AE1659" s="1"/>
    </row>
    <row r="1660" spans="1:31" ht="14.45">
      <c r="A1660" s="11"/>
      <c r="B1660" s="20"/>
      <c r="C1660" s="2" t="s">
        <v>5401</v>
      </c>
      <c r="D1660" s="14" t="s">
        <v>5402</v>
      </c>
      <c r="E1660" s="2" t="s">
        <v>5403</v>
      </c>
      <c r="F1660" s="2" t="s">
        <v>1803</v>
      </c>
      <c r="G1660" s="8">
        <v>213</v>
      </c>
      <c r="H1660" s="5">
        <v>6</v>
      </c>
      <c r="I1660" s="5" t="s">
        <v>1518</v>
      </c>
      <c r="J1660" s="5" t="s">
        <v>1519</v>
      </c>
      <c r="K1660" s="2" t="s">
        <v>1520</v>
      </c>
      <c r="L1660" s="5" t="s">
        <v>1519</v>
      </c>
      <c r="M1660" s="2" t="s">
        <v>1520</v>
      </c>
      <c r="N1660" s="5" t="s">
        <v>1521</v>
      </c>
      <c r="O1660" s="5" t="s">
        <v>38</v>
      </c>
      <c r="P1660" s="5" t="s">
        <v>39</v>
      </c>
      <c r="Q1660" s="5" t="s">
        <v>40</v>
      </c>
      <c r="R1660" s="5" t="s">
        <v>1522</v>
      </c>
      <c r="S1660" s="5" t="s">
        <v>1523</v>
      </c>
      <c r="T1660" s="5" t="s">
        <v>42</v>
      </c>
      <c r="U1660" s="2">
        <v>2.9780000000000002</v>
      </c>
      <c r="V1660" s="2">
        <v>2.3450000000000002</v>
      </c>
      <c r="W1660" s="2">
        <v>0.02</v>
      </c>
      <c r="X1660" s="2">
        <v>159.1</v>
      </c>
      <c r="Y1660" s="2">
        <v>7.6</v>
      </c>
      <c r="Z1660" s="2">
        <v>16.7</v>
      </c>
      <c r="AA1660" s="5"/>
      <c r="AB1660" s="5" t="s">
        <v>43</v>
      </c>
      <c r="AC1660" s="5" t="s">
        <v>44</v>
      </c>
      <c r="AD1660" s="2"/>
      <c r="AE1660" s="1"/>
    </row>
    <row r="1661" spans="1:31" ht="14.45">
      <c r="A1661" s="11"/>
      <c r="B1661" s="20"/>
      <c r="C1661" s="2" t="s">
        <v>5404</v>
      </c>
      <c r="D1661" s="14" t="s">
        <v>5405</v>
      </c>
      <c r="E1661" s="2" t="s">
        <v>5406</v>
      </c>
      <c r="F1661" s="2" t="s">
        <v>1807</v>
      </c>
      <c r="G1661" s="8">
        <v>213</v>
      </c>
      <c r="H1661" s="5">
        <v>6</v>
      </c>
      <c r="I1661" s="5" t="s">
        <v>1518</v>
      </c>
      <c r="J1661" s="5" t="s">
        <v>1519</v>
      </c>
      <c r="K1661" s="2" t="s">
        <v>1520</v>
      </c>
      <c r="L1661" s="5" t="s">
        <v>1519</v>
      </c>
      <c r="M1661" s="2" t="s">
        <v>1520</v>
      </c>
      <c r="N1661" s="5" t="s">
        <v>1521</v>
      </c>
      <c r="O1661" s="5" t="s">
        <v>38</v>
      </c>
      <c r="P1661" s="5" t="s">
        <v>39</v>
      </c>
      <c r="Q1661" s="5" t="s">
        <v>40</v>
      </c>
      <c r="R1661" s="5" t="s">
        <v>1522</v>
      </c>
      <c r="S1661" s="5" t="s">
        <v>1523</v>
      </c>
      <c r="T1661" s="5" t="s">
        <v>42</v>
      </c>
      <c r="U1661" s="2">
        <v>2.92</v>
      </c>
      <c r="V1661" s="2">
        <v>2.2869999999999999</v>
      </c>
      <c r="W1661" s="2">
        <v>0.02</v>
      </c>
      <c r="X1661" s="2">
        <v>159.1</v>
      </c>
      <c r="Y1661" s="2">
        <v>7.6</v>
      </c>
      <c r="Z1661" s="2">
        <v>16.7</v>
      </c>
      <c r="AA1661" s="5"/>
      <c r="AB1661" s="5" t="s">
        <v>43</v>
      </c>
      <c r="AC1661" s="5" t="s">
        <v>44</v>
      </c>
      <c r="AD1661" s="2"/>
      <c r="AE1661" s="1"/>
    </row>
    <row r="1662" spans="1:31" ht="14.45">
      <c r="A1662" s="11"/>
      <c r="B1662" s="20"/>
      <c r="C1662" s="2" t="s">
        <v>5407</v>
      </c>
      <c r="D1662" s="14" t="s">
        <v>5408</v>
      </c>
      <c r="E1662" s="2" t="s">
        <v>5409</v>
      </c>
      <c r="F1662" s="2" t="s">
        <v>1811</v>
      </c>
      <c r="G1662" s="8">
        <v>213</v>
      </c>
      <c r="H1662" s="5">
        <v>6</v>
      </c>
      <c r="I1662" s="5" t="s">
        <v>1518</v>
      </c>
      <c r="J1662" s="5" t="s">
        <v>1519</v>
      </c>
      <c r="K1662" s="2" t="s">
        <v>1520</v>
      </c>
      <c r="L1662" s="5" t="s">
        <v>1519</v>
      </c>
      <c r="M1662" s="2" t="s">
        <v>1520</v>
      </c>
      <c r="N1662" s="5" t="s">
        <v>1521</v>
      </c>
      <c r="O1662" s="5" t="s">
        <v>38</v>
      </c>
      <c r="P1662" s="5" t="s">
        <v>39</v>
      </c>
      <c r="Q1662" s="5" t="s">
        <v>40</v>
      </c>
      <c r="R1662" s="5" t="s">
        <v>1522</v>
      </c>
      <c r="S1662" s="5" t="s">
        <v>1523</v>
      </c>
      <c r="T1662" s="5" t="s">
        <v>42</v>
      </c>
      <c r="U1662" s="2">
        <v>2.9780000000000002</v>
      </c>
      <c r="V1662" s="2">
        <v>2.3450000000000002</v>
      </c>
      <c r="W1662" s="2">
        <v>0.02</v>
      </c>
      <c r="X1662" s="2">
        <v>159.1</v>
      </c>
      <c r="Y1662" s="2">
        <v>7.6</v>
      </c>
      <c r="Z1662" s="2">
        <v>16.7</v>
      </c>
      <c r="AA1662" s="5"/>
      <c r="AB1662" s="5" t="s">
        <v>43</v>
      </c>
      <c r="AC1662" s="5" t="s">
        <v>44</v>
      </c>
      <c r="AD1662" s="2"/>
      <c r="AE1662" s="1"/>
    </row>
    <row r="1663" spans="1:31" ht="14.45">
      <c r="A1663" s="11"/>
      <c r="B1663" s="20"/>
      <c r="C1663" s="2" t="s">
        <v>5410</v>
      </c>
      <c r="D1663" s="14" t="s">
        <v>5411</v>
      </c>
      <c r="E1663" s="2" t="s">
        <v>5412</v>
      </c>
      <c r="F1663" s="2" t="s">
        <v>1815</v>
      </c>
      <c r="G1663" s="8">
        <v>213</v>
      </c>
      <c r="H1663" s="5">
        <v>6</v>
      </c>
      <c r="I1663" s="5" t="s">
        <v>1518</v>
      </c>
      <c r="J1663" s="5" t="s">
        <v>1519</v>
      </c>
      <c r="K1663" s="2" t="s">
        <v>1520</v>
      </c>
      <c r="L1663" s="5" t="s">
        <v>1519</v>
      </c>
      <c r="M1663" s="2" t="s">
        <v>1520</v>
      </c>
      <c r="N1663" s="5" t="s">
        <v>1521</v>
      </c>
      <c r="O1663" s="5" t="s">
        <v>38</v>
      </c>
      <c r="P1663" s="5" t="s">
        <v>39</v>
      </c>
      <c r="Q1663" s="5" t="s">
        <v>40</v>
      </c>
      <c r="R1663" s="5" t="s">
        <v>1522</v>
      </c>
      <c r="S1663" s="5" t="s">
        <v>1523</v>
      </c>
      <c r="T1663" s="5" t="s">
        <v>42</v>
      </c>
      <c r="U1663" s="2">
        <v>2.887</v>
      </c>
      <c r="V1663" s="2">
        <v>2.254</v>
      </c>
      <c r="W1663" s="2">
        <v>0.02</v>
      </c>
      <c r="X1663" s="2">
        <v>159.1</v>
      </c>
      <c r="Y1663" s="2">
        <v>7.6</v>
      </c>
      <c r="Z1663" s="2">
        <v>16.7</v>
      </c>
      <c r="AA1663" s="5"/>
      <c r="AB1663" s="5" t="s">
        <v>43</v>
      </c>
      <c r="AC1663" s="5" t="s">
        <v>44</v>
      </c>
      <c r="AD1663" s="2"/>
      <c r="AE1663" s="1"/>
    </row>
    <row r="1664" spans="1:31" ht="14.45">
      <c r="A1664" s="11"/>
      <c r="B1664" s="20"/>
      <c r="C1664" s="2" t="s">
        <v>5413</v>
      </c>
      <c r="D1664" s="14" t="s">
        <v>5414</v>
      </c>
      <c r="E1664" s="2" t="s">
        <v>5415</v>
      </c>
      <c r="F1664" s="2" t="s">
        <v>1819</v>
      </c>
      <c r="G1664" s="8">
        <v>213</v>
      </c>
      <c r="H1664" s="5">
        <v>6</v>
      </c>
      <c r="I1664" s="5" t="s">
        <v>1518</v>
      </c>
      <c r="J1664" s="5" t="s">
        <v>1519</v>
      </c>
      <c r="K1664" s="2" t="s">
        <v>1520</v>
      </c>
      <c r="L1664" s="5" t="s">
        <v>1519</v>
      </c>
      <c r="M1664" s="2" t="s">
        <v>1520</v>
      </c>
      <c r="N1664" s="5" t="s">
        <v>1521</v>
      </c>
      <c r="O1664" s="5" t="s">
        <v>38</v>
      </c>
      <c r="P1664" s="5" t="s">
        <v>39</v>
      </c>
      <c r="Q1664" s="5" t="s">
        <v>40</v>
      </c>
      <c r="R1664" s="5" t="s">
        <v>1522</v>
      </c>
      <c r="S1664" s="5" t="s">
        <v>1523</v>
      </c>
      <c r="T1664" s="5" t="s">
        <v>42</v>
      </c>
      <c r="U1664" s="2">
        <v>2.9449999999999998</v>
      </c>
      <c r="V1664" s="2">
        <v>2.3119999999999998</v>
      </c>
      <c r="W1664" s="2">
        <v>0.02</v>
      </c>
      <c r="X1664" s="2">
        <v>159.1</v>
      </c>
      <c r="Y1664" s="2">
        <v>7.6</v>
      </c>
      <c r="Z1664" s="2">
        <v>16.7</v>
      </c>
      <c r="AA1664" s="5"/>
      <c r="AB1664" s="5" t="s">
        <v>43</v>
      </c>
      <c r="AC1664" s="5" t="s">
        <v>44</v>
      </c>
      <c r="AD1664" s="2"/>
      <c r="AE1664" s="1"/>
    </row>
    <row r="1665" spans="1:31" ht="14.45">
      <c r="A1665" s="11"/>
      <c r="B1665" s="20"/>
      <c r="C1665" s="2" t="s">
        <v>5416</v>
      </c>
      <c r="D1665" s="14" t="s">
        <v>5417</v>
      </c>
      <c r="E1665" s="2" t="s">
        <v>5418</v>
      </c>
      <c r="F1665" s="2" t="s">
        <v>1823</v>
      </c>
      <c r="G1665" s="8">
        <v>213</v>
      </c>
      <c r="H1665" s="5">
        <v>18</v>
      </c>
      <c r="I1665" s="5" t="s">
        <v>1518</v>
      </c>
      <c r="J1665" s="5" t="s">
        <v>1519</v>
      </c>
      <c r="K1665" s="2" t="s">
        <v>1520</v>
      </c>
      <c r="L1665" s="5" t="s">
        <v>1519</v>
      </c>
      <c r="M1665" s="2" t="s">
        <v>1520</v>
      </c>
      <c r="N1665" s="5" t="s">
        <v>1521</v>
      </c>
      <c r="O1665" s="5" t="s">
        <v>38</v>
      </c>
      <c r="P1665" s="5" t="s">
        <v>39</v>
      </c>
      <c r="Q1665" s="5" t="s">
        <v>40</v>
      </c>
      <c r="R1665" s="5" t="s">
        <v>1522</v>
      </c>
      <c r="S1665" s="5" t="s">
        <v>1523</v>
      </c>
      <c r="T1665" s="5" t="s">
        <v>42</v>
      </c>
      <c r="U1665" s="2">
        <v>2.9460000000000002</v>
      </c>
      <c r="V1665" s="2">
        <v>2.3130000000000002</v>
      </c>
      <c r="W1665" s="2">
        <v>0.02</v>
      </c>
      <c r="X1665" s="2">
        <v>159.1</v>
      </c>
      <c r="Y1665" s="2">
        <v>7.6</v>
      </c>
      <c r="Z1665" s="2">
        <v>16.7</v>
      </c>
      <c r="AA1665" s="5"/>
      <c r="AB1665" s="5" t="s">
        <v>43</v>
      </c>
      <c r="AC1665" s="5" t="s">
        <v>44</v>
      </c>
      <c r="AD1665" s="2"/>
      <c r="AE1665" s="1"/>
    </row>
    <row r="1666" spans="1:31" ht="14.45">
      <c r="A1666" s="11"/>
      <c r="B1666" s="20"/>
      <c r="C1666" s="2" t="s">
        <v>5419</v>
      </c>
      <c r="D1666" s="14" t="s">
        <v>5420</v>
      </c>
      <c r="E1666" s="2" t="s">
        <v>5421</v>
      </c>
      <c r="F1666" s="2" t="s">
        <v>1827</v>
      </c>
      <c r="G1666" s="8">
        <v>213</v>
      </c>
      <c r="H1666" s="5">
        <v>18</v>
      </c>
      <c r="I1666" s="5" t="s">
        <v>1518</v>
      </c>
      <c r="J1666" s="5" t="s">
        <v>1519</v>
      </c>
      <c r="K1666" s="2" t="s">
        <v>1520</v>
      </c>
      <c r="L1666" s="5" t="s">
        <v>1519</v>
      </c>
      <c r="M1666" s="2" t="s">
        <v>1520</v>
      </c>
      <c r="N1666" s="5" t="s">
        <v>1521</v>
      </c>
      <c r="O1666" s="5" t="s">
        <v>38</v>
      </c>
      <c r="P1666" s="5" t="s">
        <v>39</v>
      </c>
      <c r="Q1666" s="5" t="s">
        <v>40</v>
      </c>
      <c r="R1666" s="5" t="s">
        <v>1522</v>
      </c>
      <c r="S1666" s="5" t="s">
        <v>1523</v>
      </c>
      <c r="T1666" s="5" t="s">
        <v>42</v>
      </c>
      <c r="U1666" s="2">
        <v>3.004</v>
      </c>
      <c r="V1666" s="2">
        <v>2.371</v>
      </c>
      <c r="W1666" s="2">
        <v>0.02</v>
      </c>
      <c r="X1666" s="2">
        <v>159.1</v>
      </c>
      <c r="Y1666" s="2">
        <v>7.6</v>
      </c>
      <c r="Z1666" s="2">
        <v>16.7</v>
      </c>
      <c r="AA1666" s="5"/>
      <c r="AB1666" s="5" t="s">
        <v>43</v>
      </c>
      <c r="AC1666" s="5" t="s">
        <v>44</v>
      </c>
      <c r="AD1666" s="2"/>
      <c r="AE1666" s="1"/>
    </row>
    <row r="1667" spans="1:31" ht="14.45">
      <c r="A1667" s="11"/>
      <c r="B1667" s="20"/>
      <c r="C1667" s="2" t="s">
        <v>5422</v>
      </c>
      <c r="D1667" s="14" t="s">
        <v>5423</v>
      </c>
      <c r="E1667" s="2" t="s">
        <v>5424</v>
      </c>
      <c r="F1667" s="2" t="s">
        <v>1973</v>
      </c>
      <c r="G1667" s="8">
        <v>213</v>
      </c>
      <c r="H1667" s="5">
        <v>18</v>
      </c>
      <c r="I1667" s="5" t="s">
        <v>1518</v>
      </c>
      <c r="J1667" s="5" t="s">
        <v>1519</v>
      </c>
      <c r="K1667" s="2" t="s">
        <v>1520</v>
      </c>
      <c r="L1667" s="5" t="s">
        <v>1519</v>
      </c>
      <c r="M1667" s="2" t="s">
        <v>1520</v>
      </c>
      <c r="N1667" s="5" t="s">
        <v>1521</v>
      </c>
      <c r="O1667" s="5" t="s">
        <v>38</v>
      </c>
      <c r="P1667" s="5" t="s">
        <v>39</v>
      </c>
      <c r="Q1667" s="5" t="s">
        <v>40</v>
      </c>
      <c r="R1667" s="5" t="s">
        <v>1522</v>
      </c>
      <c r="S1667" s="5" t="s">
        <v>1523</v>
      </c>
      <c r="T1667" s="5" t="s">
        <v>42</v>
      </c>
      <c r="U1667" s="2">
        <v>2.956</v>
      </c>
      <c r="V1667" s="2">
        <v>2.323</v>
      </c>
      <c r="W1667" s="2">
        <v>0.02</v>
      </c>
      <c r="X1667" s="2">
        <v>159.1</v>
      </c>
      <c r="Y1667" s="2">
        <v>7.6</v>
      </c>
      <c r="Z1667" s="2">
        <v>16.7</v>
      </c>
      <c r="AA1667" s="5"/>
      <c r="AB1667" s="5" t="s">
        <v>43</v>
      </c>
      <c r="AC1667" s="5" t="s">
        <v>44</v>
      </c>
      <c r="AD1667" s="2"/>
      <c r="AE1667" s="1"/>
    </row>
    <row r="1668" spans="1:31" ht="14.45">
      <c r="A1668" s="11"/>
      <c r="B1668" s="20"/>
      <c r="C1668" s="2" t="s">
        <v>5425</v>
      </c>
      <c r="D1668" s="14" t="s">
        <v>5426</v>
      </c>
      <c r="E1668" s="2" t="s">
        <v>5427</v>
      </c>
      <c r="F1668" s="2" t="s">
        <v>2348</v>
      </c>
      <c r="G1668" s="8">
        <v>213</v>
      </c>
      <c r="H1668" s="5">
        <v>18</v>
      </c>
      <c r="I1668" s="5" t="s">
        <v>1518</v>
      </c>
      <c r="J1668" s="5" t="s">
        <v>1519</v>
      </c>
      <c r="K1668" s="2" t="s">
        <v>1520</v>
      </c>
      <c r="L1668" s="5" t="s">
        <v>1519</v>
      </c>
      <c r="M1668" s="2" t="s">
        <v>1520</v>
      </c>
      <c r="N1668" s="5" t="s">
        <v>1521</v>
      </c>
      <c r="O1668" s="5" t="s">
        <v>38</v>
      </c>
      <c r="P1668" s="5" t="s">
        <v>39</v>
      </c>
      <c r="Q1668" s="5" t="s">
        <v>40</v>
      </c>
      <c r="R1668" s="5" t="s">
        <v>1522</v>
      </c>
      <c r="S1668" s="5" t="s">
        <v>1523</v>
      </c>
      <c r="T1668" s="5" t="s">
        <v>42</v>
      </c>
      <c r="U1668" s="2">
        <v>3.0139999999999998</v>
      </c>
      <c r="V1668" s="2">
        <v>2.3809999999999998</v>
      </c>
      <c r="W1668" s="2">
        <v>0.02</v>
      </c>
      <c r="X1668" s="2">
        <v>159.1</v>
      </c>
      <c r="Y1668" s="2">
        <v>7.6</v>
      </c>
      <c r="Z1668" s="2">
        <v>16.7</v>
      </c>
      <c r="AA1668" s="5"/>
      <c r="AB1668" s="5" t="s">
        <v>43</v>
      </c>
      <c r="AC1668" s="5" t="s">
        <v>44</v>
      </c>
      <c r="AD1668" s="2"/>
      <c r="AE1668" s="1"/>
    </row>
    <row r="1669" spans="1:31" ht="14.45">
      <c r="A1669" s="11"/>
      <c r="B1669" s="20"/>
      <c r="C1669" s="2" t="s">
        <v>5428</v>
      </c>
      <c r="D1669" s="14" t="s">
        <v>5429</v>
      </c>
      <c r="E1669" s="2" t="s">
        <v>5430</v>
      </c>
      <c r="F1669" s="2" t="s">
        <v>2208</v>
      </c>
      <c r="G1669" s="8">
        <v>213</v>
      </c>
      <c r="H1669" s="5">
        <v>18</v>
      </c>
      <c r="I1669" s="5" t="s">
        <v>1518</v>
      </c>
      <c r="J1669" s="5" t="s">
        <v>1519</v>
      </c>
      <c r="K1669" s="2" t="s">
        <v>1520</v>
      </c>
      <c r="L1669" s="5" t="s">
        <v>1519</v>
      </c>
      <c r="M1669" s="2" t="s">
        <v>1520</v>
      </c>
      <c r="N1669" s="5" t="s">
        <v>1521</v>
      </c>
      <c r="O1669" s="5" t="s">
        <v>38</v>
      </c>
      <c r="P1669" s="5" t="s">
        <v>39</v>
      </c>
      <c r="Q1669" s="5" t="s">
        <v>40</v>
      </c>
      <c r="R1669" s="5" t="s">
        <v>1522</v>
      </c>
      <c r="S1669" s="5" t="s">
        <v>1523</v>
      </c>
      <c r="T1669" s="5" t="s">
        <v>42</v>
      </c>
      <c r="U1669" s="2">
        <v>2.956</v>
      </c>
      <c r="V1669" s="2">
        <v>2.323</v>
      </c>
      <c r="W1669" s="2">
        <v>0.02</v>
      </c>
      <c r="X1669" s="2">
        <v>159.1</v>
      </c>
      <c r="Y1669" s="2">
        <v>7.6</v>
      </c>
      <c r="Z1669" s="2">
        <v>16.7</v>
      </c>
      <c r="AA1669" s="5"/>
      <c r="AB1669" s="5" t="s">
        <v>43</v>
      </c>
      <c r="AC1669" s="5" t="s">
        <v>44</v>
      </c>
      <c r="AD1669" s="2"/>
      <c r="AE1669" s="1"/>
    </row>
    <row r="1670" spans="1:31" ht="14.45">
      <c r="A1670" s="11"/>
      <c r="B1670" s="20"/>
      <c r="C1670" s="2" t="s">
        <v>5431</v>
      </c>
      <c r="D1670" s="14" t="s">
        <v>5432</v>
      </c>
      <c r="E1670" s="2" t="s">
        <v>5433</v>
      </c>
      <c r="F1670" s="2" t="s">
        <v>2212</v>
      </c>
      <c r="G1670" s="8">
        <v>213</v>
      </c>
      <c r="H1670" s="5">
        <v>18</v>
      </c>
      <c r="I1670" s="5" t="s">
        <v>1518</v>
      </c>
      <c r="J1670" s="5" t="s">
        <v>1519</v>
      </c>
      <c r="K1670" s="2" t="s">
        <v>1520</v>
      </c>
      <c r="L1670" s="5" t="s">
        <v>1519</v>
      </c>
      <c r="M1670" s="2" t="s">
        <v>1520</v>
      </c>
      <c r="N1670" s="5" t="s">
        <v>1521</v>
      </c>
      <c r="O1670" s="5" t="s">
        <v>38</v>
      </c>
      <c r="P1670" s="5" t="s">
        <v>39</v>
      </c>
      <c r="Q1670" s="5" t="s">
        <v>40</v>
      </c>
      <c r="R1670" s="5" t="s">
        <v>1522</v>
      </c>
      <c r="S1670" s="5" t="s">
        <v>1523</v>
      </c>
      <c r="T1670" s="5" t="s">
        <v>42</v>
      </c>
      <c r="U1670" s="2">
        <v>3.0139999999999998</v>
      </c>
      <c r="V1670" s="2">
        <v>2.3809999999999998</v>
      </c>
      <c r="W1670" s="2">
        <v>0.02</v>
      </c>
      <c r="X1670" s="2">
        <v>159.1</v>
      </c>
      <c r="Y1670" s="2">
        <v>7.6</v>
      </c>
      <c r="Z1670" s="2">
        <v>16.7</v>
      </c>
      <c r="AA1670" s="5"/>
      <c r="AB1670" s="5" t="s">
        <v>43</v>
      </c>
      <c r="AC1670" s="5" t="s">
        <v>44</v>
      </c>
      <c r="AD1670" s="2"/>
      <c r="AE1670" s="1"/>
    </row>
    <row r="1671" spans="1:31" ht="14.45">
      <c r="A1671" s="11"/>
      <c r="B1671" s="20"/>
      <c r="C1671" s="2" t="s">
        <v>5434</v>
      </c>
      <c r="D1671" s="14" t="s">
        <v>5435</v>
      </c>
      <c r="E1671" s="2" t="s">
        <v>5436</v>
      </c>
      <c r="F1671" s="2" t="s">
        <v>1831</v>
      </c>
      <c r="G1671" s="8">
        <v>213</v>
      </c>
      <c r="H1671" s="5">
        <v>18</v>
      </c>
      <c r="I1671" s="5" t="s">
        <v>1518</v>
      </c>
      <c r="J1671" s="5" t="s">
        <v>1519</v>
      </c>
      <c r="K1671" s="2" t="s">
        <v>1520</v>
      </c>
      <c r="L1671" s="5" t="s">
        <v>1519</v>
      </c>
      <c r="M1671" s="2" t="s">
        <v>1520</v>
      </c>
      <c r="N1671" s="5" t="s">
        <v>1521</v>
      </c>
      <c r="O1671" s="5" t="s">
        <v>38</v>
      </c>
      <c r="P1671" s="5" t="s">
        <v>39</v>
      </c>
      <c r="Q1671" s="5" t="s">
        <v>40</v>
      </c>
      <c r="R1671" s="5" t="s">
        <v>1522</v>
      </c>
      <c r="S1671" s="5" t="s">
        <v>1523</v>
      </c>
      <c r="T1671" s="5" t="s">
        <v>42</v>
      </c>
      <c r="U1671" s="2">
        <v>2.956</v>
      </c>
      <c r="V1671" s="2">
        <v>2.323</v>
      </c>
      <c r="W1671" s="2">
        <v>0.02</v>
      </c>
      <c r="X1671" s="2">
        <v>159.1</v>
      </c>
      <c r="Y1671" s="2">
        <v>7.6</v>
      </c>
      <c r="Z1671" s="2">
        <v>16.7</v>
      </c>
      <c r="AA1671" s="5"/>
      <c r="AB1671" s="5" t="s">
        <v>43</v>
      </c>
      <c r="AC1671" s="5" t="s">
        <v>44</v>
      </c>
      <c r="AD1671" s="2"/>
      <c r="AE1671" s="1"/>
    </row>
    <row r="1672" spans="1:31" ht="14.45">
      <c r="A1672" s="11"/>
      <c r="B1672" s="20"/>
      <c r="C1672" s="2" t="s">
        <v>5437</v>
      </c>
      <c r="D1672" s="14" t="s">
        <v>5438</v>
      </c>
      <c r="E1672" s="2" t="s">
        <v>5439</v>
      </c>
      <c r="F1672" s="2" t="s">
        <v>1835</v>
      </c>
      <c r="G1672" s="8">
        <v>213</v>
      </c>
      <c r="H1672" s="5">
        <v>18</v>
      </c>
      <c r="I1672" s="5" t="s">
        <v>1518</v>
      </c>
      <c r="J1672" s="5" t="s">
        <v>1519</v>
      </c>
      <c r="K1672" s="2" t="s">
        <v>1520</v>
      </c>
      <c r="L1672" s="5" t="s">
        <v>1519</v>
      </c>
      <c r="M1672" s="2" t="s">
        <v>1520</v>
      </c>
      <c r="N1672" s="5" t="s">
        <v>1521</v>
      </c>
      <c r="O1672" s="5" t="s">
        <v>38</v>
      </c>
      <c r="P1672" s="5" t="s">
        <v>39</v>
      </c>
      <c r="Q1672" s="5" t="s">
        <v>40</v>
      </c>
      <c r="R1672" s="5" t="s">
        <v>1522</v>
      </c>
      <c r="S1672" s="5" t="s">
        <v>1523</v>
      </c>
      <c r="T1672" s="5" t="s">
        <v>42</v>
      </c>
      <c r="U1672" s="2">
        <v>3.0139999999999998</v>
      </c>
      <c r="V1672" s="2">
        <v>2.3809999999999998</v>
      </c>
      <c r="W1672" s="2">
        <v>0.02</v>
      </c>
      <c r="X1672" s="2">
        <v>159.1</v>
      </c>
      <c r="Y1672" s="2">
        <v>7.6</v>
      </c>
      <c r="Z1672" s="2">
        <v>16.7</v>
      </c>
      <c r="AA1672" s="5"/>
      <c r="AB1672" s="5" t="s">
        <v>43</v>
      </c>
      <c r="AC1672" s="5" t="s">
        <v>44</v>
      </c>
      <c r="AD1672" s="2"/>
      <c r="AE1672" s="1"/>
    </row>
    <row r="1673" spans="1:31" ht="14.45">
      <c r="A1673" s="11"/>
      <c r="B1673" s="20"/>
      <c r="C1673" s="2" t="s">
        <v>5440</v>
      </c>
      <c r="D1673" s="14" t="s">
        <v>5441</v>
      </c>
      <c r="E1673" s="2" t="s">
        <v>5442</v>
      </c>
      <c r="F1673" s="2" t="s">
        <v>1986</v>
      </c>
      <c r="G1673" s="8">
        <v>213</v>
      </c>
      <c r="H1673" s="5">
        <v>18</v>
      </c>
      <c r="I1673" s="5" t="s">
        <v>1518</v>
      </c>
      <c r="J1673" s="5" t="s">
        <v>1519</v>
      </c>
      <c r="K1673" s="2" t="s">
        <v>1520</v>
      </c>
      <c r="L1673" s="5" t="s">
        <v>1519</v>
      </c>
      <c r="M1673" s="2" t="s">
        <v>1520</v>
      </c>
      <c r="N1673" s="5" t="s">
        <v>1521</v>
      </c>
      <c r="O1673" s="5" t="s">
        <v>38</v>
      </c>
      <c r="P1673" s="5" t="s">
        <v>39</v>
      </c>
      <c r="Q1673" s="5" t="s">
        <v>40</v>
      </c>
      <c r="R1673" s="5" t="s">
        <v>1522</v>
      </c>
      <c r="S1673" s="5" t="s">
        <v>1523</v>
      </c>
      <c r="T1673" s="5" t="s">
        <v>42</v>
      </c>
      <c r="U1673" s="2">
        <v>3.0139999999999998</v>
      </c>
      <c r="V1673" s="2">
        <v>2.3809999999999998</v>
      </c>
      <c r="W1673" s="2">
        <v>0.02</v>
      </c>
      <c r="X1673" s="2">
        <v>159.1</v>
      </c>
      <c r="Y1673" s="2">
        <v>7.6</v>
      </c>
      <c r="Z1673" s="2">
        <v>16.7</v>
      </c>
      <c r="AA1673" s="5"/>
      <c r="AB1673" s="5" t="s">
        <v>43</v>
      </c>
      <c r="AC1673" s="5" t="s">
        <v>44</v>
      </c>
      <c r="AD1673" s="2"/>
      <c r="AE1673" s="1"/>
    </row>
    <row r="1674" spans="1:31" ht="14.45">
      <c r="A1674" s="11"/>
      <c r="B1674" s="20"/>
      <c r="C1674" s="2" t="s">
        <v>5443</v>
      </c>
      <c r="D1674" s="14" t="s">
        <v>5444</v>
      </c>
      <c r="E1674" s="2" t="s">
        <v>5445</v>
      </c>
      <c r="F1674" s="2" t="s">
        <v>1843</v>
      </c>
      <c r="G1674" s="8">
        <v>213</v>
      </c>
      <c r="H1674" s="5">
        <v>18</v>
      </c>
      <c r="I1674" s="5" t="s">
        <v>1518</v>
      </c>
      <c r="J1674" s="5" t="s">
        <v>1519</v>
      </c>
      <c r="K1674" s="2" t="s">
        <v>1520</v>
      </c>
      <c r="L1674" s="5" t="s">
        <v>1519</v>
      </c>
      <c r="M1674" s="2" t="s">
        <v>1520</v>
      </c>
      <c r="N1674" s="5" t="s">
        <v>1521</v>
      </c>
      <c r="O1674" s="5" t="s">
        <v>38</v>
      </c>
      <c r="P1674" s="5" t="s">
        <v>39</v>
      </c>
      <c r="Q1674" s="5" t="s">
        <v>40</v>
      </c>
      <c r="R1674" s="5" t="s">
        <v>1522</v>
      </c>
      <c r="S1674" s="5" t="s">
        <v>1523</v>
      </c>
      <c r="T1674" s="5" t="s">
        <v>42</v>
      </c>
      <c r="U1674" s="2">
        <v>2.956</v>
      </c>
      <c r="V1674" s="2">
        <v>2.323</v>
      </c>
      <c r="W1674" s="2">
        <v>0.02</v>
      </c>
      <c r="X1674" s="2">
        <v>159.1</v>
      </c>
      <c r="Y1674" s="2">
        <v>7.6</v>
      </c>
      <c r="Z1674" s="2">
        <v>16.7</v>
      </c>
      <c r="AA1674" s="5"/>
      <c r="AB1674" s="5" t="s">
        <v>43</v>
      </c>
      <c r="AC1674" s="5" t="s">
        <v>44</v>
      </c>
      <c r="AD1674" s="2"/>
      <c r="AE1674" s="1"/>
    </row>
    <row r="1675" spans="1:31" ht="14.45">
      <c r="A1675" s="11"/>
      <c r="B1675" s="20"/>
      <c r="C1675" s="2" t="s">
        <v>5446</v>
      </c>
      <c r="D1675" s="14" t="s">
        <v>5447</v>
      </c>
      <c r="E1675" s="2" t="s">
        <v>5448</v>
      </c>
      <c r="F1675" s="2" t="s">
        <v>1847</v>
      </c>
      <c r="G1675" s="8">
        <v>213</v>
      </c>
      <c r="H1675" s="5">
        <v>18</v>
      </c>
      <c r="I1675" s="5" t="s">
        <v>1518</v>
      </c>
      <c r="J1675" s="5" t="s">
        <v>1519</v>
      </c>
      <c r="K1675" s="2" t="s">
        <v>1520</v>
      </c>
      <c r="L1675" s="5" t="s">
        <v>1519</v>
      </c>
      <c r="M1675" s="2" t="s">
        <v>1520</v>
      </c>
      <c r="N1675" s="5" t="s">
        <v>1521</v>
      </c>
      <c r="O1675" s="5" t="s">
        <v>38</v>
      </c>
      <c r="P1675" s="5" t="s">
        <v>39</v>
      </c>
      <c r="Q1675" s="5" t="s">
        <v>40</v>
      </c>
      <c r="R1675" s="5" t="s">
        <v>1522</v>
      </c>
      <c r="S1675" s="5" t="s">
        <v>1523</v>
      </c>
      <c r="T1675" s="5" t="s">
        <v>42</v>
      </c>
      <c r="U1675" s="2">
        <v>3.0139999999999998</v>
      </c>
      <c r="V1675" s="2">
        <v>2.3809999999999998</v>
      </c>
      <c r="W1675" s="2">
        <v>0.02</v>
      </c>
      <c r="X1675" s="2">
        <v>159.1</v>
      </c>
      <c r="Y1675" s="2">
        <v>7.6</v>
      </c>
      <c r="Z1675" s="2">
        <v>16.7</v>
      </c>
      <c r="AA1675" s="5"/>
      <c r="AB1675" s="5" t="s">
        <v>43</v>
      </c>
      <c r="AC1675" s="5" t="s">
        <v>44</v>
      </c>
      <c r="AD1675" s="2"/>
      <c r="AE1675" s="1"/>
    </row>
    <row r="1676" spans="1:31" ht="14.45">
      <c r="A1676" s="11"/>
      <c r="B1676" s="20"/>
      <c r="C1676" s="2" t="s">
        <v>5449</v>
      </c>
      <c r="D1676" s="14" t="s">
        <v>5450</v>
      </c>
      <c r="E1676" s="2" t="s">
        <v>5451</v>
      </c>
      <c r="F1676" s="2" t="s">
        <v>1851</v>
      </c>
      <c r="G1676" s="8">
        <v>213</v>
      </c>
      <c r="H1676" s="5">
        <v>18</v>
      </c>
      <c r="I1676" s="5" t="s">
        <v>1518</v>
      </c>
      <c r="J1676" s="5" t="s">
        <v>1519</v>
      </c>
      <c r="K1676" s="2" t="s">
        <v>1520</v>
      </c>
      <c r="L1676" s="5" t="s">
        <v>1519</v>
      </c>
      <c r="M1676" s="2" t="s">
        <v>1520</v>
      </c>
      <c r="N1676" s="5" t="s">
        <v>1521</v>
      </c>
      <c r="O1676" s="5" t="s">
        <v>38</v>
      </c>
      <c r="P1676" s="5" t="s">
        <v>39</v>
      </c>
      <c r="Q1676" s="5" t="s">
        <v>40</v>
      </c>
      <c r="R1676" s="5" t="s">
        <v>1522</v>
      </c>
      <c r="S1676" s="5" t="s">
        <v>1523</v>
      </c>
      <c r="T1676" s="5" t="s">
        <v>42</v>
      </c>
      <c r="U1676" s="2">
        <v>2.956</v>
      </c>
      <c r="V1676" s="2">
        <v>2.323</v>
      </c>
      <c r="W1676" s="2">
        <v>0.02</v>
      </c>
      <c r="X1676" s="2">
        <v>159.1</v>
      </c>
      <c r="Y1676" s="2">
        <v>7.6</v>
      </c>
      <c r="Z1676" s="2">
        <v>16.7</v>
      </c>
      <c r="AA1676" s="5"/>
      <c r="AB1676" s="5" t="s">
        <v>43</v>
      </c>
      <c r="AC1676" s="5" t="s">
        <v>44</v>
      </c>
      <c r="AD1676" s="2"/>
      <c r="AE1676" s="1"/>
    </row>
    <row r="1677" spans="1:31" ht="14.45">
      <c r="A1677" s="11"/>
      <c r="B1677" s="20"/>
      <c r="C1677" s="2" t="s">
        <v>5452</v>
      </c>
      <c r="D1677" s="14" t="s">
        <v>5453</v>
      </c>
      <c r="E1677" s="2" t="s">
        <v>5454</v>
      </c>
      <c r="F1677" s="2" t="s">
        <v>1855</v>
      </c>
      <c r="G1677" s="8">
        <v>213</v>
      </c>
      <c r="H1677" s="5">
        <v>18</v>
      </c>
      <c r="I1677" s="5" t="s">
        <v>1518</v>
      </c>
      <c r="J1677" s="5" t="s">
        <v>1519</v>
      </c>
      <c r="K1677" s="2" t="s">
        <v>1520</v>
      </c>
      <c r="L1677" s="5" t="s">
        <v>1519</v>
      </c>
      <c r="M1677" s="2" t="s">
        <v>1520</v>
      </c>
      <c r="N1677" s="5" t="s">
        <v>1521</v>
      </c>
      <c r="O1677" s="5" t="s">
        <v>38</v>
      </c>
      <c r="P1677" s="5" t="s">
        <v>39</v>
      </c>
      <c r="Q1677" s="5" t="s">
        <v>40</v>
      </c>
      <c r="R1677" s="5" t="s">
        <v>1522</v>
      </c>
      <c r="S1677" s="5" t="s">
        <v>1523</v>
      </c>
      <c r="T1677" s="5" t="s">
        <v>42</v>
      </c>
      <c r="U1677" s="2">
        <v>2.956</v>
      </c>
      <c r="V1677" s="2">
        <v>2.323</v>
      </c>
      <c r="W1677" s="2">
        <v>0.02</v>
      </c>
      <c r="X1677" s="2">
        <v>159.1</v>
      </c>
      <c r="Y1677" s="2">
        <v>7.6</v>
      </c>
      <c r="Z1677" s="2">
        <v>16.7</v>
      </c>
      <c r="AA1677" s="5"/>
      <c r="AB1677" s="5" t="s">
        <v>43</v>
      </c>
      <c r="AC1677" s="5" t="s">
        <v>44</v>
      </c>
      <c r="AD1677" s="2"/>
      <c r="AE1677" s="1"/>
    </row>
    <row r="1678" spans="1:31" ht="14.45">
      <c r="A1678" s="11"/>
      <c r="B1678" s="20"/>
      <c r="C1678" s="2" t="s">
        <v>5455</v>
      </c>
      <c r="D1678" s="14" t="s">
        <v>5456</v>
      </c>
      <c r="E1678" s="2" t="s">
        <v>5457</v>
      </c>
      <c r="F1678" s="2" t="s">
        <v>1859</v>
      </c>
      <c r="G1678" s="8">
        <v>213</v>
      </c>
      <c r="H1678" s="5">
        <v>18</v>
      </c>
      <c r="I1678" s="5" t="s">
        <v>1518</v>
      </c>
      <c r="J1678" s="5" t="s">
        <v>1519</v>
      </c>
      <c r="K1678" s="2" t="s">
        <v>1520</v>
      </c>
      <c r="L1678" s="5" t="s">
        <v>1519</v>
      </c>
      <c r="M1678" s="2" t="s">
        <v>1520</v>
      </c>
      <c r="N1678" s="5" t="s">
        <v>1521</v>
      </c>
      <c r="O1678" s="5" t="s">
        <v>38</v>
      </c>
      <c r="P1678" s="5" t="s">
        <v>39</v>
      </c>
      <c r="Q1678" s="5" t="s">
        <v>40</v>
      </c>
      <c r="R1678" s="5" t="s">
        <v>1522</v>
      </c>
      <c r="S1678" s="5" t="s">
        <v>1523</v>
      </c>
      <c r="T1678" s="5" t="s">
        <v>42</v>
      </c>
      <c r="U1678" s="2">
        <v>3.0139999999999998</v>
      </c>
      <c r="V1678" s="2">
        <v>2.3809999999999998</v>
      </c>
      <c r="W1678" s="2">
        <v>0.02</v>
      </c>
      <c r="X1678" s="2">
        <v>159.1</v>
      </c>
      <c r="Y1678" s="2">
        <v>7.6</v>
      </c>
      <c r="Z1678" s="2">
        <v>16.7</v>
      </c>
      <c r="AA1678" s="5"/>
      <c r="AB1678" s="5" t="s">
        <v>43</v>
      </c>
      <c r="AC1678" s="5" t="s">
        <v>44</v>
      </c>
      <c r="AD1678" s="2"/>
      <c r="AE1678" s="1"/>
    </row>
    <row r="1679" spans="1:31" ht="14.45">
      <c r="A1679" s="11"/>
      <c r="B1679" s="20"/>
      <c r="C1679" s="2" t="s">
        <v>5458</v>
      </c>
      <c r="D1679" s="14" t="s">
        <v>5459</v>
      </c>
      <c r="E1679" s="2" t="s">
        <v>5460</v>
      </c>
      <c r="F1679" s="2" t="s">
        <v>1863</v>
      </c>
      <c r="G1679" s="8">
        <v>213</v>
      </c>
      <c r="H1679" s="5">
        <v>21</v>
      </c>
      <c r="I1679" s="5" t="s">
        <v>1518</v>
      </c>
      <c r="J1679" s="5" t="s">
        <v>1519</v>
      </c>
      <c r="K1679" s="2" t="s">
        <v>1520</v>
      </c>
      <c r="L1679" s="5" t="s">
        <v>1519</v>
      </c>
      <c r="M1679" s="2" t="s">
        <v>1520</v>
      </c>
      <c r="N1679" s="5" t="s">
        <v>1521</v>
      </c>
      <c r="O1679" s="5" t="s">
        <v>38</v>
      </c>
      <c r="P1679" s="5" t="s">
        <v>39</v>
      </c>
      <c r="Q1679" s="5" t="s">
        <v>40</v>
      </c>
      <c r="R1679" s="5" t="s">
        <v>1522</v>
      </c>
      <c r="S1679" s="5" t="s">
        <v>1523</v>
      </c>
      <c r="T1679" s="5" t="s">
        <v>42</v>
      </c>
      <c r="U1679" s="2">
        <v>2.891</v>
      </c>
      <c r="V1679" s="2">
        <v>2.258</v>
      </c>
      <c r="W1679" s="2">
        <v>0.02</v>
      </c>
      <c r="X1679" s="2">
        <v>159.1</v>
      </c>
      <c r="Y1679" s="2">
        <v>7.6</v>
      </c>
      <c r="Z1679" s="2">
        <v>16.7</v>
      </c>
      <c r="AA1679" s="5"/>
      <c r="AB1679" s="5" t="s">
        <v>43</v>
      </c>
      <c r="AC1679" s="5" t="s">
        <v>44</v>
      </c>
      <c r="AD1679" s="2"/>
      <c r="AE1679" s="1"/>
    </row>
    <row r="1680" spans="1:31" ht="14.45">
      <c r="A1680" s="11"/>
      <c r="B1680" s="20"/>
      <c r="C1680" s="2" t="s">
        <v>5461</v>
      </c>
      <c r="D1680" s="14" t="s">
        <v>5462</v>
      </c>
      <c r="E1680" s="2" t="s">
        <v>5463</v>
      </c>
      <c r="F1680" s="2" t="s">
        <v>1867</v>
      </c>
      <c r="G1680" s="8">
        <v>213</v>
      </c>
      <c r="H1680" s="5">
        <v>21</v>
      </c>
      <c r="I1680" s="5" t="s">
        <v>1518</v>
      </c>
      <c r="J1680" s="5" t="s">
        <v>1519</v>
      </c>
      <c r="K1680" s="2" t="s">
        <v>1520</v>
      </c>
      <c r="L1680" s="5" t="s">
        <v>1519</v>
      </c>
      <c r="M1680" s="2" t="s">
        <v>1520</v>
      </c>
      <c r="N1680" s="5" t="s">
        <v>1521</v>
      </c>
      <c r="O1680" s="5" t="s">
        <v>38</v>
      </c>
      <c r="P1680" s="5" t="s">
        <v>39</v>
      </c>
      <c r="Q1680" s="5" t="s">
        <v>40</v>
      </c>
      <c r="R1680" s="5" t="s">
        <v>1522</v>
      </c>
      <c r="S1680" s="5" t="s">
        <v>1523</v>
      </c>
      <c r="T1680" s="5" t="s">
        <v>42</v>
      </c>
      <c r="U1680" s="2">
        <v>2.9489999999999998</v>
      </c>
      <c r="V1680" s="2">
        <v>2.3159999999999998</v>
      </c>
      <c r="W1680" s="2">
        <v>0.02</v>
      </c>
      <c r="X1680" s="2">
        <v>159.1</v>
      </c>
      <c r="Y1680" s="2">
        <v>7.6</v>
      </c>
      <c r="Z1680" s="2">
        <v>16.7</v>
      </c>
      <c r="AA1680" s="5"/>
      <c r="AB1680" s="5" t="s">
        <v>43</v>
      </c>
      <c r="AC1680" s="5" t="s">
        <v>44</v>
      </c>
      <c r="AD1680" s="2"/>
      <c r="AE1680" s="1"/>
    </row>
    <row r="1681" spans="1:31" ht="14.45">
      <c r="A1681" s="11"/>
      <c r="B1681" s="20"/>
      <c r="C1681" s="2" t="s">
        <v>5464</v>
      </c>
      <c r="D1681" s="14" t="s">
        <v>5465</v>
      </c>
      <c r="E1681" s="2" t="s">
        <v>5466</v>
      </c>
      <c r="F1681" s="2" t="s">
        <v>1695</v>
      </c>
      <c r="G1681" s="8">
        <v>179</v>
      </c>
      <c r="H1681" s="5">
        <v>6</v>
      </c>
      <c r="I1681" s="5" t="s">
        <v>1518</v>
      </c>
      <c r="J1681" s="5" t="s">
        <v>1519</v>
      </c>
      <c r="K1681" s="2" t="s">
        <v>1520</v>
      </c>
      <c r="L1681" s="5" t="s">
        <v>1519</v>
      </c>
      <c r="M1681" s="2" t="s">
        <v>1520</v>
      </c>
      <c r="N1681" s="5" t="s">
        <v>1521</v>
      </c>
      <c r="O1681" s="5" t="s">
        <v>38</v>
      </c>
      <c r="P1681" s="5" t="s">
        <v>39</v>
      </c>
      <c r="Q1681" s="5" t="s">
        <v>40</v>
      </c>
      <c r="R1681" s="5" t="s">
        <v>1522</v>
      </c>
      <c r="S1681" s="5" t="s">
        <v>1523</v>
      </c>
      <c r="T1681" s="5" t="s">
        <v>42</v>
      </c>
      <c r="U1681" s="2">
        <v>2.6110000000000002</v>
      </c>
      <c r="V1681" s="2">
        <v>2.1469999999999998</v>
      </c>
      <c r="W1681" s="2">
        <v>1.4999999999999999E-2</v>
      </c>
      <c r="X1681" s="2">
        <v>118.9</v>
      </c>
      <c r="Y1681" s="2">
        <v>7.6</v>
      </c>
      <c r="Z1681" s="2">
        <v>16.7</v>
      </c>
      <c r="AA1681" s="5"/>
      <c r="AB1681" s="5" t="s">
        <v>43</v>
      </c>
      <c r="AC1681" s="5" t="s">
        <v>44</v>
      </c>
      <c r="AD1681" s="2"/>
      <c r="AE1681" s="1"/>
    </row>
    <row r="1682" spans="1:31" ht="14.45">
      <c r="A1682" s="11"/>
      <c r="B1682" s="20"/>
      <c r="C1682" s="2" t="s">
        <v>5467</v>
      </c>
      <c r="D1682" s="14" t="s">
        <v>5468</v>
      </c>
      <c r="E1682" s="2" t="s">
        <v>5469</v>
      </c>
      <c r="F1682" s="2" t="s">
        <v>1699</v>
      </c>
      <c r="G1682" s="8">
        <v>179</v>
      </c>
      <c r="H1682" s="5">
        <v>6</v>
      </c>
      <c r="I1682" s="5" t="s">
        <v>1518</v>
      </c>
      <c r="J1682" s="5" t="s">
        <v>1519</v>
      </c>
      <c r="K1682" s="2" t="s">
        <v>1520</v>
      </c>
      <c r="L1682" s="5" t="s">
        <v>1519</v>
      </c>
      <c r="M1682" s="2" t="s">
        <v>1520</v>
      </c>
      <c r="N1682" s="5" t="s">
        <v>1521</v>
      </c>
      <c r="O1682" s="5" t="s">
        <v>38</v>
      </c>
      <c r="P1682" s="5" t="s">
        <v>39</v>
      </c>
      <c r="Q1682" s="5" t="s">
        <v>40</v>
      </c>
      <c r="R1682" s="5" t="s">
        <v>1522</v>
      </c>
      <c r="S1682" s="5" t="s">
        <v>1523</v>
      </c>
      <c r="T1682" s="5" t="s">
        <v>42</v>
      </c>
      <c r="U1682" s="2">
        <v>2.661</v>
      </c>
      <c r="V1682" s="2">
        <v>2.1970000000000001</v>
      </c>
      <c r="W1682" s="2">
        <v>1.4999999999999999E-2</v>
      </c>
      <c r="X1682" s="2">
        <v>118.9</v>
      </c>
      <c r="Y1682" s="2">
        <v>7.6</v>
      </c>
      <c r="Z1682" s="2">
        <v>16.7</v>
      </c>
      <c r="AA1682" s="5"/>
      <c r="AB1682" s="5" t="s">
        <v>43</v>
      </c>
      <c r="AC1682" s="5" t="s">
        <v>44</v>
      </c>
      <c r="AD1682" s="2"/>
      <c r="AE1682" s="1"/>
    </row>
    <row r="1683" spans="1:31" ht="14.45">
      <c r="A1683" s="11"/>
      <c r="B1683" s="20"/>
      <c r="C1683" s="2" t="s">
        <v>5470</v>
      </c>
      <c r="D1683" s="14" t="s">
        <v>5471</v>
      </c>
      <c r="E1683" s="2" t="s">
        <v>5472</v>
      </c>
      <c r="F1683" s="2" t="s">
        <v>1703</v>
      </c>
      <c r="G1683" s="8">
        <v>179</v>
      </c>
      <c r="H1683" s="5">
        <v>6</v>
      </c>
      <c r="I1683" s="5" t="s">
        <v>1518</v>
      </c>
      <c r="J1683" s="5" t="s">
        <v>1519</v>
      </c>
      <c r="K1683" s="2" t="s">
        <v>1520</v>
      </c>
      <c r="L1683" s="5" t="s">
        <v>1519</v>
      </c>
      <c r="M1683" s="2" t="s">
        <v>1520</v>
      </c>
      <c r="N1683" s="5" t="s">
        <v>1521</v>
      </c>
      <c r="O1683" s="5" t="s">
        <v>38</v>
      </c>
      <c r="P1683" s="5" t="s">
        <v>39</v>
      </c>
      <c r="Q1683" s="5" t="s">
        <v>40</v>
      </c>
      <c r="R1683" s="5" t="s">
        <v>1522</v>
      </c>
      <c r="S1683" s="5" t="s">
        <v>1523</v>
      </c>
      <c r="T1683" s="5" t="s">
        <v>42</v>
      </c>
      <c r="U1683" s="2">
        <v>2.6190000000000002</v>
      </c>
      <c r="V1683" s="2">
        <v>2.1549999999999998</v>
      </c>
      <c r="W1683" s="2">
        <v>1.4999999999999999E-2</v>
      </c>
      <c r="X1683" s="2">
        <v>118.9</v>
      </c>
      <c r="Y1683" s="2">
        <v>7.6</v>
      </c>
      <c r="Z1683" s="2">
        <v>16.7</v>
      </c>
      <c r="AA1683" s="5"/>
      <c r="AB1683" s="5" t="s">
        <v>43</v>
      </c>
      <c r="AC1683" s="5" t="s">
        <v>44</v>
      </c>
      <c r="AD1683" s="2"/>
      <c r="AE1683" s="1"/>
    </row>
    <row r="1684" spans="1:31" ht="14.45">
      <c r="A1684" s="11"/>
      <c r="B1684" s="20"/>
      <c r="C1684" s="2" t="s">
        <v>5473</v>
      </c>
      <c r="D1684" s="14" t="s">
        <v>5474</v>
      </c>
      <c r="E1684" s="2" t="s">
        <v>5475</v>
      </c>
      <c r="F1684" s="2" t="s">
        <v>1707</v>
      </c>
      <c r="G1684" s="8">
        <v>179</v>
      </c>
      <c r="H1684" s="5">
        <v>6</v>
      </c>
      <c r="I1684" s="5" t="s">
        <v>1518</v>
      </c>
      <c r="J1684" s="5" t="s">
        <v>1519</v>
      </c>
      <c r="K1684" s="2" t="s">
        <v>1520</v>
      </c>
      <c r="L1684" s="5" t="s">
        <v>1519</v>
      </c>
      <c r="M1684" s="2" t="s">
        <v>1520</v>
      </c>
      <c r="N1684" s="5" t="s">
        <v>1521</v>
      </c>
      <c r="O1684" s="5" t="s">
        <v>38</v>
      </c>
      <c r="P1684" s="5" t="s">
        <v>39</v>
      </c>
      <c r="Q1684" s="5" t="s">
        <v>40</v>
      </c>
      <c r="R1684" s="5" t="s">
        <v>1522</v>
      </c>
      <c r="S1684" s="5" t="s">
        <v>1523</v>
      </c>
      <c r="T1684" s="5" t="s">
        <v>42</v>
      </c>
      <c r="U1684" s="2">
        <v>2.669</v>
      </c>
      <c r="V1684" s="2">
        <v>2.2050000000000001</v>
      </c>
      <c r="W1684" s="2">
        <v>1.4999999999999999E-2</v>
      </c>
      <c r="X1684" s="2">
        <v>118.9</v>
      </c>
      <c r="Y1684" s="2">
        <v>7.6</v>
      </c>
      <c r="Z1684" s="2">
        <v>16.7</v>
      </c>
      <c r="AA1684" s="5"/>
      <c r="AB1684" s="5" t="s">
        <v>43</v>
      </c>
      <c r="AC1684" s="5" t="s">
        <v>44</v>
      </c>
      <c r="AD1684" s="2"/>
      <c r="AE1684" s="1"/>
    </row>
    <row r="1685" spans="1:31" ht="14.45">
      <c r="A1685" s="11"/>
      <c r="B1685" s="20"/>
      <c r="C1685" s="2" t="s">
        <v>5476</v>
      </c>
      <c r="D1685" s="14" t="s">
        <v>5477</v>
      </c>
      <c r="E1685" s="2" t="s">
        <v>5478</v>
      </c>
      <c r="F1685" s="2" t="s">
        <v>1711</v>
      </c>
      <c r="G1685" s="8">
        <v>179</v>
      </c>
      <c r="H1685" s="5">
        <v>6</v>
      </c>
      <c r="I1685" s="5" t="s">
        <v>1518</v>
      </c>
      <c r="J1685" s="5" t="s">
        <v>1519</v>
      </c>
      <c r="K1685" s="2" t="s">
        <v>1520</v>
      </c>
      <c r="L1685" s="5" t="s">
        <v>1519</v>
      </c>
      <c r="M1685" s="2" t="s">
        <v>1520</v>
      </c>
      <c r="N1685" s="5" t="s">
        <v>1521</v>
      </c>
      <c r="O1685" s="5" t="s">
        <v>38</v>
      </c>
      <c r="P1685" s="5" t="s">
        <v>39</v>
      </c>
      <c r="Q1685" s="5" t="s">
        <v>40</v>
      </c>
      <c r="R1685" s="5" t="s">
        <v>1522</v>
      </c>
      <c r="S1685" s="5" t="s">
        <v>1523</v>
      </c>
      <c r="T1685" s="5" t="s">
        <v>42</v>
      </c>
      <c r="U1685" s="2">
        <v>2.6190000000000002</v>
      </c>
      <c r="V1685" s="2">
        <v>2.1549999999999998</v>
      </c>
      <c r="W1685" s="2">
        <v>1.4999999999999999E-2</v>
      </c>
      <c r="X1685" s="2">
        <v>118.9</v>
      </c>
      <c r="Y1685" s="2">
        <v>7.6</v>
      </c>
      <c r="Z1685" s="2">
        <v>16.7</v>
      </c>
      <c r="AA1685" s="5"/>
      <c r="AB1685" s="5" t="s">
        <v>43</v>
      </c>
      <c r="AC1685" s="5" t="s">
        <v>44</v>
      </c>
      <c r="AD1685" s="2"/>
      <c r="AE1685" s="1"/>
    </row>
    <row r="1686" spans="1:31" ht="14.45">
      <c r="A1686" s="11"/>
      <c r="B1686" s="20"/>
      <c r="C1686" s="2" t="s">
        <v>5479</v>
      </c>
      <c r="D1686" s="14" t="s">
        <v>5480</v>
      </c>
      <c r="E1686" s="2" t="s">
        <v>5481</v>
      </c>
      <c r="F1686" s="2" t="s">
        <v>1715</v>
      </c>
      <c r="G1686" s="8">
        <v>179</v>
      </c>
      <c r="H1686" s="5">
        <v>6</v>
      </c>
      <c r="I1686" s="5" t="s">
        <v>1518</v>
      </c>
      <c r="J1686" s="5" t="s">
        <v>1519</v>
      </c>
      <c r="K1686" s="2" t="s">
        <v>1520</v>
      </c>
      <c r="L1686" s="5" t="s">
        <v>1519</v>
      </c>
      <c r="M1686" s="2" t="s">
        <v>1520</v>
      </c>
      <c r="N1686" s="5" t="s">
        <v>1521</v>
      </c>
      <c r="O1686" s="5" t="s">
        <v>38</v>
      </c>
      <c r="P1686" s="5" t="s">
        <v>39</v>
      </c>
      <c r="Q1686" s="5" t="s">
        <v>40</v>
      </c>
      <c r="R1686" s="5" t="s">
        <v>1522</v>
      </c>
      <c r="S1686" s="5" t="s">
        <v>1523</v>
      </c>
      <c r="T1686" s="5" t="s">
        <v>42</v>
      </c>
      <c r="U1686" s="2">
        <v>2.669</v>
      </c>
      <c r="V1686" s="2">
        <v>2.2050000000000001</v>
      </c>
      <c r="W1686" s="2">
        <v>1.4999999999999999E-2</v>
      </c>
      <c r="X1686" s="2">
        <v>118.9</v>
      </c>
      <c r="Y1686" s="2">
        <v>7.6</v>
      </c>
      <c r="Z1686" s="2">
        <v>16.7</v>
      </c>
      <c r="AA1686" s="5"/>
      <c r="AB1686" s="5" t="s">
        <v>43</v>
      </c>
      <c r="AC1686" s="5" t="s">
        <v>44</v>
      </c>
      <c r="AD1686" s="2"/>
      <c r="AE1686" s="1"/>
    </row>
    <row r="1687" spans="1:31" ht="14.45">
      <c r="A1687" s="11"/>
      <c r="B1687" s="20"/>
      <c r="C1687" s="2" t="s">
        <v>5482</v>
      </c>
      <c r="D1687" s="14" t="s">
        <v>5483</v>
      </c>
      <c r="E1687" s="2" t="s">
        <v>5484</v>
      </c>
      <c r="F1687" s="2" t="s">
        <v>1719</v>
      </c>
      <c r="G1687" s="8">
        <v>179</v>
      </c>
      <c r="H1687" s="5">
        <v>6</v>
      </c>
      <c r="I1687" s="5" t="s">
        <v>1518</v>
      </c>
      <c r="J1687" s="5" t="s">
        <v>1519</v>
      </c>
      <c r="K1687" s="2" t="s">
        <v>1520</v>
      </c>
      <c r="L1687" s="5" t="s">
        <v>1519</v>
      </c>
      <c r="M1687" s="2" t="s">
        <v>1520</v>
      </c>
      <c r="N1687" s="5" t="s">
        <v>1521</v>
      </c>
      <c r="O1687" s="5" t="s">
        <v>38</v>
      </c>
      <c r="P1687" s="5" t="s">
        <v>39</v>
      </c>
      <c r="Q1687" s="5" t="s">
        <v>40</v>
      </c>
      <c r="R1687" s="5" t="s">
        <v>1522</v>
      </c>
      <c r="S1687" s="5" t="s">
        <v>1523</v>
      </c>
      <c r="T1687" s="5" t="s">
        <v>42</v>
      </c>
      <c r="U1687" s="2">
        <v>2.5950000000000002</v>
      </c>
      <c r="V1687" s="2">
        <v>2.1309999999999998</v>
      </c>
      <c r="W1687" s="2">
        <v>1.4999999999999999E-2</v>
      </c>
      <c r="X1687" s="2">
        <v>118.9</v>
      </c>
      <c r="Y1687" s="2">
        <v>7.6</v>
      </c>
      <c r="Z1687" s="2">
        <v>16.7</v>
      </c>
      <c r="AA1687" s="5"/>
      <c r="AB1687" s="5" t="s">
        <v>43</v>
      </c>
      <c r="AC1687" s="5" t="s">
        <v>44</v>
      </c>
      <c r="AD1687" s="2"/>
      <c r="AE1687" s="1"/>
    </row>
    <row r="1688" spans="1:31" ht="14.45">
      <c r="A1688" s="11"/>
      <c r="B1688" s="20"/>
      <c r="C1688" s="2" t="s">
        <v>5485</v>
      </c>
      <c r="D1688" s="14" t="s">
        <v>5486</v>
      </c>
      <c r="E1688" s="2" t="s">
        <v>5487</v>
      </c>
      <c r="F1688" s="2" t="s">
        <v>1723</v>
      </c>
      <c r="G1688" s="8">
        <v>179</v>
      </c>
      <c r="H1688" s="5">
        <v>6</v>
      </c>
      <c r="I1688" s="5" t="s">
        <v>1518</v>
      </c>
      <c r="J1688" s="5" t="s">
        <v>1519</v>
      </c>
      <c r="K1688" s="2" t="s">
        <v>1520</v>
      </c>
      <c r="L1688" s="5" t="s">
        <v>1519</v>
      </c>
      <c r="M1688" s="2" t="s">
        <v>1520</v>
      </c>
      <c r="N1688" s="5" t="s">
        <v>1521</v>
      </c>
      <c r="O1688" s="5" t="s">
        <v>38</v>
      </c>
      <c r="P1688" s="5" t="s">
        <v>39</v>
      </c>
      <c r="Q1688" s="5" t="s">
        <v>40</v>
      </c>
      <c r="R1688" s="5" t="s">
        <v>1522</v>
      </c>
      <c r="S1688" s="5" t="s">
        <v>1523</v>
      </c>
      <c r="T1688" s="5" t="s">
        <v>42</v>
      </c>
      <c r="U1688" s="2">
        <v>2.645</v>
      </c>
      <c r="V1688" s="2">
        <v>2.181</v>
      </c>
      <c r="W1688" s="2">
        <v>1.4999999999999999E-2</v>
      </c>
      <c r="X1688" s="2">
        <v>118.9</v>
      </c>
      <c r="Y1688" s="2">
        <v>7.6</v>
      </c>
      <c r="Z1688" s="2">
        <v>16.7</v>
      </c>
      <c r="AA1688" s="5"/>
      <c r="AB1688" s="5" t="s">
        <v>43</v>
      </c>
      <c r="AC1688" s="5" t="s">
        <v>44</v>
      </c>
      <c r="AD1688" s="2"/>
      <c r="AE1688" s="1"/>
    </row>
    <row r="1689" spans="1:31" ht="14.45">
      <c r="A1689" s="11"/>
      <c r="B1689" s="20"/>
      <c r="C1689" s="2" t="s">
        <v>5488</v>
      </c>
      <c r="D1689" s="14" t="s">
        <v>5489</v>
      </c>
      <c r="E1689" s="2" t="s">
        <v>5490</v>
      </c>
      <c r="F1689" s="2" t="s">
        <v>1727</v>
      </c>
      <c r="G1689" s="8">
        <v>206</v>
      </c>
      <c r="H1689" s="5">
        <v>6</v>
      </c>
      <c r="I1689" s="5" t="s">
        <v>1518</v>
      </c>
      <c r="J1689" s="5" t="s">
        <v>1519</v>
      </c>
      <c r="K1689" s="2" t="s">
        <v>1520</v>
      </c>
      <c r="L1689" s="5" t="s">
        <v>1519</v>
      </c>
      <c r="M1689" s="2" t="s">
        <v>1520</v>
      </c>
      <c r="N1689" s="5" t="s">
        <v>1521</v>
      </c>
      <c r="O1689" s="5" t="s">
        <v>38</v>
      </c>
      <c r="P1689" s="5" t="s">
        <v>39</v>
      </c>
      <c r="Q1689" s="5" t="s">
        <v>40</v>
      </c>
      <c r="R1689" s="5" t="s">
        <v>1522</v>
      </c>
      <c r="S1689" s="5" t="s">
        <v>1523</v>
      </c>
      <c r="T1689" s="5" t="s">
        <v>42</v>
      </c>
      <c r="U1689" s="2">
        <v>2.5950000000000002</v>
      </c>
      <c r="V1689" s="2">
        <v>2.1309999999999998</v>
      </c>
      <c r="W1689" s="2">
        <v>1.4999999999999999E-2</v>
      </c>
      <c r="X1689" s="2">
        <v>118.9</v>
      </c>
      <c r="Y1689" s="2">
        <v>7.6</v>
      </c>
      <c r="Z1689" s="2">
        <v>16.7</v>
      </c>
      <c r="AA1689" s="5"/>
      <c r="AB1689" s="5" t="s">
        <v>43</v>
      </c>
      <c r="AC1689" s="5" t="s">
        <v>44</v>
      </c>
      <c r="AD1689" s="2"/>
      <c r="AE1689" s="1"/>
    </row>
    <row r="1690" spans="1:31" ht="14.45">
      <c r="A1690" s="11"/>
      <c r="B1690" s="20"/>
      <c r="C1690" s="2" t="s">
        <v>5491</v>
      </c>
      <c r="D1690" s="14" t="s">
        <v>5492</v>
      </c>
      <c r="E1690" s="2" t="s">
        <v>5493</v>
      </c>
      <c r="F1690" s="2" t="s">
        <v>1731</v>
      </c>
      <c r="G1690" s="8">
        <v>206</v>
      </c>
      <c r="H1690" s="5">
        <v>6</v>
      </c>
      <c r="I1690" s="5" t="s">
        <v>1518</v>
      </c>
      <c r="J1690" s="5" t="s">
        <v>1519</v>
      </c>
      <c r="K1690" s="2" t="s">
        <v>1520</v>
      </c>
      <c r="L1690" s="5" t="s">
        <v>1519</v>
      </c>
      <c r="M1690" s="2" t="s">
        <v>1520</v>
      </c>
      <c r="N1690" s="5" t="s">
        <v>1521</v>
      </c>
      <c r="O1690" s="5" t="s">
        <v>38</v>
      </c>
      <c r="P1690" s="5" t="s">
        <v>39</v>
      </c>
      <c r="Q1690" s="5" t="s">
        <v>40</v>
      </c>
      <c r="R1690" s="5" t="s">
        <v>1522</v>
      </c>
      <c r="S1690" s="5" t="s">
        <v>1523</v>
      </c>
      <c r="T1690" s="5" t="s">
        <v>42</v>
      </c>
      <c r="U1690" s="2">
        <v>2.645</v>
      </c>
      <c r="V1690" s="2">
        <v>2.181</v>
      </c>
      <c r="W1690" s="2">
        <v>1.4999999999999999E-2</v>
      </c>
      <c r="X1690" s="2">
        <v>118.9</v>
      </c>
      <c r="Y1690" s="2">
        <v>7.6</v>
      </c>
      <c r="Z1690" s="2">
        <v>16.7</v>
      </c>
      <c r="AA1690" s="5"/>
      <c r="AB1690" s="5" t="s">
        <v>43</v>
      </c>
      <c r="AC1690" s="5" t="s">
        <v>44</v>
      </c>
      <c r="AD1690" s="2"/>
      <c r="AE1690" s="1"/>
    </row>
    <row r="1691" spans="1:31" ht="14.45">
      <c r="A1691" s="11"/>
      <c r="B1691" s="20"/>
      <c r="C1691" s="2" t="s">
        <v>5494</v>
      </c>
      <c r="D1691" s="14" t="s">
        <v>5495</v>
      </c>
      <c r="E1691" s="2" t="s">
        <v>5496</v>
      </c>
      <c r="F1691" s="2" t="s">
        <v>1735</v>
      </c>
      <c r="G1691" s="8">
        <v>206</v>
      </c>
      <c r="H1691" s="5">
        <v>6</v>
      </c>
      <c r="I1691" s="5" t="s">
        <v>1518</v>
      </c>
      <c r="J1691" s="5" t="s">
        <v>1519</v>
      </c>
      <c r="K1691" s="2" t="s">
        <v>1520</v>
      </c>
      <c r="L1691" s="5" t="s">
        <v>1519</v>
      </c>
      <c r="M1691" s="2" t="s">
        <v>1520</v>
      </c>
      <c r="N1691" s="5" t="s">
        <v>1521</v>
      </c>
      <c r="O1691" s="5" t="s">
        <v>38</v>
      </c>
      <c r="P1691" s="5" t="s">
        <v>39</v>
      </c>
      <c r="Q1691" s="5" t="s">
        <v>40</v>
      </c>
      <c r="R1691" s="5" t="s">
        <v>1522</v>
      </c>
      <c r="S1691" s="5" t="s">
        <v>1523</v>
      </c>
      <c r="T1691" s="5" t="s">
        <v>42</v>
      </c>
      <c r="U1691" s="2">
        <v>2.6190000000000002</v>
      </c>
      <c r="V1691" s="2">
        <v>2.1549999999999998</v>
      </c>
      <c r="W1691" s="2">
        <v>1.4999999999999999E-2</v>
      </c>
      <c r="X1691" s="2">
        <v>118.9</v>
      </c>
      <c r="Y1691" s="2">
        <v>7.6</v>
      </c>
      <c r="Z1691" s="2">
        <v>16.7</v>
      </c>
      <c r="AA1691" s="5"/>
      <c r="AB1691" s="5" t="s">
        <v>43</v>
      </c>
      <c r="AC1691" s="5" t="s">
        <v>44</v>
      </c>
      <c r="AD1691" s="2"/>
      <c r="AE1691" s="1"/>
    </row>
    <row r="1692" spans="1:31" ht="14.45">
      <c r="A1692" s="11"/>
      <c r="B1692" s="20"/>
      <c r="C1692" s="2" t="s">
        <v>5497</v>
      </c>
      <c r="D1692" s="14" t="s">
        <v>5498</v>
      </c>
      <c r="E1692" s="2" t="s">
        <v>5499</v>
      </c>
      <c r="F1692" s="2" t="s">
        <v>1739</v>
      </c>
      <c r="G1692" s="8">
        <v>206</v>
      </c>
      <c r="H1692" s="5">
        <v>6</v>
      </c>
      <c r="I1692" s="5" t="s">
        <v>1518</v>
      </c>
      <c r="J1692" s="5" t="s">
        <v>1519</v>
      </c>
      <c r="K1692" s="2" t="s">
        <v>1520</v>
      </c>
      <c r="L1692" s="5" t="s">
        <v>1519</v>
      </c>
      <c r="M1692" s="2" t="s">
        <v>1520</v>
      </c>
      <c r="N1692" s="5" t="s">
        <v>1521</v>
      </c>
      <c r="O1692" s="5" t="s">
        <v>38</v>
      </c>
      <c r="P1692" s="5" t="s">
        <v>39</v>
      </c>
      <c r="Q1692" s="5" t="s">
        <v>40</v>
      </c>
      <c r="R1692" s="5" t="s">
        <v>1522</v>
      </c>
      <c r="S1692" s="5" t="s">
        <v>1523</v>
      </c>
      <c r="T1692" s="5" t="s">
        <v>42</v>
      </c>
      <c r="U1692" s="2">
        <v>2.669</v>
      </c>
      <c r="V1692" s="2">
        <v>2.2050000000000001</v>
      </c>
      <c r="W1692" s="2">
        <v>1.4999999999999999E-2</v>
      </c>
      <c r="X1692" s="2">
        <v>118.9</v>
      </c>
      <c r="Y1692" s="2">
        <v>7.6</v>
      </c>
      <c r="Z1692" s="2">
        <v>16.7</v>
      </c>
      <c r="AA1692" s="5"/>
      <c r="AB1692" s="5" t="s">
        <v>43</v>
      </c>
      <c r="AC1692" s="5" t="s">
        <v>44</v>
      </c>
      <c r="AD1692" s="2"/>
      <c r="AE1692" s="1"/>
    </row>
    <row r="1693" spans="1:31" ht="14.45">
      <c r="A1693" s="11"/>
      <c r="B1693" s="20"/>
      <c r="C1693" s="2" t="s">
        <v>5500</v>
      </c>
      <c r="D1693" s="14" t="s">
        <v>5501</v>
      </c>
      <c r="E1693" s="2" t="s">
        <v>5502</v>
      </c>
      <c r="F1693" s="2" t="s">
        <v>1743</v>
      </c>
      <c r="G1693" s="8">
        <v>206</v>
      </c>
      <c r="H1693" s="5">
        <v>6</v>
      </c>
      <c r="I1693" s="5" t="s">
        <v>1518</v>
      </c>
      <c r="J1693" s="5" t="s">
        <v>1519</v>
      </c>
      <c r="K1693" s="2" t="s">
        <v>1520</v>
      </c>
      <c r="L1693" s="5" t="s">
        <v>1519</v>
      </c>
      <c r="M1693" s="2" t="s">
        <v>1520</v>
      </c>
      <c r="N1693" s="5" t="s">
        <v>1521</v>
      </c>
      <c r="O1693" s="5" t="s">
        <v>38</v>
      </c>
      <c r="P1693" s="5" t="s">
        <v>39</v>
      </c>
      <c r="Q1693" s="5" t="s">
        <v>40</v>
      </c>
      <c r="R1693" s="5" t="s">
        <v>1522</v>
      </c>
      <c r="S1693" s="5" t="s">
        <v>1523</v>
      </c>
      <c r="T1693" s="5" t="s">
        <v>42</v>
      </c>
      <c r="U1693" s="2">
        <v>2.5950000000000002</v>
      </c>
      <c r="V1693" s="2">
        <v>2.1309999999999998</v>
      </c>
      <c r="W1693" s="2">
        <v>1.4999999999999999E-2</v>
      </c>
      <c r="X1693" s="2">
        <v>118.9</v>
      </c>
      <c r="Y1693" s="2">
        <v>7.6</v>
      </c>
      <c r="Z1693" s="2">
        <v>16.7</v>
      </c>
      <c r="AA1693" s="5"/>
      <c r="AB1693" s="5" t="s">
        <v>43</v>
      </c>
      <c r="AC1693" s="5" t="s">
        <v>44</v>
      </c>
      <c r="AD1693" s="2"/>
      <c r="AE1693" s="1"/>
    </row>
    <row r="1694" spans="1:31" ht="14.45">
      <c r="A1694" s="11"/>
      <c r="B1694" s="20"/>
      <c r="C1694" s="2" t="s">
        <v>5503</v>
      </c>
      <c r="D1694" s="14" t="s">
        <v>5504</v>
      </c>
      <c r="E1694" s="2" t="s">
        <v>5505</v>
      </c>
      <c r="F1694" s="2" t="s">
        <v>1747</v>
      </c>
      <c r="G1694" s="8">
        <v>206</v>
      </c>
      <c r="H1694" s="5">
        <v>6</v>
      </c>
      <c r="I1694" s="5" t="s">
        <v>1518</v>
      </c>
      <c r="J1694" s="5" t="s">
        <v>1519</v>
      </c>
      <c r="K1694" s="2" t="s">
        <v>1520</v>
      </c>
      <c r="L1694" s="5" t="s">
        <v>1519</v>
      </c>
      <c r="M1694" s="2" t="s">
        <v>1520</v>
      </c>
      <c r="N1694" s="5" t="s">
        <v>1521</v>
      </c>
      <c r="O1694" s="5" t="s">
        <v>38</v>
      </c>
      <c r="P1694" s="5" t="s">
        <v>39</v>
      </c>
      <c r="Q1694" s="5" t="s">
        <v>40</v>
      </c>
      <c r="R1694" s="5" t="s">
        <v>1522</v>
      </c>
      <c r="S1694" s="5" t="s">
        <v>1523</v>
      </c>
      <c r="T1694" s="5" t="s">
        <v>42</v>
      </c>
      <c r="U1694" s="2">
        <v>2.645</v>
      </c>
      <c r="V1694" s="2">
        <v>2.181</v>
      </c>
      <c r="W1694" s="2">
        <v>1.4999999999999999E-2</v>
      </c>
      <c r="X1694" s="2">
        <v>118.9</v>
      </c>
      <c r="Y1694" s="2">
        <v>7.6</v>
      </c>
      <c r="Z1694" s="2">
        <v>16.7</v>
      </c>
      <c r="AA1694" s="5"/>
      <c r="AB1694" s="5" t="s">
        <v>43</v>
      </c>
      <c r="AC1694" s="5" t="s">
        <v>44</v>
      </c>
      <c r="AD1694" s="2"/>
      <c r="AE1694" s="1"/>
    </row>
    <row r="1695" spans="1:31" ht="14.45">
      <c r="A1695" s="11"/>
      <c r="B1695" s="20"/>
      <c r="C1695" s="2" t="s">
        <v>5506</v>
      </c>
      <c r="D1695" s="14" t="s">
        <v>5507</v>
      </c>
      <c r="E1695" s="2" t="s">
        <v>5508</v>
      </c>
      <c r="F1695" s="2" t="s">
        <v>1751</v>
      </c>
      <c r="G1695" s="8">
        <v>206</v>
      </c>
      <c r="H1695" s="5">
        <v>6</v>
      </c>
      <c r="I1695" s="5" t="s">
        <v>1518</v>
      </c>
      <c r="J1695" s="5" t="s">
        <v>1519</v>
      </c>
      <c r="K1695" s="2" t="s">
        <v>1520</v>
      </c>
      <c r="L1695" s="5" t="s">
        <v>1519</v>
      </c>
      <c r="M1695" s="2" t="s">
        <v>1520</v>
      </c>
      <c r="N1695" s="5" t="s">
        <v>1521</v>
      </c>
      <c r="O1695" s="5" t="s">
        <v>38</v>
      </c>
      <c r="P1695" s="5" t="s">
        <v>39</v>
      </c>
      <c r="Q1695" s="5" t="s">
        <v>40</v>
      </c>
      <c r="R1695" s="5" t="s">
        <v>1522</v>
      </c>
      <c r="S1695" s="5" t="s">
        <v>1523</v>
      </c>
      <c r="T1695" s="5" t="s">
        <v>42</v>
      </c>
      <c r="U1695" s="2">
        <v>2.5950000000000002</v>
      </c>
      <c r="V1695" s="2">
        <v>2.1309999999999998</v>
      </c>
      <c r="W1695" s="2">
        <v>1.4999999999999999E-2</v>
      </c>
      <c r="X1695" s="2">
        <v>118.9</v>
      </c>
      <c r="Y1695" s="2">
        <v>7.6</v>
      </c>
      <c r="Z1695" s="2">
        <v>16.7</v>
      </c>
      <c r="AA1695" s="5"/>
      <c r="AB1695" s="5" t="s">
        <v>43</v>
      </c>
      <c r="AC1695" s="5" t="s">
        <v>44</v>
      </c>
      <c r="AD1695" s="2"/>
      <c r="AE1695" s="1"/>
    </row>
    <row r="1696" spans="1:31" ht="14.45">
      <c r="A1696" s="11"/>
      <c r="B1696" s="20"/>
      <c r="C1696" s="2" t="s">
        <v>5509</v>
      </c>
      <c r="D1696" s="14" t="s">
        <v>5510</v>
      </c>
      <c r="E1696" s="2" t="s">
        <v>5511</v>
      </c>
      <c r="F1696" s="2" t="s">
        <v>1755</v>
      </c>
      <c r="G1696" s="8">
        <v>206</v>
      </c>
      <c r="H1696" s="5">
        <v>6</v>
      </c>
      <c r="I1696" s="5" t="s">
        <v>1518</v>
      </c>
      <c r="J1696" s="5" t="s">
        <v>1519</v>
      </c>
      <c r="K1696" s="2" t="s">
        <v>1520</v>
      </c>
      <c r="L1696" s="5" t="s">
        <v>1519</v>
      </c>
      <c r="M1696" s="2" t="s">
        <v>1520</v>
      </c>
      <c r="N1696" s="5" t="s">
        <v>1521</v>
      </c>
      <c r="O1696" s="5" t="s">
        <v>38</v>
      </c>
      <c r="P1696" s="5" t="s">
        <v>39</v>
      </c>
      <c r="Q1696" s="5" t="s">
        <v>40</v>
      </c>
      <c r="R1696" s="5" t="s">
        <v>1522</v>
      </c>
      <c r="S1696" s="5" t="s">
        <v>1523</v>
      </c>
      <c r="T1696" s="5" t="s">
        <v>42</v>
      </c>
      <c r="U1696" s="2">
        <v>2.645</v>
      </c>
      <c r="V1696" s="2">
        <v>2.181</v>
      </c>
      <c r="W1696" s="2">
        <v>1.4999999999999999E-2</v>
      </c>
      <c r="X1696" s="2">
        <v>118.9</v>
      </c>
      <c r="Y1696" s="2">
        <v>7.6</v>
      </c>
      <c r="Z1696" s="2">
        <v>16.7</v>
      </c>
      <c r="AA1696" s="5"/>
      <c r="AB1696" s="5" t="s">
        <v>43</v>
      </c>
      <c r="AC1696" s="5" t="s">
        <v>44</v>
      </c>
      <c r="AD1696" s="2"/>
      <c r="AE1696" s="1"/>
    </row>
    <row r="1697" spans="1:31" ht="14.45">
      <c r="A1697" s="11"/>
      <c r="B1697" s="20"/>
      <c r="C1697" s="2" t="s">
        <v>5512</v>
      </c>
      <c r="D1697" s="14" t="s">
        <v>5513</v>
      </c>
      <c r="E1697" s="2" t="s">
        <v>5514</v>
      </c>
      <c r="F1697" s="2" t="s">
        <v>1759</v>
      </c>
      <c r="G1697" s="8">
        <v>206</v>
      </c>
      <c r="H1697" s="5">
        <v>6</v>
      </c>
      <c r="I1697" s="5" t="s">
        <v>1518</v>
      </c>
      <c r="J1697" s="5" t="s">
        <v>1519</v>
      </c>
      <c r="K1697" s="2" t="s">
        <v>1520</v>
      </c>
      <c r="L1697" s="5" t="s">
        <v>1519</v>
      </c>
      <c r="M1697" s="2" t="s">
        <v>1520</v>
      </c>
      <c r="N1697" s="5" t="s">
        <v>1521</v>
      </c>
      <c r="O1697" s="5" t="s">
        <v>38</v>
      </c>
      <c r="P1697" s="5" t="s">
        <v>39</v>
      </c>
      <c r="Q1697" s="5" t="s">
        <v>40</v>
      </c>
      <c r="R1697" s="5" t="s">
        <v>1522</v>
      </c>
      <c r="S1697" s="5" t="s">
        <v>1523</v>
      </c>
      <c r="T1697" s="5" t="s">
        <v>42</v>
      </c>
      <c r="U1697" s="2">
        <v>2.6190000000000002</v>
      </c>
      <c r="V1697" s="2">
        <v>2.1549999999999998</v>
      </c>
      <c r="W1697" s="2">
        <v>1.4999999999999999E-2</v>
      </c>
      <c r="X1697" s="2">
        <v>118.9</v>
      </c>
      <c r="Y1697" s="2">
        <v>7.6</v>
      </c>
      <c r="Z1697" s="2">
        <v>16.7</v>
      </c>
      <c r="AA1697" s="5"/>
      <c r="AB1697" s="5" t="s">
        <v>43</v>
      </c>
      <c r="AC1697" s="5" t="s">
        <v>44</v>
      </c>
      <c r="AD1697" s="2"/>
      <c r="AE1697" s="1"/>
    </row>
    <row r="1698" spans="1:31" ht="14.45">
      <c r="A1698" s="11"/>
      <c r="B1698" s="20"/>
      <c r="C1698" s="2" t="s">
        <v>5515</v>
      </c>
      <c r="D1698" s="14" t="s">
        <v>5516</v>
      </c>
      <c r="E1698" s="2" t="s">
        <v>5517</v>
      </c>
      <c r="F1698" s="2" t="s">
        <v>1763</v>
      </c>
      <c r="G1698" s="8">
        <v>206</v>
      </c>
      <c r="H1698" s="5">
        <v>6</v>
      </c>
      <c r="I1698" s="5" t="s">
        <v>1518</v>
      </c>
      <c r="J1698" s="5" t="s">
        <v>1519</v>
      </c>
      <c r="K1698" s="2" t="s">
        <v>1520</v>
      </c>
      <c r="L1698" s="5" t="s">
        <v>1519</v>
      </c>
      <c r="M1698" s="2" t="s">
        <v>1520</v>
      </c>
      <c r="N1698" s="5" t="s">
        <v>1521</v>
      </c>
      <c r="O1698" s="5" t="s">
        <v>38</v>
      </c>
      <c r="P1698" s="5" t="s">
        <v>39</v>
      </c>
      <c r="Q1698" s="5" t="s">
        <v>40</v>
      </c>
      <c r="R1698" s="5" t="s">
        <v>1522</v>
      </c>
      <c r="S1698" s="5" t="s">
        <v>1523</v>
      </c>
      <c r="T1698" s="5" t="s">
        <v>42</v>
      </c>
      <c r="U1698" s="2">
        <v>2.669</v>
      </c>
      <c r="V1698" s="2">
        <v>2.2050000000000001</v>
      </c>
      <c r="W1698" s="2">
        <v>1.4999999999999999E-2</v>
      </c>
      <c r="X1698" s="2">
        <v>118.9</v>
      </c>
      <c r="Y1698" s="2">
        <v>7.6</v>
      </c>
      <c r="Z1698" s="2">
        <v>16.7</v>
      </c>
      <c r="AA1698" s="5"/>
      <c r="AB1698" s="5" t="s">
        <v>43</v>
      </c>
      <c r="AC1698" s="5" t="s">
        <v>44</v>
      </c>
      <c r="AD1698" s="2"/>
      <c r="AE1698" s="1"/>
    </row>
    <row r="1699" spans="1:31" ht="14.45">
      <c r="A1699" s="11"/>
      <c r="B1699" s="20"/>
      <c r="C1699" s="2" t="s">
        <v>5518</v>
      </c>
      <c r="D1699" s="14" t="s">
        <v>5519</v>
      </c>
      <c r="E1699" s="2" t="s">
        <v>5520</v>
      </c>
      <c r="F1699" s="2" t="s">
        <v>1767</v>
      </c>
      <c r="G1699" s="8">
        <v>206</v>
      </c>
      <c r="H1699" s="5">
        <v>6</v>
      </c>
      <c r="I1699" s="5" t="s">
        <v>1518</v>
      </c>
      <c r="J1699" s="5" t="s">
        <v>1519</v>
      </c>
      <c r="K1699" s="2" t="s">
        <v>1520</v>
      </c>
      <c r="L1699" s="5" t="s">
        <v>1519</v>
      </c>
      <c r="M1699" s="2" t="s">
        <v>1520</v>
      </c>
      <c r="N1699" s="5" t="s">
        <v>1521</v>
      </c>
      <c r="O1699" s="5" t="s">
        <v>38</v>
      </c>
      <c r="P1699" s="5" t="s">
        <v>39</v>
      </c>
      <c r="Q1699" s="5" t="s">
        <v>40</v>
      </c>
      <c r="R1699" s="5" t="s">
        <v>1522</v>
      </c>
      <c r="S1699" s="5" t="s">
        <v>1523</v>
      </c>
      <c r="T1699" s="5" t="s">
        <v>42</v>
      </c>
      <c r="U1699" s="2">
        <v>2.6190000000000002</v>
      </c>
      <c r="V1699" s="2">
        <v>2.1549999999999998</v>
      </c>
      <c r="W1699" s="2">
        <v>1.4999999999999999E-2</v>
      </c>
      <c r="X1699" s="2">
        <v>118.9</v>
      </c>
      <c r="Y1699" s="2">
        <v>7.6</v>
      </c>
      <c r="Z1699" s="2">
        <v>16.7</v>
      </c>
      <c r="AA1699" s="5"/>
      <c r="AB1699" s="5" t="s">
        <v>43</v>
      </c>
      <c r="AC1699" s="5" t="s">
        <v>44</v>
      </c>
      <c r="AD1699" s="2"/>
      <c r="AE1699" s="1"/>
    </row>
    <row r="1700" spans="1:31" ht="14.45">
      <c r="A1700" s="11"/>
      <c r="B1700" s="20"/>
      <c r="C1700" s="2" t="s">
        <v>5521</v>
      </c>
      <c r="D1700" s="14" t="s">
        <v>5522</v>
      </c>
      <c r="E1700" s="2" t="s">
        <v>5523</v>
      </c>
      <c r="F1700" s="2" t="s">
        <v>1771</v>
      </c>
      <c r="G1700" s="8">
        <v>206</v>
      </c>
      <c r="H1700" s="5">
        <v>6</v>
      </c>
      <c r="I1700" s="5" t="s">
        <v>1518</v>
      </c>
      <c r="J1700" s="5" t="s">
        <v>1519</v>
      </c>
      <c r="K1700" s="2" t="s">
        <v>1520</v>
      </c>
      <c r="L1700" s="5" t="s">
        <v>1519</v>
      </c>
      <c r="M1700" s="2" t="s">
        <v>1520</v>
      </c>
      <c r="N1700" s="5" t="s">
        <v>1521</v>
      </c>
      <c r="O1700" s="5" t="s">
        <v>38</v>
      </c>
      <c r="P1700" s="5" t="s">
        <v>39</v>
      </c>
      <c r="Q1700" s="5" t="s">
        <v>40</v>
      </c>
      <c r="R1700" s="5" t="s">
        <v>1522</v>
      </c>
      <c r="S1700" s="5" t="s">
        <v>1523</v>
      </c>
      <c r="T1700" s="5" t="s">
        <v>42</v>
      </c>
      <c r="U1700" s="2">
        <v>2.669</v>
      </c>
      <c r="V1700" s="2">
        <v>2.2050000000000001</v>
      </c>
      <c r="W1700" s="2">
        <v>1.4999999999999999E-2</v>
      </c>
      <c r="X1700" s="2">
        <v>118.9</v>
      </c>
      <c r="Y1700" s="2">
        <v>7.6</v>
      </c>
      <c r="Z1700" s="2">
        <v>16.7</v>
      </c>
      <c r="AA1700" s="5"/>
      <c r="AB1700" s="5" t="s">
        <v>43</v>
      </c>
      <c r="AC1700" s="5" t="s">
        <v>44</v>
      </c>
      <c r="AD1700" s="2"/>
      <c r="AE1700" s="1"/>
    </row>
    <row r="1701" spans="1:31" ht="14.45">
      <c r="A1701" s="11"/>
      <c r="B1701" s="20"/>
      <c r="C1701" s="2" t="s">
        <v>5524</v>
      </c>
      <c r="D1701" s="14" t="s">
        <v>5525</v>
      </c>
      <c r="E1701" s="2" t="s">
        <v>5526</v>
      </c>
      <c r="F1701" s="2" t="s">
        <v>1775</v>
      </c>
      <c r="G1701" s="8">
        <v>206</v>
      </c>
      <c r="H1701" s="5">
        <v>6</v>
      </c>
      <c r="I1701" s="5" t="s">
        <v>1518</v>
      </c>
      <c r="J1701" s="5" t="s">
        <v>1519</v>
      </c>
      <c r="K1701" s="2" t="s">
        <v>1520</v>
      </c>
      <c r="L1701" s="5" t="s">
        <v>1519</v>
      </c>
      <c r="M1701" s="2" t="s">
        <v>1520</v>
      </c>
      <c r="N1701" s="5" t="s">
        <v>1521</v>
      </c>
      <c r="O1701" s="5" t="s">
        <v>38</v>
      </c>
      <c r="P1701" s="5" t="s">
        <v>39</v>
      </c>
      <c r="Q1701" s="5" t="s">
        <v>40</v>
      </c>
      <c r="R1701" s="5" t="s">
        <v>1522</v>
      </c>
      <c r="S1701" s="5" t="s">
        <v>1523</v>
      </c>
      <c r="T1701" s="5" t="s">
        <v>42</v>
      </c>
      <c r="U1701" s="2">
        <v>2.6190000000000002</v>
      </c>
      <c r="V1701" s="2">
        <v>2.1549999999999998</v>
      </c>
      <c r="W1701" s="2">
        <v>1.4999999999999999E-2</v>
      </c>
      <c r="X1701" s="2">
        <v>118.9</v>
      </c>
      <c r="Y1701" s="2">
        <v>7.6</v>
      </c>
      <c r="Z1701" s="2">
        <v>16.7</v>
      </c>
      <c r="AA1701" s="5"/>
      <c r="AB1701" s="5" t="s">
        <v>43</v>
      </c>
      <c r="AC1701" s="5" t="s">
        <v>44</v>
      </c>
      <c r="AD1701" s="2"/>
      <c r="AE1701" s="1"/>
    </row>
    <row r="1702" spans="1:31" ht="14.45">
      <c r="A1702" s="11"/>
      <c r="B1702" s="20"/>
      <c r="C1702" s="2" t="s">
        <v>5527</v>
      </c>
      <c r="D1702" s="14" t="s">
        <v>5528</v>
      </c>
      <c r="E1702" s="2" t="s">
        <v>5529</v>
      </c>
      <c r="F1702" s="2" t="s">
        <v>1779</v>
      </c>
      <c r="G1702" s="8">
        <v>206</v>
      </c>
      <c r="H1702" s="5">
        <v>6</v>
      </c>
      <c r="I1702" s="5" t="s">
        <v>1518</v>
      </c>
      <c r="J1702" s="5" t="s">
        <v>1519</v>
      </c>
      <c r="K1702" s="2" t="s">
        <v>1520</v>
      </c>
      <c r="L1702" s="5" t="s">
        <v>1519</v>
      </c>
      <c r="M1702" s="2" t="s">
        <v>1520</v>
      </c>
      <c r="N1702" s="5" t="s">
        <v>1521</v>
      </c>
      <c r="O1702" s="5" t="s">
        <v>38</v>
      </c>
      <c r="P1702" s="5" t="s">
        <v>39</v>
      </c>
      <c r="Q1702" s="5" t="s">
        <v>40</v>
      </c>
      <c r="R1702" s="5" t="s">
        <v>1522</v>
      </c>
      <c r="S1702" s="5" t="s">
        <v>1523</v>
      </c>
      <c r="T1702" s="5" t="s">
        <v>42</v>
      </c>
      <c r="U1702" s="2">
        <v>2.669</v>
      </c>
      <c r="V1702" s="2">
        <v>2.2050000000000001</v>
      </c>
      <c r="W1702" s="2">
        <v>1.4999999999999999E-2</v>
      </c>
      <c r="X1702" s="2">
        <v>118.9</v>
      </c>
      <c r="Y1702" s="2">
        <v>7.6</v>
      </c>
      <c r="Z1702" s="2">
        <v>16.7</v>
      </c>
      <c r="AA1702" s="5"/>
      <c r="AB1702" s="5" t="s">
        <v>43</v>
      </c>
      <c r="AC1702" s="5" t="s">
        <v>44</v>
      </c>
      <c r="AD1702" s="2"/>
      <c r="AE1702" s="1"/>
    </row>
    <row r="1703" spans="1:31" ht="14.45">
      <c r="A1703" s="11"/>
      <c r="B1703" s="20"/>
      <c r="C1703" s="2" t="s">
        <v>5530</v>
      </c>
      <c r="D1703" s="14" t="s">
        <v>5531</v>
      </c>
      <c r="E1703" s="2" t="s">
        <v>5532</v>
      </c>
      <c r="F1703" s="2" t="s">
        <v>1783</v>
      </c>
      <c r="G1703" s="8">
        <v>206</v>
      </c>
      <c r="H1703" s="5">
        <v>6</v>
      </c>
      <c r="I1703" s="5" t="s">
        <v>1518</v>
      </c>
      <c r="J1703" s="5" t="s">
        <v>1519</v>
      </c>
      <c r="K1703" s="2" t="s">
        <v>1520</v>
      </c>
      <c r="L1703" s="5" t="s">
        <v>1519</v>
      </c>
      <c r="M1703" s="2" t="s">
        <v>1520</v>
      </c>
      <c r="N1703" s="5" t="s">
        <v>1521</v>
      </c>
      <c r="O1703" s="5" t="s">
        <v>38</v>
      </c>
      <c r="P1703" s="5" t="s">
        <v>39</v>
      </c>
      <c r="Q1703" s="5" t="s">
        <v>40</v>
      </c>
      <c r="R1703" s="5" t="s">
        <v>1522</v>
      </c>
      <c r="S1703" s="5" t="s">
        <v>1523</v>
      </c>
      <c r="T1703" s="5" t="s">
        <v>42</v>
      </c>
      <c r="U1703" s="2">
        <v>2.5950000000000002</v>
      </c>
      <c r="V1703" s="2">
        <v>2.1309999999999998</v>
      </c>
      <c r="W1703" s="2">
        <v>1.4999999999999999E-2</v>
      </c>
      <c r="X1703" s="2">
        <v>118.9</v>
      </c>
      <c r="Y1703" s="2">
        <v>7.6</v>
      </c>
      <c r="Z1703" s="2">
        <v>16.7</v>
      </c>
      <c r="AA1703" s="5"/>
      <c r="AB1703" s="5" t="s">
        <v>43</v>
      </c>
      <c r="AC1703" s="5" t="s">
        <v>44</v>
      </c>
      <c r="AD1703" s="2"/>
      <c r="AE1703" s="1"/>
    </row>
    <row r="1704" spans="1:31" ht="14.45">
      <c r="A1704" s="11"/>
      <c r="B1704" s="20"/>
      <c r="C1704" s="2" t="s">
        <v>5533</v>
      </c>
      <c r="D1704" s="14" t="s">
        <v>5534</v>
      </c>
      <c r="E1704" s="2" t="s">
        <v>5535</v>
      </c>
      <c r="F1704" s="2" t="s">
        <v>1787</v>
      </c>
      <c r="G1704" s="8">
        <v>206</v>
      </c>
      <c r="H1704" s="5">
        <v>6</v>
      </c>
      <c r="I1704" s="5" t="s">
        <v>1518</v>
      </c>
      <c r="J1704" s="5" t="s">
        <v>1519</v>
      </c>
      <c r="K1704" s="2" t="s">
        <v>1520</v>
      </c>
      <c r="L1704" s="5" t="s">
        <v>1519</v>
      </c>
      <c r="M1704" s="2" t="s">
        <v>1520</v>
      </c>
      <c r="N1704" s="5" t="s">
        <v>1521</v>
      </c>
      <c r="O1704" s="5" t="s">
        <v>38</v>
      </c>
      <c r="P1704" s="5" t="s">
        <v>39</v>
      </c>
      <c r="Q1704" s="5" t="s">
        <v>40</v>
      </c>
      <c r="R1704" s="5" t="s">
        <v>1522</v>
      </c>
      <c r="S1704" s="5" t="s">
        <v>1523</v>
      </c>
      <c r="T1704" s="5" t="s">
        <v>42</v>
      </c>
      <c r="U1704" s="2">
        <v>2.645</v>
      </c>
      <c r="V1704" s="2">
        <v>2.181</v>
      </c>
      <c r="W1704" s="2">
        <v>1.4999999999999999E-2</v>
      </c>
      <c r="X1704" s="2">
        <v>118.9</v>
      </c>
      <c r="Y1704" s="2">
        <v>7.6</v>
      </c>
      <c r="Z1704" s="2">
        <v>16.7</v>
      </c>
      <c r="AA1704" s="5"/>
      <c r="AB1704" s="5" t="s">
        <v>43</v>
      </c>
      <c r="AC1704" s="5" t="s">
        <v>44</v>
      </c>
      <c r="AD1704" s="2"/>
      <c r="AE1704" s="1"/>
    </row>
    <row r="1705" spans="1:31" ht="14.45">
      <c r="A1705" s="11"/>
      <c r="B1705" s="20"/>
      <c r="C1705" s="2" t="s">
        <v>5536</v>
      </c>
      <c r="D1705" s="14" t="s">
        <v>5537</v>
      </c>
      <c r="E1705" s="2" t="s">
        <v>5538</v>
      </c>
      <c r="F1705" s="2" t="s">
        <v>1795</v>
      </c>
      <c r="G1705" s="8">
        <v>206</v>
      </c>
      <c r="H1705" s="5">
        <v>6</v>
      </c>
      <c r="I1705" s="5" t="s">
        <v>1518</v>
      </c>
      <c r="J1705" s="5" t="s">
        <v>1519</v>
      </c>
      <c r="K1705" s="2" t="s">
        <v>1520</v>
      </c>
      <c r="L1705" s="5" t="s">
        <v>1519</v>
      </c>
      <c r="M1705" s="2" t="s">
        <v>1520</v>
      </c>
      <c r="N1705" s="5" t="s">
        <v>1521</v>
      </c>
      <c r="O1705" s="5" t="s">
        <v>38</v>
      </c>
      <c r="P1705" s="5" t="s">
        <v>39</v>
      </c>
      <c r="Q1705" s="5" t="s">
        <v>40</v>
      </c>
      <c r="R1705" s="5" t="s">
        <v>1522</v>
      </c>
      <c r="S1705" s="5" t="s">
        <v>1523</v>
      </c>
      <c r="T1705" s="5" t="s">
        <v>42</v>
      </c>
      <c r="U1705" s="2">
        <v>2.669</v>
      </c>
      <c r="V1705" s="2">
        <v>2.2050000000000001</v>
      </c>
      <c r="W1705" s="2">
        <v>1.4999999999999999E-2</v>
      </c>
      <c r="X1705" s="2">
        <v>118.9</v>
      </c>
      <c r="Y1705" s="2">
        <v>7.6</v>
      </c>
      <c r="Z1705" s="2">
        <v>16.7</v>
      </c>
      <c r="AA1705" s="5"/>
      <c r="AB1705" s="5" t="s">
        <v>43</v>
      </c>
      <c r="AC1705" s="5" t="s">
        <v>44</v>
      </c>
      <c r="AD1705" s="2"/>
      <c r="AE1705" s="1"/>
    </row>
    <row r="1706" spans="1:31" ht="14.45">
      <c r="A1706" s="11"/>
      <c r="B1706" s="20"/>
      <c r="C1706" s="2" t="s">
        <v>5539</v>
      </c>
      <c r="D1706" s="14" t="s">
        <v>5540</v>
      </c>
      <c r="E1706" s="2" t="s">
        <v>5541</v>
      </c>
      <c r="F1706" s="2" t="s">
        <v>1799</v>
      </c>
      <c r="G1706" s="8">
        <v>206</v>
      </c>
      <c r="H1706" s="5">
        <v>6</v>
      </c>
      <c r="I1706" s="5" t="s">
        <v>1518</v>
      </c>
      <c r="J1706" s="5" t="s">
        <v>1519</v>
      </c>
      <c r="K1706" s="2" t="s">
        <v>1520</v>
      </c>
      <c r="L1706" s="5" t="s">
        <v>1519</v>
      </c>
      <c r="M1706" s="2" t="s">
        <v>1520</v>
      </c>
      <c r="N1706" s="5" t="s">
        <v>1521</v>
      </c>
      <c r="O1706" s="5" t="s">
        <v>38</v>
      </c>
      <c r="P1706" s="5" t="s">
        <v>39</v>
      </c>
      <c r="Q1706" s="5" t="s">
        <v>40</v>
      </c>
      <c r="R1706" s="5" t="s">
        <v>1522</v>
      </c>
      <c r="S1706" s="5" t="s">
        <v>1523</v>
      </c>
      <c r="T1706" s="5" t="s">
        <v>42</v>
      </c>
      <c r="U1706" s="2">
        <v>2.6190000000000002</v>
      </c>
      <c r="V1706" s="2">
        <v>2.1549999999999998</v>
      </c>
      <c r="W1706" s="2">
        <v>1.4999999999999999E-2</v>
      </c>
      <c r="X1706" s="2">
        <v>118.9</v>
      </c>
      <c r="Y1706" s="2">
        <v>7.6</v>
      </c>
      <c r="Z1706" s="2">
        <v>16.7</v>
      </c>
      <c r="AA1706" s="5"/>
      <c r="AB1706" s="5" t="s">
        <v>43</v>
      </c>
      <c r="AC1706" s="5" t="s">
        <v>44</v>
      </c>
      <c r="AD1706" s="2"/>
      <c r="AE1706" s="1"/>
    </row>
    <row r="1707" spans="1:31" ht="14.45">
      <c r="A1707" s="11"/>
      <c r="B1707" s="20"/>
      <c r="C1707" s="2" t="s">
        <v>5542</v>
      </c>
      <c r="D1707" s="14" t="s">
        <v>5543</v>
      </c>
      <c r="E1707" s="2" t="s">
        <v>5544</v>
      </c>
      <c r="F1707" s="2" t="s">
        <v>1803</v>
      </c>
      <c r="G1707" s="8">
        <v>206</v>
      </c>
      <c r="H1707" s="5">
        <v>6</v>
      </c>
      <c r="I1707" s="5" t="s">
        <v>1518</v>
      </c>
      <c r="J1707" s="5" t="s">
        <v>1519</v>
      </c>
      <c r="K1707" s="2" t="s">
        <v>1520</v>
      </c>
      <c r="L1707" s="5" t="s">
        <v>1519</v>
      </c>
      <c r="M1707" s="2" t="s">
        <v>1520</v>
      </c>
      <c r="N1707" s="5" t="s">
        <v>1521</v>
      </c>
      <c r="O1707" s="5" t="s">
        <v>38</v>
      </c>
      <c r="P1707" s="5" t="s">
        <v>39</v>
      </c>
      <c r="Q1707" s="5" t="s">
        <v>40</v>
      </c>
      <c r="R1707" s="5" t="s">
        <v>1522</v>
      </c>
      <c r="S1707" s="5" t="s">
        <v>1523</v>
      </c>
      <c r="T1707" s="5" t="s">
        <v>42</v>
      </c>
      <c r="U1707" s="2">
        <v>2.669</v>
      </c>
      <c r="V1707" s="2">
        <v>2.2050000000000001</v>
      </c>
      <c r="W1707" s="2">
        <v>1.4999999999999999E-2</v>
      </c>
      <c r="X1707" s="2">
        <v>118.9</v>
      </c>
      <c r="Y1707" s="2">
        <v>7.6</v>
      </c>
      <c r="Z1707" s="2">
        <v>16.7</v>
      </c>
      <c r="AA1707" s="5"/>
      <c r="AB1707" s="5" t="s">
        <v>43</v>
      </c>
      <c r="AC1707" s="5" t="s">
        <v>44</v>
      </c>
      <c r="AD1707" s="2"/>
      <c r="AE1707" s="1"/>
    </row>
    <row r="1708" spans="1:31" ht="14.45">
      <c r="A1708" s="11"/>
      <c r="B1708" s="20"/>
      <c r="C1708" s="2" t="s">
        <v>5545</v>
      </c>
      <c r="D1708" s="14" t="s">
        <v>5546</v>
      </c>
      <c r="E1708" s="2" t="s">
        <v>5547</v>
      </c>
      <c r="F1708" s="2" t="s">
        <v>1807</v>
      </c>
      <c r="G1708" s="8">
        <v>206</v>
      </c>
      <c r="H1708" s="5">
        <v>6</v>
      </c>
      <c r="I1708" s="5" t="s">
        <v>1518</v>
      </c>
      <c r="J1708" s="5" t="s">
        <v>1519</v>
      </c>
      <c r="K1708" s="2" t="s">
        <v>1520</v>
      </c>
      <c r="L1708" s="5" t="s">
        <v>1519</v>
      </c>
      <c r="M1708" s="2" t="s">
        <v>1520</v>
      </c>
      <c r="N1708" s="5" t="s">
        <v>1521</v>
      </c>
      <c r="O1708" s="5" t="s">
        <v>38</v>
      </c>
      <c r="P1708" s="5" t="s">
        <v>39</v>
      </c>
      <c r="Q1708" s="5" t="s">
        <v>40</v>
      </c>
      <c r="R1708" s="5" t="s">
        <v>1522</v>
      </c>
      <c r="S1708" s="5" t="s">
        <v>1523</v>
      </c>
      <c r="T1708" s="5" t="s">
        <v>42</v>
      </c>
      <c r="U1708" s="2">
        <v>2.6190000000000002</v>
      </c>
      <c r="V1708" s="2">
        <v>2.1549999999999998</v>
      </c>
      <c r="W1708" s="2">
        <v>1.4999999999999999E-2</v>
      </c>
      <c r="X1708" s="2">
        <v>118.9</v>
      </c>
      <c r="Y1708" s="2">
        <v>7.6</v>
      </c>
      <c r="Z1708" s="2">
        <v>16.7</v>
      </c>
      <c r="AA1708" s="5"/>
      <c r="AB1708" s="5" t="s">
        <v>43</v>
      </c>
      <c r="AC1708" s="5" t="s">
        <v>44</v>
      </c>
      <c r="AD1708" s="2"/>
      <c r="AE1708" s="1"/>
    </row>
    <row r="1709" spans="1:31" ht="14.45">
      <c r="A1709" s="11"/>
      <c r="B1709" s="20"/>
      <c r="C1709" s="2" t="s">
        <v>5548</v>
      </c>
      <c r="D1709" s="14" t="s">
        <v>5549</v>
      </c>
      <c r="E1709" s="2" t="s">
        <v>5550</v>
      </c>
      <c r="F1709" s="2" t="s">
        <v>1811</v>
      </c>
      <c r="G1709" s="8">
        <v>206</v>
      </c>
      <c r="H1709" s="5">
        <v>6</v>
      </c>
      <c r="I1709" s="5" t="s">
        <v>1518</v>
      </c>
      <c r="J1709" s="5" t="s">
        <v>1519</v>
      </c>
      <c r="K1709" s="2" t="s">
        <v>1520</v>
      </c>
      <c r="L1709" s="5" t="s">
        <v>1519</v>
      </c>
      <c r="M1709" s="2" t="s">
        <v>1520</v>
      </c>
      <c r="N1709" s="5" t="s">
        <v>1521</v>
      </c>
      <c r="O1709" s="5" t="s">
        <v>38</v>
      </c>
      <c r="P1709" s="5" t="s">
        <v>39</v>
      </c>
      <c r="Q1709" s="5" t="s">
        <v>40</v>
      </c>
      <c r="R1709" s="5" t="s">
        <v>1522</v>
      </c>
      <c r="S1709" s="5" t="s">
        <v>1523</v>
      </c>
      <c r="T1709" s="5" t="s">
        <v>42</v>
      </c>
      <c r="U1709" s="2">
        <v>2.669</v>
      </c>
      <c r="V1709" s="2">
        <v>2.2050000000000001</v>
      </c>
      <c r="W1709" s="2">
        <v>1.4999999999999999E-2</v>
      </c>
      <c r="X1709" s="2">
        <v>118.9</v>
      </c>
      <c r="Y1709" s="2">
        <v>7.6</v>
      </c>
      <c r="Z1709" s="2">
        <v>16.7</v>
      </c>
      <c r="AA1709" s="5"/>
      <c r="AB1709" s="5" t="s">
        <v>43</v>
      </c>
      <c r="AC1709" s="5" t="s">
        <v>44</v>
      </c>
      <c r="AD1709" s="2"/>
      <c r="AE1709" s="1"/>
    </row>
    <row r="1710" spans="1:31" ht="14.45">
      <c r="A1710" s="11"/>
      <c r="B1710" s="20"/>
      <c r="C1710" s="2" t="s">
        <v>5551</v>
      </c>
      <c r="D1710" s="14" t="s">
        <v>5552</v>
      </c>
      <c r="E1710" s="2" t="s">
        <v>5553</v>
      </c>
      <c r="F1710" s="2" t="s">
        <v>1815</v>
      </c>
      <c r="G1710" s="8">
        <v>206</v>
      </c>
      <c r="H1710" s="5">
        <v>6</v>
      </c>
      <c r="I1710" s="5" t="s">
        <v>1518</v>
      </c>
      <c r="J1710" s="5" t="s">
        <v>1519</v>
      </c>
      <c r="K1710" s="2" t="s">
        <v>1520</v>
      </c>
      <c r="L1710" s="5" t="s">
        <v>1519</v>
      </c>
      <c r="M1710" s="2" t="s">
        <v>1520</v>
      </c>
      <c r="N1710" s="5" t="s">
        <v>1521</v>
      </c>
      <c r="O1710" s="5" t="s">
        <v>38</v>
      </c>
      <c r="P1710" s="5" t="s">
        <v>39</v>
      </c>
      <c r="Q1710" s="5" t="s">
        <v>40</v>
      </c>
      <c r="R1710" s="5" t="s">
        <v>1522</v>
      </c>
      <c r="S1710" s="5" t="s">
        <v>1523</v>
      </c>
      <c r="T1710" s="5" t="s">
        <v>42</v>
      </c>
      <c r="U1710" s="2">
        <v>2.5950000000000002</v>
      </c>
      <c r="V1710" s="2">
        <v>2.1309999999999998</v>
      </c>
      <c r="W1710" s="2">
        <v>1.4999999999999999E-2</v>
      </c>
      <c r="X1710" s="2">
        <v>118.9</v>
      </c>
      <c r="Y1710" s="2">
        <v>7.6</v>
      </c>
      <c r="Z1710" s="2">
        <v>16.7</v>
      </c>
      <c r="AA1710" s="5"/>
      <c r="AB1710" s="5" t="s">
        <v>43</v>
      </c>
      <c r="AC1710" s="5" t="s">
        <v>44</v>
      </c>
      <c r="AD1710" s="2"/>
      <c r="AE1710" s="1"/>
    </row>
    <row r="1711" spans="1:31" ht="14.45">
      <c r="A1711" s="11"/>
      <c r="B1711" s="20"/>
      <c r="C1711" s="2" t="s">
        <v>5554</v>
      </c>
      <c r="D1711" s="14" t="s">
        <v>5555</v>
      </c>
      <c r="E1711" s="2" t="s">
        <v>5556</v>
      </c>
      <c r="F1711" s="2" t="s">
        <v>1819</v>
      </c>
      <c r="G1711" s="8">
        <v>206</v>
      </c>
      <c r="H1711" s="5">
        <v>6</v>
      </c>
      <c r="I1711" s="5" t="s">
        <v>1518</v>
      </c>
      <c r="J1711" s="5" t="s">
        <v>1519</v>
      </c>
      <c r="K1711" s="2" t="s">
        <v>1520</v>
      </c>
      <c r="L1711" s="5" t="s">
        <v>1519</v>
      </c>
      <c r="M1711" s="2" t="s">
        <v>1520</v>
      </c>
      <c r="N1711" s="5" t="s">
        <v>1521</v>
      </c>
      <c r="O1711" s="5" t="s">
        <v>38</v>
      </c>
      <c r="P1711" s="5" t="s">
        <v>39</v>
      </c>
      <c r="Q1711" s="5" t="s">
        <v>40</v>
      </c>
      <c r="R1711" s="5" t="s">
        <v>1522</v>
      </c>
      <c r="S1711" s="5" t="s">
        <v>1523</v>
      </c>
      <c r="T1711" s="5" t="s">
        <v>42</v>
      </c>
      <c r="U1711" s="2">
        <v>2.645</v>
      </c>
      <c r="V1711" s="2">
        <v>2.181</v>
      </c>
      <c r="W1711" s="2">
        <v>1.4999999999999999E-2</v>
      </c>
      <c r="X1711" s="2">
        <v>118.9</v>
      </c>
      <c r="Y1711" s="2">
        <v>7.6</v>
      </c>
      <c r="Z1711" s="2">
        <v>16.7</v>
      </c>
      <c r="AA1711" s="5"/>
      <c r="AB1711" s="5" t="s">
        <v>43</v>
      </c>
      <c r="AC1711" s="5" t="s">
        <v>44</v>
      </c>
      <c r="AD1711" s="2"/>
      <c r="AE1711" s="1"/>
    </row>
    <row r="1712" spans="1:31" ht="14.45">
      <c r="A1712" s="11"/>
      <c r="B1712" s="20"/>
      <c r="C1712" s="2" t="s">
        <v>5557</v>
      </c>
      <c r="D1712" s="14" t="s">
        <v>5558</v>
      </c>
      <c r="E1712" s="2" t="s">
        <v>5559</v>
      </c>
      <c r="F1712" s="2" t="s">
        <v>1823</v>
      </c>
      <c r="G1712" s="8">
        <v>206</v>
      </c>
      <c r="H1712" s="5">
        <v>8</v>
      </c>
      <c r="I1712" s="5" t="s">
        <v>1518</v>
      </c>
      <c r="J1712" s="5" t="s">
        <v>1519</v>
      </c>
      <c r="K1712" s="2" t="s">
        <v>1520</v>
      </c>
      <c r="L1712" s="5" t="s">
        <v>1519</v>
      </c>
      <c r="M1712" s="2" t="s">
        <v>1520</v>
      </c>
      <c r="N1712" s="5" t="s">
        <v>1521</v>
      </c>
      <c r="O1712" s="5" t="s">
        <v>38</v>
      </c>
      <c r="P1712" s="5" t="s">
        <v>39</v>
      </c>
      <c r="Q1712" s="5" t="s">
        <v>40</v>
      </c>
      <c r="R1712" s="5" t="s">
        <v>1522</v>
      </c>
      <c r="S1712" s="5" t="s">
        <v>1523</v>
      </c>
      <c r="T1712" s="5" t="s">
        <v>42</v>
      </c>
      <c r="U1712" s="2">
        <v>2.637</v>
      </c>
      <c r="V1712" s="2">
        <v>2.173</v>
      </c>
      <c r="W1712" s="2">
        <v>1.4999999999999999E-2</v>
      </c>
      <c r="X1712" s="2">
        <v>118.9</v>
      </c>
      <c r="Y1712" s="2">
        <v>7.6</v>
      </c>
      <c r="Z1712" s="2">
        <v>16.7</v>
      </c>
      <c r="AA1712" s="5"/>
      <c r="AB1712" s="5" t="s">
        <v>43</v>
      </c>
      <c r="AC1712" s="5" t="s">
        <v>44</v>
      </c>
      <c r="AD1712" s="2"/>
      <c r="AE1712" s="1"/>
    </row>
    <row r="1713" spans="1:31" ht="14.45">
      <c r="A1713" s="11"/>
      <c r="B1713" s="20"/>
      <c r="C1713" s="2" t="s">
        <v>5560</v>
      </c>
      <c r="D1713" s="14" t="s">
        <v>5561</v>
      </c>
      <c r="E1713" s="2" t="s">
        <v>5562</v>
      </c>
      <c r="F1713" s="2" t="s">
        <v>1827</v>
      </c>
      <c r="G1713" s="8">
        <v>206</v>
      </c>
      <c r="H1713" s="5">
        <v>8</v>
      </c>
      <c r="I1713" s="5" t="s">
        <v>1518</v>
      </c>
      <c r="J1713" s="5" t="s">
        <v>1519</v>
      </c>
      <c r="K1713" s="2" t="s">
        <v>1520</v>
      </c>
      <c r="L1713" s="5" t="s">
        <v>1519</v>
      </c>
      <c r="M1713" s="2" t="s">
        <v>1520</v>
      </c>
      <c r="N1713" s="5" t="s">
        <v>1521</v>
      </c>
      <c r="O1713" s="5" t="s">
        <v>38</v>
      </c>
      <c r="P1713" s="5" t="s">
        <v>39</v>
      </c>
      <c r="Q1713" s="5" t="s">
        <v>40</v>
      </c>
      <c r="R1713" s="5" t="s">
        <v>1522</v>
      </c>
      <c r="S1713" s="5" t="s">
        <v>1523</v>
      </c>
      <c r="T1713" s="5" t="s">
        <v>42</v>
      </c>
      <c r="U1713" s="2">
        <v>2.6869999999999998</v>
      </c>
      <c r="V1713" s="2">
        <v>2.2229999999999999</v>
      </c>
      <c r="W1713" s="2">
        <v>1.4999999999999999E-2</v>
      </c>
      <c r="X1713" s="2">
        <v>118.9</v>
      </c>
      <c r="Y1713" s="2">
        <v>7.6</v>
      </c>
      <c r="Z1713" s="2">
        <v>16.7</v>
      </c>
      <c r="AA1713" s="5"/>
      <c r="AB1713" s="5" t="s">
        <v>43</v>
      </c>
      <c r="AC1713" s="5" t="s">
        <v>44</v>
      </c>
      <c r="AD1713" s="2"/>
      <c r="AE1713" s="1"/>
    </row>
    <row r="1714" spans="1:31" ht="14.45">
      <c r="A1714" s="11"/>
      <c r="B1714" s="20"/>
      <c r="C1714" s="2" t="s">
        <v>5563</v>
      </c>
      <c r="D1714" s="14" t="s">
        <v>5564</v>
      </c>
      <c r="E1714" s="2" t="s">
        <v>5565</v>
      </c>
      <c r="F1714" s="2" t="s">
        <v>1973</v>
      </c>
      <c r="G1714" s="8">
        <v>206</v>
      </c>
      <c r="H1714" s="5">
        <v>13</v>
      </c>
      <c r="I1714" s="5" t="s">
        <v>1518</v>
      </c>
      <c r="J1714" s="5" t="s">
        <v>1519</v>
      </c>
      <c r="K1714" s="2" t="s">
        <v>1520</v>
      </c>
      <c r="L1714" s="5" t="s">
        <v>1519</v>
      </c>
      <c r="M1714" s="2" t="s">
        <v>1520</v>
      </c>
      <c r="N1714" s="5" t="s">
        <v>1521</v>
      </c>
      <c r="O1714" s="5" t="s">
        <v>38</v>
      </c>
      <c r="P1714" s="5" t="s">
        <v>39</v>
      </c>
      <c r="Q1714" s="5" t="s">
        <v>40</v>
      </c>
      <c r="R1714" s="5" t="s">
        <v>1522</v>
      </c>
      <c r="S1714" s="5" t="s">
        <v>1523</v>
      </c>
      <c r="T1714" s="5" t="s">
        <v>42</v>
      </c>
      <c r="U1714" s="2">
        <v>2.6520000000000001</v>
      </c>
      <c r="V1714" s="2">
        <v>2.1880000000000002</v>
      </c>
      <c r="W1714" s="2">
        <v>1.4999999999999999E-2</v>
      </c>
      <c r="X1714" s="2">
        <v>118.9</v>
      </c>
      <c r="Y1714" s="2">
        <v>7.6</v>
      </c>
      <c r="Z1714" s="2">
        <v>16.7</v>
      </c>
      <c r="AA1714" s="5"/>
      <c r="AB1714" s="5" t="s">
        <v>43</v>
      </c>
      <c r="AC1714" s="5" t="s">
        <v>44</v>
      </c>
      <c r="AD1714" s="2"/>
      <c r="AE1714" s="1"/>
    </row>
    <row r="1715" spans="1:31" ht="14.45">
      <c r="A1715" s="11"/>
      <c r="B1715" s="20"/>
      <c r="C1715" s="2" t="s">
        <v>5566</v>
      </c>
      <c r="D1715" s="14" t="s">
        <v>5567</v>
      </c>
      <c r="E1715" s="2" t="s">
        <v>5568</v>
      </c>
      <c r="F1715" s="2" t="s">
        <v>2208</v>
      </c>
      <c r="G1715" s="8">
        <v>206</v>
      </c>
      <c r="H1715" s="5">
        <v>13</v>
      </c>
      <c r="I1715" s="5" t="s">
        <v>1518</v>
      </c>
      <c r="J1715" s="5" t="s">
        <v>1519</v>
      </c>
      <c r="K1715" s="2" t="s">
        <v>1520</v>
      </c>
      <c r="L1715" s="5" t="s">
        <v>1519</v>
      </c>
      <c r="M1715" s="2" t="s">
        <v>1520</v>
      </c>
      <c r="N1715" s="5" t="s">
        <v>1521</v>
      </c>
      <c r="O1715" s="5" t="s">
        <v>38</v>
      </c>
      <c r="P1715" s="5" t="s">
        <v>39</v>
      </c>
      <c r="Q1715" s="5" t="s">
        <v>40</v>
      </c>
      <c r="R1715" s="5" t="s">
        <v>1522</v>
      </c>
      <c r="S1715" s="5" t="s">
        <v>1523</v>
      </c>
      <c r="T1715" s="5" t="s">
        <v>42</v>
      </c>
      <c r="U1715" s="2">
        <v>2.6520000000000001</v>
      </c>
      <c r="V1715" s="2">
        <v>2.1880000000000002</v>
      </c>
      <c r="W1715" s="2">
        <v>1.4999999999999999E-2</v>
      </c>
      <c r="X1715" s="2">
        <v>118.9</v>
      </c>
      <c r="Y1715" s="2">
        <v>7.6</v>
      </c>
      <c r="Z1715" s="2">
        <v>16.7</v>
      </c>
      <c r="AA1715" s="5"/>
      <c r="AB1715" s="5" t="s">
        <v>43</v>
      </c>
      <c r="AC1715" s="5" t="s">
        <v>44</v>
      </c>
      <c r="AD1715" s="2"/>
      <c r="AE1715" s="1"/>
    </row>
    <row r="1716" spans="1:31" ht="14.45">
      <c r="A1716" s="11"/>
      <c r="B1716" s="20"/>
      <c r="C1716" s="2" t="s">
        <v>5569</v>
      </c>
      <c r="D1716" s="14" t="s">
        <v>5570</v>
      </c>
      <c r="E1716" s="2" t="s">
        <v>5571</v>
      </c>
      <c r="F1716" s="2" t="s">
        <v>2212</v>
      </c>
      <c r="G1716" s="8">
        <v>206</v>
      </c>
      <c r="H1716" s="5">
        <v>13</v>
      </c>
      <c r="I1716" s="5" t="s">
        <v>1518</v>
      </c>
      <c r="J1716" s="5" t="s">
        <v>1519</v>
      </c>
      <c r="K1716" s="2" t="s">
        <v>1520</v>
      </c>
      <c r="L1716" s="5" t="s">
        <v>1519</v>
      </c>
      <c r="M1716" s="2" t="s">
        <v>1520</v>
      </c>
      <c r="N1716" s="5" t="s">
        <v>1521</v>
      </c>
      <c r="O1716" s="5" t="s">
        <v>38</v>
      </c>
      <c r="P1716" s="5" t="s">
        <v>39</v>
      </c>
      <c r="Q1716" s="5" t="s">
        <v>40</v>
      </c>
      <c r="R1716" s="5" t="s">
        <v>1522</v>
      </c>
      <c r="S1716" s="5" t="s">
        <v>1523</v>
      </c>
      <c r="T1716" s="5" t="s">
        <v>42</v>
      </c>
      <c r="U1716" s="2">
        <v>2.702</v>
      </c>
      <c r="V1716" s="2">
        <v>2.238</v>
      </c>
      <c r="W1716" s="2">
        <v>1.4999999999999999E-2</v>
      </c>
      <c r="X1716" s="2">
        <v>118.9</v>
      </c>
      <c r="Y1716" s="2">
        <v>7.6</v>
      </c>
      <c r="Z1716" s="2">
        <v>16.7</v>
      </c>
      <c r="AA1716" s="5"/>
      <c r="AB1716" s="5" t="s">
        <v>43</v>
      </c>
      <c r="AC1716" s="5" t="s">
        <v>44</v>
      </c>
      <c r="AD1716" s="2"/>
      <c r="AE1716" s="1"/>
    </row>
    <row r="1717" spans="1:31" ht="14.45">
      <c r="A1717" s="11"/>
      <c r="B1717" s="20"/>
      <c r="C1717" s="2" t="s">
        <v>5572</v>
      </c>
      <c r="D1717" s="14" t="s">
        <v>5573</v>
      </c>
      <c r="E1717" s="2" t="s">
        <v>5574</v>
      </c>
      <c r="F1717" s="2" t="s">
        <v>1831</v>
      </c>
      <c r="G1717" s="8">
        <v>206</v>
      </c>
      <c r="H1717" s="5">
        <v>13</v>
      </c>
      <c r="I1717" s="5" t="s">
        <v>1518</v>
      </c>
      <c r="J1717" s="5" t="s">
        <v>1519</v>
      </c>
      <c r="K1717" s="2" t="s">
        <v>1520</v>
      </c>
      <c r="L1717" s="5" t="s">
        <v>1519</v>
      </c>
      <c r="M1717" s="2" t="s">
        <v>1520</v>
      </c>
      <c r="N1717" s="5" t="s">
        <v>1521</v>
      </c>
      <c r="O1717" s="5" t="s">
        <v>38</v>
      </c>
      <c r="P1717" s="5" t="s">
        <v>39</v>
      </c>
      <c r="Q1717" s="5" t="s">
        <v>40</v>
      </c>
      <c r="R1717" s="5" t="s">
        <v>1522</v>
      </c>
      <c r="S1717" s="5" t="s">
        <v>1523</v>
      </c>
      <c r="T1717" s="5" t="s">
        <v>42</v>
      </c>
      <c r="U1717" s="2">
        <v>2.6520000000000001</v>
      </c>
      <c r="V1717" s="2">
        <v>2.1880000000000002</v>
      </c>
      <c r="W1717" s="2">
        <v>1.4999999999999999E-2</v>
      </c>
      <c r="X1717" s="2">
        <v>118.9</v>
      </c>
      <c r="Y1717" s="2">
        <v>7.6</v>
      </c>
      <c r="Z1717" s="2">
        <v>16.7</v>
      </c>
      <c r="AA1717" s="5"/>
      <c r="AB1717" s="5" t="s">
        <v>43</v>
      </c>
      <c r="AC1717" s="5" t="s">
        <v>44</v>
      </c>
      <c r="AD1717" s="2"/>
      <c r="AE1717" s="1"/>
    </row>
    <row r="1718" spans="1:31" ht="14.45">
      <c r="A1718" s="11"/>
      <c r="B1718" s="20"/>
      <c r="C1718" s="2" t="s">
        <v>5575</v>
      </c>
      <c r="D1718" s="14" t="s">
        <v>5576</v>
      </c>
      <c r="E1718" s="2" t="s">
        <v>5577</v>
      </c>
      <c r="F1718" s="2" t="s">
        <v>1839</v>
      </c>
      <c r="G1718" s="8">
        <v>206</v>
      </c>
      <c r="H1718" s="5">
        <v>13</v>
      </c>
      <c r="I1718" s="5" t="s">
        <v>1518</v>
      </c>
      <c r="J1718" s="5" t="s">
        <v>1519</v>
      </c>
      <c r="K1718" s="2" t="s">
        <v>1520</v>
      </c>
      <c r="L1718" s="5" t="s">
        <v>1519</v>
      </c>
      <c r="M1718" s="2" t="s">
        <v>1520</v>
      </c>
      <c r="N1718" s="5" t="s">
        <v>1521</v>
      </c>
      <c r="O1718" s="5" t="s">
        <v>38</v>
      </c>
      <c r="P1718" s="5" t="s">
        <v>39</v>
      </c>
      <c r="Q1718" s="5" t="s">
        <v>40</v>
      </c>
      <c r="R1718" s="5" t="s">
        <v>1522</v>
      </c>
      <c r="S1718" s="5" t="s">
        <v>1523</v>
      </c>
      <c r="T1718" s="5" t="s">
        <v>42</v>
      </c>
      <c r="U1718" s="2">
        <v>2.6520000000000001</v>
      </c>
      <c r="V1718" s="2">
        <v>2.1880000000000002</v>
      </c>
      <c r="W1718" s="2">
        <v>1.4999999999999999E-2</v>
      </c>
      <c r="X1718" s="2">
        <v>118.9</v>
      </c>
      <c r="Y1718" s="2">
        <v>7.6</v>
      </c>
      <c r="Z1718" s="2">
        <v>16.7</v>
      </c>
      <c r="AA1718" s="5"/>
      <c r="AB1718" s="5" t="s">
        <v>43</v>
      </c>
      <c r="AC1718" s="5" t="s">
        <v>44</v>
      </c>
      <c r="AD1718" s="2"/>
      <c r="AE1718" s="1"/>
    </row>
    <row r="1719" spans="1:31" ht="14.45">
      <c r="A1719" s="11"/>
      <c r="B1719" s="20"/>
      <c r="C1719" s="2" t="s">
        <v>5578</v>
      </c>
      <c r="D1719" s="14" t="s">
        <v>5579</v>
      </c>
      <c r="E1719" s="2" t="s">
        <v>5580</v>
      </c>
      <c r="F1719" s="2" t="s">
        <v>1986</v>
      </c>
      <c r="G1719" s="8">
        <v>206</v>
      </c>
      <c r="H1719" s="5">
        <v>13</v>
      </c>
      <c r="I1719" s="5" t="s">
        <v>1518</v>
      </c>
      <c r="J1719" s="5" t="s">
        <v>1519</v>
      </c>
      <c r="K1719" s="2" t="s">
        <v>1520</v>
      </c>
      <c r="L1719" s="5" t="s">
        <v>1519</v>
      </c>
      <c r="M1719" s="2" t="s">
        <v>1520</v>
      </c>
      <c r="N1719" s="5" t="s">
        <v>1521</v>
      </c>
      <c r="O1719" s="5" t="s">
        <v>38</v>
      </c>
      <c r="P1719" s="5" t="s">
        <v>39</v>
      </c>
      <c r="Q1719" s="5" t="s">
        <v>40</v>
      </c>
      <c r="R1719" s="5" t="s">
        <v>1522</v>
      </c>
      <c r="S1719" s="5" t="s">
        <v>1523</v>
      </c>
      <c r="T1719" s="5" t="s">
        <v>42</v>
      </c>
      <c r="U1719" s="2">
        <v>2.702</v>
      </c>
      <c r="V1719" s="2">
        <v>2.238</v>
      </c>
      <c r="W1719" s="2">
        <v>1.4999999999999999E-2</v>
      </c>
      <c r="X1719" s="2">
        <v>118.9</v>
      </c>
      <c r="Y1719" s="2">
        <v>7.6</v>
      </c>
      <c r="Z1719" s="2">
        <v>16.7</v>
      </c>
      <c r="AA1719" s="5"/>
      <c r="AB1719" s="5" t="s">
        <v>43</v>
      </c>
      <c r="AC1719" s="5" t="s">
        <v>44</v>
      </c>
      <c r="AD1719" s="2"/>
      <c r="AE1719" s="1"/>
    </row>
    <row r="1720" spans="1:31" ht="14.45">
      <c r="A1720" s="11"/>
      <c r="B1720" s="20"/>
      <c r="C1720" s="2" t="s">
        <v>5581</v>
      </c>
      <c r="D1720" s="14" t="s">
        <v>5582</v>
      </c>
      <c r="E1720" s="2" t="s">
        <v>5583</v>
      </c>
      <c r="F1720" s="2" t="s">
        <v>1843</v>
      </c>
      <c r="G1720" s="8">
        <v>206</v>
      </c>
      <c r="H1720" s="5">
        <v>13</v>
      </c>
      <c r="I1720" s="5" t="s">
        <v>1518</v>
      </c>
      <c r="J1720" s="5" t="s">
        <v>1519</v>
      </c>
      <c r="K1720" s="2" t="s">
        <v>1520</v>
      </c>
      <c r="L1720" s="5" t="s">
        <v>1519</v>
      </c>
      <c r="M1720" s="2" t="s">
        <v>1520</v>
      </c>
      <c r="N1720" s="5" t="s">
        <v>1521</v>
      </c>
      <c r="O1720" s="5" t="s">
        <v>38</v>
      </c>
      <c r="P1720" s="5" t="s">
        <v>39</v>
      </c>
      <c r="Q1720" s="5" t="s">
        <v>40</v>
      </c>
      <c r="R1720" s="5" t="s">
        <v>1522</v>
      </c>
      <c r="S1720" s="5" t="s">
        <v>1523</v>
      </c>
      <c r="T1720" s="5" t="s">
        <v>42</v>
      </c>
      <c r="U1720" s="2">
        <v>2.6520000000000001</v>
      </c>
      <c r="V1720" s="2">
        <v>2.1880000000000002</v>
      </c>
      <c r="W1720" s="2">
        <v>1.4999999999999999E-2</v>
      </c>
      <c r="X1720" s="2">
        <v>118.9</v>
      </c>
      <c r="Y1720" s="2">
        <v>7.6</v>
      </c>
      <c r="Z1720" s="2">
        <v>16.7</v>
      </c>
      <c r="AA1720" s="5"/>
      <c r="AB1720" s="5" t="s">
        <v>43</v>
      </c>
      <c r="AC1720" s="5" t="s">
        <v>44</v>
      </c>
      <c r="AD1720" s="2"/>
      <c r="AE1720" s="1"/>
    </row>
    <row r="1721" spans="1:31" ht="14.45">
      <c r="A1721" s="11"/>
      <c r="B1721" s="20"/>
      <c r="C1721" s="2" t="s">
        <v>5584</v>
      </c>
      <c r="D1721" s="14" t="s">
        <v>5585</v>
      </c>
      <c r="E1721" s="2" t="s">
        <v>5586</v>
      </c>
      <c r="F1721" s="2" t="s">
        <v>1851</v>
      </c>
      <c r="G1721" s="8">
        <v>206</v>
      </c>
      <c r="H1721" s="5">
        <v>13</v>
      </c>
      <c r="I1721" s="5" t="s">
        <v>1518</v>
      </c>
      <c r="J1721" s="5" t="s">
        <v>1519</v>
      </c>
      <c r="K1721" s="2" t="s">
        <v>1520</v>
      </c>
      <c r="L1721" s="5" t="s">
        <v>1519</v>
      </c>
      <c r="M1721" s="2" t="s">
        <v>1520</v>
      </c>
      <c r="N1721" s="5" t="s">
        <v>1521</v>
      </c>
      <c r="O1721" s="5" t="s">
        <v>38</v>
      </c>
      <c r="P1721" s="5" t="s">
        <v>39</v>
      </c>
      <c r="Q1721" s="5" t="s">
        <v>40</v>
      </c>
      <c r="R1721" s="5" t="s">
        <v>1522</v>
      </c>
      <c r="S1721" s="5" t="s">
        <v>1523</v>
      </c>
      <c r="T1721" s="5" t="s">
        <v>42</v>
      </c>
      <c r="U1721" s="2">
        <v>2.6520000000000001</v>
      </c>
      <c r="V1721" s="2">
        <v>2.1880000000000002</v>
      </c>
      <c r="W1721" s="2">
        <v>1.4999999999999999E-2</v>
      </c>
      <c r="X1721" s="2">
        <v>118.9</v>
      </c>
      <c r="Y1721" s="2">
        <v>7.6</v>
      </c>
      <c r="Z1721" s="2">
        <v>16.7</v>
      </c>
      <c r="AA1721" s="5"/>
      <c r="AB1721" s="5" t="s">
        <v>43</v>
      </c>
      <c r="AC1721" s="5" t="s">
        <v>44</v>
      </c>
      <c r="AD1721" s="2"/>
      <c r="AE1721" s="1"/>
    </row>
    <row r="1722" spans="1:31" ht="14.45">
      <c r="A1722" s="11"/>
      <c r="B1722" s="20"/>
      <c r="C1722" s="2" t="s">
        <v>5587</v>
      </c>
      <c r="D1722" s="14" t="s">
        <v>5588</v>
      </c>
      <c r="E1722" s="2" t="s">
        <v>5589</v>
      </c>
      <c r="F1722" s="2" t="s">
        <v>1999</v>
      </c>
      <c r="G1722" s="8">
        <v>206</v>
      </c>
      <c r="H1722" s="5">
        <v>13</v>
      </c>
      <c r="I1722" s="5" t="s">
        <v>1518</v>
      </c>
      <c r="J1722" s="5" t="s">
        <v>1519</v>
      </c>
      <c r="K1722" s="2" t="s">
        <v>1520</v>
      </c>
      <c r="L1722" s="5" t="s">
        <v>1519</v>
      </c>
      <c r="M1722" s="2" t="s">
        <v>1520</v>
      </c>
      <c r="N1722" s="5" t="s">
        <v>1521</v>
      </c>
      <c r="O1722" s="5" t="s">
        <v>38</v>
      </c>
      <c r="P1722" s="5" t="s">
        <v>39</v>
      </c>
      <c r="Q1722" s="5" t="s">
        <v>40</v>
      </c>
      <c r="R1722" s="5" t="s">
        <v>1522</v>
      </c>
      <c r="S1722" s="5" t="s">
        <v>1523</v>
      </c>
      <c r="T1722" s="5" t="s">
        <v>42</v>
      </c>
      <c r="U1722" s="2">
        <v>2.702</v>
      </c>
      <c r="V1722" s="2">
        <v>2.238</v>
      </c>
      <c r="W1722" s="2">
        <v>1.4999999999999999E-2</v>
      </c>
      <c r="X1722" s="2">
        <v>118.9</v>
      </c>
      <c r="Y1722" s="2">
        <v>7.6</v>
      </c>
      <c r="Z1722" s="2">
        <v>16.7</v>
      </c>
      <c r="AA1722" s="5"/>
      <c r="AB1722" s="5" t="s">
        <v>43</v>
      </c>
      <c r="AC1722" s="5" t="s">
        <v>44</v>
      </c>
      <c r="AD1722" s="2"/>
      <c r="AE1722" s="1"/>
    </row>
    <row r="1723" spans="1:31" ht="14.45">
      <c r="A1723" s="11"/>
      <c r="B1723" s="20"/>
      <c r="C1723" s="2" t="s">
        <v>5590</v>
      </c>
      <c r="D1723" s="14" t="s">
        <v>5591</v>
      </c>
      <c r="E1723" s="2" t="s">
        <v>5592</v>
      </c>
      <c r="F1723" s="2" t="s">
        <v>1855</v>
      </c>
      <c r="G1723" s="8">
        <v>206</v>
      </c>
      <c r="H1723" s="5">
        <v>13</v>
      </c>
      <c r="I1723" s="5" t="s">
        <v>1518</v>
      </c>
      <c r="J1723" s="5" t="s">
        <v>1519</v>
      </c>
      <c r="K1723" s="2" t="s">
        <v>1520</v>
      </c>
      <c r="L1723" s="5" t="s">
        <v>1519</v>
      </c>
      <c r="M1723" s="2" t="s">
        <v>1520</v>
      </c>
      <c r="N1723" s="5" t="s">
        <v>1521</v>
      </c>
      <c r="O1723" s="5" t="s">
        <v>38</v>
      </c>
      <c r="P1723" s="5" t="s">
        <v>39</v>
      </c>
      <c r="Q1723" s="5" t="s">
        <v>40</v>
      </c>
      <c r="R1723" s="5" t="s">
        <v>1522</v>
      </c>
      <c r="S1723" s="5" t="s">
        <v>1523</v>
      </c>
      <c r="T1723" s="5" t="s">
        <v>42</v>
      </c>
      <c r="U1723" s="2">
        <v>2.6520000000000001</v>
      </c>
      <c r="V1723" s="2">
        <v>2.1880000000000002</v>
      </c>
      <c r="W1723" s="2">
        <v>1.4999999999999999E-2</v>
      </c>
      <c r="X1723" s="2">
        <v>118.9</v>
      </c>
      <c r="Y1723" s="2">
        <v>7.6</v>
      </c>
      <c r="Z1723" s="2">
        <v>16.7</v>
      </c>
      <c r="AA1723" s="5"/>
      <c r="AB1723" s="5" t="s">
        <v>43</v>
      </c>
      <c r="AC1723" s="5" t="s">
        <v>44</v>
      </c>
      <c r="AD1723" s="2"/>
      <c r="AE1723" s="1"/>
    </row>
    <row r="1724" spans="1:31" ht="14.45">
      <c r="A1724" s="11"/>
      <c r="B1724" s="20"/>
      <c r="C1724" s="2" t="s">
        <v>5593</v>
      </c>
      <c r="D1724" s="14" t="s">
        <v>5594</v>
      </c>
      <c r="E1724" s="2" t="s">
        <v>5595</v>
      </c>
      <c r="F1724" s="2" t="s">
        <v>1863</v>
      </c>
      <c r="G1724" s="8">
        <v>206</v>
      </c>
      <c r="H1724" s="5">
        <v>11</v>
      </c>
      <c r="I1724" s="5" t="s">
        <v>1518</v>
      </c>
      <c r="J1724" s="5" t="s">
        <v>1519</v>
      </c>
      <c r="K1724" s="2" t="s">
        <v>1520</v>
      </c>
      <c r="L1724" s="5" t="s">
        <v>1519</v>
      </c>
      <c r="M1724" s="2" t="s">
        <v>1520</v>
      </c>
      <c r="N1724" s="5" t="s">
        <v>1521</v>
      </c>
      <c r="O1724" s="5" t="s">
        <v>38</v>
      </c>
      <c r="P1724" s="5" t="s">
        <v>39</v>
      </c>
      <c r="Q1724" s="5" t="s">
        <v>40</v>
      </c>
      <c r="R1724" s="5" t="s">
        <v>1522</v>
      </c>
      <c r="S1724" s="5" t="s">
        <v>1523</v>
      </c>
      <c r="T1724" s="5" t="s">
        <v>42</v>
      </c>
      <c r="U1724" s="2">
        <v>2.6</v>
      </c>
      <c r="V1724" s="2">
        <v>2.1360000000000001</v>
      </c>
      <c r="W1724" s="2">
        <v>1.4999999999999999E-2</v>
      </c>
      <c r="X1724" s="2">
        <v>118.9</v>
      </c>
      <c r="Y1724" s="2">
        <v>7.6</v>
      </c>
      <c r="Z1724" s="2">
        <v>16.7</v>
      </c>
      <c r="AA1724" s="5"/>
      <c r="AB1724" s="5" t="s">
        <v>43</v>
      </c>
      <c r="AC1724" s="5" t="s">
        <v>44</v>
      </c>
      <c r="AD1724" s="2"/>
      <c r="AE1724" s="1"/>
    </row>
    <row r="1725" spans="1:31" ht="14.45">
      <c r="A1725" s="11"/>
      <c r="B1725" s="20"/>
      <c r="C1725" s="2" t="s">
        <v>5596</v>
      </c>
      <c r="D1725" s="14" t="s">
        <v>5597</v>
      </c>
      <c r="E1725" s="2" t="s">
        <v>5598</v>
      </c>
      <c r="F1725" s="2" t="s">
        <v>1867</v>
      </c>
      <c r="G1725" s="8">
        <v>206</v>
      </c>
      <c r="H1725" s="5">
        <v>11</v>
      </c>
      <c r="I1725" s="5" t="s">
        <v>1518</v>
      </c>
      <c r="J1725" s="5" t="s">
        <v>1519</v>
      </c>
      <c r="K1725" s="2" t="s">
        <v>1520</v>
      </c>
      <c r="L1725" s="5" t="s">
        <v>1519</v>
      </c>
      <c r="M1725" s="2" t="s">
        <v>1520</v>
      </c>
      <c r="N1725" s="5" t="s">
        <v>1521</v>
      </c>
      <c r="O1725" s="5" t="s">
        <v>38</v>
      </c>
      <c r="P1725" s="5" t="s">
        <v>39</v>
      </c>
      <c r="Q1725" s="5" t="s">
        <v>40</v>
      </c>
      <c r="R1725" s="5" t="s">
        <v>1522</v>
      </c>
      <c r="S1725" s="5" t="s">
        <v>1523</v>
      </c>
      <c r="T1725" s="5" t="s">
        <v>42</v>
      </c>
      <c r="U1725" s="2">
        <v>2.65</v>
      </c>
      <c r="V1725" s="2">
        <v>2.1859999999999999</v>
      </c>
      <c r="W1725" s="2">
        <v>1.4999999999999999E-2</v>
      </c>
      <c r="X1725" s="2">
        <v>118.9</v>
      </c>
      <c r="Y1725" s="2">
        <v>7.6</v>
      </c>
      <c r="Z1725" s="2">
        <v>16.7</v>
      </c>
      <c r="AA1725" s="5"/>
      <c r="AB1725" s="5" t="s">
        <v>43</v>
      </c>
      <c r="AC1725" s="5" t="s">
        <v>44</v>
      </c>
      <c r="AD1725" s="2"/>
      <c r="AE1725" s="1"/>
    </row>
    <row r="1726" spans="1:31" ht="14.45">
      <c r="A1726" s="11"/>
      <c r="B1726" s="20"/>
      <c r="C1726" s="2" t="s">
        <v>5599</v>
      </c>
      <c r="D1726" s="14" t="s">
        <v>5600</v>
      </c>
      <c r="E1726" s="2" t="s">
        <v>5601</v>
      </c>
      <c r="F1726" s="2" t="s">
        <v>1695</v>
      </c>
      <c r="G1726" s="8">
        <v>179</v>
      </c>
      <c r="H1726" s="5">
        <v>5</v>
      </c>
      <c r="I1726" s="5" t="s">
        <v>1518</v>
      </c>
      <c r="J1726" s="5" t="s">
        <v>1519</v>
      </c>
      <c r="K1726" s="2" t="s">
        <v>1520</v>
      </c>
      <c r="L1726" s="5" t="s">
        <v>1519</v>
      </c>
      <c r="M1726" s="2" t="s">
        <v>1520</v>
      </c>
      <c r="N1726" s="5" t="s">
        <v>1521</v>
      </c>
      <c r="O1726" s="5" t="s">
        <v>38</v>
      </c>
      <c r="P1726" s="5" t="s">
        <v>39</v>
      </c>
      <c r="Q1726" s="5" t="s">
        <v>40</v>
      </c>
      <c r="R1726" s="5" t="s">
        <v>1522</v>
      </c>
      <c r="S1726" s="5" t="s">
        <v>1523</v>
      </c>
      <c r="T1726" s="5" t="s">
        <v>42</v>
      </c>
      <c r="U1726" s="2">
        <v>2.7549999999999999</v>
      </c>
      <c r="V1726" s="2">
        <v>2.2989999999999999</v>
      </c>
      <c r="W1726" s="2">
        <v>1.4999999999999999E-2</v>
      </c>
      <c r="X1726" s="2">
        <v>118.9</v>
      </c>
      <c r="Y1726" s="2">
        <v>7.6</v>
      </c>
      <c r="Z1726" s="2">
        <v>16.7</v>
      </c>
      <c r="AA1726" s="5"/>
      <c r="AB1726" s="5" t="s">
        <v>43</v>
      </c>
      <c r="AC1726" s="5" t="s">
        <v>44</v>
      </c>
      <c r="AD1726" s="2"/>
      <c r="AE1726" s="1"/>
    </row>
    <row r="1727" spans="1:31" ht="14.45">
      <c r="A1727" s="11"/>
      <c r="B1727" s="20"/>
      <c r="C1727" s="2" t="s">
        <v>5602</v>
      </c>
      <c r="D1727" s="14" t="s">
        <v>5603</v>
      </c>
      <c r="E1727" s="2" t="s">
        <v>5604</v>
      </c>
      <c r="F1727" s="2" t="s">
        <v>1699</v>
      </c>
      <c r="G1727" s="8">
        <v>179</v>
      </c>
      <c r="H1727" s="5">
        <v>6</v>
      </c>
      <c r="I1727" s="5" t="s">
        <v>1518</v>
      </c>
      <c r="J1727" s="5" t="s">
        <v>1519</v>
      </c>
      <c r="K1727" s="2" t="s">
        <v>1520</v>
      </c>
      <c r="L1727" s="5" t="s">
        <v>1519</v>
      </c>
      <c r="M1727" s="2" t="s">
        <v>1520</v>
      </c>
      <c r="N1727" s="5" t="s">
        <v>1521</v>
      </c>
      <c r="O1727" s="5" t="s">
        <v>38</v>
      </c>
      <c r="P1727" s="5" t="s">
        <v>39</v>
      </c>
      <c r="Q1727" s="5" t="s">
        <v>40</v>
      </c>
      <c r="R1727" s="5" t="s">
        <v>1522</v>
      </c>
      <c r="S1727" s="5" t="s">
        <v>1523</v>
      </c>
      <c r="T1727" s="5" t="s">
        <v>42</v>
      </c>
      <c r="U1727" s="2">
        <v>2.81</v>
      </c>
      <c r="V1727" s="2">
        <v>2.3540000000000001</v>
      </c>
      <c r="W1727" s="2">
        <v>1.4999999999999999E-2</v>
      </c>
      <c r="X1727" s="2">
        <v>118.9</v>
      </c>
      <c r="Y1727" s="2">
        <v>7.6</v>
      </c>
      <c r="Z1727" s="2">
        <v>16.7</v>
      </c>
      <c r="AA1727" s="5"/>
      <c r="AB1727" s="5" t="s">
        <v>43</v>
      </c>
      <c r="AC1727" s="5" t="s">
        <v>44</v>
      </c>
      <c r="AD1727" s="2"/>
      <c r="AE1727" s="1"/>
    </row>
    <row r="1728" spans="1:31" ht="14.45">
      <c r="A1728" s="11"/>
      <c r="B1728" s="20"/>
      <c r="C1728" s="2" t="s">
        <v>5605</v>
      </c>
      <c r="D1728" s="14" t="s">
        <v>5606</v>
      </c>
      <c r="E1728" s="2" t="s">
        <v>5607</v>
      </c>
      <c r="F1728" s="2" t="s">
        <v>1703</v>
      </c>
      <c r="G1728" s="8">
        <v>179</v>
      </c>
      <c r="H1728" s="5">
        <v>5</v>
      </c>
      <c r="I1728" s="5" t="s">
        <v>1518</v>
      </c>
      <c r="J1728" s="5" t="s">
        <v>1519</v>
      </c>
      <c r="K1728" s="2" t="s">
        <v>1520</v>
      </c>
      <c r="L1728" s="5" t="s">
        <v>1519</v>
      </c>
      <c r="M1728" s="2" t="s">
        <v>1520</v>
      </c>
      <c r="N1728" s="5" t="s">
        <v>1521</v>
      </c>
      <c r="O1728" s="5" t="s">
        <v>38</v>
      </c>
      <c r="P1728" s="5" t="s">
        <v>39</v>
      </c>
      <c r="Q1728" s="5" t="s">
        <v>40</v>
      </c>
      <c r="R1728" s="5" t="s">
        <v>1522</v>
      </c>
      <c r="S1728" s="5" t="s">
        <v>1523</v>
      </c>
      <c r="T1728" s="5" t="s">
        <v>42</v>
      </c>
      <c r="U1728" s="2">
        <v>2.7639999999999998</v>
      </c>
      <c r="V1728" s="2">
        <v>2.3079999999999998</v>
      </c>
      <c r="W1728" s="2">
        <v>1.4999999999999999E-2</v>
      </c>
      <c r="X1728" s="2">
        <v>118.9</v>
      </c>
      <c r="Y1728" s="2">
        <v>7.6</v>
      </c>
      <c r="Z1728" s="2">
        <v>16.7</v>
      </c>
      <c r="AA1728" s="5"/>
      <c r="AB1728" s="5" t="s">
        <v>43</v>
      </c>
      <c r="AC1728" s="5" t="s">
        <v>44</v>
      </c>
      <c r="AD1728" s="2"/>
      <c r="AE1728" s="1"/>
    </row>
    <row r="1729" spans="1:31" ht="14.45">
      <c r="A1729" s="11"/>
      <c r="B1729" s="20"/>
      <c r="C1729" s="2" t="s">
        <v>5608</v>
      </c>
      <c r="D1729" s="14" t="s">
        <v>5609</v>
      </c>
      <c r="E1729" s="2" t="s">
        <v>5610</v>
      </c>
      <c r="F1729" s="2" t="s">
        <v>1707</v>
      </c>
      <c r="G1729" s="8">
        <v>179</v>
      </c>
      <c r="H1729" s="5">
        <v>5</v>
      </c>
      <c r="I1729" s="5" t="s">
        <v>1518</v>
      </c>
      <c r="J1729" s="5" t="s">
        <v>1519</v>
      </c>
      <c r="K1729" s="2" t="s">
        <v>1520</v>
      </c>
      <c r="L1729" s="5" t="s">
        <v>1519</v>
      </c>
      <c r="M1729" s="2" t="s">
        <v>1520</v>
      </c>
      <c r="N1729" s="5" t="s">
        <v>1521</v>
      </c>
      <c r="O1729" s="5" t="s">
        <v>38</v>
      </c>
      <c r="P1729" s="5" t="s">
        <v>39</v>
      </c>
      <c r="Q1729" s="5" t="s">
        <v>40</v>
      </c>
      <c r="R1729" s="5" t="s">
        <v>1522</v>
      </c>
      <c r="S1729" s="5" t="s">
        <v>1523</v>
      </c>
      <c r="T1729" s="5" t="s">
        <v>42</v>
      </c>
      <c r="U1729" s="2">
        <v>2.819</v>
      </c>
      <c r="V1729" s="2">
        <v>2.363</v>
      </c>
      <c r="W1729" s="2">
        <v>1.4999999999999999E-2</v>
      </c>
      <c r="X1729" s="2">
        <v>118.9</v>
      </c>
      <c r="Y1729" s="2">
        <v>7.6</v>
      </c>
      <c r="Z1729" s="2">
        <v>16.7</v>
      </c>
      <c r="AA1729" s="5"/>
      <c r="AB1729" s="5" t="s">
        <v>43</v>
      </c>
      <c r="AC1729" s="5" t="s">
        <v>44</v>
      </c>
      <c r="AD1729" s="2"/>
      <c r="AE1729" s="1"/>
    </row>
    <row r="1730" spans="1:31" ht="14.45">
      <c r="A1730" s="11"/>
      <c r="B1730" s="20"/>
      <c r="C1730" s="2" t="s">
        <v>5611</v>
      </c>
      <c r="D1730" s="14" t="s">
        <v>5612</v>
      </c>
      <c r="E1730" s="2" t="s">
        <v>5613</v>
      </c>
      <c r="F1730" s="2" t="s">
        <v>1711</v>
      </c>
      <c r="G1730" s="8">
        <v>179</v>
      </c>
      <c r="H1730" s="5">
        <v>5</v>
      </c>
      <c r="I1730" s="5" t="s">
        <v>1518</v>
      </c>
      <c r="J1730" s="5" t="s">
        <v>1519</v>
      </c>
      <c r="K1730" s="2" t="s">
        <v>1520</v>
      </c>
      <c r="L1730" s="5" t="s">
        <v>1519</v>
      </c>
      <c r="M1730" s="2" t="s">
        <v>1520</v>
      </c>
      <c r="N1730" s="5" t="s">
        <v>1521</v>
      </c>
      <c r="O1730" s="5" t="s">
        <v>38</v>
      </c>
      <c r="P1730" s="5" t="s">
        <v>39</v>
      </c>
      <c r="Q1730" s="5" t="s">
        <v>40</v>
      </c>
      <c r="R1730" s="5" t="s">
        <v>1522</v>
      </c>
      <c r="S1730" s="5" t="s">
        <v>1523</v>
      </c>
      <c r="T1730" s="5" t="s">
        <v>42</v>
      </c>
      <c r="U1730" s="2">
        <v>2.7639999999999998</v>
      </c>
      <c r="V1730" s="2">
        <v>2.3079999999999998</v>
      </c>
      <c r="W1730" s="2">
        <v>1.4999999999999999E-2</v>
      </c>
      <c r="X1730" s="2">
        <v>118.9</v>
      </c>
      <c r="Y1730" s="2">
        <v>7.6</v>
      </c>
      <c r="Z1730" s="2">
        <v>16.7</v>
      </c>
      <c r="AA1730" s="5"/>
      <c r="AB1730" s="5" t="s">
        <v>43</v>
      </c>
      <c r="AC1730" s="5" t="s">
        <v>44</v>
      </c>
      <c r="AD1730" s="2"/>
      <c r="AE1730" s="1"/>
    </row>
    <row r="1731" spans="1:31" ht="14.45">
      <c r="A1731" s="11"/>
      <c r="B1731" s="20"/>
      <c r="C1731" s="2" t="s">
        <v>5614</v>
      </c>
      <c r="D1731" s="14" t="s">
        <v>5615</v>
      </c>
      <c r="E1731" s="2" t="s">
        <v>5616</v>
      </c>
      <c r="F1731" s="2" t="s">
        <v>1715</v>
      </c>
      <c r="G1731" s="8">
        <v>179</v>
      </c>
      <c r="H1731" s="5">
        <v>6</v>
      </c>
      <c r="I1731" s="5" t="s">
        <v>1518</v>
      </c>
      <c r="J1731" s="5" t="s">
        <v>1519</v>
      </c>
      <c r="K1731" s="2" t="s">
        <v>1520</v>
      </c>
      <c r="L1731" s="5" t="s">
        <v>1519</v>
      </c>
      <c r="M1731" s="2" t="s">
        <v>1520</v>
      </c>
      <c r="N1731" s="5" t="s">
        <v>1521</v>
      </c>
      <c r="O1731" s="5" t="s">
        <v>38</v>
      </c>
      <c r="P1731" s="5" t="s">
        <v>39</v>
      </c>
      <c r="Q1731" s="5" t="s">
        <v>40</v>
      </c>
      <c r="R1731" s="5" t="s">
        <v>1522</v>
      </c>
      <c r="S1731" s="5" t="s">
        <v>1523</v>
      </c>
      <c r="T1731" s="5" t="s">
        <v>42</v>
      </c>
      <c r="U1731" s="2">
        <v>2.819</v>
      </c>
      <c r="V1731" s="2">
        <v>2.363</v>
      </c>
      <c r="W1731" s="2">
        <v>1.4999999999999999E-2</v>
      </c>
      <c r="X1731" s="2">
        <v>118.9</v>
      </c>
      <c r="Y1731" s="2">
        <v>7.6</v>
      </c>
      <c r="Z1731" s="2">
        <v>16.7</v>
      </c>
      <c r="AA1731" s="5"/>
      <c r="AB1731" s="5" t="s">
        <v>43</v>
      </c>
      <c r="AC1731" s="5" t="s">
        <v>44</v>
      </c>
      <c r="AD1731" s="2"/>
      <c r="AE1731" s="1"/>
    </row>
    <row r="1732" spans="1:31" ht="14.45">
      <c r="A1732" s="11"/>
      <c r="B1732" s="20"/>
      <c r="C1732" s="2" t="s">
        <v>5617</v>
      </c>
      <c r="D1732" s="14" t="s">
        <v>5618</v>
      </c>
      <c r="E1732" s="2" t="s">
        <v>5619</v>
      </c>
      <c r="F1732" s="2" t="s">
        <v>1719</v>
      </c>
      <c r="G1732" s="8">
        <v>179</v>
      </c>
      <c r="H1732" s="2">
        <v>5</v>
      </c>
      <c r="I1732" s="2" t="s">
        <v>1518</v>
      </c>
      <c r="J1732" s="2" t="s">
        <v>1519</v>
      </c>
      <c r="K1732" s="2" t="s">
        <v>1520</v>
      </c>
      <c r="L1732" s="2" t="s">
        <v>1519</v>
      </c>
      <c r="M1732" s="2" t="s">
        <v>1520</v>
      </c>
      <c r="N1732" s="2" t="s">
        <v>1521</v>
      </c>
      <c r="O1732" s="2" t="s">
        <v>38</v>
      </c>
      <c r="P1732" s="2" t="s">
        <v>39</v>
      </c>
      <c r="Q1732" s="2" t="s">
        <v>40</v>
      </c>
      <c r="R1732" s="2" t="s">
        <v>1522</v>
      </c>
      <c r="S1732" s="12" t="s">
        <v>1523</v>
      </c>
      <c r="T1732" s="12" t="s">
        <v>42</v>
      </c>
      <c r="U1732" s="2">
        <v>2.7360000000000002</v>
      </c>
      <c r="V1732" s="2">
        <v>2.2789999999999999</v>
      </c>
      <c r="W1732" s="2">
        <v>1.4999999999999999E-2</v>
      </c>
      <c r="X1732" s="2">
        <v>118.9</v>
      </c>
      <c r="Y1732" s="2">
        <v>7.6</v>
      </c>
      <c r="Z1732" s="2">
        <v>16.7</v>
      </c>
      <c r="AA1732" s="12"/>
      <c r="AB1732" s="12" t="s">
        <v>43</v>
      </c>
      <c r="AC1732" s="12" t="s">
        <v>44</v>
      </c>
      <c r="AD1732" s="2"/>
      <c r="AE1732" s="1"/>
    </row>
    <row r="1733" spans="1:31" ht="14.45">
      <c r="A1733" s="11"/>
      <c r="B1733" s="20"/>
      <c r="C1733" s="2" t="s">
        <v>5620</v>
      </c>
      <c r="D1733" s="14" t="s">
        <v>5621</v>
      </c>
      <c r="E1733" s="2" t="s">
        <v>5622</v>
      </c>
      <c r="F1733" s="2" t="s">
        <v>1723</v>
      </c>
      <c r="G1733" s="8">
        <v>179</v>
      </c>
      <c r="H1733" s="5">
        <v>5</v>
      </c>
      <c r="I1733" s="5" t="s">
        <v>1518</v>
      </c>
      <c r="J1733" s="5" t="s">
        <v>1519</v>
      </c>
      <c r="K1733" s="2" t="s">
        <v>1520</v>
      </c>
      <c r="L1733" s="5" t="s">
        <v>1519</v>
      </c>
      <c r="M1733" s="2" t="s">
        <v>1520</v>
      </c>
      <c r="N1733" s="5" t="s">
        <v>1521</v>
      </c>
      <c r="O1733" s="5" t="s">
        <v>38</v>
      </c>
      <c r="P1733" s="5" t="s">
        <v>39</v>
      </c>
      <c r="Q1733" s="5" t="s">
        <v>40</v>
      </c>
      <c r="R1733" s="5" t="s">
        <v>1522</v>
      </c>
      <c r="S1733" s="5" t="s">
        <v>1523</v>
      </c>
      <c r="T1733" s="5" t="s">
        <v>42</v>
      </c>
      <c r="U1733" s="2">
        <v>2.7909999999999999</v>
      </c>
      <c r="V1733" s="2">
        <v>2.3340000000000001</v>
      </c>
      <c r="W1733" s="2">
        <v>1.4999999999999999E-2</v>
      </c>
      <c r="X1733" s="2">
        <v>118.9</v>
      </c>
      <c r="Y1733" s="2">
        <v>7.6</v>
      </c>
      <c r="Z1733" s="2">
        <v>16.7</v>
      </c>
      <c r="AA1733" s="5"/>
      <c r="AB1733" s="5" t="s">
        <v>43</v>
      </c>
      <c r="AC1733" s="5" t="s">
        <v>44</v>
      </c>
      <c r="AD1733" s="2"/>
      <c r="AE1733" s="1"/>
    </row>
    <row r="1734" spans="1:31" ht="14.45">
      <c r="A1734" s="11"/>
      <c r="B1734" s="20"/>
      <c r="C1734" s="2" t="s">
        <v>5623</v>
      </c>
      <c r="D1734" s="14" t="s">
        <v>5624</v>
      </c>
      <c r="E1734" s="2" t="s">
        <v>5625</v>
      </c>
      <c r="F1734" s="2" t="s">
        <v>1727</v>
      </c>
      <c r="G1734" s="8">
        <v>206</v>
      </c>
      <c r="H1734" s="5">
        <v>6</v>
      </c>
      <c r="I1734" s="5" t="s">
        <v>1518</v>
      </c>
      <c r="J1734" s="5" t="s">
        <v>1519</v>
      </c>
      <c r="K1734" s="2" t="s">
        <v>1520</v>
      </c>
      <c r="L1734" s="5" t="s">
        <v>1519</v>
      </c>
      <c r="M1734" s="2" t="s">
        <v>1520</v>
      </c>
      <c r="N1734" s="5" t="s">
        <v>1521</v>
      </c>
      <c r="O1734" s="5" t="s">
        <v>38</v>
      </c>
      <c r="P1734" s="5" t="s">
        <v>39</v>
      </c>
      <c r="Q1734" s="5" t="s">
        <v>40</v>
      </c>
      <c r="R1734" s="5" t="s">
        <v>1522</v>
      </c>
      <c r="S1734" s="5" t="s">
        <v>1523</v>
      </c>
      <c r="T1734" s="5" t="s">
        <v>42</v>
      </c>
      <c r="U1734" s="2">
        <v>2.7349999999999999</v>
      </c>
      <c r="V1734" s="2">
        <v>2.2789999999999999</v>
      </c>
      <c r="W1734" s="2">
        <v>1.4999999999999999E-2</v>
      </c>
      <c r="X1734" s="2">
        <v>118.9</v>
      </c>
      <c r="Y1734" s="2">
        <v>7.6</v>
      </c>
      <c r="Z1734" s="2">
        <v>16.7</v>
      </c>
      <c r="AA1734" s="5"/>
      <c r="AB1734" s="5" t="s">
        <v>43</v>
      </c>
      <c r="AC1734" s="5" t="s">
        <v>44</v>
      </c>
      <c r="AD1734" s="2"/>
      <c r="AE1734" s="1"/>
    </row>
    <row r="1735" spans="1:31" ht="14.45">
      <c r="A1735" s="11"/>
      <c r="B1735" s="20"/>
      <c r="C1735" s="2" t="s">
        <v>5626</v>
      </c>
      <c r="D1735" s="14" t="s">
        <v>5627</v>
      </c>
      <c r="E1735" s="2" t="s">
        <v>5628</v>
      </c>
      <c r="F1735" s="2" t="s">
        <v>1731</v>
      </c>
      <c r="G1735" s="8">
        <v>206</v>
      </c>
      <c r="H1735" s="5">
        <v>6</v>
      </c>
      <c r="I1735" s="5" t="s">
        <v>1518</v>
      </c>
      <c r="J1735" s="5" t="s">
        <v>1519</v>
      </c>
      <c r="K1735" s="2" t="s">
        <v>1520</v>
      </c>
      <c r="L1735" s="5" t="s">
        <v>1519</v>
      </c>
      <c r="M1735" s="2" t="s">
        <v>1520</v>
      </c>
      <c r="N1735" s="5" t="s">
        <v>1521</v>
      </c>
      <c r="O1735" s="5" t="s">
        <v>38</v>
      </c>
      <c r="P1735" s="5" t="s">
        <v>39</v>
      </c>
      <c r="Q1735" s="5" t="s">
        <v>40</v>
      </c>
      <c r="R1735" s="5" t="s">
        <v>1522</v>
      </c>
      <c r="S1735" s="5" t="s">
        <v>1523</v>
      </c>
      <c r="T1735" s="5" t="s">
        <v>42</v>
      </c>
      <c r="U1735" s="2">
        <v>2.79</v>
      </c>
      <c r="V1735" s="2">
        <v>2.3340000000000001</v>
      </c>
      <c r="W1735" s="2">
        <v>1.4999999999999999E-2</v>
      </c>
      <c r="X1735" s="2">
        <v>118.9</v>
      </c>
      <c r="Y1735" s="2">
        <v>7.6</v>
      </c>
      <c r="Z1735" s="2">
        <v>16.7</v>
      </c>
      <c r="AA1735" s="5"/>
      <c r="AB1735" s="5" t="s">
        <v>43</v>
      </c>
      <c r="AC1735" s="5" t="s">
        <v>44</v>
      </c>
      <c r="AD1735" s="2"/>
      <c r="AE1735" s="1"/>
    </row>
    <row r="1736" spans="1:31" ht="14.45">
      <c r="A1736" s="11"/>
      <c r="B1736" s="20"/>
      <c r="C1736" s="2" t="s">
        <v>5629</v>
      </c>
      <c r="D1736" s="14" t="s">
        <v>5630</v>
      </c>
      <c r="E1736" s="2" t="s">
        <v>5631</v>
      </c>
      <c r="F1736" s="2" t="s">
        <v>1735</v>
      </c>
      <c r="G1736" s="8">
        <v>206</v>
      </c>
      <c r="H1736" s="5">
        <v>6</v>
      </c>
      <c r="I1736" s="5" t="s">
        <v>1518</v>
      </c>
      <c r="J1736" s="5" t="s">
        <v>1519</v>
      </c>
      <c r="K1736" s="2" t="s">
        <v>1520</v>
      </c>
      <c r="L1736" s="5" t="s">
        <v>1519</v>
      </c>
      <c r="M1736" s="2" t="s">
        <v>1520</v>
      </c>
      <c r="N1736" s="5" t="s">
        <v>1521</v>
      </c>
      <c r="O1736" s="5" t="s">
        <v>38</v>
      </c>
      <c r="P1736" s="5" t="s">
        <v>39</v>
      </c>
      <c r="Q1736" s="5" t="s">
        <v>40</v>
      </c>
      <c r="R1736" s="5" t="s">
        <v>1522</v>
      </c>
      <c r="S1736" s="5" t="s">
        <v>1523</v>
      </c>
      <c r="T1736" s="5" t="s">
        <v>42</v>
      </c>
      <c r="U1736" s="2">
        <v>2.7639999999999998</v>
      </c>
      <c r="V1736" s="2">
        <v>2.3079999999999998</v>
      </c>
      <c r="W1736" s="2">
        <v>1.4999999999999999E-2</v>
      </c>
      <c r="X1736" s="2">
        <v>118.9</v>
      </c>
      <c r="Y1736" s="2">
        <v>7.6</v>
      </c>
      <c r="Z1736" s="2">
        <v>16.7</v>
      </c>
      <c r="AA1736" s="5"/>
      <c r="AB1736" s="5" t="s">
        <v>43</v>
      </c>
      <c r="AC1736" s="5" t="s">
        <v>44</v>
      </c>
      <c r="AD1736" s="2"/>
      <c r="AE1736" s="1"/>
    </row>
    <row r="1737" spans="1:31" ht="14.45">
      <c r="A1737" s="11"/>
      <c r="B1737" s="20"/>
      <c r="C1737" s="2" t="s">
        <v>5632</v>
      </c>
      <c r="D1737" s="14" t="s">
        <v>5633</v>
      </c>
      <c r="E1737" s="2" t="s">
        <v>5634</v>
      </c>
      <c r="F1737" s="2" t="s">
        <v>1739</v>
      </c>
      <c r="G1737" s="8">
        <v>206</v>
      </c>
      <c r="H1737" s="5">
        <v>6</v>
      </c>
      <c r="I1737" s="5" t="s">
        <v>1518</v>
      </c>
      <c r="J1737" s="5" t="s">
        <v>1519</v>
      </c>
      <c r="K1737" s="2" t="s">
        <v>1520</v>
      </c>
      <c r="L1737" s="5" t="s">
        <v>1519</v>
      </c>
      <c r="M1737" s="2" t="s">
        <v>1520</v>
      </c>
      <c r="N1737" s="5" t="s">
        <v>1521</v>
      </c>
      <c r="O1737" s="5" t="s">
        <v>38</v>
      </c>
      <c r="P1737" s="5" t="s">
        <v>39</v>
      </c>
      <c r="Q1737" s="5" t="s">
        <v>40</v>
      </c>
      <c r="R1737" s="5" t="s">
        <v>1522</v>
      </c>
      <c r="S1737" s="5" t="s">
        <v>1523</v>
      </c>
      <c r="T1737" s="5" t="s">
        <v>42</v>
      </c>
      <c r="U1737" s="2">
        <v>2.819</v>
      </c>
      <c r="V1737" s="2">
        <v>2.363</v>
      </c>
      <c r="W1737" s="2">
        <v>1.4999999999999999E-2</v>
      </c>
      <c r="X1737" s="2">
        <v>118.9</v>
      </c>
      <c r="Y1737" s="2">
        <v>7.6</v>
      </c>
      <c r="Z1737" s="2">
        <v>16.7</v>
      </c>
      <c r="AA1737" s="5"/>
      <c r="AB1737" s="5" t="s">
        <v>43</v>
      </c>
      <c r="AC1737" s="5" t="s">
        <v>44</v>
      </c>
      <c r="AD1737" s="2"/>
      <c r="AE1737" s="1"/>
    </row>
    <row r="1738" spans="1:31" ht="14.45">
      <c r="A1738" s="11"/>
      <c r="B1738" s="20"/>
      <c r="C1738" s="2" t="s">
        <v>5635</v>
      </c>
      <c r="D1738" s="14" t="s">
        <v>5636</v>
      </c>
      <c r="E1738" s="2" t="s">
        <v>5637</v>
      </c>
      <c r="F1738" s="2" t="s">
        <v>1743</v>
      </c>
      <c r="G1738" s="8">
        <v>206</v>
      </c>
      <c r="H1738" s="5">
        <v>6</v>
      </c>
      <c r="I1738" s="5" t="s">
        <v>1518</v>
      </c>
      <c r="J1738" s="5" t="s">
        <v>1519</v>
      </c>
      <c r="K1738" s="2" t="s">
        <v>1520</v>
      </c>
      <c r="L1738" s="5" t="s">
        <v>1519</v>
      </c>
      <c r="M1738" s="2" t="s">
        <v>1520</v>
      </c>
      <c r="N1738" s="5" t="s">
        <v>1521</v>
      </c>
      <c r="O1738" s="5" t="s">
        <v>38</v>
      </c>
      <c r="P1738" s="5" t="s">
        <v>39</v>
      </c>
      <c r="Q1738" s="5" t="s">
        <v>40</v>
      </c>
      <c r="R1738" s="5" t="s">
        <v>1522</v>
      </c>
      <c r="S1738" s="5" t="s">
        <v>1523</v>
      </c>
      <c r="T1738" s="5" t="s">
        <v>42</v>
      </c>
      <c r="U1738" s="2">
        <v>2.7349999999999999</v>
      </c>
      <c r="V1738" s="2">
        <v>2.2789999999999999</v>
      </c>
      <c r="W1738" s="2">
        <v>1.4999999999999999E-2</v>
      </c>
      <c r="X1738" s="2">
        <v>118.9</v>
      </c>
      <c r="Y1738" s="2">
        <v>7.6</v>
      </c>
      <c r="Z1738" s="2">
        <v>16.7</v>
      </c>
      <c r="AA1738" s="5"/>
      <c r="AB1738" s="5" t="s">
        <v>43</v>
      </c>
      <c r="AC1738" s="5" t="s">
        <v>44</v>
      </c>
      <c r="AD1738" s="2"/>
      <c r="AE1738" s="1"/>
    </row>
    <row r="1739" spans="1:31" ht="14.45">
      <c r="A1739" s="11"/>
      <c r="B1739" s="20"/>
      <c r="C1739" s="2" t="s">
        <v>5638</v>
      </c>
      <c r="D1739" s="14" t="s">
        <v>5639</v>
      </c>
      <c r="E1739" s="2" t="s">
        <v>5640</v>
      </c>
      <c r="F1739" s="2" t="s">
        <v>1747</v>
      </c>
      <c r="G1739" s="8">
        <v>206</v>
      </c>
      <c r="H1739" s="5">
        <v>6</v>
      </c>
      <c r="I1739" s="5" t="s">
        <v>1518</v>
      </c>
      <c r="J1739" s="5" t="s">
        <v>1519</v>
      </c>
      <c r="K1739" s="2" t="s">
        <v>1520</v>
      </c>
      <c r="L1739" s="5" t="s">
        <v>1519</v>
      </c>
      <c r="M1739" s="2" t="s">
        <v>1520</v>
      </c>
      <c r="N1739" s="5" t="s">
        <v>1521</v>
      </c>
      <c r="O1739" s="5" t="s">
        <v>38</v>
      </c>
      <c r="P1739" s="5" t="s">
        <v>39</v>
      </c>
      <c r="Q1739" s="5" t="s">
        <v>40</v>
      </c>
      <c r="R1739" s="5" t="s">
        <v>1522</v>
      </c>
      <c r="S1739" s="5" t="s">
        <v>1523</v>
      </c>
      <c r="T1739" s="5" t="s">
        <v>42</v>
      </c>
      <c r="U1739" s="2">
        <v>2.79</v>
      </c>
      <c r="V1739" s="2">
        <v>2.3340000000000001</v>
      </c>
      <c r="W1739" s="2">
        <v>1.4999999999999999E-2</v>
      </c>
      <c r="X1739" s="2">
        <v>118.9</v>
      </c>
      <c r="Y1739" s="2">
        <v>7.6</v>
      </c>
      <c r="Z1739" s="2">
        <v>16.7</v>
      </c>
      <c r="AA1739" s="5"/>
      <c r="AB1739" s="5" t="s">
        <v>43</v>
      </c>
      <c r="AC1739" s="5" t="s">
        <v>44</v>
      </c>
      <c r="AD1739" s="2"/>
      <c r="AE1739" s="1"/>
    </row>
    <row r="1740" spans="1:31" ht="14.45">
      <c r="A1740" s="11"/>
      <c r="B1740" s="20"/>
      <c r="C1740" s="2" t="s">
        <v>5641</v>
      </c>
      <c r="D1740" s="14" t="s">
        <v>5642</v>
      </c>
      <c r="E1740" s="2" t="s">
        <v>5643</v>
      </c>
      <c r="F1740" s="2" t="s">
        <v>1751</v>
      </c>
      <c r="G1740" s="8">
        <v>206</v>
      </c>
      <c r="H1740" s="5">
        <v>6</v>
      </c>
      <c r="I1740" s="5" t="s">
        <v>1518</v>
      </c>
      <c r="J1740" s="5" t="s">
        <v>1519</v>
      </c>
      <c r="K1740" s="2" t="s">
        <v>1520</v>
      </c>
      <c r="L1740" s="5" t="s">
        <v>1519</v>
      </c>
      <c r="M1740" s="2" t="s">
        <v>1520</v>
      </c>
      <c r="N1740" s="5" t="s">
        <v>1521</v>
      </c>
      <c r="O1740" s="5" t="s">
        <v>38</v>
      </c>
      <c r="P1740" s="5" t="s">
        <v>39</v>
      </c>
      <c r="Q1740" s="5" t="s">
        <v>40</v>
      </c>
      <c r="R1740" s="5" t="s">
        <v>1522</v>
      </c>
      <c r="S1740" s="5" t="s">
        <v>1523</v>
      </c>
      <c r="T1740" s="5" t="s">
        <v>42</v>
      </c>
      <c r="U1740" s="2">
        <v>2.7349999999999999</v>
      </c>
      <c r="V1740" s="2">
        <v>2.2789999999999999</v>
      </c>
      <c r="W1740" s="2">
        <v>1.4999999999999999E-2</v>
      </c>
      <c r="X1740" s="2">
        <v>118.9</v>
      </c>
      <c r="Y1740" s="2">
        <v>7.6</v>
      </c>
      <c r="Z1740" s="2">
        <v>16.7</v>
      </c>
      <c r="AA1740" s="5"/>
      <c r="AB1740" s="5" t="s">
        <v>43</v>
      </c>
      <c r="AC1740" s="5" t="s">
        <v>44</v>
      </c>
      <c r="AD1740" s="2"/>
      <c r="AE1740" s="1"/>
    </row>
    <row r="1741" spans="1:31" ht="14.45">
      <c r="A1741" s="11"/>
      <c r="B1741" s="20"/>
      <c r="C1741" s="2" t="s">
        <v>5644</v>
      </c>
      <c r="D1741" s="14" t="s">
        <v>5645</v>
      </c>
      <c r="E1741" s="2" t="s">
        <v>5646</v>
      </c>
      <c r="F1741" s="2" t="s">
        <v>1755</v>
      </c>
      <c r="G1741" s="8">
        <v>206</v>
      </c>
      <c r="H1741" s="5">
        <v>6</v>
      </c>
      <c r="I1741" s="5" t="s">
        <v>1518</v>
      </c>
      <c r="J1741" s="5" t="s">
        <v>1519</v>
      </c>
      <c r="K1741" s="2" t="s">
        <v>1520</v>
      </c>
      <c r="L1741" s="5" t="s">
        <v>1519</v>
      </c>
      <c r="M1741" s="2" t="s">
        <v>1520</v>
      </c>
      <c r="N1741" s="5" t="s">
        <v>1521</v>
      </c>
      <c r="O1741" s="5" t="s">
        <v>38</v>
      </c>
      <c r="P1741" s="5" t="s">
        <v>39</v>
      </c>
      <c r="Q1741" s="5" t="s">
        <v>40</v>
      </c>
      <c r="R1741" s="5" t="s">
        <v>1522</v>
      </c>
      <c r="S1741" s="5" t="s">
        <v>1523</v>
      </c>
      <c r="T1741" s="5" t="s">
        <v>42</v>
      </c>
      <c r="U1741" s="2">
        <v>2.79</v>
      </c>
      <c r="V1741" s="2">
        <v>2.3340000000000001</v>
      </c>
      <c r="W1741" s="2">
        <v>1.4999999999999999E-2</v>
      </c>
      <c r="X1741" s="2">
        <v>118.9</v>
      </c>
      <c r="Y1741" s="2">
        <v>7.6</v>
      </c>
      <c r="Z1741" s="2">
        <v>16.7</v>
      </c>
      <c r="AA1741" s="5"/>
      <c r="AB1741" s="5" t="s">
        <v>43</v>
      </c>
      <c r="AC1741" s="5" t="s">
        <v>44</v>
      </c>
      <c r="AD1741" s="2"/>
      <c r="AE1741" s="1"/>
    </row>
    <row r="1742" spans="1:31" ht="14.45">
      <c r="A1742" s="11"/>
      <c r="B1742" s="20"/>
      <c r="C1742" s="2" t="s">
        <v>5647</v>
      </c>
      <c r="D1742" s="14" t="s">
        <v>5648</v>
      </c>
      <c r="E1742" s="2" t="s">
        <v>5649</v>
      </c>
      <c r="F1742" s="2" t="s">
        <v>1759</v>
      </c>
      <c r="G1742" s="8">
        <v>206</v>
      </c>
      <c r="H1742" s="5">
        <v>6</v>
      </c>
      <c r="I1742" s="5" t="s">
        <v>1518</v>
      </c>
      <c r="J1742" s="5" t="s">
        <v>1519</v>
      </c>
      <c r="K1742" s="2" t="s">
        <v>1520</v>
      </c>
      <c r="L1742" s="5" t="s">
        <v>1519</v>
      </c>
      <c r="M1742" s="2" t="s">
        <v>1520</v>
      </c>
      <c r="N1742" s="5" t="s">
        <v>1521</v>
      </c>
      <c r="O1742" s="5" t="s">
        <v>38</v>
      </c>
      <c r="P1742" s="5" t="s">
        <v>39</v>
      </c>
      <c r="Q1742" s="5" t="s">
        <v>40</v>
      </c>
      <c r="R1742" s="5" t="s">
        <v>1522</v>
      </c>
      <c r="S1742" s="5" t="s">
        <v>1523</v>
      </c>
      <c r="T1742" s="5" t="s">
        <v>42</v>
      </c>
      <c r="U1742" s="2">
        <v>2.7639999999999998</v>
      </c>
      <c r="V1742" s="2">
        <v>2.3079999999999998</v>
      </c>
      <c r="W1742" s="2">
        <v>1.4999999999999999E-2</v>
      </c>
      <c r="X1742" s="2">
        <v>118.9</v>
      </c>
      <c r="Y1742" s="2">
        <v>7.6</v>
      </c>
      <c r="Z1742" s="2">
        <v>16.7</v>
      </c>
      <c r="AA1742" s="5"/>
      <c r="AB1742" s="5" t="s">
        <v>43</v>
      </c>
      <c r="AC1742" s="5" t="s">
        <v>44</v>
      </c>
      <c r="AD1742" s="2"/>
      <c r="AE1742" s="1"/>
    </row>
    <row r="1743" spans="1:31" ht="14.45">
      <c r="A1743" s="11"/>
      <c r="B1743" s="20"/>
      <c r="C1743" s="2" t="s">
        <v>5650</v>
      </c>
      <c r="D1743" s="14" t="s">
        <v>5651</v>
      </c>
      <c r="E1743" s="2" t="s">
        <v>5652</v>
      </c>
      <c r="F1743" s="2" t="s">
        <v>1763</v>
      </c>
      <c r="G1743" s="8">
        <v>206</v>
      </c>
      <c r="H1743" s="5">
        <v>6</v>
      </c>
      <c r="I1743" s="5" t="s">
        <v>1518</v>
      </c>
      <c r="J1743" s="5" t="s">
        <v>1519</v>
      </c>
      <c r="K1743" s="2" t="s">
        <v>1520</v>
      </c>
      <c r="L1743" s="5" t="s">
        <v>1519</v>
      </c>
      <c r="M1743" s="2" t="s">
        <v>1520</v>
      </c>
      <c r="N1743" s="5" t="s">
        <v>1521</v>
      </c>
      <c r="O1743" s="5" t="s">
        <v>38</v>
      </c>
      <c r="P1743" s="5" t="s">
        <v>39</v>
      </c>
      <c r="Q1743" s="5" t="s">
        <v>40</v>
      </c>
      <c r="R1743" s="5" t="s">
        <v>1522</v>
      </c>
      <c r="S1743" s="5" t="s">
        <v>1523</v>
      </c>
      <c r="T1743" s="5" t="s">
        <v>42</v>
      </c>
      <c r="U1743" s="2">
        <v>2.819</v>
      </c>
      <c r="V1743" s="2">
        <v>2.363</v>
      </c>
      <c r="W1743" s="2">
        <v>1.4999999999999999E-2</v>
      </c>
      <c r="X1743" s="2">
        <v>118.9</v>
      </c>
      <c r="Y1743" s="2">
        <v>7.6</v>
      </c>
      <c r="Z1743" s="2">
        <v>16.7</v>
      </c>
      <c r="AA1743" s="5"/>
      <c r="AB1743" s="5" t="s">
        <v>43</v>
      </c>
      <c r="AC1743" s="5" t="s">
        <v>44</v>
      </c>
      <c r="AD1743" s="2"/>
      <c r="AE1743" s="1"/>
    </row>
    <row r="1744" spans="1:31" ht="14.45">
      <c r="A1744" s="11"/>
      <c r="B1744" s="20"/>
      <c r="C1744" s="2" t="s">
        <v>5653</v>
      </c>
      <c r="D1744" s="14" t="s">
        <v>5654</v>
      </c>
      <c r="E1744" s="2" t="s">
        <v>5655</v>
      </c>
      <c r="F1744" s="2" t="s">
        <v>1767</v>
      </c>
      <c r="G1744" s="8">
        <v>206</v>
      </c>
      <c r="H1744" s="5">
        <v>6</v>
      </c>
      <c r="I1744" s="5" t="s">
        <v>1518</v>
      </c>
      <c r="J1744" s="5" t="s">
        <v>1519</v>
      </c>
      <c r="K1744" s="2" t="s">
        <v>1520</v>
      </c>
      <c r="L1744" s="5" t="s">
        <v>1519</v>
      </c>
      <c r="M1744" s="2" t="s">
        <v>1520</v>
      </c>
      <c r="N1744" s="5" t="s">
        <v>1521</v>
      </c>
      <c r="O1744" s="5" t="s">
        <v>38</v>
      </c>
      <c r="P1744" s="5" t="s">
        <v>39</v>
      </c>
      <c r="Q1744" s="5" t="s">
        <v>40</v>
      </c>
      <c r="R1744" s="5" t="s">
        <v>1522</v>
      </c>
      <c r="S1744" s="5" t="s">
        <v>1523</v>
      </c>
      <c r="T1744" s="5" t="s">
        <v>42</v>
      </c>
      <c r="U1744" s="2">
        <v>2.7639999999999998</v>
      </c>
      <c r="V1744" s="2">
        <v>2.3079999999999998</v>
      </c>
      <c r="W1744" s="2">
        <v>1.4999999999999999E-2</v>
      </c>
      <c r="X1744" s="2">
        <v>118.9</v>
      </c>
      <c r="Y1744" s="2">
        <v>7.6</v>
      </c>
      <c r="Z1744" s="2">
        <v>16.7</v>
      </c>
      <c r="AA1744" s="5"/>
      <c r="AB1744" s="5" t="s">
        <v>43</v>
      </c>
      <c r="AC1744" s="5" t="s">
        <v>44</v>
      </c>
      <c r="AD1744" s="2"/>
      <c r="AE1744" s="1"/>
    </row>
    <row r="1745" spans="1:31" ht="14.45">
      <c r="A1745" s="11"/>
      <c r="B1745" s="20"/>
      <c r="C1745" s="2" t="s">
        <v>5656</v>
      </c>
      <c r="D1745" s="14" t="s">
        <v>5657</v>
      </c>
      <c r="E1745" s="2" t="s">
        <v>5658</v>
      </c>
      <c r="F1745" s="2" t="s">
        <v>1771</v>
      </c>
      <c r="G1745" s="8">
        <v>206</v>
      </c>
      <c r="H1745" s="5">
        <v>6</v>
      </c>
      <c r="I1745" s="5" t="s">
        <v>1518</v>
      </c>
      <c r="J1745" s="5" t="s">
        <v>1519</v>
      </c>
      <c r="K1745" s="2" t="s">
        <v>1520</v>
      </c>
      <c r="L1745" s="5" t="s">
        <v>1519</v>
      </c>
      <c r="M1745" s="2" t="s">
        <v>1520</v>
      </c>
      <c r="N1745" s="5" t="s">
        <v>1521</v>
      </c>
      <c r="O1745" s="5" t="s">
        <v>38</v>
      </c>
      <c r="P1745" s="5" t="s">
        <v>39</v>
      </c>
      <c r="Q1745" s="5" t="s">
        <v>40</v>
      </c>
      <c r="R1745" s="5" t="s">
        <v>1522</v>
      </c>
      <c r="S1745" s="5" t="s">
        <v>1523</v>
      </c>
      <c r="T1745" s="5" t="s">
        <v>42</v>
      </c>
      <c r="U1745" s="2">
        <v>2.819</v>
      </c>
      <c r="V1745" s="2">
        <v>2.363</v>
      </c>
      <c r="W1745" s="2">
        <v>1.4999999999999999E-2</v>
      </c>
      <c r="X1745" s="2">
        <v>118.9</v>
      </c>
      <c r="Y1745" s="2">
        <v>7.6</v>
      </c>
      <c r="Z1745" s="2">
        <v>16.7</v>
      </c>
      <c r="AA1745" s="5"/>
      <c r="AB1745" s="5" t="s">
        <v>43</v>
      </c>
      <c r="AC1745" s="5" t="s">
        <v>44</v>
      </c>
      <c r="AD1745" s="2"/>
      <c r="AE1745" s="1"/>
    </row>
    <row r="1746" spans="1:31" ht="14.45">
      <c r="A1746" s="11"/>
      <c r="B1746" s="20"/>
      <c r="C1746" s="2" t="s">
        <v>5659</v>
      </c>
      <c r="D1746" s="14" t="s">
        <v>5660</v>
      </c>
      <c r="E1746" s="2" t="s">
        <v>5661</v>
      </c>
      <c r="F1746" s="2" t="s">
        <v>1775</v>
      </c>
      <c r="G1746" s="8">
        <v>206</v>
      </c>
      <c r="H1746" s="5">
        <v>6</v>
      </c>
      <c r="I1746" s="5" t="s">
        <v>1518</v>
      </c>
      <c r="J1746" s="5" t="s">
        <v>1519</v>
      </c>
      <c r="K1746" s="2" t="s">
        <v>1520</v>
      </c>
      <c r="L1746" s="5" t="s">
        <v>1519</v>
      </c>
      <c r="M1746" s="2" t="s">
        <v>1520</v>
      </c>
      <c r="N1746" s="5" t="s">
        <v>1521</v>
      </c>
      <c r="O1746" s="5" t="s">
        <v>38</v>
      </c>
      <c r="P1746" s="5" t="s">
        <v>39</v>
      </c>
      <c r="Q1746" s="5" t="s">
        <v>40</v>
      </c>
      <c r="R1746" s="5" t="s">
        <v>1522</v>
      </c>
      <c r="S1746" s="5" t="s">
        <v>1523</v>
      </c>
      <c r="T1746" s="5" t="s">
        <v>42</v>
      </c>
      <c r="U1746" s="2">
        <v>2.7639999999999998</v>
      </c>
      <c r="V1746" s="2">
        <v>2.3079999999999998</v>
      </c>
      <c r="W1746" s="2">
        <v>1.4999999999999999E-2</v>
      </c>
      <c r="X1746" s="2">
        <v>118.9</v>
      </c>
      <c r="Y1746" s="2">
        <v>7.6</v>
      </c>
      <c r="Z1746" s="2">
        <v>16.7</v>
      </c>
      <c r="AA1746" s="5"/>
      <c r="AB1746" s="5" t="s">
        <v>43</v>
      </c>
      <c r="AC1746" s="5" t="s">
        <v>44</v>
      </c>
      <c r="AD1746" s="2"/>
      <c r="AE1746" s="1"/>
    </row>
    <row r="1747" spans="1:31" ht="14.45">
      <c r="A1747" s="11"/>
      <c r="B1747" s="20"/>
      <c r="C1747" s="2" t="s">
        <v>5662</v>
      </c>
      <c r="D1747" s="14" t="s">
        <v>5663</v>
      </c>
      <c r="E1747" s="2" t="s">
        <v>5664</v>
      </c>
      <c r="F1747" s="2" t="s">
        <v>1779</v>
      </c>
      <c r="G1747" s="8">
        <v>206</v>
      </c>
      <c r="H1747" s="5">
        <v>6</v>
      </c>
      <c r="I1747" s="5" t="s">
        <v>1518</v>
      </c>
      <c r="J1747" s="5" t="s">
        <v>1519</v>
      </c>
      <c r="K1747" s="2" t="s">
        <v>1520</v>
      </c>
      <c r="L1747" s="5" t="s">
        <v>1519</v>
      </c>
      <c r="M1747" s="2" t="s">
        <v>1520</v>
      </c>
      <c r="N1747" s="5" t="s">
        <v>1521</v>
      </c>
      <c r="O1747" s="5" t="s">
        <v>38</v>
      </c>
      <c r="P1747" s="5" t="s">
        <v>39</v>
      </c>
      <c r="Q1747" s="5" t="s">
        <v>40</v>
      </c>
      <c r="R1747" s="5" t="s">
        <v>1522</v>
      </c>
      <c r="S1747" s="5" t="s">
        <v>1523</v>
      </c>
      <c r="T1747" s="5" t="s">
        <v>42</v>
      </c>
      <c r="U1747" s="2">
        <v>2.819</v>
      </c>
      <c r="V1747" s="2">
        <v>2.363</v>
      </c>
      <c r="W1747" s="2">
        <v>1.4999999999999999E-2</v>
      </c>
      <c r="X1747" s="2">
        <v>118.9</v>
      </c>
      <c r="Y1747" s="2">
        <v>7.6</v>
      </c>
      <c r="Z1747" s="2">
        <v>16.7</v>
      </c>
      <c r="AA1747" s="5"/>
      <c r="AB1747" s="5" t="s">
        <v>43</v>
      </c>
      <c r="AC1747" s="5" t="s">
        <v>44</v>
      </c>
      <c r="AD1747" s="2"/>
      <c r="AE1747" s="1"/>
    </row>
    <row r="1748" spans="1:31" ht="14.45">
      <c r="A1748" s="11"/>
      <c r="B1748" s="20"/>
      <c r="C1748" s="2" t="s">
        <v>5665</v>
      </c>
      <c r="D1748" s="14" t="s">
        <v>5666</v>
      </c>
      <c r="E1748" s="2" t="s">
        <v>5667</v>
      </c>
      <c r="F1748" s="2" t="s">
        <v>1783</v>
      </c>
      <c r="G1748" s="8">
        <v>206</v>
      </c>
      <c r="H1748" s="5">
        <v>6</v>
      </c>
      <c r="I1748" s="5" t="s">
        <v>1518</v>
      </c>
      <c r="J1748" s="5" t="s">
        <v>1519</v>
      </c>
      <c r="K1748" s="2" t="s">
        <v>1520</v>
      </c>
      <c r="L1748" s="5" t="s">
        <v>1519</v>
      </c>
      <c r="M1748" s="2" t="s">
        <v>1520</v>
      </c>
      <c r="N1748" s="5" t="s">
        <v>1521</v>
      </c>
      <c r="O1748" s="5" t="s">
        <v>38</v>
      </c>
      <c r="P1748" s="5" t="s">
        <v>39</v>
      </c>
      <c r="Q1748" s="5" t="s">
        <v>40</v>
      </c>
      <c r="R1748" s="5" t="s">
        <v>1522</v>
      </c>
      <c r="S1748" s="5" t="s">
        <v>1523</v>
      </c>
      <c r="T1748" s="5" t="s">
        <v>42</v>
      </c>
      <c r="U1748" s="2">
        <v>2.7349999999999999</v>
      </c>
      <c r="V1748" s="2">
        <v>2.2789999999999999</v>
      </c>
      <c r="W1748" s="2">
        <v>1.4999999999999999E-2</v>
      </c>
      <c r="X1748" s="2">
        <v>118.9</v>
      </c>
      <c r="Y1748" s="2">
        <v>7.6</v>
      </c>
      <c r="Z1748" s="2">
        <v>16.7</v>
      </c>
      <c r="AA1748" s="5"/>
      <c r="AB1748" s="5" t="s">
        <v>43</v>
      </c>
      <c r="AC1748" s="5" t="s">
        <v>44</v>
      </c>
      <c r="AD1748" s="2"/>
      <c r="AE1748" s="1"/>
    </row>
    <row r="1749" spans="1:31" ht="14.45">
      <c r="A1749" s="11"/>
      <c r="B1749" s="20"/>
      <c r="C1749" s="2" t="s">
        <v>5668</v>
      </c>
      <c r="D1749" s="14" t="s">
        <v>5669</v>
      </c>
      <c r="E1749" s="2" t="s">
        <v>5670</v>
      </c>
      <c r="F1749" s="2" t="s">
        <v>1787</v>
      </c>
      <c r="G1749" s="8">
        <v>206</v>
      </c>
      <c r="H1749" s="5">
        <v>6</v>
      </c>
      <c r="I1749" s="5" t="s">
        <v>1518</v>
      </c>
      <c r="J1749" s="5" t="s">
        <v>1519</v>
      </c>
      <c r="K1749" s="2" t="s">
        <v>1520</v>
      </c>
      <c r="L1749" s="5" t="s">
        <v>1519</v>
      </c>
      <c r="M1749" s="2" t="s">
        <v>1520</v>
      </c>
      <c r="N1749" s="5" t="s">
        <v>1521</v>
      </c>
      <c r="O1749" s="5" t="s">
        <v>38</v>
      </c>
      <c r="P1749" s="5" t="s">
        <v>39</v>
      </c>
      <c r="Q1749" s="5" t="s">
        <v>40</v>
      </c>
      <c r="R1749" s="5" t="s">
        <v>1522</v>
      </c>
      <c r="S1749" s="5" t="s">
        <v>1523</v>
      </c>
      <c r="T1749" s="5" t="s">
        <v>42</v>
      </c>
      <c r="U1749" s="2">
        <v>2.79</v>
      </c>
      <c r="V1749" s="2">
        <v>2.3340000000000001</v>
      </c>
      <c r="W1749" s="2">
        <v>1.4999999999999999E-2</v>
      </c>
      <c r="X1749" s="2">
        <v>118.9</v>
      </c>
      <c r="Y1749" s="2">
        <v>7.6</v>
      </c>
      <c r="Z1749" s="2">
        <v>16.7</v>
      </c>
      <c r="AA1749" s="5"/>
      <c r="AB1749" s="5" t="s">
        <v>43</v>
      </c>
      <c r="AC1749" s="5" t="s">
        <v>44</v>
      </c>
      <c r="AD1749" s="2"/>
      <c r="AE1749" s="1"/>
    </row>
    <row r="1750" spans="1:31" ht="14.45">
      <c r="A1750" s="11"/>
      <c r="B1750" s="20"/>
      <c r="C1750" s="2" t="s">
        <v>5671</v>
      </c>
      <c r="D1750" s="14" t="s">
        <v>5672</v>
      </c>
      <c r="E1750" s="2" t="s">
        <v>5673</v>
      </c>
      <c r="F1750" s="2" t="s">
        <v>1791</v>
      </c>
      <c r="G1750" s="8">
        <v>206</v>
      </c>
      <c r="H1750" s="5">
        <v>6</v>
      </c>
      <c r="I1750" s="5" t="s">
        <v>1518</v>
      </c>
      <c r="J1750" s="5" t="s">
        <v>1519</v>
      </c>
      <c r="K1750" s="2" t="s">
        <v>1520</v>
      </c>
      <c r="L1750" s="5" t="s">
        <v>1519</v>
      </c>
      <c r="M1750" s="2" t="s">
        <v>1520</v>
      </c>
      <c r="N1750" s="5" t="s">
        <v>1521</v>
      </c>
      <c r="O1750" s="5" t="s">
        <v>38</v>
      </c>
      <c r="P1750" s="5" t="s">
        <v>39</v>
      </c>
      <c r="Q1750" s="5" t="s">
        <v>40</v>
      </c>
      <c r="R1750" s="5" t="s">
        <v>1522</v>
      </c>
      <c r="S1750" s="5" t="s">
        <v>1523</v>
      </c>
      <c r="T1750" s="5" t="s">
        <v>42</v>
      </c>
      <c r="U1750" s="2">
        <v>2.7639999999999998</v>
      </c>
      <c r="V1750" s="2">
        <v>2.3079999999999998</v>
      </c>
      <c r="W1750" s="2">
        <v>1.4999999999999999E-2</v>
      </c>
      <c r="X1750" s="2">
        <v>118.9</v>
      </c>
      <c r="Y1750" s="2">
        <v>7.6</v>
      </c>
      <c r="Z1750" s="2">
        <v>16.7</v>
      </c>
      <c r="AA1750" s="5"/>
      <c r="AB1750" s="5" t="s">
        <v>43</v>
      </c>
      <c r="AC1750" s="5" t="s">
        <v>44</v>
      </c>
      <c r="AD1750" s="2"/>
      <c r="AE1750" s="1"/>
    </row>
    <row r="1751" spans="1:31" ht="14.45">
      <c r="A1751" s="11"/>
      <c r="B1751" s="20"/>
      <c r="C1751" s="2" t="s">
        <v>5674</v>
      </c>
      <c r="D1751" s="14" t="s">
        <v>5675</v>
      </c>
      <c r="E1751" s="2" t="s">
        <v>5676</v>
      </c>
      <c r="F1751" s="2" t="s">
        <v>1795</v>
      </c>
      <c r="G1751" s="8">
        <v>206</v>
      </c>
      <c r="H1751" s="5">
        <v>6</v>
      </c>
      <c r="I1751" s="5" t="s">
        <v>1518</v>
      </c>
      <c r="J1751" s="5" t="s">
        <v>1519</v>
      </c>
      <c r="K1751" s="2" t="s">
        <v>1520</v>
      </c>
      <c r="L1751" s="5" t="s">
        <v>1519</v>
      </c>
      <c r="M1751" s="2" t="s">
        <v>1520</v>
      </c>
      <c r="N1751" s="5" t="s">
        <v>1521</v>
      </c>
      <c r="O1751" s="5" t="s">
        <v>38</v>
      </c>
      <c r="P1751" s="5" t="s">
        <v>39</v>
      </c>
      <c r="Q1751" s="5" t="s">
        <v>40</v>
      </c>
      <c r="R1751" s="5" t="s">
        <v>1522</v>
      </c>
      <c r="S1751" s="5" t="s">
        <v>1523</v>
      </c>
      <c r="T1751" s="5" t="s">
        <v>42</v>
      </c>
      <c r="U1751" s="2">
        <v>2.819</v>
      </c>
      <c r="V1751" s="2">
        <v>2.363</v>
      </c>
      <c r="W1751" s="2">
        <v>1.4999999999999999E-2</v>
      </c>
      <c r="X1751" s="2">
        <v>118.9</v>
      </c>
      <c r="Y1751" s="2">
        <v>7.6</v>
      </c>
      <c r="Z1751" s="2">
        <v>16.7</v>
      </c>
      <c r="AA1751" s="5"/>
      <c r="AB1751" s="5" t="s">
        <v>43</v>
      </c>
      <c r="AC1751" s="5" t="s">
        <v>44</v>
      </c>
      <c r="AD1751" s="2"/>
      <c r="AE1751" s="1"/>
    </row>
    <row r="1752" spans="1:31" ht="14.45">
      <c r="A1752" s="11"/>
      <c r="B1752" s="20"/>
      <c r="C1752" s="2" t="s">
        <v>5677</v>
      </c>
      <c r="D1752" s="14" t="s">
        <v>5678</v>
      </c>
      <c r="E1752" s="2" t="s">
        <v>5679</v>
      </c>
      <c r="F1752" s="2" t="s">
        <v>1799</v>
      </c>
      <c r="G1752" s="8">
        <v>206</v>
      </c>
      <c r="H1752" s="5">
        <v>6</v>
      </c>
      <c r="I1752" s="5" t="s">
        <v>1518</v>
      </c>
      <c r="J1752" s="5" t="s">
        <v>1519</v>
      </c>
      <c r="K1752" s="2" t="s">
        <v>1520</v>
      </c>
      <c r="L1752" s="5" t="s">
        <v>1519</v>
      </c>
      <c r="M1752" s="2" t="s">
        <v>1520</v>
      </c>
      <c r="N1752" s="5" t="s">
        <v>1521</v>
      </c>
      <c r="O1752" s="5" t="s">
        <v>38</v>
      </c>
      <c r="P1752" s="5" t="s">
        <v>39</v>
      </c>
      <c r="Q1752" s="5" t="s">
        <v>40</v>
      </c>
      <c r="R1752" s="5" t="s">
        <v>1522</v>
      </c>
      <c r="S1752" s="5" t="s">
        <v>1523</v>
      </c>
      <c r="T1752" s="5" t="s">
        <v>42</v>
      </c>
      <c r="U1752" s="2">
        <v>2.7639999999999998</v>
      </c>
      <c r="V1752" s="2">
        <v>2.3079999999999998</v>
      </c>
      <c r="W1752" s="2">
        <v>1.4999999999999999E-2</v>
      </c>
      <c r="X1752" s="2">
        <v>118.9</v>
      </c>
      <c r="Y1752" s="2">
        <v>7.6</v>
      </c>
      <c r="Z1752" s="2">
        <v>16.7</v>
      </c>
      <c r="AA1752" s="5"/>
      <c r="AB1752" s="5" t="s">
        <v>43</v>
      </c>
      <c r="AC1752" s="5" t="s">
        <v>44</v>
      </c>
      <c r="AD1752" s="2"/>
      <c r="AE1752" s="1"/>
    </row>
    <row r="1753" spans="1:31" ht="14.45">
      <c r="A1753" s="11"/>
      <c r="B1753" s="20"/>
      <c r="C1753" s="2" t="s">
        <v>5680</v>
      </c>
      <c r="D1753" s="14" t="s">
        <v>5681</v>
      </c>
      <c r="E1753" s="2" t="s">
        <v>5682</v>
      </c>
      <c r="F1753" s="2" t="s">
        <v>1803</v>
      </c>
      <c r="G1753" s="8">
        <v>206</v>
      </c>
      <c r="H1753" s="5">
        <v>6</v>
      </c>
      <c r="I1753" s="5" t="s">
        <v>1518</v>
      </c>
      <c r="J1753" s="5" t="s">
        <v>1519</v>
      </c>
      <c r="K1753" s="2" t="s">
        <v>1520</v>
      </c>
      <c r="L1753" s="5" t="s">
        <v>1519</v>
      </c>
      <c r="M1753" s="2" t="s">
        <v>1520</v>
      </c>
      <c r="N1753" s="5" t="s">
        <v>1521</v>
      </c>
      <c r="O1753" s="5" t="s">
        <v>38</v>
      </c>
      <c r="P1753" s="5" t="s">
        <v>39</v>
      </c>
      <c r="Q1753" s="5" t="s">
        <v>40</v>
      </c>
      <c r="R1753" s="5" t="s">
        <v>1522</v>
      </c>
      <c r="S1753" s="5" t="s">
        <v>1523</v>
      </c>
      <c r="T1753" s="5" t="s">
        <v>42</v>
      </c>
      <c r="U1753" s="2">
        <v>2.819</v>
      </c>
      <c r="V1753" s="2">
        <v>2.363</v>
      </c>
      <c r="W1753" s="2">
        <v>1.4999999999999999E-2</v>
      </c>
      <c r="X1753" s="2">
        <v>118.9</v>
      </c>
      <c r="Y1753" s="2">
        <v>7.6</v>
      </c>
      <c r="Z1753" s="2">
        <v>16.7</v>
      </c>
      <c r="AA1753" s="5"/>
      <c r="AB1753" s="5" t="s">
        <v>43</v>
      </c>
      <c r="AC1753" s="5" t="s">
        <v>44</v>
      </c>
      <c r="AD1753" s="2"/>
      <c r="AE1753" s="1"/>
    </row>
    <row r="1754" spans="1:31" ht="14.45">
      <c r="A1754" s="11"/>
      <c r="B1754" s="20"/>
      <c r="C1754" s="2" t="s">
        <v>5683</v>
      </c>
      <c r="D1754" s="14" t="s">
        <v>5684</v>
      </c>
      <c r="E1754" s="2" t="s">
        <v>5685</v>
      </c>
      <c r="F1754" s="2" t="s">
        <v>1807</v>
      </c>
      <c r="G1754" s="8">
        <v>206</v>
      </c>
      <c r="H1754" s="5">
        <v>6</v>
      </c>
      <c r="I1754" s="5" t="s">
        <v>1518</v>
      </c>
      <c r="J1754" s="5" t="s">
        <v>1519</v>
      </c>
      <c r="K1754" s="2" t="s">
        <v>1520</v>
      </c>
      <c r="L1754" s="5" t="s">
        <v>1519</v>
      </c>
      <c r="M1754" s="2" t="s">
        <v>1520</v>
      </c>
      <c r="N1754" s="5" t="s">
        <v>1521</v>
      </c>
      <c r="O1754" s="5" t="s">
        <v>38</v>
      </c>
      <c r="P1754" s="5" t="s">
        <v>39</v>
      </c>
      <c r="Q1754" s="5" t="s">
        <v>40</v>
      </c>
      <c r="R1754" s="5" t="s">
        <v>1522</v>
      </c>
      <c r="S1754" s="5" t="s">
        <v>1523</v>
      </c>
      <c r="T1754" s="5" t="s">
        <v>42</v>
      </c>
      <c r="U1754" s="2">
        <v>2.7639999999999998</v>
      </c>
      <c r="V1754" s="2">
        <v>2.3079999999999998</v>
      </c>
      <c r="W1754" s="2">
        <v>1.4999999999999999E-2</v>
      </c>
      <c r="X1754" s="2">
        <v>118.9</v>
      </c>
      <c r="Y1754" s="2">
        <v>7.6</v>
      </c>
      <c r="Z1754" s="2">
        <v>16.7</v>
      </c>
      <c r="AA1754" s="5"/>
      <c r="AB1754" s="5" t="s">
        <v>43</v>
      </c>
      <c r="AC1754" s="5" t="s">
        <v>44</v>
      </c>
      <c r="AD1754" s="2"/>
      <c r="AE1754" s="1"/>
    </row>
    <row r="1755" spans="1:31" ht="14.45">
      <c r="A1755" s="11"/>
      <c r="B1755" s="20"/>
      <c r="C1755" s="2" t="s">
        <v>5686</v>
      </c>
      <c r="D1755" s="14" t="s">
        <v>5687</v>
      </c>
      <c r="E1755" s="2" t="s">
        <v>5688</v>
      </c>
      <c r="F1755" s="2" t="s">
        <v>1811</v>
      </c>
      <c r="G1755" s="8">
        <v>206</v>
      </c>
      <c r="H1755" s="5">
        <v>6</v>
      </c>
      <c r="I1755" s="5" t="s">
        <v>1518</v>
      </c>
      <c r="J1755" s="5" t="s">
        <v>1519</v>
      </c>
      <c r="K1755" s="2" t="s">
        <v>1520</v>
      </c>
      <c r="L1755" s="5" t="s">
        <v>1519</v>
      </c>
      <c r="M1755" s="2" t="s">
        <v>1520</v>
      </c>
      <c r="N1755" s="5" t="s">
        <v>1521</v>
      </c>
      <c r="O1755" s="5" t="s">
        <v>38</v>
      </c>
      <c r="P1755" s="5" t="s">
        <v>39</v>
      </c>
      <c r="Q1755" s="5" t="s">
        <v>40</v>
      </c>
      <c r="R1755" s="5" t="s">
        <v>1522</v>
      </c>
      <c r="S1755" s="5" t="s">
        <v>1523</v>
      </c>
      <c r="T1755" s="5" t="s">
        <v>42</v>
      </c>
      <c r="U1755" s="2">
        <v>2.819</v>
      </c>
      <c r="V1755" s="2">
        <v>2.363</v>
      </c>
      <c r="W1755" s="2">
        <v>1.4999999999999999E-2</v>
      </c>
      <c r="X1755" s="2">
        <v>118.9</v>
      </c>
      <c r="Y1755" s="2">
        <v>7.6</v>
      </c>
      <c r="Z1755" s="2">
        <v>16.7</v>
      </c>
      <c r="AA1755" s="5"/>
      <c r="AB1755" s="5" t="s">
        <v>43</v>
      </c>
      <c r="AC1755" s="5" t="s">
        <v>44</v>
      </c>
      <c r="AD1755" s="2"/>
      <c r="AE1755" s="1"/>
    </row>
    <row r="1756" spans="1:31" ht="14.45">
      <c r="A1756" s="11"/>
      <c r="B1756" s="20"/>
      <c r="C1756" s="2" t="s">
        <v>5689</v>
      </c>
      <c r="D1756" s="14" t="s">
        <v>5690</v>
      </c>
      <c r="E1756" s="2" t="s">
        <v>5691</v>
      </c>
      <c r="F1756" s="2" t="s">
        <v>1815</v>
      </c>
      <c r="G1756" s="8">
        <v>206</v>
      </c>
      <c r="H1756" s="5">
        <v>6</v>
      </c>
      <c r="I1756" s="5" t="s">
        <v>1518</v>
      </c>
      <c r="J1756" s="5" t="s">
        <v>1519</v>
      </c>
      <c r="K1756" s="2" t="s">
        <v>1520</v>
      </c>
      <c r="L1756" s="5" t="s">
        <v>1519</v>
      </c>
      <c r="M1756" s="2" t="s">
        <v>1520</v>
      </c>
      <c r="N1756" s="5" t="s">
        <v>1521</v>
      </c>
      <c r="O1756" s="5" t="s">
        <v>38</v>
      </c>
      <c r="P1756" s="5" t="s">
        <v>39</v>
      </c>
      <c r="Q1756" s="5" t="s">
        <v>40</v>
      </c>
      <c r="R1756" s="5" t="s">
        <v>1522</v>
      </c>
      <c r="S1756" s="5" t="s">
        <v>1523</v>
      </c>
      <c r="T1756" s="5" t="s">
        <v>42</v>
      </c>
      <c r="U1756" s="2">
        <v>2.7349999999999999</v>
      </c>
      <c r="V1756" s="2">
        <v>2.2789999999999999</v>
      </c>
      <c r="W1756" s="2">
        <v>1.4999999999999999E-2</v>
      </c>
      <c r="X1756" s="2">
        <v>118.9</v>
      </c>
      <c r="Y1756" s="2">
        <v>7.6</v>
      </c>
      <c r="Z1756" s="2">
        <v>16.7</v>
      </c>
      <c r="AA1756" s="5"/>
      <c r="AB1756" s="5" t="s">
        <v>43</v>
      </c>
      <c r="AC1756" s="5" t="s">
        <v>44</v>
      </c>
      <c r="AD1756" s="2"/>
      <c r="AE1756" s="1"/>
    </row>
    <row r="1757" spans="1:31" ht="14.45">
      <c r="A1757" s="11"/>
      <c r="B1757" s="20"/>
      <c r="C1757" s="2" t="s">
        <v>5692</v>
      </c>
      <c r="D1757" s="14" t="s">
        <v>5693</v>
      </c>
      <c r="E1757" s="2" t="s">
        <v>5694</v>
      </c>
      <c r="F1757" s="2" t="s">
        <v>1819</v>
      </c>
      <c r="G1757" s="8">
        <v>206</v>
      </c>
      <c r="H1757" s="5">
        <v>6</v>
      </c>
      <c r="I1757" s="5" t="s">
        <v>1518</v>
      </c>
      <c r="J1757" s="5" t="s">
        <v>1519</v>
      </c>
      <c r="K1757" s="2" t="s">
        <v>1520</v>
      </c>
      <c r="L1757" s="5" t="s">
        <v>1519</v>
      </c>
      <c r="M1757" s="2" t="s">
        <v>1520</v>
      </c>
      <c r="N1757" s="5" t="s">
        <v>1521</v>
      </c>
      <c r="O1757" s="5" t="s">
        <v>38</v>
      </c>
      <c r="P1757" s="5" t="s">
        <v>39</v>
      </c>
      <c r="Q1757" s="5" t="s">
        <v>40</v>
      </c>
      <c r="R1757" s="5" t="s">
        <v>1522</v>
      </c>
      <c r="S1757" s="5" t="s">
        <v>1523</v>
      </c>
      <c r="T1757" s="5" t="s">
        <v>42</v>
      </c>
      <c r="U1757" s="2">
        <v>2.79</v>
      </c>
      <c r="V1757" s="2">
        <v>2.3340000000000001</v>
      </c>
      <c r="W1757" s="2">
        <v>1.4999999999999999E-2</v>
      </c>
      <c r="X1757" s="2">
        <v>118.9</v>
      </c>
      <c r="Y1757" s="2">
        <v>7.6</v>
      </c>
      <c r="Z1757" s="2">
        <v>16.7</v>
      </c>
      <c r="AA1757" s="5"/>
      <c r="AB1757" s="5" t="s">
        <v>43</v>
      </c>
      <c r="AC1757" s="5" t="s">
        <v>44</v>
      </c>
      <c r="AD1757" s="2"/>
      <c r="AE1757" s="1"/>
    </row>
    <row r="1758" spans="1:31" ht="14.45">
      <c r="A1758" s="11"/>
      <c r="B1758" s="20"/>
      <c r="C1758" s="2" t="s">
        <v>5695</v>
      </c>
      <c r="D1758" s="14" t="s">
        <v>5696</v>
      </c>
      <c r="E1758" s="2" t="s">
        <v>5697</v>
      </c>
      <c r="F1758" s="2" t="s">
        <v>1823</v>
      </c>
      <c r="G1758" s="8">
        <v>206</v>
      </c>
      <c r="H1758" s="5">
        <v>8</v>
      </c>
      <c r="I1758" s="5" t="s">
        <v>1518</v>
      </c>
      <c r="J1758" s="5" t="s">
        <v>1519</v>
      </c>
      <c r="K1758" s="2" t="s">
        <v>1520</v>
      </c>
      <c r="L1758" s="5" t="s">
        <v>1519</v>
      </c>
      <c r="M1758" s="2" t="s">
        <v>1520</v>
      </c>
      <c r="N1758" s="5" t="s">
        <v>1521</v>
      </c>
      <c r="O1758" s="5" t="s">
        <v>38</v>
      </c>
      <c r="P1758" s="5" t="s">
        <v>39</v>
      </c>
      <c r="Q1758" s="5" t="s">
        <v>40</v>
      </c>
      <c r="R1758" s="5" t="s">
        <v>1522</v>
      </c>
      <c r="S1758" s="5" t="s">
        <v>1523</v>
      </c>
      <c r="T1758" s="5" t="s">
        <v>42</v>
      </c>
      <c r="U1758" s="2">
        <v>2.786</v>
      </c>
      <c r="V1758" s="2">
        <v>2.33</v>
      </c>
      <c r="W1758" s="2">
        <v>1.4999999999999999E-2</v>
      </c>
      <c r="X1758" s="2">
        <v>118.9</v>
      </c>
      <c r="Y1758" s="2">
        <v>7.6</v>
      </c>
      <c r="Z1758" s="2">
        <v>16.7</v>
      </c>
      <c r="AA1758" s="5"/>
      <c r="AB1758" s="5" t="s">
        <v>43</v>
      </c>
      <c r="AC1758" s="5" t="s">
        <v>44</v>
      </c>
      <c r="AD1758" s="2"/>
      <c r="AE1758" s="1"/>
    </row>
    <row r="1759" spans="1:31" ht="14.45">
      <c r="A1759" s="11"/>
      <c r="B1759" s="20"/>
      <c r="C1759" s="2" t="s">
        <v>5698</v>
      </c>
      <c r="D1759" s="14" t="s">
        <v>5699</v>
      </c>
      <c r="E1759" s="2" t="s">
        <v>5700</v>
      </c>
      <c r="F1759" s="2" t="s">
        <v>1827</v>
      </c>
      <c r="G1759" s="8">
        <v>206</v>
      </c>
      <c r="H1759" s="5">
        <v>8</v>
      </c>
      <c r="I1759" s="5" t="s">
        <v>1518</v>
      </c>
      <c r="J1759" s="5" t="s">
        <v>1519</v>
      </c>
      <c r="K1759" s="2" t="s">
        <v>1520</v>
      </c>
      <c r="L1759" s="5" t="s">
        <v>1519</v>
      </c>
      <c r="M1759" s="2" t="s">
        <v>1520</v>
      </c>
      <c r="N1759" s="5" t="s">
        <v>1521</v>
      </c>
      <c r="O1759" s="5" t="s">
        <v>38</v>
      </c>
      <c r="P1759" s="5" t="s">
        <v>39</v>
      </c>
      <c r="Q1759" s="5" t="s">
        <v>40</v>
      </c>
      <c r="R1759" s="5" t="s">
        <v>1522</v>
      </c>
      <c r="S1759" s="5" t="s">
        <v>1523</v>
      </c>
      <c r="T1759" s="5" t="s">
        <v>42</v>
      </c>
      <c r="U1759" s="2">
        <v>2.8410000000000002</v>
      </c>
      <c r="V1759" s="2">
        <v>2.3849999999999998</v>
      </c>
      <c r="W1759" s="2">
        <v>1.4999999999999999E-2</v>
      </c>
      <c r="X1759" s="2">
        <v>118.9</v>
      </c>
      <c r="Y1759" s="2">
        <v>7.6</v>
      </c>
      <c r="Z1759" s="2">
        <v>16.7</v>
      </c>
      <c r="AA1759" s="5"/>
      <c r="AB1759" s="5" t="s">
        <v>43</v>
      </c>
      <c r="AC1759" s="5" t="s">
        <v>44</v>
      </c>
      <c r="AD1759" s="2"/>
      <c r="AE1759" s="1"/>
    </row>
    <row r="1760" spans="1:31" ht="14.45">
      <c r="A1760" s="11"/>
      <c r="B1760" s="20"/>
      <c r="C1760" s="2" t="s">
        <v>5701</v>
      </c>
      <c r="D1760" s="14" t="s">
        <v>5702</v>
      </c>
      <c r="E1760" s="2" t="s">
        <v>5703</v>
      </c>
      <c r="F1760" s="2" t="s">
        <v>1973</v>
      </c>
      <c r="G1760" s="8">
        <v>206</v>
      </c>
      <c r="H1760" s="5">
        <v>13</v>
      </c>
      <c r="I1760" s="5" t="s">
        <v>1518</v>
      </c>
      <c r="J1760" s="5" t="s">
        <v>1519</v>
      </c>
      <c r="K1760" s="2" t="s">
        <v>1520</v>
      </c>
      <c r="L1760" s="5" t="s">
        <v>1519</v>
      </c>
      <c r="M1760" s="2" t="s">
        <v>1520</v>
      </c>
      <c r="N1760" s="5" t="s">
        <v>1521</v>
      </c>
      <c r="O1760" s="5" t="s">
        <v>38</v>
      </c>
      <c r="P1760" s="5" t="s">
        <v>39</v>
      </c>
      <c r="Q1760" s="5" t="s">
        <v>40</v>
      </c>
      <c r="R1760" s="5" t="s">
        <v>1522</v>
      </c>
      <c r="S1760" s="5" t="s">
        <v>1523</v>
      </c>
      <c r="T1760" s="5" t="s">
        <v>42</v>
      </c>
      <c r="U1760" s="2">
        <v>2.8119999999999998</v>
      </c>
      <c r="V1760" s="2">
        <v>2.3559999999999999</v>
      </c>
      <c r="W1760" s="2">
        <v>1.4999999999999999E-2</v>
      </c>
      <c r="X1760" s="2">
        <v>118.9</v>
      </c>
      <c r="Y1760" s="2">
        <v>7.6</v>
      </c>
      <c r="Z1760" s="2">
        <v>16.7</v>
      </c>
      <c r="AA1760" s="5"/>
      <c r="AB1760" s="5" t="s">
        <v>43</v>
      </c>
      <c r="AC1760" s="5" t="s">
        <v>44</v>
      </c>
      <c r="AD1760" s="2"/>
      <c r="AE1760" s="1"/>
    </row>
    <row r="1761" spans="1:31" ht="14.45">
      <c r="A1761" s="11"/>
      <c r="B1761" s="20"/>
      <c r="C1761" s="2" t="s">
        <v>5704</v>
      </c>
      <c r="D1761" s="14" t="s">
        <v>5705</v>
      </c>
      <c r="E1761" s="2" t="s">
        <v>5706</v>
      </c>
      <c r="F1761" s="2" t="s">
        <v>2348</v>
      </c>
      <c r="G1761" s="8">
        <v>206</v>
      </c>
      <c r="H1761" s="5">
        <v>13</v>
      </c>
      <c r="I1761" s="5" t="s">
        <v>1518</v>
      </c>
      <c r="J1761" s="5" t="s">
        <v>1519</v>
      </c>
      <c r="K1761" s="2" t="s">
        <v>1520</v>
      </c>
      <c r="L1761" s="5" t="s">
        <v>1519</v>
      </c>
      <c r="M1761" s="2" t="s">
        <v>1520</v>
      </c>
      <c r="N1761" s="5" t="s">
        <v>1521</v>
      </c>
      <c r="O1761" s="5" t="s">
        <v>38</v>
      </c>
      <c r="P1761" s="5" t="s">
        <v>39</v>
      </c>
      <c r="Q1761" s="5" t="s">
        <v>40</v>
      </c>
      <c r="R1761" s="5" t="s">
        <v>1522</v>
      </c>
      <c r="S1761" s="5" t="s">
        <v>1523</v>
      </c>
      <c r="T1761" s="5" t="s">
        <v>42</v>
      </c>
      <c r="U1761" s="2">
        <v>2.867</v>
      </c>
      <c r="V1761" s="2">
        <v>2.411</v>
      </c>
      <c r="W1761" s="2">
        <v>1.4999999999999999E-2</v>
      </c>
      <c r="X1761" s="2">
        <v>118.9</v>
      </c>
      <c r="Y1761" s="2">
        <v>7.6</v>
      </c>
      <c r="Z1761" s="2">
        <v>16.7</v>
      </c>
      <c r="AA1761" s="5"/>
      <c r="AB1761" s="5" t="s">
        <v>43</v>
      </c>
      <c r="AC1761" s="5" t="s">
        <v>44</v>
      </c>
      <c r="AD1761" s="2"/>
      <c r="AE1761" s="1"/>
    </row>
    <row r="1762" spans="1:31" ht="14.45">
      <c r="A1762" s="11"/>
      <c r="B1762" s="20"/>
      <c r="C1762" s="2" t="s">
        <v>5707</v>
      </c>
      <c r="D1762" s="14" t="s">
        <v>5708</v>
      </c>
      <c r="E1762" s="2" t="s">
        <v>5709</v>
      </c>
      <c r="F1762" s="2" t="s">
        <v>2204</v>
      </c>
      <c r="G1762" s="8">
        <v>206</v>
      </c>
      <c r="H1762" s="5">
        <v>13</v>
      </c>
      <c r="I1762" s="5" t="s">
        <v>1518</v>
      </c>
      <c r="J1762" s="5" t="s">
        <v>1519</v>
      </c>
      <c r="K1762" s="2" t="s">
        <v>1520</v>
      </c>
      <c r="L1762" s="5" t="s">
        <v>1519</v>
      </c>
      <c r="M1762" s="2" t="s">
        <v>1520</v>
      </c>
      <c r="N1762" s="5" t="s">
        <v>1521</v>
      </c>
      <c r="O1762" s="5" t="s">
        <v>38</v>
      </c>
      <c r="P1762" s="5" t="s">
        <v>39</v>
      </c>
      <c r="Q1762" s="5" t="s">
        <v>40</v>
      </c>
      <c r="R1762" s="5" t="s">
        <v>1522</v>
      </c>
      <c r="S1762" s="5" t="s">
        <v>1523</v>
      </c>
      <c r="T1762" s="5" t="s">
        <v>42</v>
      </c>
      <c r="U1762" s="2">
        <v>2.8119999999999998</v>
      </c>
      <c r="V1762" s="2">
        <v>2.3559999999999999</v>
      </c>
      <c r="W1762" s="2">
        <v>1.4999999999999999E-2</v>
      </c>
      <c r="X1762" s="2">
        <v>118.9</v>
      </c>
      <c r="Y1762" s="2">
        <v>7.6</v>
      </c>
      <c r="Z1762" s="2">
        <v>16.7</v>
      </c>
      <c r="AA1762" s="5"/>
      <c r="AB1762" s="5" t="s">
        <v>43</v>
      </c>
      <c r="AC1762" s="5" t="s">
        <v>44</v>
      </c>
      <c r="AD1762" s="2"/>
      <c r="AE1762" s="1"/>
    </row>
    <row r="1763" spans="1:31" ht="14.45">
      <c r="A1763" s="11"/>
      <c r="B1763" s="20"/>
      <c r="C1763" s="2" t="s">
        <v>5710</v>
      </c>
      <c r="D1763" s="14" t="s">
        <v>5711</v>
      </c>
      <c r="E1763" s="2" t="s">
        <v>5712</v>
      </c>
      <c r="F1763" s="2" t="s">
        <v>2724</v>
      </c>
      <c r="G1763" s="8">
        <v>206</v>
      </c>
      <c r="H1763" s="5">
        <v>13</v>
      </c>
      <c r="I1763" s="5" t="s">
        <v>1518</v>
      </c>
      <c r="J1763" s="5" t="s">
        <v>1519</v>
      </c>
      <c r="K1763" s="2" t="s">
        <v>1520</v>
      </c>
      <c r="L1763" s="5" t="s">
        <v>1519</v>
      </c>
      <c r="M1763" s="2" t="s">
        <v>1520</v>
      </c>
      <c r="N1763" s="5" t="s">
        <v>1521</v>
      </c>
      <c r="O1763" s="5" t="s">
        <v>38</v>
      </c>
      <c r="P1763" s="5" t="s">
        <v>39</v>
      </c>
      <c r="Q1763" s="5" t="s">
        <v>40</v>
      </c>
      <c r="R1763" s="5" t="s">
        <v>1522</v>
      </c>
      <c r="S1763" s="5" t="s">
        <v>1523</v>
      </c>
      <c r="T1763" s="5" t="s">
        <v>42</v>
      </c>
      <c r="U1763" s="2">
        <v>2.867</v>
      </c>
      <c r="V1763" s="2">
        <v>2.411</v>
      </c>
      <c r="W1763" s="2">
        <v>1.4999999999999999E-2</v>
      </c>
      <c r="X1763" s="2">
        <v>118.9</v>
      </c>
      <c r="Y1763" s="2">
        <v>7.6</v>
      </c>
      <c r="Z1763" s="2">
        <v>16.7</v>
      </c>
      <c r="AA1763" s="5"/>
      <c r="AB1763" s="5" t="s">
        <v>43</v>
      </c>
      <c r="AC1763" s="5" t="s">
        <v>44</v>
      </c>
      <c r="AD1763" s="2"/>
      <c r="AE1763" s="1"/>
    </row>
    <row r="1764" spans="1:31" ht="14.45">
      <c r="A1764" s="11"/>
      <c r="B1764" s="20"/>
      <c r="C1764" s="2" t="s">
        <v>5713</v>
      </c>
      <c r="D1764" s="14" t="s">
        <v>5714</v>
      </c>
      <c r="E1764" s="2" t="s">
        <v>5715</v>
      </c>
      <c r="F1764" s="2" t="s">
        <v>2208</v>
      </c>
      <c r="G1764" s="8">
        <v>206</v>
      </c>
      <c r="H1764" s="5">
        <v>13</v>
      </c>
      <c r="I1764" s="5" t="s">
        <v>1518</v>
      </c>
      <c r="J1764" s="5" t="s">
        <v>1519</v>
      </c>
      <c r="K1764" s="2" t="s">
        <v>1520</v>
      </c>
      <c r="L1764" s="5" t="s">
        <v>1519</v>
      </c>
      <c r="M1764" s="2" t="s">
        <v>1520</v>
      </c>
      <c r="N1764" s="5" t="s">
        <v>1521</v>
      </c>
      <c r="O1764" s="5" t="s">
        <v>38</v>
      </c>
      <c r="P1764" s="5" t="s">
        <v>39</v>
      </c>
      <c r="Q1764" s="5" t="s">
        <v>40</v>
      </c>
      <c r="R1764" s="5" t="s">
        <v>1522</v>
      </c>
      <c r="S1764" s="5" t="s">
        <v>1523</v>
      </c>
      <c r="T1764" s="5" t="s">
        <v>42</v>
      </c>
      <c r="U1764" s="2">
        <v>2.8119999999999998</v>
      </c>
      <c r="V1764" s="2">
        <v>2.3559999999999999</v>
      </c>
      <c r="W1764" s="2">
        <v>1.4999999999999999E-2</v>
      </c>
      <c r="X1764" s="2">
        <v>118.9</v>
      </c>
      <c r="Y1764" s="2">
        <v>7.6</v>
      </c>
      <c r="Z1764" s="2">
        <v>16.7</v>
      </c>
      <c r="AA1764" s="5"/>
      <c r="AB1764" s="5" t="s">
        <v>43</v>
      </c>
      <c r="AC1764" s="5" t="s">
        <v>44</v>
      </c>
      <c r="AD1764" s="2"/>
      <c r="AE1764" s="1"/>
    </row>
    <row r="1765" spans="1:31" ht="14.45">
      <c r="A1765" s="11"/>
      <c r="B1765" s="20"/>
      <c r="C1765" s="2" t="s">
        <v>5716</v>
      </c>
      <c r="D1765" s="14" t="s">
        <v>5717</v>
      </c>
      <c r="E1765" s="2" t="s">
        <v>5718</v>
      </c>
      <c r="F1765" s="2" t="s">
        <v>2212</v>
      </c>
      <c r="G1765" s="8">
        <v>206</v>
      </c>
      <c r="H1765" s="5">
        <v>13</v>
      </c>
      <c r="I1765" s="5" t="s">
        <v>1518</v>
      </c>
      <c r="J1765" s="5" t="s">
        <v>1519</v>
      </c>
      <c r="K1765" s="2" t="s">
        <v>1520</v>
      </c>
      <c r="L1765" s="5" t="s">
        <v>1519</v>
      </c>
      <c r="M1765" s="2" t="s">
        <v>1520</v>
      </c>
      <c r="N1765" s="5" t="s">
        <v>1521</v>
      </c>
      <c r="O1765" s="5" t="s">
        <v>38</v>
      </c>
      <c r="P1765" s="5" t="s">
        <v>39</v>
      </c>
      <c r="Q1765" s="5" t="s">
        <v>40</v>
      </c>
      <c r="R1765" s="5" t="s">
        <v>1522</v>
      </c>
      <c r="S1765" s="5" t="s">
        <v>1523</v>
      </c>
      <c r="T1765" s="5" t="s">
        <v>42</v>
      </c>
      <c r="U1765" s="2">
        <v>2.867</v>
      </c>
      <c r="V1765" s="2">
        <v>2.411</v>
      </c>
      <c r="W1765" s="2">
        <v>1.4999999999999999E-2</v>
      </c>
      <c r="X1765" s="2">
        <v>118.9</v>
      </c>
      <c r="Y1765" s="2">
        <v>7.6</v>
      </c>
      <c r="Z1765" s="2">
        <v>16.7</v>
      </c>
      <c r="AA1765" s="5"/>
      <c r="AB1765" s="5" t="s">
        <v>43</v>
      </c>
      <c r="AC1765" s="5" t="s">
        <v>44</v>
      </c>
      <c r="AD1765" s="2"/>
      <c r="AE1765" s="1"/>
    </row>
    <row r="1766" spans="1:31" ht="14.45">
      <c r="A1766" s="11"/>
      <c r="B1766" s="20"/>
      <c r="C1766" s="2" t="s">
        <v>5719</v>
      </c>
      <c r="D1766" s="14" t="s">
        <v>5720</v>
      </c>
      <c r="E1766" s="2" t="s">
        <v>5721</v>
      </c>
      <c r="F1766" s="2" t="s">
        <v>1831</v>
      </c>
      <c r="G1766" s="8">
        <v>206</v>
      </c>
      <c r="H1766" s="5">
        <v>13</v>
      </c>
      <c r="I1766" s="5" t="s">
        <v>1518</v>
      </c>
      <c r="J1766" s="5" t="s">
        <v>1519</v>
      </c>
      <c r="K1766" s="2" t="s">
        <v>1520</v>
      </c>
      <c r="L1766" s="5" t="s">
        <v>1519</v>
      </c>
      <c r="M1766" s="2" t="s">
        <v>1520</v>
      </c>
      <c r="N1766" s="5" t="s">
        <v>1521</v>
      </c>
      <c r="O1766" s="5" t="s">
        <v>38</v>
      </c>
      <c r="P1766" s="5" t="s">
        <v>39</v>
      </c>
      <c r="Q1766" s="5" t="s">
        <v>40</v>
      </c>
      <c r="R1766" s="5" t="s">
        <v>1522</v>
      </c>
      <c r="S1766" s="5" t="s">
        <v>1523</v>
      </c>
      <c r="T1766" s="5" t="s">
        <v>42</v>
      </c>
      <c r="U1766" s="2">
        <v>2.8119999999999998</v>
      </c>
      <c r="V1766" s="2">
        <v>2.3559999999999999</v>
      </c>
      <c r="W1766" s="2">
        <v>1.4999999999999999E-2</v>
      </c>
      <c r="X1766" s="2">
        <v>118.9</v>
      </c>
      <c r="Y1766" s="2">
        <v>7.6</v>
      </c>
      <c r="Z1766" s="2">
        <v>16.7</v>
      </c>
      <c r="AA1766" s="5"/>
      <c r="AB1766" s="5" t="s">
        <v>43</v>
      </c>
      <c r="AC1766" s="5" t="s">
        <v>44</v>
      </c>
      <c r="AD1766" s="2"/>
      <c r="AE1766" s="1"/>
    </row>
    <row r="1767" spans="1:31" ht="14.45">
      <c r="A1767" s="11"/>
      <c r="B1767" s="20"/>
      <c r="C1767" s="2" t="s">
        <v>5722</v>
      </c>
      <c r="D1767" s="14" t="s">
        <v>5723</v>
      </c>
      <c r="E1767" s="2" t="s">
        <v>5724</v>
      </c>
      <c r="F1767" s="2" t="s">
        <v>1835</v>
      </c>
      <c r="G1767" s="8">
        <v>206</v>
      </c>
      <c r="H1767" s="5">
        <v>13</v>
      </c>
      <c r="I1767" s="5" t="s">
        <v>1518</v>
      </c>
      <c r="J1767" s="5" t="s">
        <v>1519</v>
      </c>
      <c r="K1767" s="2" t="s">
        <v>1520</v>
      </c>
      <c r="L1767" s="5" t="s">
        <v>1519</v>
      </c>
      <c r="M1767" s="2" t="s">
        <v>1520</v>
      </c>
      <c r="N1767" s="5" t="s">
        <v>1521</v>
      </c>
      <c r="O1767" s="5" t="s">
        <v>38</v>
      </c>
      <c r="P1767" s="5" t="s">
        <v>39</v>
      </c>
      <c r="Q1767" s="5" t="s">
        <v>40</v>
      </c>
      <c r="R1767" s="5" t="s">
        <v>1522</v>
      </c>
      <c r="S1767" s="5" t="s">
        <v>1523</v>
      </c>
      <c r="T1767" s="5" t="s">
        <v>42</v>
      </c>
      <c r="U1767" s="2">
        <v>2.867</v>
      </c>
      <c r="V1767" s="2">
        <v>2.411</v>
      </c>
      <c r="W1767" s="2">
        <v>1.4999999999999999E-2</v>
      </c>
      <c r="X1767" s="2">
        <v>118.9</v>
      </c>
      <c r="Y1767" s="2">
        <v>7.6</v>
      </c>
      <c r="Z1767" s="2">
        <v>16.7</v>
      </c>
      <c r="AA1767" s="5"/>
      <c r="AB1767" s="5" t="s">
        <v>43</v>
      </c>
      <c r="AC1767" s="5" t="s">
        <v>44</v>
      </c>
      <c r="AD1767" s="2"/>
      <c r="AE1767" s="1"/>
    </row>
    <row r="1768" spans="1:31" ht="14.45">
      <c r="A1768" s="11"/>
      <c r="B1768" s="20"/>
      <c r="C1768" s="2" t="s">
        <v>5725</v>
      </c>
      <c r="D1768" s="14" t="s">
        <v>5726</v>
      </c>
      <c r="E1768" s="2" t="s">
        <v>5727</v>
      </c>
      <c r="F1768" s="2" t="s">
        <v>1839</v>
      </c>
      <c r="G1768" s="8">
        <v>206</v>
      </c>
      <c r="H1768" s="5">
        <v>13</v>
      </c>
      <c r="I1768" s="5" t="s">
        <v>1518</v>
      </c>
      <c r="J1768" s="5" t="s">
        <v>1519</v>
      </c>
      <c r="K1768" s="2" t="s">
        <v>1520</v>
      </c>
      <c r="L1768" s="5" t="s">
        <v>1519</v>
      </c>
      <c r="M1768" s="2" t="s">
        <v>1520</v>
      </c>
      <c r="N1768" s="5" t="s">
        <v>1521</v>
      </c>
      <c r="O1768" s="5" t="s">
        <v>38</v>
      </c>
      <c r="P1768" s="5" t="s">
        <v>39</v>
      </c>
      <c r="Q1768" s="5" t="s">
        <v>40</v>
      </c>
      <c r="R1768" s="5" t="s">
        <v>1522</v>
      </c>
      <c r="S1768" s="5" t="s">
        <v>1523</v>
      </c>
      <c r="T1768" s="5" t="s">
        <v>42</v>
      </c>
      <c r="U1768" s="2">
        <v>2.8119999999999998</v>
      </c>
      <c r="V1768" s="2">
        <v>2.3559999999999999</v>
      </c>
      <c r="W1768" s="2">
        <v>1.4999999999999999E-2</v>
      </c>
      <c r="X1768" s="2">
        <v>118.9</v>
      </c>
      <c r="Y1768" s="2">
        <v>7.6</v>
      </c>
      <c r="Z1768" s="2">
        <v>16.7</v>
      </c>
      <c r="AA1768" s="5"/>
      <c r="AB1768" s="5" t="s">
        <v>43</v>
      </c>
      <c r="AC1768" s="5" t="s">
        <v>44</v>
      </c>
      <c r="AD1768" s="2"/>
      <c r="AE1768" s="1"/>
    </row>
    <row r="1769" spans="1:31" ht="14.45">
      <c r="A1769" s="11"/>
      <c r="B1769" s="20"/>
      <c r="C1769" s="2" t="s">
        <v>5728</v>
      </c>
      <c r="D1769" s="14" t="s">
        <v>5729</v>
      </c>
      <c r="E1769" s="2" t="s">
        <v>5730</v>
      </c>
      <c r="F1769" s="2" t="s">
        <v>1986</v>
      </c>
      <c r="G1769" s="8">
        <v>206</v>
      </c>
      <c r="H1769" s="5">
        <v>13</v>
      </c>
      <c r="I1769" s="5" t="s">
        <v>1518</v>
      </c>
      <c r="J1769" s="5" t="s">
        <v>1519</v>
      </c>
      <c r="K1769" s="2" t="s">
        <v>1520</v>
      </c>
      <c r="L1769" s="5" t="s">
        <v>1519</v>
      </c>
      <c r="M1769" s="2" t="s">
        <v>1520</v>
      </c>
      <c r="N1769" s="5" t="s">
        <v>1521</v>
      </c>
      <c r="O1769" s="5" t="s">
        <v>38</v>
      </c>
      <c r="P1769" s="5" t="s">
        <v>39</v>
      </c>
      <c r="Q1769" s="5" t="s">
        <v>40</v>
      </c>
      <c r="R1769" s="5" t="s">
        <v>1522</v>
      </c>
      <c r="S1769" s="5" t="s">
        <v>1523</v>
      </c>
      <c r="T1769" s="5" t="s">
        <v>42</v>
      </c>
      <c r="U1769" s="2">
        <v>2.867</v>
      </c>
      <c r="V1769" s="2">
        <v>2.411</v>
      </c>
      <c r="W1769" s="2">
        <v>1.4999999999999999E-2</v>
      </c>
      <c r="X1769" s="2">
        <v>118.9</v>
      </c>
      <c r="Y1769" s="2">
        <v>7.6</v>
      </c>
      <c r="Z1769" s="2">
        <v>16.7</v>
      </c>
      <c r="AA1769" s="5"/>
      <c r="AB1769" s="5" t="s">
        <v>43</v>
      </c>
      <c r="AC1769" s="5" t="s">
        <v>44</v>
      </c>
      <c r="AD1769" s="2"/>
      <c r="AE1769" s="1"/>
    </row>
    <row r="1770" spans="1:31" ht="14.45">
      <c r="A1770" s="11"/>
      <c r="B1770" s="20"/>
      <c r="C1770" s="2" t="s">
        <v>5731</v>
      </c>
      <c r="D1770" s="14" t="s">
        <v>5732</v>
      </c>
      <c r="E1770" s="2" t="s">
        <v>5733</v>
      </c>
      <c r="F1770" s="2" t="s">
        <v>1843</v>
      </c>
      <c r="G1770" s="8">
        <v>206</v>
      </c>
      <c r="H1770" s="5">
        <v>13</v>
      </c>
      <c r="I1770" s="5" t="s">
        <v>1518</v>
      </c>
      <c r="J1770" s="5" t="s">
        <v>1519</v>
      </c>
      <c r="K1770" s="2" t="s">
        <v>1520</v>
      </c>
      <c r="L1770" s="5" t="s">
        <v>1519</v>
      </c>
      <c r="M1770" s="2" t="s">
        <v>1520</v>
      </c>
      <c r="N1770" s="5" t="s">
        <v>1521</v>
      </c>
      <c r="O1770" s="5" t="s">
        <v>38</v>
      </c>
      <c r="P1770" s="5" t="s">
        <v>39</v>
      </c>
      <c r="Q1770" s="5" t="s">
        <v>40</v>
      </c>
      <c r="R1770" s="5" t="s">
        <v>1522</v>
      </c>
      <c r="S1770" s="5" t="s">
        <v>1523</v>
      </c>
      <c r="T1770" s="5" t="s">
        <v>42</v>
      </c>
      <c r="U1770" s="2">
        <v>2.8119999999999998</v>
      </c>
      <c r="V1770" s="2">
        <v>2.3559999999999999</v>
      </c>
      <c r="W1770" s="2">
        <v>1.4999999999999999E-2</v>
      </c>
      <c r="X1770" s="2">
        <v>118.9</v>
      </c>
      <c r="Y1770" s="2">
        <v>7.6</v>
      </c>
      <c r="Z1770" s="2">
        <v>16.7</v>
      </c>
      <c r="AA1770" s="5"/>
      <c r="AB1770" s="5" t="s">
        <v>43</v>
      </c>
      <c r="AC1770" s="5" t="s">
        <v>44</v>
      </c>
      <c r="AD1770" s="2"/>
      <c r="AE1770" s="1"/>
    </row>
    <row r="1771" spans="1:31" ht="14.45">
      <c r="A1771" s="11"/>
      <c r="B1771" s="20"/>
      <c r="C1771" s="2" t="s">
        <v>5734</v>
      </c>
      <c r="D1771" s="14" t="s">
        <v>5735</v>
      </c>
      <c r="E1771" s="2" t="s">
        <v>5736</v>
      </c>
      <c r="F1771" s="2" t="s">
        <v>1847</v>
      </c>
      <c r="G1771" s="8">
        <v>206</v>
      </c>
      <c r="H1771" s="5">
        <v>13</v>
      </c>
      <c r="I1771" s="5" t="s">
        <v>1518</v>
      </c>
      <c r="J1771" s="5" t="s">
        <v>1519</v>
      </c>
      <c r="K1771" s="2" t="s">
        <v>1520</v>
      </c>
      <c r="L1771" s="5" t="s">
        <v>1519</v>
      </c>
      <c r="M1771" s="2" t="s">
        <v>1520</v>
      </c>
      <c r="N1771" s="5" t="s">
        <v>1521</v>
      </c>
      <c r="O1771" s="5" t="s">
        <v>38</v>
      </c>
      <c r="P1771" s="5" t="s">
        <v>39</v>
      </c>
      <c r="Q1771" s="5" t="s">
        <v>40</v>
      </c>
      <c r="R1771" s="5" t="s">
        <v>1522</v>
      </c>
      <c r="S1771" s="5" t="s">
        <v>1523</v>
      </c>
      <c r="T1771" s="5" t="s">
        <v>42</v>
      </c>
      <c r="U1771" s="2">
        <v>2.867</v>
      </c>
      <c r="V1771" s="2">
        <v>2.411</v>
      </c>
      <c r="W1771" s="2">
        <v>1.4999999999999999E-2</v>
      </c>
      <c r="X1771" s="2">
        <v>118.9</v>
      </c>
      <c r="Y1771" s="2">
        <v>7.6</v>
      </c>
      <c r="Z1771" s="2">
        <v>16.7</v>
      </c>
      <c r="AA1771" s="5"/>
      <c r="AB1771" s="5" t="s">
        <v>43</v>
      </c>
      <c r="AC1771" s="5" t="s">
        <v>44</v>
      </c>
      <c r="AD1771" s="2"/>
      <c r="AE1771" s="1"/>
    </row>
    <row r="1772" spans="1:31" ht="14.45">
      <c r="A1772" s="11"/>
      <c r="B1772" s="20"/>
      <c r="C1772" s="2" t="s">
        <v>5737</v>
      </c>
      <c r="D1772" s="14" t="s">
        <v>5738</v>
      </c>
      <c r="E1772" s="2" t="s">
        <v>5739</v>
      </c>
      <c r="F1772" s="2" t="s">
        <v>1851</v>
      </c>
      <c r="G1772" s="8">
        <v>206</v>
      </c>
      <c r="H1772" s="5">
        <v>13</v>
      </c>
      <c r="I1772" s="5" t="s">
        <v>1518</v>
      </c>
      <c r="J1772" s="5" t="s">
        <v>1519</v>
      </c>
      <c r="K1772" s="2" t="s">
        <v>1520</v>
      </c>
      <c r="L1772" s="5" t="s">
        <v>1519</v>
      </c>
      <c r="M1772" s="2" t="s">
        <v>1520</v>
      </c>
      <c r="N1772" s="5" t="s">
        <v>1521</v>
      </c>
      <c r="O1772" s="5" t="s">
        <v>38</v>
      </c>
      <c r="P1772" s="5" t="s">
        <v>39</v>
      </c>
      <c r="Q1772" s="5" t="s">
        <v>40</v>
      </c>
      <c r="R1772" s="5" t="s">
        <v>1522</v>
      </c>
      <c r="S1772" s="5" t="s">
        <v>1523</v>
      </c>
      <c r="T1772" s="5" t="s">
        <v>42</v>
      </c>
      <c r="U1772" s="2">
        <v>2.8119999999999998</v>
      </c>
      <c r="V1772" s="2">
        <v>2.3559999999999999</v>
      </c>
      <c r="W1772" s="2">
        <v>1.4999999999999999E-2</v>
      </c>
      <c r="X1772" s="2">
        <v>118.9</v>
      </c>
      <c r="Y1772" s="2">
        <v>7.6</v>
      </c>
      <c r="Z1772" s="2">
        <v>16.7</v>
      </c>
      <c r="AA1772" s="5"/>
      <c r="AB1772" s="5" t="s">
        <v>43</v>
      </c>
      <c r="AC1772" s="5" t="s">
        <v>44</v>
      </c>
      <c r="AD1772" s="2"/>
      <c r="AE1772" s="1"/>
    </row>
    <row r="1773" spans="1:31" ht="14.45">
      <c r="A1773" s="11"/>
      <c r="B1773" s="20"/>
      <c r="C1773" s="2" t="s">
        <v>5740</v>
      </c>
      <c r="D1773" s="14" t="s">
        <v>5741</v>
      </c>
      <c r="E1773" s="2" t="s">
        <v>5742</v>
      </c>
      <c r="F1773" s="2" t="s">
        <v>1999</v>
      </c>
      <c r="G1773" s="8">
        <v>206</v>
      </c>
      <c r="H1773" s="5">
        <v>13</v>
      </c>
      <c r="I1773" s="5" t="s">
        <v>1518</v>
      </c>
      <c r="J1773" s="5" t="s">
        <v>1519</v>
      </c>
      <c r="K1773" s="2" t="s">
        <v>1520</v>
      </c>
      <c r="L1773" s="5" t="s">
        <v>1519</v>
      </c>
      <c r="M1773" s="2" t="s">
        <v>1520</v>
      </c>
      <c r="N1773" s="5" t="s">
        <v>1521</v>
      </c>
      <c r="O1773" s="5" t="s">
        <v>38</v>
      </c>
      <c r="P1773" s="5" t="s">
        <v>39</v>
      </c>
      <c r="Q1773" s="5" t="s">
        <v>40</v>
      </c>
      <c r="R1773" s="5" t="s">
        <v>1522</v>
      </c>
      <c r="S1773" s="5" t="s">
        <v>1523</v>
      </c>
      <c r="T1773" s="5" t="s">
        <v>42</v>
      </c>
      <c r="U1773" s="2">
        <v>2.867</v>
      </c>
      <c r="V1773" s="2">
        <v>2.411</v>
      </c>
      <c r="W1773" s="2">
        <v>1.4999999999999999E-2</v>
      </c>
      <c r="X1773" s="2">
        <v>118.9</v>
      </c>
      <c r="Y1773" s="2">
        <v>7.6</v>
      </c>
      <c r="Z1773" s="2">
        <v>16.7</v>
      </c>
      <c r="AA1773" s="5"/>
      <c r="AB1773" s="5" t="s">
        <v>43</v>
      </c>
      <c r="AC1773" s="5" t="s">
        <v>44</v>
      </c>
      <c r="AD1773" s="2"/>
      <c r="AE1773" s="1"/>
    </row>
    <row r="1774" spans="1:31" ht="14.45">
      <c r="A1774" s="11"/>
      <c r="B1774" s="20"/>
      <c r="C1774" s="2" t="s">
        <v>5743</v>
      </c>
      <c r="D1774" s="14" t="s">
        <v>5744</v>
      </c>
      <c r="E1774" s="2" t="s">
        <v>5745</v>
      </c>
      <c r="F1774" s="2" t="s">
        <v>1855</v>
      </c>
      <c r="G1774" s="8">
        <v>206</v>
      </c>
      <c r="H1774" s="5">
        <v>13</v>
      </c>
      <c r="I1774" s="5" t="s">
        <v>1518</v>
      </c>
      <c r="J1774" s="5" t="s">
        <v>1519</v>
      </c>
      <c r="K1774" s="2" t="s">
        <v>1520</v>
      </c>
      <c r="L1774" s="5" t="s">
        <v>1519</v>
      </c>
      <c r="M1774" s="2" t="s">
        <v>1520</v>
      </c>
      <c r="N1774" s="5" t="s">
        <v>1521</v>
      </c>
      <c r="O1774" s="5" t="s">
        <v>38</v>
      </c>
      <c r="P1774" s="5" t="s">
        <v>39</v>
      </c>
      <c r="Q1774" s="5" t="s">
        <v>40</v>
      </c>
      <c r="R1774" s="5" t="s">
        <v>1522</v>
      </c>
      <c r="S1774" s="5" t="s">
        <v>1523</v>
      </c>
      <c r="T1774" s="5" t="s">
        <v>42</v>
      </c>
      <c r="U1774" s="2">
        <v>2.8119999999999998</v>
      </c>
      <c r="V1774" s="2">
        <v>2.3559999999999999</v>
      </c>
      <c r="W1774" s="2">
        <v>1.4999999999999999E-2</v>
      </c>
      <c r="X1774" s="2">
        <v>118.9</v>
      </c>
      <c r="Y1774" s="2">
        <v>7.6</v>
      </c>
      <c r="Z1774" s="2">
        <v>16.7</v>
      </c>
      <c r="AA1774" s="5"/>
      <c r="AB1774" s="5" t="s">
        <v>43</v>
      </c>
      <c r="AC1774" s="5" t="s">
        <v>44</v>
      </c>
      <c r="AD1774" s="2"/>
      <c r="AE1774" s="1"/>
    </row>
    <row r="1775" spans="1:31" ht="14.45">
      <c r="A1775" s="11"/>
      <c r="B1775" s="20"/>
      <c r="C1775" s="2" t="s">
        <v>5746</v>
      </c>
      <c r="D1775" s="14" t="s">
        <v>5747</v>
      </c>
      <c r="E1775" s="2" t="s">
        <v>5748</v>
      </c>
      <c r="F1775" s="2" t="s">
        <v>1859</v>
      </c>
      <c r="G1775" s="8">
        <v>206</v>
      </c>
      <c r="H1775" s="5">
        <v>13</v>
      </c>
      <c r="I1775" s="5" t="s">
        <v>1518</v>
      </c>
      <c r="J1775" s="5" t="s">
        <v>1519</v>
      </c>
      <c r="K1775" s="2" t="s">
        <v>1520</v>
      </c>
      <c r="L1775" s="5" t="s">
        <v>1519</v>
      </c>
      <c r="M1775" s="2" t="s">
        <v>1520</v>
      </c>
      <c r="N1775" s="5" t="s">
        <v>1521</v>
      </c>
      <c r="O1775" s="5" t="s">
        <v>38</v>
      </c>
      <c r="P1775" s="5" t="s">
        <v>39</v>
      </c>
      <c r="Q1775" s="5" t="s">
        <v>40</v>
      </c>
      <c r="R1775" s="5" t="s">
        <v>1522</v>
      </c>
      <c r="S1775" s="5" t="s">
        <v>1523</v>
      </c>
      <c r="T1775" s="5" t="s">
        <v>42</v>
      </c>
      <c r="U1775" s="2">
        <v>2.867</v>
      </c>
      <c r="V1775" s="2">
        <v>2.411</v>
      </c>
      <c r="W1775" s="2">
        <v>1.4999999999999999E-2</v>
      </c>
      <c r="X1775" s="2">
        <v>118.9</v>
      </c>
      <c r="Y1775" s="2">
        <v>7.6</v>
      </c>
      <c r="Z1775" s="2">
        <v>16.7</v>
      </c>
      <c r="AA1775" s="5"/>
      <c r="AB1775" s="5" t="s">
        <v>43</v>
      </c>
      <c r="AC1775" s="5" t="s">
        <v>44</v>
      </c>
      <c r="AD1775" s="2"/>
      <c r="AE1775" s="1"/>
    </row>
    <row r="1776" spans="1:31" ht="14.45">
      <c r="A1776" s="11"/>
      <c r="B1776" s="20"/>
      <c r="C1776" s="2" t="s">
        <v>5749</v>
      </c>
      <c r="D1776" s="14" t="s">
        <v>5750</v>
      </c>
      <c r="E1776" s="2" t="s">
        <v>5751</v>
      </c>
      <c r="F1776" s="2" t="s">
        <v>1863</v>
      </c>
      <c r="G1776" s="8">
        <v>206</v>
      </c>
      <c r="H1776" s="5">
        <v>11</v>
      </c>
      <c r="I1776" s="5" t="s">
        <v>1518</v>
      </c>
      <c r="J1776" s="5" t="s">
        <v>1519</v>
      </c>
      <c r="K1776" s="2" t="s">
        <v>1520</v>
      </c>
      <c r="L1776" s="5" t="s">
        <v>1519</v>
      </c>
      <c r="M1776" s="2" t="s">
        <v>1520</v>
      </c>
      <c r="N1776" s="5" t="s">
        <v>1521</v>
      </c>
      <c r="O1776" s="5" t="s">
        <v>38</v>
      </c>
      <c r="P1776" s="5" t="s">
        <v>39</v>
      </c>
      <c r="Q1776" s="5" t="s">
        <v>40</v>
      </c>
      <c r="R1776" s="5" t="s">
        <v>1522</v>
      </c>
      <c r="S1776" s="5" t="s">
        <v>1523</v>
      </c>
      <c r="T1776" s="5" t="s">
        <v>42</v>
      </c>
      <c r="U1776" s="2">
        <v>2.74</v>
      </c>
      <c r="V1776" s="2">
        <v>2.2839999999999998</v>
      </c>
      <c r="W1776" s="2">
        <v>1.4999999999999999E-2</v>
      </c>
      <c r="X1776" s="2">
        <v>118.9</v>
      </c>
      <c r="Y1776" s="2">
        <v>7.6</v>
      </c>
      <c r="Z1776" s="2">
        <v>16.7</v>
      </c>
      <c r="AA1776" s="5"/>
      <c r="AB1776" s="5" t="s">
        <v>43</v>
      </c>
      <c r="AC1776" s="5" t="s">
        <v>44</v>
      </c>
      <c r="AD1776" s="2"/>
      <c r="AE1776" s="1"/>
    </row>
    <row r="1777" spans="1:31" ht="14.45">
      <c r="A1777" s="11"/>
      <c r="B1777" s="20"/>
      <c r="C1777" s="2" t="s">
        <v>5752</v>
      </c>
      <c r="D1777" s="14" t="s">
        <v>5753</v>
      </c>
      <c r="E1777" s="2" t="s">
        <v>5754</v>
      </c>
      <c r="F1777" s="2" t="s">
        <v>1867</v>
      </c>
      <c r="G1777" s="8">
        <v>206</v>
      </c>
      <c r="H1777" s="5">
        <v>11</v>
      </c>
      <c r="I1777" s="5" t="s">
        <v>1518</v>
      </c>
      <c r="J1777" s="5" t="s">
        <v>1519</v>
      </c>
      <c r="K1777" s="2" t="s">
        <v>1520</v>
      </c>
      <c r="L1777" s="5" t="s">
        <v>1519</v>
      </c>
      <c r="M1777" s="2" t="s">
        <v>1520</v>
      </c>
      <c r="N1777" s="5" t="s">
        <v>1521</v>
      </c>
      <c r="O1777" s="5" t="s">
        <v>38</v>
      </c>
      <c r="P1777" s="5" t="s">
        <v>39</v>
      </c>
      <c r="Q1777" s="5" t="s">
        <v>40</v>
      </c>
      <c r="R1777" s="5" t="s">
        <v>1522</v>
      </c>
      <c r="S1777" s="5" t="s">
        <v>1523</v>
      </c>
      <c r="T1777" s="5" t="s">
        <v>42</v>
      </c>
      <c r="U1777" s="2">
        <v>2.7949999999999999</v>
      </c>
      <c r="V1777" s="2">
        <v>2.339</v>
      </c>
      <c r="W1777" s="2">
        <v>1.4999999999999999E-2</v>
      </c>
      <c r="X1777" s="2">
        <v>118.9</v>
      </c>
      <c r="Y1777" s="2">
        <v>7.6</v>
      </c>
      <c r="Z1777" s="2">
        <v>16.7</v>
      </c>
      <c r="AA1777" s="5"/>
      <c r="AB1777" s="5" t="s">
        <v>43</v>
      </c>
      <c r="AC1777" s="5" t="s">
        <v>44</v>
      </c>
      <c r="AD1777" s="2"/>
      <c r="AE1777" s="1"/>
    </row>
    <row r="1778" spans="1:31" ht="14.45">
      <c r="A1778" s="11"/>
      <c r="B1778" s="20"/>
      <c r="C1778" s="2" t="s">
        <v>5755</v>
      </c>
      <c r="D1778" s="14" t="s">
        <v>5756</v>
      </c>
      <c r="E1778" s="2" t="s">
        <v>5757</v>
      </c>
      <c r="F1778" s="2" t="s">
        <v>1695</v>
      </c>
      <c r="G1778" s="8">
        <v>190</v>
      </c>
      <c r="H1778" s="5">
        <v>6</v>
      </c>
      <c r="I1778" s="5" t="s">
        <v>1518</v>
      </c>
      <c r="J1778" s="5" t="s">
        <v>1519</v>
      </c>
      <c r="K1778" s="2" t="s">
        <v>1520</v>
      </c>
      <c r="L1778" s="5" t="s">
        <v>1519</v>
      </c>
      <c r="M1778" s="2" t="s">
        <v>1520</v>
      </c>
      <c r="N1778" s="5" t="s">
        <v>1521</v>
      </c>
      <c r="O1778" s="5" t="s">
        <v>38</v>
      </c>
      <c r="P1778" s="5" t="s">
        <v>39</v>
      </c>
      <c r="Q1778" s="5" t="s">
        <v>40</v>
      </c>
      <c r="R1778" s="5" t="s">
        <v>1522</v>
      </c>
      <c r="S1778" s="5" t="s">
        <v>1523</v>
      </c>
      <c r="T1778" s="5" t="s">
        <v>42</v>
      </c>
      <c r="U1778" s="2">
        <v>2.92</v>
      </c>
      <c r="V1778" s="2">
        <v>2.4729999999999999</v>
      </c>
      <c r="W1778" s="2">
        <v>1.4999999999999999E-2</v>
      </c>
      <c r="X1778" s="2">
        <v>118.9</v>
      </c>
      <c r="Y1778" s="2">
        <v>7.6</v>
      </c>
      <c r="Z1778" s="2">
        <v>16.7</v>
      </c>
      <c r="AA1778" s="5"/>
      <c r="AB1778" s="5" t="s">
        <v>43</v>
      </c>
      <c r="AC1778" s="5" t="s">
        <v>44</v>
      </c>
      <c r="AD1778" s="2"/>
      <c r="AE1778" s="1"/>
    </row>
    <row r="1779" spans="1:31" ht="14.45">
      <c r="A1779" s="11"/>
      <c r="B1779" s="20"/>
      <c r="C1779" s="2" t="s">
        <v>5758</v>
      </c>
      <c r="D1779" s="14" t="s">
        <v>5759</v>
      </c>
      <c r="E1779" s="2" t="s">
        <v>5760</v>
      </c>
      <c r="F1779" s="2" t="s">
        <v>1699</v>
      </c>
      <c r="G1779" s="8">
        <v>190</v>
      </c>
      <c r="H1779" s="5">
        <v>6</v>
      </c>
      <c r="I1779" s="5" t="s">
        <v>1518</v>
      </c>
      <c r="J1779" s="5" t="s">
        <v>1519</v>
      </c>
      <c r="K1779" s="2" t="s">
        <v>1520</v>
      </c>
      <c r="L1779" s="5" t="s">
        <v>1519</v>
      </c>
      <c r="M1779" s="2" t="s">
        <v>1520</v>
      </c>
      <c r="N1779" s="5" t="s">
        <v>1521</v>
      </c>
      <c r="O1779" s="5" t="s">
        <v>38</v>
      </c>
      <c r="P1779" s="5" t="s">
        <v>39</v>
      </c>
      <c r="Q1779" s="5" t="s">
        <v>40</v>
      </c>
      <c r="R1779" s="5" t="s">
        <v>1522</v>
      </c>
      <c r="S1779" s="5" t="s">
        <v>1523</v>
      </c>
      <c r="T1779" s="5" t="s">
        <v>42</v>
      </c>
      <c r="U1779" s="2">
        <v>2.9790000000000001</v>
      </c>
      <c r="V1779" s="2">
        <v>2.532</v>
      </c>
      <c r="W1779" s="2">
        <v>1.4999999999999999E-2</v>
      </c>
      <c r="X1779" s="2">
        <v>118.9</v>
      </c>
      <c r="Y1779" s="2">
        <v>7.6</v>
      </c>
      <c r="Z1779" s="2">
        <v>16.7</v>
      </c>
      <c r="AA1779" s="5"/>
      <c r="AB1779" s="5" t="s">
        <v>43</v>
      </c>
      <c r="AC1779" s="5" t="s">
        <v>44</v>
      </c>
      <c r="AD1779" s="2"/>
      <c r="AE1779" s="1"/>
    </row>
    <row r="1780" spans="1:31" ht="14.45">
      <c r="A1780" s="11"/>
      <c r="B1780" s="20"/>
      <c r="C1780" s="2" t="s">
        <v>5761</v>
      </c>
      <c r="D1780" s="14" t="s">
        <v>5762</v>
      </c>
      <c r="E1780" s="2" t="s">
        <v>5763</v>
      </c>
      <c r="F1780" s="2" t="s">
        <v>1703</v>
      </c>
      <c r="G1780" s="8">
        <v>190</v>
      </c>
      <c r="H1780" s="5">
        <v>6</v>
      </c>
      <c r="I1780" s="5" t="s">
        <v>1518</v>
      </c>
      <c r="J1780" s="5" t="s">
        <v>1519</v>
      </c>
      <c r="K1780" s="2" t="s">
        <v>1520</v>
      </c>
      <c r="L1780" s="5" t="s">
        <v>1519</v>
      </c>
      <c r="M1780" s="2" t="s">
        <v>1520</v>
      </c>
      <c r="N1780" s="5" t="s">
        <v>1521</v>
      </c>
      <c r="O1780" s="5" t="s">
        <v>38</v>
      </c>
      <c r="P1780" s="5" t="s">
        <v>39</v>
      </c>
      <c r="Q1780" s="5" t="s">
        <v>40</v>
      </c>
      <c r="R1780" s="5" t="s">
        <v>1522</v>
      </c>
      <c r="S1780" s="5" t="s">
        <v>1523</v>
      </c>
      <c r="T1780" s="5" t="s">
        <v>42</v>
      </c>
      <c r="U1780" s="2">
        <v>2.931</v>
      </c>
      <c r="V1780" s="2">
        <v>2.484</v>
      </c>
      <c r="W1780" s="2">
        <v>1.4999999999999999E-2</v>
      </c>
      <c r="X1780" s="2">
        <v>118.9</v>
      </c>
      <c r="Y1780" s="2">
        <v>7.6</v>
      </c>
      <c r="Z1780" s="2">
        <v>16.7</v>
      </c>
      <c r="AA1780" s="5"/>
      <c r="AB1780" s="5" t="s">
        <v>43</v>
      </c>
      <c r="AC1780" s="5" t="s">
        <v>44</v>
      </c>
      <c r="AD1780" s="2"/>
      <c r="AE1780" s="1"/>
    </row>
    <row r="1781" spans="1:31" ht="14.45">
      <c r="A1781" s="11"/>
      <c r="B1781" s="20"/>
      <c r="C1781" s="2" t="s">
        <v>5764</v>
      </c>
      <c r="D1781" s="14" t="s">
        <v>5765</v>
      </c>
      <c r="E1781" s="2" t="s">
        <v>5766</v>
      </c>
      <c r="F1781" s="2" t="s">
        <v>1707</v>
      </c>
      <c r="G1781" s="8">
        <v>190</v>
      </c>
      <c r="H1781" s="5">
        <v>6</v>
      </c>
      <c r="I1781" s="5" t="s">
        <v>1518</v>
      </c>
      <c r="J1781" s="5" t="s">
        <v>1519</v>
      </c>
      <c r="K1781" s="2" t="s">
        <v>1520</v>
      </c>
      <c r="L1781" s="5" t="s">
        <v>1519</v>
      </c>
      <c r="M1781" s="2" t="s">
        <v>1520</v>
      </c>
      <c r="N1781" s="5" t="s">
        <v>1521</v>
      </c>
      <c r="O1781" s="5" t="s">
        <v>38</v>
      </c>
      <c r="P1781" s="5" t="s">
        <v>39</v>
      </c>
      <c r="Q1781" s="5" t="s">
        <v>40</v>
      </c>
      <c r="R1781" s="5" t="s">
        <v>1522</v>
      </c>
      <c r="S1781" s="5" t="s">
        <v>1523</v>
      </c>
      <c r="T1781" s="5" t="s">
        <v>42</v>
      </c>
      <c r="U1781" s="2">
        <v>2.99</v>
      </c>
      <c r="V1781" s="2">
        <v>2.5430000000000001</v>
      </c>
      <c r="W1781" s="2">
        <v>1.4999999999999999E-2</v>
      </c>
      <c r="X1781" s="2">
        <v>118.9</v>
      </c>
      <c r="Y1781" s="2">
        <v>7.6</v>
      </c>
      <c r="Z1781" s="2">
        <v>16.7</v>
      </c>
      <c r="AA1781" s="5"/>
      <c r="AB1781" s="5" t="s">
        <v>43</v>
      </c>
      <c r="AC1781" s="5" t="s">
        <v>44</v>
      </c>
      <c r="AD1781" s="2"/>
      <c r="AE1781" s="1"/>
    </row>
    <row r="1782" spans="1:31" ht="14.45">
      <c r="A1782" s="11"/>
      <c r="B1782" s="20"/>
      <c r="C1782" s="2" t="s">
        <v>5767</v>
      </c>
      <c r="D1782" s="14" t="s">
        <v>5768</v>
      </c>
      <c r="E1782" s="2" t="s">
        <v>5769</v>
      </c>
      <c r="F1782" s="2" t="s">
        <v>1711</v>
      </c>
      <c r="G1782" s="8">
        <v>190</v>
      </c>
      <c r="H1782" s="5">
        <v>5</v>
      </c>
      <c r="I1782" s="5" t="s">
        <v>1518</v>
      </c>
      <c r="J1782" s="5" t="s">
        <v>1519</v>
      </c>
      <c r="K1782" s="2" t="s">
        <v>1520</v>
      </c>
      <c r="L1782" s="5" t="s">
        <v>1519</v>
      </c>
      <c r="M1782" s="2" t="s">
        <v>1520</v>
      </c>
      <c r="N1782" s="5" t="s">
        <v>1521</v>
      </c>
      <c r="O1782" s="5" t="s">
        <v>38</v>
      </c>
      <c r="P1782" s="5" t="s">
        <v>39</v>
      </c>
      <c r="Q1782" s="5" t="s">
        <v>40</v>
      </c>
      <c r="R1782" s="5" t="s">
        <v>1522</v>
      </c>
      <c r="S1782" s="5" t="s">
        <v>1523</v>
      </c>
      <c r="T1782" s="5" t="s">
        <v>42</v>
      </c>
      <c r="U1782" s="2">
        <v>2.931</v>
      </c>
      <c r="V1782" s="2">
        <v>2.484</v>
      </c>
      <c r="W1782" s="2">
        <v>1.4999999999999999E-2</v>
      </c>
      <c r="X1782" s="2">
        <v>118.9</v>
      </c>
      <c r="Y1782" s="2">
        <v>7.6</v>
      </c>
      <c r="Z1782" s="2">
        <v>16.7</v>
      </c>
      <c r="AA1782" s="5"/>
      <c r="AB1782" s="5" t="s">
        <v>43</v>
      </c>
      <c r="AC1782" s="5" t="s">
        <v>44</v>
      </c>
      <c r="AD1782" s="2"/>
      <c r="AE1782" s="1"/>
    </row>
    <row r="1783" spans="1:31" ht="14.45">
      <c r="A1783" s="11"/>
      <c r="B1783" s="20"/>
      <c r="C1783" s="2" t="s">
        <v>5770</v>
      </c>
      <c r="D1783" s="14" t="s">
        <v>5771</v>
      </c>
      <c r="E1783" s="2" t="s">
        <v>5772</v>
      </c>
      <c r="F1783" s="2" t="s">
        <v>1715</v>
      </c>
      <c r="G1783" s="8">
        <v>190</v>
      </c>
      <c r="H1783" s="5">
        <v>6</v>
      </c>
      <c r="I1783" s="5" t="s">
        <v>1518</v>
      </c>
      <c r="J1783" s="5" t="s">
        <v>1519</v>
      </c>
      <c r="K1783" s="2" t="s">
        <v>1520</v>
      </c>
      <c r="L1783" s="5" t="s">
        <v>1519</v>
      </c>
      <c r="M1783" s="2" t="s">
        <v>1520</v>
      </c>
      <c r="N1783" s="5" t="s">
        <v>1521</v>
      </c>
      <c r="O1783" s="5" t="s">
        <v>38</v>
      </c>
      <c r="P1783" s="5" t="s">
        <v>39</v>
      </c>
      <c r="Q1783" s="5" t="s">
        <v>40</v>
      </c>
      <c r="R1783" s="5" t="s">
        <v>1522</v>
      </c>
      <c r="S1783" s="5" t="s">
        <v>1523</v>
      </c>
      <c r="T1783" s="5" t="s">
        <v>42</v>
      </c>
      <c r="U1783" s="2">
        <v>2.99</v>
      </c>
      <c r="V1783" s="2">
        <v>2.5430000000000001</v>
      </c>
      <c r="W1783" s="2">
        <v>1.4999999999999999E-2</v>
      </c>
      <c r="X1783" s="2">
        <v>118.9</v>
      </c>
      <c r="Y1783" s="2">
        <v>7.6</v>
      </c>
      <c r="Z1783" s="2">
        <v>16.7</v>
      </c>
      <c r="AA1783" s="5"/>
      <c r="AB1783" s="5" t="s">
        <v>43</v>
      </c>
      <c r="AC1783" s="5" t="s">
        <v>44</v>
      </c>
      <c r="AD1783" s="2"/>
      <c r="AE1783" s="1"/>
    </row>
    <row r="1784" spans="1:31" ht="14.45">
      <c r="A1784" s="11"/>
      <c r="B1784" s="20"/>
      <c r="C1784" s="2" t="s">
        <v>5773</v>
      </c>
      <c r="D1784" s="14" t="s">
        <v>5774</v>
      </c>
      <c r="E1784" s="2" t="s">
        <v>5775</v>
      </c>
      <c r="F1784" s="2" t="s">
        <v>1719</v>
      </c>
      <c r="G1784" s="8">
        <v>190</v>
      </c>
      <c r="H1784" s="2">
        <v>5</v>
      </c>
      <c r="I1784" s="2" t="s">
        <v>1518</v>
      </c>
      <c r="J1784" s="2" t="s">
        <v>1519</v>
      </c>
      <c r="K1784" s="2" t="s">
        <v>1520</v>
      </c>
      <c r="L1784" s="2" t="s">
        <v>1519</v>
      </c>
      <c r="M1784" s="2" t="s">
        <v>1520</v>
      </c>
      <c r="N1784" s="2" t="s">
        <v>1521</v>
      </c>
      <c r="O1784" s="2" t="s">
        <v>38</v>
      </c>
      <c r="P1784" s="2" t="s">
        <v>39</v>
      </c>
      <c r="Q1784" s="2" t="s">
        <v>40</v>
      </c>
      <c r="R1784" s="2" t="s">
        <v>1522</v>
      </c>
      <c r="S1784" s="12" t="s">
        <v>1523</v>
      </c>
      <c r="T1784" s="12" t="s">
        <v>42</v>
      </c>
      <c r="U1784" s="2">
        <v>2.8969999999999998</v>
      </c>
      <c r="V1784" s="2">
        <v>2.4489999999999998</v>
      </c>
      <c r="W1784" s="2">
        <v>1.4999999999999999E-2</v>
      </c>
      <c r="X1784" s="2">
        <v>118.9</v>
      </c>
      <c r="Y1784" s="2">
        <v>7.6</v>
      </c>
      <c r="Z1784" s="2">
        <v>16.7</v>
      </c>
      <c r="AA1784" s="12"/>
      <c r="AB1784" s="12" t="s">
        <v>43</v>
      </c>
      <c r="AC1784" s="12" t="s">
        <v>44</v>
      </c>
      <c r="AD1784" s="2"/>
      <c r="AE1784" s="1"/>
    </row>
    <row r="1785" spans="1:31" ht="14.45">
      <c r="A1785" s="11"/>
      <c r="B1785" s="20"/>
      <c r="C1785" s="2" t="s">
        <v>5776</v>
      </c>
      <c r="D1785" s="14" t="s">
        <v>5777</v>
      </c>
      <c r="E1785" s="2" t="s">
        <v>5778</v>
      </c>
      <c r="F1785" s="2" t="s">
        <v>1723</v>
      </c>
      <c r="G1785" s="8">
        <v>190</v>
      </c>
      <c r="H1785" s="5">
        <v>5</v>
      </c>
      <c r="I1785" s="5" t="s">
        <v>1518</v>
      </c>
      <c r="J1785" s="5" t="s">
        <v>1519</v>
      </c>
      <c r="K1785" s="2" t="s">
        <v>1520</v>
      </c>
      <c r="L1785" s="5" t="s">
        <v>1519</v>
      </c>
      <c r="M1785" s="2" t="s">
        <v>1520</v>
      </c>
      <c r="N1785" s="5" t="s">
        <v>1521</v>
      </c>
      <c r="O1785" s="5" t="s">
        <v>38</v>
      </c>
      <c r="P1785" s="5" t="s">
        <v>39</v>
      </c>
      <c r="Q1785" s="5" t="s">
        <v>40</v>
      </c>
      <c r="R1785" s="5" t="s">
        <v>1522</v>
      </c>
      <c r="S1785" s="5" t="s">
        <v>1523</v>
      </c>
      <c r="T1785" s="5" t="s">
        <v>42</v>
      </c>
      <c r="U1785" s="2">
        <v>2.956</v>
      </c>
      <c r="V1785" s="2">
        <v>2.508</v>
      </c>
      <c r="W1785" s="2">
        <v>1.4999999999999999E-2</v>
      </c>
      <c r="X1785" s="2">
        <v>118.9</v>
      </c>
      <c r="Y1785" s="2">
        <v>7.6</v>
      </c>
      <c r="Z1785" s="2">
        <v>16.7</v>
      </c>
      <c r="AA1785" s="5"/>
      <c r="AB1785" s="5" t="s">
        <v>43</v>
      </c>
      <c r="AC1785" s="5" t="s">
        <v>44</v>
      </c>
      <c r="AD1785" s="2"/>
      <c r="AE1785" s="1"/>
    </row>
    <row r="1786" spans="1:31" ht="14.45">
      <c r="A1786" s="11"/>
      <c r="B1786" s="20"/>
      <c r="C1786" s="2" t="s">
        <v>5779</v>
      </c>
      <c r="D1786" s="14" t="s">
        <v>5780</v>
      </c>
      <c r="E1786" s="2" t="s">
        <v>5781</v>
      </c>
      <c r="F1786" s="2" t="s">
        <v>1727</v>
      </c>
      <c r="G1786" s="8">
        <v>218</v>
      </c>
      <c r="H1786" s="5">
        <v>6</v>
      </c>
      <c r="I1786" s="5" t="s">
        <v>1518</v>
      </c>
      <c r="J1786" s="5" t="s">
        <v>1519</v>
      </c>
      <c r="K1786" s="2" t="s">
        <v>1520</v>
      </c>
      <c r="L1786" s="5" t="s">
        <v>1519</v>
      </c>
      <c r="M1786" s="2" t="s">
        <v>1520</v>
      </c>
      <c r="N1786" s="5" t="s">
        <v>1521</v>
      </c>
      <c r="O1786" s="5" t="s">
        <v>38</v>
      </c>
      <c r="P1786" s="5" t="s">
        <v>39</v>
      </c>
      <c r="Q1786" s="5" t="s">
        <v>40</v>
      </c>
      <c r="R1786" s="5" t="s">
        <v>1522</v>
      </c>
      <c r="S1786" s="5" t="s">
        <v>1523</v>
      </c>
      <c r="T1786" s="5" t="s">
        <v>42</v>
      </c>
      <c r="U1786" s="2">
        <v>2.8959999999999999</v>
      </c>
      <c r="V1786" s="2">
        <v>2.4489999999999998</v>
      </c>
      <c r="W1786" s="2">
        <v>1.4999999999999999E-2</v>
      </c>
      <c r="X1786" s="2">
        <v>118.9</v>
      </c>
      <c r="Y1786" s="2">
        <v>7.6</v>
      </c>
      <c r="Z1786" s="2">
        <v>16.7</v>
      </c>
      <c r="AA1786" s="5"/>
      <c r="AB1786" s="5" t="s">
        <v>43</v>
      </c>
      <c r="AC1786" s="5" t="s">
        <v>44</v>
      </c>
      <c r="AD1786" s="2"/>
      <c r="AE1786" s="1"/>
    </row>
    <row r="1787" spans="1:31" ht="14.45">
      <c r="A1787" s="11"/>
      <c r="B1787" s="20"/>
      <c r="C1787" s="2" t="s">
        <v>5782</v>
      </c>
      <c r="D1787" s="14" t="s">
        <v>5783</v>
      </c>
      <c r="E1787" s="2" t="s">
        <v>5784</v>
      </c>
      <c r="F1787" s="2" t="s">
        <v>1731</v>
      </c>
      <c r="G1787" s="8">
        <v>218</v>
      </c>
      <c r="H1787" s="5">
        <v>6</v>
      </c>
      <c r="I1787" s="5" t="s">
        <v>1518</v>
      </c>
      <c r="J1787" s="5" t="s">
        <v>1519</v>
      </c>
      <c r="K1787" s="2" t="s">
        <v>1520</v>
      </c>
      <c r="L1787" s="5" t="s">
        <v>1519</v>
      </c>
      <c r="M1787" s="2" t="s">
        <v>1520</v>
      </c>
      <c r="N1787" s="5" t="s">
        <v>1521</v>
      </c>
      <c r="O1787" s="5" t="s">
        <v>38</v>
      </c>
      <c r="P1787" s="5" t="s">
        <v>39</v>
      </c>
      <c r="Q1787" s="5" t="s">
        <v>40</v>
      </c>
      <c r="R1787" s="5" t="s">
        <v>1522</v>
      </c>
      <c r="S1787" s="5" t="s">
        <v>1523</v>
      </c>
      <c r="T1787" s="5" t="s">
        <v>42</v>
      </c>
      <c r="U1787" s="2">
        <v>2.9550000000000001</v>
      </c>
      <c r="V1787" s="2">
        <v>2.508</v>
      </c>
      <c r="W1787" s="2">
        <v>1.4999999999999999E-2</v>
      </c>
      <c r="X1787" s="2">
        <v>118.9</v>
      </c>
      <c r="Y1787" s="2">
        <v>7.6</v>
      </c>
      <c r="Z1787" s="2">
        <v>16.7</v>
      </c>
      <c r="AA1787" s="5"/>
      <c r="AB1787" s="5" t="s">
        <v>43</v>
      </c>
      <c r="AC1787" s="5" t="s">
        <v>44</v>
      </c>
      <c r="AD1787" s="2"/>
      <c r="AE1787" s="1"/>
    </row>
    <row r="1788" spans="1:31" ht="14.45">
      <c r="A1788" s="11"/>
      <c r="B1788" s="20"/>
      <c r="C1788" s="2" t="s">
        <v>5785</v>
      </c>
      <c r="D1788" s="14" t="s">
        <v>5786</v>
      </c>
      <c r="E1788" s="2" t="s">
        <v>5787</v>
      </c>
      <c r="F1788" s="2" t="s">
        <v>1735</v>
      </c>
      <c r="G1788" s="8">
        <v>218</v>
      </c>
      <c r="H1788" s="5">
        <v>6</v>
      </c>
      <c r="I1788" s="5" t="s">
        <v>1518</v>
      </c>
      <c r="J1788" s="5" t="s">
        <v>1519</v>
      </c>
      <c r="K1788" s="2" t="s">
        <v>1520</v>
      </c>
      <c r="L1788" s="5" t="s">
        <v>1519</v>
      </c>
      <c r="M1788" s="2" t="s">
        <v>1520</v>
      </c>
      <c r="N1788" s="5" t="s">
        <v>1521</v>
      </c>
      <c r="O1788" s="5" t="s">
        <v>38</v>
      </c>
      <c r="P1788" s="5" t="s">
        <v>39</v>
      </c>
      <c r="Q1788" s="5" t="s">
        <v>40</v>
      </c>
      <c r="R1788" s="5" t="s">
        <v>1522</v>
      </c>
      <c r="S1788" s="5" t="s">
        <v>1523</v>
      </c>
      <c r="T1788" s="5" t="s">
        <v>42</v>
      </c>
      <c r="U1788" s="2">
        <v>2.931</v>
      </c>
      <c r="V1788" s="2">
        <v>2.484</v>
      </c>
      <c r="W1788" s="2">
        <v>1.4999999999999999E-2</v>
      </c>
      <c r="X1788" s="2">
        <v>118.9</v>
      </c>
      <c r="Y1788" s="2">
        <v>7.6</v>
      </c>
      <c r="Z1788" s="2">
        <v>16.7</v>
      </c>
      <c r="AA1788" s="5"/>
      <c r="AB1788" s="5" t="s">
        <v>43</v>
      </c>
      <c r="AC1788" s="5" t="s">
        <v>44</v>
      </c>
      <c r="AD1788" s="2"/>
      <c r="AE1788" s="1"/>
    </row>
    <row r="1789" spans="1:31" ht="14.45">
      <c r="A1789" s="11"/>
      <c r="B1789" s="20"/>
      <c r="C1789" s="2" t="s">
        <v>5788</v>
      </c>
      <c r="D1789" s="14" t="s">
        <v>5789</v>
      </c>
      <c r="E1789" s="2" t="s">
        <v>5790</v>
      </c>
      <c r="F1789" s="2" t="s">
        <v>1739</v>
      </c>
      <c r="G1789" s="8">
        <v>218</v>
      </c>
      <c r="H1789" s="5">
        <v>6</v>
      </c>
      <c r="I1789" s="5" t="s">
        <v>1518</v>
      </c>
      <c r="J1789" s="5" t="s">
        <v>1519</v>
      </c>
      <c r="K1789" s="2" t="s">
        <v>1520</v>
      </c>
      <c r="L1789" s="5" t="s">
        <v>1519</v>
      </c>
      <c r="M1789" s="2" t="s">
        <v>1520</v>
      </c>
      <c r="N1789" s="5" t="s">
        <v>1521</v>
      </c>
      <c r="O1789" s="5" t="s">
        <v>38</v>
      </c>
      <c r="P1789" s="5" t="s">
        <v>39</v>
      </c>
      <c r="Q1789" s="5" t="s">
        <v>40</v>
      </c>
      <c r="R1789" s="5" t="s">
        <v>1522</v>
      </c>
      <c r="S1789" s="5" t="s">
        <v>1523</v>
      </c>
      <c r="T1789" s="5" t="s">
        <v>42</v>
      </c>
      <c r="U1789" s="2">
        <v>2.99</v>
      </c>
      <c r="V1789" s="2">
        <v>2.5430000000000001</v>
      </c>
      <c r="W1789" s="2">
        <v>1.4999999999999999E-2</v>
      </c>
      <c r="X1789" s="2">
        <v>118.9</v>
      </c>
      <c r="Y1789" s="2">
        <v>7.6</v>
      </c>
      <c r="Z1789" s="2">
        <v>16.7</v>
      </c>
      <c r="AA1789" s="5"/>
      <c r="AB1789" s="5" t="s">
        <v>43</v>
      </c>
      <c r="AC1789" s="5" t="s">
        <v>44</v>
      </c>
      <c r="AD1789" s="2"/>
      <c r="AE1789" s="1"/>
    </row>
    <row r="1790" spans="1:31" ht="14.45">
      <c r="A1790" s="11"/>
      <c r="B1790" s="20"/>
      <c r="C1790" s="2" t="s">
        <v>5791</v>
      </c>
      <c r="D1790" s="14" t="s">
        <v>5792</v>
      </c>
      <c r="E1790" s="2" t="s">
        <v>5793</v>
      </c>
      <c r="F1790" s="2" t="s">
        <v>1743</v>
      </c>
      <c r="G1790" s="8">
        <v>218</v>
      </c>
      <c r="H1790" s="5">
        <v>6</v>
      </c>
      <c r="I1790" s="5" t="s">
        <v>1518</v>
      </c>
      <c r="J1790" s="5" t="s">
        <v>1519</v>
      </c>
      <c r="K1790" s="2" t="s">
        <v>1520</v>
      </c>
      <c r="L1790" s="5" t="s">
        <v>1519</v>
      </c>
      <c r="M1790" s="2" t="s">
        <v>1520</v>
      </c>
      <c r="N1790" s="5" t="s">
        <v>1521</v>
      </c>
      <c r="O1790" s="5" t="s">
        <v>38</v>
      </c>
      <c r="P1790" s="5" t="s">
        <v>39</v>
      </c>
      <c r="Q1790" s="5" t="s">
        <v>40</v>
      </c>
      <c r="R1790" s="5" t="s">
        <v>1522</v>
      </c>
      <c r="S1790" s="5" t="s">
        <v>1523</v>
      </c>
      <c r="T1790" s="5" t="s">
        <v>42</v>
      </c>
      <c r="U1790" s="2">
        <v>2.8959999999999999</v>
      </c>
      <c r="V1790" s="2">
        <v>2.4489999999999998</v>
      </c>
      <c r="W1790" s="2">
        <v>1.4999999999999999E-2</v>
      </c>
      <c r="X1790" s="2">
        <v>118.9</v>
      </c>
      <c r="Y1790" s="2">
        <v>7.6</v>
      </c>
      <c r="Z1790" s="2">
        <v>16.7</v>
      </c>
      <c r="AA1790" s="5"/>
      <c r="AB1790" s="5" t="s">
        <v>43</v>
      </c>
      <c r="AC1790" s="5" t="s">
        <v>44</v>
      </c>
      <c r="AD1790" s="2"/>
      <c r="AE1790" s="1"/>
    </row>
    <row r="1791" spans="1:31" ht="14.45">
      <c r="A1791" s="11"/>
      <c r="B1791" s="20"/>
      <c r="C1791" s="2" t="s">
        <v>5794</v>
      </c>
      <c r="D1791" s="14" t="s">
        <v>5795</v>
      </c>
      <c r="E1791" s="2" t="s">
        <v>5796</v>
      </c>
      <c r="F1791" s="2" t="s">
        <v>1747</v>
      </c>
      <c r="G1791" s="8">
        <v>218</v>
      </c>
      <c r="H1791" s="5">
        <v>6</v>
      </c>
      <c r="I1791" s="5" t="s">
        <v>1518</v>
      </c>
      <c r="J1791" s="5" t="s">
        <v>1519</v>
      </c>
      <c r="K1791" s="2" t="s">
        <v>1520</v>
      </c>
      <c r="L1791" s="5" t="s">
        <v>1519</v>
      </c>
      <c r="M1791" s="2" t="s">
        <v>1520</v>
      </c>
      <c r="N1791" s="5" t="s">
        <v>1521</v>
      </c>
      <c r="O1791" s="5" t="s">
        <v>38</v>
      </c>
      <c r="P1791" s="5" t="s">
        <v>39</v>
      </c>
      <c r="Q1791" s="5" t="s">
        <v>40</v>
      </c>
      <c r="R1791" s="5" t="s">
        <v>1522</v>
      </c>
      <c r="S1791" s="5" t="s">
        <v>1523</v>
      </c>
      <c r="T1791" s="5" t="s">
        <v>42</v>
      </c>
      <c r="U1791" s="2">
        <v>2.9550000000000001</v>
      </c>
      <c r="V1791" s="2">
        <v>2.508</v>
      </c>
      <c r="W1791" s="2">
        <v>1.4999999999999999E-2</v>
      </c>
      <c r="X1791" s="2">
        <v>118.9</v>
      </c>
      <c r="Y1791" s="2">
        <v>7.6</v>
      </c>
      <c r="Z1791" s="2">
        <v>16.7</v>
      </c>
      <c r="AA1791" s="5"/>
      <c r="AB1791" s="5" t="s">
        <v>43</v>
      </c>
      <c r="AC1791" s="5" t="s">
        <v>44</v>
      </c>
      <c r="AD1791" s="2"/>
      <c r="AE1791" s="1"/>
    </row>
    <row r="1792" spans="1:31" ht="14.45">
      <c r="A1792" s="11"/>
      <c r="B1792" s="20"/>
      <c r="C1792" s="2" t="s">
        <v>5797</v>
      </c>
      <c r="D1792" s="14" t="s">
        <v>5798</v>
      </c>
      <c r="E1792" s="2" t="s">
        <v>5799</v>
      </c>
      <c r="F1792" s="2" t="s">
        <v>1751</v>
      </c>
      <c r="G1792" s="8">
        <v>218</v>
      </c>
      <c r="H1792" s="5">
        <v>6</v>
      </c>
      <c r="I1792" s="5" t="s">
        <v>1518</v>
      </c>
      <c r="J1792" s="5" t="s">
        <v>1519</v>
      </c>
      <c r="K1792" s="2" t="s">
        <v>1520</v>
      </c>
      <c r="L1792" s="5" t="s">
        <v>1519</v>
      </c>
      <c r="M1792" s="2" t="s">
        <v>1520</v>
      </c>
      <c r="N1792" s="5" t="s">
        <v>1521</v>
      </c>
      <c r="O1792" s="5" t="s">
        <v>38</v>
      </c>
      <c r="P1792" s="5" t="s">
        <v>39</v>
      </c>
      <c r="Q1792" s="5" t="s">
        <v>40</v>
      </c>
      <c r="R1792" s="5" t="s">
        <v>1522</v>
      </c>
      <c r="S1792" s="5" t="s">
        <v>1523</v>
      </c>
      <c r="T1792" s="5" t="s">
        <v>42</v>
      </c>
      <c r="U1792" s="2">
        <v>2.8959999999999999</v>
      </c>
      <c r="V1792" s="2">
        <v>2.4489999999999998</v>
      </c>
      <c r="W1792" s="2">
        <v>1.4999999999999999E-2</v>
      </c>
      <c r="X1792" s="2">
        <v>118.9</v>
      </c>
      <c r="Y1792" s="2">
        <v>7.6</v>
      </c>
      <c r="Z1792" s="2">
        <v>16.7</v>
      </c>
      <c r="AA1792" s="5"/>
      <c r="AB1792" s="5" t="s">
        <v>43</v>
      </c>
      <c r="AC1792" s="5" t="s">
        <v>44</v>
      </c>
      <c r="AD1792" s="2"/>
      <c r="AE1792" s="1"/>
    </row>
    <row r="1793" spans="1:31" ht="14.45">
      <c r="A1793" s="11"/>
      <c r="B1793" s="20"/>
      <c r="C1793" s="2" t="s">
        <v>5800</v>
      </c>
      <c r="D1793" s="14" t="s">
        <v>5801</v>
      </c>
      <c r="E1793" s="2" t="s">
        <v>5802</v>
      </c>
      <c r="F1793" s="2" t="s">
        <v>1755</v>
      </c>
      <c r="G1793" s="8">
        <v>218</v>
      </c>
      <c r="H1793" s="5">
        <v>6</v>
      </c>
      <c r="I1793" s="5" t="s">
        <v>1518</v>
      </c>
      <c r="J1793" s="5" t="s">
        <v>1519</v>
      </c>
      <c r="K1793" s="2" t="s">
        <v>1520</v>
      </c>
      <c r="L1793" s="5" t="s">
        <v>1519</v>
      </c>
      <c r="M1793" s="2" t="s">
        <v>1520</v>
      </c>
      <c r="N1793" s="5" t="s">
        <v>1521</v>
      </c>
      <c r="O1793" s="5" t="s">
        <v>38</v>
      </c>
      <c r="P1793" s="5" t="s">
        <v>39</v>
      </c>
      <c r="Q1793" s="5" t="s">
        <v>40</v>
      </c>
      <c r="R1793" s="5" t="s">
        <v>1522</v>
      </c>
      <c r="S1793" s="5" t="s">
        <v>1523</v>
      </c>
      <c r="T1793" s="5" t="s">
        <v>42</v>
      </c>
      <c r="U1793" s="2">
        <v>2.9550000000000001</v>
      </c>
      <c r="V1793" s="2">
        <v>2.508</v>
      </c>
      <c r="W1793" s="2">
        <v>1.4999999999999999E-2</v>
      </c>
      <c r="X1793" s="2">
        <v>118.9</v>
      </c>
      <c r="Y1793" s="2">
        <v>7.6</v>
      </c>
      <c r="Z1793" s="2">
        <v>16.7</v>
      </c>
      <c r="AA1793" s="5"/>
      <c r="AB1793" s="5" t="s">
        <v>43</v>
      </c>
      <c r="AC1793" s="5" t="s">
        <v>44</v>
      </c>
      <c r="AD1793" s="2"/>
      <c r="AE1793" s="1"/>
    </row>
    <row r="1794" spans="1:31" ht="14.45">
      <c r="A1794" s="11"/>
      <c r="B1794" s="20"/>
      <c r="C1794" s="2" t="s">
        <v>5803</v>
      </c>
      <c r="D1794" s="14" t="s">
        <v>5804</v>
      </c>
      <c r="E1794" s="2" t="s">
        <v>5805</v>
      </c>
      <c r="F1794" s="2" t="s">
        <v>1759</v>
      </c>
      <c r="G1794" s="8">
        <v>218</v>
      </c>
      <c r="H1794" s="5">
        <v>6</v>
      </c>
      <c r="I1794" s="5" t="s">
        <v>1518</v>
      </c>
      <c r="J1794" s="5" t="s">
        <v>1519</v>
      </c>
      <c r="K1794" s="2" t="s">
        <v>1520</v>
      </c>
      <c r="L1794" s="5" t="s">
        <v>1519</v>
      </c>
      <c r="M1794" s="2" t="s">
        <v>1520</v>
      </c>
      <c r="N1794" s="5" t="s">
        <v>1521</v>
      </c>
      <c r="O1794" s="5" t="s">
        <v>38</v>
      </c>
      <c r="P1794" s="5" t="s">
        <v>39</v>
      </c>
      <c r="Q1794" s="5" t="s">
        <v>40</v>
      </c>
      <c r="R1794" s="5" t="s">
        <v>1522</v>
      </c>
      <c r="S1794" s="5" t="s">
        <v>1523</v>
      </c>
      <c r="T1794" s="5" t="s">
        <v>42</v>
      </c>
      <c r="U1794" s="2">
        <v>2.931</v>
      </c>
      <c r="V1794" s="2">
        <v>2.484</v>
      </c>
      <c r="W1794" s="2">
        <v>1.4999999999999999E-2</v>
      </c>
      <c r="X1794" s="2">
        <v>118.9</v>
      </c>
      <c r="Y1794" s="2">
        <v>7.6</v>
      </c>
      <c r="Z1794" s="2">
        <v>16.7</v>
      </c>
      <c r="AA1794" s="5"/>
      <c r="AB1794" s="5" t="s">
        <v>43</v>
      </c>
      <c r="AC1794" s="5" t="s">
        <v>44</v>
      </c>
      <c r="AD1794" s="2"/>
      <c r="AE1794" s="1"/>
    </row>
    <row r="1795" spans="1:31" ht="14.45">
      <c r="A1795" s="11"/>
      <c r="B1795" s="20"/>
      <c r="C1795" s="2" t="s">
        <v>5806</v>
      </c>
      <c r="D1795" s="14" t="s">
        <v>5807</v>
      </c>
      <c r="E1795" s="2" t="s">
        <v>5808</v>
      </c>
      <c r="F1795" s="2" t="s">
        <v>1763</v>
      </c>
      <c r="G1795" s="8">
        <v>218</v>
      </c>
      <c r="H1795" s="5">
        <v>6</v>
      </c>
      <c r="I1795" s="5" t="s">
        <v>1518</v>
      </c>
      <c r="J1795" s="5" t="s">
        <v>1519</v>
      </c>
      <c r="K1795" s="2" t="s">
        <v>1520</v>
      </c>
      <c r="L1795" s="5" t="s">
        <v>1519</v>
      </c>
      <c r="M1795" s="2" t="s">
        <v>1520</v>
      </c>
      <c r="N1795" s="5" t="s">
        <v>1521</v>
      </c>
      <c r="O1795" s="5" t="s">
        <v>38</v>
      </c>
      <c r="P1795" s="5" t="s">
        <v>39</v>
      </c>
      <c r="Q1795" s="5" t="s">
        <v>40</v>
      </c>
      <c r="R1795" s="5" t="s">
        <v>1522</v>
      </c>
      <c r="S1795" s="5" t="s">
        <v>1523</v>
      </c>
      <c r="T1795" s="5" t="s">
        <v>42</v>
      </c>
      <c r="U1795" s="2">
        <v>2.99</v>
      </c>
      <c r="V1795" s="2">
        <v>2.5430000000000001</v>
      </c>
      <c r="W1795" s="2">
        <v>1.4999999999999999E-2</v>
      </c>
      <c r="X1795" s="2">
        <v>118.9</v>
      </c>
      <c r="Y1795" s="2">
        <v>7.6</v>
      </c>
      <c r="Z1795" s="2">
        <v>16.7</v>
      </c>
      <c r="AA1795" s="5"/>
      <c r="AB1795" s="5" t="s">
        <v>43</v>
      </c>
      <c r="AC1795" s="5" t="s">
        <v>44</v>
      </c>
      <c r="AD1795" s="2"/>
      <c r="AE1795" s="1"/>
    </row>
    <row r="1796" spans="1:31" ht="14.45">
      <c r="A1796" s="11"/>
      <c r="B1796" s="20"/>
      <c r="C1796" s="2" t="s">
        <v>5809</v>
      </c>
      <c r="D1796" s="14" t="s">
        <v>5810</v>
      </c>
      <c r="E1796" s="2" t="s">
        <v>5811</v>
      </c>
      <c r="F1796" s="2" t="s">
        <v>1767</v>
      </c>
      <c r="G1796" s="8">
        <v>218</v>
      </c>
      <c r="H1796" s="5">
        <v>6</v>
      </c>
      <c r="I1796" s="5" t="s">
        <v>1518</v>
      </c>
      <c r="J1796" s="5" t="s">
        <v>1519</v>
      </c>
      <c r="K1796" s="2" t="s">
        <v>1520</v>
      </c>
      <c r="L1796" s="5" t="s">
        <v>1519</v>
      </c>
      <c r="M1796" s="2" t="s">
        <v>1520</v>
      </c>
      <c r="N1796" s="5" t="s">
        <v>1521</v>
      </c>
      <c r="O1796" s="5" t="s">
        <v>38</v>
      </c>
      <c r="P1796" s="5" t="s">
        <v>39</v>
      </c>
      <c r="Q1796" s="5" t="s">
        <v>40</v>
      </c>
      <c r="R1796" s="5" t="s">
        <v>1522</v>
      </c>
      <c r="S1796" s="5" t="s">
        <v>1523</v>
      </c>
      <c r="T1796" s="5" t="s">
        <v>42</v>
      </c>
      <c r="U1796" s="2">
        <v>2.931</v>
      </c>
      <c r="V1796" s="2">
        <v>2.484</v>
      </c>
      <c r="W1796" s="2">
        <v>1.4999999999999999E-2</v>
      </c>
      <c r="X1796" s="2">
        <v>118.9</v>
      </c>
      <c r="Y1796" s="2">
        <v>7.6</v>
      </c>
      <c r="Z1796" s="2">
        <v>16.7</v>
      </c>
      <c r="AA1796" s="5"/>
      <c r="AB1796" s="5" t="s">
        <v>43</v>
      </c>
      <c r="AC1796" s="5" t="s">
        <v>44</v>
      </c>
      <c r="AD1796" s="2"/>
      <c r="AE1796" s="1"/>
    </row>
    <row r="1797" spans="1:31" ht="14.45">
      <c r="A1797" s="11"/>
      <c r="B1797" s="20"/>
      <c r="C1797" s="2" t="s">
        <v>5812</v>
      </c>
      <c r="D1797" s="14" t="s">
        <v>5813</v>
      </c>
      <c r="E1797" s="2" t="s">
        <v>5814</v>
      </c>
      <c r="F1797" s="2" t="s">
        <v>1771</v>
      </c>
      <c r="G1797" s="8">
        <v>218</v>
      </c>
      <c r="H1797" s="5">
        <v>6</v>
      </c>
      <c r="I1797" s="5" t="s">
        <v>1518</v>
      </c>
      <c r="J1797" s="5" t="s">
        <v>1519</v>
      </c>
      <c r="K1797" s="2" t="s">
        <v>1520</v>
      </c>
      <c r="L1797" s="5" t="s">
        <v>1519</v>
      </c>
      <c r="M1797" s="2" t="s">
        <v>1520</v>
      </c>
      <c r="N1797" s="5" t="s">
        <v>1521</v>
      </c>
      <c r="O1797" s="5" t="s">
        <v>38</v>
      </c>
      <c r="P1797" s="5" t="s">
        <v>39</v>
      </c>
      <c r="Q1797" s="5" t="s">
        <v>40</v>
      </c>
      <c r="R1797" s="5" t="s">
        <v>1522</v>
      </c>
      <c r="S1797" s="5" t="s">
        <v>1523</v>
      </c>
      <c r="T1797" s="5" t="s">
        <v>42</v>
      </c>
      <c r="U1797" s="2">
        <v>2.99</v>
      </c>
      <c r="V1797" s="2">
        <v>2.5430000000000001</v>
      </c>
      <c r="W1797" s="2">
        <v>1.4999999999999999E-2</v>
      </c>
      <c r="X1797" s="2">
        <v>118.9</v>
      </c>
      <c r="Y1797" s="2">
        <v>7.6</v>
      </c>
      <c r="Z1797" s="2">
        <v>16.7</v>
      </c>
      <c r="AA1797" s="5"/>
      <c r="AB1797" s="5" t="s">
        <v>43</v>
      </c>
      <c r="AC1797" s="5" t="s">
        <v>44</v>
      </c>
      <c r="AD1797" s="2"/>
      <c r="AE1797" s="1"/>
    </row>
    <row r="1798" spans="1:31" ht="14.45">
      <c r="A1798" s="11"/>
      <c r="B1798" s="20"/>
      <c r="C1798" s="2" t="s">
        <v>5815</v>
      </c>
      <c r="D1798" s="14" t="s">
        <v>5816</v>
      </c>
      <c r="E1798" s="2" t="s">
        <v>5817</v>
      </c>
      <c r="F1798" s="2" t="s">
        <v>1775</v>
      </c>
      <c r="G1798" s="8">
        <v>218</v>
      </c>
      <c r="H1798" s="5">
        <v>6</v>
      </c>
      <c r="I1798" s="5" t="s">
        <v>1518</v>
      </c>
      <c r="J1798" s="5" t="s">
        <v>1519</v>
      </c>
      <c r="K1798" s="2" t="s">
        <v>1520</v>
      </c>
      <c r="L1798" s="5" t="s">
        <v>1519</v>
      </c>
      <c r="M1798" s="2" t="s">
        <v>1520</v>
      </c>
      <c r="N1798" s="5" t="s">
        <v>1521</v>
      </c>
      <c r="O1798" s="5" t="s">
        <v>38</v>
      </c>
      <c r="P1798" s="5" t="s">
        <v>39</v>
      </c>
      <c r="Q1798" s="5" t="s">
        <v>40</v>
      </c>
      <c r="R1798" s="5" t="s">
        <v>1522</v>
      </c>
      <c r="S1798" s="5" t="s">
        <v>1523</v>
      </c>
      <c r="T1798" s="5" t="s">
        <v>42</v>
      </c>
      <c r="U1798" s="2">
        <v>2.931</v>
      </c>
      <c r="V1798" s="2">
        <v>2.484</v>
      </c>
      <c r="W1798" s="2">
        <v>1.4999999999999999E-2</v>
      </c>
      <c r="X1798" s="2">
        <v>118.9</v>
      </c>
      <c r="Y1798" s="2">
        <v>7.6</v>
      </c>
      <c r="Z1798" s="2">
        <v>16.7</v>
      </c>
      <c r="AA1798" s="5"/>
      <c r="AB1798" s="5" t="s">
        <v>43</v>
      </c>
      <c r="AC1798" s="5" t="s">
        <v>44</v>
      </c>
      <c r="AD1798" s="2"/>
      <c r="AE1798" s="1"/>
    </row>
    <row r="1799" spans="1:31" ht="14.45">
      <c r="A1799" s="11"/>
      <c r="B1799" s="20"/>
      <c r="C1799" s="2" t="s">
        <v>5818</v>
      </c>
      <c r="D1799" s="14" t="s">
        <v>5819</v>
      </c>
      <c r="E1799" s="2" t="s">
        <v>5820</v>
      </c>
      <c r="F1799" s="2" t="s">
        <v>1779</v>
      </c>
      <c r="G1799" s="8">
        <v>218</v>
      </c>
      <c r="H1799" s="5">
        <v>6</v>
      </c>
      <c r="I1799" s="5" t="s">
        <v>1518</v>
      </c>
      <c r="J1799" s="5" t="s">
        <v>1519</v>
      </c>
      <c r="K1799" s="2" t="s">
        <v>1520</v>
      </c>
      <c r="L1799" s="5" t="s">
        <v>1519</v>
      </c>
      <c r="M1799" s="2" t="s">
        <v>1520</v>
      </c>
      <c r="N1799" s="5" t="s">
        <v>1521</v>
      </c>
      <c r="O1799" s="5" t="s">
        <v>38</v>
      </c>
      <c r="P1799" s="5" t="s">
        <v>39</v>
      </c>
      <c r="Q1799" s="5" t="s">
        <v>40</v>
      </c>
      <c r="R1799" s="5" t="s">
        <v>1522</v>
      </c>
      <c r="S1799" s="5" t="s">
        <v>1523</v>
      </c>
      <c r="T1799" s="5" t="s">
        <v>42</v>
      </c>
      <c r="U1799" s="2">
        <v>2.99</v>
      </c>
      <c r="V1799" s="2">
        <v>2.5430000000000001</v>
      </c>
      <c r="W1799" s="2">
        <v>1.4999999999999999E-2</v>
      </c>
      <c r="X1799" s="2">
        <v>118.9</v>
      </c>
      <c r="Y1799" s="2">
        <v>7.6</v>
      </c>
      <c r="Z1799" s="2">
        <v>16.7</v>
      </c>
      <c r="AA1799" s="5"/>
      <c r="AB1799" s="5" t="s">
        <v>43</v>
      </c>
      <c r="AC1799" s="5" t="s">
        <v>44</v>
      </c>
      <c r="AD1799" s="2"/>
      <c r="AE1799" s="1"/>
    </row>
    <row r="1800" spans="1:31" ht="14.45">
      <c r="A1800" s="11"/>
      <c r="B1800" s="20"/>
      <c r="C1800" s="2" t="s">
        <v>5821</v>
      </c>
      <c r="D1800" s="14" t="s">
        <v>5822</v>
      </c>
      <c r="E1800" s="2" t="s">
        <v>5823</v>
      </c>
      <c r="F1800" s="2" t="s">
        <v>1783</v>
      </c>
      <c r="G1800" s="8">
        <v>218</v>
      </c>
      <c r="H1800" s="5">
        <v>6</v>
      </c>
      <c r="I1800" s="5" t="s">
        <v>1518</v>
      </c>
      <c r="J1800" s="5" t="s">
        <v>1519</v>
      </c>
      <c r="K1800" s="2" t="s">
        <v>1520</v>
      </c>
      <c r="L1800" s="5" t="s">
        <v>1519</v>
      </c>
      <c r="M1800" s="2" t="s">
        <v>1520</v>
      </c>
      <c r="N1800" s="5" t="s">
        <v>1521</v>
      </c>
      <c r="O1800" s="5" t="s">
        <v>38</v>
      </c>
      <c r="P1800" s="5" t="s">
        <v>39</v>
      </c>
      <c r="Q1800" s="5" t="s">
        <v>40</v>
      </c>
      <c r="R1800" s="5" t="s">
        <v>1522</v>
      </c>
      <c r="S1800" s="5" t="s">
        <v>1523</v>
      </c>
      <c r="T1800" s="5" t="s">
        <v>42</v>
      </c>
      <c r="U1800" s="2">
        <v>2.8959999999999999</v>
      </c>
      <c r="V1800" s="2">
        <v>2.4489999999999998</v>
      </c>
      <c r="W1800" s="2">
        <v>1.4999999999999999E-2</v>
      </c>
      <c r="X1800" s="2">
        <v>118.9</v>
      </c>
      <c r="Y1800" s="2">
        <v>7.6</v>
      </c>
      <c r="Z1800" s="2">
        <v>16.7</v>
      </c>
      <c r="AA1800" s="5"/>
      <c r="AB1800" s="5" t="s">
        <v>43</v>
      </c>
      <c r="AC1800" s="5" t="s">
        <v>44</v>
      </c>
      <c r="AD1800" s="2"/>
      <c r="AE1800" s="1"/>
    </row>
    <row r="1801" spans="1:31" ht="14.45">
      <c r="A1801" s="11"/>
      <c r="B1801" s="20"/>
      <c r="C1801" s="2" t="s">
        <v>5824</v>
      </c>
      <c r="D1801" s="14" t="s">
        <v>5825</v>
      </c>
      <c r="E1801" s="2" t="s">
        <v>5826</v>
      </c>
      <c r="F1801" s="2" t="s">
        <v>1787</v>
      </c>
      <c r="G1801" s="8">
        <v>218</v>
      </c>
      <c r="H1801" s="5">
        <v>6</v>
      </c>
      <c r="I1801" s="5" t="s">
        <v>1518</v>
      </c>
      <c r="J1801" s="5" t="s">
        <v>1519</v>
      </c>
      <c r="K1801" s="2" t="s">
        <v>1520</v>
      </c>
      <c r="L1801" s="5" t="s">
        <v>1519</v>
      </c>
      <c r="M1801" s="2" t="s">
        <v>1520</v>
      </c>
      <c r="N1801" s="5" t="s">
        <v>1521</v>
      </c>
      <c r="O1801" s="5" t="s">
        <v>38</v>
      </c>
      <c r="P1801" s="5" t="s">
        <v>39</v>
      </c>
      <c r="Q1801" s="5" t="s">
        <v>40</v>
      </c>
      <c r="R1801" s="5" t="s">
        <v>1522</v>
      </c>
      <c r="S1801" s="5" t="s">
        <v>1523</v>
      </c>
      <c r="T1801" s="5" t="s">
        <v>42</v>
      </c>
      <c r="U1801" s="2">
        <v>2.9550000000000001</v>
      </c>
      <c r="V1801" s="2">
        <v>2.508</v>
      </c>
      <c r="W1801" s="2">
        <v>1.4999999999999999E-2</v>
      </c>
      <c r="X1801" s="2">
        <v>118.9</v>
      </c>
      <c r="Y1801" s="2">
        <v>7.6</v>
      </c>
      <c r="Z1801" s="2">
        <v>16.7</v>
      </c>
      <c r="AA1801" s="5"/>
      <c r="AB1801" s="5" t="s">
        <v>43</v>
      </c>
      <c r="AC1801" s="5" t="s">
        <v>44</v>
      </c>
      <c r="AD1801" s="2"/>
      <c r="AE1801" s="1"/>
    </row>
    <row r="1802" spans="1:31" ht="14.45">
      <c r="A1802" s="11"/>
      <c r="B1802" s="20"/>
      <c r="C1802" s="2" t="s">
        <v>5827</v>
      </c>
      <c r="D1802" s="14" t="s">
        <v>5828</v>
      </c>
      <c r="E1802" s="2" t="s">
        <v>5829</v>
      </c>
      <c r="F1802" s="2" t="s">
        <v>1791</v>
      </c>
      <c r="G1802" s="8">
        <v>218</v>
      </c>
      <c r="H1802" s="5">
        <v>6</v>
      </c>
      <c r="I1802" s="5" t="s">
        <v>1518</v>
      </c>
      <c r="J1802" s="5" t="s">
        <v>1519</v>
      </c>
      <c r="K1802" s="2" t="s">
        <v>1520</v>
      </c>
      <c r="L1802" s="5" t="s">
        <v>1519</v>
      </c>
      <c r="M1802" s="2" t="s">
        <v>1520</v>
      </c>
      <c r="N1802" s="5" t="s">
        <v>1521</v>
      </c>
      <c r="O1802" s="5" t="s">
        <v>38</v>
      </c>
      <c r="P1802" s="5" t="s">
        <v>39</v>
      </c>
      <c r="Q1802" s="5" t="s">
        <v>40</v>
      </c>
      <c r="R1802" s="5" t="s">
        <v>1522</v>
      </c>
      <c r="S1802" s="5" t="s">
        <v>1523</v>
      </c>
      <c r="T1802" s="5" t="s">
        <v>42</v>
      </c>
      <c r="U1802" s="2">
        <v>2.931</v>
      </c>
      <c r="V1802" s="2">
        <v>2.484</v>
      </c>
      <c r="W1802" s="2">
        <v>1.4999999999999999E-2</v>
      </c>
      <c r="X1802" s="2">
        <v>118.9</v>
      </c>
      <c r="Y1802" s="2">
        <v>7.6</v>
      </c>
      <c r="Z1802" s="2">
        <v>16.7</v>
      </c>
      <c r="AA1802" s="5"/>
      <c r="AB1802" s="5" t="s">
        <v>43</v>
      </c>
      <c r="AC1802" s="5" t="s">
        <v>44</v>
      </c>
      <c r="AD1802" s="2"/>
      <c r="AE1802" s="1"/>
    </row>
    <row r="1803" spans="1:31" ht="14.45">
      <c r="A1803" s="11"/>
      <c r="B1803" s="20"/>
      <c r="C1803" s="2" t="s">
        <v>5830</v>
      </c>
      <c r="D1803" s="14" t="s">
        <v>5831</v>
      </c>
      <c r="E1803" s="2" t="s">
        <v>5832</v>
      </c>
      <c r="F1803" s="2" t="s">
        <v>1795</v>
      </c>
      <c r="G1803" s="8">
        <v>218</v>
      </c>
      <c r="H1803" s="5">
        <v>6</v>
      </c>
      <c r="I1803" s="5" t="s">
        <v>1518</v>
      </c>
      <c r="J1803" s="5" t="s">
        <v>1519</v>
      </c>
      <c r="K1803" s="2" t="s">
        <v>1520</v>
      </c>
      <c r="L1803" s="5" t="s">
        <v>1519</v>
      </c>
      <c r="M1803" s="2" t="s">
        <v>1520</v>
      </c>
      <c r="N1803" s="5" t="s">
        <v>1521</v>
      </c>
      <c r="O1803" s="5" t="s">
        <v>38</v>
      </c>
      <c r="P1803" s="5" t="s">
        <v>39</v>
      </c>
      <c r="Q1803" s="5" t="s">
        <v>40</v>
      </c>
      <c r="R1803" s="5" t="s">
        <v>1522</v>
      </c>
      <c r="S1803" s="5" t="s">
        <v>1523</v>
      </c>
      <c r="T1803" s="5" t="s">
        <v>42</v>
      </c>
      <c r="U1803" s="2">
        <v>2.99</v>
      </c>
      <c r="V1803" s="2">
        <v>2.5430000000000001</v>
      </c>
      <c r="W1803" s="2">
        <v>1.4999999999999999E-2</v>
      </c>
      <c r="X1803" s="2">
        <v>118.9</v>
      </c>
      <c r="Y1803" s="2">
        <v>7.6</v>
      </c>
      <c r="Z1803" s="2">
        <v>16.7</v>
      </c>
      <c r="AA1803" s="5"/>
      <c r="AB1803" s="5" t="s">
        <v>43</v>
      </c>
      <c r="AC1803" s="5" t="s">
        <v>44</v>
      </c>
      <c r="AD1803" s="2"/>
      <c r="AE1803" s="1"/>
    </row>
    <row r="1804" spans="1:31" ht="14.45">
      <c r="A1804" s="11"/>
      <c r="B1804" s="20"/>
      <c r="C1804" s="2" t="s">
        <v>5833</v>
      </c>
      <c r="D1804" s="14" t="s">
        <v>5834</v>
      </c>
      <c r="E1804" s="2" t="s">
        <v>5835</v>
      </c>
      <c r="F1804" s="2" t="s">
        <v>1799</v>
      </c>
      <c r="G1804" s="8">
        <v>218</v>
      </c>
      <c r="H1804" s="5">
        <v>6</v>
      </c>
      <c r="I1804" s="5" t="s">
        <v>1518</v>
      </c>
      <c r="J1804" s="5" t="s">
        <v>1519</v>
      </c>
      <c r="K1804" s="2" t="s">
        <v>1520</v>
      </c>
      <c r="L1804" s="5" t="s">
        <v>1519</v>
      </c>
      <c r="M1804" s="2" t="s">
        <v>1520</v>
      </c>
      <c r="N1804" s="5" t="s">
        <v>1521</v>
      </c>
      <c r="O1804" s="5" t="s">
        <v>38</v>
      </c>
      <c r="P1804" s="5" t="s">
        <v>39</v>
      </c>
      <c r="Q1804" s="5" t="s">
        <v>40</v>
      </c>
      <c r="R1804" s="5" t="s">
        <v>1522</v>
      </c>
      <c r="S1804" s="5" t="s">
        <v>1523</v>
      </c>
      <c r="T1804" s="5" t="s">
        <v>42</v>
      </c>
      <c r="U1804" s="2">
        <v>2.931</v>
      </c>
      <c r="V1804" s="2">
        <v>2.484</v>
      </c>
      <c r="W1804" s="2">
        <v>1.4999999999999999E-2</v>
      </c>
      <c r="X1804" s="2">
        <v>118.9</v>
      </c>
      <c r="Y1804" s="2">
        <v>7.6</v>
      </c>
      <c r="Z1804" s="2">
        <v>16.7</v>
      </c>
      <c r="AA1804" s="5"/>
      <c r="AB1804" s="5" t="s">
        <v>43</v>
      </c>
      <c r="AC1804" s="5" t="s">
        <v>44</v>
      </c>
      <c r="AD1804" s="2"/>
      <c r="AE1804" s="1"/>
    </row>
    <row r="1805" spans="1:31" ht="14.45">
      <c r="A1805" s="11"/>
      <c r="B1805" s="20"/>
      <c r="C1805" s="2" t="s">
        <v>5836</v>
      </c>
      <c r="D1805" s="14" t="s">
        <v>5837</v>
      </c>
      <c r="E1805" s="2" t="s">
        <v>5838</v>
      </c>
      <c r="F1805" s="2" t="s">
        <v>1803</v>
      </c>
      <c r="G1805" s="8">
        <v>218</v>
      </c>
      <c r="H1805" s="5">
        <v>6</v>
      </c>
      <c r="I1805" s="5" t="s">
        <v>1518</v>
      </c>
      <c r="J1805" s="5" t="s">
        <v>1519</v>
      </c>
      <c r="K1805" s="2" t="s">
        <v>1520</v>
      </c>
      <c r="L1805" s="5" t="s">
        <v>1519</v>
      </c>
      <c r="M1805" s="2" t="s">
        <v>1520</v>
      </c>
      <c r="N1805" s="5" t="s">
        <v>1521</v>
      </c>
      <c r="O1805" s="5" t="s">
        <v>38</v>
      </c>
      <c r="P1805" s="5" t="s">
        <v>39</v>
      </c>
      <c r="Q1805" s="5" t="s">
        <v>40</v>
      </c>
      <c r="R1805" s="5" t="s">
        <v>1522</v>
      </c>
      <c r="S1805" s="5" t="s">
        <v>1523</v>
      </c>
      <c r="T1805" s="5" t="s">
        <v>42</v>
      </c>
      <c r="U1805" s="2">
        <v>2.99</v>
      </c>
      <c r="V1805" s="2">
        <v>2.5430000000000001</v>
      </c>
      <c r="W1805" s="2">
        <v>1.4999999999999999E-2</v>
      </c>
      <c r="X1805" s="2">
        <v>118.9</v>
      </c>
      <c r="Y1805" s="2">
        <v>7.6</v>
      </c>
      <c r="Z1805" s="2">
        <v>16.7</v>
      </c>
      <c r="AA1805" s="5"/>
      <c r="AB1805" s="5" t="s">
        <v>43</v>
      </c>
      <c r="AC1805" s="5" t="s">
        <v>44</v>
      </c>
      <c r="AD1805" s="2"/>
      <c r="AE1805" s="1"/>
    </row>
    <row r="1806" spans="1:31" ht="14.45">
      <c r="A1806" s="11"/>
      <c r="B1806" s="20"/>
      <c r="C1806" s="2" t="s">
        <v>5839</v>
      </c>
      <c r="D1806" s="14" t="s">
        <v>5840</v>
      </c>
      <c r="E1806" s="2" t="s">
        <v>5841</v>
      </c>
      <c r="F1806" s="2" t="s">
        <v>1807</v>
      </c>
      <c r="G1806" s="8">
        <v>218</v>
      </c>
      <c r="H1806" s="5">
        <v>6</v>
      </c>
      <c r="I1806" s="5" t="s">
        <v>1518</v>
      </c>
      <c r="J1806" s="5" t="s">
        <v>1519</v>
      </c>
      <c r="K1806" s="2" t="s">
        <v>1520</v>
      </c>
      <c r="L1806" s="5" t="s">
        <v>1519</v>
      </c>
      <c r="M1806" s="2" t="s">
        <v>1520</v>
      </c>
      <c r="N1806" s="5" t="s">
        <v>1521</v>
      </c>
      <c r="O1806" s="5" t="s">
        <v>38</v>
      </c>
      <c r="P1806" s="5" t="s">
        <v>39</v>
      </c>
      <c r="Q1806" s="5" t="s">
        <v>40</v>
      </c>
      <c r="R1806" s="5" t="s">
        <v>1522</v>
      </c>
      <c r="S1806" s="5" t="s">
        <v>1523</v>
      </c>
      <c r="T1806" s="5" t="s">
        <v>42</v>
      </c>
      <c r="U1806" s="2">
        <v>2.931</v>
      </c>
      <c r="V1806" s="2">
        <v>2.484</v>
      </c>
      <c r="W1806" s="2">
        <v>1.4999999999999999E-2</v>
      </c>
      <c r="X1806" s="2">
        <v>118.9</v>
      </c>
      <c r="Y1806" s="2">
        <v>7.6</v>
      </c>
      <c r="Z1806" s="2">
        <v>16.7</v>
      </c>
      <c r="AA1806" s="5"/>
      <c r="AB1806" s="5" t="s">
        <v>43</v>
      </c>
      <c r="AC1806" s="5" t="s">
        <v>44</v>
      </c>
      <c r="AD1806" s="2"/>
      <c r="AE1806" s="1"/>
    </row>
    <row r="1807" spans="1:31" ht="14.45">
      <c r="A1807" s="11"/>
      <c r="B1807" s="20"/>
      <c r="C1807" s="2" t="s">
        <v>5842</v>
      </c>
      <c r="D1807" s="14" t="s">
        <v>5843</v>
      </c>
      <c r="E1807" s="2" t="s">
        <v>5844</v>
      </c>
      <c r="F1807" s="2" t="s">
        <v>1811</v>
      </c>
      <c r="G1807" s="8">
        <v>218</v>
      </c>
      <c r="H1807" s="5">
        <v>6</v>
      </c>
      <c r="I1807" s="5" t="s">
        <v>1518</v>
      </c>
      <c r="J1807" s="5" t="s">
        <v>1519</v>
      </c>
      <c r="K1807" s="2" t="s">
        <v>1520</v>
      </c>
      <c r="L1807" s="5" t="s">
        <v>1519</v>
      </c>
      <c r="M1807" s="2" t="s">
        <v>1520</v>
      </c>
      <c r="N1807" s="5" t="s">
        <v>1521</v>
      </c>
      <c r="O1807" s="5" t="s">
        <v>38</v>
      </c>
      <c r="P1807" s="5" t="s">
        <v>39</v>
      </c>
      <c r="Q1807" s="5" t="s">
        <v>40</v>
      </c>
      <c r="R1807" s="5" t="s">
        <v>1522</v>
      </c>
      <c r="S1807" s="5" t="s">
        <v>1523</v>
      </c>
      <c r="T1807" s="5" t="s">
        <v>42</v>
      </c>
      <c r="U1807" s="2">
        <v>2.99</v>
      </c>
      <c r="V1807" s="2">
        <v>2.5430000000000001</v>
      </c>
      <c r="W1807" s="2">
        <v>1.4999999999999999E-2</v>
      </c>
      <c r="X1807" s="2">
        <v>118.9</v>
      </c>
      <c r="Y1807" s="2">
        <v>7.6</v>
      </c>
      <c r="Z1807" s="2">
        <v>16.7</v>
      </c>
      <c r="AA1807" s="5"/>
      <c r="AB1807" s="5" t="s">
        <v>43</v>
      </c>
      <c r="AC1807" s="5" t="s">
        <v>44</v>
      </c>
      <c r="AD1807" s="2"/>
      <c r="AE1807" s="1"/>
    </row>
    <row r="1808" spans="1:31" ht="14.45">
      <c r="A1808" s="11"/>
      <c r="B1808" s="20"/>
      <c r="C1808" s="2" t="s">
        <v>5845</v>
      </c>
      <c r="D1808" s="14" t="s">
        <v>5846</v>
      </c>
      <c r="E1808" s="2" t="s">
        <v>5847</v>
      </c>
      <c r="F1808" s="2" t="s">
        <v>1815</v>
      </c>
      <c r="G1808" s="8">
        <v>218</v>
      </c>
      <c r="H1808" s="5">
        <v>6</v>
      </c>
      <c r="I1808" s="5" t="s">
        <v>1518</v>
      </c>
      <c r="J1808" s="5" t="s">
        <v>1519</v>
      </c>
      <c r="K1808" s="2" t="s">
        <v>1520</v>
      </c>
      <c r="L1808" s="5" t="s">
        <v>1519</v>
      </c>
      <c r="M1808" s="2" t="s">
        <v>1520</v>
      </c>
      <c r="N1808" s="5" t="s">
        <v>1521</v>
      </c>
      <c r="O1808" s="5" t="s">
        <v>38</v>
      </c>
      <c r="P1808" s="5" t="s">
        <v>39</v>
      </c>
      <c r="Q1808" s="5" t="s">
        <v>40</v>
      </c>
      <c r="R1808" s="5" t="s">
        <v>1522</v>
      </c>
      <c r="S1808" s="5" t="s">
        <v>1523</v>
      </c>
      <c r="T1808" s="5" t="s">
        <v>42</v>
      </c>
      <c r="U1808" s="2">
        <v>2.8959999999999999</v>
      </c>
      <c r="V1808" s="2">
        <v>2.4489999999999998</v>
      </c>
      <c r="W1808" s="2">
        <v>1.4999999999999999E-2</v>
      </c>
      <c r="X1808" s="2">
        <v>118.9</v>
      </c>
      <c r="Y1808" s="2">
        <v>7.6</v>
      </c>
      <c r="Z1808" s="2">
        <v>16.7</v>
      </c>
      <c r="AA1808" s="5"/>
      <c r="AB1808" s="5" t="s">
        <v>43</v>
      </c>
      <c r="AC1808" s="5" t="s">
        <v>44</v>
      </c>
      <c r="AD1808" s="2"/>
      <c r="AE1808" s="1"/>
    </row>
    <row r="1809" spans="1:31" ht="14.45">
      <c r="A1809" s="11"/>
      <c r="B1809" s="20"/>
      <c r="C1809" s="2" t="s">
        <v>5848</v>
      </c>
      <c r="D1809" s="14" t="s">
        <v>5849</v>
      </c>
      <c r="E1809" s="2" t="s">
        <v>5850</v>
      </c>
      <c r="F1809" s="2" t="s">
        <v>1819</v>
      </c>
      <c r="G1809" s="8">
        <v>218</v>
      </c>
      <c r="H1809" s="5">
        <v>6</v>
      </c>
      <c r="I1809" s="5" t="s">
        <v>1518</v>
      </c>
      <c r="J1809" s="5" t="s">
        <v>1519</v>
      </c>
      <c r="K1809" s="2" t="s">
        <v>1520</v>
      </c>
      <c r="L1809" s="5" t="s">
        <v>1519</v>
      </c>
      <c r="M1809" s="2" t="s">
        <v>1520</v>
      </c>
      <c r="N1809" s="5" t="s">
        <v>1521</v>
      </c>
      <c r="O1809" s="5" t="s">
        <v>38</v>
      </c>
      <c r="P1809" s="5" t="s">
        <v>39</v>
      </c>
      <c r="Q1809" s="5" t="s">
        <v>40</v>
      </c>
      <c r="R1809" s="5" t="s">
        <v>1522</v>
      </c>
      <c r="S1809" s="5" t="s">
        <v>1523</v>
      </c>
      <c r="T1809" s="5" t="s">
        <v>42</v>
      </c>
      <c r="U1809" s="2">
        <v>2.9550000000000001</v>
      </c>
      <c r="V1809" s="2">
        <v>2.508</v>
      </c>
      <c r="W1809" s="2">
        <v>1.4999999999999999E-2</v>
      </c>
      <c r="X1809" s="2">
        <v>118.9</v>
      </c>
      <c r="Y1809" s="2">
        <v>7.6</v>
      </c>
      <c r="Z1809" s="2">
        <v>16.7</v>
      </c>
      <c r="AA1809" s="5"/>
      <c r="AB1809" s="5" t="s">
        <v>43</v>
      </c>
      <c r="AC1809" s="5" t="s">
        <v>44</v>
      </c>
      <c r="AD1809" s="2"/>
      <c r="AE1809" s="1"/>
    </row>
    <row r="1810" spans="1:31" ht="14.45">
      <c r="A1810" s="11"/>
      <c r="B1810" s="20"/>
      <c r="C1810" s="2" t="s">
        <v>5851</v>
      </c>
      <c r="D1810" s="14" t="s">
        <v>5852</v>
      </c>
      <c r="E1810" s="2" t="s">
        <v>5853</v>
      </c>
      <c r="F1810" s="2" t="s">
        <v>1823</v>
      </c>
      <c r="G1810" s="8">
        <v>218</v>
      </c>
      <c r="H1810" s="5">
        <v>8</v>
      </c>
      <c r="I1810" s="5" t="s">
        <v>1518</v>
      </c>
      <c r="J1810" s="5" t="s">
        <v>1519</v>
      </c>
      <c r="K1810" s="2" t="s">
        <v>1520</v>
      </c>
      <c r="L1810" s="5" t="s">
        <v>1519</v>
      </c>
      <c r="M1810" s="2" t="s">
        <v>1520</v>
      </c>
      <c r="N1810" s="5" t="s">
        <v>1521</v>
      </c>
      <c r="O1810" s="5" t="s">
        <v>38</v>
      </c>
      <c r="P1810" s="5" t="s">
        <v>39</v>
      </c>
      <c r="Q1810" s="5" t="s">
        <v>40</v>
      </c>
      <c r="R1810" s="5" t="s">
        <v>1522</v>
      </c>
      <c r="S1810" s="5" t="s">
        <v>1523</v>
      </c>
      <c r="T1810" s="5" t="s">
        <v>42</v>
      </c>
      <c r="U1810" s="2">
        <v>2.9580000000000002</v>
      </c>
      <c r="V1810" s="2">
        <v>2.5110000000000001</v>
      </c>
      <c r="W1810" s="2">
        <v>1.4999999999999999E-2</v>
      </c>
      <c r="X1810" s="2">
        <v>118.9</v>
      </c>
      <c r="Y1810" s="2">
        <v>7.6</v>
      </c>
      <c r="Z1810" s="2">
        <v>16.7</v>
      </c>
      <c r="AA1810" s="5"/>
      <c r="AB1810" s="5" t="s">
        <v>43</v>
      </c>
      <c r="AC1810" s="5" t="s">
        <v>44</v>
      </c>
      <c r="AD1810" s="2"/>
      <c r="AE1810" s="1"/>
    </row>
    <row r="1811" spans="1:31" ht="14.45">
      <c r="A1811" s="11"/>
      <c r="B1811" s="20"/>
      <c r="C1811" s="2" t="s">
        <v>5854</v>
      </c>
      <c r="D1811" s="14" t="s">
        <v>5855</v>
      </c>
      <c r="E1811" s="2" t="s">
        <v>5856</v>
      </c>
      <c r="F1811" s="2" t="s">
        <v>1827</v>
      </c>
      <c r="G1811" s="8">
        <v>218</v>
      </c>
      <c r="H1811" s="5">
        <v>8</v>
      </c>
      <c r="I1811" s="5" t="s">
        <v>1518</v>
      </c>
      <c r="J1811" s="5" t="s">
        <v>1519</v>
      </c>
      <c r="K1811" s="2" t="s">
        <v>1520</v>
      </c>
      <c r="L1811" s="5" t="s">
        <v>1519</v>
      </c>
      <c r="M1811" s="2" t="s">
        <v>1520</v>
      </c>
      <c r="N1811" s="5" t="s">
        <v>1521</v>
      </c>
      <c r="O1811" s="5" t="s">
        <v>38</v>
      </c>
      <c r="P1811" s="5" t="s">
        <v>39</v>
      </c>
      <c r="Q1811" s="5" t="s">
        <v>40</v>
      </c>
      <c r="R1811" s="5" t="s">
        <v>1522</v>
      </c>
      <c r="S1811" s="5" t="s">
        <v>1523</v>
      </c>
      <c r="T1811" s="5" t="s">
        <v>42</v>
      </c>
      <c r="U1811" s="2">
        <v>3.0169999999999999</v>
      </c>
      <c r="V1811" s="2">
        <v>2.57</v>
      </c>
      <c r="W1811" s="2">
        <v>1.4999999999999999E-2</v>
      </c>
      <c r="X1811" s="2">
        <v>118.9</v>
      </c>
      <c r="Y1811" s="2">
        <v>7.6</v>
      </c>
      <c r="Z1811" s="2">
        <v>16.7</v>
      </c>
      <c r="AA1811" s="5"/>
      <c r="AB1811" s="5" t="s">
        <v>43</v>
      </c>
      <c r="AC1811" s="5" t="s">
        <v>44</v>
      </c>
      <c r="AD1811" s="2"/>
      <c r="AE1811" s="1"/>
    </row>
    <row r="1812" spans="1:31" ht="14.45">
      <c r="A1812" s="11"/>
      <c r="B1812" s="20"/>
      <c r="C1812" s="2" t="s">
        <v>5857</v>
      </c>
      <c r="D1812" s="14" t="s">
        <v>5858</v>
      </c>
      <c r="E1812" s="2" t="s">
        <v>5859</v>
      </c>
      <c r="F1812" s="2" t="s">
        <v>1973</v>
      </c>
      <c r="G1812" s="8">
        <v>218</v>
      </c>
      <c r="H1812" s="5">
        <v>13</v>
      </c>
      <c r="I1812" s="5" t="s">
        <v>1518</v>
      </c>
      <c r="J1812" s="5" t="s">
        <v>1519</v>
      </c>
      <c r="K1812" s="2" t="s">
        <v>1520</v>
      </c>
      <c r="L1812" s="5" t="s">
        <v>1519</v>
      </c>
      <c r="M1812" s="2" t="s">
        <v>1520</v>
      </c>
      <c r="N1812" s="5" t="s">
        <v>1521</v>
      </c>
      <c r="O1812" s="5" t="s">
        <v>38</v>
      </c>
      <c r="P1812" s="5" t="s">
        <v>39</v>
      </c>
      <c r="Q1812" s="5" t="s">
        <v>40</v>
      </c>
      <c r="R1812" s="5" t="s">
        <v>1522</v>
      </c>
      <c r="S1812" s="5" t="s">
        <v>1523</v>
      </c>
      <c r="T1812" s="5" t="s">
        <v>42</v>
      </c>
      <c r="U1812" s="2">
        <v>2.9809999999999999</v>
      </c>
      <c r="V1812" s="2">
        <v>2.5339999999999998</v>
      </c>
      <c r="W1812" s="2">
        <v>1.4999999999999999E-2</v>
      </c>
      <c r="X1812" s="2">
        <v>118.9</v>
      </c>
      <c r="Y1812" s="2">
        <v>7.6</v>
      </c>
      <c r="Z1812" s="2">
        <v>16.7</v>
      </c>
      <c r="AA1812" s="5"/>
      <c r="AB1812" s="5" t="s">
        <v>43</v>
      </c>
      <c r="AC1812" s="5" t="s">
        <v>44</v>
      </c>
      <c r="AD1812" s="2"/>
      <c r="AE1812" s="1"/>
    </row>
    <row r="1813" spans="1:31" ht="14.45">
      <c r="A1813" s="11"/>
      <c r="B1813" s="20"/>
      <c r="C1813" s="2" t="s">
        <v>5860</v>
      </c>
      <c r="D1813" s="14" t="s">
        <v>5861</v>
      </c>
      <c r="E1813" s="2" t="s">
        <v>5862</v>
      </c>
      <c r="F1813" s="2" t="s">
        <v>2348</v>
      </c>
      <c r="G1813" s="8">
        <v>218</v>
      </c>
      <c r="H1813" s="5">
        <v>13</v>
      </c>
      <c r="I1813" s="5" t="s">
        <v>1518</v>
      </c>
      <c r="J1813" s="5" t="s">
        <v>1519</v>
      </c>
      <c r="K1813" s="2" t="s">
        <v>1520</v>
      </c>
      <c r="L1813" s="5" t="s">
        <v>1519</v>
      </c>
      <c r="M1813" s="2" t="s">
        <v>1520</v>
      </c>
      <c r="N1813" s="5" t="s">
        <v>1521</v>
      </c>
      <c r="O1813" s="5" t="s">
        <v>38</v>
      </c>
      <c r="P1813" s="5" t="s">
        <v>39</v>
      </c>
      <c r="Q1813" s="5" t="s">
        <v>40</v>
      </c>
      <c r="R1813" s="5" t="s">
        <v>1522</v>
      </c>
      <c r="S1813" s="5" t="s">
        <v>1523</v>
      </c>
      <c r="T1813" s="5" t="s">
        <v>42</v>
      </c>
      <c r="U1813" s="2">
        <v>3.04</v>
      </c>
      <c r="V1813" s="2">
        <v>2.593</v>
      </c>
      <c r="W1813" s="2">
        <v>1.4999999999999999E-2</v>
      </c>
      <c r="X1813" s="2">
        <v>118.9</v>
      </c>
      <c r="Y1813" s="2">
        <v>7.6</v>
      </c>
      <c r="Z1813" s="2">
        <v>16.7</v>
      </c>
      <c r="AA1813" s="5"/>
      <c r="AB1813" s="5" t="s">
        <v>43</v>
      </c>
      <c r="AC1813" s="5" t="s">
        <v>44</v>
      </c>
      <c r="AD1813" s="2"/>
      <c r="AE1813" s="1"/>
    </row>
    <row r="1814" spans="1:31" ht="14.45">
      <c r="A1814" s="11"/>
      <c r="B1814" s="20"/>
      <c r="C1814" s="2" t="s">
        <v>5863</v>
      </c>
      <c r="D1814" s="14" t="s">
        <v>5864</v>
      </c>
      <c r="E1814" s="2" t="s">
        <v>5865</v>
      </c>
      <c r="F1814" s="2" t="s">
        <v>2208</v>
      </c>
      <c r="G1814" s="8">
        <v>218</v>
      </c>
      <c r="H1814" s="5">
        <v>13</v>
      </c>
      <c r="I1814" s="5" t="s">
        <v>1518</v>
      </c>
      <c r="J1814" s="5" t="s">
        <v>1519</v>
      </c>
      <c r="K1814" s="2" t="s">
        <v>1520</v>
      </c>
      <c r="L1814" s="5" t="s">
        <v>1519</v>
      </c>
      <c r="M1814" s="2" t="s">
        <v>1520</v>
      </c>
      <c r="N1814" s="5" t="s">
        <v>1521</v>
      </c>
      <c r="O1814" s="5" t="s">
        <v>38</v>
      </c>
      <c r="P1814" s="5" t="s">
        <v>39</v>
      </c>
      <c r="Q1814" s="5" t="s">
        <v>40</v>
      </c>
      <c r="R1814" s="5" t="s">
        <v>1522</v>
      </c>
      <c r="S1814" s="5" t="s">
        <v>1523</v>
      </c>
      <c r="T1814" s="5" t="s">
        <v>42</v>
      </c>
      <c r="U1814" s="2">
        <v>2.9809999999999999</v>
      </c>
      <c r="V1814" s="2">
        <v>2.5339999999999998</v>
      </c>
      <c r="W1814" s="2">
        <v>1.4999999999999999E-2</v>
      </c>
      <c r="X1814" s="2">
        <v>118.9</v>
      </c>
      <c r="Y1814" s="2">
        <v>7.6</v>
      </c>
      <c r="Z1814" s="2">
        <v>16.7</v>
      </c>
      <c r="AA1814" s="5"/>
      <c r="AB1814" s="5" t="s">
        <v>43</v>
      </c>
      <c r="AC1814" s="5" t="s">
        <v>44</v>
      </c>
      <c r="AD1814" s="2"/>
      <c r="AE1814" s="1"/>
    </row>
    <row r="1815" spans="1:31" ht="14.45">
      <c r="A1815" s="11"/>
      <c r="B1815" s="20"/>
      <c r="C1815" s="2" t="s">
        <v>5866</v>
      </c>
      <c r="D1815" s="14" t="s">
        <v>5867</v>
      </c>
      <c r="E1815" s="2" t="s">
        <v>5868</v>
      </c>
      <c r="F1815" s="2" t="s">
        <v>2212</v>
      </c>
      <c r="G1815" s="8">
        <v>218</v>
      </c>
      <c r="H1815" s="5">
        <v>13</v>
      </c>
      <c r="I1815" s="5" t="s">
        <v>1518</v>
      </c>
      <c r="J1815" s="5" t="s">
        <v>1519</v>
      </c>
      <c r="K1815" s="2" t="s">
        <v>1520</v>
      </c>
      <c r="L1815" s="5" t="s">
        <v>1519</v>
      </c>
      <c r="M1815" s="2" t="s">
        <v>1520</v>
      </c>
      <c r="N1815" s="5" t="s">
        <v>1521</v>
      </c>
      <c r="O1815" s="5" t="s">
        <v>38</v>
      </c>
      <c r="P1815" s="5" t="s">
        <v>39</v>
      </c>
      <c r="Q1815" s="5" t="s">
        <v>40</v>
      </c>
      <c r="R1815" s="5" t="s">
        <v>1522</v>
      </c>
      <c r="S1815" s="5" t="s">
        <v>1523</v>
      </c>
      <c r="T1815" s="5" t="s">
        <v>42</v>
      </c>
      <c r="U1815" s="2">
        <v>3.04</v>
      </c>
      <c r="V1815" s="2">
        <v>2.593</v>
      </c>
      <c r="W1815" s="2">
        <v>1.4999999999999999E-2</v>
      </c>
      <c r="X1815" s="2">
        <v>118.9</v>
      </c>
      <c r="Y1815" s="2">
        <v>7.6</v>
      </c>
      <c r="Z1815" s="2">
        <v>16.7</v>
      </c>
      <c r="AA1815" s="5"/>
      <c r="AB1815" s="5" t="s">
        <v>43</v>
      </c>
      <c r="AC1815" s="5" t="s">
        <v>44</v>
      </c>
      <c r="AD1815" s="2"/>
      <c r="AE1815" s="1"/>
    </row>
    <row r="1816" spans="1:31" ht="14.45">
      <c r="A1816" s="11"/>
      <c r="B1816" s="20"/>
      <c r="C1816" s="2" t="s">
        <v>5869</v>
      </c>
      <c r="D1816" s="14" t="s">
        <v>5870</v>
      </c>
      <c r="E1816" s="2" t="s">
        <v>5871</v>
      </c>
      <c r="F1816" s="2" t="s">
        <v>1831</v>
      </c>
      <c r="G1816" s="8">
        <v>218</v>
      </c>
      <c r="H1816" s="5">
        <v>13</v>
      </c>
      <c r="I1816" s="5" t="s">
        <v>1518</v>
      </c>
      <c r="J1816" s="5" t="s">
        <v>1519</v>
      </c>
      <c r="K1816" s="2" t="s">
        <v>1520</v>
      </c>
      <c r="L1816" s="5" t="s">
        <v>1519</v>
      </c>
      <c r="M1816" s="2" t="s">
        <v>1520</v>
      </c>
      <c r="N1816" s="5" t="s">
        <v>1521</v>
      </c>
      <c r="O1816" s="5" t="s">
        <v>38</v>
      </c>
      <c r="P1816" s="5" t="s">
        <v>39</v>
      </c>
      <c r="Q1816" s="5" t="s">
        <v>40</v>
      </c>
      <c r="R1816" s="5" t="s">
        <v>1522</v>
      </c>
      <c r="S1816" s="5" t="s">
        <v>1523</v>
      </c>
      <c r="T1816" s="5" t="s">
        <v>42</v>
      </c>
      <c r="U1816" s="2">
        <v>2.9809999999999999</v>
      </c>
      <c r="V1816" s="2">
        <v>2.5339999999999998</v>
      </c>
      <c r="W1816" s="2">
        <v>1.4999999999999999E-2</v>
      </c>
      <c r="X1816" s="2">
        <v>118.9</v>
      </c>
      <c r="Y1816" s="2">
        <v>7.6</v>
      </c>
      <c r="Z1816" s="2">
        <v>16.7</v>
      </c>
      <c r="AA1816" s="5"/>
      <c r="AB1816" s="5" t="s">
        <v>43</v>
      </c>
      <c r="AC1816" s="5" t="s">
        <v>44</v>
      </c>
      <c r="AD1816" s="2"/>
      <c r="AE1816" s="1"/>
    </row>
    <row r="1817" spans="1:31" ht="14.45">
      <c r="A1817" s="11"/>
      <c r="B1817" s="20"/>
      <c r="C1817" s="2" t="s">
        <v>5872</v>
      </c>
      <c r="D1817" s="14" t="s">
        <v>5873</v>
      </c>
      <c r="E1817" s="2" t="s">
        <v>5874</v>
      </c>
      <c r="F1817" s="2" t="s">
        <v>1835</v>
      </c>
      <c r="G1817" s="8">
        <v>218</v>
      </c>
      <c r="H1817" s="5">
        <v>13</v>
      </c>
      <c r="I1817" s="5" t="s">
        <v>1518</v>
      </c>
      <c r="J1817" s="5" t="s">
        <v>1519</v>
      </c>
      <c r="K1817" s="2" t="s">
        <v>1520</v>
      </c>
      <c r="L1817" s="5" t="s">
        <v>1519</v>
      </c>
      <c r="M1817" s="2" t="s">
        <v>1520</v>
      </c>
      <c r="N1817" s="5" t="s">
        <v>1521</v>
      </c>
      <c r="O1817" s="5" t="s">
        <v>38</v>
      </c>
      <c r="P1817" s="5" t="s">
        <v>39</v>
      </c>
      <c r="Q1817" s="5" t="s">
        <v>40</v>
      </c>
      <c r="R1817" s="5" t="s">
        <v>1522</v>
      </c>
      <c r="S1817" s="5" t="s">
        <v>1523</v>
      </c>
      <c r="T1817" s="5" t="s">
        <v>42</v>
      </c>
      <c r="U1817" s="2">
        <v>3.04</v>
      </c>
      <c r="V1817" s="2">
        <v>2.593</v>
      </c>
      <c r="W1817" s="2">
        <v>1.4999999999999999E-2</v>
      </c>
      <c r="X1817" s="2">
        <v>118.9</v>
      </c>
      <c r="Y1817" s="2">
        <v>7.6</v>
      </c>
      <c r="Z1817" s="2">
        <v>16.7</v>
      </c>
      <c r="AA1817" s="5"/>
      <c r="AB1817" s="5" t="s">
        <v>43</v>
      </c>
      <c r="AC1817" s="5" t="s">
        <v>44</v>
      </c>
      <c r="AD1817" s="2"/>
      <c r="AE1817" s="1"/>
    </row>
    <row r="1818" spans="1:31" ht="14.45">
      <c r="A1818" s="11"/>
      <c r="B1818" s="20"/>
      <c r="C1818" s="2" t="s">
        <v>5875</v>
      </c>
      <c r="D1818" s="14" t="s">
        <v>5876</v>
      </c>
      <c r="E1818" s="2" t="s">
        <v>5877</v>
      </c>
      <c r="F1818" s="2" t="s">
        <v>1839</v>
      </c>
      <c r="G1818" s="8">
        <v>218</v>
      </c>
      <c r="H1818" s="5">
        <v>13</v>
      </c>
      <c r="I1818" s="5" t="s">
        <v>1518</v>
      </c>
      <c r="J1818" s="5" t="s">
        <v>1519</v>
      </c>
      <c r="K1818" s="2" t="s">
        <v>1520</v>
      </c>
      <c r="L1818" s="5" t="s">
        <v>1519</v>
      </c>
      <c r="M1818" s="2" t="s">
        <v>1520</v>
      </c>
      <c r="N1818" s="5" t="s">
        <v>1521</v>
      </c>
      <c r="O1818" s="5" t="s">
        <v>38</v>
      </c>
      <c r="P1818" s="5" t="s">
        <v>39</v>
      </c>
      <c r="Q1818" s="5" t="s">
        <v>40</v>
      </c>
      <c r="R1818" s="5" t="s">
        <v>1522</v>
      </c>
      <c r="S1818" s="5" t="s">
        <v>1523</v>
      </c>
      <c r="T1818" s="5" t="s">
        <v>42</v>
      </c>
      <c r="U1818" s="2">
        <v>2.9809999999999999</v>
      </c>
      <c r="V1818" s="2">
        <v>2.5339999999999998</v>
      </c>
      <c r="W1818" s="2">
        <v>1.4999999999999999E-2</v>
      </c>
      <c r="X1818" s="2">
        <v>118.9</v>
      </c>
      <c r="Y1818" s="2">
        <v>7.6</v>
      </c>
      <c r="Z1818" s="2">
        <v>16.7</v>
      </c>
      <c r="AA1818" s="5"/>
      <c r="AB1818" s="5" t="s">
        <v>43</v>
      </c>
      <c r="AC1818" s="5" t="s">
        <v>44</v>
      </c>
      <c r="AD1818" s="2"/>
      <c r="AE1818" s="1"/>
    </row>
    <row r="1819" spans="1:31" ht="14.45">
      <c r="A1819" s="11"/>
      <c r="B1819" s="20"/>
      <c r="C1819" s="2" t="s">
        <v>5878</v>
      </c>
      <c r="D1819" s="14" t="s">
        <v>5879</v>
      </c>
      <c r="E1819" s="2" t="s">
        <v>5880</v>
      </c>
      <c r="F1819" s="2" t="s">
        <v>1986</v>
      </c>
      <c r="G1819" s="8">
        <v>218</v>
      </c>
      <c r="H1819" s="5">
        <v>13</v>
      </c>
      <c r="I1819" s="5" t="s">
        <v>1518</v>
      </c>
      <c r="J1819" s="5" t="s">
        <v>1519</v>
      </c>
      <c r="K1819" s="2" t="s">
        <v>1520</v>
      </c>
      <c r="L1819" s="5" t="s">
        <v>1519</v>
      </c>
      <c r="M1819" s="2" t="s">
        <v>1520</v>
      </c>
      <c r="N1819" s="5" t="s">
        <v>1521</v>
      </c>
      <c r="O1819" s="5" t="s">
        <v>38</v>
      </c>
      <c r="P1819" s="5" t="s">
        <v>39</v>
      </c>
      <c r="Q1819" s="5" t="s">
        <v>40</v>
      </c>
      <c r="R1819" s="5" t="s">
        <v>1522</v>
      </c>
      <c r="S1819" s="5" t="s">
        <v>1523</v>
      </c>
      <c r="T1819" s="5" t="s">
        <v>42</v>
      </c>
      <c r="U1819" s="2">
        <v>3.04</v>
      </c>
      <c r="V1819" s="2">
        <v>2.593</v>
      </c>
      <c r="W1819" s="2">
        <v>1.4999999999999999E-2</v>
      </c>
      <c r="X1819" s="2">
        <v>118.9</v>
      </c>
      <c r="Y1819" s="2">
        <v>7.6</v>
      </c>
      <c r="Z1819" s="2">
        <v>16.7</v>
      </c>
      <c r="AA1819" s="5"/>
      <c r="AB1819" s="5" t="s">
        <v>43</v>
      </c>
      <c r="AC1819" s="5" t="s">
        <v>44</v>
      </c>
      <c r="AD1819" s="2"/>
      <c r="AE1819" s="1"/>
    </row>
    <row r="1820" spans="1:31" ht="14.45">
      <c r="A1820" s="11"/>
      <c r="B1820" s="20"/>
      <c r="C1820" s="2" t="s">
        <v>5881</v>
      </c>
      <c r="D1820" s="14" t="s">
        <v>5882</v>
      </c>
      <c r="E1820" s="2" t="s">
        <v>5883</v>
      </c>
      <c r="F1820" s="2" t="s">
        <v>1843</v>
      </c>
      <c r="G1820" s="8">
        <v>218</v>
      </c>
      <c r="H1820" s="5">
        <v>13</v>
      </c>
      <c r="I1820" s="5" t="s">
        <v>1518</v>
      </c>
      <c r="J1820" s="5" t="s">
        <v>1519</v>
      </c>
      <c r="K1820" s="2" t="s">
        <v>1520</v>
      </c>
      <c r="L1820" s="5" t="s">
        <v>1519</v>
      </c>
      <c r="M1820" s="2" t="s">
        <v>1520</v>
      </c>
      <c r="N1820" s="5" t="s">
        <v>1521</v>
      </c>
      <c r="O1820" s="5" t="s">
        <v>38</v>
      </c>
      <c r="P1820" s="5" t="s">
        <v>39</v>
      </c>
      <c r="Q1820" s="5" t="s">
        <v>40</v>
      </c>
      <c r="R1820" s="5" t="s">
        <v>1522</v>
      </c>
      <c r="S1820" s="5" t="s">
        <v>1523</v>
      </c>
      <c r="T1820" s="5" t="s">
        <v>42</v>
      </c>
      <c r="U1820" s="2">
        <v>2.9809999999999999</v>
      </c>
      <c r="V1820" s="2">
        <v>2.5339999999999998</v>
      </c>
      <c r="W1820" s="2">
        <v>1.4999999999999999E-2</v>
      </c>
      <c r="X1820" s="2">
        <v>118.9</v>
      </c>
      <c r="Y1820" s="2">
        <v>7.6</v>
      </c>
      <c r="Z1820" s="2">
        <v>16.7</v>
      </c>
      <c r="AA1820" s="5"/>
      <c r="AB1820" s="5" t="s">
        <v>43</v>
      </c>
      <c r="AC1820" s="5" t="s">
        <v>44</v>
      </c>
      <c r="AD1820" s="2"/>
      <c r="AE1820" s="1"/>
    </row>
    <row r="1821" spans="1:31" ht="14.45">
      <c r="A1821" s="11"/>
      <c r="B1821" s="20"/>
      <c r="C1821" s="2" t="s">
        <v>5884</v>
      </c>
      <c r="D1821" s="14" t="s">
        <v>5885</v>
      </c>
      <c r="E1821" s="2" t="s">
        <v>5886</v>
      </c>
      <c r="F1821" s="2" t="s">
        <v>1847</v>
      </c>
      <c r="G1821" s="8">
        <v>218</v>
      </c>
      <c r="H1821" s="5">
        <v>13</v>
      </c>
      <c r="I1821" s="5" t="s">
        <v>1518</v>
      </c>
      <c r="J1821" s="5" t="s">
        <v>1519</v>
      </c>
      <c r="K1821" s="2" t="s">
        <v>1520</v>
      </c>
      <c r="L1821" s="5" t="s">
        <v>1519</v>
      </c>
      <c r="M1821" s="2" t="s">
        <v>1520</v>
      </c>
      <c r="N1821" s="5" t="s">
        <v>1521</v>
      </c>
      <c r="O1821" s="5" t="s">
        <v>38</v>
      </c>
      <c r="P1821" s="5" t="s">
        <v>39</v>
      </c>
      <c r="Q1821" s="5" t="s">
        <v>40</v>
      </c>
      <c r="R1821" s="5" t="s">
        <v>1522</v>
      </c>
      <c r="S1821" s="5" t="s">
        <v>1523</v>
      </c>
      <c r="T1821" s="5" t="s">
        <v>42</v>
      </c>
      <c r="U1821" s="2">
        <v>3.04</v>
      </c>
      <c r="V1821" s="2">
        <v>2.593</v>
      </c>
      <c r="W1821" s="2">
        <v>1.4999999999999999E-2</v>
      </c>
      <c r="X1821" s="2">
        <v>118.9</v>
      </c>
      <c r="Y1821" s="2">
        <v>7.6</v>
      </c>
      <c r="Z1821" s="2">
        <v>16.7</v>
      </c>
      <c r="AA1821" s="5"/>
      <c r="AB1821" s="5" t="s">
        <v>43</v>
      </c>
      <c r="AC1821" s="5" t="s">
        <v>44</v>
      </c>
      <c r="AD1821" s="2"/>
      <c r="AE1821" s="1"/>
    </row>
    <row r="1822" spans="1:31" ht="14.45">
      <c r="A1822" s="11"/>
      <c r="B1822" s="20"/>
      <c r="C1822" s="2" t="s">
        <v>5887</v>
      </c>
      <c r="D1822" s="14" t="s">
        <v>5888</v>
      </c>
      <c r="E1822" s="2" t="s">
        <v>5889</v>
      </c>
      <c r="F1822" s="2" t="s">
        <v>1851</v>
      </c>
      <c r="G1822" s="8">
        <v>218</v>
      </c>
      <c r="H1822" s="5">
        <v>13</v>
      </c>
      <c r="I1822" s="5" t="s">
        <v>1518</v>
      </c>
      <c r="J1822" s="5" t="s">
        <v>1519</v>
      </c>
      <c r="K1822" s="2" t="s">
        <v>1520</v>
      </c>
      <c r="L1822" s="5" t="s">
        <v>1519</v>
      </c>
      <c r="M1822" s="2" t="s">
        <v>1520</v>
      </c>
      <c r="N1822" s="5" t="s">
        <v>1521</v>
      </c>
      <c r="O1822" s="5" t="s">
        <v>38</v>
      </c>
      <c r="P1822" s="5" t="s">
        <v>39</v>
      </c>
      <c r="Q1822" s="5" t="s">
        <v>40</v>
      </c>
      <c r="R1822" s="5" t="s">
        <v>1522</v>
      </c>
      <c r="S1822" s="5" t="s">
        <v>1523</v>
      </c>
      <c r="T1822" s="5" t="s">
        <v>42</v>
      </c>
      <c r="U1822" s="2">
        <v>2.9809999999999999</v>
      </c>
      <c r="V1822" s="2">
        <v>2.5339999999999998</v>
      </c>
      <c r="W1822" s="2">
        <v>1.4999999999999999E-2</v>
      </c>
      <c r="X1822" s="2">
        <v>118.9</v>
      </c>
      <c r="Y1822" s="2">
        <v>7.6</v>
      </c>
      <c r="Z1822" s="2">
        <v>16.7</v>
      </c>
      <c r="AA1822" s="5"/>
      <c r="AB1822" s="5" t="s">
        <v>43</v>
      </c>
      <c r="AC1822" s="5" t="s">
        <v>44</v>
      </c>
      <c r="AD1822" s="2"/>
      <c r="AE1822" s="1"/>
    </row>
    <row r="1823" spans="1:31" ht="14.45">
      <c r="A1823" s="11"/>
      <c r="B1823" s="20"/>
      <c r="C1823" s="2" t="s">
        <v>5890</v>
      </c>
      <c r="D1823" s="14" t="s">
        <v>5891</v>
      </c>
      <c r="E1823" s="2" t="s">
        <v>5892</v>
      </c>
      <c r="F1823" s="2" t="s">
        <v>1999</v>
      </c>
      <c r="G1823" s="8">
        <v>218</v>
      </c>
      <c r="H1823" s="5">
        <v>13</v>
      </c>
      <c r="I1823" s="5" t="s">
        <v>1518</v>
      </c>
      <c r="J1823" s="5" t="s">
        <v>1519</v>
      </c>
      <c r="K1823" s="2" t="s">
        <v>1520</v>
      </c>
      <c r="L1823" s="5" t="s">
        <v>1519</v>
      </c>
      <c r="M1823" s="2" t="s">
        <v>1520</v>
      </c>
      <c r="N1823" s="5" t="s">
        <v>1521</v>
      </c>
      <c r="O1823" s="5" t="s">
        <v>38</v>
      </c>
      <c r="P1823" s="5" t="s">
        <v>39</v>
      </c>
      <c r="Q1823" s="5" t="s">
        <v>40</v>
      </c>
      <c r="R1823" s="5" t="s">
        <v>1522</v>
      </c>
      <c r="S1823" s="5" t="s">
        <v>1523</v>
      </c>
      <c r="T1823" s="5" t="s">
        <v>42</v>
      </c>
      <c r="U1823" s="2">
        <v>3.04</v>
      </c>
      <c r="V1823" s="2">
        <v>2.593</v>
      </c>
      <c r="W1823" s="2">
        <v>1.4999999999999999E-2</v>
      </c>
      <c r="X1823" s="2">
        <v>118.9</v>
      </c>
      <c r="Y1823" s="2">
        <v>7.6</v>
      </c>
      <c r="Z1823" s="2">
        <v>16.7</v>
      </c>
      <c r="AA1823" s="5"/>
      <c r="AB1823" s="5" t="s">
        <v>43</v>
      </c>
      <c r="AC1823" s="5" t="s">
        <v>44</v>
      </c>
      <c r="AD1823" s="2"/>
      <c r="AE1823" s="1"/>
    </row>
    <row r="1824" spans="1:31" ht="14.45">
      <c r="A1824" s="11"/>
      <c r="B1824" s="20"/>
      <c r="C1824" s="2" t="s">
        <v>5893</v>
      </c>
      <c r="D1824" s="14" t="s">
        <v>5894</v>
      </c>
      <c r="E1824" s="2" t="s">
        <v>5895</v>
      </c>
      <c r="F1824" s="2" t="s">
        <v>1855</v>
      </c>
      <c r="G1824" s="8">
        <v>218</v>
      </c>
      <c r="H1824" s="5">
        <v>13</v>
      </c>
      <c r="I1824" s="5" t="s">
        <v>1518</v>
      </c>
      <c r="J1824" s="5" t="s">
        <v>1519</v>
      </c>
      <c r="K1824" s="2" t="s">
        <v>1520</v>
      </c>
      <c r="L1824" s="5" t="s">
        <v>1519</v>
      </c>
      <c r="M1824" s="2" t="s">
        <v>1520</v>
      </c>
      <c r="N1824" s="5" t="s">
        <v>1521</v>
      </c>
      <c r="O1824" s="5" t="s">
        <v>38</v>
      </c>
      <c r="P1824" s="5" t="s">
        <v>39</v>
      </c>
      <c r="Q1824" s="5" t="s">
        <v>40</v>
      </c>
      <c r="R1824" s="5" t="s">
        <v>1522</v>
      </c>
      <c r="S1824" s="5" t="s">
        <v>1523</v>
      </c>
      <c r="T1824" s="5" t="s">
        <v>42</v>
      </c>
      <c r="U1824" s="2">
        <v>2.9809999999999999</v>
      </c>
      <c r="V1824" s="2">
        <v>2.5339999999999998</v>
      </c>
      <c r="W1824" s="2">
        <v>1.4999999999999999E-2</v>
      </c>
      <c r="X1824" s="2">
        <v>118.9</v>
      </c>
      <c r="Y1824" s="2">
        <v>7.6</v>
      </c>
      <c r="Z1824" s="2">
        <v>16.7</v>
      </c>
      <c r="AA1824" s="5"/>
      <c r="AB1824" s="5" t="s">
        <v>43</v>
      </c>
      <c r="AC1824" s="5" t="s">
        <v>44</v>
      </c>
      <c r="AD1824" s="2"/>
      <c r="AE1824" s="1"/>
    </row>
    <row r="1825" spans="1:31" ht="14.45">
      <c r="A1825" s="11"/>
      <c r="B1825" s="20"/>
      <c r="C1825" s="2" t="s">
        <v>5896</v>
      </c>
      <c r="D1825" s="14" t="s">
        <v>5897</v>
      </c>
      <c r="E1825" s="2" t="s">
        <v>5898</v>
      </c>
      <c r="F1825" s="2" t="s">
        <v>1859</v>
      </c>
      <c r="G1825" s="8">
        <v>218</v>
      </c>
      <c r="H1825" s="5">
        <v>13</v>
      </c>
      <c r="I1825" s="5" t="s">
        <v>1518</v>
      </c>
      <c r="J1825" s="5" t="s">
        <v>1519</v>
      </c>
      <c r="K1825" s="2" t="s">
        <v>1520</v>
      </c>
      <c r="L1825" s="5" t="s">
        <v>1519</v>
      </c>
      <c r="M1825" s="2" t="s">
        <v>1520</v>
      </c>
      <c r="N1825" s="5" t="s">
        <v>1521</v>
      </c>
      <c r="O1825" s="5" t="s">
        <v>38</v>
      </c>
      <c r="P1825" s="5" t="s">
        <v>39</v>
      </c>
      <c r="Q1825" s="5" t="s">
        <v>40</v>
      </c>
      <c r="R1825" s="5" t="s">
        <v>1522</v>
      </c>
      <c r="S1825" s="5" t="s">
        <v>1523</v>
      </c>
      <c r="T1825" s="5" t="s">
        <v>42</v>
      </c>
      <c r="U1825" s="2">
        <v>3.04</v>
      </c>
      <c r="V1825" s="2">
        <v>2.593</v>
      </c>
      <c r="W1825" s="2">
        <v>1.4999999999999999E-2</v>
      </c>
      <c r="X1825" s="2">
        <v>118.9</v>
      </c>
      <c r="Y1825" s="2">
        <v>7.6</v>
      </c>
      <c r="Z1825" s="2">
        <v>16.7</v>
      </c>
      <c r="AA1825" s="5"/>
      <c r="AB1825" s="5" t="s">
        <v>43</v>
      </c>
      <c r="AC1825" s="5" t="s">
        <v>44</v>
      </c>
      <c r="AD1825" s="2"/>
      <c r="AE1825" s="1"/>
    </row>
    <row r="1826" spans="1:31" ht="14.45">
      <c r="A1826" s="11"/>
      <c r="B1826" s="20"/>
      <c r="C1826" s="2" t="s">
        <v>5899</v>
      </c>
      <c r="D1826" s="14" t="s">
        <v>5900</v>
      </c>
      <c r="E1826" s="2" t="s">
        <v>5901</v>
      </c>
      <c r="F1826" s="2" t="s">
        <v>1863</v>
      </c>
      <c r="G1826" s="8">
        <v>218</v>
      </c>
      <c r="H1826" s="5">
        <v>11</v>
      </c>
      <c r="I1826" s="5" t="s">
        <v>1518</v>
      </c>
      <c r="J1826" s="5" t="s">
        <v>1519</v>
      </c>
      <c r="K1826" s="2" t="s">
        <v>1520</v>
      </c>
      <c r="L1826" s="5" t="s">
        <v>1519</v>
      </c>
      <c r="M1826" s="2" t="s">
        <v>1520</v>
      </c>
      <c r="N1826" s="5" t="s">
        <v>1521</v>
      </c>
      <c r="O1826" s="5" t="s">
        <v>38</v>
      </c>
      <c r="P1826" s="5" t="s">
        <v>39</v>
      </c>
      <c r="Q1826" s="5" t="s">
        <v>40</v>
      </c>
      <c r="R1826" s="5" t="s">
        <v>1522</v>
      </c>
      <c r="S1826" s="5" t="s">
        <v>1523</v>
      </c>
      <c r="T1826" s="5" t="s">
        <v>42</v>
      </c>
      <c r="U1826" s="2">
        <v>2.9020000000000001</v>
      </c>
      <c r="V1826" s="2">
        <v>2.4550000000000001</v>
      </c>
      <c r="W1826" s="2">
        <v>1.4999999999999999E-2</v>
      </c>
      <c r="X1826" s="2">
        <v>118.9</v>
      </c>
      <c r="Y1826" s="2">
        <v>7.6</v>
      </c>
      <c r="Z1826" s="2">
        <v>16.7</v>
      </c>
      <c r="AA1826" s="5"/>
      <c r="AB1826" s="5" t="s">
        <v>43</v>
      </c>
      <c r="AC1826" s="5" t="s">
        <v>44</v>
      </c>
      <c r="AD1826" s="2"/>
      <c r="AE1826" s="1"/>
    </row>
    <row r="1827" spans="1:31" ht="14.45">
      <c r="A1827" s="11"/>
      <c r="B1827" s="20"/>
      <c r="C1827" s="2" t="s">
        <v>5902</v>
      </c>
      <c r="D1827" s="14" t="s">
        <v>5903</v>
      </c>
      <c r="E1827" s="2" t="s">
        <v>5904</v>
      </c>
      <c r="F1827" s="2" t="s">
        <v>1867</v>
      </c>
      <c r="G1827" s="8">
        <v>218</v>
      </c>
      <c r="H1827" s="5">
        <v>11</v>
      </c>
      <c r="I1827" s="5" t="s">
        <v>1518</v>
      </c>
      <c r="J1827" s="5" t="s">
        <v>1519</v>
      </c>
      <c r="K1827" s="2" t="s">
        <v>1520</v>
      </c>
      <c r="L1827" s="5" t="s">
        <v>1519</v>
      </c>
      <c r="M1827" s="2" t="s">
        <v>1520</v>
      </c>
      <c r="N1827" s="5" t="s">
        <v>1521</v>
      </c>
      <c r="O1827" s="5" t="s">
        <v>38</v>
      </c>
      <c r="P1827" s="5" t="s">
        <v>39</v>
      </c>
      <c r="Q1827" s="5" t="s">
        <v>40</v>
      </c>
      <c r="R1827" s="5" t="s">
        <v>1522</v>
      </c>
      <c r="S1827" s="5" t="s">
        <v>1523</v>
      </c>
      <c r="T1827" s="5" t="s">
        <v>42</v>
      </c>
      <c r="U1827" s="2">
        <v>2.9609999999999999</v>
      </c>
      <c r="V1827" s="2">
        <v>2.5139999999999998</v>
      </c>
      <c r="W1827" s="2">
        <v>1.4999999999999999E-2</v>
      </c>
      <c r="X1827" s="2">
        <v>118.9</v>
      </c>
      <c r="Y1827" s="2">
        <v>7.6</v>
      </c>
      <c r="Z1827" s="2">
        <v>16.7</v>
      </c>
      <c r="AA1827" s="5"/>
      <c r="AB1827" s="5" t="s">
        <v>43</v>
      </c>
      <c r="AC1827" s="5" t="s">
        <v>44</v>
      </c>
      <c r="AD1827" s="2"/>
      <c r="AE1827" s="1"/>
    </row>
    <row r="1828" spans="1:31" ht="14.45">
      <c r="A1828" s="11"/>
      <c r="B1828" s="20"/>
      <c r="C1828" s="2" t="s">
        <v>5905</v>
      </c>
      <c r="D1828" s="14" t="s">
        <v>5906</v>
      </c>
      <c r="E1828" s="2" t="s">
        <v>5907</v>
      </c>
      <c r="F1828" s="2" t="s">
        <v>1695</v>
      </c>
      <c r="G1828" s="8">
        <v>213</v>
      </c>
      <c r="H1828" s="5">
        <v>6</v>
      </c>
      <c r="I1828" s="5" t="s">
        <v>1518</v>
      </c>
      <c r="J1828" s="5" t="s">
        <v>1519</v>
      </c>
      <c r="K1828" s="2" t="s">
        <v>1520</v>
      </c>
      <c r="L1828" s="5" t="s">
        <v>1519</v>
      </c>
      <c r="M1828" s="2" t="s">
        <v>1520</v>
      </c>
      <c r="N1828" s="5" t="s">
        <v>1521</v>
      </c>
      <c r="O1828" s="5" t="s">
        <v>38</v>
      </c>
      <c r="P1828" s="5" t="s">
        <v>39</v>
      </c>
      <c r="Q1828" s="5" t="s">
        <v>40</v>
      </c>
      <c r="R1828" s="5" t="s">
        <v>1522</v>
      </c>
      <c r="S1828" s="5" t="s">
        <v>1523</v>
      </c>
      <c r="T1828" s="5" t="s">
        <v>42</v>
      </c>
      <c r="U1828" s="2">
        <v>3.15</v>
      </c>
      <c r="V1828" s="2">
        <v>2.6259999999999999</v>
      </c>
      <c r="W1828" s="2">
        <v>1.7999999999999999E-2</v>
      </c>
      <c r="X1828" s="2">
        <v>139.1</v>
      </c>
      <c r="Y1828" s="2">
        <v>7.6</v>
      </c>
      <c r="Z1828" s="2">
        <v>16.7</v>
      </c>
      <c r="AA1828" s="5"/>
      <c r="AB1828" s="5" t="s">
        <v>43</v>
      </c>
      <c r="AC1828" s="5" t="s">
        <v>44</v>
      </c>
      <c r="AD1828" s="2"/>
      <c r="AE1828" s="1"/>
    </row>
    <row r="1829" spans="1:31" ht="14.45">
      <c r="A1829" s="11"/>
      <c r="B1829" s="20"/>
      <c r="C1829" s="2" t="s">
        <v>5908</v>
      </c>
      <c r="D1829" s="14" t="s">
        <v>5909</v>
      </c>
      <c r="E1829" s="2" t="s">
        <v>5910</v>
      </c>
      <c r="F1829" s="2" t="s">
        <v>1699</v>
      </c>
      <c r="G1829" s="8">
        <v>213</v>
      </c>
      <c r="H1829" s="5">
        <v>6</v>
      </c>
      <c r="I1829" s="5" t="s">
        <v>1518</v>
      </c>
      <c r="J1829" s="5" t="s">
        <v>1519</v>
      </c>
      <c r="K1829" s="2" t="s">
        <v>1520</v>
      </c>
      <c r="L1829" s="5" t="s">
        <v>1519</v>
      </c>
      <c r="M1829" s="2" t="s">
        <v>1520</v>
      </c>
      <c r="N1829" s="5" t="s">
        <v>1521</v>
      </c>
      <c r="O1829" s="5" t="s">
        <v>38</v>
      </c>
      <c r="P1829" s="5" t="s">
        <v>39</v>
      </c>
      <c r="Q1829" s="5" t="s">
        <v>40</v>
      </c>
      <c r="R1829" s="5" t="s">
        <v>1522</v>
      </c>
      <c r="S1829" s="5" t="s">
        <v>1523</v>
      </c>
      <c r="T1829" s="5" t="s">
        <v>42</v>
      </c>
      <c r="U1829" s="2">
        <v>3.214</v>
      </c>
      <c r="V1829" s="2">
        <v>2.69</v>
      </c>
      <c r="W1829" s="2">
        <v>1.7999999999999999E-2</v>
      </c>
      <c r="X1829" s="2">
        <v>139.1</v>
      </c>
      <c r="Y1829" s="2">
        <v>7.6</v>
      </c>
      <c r="Z1829" s="2">
        <v>16.7</v>
      </c>
      <c r="AA1829" s="5"/>
      <c r="AB1829" s="5" t="s">
        <v>43</v>
      </c>
      <c r="AC1829" s="5" t="s">
        <v>44</v>
      </c>
      <c r="AD1829" s="2"/>
      <c r="AE1829" s="1"/>
    </row>
    <row r="1830" spans="1:31" ht="14.45">
      <c r="A1830" s="11"/>
      <c r="B1830" s="20"/>
      <c r="C1830" s="2" t="s">
        <v>5911</v>
      </c>
      <c r="D1830" s="14" t="s">
        <v>5912</v>
      </c>
      <c r="E1830" s="2" t="s">
        <v>5913</v>
      </c>
      <c r="F1830" s="2" t="s">
        <v>1703</v>
      </c>
      <c r="G1830" s="8">
        <v>213</v>
      </c>
      <c r="H1830" s="5">
        <v>6</v>
      </c>
      <c r="I1830" s="5" t="s">
        <v>1518</v>
      </c>
      <c r="J1830" s="5" t="s">
        <v>1519</v>
      </c>
      <c r="K1830" s="2" t="s">
        <v>1520</v>
      </c>
      <c r="L1830" s="5" t="s">
        <v>1519</v>
      </c>
      <c r="M1830" s="2" t="s">
        <v>1520</v>
      </c>
      <c r="N1830" s="5" t="s">
        <v>1521</v>
      </c>
      <c r="O1830" s="5" t="s">
        <v>38</v>
      </c>
      <c r="P1830" s="5" t="s">
        <v>39</v>
      </c>
      <c r="Q1830" s="5" t="s">
        <v>40</v>
      </c>
      <c r="R1830" s="5" t="s">
        <v>1522</v>
      </c>
      <c r="S1830" s="5" t="s">
        <v>1523</v>
      </c>
      <c r="T1830" s="5" t="s">
        <v>42</v>
      </c>
      <c r="U1830" s="2">
        <v>3.1640000000000001</v>
      </c>
      <c r="V1830" s="2">
        <v>2.64</v>
      </c>
      <c r="W1830" s="2">
        <v>1.7999999999999999E-2</v>
      </c>
      <c r="X1830" s="2">
        <v>139.1</v>
      </c>
      <c r="Y1830" s="2">
        <v>7.6</v>
      </c>
      <c r="Z1830" s="2">
        <v>16.7</v>
      </c>
      <c r="AA1830" s="5"/>
      <c r="AB1830" s="5" t="s">
        <v>43</v>
      </c>
      <c r="AC1830" s="5" t="s">
        <v>44</v>
      </c>
      <c r="AD1830" s="2"/>
      <c r="AE1830" s="1"/>
    </row>
    <row r="1831" spans="1:31" ht="14.45">
      <c r="A1831" s="11"/>
      <c r="B1831" s="20"/>
      <c r="C1831" s="2" t="s">
        <v>5914</v>
      </c>
      <c r="D1831" s="14" t="s">
        <v>5915</v>
      </c>
      <c r="E1831" s="2" t="s">
        <v>5916</v>
      </c>
      <c r="F1831" s="2" t="s">
        <v>1707</v>
      </c>
      <c r="G1831" s="8">
        <v>213</v>
      </c>
      <c r="H1831" s="5">
        <v>6</v>
      </c>
      <c r="I1831" s="5" t="s">
        <v>1518</v>
      </c>
      <c r="J1831" s="5" t="s">
        <v>1519</v>
      </c>
      <c r="K1831" s="2" t="s">
        <v>1520</v>
      </c>
      <c r="L1831" s="5" t="s">
        <v>1519</v>
      </c>
      <c r="M1831" s="2" t="s">
        <v>1520</v>
      </c>
      <c r="N1831" s="5" t="s">
        <v>1521</v>
      </c>
      <c r="O1831" s="5" t="s">
        <v>38</v>
      </c>
      <c r="P1831" s="5" t="s">
        <v>39</v>
      </c>
      <c r="Q1831" s="5" t="s">
        <v>40</v>
      </c>
      <c r="R1831" s="5" t="s">
        <v>1522</v>
      </c>
      <c r="S1831" s="5" t="s">
        <v>1523</v>
      </c>
      <c r="T1831" s="5" t="s">
        <v>42</v>
      </c>
      <c r="U1831" s="2">
        <v>3.2280000000000002</v>
      </c>
      <c r="V1831" s="2">
        <v>2.7040000000000002</v>
      </c>
      <c r="W1831" s="2">
        <v>1.7999999999999999E-2</v>
      </c>
      <c r="X1831" s="2">
        <v>139.1</v>
      </c>
      <c r="Y1831" s="2">
        <v>7.6</v>
      </c>
      <c r="Z1831" s="2">
        <v>16.7</v>
      </c>
      <c r="AA1831" s="5"/>
      <c r="AB1831" s="5" t="s">
        <v>43</v>
      </c>
      <c r="AC1831" s="5" t="s">
        <v>44</v>
      </c>
      <c r="AD1831" s="2"/>
      <c r="AE1831" s="1"/>
    </row>
    <row r="1832" spans="1:31" ht="14.45">
      <c r="A1832" s="11"/>
      <c r="B1832" s="20"/>
      <c r="C1832" s="2" t="s">
        <v>5917</v>
      </c>
      <c r="D1832" s="14" t="s">
        <v>5918</v>
      </c>
      <c r="E1832" s="2" t="s">
        <v>5919</v>
      </c>
      <c r="F1832" s="2" t="s">
        <v>1711</v>
      </c>
      <c r="G1832" s="8">
        <v>213</v>
      </c>
      <c r="H1832" s="5">
        <v>6</v>
      </c>
      <c r="I1832" s="5" t="s">
        <v>1518</v>
      </c>
      <c r="J1832" s="5" t="s">
        <v>1519</v>
      </c>
      <c r="K1832" s="2" t="s">
        <v>1520</v>
      </c>
      <c r="L1832" s="5" t="s">
        <v>1519</v>
      </c>
      <c r="M1832" s="2" t="s">
        <v>1520</v>
      </c>
      <c r="N1832" s="5" t="s">
        <v>1521</v>
      </c>
      <c r="O1832" s="5" t="s">
        <v>38</v>
      </c>
      <c r="P1832" s="5" t="s">
        <v>39</v>
      </c>
      <c r="Q1832" s="5" t="s">
        <v>40</v>
      </c>
      <c r="R1832" s="5" t="s">
        <v>1522</v>
      </c>
      <c r="S1832" s="5" t="s">
        <v>1523</v>
      </c>
      <c r="T1832" s="5" t="s">
        <v>42</v>
      </c>
      <c r="U1832" s="2">
        <v>3.1640000000000001</v>
      </c>
      <c r="V1832" s="2">
        <v>2.64</v>
      </c>
      <c r="W1832" s="2">
        <v>1.7999999999999999E-2</v>
      </c>
      <c r="X1832" s="2">
        <v>139.1</v>
      </c>
      <c r="Y1832" s="2">
        <v>7.6</v>
      </c>
      <c r="Z1832" s="2">
        <v>16.7</v>
      </c>
      <c r="AA1832" s="5"/>
      <c r="AB1832" s="5" t="s">
        <v>43</v>
      </c>
      <c r="AC1832" s="5" t="s">
        <v>44</v>
      </c>
      <c r="AD1832" s="2"/>
      <c r="AE1832" s="1"/>
    </row>
    <row r="1833" spans="1:31" ht="14.45">
      <c r="A1833" s="11"/>
      <c r="B1833" s="20"/>
      <c r="C1833" s="2" t="s">
        <v>5920</v>
      </c>
      <c r="D1833" s="14" t="s">
        <v>5921</v>
      </c>
      <c r="E1833" s="2" t="s">
        <v>5922</v>
      </c>
      <c r="F1833" s="2" t="s">
        <v>1715</v>
      </c>
      <c r="G1833" s="8">
        <v>213</v>
      </c>
      <c r="H1833" s="5">
        <v>6</v>
      </c>
      <c r="I1833" s="5" t="s">
        <v>1518</v>
      </c>
      <c r="J1833" s="5" t="s">
        <v>1519</v>
      </c>
      <c r="K1833" s="2" t="s">
        <v>1520</v>
      </c>
      <c r="L1833" s="5" t="s">
        <v>1519</v>
      </c>
      <c r="M1833" s="2" t="s">
        <v>1520</v>
      </c>
      <c r="N1833" s="5" t="s">
        <v>1521</v>
      </c>
      <c r="O1833" s="5" t="s">
        <v>38</v>
      </c>
      <c r="P1833" s="5" t="s">
        <v>39</v>
      </c>
      <c r="Q1833" s="5" t="s">
        <v>40</v>
      </c>
      <c r="R1833" s="5" t="s">
        <v>1522</v>
      </c>
      <c r="S1833" s="5" t="s">
        <v>1523</v>
      </c>
      <c r="T1833" s="5" t="s">
        <v>42</v>
      </c>
      <c r="U1833" s="2">
        <v>3.2280000000000002</v>
      </c>
      <c r="V1833" s="2">
        <v>2.7040000000000002</v>
      </c>
      <c r="W1833" s="2">
        <v>1.7999999999999999E-2</v>
      </c>
      <c r="X1833" s="2">
        <v>139.1</v>
      </c>
      <c r="Y1833" s="2">
        <v>7.6</v>
      </c>
      <c r="Z1833" s="2">
        <v>16.7</v>
      </c>
      <c r="AA1833" s="5"/>
      <c r="AB1833" s="5" t="s">
        <v>43</v>
      </c>
      <c r="AC1833" s="5" t="s">
        <v>44</v>
      </c>
      <c r="AD1833" s="2"/>
      <c r="AE1833" s="1"/>
    </row>
    <row r="1834" spans="1:31" ht="14.45">
      <c r="A1834" s="11"/>
      <c r="B1834" s="20"/>
      <c r="C1834" s="2" t="s">
        <v>5923</v>
      </c>
      <c r="D1834" s="14" t="s">
        <v>5924</v>
      </c>
      <c r="E1834" s="2" t="s">
        <v>5925</v>
      </c>
      <c r="F1834" s="2" t="s">
        <v>1719</v>
      </c>
      <c r="G1834" s="8">
        <v>213</v>
      </c>
      <c r="H1834" s="5">
        <v>6</v>
      </c>
      <c r="I1834" s="5" t="s">
        <v>1518</v>
      </c>
      <c r="J1834" s="5" t="s">
        <v>1519</v>
      </c>
      <c r="K1834" s="2" t="s">
        <v>1520</v>
      </c>
      <c r="L1834" s="5" t="s">
        <v>1519</v>
      </c>
      <c r="M1834" s="2" t="s">
        <v>1520</v>
      </c>
      <c r="N1834" s="5" t="s">
        <v>1521</v>
      </c>
      <c r="O1834" s="5" t="s">
        <v>38</v>
      </c>
      <c r="P1834" s="5" t="s">
        <v>39</v>
      </c>
      <c r="Q1834" s="5" t="s">
        <v>40</v>
      </c>
      <c r="R1834" s="5" t="s">
        <v>1522</v>
      </c>
      <c r="S1834" s="5" t="s">
        <v>1523</v>
      </c>
      <c r="T1834" s="5" t="s">
        <v>42</v>
      </c>
      <c r="U1834" s="2">
        <v>3.1219999999999999</v>
      </c>
      <c r="V1834" s="2">
        <v>2.5979999999999999</v>
      </c>
      <c r="W1834" s="2">
        <v>1.7999999999999999E-2</v>
      </c>
      <c r="X1834" s="2">
        <v>139.1</v>
      </c>
      <c r="Y1834" s="2">
        <v>7.6</v>
      </c>
      <c r="Z1834" s="2">
        <v>16.7</v>
      </c>
      <c r="AA1834" s="5"/>
      <c r="AB1834" s="5" t="s">
        <v>43</v>
      </c>
      <c r="AC1834" s="5" t="s">
        <v>44</v>
      </c>
      <c r="AD1834" s="2"/>
      <c r="AE1834" s="1"/>
    </row>
    <row r="1835" spans="1:31" ht="14.45">
      <c r="A1835" s="11"/>
      <c r="B1835" s="20"/>
      <c r="C1835" s="2" t="s">
        <v>5926</v>
      </c>
      <c r="D1835" s="14" t="s">
        <v>5927</v>
      </c>
      <c r="E1835" s="2" t="s">
        <v>5928</v>
      </c>
      <c r="F1835" s="2" t="s">
        <v>1723</v>
      </c>
      <c r="G1835" s="8">
        <v>213</v>
      </c>
      <c r="H1835" s="5">
        <v>6</v>
      </c>
      <c r="I1835" s="5" t="s">
        <v>1518</v>
      </c>
      <c r="J1835" s="5" t="s">
        <v>1519</v>
      </c>
      <c r="K1835" s="2" t="s">
        <v>1520</v>
      </c>
      <c r="L1835" s="5" t="s">
        <v>1519</v>
      </c>
      <c r="M1835" s="2" t="s">
        <v>1520</v>
      </c>
      <c r="N1835" s="5" t="s">
        <v>1521</v>
      </c>
      <c r="O1835" s="5" t="s">
        <v>38</v>
      </c>
      <c r="P1835" s="5" t="s">
        <v>39</v>
      </c>
      <c r="Q1835" s="5" t="s">
        <v>40</v>
      </c>
      <c r="R1835" s="5" t="s">
        <v>1522</v>
      </c>
      <c r="S1835" s="5" t="s">
        <v>1523</v>
      </c>
      <c r="T1835" s="5" t="s">
        <v>42</v>
      </c>
      <c r="U1835" s="2">
        <v>3.1859999999999999</v>
      </c>
      <c r="V1835" s="2">
        <v>2.6619999999999999</v>
      </c>
      <c r="W1835" s="2">
        <v>1.7999999999999999E-2</v>
      </c>
      <c r="X1835" s="2">
        <v>139.1</v>
      </c>
      <c r="Y1835" s="2">
        <v>7.6</v>
      </c>
      <c r="Z1835" s="2">
        <v>16.7</v>
      </c>
      <c r="AA1835" s="5"/>
      <c r="AB1835" s="5" t="s">
        <v>43</v>
      </c>
      <c r="AC1835" s="5" t="s">
        <v>44</v>
      </c>
      <c r="AD1835" s="2"/>
      <c r="AE1835" s="1"/>
    </row>
    <row r="1836" spans="1:31" ht="14.45">
      <c r="A1836" s="11"/>
      <c r="B1836" s="20"/>
      <c r="C1836" s="2" t="s">
        <v>5929</v>
      </c>
      <c r="D1836" s="14" t="s">
        <v>5930</v>
      </c>
      <c r="E1836" s="2" t="s">
        <v>5931</v>
      </c>
      <c r="F1836" s="2" t="s">
        <v>1727</v>
      </c>
      <c r="G1836" s="8">
        <v>245</v>
      </c>
      <c r="H1836" s="5">
        <v>6</v>
      </c>
      <c r="I1836" s="5" t="s">
        <v>1518</v>
      </c>
      <c r="J1836" s="5" t="s">
        <v>1519</v>
      </c>
      <c r="K1836" s="2" t="s">
        <v>1520</v>
      </c>
      <c r="L1836" s="5" t="s">
        <v>1519</v>
      </c>
      <c r="M1836" s="2" t="s">
        <v>1520</v>
      </c>
      <c r="N1836" s="5" t="s">
        <v>1521</v>
      </c>
      <c r="O1836" s="5" t="s">
        <v>38</v>
      </c>
      <c r="P1836" s="5" t="s">
        <v>39</v>
      </c>
      <c r="Q1836" s="5" t="s">
        <v>40</v>
      </c>
      <c r="R1836" s="5" t="s">
        <v>1522</v>
      </c>
      <c r="S1836" s="5" t="s">
        <v>1523</v>
      </c>
      <c r="T1836" s="5" t="s">
        <v>42</v>
      </c>
      <c r="U1836" s="2">
        <v>3.1219999999999999</v>
      </c>
      <c r="V1836" s="2">
        <v>2.5979999999999999</v>
      </c>
      <c r="W1836" s="2">
        <v>1.7999999999999999E-2</v>
      </c>
      <c r="X1836" s="2">
        <v>139.1</v>
      </c>
      <c r="Y1836" s="2">
        <v>7.6</v>
      </c>
      <c r="Z1836" s="2">
        <v>16.7</v>
      </c>
      <c r="AA1836" s="5"/>
      <c r="AB1836" s="5" t="s">
        <v>43</v>
      </c>
      <c r="AC1836" s="5" t="s">
        <v>44</v>
      </c>
      <c r="AD1836" s="2"/>
      <c r="AE1836" s="1"/>
    </row>
    <row r="1837" spans="1:31" ht="14.45">
      <c r="A1837" s="11"/>
      <c r="B1837" s="20"/>
      <c r="C1837" s="2" t="s">
        <v>5932</v>
      </c>
      <c r="D1837" s="14" t="s">
        <v>5933</v>
      </c>
      <c r="E1837" s="2" t="s">
        <v>5934</v>
      </c>
      <c r="F1837" s="2" t="s">
        <v>1731</v>
      </c>
      <c r="G1837" s="8">
        <v>245</v>
      </c>
      <c r="H1837" s="5">
        <v>6</v>
      </c>
      <c r="I1837" s="5" t="s">
        <v>1518</v>
      </c>
      <c r="J1837" s="5" t="s">
        <v>1519</v>
      </c>
      <c r="K1837" s="2" t="s">
        <v>1520</v>
      </c>
      <c r="L1837" s="5" t="s">
        <v>1519</v>
      </c>
      <c r="M1837" s="2" t="s">
        <v>1520</v>
      </c>
      <c r="N1837" s="5" t="s">
        <v>1521</v>
      </c>
      <c r="O1837" s="5" t="s">
        <v>38</v>
      </c>
      <c r="P1837" s="5" t="s">
        <v>39</v>
      </c>
      <c r="Q1837" s="5" t="s">
        <v>40</v>
      </c>
      <c r="R1837" s="5" t="s">
        <v>1522</v>
      </c>
      <c r="S1837" s="5" t="s">
        <v>1523</v>
      </c>
      <c r="T1837" s="5" t="s">
        <v>42</v>
      </c>
      <c r="U1837" s="2">
        <v>3.1859999999999999</v>
      </c>
      <c r="V1837" s="2">
        <v>2.6619999999999999</v>
      </c>
      <c r="W1837" s="2">
        <v>1.7999999999999999E-2</v>
      </c>
      <c r="X1837" s="2">
        <v>139.1</v>
      </c>
      <c r="Y1837" s="2">
        <v>7.6</v>
      </c>
      <c r="Z1837" s="2">
        <v>16.7</v>
      </c>
      <c r="AA1837" s="5"/>
      <c r="AB1837" s="5" t="s">
        <v>43</v>
      </c>
      <c r="AC1837" s="5" t="s">
        <v>44</v>
      </c>
      <c r="AD1837" s="2"/>
      <c r="AE1837" s="1"/>
    </row>
    <row r="1838" spans="1:31" ht="14.45">
      <c r="A1838" s="11"/>
      <c r="B1838" s="20"/>
      <c r="C1838" s="2" t="s">
        <v>5935</v>
      </c>
      <c r="D1838" s="14" t="s">
        <v>5936</v>
      </c>
      <c r="E1838" s="2" t="s">
        <v>5937</v>
      </c>
      <c r="F1838" s="2" t="s">
        <v>1735</v>
      </c>
      <c r="G1838" s="8">
        <v>245</v>
      </c>
      <c r="H1838" s="5">
        <v>6</v>
      </c>
      <c r="I1838" s="5" t="s">
        <v>1518</v>
      </c>
      <c r="J1838" s="5" t="s">
        <v>1519</v>
      </c>
      <c r="K1838" s="2" t="s">
        <v>1520</v>
      </c>
      <c r="L1838" s="5" t="s">
        <v>1519</v>
      </c>
      <c r="M1838" s="2" t="s">
        <v>1520</v>
      </c>
      <c r="N1838" s="5" t="s">
        <v>1521</v>
      </c>
      <c r="O1838" s="5" t="s">
        <v>38</v>
      </c>
      <c r="P1838" s="5" t="s">
        <v>39</v>
      </c>
      <c r="Q1838" s="5" t="s">
        <v>40</v>
      </c>
      <c r="R1838" s="5" t="s">
        <v>1522</v>
      </c>
      <c r="S1838" s="5" t="s">
        <v>1523</v>
      </c>
      <c r="T1838" s="5" t="s">
        <v>42</v>
      </c>
      <c r="U1838" s="2">
        <v>3.1640000000000001</v>
      </c>
      <c r="V1838" s="2">
        <v>2.64</v>
      </c>
      <c r="W1838" s="2">
        <v>1.7999999999999999E-2</v>
      </c>
      <c r="X1838" s="2">
        <v>139.1</v>
      </c>
      <c r="Y1838" s="2">
        <v>7.6</v>
      </c>
      <c r="Z1838" s="2">
        <v>16.7</v>
      </c>
      <c r="AA1838" s="5"/>
      <c r="AB1838" s="5" t="s">
        <v>43</v>
      </c>
      <c r="AC1838" s="5" t="s">
        <v>44</v>
      </c>
      <c r="AD1838" s="2"/>
      <c r="AE1838" s="1"/>
    </row>
    <row r="1839" spans="1:31" ht="14.45">
      <c r="A1839" s="11"/>
      <c r="B1839" s="20"/>
      <c r="C1839" s="2" t="s">
        <v>5938</v>
      </c>
      <c r="D1839" s="14" t="s">
        <v>5939</v>
      </c>
      <c r="E1839" s="2" t="s">
        <v>5940</v>
      </c>
      <c r="F1839" s="2" t="s">
        <v>1739</v>
      </c>
      <c r="G1839" s="8">
        <v>245</v>
      </c>
      <c r="H1839" s="5">
        <v>6</v>
      </c>
      <c r="I1839" s="5" t="s">
        <v>1518</v>
      </c>
      <c r="J1839" s="5" t="s">
        <v>1519</v>
      </c>
      <c r="K1839" s="2" t="s">
        <v>1520</v>
      </c>
      <c r="L1839" s="5" t="s">
        <v>1519</v>
      </c>
      <c r="M1839" s="2" t="s">
        <v>1520</v>
      </c>
      <c r="N1839" s="5" t="s">
        <v>1521</v>
      </c>
      <c r="O1839" s="5" t="s">
        <v>38</v>
      </c>
      <c r="P1839" s="5" t="s">
        <v>39</v>
      </c>
      <c r="Q1839" s="5" t="s">
        <v>40</v>
      </c>
      <c r="R1839" s="5" t="s">
        <v>1522</v>
      </c>
      <c r="S1839" s="5" t="s">
        <v>1523</v>
      </c>
      <c r="T1839" s="5" t="s">
        <v>42</v>
      </c>
      <c r="U1839" s="2">
        <v>3.2280000000000002</v>
      </c>
      <c r="V1839" s="2">
        <v>2.7040000000000002</v>
      </c>
      <c r="W1839" s="2">
        <v>1.7999999999999999E-2</v>
      </c>
      <c r="X1839" s="2">
        <v>139.1</v>
      </c>
      <c r="Y1839" s="2">
        <v>7.6</v>
      </c>
      <c r="Z1839" s="2">
        <v>16.7</v>
      </c>
      <c r="AA1839" s="5"/>
      <c r="AB1839" s="5" t="s">
        <v>43</v>
      </c>
      <c r="AC1839" s="5" t="s">
        <v>44</v>
      </c>
      <c r="AD1839" s="2"/>
      <c r="AE1839" s="1"/>
    </row>
    <row r="1840" spans="1:31" ht="14.45">
      <c r="A1840" s="11"/>
      <c r="B1840" s="20"/>
      <c r="C1840" s="2" t="s">
        <v>5941</v>
      </c>
      <c r="D1840" s="14" t="s">
        <v>5942</v>
      </c>
      <c r="E1840" s="2" t="s">
        <v>5943</v>
      </c>
      <c r="F1840" s="2" t="s">
        <v>1743</v>
      </c>
      <c r="G1840" s="8">
        <v>245</v>
      </c>
      <c r="H1840" s="5">
        <v>6</v>
      </c>
      <c r="I1840" s="5" t="s">
        <v>1518</v>
      </c>
      <c r="J1840" s="5" t="s">
        <v>1519</v>
      </c>
      <c r="K1840" s="2" t="s">
        <v>1520</v>
      </c>
      <c r="L1840" s="5" t="s">
        <v>1519</v>
      </c>
      <c r="M1840" s="2" t="s">
        <v>1520</v>
      </c>
      <c r="N1840" s="5" t="s">
        <v>1521</v>
      </c>
      <c r="O1840" s="5" t="s">
        <v>38</v>
      </c>
      <c r="P1840" s="5" t="s">
        <v>39</v>
      </c>
      <c r="Q1840" s="5" t="s">
        <v>40</v>
      </c>
      <c r="R1840" s="5" t="s">
        <v>1522</v>
      </c>
      <c r="S1840" s="5" t="s">
        <v>1523</v>
      </c>
      <c r="T1840" s="5" t="s">
        <v>42</v>
      </c>
      <c r="U1840" s="2">
        <v>3.1219999999999999</v>
      </c>
      <c r="V1840" s="2">
        <v>2.5979999999999999</v>
      </c>
      <c r="W1840" s="2">
        <v>1.7999999999999999E-2</v>
      </c>
      <c r="X1840" s="2">
        <v>139.1</v>
      </c>
      <c r="Y1840" s="2">
        <v>7.6</v>
      </c>
      <c r="Z1840" s="2">
        <v>16.7</v>
      </c>
      <c r="AA1840" s="5"/>
      <c r="AB1840" s="5" t="s">
        <v>43</v>
      </c>
      <c r="AC1840" s="5" t="s">
        <v>44</v>
      </c>
      <c r="AD1840" s="2"/>
      <c r="AE1840" s="1"/>
    </row>
    <row r="1841" spans="1:31" ht="14.45">
      <c r="A1841" s="11"/>
      <c r="B1841" s="20"/>
      <c r="C1841" s="2" t="s">
        <v>5944</v>
      </c>
      <c r="D1841" s="14" t="s">
        <v>5945</v>
      </c>
      <c r="E1841" s="2" t="s">
        <v>5946</v>
      </c>
      <c r="F1841" s="2" t="s">
        <v>1747</v>
      </c>
      <c r="G1841" s="8">
        <v>245</v>
      </c>
      <c r="H1841" s="5">
        <v>6</v>
      </c>
      <c r="I1841" s="5" t="s">
        <v>1518</v>
      </c>
      <c r="J1841" s="5" t="s">
        <v>1519</v>
      </c>
      <c r="K1841" s="2" t="s">
        <v>1520</v>
      </c>
      <c r="L1841" s="5" t="s">
        <v>1519</v>
      </c>
      <c r="M1841" s="2" t="s">
        <v>1520</v>
      </c>
      <c r="N1841" s="5" t="s">
        <v>1521</v>
      </c>
      <c r="O1841" s="5" t="s">
        <v>38</v>
      </c>
      <c r="P1841" s="5" t="s">
        <v>39</v>
      </c>
      <c r="Q1841" s="5" t="s">
        <v>40</v>
      </c>
      <c r="R1841" s="5" t="s">
        <v>1522</v>
      </c>
      <c r="S1841" s="5" t="s">
        <v>1523</v>
      </c>
      <c r="T1841" s="5" t="s">
        <v>42</v>
      </c>
      <c r="U1841" s="2">
        <v>3.1859999999999999</v>
      </c>
      <c r="V1841" s="2">
        <v>2.6619999999999999</v>
      </c>
      <c r="W1841" s="2">
        <v>1.7999999999999999E-2</v>
      </c>
      <c r="X1841" s="2">
        <v>139.1</v>
      </c>
      <c r="Y1841" s="2">
        <v>7.6</v>
      </c>
      <c r="Z1841" s="2">
        <v>16.7</v>
      </c>
      <c r="AA1841" s="5"/>
      <c r="AB1841" s="5" t="s">
        <v>43</v>
      </c>
      <c r="AC1841" s="5" t="s">
        <v>44</v>
      </c>
      <c r="AD1841" s="2"/>
      <c r="AE1841" s="1"/>
    </row>
    <row r="1842" spans="1:31" ht="14.45">
      <c r="A1842" s="11"/>
      <c r="B1842" s="20"/>
      <c r="C1842" s="2" t="s">
        <v>5947</v>
      </c>
      <c r="D1842" s="14" t="s">
        <v>5948</v>
      </c>
      <c r="E1842" s="2" t="s">
        <v>5949</v>
      </c>
      <c r="F1842" s="2" t="s">
        <v>1751</v>
      </c>
      <c r="G1842" s="8">
        <v>245</v>
      </c>
      <c r="H1842" s="5">
        <v>6</v>
      </c>
      <c r="I1842" s="5" t="s">
        <v>1518</v>
      </c>
      <c r="J1842" s="5" t="s">
        <v>1519</v>
      </c>
      <c r="K1842" s="2" t="s">
        <v>1520</v>
      </c>
      <c r="L1842" s="5" t="s">
        <v>1519</v>
      </c>
      <c r="M1842" s="2" t="s">
        <v>1520</v>
      </c>
      <c r="N1842" s="5" t="s">
        <v>1521</v>
      </c>
      <c r="O1842" s="5" t="s">
        <v>38</v>
      </c>
      <c r="P1842" s="5" t="s">
        <v>39</v>
      </c>
      <c r="Q1842" s="5" t="s">
        <v>40</v>
      </c>
      <c r="R1842" s="5" t="s">
        <v>1522</v>
      </c>
      <c r="S1842" s="5" t="s">
        <v>1523</v>
      </c>
      <c r="T1842" s="5" t="s">
        <v>42</v>
      </c>
      <c r="U1842" s="2">
        <v>3.1219999999999999</v>
      </c>
      <c r="V1842" s="2">
        <v>2.5979999999999999</v>
      </c>
      <c r="W1842" s="2">
        <v>1.7999999999999999E-2</v>
      </c>
      <c r="X1842" s="2">
        <v>139.1</v>
      </c>
      <c r="Y1842" s="2">
        <v>7.6</v>
      </c>
      <c r="Z1842" s="2">
        <v>16.7</v>
      </c>
      <c r="AA1842" s="5"/>
      <c r="AB1842" s="5" t="s">
        <v>43</v>
      </c>
      <c r="AC1842" s="5" t="s">
        <v>44</v>
      </c>
      <c r="AD1842" s="2"/>
      <c r="AE1842" s="1"/>
    </row>
    <row r="1843" spans="1:31" ht="14.45">
      <c r="A1843" s="11"/>
      <c r="B1843" s="20"/>
      <c r="C1843" s="2" t="s">
        <v>5950</v>
      </c>
      <c r="D1843" s="14" t="s">
        <v>5951</v>
      </c>
      <c r="E1843" s="2" t="s">
        <v>5952</v>
      </c>
      <c r="F1843" s="2" t="s">
        <v>1759</v>
      </c>
      <c r="G1843" s="8">
        <v>245</v>
      </c>
      <c r="H1843" s="5">
        <v>6</v>
      </c>
      <c r="I1843" s="5" t="s">
        <v>1518</v>
      </c>
      <c r="J1843" s="5" t="s">
        <v>1519</v>
      </c>
      <c r="K1843" s="2" t="s">
        <v>1520</v>
      </c>
      <c r="L1843" s="5" t="s">
        <v>1519</v>
      </c>
      <c r="M1843" s="2" t="s">
        <v>1520</v>
      </c>
      <c r="N1843" s="5" t="s">
        <v>1521</v>
      </c>
      <c r="O1843" s="5" t="s">
        <v>38</v>
      </c>
      <c r="P1843" s="5" t="s">
        <v>39</v>
      </c>
      <c r="Q1843" s="5" t="s">
        <v>40</v>
      </c>
      <c r="R1843" s="5" t="s">
        <v>1522</v>
      </c>
      <c r="S1843" s="5" t="s">
        <v>1523</v>
      </c>
      <c r="T1843" s="5" t="s">
        <v>42</v>
      </c>
      <c r="U1843" s="2">
        <v>3.1640000000000001</v>
      </c>
      <c r="V1843" s="2">
        <v>2.64</v>
      </c>
      <c r="W1843" s="2">
        <v>1.7999999999999999E-2</v>
      </c>
      <c r="X1843" s="2">
        <v>139.1</v>
      </c>
      <c r="Y1843" s="2">
        <v>7.6</v>
      </c>
      <c r="Z1843" s="2">
        <v>16.7</v>
      </c>
      <c r="AA1843" s="5"/>
      <c r="AB1843" s="5" t="s">
        <v>43</v>
      </c>
      <c r="AC1843" s="5" t="s">
        <v>44</v>
      </c>
      <c r="AD1843" s="2"/>
      <c r="AE1843" s="1"/>
    </row>
    <row r="1844" spans="1:31" ht="14.45">
      <c r="A1844" s="11"/>
      <c r="B1844" s="20"/>
      <c r="C1844" s="2" t="s">
        <v>5953</v>
      </c>
      <c r="D1844" s="14" t="s">
        <v>5954</v>
      </c>
      <c r="E1844" s="2" t="s">
        <v>5955</v>
      </c>
      <c r="F1844" s="2" t="s">
        <v>1763</v>
      </c>
      <c r="G1844" s="8">
        <v>245</v>
      </c>
      <c r="H1844" s="5">
        <v>6</v>
      </c>
      <c r="I1844" s="5" t="s">
        <v>1518</v>
      </c>
      <c r="J1844" s="5" t="s">
        <v>1519</v>
      </c>
      <c r="K1844" s="2" t="s">
        <v>1520</v>
      </c>
      <c r="L1844" s="5" t="s">
        <v>1519</v>
      </c>
      <c r="M1844" s="2" t="s">
        <v>1520</v>
      </c>
      <c r="N1844" s="5" t="s">
        <v>1521</v>
      </c>
      <c r="O1844" s="5" t="s">
        <v>38</v>
      </c>
      <c r="P1844" s="5" t="s">
        <v>39</v>
      </c>
      <c r="Q1844" s="5" t="s">
        <v>40</v>
      </c>
      <c r="R1844" s="5" t="s">
        <v>1522</v>
      </c>
      <c r="S1844" s="5" t="s">
        <v>1523</v>
      </c>
      <c r="T1844" s="5" t="s">
        <v>42</v>
      </c>
      <c r="U1844" s="2">
        <v>3.2280000000000002</v>
      </c>
      <c r="V1844" s="2">
        <v>2.7040000000000002</v>
      </c>
      <c r="W1844" s="2">
        <v>1.7999999999999999E-2</v>
      </c>
      <c r="X1844" s="2">
        <v>139.1</v>
      </c>
      <c r="Y1844" s="2">
        <v>7.6</v>
      </c>
      <c r="Z1844" s="2">
        <v>16.7</v>
      </c>
      <c r="AA1844" s="5"/>
      <c r="AB1844" s="5" t="s">
        <v>43</v>
      </c>
      <c r="AC1844" s="5" t="s">
        <v>44</v>
      </c>
      <c r="AD1844" s="2"/>
      <c r="AE1844" s="1"/>
    </row>
    <row r="1845" spans="1:31" ht="14.45">
      <c r="A1845" s="11"/>
      <c r="B1845" s="20"/>
      <c r="C1845" s="2" t="s">
        <v>5956</v>
      </c>
      <c r="D1845" s="14" t="s">
        <v>5957</v>
      </c>
      <c r="E1845" s="2" t="s">
        <v>5958</v>
      </c>
      <c r="F1845" s="2" t="s">
        <v>1767</v>
      </c>
      <c r="G1845" s="8">
        <v>245</v>
      </c>
      <c r="H1845" s="5">
        <v>6</v>
      </c>
      <c r="I1845" s="5" t="s">
        <v>1518</v>
      </c>
      <c r="J1845" s="5" t="s">
        <v>1519</v>
      </c>
      <c r="K1845" s="2" t="s">
        <v>1520</v>
      </c>
      <c r="L1845" s="5" t="s">
        <v>1519</v>
      </c>
      <c r="M1845" s="2" t="s">
        <v>1520</v>
      </c>
      <c r="N1845" s="5" t="s">
        <v>1521</v>
      </c>
      <c r="O1845" s="5" t="s">
        <v>38</v>
      </c>
      <c r="P1845" s="5" t="s">
        <v>39</v>
      </c>
      <c r="Q1845" s="5" t="s">
        <v>40</v>
      </c>
      <c r="R1845" s="5" t="s">
        <v>1522</v>
      </c>
      <c r="S1845" s="5" t="s">
        <v>1523</v>
      </c>
      <c r="T1845" s="5" t="s">
        <v>42</v>
      </c>
      <c r="U1845" s="2">
        <v>3.1640000000000001</v>
      </c>
      <c r="V1845" s="2">
        <v>2.64</v>
      </c>
      <c r="W1845" s="2">
        <v>1.7999999999999999E-2</v>
      </c>
      <c r="X1845" s="2">
        <v>139.1</v>
      </c>
      <c r="Y1845" s="2">
        <v>7.6</v>
      </c>
      <c r="Z1845" s="2">
        <v>16.7</v>
      </c>
      <c r="AA1845" s="5"/>
      <c r="AB1845" s="5" t="s">
        <v>43</v>
      </c>
      <c r="AC1845" s="5" t="s">
        <v>44</v>
      </c>
      <c r="AD1845" s="2"/>
      <c r="AE1845" s="1"/>
    </row>
    <row r="1846" spans="1:31" ht="14.45">
      <c r="A1846" s="11"/>
      <c r="B1846" s="20"/>
      <c r="C1846" s="2" t="s">
        <v>5959</v>
      </c>
      <c r="D1846" s="14" t="s">
        <v>5960</v>
      </c>
      <c r="E1846" s="2" t="s">
        <v>5961</v>
      </c>
      <c r="F1846" s="2" t="s">
        <v>1775</v>
      </c>
      <c r="G1846" s="8">
        <v>245</v>
      </c>
      <c r="H1846" s="5">
        <v>6</v>
      </c>
      <c r="I1846" s="5" t="s">
        <v>1518</v>
      </c>
      <c r="J1846" s="5" t="s">
        <v>1519</v>
      </c>
      <c r="K1846" s="2" t="s">
        <v>1520</v>
      </c>
      <c r="L1846" s="5" t="s">
        <v>1519</v>
      </c>
      <c r="M1846" s="2" t="s">
        <v>1520</v>
      </c>
      <c r="N1846" s="5" t="s">
        <v>1521</v>
      </c>
      <c r="O1846" s="5" t="s">
        <v>38</v>
      </c>
      <c r="P1846" s="5" t="s">
        <v>39</v>
      </c>
      <c r="Q1846" s="5" t="s">
        <v>40</v>
      </c>
      <c r="R1846" s="5" t="s">
        <v>1522</v>
      </c>
      <c r="S1846" s="5" t="s">
        <v>1523</v>
      </c>
      <c r="T1846" s="5" t="s">
        <v>42</v>
      </c>
      <c r="U1846" s="2">
        <v>3.1640000000000001</v>
      </c>
      <c r="V1846" s="2">
        <v>2.64</v>
      </c>
      <c r="W1846" s="2">
        <v>1.7999999999999999E-2</v>
      </c>
      <c r="X1846" s="2">
        <v>139.1</v>
      </c>
      <c r="Y1846" s="2">
        <v>7.6</v>
      </c>
      <c r="Z1846" s="2">
        <v>16.7</v>
      </c>
      <c r="AA1846" s="5"/>
      <c r="AB1846" s="5" t="s">
        <v>43</v>
      </c>
      <c r="AC1846" s="5" t="s">
        <v>44</v>
      </c>
      <c r="AD1846" s="2"/>
      <c r="AE1846" s="1"/>
    </row>
    <row r="1847" spans="1:31" ht="14.45">
      <c r="A1847" s="11"/>
      <c r="B1847" s="20"/>
      <c r="C1847" s="2" t="s">
        <v>5962</v>
      </c>
      <c r="D1847" s="14" t="s">
        <v>5963</v>
      </c>
      <c r="E1847" s="2" t="s">
        <v>5964</v>
      </c>
      <c r="F1847" s="2" t="s">
        <v>1779</v>
      </c>
      <c r="G1847" s="8">
        <v>245</v>
      </c>
      <c r="H1847" s="5">
        <v>6</v>
      </c>
      <c r="I1847" s="5" t="s">
        <v>1518</v>
      </c>
      <c r="J1847" s="5" t="s">
        <v>1519</v>
      </c>
      <c r="K1847" s="2" t="s">
        <v>1520</v>
      </c>
      <c r="L1847" s="5" t="s">
        <v>1519</v>
      </c>
      <c r="M1847" s="2" t="s">
        <v>1520</v>
      </c>
      <c r="N1847" s="5" t="s">
        <v>1521</v>
      </c>
      <c r="O1847" s="5" t="s">
        <v>38</v>
      </c>
      <c r="P1847" s="5" t="s">
        <v>39</v>
      </c>
      <c r="Q1847" s="5" t="s">
        <v>40</v>
      </c>
      <c r="R1847" s="5" t="s">
        <v>1522</v>
      </c>
      <c r="S1847" s="5" t="s">
        <v>1523</v>
      </c>
      <c r="T1847" s="5" t="s">
        <v>42</v>
      </c>
      <c r="U1847" s="2">
        <v>3.2280000000000002</v>
      </c>
      <c r="V1847" s="2">
        <v>2.7040000000000002</v>
      </c>
      <c r="W1847" s="2">
        <v>1.7999999999999999E-2</v>
      </c>
      <c r="X1847" s="2">
        <v>139.1</v>
      </c>
      <c r="Y1847" s="2">
        <v>7.6</v>
      </c>
      <c r="Z1847" s="2">
        <v>16.7</v>
      </c>
      <c r="AA1847" s="5"/>
      <c r="AB1847" s="5" t="s">
        <v>43</v>
      </c>
      <c r="AC1847" s="5" t="s">
        <v>44</v>
      </c>
      <c r="AD1847" s="2"/>
      <c r="AE1847" s="1"/>
    </row>
    <row r="1848" spans="1:31" ht="14.45">
      <c r="A1848" s="11"/>
      <c r="B1848" s="20"/>
      <c r="C1848" s="2" t="s">
        <v>5965</v>
      </c>
      <c r="D1848" s="14" t="s">
        <v>5966</v>
      </c>
      <c r="E1848" s="2" t="s">
        <v>5967</v>
      </c>
      <c r="F1848" s="2" t="s">
        <v>1783</v>
      </c>
      <c r="G1848" s="8">
        <v>245</v>
      </c>
      <c r="H1848" s="5">
        <v>6</v>
      </c>
      <c r="I1848" s="5" t="s">
        <v>1518</v>
      </c>
      <c r="J1848" s="5" t="s">
        <v>1519</v>
      </c>
      <c r="K1848" s="2" t="s">
        <v>1520</v>
      </c>
      <c r="L1848" s="5" t="s">
        <v>1519</v>
      </c>
      <c r="M1848" s="2" t="s">
        <v>1520</v>
      </c>
      <c r="N1848" s="5" t="s">
        <v>1521</v>
      </c>
      <c r="O1848" s="5" t="s">
        <v>38</v>
      </c>
      <c r="P1848" s="5" t="s">
        <v>39</v>
      </c>
      <c r="Q1848" s="5" t="s">
        <v>40</v>
      </c>
      <c r="R1848" s="5" t="s">
        <v>1522</v>
      </c>
      <c r="S1848" s="5" t="s">
        <v>1523</v>
      </c>
      <c r="T1848" s="5" t="s">
        <v>42</v>
      </c>
      <c r="U1848" s="2">
        <v>3.1219999999999999</v>
      </c>
      <c r="V1848" s="2">
        <v>2.5979999999999999</v>
      </c>
      <c r="W1848" s="2">
        <v>1.7999999999999999E-2</v>
      </c>
      <c r="X1848" s="2">
        <v>139.1</v>
      </c>
      <c r="Y1848" s="2">
        <v>7.6</v>
      </c>
      <c r="Z1848" s="2">
        <v>16.7</v>
      </c>
      <c r="AA1848" s="5"/>
      <c r="AB1848" s="5" t="s">
        <v>43</v>
      </c>
      <c r="AC1848" s="5" t="s">
        <v>44</v>
      </c>
      <c r="AD1848" s="2"/>
      <c r="AE1848" s="1"/>
    </row>
    <row r="1849" spans="1:31" ht="14.45">
      <c r="A1849" s="11"/>
      <c r="B1849" s="20"/>
      <c r="C1849" s="2" t="s">
        <v>5968</v>
      </c>
      <c r="D1849" s="14" t="s">
        <v>5969</v>
      </c>
      <c r="E1849" s="2" t="s">
        <v>5970</v>
      </c>
      <c r="F1849" s="2" t="s">
        <v>1791</v>
      </c>
      <c r="G1849" s="8">
        <v>245</v>
      </c>
      <c r="H1849" s="5">
        <v>6</v>
      </c>
      <c r="I1849" s="5" t="s">
        <v>1518</v>
      </c>
      <c r="J1849" s="5" t="s">
        <v>1519</v>
      </c>
      <c r="K1849" s="2" t="s">
        <v>1520</v>
      </c>
      <c r="L1849" s="5" t="s">
        <v>1519</v>
      </c>
      <c r="M1849" s="2" t="s">
        <v>1520</v>
      </c>
      <c r="N1849" s="5" t="s">
        <v>1521</v>
      </c>
      <c r="O1849" s="5" t="s">
        <v>38</v>
      </c>
      <c r="P1849" s="5" t="s">
        <v>39</v>
      </c>
      <c r="Q1849" s="5" t="s">
        <v>40</v>
      </c>
      <c r="R1849" s="5" t="s">
        <v>1522</v>
      </c>
      <c r="S1849" s="5" t="s">
        <v>1523</v>
      </c>
      <c r="T1849" s="5" t="s">
        <v>42</v>
      </c>
      <c r="U1849" s="2">
        <v>3.1640000000000001</v>
      </c>
      <c r="V1849" s="2">
        <v>2.64</v>
      </c>
      <c r="W1849" s="2">
        <v>1.7999999999999999E-2</v>
      </c>
      <c r="X1849" s="2">
        <v>139.1</v>
      </c>
      <c r="Y1849" s="2">
        <v>7.6</v>
      </c>
      <c r="Z1849" s="2">
        <v>16.7</v>
      </c>
      <c r="AA1849" s="5"/>
      <c r="AB1849" s="5" t="s">
        <v>43</v>
      </c>
      <c r="AC1849" s="5" t="s">
        <v>44</v>
      </c>
      <c r="AD1849" s="2"/>
      <c r="AE1849" s="1"/>
    </row>
    <row r="1850" spans="1:31" ht="14.45">
      <c r="A1850" s="11"/>
      <c r="B1850" s="20"/>
      <c r="C1850" s="2" t="s">
        <v>5971</v>
      </c>
      <c r="D1850" s="14" t="s">
        <v>5972</v>
      </c>
      <c r="E1850" s="2" t="s">
        <v>5973</v>
      </c>
      <c r="F1850" s="2" t="s">
        <v>1795</v>
      </c>
      <c r="G1850" s="8">
        <v>245</v>
      </c>
      <c r="H1850" s="5">
        <v>6</v>
      </c>
      <c r="I1850" s="5" t="s">
        <v>1518</v>
      </c>
      <c r="J1850" s="5" t="s">
        <v>1519</v>
      </c>
      <c r="K1850" s="2" t="s">
        <v>1520</v>
      </c>
      <c r="L1850" s="5" t="s">
        <v>1519</v>
      </c>
      <c r="M1850" s="2" t="s">
        <v>1520</v>
      </c>
      <c r="N1850" s="5" t="s">
        <v>1521</v>
      </c>
      <c r="O1850" s="5" t="s">
        <v>38</v>
      </c>
      <c r="P1850" s="5" t="s">
        <v>39</v>
      </c>
      <c r="Q1850" s="5" t="s">
        <v>40</v>
      </c>
      <c r="R1850" s="5" t="s">
        <v>1522</v>
      </c>
      <c r="S1850" s="5" t="s">
        <v>1523</v>
      </c>
      <c r="T1850" s="5" t="s">
        <v>42</v>
      </c>
      <c r="U1850" s="2">
        <v>3.2280000000000002</v>
      </c>
      <c r="V1850" s="2">
        <v>2.7040000000000002</v>
      </c>
      <c r="W1850" s="2">
        <v>1.7999999999999999E-2</v>
      </c>
      <c r="X1850" s="2">
        <v>139.1</v>
      </c>
      <c r="Y1850" s="2">
        <v>7.6</v>
      </c>
      <c r="Z1850" s="2">
        <v>16.7</v>
      </c>
      <c r="AA1850" s="5"/>
      <c r="AB1850" s="5" t="s">
        <v>43</v>
      </c>
      <c r="AC1850" s="5" t="s">
        <v>44</v>
      </c>
      <c r="AD1850" s="2"/>
      <c r="AE1850" s="1"/>
    </row>
    <row r="1851" spans="1:31" ht="14.45">
      <c r="A1851" s="11"/>
      <c r="B1851" s="20"/>
      <c r="C1851" s="2" t="s">
        <v>5974</v>
      </c>
      <c r="D1851" s="14" t="s">
        <v>5975</v>
      </c>
      <c r="E1851" s="2" t="s">
        <v>5976</v>
      </c>
      <c r="F1851" s="2" t="s">
        <v>1799</v>
      </c>
      <c r="G1851" s="8">
        <v>245</v>
      </c>
      <c r="H1851" s="5">
        <v>6</v>
      </c>
      <c r="I1851" s="5" t="s">
        <v>1518</v>
      </c>
      <c r="J1851" s="5" t="s">
        <v>1519</v>
      </c>
      <c r="K1851" s="2" t="s">
        <v>1520</v>
      </c>
      <c r="L1851" s="5" t="s">
        <v>1519</v>
      </c>
      <c r="M1851" s="2" t="s">
        <v>1520</v>
      </c>
      <c r="N1851" s="5" t="s">
        <v>1521</v>
      </c>
      <c r="O1851" s="5" t="s">
        <v>38</v>
      </c>
      <c r="P1851" s="5" t="s">
        <v>39</v>
      </c>
      <c r="Q1851" s="5" t="s">
        <v>40</v>
      </c>
      <c r="R1851" s="5" t="s">
        <v>1522</v>
      </c>
      <c r="S1851" s="5" t="s">
        <v>1523</v>
      </c>
      <c r="T1851" s="5" t="s">
        <v>42</v>
      </c>
      <c r="U1851" s="2">
        <v>3.1640000000000001</v>
      </c>
      <c r="V1851" s="2">
        <v>2.64</v>
      </c>
      <c r="W1851" s="2">
        <v>1.7999999999999999E-2</v>
      </c>
      <c r="X1851" s="2">
        <v>139.1</v>
      </c>
      <c r="Y1851" s="2">
        <v>7.6</v>
      </c>
      <c r="Z1851" s="2">
        <v>16.7</v>
      </c>
      <c r="AA1851" s="5"/>
      <c r="AB1851" s="5" t="s">
        <v>43</v>
      </c>
      <c r="AC1851" s="5" t="s">
        <v>44</v>
      </c>
      <c r="AD1851" s="2"/>
      <c r="AE1851" s="1"/>
    </row>
    <row r="1852" spans="1:31" ht="14.45">
      <c r="A1852" s="11"/>
      <c r="B1852" s="20"/>
      <c r="C1852" s="2" t="s">
        <v>5977</v>
      </c>
      <c r="D1852" s="14" t="s">
        <v>5978</v>
      </c>
      <c r="E1852" s="2" t="s">
        <v>5979</v>
      </c>
      <c r="F1852" s="2" t="s">
        <v>1803</v>
      </c>
      <c r="G1852" s="8">
        <v>245</v>
      </c>
      <c r="H1852" s="5">
        <v>6</v>
      </c>
      <c r="I1852" s="5" t="s">
        <v>1518</v>
      </c>
      <c r="J1852" s="5" t="s">
        <v>1519</v>
      </c>
      <c r="K1852" s="2" t="s">
        <v>1520</v>
      </c>
      <c r="L1852" s="5" t="s">
        <v>1519</v>
      </c>
      <c r="M1852" s="2" t="s">
        <v>1520</v>
      </c>
      <c r="N1852" s="5" t="s">
        <v>1521</v>
      </c>
      <c r="O1852" s="5" t="s">
        <v>38</v>
      </c>
      <c r="P1852" s="5" t="s">
        <v>39</v>
      </c>
      <c r="Q1852" s="5" t="s">
        <v>40</v>
      </c>
      <c r="R1852" s="5" t="s">
        <v>1522</v>
      </c>
      <c r="S1852" s="5" t="s">
        <v>1523</v>
      </c>
      <c r="T1852" s="5" t="s">
        <v>42</v>
      </c>
      <c r="U1852" s="2">
        <v>3.2280000000000002</v>
      </c>
      <c r="V1852" s="2">
        <v>2.7040000000000002</v>
      </c>
      <c r="W1852" s="2">
        <v>1.7999999999999999E-2</v>
      </c>
      <c r="X1852" s="2">
        <v>139.1</v>
      </c>
      <c r="Y1852" s="2">
        <v>7.6</v>
      </c>
      <c r="Z1852" s="2">
        <v>16.7</v>
      </c>
      <c r="AA1852" s="5"/>
      <c r="AB1852" s="5" t="s">
        <v>43</v>
      </c>
      <c r="AC1852" s="5" t="s">
        <v>44</v>
      </c>
      <c r="AD1852" s="2"/>
      <c r="AE1852" s="1"/>
    </row>
    <row r="1853" spans="1:31" ht="14.45">
      <c r="A1853" s="11"/>
      <c r="B1853" s="20"/>
      <c r="C1853" s="2" t="s">
        <v>5980</v>
      </c>
      <c r="D1853" s="14" t="s">
        <v>5981</v>
      </c>
      <c r="E1853" s="2" t="s">
        <v>5982</v>
      </c>
      <c r="F1853" s="2" t="s">
        <v>1807</v>
      </c>
      <c r="G1853" s="8">
        <v>245</v>
      </c>
      <c r="H1853" s="5">
        <v>6</v>
      </c>
      <c r="I1853" s="5" t="s">
        <v>1518</v>
      </c>
      <c r="J1853" s="5" t="s">
        <v>1519</v>
      </c>
      <c r="K1853" s="2" t="s">
        <v>1520</v>
      </c>
      <c r="L1853" s="5" t="s">
        <v>1519</v>
      </c>
      <c r="M1853" s="2" t="s">
        <v>1520</v>
      </c>
      <c r="N1853" s="5" t="s">
        <v>1521</v>
      </c>
      <c r="O1853" s="5" t="s">
        <v>38</v>
      </c>
      <c r="P1853" s="5" t="s">
        <v>39</v>
      </c>
      <c r="Q1853" s="5" t="s">
        <v>40</v>
      </c>
      <c r="R1853" s="5" t="s">
        <v>1522</v>
      </c>
      <c r="S1853" s="5" t="s">
        <v>1523</v>
      </c>
      <c r="T1853" s="5" t="s">
        <v>42</v>
      </c>
      <c r="U1853" s="2">
        <v>3.1640000000000001</v>
      </c>
      <c r="V1853" s="2">
        <v>2.64</v>
      </c>
      <c r="W1853" s="2">
        <v>1.7999999999999999E-2</v>
      </c>
      <c r="X1853" s="2">
        <v>139.1</v>
      </c>
      <c r="Y1853" s="2">
        <v>7.6</v>
      </c>
      <c r="Z1853" s="2">
        <v>16.7</v>
      </c>
      <c r="AA1853" s="5"/>
      <c r="AB1853" s="5" t="s">
        <v>43</v>
      </c>
      <c r="AC1853" s="5" t="s">
        <v>44</v>
      </c>
      <c r="AD1853" s="2"/>
      <c r="AE1853" s="1"/>
    </row>
    <row r="1854" spans="1:31" ht="14.45">
      <c r="A1854" s="11"/>
      <c r="B1854" s="20"/>
      <c r="C1854" s="2" t="s">
        <v>5983</v>
      </c>
      <c r="D1854" s="14" t="s">
        <v>5984</v>
      </c>
      <c r="E1854" s="2" t="s">
        <v>5985</v>
      </c>
      <c r="F1854" s="2" t="s">
        <v>1811</v>
      </c>
      <c r="G1854" s="8">
        <v>245</v>
      </c>
      <c r="H1854" s="5">
        <v>6</v>
      </c>
      <c r="I1854" s="5" t="s">
        <v>1518</v>
      </c>
      <c r="J1854" s="5" t="s">
        <v>1519</v>
      </c>
      <c r="K1854" s="2" t="s">
        <v>1520</v>
      </c>
      <c r="L1854" s="5" t="s">
        <v>1519</v>
      </c>
      <c r="M1854" s="2" t="s">
        <v>1520</v>
      </c>
      <c r="N1854" s="5" t="s">
        <v>1521</v>
      </c>
      <c r="O1854" s="5" t="s">
        <v>38</v>
      </c>
      <c r="P1854" s="5" t="s">
        <v>39</v>
      </c>
      <c r="Q1854" s="5" t="s">
        <v>40</v>
      </c>
      <c r="R1854" s="5" t="s">
        <v>1522</v>
      </c>
      <c r="S1854" s="5" t="s">
        <v>1523</v>
      </c>
      <c r="T1854" s="5" t="s">
        <v>42</v>
      </c>
      <c r="U1854" s="2">
        <v>3.2280000000000002</v>
      </c>
      <c r="V1854" s="2">
        <v>2.7040000000000002</v>
      </c>
      <c r="W1854" s="2">
        <v>1.7999999999999999E-2</v>
      </c>
      <c r="X1854" s="2">
        <v>139.1</v>
      </c>
      <c r="Y1854" s="2">
        <v>7.6</v>
      </c>
      <c r="Z1854" s="2">
        <v>16.7</v>
      </c>
      <c r="AA1854" s="5"/>
      <c r="AB1854" s="5" t="s">
        <v>43</v>
      </c>
      <c r="AC1854" s="5" t="s">
        <v>44</v>
      </c>
      <c r="AD1854" s="2"/>
      <c r="AE1854" s="1"/>
    </row>
    <row r="1855" spans="1:31" ht="14.45">
      <c r="A1855" s="11"/>
      <c r="B1855" s="20"/>
      <c r="C1855" s="2" t="s">
        <v>5986</v>
      </c>
      <c r="D1855" s="14" t="s">
        <v>5987</v>
      </c>
      <c r="E1855" s="2" t="s">
        <v>5988</v>
      </c>
      <c r="F1855" s="2" t="s">
        <v>1815</v>
      </c>
      <c r="G1855" s="8">
        <v>245</v>
      </c>
      <c r="H1855" s="5">
        <v>6</v>
      </c>
      <c r="I1855" s="5" t="s">
        <v>1518</v>
      </c>
      <c r="J1855" s="5" t="s">
        <v>1519</v>
      </c>
      <c r="K1855" s="2" t="s">
        <v>1520</v>
      </c>
      <c r="L1855" s="5" t="s">
        <v>1519</v>
      </c>
      <c r="M1855" s="2" t="s">
        <v>1520</v>
      </c>
      <c r="N1855" s="5" t="s">
        <v>1521</v>
      </c>
      <c r="O1855" s="5" t="s">
        <v>38</v>
      </c>
      <c r="P1855" s="5" t="s">
        <v>39</v>
      </c>
      <c r="Q1855" s="5" t="s">
        <v>40</v>
      </c>
      <c r="R1855" s="5" t="s">
        <v>1522</v>
      </c>
      <c r="S1855" s="5" t="s">
        <v>1523</v>
      </c>
      <c r="T1855" s="5" t="s">
        <v>42</v>
      </c>
      <c r="U1855" s="2">
        <v>3.1219999999999999</v>
      </c>
      <c r="V1855" s="2">
        <v>2.5979999999999999</v>
      </c>
      <c r="W1855" s="2">
        <v>1.7999999999999999E-2</v>
      </c>
      <c r="X1855" s="2">
        <v>139.1</v>
      </c>
      <c r="Y1855" s="2">
        <v>7.6</v>
      </c>
      <c r="Z1855" s="2">
        <v>16.7</v>
      </c>
      <c r="AA1855" s="5"/>
      <c r="AB1855" s="5" t="s">
        <v>43</v>
      </c>
      <c r="AC1855" s="5" t="s">
        <v>44</v>
      </c>
      <c r="AD1855" s="2"/>
      <c r="AE1855" s="1"/>
    </row>
    <row r="1856" spans="1:31" ht="14.45">
      <c r="A1856" s="11"/>
      <c r="B1856" s="20"/>
      <c r="C1856" s="2" t="s">
        <v>5989</v>
      </c>
      <c r="D1856" s="14" t="s">
        <v>5990</v>
      </c>
      <c r="E1856" s="2" t="s">
        <v>5991</v>
      </c>
      <c r="F1856" s="2" t="s">
        <v>1819</v>
      </c>
      <c r="G1856" s="8">
        <v>245</v>
      </c>
      <c r="H1856" s="5">
        <v>6</v>
      </c>
      <c r="I1856" s="5" t="s">
        <v>1518</v>
      </c>
      <c r="J1856" s="5" t="s">
        <v>1519</v>
      </c>
      <c r="K1856" s="2" t="s">
        <v>1520</v>
      </c>
      <c r="L1856" s="5" t="s">
        <v>1519</v>
      </c>
      <c r="M1856" s="2" t="s">
        <v>1520</v>
      </c>
      <c r="N1856" s="5" t="s">
        <v>1521</v>
      </c>
      <c r="O1856" s="5" t="s">
        <v>38</v>
      </c>
      <c r="P1856" s="5" t="s">
        <v>39</v>
      </c>
      <c r="Q1856" s="5" t="s">
        <v>40</v>
      </c>
      <c r="R1856" s="5" t="s">
        <v>1522</v>
      </c>
      <c r="S1856" s="5" t="s">
        <v>1523</v>
      </c>
      <c r="T1856" s="5" t="s">
        <v>42</v>
      </c>
      <c r="U1856" s="2">
        <v>3.1859999999999999</v>
      </c>
      <c r="V1856" s="2">
        <v>2.6619999999999999</v>
      </c>
      <c r="W1856" s="2">
        <v>1.7999999999999999E-2</v>
      </c>
      <c r="X1856" s="2">
        <v>139.1</v>
      </c>
      <c r="Y1856" s="2">
        <v>7.6</v>
      </c>
      <c r="Z1856" s="2">
        <v>16.7</v>
      </c>
      <c r="AA1856" s="5"/>
      <c r="AB1856" s="5" t="s">
        <v>43</v>
      </c>
      <c r="AC1856" s="5" t="s">
        <v>44</v>
      </c>
      <c r="AD1856" s="2"/>
      <c r="AE1856" s="1"/>
    </row>
    <row r="1857" spans="1:31" ht="14.45">
      <c r="A1857" s="11"/>
      <c r="B1857" s="20"/>
      <c r="C1857" s="2" t="s">
        <v>5992</v>
      </c>
      <c r="D1857" s="14" t="s">
        <v>5993</v>
      </c>
      <c r="E1857" s="2" t="s">
        <v>5994</v>
      </c>
      <c r="F1857" s="2" t="s">
        <v>1823</v>
      </c>
      <c r="G1857" s="8">
        <v>245</v>
      </c>
      <c r="H1857" s="5">
        <v>18</v>
      </c>
      <c r="I1857" s="5" t="s">
        <v>1518</v>
      </c>
      <c r="J1857" s="5" t="s">
        <v>1519</v>
      </c>
      <c r="K1857" s="2" t="s">
        <v>1520</v>
      </c>
      <c r="L1857" s="5" t="s">
        <v>1519</v>
      </c>
      <c r="M1857" s="2" t="s">
        <v>1520</v>
      </c>
      <c r="N1857" s="5" t="s">
        <v>1521</v>
      </c>
      <c r="O1857" s="5" t="s">
        <v>38</v>
      </c>
      <c r="P1857" s="5" t="s">
        <v>39</v>
      </c>
      <c r="Q1857" s="5" t="s">
        <v>40</v>
      </c>
      <c r="R1857" s="5" t="s">
        <v>1522</v>
      </c>
      <c r="S1857" s="5" t="s">
        <v>1523</v>
      </c>
      <c r="T1857" s="5" t="s">
        <v>42</v>
      </c>
      <c r="U1857" s="2">
        <v>3.194</v>
      </c>
      <c r="V1857" s="2">
        <v>2.67</v>
      </c>
      <c r="W1857" s="2">
        <v>1.7999999999999999E-2</v>
      </c>
      <c r="X1857" s="2">
        <v>139.1</v>
      </c>
      <c r="Y1857" s="2">
        <v>7.6</v>
      </c>
      <c r="Z1857" s="2">
        <v>16.7</v>
      </c>
      <c r="AA1857" s="5"/>
      <c r="AB1857" s="5" t="s">
        <v>43</v>
      </c>
      <c r="AC1857" s="5" t="s">
        <v>44</v>
      </c>
      <c r="AD1857" s="2"/>
      <c r="AE1857" s="1"/>
    </row>
    <row r="1858" spans="1:31" ht="14.45">
      <c r="A1858" s="11"/>
      <c r="B1858" s="20"/>
      <c r="C1858" s="2" t="s">
        <v>5995</v>
      </c>
      <c r="D1858" s="14" t="s">
        <v>5996</v>
      </c>
      <c r="E1858" s="2" t="s">
        <v>5997</v>
      </c>
      <c r="F1858" s="2" t="s">
        <v>1827</v>
      </c>
      <c r="G1858" s="8">
        <v>245</v>
      </c>
      <c r="H1858" s="5">
        <v>18</v>
      </c>
      <c r="I1858" s="5" t="s">
        <v>1518</v>
      </c>
      <c r="J1858" s="5" t="s">
        <v>1519</v>
      </c>
      <c r="K1858" s="2" t="s">
        <v>1520</v>
      </c>
      <c r="L1858" s="5" t="s">
        <v>1519</v>
      </c>
      <c r="M1858" s="2" t="s">
        <v>1520</v>
      </c>
      <c r="N1858" s="5" t="s">
        <v>1521</v>
      </c>
      <c r="O1858" s="5" t="s">
        <v>38</v>
      </c>
      <c r="P1858" s="5" t="s">
        <v>39</v>
      </c>
      <c r="Q1858" s="5" t="s">
        <v>40</v>
      </c>
      <c r="R1858" s="5" t="s">
        <v>1522</v>
      </c>
      <c r="S1858" s="5" t="s">
        <v>1523</v>
      </c>
      <c r="T1858" s="5" t="s">
        <v>42</v>
      </c>
      <c r="U1858" s="2">
        <v>3.258</v>
      </c>
      <c r="V1858" s="2">
        <v>2.734</v>
      </c>
      <c r="W1858" s="2">
        <v>1.7999999999999999E-2</v>
      </c>
      <c r="X1858" s="2">
        <v>139.1</v>
      </c>
      <c r="Y1858" s="2">
        <v>7.6</v>
      </c>
      <c r="Z1858" s="2">
        <v>16.7</v>
      </c>
      <c r="AA1858" s="5"/>
      <c r="AB1858" s="5" t="s">
        <v>43</v>
      </c>
      <c r="AC1858" s="5" t="s">
        <v>44</v>
      </c>
      <c r="AD1858" s="2"/>
      <c r="AE1858" s="1"/>
    </row>
    <row r="1859" spans="1:31" ht="14.45">
      <c r="A1859" s="11"/>
      <c r="B1859" s="20"/>
      <c r="C1859" s="2" t="s">
        <v>5998</v>
      </c>
      <c r="D1859" s="14" t="s">
        <v>5999</v>
      </c>
      <c r="E1859" s="2" t="s">
        <v>6000</v>
      </c>
      <c r="F1859" s="2" t="s">
        <v>2208</v>
      </c>
      <c r="G1859" s="8">
        <v>245</v>
      </c>
      <c r="H1859" s="5">
        <v>18</v>
      </c>
      <c r="I1859" s="5" t="s">
        <v>1518</v>
      </c>
      <c r="J1859" s="5" t="s">
        <v>1519</v>
      </c>
      <c r="K1859" s="2" t="s">
        <v>1520</v>
      </c>
      <c r="L1859" s="5" t="s">
        <v>1519</v>
      </c>
      <c r="M1859" s="2" t="s">
        <v>1520</v>
      </c>
      <c r="N1859" s="5" t="s">
        <v>1521</v>
      </c>
      <c r="O1859" s="5" t="s">
        <v>38</v>
      </c>
      <c r="P1859" s="5" t="s">
        <v>39</v>
      </c>
      <c r="Q1859" s="5" t="s">
        <v>40</v>
      </c>
      <c r="R1859" s="5" t="s">
        <v>1522</v>
      </c>
      <c r="S1859" s="5" t="s">
        <v>1523</v>
      </c>
      <c r="T1859" s="5" t="s">
        <v>42</v>
      </c>
      <c r="U1859" s="2">
        <v>3.218</v>
      </c>
      <c r="V1859" s="2">
        <v>2.694</v>
      </c>
      <c r="W1859" s="2">
        <v>1.7999999999999999E-2</v>
      </c>
      <c r="X1859" s="2">
        <v>139.1</v>
      </c>
      <c r="Y1859" s="2">
        <v>7.6</v>
      </c>
      <c r="Z1859" s="2">
        <v>16.7</v>
      </c>
      <c r="AA1859" s="5"/>
      <c r="AB1859" s="5" t="s">
        <v>43</v>
      </c>
      <c r="AC1859" s="5" t="s">
        <v>44</v>
      </c>
      <c r="AD1859" s="2"/>
      <c r="AE1859" s="1"/>
    </row>
    <row r="1860" spans="1:31" ht="14.45">
      <c r="A1860" s="11"/>
      <c r="B1860" s="20"/>
      <c r="C1860" s="2" t="s">
        <v>6001</v>
      </c>
      <c r="D1860" s="14" t="s">
        <v>6002</v>
      </c>
      <c r="E1860" s="2" t="s">
        <v>6003</v>
      </c>
      <c r="F1860" s="2" t="s">
        <v>1843</v>
      </c>
      <c r="G1860" s="8">
        <v>245</v>
      </c>
      <c r="H1860" s="5">
        <v>18</v>
      </c>
      <c r="I1860" s="5" t="s">
        <v>1518</v>
      </c>
      <c r="J1860" s="5" t="s">
        <v>1519</v>
      </c>
      <c r="K1860" s="2" t="s">
        <v>1520</v>
      </c>
      <c r="L1860" s="5" t="s">
        <v>1519</v>
      </c>
      <c r="M1860" s="2" t="s">
        <v>1520</v>
      </c>
      <c r="N1860" s="5" t="s">
        <v>1521</v>
      </c>
      <c r="O1860" s="5" t="s">
        <v>38</v>
      </c>
      <c r="P1860" s="5" t="s">
        <v>39</v>
      </c>
      <c r="Q1860" s="5" t="s">
        <v>40</v>
      </c>
      <c r="R1860" s="5" t="s">
        <v>1522</v>
      </c>
      <c r="S1860" s="5" t="s">
        <v>1523</v>
      </c>
      <c r="T1860" s="5" t="s">
        <v>42</v>
      </c>
      <c r="U1860" s="2">
        <v>3.218</v>
      </c>
      <c r="V1860" s="2">
        <v>2.694</v>
      </c>
      <c r="W1860" s="2">
        <v>1.7999999999999999E-2</v>
      </c>
      <c r="X1860" s="2">
        <v>139.1</v>
      </c>
      <c r="Y1860" s="2">
        <v>7.6</v>
      </c>
      <c r="Z1860" s="2">
        <v>16.7</v>
      </c>
      <c r="AA1860" s="5"/>
      <c r="AB1860" s="5" t="s">
        <v>43</v>
      </c>
      <c r="AC1860" s="5" t="s">
        <v>44</v>
      </c>
      <c r="AD1860" s="2"/>
      <c r="AE1860" s="1"/>
    </row>
    <row r="1861" spans="1:31" ht="14.45">
      <c r="A1861" s="11"/>
      <c r="B1861" s="20"/>
      <c r="C1861" s="2" t="s">
        <v>6004</v>
      </c>
      <c r="D1861" s="14" t="s">
        <v>6005</v>
      </c>
      <c r="E1861" s="2" t="s">
        <v>6006</v>
      </c>
      <c r="F1861" s="2" t="s">
        <v>1863</v>
      </c>
      <c r="G1861" s="8">
        <v>245</v>
      </c>
      <c r="H1861" s="5">
        <v>21</v>
      </c>
      <c r="I1861" s="5" t="s">
        <v>1518</v>
      </c>
      <c r="J1861" s="5" t="s">
        <v>1519</v>
      </c>
      <c r="K1861" s="2" t="s">
        <v>1520</v>
      </c>
      <c r="L1861" s="5" t="s">
        <v>1519</v>
      </c>
      <c r="M1861" s="2" t="s">
        <v>1520</v>
      </c>
      <c r="N1861" s="5" t="s">
        <v>1521</v>
      </c>
      <c r="O1861" s="5" t="s">
        <v>38</v>
      </c>
      <c r="P1861" s="5" t="s">
        <v>39</v>
      </c>
      <c r="Q1861" s="5" t="s">
        <v>40</v>
      </c>
      <c r="R1861" s="5" t="s">
        <v>1522</v>
      </c>
      <c r="S1861" s="5" t="s">
        <v>1523</v>
      </c>
      <c r="T1861" s="5" t="s">
        <v>42</v>
      </c>
      <c r="U1861" s="2">
        <v>3.13</v>
      </c>
      <c r="V1861" s="2">
        <v>2.6059999999999999</v>
      </c>
      <c r="W1861" s="2">
        <v>1.7999999999999999E-2</v>
      </c>
      <c r="X1861" s="2">
        <v>139.1</v>
      </c>
      <c r="Y1861" s="2">
        <v>7.6</v>
      </c>
      <c r="Z1861" s="2">
        <v>16.7</v>
      </c>
      <c r="AA1861" s="5"/>
      <c r="AB1861" s="5" t="s">
        <v>43</v>
      </c>
      <c r="AC1861" s="5" t="s">
        <v>44</v>
      </c>
      <c r="AD1861" s="2"/>
      <c r="AE1861" s="1"/>
    </row>
    <row r="1862" spans="1:31" ht="14.45">
      <c r="A1862" s="11"/>
      <c r="B1862" s="20"/>
      <c r="C1862" s="2" t="s">
        <v>6007</v>
      </c>
      <c r="D1862" s="14" t="s">
        <v>6008</v>
      </c>
      <c r="E1862" s="2" t="s">
        <v>6009</v>
      </c>
      <c r="F1862" s="2" t="s">
        <v>1867</v>
      </c>
      <c r="G1862" s="8">
        <v>245</v>
      </c>
      <c r="H1862" s="5">
        <v>21</v>
      </c>
      <c r="I1862" s="5" t="s">
        <v>1518</v>
      </c>
      <c r="J1862" s="5" t="s">
        <v>1519</v>
      </c>
      <c r="K1862" s="2" t="s">
        <v>1520</v>
      </c>
      <c r="L1862" s="5" t="s">
        <v>1519</v>
      </c>
      <c r="M1862" s="2" t="s">
        <v>1520</v>
      </c>
      <c r="N1862" s="5" t="s">
        <v>1521</v>
      </c>
      <c r="O1862" s="5" t="s">
        <v>38</v>
      </c>
      <c r="P1862" s="5" t="s">
        <v>39</v>
      </c>
      <c r="Q1862" s="5" t="s">
        <v>40</v>
      </c>
      <c r="R1862" s="5" t="s">
        <v>1522</v>
      </c>
      <c r="S1862" s="5" t="s">
        <v>1523</v>
      </c>
      <c r="T1862" s="5" t="s">
        <v>42</v>
      </c>
      <c r="U1862" s="2">
        <v>3.194</v>
      </c>
      <c r="V1862" s="2">
        <v>2.67</v>
      </c>
      <c r="W1862" s="2">
        <v>1.7999999999999999E-2</v>
      </c>
      <c r="X1862" s="2">
        <v>139.1</v>
      </c>
      <c r="Y1862" s="2">
        <v>7.6</v>
      </c>
      <c r="Z1862" s="2">
        <v>16.7</v>
      </c>
      <c r="AA1862" s="5"/>
      <c r="AB1862" s="5" t="s">
        <v>43</v>
      </c>
      <c r="AC1862" s="5" t="s">
        <v>44</v>
      </c>
      <c r="AD1862" s="2"/>
      <c r="AE1862" s="1"/>
    </row>
    <row r="1863" spans="1:31" ht="14.45">
      <c r="A1863" s="11"/>
      <c r="B1863" s="20"/>
      <c r="C1863" s="2" t="s">
        <v>6010</v>
      </c>
      <c r="D1863" s="14" t="s">
        <v>6011</v>
      </c>
      <c r="E1863" s="2" t="s">
        <v>6012</v>
      </c>
      <c r="F1863" s="2" t="s">
        <v>1695</v>
      </c>
      <c r="G1863" s="8">
        <v>179</v>
      </c>
      <c r="H1863" s="5">
        <v>5</v>
      </c>
      <c r="I1863" s="5" t="s">
        <v>1518</v>
      </c>
      <c r="J1863" s="5" t="s">
        <v>1519</v>
      </c>
      <c r="K1863" s="2" t="s">
        <v>1520</v>
      </c>
      <c r="L1863" s="5" t="s">
        <v>1519</v>
      </c>
      <c r="M1863" s="2" t="s">
        <v>1520</v>
      </c>
      <c r="N1863" s="5" t="s">
        <v>1521</v>
      </c>
      <c r="O1863" s="5" t="s">
        <v>38</v>
      </c>
      <c r="P1863" s="5" t="s">
        <v>39</v>
      </c>
      <c r="Q1863" s="5" t="s">
        <v>40</v>
      </c>
      <c r="R1863" s="5" t="s">
        <v>1522</v>
      </c>
      <c r="S1863" s="5" t="s">
        <v>1523</v>
      </c>
      <c r="T1863" s="5" t="s">
        <v>42</v>
      </c>
      <c r="U1863" s="2">
        <v>2.7970000000000002</v>
      </c>
      <c r="V1863" s="2">
        <v>2.3439999999999999</v>
      </c>
      <c r="W1863" s="2">
        <v>1.4999999999999999E-2</v>
      </c>
      <c r="X1863" s="2">
        <v>118.9</v>
      </c>
      <c r="Y1863" s="2">
        <v>7.6</v>
      </c>
      <c r="Z1863" s="2">
        <v>16.7</v>
      </c>
      <c r="AA1863" s="5"/>
      <c r="AB1863" s="5" t="s">
        <v>43</v>
      </c>
      <c r="AC1863" s="5" t="s">
        <v>44</v>
      </c>
      <c r="AD1863" s="2"/>
      <c r="AE1863" s="1"/>
    </row>
    <row r="1864" spans="1:31" ht="14.45">
      <c r="A1864" s="11"/>
      <c r="B1864" s="20"/>
      <c r="C1864" s="2" t="s">
        <v>6013</v>
      </c>
      <c r="D1864" s="14" t="s">
        <v>6014</v>
      </c>
      <c r="E1864" s="2" t="s">
        <v>6015</v>
      </c>
      <c r="F1864" s="2" t="s">
        <v>1699</v>
      </c>
      <c r="G1864" s="8">
        <v>179</v>
      </c>
      <c r="H1864" s="5">
        <v>5</v>
      </c>
      <c r="I1864" s="5" t="s">
        <v>1518</v>
      </c>
      <c r="J1864" s="5" t="s">
        <v>1519</v>
      </c>
      <c r="K1864" s="2" t="s">
        <v>1520</v>
      </c>
      <c r="L1864" s="5" t="s">
        <v>1519</v>
      </c>
      <c r="M1864" s="2" t="s">
        <v>1520</v>
      </c>
      <c r="N1864" s="5" t="s">
        <v>1521</v>
      </c>
      <c r="O1864" s="5" t="s">
        <v>38</v>
      </c>
      <c r="P1864" s="5" t="s">
        <v>39</v>
      </c>
      <c r="Q1864" s="5" t="s">
        <v>40</v>
      </c>
      <c r="R1864" s="5" t="s">
        <v>1522</v>
      </c>
      <c r="S1864" s="5" t="s">
        <v>1523</v>
      </c>
      <c r="T1864" s="5" t="s">
        <v>42</v>
      </c>
      <c r="U1864" s="2">
        <v>2.8530000000000002</v>
      </c>
      <c r="V1864" s="2">
        <v>2.4</v>
      </c>
      <c r="W1864" s="2">
        <v>1.4999999999999999E-2</v>
      </c>
      <c r="X1864" s="2">
        <v>118.9</v>
      </c>
      <c r="Y1864" s="2">
        <v>7.6</v>
      </c>
      <c r="Z1864" s="2">
        <v>16.7</v>
      </c>
      <c r="AA1864" s="5"/>
      <c r="AB1864" s="5" t="s">
        <v>43</v>
      </c>
      <c r="AC1864" s="5" t="s">
        <v>44</v>
      </c>
      <c r="AD1864" s="2"/>
      <c r="AE1864" s="1"/>
    </row>
    <row r="1865" spans="1:31" ht="14.45">
      <c r="A1865" s="11"/>
      <c r="B1865" s="20"/>
      <c r="C1865" s="2" t="s">
        <v>6016</v>
      </c>
      <c r="D1865" s="14" t="s">
        <v>6017</v>
      </c>
      <c r="E1865" s="2" t="s">
        <v>6018</v>
      </c>
      <c r="F1865" s="2" t="s">
        <v>1703</v>
      </c>
      <c r="G1865" s="8">
        <v>179</v>
      </c>
      <c r="H1865" s="5">
        <v>5</v>
      </c>
      <c r="I1865" s="5" t="s">
        <v>1518</v>
      </c>
      <c r="J1865" s="5" t="s">
        <v>1519</v>
      </c>
      <c r="K1865" s="2" t="s">
        <v>1520</v>
      </c>
      <c r="L1865" s="5" t="s">
        <v>1519</v>
      </c>
      <c r="M1865" s="2" t="s">
        <v>1520</v>
      </c>
      <c r="N1865" s="5" t="s">
        <v>1521</v>
      </c>
      <c r="O1865" s="5" t="s">
        <v>38</v>
      </c>
      <c r="P1865" s="5" t="s">
        <v>39</v>
      </c>
      <c r="Q1865" s="5" t="s">
        <v>40</v>
      </c>
      <c r="R1865" s="5" t="s">
        <v>1522</v>
      </c>
      <c r="S1865" s="5" t="s">
        <v>1523</v>
      </c>
      <c r="T1865" s="5" t="s">
        <v>42</v>
      </c>
      <c r="U1865" s="2">
        <v>2.8069999999999999</v>
      </c>
      <c r="V1865" s="2">
        <v>2.3540000000000001</v>
      </c>
      <c r="W1865" s="2">
        <v>1.4999999999999999E-2</v>
      </c>
      <c r="X1865" s="2">
        <v>118.9</v>
      </c>
      <c r="Y1865" s="2">
        <v>7.6</v>
      </c>
      <c r="Z1865" s="2">
        <v>16.7</v>
      </c>
      <c r="AA1865" s="5"/>
      <c r="AB1865" s="5" t="s">
        <v>43</v>
      </c>
      <c r="AC1865" s="5" t="s">
        <v>44</v>
      </c>
      <c r="AD1865" s="2"/>
      <c r="AE1865" s="1"/>
    </row>
    <row r="1866" spans="1:31" ht="14.45">
      <c r="A1866" s="11"/>
      <c r="B1866" s="20"/>
      <c r="C1866" s="2" t="s">
        <v>6019</v>
      </c>
      <c r="D1866" s="14" t="s">
        <v>6020</v>
      </c>
      <c r="E1866" s="2" t="s">
        <v>6021</v>
      </c>
      <c r="F1866" s="2" t="s">
        <v>1707</v>
      </c>
      <c r="G1866" s="8">
        <v>179</v>
      </c>
      <c r="H1866" s="5">
        <v>5</v>
      </c>
      <c r="I1866" s="5" t="s">
        <v>1518</v>
      </c>
      <c r="J1866" s="5" t="s">
        <v>1519</v>
      </c>
      <c r="K1866" s="2" t="s">
        <v>1520</v>
      </c>
      <c r="L1866" s="5" t="s">
        <v>1519</v>
      </c>
      <c r="M1866" s="2" t="s">
        <v>1520</v>
      </c>
      <c r="N1866" s="5" t="s">
        <v>1521</v>
      </c>
      <c r="O1866" s="5" t="s">
        <v>38</v>
      </c>
      <c r="P1866" s="5" t="s">
        <v>39</v>
      </c>
      <c r="Q1866" s="5" t="s">
        <v>40</v>
      </c>
      <c r="R1866" s="5" t="s">
        <v>1522</v>
      </c>
      <c r="S1866" s="5" t="s">
        <v>1523</v>
      </c>
      <c r="T1866" s="5" t="s">
        <v>42</v>
      </c>
      <c r="U1866" s="2">
        <v>2.863</v>
      </c>
      <c r="V1866" s="2">
        <v>2.41</v>
      </c>
      <c r="W1866" s="2">
        <v>1.4999999999999999E-2</v>
      </c>
      <c r="X1866" s="2">
        <v>118.9</v>
      </c>
      <c r="Y1866" s="2">
        <v>7.6</v>
      </c>
      <c r="Z1866" s="2">
        <v>16.7</v>
      </c>
      <c r="AA1866" s="5"/>
      <c r="AB1866" s="5" t="s">
        <v>43</v>
      </c>
      <c r="AC1866" s="5" t="s">
        <v>44</v>
      </c>
      <c r="AD1866" s="2"/>
      <c r="AE1866" s="1"/>
    </row>
    <row r="1867" spans="1:31" ht="14.45">
      <c r="A1867" s="11"/>
      <c r="B1867" s="20"/>
      <c r="C1867" s="2" t="s">
        <v>6022</v>
      </c>
      <c r="D1867" s="14" t="s">
        <v>6023</v>
      </c>
      <c r="E1867" s="2" t="s">
        <v>6024</v>
      </c>
      <c r="F1867" s="2" t="s">
        <v>1711</v>
      </c>
      <c r="G1867" s="8">
        <v>179</v>
      </c>
      <c r="H1867" s="5">
        <v>5</v>
      </c>
      <c r="I1867" s="5" t="s">
        <v>1518</v>
      </c>
      <c r="J1867" s="5" t="s">
        <v>1519</v>
      </c>
      <c r="K1867" s="2" t="s">
        <v>1520</v>
      </c>
      <c r="L1867" s="5" t="s">
        <v>1519</v>
      </c>
      <c r="M1867" s="2" t="s">
        <v>1520</v>
      </c>
      <c r="N1867" s="5" t="s">
        <v>1521</v>
      </c>
      <c r="O1867" s="5" t="s">
        <v>38</v>
      </c>
      <c r="P1867" s="5" t="s">
        <v>39</v>
      </c>
      <c r="Q1867" s="5" t="s">
        <v>40</v>
      </c>
      <c r="R1867" s="5" t="s">
        <v>1522</v>
      </c>
      <c r="S1867" s="5" t="s">
        <v>1523</v>
      </c>
      <c r="T1867" s="5" t="s">
        <v>42</v>
      </c>
      <c r="U1867" s="2">
        <v>2.8069999999999999</v>
      </c>
      <c r="V1867" s="2">
        <v>2.3540000000000001</v>
      </c>
      <c r="W1867" s="2">
        <v>1.7999999999999999E-2</v>
      </c>
      <c r="X1867" s="2">
        <v>118.9</v>
      </c>
      <c r="Y1867" s="2">
        <v>7.6</v>
      </c>
      <c r="Z1867" s="2">
        <v>16.7</v>
      </c>
      <c r="AA1867" s="5"/>
      <c r="AB1867" s="5" t="s">
        <v>43</v>
      </c>
      <c r="AC1867" s="5" t="s">
        <v>44</v>
      </c>
      <c r="AD1867" s="2"/>
      <c r="AE1867" s="1"/>
    </row>
    <row r="1868" spans="1:31" ht="14.45">
      <c r="A1868" s="11"/>
      <c r="B1868" s="20"/>
      <c r="C1868" s="2" t="s">
        <v>6025</v>
      </c>
      <c r="D1868" s="14" t="s">
        <v>6026</v>
      </c>
      <c r="E1868" s="2" t="s">
        <v>6027</v>
      </c>
      <c r="F1868" s="2" t="s">
        <v>1715</v>
      </c>
      <c r="G1868" s="8">
        <v>179</v>
      </c>
      <c r="H1868" s="5">
        <v>5</v>
      </c>
      <c r="I1868" s="5" t="s">
        <v>1518</v>
      </c>
      <c r="J1868" s="5" t="s">
        <v>1519</v>
      </c>
      <c r="K1868" s="2" t="s">
        <v>1520</v>
      </c>
      <c r="L1868" s="5" t="s">
        <v>1519</v>
      </c>
      <c r="M1868" s="2" t="s">
        <v>1520</v>
      </c>
      <c r="N1868" s="5" t="s">
        <v>1521</v>
      </c>
      <c r="O1868" s="5" t="s">
        <v>38</v>
      </c>
      <c r="P1868" s="5" t="s">
        <v>39</v>
      </c>
      <c r="Q1868" s="5" t="s">
        <v>40</v>
      </c>
      <c r="R1868" s="5" t="s">
        <v>1522</v>
      </c>
      <c r="S1868" s="5" t="s">
        <v>1523</v>
      </c>
      <c r="T1868" s="5" t="s">
        <v>42</v>
      </c>
      <c r="U1868" s="2">
        <v>2.863</v>
      </c>
      <c r="V1868" s="2">
        <v>2.41</v>
      </c>
      <c r="W1868" s="2">
        <v>1.4999999999999999E-2</v>
      </c>
      <c r="X1868" s="2">
        <v>118.9</v>
      </c>
      <c r="Y1868" s="2">
        <v>7.6</v>
      </c>
      <c r="Z1868" s="2">
        <v>16.7</v>
      </c>
      <c r="AA1868" s="5"/>
      <c r="AB1868" s="5" t="s">
        <v>43</v>
      </c>
      <c r="AC1868" s="5" t="s">
        <v>44</v>
      </c>
      <c r="AD1868" s="2"/>
      <c r="AE1868" s="1"/>
    </row>
    <row r="1869" spans="1:31" ht="14.45">
      <c r="A1869" s="11"/>
      <c r="B1869" s="20"/>
      <c r="C1869" s="2" t="s">
        <v>6028</v>
      </c>
      <c r="D1869" s="14" t="s">
        <v>6029</v>
      </c>
      <c r="E1869" s="2" t="s">
        <v>6030</v>
      </c>
      <c r="F1869" s="2" t="s">
        <v>1719</v>
      </c>
      <c r="G1869" s="8">
        <v>179</v>
      </c>
      <c r="H1869" s="2">
        <v>5</v>
      </c>
      <c r="I1869" s="2" t="s">
        <v>1518</v>
      </c>
      <c r="J1869" s="2" t="s">
        <v>1519</v>
      </c>
      <c r="K1869" s="2" t="s">
        <v>1520</v>
      </c>
      <c r="L1869" s="2" t="s">
        <v>1519</v>
      </c>
      <c r="M1869" s="2" t="s">
        <v>1520</v>
      </c>
      <c r="N1869" s="2" t="s">
        <v>1521</v>
      </c>
      <c r="O1869" s="2" t="s">
        <v>38</v>
      </c>
      <c r="P1869" s="2" t="s">
        <v>39</v>
      </c>
      <c r="Q1869" s="2" t="s">
        <v>40</v>
      </c>
      <c r="R1869" s="2" t="s">
        <v>1522</v>
      </c>
      <c r="S1869" s="12" t="s">
        <v>1523</v>
      </c>
      <c r="T1869" s="12" t="s">
        <v>42</v>
      </c>
      <c r="U1869" s="2">
        <v>2.7770000000000001</v>
      </c>
      <c r="V1869" s="2">
        <v>2.327</v>
      </c>
      <c r="W1869" s="2">
        <v>1.7999999999999999E-2</v>
      </c>
      <c r="X1869" s="2">
        <v>118.9</v>
      </c>
      <c r="Y1869" s="2">
        <v>7.6</v>
      </c>
      <c r="Z1869" s="2">
        <v>16.7</v>
      </c>
      <c r="AA1869" s="12"/>
      <c r="AB1869" s="12" t="s">
        <v>43</v>
      </c>
      <c r="AC1869" s="12" t="s">
        <v>44</v>
      </c>
      <c r="AD1869" s="2"/>
      <c r="AE1869" s="1"/>
    </row>
    <row r="1870" spans="1:31" ht="14.45">
      <c r="A1870" s="11"/>
      <c r="B1870" s="20"/>
      <c r="C1870" s="2" t="s">
        <v>6031</v>
      </c>
      <c r="D1870" s="14" t="s">
        <v>6032</v>
      </c>
      <c r="E1870" s="2" t="s">
        <v>6033</v>
      </c>
      <c r="F1870" s="2" t="s">
        <v>1723</v>
      </c>
      <c r="G1870" s="8">
        <v>179</v>
      </c>
      <c r="H1870" s="2">
        <v>5</v>
      </c>
      <c r="I1870" s="2" t="s">
        <v>1518</v>
      </c>
      <c r="J1870" s="2" t="s">
        <v>1519</v>
      </c>
      <c r="K1870" s="2" t="s">
        <v>1520</v>
      </c>
      <c r="L1870" s="2" t="s">
        <v>1519</v>
      </c>
      <c r="M1870" s="2" t="s">
        <v>1520</v>
      </c>
      <c r="N1870" s="2" t="s">
        <v>1521</v>
      </c>
      <c r="O1870" s="2" t="s">
        <v>38</v>
      </c>
      <c r="P1870" s="2" t="s">
        <v>39</v>
      </c>
      <c r="Q1870" s="2" t="s">
        <v>40</v>
      </c>
      <c r="R1870" s="2" t="s">
        <v>1522</v>
      </c>
      <c r="S1870" s="12" t="s">
        <v>1523</v>
      </c>
      <c r="T1870" s="12" t="s">
        <v>42</v>
      </c>
      <c r="U1870" s="2">
        <v>2.8330000000000002</v>
      </c>
      <c r="V1870" s="2">
        <v>2.383</v>
      </c>
      <c r="W1870" s="2">
        <v>1.4999999999999999E-2</v>
      </c>
      <c r="X1870" s="2">
        <v>118.9</v>
      </c>
      <c r="Y1870" s="2">
        <v>7.6</v>
      </c>
      <c r="Z1870" s="2">
        <v>16.7</v>
      </c>
      <c r="AA1870" s="12"/>
      <c r="AB1870" s="12" t="s">
        <v>43</v>
      </c>
      <c r="AC1870" s="12" t="s">
        <v>44</v>
      </c>
      <c r="AD1870" s="2"/>
      <c r="AE1870" s="1"/>
    </row>
    <row r="1871" spans="1:31" ht="14.45">
      <c r="A1871" s="11"/>
      <c r="B1871" s="20"/>
      <c r="C1871" s="2" t="s">
        <v>6034</v>
      </c>
      <c r="D1871" s="14" t="s">
        <v>6035</v>
      </c>
      <c r="E1871" s="2" t="s">
        <v>6036</v>
      </c>
      <c r="F1871" s="2" t="s">
        <v>1727</v>
      </c>
      <c r="G1871" s="8">
        <v>206</v>
      </c>
      <c r="H1871" s="5">
        <v>6</v>
      </c>
      <c r="I1871" s="5" t="s">
        <v>1518</v>
      </c>
      <c r="J1871" s="5" t="s">
        <v>1519</v>
      </c>
      <c r="K1871" s="2" t="s">
        <v>1520</v>
      </c>
      <c r="L1871" s="5" t="s">
        <v>1519</v>
      </c>
      <c r="M1871" s="2" t="s">
        <v>1520</v>
      </c>
      <c r="N1871" s="5" t="s">
        <v>1521</v>
      </c>
      <c r="O1871" s="5" t="s">
        <v>38</v>
      </c>
      <c r="P1871" s="5" t="s">
        <v>39</v>
      </c>
      <c r="Q1871" s="5" t="s">
        <v>40</v>
      </c>
      <c r="R1871" s="5" t="s">
        <v>1522</v>
      </c>
      <c r="S1871" s="5" t="s">
        <v>1523</v>
      </c>
      <c r="T1871" s="5" t="s">
        <v>42</v>
      </c>
      <c r="U1871" s="2">
        <v>2.7759999999999998</v>
      </c>
      <c r="V1871" s="2">
        <v>2.323</v>
      </c>
      <c r="W1871" s="2">
        <v>1.4999999999999999E-2</v>
      </c>
      <c r="X1871" s="2">
        <v>118.9</v>
      </c>
      <c r="Y1871" s="2">
        <v>7.6</v>
      </c>
      <c r="Z1871" s="2">
        <v>16.7</v>
      </c>
      <c r="AA1871" s="5"/>
      <c r="AB1871" s="5" t="s">
        <v>43</v>
      </c>
      <c r="AC1871" s="5" t="s">
        <v>44</v>
      </c>
      <c r="AD1871" s="2"/>
      <c r="AE1871" s="1"/>
    </row>
    <row r="1872" spans="1:31" ht="14.45">
      <c r="A1872" s="11"/>
      <c r="B1872" s="20"/>
      <c r="C1872" s="2" t="s">
        <v>6037</v>
      </c>
      <c r="D1872" s="14" t="s">
        <v>6038</v>
      </c>
      <c r="E1872" s="2" t="s">
        <v>6039</v>
      </c>
      <c r="F1872" s="2" t="s">
        <v>1731</v>
      </c>
      <c r="G1872" s="8">
        <v>206</v>
      </c>
      <c r="H1872" s="5">
        <v>6</v>
      </c>
      <c r="I1872" s="5" t="s">
        <v>1518</v>
      </c>
      <c r="J1872" s="5" t="s">
        <v>1519</v>
      </c>
      <c r="K1872" s="2" t="s">
        <v>1520</v>
      </c>
      <c r="L1872" s="5" t="s">
        <v>1519</v>
      </c>
      <c r="M1872" s="2" t="s">
        <v>1520</v>
      </c>
      <c r="N1872" s="5" t="s">
        <v>1521</v>
      </c>
      <c r="O1872" s="5" t="s">
        <v>38</v>
      </c>
      <c r="P1872" s="5" t="s">
        <v>39</v>
      </c>
      <c r="Q1872" s="5" t="s">
        <v>40</v>
      </c>
      <c r="R1872" s="5" t="s">
        <v>1522</v>
      </c>
      <c r="S1872" s="5" t="s">
        <v>1523</v>
      </c>
      <c r="T1872" s="5" t="s">
        <v>42</v>
      </c>
      <c r="U1872" s="2">
        <v>2.8319999999999999</v>
      </c>
      <c r="V1872" s="2">
        <v>2.379</v>
      </c>
      <c r="W1872" s="2">
        <v>1.4999999999999999E-2</v>
      </c>
      <c r="X1872" s="2">
        <v>118.9</v>
      </c>
      <c r="Y1872" s="2">
        <v>7.6</v>
      </c>
      <c r="Z1872" s="2">
        <v>16.7</v>
      </c>
      <c r="AA1872" s="5"/>
      <c r="AB1872" s="5" t="s">
        <v>43</v>
      </c>
      <c r="AC1872" s="5" t="s">
        <v>44</v>
      </c>
      <c r="AD1872" s="2"/>
      <c r="AE1872" s="1"/>
    </row>
    <row r="1873" spans="1:31" ht="14.45">
      <c r="A1873" s="11"/>
      <c r="B1873" s="20"/>
      <c r="C1873" s="2" t="s">
        <v>6040</v>
      </c>
      <c r="D1873" s="14" t="s">
        <v>6041</v>
      </c>
      <c r="E1873" s="2" t="s">
        <v>6042</v>
      </c>
      <c r="F1873" s="2" t="s">
        <v>1735</v>
      </c>
      <c r="G1873" s="8">
        <v>206</v>
      </c>
      <c r="H1873" s="5">
        <v>6</v>
      </c>
      <c r="I1873" s="5" t="s">
        <v>1518</v>
      </c>
      <c r="J1873" s="5" t="s">
        <v>1519</v>
      </c>
      <c r="K1873" s="2" t="s">
        <v>1520</v>
      </c>
      <c r="L1873" s="5" t="s">
        <v>1519</v>
      </c>
      <c r="M1873" s="2" t="s">
        <v>1520</v>
      </c>
      <c r="N1873" s="5" t="s">
        <v>1521</v>
      </c>
      <c r="O1873" s="5" t="s">
        <v>38</v>
      </c>
      <c r="P1873" s="5" t="s">
        <v>39</v>
      </c>
      <c r="Q1873" s="5" t="s">
        <v>40</v>
      </c>
      <c r="R1873" s="5" t="s">
        <v>1522</v>
      </c>
      <c r="S1873" s="5" t="s">
        <v>1523</v>
      </c>
      <c r="T1873" s="5" t="s">
        <v>42</v>
      </c>
      <c r="U1873" s="2">
        <v>2.8069999999999999</v>
      </c>
      <c r="V1873" s="2">
        <v>2.3540000000000001</v>
      </c>
      <c r="W1873" s="2">
        <v>1.4999999999999999E-2</v>
      </c>
      <c r="X1873" s="2">
        <v>118.9</v>
      </c>
      <c r="Y1873" s="2">
        <v>7.6</v>
      </c>
      <c r="Z1873" s="2">
        <v>16.7</v>
      </c>
      <c r="AA1873" s="5"/>
      <c r="AB1873" s="5" t="s">
        <v>43</v>
      </c>
      <c r="AC1873" s="5" t="s">
        <v>44</v>
      </c>
      <c r="AD1873" s="2"/>
      <c r="AE1873" s="1"/>
    </row>
    <row r="1874" spans="1:31" ht="14.45">
      <c r="A1874" s="11"/>
      <c r="B1874" s="20"/>
      <c r="C1874" s="2" t="s">
        <v>6043</v>
      </c>
      <c r="D1874" s="14" t="s">
        <v>6044</v>
      </c>
      <c r="E1874" s="2" t="s">
        <v>6045</v>
      </c>
      <c r="F1874" s="2" t="s">
        <v>1739</v>
      </c>
      <c r="G1874" s="8">
        <v>206</v>
      </c>
      <c r="H1874" s="5">
        <v>6</v>
      </c>
      <c r="I1874" s="5" t="s">
        <v>1518</v>
      </c>
      <c r="J1874" s="5" t="s">
        <v>1519</v>
      </c>
      <c r="K1874" s="2" t="s">
        <v>1520</v>
      </c>
      <c r="L1874" s="5" t="s">
        <v>1519</v>
      </c>
      <c r="M1874" s="2" t="s">
        <v>1520</v>
      </c>
      <c r="N1874" s="5" t="s">
        <v>1521</v>
      </c>
      <c r="O1874" s="5" t="s">
        <v>38</v>
      </c>
      <c r="P1874" s="5" t="s">
        <v>39</v>
      </c>
      <c r="Q1874" s="5" t="s">
        <v>40</v>
      </c>
      <c r="R1874" s="5" t="s">
        <v>1522</v>
      </c>
      <c r="S1874" s="5" t="s">
        <v>1523</v>
      </c>
      <c r="T1874" s="5" t="s">
        <v>42</v>
      </c>
      <c r="U1874" s="2">
        <v>2.863</v>
      </c>
      <c r="V1874" s="2">
        <v>2.41</v>
      </c>
      <c r="W1874" s="2">
        <v>1.4999999999999999E-2</v>
      </c>
      <c r="X1874" s="2">
        <v>118.9</v>
      </c>
      <c r="Y1874" s="2">
        <v>7.6</v>
      </c>
      <c r="Z1874" s="2">
        <v>16.7</v>
      </c>
      <c r="AA1874" s="5"/>
      <c r="AB1874" s="5" t="s">
        <v>43</v>
      </c>
      <c r="AC1874" s="5" t="s">
        <v>44</v>
      </c>
      <c r="AD1874" s="2"/>
      <c r="AE1874" s="1"/>
    </row>
    <row r="1875" spans="1:31" ht="14.45">
      <c r="A1875" s="11"/>
      <c r="B1875" s="20"/>
      <c r="C1875" s="2" t="s">
        <v>6046</v>
      </c>
      <c r="D1875" s="14" t="s">
        <v>6047</v>
      </c>
      <c r="E1875" s="2" t="s">
        <v>6048</v>
      </c>
      <c r="F1875" s="2" t="s">
        <v>1743</v>
      </c>
      <c r="G1875" s="8">
        <v>206</v>
      </c>
      <c r="H1875" s="5">
        <v>6</v>
      </c>
      <c r="I1875" s="5" t="s">
        <v>1518</v>
      </c>
      <c r="J1875" s="5" t="s">
        <v>1519</v>
      </c>
      <c r="K1875" s="2" t="s">
        <v>1520</v>
      </c>
      <c r="L1875" s="5" t="s">
        <v>1519</v>
      </c>
      <c r="M1875" s="2" t="s">
        <v>1520</v>
      </c>
      <c r="N1875" s="5" t="s">
        <v>1521</v>
      </c>
      <c r="O1875" s="5" t="s">
        <v>38</v>
      </c>
      <c r="P1875" s="5" t="s">
        <v>39</v>
      </c>
      <c r="Q1875" s="5" t="s">
        <v>40</v>
      </c>
      <c r="R1875" s="5" t="s">
        <v>1522</v>
      </c>
      <c r="S1875" s="5" t="s">
        <v>1523</v>
      </c>
      <c r="T1875" s="5" t="s">
        <v>42</v>
      </c>
      <c r="U1875" s="2">
        <v>2.7759999999999998</v>
      </c>
      <c r="V1875" s="2">
        <v>2.323</v>
      </c>
      <c r="W1875" s="2">
        <v>1.4999999999999999E-2</v>
      </c>
      <c r="X1875" s="2">
        <v>118.9</v>
      </c>
      <c r="Y1875" s="2">
        <v>7.6</v>
      </c>
      <c r="Z1875" s="2">
        <v>16.7</v>
      </c>
      <c r="AA1875" s="5"/>
      <c r="AB1875" s="5" t="s">
        <v>43</v>
      </c>
      <c r="AC1875" s="5" t="s">
        <v>44</v>
      </c>
      <c r="AD1875" s="2"/>
      <c r="AE1875" s="1"/>
    </row>
    <row r="1876" spans="1:31" ht="14.45">
      <c r="A1876" s="11"/>
      <c r="B1876" s="20"/>
      <c r="C1876" s="2" t="s">
        <v>6049</v>
      </c>
      <c r="D1876" s="14" t="s">
        <v>6050</v>
      </c>
      <c r="E1876" s="2" t="s">
        <v>6051</v>
      </c>
      <c r="F1876" s="2" t="s">
        <v>1747</v>
      </c>
      <c r="G1876" s="8">
        <v>206</v>
      </c>
      <c r="H1876" s="5">
        <v>6</v>
      </c>
      <c r="I1876" s="5" t="s">
        <v>1518</v>
      </c>
      <c r="J1876" s="5" t="s">
        <v>1519</v>
      </c>
      <c r="K1876" s="2" t="s">
        <v>1520</v>
      </c>
      <c r="L1876" s="5" t="s">
        <v>1519</v>
      </c>
      <c r="M1876" s="2" t="s">
        <v>1520</v>
      </c>
      <c r="N1876" s="5" t="s">
        <v>1521</v>
      </c>
      <c r="O1876" s="5" t="s">
        <v>38</v>
      </c>
      <c r="P1876" s="5" t="s">
        <v>39</v>
      </c>
      <c r="Q1876" s="5" t="s">
        <v>40</v>
      </c>
      <c r="R1876" s="5" t="s">
        <v>1522</v>
      </c>
      <c r="S1876" s="5" t="s">
        <v>1523</v>
      </c>
      <c r="T1876" s="5" t="s">
        <v>42</v>
      </c>
      <c r="U1876" s="2">
        <v>2.8319999999999999</v>
      </c>
      <c r="V1876" s="2">
        <v>2.379</v>
      </c>
      <c r="W1876" s="2">
        <v>1.4999999999999999E-2</v>
      </c>
      <c r="X1876" s="2">
        <v>118.9</v>
      </c>
      <c r="Y1876" s="2">
        <v>7.6</v>
      </c>
      <c r="Z1876" s="2">
        <v>16.7</v>
      </c>
      <c r="AA1876" s="5"/>
      <c r="AB1876" s="5" t="s">
        <v>43</v>
      </c>
      <c r="AC1876" s="5" t="s">
        <v>44</v>
      </c>
      <c r="AD1876" s="2"/>
      <c r="AE1876" s="1"/>
    </row>
    <row r="1877" spans="1:31" ht="14.45">
      <c r="A1877" s="11"/>
      <c r="B1877" s="20"/>
      <c r="C1877" s="2" t="s">
        <v>6052</v>
      </c>
      <c r="D1877" s="14" t="s">
        <v>6053</v>
      </c>
      <c r="E1877" s="2" t="s">
        <v>6054</v>
      </c>
      <c r="F1877" s="2" t="s">
        <v>1751</v>
      </c>
      <c r="G1877" s="8">
        <v>206</v>
      </c>
      <c r="H1877" s="5">
        <v>6</v>
      </c>
      <c r="I1877" s="5" t="s">
        <v>1518</v>
      </c>
      <c r="J1877" s="5" t="s">
        <v>1519</v>
      </c>
      <c r="K1877" s="2" t="s">
        <v>1520</v>
      </c>
      <c r="L1877" s="5" t="s">
        <v>1519</v>
      </c>
      <c r="M1877" s="2" t="s">
        <v>1520</v>
      </c>
      <c r="N1877" s="5" t="s">
        <v>1521</v>
      </c>
      <c r="O1877" s="5" t="s">
        <v>38</v>
      </c>
      <c r="P1877" s="5" t="s">
        <v>39</v>
      </c>
      <c r="Q1877" s="5" t="s">
        <v>40</v>
      </c>
      <c r="R1877" s="5" t="s">
        <v>1522</v>
      </c>
      <c r="S1877" s="5" t="s">
        <v>1523</v>
      </c>
      <c r="T1877" s="5" t="s">
        <v>42</v>
      </c>
      <c r="U1877" s="2">
        <v>2.7759999999999998</v>
      </c>
      <c r="V1877" s="2">
        <v>2.323</v>
      </c>
      <c r="W1877" s="2">
        <v>1.4999999999999999E-2</v>
      </c>
      <c r="X1877" s="2">
        <v>118.9</v>
      </c>
      <c r="Y1877" s="2">
        <v>7.6</v>
      </c>
      <c r="Z1877" s="2">
        <v>16.7</v>
      </c>
      <c r="AA1877" s="5"/>
      <c r="AB1877" s="5" t="s">
        <v>43</v>
      </c>
      <c r="AC1877" s="5" t="s">
        <v>44</v>
      </c>
      <c r="AD1877" s="2"/>
      <c r="AE1877" s="1"/>
    </row>
    <row r="1878" spans="1:31" ht="14.45">
      <c r="A1878" s="11"/>
      <c r="B1878" s="20"/>
      <c r="C1878" s="2" t="s">
        <v>6055</v>
      </c>
      <c r="D1878" s="14" t="s">
        <v>6056</v>
      </c>
      <c r="E1878" s="2" t="s">
        <v>6057</v>
      </c>
      <c r="F1878" s="2" t="s">
        <v>1755</v>
      </c>
      <c r="G1878" s="8">
        <v>206</v>
      </c>
      <c r="H1878" s="5">
        <v>6</v>
      </c>
      <c r="I1878" s="5" t="s">
        <v>1518</v>
      </c>
      <c r="J1878" s="5" t="s">
        <v>1519</v>
      </c>
      <c r="K1878" s="2" t="s">
        <v>1520</v>
      </c>
      <c r="L1878" s="5" t="s">
        <v>1519</v>
      </c>
      <c r="M1878" s="2" t="s">
        <v>1520</v>
      </c>
      <c r="N1878" s="5" t="s">
        <v>1521</v>
      </c>
      <c r="O1878" s="5" t="s">
        <v>38</v>
      </c>
      <c r="P1878" s="5" t="s">
        <v>39</v>
      </c>
      <c r="Q1878" s="5" t="s">
        <v>40</v>
      </c>
      <c r="R1878" s="5" t="s">
        <v>1522</v>
      </c>
      <c r="S1878" s="5" t="s">
        <v>1523</v>
      </c>
      <c r="T1878" s="5" t="s">
        <v>42</v>
      </c>
      <c r="U1878" s="2">
        <v>2.8319999999999999</v>
      </c>
      <c r="V1878" s="2">
        <v>2.379</v>
      </c>
      <c r="W1878" s="2">
        <v>1.4999999999999999E-2</v>
      </c>
      <c r="X1878" s="2">
        <v>118.9</v>
      </c>
      <c r="Y1878" s="2">
        <v>7.6</v>
      </c>
      <c r="Z1878" s="2">
        <v>16.7</v>
      </c>
      <c r="AA1878" s="5"/>
      <c r="AB1878" s="5" t="s">
        <v>43</v>
      </c>
      <c r="AC1878" s="5" t="s">
        <v>44</v>
      </c>
      <c r="AD1878" s="2"/>
      <c r="AE1878" s="1"/>
    </row>
    <row r="1879" spans="1:31" ht="14.45">
      <c r="A1879" s="11"/>
      <c r="B1879" s="20"/>
      <c r="C1879" s="2" t="s">
        <v>6058</v>
      </c>
      <c r="D1879" s="14" t="s">
        <v>6059</v>
      </c>
      <c r="E1879" s="2" t="s">
        <v>6060</v>
      </c>
      <c r="F1879" s="2" t="s">
        <v>1759</v>
      </c>
      <c r="G1879" s="8">
        <v>206</v>
      </c>
      <c r="H1879" s="5">
        <v>6</v>
      </c>
      <c r="I1879" s="5" t="s">
        <v>1518</v>
      </c>
      <c r="J1879" s="5" t="s">
        <v>1519</v>
      </c>
      <c r="K1879" s="2" t="s">
        <v>1520</v>
      </c>
      <c r="L1879" s="5" t="s">
        <v>1519</v>
      </c>
      <c r="M1879" s="2" t="s">
        <v>1520</v>
      </c>
      <c r="N1879" s="5" t="s">
        <v>1521</v>
      </c>
      <c r="O1879" s="5" t="s">
        <v>38</v>
      </c>
      <c r="P1879" s="5" t="s">
        <v>39</v>
      </c>
      <c r="Q1879" s="5" t="s">
        <v>40</v>
      </c>
      <c r="R1879" s="5" t="s">
        <v>1522</v>
      </c>
      <c r="S1879" s="5" t="s">
        <v>1523</v>
      </c>
      <c r="T1879" s="5" t="s">
        <v>42</v>
      </c>
      <c r="U1879" s="2">
        <v>2.8069999999999999</v>
      </c>
      <c r="V1879" s="2">
        <v>2.3540000000000001</v>
      </c>
      <c r="W1879" s="2">
        <v>1.4999999999999999E-2</v>
      </c>
      <c r="X1879" s="2">
        <v>118.9</v>
      </c>
      <c r="Y1879" s="2">
        <v>7.6</v>
      </c>
      <c r="Z1879" s="2">
        <v>16.7</v>
      </c>
      <c r="AA1879" s="5"/>
      <c r="AB1879" s="5" t="s">
        <v>43</v>
      </c>
      <c r="AC1879" s="5" t="s">
        <v>44</v>
      </c>
      <c r="AD1879" s="2"/>
      <c r="AE1879" s="1"/>
    </row>
    <row r="1880" spans="1:31" ht="14.45">
      <c r="A1880" s="11"/>
      <c r="B1880" s="20"/>
      <c r="C1880" s="2" t="s">
        <v>6061</v>
      </c>
      <c r="D1880" s="14" t="s">
        <v>6062</v>
      </c>
      <c r="E1880" s="2" t="s">
        <v>6063</v>
      </c>
      <c r="F1880" s="2" t="s">
        <v>1763</v>
      </c>
      <c r="G1880" s="8">
        <v>206</v>
      </c>
      <c r="H1880" s="5">
        <v>6</v>
      </c>
      <c r="I1880" s="5" t="s">
        <v>1518</v>
      </c>
      <c r="J1880" s="5" t="s">
        <v>1519</v>
      </c>
      <c r="K1880" s="2" t="s">
        <v>1520</v>
      </c>
      <c r="L1880" s="5" t="s">
        <v>1519</v>
      </c>
      <c r="M1880" s="2" t="s">
        <v>1520</v>
      </c>
      <c r="N1880" s="5" t="s">
        <v>1521</v>
      </c>
      <c r="O1880" s="5" t="s">
        <v>38</v>
      </c>
      <c r="P1880" s="5" t="s">
        <v>39</v>
      </c>
      <c r="Q1880" s="5" t="s">
        <v>40</v>
      </c>
      <c r="R1880" s="5" t="s">
        <v>1522</v>
      </c>
      <c r="S1880" s="5" t="s">
        <v>1523</v>
      </c>
      <c r="T1880" s="5" t="s">
        <v>42</v>
      </c>
      <c r="U1880" s="2">
        <v>2.863</v>
      </c>
      <c r="V1880" s="2">
        <v>2.41</v>
      </c>
      <c r="W1880" s="2">
        <v>1.4999999999999999E-2</v>
      </c>
      <c r="X1880" s="2">
        <v>118.9</v>
      </c>
      <c r="Y1880" s="2">
        <v>7.6</v>
      </c>
      <c r="Z1880" s="2">
        <v>16.7</v>
      </c>
      <c r="AA1880" s="5"/>
      <c r="AB1880" s="5" t="s">
        <v>43</v>
      </c>
      <c r="AC1880" s="5" t="s">
        <v>44</v>
      </c>
      <c r="AD1880" s="2"/>
      <c r="AE1880" s="1"/>
    </row>
    <row r="1881" spans="1:31" ht="14.45">
      <c r="A1881" s="11"/>
      <c r="B1881" s="20"/>
      <c r="C1881" s="2" t="s">
        <v>6064</v>
      </c>
      <c r="D1881" s="14" t="s">
        <v>6065</v>
      </c>
      <c r="E1881" s="2" t="s">
        <v>6066</v>
      </c>
      <c r="F1881" s="2" t="s">
        <v>1767</v>
      </c>
      <c r="G1881" s="8">
        <v>206</v>
      </c>
      <c r="H1881" s="5">
        <v>6</v>
      </c>
      <c r="I1881" s="5" t="s">
        <v>1518</v>
      </c>
      <c r="J1881" s="5" t="s">
        <v>1519</v>
      </c>
      <c r="K1881" s="2" t="s">
        <v>1520</v>
      </c>
      <c r="L1881" s="5" t="s">
        <v>1519</v>
      </c>
      <c r="M1881" s="2" t="s">
        <v>1520</v>
      </c>
      <c r="N1881" s="5" t="s">
        <v>1521</v>
      </c>
      <c r="O1881" s="5" t="s">
        <v>38</v>
      </c>
      <c r="P1881" s="5" t="s">
        <v>39</v>
      </c>
      <c r="Q1881" s="5" t="s">
        <v>40</v>
      </c>
      <c r="R1881" s="5" t="s">
        <v>1522</v>
      </c>
      <c r="S1881" s="5" t="s">
        <v>1523</v>
      </c>
      <c r="T1881" s="5" t="s">
        <v>42</v>
      </c>
      <c r="U1881" s="2">
        <v>2.8069999999999999</v>
      </c>
      <c r="V1881" s="2">
        <v>2.3540000000000001</v>
      </c>
      <c r="W1881" s="2">
        <v>1.4999999999999999E-2</v>
      </c>
      <c r="X1881" s="2">
        <v>118.9</v>
      </c>
      <c r="Y1881" s="2">
        <v>7.6</v>
      </c>
      <c r="Z1881" s="2">
        <v>16.7</v>
      </c>
      <c r="AA1881" s="5"/>
      <c r="AB1881" s="5" t="s">
        <v>43</v>
      </c>
      <c r="AC1881" s="5" t="s">
        <v>44</v>
      </c>
      <c r="AD1881" s="2"/>
      <c r="AE1881" s="1"/>
    </row>
    <row r="1882" spans="1:31" ht="14.45">
      <c r="A1882" s="11"/>
      <c r="B1882" s="20"/>
      <c r="C1882" s="2" t="s">
        <v>6067</v>
      </c>
      <c r="D1882" s="14" t="s">
        <v>6068</v>
      </c>
      <c r="E1882" s="2" t="s">
        <v>6069</v>
      </c>
      <c r="F1882" s="2" t="s">
        <v>1771</v>
      </c>
      <c r="G1882" s="8">
        <v>206</v>
      </c>
      <c r="H1882" s="5">
        <v>6</v>
      </c>
      <c r="I1882" s="5" t="s">
        <v>1518</v>
      </c>
      <c r="J1882" s="5" t="s">
        <v>1519</v>
      </c>
      <c r="K1882" s="2" t="s">
        <v>1520</v>
      </c>
      <c r="L1882" s="5" t="s">
        <v>1519</v>
      </c>
      <c r="M1882" s="2" t="s">
        <v>1520</v>
      </c>
      <c r="N1882" s="5" t="s">
        <v>1521</v>
      </c>
      <c r="O1882" s="5" t="s">
        <v>38</v>
      </c>
      <c r="P1882" s="5" t="s">
        <v>39</v>
      </c>
      <c r="Q1882" s="5" t="s">
        <v>40</v>
      </c>
      <c r="R1882" s="5" t="s">
        <v>1522</v>
      </c>
      <c r="S1882" s="5" t="s">
        <v>1523</v>
      </c>
      <c r="T1882" s="5" t="s">
        <v>42</v>
      </c>
      <c r="U1882" s="2">
        <v>2.863</v>
      </c>
      <c r="V1882" s="2">
        <v>2.41</v>
      </c>
      <c r="W1882" s="2">
        <v>1.4999999999999999E-2</v>
      </c>
      <c r="X1882" s="2">
        <v>118.9</v>
      </c>
      <c r="Y1882" s="2">
        <v>7.6</v>
      </c>
      <c r="Z1882" s="2">
        <v>16.7</v>
      </c>
      <c r="AA1882" s="5"/>
      <c r="AB1882" s="5" t="s">
        <v>43</v>
      </c>
      <c r="AC1882" s="5" t="s">
        <v>44</v>
      </c>
      <c r="AD1882" s="2"/>
      <c r="AE1882" s="1"/>
    </row>
    <row r="1883" spans="1:31" ht="14.45">
      <c r="A1883" s="11"/>
      <c r="B1883" s="20"/>
      <c r="C1883" s="2" t="s">
        <v>6070</v>
      </c>
      <c r="D1883" s="14" t="s">
        <v>6071</v>
      </c>
      <c r="E1883" s="2" t="s">
        <v>6072</v>
      </c>
      <c r="F1883" s="2" t="s">
        <v>1775</v>
      </c>
      <c r="G1883" s="8">
        <v>206</v>
      </c>
      <c r="H1883" s="5">
        <v>6</v>
      </c>
      <c r="I1883" s="5" t="s">
        <v>1518</v>
      </c>
      <c r="J1883" s="5" t="s">
        <v>1519</v>
      </c>
      <c r="K1883" s="2" t="s">
        <v>1520</v>
      </c>
      <c r="L1883" s="5" t="s">
        <v>1519</v>
      </c>
      <c r="M1883" s="2" t="s">
        <v>1520</v>
      </c>
      <c r="N1883" s="5" t="s">
        <v>1521</v>
      </c>
      <c r="O1883" s="5" t="s">
        <v>38</v>
      </c>
      <c r="P1883" s="5" t="s">
        <v>39</v>
      </c>
      <c r="Q1883" s="5" t="s">
        <v>40</v>
      </c>
      <c r="R1883" s="5" t="s">
        <v>1522</v>
      </c>
      <c r="S1883" s="5" t="s">
        <v>1523</v>
      </c>
      <c r="T1883" s="5" t="s">
        <v>42</v>
      </c>
      <c r="U1883" s="2">
        <v>2.8069999999999999</v>
      </c>
      <c r="V1883" s="2">
        <v>2.3540000000000001</v>
      </c>
      <c r="W1883" s="2">
        <v>1.4999999999999999E-2</v>
      </c>
      <c r="X1883" s="2">
        <v>118.9</v>
      </c>
      <c r="Y1883" s="2">
        <v>7.6</v>
      </c>
      <c r="Z1883" s="2">
        <v>16.7</v>
      </c>
      <c r="AA1883" s="5"/>
      <c r="AB1883" s="5" t="s">
        <v>43</v>
      </c>
      <c r="AC1883" s="5" t="s">
        <v>44</v>
      </c>
      <c r="AD1883" s="2"/>
      <c r="AE1883" s="1"/>
    </row>
    <row r="1884" spans="1:31" ht="14.45">
      <c r="A1884" s="11"/>
      <c r="B1884" s="20"/>
      <c r="C1884" s="2" t="s">
        <v>6073</v>
      </c>
      <c r="D1884" s="14" t="s">
        <v>6074</v>
      </c>
      <c r="E1884" s="2" t="s">
        <v>6075</v>
      </c>
      <c r="F1884" s="2" t="s">
        <v>1779</v>
      </c>
      <c r="G1884" s="8">
        <v>206</v>
      </c>
      <c r="H1884" s="5">
        <v>6</v>
      </c>
      <c r="I1884" s="5" t="s">
        <v>1518</v>
      </c>
      <c r="J1884" s="5" t="s">
        <v>1519</v>
      </c>
      <c r="K1884" s="2" t="s">
        <v>1520</v>
      </c>
      <c r="L1884" s="5" t="s">
        <v>1519</v>
      </c>
      <c r="M1884" s="2" t="s">
        <v>1520</v>
      </c>
      <c r="N1884" s="5" t="s">
        <v>1521</v>
      </c>
      <c r="O1884" s="5" t="s">
        <v>38</v>
      </c>
      <c r="P1884" s="5" t="s">
        <v>39</v>
      </c>
      <c r="Q1884" s="5" t="s">
        <v>40</v>
      </c>
      <c r="R1884" s="5" t="s">
        <v>1522</v>
      </c>
      <c r="S1884" s="5" t="s">
        <v>1523</v>
      </c>
      <c r="T1884" s="5" t="s">
        <v>42</v>
      </c>
      <c r="U1884" s="2">
        <v>2.863</v>
      </c>
      <c r="V1884" s="2">
        <v>2.41</v>
      </c>
      <c r="W1884" s="2">
        <v>1.4999999999999999E-2</v>
      </c>
      <c r="X1884" s="2">
        <v>118.9</v>
      </c>
      <c r="Y1884" s="2">
        <v>7.6</v>
      </c>
      <c r="Z1884" s="2">
        <v>16.7</v>
      </c>
      <c r="AA1884" s="5"/>
      <c r="AB1884" s="5" t="s">
        <v>43</v>
      </c>
      <c r="AC1884" s="5" t="s">
        <v>44</v>
      </c>
      <c r="AD1884" s="2"/>
      <c r="AE1884" s="1"/>
    </row>
    <row r="1885" spans="1:31" ht="14.45">
      <c r="A1885" s="11"/>
      <c r="B1885" s="20"/>
      <c r="C1885" s="2" t="s">
        <v>6076</v>
      </c>
      <c r="D1885" s="14" t="s">
        <v>6077</v>
      </c>
      <c r="E1885" s="2" t="s">
        <v>6078</v>
      </c>
      <c r="F1885" s="2" t="s">
        <v>1783</v>
      </c>
      <c r="G1885" s="8">
        <v>206</v>
      </c>
      <c r="H1885" s="5">
        <v>6</v>
      </c>
      <c r="I1885" s="5" t="s">
        <v>1518</v>
      </c>
      <c r="J1885" s="5" t="s">
        <v>1519</v>
      </c>
      <c r="K1885" s="2" t="s">
        <v>1520</v>
      </c>
      <c r="L1885" s="5" t="s">
        <v>1519</v>
      </c>
      <c r="M1885" s="2" t="s">
        <v>1520</v>
      </c>
      <c r="N1885" s="5" t="s">
        <v>1521</v>
      </c>
      <c r="O1885" s="5" t="s">
        <v>38</v>
      </c>
      <c r="P1885" s="5" t="s">
        <v>39</v>
      </c>
      <c r="Q1885" s="5" t="s">
        <v>40</v>
      </c>
      <c r="R1885" s="5" t="s">
        <v>1522</v>
      </c>
      <c r="S1885" s="5" t="s">
        <v>1523</v>
      </c>
      <c r="T1885" s="5" t="s">
        <v>42</v>
      </c>
      <c r="U1885" s="2">
        <v>2.7759999999999998</v>
      </c>
      <c r="V1885" s="2">
        <v>2.323</v>
      </c>
      <c r="W1885" s="2">
        <v>1.4999999999999999E-2</v>
      </c>
      <c r="X1885" s="2">
        <v>118.9</v>
      </c>
      <c r="Y1885" s="2">
        <v>7.6</v>
      </c>
      <c r="Z1885" s="2">
        <v>16.7</v>
      </c>
      <c r="AA1885" s="5"/>
      <c r="AB1885" s="5" t="s">
        <v>43</v>
      </c>
      <c r="AC1885" s="5" t="s">
        <v>44</v>
      </c>
      <c r="AD1885" s="2"/>
      <c r="AE1885" s="1"/>
    </row>
    <row r="1886" spans="1:31" ht="14.45">
      <c r="A1886" s="11"/>
      <c r="B1886" s="20"/>
      <c r="C1886" s="2" t="s">
        <v>6079</v>
      </c>
      <c r="D1886" s="14" t="s">
        <v>6080</v>
      </c>
      <c r="E1886" s="2" t="s">
        <v>6081</v>
      </c>
      <c r="F1886" s="2" t="s">
        <v>1787</v>
      </c>
      <c r="G1886" s="8">
        <v>206</v>
      </c>
      <c r="H1886" s="5">
        <v>6</v>
      </c>
      <c r="I1886" s="5" t="s">
        <v>1518</v>
      </c>
      <c r="J1886" s="5" t="s">
        <v>1519</v>
      </c>
      <c r="K1886" s="2" t="s">
        <v>1520</v>
      </c>
      <c r="L1886" s="5" t="s">
        <v>1519</v>
      </c>
      <c r="M1886" s="2" t="s">
        <v>1520</v>
      </c>
      <c r="N1886" s="5" t="s">
        <v>1521</v>
      </c>
      <c r="O1886" s="5" t="s">
        <v>38</v>
      </c>
      <c r="P1886" s="5" t="s">
        <v>39</v>
      </c>
      <c r="Q1886" s="5" t="s">
        <v>40</v>
      </c>
      <c r="R1886" s="5" t="s">
        <v>1522</v>
      </c>
      <c r="S1886" s="5" t="s">
        <v>1523</v>
      </c>
      <c r="T1886" s="5" t="s">
        <v>42</v>
      </c>
      <c r="U1886" s="2">
        <v>2.8319999999999999</v>
      </c>
      <c r="V1886" s="2">
        <v>2.379</v>
      </c>
      <c r="W1886" s="2">
        <v>1.4999999999999999E-2</v>
      </c>
      <c r="X1886" s="2">
        <v>118.9</v>
      </c>
      <c r="Y1886" s="2">
        <v>7.6</v>
      </c>
      <c r="Z1886" s="2">
        <v>16.7</v>
      </c>
      <c r="AA1886" s="5"/>
      <c r="AB1886" s="5" t="s">
        <v>43</v>
      </c>
      <c r="AC1886" s="5" t="s">
        <v>44</v>
      </c>
      <c r="AD1886" s="2"/>
      <c r="AE1886" s="1"/>
    </row>
    <row r="1887" spans="1:31" ht="14.45">
      <c r="A1887" s="11"/>
      <c r="B1887" s="20"/>
      <c r="C1887" s="2" t="s">
        <v>6082</v>
      </c>
      <c r="D1887" s="14" t="s">
        <v>6083</v>
      </c>
      <c r="E1887" s="2" t="s">
        <v>6084</v>
      </c>
      <c r="F1887" s="2" t="s">
        <v>1791</v>
      </c>
      <c r="G1887" s="8">
        <v>206</v>
      </c>
      <c r="H1887" s="5">
        <v>6</v>
      </c>
      <c r="I1887" s="5" t="s">
        <v>1518</v>
      </c>
      <c r="J1887" s="5" t="s">
        <v>1519</v>
      </c>
      <c r="K1887" s="2" t="s">
        <v>1520</v>
      </c>
      <c r="L1887" s="5" t="s">
        <v>1519</v>
      </c>
      <c r="M1887" s="2" t="s">
        <v>1520</v>
      </c>
      <c r="N1887" s="5" t="s">
        <v>1521</v>
      </c>
      <c r="O1887" s="5" t="s">
        <v>38</v>
      </c>
      <c r="P1887" s="5" t="s">
        <v>39</v>
      </c>
      <c r="Q1887" s="5" t="s">
        <v>40</v>
      </c>
      <c r="R1887" s="5" t="s">
        <v>1522</v>
      </c>
      <c r="S1887" s="5" t="s">
        <v>1523</v>
      </c>
      <c r="T1887" s="5" t="s">
        <v>42</v>
      </c>
      <c r="U1887" s="2">
        <v>2.8069999999999999</v>
      </c>
      <c r="V1887" s="2">
        <v>2.3540000000000001</v>
      </c>
      <c r="W1887" s="2">
        <v>1.4999999999999999E-2</v>
      </c>
      <c r="X1887" s="2">
        <v>118.9</v>
      </c>
      <c r="Y1887" s="2">
        <v>7.6</v>
      </c>
      <c r="Z1887" s="2">
        <v>16.7</v>
      </c>
      <c r="AA1887" s="5"/>
      <c r="AB1887" s="5" t="s">
        <v>43</v>
      </c>
      <c r="AC1887" s="5" t="s">
        <v>44</v>
      </c>
      <c r="AD1887" s="2"/>
      <c r="AE1887" s="1"/>
    </row>
    <row r="1888" spans="1:31" ht="14.45">
      <c r="A1888" s="11"/>
      <c r="B1888" s="20"/>
      <c r="C1888" s="2" t="s">
        <v>6085</v>
      </c>
      <c r="D1888" s="14" t="s">
        <v>6086</v>
      </c>
      <c r="E1888" s="2" t="s">
        <v>6087</v>
      </c>
      <c r="F1888" s="2" t="s">
        <v>1795</v>
      </c>
      <c r="G1888" s="8">
        <v>206</v>
      </c>
      <c r="H1888" s="5">
        <v>6</v>
      </c>
      <c r="I1888" s="5" t="s">
        <v>1518</v>
      </c>
      <c r="J1888" s="5" t="s">
        <v>1519</v>
      </c>
      <c r="K1888" s="2" t="s">
        <v>1520</v>
      </c>
      <c r="L1888" s="5" t="s">
        <v>1519</v>
      </c>
      <c r="M1888" s="2" t="s">
        <v>1520</v>
      </c>
      <c r="N1888" s="5" t="s">
        <v>1521</v>
      </c>
      <c r="O1888" s="5" t="s">
        <v>38</v>
      </c>
      <c r="P1888" s="5" t="s">
        <v>39</v>
      </c>
      <c r="Q1888" s="5" t="s">
        <v>40</v>
      </c>
      <c r="R1888" s="5" t="s">
        <v>1522</v>
      </c>
      <c r="S1888" s="5" t="s">
        <v>1523</v>
      </c>
      <c r="T1888" s="5" t="s">
        <v>42</v>
      </c>
      <c r="U1888" s="2">
        <v>2.863</v>
      </c>
      <c r="V1888" s="2">
        <v>2.41</v>
      </c>
      <c r="W1888" s="2">
        <v>1.4999999999999999E-2</v>
      </c>
      <c r="X1888" s="2">
        <v>118.9</v>
      </c>
      <c r="Y1888" s="2">
        <v>7.6</v>
      </c>
      <c r="Z1888" s="2">
        <v>16.7</v>
      </c>
      <c r="AA1888" s="5"/>
      <c r="AB1888" s="5" t="s">
        <v>43</v>
      </c>
      <c r="AC1888" s="5" t="s">
        <v>44</v>
      </c>
      <c r="AD1888" s="2"/>
      <c r="AE1888" s="1"/>
    </row>
    <row r="1889" spans="1:31" ht="14.45">
      <c r="A1889" s="11"/>
      <c r="B1889" s="20"/>
      <c r="C1889" s="2" t="s">
        <v>6088</v>
      </c>
      <c r="D1889" s="14" t="s">
        <v>6089</v>
      </c>
      <c r="E1889" s="2" t="s">
        <v>6090</v>
      </c>
      <c r="F1889" s="2" t="s">
        <v>1799</v>
      </c>
      <c r="G1889" s="8">
        <v>206</v>
      </c>
      <c r="H1889" s="5">
        <v>6</v>
      </c>
      <c r="I1889" s="5" t="s">
        <v>1518</v>
      </c>
      <c r="J1889" s="5" t="s">
        <v>1519</v>
      </c>
      <c r="K1889" s="2" t="s">
        <v>1520</v>
      </c>
      <c r="L1889" s="5" t="s">
        <v>1519</v>
      </c>
      <c r="M1889" s="2" t="s">
        <v>1520</v>
      </c>
      <c r="N1889" s="5" t="s">
        <v>1521</v>
      </c>
      <c r="O1889" s="5" t="s">
        <v>38</v>
      </c>
      <c r="P1889" s="5" t="s">
        <v>39</v>
      </c>
      <c r="Q1889" s="5" t="s">
        <v>40</v>
      </c>
      <c r="R1889" s="5" t="s">
        <v>1522</v>
      </c>
      <c r="S1889" s="5" t="s">
        <v>1523</v>
      </c>
      <c r="T1889" s="5" t="s">
        <v>42</v>
      </c>
      <c r="U1889" s="2">
        <v>2.8069999999999999</v>
      </c>
      <c r="V1889" s="2">
        <v>2.3540000000000001</v>
      </c>
      <c r="W1889" s="2">
        <v>1.4999999999999999E-2</v>
      </c>
      <c r="X1889" s="2">
        <v>118.9</v>
      </c>
      <c r="Y1889" s="2">
        <v>7.6</v>
      </c>
      <c r="Z1889" s="2">
        <v>16.7</v>
      </c>
      <c r="AA1889" s="5"/>
      <c r="AB1889" s="5" t="s">
        <v>43</v>
      </c>
      <c r="AC1889" s="5" t="s">
        <v>44</v>
      </c>
      <c r="AD1889" s="2"/>
      <c r="AE1889" s="1"/>
    </row>
    <row r="1890" spans="1:31" ht="14.45">
      <c r="A1890" s="11"/>
      <c r="B1890" s="20"/>
      <c r="C1890" s="2" t="s">
        <v>6091</v>
      </c>
      <c r="D1890" s="14" t="s">
        <v>6092</v>
      </c>
      <c r="E1890" s="2" t="s">
        <v>6093</v>
      </c>
      <c r="F1890" s="2" t="s">
        <v>1803</v>
      </c>
      <c r="G1890" s="8">
        <v>206</v>
      </c>
      <c r="H1890" s="5">
        <v>6</v>
      </c>
      <c r="I1890" s="5" t="s">
        <v>1518</v>
      </c>
      <c r="J1890" s="5" t="s">
        <v>1519</v>
      </c>
      <c r="K1890" s="2" t="s">
        <v>1520</v>
      </c>
      <c r="L1890" s="5" t="s">
        <v>1519</v>
      </c>
      <c r="M1890" s="2" t="s">
        <v>1520</v>
      </c>
      <c r="N1890" s="5" t="s">
        <v>1521</v>
      </c>
      <c r="O1890" s="5" t="s">
        <v>38</v>
      </c>
      <c r="P1890" s="5" t="s">
        <v>39</v>
      </c>
      <c r="Q1890" s="5" t="s">
        <v>40</v>
      </c>
      <c r="R1890" s="5" t="s">
        <v>1522</v>
      </c>
      <c r="S1890" s="5" t="s">
        <v>1523</v>
      </c>
      <c r="T1890" s="5" t="s">
        <v>42</v>
      </c>
      <c r="U1890" s="2">
        <v>2.863</v>
      </c>
      <c r="V1890" s="2">
        <v>2.41</v>
      </c>
      <c r="W1890" s="2">
        <v>1.4999999999999999E-2</v>
      </c>
      <c r="X1890" s="2">
        <v>118.9</v>
      </c>
      <c r="Y1890" s="2">
        <v>7.6</v>
      </c>
      <c r="Z1890" s="2">
        <v>16.7</v>
      </c>
      <c r="AA1890" s="5"/>
      <c r="AB1890" s="5" t="s">
        <v>43</v>
      </c>
      <c r="AC1890" s="5" t="s">
        <v>44</v>
      </c>
      <c r="AD1890" s="2"/>
      <c r="AE1890" s="1"/>
    </row>
    <row r="1891" spans="1:31" ht="14.45">
      <c r="A1891" s="11"/>
      <c r="B1891" s="20"/>
      <c r="C1891" s="2" t="s">
        <v>6094</v>
      </c>
      <c r="D1891" s="14" t="s">
        <v>6095</v>
      </c>
      <c r="E1891" s="2" t="s">
        <v>6096</v>
      </c>
      <c r="F1891" s="2" t="s">
        <v>1807</v>
      </c>
      <c r="G1891" s="8">
        <v>206</v>
      </c>
      <c r="H1891" s="5">
        <v>6</v>
      </c>
      <c r="I1891" s="5" t="s">
        <v>1518</v>
      </c>
      <c r="J1891" s="5" t="s">
        <v>1519</v>
      </c>
      <c r="K1891" s="2" t="s">
        <v>1520</v>
      </c>
      <c r="L1891" s="5" t="s">
        <v>1519</v>
      </c>
      <c r="M1891" s="2" t="s">
        <v>1520</v>
      </c>
      <c r="N1891" s="5" t="s">
        <v>1521</v>
      </c>
      <c r="O1891" s="5" t="s">
        <v>38</v>
      </c>
      <c r="P1891" s="5" t="s">
        <v>39</v>
      </c>
      <c r="Q1891" s="5" t="s">
        <v>40</v>
      </c>
      <c r="R1891" s="5" t="s">
        <v>1522</v>
      </c>
      <c r="S1891" s="5" t="s">
        <v>1523</v>
      </c>
      <c r="T1891" s="5" t="s">
        <v>42</v>
      </c>
      <c r="U1891" s="2">
        <v>2.8069999999999999</v>
      </c>
      <c r="V1891" s="2">
        <v>2.3540000000000001</v>
      </c>
      <c r="W1891" s="2">
        <v>1.4999999999999999E-2</v>
      </c>
      <c r="X1891" s="2">
        <v>118.9</v>
      </c>
      <c r="Y1891" s="2">
        <v>7.6</v>
      </c>
      <c r="Z1891" s="2">
        <v>16.7</v>
      </c>
      <c r="AA1891" s="5"/>
      <c r="AB1891" s="5" t="s">
        <v>43</v>
      </c>
      <c r="AC1891" s="5" t="s">
        <v>44</v>
      </c>
      <c r="AD1891" s="2"/>
      <c r="AE1891" s="1"/>
    </row>
    <row r="1892" spans="1:31" ht="14.45">
      <c r="A1892" s="11"/>
      <c r="B1892" s="20"/>
      <c r="C1892" s="2" t="s">
        <v>6097</v>
      </c>
      <c r="D1892" s="14" t="s">
        <v>6098</v>
      </c>
      <c r="E1892" s="2" t="s">
        <v>6099</v>
      </c>
      <c r="F1892" s="2" t="s">
        <v>1811</v>
      </c>
      <c r="G1892" s="8">
        <v>206</v>
      </c>
      <c r="H1892" s="5">
        <v>6</v>
      </c>
      <c r="I1892" s="5" t="s">
        <v>1518</v>
      </c>
      <c r="J1892" s="5" t="s">
        <v>1519</v>
      </c>
      <c r="K1892" s="2" t="s">
        <v>1520</v>
      </c>
      <c r="L1892" s="5" t="s">
        <v>1519</v>
      </c>
      <c r="M1892" s="2" t="s">
        <v>1520</v>
      </c>
      <c r="N1892" s="5" t="s">
        <v>1521</v>
      </c>
      <c r="O1892" s="5" t="s">
        <v>38</v>
      </c>
      <c r="P1892" s="5" t="s">
        <v>39</v>
      </c>
      <c r="Q1892" s="5" t="s">
        <v>40</v>
      </c>
      <c r="R1892" s="5" t="s">
        <v>1522</v>
      </c>
      <c r="S1892" s="5" t="s">
        <v>1523</v>
      </c>
      <c r="T1892" s="5" t="s">
        <v>42</v>
      </c>
      <c r="U1892" s="2">
        <v>2.863</v>
      </c>
      <c r="V1892" s="2">
        <v>2.41</v>
      </c>
      <c r="W1892" s="2">
        <v>1.4999999999999999E-2</v>
      </c>
      <c r="X1892" s="2">
        <v>118.9</v>
      </c>
      <c r="Y1892" s="2">
        <v>7.6</v>
      </c>
      <c r="Z1892" s="2">
        <v>16.7</v>
      </c>
      <c r="AA1892" s="5"/>
      <c r="AB1892" s="5" t="s">
        <v>43</v>
      </c>
      <c r="AC1892" s="5" t="s">
        <v>44</v>
      </c>
      <c r="AD1892" s="2"/>
      <c r="AE1892" s="1"/>
    </row>
    <row r="1893" spans="1:31" ht="14.45">
      <c r="A1893" s="11"/>
      <c r="B1893" s="20"/>
      <c r="C1893" s="2" t="s">
        <v>6100</v>
      </c>
      <c r="D1893" s="14" t="s">
        <v>6101</v>
      </c>
      <c r="E1893" s="2" t="s">
        <v>6102</v>
      </c>
      <c r="F1893" s="2" t="s">
        <v>1815</v>
      </c>
      <c r="G1893" s="8">
        <v>206</v>
      </c>
      <c r="H1893" s="5">
        <v>6</v>
      </c>
      <c r="I1893" s="5" t="s">
        <v>1518</v>
      </c>
      <c r="J1893" s="5" t="s">
        <v>1519</v>
      </c>
      <c r="K1893" s="2" t="s">
        <v>1520</v>
      </c>
      <c r="L1893" s="5" t="s">
        <v>1519</v>
      </c>
      <c r="M1893" s="2" t="s">
        <v>1520</v>
      </c>
      <c r="N1893" s="5" t="s">
        <v>1521</v>
      </c>
      <c r="O1893" s="5" t="s">
        <v>38</v>
      </c>
      <c r="P1893" s="5" t="s">
        <v>39</v>
      </c>
      <c r="Q1893" s="5" t="s">
        <v>40</v>
      </c>
      <c r="R1893" s="5" t="s">
        <v>1522</v>
      </c>
      <c r="S1893" s="5" t="s">
        <v>1523</v>
      </c>
      <c r="T1893" s="5" t="s">
        <v>42</v>
      </c>
      <c r="U1893" s="2">
        <v>2.7759999999999998</v>
      </c>
      <c r="V1893" s="2">
        <v>2.323</v>
      </c>
      <c r="W1893" s="2">
        <v>1.4999999999999999E-2</v>
      </c>
      <c r="X1893" s="2">
        <v>118.9</v>
      </c>
      <c r="Y1893" s="2">
        <v>7.6</v>
      </c>
      <c r="Z1893" s="2">
        <v>16.7</v>
      </c>
      <c r="AA1893" s="5"/>
      <c r="AB1893" s="5" t="s">
        <v>43</v>
      </c>
      <c r="AC1893" s="5" t="s">
        <v>44</v>
      </c>
      <c r="AD1893" s="2"/>
      <c r="AE1893" s="1"/>
    </row>
    <row r="1894" spans="1:31" ht="14.45">
      <c r="A1894" s="11"/>
      <c r="B1894" s="20"/>
      <c r="C1894" s="2" t="s">
        <v>6103</v>
      </c>
      <c r="D1894" s="14" t="s">
        <v>6104</v>
      </c>
      <c r="E1894" s="2" t="s">
        <v>6105</v>
      </c>
      <c r="F1894" s="2" t="s">
        <v>1819</v>
      </c>
      <c r="G1894" s="8">
        <v>206</v>
      </c>
      <c r="H1894" s="5">
        <v>6</v>
      </c>
      <c r="I1894" s="5" t="s">
        <v>1518</v>
      </c>
      <c r="J1894" s="5" t="s">
        <v>1519</v>
      </c>
      <c r="K1894" s="2" t="s">
        <v>1520</v>
      </c>
      <c r="L1894" s="5" t="s">
        <v>1519</v>
      </c>
      <c r="M1894" s="2" t="s">
        <v>1520</v>
      </c>
      <c r="N1894" s="5" t="s">
        <v>1521</v>
      </c>
      <c r="O1894" s="5" t="s">
        <v>38</v>
      </c>
      <c r="P1894" s="5" t="s">
        <v>39</v>
      </c>
      <c r="Q1894" s="5" t="s">
        <v>40</v>
      </c>
      <c r="R1894" s="5" t="s">
        <v>1522</v>
      </c>
      <c r="S1894" s="5" t="s">
        <v>1523</v>
      </c>
      <c r="T1894" s="5" t="s">
        <v>42</v>
      </c>
      <c r="U1894" s="2">
        <v>2.8319999999999999</v>
      </c>
      <c r="V1894" s="2">
        <v>2.379</v>
      </c>
      <c r="W1894" s="2">
        <v>1.4999999999999999E-2</v>
      </c>
      <c r="X1894" s="2">
        <v>118.9</v>
      </c>
      <c r="Y1894" s="2">
        <v>7.6</v>
      </c>
      <c r="Z1894" s="2">
        <v>16.7</v>
      </c>
      <c r="AA1894" s="5"/>
      <c r="AB1894" s="5" t="s">
        <v>43</v>
      </c>
      <c r="AC1894" s="5" t="s">
        <v>44</v>
      </c>
      <c r="AD1894" s="2"/>
      <c r="AE1894" s="1"/>
    </row>
    <row r="1895" spans="1:31" ht="14.45">
      <c r="A1895" s="11"/>
      <c r="B1895" s="20"/>
      <c r="C1895" s="2" t="s">
        <v>6106</v>
      </c>
      <c r="D1895" s="14" t="s">
        <v>6107</v>
      </c>
      <c r="E1895" s="2" t="s">
        <v>6108</v>
      </c>
      <c r="F1895" s="2" t="s">
        <v>1823</v>
      </c>
      <c r="G1895" s="8">
        <v>206</v>
      </c>
      <c r="H1895" s="5">
        <v>8</v>
      </c>
      <c r="I1895" s="5" t="s">
        <v>1518</v>
      </c>
      <c r="J1895" s="5" t="s">
        <v>1519</v>
      </c>
      <c r="K1895" s="2" t="s">
        <v>1520</v>
      </c>
      <c r="L1895" s="5" t="s">
        <v>1519</v>
      </c>
      <c r="M1895" s="2" t="s">
        <v>1520</v>
      </c>
      <c r="N1895" s="5" t="s">
        <v>1521</v>
      </c>
      <c r="O1895" s="5" t="s">
        <v>38</v>
      </c>
      <c r="P1895" s="5" t="s">
        <v>39</v>
      </c>
      <c r="Q1895" s="5" t="s">
        <v>40</v>
      </c>
      <c r="R1895" s="5" t="s">
        <v>1522</v>
      </c>
      <c r="S1895" s="5" t="s">
        <v>1523</v>
      </c>
      <c r="T1895" s="5" t="s">
        <v>42</v>
      </c>
      <c r="U1895" s="2">
        <v>2.83</v>
      </c>
      <c r="V1895" s="2">
        <v>2.3769999999999998</v>
      </c>
      <c r="W1895" s="2">
        <v>1.4999999999999999E-2</v>
      </c>
      <c r="X1895" s="2">
        <v>118.9</v>
      </c>
      <c r="Y1895" s="2">
        <v>7.6</v>
      </c>
      <c r="Z1895" s="2">
        <v>16.7</v>
      </c>
      <c r="AA1895" s="5"/>
      <c r="AB1895" s="5" t="s">
        <v>43</v>
      </c>
      <c r="AC1895" s="5" t="s">
        <v>44</v>
      </c>
      <c r="AD1895" s="2"/>
      <c r="AE1895" s="1"/>
    </row>
    <row r="1896" spans="1:31" ht="14.45">
      <c r="A1896" s="11"/>
      <c r="B1896" s="20"/>
      <c r="C1896" s="2" t="s">
        <v>6109</v>
      </c>
      <c r="D1896" s="14" t="s">
        <v>6110</v>
      </c>
      <c r="E1896" s="2" t="s">
        <v>6111</v>
      </c>
      <c r="F1896" s="2" t="s">
        <v>1827</v>
      </c>
      <c r="G1896" s="8">
        <v>206</v>
      </c>
      <c r="H1896" s="5">
        <v>8</v>
      </c>
      <c r="I1896" s="5" t="s">
        <v>1518</v>
      </c>
      <c r="J1896" s="5" t="s">
        <v>1519</v>
      </c>
      <c r="K1896" s="2" t="s">
        <v>1520</v>
      </c>
      <c r="L1896" s="5" t="s">
        <v>1519</v>
      </c>
      <c r="M1896" s="2" t="s">
        <v>1520</v>
      </c>
      <c r="N1896" s="5" t="s">
        <v>1521</v>
      </c>
      <c r="O1896" s="5" t="s">
        <v>38</v>
      </c>
      <c r="P1896" s="5" t="s">
        <v>39</v>
      </c>
      <c r="Q1896" s="5" t="s">
        <v>40</v>
      </c>
      <c r="R1896" s="5" t="s">
        <v>1522</v>
      </c>
      <c r="S1896" s="5" t="s">
        <v>1523</v>
      </c>
      <c r="T1896" s="5" t="s">
        <v>42</v>
      </c>
      <c r="U1896" s="2">
        <v>2.8860000000000001</v>
      </c>
      <c r="V1896" s="2">
        <v>2.4329999999999998</v>
      </c>
      <c r="W1896" s="2">
        <v>1.4999999999999999E-2</v>
      </c>
      <c r="X1896" s="2">
        <v>118.9</v>
      </c>
      <c r="Y1896" s="2">
        <v>7.6</v>
      </c>
      <c r="Z1896" s="2">
        <v>16.7</v>
      </c>
      <c r="AA1896" s="5"/>
      <c r="AB1896" s="5" t="s">
        <v>43</v>
      </c>
      <c r="AC1896" s="5" t="s">
        <v>44</v>
      </c>
      <c r="AD1896" s="2"/>
      <c r="AE1896" s="1"/>
    </row>
    <row r="1897" spans="1:31" ht="14.45">
      <c r="A1897" s="11"/>
      <c r="B1897" s="20"/>
      <c r="C1897" s="2" t="s">
        <v>6112</v>
      </c>
      <c r="D1897" s="14" t="s">
        <v>6113</v>
      </c>
      <c r="E1897" s="2" t="s">
        <v>6114</v>
      </c>
      <c r="F1897" s="2" t="s">
        <v>1973</v>
      </c>
      <c r="G1897" s="8">
        <v>206</v>
      </c>
      <c r="H1897" s="5">
        <v>13</v>
      </c>
      <c r="I1897" s="5" t="s">
        <v>1518</v>
      </c>
      <c r="J1897" s="5" t="s">
        <v>1519</v>
      </c>
      <c r="K1897" s="2" t="s">
        <v>1520</v>
      </c>
      <c r="L1897" s="5" t="s">
        <v>1519</v>
      </c>
      <c r="M1897" s="2" t="s">
        <v>1520</v>
      </c>
      <c r="N1897" s="5" t="s">
        <v>1521</v>
      </c>
      <c r="O1897" s="5" t="s">
        <v>38</v>
      </c>
      <c r="P1897" s="5" t="s">
        <v>39</v>
      </c>
      <c r="Q1897" s="5" t="s">
        <v>40</v>
      </c>
      <c r="R1897" s="5" t="s">
        <v>1522</v>
      </c>
      <c r="S1897" s="5" t="s">
        <v>1523</v>
      </c>
      <c r="T1897" s="5" t="s">
        <v>42</v>
      </c>
      <c r="U1897" s="2">
        <v>2.8420000000000001</v>
      </c>
      <c r="V1897" s="2">
        <v>2.3889999999999998</v>
      </c>
      <c r="W1897" s="2">
        <v>1.4999999999999999E-2</v>
      </c>
      <c r="X1897" s="2">
        <v>118.9</v>
      </c>
      <c r="Y1897" s="2">
        <v>7.6</v>
      </c>
      <c r="Z1897" s="2">
        <v>16.7</v>
      </c>
      <c r="AA1897" s="5"/>
      <c r="AB1897" s="5" t="s">
        <v>43</v>
      </c>
      <c r="AC1897" s="5" t="s">
        <v>44</v>
      </c>
      <c r="AD1897" s="2"/>
      <c r="AE1897" s="1"/>
    </row>
    <row r="1898" spans="1:31" ht="14.45">
      <c r="A1898" s="11"/>
      <c r="B1898" s="20"/>
      <c r="C1898" s="2" t="s">
        <v>6115</v>
      </c>
      <c r="D1898" s="14" t="s">
        <v>6116</v>
      </c>
      <c r="E1898" s="2" t="s">
        <v>6117</v>
      </c>
      <c r="F1898" s="2" t="s">
        <v>2348</v>
      </c>
      <c r="G1898" s="8">
        <v>206</v>
      </c>
      <c r="H1898" s="5">
        <v>13</v>
      </c>
      <c r="I1898" s="5" t="s">
        <v>1518</v>
      </c>
      <c r="J1898" s="5" t="s">
        <v>1519</v>
      </c>
      <c r="K1898" s="2" t="s">
        <v>1520</v>
      </c>
      <c r="L1898" s="5" t="s">
        <v>1519</v>
      </c>
      <c r="M1898" s="2" t="s">
        <v>1520</v>
      </c>
      <c r="N1898" s="5" t="s">
        <v>1521</v>
      </c>
      <c r="O1898" s="5" t="s">
        <v>38</v>
      </c>
      <c r="P1898" s="5" t="s">
        <v>39</v>
      </c>
      <c r="Q1898" s="5" t="s">
        <v>40</v>
      </c>
      <c r="R1898" s="5" t="s">
        <v>1522</v>
      </c>
      <c r="S1898" s="5" t="s">
        <v>1523</v>
      </c>
      <c r="T1898" s="5" t="s">
        <v>42</v>
      </c>
      <c r="U1898" s="2">
        <v>2.8980000000000001</v>
      </c>
      <c r="V1898" s="2">
        <v>2.4449999999999998</v>
      </c>
      <c r="W1898" s="2">
        <v>1.4999999999999999E-2</v>
      </c>
      <c r="X1898" s="2">
        <v>118.9</v>
      </c>
      <c r="Y1898" s="2">
        <v>7.6</v>
      </c>
      <c r="Z1898" s="2">
        <v>16.7</v>
      </c>
      <c r="AA1898" s="5"/>
      <c r="AB1898" s="5" t="s">
        <v>43</v>
      </c>
      <c r="AC1898" s="5" t="s">
        <v>44</v>
      </c>
      <c r="AD1898" s="2"/>
      <c r="AE1898" s="1"/>
    </row>
    <row r="1899" spans="1:31" ht="14.45">
      <c r="A1899" s="11"/>
      <c r="B1899" s="20"/>
      <c r="C1899" s="2" t="s">
        <v>6118</v>
      </c>
      <c r="D1899" s="14" t="s">
        <v>6119</v>
      </c>
      <c r="E1899" s="2" t="s">
        <v>6120</v>
      </c>
      <c r="F1899" s="2" t="s">
        <v>2208</v>
      </c>
      <c r="G1899" s="8">
        <v>206</v>
      </c>
      <c r="H1899" s="5">
        <v>13</v>
      </c>
      <c r="I1899" s="5" t="s">
        <v>1518</v>
      </c>
      <c r="J1899" s="5" t="s">
        <v>1519</v>
      </c>
      <c r="K1899" s="2" t="s">
        <v>1520</v>
      </c>
      <c r="L1899" s="5" t="s">
        <v>1519</v>
      </c>
      <c r="M1899" s="2" t="s">
        <v>1520</v>
      </c>
      <c r="N1899" s="5" t="s">
        <v>1521</v>
      </c>
      <c r="O1899" s="5" t="s">
        <v>38</v>
      </c>
      <c r="P1899" s="5" t="s">
        <v>39</v>
      </c>
      <c r="Q1899" s="5" t="s">
        <v>40</v>
      </c>
      <c r="R1899" s="5" t="s">
        <v>1522</v>
      </c>
      <c r="S1899" s="5" t="s">
        <v>1523</v>
      </c>
      <c r="T1899" s="5" t="s">
        <v>42</v>
      </c>
      <c r="U1899" s="2">
        <v>2.8420000000000001</v>
      </c>
      <c r="V1899" s="2">
        <v>2.3889999999999998</v>
      </c>
      <c r="W1899" s="2">
        <v>1.4999999999999999E-2</v>
      </c>
      <c r="X1899" s="2">
        <v>118.9</v>
      </c>
      <c r="Y1899" s="2">
        <v>7.6</v>
      </c>
      <c r="Z1899" s="2">
        <v>16.7</v>
      </c>
      <c r="AA1899" s="5"/>
      <c r="AB1899" s="5" t="s">
        <v>43</v>
      </c>
      <c r="AC1899" s="5" t="s">
        <v>44</v>
      </c>
      <c r="AD1899" s="2"/>
      <c r="AE1899" s="1"/>
    </row>
    <row r="1900" spans="1:31" ht="14.45">
      <c r="A1900" s="11"/>
      <c r="B1900" s="20"/>
      <c r="C1900" s="2" t="s">
        <v>6121</v>
      </c>
      <c r="D1900" s="14" t="s">
        <v>6122</v>
      </c>
      <c r="E1900" s="2" t="s">
        <v>6123</v>
      </c>
      <c r="F1900" s="2" t="s">
        <v>2212</v>
      </c>
      <c r="G1900" s="8">
        <v>206</v>
      </c>
      <c r="H1900" s="5">
        <v>13</v>
      </c>
      <c r="I1900" s="5" t="s">
        <v>1518</v>
      </c>
      <c r="J1900" s="5" t="s">
        <v>1519</v>
      </c>
      <c r="K1900" s="2" t="s">
        <v>1520</v>
      </c>
      <c r="L1900" s="5" t="s">
        <v>1519</v>
      </c>
      <c r="M1900" s="2" t="s">
        <v>1520</v>
      </c>
      <c r="N1900" s="5" t="s">
        <v>1521</v>
      </c>
      <c r="O1900" s="5" t="s">
        <v>38</v>
      </c>
      <c r="P1900" s="5" t="s">
        <v>39</v>
      </c>
      <c r="Q1900" s="5" t="s">
        <v>40</v>
      </c>
      <c r="R1900" s="5" t="s">
        <v>1522</v>
      </c>
      <c r="S1900" s="5" t="s">
        <v>1523</v>
      </c>
      <c r="T1900" s="5" t="s">
        <v>42</v>
      </c>
      <c r="U1900" s="2">
        <v>2.8980000000000001</v>
      </c>
      <c r="V1900" s="2">
        <v>2.4449999999999998</v>
      </c>
      <c r="W1900" s="2">
        <v>1.4999999999999999E-2</v>
      </c>
      <c r="X1900" s="2">
        <v>118.9</v>
      </c>
      <c r="Y1900" s="2">
        <v>7.6</v>
      </c>
      <c r="Z1900" s="2">
        <v>16.7</v>
      </c>
      <c r="AA1900" s="5"/>
      <c r="AB1900" s="5" t="s">
        <v>43</v>
      </c>
      <c r="AC1900" s="5" t="s">
        <v>44</v>
      </c>
      <c r="AD1900" s="2"/>
      <c r="AE1900" s="1"/>
    </row>
    <row r="1901" spans="1:31" ht="14.45">
      <c r="A1901" s="11"/>
      <c r="B1901" s="20"/>
      <c r="C1901" s="2" t="s">
        <v>6124</v>
      </c>
      <c r="D1901" s="14" t="s">
        <v>6125</v>
      </c>
      <c r="E1901" s="2" t="s">
        <v>6126</v>
      </c>
      <c r="F1901" s="2" t="s">
        <v>1831</v>
      </c>
      <c r="G1901" s="8">
        <v>206</v>
      </c>
      <c r="H1901" s="5">
        <v>13</v>
      </c>
      <c r="I1901" s="5" t="s">
        <v>1518</v>
      </c>
      <c r="J1901" s="5" t="s">
        <v>1519</v>
      </c>
      <c r="K1901" s="2" t="s">
        <v>1520</v>
      </c>
      <c r="L1901" s="5" t="s">
        <v>1519</v>
      </c>
      <c r="M1901" s="2" t="s">
        <v>1520</v>
      </c>
      <c r="N1901" s="5" t="s">
        <v>1521</v>
      </c>
      <c r="O1901" s="5" t="s">
        <v>38</v>
      </c>
      <c r="P1901" s="5" t="s">
        <v>39</v>
      </c>
      <c r="Q1901" s="5" t="s">
        <v>40</v>
      </c>
      <c r="R1901" s="5" t="s">
        <v>1522</v>
      </c>
      <c r="S1901" s="5" t="s">
        <v>1523</v>
      </c>
      <c r="T1901" s="5" t="s">
        <v>42</v>
      </c>
      <c r="U1901" s="2">
        <v>2.8420000000000001</v>
      </c>
      <c r="V1901" s="2">
        <v>2.3889999999999998</v>
      </c>
      <c r="W1901" s="2">
        <v>1.4999999999999999E-2</v>
      </c>
      <c r="X1901" s="2">
        <v>118.9</v>
      </c>
      <c r="Y1901" s="2">
        <v>7.6</v>
      </c>
      <c r="Z1901" s="2">
        <v>16.7</v>
      </c>
      <c r="AA1901" s="5"/>
      <c r="AB1901" s="5" t="s">
        <v>43</v>
      </c>
      <c r="AC1901" s="5" t="s">
        <v>44</v>
      </c>
      <c r="AD1901" s="2"/>
      <c r="AE1901" s="1"/>
    </row>
    <row r="1902" spans="1:31" ht="14.45">
      <c r="A1902" s="11"/>
      <c r="B1902" s="20"/>
      <c r="C1902" s="2" t="s">
        <v>6127</v>
      </c>
      <c r="D1902" s="14" t="s">
        <v>6128</v>
      </c>
      <c r="E1902" s="2" t="s">
        <v>6129</v>
      </c>
      <c r="F1902" s="2" t="s">
        <v>1835</v>
      </c>
      <c r="G1902" s="8">
        <v>206</v>
      </c>
      <c r="H1902" s="5">
        <v>13</v>
      </c>
      <c r="I1902" s="5" t="s">
        <v>1518</v>
      </c>
      <c r="J1902" s="5" t="s">
        <v>1519</v>
      </c>
      <c r="K1902" s="2" t="s">
        <v>1520</v>
      </c>
      <c r="L1902" s="5" t="s">
        <v>1519</v>
      </c>
      <c r="M1902" s="2" t="s">
        <v>1520</v>
      </c>
      <c r="N1902" s="5" t="s">
        <v>1521</v>
      </c>
      <c r="O1902" s="5" t="s">
        <v>38</v>
      </c>
      <c r="P1902" s="5" t="s">
        <v>39</v>
      </c>
      <c r="Q1902" s="5" t="s">
        <v>40</v>
      </c>
      <c r="R1902" s="5" t="s">
        <v>1522</v>
      </c>
      <c r="S1902" s="5" t="s">
        <v>1523</v>
      </c>
      <c r="T1902" s="5" t="s">
        <v>42</v>
      </c>
      <c r="U1902" s="2">
        <v>2.8980000000000001</v>
      </c>
      <c r="V1902" s="2">
        <v>2.4449999999999998</v>
      </c>
      <c r="W1902" s="2">
        <v>1.4999999999999999E-2</v>
      </c>
      <c r="X1902" s="2">
        <v>118.9</v>
      </c>
      <c r="Y1902" s="2">
        <v>7.6</v>
      </c>
      <c r="Z1902" s="2">
        <v>16.7</v>
      </c>
      <c r="AA1902" s="5"/>
      <c r="AB1902" s="5" t="s">
        <v>43</v>
      </c>
      <c r="AC1902" s="5" t="s">
        <v>44</v>
      </c>
      <c r="AD1902" s="2"/>
      <c r="AE1902" s="1"/>
    </row>
    <row r="1903" spans="1:31" ht="14.45">
      <c r="A1903" s="11"/>
      <c r="B1903" s="20"/>
      <c r="C1903" s="2" t="s">
        <v>6130</v>
      </c>
      <c r="D1903" s="14" t="s">
        <v>6131</v>
      </c>
      <c r="E1903" s="2" t="s">
        <v>6132</v>
      </c>
      <c r="F1903" s="2" t="s">
        <v>1839</v>
      </c>
      <c r="G1903" s="8">
        <v>206</v>
      </c>
      <c r="H1903" s="5">
        <v>13</v>
      </c>
      <c r="I1903" s="5" t="s">
        <v>1518</v>
      </c>
      <c r="J1903" s="5" t="s">
        <v>1519</v>
      </c>
      <c r="K1903" s="2" t="s">
        <v>1520</v>
      </c>
      <c r="L1903" s="5" t="s">
        <v>1519</v>
      </c>
      <c r="M1903" s="2" t="s">
        <v>1520</v>
      </c>
      <c r="N1903" s="5" t="s">
        <v>1521</v>
      </c>
      <c r="O1903" s="5" t="s">
        <v>38</v>
      </c>
      <c r="P1903" s="5" t="s">
        <v>39</v>
      </c>
      <c r="Q1903" s="5" t="s">
        <v>40</v>
      </c>
      <c r="R1903" s="5" t="s">
        <v>1522</v>
      </c>
      <c r="S1903" s="5" t="s">
        <v>1523</v>
      </c>
      <c r="T1903" s="5" t="s">
        <v>42</v>
      </c>
      <c r="U1903" s="2">
        <v>2.8420000000000001</v>
      </c>
      <c r="V1903" s="2">
        <v>2.3889999999999998</v>
      </c>
      <c r="W1903" s="2">
        <v>1.4999999999999999E-2</v>
      </c>
      <c r="X1903" s="2">
        <v>118.9</v>
      </c>
      <c r="Y1903" s="2">
        <v>7.6</v>
      </c>
      <c r="Z1903" s="2">
        <v>16.7</v>
      </c>
      <c r="AA1903" s="5"/>
      <c r="AB1903" s="5" t="s">
        <v>43</v>
      </c>
      <c r="AC1903" s="5" t="s">
        <v>44</v>
      </c>
      <c r="AD1903" s="2"/>
      <c r="AE1903" s="1"/>
    </row>
    <row r="1904" spans="1:31" ht="14.45">
      <c r="A1904" s="11"/>
      <c r="B1904" s="20"/>
      <c r="C1904" s="2" t="s">
        <v>6133</v>
      </c>
      <c r="D1904" s="14" t="s">
        <v>6134</v>
      </c>
      <c r="E1904" s="2" t="s">
        <v>6135</v>
      </c>
      <c r="F1904" s="2" t="s">
        <v>1986</v>
      </c>
      <c r="G1904" s="8">
        <v>206</v>
      </c>
      <c r="H1904" s="5">
        <v>13</v>
      </c>
      <c r="I1904" s="5" t="s">
        <v>1518</v>
      </c>
      <c r="J1904" s="5" t="s">
        <v>1519</v>
      </c>
      <c r="K1904" s="2" t="s">
        <v>1520</v>
      </c>
      <c r="L1904" s="5" t="s">
        <v>1519</v>
      </c>
      <c r="M1904" s="2" t="s">
        <v>1520</v>
      </c>
      <c r="N1904" s="5" t="s">
        <v>1521</v>
      </c>
      <c r="O1904" s="5" t="s">
        <v>38</v>
      </c>
      <c r="P1904" s="5" t="s">
        <v>39</v>
      </c>
      <c r="Q1904" s="5" t="s">
        <v>40</v>
      </c>
      <c r="R1904" s="5" t="s">
        <v>1522</v>
      </c>
      <c r="S1904" s="5" t="s">
        <v>1523</v>
      </c>
      <c r="T1904" s="5" t="s">
        <v>42</v>
      </c>
      <c r="U1904" s="2">
        <v>2.8980000000000001</v>
      </c>
      <c r="V1904" s="2">
        <v>2.4449999999999998</v>
      </c>
      <c r="W1904" s="2">
        <v>1.4999999999999999E-2</v>
      </c>
      <c r="X1904" s="2">
        <v>118.9</v>
      </c>
      <c r="Y1904" s="2">
        <v>7.6</v>
      </c>
      <c r="Z1904" s="2">
        <v>16.7</v>
      </c>
      <c r="AA1904" s="5"/>
      <c r="AB1904" s="5" t="s">
        <v>43</v>
      </c>
      <c r="AC1904" s="5" t="s">
        <v>44</v>
      </c>
      <c r="AD1904" s="2"/>
      <c r="AE1904" s="1"/>
    </row>
    <row r="1905" spans="1:31" ht="14.45">
      <c r="A1905" s="11"/>
      <c r="B1905" s="20"/>
      <c r="C1905" s="2" t="s">
        <v>6136</v>
      </c>
      <c r="D1905" s="14" t="s">
        <v>6137</v>
      </c>
      <c r="E1905" s="2" t="s">
        <v>6138</v>
      </c>
      <c r="F1905" s="2" t="s">
        <v>1843</v>
      </c>
      <c r="G1905" s="8">
        <v>206</v>
      </c>
      <c r="H1905" s="5">
        <v>13</v>
      </c>
      <c r="I1905" s="5" t="s">
        <v>1518</v>
      </c>
      <c r="J1905" s="5" t="s">
        <v>1519</v>
      </c>
      <c r="K1905" s="2" t="s">
        <v>1520</v>
      </c>
      <c r="L1905" s="5" t="s">
        <v>1519</v>
      </c>
      <c r="M1905" s="2" t="s">
        <v>1520</v>
      </c>
      <c r="N1905" s="5" t="s">
        <v>1521</v>
      </c>
      <c r="O1905" s="5" t="s">
        <v>38</v>
      </c>
      <c r="P1905" s="5" t="s">
        <v>39</v>
      </c>
      <c r="Q1905" s="5" t="s">
        <v>40</v>
      </c>
      <c r="R1905" s="5" t="s">
        <v>1522</v>
      </c>
      <c r="S1905" s="5" t="s">
        <v>1523</v>
      </c>
      <c r="T1905" s="5" t="s">
        <v>42</v>
      </c>
      <c r="U1905" s="2">
        <v>2.8420000000000001</v>
      </c>
      <c r="V1905" s="2">
        <v>2.3889999999999998</v>
      </c>
      <c r="W1905" s="2">
        <v>1.4999999999999999E-2</v>
      </c>
      <c r="X1905" s="2">
        <v>118.9</v>
      </c>
      <c r="Y1905" s="2">
        <v>7.6</v>
      </c>
      <c r="Z1905" s="2">
        <v>16.7</v>
      </c>
      <c r="AA1905" s="5"/>
      <c r="AB1905" s="5" t="s">
        <v>43</v>
      </c>
      <c r="AC1905" s="5" t="s">
        <v>44</v>
      </c>
      <c r="AD1905" s="2"/>
      <c r="AE1905" s="1"/>
    </row>
    <row r="1906" spans="1:31" ht="14.45">
      <c r="A1906" s="11"/>
      <c r="B1906" s="20"/>
      <c r="C1906" s="2" t="s">
        <v>6139</v>
      </c>
      <c r="D1906" s="14" t="s">
        <v>6140</v>
      </c>
      <c r="E1906" s="2" t="s">
        <v>6141</v>
      </c>
      <c r="F1906" s="2" t="s">
        <v>1847</v>
      </c>
      <c r="G1906" s="8">
        <v>206</v>
      </c>
      <c r="H1906" s="5">
        <v>13</v>
      </c>
      <c r="I1906" s="5" t="s">
        <v>1518</v>
      </c>
      <c r="J1906" s="5" t="s">
        <v>1519</v>
      </c>
      <c r="K1906" s="2" t="s">
        <v>1520</v>
      </c>
      <c r="L1906" s="5" t="s">
        <v>1519</v>
      </c>
      <c r="M1906" s="2" t="s">
        <v>1520</v>
      </c>
      <c r="N1906" s="5" t="s">
        <v>1521</v>
      </c>
      <c r="O1906" s="5" t="s">
        <v>38</v>
      </c>
      <c r="P1906" s="5" t="s">
        <v>39</v>
      </c>
      <c r="Q1906" s="5" t="s">
        <v>40</v>
      </c>
      <c r="R1906" s="5" t="s">
        <v>1522</v>
      </c>
      <c r="S1906" s="5" t="s">
        <v>1523</v>
      </c>
      <c r="T1906" s="5" t="s">
        <v>42</v>
      </c>
      <c r="U1906" s="2">
        <v>2.8980000000000001</v>
      </c>
      <c r="V1906" s="2">
        <v>2.4449999999999998</v>
      </c>
      <c r="W1906" s="2">
        <v>1.4999999999999999E-2</v>
      </c>
      <c r="X1906" s="2">
        <v>118.9</v>
      </c>
      <c r="Y1906" s="2">
        <v>7.6</v>
      </c>
      <c r="Z1906" s="2">
        <v>16.7</v>
      </c>
      <c r="AA1906" s="5"/>
      <c r="AB1906" s="5" t="s">
        <v>43</v>
      </c>
      <c r="AC1906" s="5" t="s">
        <v>44</v>
      </c>
      <c r="AD1906" s="2"/>
      <c r="AE1906" s="1"/>
    </row>
    <row r="1907" spans="1:31" ht="14.45">
      <c r="A1907" s="11"/>
      <c r="B1907" s="20"/>
      <c r="C1907" s="2" t="s">
        <v>6142</v>
      </c>
      <c r="D1907" s="14" t="s">
        <v>6143</v>
      </c>
      <c r="E1907" s="2" t="s">
        <v>6144</v>
      </c>
      <c r="F1907" s="2" t="s">
        <v>1851</v>
      </c>
      <c r="G1907" s="8">
        <v>206</v>
      </c>
      <c r="H1907" s="5">
        <v>13</v>
      </c>
      <c r="I1907" s="5" t="s">
        <v>1518</v>
      </c>
      <c r="J1907" s="5" t="s">
        <v>1519</v>
      </c>
      <c r="K1907" s="2" t="s">
        <v>1520</v>
      </c>
      <c r="L1907" s="5" t="s">
        <v>1519</v>
      </c>
      <c r="M1907" s="2" t="s">
        <v>1520</v>
      </c>
      <c r="N1907" s="5" t="s">
        <v>1521</v>
      </c>
      <c r="O1907" s="5" t="s">
        <v>38</v>
      </c>
      <c r="P1907" s="5" t="s">
        <v>39</v>
      </c>
      <c r="Q1907" s="5" t="s">
        <v>40</v>
      </c>
      <c r="R1907" s="5" t="s">
        <v>1522</v>
      </c>
      <c r="S1907" s="5" t="s">
        <v>1523</v>
      </c>
      <c r="T1907" s="5" t="s">
        <v>42</v>
      </c>
      <c r="U1907" s="2">
        <v>2.8420000000000001</v>
      </c>
      <c r="V1907" s="2">
        <v>2.3889999999999998</v>
      </c>
      <c r="W1907" s="2">
        <v>1.4999999999999999E-2</v>
      </c>
      <c r="X1907" s="2">
        <v>118.9</v>
      </c>
      <c r="Y1907" s="2">
        <v>7.6</v>
      </c>
      <c r="Z1907" s="2">
        <v>16.7</v>
      </c>
      <c r="AA1907" s="5"/>
      <c r="AB1907" s="5" t="s">
        <v>43</v>
      </c>
      <c r="AC1907" s="5" t="s">
        <v>44</v>
      </c>
      <c r="AD1907" s="2"/>
      <c r="AE1907" s="1"/>
    </row>
    <row r="1908" spans="1:31" ht="14.45">
      <c r="A1908" s="11"/>
      <c r="B1908" s="20"/>
      <c r="C1908" s="2" t="s">
        <v>6145</v>
      </c>
      <c r="D1908" s="14" t="s">
        <v>6146</v>
      </c>
      <c r="E1908" s="2" t="s">
        <v>6147</v>
      </c>
      <c r="F1908" s="2" t="s">
        <v>1999</v>
      </c>
      <c r="G1908" s="8">
        <v>206</v>
      </c>
      <c r="H1908" s="5">
        <v>13</v>
      </c>
      <c r="I1908" s="5" t="s">
        <v>1518</v>
      </c>
      <c r="J1908" s="5" t="s">
        <v>1519</v>
      </c>
      <c r="K1908" s="2" t="s">
        <v>1520</v>
      </c>
      <c r="L1908" s="5" t="s">
        <v>1519</v>
      </c>
      <c r="M1908" s="2" t="s">
        <v>1520</v>
      </c>
      <c r="N1908" s="5" t="s">
        <v>1521</v>
      </c>
      <c r="O1908" s="5" t="s">
        <v>38</v>
      </c>
      <c r="P1908" s="5" t="s">
        <v>39</v>
      </c>
      <c r="Q1908" s="5" t="s">
        <v>40</v>
      </c>
      <c r="R1908" s="5" t="s">
        <v>1522</v>
      </c>
      <c r="S1908" s="5" t="s">
        <v>1523</v>
      </c>
      <c r="T1908" s="5" t="s">
        <v>42</v>
      </c>
      <c r="U1908" s="2">
        <v>2.8980000000000001</v>
      </c>
      <c r="V1908" s="2">
        <v>2.4449999999999998</v>
      </c>
      <c r="W1908" s="2">
        <v>1.4999999999999999E-2</v>
      </c>
      <c r="X1908" s="2">
        <v>118.9</v>
      </c>
      <c r="Y1908" s="2">
        <v>7.6</v>
      </c>
      <c r="Z1908" s="2">
        <v>16.7</v>
      </c>
      <c r="AA1908" s="5"/>
      <c r="AB1908" s="5" t="s">
        <v>43</v>
      </c>
      <c r="AC1908" s="5" t="s">
        <v>44</v>
      </c>
      <c r="AD1908" s="2"/>
      <c r="AE1908" s="1"/>
    </row>
    <row r="1909" spans="1:31" ht="14.45">
      <c r="A1909" s="11"/>
      <c r="B1909" s="20"/>
      <c r="C1909" s="2" t="s">
        <v>6148</v>
      </c>
      <c r="D1909" s="14" t="s">
        <v>6149</v>
      </c>
      <c r="E1909" s="2" t="s">
        <v>6150</v>
      </c>
      <c r="F1909" s="2" t="s">
        <v>1855</v>
      </c>
      <c r="G1909" s="8">
        <v>206</v>
      </c>
      <c r="H1909" s="5">
        <v>13</v>
      </c>
      <c r="I1909" s="5" t="s">
        <v>1518</v>
      </c>
      <c r="J1909" s="5" t="s">
        <v>1519</v>
      </c>
      <c r="K1909" s="2" t="s">
        <v>1520</v>
      </c>
      <c r="L1909" s="5" t="s">
        <v>1519</v>
      </c>
      <c r="M1909" s="2" t="s">
        <v>1520</v>
      </c>
      <c r="N1909" s="5" t="s">
        <v>1521</v>
      </c>
      <c r="O1909" s="5" t="s">
        <v>38</v>
      </c>
      <c r="P1909" s="5" t="s">
        <v>39</v>
      </c>
      <c r="Q1909" s="5" t="s">
        <v>40</v>
      </c>
      <c r="R1909" s="5" t="s">
        <v>1522</v>
      </c>
      <c r="S1909" s="5" t="s">
        <v>1523</v>
      </c>
      <c r="T1909" s="5" t="s">
        <v>42</v>
      </c>
      <c r="U1909" s="2">
        <v>2.8420000000000001</v>
      </c>
      <c r="V1909" s="2">
        <v>2.3889999999999998</v>
      </c>
      <c r="W1909" s="2">
        <v>1.4999999999999999E-2</v>
      </c>
      <c r="X1909" s="2">
        <v>118.9</v>
      </c>
      <c r="Y1909" s="2">
        <v>7.6</v>
      </c>
      <c r="Z1909" s="2">
        <v>16.7</v>
      </c>
      <c r="AA1909" s="5"/>
      <c r="AB1909" s="5" t="s">
        <v>43</v>
      </c>
      <c r="AC1909" s="5" t="s">
        <v>44</v>
      </c>
      <c r="AD1909" s="2"/>
      <c r="AE1909" s="1"/>
    </row>
    <row r="1910" spans="1:31" ht="14.45">
      <c r="A1910" s="11"/>
      <c r="B1910" s="20"/>
      <c r="C1910" s="2" t="s">
        <v>6151</v>
      </c>
      <c r="D1910" s="14" t="s">
        <v>6152</v>
      </c>
      <c r="E1910" s="2" t="s">
        <v>6153</v>
      </c>
      <c r="F1910" s="2" t="s">
        <v>1859</v>
      </c>
      <c r="G1910" s="8">
        <v>206</v>
      </c>
      <c r="H1910" s="5">
        <v>13</v>
      </c>
      <c r="I1910" s="5" t="s">
        <v>1518</v>
      </c>
      <c r="J1910" s="5" t="s">
        <v>1519</v>
      </c>
      <c r="K1910" s="2" t="s">
        <v>1520</v>
      </c>
      <c r="L1910" s="5" t="s">
        <v>1519</v>
      </c>
      <c r="M1910" s="2" t="s">
        <v>1520</v>
      </c>
      <c r="N1910" s="5" t="s">
        <v>1521</v>
      </c>
      <c r="O1910" s="5" t="s">
        <v>38</v>
      </c>
      <c r="P1910" s="5" t="s">
        <v>39</v>
      </c>
      <c r="Q1910" s="5" t="s">
        <v>40</v>
      </c>
      <c r="R1910" s="5" t="s">
        <v>1522</v>
      </c>
      <c r="S1910" s="5" t="s">
        <v>1523</v>
      </c>
      <c r="T1910" s="5" t="s">
        <v>42</v>
      </c>
      <c r="U1910" s="2">
        <v>2.8980000000000001</v>
      </c>
      <c r="V1910" s="2">
        <v>2.4449999999999998</v>
      </c>
      <c r="W1910" s="2">
        <v>1.4999999999999999E-2</v>
      </c>
      <c r="X1910" s="2">
        <v>118.9</v>
      </c>
      <c r="Y1910" s="2">
        <v>7.6</v>
      </c>
      <c r="Z1910" s="2">
        <v>16.7</v>
      </c>
      <c r="AA1910" s="5"/>
      <c r="AB1910" s="5" t="s">
        <v>43</v>
      </c>
      <c r="AC1910" s="5" t="s">
        <v>44</v>
      </c>
      <c r="AD1910" s="2"/>
      <c r="AE1910" s="1"/>
    </row>
    <row r="1911" spans="1:31" ht="14.45">
      <c r="A1911" s="11"/>
      <c r="B1911" s="20"/>
      <c r="C1911" s="2" t="s">
        <v>6154</v>
      </c>
      <c r="D1911" s="14" t="s">
        <v>6155</v>
      </c>
      <c r="E1911" s="2" t="s">
        <v>6156</v>
      </c>
      <c r="F1911" s="2" t="s">
        <v>1863</v>
      </c>
      <c r="G1911" s="8">
        <v>206</v>
      </c>
      <c r="H1911" s="5">
        <v>11</v>
      </c>
      <c r="I1911" s="5" t="s">
        <v>1518</v>
      </c>
      <c r="J1911" s="5" t="s">
        <v>1519</v>
      </c>
      <c r="K1911" s="2" t="s">
        <v>1520</v>
      </c>
      <c r="L1911" s="5" t="s">
        <v>1519</v>
      </c>
      <c r="M1911" s="2" t="s">
        <v>1520</v>
      </c>
      <c r="N1911" s="5" t="s">
        <v>1521</v>
      </c>
      <c r="O1911" s="5" t="s">
        <v>38</v>
      </c>
      <c r="P1911" s="5" t="s">
        <v>39</v>
      </c>
      <c r="Q1911" s="5" t="s">
        <v>40</v>
      </c>
      <c r="R1911" s="5" t="s">
        <v>1522</v>
      </c>
      <c r="S1911" s="5" t="s">
        <v>1523</v>
      </c>
      <c r="T1911" s="5" t="s">
        <v>42</v>
      </c>
      <c r="U1911" s="2">
        <v>2.7810000000000001</v>
      </c>
      <c r="V1911" s="2">
        <v>2.3279999999999998</v>
      </c>
      <c r="W1911" s="2">
        <v>1.4999999999999999E-2</v>
      </c>
      <c r="X1911" s="2">
        <v>118.9</v>
      </c>
      <c r="Y1911" s="2">
        <v>7.6</v>
      </c>
      <c r="Z1911" s="2">
        <v>16.7</v>
      </c>
      <c r="AA1911" s="5"/>
      <c r="AB1911" s="5" t="s">
        <v>43</v>
      </c>
      <c r="AC1911" s="5" t="s">
        <v>44</v>
      </c>
      <c r="AD1911" s="2"/>
      <c r="AE1911" s="1"/>
    </row>
    <row r="1912" spans="1:31" ht="14.45">
      <c r="A1912" s="11"/>
      <c r="B1912" s="20"/>
      <c r="C1912" s="2" t="s">
        <v>6157</v>
      </c>
      <c r="D1912" s="14" t="s">
        <v>6158</v>
      </c>
      <c r="E1912" s="2" t="s">
        <v>6159</v>
      </c>
      <c r="F1912" s="2" t="s">
        <v>1867</v>
      </c>
      <c r="G1912" s="8">
        <v>206</v>
      </c>
      <c r="H1912" s="5">
        <v>11</v>
      </c>
      <c r="I1912" s="5" t="s">
        <v>1518</v>
      </c>
      <c r="J1912" s="5" t="s">
        <v>1519</v>
      </c>
      <c r="K1912" s="2" t="s">
        <v>1520</v>
      </c>
      <c r="L1912" s="5" t="s">
        <v>1519</v>
      </c>
      <c r="M1912" s="2" t="s">
        <v>1520</v>
      </c>
      <c r="N1912" s="5" t="s">
        <v>1521</v>
      </c>
      <c r="O1912" s="5" t="s">
        <v>38</v>
      </c>
      <c r="P1912" s="5" t="s">
        <v>39</v>
      </c>
      <c r="Q1912" s="5" t="s">
        <v>40</v>
      </c>
      <c r="R1912" s="5" t="s">
        <v>1522</v>
      </c>
      <c r="S1912" s="5" t="s">
        <v>1523</v>
      </c>
      <c r="T1912" s="5" t="s">
        <v>42</v>
      </c>
      <c r="U1912" s="2">
        <v>2.8370000000000002</v>
      </c>
      <c r="V1912" s="2">
        <v>2.3839999999999999</v>
      </c>
      <c r="W1912" s="2">
        <v>1.4999999999999999E-2</v>
      </c>
      <c r="X1912" s="2">
        <v>118.9</v>
      </c>
      <c r="Y1912" s="2">
        <v>7.6</v>
      </c>
      <c r="Z1912" s="2">
        <v>16.7</v>
      </c>
      <c r="AA1912" s="5"/>
      <c r="AB1912" s="5" t="s">
        <v>43</v>
      </c>
      <c r="AC1912" s="5" t="s">
        <v>44</v>
      </c>
      <c r="AD1912" s="2"/>
      <c r="AE1912" s="1"/>
    </row>
    <row r="1913" spans="1:31" ht="14.45">
      <c r="A1913" s="11"/>
      <c r="B1913" s="20"/>
      <c r="C1913" s="2" t="s">
        <v>6160</v>
      </c>
      <c r="D1913" s="14" t="s">
        <v>6161</v>
      </c>
      <c r="E1913" s="2" t="s">
        <v>6162</v>
      </c>
      <c r="F1913" s="2" t="s">
        <v>1695</v>
      </c>
      <c r="G1913" s="8">
        <v>190</v>
      </c>
      <c r="H1913" s="5">
        <v>5</v>
      </c>
      <c r="I1913" s="5" t="s">
        <v>1518</v>
      </c>
      <c r="J1913" s="5" t="s">
        <v>1519</v>
      </c>
      <c r="K1913" s="2" t="s">
        <v>1520</v>
      </c>
      <c r="L1913" s="5" t="s">
        <v>1519</v>
      </c>
      <c r="M1913" s="2" t="s">
        <v>1520</v>
      </c>
      <c r="N1913" s="5" t="s">
        <v>1521</v>
      </c>
      <c r="O1913" s="5" t="s">
        <v>38</v>
      </c>
      <c r="P1913" s="5" t="s">
        <v>39</v>
      </c>
      <c r="Q1913" s="5" t="s">
        <v>40</v>
      </c>
      <c r="R1913" s="5" t="s">
        <v>1522</v>
      </c>
      <c r="S1913" s="5" t="s">
        <v>1523</v>
      </c>
      <c r="T1913" s="5" t="s">
        <v>42</v>
      </c>
      <c r="U1913" s="2">
        <v>3.0409999999999999</v>
      </c>
      <c r="V1913" s="2">
        <v>2.5129999999999999</v>
      </c>
      <c r="W1913" s="2">
        <v>1.7999999999999999E-2</v>
      </c>
      <c r="X1913" s="2">
        <v>139.1</v>
      </c>
      <c r="Y1913" s="2">
        <v>7.6</v>
      </c>
      <c r="Z1913" s="2">
        <v>16.7</v>
      </c>
      <c r="AA1913" s="5"/>
      <c r="AB1913" s="5" t="s">
        <v>43</v>
      </c>
      <c r="AC1913" s="5" t="s">
        <v>44</v>
      </c>
      <c r="AD1913" s="2"/>
      <c r="AE1913" s="1"/>
    </row>
    <row r="1914" spans="1:31" ht="14.45">
      <c r="A1914" s="11"/>
      <c r="B1914" s="20"/>
      <c r="C1914" s="2" t="s">
        <v>6163</v>
      </c>
      <c r="D1914" s="14" t="s">
        <v>6164</v>
      </c>
      <c r="E1914" s="2" t="s">
        <v>6165</v>
      </c>
      <c r="F1914" s="2" t="s">
        <v>1699</v>
      </c>
      <c r="G1914" s="8">
        <v>190</v>
      </c>
      <c r="H1914" s="5">
        <v>5</v>
      </c>
      <c r="I1914" s="5" t="s">
        <v>1518</v>
      </c>
      <c r="J1914" s="5" t="s">
        <v>1519</v>
      </c>
      <c r="K1914" s="2" t="s">
        <v>1520</v>
      </c>
      <c r="L1914" s="5" t="s">
        <v>1519</v>
      </c>
      <c r="M1914" s="2" t="s">
        <v>1520</v>
      </c>
      <c r="N1914" s="5" t="s">
        <v>1521</v>
      </c>
      <c r="O1914" s="5" t="s">
        <v>38</v>
      </c>
      <c r="P1914" s="5" t="s">
        <v>39</v>
      </c>
      <c r="Q1914" s="5" t="s">
        <v>40</v>
      </c>
      <c r="R1914" s="5" t="s">
        <v>1522</v>
      </c>
      <c r="S1914" s="5" t="s">
        <v>1523</v>
      </c>
      <c r="T1914" s="5" t="s">
        <v>42</v>
      </c>
      <c r="U1914" s="2">
        <v>3.1019999999999999</v>
      </c>
      <c r="V1914" s="2">
        <v>2.5739999999999998</v>
      </c>
      <c r="W1914" s="2">
        <v>1.7999999999999999E-2</v>
      </c>
      <c r="X1914" s="2">
        <v>139.1</v>
      </c>
      <c r="Y1914" s="2">
        <v>7.6</v>
      </c>
      <c r="Z1914" s="2">
        <v>16.7</v>
      </c>
      <c r="AA1914" s="5"/>
      <c r="AB1914" s="5" t="s">
        <v>43</v>
      </c>
      <c r="AC1914" s="5" t="s">
        <v>44</v>
      </c>
      <c r="AD1914" s="2"/>
      <c r="AE1914" s="1"/>
    </row>
    <row r="1915" spans="1:31" ht="14.45">
      <c r="A1915" s="11"/>
      <c r="B1915" s="20"/>
      <c r="C1915" s="2" t="s">
        <v>6166</v>
      </c>
      <c r="D1915" s="14" t="s">
        <v>6167</v>
      </c>
      <c r="E1915" s="2" t="s">
        <v>6168</v>
      </c>
      <c r="F1915" s="2" t="s">
        <v>1703</v>
      </c>
      <c r="G1915" s="8">
        <v>190</v>
      </c>
      <c r="H1915" s="5">
        <v>6</v>
      </c>
      <c r="I1915" s="5" t="s">
        <v>1518</v>
      </c>
      <c r="J1915" s="5" t="s">
        <v>1519</v>
      </c>
      <c r="K1915" s="2" t="s">
        <v>1520</v>
      </c>
      <c r="L1915" s="5" t="s">
        <v>1519</v>
      </c>
      <c r="M1915" s="2" t="s">
        <v>1520</v>
      </c>
      <c r="N1915" s="5" t="s">
        <v>1521</v>
      </c>
      <c r="O1915" s="5" t="s">
        <v>38</v>
      </c>
      <c r="P1915" s="5" t="s">
        <v>39</v>
      </c>
      <c r="Q1915" s="5" t="s">
        <v>40</v>
      </c>
      <c r="R1915" s="5" t="s">
        <v>1522</v>
      </c>
      <c r="S1915" s="5" t="s">
        <v>1523</v>
      </c>
      <c r="T1915" s="5" t="s">
        <v>42</v>
      </c>
      <c r="U1915" s="2">
        <v>3.0529999999999999</v>
      </c>
      <c r="V1915" s="2">
        <v>2.5249999999999999</v>
      </c>
      <c r="W1915" s="2">
        <v>1.7999999999999999E-2</v>
      </c>
      <c r="X1915" s="2">
        <v>139.1</v>
      </c>
      <c r="Y1915" s="2">
        <v>7.6</v>
      </c>
      <c r="Z1915" s="2">
        <v>16.7</v>
      </c>
      <c r="AA1915" s="5"/>
      <c r="AB1915" s="5" t="s">
        <v>43</v>
      </c>
      <c r="AC1915" s="5" t="s">
        <v>44</v>
      </c>
      <c r="AD1915" s="2"/>
      <c r="AE1915" s="1"/>
    </row>
    <row r="1916" spans="1:31" ht="14.45">
      <c r="A1916" s="11"/>
      <c r="B1916" s="20"/>
      <c r="C1916" s="2" t="s">
        <v>6169</v>
      </c>
      <c r="D1916" s="14" t="s">
        <v>6170</v>
      </c>
      <c r="E1916" s="2" t="s">
        <v>6171</v>
      </c>
      <c r="F1916" s="2" t="s">
        <v>1707</v>
      </c>
      <c r="G1916" s="8">
        <v>190</v>
      </c>
      <c r="H1916" s="5">
        <v>5</v>
      </c>
      <c r="I1916" s="5" t="s">
        <v>1518</v>
      </c>
      <c r="J1916" s="5" t="s">
        <v>1519</v>
      </c>
      <c r="K1916" s="2" t="s">
        <v>1520</v>
      </c>
      <c r="L1916" s="5" t="s">
        <v>1519</v>
      </c>
      <c r="M1916" s="2" t="s">
        <v>1520</v>
      </c>
      <c r="N1916" s="5" t="s">
        <v>1521</v>
      </c>
      <c r="O1916" s="5" t="s">
        <v>38</v>
      </c>
      <c r="P1916" s="5" t="s">
        <v>39</v>
      </c>
      <c r="Q1916" s="5" t="s">
        <v>40</v>
      </c>
      <c r="R1916" s="5" t="s">
        <v>1522</v>
      </c>
      <c r="S1916" s="5" t="s">
        <v>1523</v>
      </c>
      <c r="T1916" s="5" t="s">
        <v>42</v>
      </c>
      <c r="U1916" s="2">
        <v>3.1139999999999999</v>
      </c>
      <c r="V1916" s="2">
        <v>2.5859999999999999</v>
      </c>
      <c r="W1916" s="2">
        <v>1.7999999999999999E-2</v>
      </c>
      <c r="X1916" s="2">
        <v>139.1</v>
      </c>
      <c r="Y1916" s="2">
        <v>7.6</v>
      </c>
      <c r="Z1916" s="2">
        <v>16.7</v>
      </c>
      <c r="AA1916" s="5"/>
      <c r="AB1916" s="5" t="s">
        <v>43</v>
      </c>
      <c r="AC1916" s="5" t="s">
        <v>44</v>
      </c>
      <c r="AD1916" s="2"/>
      <c r="AE1916" s="1"/>
    </row>
    <row r="1917" spans="1:31" ht="14.45">
      <c r="A1917" s="11"/>
      <c r="B1917" s="20"/>
      <c r="C1917" s="2" t="s">
        <v>6172</v>
      </c>
      <c r="D1917" s="14" t="s">
        <v>6173</v>
      </c>
      <c r="E1917" s="2" t="s">
        <v>6174</v>
      </c>
      <c r="F1917" s="2" t="s">
        <v>1711</v>
      </c>
      <c r="G1917" s="8">
        <v>190</v>
      </c>
      <c r="H1917" s="5">
        <v>5</v>
      </c>
      <c r="I1917" s="5" t="s">
        <v>1518</v>
      </c>
      <c r="J1917" s="5" t="s">
        <v>1519</v>
      </c>
      <c r="K1917" s="2" t="s">
        <v>1520</v>
      </c>
      <c r="L1917" s="5" t="s">
        <v>1519</v>
      </c>
      <c r="M1917" s="2" t="s">
        <v>1520</v>
      </c>
      <c r="N1917" s="5" t="s">
        <v>1521</v>
      </c>
      <c r="O1917" s="5" t="s">
        <v>38</v>
      </c>
      <c r="P1917" s="5" t="s">
        <v>39</v>
      </c>
      <c r="Q1917" s="5" t="s">
        <v>40</v>
      </c>
      <c r="R1917" s="5" t="s">
        <v>1522</v>
      </c>
      <c r="S1917" s="5" t="s">
        <v>1523</v>
      </c>
      <c r="T1917" s="5" t="s">
        <v>42</v>
      </c>
      <c r="U1917" s="2">
        <v>3.0529999999999999</v>
      </c>
      <c r="V1917" s="2">
        <v>2.5249999999999999</v>
      </c>
      <c r="W1917" s="2">
        <v>1.7999999999999999E-2</v>
      </c>
      <c r="X1917" s="2">
        <v>139.1</v>
      </c>
      <c r="Y1917" s="2">
        <v>7.6</v>
      </c>
      <c r="Z1917" s="2">
        <v>16.7</v>
      </c>
      <c r="AA1917" s="5"/>
      <c r="AB1917" s="5" t="s">
        <v>43</v>
      </c>
      <c r="AC1917" s="5" t="s">
        <v>44</v>
      </c>
      <c r="AD1917" s="2"/>
      <c r="AE1917" s="1"/>
    </row>
    <row r="1918" spans="1:31" ht="14.45">
      <c r="A1918" s="11"/>
      <c r="B1918" s="20"/>
      <c r="C1918" s="2" t="s">
        <v>6175</v>
      </c>
      <c r="D1918" s="14" t="s">
        <v>6176</v>
      </c>
      <c r="E1918" s="2" t="s">
        <v>6177</v>
      </c>
      <c r="F1918" s="2" t="s">
        <v>1715</v>
      </c>
      <c r="G1918" s="8">
        <v>190</v>
      </c>
      <c r="H1918" s="5">
        <v>6</v>
      </c>
      <c r="I1918" s="5" t="s">
        <v>1518</v>
      </c>
      <c r="J1918" s="5" t="s">
        <v>1519</v>
      </c>
      <c r="K1918" s="2" t="s">
        <v>1520</v>
      </c>
      <c r="L1918" s="5" t="s">
        <v>1519</v>
      </c>
      <c r="M1918" s="2" t="s">
        <v>1520</v>
      </c>
      <c r="N1918" s="5" t="s">
        <v>1521</v>
      </c>
      <c r="O1918" s="5" t="s">
        <v>38</v>
      </c>
      <c r="P1918" s="5" t="s">
        <v>39</v>
      </c>
      <c r="Q1918" s="5" t="s">
        <v>40</v>
      </c>
      <c r="R1918" s="5" t="s">
        <v>1522</v>
      </c>
      <c r="S1918" s="5" t="s">
        <v>1523</v>
      </c>
      <c r="T1918" s="5" t="s">
        <v>42</v>
      </c>
      <c r="U1918" s="2">
        <v>3.1139999999999999</v>
      </c>
      <c r="V1918" s="2">
        <v>2.5859999999999999</v>
      </c>
      <c r="W1918" s="2">
        <v>1.7999999999999999E-2</v>
      </c>
      <c r="X1918" s="2">
        <v>139.1</v>
      </c>
      <c r="Y1918" s="2">
        <v>7.6</v>
      </c>
      <c r="Z1918" s="2">
        <v>16.7</v>
      </c>
      <c r="AA1918" s="5"/>
      <c r="AB1918" s="5" t="s">
        <v>43</v>
      </c>
      <c r="AC1918" s="5" t="s">
        <v>44</v>
      </c>
      <c r="AD1918" s="2"/>
      <c r="AE1918" s="1"/>
    </row>
    <row r="1919" spans="1:31" ht="14.45">
      <c r="A1919" s="11"/>
      <c r="B1919" s="20"/>
      <c r="C1919" s="2" t="s">
        <v>6178</v>
      </c>
      <c r="D1919" s="14" t="s">
        <v>6179</v>
      </c>
      <c r="E1919" s="2" t="s">
        <v>6180</v>
      </c>
      <c r="F1919" s="2" t="s">
        <v>1719</v>
      </c>
      <c r="G1919" s="8">
        <v>190</v>
      </c>
      <c r="H1919" s="2">
        <v>5</v>
      </c>
      <c r="I1919" s="2" t="s">
        <v>1518</v>
      </c>
      <c r="J1919" s="2" t="s">
        <v>1519</v>
      </c>
      <c r="K1919" s="2" t="s">
        <v>1520</v>
      </c>
      <c r="L1919" s="2" t="s">
        <v>1519</v>
      </c>
      <c r="M1919" s="2" t="s">
        <v>1520</v>
      </c>
      <c r="N1919" s="2" t="s">
        <v>1521</v>
      </c>
      <c r="O1919" s="2" t="s">
        <v>38</v>
      </c>
      <c r="P1919" s="2" t="s">
        <v>39</v>
      </c>
      <c r="Q1919" s="2" t="s">
        <v>40</v>
      </c>
      <c r="R1919" s="2" t="s">
        <v>1522</v>
      </c>
      <c r="S1919" s="12" t="s">
        <v>1523</v>
      </c>
      <c r="T1919" s="12" t="s">
        <v>42</v>
      </c>
      <c r="U1919" s="2">
        <v>3.0169999999999999</v>
      </c>
      <c r="V1919" s="2">
        <v>2.492</v>
      </c>
      <c r="W1919" s="2">
        <v>1.7999999999999999E-2</v>
      </c>
      <c r="X1919" s="2">
        <v>139.1</v>
      </c>
      <c r="Y1919" s="2">
        <v>7.6</v>
      </c>
      <c r="Z1919" s="2">
        <v>16.7</v>
      </c>
      <c r="AA1919" s="12"/>
      <c r="AB1919" s="12" t="s">
        <v>43</v>
      </c>
      <c r="AC1919" s="12" t="s">
        <v>44</v>
      </c>
      <c r="AD1919" s="2"/>
      <c r="AE1919" s="1"/>
    </row>
    <row r="1920" spans="1:31" ht="14.45">
      <c r="A1920" s="11"/>
      <c r="B1920" s="20"/>
      <c r="C1920" s="2" t="s">
        <v>6181</v>
      </c>
      <c r="D1920" s="14" t="s">
        <v>6182</v>
      </c>
      <c r="E1920" s="2" t="s">
        <v>6183</v>
      </c>
      <c r="F1920" s="2" t="s">
        <v>1723</v>
      </c>
      <c r="G1920" s="8">
        <v>190</v>
      </c>
      <c r="H1920" s="5">
        <v>5</v>
      </c>
      <c r="I1920" s="5" t="s">
        <v>1518</v>
      </c>
      <c r="J1920" s="5" t="s">
        <v>1519</v>
      </c>
      <c r="K1920" s="2" t="s">
        <v>1520</v>
      </c>
      <c r="L1920" s="5" t="s">
        <v>1519</v>
      </c>
      <c r="M1920" s="2" t="s">
        <v>1520</v>
      </c>
      <c r="N1920" s="5" t="s">
        <v>1521</v>
      </c>
      <c r="O1920" s="5" t="s">
        <v>38</v>
      </c>
      <c r="P1920" s="5" t="s">
        <v>39</v>
      </c>
      <c r="Q1920" s="5" t="s">
        <v>40</v>
      </c>
      <c r="R1920" s="5" t="s">
        <v>1522</v>
      </c>
      <c r="S1920" s="5" t="s">
        <v>1523</v>
      </c>
      <c r="T1920" s="5" t="s">
        <v>42</v>
      </c>
      <c r="U1920" s="2">
        <v>3.0779999999999998</v>
      </c>
      <c r="V1920" s="2">
        <v>2.5529999999999999</v>
      </c>
      <c r="W1920" s="2">
        <v>1.7999999999999999E-2</v>
      </c>
      <c r="X1920" s="2">
        <v>139.1</v>
      </c>
      <c r="Y1920" s="2">
        <v>7.6</v>
      </c>
      <c r="Z1920" s="2">
        <v>16.7</v>
      </c>
      <c r="AA1920" s="5"/>
      <c r="AB1920" s="5" t="s">
        <v>43</v>
      </c>
      <c r="AC1920" s="5" t="s">
        <v>44</v>
      </c>
      <c r="AD1920" s="2"/>
      <c r="AE1920" s="1"/>
    </row>
    <row r="1921" spans="1:31" ht="14.45">
      <c r="A1921" s="11"/>
      <c r="B1921" s="20"/>
      <c r="C1921" s="2" t="s">
        <v>6184</v>
      </c>
      <c r="D1921" s="14" t="s">
        <v>6185</v>
      </c>
      <c r="E1921" s="2" t="s">
        <v>6186</v>
      </c>
      <c r="F1921" s="2" t="s">
        <v>1727</v>
      </c>
      <c r="G1921" s="8">
        <v>218</v>
      </c>
      <c r="H1921" s="5">
        <v>6</v>
      </c>
      <c r="I1921" s="5" t="s">
        <v>1518</v>
      </c>
      <c r="J1921" s="5" t="s">
        <v>1519</v>
      </c>
      <c r="K1921" s="2" t="s">
        <v>1520</v>
      </c>
      <c r="L1921" s="5" t="s">
        <v>1519</v>
      </c>
      <c r="M1921" s="2" t="s">
        <v>1520</v>
      </c>
      <c r="N1921" s="5" t="s">
        <v>1521</v>
      </c>
      <c r="O1921" s="5" t="s">
        <v>38</v>
      </c>
      <c r="P1921" s="5" t="s">
        <v>39</v>
      </c>
      <c r="Q1921" s="5" t="s">
        <v>40</v>
      </c>
      <c r="R1921" s="5" t="s">
        <v>1522</v>
      </c>
      <c r="S1921" s="5" t="s">
        <v>1523</v>
      </c>
      <c r="T1921" s="5" t="s">
        <v>42</v>
      </c>
      <c r="U1921" s="2">
        <v>3.016</v>
      </c>
      <c r="V1921" s="2">
        <v>2.488</v>
      </c>
      <c r="W1921" s="2">
        <v>1.7999999999999999E-2</v>
      </c>
      <c r="X1921" s="2">
        <v>139.1</v>
      </c>
      <c r="Y1921" s="2">
        <v>7.6</v>
      </c>
      <c r="Z1921" s="2">
        <v>16.7</v>
      </c>
      <c r="AA1921" s="5"/>
      <c r="AB1921" s="5" t="s">
        <v>43</v>
      </c>
      <c r="AC1921" s="5" t="s">
        <v>44</v>
      </c>
      <c r="AD1921" s="2"/>
      <c r="AE1921" s="1"/>
    </row>
    <row r="1922" spans="1:31" ht="14.45">
      <c r="A1922" s="11"/>
      <c r="B1922" s="20"/>
      <c r="C1922" s="2" t="s">
        <v>6187</v>
      </c>
      <c r="D1922" s="14" t="s">
        <v>6188</v>
      </c>
      <c r="E1922" s="2" t="s">
        <v>6189</v>
      </c>
      <c r="F1922" s="2" t="s">
        <v>1731</v>
      </c>
      <c r="G1922" s="8">
        <v>218</v>
      </c>
      <c r="H1922" s="5">
        <v>6</v>
      </c>
      <c r="I1922" s="5" t="s">
        <v>1518</v>
      </c>
      <c r="J1922" s="5" t="s">
        <v>1519</v>
      </c>
      <c r="K1922" s="2" t="s">
        <v>1520</v>
      </c>
      <c r="L1922" s="5" t="s">
        <v>1519</v>
      </c>
      <c r="M1922" s="2" t="s">
        <v>1520</v>
      </c>
      <c r="N1922" s="5" t="s">
        <v>1521</v>
      </c>
      <c r="O1922" s="5" t="s">
        <v>38</v>
      </c>
      <c r="P1922" s="5" t="s">
        <v>39</v>
      </c>
      <c r="Q1922" s="5" t="s">
        <v>40</v>
      </c>
      <c r="R1922" s="5" t="s">
        <v>1522</v>
      </c>
      <c r="S1922" s="5" t="s">
        <v>1523</v>
      </c>
      <c r="T1922" s="5" t="s">
        <v>42</v>
      </c>
      <c r="U1922" s="2">
        <v>3.077</v>
      </c>
      <c r="V1922" s="2">
        <v>2.5489999999999999</v>
      </c>
      <c r="W1922" s="2">
        <v>1.7999999999999999E-2</v>
      </c>
      <c r="X1922" s="2">
        <v>139.1</v>
      </c>
      <c r="Y1922" s="2">
        <v>7.6</v>
      </c>
      <c r="Z1922" s="2">
        <v>16.7</v>
      </c>
      <c r="AA1922" s="5"/>
      <c r="AB1922" s="5" t="s">
        <v>43</v>
      </c>
      <c r="AC1922" s="5" t="s">
        <v>44</v>
      </c>
      <c r="AD1922" s="2"/>
      <c r="AE1922" s="1"/>
    </row>
    <row r="1923" spans="1:31" ht="14.45">
      <c r="A1923" s="11"/>
      <c r="B1923" s="20"/>
      <c r="C1923" s="2" t="s">
        <v>6190</v>
      </c>
      <c r="D1923" s="14" t="s">
        <v>6191</v>
      </c>
      <c r="E1923" s="2" t="s">
        <v>6192</v>
      </c>
      <c r="F1923" s="2" t="s">
        <v>1735</v>
      </c>
      <c r="G1923" s="8">
        <v>218</v>
      </c>
      <c r="H1923" s="5">
        <v>6</v>
      </c>
      <c r="I1923" s="5" t="s">
        <v>1518</v>
      </c>
      <c r="J1923" s="5" t="s">
        <v>1519</v>
      </c>
      <c r="K1923" s="2" t="s">
        <v>1520</v>
      </c>
      <c r="L1923" s="5" t="s">
        <v>1519</v>
      </c>
      <c r="M1923" s="2" t="s">
        <v>1520</v>
      </c>
      <c r="N1923" s="5" t="s">
        <v>1521</v>
      </c>
      <c r="O1923" s="5" t="s">
        <v>38</v>
      </c>
      <c r="P1923" s="5" t="s">
        <v>39</v>
      </c>
      <c r="Q1923" s="5" t="s">
        <v>40</v>
      </c>
      <c r="R1923" s="5" t="s">
        <v>1522</v>
      </c>
      <c r="S1923" s="5" t="s">
        <v>1523</v>
      </c>
      <c r="T1923" s="5" t="s">
        <v>42</v>
      </c>
      <c r="U1923" s="2">
        <v>3.0529999999999999</v>
      </c>
      <c r="V1923" s="2">
        <v>2.5249999999999999</v>
      </c>
      <c r="W1923" s="2">
        <v>1.7999999999999999E-2</v>
      </c>
      <c r="X1923" s="2">
        <v>139.1</v>
      </c>
      <c r="Y1923" s="2">
        <v>7.6</v>
      </c>
      <c r="Z1923" s="2">
        <v>16.7</v>
      </c>
      <c r="AA1923" s="5"/>
      <c r="AB1923" s="5" t="s">
        <v>43</v>
      </c>
      <c r="AC1923" s="5" t="s">
        <v>44</v>
      </c>
      <c r="AD1923" s="2"/>
      <c r="AE1923" s="1"/>
    </row>
    <row r="1924" spans="1:31" ht="14.45">
      <c r="A1924" s="11"/>
      <c r="B1924" s="20"/>
      <c r="C1924" s="2" t="s">
        <v>6193</v>
      </c>
      <c r="D1924" s="14" t="s">
        <v>6194</v>
      </c>
      <c r="E1924" s="2" t="s">
        <v>6195</v>
      </c>
      <c r="F1924" s="2" t="s">
        <v>1739</v>
      </c>
      <c r="G1924" s="8">
        <v>218</v>
      </c>
      <c r="H1924" s="5">
        <v>6</v>
      </c>
      <c r="I1924" s="5" t="s">
        <v>1518</v>
      </c>
      <c r="J1924" s="5" t="s">
        <v>1519</v>
      </c>
      <c r="K1924" s="2" t="s">
        <v>1520</v>
      </c>
      <c r="L1924" s="5" t="s">
        <v>1519</v>
      </c>
      <c r="M1924" s="2" t="s">
        <v>1520</v>
      </c>
      <c r="N1924" s="5" t="s">
        <v>1521</v>
      </c>
      <c r="O1924" s="5" t="s">
        <v>38</v>
      </c>
      <c r="P1924" s="5" t="s">
        <v>39</v>
      </c>
      <c r="Q1924" s="5" t="s">
        <v>40</v>
      </c>
      <c r="R1924" s="5" t="s">
        <v>1522</v>
      </c>
      <c r="S1924" s="5" t="s">
        <v>1523</v>
      </c>
      <c r="T1924" s="5" t="s">
        <v>42</v>
      </c>
      <c r="U1924" s="2">
        <v>3.1139999999999999</v>
      </c>
      <c r="V1924" s="2">
        <v>2.5859999999999999</v>
      </c>
      <c r="W1924" s="2">
        <v>1.7999999999999999E-2</v>
      </c>
      <c r="X1924" s="2">
        <v>139.1</v>
      </c>
      <c r="Y1924" s="2">
        <v>7.6</v>
      </c>
      <c r="Z1924" s="2">
        <v>16.7</v>
      </c>
      <c r="AA1924" s="5"/>
      <c r="AB1924" s="5" t="s">
        <v>43</v>
      </c>
      <c r="AC1924" s="5" t="s">
        <v>44</v>
      </c>
      <c r="AD1924" s="2"/>
      <c r="AE1924" s="1"/>
    </row>
    <row r="1925" spans="1:31" ht="14.45">
      <c r="A1925" s="11"/>
      <c r="B1925" s="20"/>
      <c r="C1925" s="2" t="s">
        <v>6196</v>
      </c>
      <c r="D1925" s="14" t="s">
        <v>6197</v>
      </c>
      <c r="E1925" s="2" t="s">
        <v>6198</v>
      </c>
      <c r="F1925" s="2" t="s">
        <v>1743</v>
      </c>
      <c r="G1925" s="8">
        <v>218</v>
      </c>
      <c r="H1925" s="5">
        <v>6</v>
      </c>
      <c r="I1925" s="5" t="s">
        <v>1518</v>
      </c>
      <c r="J1925" s="5" t="s">
        <v>1519</v>
      </c>
      <c r="K1925" s="2" t="s">
        <v>1520</v>
      </c>
      <c r="L1925" s="5" t="s">
        <v>1519</v>
      </c>
      <c r="M1925" s="2" t="s">
        <v>1520</v>
      </c>
      <c r="N1925" s="5" t="s">
        <v>1521</v>
      </c>
      <c r="O1925" s="5" t="s">
        <v>38</v>
      </c>
      <c r="P1925" s="5" t="s">
        <v>39</v>
      </c>
      <c r="Q1925" s="5" t="s">
        <v>40</v>
      </c>
      <c r="R1925" s="5" t="s">
        <v>1522</v>
      </c>
      <c r="S1925" s="5" t="s">
        <v>1523</v>
      </c>
      <c r="T1925" s="5" t="s">
        <v>42</v>
      </c>
      <c r="U1925" s="2">
        <v>3.016</v>
      </c>
      <c r="V1925" s="2">
        <v>2.488</v>
      </c>
      <c r="W1925" s="2">
        <v>1.7999999999999999E-2</v>
      </c>
      <c r="X1925" s="2">
        <v>139.1</v>
      </c>
      <c r="Y1925" s="2">
        <v>7.6</v>
      </c>
      <c r="Z1925" s="2">
        <v>16.7</v>
      </c>
      <c r="AA1925" s="5"/>
      <c r="AB1925" s="5" t="s">
        <v>43</v>
      </c>
      <c r="AC1925" s="5" t="s">
        <v>44</v>
      </c>
      <c r="AD1925" s="2"/>
      <c r="AE1925" s="1"/>
    </row>
    <row r="1926" spans="1:31" ht="14.45">
      <c r="A1926" s="11"/>
      <c r="B1926" s="20"/>
      <c r="C1926" s="2" t="s">
        <v>6199</v>
      </c>
      <c r="D1926" s="14" t="s">
        <v>6200</v>
      </c>
      <c r="E1926" s="2" t="s">
        <v>6201</v>
      </c>
      <c r="F1926" s="2" t="s">
        <v>1747</v>
      </c>
      <c r="G1926" s="8">
        <v>218</v>
      </c>
      <c r="H1926" s="5">
        <v>6</v>
      </c>
      <c r="I1926" s="5" t="s">
        <v>1518</v>
      </c>
      <c r="J1926" s="5" t="s">
        <v>1519</v>
      </c>
      <c r="K1926" s="2" t="s">
        <v>1520</v>
      </c>
      <c r="L1926" s="5" t="s">
        <v>1519</v>
      </c>
      <c r="M1926" s="2" t="s">
        <v>1520</v>
      </c>
      <c r="N1926" s="5" t="s">
        <v>1521</v>
      </c>
      <c r="O1926" s="5" t="s">
        <v>38</v>
      </c>
      <c r="P1926" s="5" t="s">
        <v>39</v>
      </c>
      <c r="Q1926" s="5" t="s">
        <v>40</v>
      </c>
      <c r="R1926" s="5" t="s">
        <v>1522</v>
      </c>
      <c r="S1926" s="5" t="s">
        <v>1523</v>
      </c>
      <c r="T1926" s="5" t="s">
        <v>42</v>
      </c>
      <c r="U1926" s="2">
        <v>3.077</v>
      </c>
      <c r="V1926" s="2">
        <v>2.5489999999999999</v>
      </c>
      <c r="W1926" s="2">
        <v>1.7999999999999999E-2</v>
      </c>
      <c r="X1926" s="2">
        <v>139.1</v>
      </c>
      <c r="Y1926" s="2">
        <v>7.6</v>
      </c>
      <c r="Z1926" s="2">
        <v>16.7</v>
      </c>
      <c r="AA1926" s="5"/>
      <c r="AB1926" s="5" t="s">
        <v>43</v>
      </c>
      <c r="AC1926" s="5" t="s">
        <v>44</v>
      </c>
      <c r="AD1926" s="2"/>
      <c r="AE1926" s="1"/>
    </row>
    <row r="1927" spans="1:31" ht="14.45">
      <c r="A1927" s="11"/>
      <c r="B1927" s="20"/>
      <c r="C1927" s="2" t="s">
        <v>6202</v>
      </c>
      <c r="D1927" s="14" t="s">
        <v>6203</v>
      </c>
      <c r="E1927" s="2" t="s">
        <v>6204</v>
      </c>
      <c r="F1927" s="2" t="s">
        <v>1751</v>
      </c>
      <c r="G1927" s="8">
        <v>218</v>
      </c>
      <c r="H1927" s="5">
        <v>6</v>
      </c>
      <c r="I1927" s="5" t="s">
        <v>1518</v>
      </c>
      <c r="J1927" s="5" t="s">
        <v>1519</v>
      </c>
      <c r="K1927" s="2" t="s">
        <v>1520</v>
      </c>
      <c r="L1927" s="5" t="s">
        <v>1519</v>
      </c>
      <c r="M1927" s="2" t="s">
        <v>1520</v>
      </c>
      <c r="N1927" s="5" t="s">
        <v>1521</v>
      </c>
      <c r="O1927" s="5" t="s">
        <v>38</v>
      </c>
      <c r="P1927" s="5" t="s">
        <v>39</v>
      </c>
      <c r="Q1927" s="5" t="s">
        <v>40</v>
      </c>
      <c r="R1927" s="5" t="s">
        <v>1522</v>
      </c>
      <c r="S1927" s="5" t="s">
        <v>1523</v>
      </c>
      <c r="T1927" s="5" t="s">
        <v>42</v>
      </c>
      <c r="U1927" s="2">
        <v>3.016</v>
      </c>
      <c r="V1927" s="2">
        <v>2.488</v>
      </c>
      <c r="W1927" s="2">
        <v>1.7999999999999999E-2</v>
      </c>
      <c r="X1927" s="2">
        <v>139.1</v>
      </c>
      <c r="Y1927" s="2">
        <v>7.6</v>
      </c>
      <c r="Z1927" s="2">
        <v>16.7</v>
      </c>
      <c r="AA1927" s="5"/>
      <c r="AB1927" s="5" t="s">
        <v>43</v>
      </c>
      <c r="AC1927" s="5" t="s">
        <v>44</v>
      </c>
      <c r="AD1927" s="2"/>
      <c r="AE1927" s="1"/>
    </row>
    <row r="1928" spans="1:31" ht="14.45">
      <c r="A1928" s="11"/>
      <c r="B1928" s="20"/>
      <c r="C1928" s="2" t="s">
        <v>6205</v>
      </c>
      <c r="D1928" s="14" t="s">
        <v>6206</v>
      </c>
      <c r="E1928" s="2" t="s">
        <v>6207</v>
      </c>
      <c r="F1928" s="2" t="s">
        <v>1755</v>
      </c>
      <c r="G1928" s="8">
        <v>218</v>
      </c>
      <c r="H1928" s="5">
        <v>6</v>
      </c>
      <c r="I1928" s="5" t="s">
        <v>1518</v>
      </c>
      <c r="J1928" s="5" t="s">
        <v>1519</v>
      </c>
      <c r="K1928" s="2" t="s">
        <v>1520</v>
      </c>
      <c r="L1928" s="5" t="s">
        <v>1519</v>
      </c>
      <c r="M1928" s="2" t="s">
        <v>1520</v>
      </c>
      <c r="N1928" s="5" t="s">
        <v>1521</v>
      </c>
      <c r="O1928" s="5" t="s">
        <v>38</v>
      </c>
      <c r="P1928" s="5" t="s">
        <v>39</v>
      </c>
      <c r="Q1928" s="5" t="s">
        <v>40</v>
      </c>
      <c r="R1928" s="5" t="s">
        <v>1522</v>
      </c>
      <c r="S1928" s="5" t="s">
        <v>1523</v>
      </c>
      <c r="T1928" s="5" t="s">
        <v>42</v>
      </c>
      <c r="U1928" s="2">
        <v>3.077</v>
      </c>
      <c r="V1928" s="2">
        <v>2.5489999999999999</v>
      </c>
      <c r="W1928" s="2">
        <v>1.7999999999999999E-2</v>
      </c>
      <c r="X1928" s="2">
        <v>139.1</v>
      </c>
      <c r="Y1928" s="2">
        <v>7.6</v>
      </c>
      <c r="Z1928" s="2">
        <v>16.7</v>
      </c>
      <c r="AA1928" s="5"/>
      <c r="AB1928" s="5" t="s">
        <v>43</v>
      </c>
      <c r="AC1928" s="5" t="s">
        <v>44</v>
      </c>
      <c r="AD1928" s="2"/>
      <c r="AE1928" s="1"/>
    </row>
    <row r="1929" spans="1:31" ht="14.45">
      <c r="A1929" s="11"/>
      <c r="B1929" s="20"/>
      <c r="C1929" s="2" t="s">
        <v>6208</v>
      </c>
      <c r="D1929" s="14" t="s">
        <v>6209</v>
      </c>
      <c r="E1929" s="2" t="s">
        <v>6210</v>
      </c>
      <c r="F1929" s="2" t="s">
        <v>1759</v>
      </c>
      <c r="G1929" s="8">
        <v>218</v>
      </c>
      <c r="H1929" s="5">
        <v>6</v>
      </c>
      <c r="I1929" s="5" t="s">
        <v>1518</v>
      </c>
      <c r="J1929" s="5" t="s">
        <v>1519</v>
      </c>
      <c r="K1929" s="2" t="s">
        <v>1520</v>
      </c>
      <c r="L1929" s="5" t="s">
        <v>1519</v>
      </c>
      <c r="M1929" s="2" t="s">
        <v>1520</v>
      </c>
      <c r="N1929" s="5" t="s">
        <v>1521</v>
      </c>
      <c r="O1929" s="5" t="s">
        <v>38</v>
      </c>
      <c r="P1929" s="5" t="s">
        <v>39</v>
      </c>
      <c r="Q1929" s="5" t="s">
        <v>40</v>
      </c>
      <c r="R1929" s="5" t="s">
        <v>1522</v>
      </c>
      <c r="S1929" s="5" t="s">
        <v>1523</v>
      </c>
      <c r="T1929" s="5" t="s">
        <v>42</v>
      </c>
      <c r="U1929" s="2">
        <v>3.0529999999999999</v>
      </c>
      <c r="V1929" s="2">
        <v>2.5249999999999999</v>
      </c>
      <c r="W1929" s="2">
        <v>1.7999999999999999E-2</v>
      </c>
      <c r="X1929" s="2">
        <v>139.1</v>
      </c>
      <c r="Y1929" s="2">
        <v>7.6</v>
      </c>
      <c r="Z1929" s="2">
        <v>16.7</v>
      </c>
      <c r="AA1929" s="5"/>
      <c r="AB1929" s="5" t="s">
        <v>43</v>
      </c>
      <c r="AC1929" s="5" t="s">
        <v>44</v>
      </c>
      <c r="AD1929" s="2"/>
      <c r="AE1929" s="1"/>
    </row>
    <row r="1930" spans="1:31" ht="14.45">
      <c r="A1930" s="11"/>
      <c r="B1930" s="20"/>
      <c r="C1930" s="2" t="s">
        <v>6211</v>
      </c>
      <c r="D1930" s="14" t="s">
        <v>6212</v>
      </c>
      <c r="E1930" s="2" t="s">
        <v>6213</v>
      </c>
      <c r="F1930" s="2" t="s">
        <v>1763</v>
      </c>
      <c r="G1930" s="8">
        <v>218</v>
      </c>
      <c r="H1930" s="5">
        <v>6</v>
      </c>
      <c r="I1930" s="5" t="s">
        <v>1518</v>
      </c>
      <c r="J1930" s="5" t="s">
        <v>1519</v>
      </c>
      <c r="K1930" s="2" t="s">
        <v>1520</v>
      </c>
      <c r="L1930" s="5" t="s">
        <v>1519</v>
      </c>
      <c r="M1930" s="2" t="s">
        <v>1520</v>
      </c>
      <c r="N1930" s="5" t="s">
        <v>1521</v>
      </c>
      <c r="O1930" s="5" t="s">
        <v>38</v>
      </c>
      <c r="P1930" s="5" t="s">
        <v>39</v>
      </c>
      <c r="Q1930" s="5" t="s">
        <v>40</v>
      </c>
      <c r="R1930" s="5" t="s">
        <v>1522</v>
      </c>
      <c r="S1930" s="5" t="s">
        <v>1523</v>
      </c>
      <c r="T1930" s="5" t="s">
        <v>42</v>
      </c>
      <c r="U1930" s="2">
        <v>3.1139999999999999</v>
      </c>
      <c r="V1930" s="2">
        <v>2.5859999999999999</v>
      </c>
      <c r="W1930" s="2">
        <v>1.7999999999999999E-2</v>
      </c>
      <c r="X1930" s="2">
        <v>139.1</v>
      </c>
      <c r="Y1930" s="2">
        <v>7.6</v>
      </c>
      <c r="Z1930" s="2">
        <v>16.7</v>
      </c>
      <c r="AA1930" s="5"/>
      <c r="AB1930" s="5" t="s">
        <v>43</v>
      </c>
      <c r="AC1930" s="5" t="s">
        <v>44</v>
      </c>
      <c r="AD1930" s="2"/>
      <c r="AE1930" s="1"/>
    </row>
    <row r="1931" spans="1:31" ht="14.45">
      <c r="A1931" s="11"/>
      <c r="B1931" s="20"/>
      <c r="C1931" s="2" t="s">
        <v>6214</v>
      </c>
      <c r="D1931" s="14" t="s">
        <v>6215</v>
      </c>
      <c r="E1931" s="2" t="s">
        <v>6216</v>
      </c>
      <c r="F1931" s="2" t="s">
        <v>1767</v>
      </c>
      <c r="G1931" s="8">
        <v>218</v>
      </c>
      <c r="H1931" s="5">
        <v>6</v>
      </c>
      <c r="I1931" s="5" t="s">
        <v>1518</v>
      </c>
      <c r="J1931" s="5" t="s">
        <v>1519</v>
      </c>
      <c r="K1931" s="2" t="s">
        <v>1520</v>
      </c>
      <c r="L1931" s="5" t="s">
        <v>1519</v>
      </c>
      <c r="M1931" s="2" t="s">
        <v>1520</v>
      </c>
      <c r="N1931" s="5" t="s">
        <v>1521</v>
      </c>
      <c r="O1931" s="5" t="s">
        <v>38</v>
      </c>
      <c r="P1931" s="5" t="s">
        <v>39</v>
      </c>
      <c r="Q1931" s="5" t="s">
        <v>40</v>
      </c>
      <c r="R1931" s="5" t="s">
        <v>1522</v>
      </c>
      <c r="S1931" s="5" t="s">
        <v>1523</v>
      </c>
      <c r="T1931" s="5" t="s">
        <v>42</v>
      </c>
      <c r="U1931" s="2">
        <v>3.0529999999999999</v>
      </c>
      <c r="V1931" s="2">
        <v>2.5249999999999999</v>
      </c>
      <c r="W1931" s="2">
        <v>1.7999999999999999E-2</v>
      </c>
      <c r="X1931" s="2">
        <v>139.1</v>
      </c>
      <c r="Y1931" s="2">
        <v>7.6</v>
      </c>
      <c r="Z1931" s="2">
        <v>16.7</v>
      </c>
      <c r="AA1931" s="5"/>
      <c r="AB1931" s="5" t="s">
        <v>43</v>
      </c>
      <c r="AC1931" s="5" t="s">
        <v>44</v>
      </c>
      <c r="AD1931" s="2"/>
      <c r="AE1931" s="1"/>
    </row>
    <row r="1932" spans="1:31" ht="14.45">
      <c r="A1932" s="11"/>
      <c r="B1932" s="20"/>
      <c r="C1932" s="2" t="s">
        <v>6217</v>
      </c>
      <c r="D1932" s="14" t="s">
        <v>6218</v>
      </c>
      <c r="E1932" s="2" t="s">
        <v>6219</v>
      </c>
      <c r="F1932" s="2" t="s">
        <v>1771</v>
      </c>
      <c r="G1932" s="8">
        <v>218</v>
      </c>
      <c r="H1932" s="5">
        <v>6</v>
      </c>
      <c r="I1932" s="5" t="s">
        <v>1518</v>
      </c>
      <c r="J1932" s="5" t="s">
        <v>1519</v>
      </c>
      <c r="K1932" s="2" t="s">
        <v>1520</v>
      </c>
      <c r="L1932" s="5" t="s">
        <v>1519</v>
      </c>
      <c r="M1932" s="2" t="s">
        <v>1520</v>
      </c>
      <c r="N1932" s="5" t="s">
        <v>1521</v>
      </c>
      <c r="O1932" s="5" t="s">
        <v>38</v>
      </c>
      <c r="P1932" s="5" t="s">
        <v>39</v>
      </c>
      <c r="Q1932" s="5" t="s">
        <v>40</v>
      </c>
      <c r="R1932" s="5" t="s">
        <v>1522</v>
      </c>
      <c r="S1932" s="5" t="s">
        <v>1523</v>
      </c>
      <c r="T1932" s="5" t="s">
        <v>42</v>
      </c>
      <c r="U1932" s="2">
        <v>3.1139999999999999</v>
      </c>
      <c r="V1932" s="2">
        <v>2.5859999999999999</v>
      </c>
      <c r="W1932" s="2">
        <v>1.7999999999999999E-2</v>
      </c>
      <c r="X1932" s="2">
        <v>139.1</v>
      </c>
      <c r="Y1932" s="2">
        <v>7.6</v>
      </c>
      <c r="Z1932" s="2">
        <v>16.7</v>
      </c>
      <c r="AA1932" s="5"/>
      <c r="AB1932" s="5" t="s">
        <v>43</v>
      </c>
      <c r="AC1932" s="5" t="s">
        <v>44</v>
      </c>
      <c r="AD1932" s="2"/>
      <c r="AE1932" s="1"/>
    </row>
    <row r="1933" spans="1:31" ht="14.45">
      <c r="A1933" s="11"/>
      <c r="B1933" s="20"/>
      <c r="C1933" s="2" t="s">
        <v>6220</v>
      </c>
      <c r="D1933" s="14" t="s">
        <v>6221</v>
      </c>
      <c r="E1933" s="2" t="s">
        <v>6222</v>
      </c>
      <c r="F1933" s="2" t="s">
        <v>1775</v>
      </c>
      <c r="G1933" s="8">
        <v>218</v>
      </c>
      <c r="H1933" s="5">
        <v>6</v>
      </c>
      <c r="I1933" s="5" t="s">
        <v>1518</v>
      </c>
      <c r="J1933" s="5" t="s">
        <v>1519</v>
      </c>
      <c r="K1933" s="2" t="s">
        <v>1520</v>
      </c>
      <c r="L1933" s="5" t="s">
        <v>1519</v>
      </c>
      <c r="M1933" s="2" t="s">
        <v>1520</v>
      </c>
      <c r="N1933" s="5" t="s">
        <v>1521</v>
      </c>
      <c r="O1933" s="5" t="s">
        <v>38</v>
      </c>
      <c r="P1933" s="5" t="s">
        <v>39</v>
      </c>
      <c r="Q1933" s="5" t="s">
        <v>40</v>
      </c>
      <c r="R1933" s="5" t="s">
        <v>1522</v>
      </c>
      <c r="S1933" s="5" t="s">
        <v>1523</v>
      </c>
      <c r="T1933" s="5" t="s">
        <v>42</v>
      </c>
      <c r="U1933" s="2">
        <v>3.0529999999999999</v>
      </c>
      <c r="V1933" s="2">
        <v>2.5249999999999999</v>
      </c>
      <c r="W1933" s="2">
        <v>1.7999999999999999E-2</v>
      </c>
      <c r="X1933" s="2">
        <v>139.1</v>
      </c>
      <c r="Y1933" s="2">
        <v>7.6</v>
      </c>
      <c r="Z1933" s="2">
        <v>16.7</v>
      </c>
      <c r="AA1933" s="5"/>
      <c r="AB1933" s="5" t="s">
        <v>43</v>
      </c>
      <c r="AC1933" s="5" t="s">
        <v>44</v>
      </c>
      <c r="AD1933" s="2"/>
      <c r="AE1933" s="1"/>
    </row>
    <row r="1934" spans="1:31" ht="14.45">
      <c r="A1934" s="11"/>
      <c r="B1934" s="20"/>
      <c r="C1934" s="2" t="s">
        <v>6223</v>
      </c>
      <c r="D1934" s="14" t="s">
        <v>6224</v>
      </c>
      <c r="E1934" s="2" t="s">
        <v>6225</v>
      </c>
      <c r="F1934" s="2" t="s">
        <v>1779</v>
      </c>
      <c r="G1934" s="8">
        <v>218</v>
      </c>
      <c r="H1934" s="5">
        <v>6</v>
      </c>
      <c r="I1934" s="5" t="s">
        <v>1518</v>
      </c>
      <c r="J1934" s="5" t="s">
        <v>1519</v>
      </c>
      <c r="K1934" s="2" t="s">
        <v>1520</v>
      </c>
      <c r="L1934" s="5" t="s">
        <v>1519</v>
      </c>
      <c r="M1934" s="2" t="s">
        <v>1520</v>
      </c>
      <c r="N1934" s="5" t="s">
        <v>1521</v>
      </c>
      <c r="O1934" s="5" t="s">
        <v>38</v>
      </c>
      <c r="P1934" s="5" t="s">
        <v>39</v>
      </c>
      <c r="Q1934" s="5" t="s">
        <v>40</v>
      </c>
      <c r="R1934" s="5" t="s">
        <v>1522</v>
      </c>
      <c r="S1934" s="5" t="s">
        <v>1523</v>
      </c>
      <c r="T1934" s="5" t="s">
        <v>42</v>
      </c>
      <c r="U1934" s="2">
        <v>3.1139999999999999</v>
      </c>
      <c r="V1934" s="2">
        <v>2.5859999999999999</v>
      </c>
      <c r="W1934" s="2">
        <v>1.7999999999999999E-2</v>
      </c>
      <c r="X1934" s="2">
        <v>139.1</v>
      </c>
      <c r="Y1934" s="2">
        <v>7.6</v>
      </c>
      <c r="Z1934" s="2">
        <v>16.7</v>
      </c>
      <c r="AA1934" s="5"/>
      <c r="AB1934" s="5" t="s">
        <v>43</v>
      </c>
      <c r="AC1934" s="5" t="s">
        <v>44</v>
      </c>
      <c r="AD1934" s="2"/>
      <c r="AE1934" s="1"/>
    </row>
    <row r="1935" spans="1:31" ht="14.45">
      <c r="A1935" s="11"/>
      <c r="B1935" s="20"/>
      <c r="C1935" s="2" t="s">
        <v>6226</v>
      </c>
      <c r="D1935" s="14" t="s">
        <v>6227</v>
      </c>
      <c r="E1935" s="2" t="s">
        <v>6228</v>
      </c>
      <c r="F1935" s="2" t="s">
        <v>1783</v>
      </c>
      <c r="G1935" s="8">
        <v>218</v>
      </c>
      <c r="H1935" s="5">
        <v>6</v>
      </c>
      <c r="I1935" s="5" t="s">
        <v>1518</v>
      </c>
      <c r="J1935" s="5" t="s">
        <v>1519</v>
      </c>
      <c r="K1935" s="2" t="s">
        <v>1520</v>
      </c>
      <c r="L1935" s="5" t="s">
        <v>1519</v>
      </c>
      <c r="M1935" s="2" t="s">
        <v>1520</v>
      </c>
      <c r="N1935" s="5" t="s">
        <v>1521</v>
      </c>
      <c r="O1935" s="5" t="s">
        <v>38</v>
      </c>
      <c r="P1935" s="5" t="s">
        <v>39</v>
      </c>
      <c r="Q1935" s="5" t="s">
        <v>40</v>
      </c>
      <c r="R1935" s="5" t="s">
        <v>1522</v>
      </c>
      <c r="S1935" s="5" t="s">
        <v>1523</v>
      </c>
      <c r="T1935" s="5" t="s">
        <v>42</v>
      </c>
      <c r="U1935" s="2">
        <v>3.016</v>
      </c>
      <c r="V1935" s="2">
        <v>2.488</v>
      </c>
      <c r="W1935" s="2">
        <v>1.7999999999999999E-2</v>
      </c>
      <c r="X1935" s="2">
        <v>139.1</v>
      </c>
      <c r="Y1935" s="2">
        <v>7.6</v>
      </c>
      <c r="Z1935" s="2">
        <v>16.7</v>
      </c>
      <c r="AA1935" s="5"/>
      <c r="AB1935" s="5" t="s">
        <v>43</v>
      </c>
      <c r="AC1935" s="5" t="s">
        <v>44</v>
      </c>
      <c r="AD1935" s="2"/>
      <c r="AE1935" s="1"/>
    </row>
    <row r="1936" spans="1:31" ht="14.45">
      <c r="A1936" s="11"/>
      <c r="B1936" s="20"/>
      <c r="C1936" s="2" t="s">
        <v>6229</v>
      </c>
      <c r="D1936" s="14" t="s">
        <v>6230</v>
      </c>
      <c r="E1936" s="2" t="s">
        <v>6231</v>
      </c>
      <c r="F1936" s="2" t="s">
        <v>1787</v>
      </c>
      <c r="G1936" s="8">
        <v>218</v>
      </c>
      <c r="H1936" s="5">
        <v>6</v>
      </c>
      <c r="I1936" s="5" t="s">
        <v>1518</v>
      </c>
      <c r="J1936" s="5" t="s">
        <v>1519</v>
      </c>
      <c r="K1936" s="2" t="s">
        <v>1520</v>
      </c>
      <c r="L1936" s="5" t="s">
        <v>1519</v>
      </c>
      <c r="M1936" s="2" t="s">
        <v>1520</v>
      </c>
      <c r="N1936" s="5" t="s">
        <v>1521</v>
      </c>
      <c r="O1936" s="5" t="s">
        <v>38</v>
      </c>
      <c r="P1936" s="5" t="s">
        <v>39</v>
      </c>
      <c r="Q1936" s="5" t="s">
        <v>40</v>
      </c>
      <c r="R1936" s="5" t="s">
        <v>1522</v>
      </c>
      <c r="S1936" s="5" t="s">
        <v>1523</v>
      </c>
      <c r="T1936" s="5" t="s">
        <v>42</v>
      </c>
      <c r="U1936" s="2">
        <v>3.077</v>
      </c>
      <c r="V1936" s="2">
        <v>2.5489999999999999</v>
      </c>
      <c r="W1936" s="2">
        <v>1.7999999999999999E-2</v>
      </c>
      <c r="X1936" s="2">
        <v>139.1</v>
      </c>
      <c r="Y1936" s="2">
        <v>7.6</v>
      </c>
      <c r="Z1936" s="2">
        <v>16.7</v>
      </c>
      <c r="AA1936" s="5"/>
      <c r="AB1936" s="5" t="s">
        <v>43</v>
      </c>
      <c r="AC1936" s="5" t="s">
        <v>44</v>
      </c>
      <c r="AD1936" s="2"/>
      <c r="AE1936" s="1"/>
    </row>
    <row r="1937" spans="1:31" ht="14.45">
      <c r="A1937" s="11"/>
      <c r="B1937" s="20"/>
      <c r="C1937" s="2" t="s">
        <v>6232</v>
      </c>
      <c r="D1937" s="14" t="s">
        <v>6233</v>
      </c>
      <c r="E1937" s="2" t="s">
        <v>6234</v>
      </c>
      <c r="F1937" s="2" t="s">
        <v>1791</v>
      </c>
      <c r="G1937" s="8">
        <v>218</v>
      </c>
      <c r="H1937" s="5">
        <v>6</v>
      </c>
      <c r="I1937" s="5" t="s">
        <v>1518</v>
      </c>
      <c r="J1937" s="5" t="s">
        <v>1519</v>
      </c>
      <c r="K1937" s="2" t="s">
        <v>1520</v>
      </c>
      <c r="L1937" s="5" t="s">
        <v>1519</v>
      </c>
      <c r="M1937" s="2" t="s">
        <v>1520</v>
      </c>
      <c r="N1937" s="5" t="s">
        <v>1521</v>
      </c>
      <c r="O1937" s="5" t="s">
        <v>38</v>
      </c>
      <c r="P1937" s="5" t="s">
        <v>39</v>
      </c>
      <c r="Q1937" s="5" t="s">
        <v>40</v>
      </c>
      <c r="R1937" s="5" t="s">
        <v>1522</v>
      </c>
      <c r="S1937" s="5" t="s">
        <v>1523</v>
      </c>
      <c r="T1937" s="5" t="s">
        <v>42</v>
      </c>
      <c r="U1937" s="2">
        <v>3.0529999999999999</v>
      </c>
      <c r="V1937" s="2">
        <v>2.5249999999999999</v>
      </c>
      <c r="W1937" s="2">
        <v>1.7999999999999999E-2</v>
      </c>
      <c r="X1937" s="2">
        <v>139.1</v>
      </c>
      <c r="Y1937" s="2">
        <v>7.6</v>
      </c>
      <c r="Z1937" s="2">
        <v>16.7</v>
      </c>
      <c r="AA1937" s="5"/>
      <c r="AB1937" s="5" t="s">
        <v>43</v>
      </c>
      <c r="AC1937" s="5" t="s">
        <v>44</v>
      </c>
      <c r="AD1937" s="2"/>
      <c r="AE1937" s="1"/>
    </row>
    <row r="1938" spans="1:31" ht="14.45">
      <c r="A1938" s="11"/>
      <c r="B1938" s="20"/>
      <c r="C1938" s="2" t="s">
        <v>6235</v>
      </c>
      <c r="D1938" s="14" t="s">
        <v>6236</v>
      </c>
      <c r="E1938" s="2" t="s">
        <v>6237</v>
      </c>
      <c r="F1938" s="2" t="s">
        <v>1795</v>
      </c>
      <c r="G1938" s="8">
        <v>218</v>
      </c>
      <c r="H1938" s="5">
        <v>6</v>
      </c>
      <c r="I1938" s="5" t="s">
        <v>1518</v>
      </c>
      <c r="J1938" s="5" t="s">
        <v>1519</v>
      </c>
      <c r="K1938" s="2" t="s">
        <v>1520</v>
      </c>
      <c r="L1938" s="5" t="s">
        <v>1519</v>
      </c>
      <c r="M1938" s="2" t="s">
        <v>1520</v>
      </c>
      <c r="N1938" s="5" t="s">
        <v>1521</v>
      </c>
      <c r="O1938" s="5" t="s">
        <v>38</v>
      </c>
      <c r="P1938" s="5" t="s">
        <v>39</v>
      </c>
      <c r="Q1938" s="5" t="s">
        <v>40</v>
      </c>
      <c r="R1938" s="5" t="s">
        <v>1522</v>
      </c>
      <c r="S1938" s="5" t="s">
        <v>1523</v>
      </c>
      <c r="T1938" s="5" t="s">
        <v>42</v>
      </c>
      <c r="U1938" s="2">
        <v>3.1139999999999999</v>
      </c>
      <c r="V1938" s="2">
        <v>2.5859999999999999</v>
      </c>
      <c r="W1938" s="2">
        <v>1.7999999999999999E-2</v>
      </c>
      <c r="X1938" s="2">
        <v>139.1</v>
      </c>
      <c r="Y1938" s="2">
        <v>7.6</v>
      </c>
      <c r="Z1938" s="2">
        <v>16.7</v>
      </c>
      <c r="AA1938" s="5"/>
      <c r="AB1938" s="5" t="s">
        <v>43</v>
      </c>
      <c r="AC1938" s="5" t="s">
        <v>44</v>
      </c>
      <c r="AD1938" s="2"/>
      <c r="AE1938" s="1"/>
    </row>
    <row r="1939" spans="1:31" ht="14.45">
      <c r="A1939" s="11"/>
      <c r="B1939" s="20"/>
      <c r="C1939" s="2" t="s">
        <v>6238</v>
      </c>
      <c r="D1939" s="14" t="s">
        <v>6239</v>
      </c>
      <c r="E1939" s="2" t="s">
        <v>6240</v>
      </c>
      <c r="F1939" s="2" t="s">
        <v>1799</v>
      </c>
      <c r="G1939" s="8">
        <v>218</v>
      </c>
      <c r="H1939" s="5">
        <v>6</v>
      </c>
      <c r="I1939" s="5" t="s">
        <v>1518</v>
      </c>
      <c r="J1939" s="5" t="s">
        <v>1519</v>
      </c>
      <c r="K1939" s="2" t="s">
        <v>1520</v>
      </c>
      <c r="L1939" s="5" t="s">
        <v>1519</v>
      </c>
      <c r="M1939" s="2" t="s">
        <v>1520</v>
      </c>
      <c r="N1939" s="5" t="s">
        <v>1521</v>
      </c>
      <c r="O1939" s="5" t="s">
        <v>38</v>
      </c>
      <c r="P1939" s="5" t="s">
        <v>39</v>
      </c>
      <c r="Q1939" s="5" t="s">
        <v>40</v>
      </c>
      <c r="R1939" s="5" t="s">
        <v>1522</v>
      </c>
      <c r="S1939" s="5" t="s">
        <v>1523</v>
      </c>
      <c r="T1939" s="5" t="s">
        <v>42</v>
      </c>
      <c r="U1939" s="2">
        <v>3.0529999999999999</v>
      </c>
      <c r="V1939" s="2">
        <v>2.5249999999999999</v>
      </c>
      <c r="W1939" s="2">
        <v>1.7999999999999999E-2</v>
      </c>
      <c r="X1939" s="2">
        <v>139.1</v>
      </c>
      <c r="Y1939" s="2">
        <v>7.6</v>
      </c>
      <c r="Z1939" s="2">
        <v>16.7</v>
      </c>
      <c r="AA1939" s="5"/>
      <c r="AB1939" s="5" t="s">
        <v>43</v>
      </c>
      <c r="AC1939" s="5" t="s">
        <v>44</v>
      </c>
      <c r="AD1939" s="2"/>
      <c r="AE1939" s="1"/>
    </row>
    <row r="1940" spans="1:31" ht="14.45">
      <c r="A1940" s="11"/>
      <c r="B1940" s="20"/>
      <c r="C1940" s="2" t="s">
        <v>6241</v>
      </c>
      <c r="D1940" s="14" t="s">
        <v>6242</v>
      </c>
      <c r="E1940" s="2" t="s">
        <v>6243</v>
      </c>
      <c r="F1940" s="2" t="s">
        <v>1803</v>
      </c>
      <c r="G1940" s="8">
        <v>218</v>
      </c>
      <c r="H1940" s="5">
        <v>6</v>
      </c>
      <c r="I1940" s="5" t="s">
        <v>1518</v>
      </c>
      <c r="J1940" s="5" t="s">
        <v>1519</v>
      </c>
      <c r="K1940" s="2" t="s">
        <v>1520</v>
      </c>
      <c r="L1940" s="5" t="s">
        <v>1519</v>
      </c>
      <c r="M1940" s="2" t="s">
        <v>1520</v>
      </c>
      <c r="N1940" s="5" t="s">
        <v>1521</v>
      </c>
      <c r="O1940" s="5" t="s">
        <v>38</v>
      </c>
      <c r="P1940" s="5" t="s">
        <v>39</v>
      </c>
      <c r="Q1940" s="5" t="s">
        <v>40</v>
      </c>
      <c r="R1940" s="5" t="s">
        <v>1522</v>
      </c>
      <c r="S1940" s="5" t="s">
        <v>1523</v>
      </c>
      <c r="T1940" s="5" t="s">
        <v>42</v>
      </c>
      <c r="U1940" s="2">
        <v>3.1139999999999999</v>
      </c>
      <c r="V1940" s="2">
        <v>2.5859999999999999</v>
      </c>
      <c r="W1940" s="2">
        <v>1.7999999999999999E-2</v>
      </c>
      <c r="X1940" s="2">
        <v>139.1</v>
      </c>
      <c r="Y1940" s="2">
        <v>7.6</v>
      </c>
      <c r="Z1940" s="2">
        <v>16.7</v>
      </c>
      <c r="AA1940" s="5"/>
      <c r="AB1940" s="5" t="s">
        <v>43</v>
      </c>
      <c r="AC1940" s="5" t="s">
        <v>44</v>
      </c>
      <c r="AD1940" s="2"/>
      <c r="AE1940" s="1"/>
    </row>
    <row r="1941" spans="1:31" ht="14.45">
      <c r="A1941" s="11"/>
      <c r="B1941" s="20"/>
      <c r="C1941" s="2" t="s">
        <v>6244</v>
      </c>
      <c r="D1941" s="14" t="s">
        <v>6245</v>
      </c>
      <c r="E1941" s="2" t="s">
        <v>6246</v>
      </c>
      <c r="F1941" s="2" t="s">
        <v>1807</v>
      </c>
      <c r="G1941" s="8">
        <v>218</v>
      </c>
      <c r="H1941" s="5">
        <v>6</v>
      </c>
      <c r="I1941" s="5" t="s">
        <v>1518</v>
      </c>
      <c r="J1941" s="5" t="s">
        <v>1519</v>
      </c>
      <c r="K1941" s="2" t="s">
        <v>1520</v>
      </c>
      <c r="L1941" s="5" t="s">
        <v>1519</v>
      </c>
      <c r="M1941" s="2" t="s">
        <v>1520</v>
      </c>
      <c r="N1941" s="5" t="s">
        <v>1521</v>
      </c>
      <c r="O1941" s="5" t="s">
        <v>38</v>
      </c>
      <c r="P1941" s="5" t="s">
        <v>39</v>
      </c>
      <c r="Q1941" s="5" t="s">
        <v>40</v>
      </c>
      <c r="R1941" s="5" t="s">
        <v>1522</v>
      </c>
      <c r="S1941" s="5" t="s">
        <v>1523</v>
      </c>
      <c r="T1941" s="5" t="s">
        <v>42</v>
      </c>
      <c r="U1941" s="2">
        <v>3.0529999999999999</v>
      </c>
      <c r="V1941" s="2">
        <v>2.5249999999999999</v>
      </c>
      <c r="W1941" s="2">
        <v>1.7999999999999999E-2</v>
      </c>
      <c r="X1941" s="2">
        <v>139.1</v>
      </c>
      <c r="Y1941" s="2">
        <v>7.6</v>
      </c>
      <c r="Z1941" s="2">
        <v>16.7</v>
      </c>
      <c r="AA1941" s="5"/>
      <c r="AB1941" s="5" t="s">
        <v>43</v>
      </c>
      <c r="AC1941" s="5" t="s">
        <v>44</v>
      </c>
      <c r="AD1941" s="2"/>
      <c r="AE1941" s="1"/>
    </row>
    <row r="1942" spans="1:31" ht="14.45">
      <c r="A1942" s="11"/>
      <c r="B1942" s="20"/>
      <c r="C1942" s="2" t="s">
        <v>6247</v>
      </c>
      <c r="D1942" s="14" t="s">
        <v>6248</v>
      </c>
      <c r="E1942" s="2" t="s">
        <v>6249</v>
      </c>
      <c r="F1942" s="2" t="s">
        <v>1811</v>
      </c>
      <c r="G1942" s="8">
        <v>218</v>
      </c>
      <c r="H1942" s="5">
        <v>6</v>
      </c>
      <c r="I1942" s="5" t="s">
        <v>1518</v>
      </c>
      <c r="J1942" s="5" t="s">
        <v>1519</v>
      </c>
      <c r="K1942" s="2" t="s">
        <v>1520</v>
      </c>
      <c r="L1942" s="5" t="s">
        <v>1519</v>
      </c>
      <c r="M1942" s="2" t="s">
        <v>1520</v>
      </c>
      <c r="N1942" s="5" t="s">
        <v>1521</v>
      </c>
      <c r="O1942" s="5" t="s">
        <v>38</v>
      </c>
      <c r="P1942" s="5" t="s">
        <v>39</v>
      </c>
      <c r="Q1942" s="5" t="s">
        <v>40</v>
      </c>
      <c r="R1942" s="5" t="s">
        <v>1522</v>
      </c>
      <c r="S1942" s="5" t="s">
        <v>1523</v>
      </c>
      <c r="T1942" s="5" t="s">
        <v>42</v>
      </c>
      <c r="U1942" s="2">
        <v>3.1139999999999999</v>
      </c>
      <c r="V1942" s="2">
        <v>2.5859999999999999</v>
      </c>
      <c r="W1942" s="2">
        <v>1.7999999999999999E-2</v>
      </c>
      <c r="X1942" s="2">
        <v>139.1</v>
      </c>
      <c r="Y1942" s="2">
        <v>7.6</v>
      </c>
      <c r="Z1942" s="2">
        <v>16.7</v>
      </c>
      <c r="AA1942" s="5"/>
      <c r="AB1942" s="5" t="s">
        <v>43</v>
      </c>
      <c r="AC1942" s="5" t="s">
        <v>44</v>
      </c>
      <c r="AD1942" s="2"/>
      <c r="AE1942" s="1"/>
    </row>
    <row r="1943" spans="1:31" ht="14.45">
      <c r="A1943" s="11"/>
      <c r="B1943" s="20"/>
      <c r="C1943" s="2" t="s">
        <v>6250</v>
      </c>
      <c r="D1943" s="14" t="s">
        <v>6251</v>
      </c>
      <c r="E1943" s="2" t="s">
        <v>6252</v>
      </c>
      <c r="F1943" s="2" t="s">
        <v>1815</v>
      </c>
      <c r="G1943" s="8">
        <v>218</v>
      </c>
      <c r="H1943" s="5">
        <v>6</v>
      </c>
      <c r="I1943" s="5" t="s">
        <v>1518</v>
      </c>
      <c r="J1943" s="5" t="s">
        <v>1519</v>
      </c>
      <c r="K1943" s="2" t="s">
        <v>1520</v>
      </c>
      <c r="L1943" s="5" t="s">
        <v>1519</v>
      </c>
      <c r="M1943" s="2" t="s">
        <v>1520</v>
      </c>
      <c r="N1943" s="5" t="s">
        <v>1521</v>
      </c>
      <c r="O1943" s="5" t="s">
        <v>38</v>
      </c>
      <c r="P1943" s="5" t="s">
        <v>39</v>
      </c>
      <c r="Q1943" s="5" t="s">
        <v>40</v>
      </c>
      <c r="R1943" s="5" t="s">
        <v>1522</v>
      </c>
      <c r="S1943" s="5" t="s">
        <v>1523</v>
      </c>
      <c r="T1943" s="5" t="s">
        <v>42</v>
      </c>
      <c r="U1943" s="2">
        <v>3.016</v>
      </c>
      <c r="V1943" s="2">
        <v>2.488</v>
      </c>
      <c r="W1943" s="2">
        <v>1.7999999999999999E-2</v>
      </c>
      <c r="X1943" s="2">
        <v>139.1</v>
      </c>
      <c r="Y1943" s="2">
        <v>7.6</v>
      </c>
      <c r="Z1943" s="2">
        <v>16.7</v>
      </c>
      <c r="AA1943" s="5"/>
      <c r="AB1943" s="5" t="s">
        <v>43</v>
      </c>
      <c r="AC1943" s="5" t="s">
        <v>44</v>
      </c>
      <c r="AD1943" s="2"/>
      <c r="AE1943" s="1"/>
    </row>
    <row r="1944" spans="1:31" ht="14.45">
      <c r="A1944" s="11"/>
      <c r="B1944" s="20"/>
      <c r="C1944" s="2" t="s">
        <v>6253</v>
      </c>
      <c r="D1944" s="14" t="s">
        <v>6254</v>
      </c>
      <c r="E1944" s="2" t="s">
        <v>6255</v>
      </c>
      <c r="F1944" s="2" t="s">
        <v>1819</v>
      </c>
      <c r="G1944" s="8">
        <v>218</v>
      </c>
      <c r="H1944" s="5">
        <v>6</v>
      </c>
      <c r="I1944" s="5" t="s">
        <v>1518</v>
      </c>
      <c r="J1944" s="5" t="s">
        <v>1519</v>
      </c>
      <c r="K1944" s="2" t="s">
        <v>1520</v>
      </c>
      <c r="L1944" s="5" t="s">
        <v>1519</v>
      </c>
      <c r="M1944" s="2" t="s">
        <v>1520</v>
      </c>
      <c r="N1944" s="5" t="s">
        <v>1521</v>
      </c>
      <c r="O1944" s="5" t="s">
        <v>38</v>
      </c>
      <c r="P1944" s="5" t="s">
        <v>39</v>
      </c>
      <c r="Q1944" s="5" t="s">
        <v>40</v>
      </c>
      <c r="R1944" s="5" t="s">
        <v>1522</v>
      </c>
      <c r="S1944" s="5" t="s">
        <v>1523</v>
      </c>
      <c r="T1944" s="5" t="s">
        <v>42</v>
      </c>
      <c r="U1944" s="2">
        <v>3.077</v>
      </c>
      <c r="V1944" s="2">
        <v>2.5489999999999999</v>
      </c>
      <c r="W1944" s="2">
        <v>1.7999999999999999E-2</v>
      </c>
      <c r="X1944" s="2">
        <v>139.1</v>
      </c>
      <c r="Y1944" s="2">
        <v>7.6</v>
      </c>
      <c r="Z1944" s="2">
        <v>16.7</v>
      </c>
      <c r="AA1944" s="5"/>
      <c r="AB1944" s="5" t="s">
        <v>43</v>
      </c>
      <c r="AC1944" s="5" t="s">
        <v>44</v>
      </c>
      <c r="AD1944" s="2"/>
      <c r="AE1944" s="1"/>
    </row>
    <row r="1945" spans="1:31" ht="14.45">
      <c r="A1945" s="11"/>
      <c r="B1945" s="20"/>
      <c r="C1945" s="2" t="s">
        <v>6256</v>
      </c>
      <c r="D1945" s="14" t="s">
        <v>6257</v>
      </c>
      <c r="E1945" s="2" t="s">
        <v>6258</v>
      </c>
      <c r="F1945" s="2" t="s">
        <v>1823</v>
      </c>
      <c r="G1945" s="8">
        <v>218</v>
      </c>
      <c r="H1945" s="5">
        <v>8</v>
      </c>
      <c r="I1945" s="5" t="s">
        <v>1518</v>
      </c>
      <c r="J1945" s="5" t="s">
        <v>1519</v>
      </c>
      <c r="K1945" s="2" t="s">
        <v>1520</v>
      </c>
      <c r="L1945" s="5" t="s">
        <v>1519</v>
      </c>
      <c r="M1945" s="2" t="s">
        <v>1520</v>
      </c>
      <c r="N1945" s="5" t="s">
        <v>1521</v>
      </c>
      <c r="O1945" s="5" t="s">
        <v>38</v>
      </c>
      <c r="P1945" s="5" t="s">
        <v>39</v>
      </c>
      <c r="Q1945" s="5" t="s">
        <v>40</v>
      </c>
      <c r="R1945" s="5" t="s">
        <v>1522</v>
      </c>
      <c r="S1945" s="5" t="s">
        <v>1523</v>
      </c>
      <c r="T1945" s="5" t="s">
        <v>42</v>
      </c>
      <c r="U1945" s="2">
        <v>3.08</v>
      </c>
      <c r="V1945" s="2">
        <v>2.552</v>
      </c>
      <c r="W1945" s="2">
        <v>1.7999999999999999E-2</v>
      </c>
      <c r="X1945" s="2">
        <v>139.1</v>
      </c>
      <c r="Y1945" s="2">
        <v>7.6</v>
      </c>
      <c r="Z1945" s="2">
        <v>16.7</v>
      </c>
      <c r="AA1945" s="5"/>
      <c r="AB1945" s="5" t="s">
        <v>43</v>
      </c>
      <c r="AC1945" s="5" t="s">
        <v>44</v>
      </c>
      <c r="AD1945" s="2"/>
      <c r="AE1945" s="1"/>
    </row>
    <row r="1946" spans="1:31" ht="14.45">
      <c r="A1946" s="11"/>
      <c r="B1946" s="20"/>
      <c r="C1946" s="2" t="s">
        <v>6259</v>
      </c>
      <c r="D1946" s="14" t="s">
        <v>6260</v>
      </c>
      <c r="E1946" s="2" t="s">
        <v>6261</v>
      </c>
      <c r="F1946" s="2" t="s">
        <v>1827</v>
      </c>
      <c r="G1946" s="8">
        <v>218</v>
      </c>
      <c r="H1946" s="5">
        <v>8</v>
      </c>
      <c r="I1946" s="5" t="s">
        <v>1518</v>
      </c>
      <c r="J1946" s="5" t="s">
        <v>1519</v>
      </c>
      <c r="K1946" s="2" t="s">
        <v>1520</v>
      </c>
      <c r="L1946" s="5" t="s">
        <v>1519</v>
      </c>
      <c r="M1946" s="2" t="s">
        <v>1520</v>
      </c>
      <c r="N1946" s="5" t="s">
        <v>1521</v>
      </c>
      <c r="O1946" s="5" t="s">
        <v>38</v>
      </c>
      <c r="P1946" s="5" t="s">
        <v>39</v>
      </c>
      <c r="Q1946" s="5" t="s">
        <v>40</v>
      </c>
      <c r="R1946" s="5" t="s">
        <v>1522</v>
      </c>
      <c r="S1946" s="5" t="s">
        <v>1523</v>
      </c>
      <c r="T1946" s="5" t="s">
        <v>42</v>
      </c>
      <c r="U1946" s="2">
        <v>3.141</v>
      </c>
      <c r="V1946" s="2">
        <v>2.613</v>
      </c>
      <c r="W1946" s="2">
        <v>1.7999999999999999E-2</v>
      </c>
      <c r="X1946" s="2">
        <v>139.1</v>
      </c>
      <c r="Y1946" s="2">
        <v>7.6</v>
      </c>
      <c r="Z1946" s="2">
        <v>16.7</v>
      </c>
      <c r="AA1946" s="5"/>
      <c r="AB1946" s="5" t="s">
        <v>43</v>
      </c>
      <c r="AC1946" s="5" t="s">
        <v>44</v>
      </c>
      <c r="AD1946" s="2"/>
      <c r="AE1946" s="1"/>
    </row>
    <row r="1947" spans="1:31" ht="14.45">
      <c r="A1947" s="11"/>
      <c r="B1947" s="20"/>
      <c r="C1947" s="2" t="s">
        <v>6262</v>
      </c>
      <c r="D1947" s="14" t="s">
        <v>6263</v>
      </c>
      <c r="E1947" s="2" t="s">
        <v>6264</v>
      </c>
      <c r="F1947" s="2" t="s">
        <v>1973</v>
      </c>
      <c r="G1947" s="8">
        <v>218</v>
      </c>
      <c r="H1947" s="5">
        <v>13</v>
      </c>
      <c r="I1947" s="5" t="s">
        <v>1518</v>
      </c>
      <c r="J1947" s="5" t="s">
        <v>1519</v>
      </c>
      <c r="K1947" s="2" t="s">
        <v>1520</v>
      </c>
      <c r="L1947" s="5" t="s">
        <v>1519</v>
      </c>
      <c r="M1947" s="2" t="s">
        <v>1520</v>
      </c>
      <c r="N1947" s="5" t="s">
        <v>1521</v>
      </c>
      <c r="O1947" s="5" t="s">
        <v>38</v>
      </c>
      <c r="P1947" s="5" t="s">
        <v>39</v>
      </c>
      <c r="Q1947" s="5" t="s">
        <v>40</v>
      </c>
      <c r="R1947" s="5" t="s">
        <v>1522</v>
      </c>
      <c r="S1947" s="5" t="s">
        <v>1523</v>
      </c>
      <c r="T1947" s="5" t="s">
        <v>42</v>
      </c>
      <c r="U1947" s="2">
        <v>3.09</v>
      </c>
      <c r="V1947" s="2">
        <v>2.5619999999999998</v>
      </c>
      <c r="W1947" s="2">
        <v>1.7999999999999999E-2</v>
      </c>
      <c r="X1947" s="2">
        <v>139.1</v>
      </c>
      <c r="Y1947" s="2">
        <v>7.6</v>
      </c>
      <c r="Z1947" s="2">
        <v>16.7</v>
      </c>
      <c r="AA1947" s="5"/>
      <c r="AB1947" s="5" t="s">
        <v>43</v>
      </c>
      <c r="AC1947" s="5" t="s">
        <v>44</v>
      </c>
      <c r="AD1947" s="2"/>
      <c r="AE1947" s="1"/>
    </row>
    <row r="1948" spans="1:31" ht="14.45">
      <c r="A1948" s="11"/>
      <c r="B1948" s="20"/>
      <c r="C1948" s="2" t="s">
        <v>6265</v>
      </c>
      <c r="D1948" s="14" t="s">
        <v>6266</v>
      </c>
      <c r="E1948" s="2" t="s">
        <v>6267</v>
      </c>
      <c r="F1948" s="2" t="s">
        <v>2348</v>
      </c>
      <c r="G1948" s="8">
        <v>218</v>
      </c>
      <c r="H1948" s="5">
        <v>13</v>
      </c>
      <c r="I1948" s="5" t="s">
        <v>1518</v>
      </c>
      <c r="J1948" s="5" t="s">
        <v>1519</v>
      </c>
      <c r="K1948" s="2" t="s">
        <v>1520</v>
      </c>
      <c r="L1948" s="5" t="s">
        <v>1519</v>
      </c>
      <c r="M1948" s="2" t="s">
        <v>1520</v>
      </c>
      <c r="N1948" s="5" t="s">
        <v>1521</v>
      </c>
      <c r="O1948" s="5" t="s">
        <v>38</v>
      </c>
      <c r="P1948" s="5" t="s">
        <v>39</v>
      </c>
      <c r="Q1948" s="5" t="s">
        <v>40</v>
      </c>
      <c r="R1948" s="5" t="s">
        <v>1522</v>
      </c>
      <c r="S1948" s="5" t="s">
        <v>1523</v>
      </c>
      <c r="T1948" s="5" t="s">
        <v>42</v>
      </c>
      <c r="U1948" s="2">
        <v>3.1509999999999998</v>
      </c>
      <c r="V1948" s="2">
        <v>2.6230000000000002</v>
      </c>
      <c r="W1948" s="2">
        <v>1.7999999999999999E-2</v>
      </c>
      <c r="X1948" s="2">
        <v>139.1</v>
      </c>
      <c r="Y1948" s="2">
        <v>7.6</v>
      </c>
      <c r="Z1948" s="2">
        <v>16.7</v>
      </c>
      <c r="AA1948" s="5"/>
      <c r="AB1948" s="5" t="s">
        <v>43</v>
      </c>
      <c r="AC1948" s="5" t="s">
        <v>44</v>
      </c>
      <c r="AD1948" s="2"/>
      <c r="AE1948" s="1"/>
    </row>
    <row r="1949" spans="1:31" ht="14.45">
      <c r="A1949" s="11"/>
      <c r="B1949" s="20"/>
      <c r="C1949" s="2" t="s">
        <v>6268</v>
      </c>
      <c r="D1949" s="14" t="s">
        <v>6269</v>
      </c>
      <c r="E1949" s="2" t="s">
        <v>6270</v>
      </c>
      <c r="F1949" s="2" t="s">
        <v>2204</v>
      </c>
      <c r="G1949" s="8">
        <v>218</v>
      </c>
      <c r="H1949" s="5">
        <v>13</v>
      </c>
      <c r="I1949" s="5" t="s">
        <v>1518</v>
      </c>
      <c r="J1949" s="5" t="s">
        <v>1519</v>
      </c>
      <c r="K1949" s="2" t="s">
        <v>1520</v>
      </c>
      <c r="L1949" s="5" t="s">
        <v>1519</v>
      </c>
      <c r="M1949" s="2" t="s">
        <v>1520</v>
      </c>
      <c r="N1949" s="5" t="s">
        <v>1521</v>
      </c>
      <c r="O1949" s="5" t="s">
        <v>38</v>
      </c>
      <c r="P1949" s="5" t="s">
        <v>39</v>
      </c>
      <c r="Q1949" s="5" t="s">
        <v>40</v>
      </c>
      <c r="R1949" s="5" t="s">
        <v>1522</v>
      </c>
      <c r="S1949" s="5" t="s">
        <v>1523</v>
      </c>
      <c r="T1949" s="5" t="s">
        <v>42</v>
      </c>
      <c r="U1949" s="2">
        <v>3.09</v>
      </c>
      <c r="V1949" s="2">
        <v>2.5619999999999998</v>
      </c>
      <c r="W1949" s="2">
        <v>1.7999999999999999E-2</v>
      </c>
      <c r="X1949" s="2">
        <v>139.1</v>
      </c>
      <c r="Y1949" s="2">
        <v>7.6</v>
      </c>
      <c r="Z1949" s="2">
        <v>16.7</v>
      </c>
      <c r="AA1949" s="5"/>
      <c r="AB1949" s="5" t="s">
        <v>43</v>
      </c>
      <c r="AC1949" s="5" t="s">
        <v>44</v>
      </c>
      <c r="AD1949" s="2"/>
      <c r="AE1949" s="1"/>
    </row>
    <row r="1950" spans="1:31" ht="14.45">
      <c r="A1950" s="11"/>
      <c r="B1950" s="20"/>
      <c r="C1950" s="2" t="s">
        <v>6271</v>
      </c>
      <c r="D1950" s="14" t="s">
        <v>6272</v>
      </c>
      <c r="E1950" s="2" t="s">
        <v>6273</v>
      </c>
      <c r="F1950" s="2" t="s">
        <v>2724</v>
      </c>
      <c r="G1950" s="8">
        <v>218</v>
      </c>
      <c r="H1950" s="5">
        <v>13</v>
      </c>
      <c r="I1950" s="5" t="s">
        <v>1518</v>
      </c>
      <c r="J1950" s="5" t="s">
        <v>1519</v>
      </c>
      <c r="K1950" s="2" t="s">
        <v>1520</v>
      </c>
      <c r="L1950" s="5" t="s">
        <v>1519</v>
      </c>
      <c r="M1950" s="2" t="s">
        <v>1520</v>
      </c>
      <c r="N1950" s="5" t="s">
        <v>1521</v>
      </c>
      <c r="O1950" s="5" t="s">
        <v>38</v>
      </c>
      <c r="P1950" s="5" t="s">
        <v>39</v>
      </c>
      <c r="Q1950" s="5" t="s">
        <v>40</v>
      </c>
      <c r="R1950" s="5" t="s">
        <v>1522</v>
      </c>
      <c r="S1950" s="5" t="s">
        <v>1523</v>
      </c>
      <c r="T1950" s="5" t="s">
        <v>42</v>
      </c>
      <c r="U1950" s="2">
        <v>3.1509999999999998</v>
      </c>
      <c r="V1950" s="2">
        <v>2.6230000000000002</v>
      </c>
      <c r="W1950" s="2">
        <v>1.7999999999999999E-2</v>
      </c>
      <c r="X1950" s="2">
        <v>139.1</v>
      </c>
      <c r="Y1950" s="2">
        <v>7.6</v>
      </c>
      <c r="Z1950" s="2">
        <v>16.7</v>
      </c>
      <c r="AA1950" s="5"/>
      <c r="AB1950" s="5" t="s">
        <v>43</v>
      </c>
      <c r="AC1950" s="5" t="s">
        <v>44</v>
      </c>
      <c r="AD1950" s="2"/>
      <c r="AE1950" s="1"/>
    </row>
    <row r="1951" spans="1:31" ht="14.45">
      <c r="A1951" s="11"/>
      <c r="B1951" s="20"/>
      <c r="C1951" s="2" t="s">
        <v>6274</v>
      </c>
      <c r="D1951" s="14" t="s">
        <v>6275</v>
      </c>
      <c r="E1951" s="2" t="s">
        <v>6276</v>
      </c>
      <c r="F1951" s="2" t="s">
        <v>2208</v>
      </c>
      <c r="G1951" s="8">
        <v>218</v>
      </c>
      <c r="H1951" s="5">
        <v>13</v>
      </c>
      <c r="I1951" s="5" t="s">
        <v>1518</v>
      </c>
      <c r="J1951" s="5" t="s">
        <v>1519</v>
      </c>
      <c r="K1951" s="2" t="s">
        <v>1520</v>
      </c>
      <c r="L1951" s="5" t="s">
        <v>1519</v>
      </c>
      <c r="M1951" s="2" t="s">
        <v>1520</v>
      </c>
      <c r="N1951" s="5" t="s">
        <v>1521</v>
      </c>
      <c r="O1951" s="5" t="s">
        <v>38</v>
      </c>
      <c r="P1951" s="5" t="s">
        <v>39</v>
      </c>
      <c r="Q1951" s="5" t="s">
        <v>40</v>
      </c>
      <c r="R1951" s="5" t="s">
        <v>1522</v>
      </c>
      <c r="S1951" s="5" t="s">
        <v>1523</v>
      </c>
      <c r="T1951" s="5" t="s">
        <v>42</v>
      </c>
      <c r="U1951" s="2">
        <v>3.09</v>
      </c>
      <c r="V1951" s="2">
        <v>2.5619999999999998</v>
      </c>
      <c r="W1951" s="2">
        <v>1.7999999999999999E-2</v>
      </c>
      <c r="X1951" s="2">
        <v>139.1</v>
      </c>
      <c r="Y1951" s="2">
        <v>7.6</v>
      </c>
      <c r="Z1951" s="2">
        <v>16.7</v>
      </c>
      <c r="AA1951" s="5"/>
      <c r="AB1951" s="5" t="s">
        <v>43</v>
      </c>
      <c r="AC1951" s="5" t="s">
        <v>44</v>
      </c>
      <c r="AD1951" s="2"/>
      <c r="AE1951" s="1"/>
    </row>
    <row r="1952" spans="1:31" ht="14.45">
      <c r="A1952" s="11"/>
      <c r="B1952" s="20"/>
      <c r="C1952" s="2" t="s">
        <v>6277</v>
      </c>
      <c r="D1952" s="14" t="s">
        <v>6278</v>
      </c>
      <c r="E1952" s="2" t="s">
        <v>6279</v>
      </c>
      <c r="F1952" s="2" t="s">
        <v>2212</v>
      </c>
      <c r="G1952" s="8">
        <v>218</v>
      </c>
      <c r="H1952" s="5">
        <v>13</v>
      </c>
      <c r="I1952" s="5" t="s">
        <v>1518</v>
      </c>
      <c r="J1952" s="5" t="s">
        <v>1519</v>
      </c>
      <c r="K1952" s="2" t="s">
        <v>1520</v>
      </c>
      <c r="L1952" s="5" t="s">
        <v>1519</v>
      </c>
      <c r="M1952" s="2" t="s">
        <v>1520</v>
      </c>
      <c r="N1952" s="5" t="s">
        <v>1521</v>
      </c>
      <c r="O1952" s="5" t="s">
        <v>38</v>
      </c>
      <c r="P1952" s="5" t="s">
        <v>39</v>
      </c>
      <c r="Q1952" s="5" t="s">
        <v>40</v>
      </c>
      <c r="R1952" s="5" t="s">
        <v>1522</v>
      </c>
      <c r="S1952" s="5" t="s">
        <v>1523</v>
      </c>
      <c r="T1952" s="5" t="s">
        <v>42</v>
      </c>
      <c r="U1952" s="2">
        <v>3.1509999999999998</v>
      </c>
      <c r="V1952" s="2">
        <v>2.6230000000000002</v>
      </c>
      <c r="W1952" s="2">
        <v>1.7999999999999999E-2</v>
      </c>
      <c r="X1952" s="2">
        <v>139.1</v>
      </c>
      <c r="Y1952" s="2">
        <v>7.6</v>
      </c>
      <c r="Z1952" s="2">
        <v>16.7</v>
      </c>
      <c r="AA1952" s="5"/>
      <c r="AB1952" s="5" t="s">
        <v>43</v>
      </c>
      <c r="AC1952" s="5" t="s">
        <v>44</v>
      </c>
      <c r="AD1952" s="2"/>
      <c r="AE1952" s="1"/>
    </row>
    <row r="1953" spans="1:31" ht="14.45">
      <c r="A1953" s="11"/>
      <c r="B1953" s="20"/>
      <c r="C1953" s="2" t="s">
        <v>6280</v>
      </c>
      <c r="D1953" s="14" t="s">
        <v>6281</v>
      </c>
      <c r="E1953" s="2" t="s">
        <v>6282</v>
      </c>
      <c r="F1953" s="2" t="s">
        <v>1831</v>
      </c>
      <c r="G1953" s="8">
        <v>218</v>
      </c>
      <c r="H1953" s="5">
        <v>13</v>
      </c>
      <c r="I1953" s="5" t="s">
        <v>1518</v>
      </c>
      <c r="J1953" s="5" t="s">
        <v>1519</v>
      </c>
      <c r="K1953" s="2" t="s">
        <v>1520</v>
      </c>
      <c r="L1953" s="5" t="s">
        <v>1519</v>
      </c>
      <c r="M1953" s="2" t="s">
        <v>1520</v>
      </c>
      <c r="N1953" s="5" t="s">
        <v>1521</v>
      </c>
      <c r="O1953" s="5" t="s">
        <v>38</v>
      </c>
      <c r="P1953" s="5" t="s">
        <v>39</v>
      </c>
      <c r="Q1953" s="5" t="s">
        <v>40</v>
      </c>
      <c r="R1953" s="5" t="s">
        <v>1522</v>
      </c>
      <c r="S1953" s="5" t="s">
        <v>1523</v>
      </c>
      <c r="T1953" s="5" t="s">
        <v>42</v>
      </c>
      <c r="U1953" s="2">
        <v>3.09</v>
      </c>
      <c r="V1953" s="2">
        <v>2.5619999999999998</v>
      </c>
      <c r="W1953" s="2">
        <v>1.7999999999999999E-2</v>
      </c>
      <c r="X1953" s="2">
        <v>139.1</v>
      </c>
      <c r="Y1953" s="2">
        <v>7.6</v>
      </c>
      <c r="Z1953" s="2">
        <v>16.7</v>
      </c>
      <c r="AA1953" s="5"/>
      <c r="AB1953" s="5" t="s">
        <v>43</v>
      </c>
      <c r="AC1953" s="5" t="s">
        <v>44</v>
      </c>
      <c r="AD1953" s="2"/>
      <c r="AE1953" s="1"/>
    </row>
    <row r="1954" spans="1:31" ht="14.45">
      <c r="A1954" s="11"/>
      <c r="B1954" s="20"/>
      <c r="C1954" s="2" t="s">
        <v>6283</v>
      </c>
      <c r="D1954" s="14" t="s">
        <v>6284</v>
      </c>
      <c r="E1954" s="2" t="s">
        <v>6285</v>
      </c>
      <c r="F1954" s="2" t="s">
        <v>1835</v>
      </c>
      <c r="G1954" s="8">
        <v>218</v>
      </c>
      <c r="H1954" s="5">
        <v>13</v>
      </c>
      <c r="I1954" s="5" t="s">
        <v>1518</v>
      </c>
      <c r="J1954" s="5" t="s">
        <v>1519</v>
      </c>
      <c r="K1954" s="2" t="s">
        <v>1520</v>
      </c>
      <c r="L1954" s="5" t="s">
        <v>1519</v>
      </c>
      <c r="M1954" s="2" t="s">
        <v>1520</v>
      </c>
      <c r="N1954" s="5" t="s">
        <v>1521</v>
      </c>
      <c r="O1954" s="5" t="s">
        <v>38</v>
      </c>
      <c r="P1954" s="5" t="s">
        <v>39</v>
      </c>
      <c r="Q1954" s="5" t="s">
        <v>40</v>
      </c>
      <c r="R1954" s="5" t="s">
        <v>1522</v>
      </c>
      <c r="S1954" s="5" t="s">
        <v>1523</v>
      </c>
      <c r="T1954" s="5" t="s">
        <v>42</v>
      </c>
      <c r="U1954" s="2">
        <v>3.1509999999999998</v>
      </c>
      <c r="V1954" s="2">
        <v>2.6230000000000002</v>
      </c>
      <c r="W1954" s="2">
        <v>1.7999999999999999E-2</v>
      </c>
      <c r="X1954" s="2">
        <v>139.1</v>
      </c>
      <c r="Y1954" s="2">
        <v>7.6</v>
      </c>
      <c r="Z1954" s="2">
        <v>16.7</v>
      </c>
      <c r="AA1954" s="5"/>
      <c r="AB1954" s="5" t="s">
        <v>43</v>
      </c>
      <c r="AC1954" s="5" t="s">
        <v>44</v>
      </c>
      <c r="AD1954" s="2"/>
      <c r="AE1954" s="1"/>
    </row>
    <row r="1955" spans="1:31" ht="14.45">
      <c r="A1955" s="11"/>
      <c r="B1955" s="20"/>
      <c r="C1955" s="2" t="s">
        <v>6286</v>
      </c>
      <c r="D1955" s="14" t="s">
        <v>6287</v>
      </c>
      <c r="E1955" s="2" t="s">
        <v>6288</v>
      </c>
      <c r="F1955" s="2" t="s">
        <v>1839</v>
      </c>
      <c r="G1955" s="8">
        <v>218</v>
      </c>
      <c r="H1955" s="5">
        <v>13</v>
      </c>
      <c r="I1955" s="5" t="s">
        <v>1518</v>
      </c>
      <c r="J1955" s="5" t="s">
        <v>1519</v>
      </c>
      <c r="K1955" s="2" t="s">
        <v>1520</v>
      </c>
      <c r="L1955" s="5" t="s">
        <v>1519</v>
      </c>
      <c r="M1955" s="2" t="s">
        <v>1520</v>
      </c>
      <c r="N1955" s="5" t="s">
        <v>1521</v>
      </c>
      <c r="O1955" s="5" t="s">
        <v>38</v>
      </c>
      <c r="P1955" s="5" t="s">
        <v>39</v>
      </c>
      <c r="Q1955" s="5" t="s">
        <v>40</v>
      </c>
      <c r="R1955" s="5" t="s">
        <v>1522</v>
      </c>
      <c r="S1955" s="5" t="s">
        <v>1523</v>
      </c>
      <c r="T1955" s="5" t="s">
        <v>42</v>
      </c>
      <c r="U1955" s="2">
        <v>3.09</v>
      </c>
      <c r="V1955" s="2">
        <v>2.5619999999999998</v>
      </c>
      <c r="W1955" s="2">
        <v>1.7999999999999999E-2</v>
      </c>
      <c r="X1955" s="2">
        <v>139.1</v>
      </c>
      <c r="Y1955" s="2">
        <v>7.6</v>
      </c>
      <c r="Z1955" s="2">
        <v>16.7</v>
      </c>
      <c r="AA1955" s="5"/>
      <c r="AB1955" s="5" t="s">
        <v>43</v>
      </c>
      <c r="AC1955" s="5" t="s">
        <v>44</v>
      </c>
      <c r="AD1955" s="2"/>
      <c r="AE1955" s="1"/>
    </row>
    <row r="1956" spans="1:31" ht="14.45">
      <c r="A1956" s="11"/>
      <c r="B1956" s="20"/>
      <c r="C1956" s="2" t="s">
        <v>6289</v>
      </c>
      <c r="D1956" s="14" t="s">
        <v>6290</v>
      </c>
      <c r="E1956" s="2" t="s">
        <v>6291</v>
      </c>
      <c r="F1956" s="2" t="s">
        <v>1986</v>
      </c>
      <c r="G1956" s="8">
        <v>218</v>
      </c>
      <c r="H1956" s="5">
        <v>13</v>
      </c>
      <c r="I1956" s="5" t="s">
        <v>1518</v>
      </c>
      <c r="J1956" s="5" t="s">
        <v>1519</v>
      </c>
      <c r="K1956" s="2" t="s">
        <v>1520</v>
      </c>
      <c r="L1956" s="5" t="s">
        <v>1519</v>
      </c>
      <c r="M1956" s="2" t="s">
        <v>1520</v>
      </c>
      <c r="N1956" s="5" t="s">
        <v>1521</v>
      </c>
      <c r="O1956" s="5" t="s">
        <v>38</v>
      </c>
      <c r="P1956" s="5" t="s">
        <v>39</v>
      </c>
      <c r="Q1956" s="5" t="s">
        <v>40</v>
      </c>
      <c r="R1956" s="5" t="s">
        <v>1522</v>
      </c>
      <c r="S1956" s="5" t="s">
        <v>1523</v>
      </c>
      <c r="T1956" s="5" t="s">
        <v>42</v>
      </c>
      <c r="U1956" s="2">
        <v>3.1509999999999998</v>
      </c>
      <c r="V1956" s="2">
        <v>2.6230000000000002</v>
      </c>
      <c r="W1956" s="2">
        <v>1.7999999999999999E-2</v>
      </c>
      <c r="X1956" s="2">
        <v>139.1</v>
      </c>
      <c r="Y1956" s="2">
        <v>7.6</v>
      </c>
      <c r="Z1956" s="2">
        <v>16.7</v>
      </c>
      <c r="AA1956" s="5"/>
      <c r="AB1956" s="5" t="s">
        <v>43</v>
      </c>
      <c r="AC1956" s="5" t="s">
        <v>44</v>
      </c>
      <c r="AD1956" s="2"/>
      <c r="AE1956" s="1"/>
    </row>
    <row r="1957" spans="1:31" ht="14.45">
      <c r="A1957" s="11"/>
      <c r="B1957" s="20"/>
      <c r="C1957" s="2" t="s">
        <v>6292</v>
      </c>
      <c r="D1957" s="14" t="s">
        <v>6293</v>
      </c>
      <c r="E1957" s="2" t="s">
        <v>6294</v>
      </c>
      <c r="F1957" s="2" t="s">
        <v>1843</v>
      </c>
      <c r="G1957" s="8">
        <v>218</v>
      </c>
      <c r="H1957" s="5">
        <v>13</v>
      </c>
      <c r="I1957" s="5" t="s">
        <v>1518</v>
      </c>
      <c r="J1957" s="5" t="s">
        <v>1519</v>
      </c>
      <c r="K1957" s="2" t="s">
        <v>1520</v>
      </c>
      <c r="L1957" s="5" t="s">
        <v>1519</v>
      </c>
      <c r="M1957" s="2" t="s">
        <v>1520</v>
      </c>
      <c r="N1957" s="5" t="s">
        <v>1521</v>
      </c>
      <c r="O1957" s="5" t="s">
        <v>38</v>
      </c>
      <c r="P1957" s="5" t="s">
        <v>39</v>
      </c>
      <c r="Q1957" s="5" t="s">
        <v>40</v>
      </c>
      <c r="R1957" s="5" t="s">
        <v>1522</v>
      </c>
      <c r="S1957" s="5" t="s">
        <v>1523</v>
      </c>
      <c r="T1957" s="5" t="s">
        <v>42</v>
      </c>
      <c r="U1957" s="2">
        <v>3.09</v>
      </c>
      <c r="V1957" s="2">
        <v>2.5619999999999998</v>
      </c>
      <c r="W1957" s="2">
        <v>1.7999999999999999E-2</v>
      </c>
      <c r="X1957" s="2">
        <v>139.1</v>
      </c>
      <c r="Y1957" s="2">
        <v>7.6</v>
      </c>
      <c r="Z1957" s="2">
        <v>16.7</v>
      </c>
      <c r="AA1957" s="5"/>
      <c r="AB1957" s="5" t="s">
        <v>43</v>
      </c>
      <c r="AC1957" s="5" t="s">
        <v>44</v>
      </c>
      <c r="AD1957" s="2"/>
      <c r="AE1957" s="1"/>
    </row>
    <row r="1958" spans="1:31" ht="14.45">
      <c r="A1958" s="11"/>
      <c r="B1958" s="20"/>
      <c r="C1958" s="2" t="s">
        <v>6295</v>
      </c>
      <c r="D1958" s="14" t="s">
        <v>6296</v>
      </c>
      <c r="E1958" s="2" t="s">
        <v>6297</v>
      </c>
      <c r="F1958" s="2" t="s">
        <v>1847</v>
      </c>
      <c r="G1958" s="8">
        <v>218</v>
      </c>
      <c r="H1958" s="5">
        <v>13</v>
      </c>
      <c r="I1958" s="5" t="s">
        <v>1518</v>
      </c>
      <c r="J1958" s="5" t="s">
        <v>1519</v>
      </c>
      <c r="K1958" s="2" t="s">
        <v>1520</v>
      </c>
      <c r="L1958" s="5" t="s">
        <v>1519</v>
      </c>
      <c r="M1958" s="2" t="s">
        <v>1520</v>
      </c>
      <c r="N1958" s="5" t="s">
        <v>1521</v>
      </c>
      <c r="O1958" s="5" t="s">
        <v>38</v>
      </c>
      <c r="P1958" s="5" t="s">
        <v>39</v>
      </c>
      <c r="Q1958" s="5" t="s">
        <v>40</v>
      </c>
      <c r="R1958" s="5" t="s">
        <v>1522</v>
      </c>
      <c r="S1958" s="5" t="s">
        <v>1523</v>
      </c>
      <c r="T1958" s="5" t="s">
        <v>42</v>
      </c>
      <c r="U1958" s="2">
        <v>3.1509999999999998</v>
      </c>
      <c r="V1958" s="2">
        <v>2.6230000000000002</v>
      </c>
      <c r="W1958" s="2">
        <v>1.7999999999999999E-2</v>
      </c>
      <c r="X1958" s="2">
        <v>139.1</v>
      </c>
      <c r="Y1958" s="2">
        <v>7.6</v>
      </c>
      <c r="Z1958" s="2">
        <v>16.7</v>
      </c>
      <c r="AA1958" s="5"/>
      <c r="AB1958" s="5" t="s">
        <v>43</v>
      </c>
      <c r="AC1958" s="5" t="s">
        <v>44</v>
      </c>
      <c r="AD1958" s="2"/>
      <c r="AE1958" s="1"/>
    </row>
    <row r="1959" spans="1:31" ht="14.45">
      <c r="A1959" s="11"/>
      <c r="B1959" s="20"/>
      <c r="C1959" s="2" t="s">
        <v>6298</v>
      </c>
      <c r="D1959" s="14" t="s">
        <v>6299</v>
      </c>
      <c r="E1959" s="2" t="s">
        <v>6300</v>
      </c>
      <c r="F1959" s="2" t="s">
        <v>1851</v>
      </c>
      <c r="G1959" s="8">
        <v>218</v>
      </c>
      <c r="H1959" s="5">
        <v>13</v>
      </c>
      <c r="I1959" s="5" t="s">
        <v>1518</v>
      </c>
      <c r="J1959" s="5" t="s">
        <v>1519</v>
      </c>
      <c r="K1959" s="2" t="s">
        <v>1520</v>
      </c>
      <c r="L1959" s="5" t="s">
        <v>1519</v>
      </c>
      <c r="M1959" s="2" t="s">
        <v>1520</v>
      </c>
      <c r="N1959" s="5" t="s">
        <v>1521</v>
      </c>
      <c r="O1959" s="5" t="s">
        <v>38</v>
      </c>
      <c r="P1959" s="5" t="s">
        <v>39</v>
      </c>
      <c r="Q1959" s="5" t="s">
        <v>40</v>
      </c>
      <c r="R1959" s="5" t="s">
        <v>1522</v>
      </c>
      <c r="S1959" s="5" t="s">
        <v>1523</v>
      </c>
      <c r="T1959" s="5" t="s">
        <v>42</v>
      </c>
      <c r="U1959" s="2">
        <v>3.09</v>
      </c>
      <c r="V1959" s="2">
        <v>2.5619999999999998</v>
      </c>
      <c r="W1959" s="2">
        <v>1.7999999999999999E-2</v>
      </c>
      <c r="X1959" s="2">
        <v>139.1</v>
      </c>
      <c r="Y1959" s="2">
        <v>7.6</v>
      </c>
      <c r="Z1959" s="2">
        <v>16.7</v>
      </c>
      <c r="AA1959" s="5"/>
      <c r="AB1959" s="5" t="s">
        <v>43</v>
      </c>
      <c r="AC1959" s="5" t="s">
        <v>44</v>
      </c>
      <c r="AD1959" s="2"/>
      <c r="AE1959" s="1"/>
    </row>
    <row r="1960" spans="1:31" ht="14.45">
      <c r="A1960" s="11"/>
      <c r="B1960" s="20"/>
      <c r="C1960" s="2" t="s">
        <v>6301</v>
      </c>
      <c r="D1960" s="14" t="s">
        <v>6302</v>
      </c>
      <c r="E1960" s="2" t="s">
        <v>6303</v>
      </c>
      <c r="F1960" s="2" t="s">
        <v>1999</v>
      </c>
      <c r="G1960" s="8">
        <v>218</v>
      </c>
      <c r="H1960" s="5">
        <v>13</v>
      </c>
      <c r="I1960" s="5" t="s">
        <v>1518</v>
      </c>
      <c r="J1960" s="5" t="s">
        <v>1519</v>
      </c>
      <c r="K1960" s="2" t="s">
        <v>1520</v>
      </c>
      <c r="L1960" s="5" t="s">
        <v>1519</v>
      </c>
      <c r="M1960" s="2" t="s">
        <v>1520</v>
      </c>
      <c r="N1960" s="5" t="s">
        <v>1521</v>
      </c>
      <c r="O1960" s="5" t="s">
        <v>38</v>
      </c>
      <c r="P1960" s="5" t="s">
        <v>39</v>
      </c>
      <c r="Q1960" s="5" t="s">
        <v>40</v>
      </c>
      <c r="R1960" s="5" t="s">
        <v>1522</v>
      </c>
      <c r="S1960" s="5" t="s">
        <v>1523</v>
      </c>
      <c r="T1960" s="5" t="s">
        <v>42</v>
      </c>
      <c r="U1960" s="2">
        <v>3.1509999999999998</v>
      </c>
      <c r="V1960" s="2">
        <v>2.6230000000000002</v>
      </c>
      <c r="W1960" s="2">
        <v>1.7999999999999999E-2</v>
      </c>
      <c r="X1960" s="2">
        <v>139.1</v>
      </c>
      <c r="Y1960" s="2">
        <v>7.6</v>
      </c>
      <c r="Z1960" s="2">
        <v>16.7</v>
      </c>
      <c r="AA1960" s="5"/>
      <c r="AB1960" s="5" t="s">
        <v>43</v>
      </c>
      <c r="AC1960" s="5" t="s">
        <v>44</v>
      </c>
      <c r="AD1960" s="2"/>
      <c r="AE1960" s="1"/>
    </row>
    <row r="1961" spans="1:31" ht="14.45">
      <c r="A1961" s="11"/>
      <c r="B1961" s="20"/>
      <c r="C1961" s="2" t="s">
        <v>6304</v>
      </c>
      <c r="D1961" s="14" t="s">
        <v>6305</v>
      </c>
      <c r="E1961" s="2" t="s">
        <v>6306</v>
      </c>
      <c r="F1961" s="2" t="s">
        <v>1859</v>
      </c>
      <c r="G1961" s="8">
        <v>218</v>
      </c>
      <c r="H1961" s="5">
        <v>13</v>
      </c>
      <c r="I1961" s="5" t="s">
        <v>1518</v>
      </c>
      <c r="J1961" s="5" t="s">
        <v>1519</v>
      </c>
      <c r="K1961" s="2" t="s">
        <v>1520</v>
      </c>
      <c r="L1961" s="5" t="s">
        <v>1519</v>
      </c>
      <c r="M1961" s="2" t="s">
        <v>1520</v>
      </c>
      <c r="N1961" s="5" t="s">
        <v>1521</v>
      </c>
      <c r="O1961" s="5" t="s">
        <v>38</v>
      </c>
      <c r="P1961" s="5" t="s">
        <v>39</v>
      </c>
      <c r="Q1961" s="5" t="s">
        <v>40</v>
      </c>
      <c r="R1961" s="5" t="s">
        <v>1522</v>
      </c>
      <c r="S1961" s="5" t="s">
        <v>1523</v>
      </c>
      <c r="T1961" s="5" t="s">
        <v>42</v>
      </c>
      <c r="U1961" s="2">
        <v>3.1509999999999998</v>
      </c>
      <c r="V1961" s="2">
        <v>2.6230000000000002</v>
      </c>
      <c r="W1961" s="2">
        <v>1.7999999999999999E-2</v>
      </c>
      <c r="X1961" s="2">
        <v>139.1</v>
      </c>
      <c r="Y1961" s="2">
        <v>7.6</v>
      </c>
      <c r="Z1961" s="2">
        <v>16.7</v>
      </c>
      <c r="AA1961" s="5"/>
      <c r="AB1961" s="5" t="s">
        <v>43</v>
      </c>
      <c r="AC1961" s="5" t="s">
        <v>44</v>
      </c>
      <c r="AD1961" s="2"/>
      <c r="AE1961" s="1"/>
    </row>
    <row r="1962" spans="1:31" ht="14.45">
      <c r="A1962" s="11"/>
      <c r="B1962" s="20"/>
      <c r="C1962" s="2" t="s">
        <v>6307</v>
      </c>
      <c r="D1962" s="14" t="s">
        <v>6308</v>
      </c>
      <c r="E1962" s="2" t="s">
        <v>6309</v>
      </c>
      <c r="F1962" s="2" t="s">
        <v>1863</v>
      </c>
      <c r="G1962" s="8">
        <v>218</v>
      </c>
      <c r="H1962" s="5">
        <v>11</v>
      </c>
      <c r="I1962" s="5" t="s">
        <v>1518</v>
      </c>
      <c r="J1962" s="5" t="s">
        <v>1519</v>
      </c>
      <c r="K1962" s="2" t="s">
        <v>1520</v>
      </c>
      <c r="L1962" s="5" t="s">
        <v>1519</v>
      </c>
      <c r="M1962" s="2" t="s">
        <v>1520</v>
      </c>
      <c r="N1962" s="5" t="s">
        <v>1521</v>
      </c>
      <c r="O1962" s="5" t="s">
        <v>38</v>
      </c>
      <c r="P1962" s="5" t="s">
        <v>39</v>
      </c>
      <c r="Q1962" s="5" t="s">
        <v>40</v>
      </c>
      <c r="R1962" s="5" t="s">
        <v>1522</v>
      </c>
      <c r="S1962" s="5" t="s">
        <v>1523</v>
      </c>
      <c r="T1962" s="5" t="s">
        <v>42</v>
      </c>
      <c r="U1962" s="2">
        <v>3.0219999999999998</v>
      </c>
      <c r="V1962" s="2">
        <v>2.4940000000000002</v>
      </c>
      <c r="W1962" s="2">
        <v>1.7999999999999999E-2</v>
      </c>
      <c r="X1962" s="2">
        <v>139.1</v>
      </c>
      <c r="Y1962" s="2">
        <v>7.6</v>
      </c>
      <c r="Z1962" s="2">
        <v>16.7</v>
      </c>
      <c r="AA1962" s="5"/>
      <c r="AB1962" s="5" t="s">
        <v>43</v>
      </c>
      <c r="AC1962" s="5" t="s">
        <v>44</v>
      </c>
      <c r="AD1962" s="2"/>
      <c r="AE1962" s="1"/>
    </row>
    <row r="1963" spans="1:31" ht="14.45">
      <c r="A1963" s="11"/>
      <c r="B1963" s="20"/>
      <c r="C1963" s="2" t="s">
        <v>6310</v>
      </c>
      <c r="D1963" s="14" t="s">
        <v>6311</v>
      </c>
      <c r="E1963" s="2" t="s">
        <v>6312</v>
      </c>
      <c r="F1963" s="2" t="s">
        <v>1867</v>
      </c>
      <c r="G1963" s="8">
        <v>218</v>
      </c>
      <c r="H1963" s="5">
        <v>11</v>
      </c>
      <c r="I1963" s="5" t="s">
        <v>1518</v>
      </c>
      <c r="J1963" s="5" t="s">
        <v>1519</v>
      </c>
      <c r="K1963" s="2" t="s">
        <v>1520</v>
      </c>
      <c r="L1963" s="5" t="s">
        <v>1519</v>
      </c>
      <c r="M1963" s="2" t="s">
        <v>1520</v>
      </c>
      <c r="N1963" s="5" t="s">
        <v>1521</v>
      </c>
      <c r="O1963" s="5" t="s">
        <v>38</v>
      </c>
      <c r="P1963" s="5" t="s">
        <v>39</v>
      </c>
      <c r="Q1963" s="5" t="s">
        <v>40</v>
      </c>
      <c r="R1963" s="5" t="s">
        <v>1522</v>
      </c>
      <c r="S1963" s="5" t="s">
        <v>1523</v>
      </c>
      <c r="T1963" s="5" t="s">
        <v>42</v>
      </c>
      <c r="U1963" s="2">
        <v>3.0830000000000002</v>
      </c>
      <c r="V1963" s="2">
        <v>2.5550000000000002</v>
      </c>
      <c r="W1963" s="2">
        <v>1.7999999999999999E-2</v>
      </c>
      <c r="X1963" s="2">
        <v>139.1</v>
      </c>
      <c r="Y1963" s="2">
        <v>7.6</v>
      </c>
      <c r="Z1963" s="2">
        <v>16.7</v>
      </c>
      <c r="AA1963" s="5"/>
      <c r="AB1963" s="5" t="s">
        <v>43</v>
      </c>
      <c r="AC1963" s="5" t="s">
        <v>44</v>
      </c>
      <c r="AD1963" s="2"/>
      <c r="AE1963" s="1"/>
    </row>
    <row r="1964" spans="1:31" ht="14.45">
      <c r="A1964" s="11"/>
      <c r="B1964" s="20"/>
      <c r="C1964" s="2" t="s">
        <v>6313</v>
      </c>
      <c r="D1964" s="14" t="s">
        <v>6314</v>
      </c>
      <c r="E1964" s="2" t="s">
        <v>6315</v>
      </c>
      <c r="F1964" s="2" t="s">
        <v>1695</v>
      </c>
      <c r="G1964" s="8">
        <v>213</v>
      </c>
      <c r="H1964" s="5">
        <v>6</v>
      </c>
      <c r="I1964" s="5" t="s">
        <v>1518</v>
      </c>
      <c r="J1964" s="5" t="s">
        <v>1519</v>
      </c>
      <c r="K1964" s="2" t="s">
        <v>1520</v>
      </c>
      <c r="L1964" s="5" t="s">
        <v>1519</v>
      </c>
      <c r="M1964" s="2" t="s">
        <v>1520</v>
      </c>
      <c r="N1964" s="5" t="s">
        <v>1521</v>
      </c>
      <c r="O1964" s="5" t="s">
        <v>38</v>
      </c>
      <c r="P1964" s="5" t="s">
        <v>39</v>
      </c>
      <c r="Q1964" s="5" t="s">
        <v>40</v>
      </c>
      <c r="R1964" s="5" t="s">
        <v>1522</v>
      </c>
      <c r="S1964" s="5" t="s">
        <v>1523</v>
      </c>
      <c r="T1964" s="5" t="s">
        <v>42</v>
      </c>
      <c r="U1964" s="2">
        <v>3.2839999999999998</v>
      </c>
      <c r="V1964" s="2">
        <v>2.673</v>
      </c>
      <c r="W1964" s="2">
        <v>0.02</v>
      </c>
      <c r="X1964" s="2">
        <v>159.1</v>
      </c>
      <c r="Y1964" s="2">
        <v>7.6</v>
      </c>
      <c r="Z1964" s="2">
        <v>16.7</v>
      </c>
      <c r="AA1964" s="5"/>
      <c r="AB1964" s="5" t="s">
        <v>43</v>
      </c>
      <c r="AC1964" s="5" t="s">
        <v>44</v>
      </c>
      <c r="AD1964" s="2"/>
      <c r="AE1964" s="1"/>
    </row>
    <row r="1965" spans="1:31" ht="14.45">
      <c r="A1965" s="11"/>
      <c r="B1965" s="20"/>
      <c r="C1965" s="2" t="s">
        <v>6316</v>
      </c>
      <c r="D1965" s="14" t="s">
        <v>6317</v>
      </c>
      <c r="E1965" s="2" t="s">
        <v>6318</v>
      </c>
      <c r="F1965" s="2" t="s">
        <v>1699</v>
      </c>
      <c r="G1965" s="8">
        <v>213</v>
      </c>
      <c r="H1965" s="5">
        <v>6</v>
      </c>
      <c r="I1965" s="5" t="s">
        <v>1518</v>
      </c>
      <c r="J1965" s="5" t="s">
        <v>1519</v>
      </c>
      <c r="K1965" s="2" t="s">
        <v>1520</v>
      </c>
      <c r="L1965" s="5" t="s">
        <v>1519</v>
      </c>
      <c r="M1965" s="2" t="s">
        <v>1520</v>
      </c>
      <c r="N1965" s="5" t="s">
        <v>1521</v>
      </c>
      <c r="O1965" s="5" t="s">
        <v>38</v>
      </c>
      <c r="P1965" s="5" t="s">
        <v>39</v>
      </c>
      <c r="Q1965" s="5" t="s">
        <v>40</v>
      </c>
      <c r="R1965" s="5" t="s">
        <v>1522</v>
      </c>
      <c r="S1965" s="5" t="s">
        <v>1523</v>
      </c>
      <c r="T1965" s="5" t="s">
        <v>42</v>
      </c>
      <c r="U1965" s="2">
        <v>3.3490000000000002</v>
      </c>
      <c r="V1965" s="2">
        <v>2.738</v>
      </c>
      <c r="W1965" s="2">
        <v>0.02</v>
      </c>
      <c r="X1965" s="2">
        <v>159.1</v>
      </c>
      <c r="Y1965" s="2">
        <v>7.6</v>
      </c>
      <c r="Z1965" s="2">
        <v>16.7</v>
      </c>
      <c r="AA1965" s="5"/>
      <c r="AB1965" s="5" t="s">
        <v>43</v>
      </c>
      <c r="AC1965" s="5" t="s">
        <v>44</v>
      </c>
      <c r="AD1965" s="2"/>
      <c r="AE1965" s="1"/>
    </row>
    <row r="1966" spans="1:31" ht="14.45">
      <c r="A1966" s="11"/>
      <c r="B1966" s="20"/>
      <c r="C1966" s="2" t="s">
        <v>6319</v>
      </c>
      <c r="D1966" s="14" t="s">
        <v>6320</v>
      </c>
      <c r="E1966" s="2" t="s">
        <v>6321</v>
      </c>
      <c r="F1966" s="2" t="s">
        <v>1703</v>
      </c>
      <c r="G1966" s="8">
        <v>213</v>
      </c>
      <c r="H1966" s="5">
        <v>6</v>
      </c>
      <c r="I1966" s="5" t="s">
        <v>1518</v>
      </c>
      <c r="J1966" s="5" t="s">
        <v>1519</v>
      </c>
      <c r="K1966" s="2" t="s">
        <v>1520</v>
      </c>
      <c r="L1966" s="5" t="s">
        <v>1519</v>
      </c>
      <c r="M1966" s="2" t="s">
        <v>1520</v>
      </c>
      <c r="N1966" s="5" t="s">
        <v>1521</v>
      </c>
      <c r="O1966" s="5" t="s">
        <v>38</v>
      </c>
      <c r="P1966" s="5" t="s">
        <v>39</v>
      </c>
      <c r="Q1966" s="5" t="s">
        <v>40</v>
      </c>
      <c r="R1966" s="5" t="s">
        <v>1522</v>
      </c>
      <c r="S1966" s="5" t="s">
        <v>1523</v>
      </c>
      <c r="T1966" s="5" t="s">
        <v>42</v>
      </c>
      <c r="U1966" s="2">
        <v>3.2970000000000002</v>
      </c>
      <c r="V1966" s="2">
        <v>2.6859999999999999</v>
      </c>
      <c r="W1966" s="2">
        <v>0.02</v>
      </c>
      <c r="X1966" s="2">
        <v>159.1</v>
      </c>
      <c r="Y1966" s="2">
        <v>7.6</v>
      </c>
      <c r="Z1966" s="2">
        <v>16.7</v>
      </c>
      <c r="AA1966" s="5"/>
      <c r="AB1966" s="5" t="s">
        <v>43</v>
      </c>
      <c r="AC1966" s="5" t="s">
        <v>44</v>
      </c>
      <c r="AD1966" s="2"/>
      <c r="AE1966" s="1"/>
    </row>
    <row r="1967" spans="1:31" ht="14.45">
      <c r="A1967" s="11"/>
      <c r="B1967" s="20"/>
      <c r="C1967" s="2" t="s">
        <v>6322</v>
      </c>
      <c r="D1967" s="14" t="s">
        <v>6323</v>
      </c>
      <c r="E1967" s="2" t="s">
        <v>6324</v>
      </c>
      <c r="F1967" s="2" t="s">
        <v>1707</v>
      </c>
      <c r="G1967" s="8">
        <v>213</v>
      </c>
      <c r="H1967" s="5">
        <v>6</v>
      </c>
      <c r="I1967" s="5" t="s">
        <v>1518</v>
      </c>
      <c r="J1967" s="5" t="s">
        <v>1519</v>
      </c>
      <c r="K1967" s="2" t="s">
        <v>1520</v>
      </c>
      <c r="L1967" s="5" t="s">
        <v>1519</v>
      </c>
      <c r="M1967" s="2" t="s">
        <v>1520</v>
      </c>
      <c r="N1967" s="5" t="s">
        <v>1521</v>
      </c>
      <c r="O1967" s="5" t="s">
        <v>38</v>
      </c>
      <c r="P1967" s="5" t="s">
        <v>39</v>
      </c>
      <c r="Q1967" s="5" t="s">
        <v>40</v>
      </c>
      <c r="R1967" s="5" t="s">
        <v>1522</v>
      </c>
      <c r="S1967" s="5" t="s">
        <v>1523</v>
      </c>
      <c r="T1967" s="5" t="s">
        <v>42</v>
      </c>
      <c r="U1967" s="2">
        <v>3.3620000000000001</v>
      </c>
      <c r="V1967" s="2">
        <v>2.7509999999999999</v>
      </c>
      <c r="W1967" s="2">
        <v>0.02</v>
      </c>
      <c r="X1967" s="2">
        <v>159.1</v>
      </c>
      <c r="Y1967" s="2">
        <v>7.6</v>
      </c>
      <c r="Z1967" s="2">
        <v>16.7</v>
      </c>
      <c r="AA1967" s="5"/>
      <c r="AB1967" s="5" t="s">
        <v>43</v>
      </c>
      <c r="AC1967" s="5" t="s">
        <v>44</v>
      </c>
      <c r="AD1967" s="2"/>
      <c r="AE1967" s="1"/>
    </row>
    <row r="1968" spans="1:31" ht="14.45">
      <c r="A1968" s="11"/>
      <c r="B1968" s="20"/>
      <c r="C1968" s="2" t="s">
        <v>6325</v>
      </c>
      <c r="D1968" s="14" t="s">
        <v>6326</v>
      </c>
      <c r="E1968" s="2" t="s">
        <v>6327</v>
      </c>
      <c r="F1968" s="2" t="s">
        <v>1711</v>
      </c>
      <c r="G1968" s="8">
        <v>213</v>
      </c>
      <c r="H1968" s="5">
        <v>6</v>
      </c>
      <c r="I1968" s="5" t="s">
        <v>1518</v>
      </c>
      <c r="J1968" s="5" t="s">
        <v>1519</v>
      </c>
      <c r="K1968" s="2" t="s">
        <v>1520</v>
      </c>
      <c r="L1968" s="5" t="s">
        <v>1519</v>
      </c>
      <c r="M1968" s="2" t="s">
        <v>1520</v>
      </c>
      <c r="N1968" s="5" t="s">
        <v>1521</v>
      </c>
      <c r="O1968" s="5" t="s">
        <v>38</v>
      </c>
      <c r="P1968" s="5" t="s">
        <v>39</v>
      </c>
      <c r="Q1968" s="5" t="s">
        <v>40</v>
      </c>
      <c r="R1968" s="5" t="s">
        <v>1522</v>
      </c>
      <c r="S1968" s="5" t="s">
        <v>1523</v>
      </c>
      <c r="T1968" s="5" t="s">
        <v>42</v>
      </c>
      <c r="U1968" s="2">
        <v>3.2970000000000002</v>
      </c>
      <c r="V1968" s="2">
        <v>2.6859999999999999</v>
      </c>
      <c r="W1968" s="2">
        <v>0.02</v>
      </c>
      <c r="X1968" s="2">
        <v>159.1</v>
      </c>
      <c r="Y1968" s="2">
        <v>7.6</v>
      </c>
      <c r="Z1968" s="2">
        <v>16.7</v>
      </c>
      <c r="AA1968" s="5"/>
      <c r="AB1968" s="5" t="s">
        <v>43</v>
      </c>
      <c r="AC1968" s="5" t="s">
        <v>44</v>
      </c>
      <c r="AD1968" s="2"/>
      <c r="AE1968" s="1"/>
    </row>
    <row r="1969" spans="1:31" ht="14.45">
      <c r="A1969" s="11"/>
      <c r="B1969" s="20"/>
      <c r="C1969" s="2" t="s">
        <v>6328</v>
      </c>
      <c r="D1969" s="14" t="s">
        <v>6329</v>
      </c>
      <c r="E1969" s="2" t="s">
        <v>6330</v>
      </c>
      <c r="F1969" s="2" t="s">
        <v>1715</v>
      </c>
      <c r="G1969" s="8">
        <v>213</v>
      </c>
      <c r="H1969" s="5">
        <v>6</v>
      </c>
      <c r="I1969" s="5" t="s">
        <v>1518</v>
      </c>
      <c r="J1969" s="5" t="s">
        <v>1519</v>
      </c>
      <c r="K1969" s="2" t="s">
        <v>1520</v>
      </c>
      <c r="L1969" s="5" t="s">
        <v>1519</v>
      </c>
      <c r="M1969" s="2" t="s">
        <v>1520</v>
      </c>
      <c r="N1969" s="5" t="s">
        <v>1521</v>
      </c>
      <c r="O1969" s="5" t="s">
        <v>38</v>
      </c>
      <c r="P1969" s="5" t="s">
        <v>39</v>
      </c>
      <c r="Q1969" s="5" t="s">
        <v>40</v>
      </c>
      <c r="R1969" s="5" t="s">
        <v>1522</v>
      </c>
      <c r="S1969" s="5" t="s">
        <v>1523</v>
      </c>
      <c r="T1969" s="5" t="s">
        <v>42</v>
      </c>
      <c r="U1969" s="2">
        <v>3.3620000000000001</v>
      </c>
      <c r="V1969" s="2">
        <v>2.7509999999999999</v>
      </c>
      <c r="W1969" s="2">
        <v>0.02</v>
      </c>
      <c r="X1969" s="2">
        <v>159.1</v>
      </c>
      <c r="Y1969" s="2">
        <v>7.6</v>
      </c>
      <c r="Z1969" s="2">
        <v>16.7</v>
      </c>
      <c r="AA1969" s="5"/>
      <c r="AB1969" s="5" t="s">
        <v>43</v>
      </c>
      <c r="AC1969" s="5" t="s">
        <v>44</v>
      </c>
      <c r="AD1969" s="2"/>
      <c r="AE1969" s="1"/>
    </row>
    <row r="1970" spans="1:31" ht="14.45">
      <c r="A1970" s="11"/>
      <c r="B1970" s="20"/>
      <c r="C1970" s="2" t="s">
        <v>6331</v>
      </c>
      <c r="D1970" s="14" t="s">
        <v>6332</v>
      </c>
      <c r="E1970" s="2" t="s">
        <v>6333</v>
      </c>
      <c r="F1970" s="2" t="s">
        <v>1719</v>
      </c>
      <c r="G1970" s="8">
        <v>213</v>
      </c>
      <c r="H1970" s="5">
        <v>6</v>
      </c>
      <c r="I1970" s="5" t="s">
        <v>1518</v>
      </c>
      <c r="J1970" s="5" t="s">
        <v>1519</v>
      </c>
      <c r="K1970" s="2" t="s">
        <v>1520</v>
      </c>
      <c r="L1970" s="5" t="s">
        <v>1519</v>
      </c>
      <c r="M1970" s="2" t="s">
        <v>1520</v>
      </c>
      <c r="N1970" s="5" t="s">
        <v>1521</v>
      </c>
      <c r="O1970" s="5" t="s">
        <v>38</v>
      </c>
      <c r="P1970" s="5" t="s">
        <v>39</v>
      </c>
      <c r="Q1970" s="5" t="s">
        <v>40</v>
      </c>
      <c r="R1970" s="5" t="s">
        <v>1522</v>
      </c>
      <c r="S1970" s="5" t="s">
        <v>1523</v>
      </c>
      <c r="T1970" s="5" t="s">
        <v>42</v>
      </c>
      <c r="U1970" s="2">
        <v>3.2549999999999999</v>
      </c>
      <c r="V1970" s="2">
        <v>2.6440000000000001</v>
      </c>
      <c r="W1970" s="2">
        <v>0.02</v>
      </c>
      <c r="X1970" s="2">
        <v>159.1</v>
      </c>
      <c r="Y1970" s="2">
        <v>7.6</v>
      </c>
      <c r="Z1970" s="2">
        <v>16.7</v>
      </c>
      <c r="AA1970" s="5"/>
      <c r="AB1970" s="5" t="s">
        <v>43</v>
      </c>
      <c r="AC1970" s="5" t="s">
        <v>44</v>
      </c>
      <c r="AD1970" s="2"/>
      <c r="AE1970" s="1"/>
    </row>
    <row r="1971" spans="1:31" ht="14.45">
      <c r="A1971" s="11"/>
      <c r="B1971" s="20"/>
      <c r="C1971" s="2" t="s">
        <v>6334</v>
      </c>
      <c r="D1971" s="14" t="s">
        <v>6335</v>
      </c>
      <c r="E1971" s="2" t="s">
        <v>6336</v>
      </c>
      <c r="F1971" s="2" t="s">
        <v>1723</v>
      </c>
      <c r="G1971" s="8">
        <v>213</v>
      </c>
      <c r="H1971" s="5">
        <v>6</v>
      </c>
      <c r="I1971" s="5" t="s">
        <v>1518</v>
      </c>
      <c r="J1971" s="5" t="s">
        <v>1519</v>
      </c>
      <c r="K1971" s="2" t="s">
        <v>1520</v>
      </c>
      <c r="L1971" s="5" t="s">
        <v>1519</v>
      </c>
      <c r="M1971" s="2" t="s">
        <v>1520</v>
      </c>
      <c r="N1971" s="5" t="s">
        <v>1521</v>
      </c>
      <c r="O1971" s="5" t="s">
        <v>38</v>
      </c>
      <c r="P1971" s="5" t="s">
        <v>39</v>
      </c>
      <c r="Q1971" s="5" t="s">
        <v>40</v>
      </c>
      <c r="R1971" s="5" t="s">
        <v>1522</v>
      </c>
      <c r="S1971" s="5" t="s">
        <v>1523</v>
      </c>
      <c r="T1971" s="5" t="s">
        <v>42</v>
      </c>
      <c r="U1971" s="2">
        <v>3.32</v>
      </c>
      <c r="V1971" s="2">
        <v>2.7090000000000001</v>
      </c>
      <c r="W1971" s="2">
        <v>0.02</v>
      </c>
      <c r="X1971" s="2">
        <v>159.1</v>
      </c>
      <c r="Y1971" s="2">
        <v>7.6</v>
      </c>
      <c r="Z1971" s="2">
        <v>16.7</v>
      </c>
      <c r="AA1971" s="5"/>
      <c r="AB1971" s="5" t="s">
        <v>43</v>
      </c>
      <c r="AC1971" s="5" t="s">
        <v>44</v>
      </c>
      <c r="AD1971" s="2"/>
      <c r="AE1971" s="1"/>
    </row>
    <row r="1972" spans="1:31" ht="14.45">
      <c r="A1972" s="11"/>
      <c r="B1972" s="20"/>
      <c r="C1972" s="2" t="s">
        <v>6337</v>
      </c>
      <c r="D1972" s="14" t="s">
        <v>6338</v>
      </c>
      <c r="E1972" s="2" t="s">
        <v>6339</v>
      </c>
      <c r="F1972" s="2" t="s">
        <v>1727</v>
      </c>
      <c r="G1972" s="8">
        <v>245</v>
      </c>
      <c r="H1972" s="5">
        <v>6</v>
      </c>
      <c r="I1972" s="5" t="s">
        <v>1518</v>
      </c>
      <c r="J1972" s="5" t="s">
        <v>1519</v>
      </c>
      <c r="K1972" s="2" t="s">
        <v>1520</v>
      </c>
      <c r="L1972" s="5" t="s">
        <v>1519</v>
      </c>
      <c r="M1972" s="2" t="s">
        <v>1520</v>
      </c>
      <c r="N1972" s="5" t="s">
        <v>1521</v>
      </c>
      <c r="O1972" s="5" t="s">
        <v>38</v>
      </c>
      <c r="P1972" s="5" t="s">
        <v>39</v>
      </c>
      <c r="Q1972" s="5" t="s">
        <v>40</v>
      </c>
      <c r="R1972" s="5" t="s">
        <v>1522</v>
      </c>
      <c r="S1972" s="5" t="s">
        <v>1523</v>
      </c>
      <c r="T1972" s="5" t="s">
        <v>42</v>
      </c>
      <c r="U1972" s="2">
        <v>3.2549999999999999</v>
      </c>
      <c r="V1972" s="2">
        <v>2.6440000000000001</v>
      </c>
      <c r="W1972" s="2">
        <v>0.02</v>
      </c>
      <c r="X1972" s="2">
        <v>159.1</v>
      </c>
      <c r="Y1972" s="2">
        <v>7.6</v>
      </c>
      <c r="Z1972" s="2">
        <v>16.7</v>
      </c>
      <c r="AA1972" s="5"/>
      <c r="AB1972" s="5" t="s">
        <v>43</v>
      </c>
      <c r="AC1972" s="5" t="s">
        <v>44</v>
      </c>
      <c r="AD1972" s="2"/>
      <c r="AE1972" s="1"/>
    </row>
    <row r="1973" spans="1:31" ht="14.45">
      <c r="A1973" s="11"/>
      <c r="B1973" s="20"/>
      <c r="C1973" s="2" t="s">
        <v>6340</v>
      </c>
      <c r="D1973" s="14" t="s">
        <v>6341</v>
      </c>
      <c r="E1973" s="2" t="s">
        <v>6342</v>
      </c>
      <c r="F1973" s="2" t="s">
        <v>1731</v>
      </c>
      <c r="G1973" s="8">
        <v>245</v>
      </c>
      <c r="H1973" s="5">
        <v>6</v>
      </c>
      <c r="I1973" s="5" t="s">
        <v>1518</v>
      </c>
      <c r="J1973" s="5" t="s">
        <v>1519</v>
      </c>
      <c r="K1973" s="2" t="s">
        <v>1520</v>
      </c>
      <c r="L1973" s="5" t="s">
        <v>1519</v>
      </c>
      <c r="M1973" s="2" t="s">
        <v>1520</v>
      </c>
      <c r="N1973" s="5" t="s">
        <v>1521</v>
      </c>
      <c r="O1973" s="5" t="s">
        <v>38</v>
      </c>
      <c r="P1973" s="5" t="s">
        <v>39</v>
      </c>
      <c r="Q1973" s="5" t="s">
        <v>40</v>
      </c>
      <c r="R1973" s="5" t="s">
        <v>1522</v>
      </c>
      <c r="S1973" s="5" t="s">
        <v>1523</v>
      </c>
      <c r="T1973" s="5" t="s">
        <v>42</v>
      </c>
      <c r="U1973" s="2">
        <v>3.32</v>
      </c>
      <c r="V1973" s="2">
        <v>2.7090000000000001</v>
      </c>
      <c r="W1973" s="2">
        <v>0.02</v>
      </c>
      <c r="X1973" s="2">
        <v>159.1</v>
      </c>
      <c r="Y1973" s="2">
        <v>7.6</v>
      </c>
      <c r="Z1973" s="2">
        <v>16.7</v>
      </c>
      <c r="AA1973" s="5"/>
      <c r="AB1973" s="5" t="s">
        <v>43</v>
      </c>
      <c r="AC1973" s="5" t="s">
        <v>44</v>
      </c>
      <c r="AD1973" s="2"/>
      <c r="AE1973" s="1"/>
    </row>
    <row r="1974" spans="1:31" ht="14.45">
      <c r="A1974" s="11"/>
      <c r="B1974" s="20"/>
      <c r="C1974" s="2" t="s">
        <v>6343</v>
      </c>
      <c r="D1974" s="14" t="s">
        <v>6344</v>
      </c>
      <c r="E1974" s="2" t="s">
        <v>6345</v>
      </c>
      <c r="F1974" s="2" t="s">
        <v>1735</v>
      </c>
      <c r="G1974" s="8">
        <v>245</v>
      </c>
      <c r="H1974" s="5">
        <v>6</v>
      </c>
      <c r="I1974" s="5" t="s">
        <v>1518</v>
      </c>
      <c r="J1974" s="5" t="s">
        <v>1519</v>
      </c>
      <c r="K1974" s="2" t="s">
        <v>1520</v>
      </c>
      <c r="L1974" s="5" t="s">
        <v>1519</v>
      </c>
      <c r="M1974" s="2" t="s">
        <v>1520</v>
      </c>
      <c r="N1974" s="5" t="s">
        <v>1521</v>
      </c>
      <c r="O1974" s="5" t="s">
        <v>38</v>
      </c>
      <c r="P1974" s="5" t="s">
        <v>39</v>
      </c>
      <c r="Q1974" s="5" t="s">
        <v>40</v>
      </c>
      <c r="R1974" s="5" t="s">
        <v>1522</v>
      </c>
      <c r="S1974" s="5" t="s">
        <v>1523</v>
      </c>
      <c r="T1974" s="5" t="s">
        <v>42</v>
      </c>
      <c r="U1974" s="2">
        <v>3.2970000000000002</v>
      </c>
      <c r="V1974" s="2">
        <v>2.6859999999999999</v>
      </c>
      <c r="W1974" s="2">
        <v>0.02</v>
      </c>
      <c r="X1974" s="2">
        <v>159.1</v>
      </c>
      <c r="Y1974" s="2">
        <v>7.6</v>
      </c>
      <c r="Z1974" s="2">
        <v>16.7</v>
      </c>
      <c r="AA1974" s="5"/>
      <c r="AB1974" s="5" t="s">
        <v>43</v>
      </c>
      <c r="AC1974" s="5" t="s">
        <v>44</v>
      </c>
      <c r="AD1974" s="2"/>
      <c r="AE1974" s="1"/>
    </row>
    <row r="1975" spans="1:31" ht="14.45">
      <c r="A1975" s="11"/>
      <c r="B1975" s="20"/>
      <c r="C1975" s="2" t="s">
        <v>6346</v>
      </c>
      <c r="D1975" s="14" t="s">
        <v>6347</v>
      </c>
      <c r="E1975" s="2" t="s">
        <v>6348</v>
      </c>
      <c r="F1975" s="2" t="s">
        <v>1739</v>
      </c>
      <c r="G1975" s="8">
        <v>245</v>
      </c>
      <c r="H1975" s="5">
        <v>6</v>
      </c>
      <c r="I1975" s="5" t="s">
        <v>1518</v>
      </c>
      <c r="J1975" s="5" t="s">
        <v>1519</v>
      </c>
      <c r="K1975" s="2" t="s">
        <v>1520</v>
      </c>
      <c r="L1975" s="5" t="s">
        <v>1519</v>
      </c>
      <c r="M1975" s="2" t="s">
        <v>1520</v>
      </c>
      <c r="N1975" s="5" t="s">
        <v>1521</v>
      </c>
      <c r="O1975" s="5" t="s">
        <v>38</v>
      </c>
      <c r="P1975" s="5" t="s">
        <v>39</v>
      </c>
      <c r="Q1975" s="5" t="s">
        <v>40</v>
      </c>
      <c r="R1975" s="5" t="s">
        <v>1522</v>
      </c>
      <c r="S1975" s="5" t="s">
        <v>1523</v>
      </c>
      <c r="T1975" s="5" t="s">
        <v>42</v>
      </c>
      <c r="U1975" s="2">
        <v>3.3620000000000001</v>
      </c>
      <c r="V1975" s="2">
        <v>2.7509999999999999</v>
      </c>
      <c r="W1975" s="2">
        <v>0.02</v>
      </c>
      <c r="X1975" s="2">
        <v>159.1</v>
      </c>
      <c r="Y1975" s="2">
        <v>7.6</v>
      </c>
      <c r="Z1975" s="2">
        <v>16.7</v>
      </c>
      <c r="AA1975" s="5"/>
      <c r="AB1975" s="5" t="s">
        <v>43</v>
      </c>
      <c r="AC1975" s="5" t="s">
        <v>44</v>
      </c>
      <c r="AD1975" s="2"/>
      <c r="AE1975" s="1"/>
    </row>
    <row r="1976" spans="1:31" ht="14.45">
      <c r="A1976" s="11"/>
      <c r="B1976" s="20"/>
      <c r="C1976" s="2" t="s">
        <v>6349</v>
      </c>
      <c r="D1976" s="14" t="s">
        <v>6350</v>
      </c>
      <c r="E1976" s="2" t="s">
        <v>6351</v>
      </c>
      <c r="F1976" s="2" t="s">
        <v>1743</v>
      </c>
      <c r="G1976" s="8">
        <v>245</v>
      </c>
      <c r="H1976" s="5">
        <v>6</v>
      </c>
      <c r="I1976" s="5" t="s">
        <v>1518</v>
      </c>
      <c r="J1976" s="5" t="s">
        <v>1519</v>
      </c>
      <c r="K1976" s="2" t="s">
        <v>1520</v>
      </c>
      <c r="L1976" s="5" t="s">
        <v>1519</v>
      </c>
      <c r="M1976" s="2" t="s">
        <v>1520</v>
      </c>
      <c r="N1976" s="5" t="s">
        <v>1521</v>
      </c>
      <c r="O1976" s="5" t="s">
        <v>38</v>
      </c>
      <c r="P1976" s="5" t="s">
        <v>39</v>
      </c>
      <c r="Q1976" s="5" t="s">
        <v>40</v>
      </c>
      <c r="R1976" s="5" t="s">
        <v>1522</v>
      </c>
      <c r="S1976" s="5" t="s">
        <v>1523</v>
      </c>
      <c r="T1976" s="5" t="s">
        <v>42</v>
      </c>
      <c r="U1976" s="2">
        <v>3.2549999999999999</v>
      </c>
      <c r="V1976" s="2">
        <v>2.6440000000000001</v>
      </c>
      <c r="W1976" s="2">
        <v>0.02</v>
      </c>
      <c r="X1976" s="2">
        <v>159.1</v>
      </c>
      <c r="Y1976" s="2">
        <v>7.6</v>
      </c>
      <c r="Z1976" s="2">
        <v>16.7</v>
      </c>
      <c r="AA1976" s="5"/>
      <c r="AB1976" s="5" t="s">
        <v>43</v>
      </c>
      <c r="AC1976" s="5" t="s">
        <v>44</v>
      </c>
      <c r="AD1976" s="2"/>
      <c r="AE1976" s="1"/>
    </row>
    <row r="1977" spans="1:31" ht="14.45">
      <c r="A1977" s="11"/>
      <c r="B1977" s="20"/>
      <c r="C1977" s="2" t="s">
        <v>6352</v>
      </c>
      <c r="D1977" s="14" t="s">
        <v>6353</v>
      </c>
      <c r="E1977" s="2" t="s">
        <v>6354</v>
      </c>
      <c r="F1977" s="2" t="s">
        <v>1747</v>
      </c>
      <c r="G1977" s="8">
        <v>245</v>
      </c>
      <c r="H1977" s="5">
        <v>6</v>
      </c>
      <c r="I1977" s="5" t="s">
        <v>1518</v>
      </c>
      <c r="J1977" s="5" t="s">
        <v>1519</v>
      </c>
      <c r="K1977" s="2" t="s">
        <v>1520</v>
      </c>
      <c r="L1977" s="5" t="s">
        <v>1519</v>
      </c>
      <c r="M1977" s="2" t="s">
        <v>1520</v>
      </c>
      <c r="N1977" s="5" t="s">
        <v>1521</v>
      </c>
      <c r="O1977" s="5" t="s">
        <v>38</v>
      </c>
      <c r="P1977" s="5" t="s">
        <v>39</v>
      </c>
      <c r="Q1977" s="5" t="s">
        <v>40</v>
      </c>
      <c r="R1977" s="5" t="s">
        <v>1522</v>
      </c>
      <c r="S1977" s="5" t="s">
        <v>1523</v>
      </c>
      <c r="T1977" s="5" t="s">
        <v>42</v>
      </c>
      <c r="U1977" s="2">
        <v>3.32</v>
      </c>
      <c r="V1977" s="2">
        <v>2.7090000000000001</v>
      </c>
      <c r="W1977" s="2">
        <v>0.02</v>
      </c>
      <c r="X1977" s="2">
        <v>159.1</v>
      </c>
      <c r="Y1977" s="2">
        <v>7.6</v>
      </c>
      <c r="Z1977" s="2">
        <v>16.7</v>
      </c>
      <c r="AA1977" s="5"/>
      <c r="AB1977" s="5" t="s">
        <v>43</v>
      </c>
      <c r="AC1977" s="5" t="s">
        <v>44</v>
      </c>
      <c r="AD1977" s="2"/>
      <c r="AE1977" s="1"/>
    </row>
    <row r="1978" spans="1:31" ht="14.45">
      <c r="A1978" s="11"/>
      <c r="B1978" s="20"/>
      <c r="C1978" s="2" t="s">
        <v>6355</v>
      </c>
      <c r="D1978" s="14" t="s">
        <v>6356</v>
      </c>
      <c r="E1978" s="2" t="s">
        <v>6357</v>
      </c>
      <c r="F1978" s="2" t="s">
        <v>1751</v>
      </c>
      <c r="G1978" s="8">
        <v>245</v>
      </c>
      <c r="H1978" s="5">
        <v>6</v>
      </c>
      <c r="I1978" s="5" t="s">
        <v>1518</v>
      </c>
      <c r="J1978" s="5" t="s">
        <v>1519</v>
      </c>
      <c r="K1978" s="2" t="s">
        <v>1520</v>
      </c>
      <c r="L1978" s="5" t="s">
        <v>1519</v>
      </c>
      <c r="M1978" s="2" t="s">
        <v>1520</v>
      </c>
      <c r="N1978" s="5" t="s">
        <v>1521</v>
      </c>
      <c r="O1978" s="5" t="s">
        <v>38</v>
      </c>
      <c r="P1978" s="5" t="s">
        <v>39</v>
      </c>
      <c r="Q1978" s="5" t="s">
        <v>40</v>
      </c>
      <c r="R1978" s="5" t="s">
        <v>1522</v>
      </c>
      <c r="S1978" s="5" t="s">
        <v>1523</v>
      </c>
      <c r="T1978" s="5" t="s">
        <v>42</v>
      </c>
      <c r="U1978" s="2">
        <v>3.2549999999999999</v>
      </c>
      <c r="V1978" s="2">
        <v>2.6440000000000001</v>
      </c>
      <c r="W1978" s="2">
        <v>0.02</v>
      </c>
      <c r="X1978" s="2">
        <v>159.1</v>
      </c>
      <c r="Y1978" s="2">
        <v>7.6</v>
      </c>
      <c r="Z1978" s="2">
        <v>16.7</v>
      </c>
      <c r="AA1978" s="5"/>
      <c r="AB1978" s="5" t="s">
        <v>43</v>
      </c>
      <c r="AC1978" s="5" t="s">
        <v>44</v>
      </c>
      <c r="AD1978" s="2"/>
      <c r="AE1978" s="1"/>
    </row>
    <row r="1979" spans="1:31" ht="14.45">
      <c r="A1979" s="11"/>
      <c r="B1979" s="20"/>
      <c r="C1979" s="2" t="s">
        <v>6358</v>
      </c>
      <c r="D1979" s="14" t="s">
        <v>6359</v>
      </c>
      <c r="E1979" s="2" t="s">
        <v>6360</v>
      </c>
      <c r="F1979" s="2" t="s">
        <v>1755</v>
      </c>
      <c r="G1979" s="8">
        <v>245</v>
      </c>
      <c r="H1979" s="5">
        <v>6</v>
      </c>
      <c r="I1979" s="5" t="s">
        <v>1518</v>
      </c>
      <c r="J1979" s="5" t="s">
        <v>1519</v>
      </c>
      <c r="K1979" s="2" t="s">
        <v>1520</v>
      </c>
      <c r="L1979" s="5" t="s">
        <v>1519</v>
      </c>
      <c r="M1979" s="2" t="s">
        <v>1520</v>
      </c>
      <c r="N1979" s="5" t="s">
        <v>1521</v>
      </c>
      <c r="O1979" s="5" t="s">
        <v>38</v>
      </c>
      <c r="P1979" s="5" t="s">
        <v>39</v>
      </c>
      <c r="Q1979" s="5" t="s">
        <v>40</v>
      </c>
      <c r="R1979" s="5" t="s">
        <v>1522</v>
      </c>
      <c r="S1979" s="5" t="s">
        <v>1523</v>
      </c>
      <c r="T1979" s="5" t="s">
        <v>42</v>
      </c>
      <c r="U1979" s="2">
        <v>3.32</v>
      </c>
      <c r="V1979" s="2">
        <v>2.7090000000000001</v>
      </c>
      <c r="W1979" s="2">
        <v>0.02</v>
      </c>
      <c r="X1979" s="2">
        <v>159.1</v>
      </c>
      <c r="Y1979" s="2">
        <v>7.6</v>
      </c>
      <c r="Z1979" s="2">
        <v>16.7</v>
      </c>
      <c r="AA1979" s="5"/>
      <c r="AB1979" s="5" t="s">
        <v>43</v>
      </c>
      <c r="AC1979" s="5" t="s">
        <v>44</v>
      </c>
      <c r="AD1979" s="2"/>
      <c r="AE1979" s="1"/>
    </row>
    <row r="1980" spans="1:31" ht="14.45">
      <c r="A1980" s="11"/>
      <c r="B1980" s="20"/>
      <c r="C1980" s="2" t="s">
        <v>6361</v>
      </c>
      <c r="D1980" s="14" t="s">
        <v>6362</v>
      </c>
      <c r="E1980" s="2" t="s">
        <v>6363</v>
      </c>
      <c r="F1980" s="2" t="s">
        <v>1759</v>
      </c>
      <c r="G1980" s="8">
        <v>245</v>
      </c>
      <c r="H1980" s="5">
        <v>6</v>
      </c>
      <c r="I1980" s="5" t="s">
        <v>1518</v>
      </c>
      <c r="J1980" s="5" t="s">
        <v>1519</v>
      </c>
      <c r="K1980" s="2" t="s">
        <v>1520</v>
      </c>
      <c r="L1980" s="5" t="s">
        <v>1519</v>
      </c>
      <c r="M1980" s="2" t="s">
        <v>1520</v>
      </c>
      <c r="N1980" s="5" t="s">
        <v>1521</v>
      </c>
      <c r="O1980" s="5" t="s">
        <v>38</v>
      </c>
      <c r="P1980" s="5" t="s">
        <v>39</v>
      </c>
      <c r="Q1980" s="5" t="s">
        <v>40</v>
      </c>
      <c r="R1980" s="5" t="s">
        <v>1522</v>
      </c>
      <c r="S1980" s="5" t="s">
        <v>1523</v>
      </c>
      <c r="T1980" s="5" t="s">
        <v>42</v>
      </c>
      <c r="U1980" s="2">
        <v>3.2970000000000002</v>
      </c>
      <c r="V1980" s="2">
        <v>2.6859999999999999</v>
      </c>
      <c r="W1980" s="2">
        <v>0.02</v>
      </c>
      <c r="X1980" s="2">
        <v>159.1</v>
      </c>
      <c r="Y1980" s="2">
        <v>7.6</v>
      </c>
      <c r="Z1980" s="2">
        <v>16.7</v>
      </c>
      <c r="AA1980" s="5"/>
      <c r="AB1980" s="5" t="s">
        <v>43</v>
      </c>
      <c r="AC1980" s="5" t="s">
        <v>44</v>
      </c>
      <c r="AD1980" s="2"/>
      <c r="AE1980" s="1"/>
    </row>
    <row r="1981" spans="1:31" ht="14.45">
      <c r="A1981" s="11"/>
      <c r="B1981" s="20"/>
      <c r="C1981" s="2" t="s">
        <v>6364</v>
      </c>
      <c r="D1981" s="14" t="s">
        <v>6365</v>
      </c>
      <c r="E1981" s="2" t="s">
        <v>6366</v>
      </c>
      <c r="F1981" s="2" t="s">
        <v>1763</v>
      </c>
      <c r="G1981" s="8">
        <v>245</v>
      </c>
      <c r="H1981" s="5">
        <v>6</v>
      </c>
      <c r="I1981" s="5" t="s">
        <v>1518</v>
      </c>
      <c r="J1981" s="5" t="s">
        <v>1519</v>
      </c>
      <c r="K1981" s="2" t="s">
        <v>1520</v>
      </c>
      <c r="L1981" s="5" t="s">
        <v>1519</v>
      </c>
      <c r="M1981" s="2" t="s">
        <v>1520</v>
      </c>
      <c r="N1981" s="5" t="s">
        <v>1521</v>
      </c>
      <c r="O1981" s="5" t="s">
        <v>38</v>
      </c>
      <c r="P1981" s="5" t="s">
        <v>39</v>
      </c>
      <c r="Q1981" s="5" t="s">
        <v>40</v>
      </c>
      <c r="R1981" s="5" t="s">
        <v>1522</v>
      </c>
      <c r="S1981" s="5" t="s">
        <v>1523</v>
      </c>
      <c r="T1981" s="5" t="s">
        <v>42</v>
      </c>
      <c r="U1981" s="2">
        <v>3.3620000000000001</v>
      </c>
      <c r="V1981" s="2">
        <v>2.7509999999999999</v>
      </c>
      <c r="W1981" s="2">
        <v>0.02</v>
      </c>
      <c r="X1981" s="2">
        <v>159.1</v>
      </c>
      <c r="Y1981" s="2">
        <v>7.6</v>
      </c>
      <c r="Z1981" s="2">
        <v>16.7</v>
      </c>
      <c r="AA1981" s="5"/>
      <c r="AB1981" s="5" t="s">
        <v>43</v>
      </c>
      <c r="AC1981" s="5" t="s">
        <v>44</v>
      </c>
      <c r="AD1981" s="2"/>
      <c r="AE1981" s="1"/>
    </row>
    <row r="1982" spans="1:31" ht="14.45">
      <c r="A1982" s="11"/>
      <c r="B1982" s="20"/>
      <c r="C1982" s="2" t="s">
        <v>6367</v>
      </c>
      <c r="D1982" s="14" t="s">
        <v>6368</v>
      </c>
      <c r="E1982" s="2" t="s">
        <v>6369</v>
      </c>
      <c r="F1982" s="2" t="s">
        <v>1767</v>
      </c>
      <c r="G1982" s="8">
        <v>245</v>
      </c>
      <c r="H1982" s="5">
        <v>6</v>
      </c>
      <c r="I1982" s="5" t="s">
        <v>1518</v>
      </c>
      <c r="J1982" s="5" t="s">
        <v>1519</v>
      </c>
      <c r="K1982" s="2" t="s">
        <v>1520</v>
      </c>
      <c r="L1982" s="5" t="s">
        <v>1519</v>
      </c>
      <c r="M1982" s="2" t="s">
        <v>1520</v>
      </c>
      <c r="N1982" s="5" t="s">
        <v>1521</v>
      </c>
      <c r="O1982" s="5" t="s">
        <v>38</v>
      </c>
      <c r="P1982" s="5" t="s">
        <v>39</v>
      </c>
      <c r="Q1982" s="5" t="s">
        <v>40</v>
      </c>
      <c r="R1982" s="5" t="s">
        <v>1522</v>
      </c>
      <c r="S1982" s="5" t="s">
        <v>1523</v>
      </c>
      <c r="T1982" s="5" t="s">
        <v>42</v>
      </c>
      <c r="U1982" s="2">
        <v>3.2970000000000002</v>
      </c>
      <c r="V1982" s="2">
        <v>2.6859999999999999</v>
      </c>
      <c r="W1982" s="2">
        <v>0.02</v>
      </c>
      <c r="X1982" s="2">
        <v>159.1</v>
      </c>
      <c r="Y1982" s="2">
        <v>7.6</v>
      </c>
      <c r="Z1982" s="2">
        <v>16.7</v>
      </c>
      <c r="AA1982" s="5"/>
      <c r="AB1982" s="5" t="s">
        <v>43</v>
      </c>
      <c r="AC1982" s="5" t="s">
        <v>44</v>
      </c>
      <c r="AD1982" s="2"/>
      <c r="AE1982" s="1"/>
    </row>
    <row r="1983" spans="1:31" ht="14.45">
      <c r="A1983" s="11"/>
      <c r="B1983" s="20"/>
      <c r="C1983" s="2" t="s">
        <v>6370</v>
      </c>
      <c r="D1983" s="14" t="s">
        <v>6371</v>
      </c>
      <c r="E1983" s="2" t="s">
        <v>6372</v>
      </c>
      <c r="F1983" s="2" t="s">
        <v>1771</v>
      </c>
      <c r="G1983" s="8">
        <v>245</v>
      </c>
      <c r="H1983" s="5">
        <v>6</v>
      </c>
      <c r="I1983" s="5" t="s">
        <v>1518</v>
      </c>
      <c r="J1983" s="5" t="s">
        <v>1519</v>
      </c>
      <c r="K1983" s="2" t="s">
        <v>1520</v>
      </c>
      <c r="L1983" s="5" t="s">
        <v>1519</v>
      </c>
      <c r="M1983" s="2" t="s">
        <v>1520</v>
      </c>
      <c r="N1983" s="5" t="s">
        <v>1521</v>
      </c>
      <c r="O1983" s="5" t="s">
        <v>38</v>
      </c>
      <c r="P1983" s="5" t="s">
        <v>39</v>
      </c>
      <c r="Q1983" s="5" t="s">
        <v>40</v>
      </c>
      <c r="R1983" s="5" t="s">
        <v>1522</v>
      </c>
      <c r="S1983" s="5" t="s">
        <v>1523</v>
      </c>
      <c r="T1983" s="5" t="s">
        <v>42</v>
      </c>
      <c r="U1983" s="2">
        <v>3.3620000000000001</v>
      </c>
      <c r="V1983" s="2">
        <v>2.7509999999999999</v>
      </c>
      <c r="W1983" s="2">
        <v>0.02</v>
      </c>
      <c r="X1983" s="2">
        <v>159.1</v>
      </c>
      <c r="Y1983" s="2">
        <v>7.6</v>
      </c>
      <c r="Z1983" s="2">
        <v>16.7</v>
      </c>
      <c r="AA1983" s="5"/>
      <c r="AB1983" s="5" t="s">
        <v>43</v>
      </c>
      <c r="AC1983" s="5" t="s">
        <v>44</v>
      </c>
      <c r="AD1983" s="2"/>
      <c r="AE1983" s="1"/>
    </row>
    <row r="1984" spans="1:31" ht="14.45">
      <c r="A1984" s="11"/>
      <c r="B1984" s="20"/>
      <c r="C1984" s="2" t="s">
        <v>6373</v>
      </c>
      <c r="D1984" s="14" t="s">
        <v>6374</v>
      </c>
      <c r="E1984" s="2" t="s">
        <v>6375</v>
      </c>
      <c r="F1984" s="2" t="s">
        <v>1775</v>
      </c>
      <c r="G1984" s="8">
        <v>245</v>
      </c>
      <c r="H1984" s="5">
        <v>6</v>
      </c>
      <c r="I1984" s="5" t="s">
        <v>1518</v>
      </c>
      <c r="J1984" s="5" t="s">
        <v>1519</v>
      </c>
      <c r="K1984" s="2" t="s">
        <v>1520</v>
      </c>
      <c r="L1984" s="5" t="s">
        <v>1519</v>
      </c>
      <c r="M1984" s="2" t="s">
        <v>1520</v>
      </c>
      <c r="N1984" s="5" t="s">
        <v>1521</v>
      </c>
      <c r="O1984" s="5" t="s">
        <v>38</v>
      </c>
      <c r="P1984" s="5" t="s">
        <v>39</v>
      </c>
      <c r="Q1984" s="5" t="s">
        <v>40</v>
      </c>
      <c r="R1984" s="5" t="s">
        <v>1522</v>
      </c>
      <c r="S1984" s="5" t="s">
        <v>1523</v>
      </c>
      <c r="T1984" s="5" t="s">
        <v>42</v>
      </c>
      <c r="U1984" s="2">
        <v>3.2970000000000002</v>
      </c>
      <c r="V1984" s="2">
        <v>2.6859999999999999</v>
      </c>
      <c r="W1984" s="2">
        <v>0.02</v>
      </c>
      <c r="X1984" s="2">
        <v>159.1</v>
      </c>
      <c r="Y1984" s="2">
        <v>7.6</v>
      </c>
      <c r="Z1984" s="2">
        <v>16.7</v>
      </c>
      <c r="AA1984" s="5"/>
      <c r="AB1984" s="5" t="s">
        <v>43</v>
      </c>
      <c r="AC1984" s="5" t="s">
        <v>44</v>
      </c>
      <c r="AD1984" s="2"/>
      <c r="AE1984" s="1"/>
    </row>
    <row r="1985" spans="1:31" ht="14.45">
      <c r="A1985" s="11"/>
      <c r="B1985" s="20"/>
      <c r="C1985" s="2" t="s">
        <v>6376</v>
      </c>
      <c r="D1985" s="14" t="s">
        <v>6377</v>
      </c>
      <c r="E1985" s="2" t="s">
        <v>6378</v>
      </c>
      <c r="F1985" s="2" t="s">
        <v>1779</v>
      </c>
      <c r="G1985" s="8">
        <v>245</v>
      </c>
      <c r="H1985" s="5">
        <v>6</v>
      </c>
      <c r="I1985" s="5" t="s">
        <v>1518</v>
      </c>
      <c r="J1985" s="5" t="s">
        <v>1519</v>
      </c>
      <c r="K1985" s="2" t="s">
        <v>1520</v>
      </c>
      <c r="L1985" s="5" t="s">
        <v>1519</v>
      </c>
      <c r="M1985" s="2" t="s">
        <v>1520</v>
      </c>
      <c r="N1985" s="5" t="s">
        <v>1521</v>
      </c>
      <c r="O1985" s="5" t="s">
        <v>38</v>
      </c>
      <c r="P1985" s="5" t="s">
        <v>39</v>
      </c>
      <c r="Q1985" s="5" t="s">
        <v>40</v>
      </c>
      <c r="R1985" s="5" t="s">
        <v>1522</v>
      </c>
      <c r="S1985" s="5" t="s">
        <v>1523</v>
      </c>
      <c r="T1985" s="5" t="s">
        <v>42</v>
      </c>
      <c r="U1985" s="2">
        <v>3.3620000000000001</v>
      </c>
      <c r="V1985" s="2">
        <v>2.7509999999999999</v>
      </c>
      <c r="W1985" s="2">
        <v>0.02</v>
      </c>
      <c r="X1985" s="2">
        <v>159.1</v>
      </c>
      <c r="Y1985" s="2">
        <v>7.6</v>
      </c>
      <c r="Z1985" s="2">
        <v>16.7</v>
      </c>
      <c r="AA1985" s="5"/>
      <c r="AB1985" s="5" t="s">
        <v>43</v>
      </c>
      <c r="AC1985" s="5" t="s">
        <v>44</v>
      </c>
      <c r="AD1985" s="2"/>
      <c r="AE1985" s="1"/>
    </row>
    <row r="1986" spans="1:31" ht="14.45">
      <c r="A1986" s="11"/>
      <c r="B1986" s="20"/>
      <c r="C1986" s="2" t="s">
        <v>6379</v>
      </c>
      <c r="D1986" s="14" t="s">
        <v>6380</v>
      </c>
      <c r="E1986" s="2" t="s">
        <v>6381</v>
      </c>
      <c r="F1986" s="2" t="s">
        <v>1783</v>
      </c>
      <c r="G1986" s="8">
        <v>245</v>
      </c>
      <c r="H1986" s="5">
        <v>6</v>
      </c>
      <c r="I1986" s="5" t="s">
        <v>1518</v>
      </c>
      <c r="J1986" s="5" t="s">
        <v>1519</v>
      </c>
      <c r="K1986" s="2" t="s">
        <v>1520</v>
      </c>
      <c r="L1986" s="5" t="s">
        <v>1519</v>
      </c>
      <c r="M1986" s="2" t="s">
        <v>1520</v>
      </c>
      <c r="N1986" s="5" t="s">
        <v>1521</v>
      </c>
      <c r="O1986" s="5" t="s">
        <v>38</v>
      </c>
      <c r="P1986" s="5" t="s">
        <v>39</v>
      </c>
      <c r="Q1986" s="5" t="s">
        <v>40</v>
      </c>
      <c r="R1986" s="5" t="s">
        <v>1522</v>
      </c>
      <c r="S1986" s="5" t="s">
        <v>1523</v>
      </c>
      <c r="T1986" s="5" t="s">
        <v>42</v>
      </c>
      <c r="U1986" s="2">
        <v>3.2549999999999999</v>
      </c>
      <c r="V1986" s="2">
        <v>2.6440000000000001</v>
      </c>
      <c r="W1986" s="2">
        <v>0.02</v>
      </c>
      <c r="X1986" s="2">
        <v>159.1</v>
      </c>
      <c r="Y1986" s="2">
        <v>7.6</v>
      </c>
      <c r="Z1986" s="2">
        <v>16.7</v>
      </c>
      <c r="AA1986" s="5"/>
      <c r="AB1986" s="5" t="s">
        <v>43</v>
      </c>
      <c r="AC1986" s="5" t="s">
        <v>44</v>
      </c>
      <c r="AD1986" s="2"/>
      <c r="AE1986" s="1"/>
    </row>
    <row r="1987" spans="1:31" ht="14.45">
      <c r="A1987" s="11"/>
      <c r="B1987" s="20"/>
      <c r="C1987" s="2" t="s">
        <v>6382</v>
      </c>
      <c r="D1987" s="14" t="s">
        <v>6383</v>
      </c>
      <c r="E1987" s="2" t="s">
        <v>6384</v>
      </c>
      <c r="F1987" s="2" t="s">
        <v>1787</v>
      </c>
      <c r="G1987" s="8">
        <v>245</v>
      </c>
      <c r="H1987" s="5">
        <v>6</v>
      </c>
      <c r="I1987" s="5" t="s">
        <v>1518</v>
      </c>
      <c r="J1987" s="5" t="s">
        <v>1519</v>
      </c>
      <c r="K1987" s="2" t="s">
        <v>1520</v>
      </c>
      <c r="L1987" s="5" t="s">
        <v>1519</v>
      </c>
      <c r="M1987" s="2" t="s">
        <v>1520</v>
      </c>
      <c r="N1987" s="5" t="s">
        <v>1521</v>
      </c>
      <c r="O1987" s="5" t="s">
        <v>38</v>
      </c>
      <c r="P1987" s="5" t="s">
        <v>39</v>
      </c>
      <c r="Q1987" s="5" t="s">
        <v>40</v>
      </c>
      <c r="R1987" s="5" t="s">
        <v>1522</v>
      </c>
      <c r="S1987" s="5" t="s">
        <v>1523</v>
      </c>
      <c r="T1987" s="5" t="s">
        <v>42</v>
      </c>
      <c r="U1987" s="2">
        <v>3.32</v>
      </c>
      <c r="V1987" s="2">
        <v>2.7090000000000001</v>
      </c>
      <c r="W1987" s="2">
        <v>0.02</v>
      </c>
      <c r="X1987" s="2">
        <v>159.1</v>
      </c>
      <c r="Y1987" s="2">
        <v>7.6</v>
      </c>
      <c r="Z1987" s="2">
        <v>16.7</v>
      </c>
      <c r="AA1987" s="5"/>
      <c r="AB1987" s="5" t="s">
        <v>43</v>
      </c>
      <c r="AC1987" s="5" t="s">
        <v>44</v>
      </c>
      <c r="AD1987" s="2"/>
      <c r="AE1987" s="1"/>
    </row>
    <row r="1988" spans="1:31" ht="14.45">
      <c r="A1988" s="11"/>
      <c r="B1988" s="20"/>
      <c r="C1988" s="2" t="s">
        <v>6385</v>
      </c>
      <c r="D1988" s="14" t="s">
        <v>6386</v>
      </c>
      <c r="E1988" s="2" t="s">
        <v>6387</v>
      </c>
      <c r="F1988" s="2" t="s">
        <v>1791</v>
      </c>
      <c r="G1988" s="8">
        <v>245</v>
      </c>
      <c r="H1988" s="5">
        <v>6</v>
      </c>
      <c r="I1988" s="5" t="s">
        <v>1518</v>
      </c>
      <c r="J1988" s="5" t="s">
        <v>1519</v>
      </c>
      <c r="K1988" s="2" t="s">
        <v>1520</v>
      </c>
      <c r="L1988" s="5" t="s">
        <v>1519</v>
      </c>
      <c r="M1988" s="2" t="s">
        <v>1520</v>
      </c>
      <c r="N1988" s="5" t="s">
        <v>1521</v>
      </c>
      <c r="O1988" s="5" t="s">
        <v>38</v>
      </c>
      <c r="P1988" s="5" t="s">
        <v>39</v>
      </c>
      <c r="Q1988" s="5" t="s">
        <v>40</v>
      </c>
      <c r="R1988" s="5" t="s">
        <v>1522</v>
      </c>
      <c r="S1988" s="5" t="s">
        <v>1523</v>
      </c>
      <c r="T1988" s="5" t="s">
        <v>42</v>
      </c>
      <c r="U1988" s="2">
        <v>3.2970000000000002</v>
      </c>
      <c r="V1988" s="2">
        <v>2.6859999999999999</v>
      </c>
      <c r="W1988" s="2">
        <v>0.02</v>
      </c>
      <c r="X1988" s="2">
        <v>159.1</v>
      </c>
      <c r="Y1988" s="2">
        <v>7.6</v>
      </c>
      <c r="Z1988" s="2">
        <v>16.7</v>
      </c>
      <c r="AA1988" s="5"/>
      <c r="AB1988" s="5" t="s">
        <v>43</v>
      </c>
      <c r="AC1988" s="5" t="s">
        <v>44</v>
      </c>
      <c r="AD1988" s="2"/>
      <c r="AE1988" s="1"/>
    </row>
    <row r="1989" spans="1:31" ht="14.45">
      <c r="A1989" s="11"/>
      <c r="B1989" s="20"/>
      <c r="C1989" s="2" t="s">
        <v>6388</v>
      </c>
      <c r="D1989" s="14" t="s">
        <v>6389</v>
      </c>
      <c r="E1989" s="2" t="s">
        <v>6390</v>
      </c>
      <c r="F1989" s="2" t="s">
        <v>1795</v>
      </c>
      <c r="G1989" s="8">
        <v>245</v>
      </c>
      <c r="H1989" s="5">
        <v>6</v>
      </c>
      <c r="I1989" s="5" t="s">
        <v>1518</v>
      </c>
      <c r="J1989" s="5" t="s">
        <v>1519</v>
      </c>
      <c r="K1989" s="2" t="s">
        <v>1520</v>
      </c>
      <c r="L1989" s="5" t="s">
        <v>1519</v>
      </c>
      <c r="M1989" s="2" t="s">
        <v>1520</v>
      </c>
      <c r="N1989" s="5" t="s">
        <v>1521</v>
      </c>
      <c r="O1989" s="5" t="s">
        <v>38</v>
      </c>
      <c r="P1989" s="5" t="s">
        <v>39</v>
      </c>
      <c r="Q1989" s="5" t="s">
        <v>40</v>
      </c>
      <c r="R1989" s="5" t="s">
        <v>1522</v>
      </c>
      <c r="S1989" s="5" t="s">
        <v>1523</v>
      </c>
      <c r="T1989" s="5" t="s">
        <v>42</v>
      </c>
      <c r="U1989" s="2">
        <v>3.3620000000000001</v>
      </c>
      <c r="V1989" s="2">
        <v>2.7509999999999999</v>
      </c>
      <c r="W1989" s="2">
        <v>0.02</v>
      </c>
      <c r="X1989" s="2">
        <v>159.1</v>
      </c>
      <c r="Y1989" s="2">
        <v>7.6</v>
      </c>
      <c r="Z1989" s="2">
        <v>16.7</v>
      </c>
      <c r="AA1989" s="5"/>
      <c r="AB1989" s="5" t="s">
        <v>43</v>
      </c>
      <c r="AC1989" s="5" t="s">
        <v>44</v>
      </c>
      <c r="AD1989" s="2"/>
      <c r="AE1989" s="1"/>
    </row>
    <row r="1990" spans="1:31" ht="14.45">
      <c r="A1990" s="11"/>
      <c r="B1990" s="20"/>
      <c r="C1990" s="2" t="s">
        <v>6391</v>
      </c>
      <c r="D1990" s="14" t="s">
        <v>6392</v>
      </c>
      <c r="E1990" s="2" t="s">
        <v>6393</v>
      </c>
      <c r="F1990" s="2" t="s">
        <v>1799</v>
      </c>
      <c r="G1990" s="8">
        <v>245</v>
      </c>
      <c r="H1990" s="5">
        <v>6</v>
      </c>
      <c r="I1990" s="5" t="s">
        <v>1518</v>
      </c>
      <c r="J1990" s="5" t="s">
        <v>1519</v>
      </c>
      <c r="K1990" s="2" t="s">
        <v>1520</v>
      </c>
      <c r="L1990" s="5" t="s">
        <v>1519</v>
      </c>
      <c r="M1990" s="2" t="s">
        <v>1520</v>
      </c>
      <c r="N1990" s="5" t="s">
        <v>1521</v>
      </c>
      <c r="O1990" s="5" t="s">
        <v>38</v>
      </c>
      <c r="P1990" s="5" t="s">
        <v>39</v>
      </c>
      <c r="Q1990" s="5" t="s">
        <v>40</v>
      </c>
      <c r="R1990" s="5" t="s">
        <v>1522</v>
      </c>
      <c r="S1990" s="5" t="s">
        <v>1523</v>
      </c>
      <c r="T1990" s="5" t="s">
        <v>42</v>
      </c>
      <c r="U1990" s="2">
        <v>3.2970000000000002</v>
      </c>
      <c r="V1990" s="2">
        <v>2.6859999999999999</v>
      </c>
      <c r="W1990" s="2">
        <v>0.02</v>
      </c>
      <c r="X1990" s="2">
        <v>159.1</v>
      </c>
      <c r="Y1990" s="2">
        <v>7.6</v>
      </c>
      <c r="Z1990" s="2">
        <v>16.7</v>
      </c>
      <c r="AA1990" s="5"/>
      <c r="AB1990" s="5" t="s">
        <v>43</v>
      </c>
      <c r="AC1990" s="5" t="s">
        <v>44</v>
      </c>
      <c r="AD1990" s="2"/>
      <c r="AE1990" s="1"/>
    </row>
    <row r="1991" spans="1:31" ht="14.45">
      <c r="A1991" s="11"/>
      <c r="B1991" s="20"/>
      <c r="C1991" s="2" t="s">
        <v>6394</v>
      </c>
      <c r="D1991" s="14" t="s">
        <v>6395</v>
      </c>
      <c r="E1991" s="2" t="s">
        <v>6396</v>
      </c>
      <c r="F1991" s="2" t="s">
        <v>1803</v>
      </c>
      <c r="G1991" s="8">
        <v>245</v>
      </c>
      <c r="H1991" s="5">
        <v>6</v>
      </c>
      <c r="I1991" s="5" t="s">
        <v>1518</v>
      </c>
      <c r="J1991" s="5" t="s">
        <v>1519</v>
      </c>
      <c r="K1991" s="2" t="s">
        <v>1520</v>
      </c>
      <c r="L1991" s="5" t="s">
        <v>1519</v>
      </c>
      <c r="M1991" s="2" t="s">
        <v>1520</v>
      </c>
      <c r="N1991" s="5" t="s">
        <v>1521</v>
      </c>
      <c r="O1991" s="5" t="s">
        <v>38</v>
      </c>
      <c r="P1991" s="5" t="s">
        <v>39</v>
      </c>
      <c r="Q1991" s="5" t="s">
        <v>40</v>
      </c>
      <c r="R1991" s="5" t="s">
        <v>1522</v>
      </c>
      <c r="S1991" s="5" t="s">
        <v>1523</v>
      </c>
      <c r="T1991" s="5" t="s">
        <v>42</v>
      </c>
      <c r="U1991" s="2">
        <v>3.3620000000000001</v>
      </c>
      <c r="V1991" s="2">
        <v>2.7509999999999999</v>
      </c>
      <c r="W1991" s="2">
        <v>0.02</v>
      </c>
      <c r="X1991" s="2">
        <v>159.1</v>
      </c>
      <c r="Y1991" s="2">
        <v>7.6</v>
      </c>
      <c r="Z1991" s="2">
        <v>16.7</v>
      </c>
      <c r="AA1991" s="5"/>
      <c r="AB1991" s="5" t="s">
        <v>43</v>
      </c>
      <c r="AC1991" s="5" t="s">
        <v>44</v>
      </c>
      <c r="AD1991" s="2"/>
      <c r="AE1991" s="1"/>
    </row>
    <row r="1992" spans="1:31" ht="14.45">
      <c r="A1992" s="11"/>
      <c r="B1992" s="20"/>
      <c r="C1992" s="2" t="s">
        <v>6397</v>
      </c>
      <c r="D1992" s="14" t="s">
        <v>6398</v>
      </c>
      <c r="E1992" s="2" t="s">
        <v>6399</v>
      </c>
      <c r="F1992" s="2" t="s">
        <v>1807</v>
      </c>
      <c r="G1992" s="8">
        <v>245</v>
      </c>
      <c r="H1992" s="5">
        <v>6</v>
      </c>
      <c r="I1992" s="5" t="s">
        <v>1518</v>
      </c>
      <c r="J1992" s="5" t="s">
        <v>1519</v>
      </c>
      <c r="K1992" s="2" t="s">
        <v>1520</v>
      </c>
      <c r="L1992" s="5" t="s">
        <v>1519</v>
      </c>
      <c r="M1992" s="2" t="s">
        <v>1520</v>
      </c>
      <c r="N1992" s="5" t="s">
        <v>1521</v>
      </c>
      <c r="O1992" s="5" t="s">
        <v>38</v>
      </c>
      <c r="P1992" s="5" t="s">
        <v>39</v>
      </c>
      <c r="Q1992" s="5" t="s">
        <v>40</v>
      </c>
      <c r="R1992" s="5" t="s">
        <v>1522</v>
      </c>
      <c r="S1992" s="5" t="s">
        <v>1523</v>
      </c>
      <c r="T1992" s="5" t="s">
        <v>42</v>
      </c>
      <c r="U1992" s="2">
        <v>3.2970000000000002</v>
      </c>
      <c r="V1992" s="2">
        <v>2.6859999999999999</v>
      </c>
      <c r="W1992" s="2">
        <v>0.02</v>
      </c>
      <c r="X1992" s="2">
        <v>159.1</v>
      </c>
      <c r="Y1992" s="2">
        <v>7.6</v>
      </c>
      <c r="Z1992" s="2">
        <v>16.7</v>
      </c>
      <c r="AA1992" s="5"/>
      <c r="AB1992" s="5" t="s">
        <v>43</v>
      </c>
      <c r="AC1992" s="5" t="s">
        <v>44</v>
      </c>
      <c r="AD1992" s="2"/>
      <c r="AE1992" s="1"/>
    </row>
    <row r="1993" spans="1:31" ht="14.45">
      <c r="A1993" s="11"/>
      <c r="B1993" s="20"/>
      <c r="C1993" s="2" t="s">
        <v>6400</v>
      </c>
      <c r="D1993" s="14" t="s">
        <v>6401</v>
      </c>
      <c r="E1993" s="2" t="s">
        <v>6402</v>
      </c>
      <c r="F1993" s="2" t="s">
        <v>1811</v>
      </c>
      <c r="G1993" s="8">
        <v>245</v>
      </c>
      <c r="H1993" s="5">
        <v>6</v>
      </c>
      <c r="I1993" s="5" t="s">
        <v>1518</v>
      </c>
      <c r="J1993" s="5" t="s">
        <v>1519</v>
      </c>
      <c r="K1993" s="2" t="s">
        <v>1520</v>
      </c>
      <c r="L1993" s="5" t="s">
        <v>1519</v>
      </c>
      <c r="M1993" s="2" t="s">
        <v>1520</v>
      </c>
      <c r="N1993" s="5" t="s">
        <v>1521</v>
      </c>
      <c r="O1993" s="5" t="s">
        <v>38</v>
      </c>
      <c r="P1993" s="5" t="s">
        <v>39</v>
      </c>
      <c r="Q1993" s="5" t="s">
        <v>40</v>
      </c>
      <c r="R1993" s="5" t="s">
        <v>1522</v>
      </c>
      <c r="S1993" s="5" t="s">
        <v>1523</v>
      </c>
      <c r="T1993" s="5" t="s">
        <v>42</v>
      </c>
      <c r="U1993" s="2">
        <v>3.3620000000000001</v>
      </c>
      <c r="V1993" s="2">
        <v>2.7509999999999999</v>
      </c>
      <c r="W1993" s="2">
        <v>0.02</v>
      </c>
      <c r="X1993" s="2">
        <v>159.1</v>
      </c>
      <c r="Y1993" s="2">
        <v>7.6</v>
      </c>
      <c r="Z1993" s="2">
        <v>16.7</v>
      </c>
      <c r="AA1993" s="5"/>
      <c r="AB1993" s="5" t="s">
        <v>43</v>
      </c>
      <c r="AC1993" s="5" t="s">
        <v>44</v>
      </c>
      <c r="AD1993" s="2"/>
      <c r="AE1993" s="1"/>
    </row>
    <row r="1994" spans="1:31" ht="14.45">
      <c r="A1994" s="11"/>
      <c r="B1994" s="20"/>
      <c r="C1994" s="2" t="s">
        <v>6403</v>
      </c>
      <c r="D1994" s="14" t="s">
        <v>6404</v>
      </c>
      <c r="E1994" s="2" t="s">
        <v>6405</v>
      </c>
      <c r="F1994" s="2" t="s">
        <v>1815</v>
      </c>
      <c r="G1994" s="8">
        <v>245</v>
      </c>
      <c r="H1994" s="5">
        <v>6</v>
      </c>
      <c r="I1994" s="5" t="s">
        <v>1518</v>
      </c>
      <c r="J1994" s="5" t="s">
        <v>1519</v>
      </c>
      <c r="K1994" s="2" t="s">
        <v>1520</v>
      </c>
      <c r="L1994" s="5" t="s">
        <v>1519</v>
      </c>
      <c r="M1994" s="2" t="s">
        <v>1520</v>
      </c>
      <c r="N1994" s="5" t="s">
        <v>1521</v>
      </c>
      <c r="O1994" s="5" t="s">
        <v>38</v>
      </c>
      <c r="P1994" s="5" t="s">
        <v>39</v>
      </c>
      <c r="Q1994" s="5" t="s">
        <v>40</v>
      </c>
      <c r="R1994" s="5" t="s">
        <v>1522</v>
      </c>
      <c r="S1994" s="5" t="s">
        <v>1523</v>
      </c>
      <c r="T1994" s="5" t="s">
        <v>42</v>
      </c>
      <c r="U1994" s="2">
        <v>3.2549999999999999</v>
      </c>
      <c r="V1994" s="2">
        <v>2.6440000000000001</v>
      </c>
      <c r="W1994" s="2">
        <v>0.02</v>
      </c>
      <c r="X1994" s="2">
        <v>159.1</v>
      </c>
      <c r="Y1994" s="2">
        <v>7.6</v>
      </c>
      <c r="Z1994" s="2">
        <v>16.7</v>
      </c>
      <c r="AA1994" s="5"/>
      <c r="AB1994" s="5" t="s">
        <v>43</v>
      </c>
      <c r="AC1994" s="5" t="s">
        <v>44</v>
      </c>
      <c r="AD1994" s="2"/>
      <c r="AE1994" s="1"/>
    </row>
    <row r="1995" spans="1:31" ht="14.45">
      <c r="A1995" s="11"/>
      <c r="B1995" s="20"/>
      <c r="C1995" s="2" t="s">
        <v>6406</v>
      </c>
      <c r="D1995" s="14" t="s">
        <v>6407</v>
      </c>
      <c r="E1995" s="2" t="s">
        <v>6408</v>
      </c>
      <c r="F1995" s="2" t="s">
        <v>1819</v>
      </c>
      <c r="G1995" s="8">
        <v>245</v>
      </c>
      <c r="H1995" s="5">
        <v>6</v>
      </c>
      <c r="I1995" s="5" t="s">
        <v>1518</v>
      </c>
      <c r="J1995" s="5" t="s">
        <v>1519</v>
      </c>
      <c r="K1995" s="2" t="s">
        <v>1520</v>
      </c>
      <c r="L1995" s="5" t="s">
        <v>1519</v>
      </c>
      <c r="M1995" s="2" t="s">
        <v>1520</v>
      </c>
      <c r="N1995" s="5" t="s">
        <v>1521</v>
      </c>
      <c r="O1995" s="5" t="s">
        <v>38</v>
      </c>
      <c r="P1995" s="5" t="s">
        <v>39</v>
      </c>
      <c r="Q1995" s="5" t="s">
        <v>40</v>
      </c>
      <c r="R1995" s="5" t="s">
        <v>1522</v>
      </c>
      <c r="S1995" s="5" t="s">
        <v>1523</v>
      </c>
      <c r="T1995" s="5" t="s">
        <v>42</v>
      </c>
      <c r="U1995" s="2">
        <v>3.32</v>
      </c>
      <c r="V1995" s="2">
        <v>2.7090000000000001</v>
      </c>
      <c r="W1995" s="2">
        <v>0.02</v>
      </c>
      <c r="X1995" s="2">
        <v>159.1</v>
      </c>
      <c r="Y1995" s="2">
        <v>7.6</v>
      </c>
      <c r="Z1995" s="2">
        <v>16.7</v>
      </c>
      <c r="AA1995" s="5"/>
      <c r="AB1995" s="5" t="s">
        <v>43</v>
      </c>
      <c r="AC1995" s="5" t="s">
        <v>44</v>
      </c>
      <c r="AD1995" s="2"/>
      <c r="AE1995" s="1"/>
    </row>
    <row r="1996" spans="1:31" ht="14.45">
      <c r="A1996" s="11"/>
      <c r="B1996" s="20"/>
      <c r="C1996" s="2" t="s">
        <v>6409</v>
      </c>
      <c r="D1996" s="14" t="s">
        <v>6410</v>
      </c>
      <c r="E1996" s="2" t="s">
        <v>6411</v>
      </c>
      <c r="F1996" s="2" t="s">
        <v>1823</v>
      </c>
      <c r="G1996" s="8">
        <v>245</v>
      </c>
      <c r="H1996" s="5">
        <v>18</v>
      </c>
      <c r="I1996" s="5" t="s">
        <v>1518</v>
      </c>
      <c r="J1996" s="5" t="s">
        <v>1519</v>
      </c>
      <c r="K1996" s="2" t="s">
        <v>1520</v>
      </c>
      <c r="L1996" s="5" t="s">
        <v>1519</v>
      </c>
      <c r="M1996" s="2" t="s">
        <v>1520</v>
      </c>
      <c r="N1996" s="5" t="s">
        <v>1521</v>
      </c>
      <c r="O1996" s="5" t="s">
        <v>38</v>
      </c>
      <c r="P1996" s="5" t="s">
        <v>39</v>
      </c>
      <c r="Q1996" s="5" t="s">
        <v>40</v>
      </c>
      <c r="R1996" s="5" t="s">
        <v>1522</v>
      </c>
      <c r="S1996" s="5" t="s">
        <v>1523</v>
      </c>
      <c r="T1996" s="5" t="s">
        <v>42</v>
      </c>
      <c r="U1996" s="2">
        <v>3.33</v>
      </c>
      <c r="V1996" s="2">
        <v>2.7189999999999999</v>
      </c>
      <c r="W1996" s="2">
        <v>0.02</v>
      </c>
      <c r="X1996" s="2">
        <v>159.1</v>
      </c>
      <c r="Y1996" s="2">
        <v>7.6</v>
      </c>
      <c r="Z1996" s="2">
        <v>16.7</v>
      </c>
      <c r="AA1996" s="5"/>
      <c r="AB1996" s="5" t="s">
        <v>43</v>
      </c>
      <c r="AC1996" s="5" t="s">
        <v>44</v>
      </c>
      <c r="AD1996" s="2"/>
      <c r="AE1996" s="1"/>
    </row>
    <row r="1997" spans="1:31" ht="14.45">
      <c r="A1997" s="11"/>
      <c r="B1997" s="20"/>
      <c r="C1997" s="2" t="s">
        <v>6412</v>
      </c>
      <c r="D1997" s="14" t="s">
        <v>6413</v>
      </c>
      <c r="E1997" s="2" t="s">
        <v>6414</v>
      </c>
      <c r="F1997" s="2" t="s">
        <v>1827</v>
      </c>
      <c r="G1997" s="8">
        <v>245</v>
      </c>
      <c r="H1997" s="5">
        <v>18</v>
      </c>
      <c r="I1997" s="5" t="s">
        <v>1518</v>
      </c>
      <c r="J1997" s="5" t="s">
        <v>1519</v>
      </c>
      <c r="K1997" s="2" t="s">
        <v>1520</v>
      </c>
      <c r="L1997" s="5" t="s">
        <v>1519</v>
      </c>
      <c r="M1997" s="2" t="s">
        <v>1520</v>
      </c>
      <c r="N1997" s="5" t="s">
        <v>1521</v>
      </c>
      <c r="O1997" s="5" t="s">
        <v>38</v>
      </c>
      <c r="P1997" s="5" t="s">
        <v>39</v>
      </c>
      <c r="Q1997" s="5" t="s">
        <v>40</v>
      </c>
      <c r="R1997" s="5" t="s">
        <v>1522</v>
      </c>
      <c r="S1997" s="5" t="s">
        <v>1523</v>
      </c>
      <c r="T1997" s="5" t="s">
        <v>42</v>
      </c>
      <c r="U1997" s="2">
        <v>3.395</v>
      </c>
      <c r="V1997" s="2">
        <v>2.7839999999999998</v>
      </c>
      <c r="W1997" s="2">
        <v>0.02</v>
      </c>
      <c r="X1997" s="2">
        <v>159.1</v>
      </c>
      <c r="Y1997" s="2">
        <v>7.6</v>
      </c>
      <c r="Z1997" s="2">
        <v>16.7</v>
      </c>
      <c r="AA1997" s="5"/>
      <c r="AB1997" s="5" t="s">
        <v>43</v>
      </c>
      <c r="AC1997" s="5" t="s">
        <v>44</v>
      </c>
      <c r="AD1997" s="2"/>
      <c r="AE1997" s="1"/>
    </row>
    <row r="1998" spans="1:31" ht="14.45">
      <c r="A1998" s="11"/>
      <c r="B1998" s="20"/>
      <c r="C1998" s="2" t="s">
        <v>6415</v>
      </c>
      <c r="D1998" s="14" t="s">
        <v>6416</v>
      </c>
      <c r="E1998" s="2" t="s">
        <v>6417</v>
      </c>
      <c r="F1998" s="2" t="s">
        <v>2348</v>
      </c>
      <c r="G1998" s="8">
        <v>245</v>
      </c>
      <c r="H1998" s="5">
        <v>18</v>
      </c>
      <c r="I1998" s="5" t="s">
        <v>1518</v>
      </c>
      <c r="J1998" s="5" t="s">
        <v>1519</v>
      </c>
      <c r="K1998" s="2" t="s">
        <v>1520</v>
      </c>
      <c r="L1998" s="5" t="s">
        <v>1519</v>
      </c>
      <c r="M1998" s="2" t="s">
        <v>1520</v>
      </c>
      <c r="N1998" s="5" t="s">
        <v>1521</v>
      </c>
      <c r="O1998" s="5" t="s">
        <v>38</v>
      </c>
      <c r="P1998" s="5" t="s">
        <v>39</v>
      </c>
      <c r="Q1998" s="5" t="s">
        <v>40</v>
      </c>
      <c r="R1998" s="5" t="s">
        <v>1522</v>
      </c>
      <c r="S1998" s="5" t="s">
        <v>1523</v>
      </c>
      <c r="T1998" s="5" t="s">
        <v>42</v>
      </c>
      <c r="U1998" s="2">
        <v>3.4020000000000001</v>
      </c>
      <c r="V1998" s="2">
        <v>2.7909999999999999</v>
      </c>
      <c r="W1998" s="2">
        <v>0.02</v>
      </c>
      <c r="X1998" s="2">
        <v>159.1</v>
      </c>
      <c r="Y1998" s="2">
        <v>7.6</v>
      </c>
      <c r="Z1998" s="2">
        <v>16.7</v>
      </c>
      <c r="AA1998" s="5"/>
      <c r="AB1998" s="5" t="s">
        <v>43</v>
      </c>
      <c r="AC1998" s="5" t="s">
        <v>44</v>
      </c>
      <c r="AD1998" s="2"/>
      <c r="AE1998" s="1"/>
    </row>
    <row r="1999" spans="1:31" ht="14.45">
      <c r="A1999" s="11"/>
      <c r="B1999" s="20"/>
      <c r="C1999" s="2" t="s">
        <v>6418</v>
      </c>
      <c r="D1999" s="14" t="s">
        <v>6419</v>
      </c>
      <c r="E1999" s="2" t="s">
        <v>6420</v>
      </c>
      <c r="F1999" s="2" t="s">
        <v>2212</v>
      </c>
      <c r="G1999" s="8">
        <v>245</v>
      </c>
      <c r="H1999" s="5">
        <v>18</v>
      </c>
      <c r="I1999" s="5" t="s">
        <v>1518</v>
      </c>
      <c r="J1999" s="5" t="s">
        <v>1519</v>
      </c>
      <c r="K1999" s="2" t="s">
        <v>1520</v>
      </c>
      <c r="L1999" s="5" t="s">
        <v>1519</v>
      </c>
      <c r="M1999" s="2" t="s">
        <v>1520</v>
      </c>
      <c r="N1999" s="5" t="s">
        <v>1521</v>
      </c>
      <c r="O1999" s="5" t="s">
        <v>38</v>
      </c>
      <c r="P1999" s="5" t="s">
        <v>39</v>
      </c>
      <c r="Q1999" s="5" t="s">
        <v>40</v>
      </c>
      <c r="R1999" s="5" t="s">
        <v>1522</v>
      </c>
      <c r="S1999" s="5" t="s">
        <v>1523</v>
      </c>
      <c r="T1999" s="5" t="s">
        <v>42</v>
      </c>
      <c r="U1999" s="2">
        <v>3.4020000000000001</v>
      </c>
      <c r="V1999" s="2">
        <v>2.7909999999999999</v>
      </c>
      <c r="W1999" s="2">
        <v>0.02</v>
      </c>
      <c r="X1999" s="2">
        <v>159.1</v>
      </c>
      <c r="Y1999" s="2">
        <v>7.6</v>
      </c>
      <c r="Z1999" s="2">
        <v>16.7</v>
      </c>
      <c r="AA1999" s="5"/>
      <c r="AB1999" s="5" t="s">
        <v>43</v>
      </c>
      <c r="AC1999" s="5" t="s">
        <v>44</v>
      </c>
      <c r="AD1999" s="2"/>
      <c r="AE1999" s="1"/>
    </row>
    <row r="2000" spans="1:31" ht="14.45">
      <c r="A2000" s="11"/>
      <c r="B2000" s="20"/>
      <c r="C2000" s="2" t="s">
        <v>6421</v>
      </c>
      <c r="D2000" s="14" t="s">
        <v>6422</v>
      </c>
      <c r="E2000" s="2" t="s">
        <v>6423</v>
      </c>
      <c r="F2000" s="2" t="s">
        <v>1831</v>
      </c>
      <c r="G2000" s="8">
        <v>245</v>
      </c>
      <c r="H2000" s="5">
        <v>18</v>
      </c>
      <c r="I2000" s="5" t="s">
        <v>1518</v>
      </c>
      <c r="J2000" s="5" t="s">
        <v>1519</v>
      </c>
      <c r="K2000" s="2" t="s">
        <v>1520</v>
      </c>
      <c r="L2000" s="5" t="s">
        <v>1519</v>
      </c>
      <c r="M2000" s="2" t="s">
        <v>1520</v>
      </c>
      <c r="N2000" s="5" t="s">
        <v>1521</v>
      </c>
      <c r="O2000" s="5" t="s">
        <v>38</v>
      </c>
      <c r="P2000" s="5" t="s">
        <v>39</v>
      </c>
      <c r="Q2000" s="5" t="s">
        <v>40</v>
      </c>
      <c r="R2000" s="5" t="s">
        <v>1522</v>
      </c>
      <c r="S2000" s="5" t="s">
        <v>1523</v>
      </c>
      <c r="T2000" s="5" t="s">
        <v>42</v>
      </c>
      <c r="U2000" s="2">
        <v>3.3370000000000002</v>
      </c>
      <c r="V2000" s="2">
        <v>2.726</v>
      </c>
      <c r="W2000" s="2">
        <v>0.02</v>
      </c>
      <c r="X2000" s="2">
        <v>159.1</v>
      </c>
      <c r="Y2000" s="2">
        <v>7.6</v>
      </c>
      <c r="Z2000" s="2">
        <v>16.7</v>
      </c>
      <c r="AA2000" s="5"/>
      <c r="AB2000" s="5" t="s">
        <v>43</v>
      </c>
      <c r="AC2000" s="5" t="s">
        <v>44</v>
      </c>
      <c r="AD2000" s="2"/>
      <c r="AE2000" s="1"/>
    </row>
    <row r="2001" spans="1:31" ht="14.45">
      <c r="A2001" s="11"/>
      <c r="B2001" s="20"/>
      <c r="C2001" s="2" t="s">
        <v>6424</v>
      </c>
      <c r="D2001" s="14" t="s">
        <v>6425</v>
      </c>
      <c r="E2001" s="2" t="s">
        <v>6426</v>
      </c>
      <c r="F2001" s="2" t="s">
        <v>1835</v>
      </c>
      <c r="G2001" s="8">
        <v>245</v>
      </c>
      <c r="H2001" s="5">
        <v>18</v>
      </c>
      <c r="I2001" s="5" t="s">
        <v>1518</v>
      </c>
      <c r="J2001" s="5" t="s">
        <v>1519</v>
      </c>
      <c r="K2001" s="2" t="s">
        <v>1520</v>
      </c>
      <c r="L2001" s="5" t="s">
        <v>1519</v>
      </c>
      <c r="M2001" s="2" t="s">
        <v>1520</v>
      </c>
      <c r="N2001" s="5" t="s">
        <v>1521</v>
      </c>
      <c r="O2001" s="5" t="s">
        <v>38</v>
      </c>
      <c r="P2001" s="5" t="s">
        <v>39</v>
      </c>
      <c r="Q2001" s="5" t="s">
        <v>40</v>
      </c>
      <c r="R2001" s="5" t="s">
        <v>1522</v>
      </c>
      <c r="S2001" s="5" t="s">
        <v>1523</v>
      </c>
      <c r="T2001" s="5" t="s">
        <v>42</v>
      </c>
      <c r="U2001" s="2">
        <v>3.4020000000000001</v>
      </c>
      <c r="V2001" s="2">
        <v>2.7909999999999999</v>
      </c>
      <c r="W2001" s="2">
        <v>0.02</v>
      </c>
      <c r="X2001" s="2">
        <v>159.1</v>
      </c>
      <c r="Y2001" s="2">
        <v>7.6</v>
      </c>
      <c r="Z2001" s="2">
        <v>16.7</v>
      </c>
      <c r="AA2001" s="5"/>
      <c r="AB2001" s="5" t="s">
        <v>43</v>
      </c>
      <c r="AC2001" s="5" t="s">
        <v>44</v>
      </c>
      <c r="AD2001" s="2"/>
      <c r="AE2001" s="1"/>
    </row>
    <row r="2002" spans="1:31" ht="14.45">
      <c r="A2002" s="11"/>
      <c r="B2002" s="20"/>
      <c r="C2002" s="2" t="s">
        <v>6427</v>
      </c>
      <c r="D2002" s="14" t="s">
        <v>6428</v>
      </c>
      <c r="E2002" s="2" t="s">
        <v>6429</v>
      </c>
      <c r="F2002" s="2" t="s">
        <v>1986</v>
      </c>
      <c r="G2002" s="8">
        <v>245</v>
      </c>
      <c r="H2002" s="5">
        <v>18</v>
      </c>
      <c r="I2002" s="5" t="s">
        <v>1518</v>
      </c>
      <c r="J2002" s="5" t="s">
        <v>1519</v>
      </c>
      <c r="K2002" s="2" t="s">
        <v>1520</v>
      </c>
      <c r="L2002" s="5" t="s">
        <v>1519</v>
      </c>
      <c r="M2002" s="2" t="s">
        <v>1520</v>
      </c>
      <c r="N2002" s="5" t="s">
        <v>1521</v>
      </c>
      <c r="O2002" s="5" t="s">
        <v>38</v>
      </c>
      <c r="P2002" s="5" t="s">
        <v>39</v>
      </c>
      <c r="Q2002" s="5" t="s">
        <v>40</v>
      </c>
      <c r="R2002" s="5" t="s">
        <v>1522</v>
      </c>
      <c r="S2002" s="5" t="s">
        <v>1523</v>
      </c>
      <c r="T2002" s="5" t="s">
        <v>42</v>
      </c>
      <c r="U2002" s="2">
        <v>3.4020000000000001</v>
      </c>
      <c r="V2002" s="2">
        <v>2.7909999999999999</v>
      </c>
      <c r="W2002" s="2">
        <v>0.02</v>
      </c>
      <c r="X2002" s="2">
        <v>159.1</v>
      </c>
      <c r="Y2002" s="2">
        <v>7.6</v>
      </c>
      <c r="Z2002" s="2">
        <v>16.7</v>
      </c>
      <c r="AA2002" s="5"/>
      <c r="AB2002" s="5" t="s">
        <v>43</v>
      </c>
      <c r="AC2002" s="5" t="s">
        <v>44</v>
      </c>
      <c r="AD2002" s="2"/>
      <c r="AE2002" s="1"/>
    </row>
    <row r="2003" spans="1:31" ht="14.45">
      <c r="A2003" s="11"/>
      <c r="B2003" s="20"/>
      <c r="C2003" s="2" t="s">
        <v>6430</v>
      </c>
      <c r="D2003" s="14" t="s">
        <v>6431</v>
      </c>
      <c r="E2003" s="2" t="s">
        <v>6432</v>
      </c>
      <c r="F2003" s="2" t="s">
        <v>1843</v>
      </c>
      <c r="G2003" s="8">
        <v>245</v>
      </c>
      <c r="H2003" s="5">
        <v>18</v>
      </c>
      <c r="I2003" s="5" t="s">
        <v>1518</v>
      </c>
      <c r="J2003" s="5" t="s">
        <v>1519</v>
      </c>
      <c r="K2003" s="2" t="s">
        <v>1520</v>
      </c>
      <c r="L2003" s="5" t="s">
        <v>1519</v>
      </c>
      <c r="M2003" s="2" t="s">
        <v>1520</v>
      </c>
      <c r="N2003" s="5" t="s">
        <v>1521</v>
      </c>
      <c r="O2003" s="5" t="s">
        <v>38</v>
      </c>
      <c r="P2003" s="5" t="s">
        <v>39</v>
      </c>
      <c r="Q2003" s="5" t="s">
        <v>40</v>
      </c>
      <c r="R2003" s="5" t="s">
        <v>1522</v>
      </c>
      <c r="S2003" s="5" t="s">
        <v>1523</v>
      </c>
      <c r="T2003" s="5" t="s">
        <v>42</v>
      </c>
      <c r="U2003" s="2">
        <v>3.3370000000000002</v>
      </c>
      <c r="V2003" s="2">
        <v>2.726</v>
      </c>
      <c r="W2003" s="2">
        <v>0.02</v>
      </c>
      <c r="X2003" s="2">
        <v>159.1</v>
      </c>
      <c r="Y2003" s="2">
        <v>7.6</v>
      </c>
      <c r="Z2003" s="2">
        <v>16.7</v>
      </c>
      <c r="AA2003" s="5"/>
      <c r="AB2003" s="5" t="s">
        <v>43</v>
      </c>
      <c r="AC2003" s="5" t="s">
        <v>44</v>
      </c>
      <c r="AD2003" s="2"/>
      <c r="AE2003" s="1"/>
    </row>
    <row r="2004" spans="1:31" ht="14.45">
      <c r="A2004" s="11"/>
      <c r="B2004" s="20"/>
      <c r="C2004" s="2" t="s">
        <v>6433</v>
      </c>
      <c r="D2004" s="14" t="s">
        <v>6434</v>
      </c>
      <c r="E2004" s="2" t="s">
        <v>6435</v>
      </c>
      <c r="F2004" s="2" t="s">
        <v>1847</v>
      </c>
      <c r="G2004" s="8">
        <v>245</v>
      </c>
      <c r="H2004" s="5">
        <v>18</v>
      </c>
      <c r="I2004" s="5" t="s">
        <v>1518</v>
      </c>
      <c r="J2004" s="5" t="s">
        <v>1519</v>
      </c>
      <c r="K2004" s="2" t="s">
        <v>1520</v>
      </c>
      <c r="L2004" s="5" t="s">
        <v>1519</v>
      </c>
      <c r="M2004" s="2" t="s">
        <v>1520</v>
      </c>
      <c r="N2004" s="5" t="s">
        <v>1521</v>
      </c>
      <c r="O2004" s="5" t="s">
        <v>38</v>
      </c>
      <c r="P2004" s="5" t="s">
        <v>39</v>
      </c>
      <c r="Q2004" s="5" t="s">
        <v>40</v>
      </c>
      <c r="R2004" s="5" t="s">
        <v>1522</v>
      </c>
      <c r="S2004" s="5" t="s">
        <v>1523</v>
      </c>
      <c r="T2004" s="5" t="s">
        <v>42</v>
      </c>
      <c r="U2004" s="2">
        <v>3.4020000000000001</v>
      </c>
      <c r="V2004" s="2">
        <v>2.7909999999999999</v>
      </c>
      <c r="W2004" s="2">
        <v>0.02</v>
      </c>
      <c r="X2004" s="2">
        <v>159.1</v>
      </c>
      <c r="Y2004" s="2">
        <v>7.6</v>
      </c>
      <c r="Z2004" s="2">
        <v>16.7</v>
      </c>
      <c r="AA2004" s="5"/>
      <c r="AB2004" s="5" t="s">
        <v>43</v>
      </c>
      <c r="AC2004" s="5" t="s">
        <v>44</v>
      </c>
      <c r="AD2004" s="2"/>
      <c r="AE2004" s="1"/>
    </row>
    <row r="2005" spans="1:31" ht="14.45">
      <c r="A2005" s="11"/>
      <c r="B2005" s="20"/>
      <c r="C2005" s="2" t="s">
        <v>6436</v>
      </c>
      <c r="D2005" s="14" t="s">
        <v>6437</v>
      </c>
      <c r="E2005" s="2" t="s">
        <v>6438</v>
      </c>
      <c r="F2005" s="2" t="s">
        <v>1851</v>
      </c>
      <c r="G2005" s="8">
        <v>245</v>
      </c>
      <c r="H2005" s="5">
        <v>18</v>
      </c>
      <c r="I2005" s="5" t="s">
        <v>1518</v>
      </c>
      <c r="J2005" s="5" t="s">
        <v>1519</v>
      </c>
      <c r="K2005" s="2" t="s">
        <v>1520</v>
      </c>
      <c r="L2005" s="5" t="s">
        <v>1519</v>
      </c>
      <c r="M2005" s="2" t="s">
        <v>1520</v>
      </c>
      <c r="N2005" s="5" t="s">
        <v>1521</v>
      </c>
      <c r="O2005" s="5" t="s">
        <v>38</v>
      </c>
      <c r="P2005" s="5" t="s">
        <v>39</v>
      </c>
      <c r="Q2005" s="5" t="s">
        <v>40</v>
      </c>
      <c r="R2005" s="5" t="s">
        <v>1522</v>
      </c>
      <c r="S2005" s="5" t="s">
        <v>1523</v>
      </c>
      <c r="T2005" s="5" t="s">
        <v>42</v>
      </c>
      <c r="U2005" s="2">
        <v>3.3370000000000002</v>
      </c>
      <c r="V2005" s="2">
        <v>2.726</v>
      </c>
      <c r="W2005" s="2">
        <v>0.02</v>
      </c>
      <c r="X2005" s="2">
        <v>159.1</v>
      </c>
      <c r="Y2005" s="2">
        <v>7.6</v>
      </c>
      <c r="Z2005" s="2">
        <v>16.7</v>
      </c>
      <c r="AA2005" s="5"/>
      <c r="AB2005" s="5" t="s">
        <v>43</v>
      </c>
      <c r="AC2005" s="5" t="s">
        <v>44</v>
      </c>
      <c r="AD2005" s="2"/>
      <c r="AE2005" s="1"/>
    </row>
    <row r="2006" spans="1:31" ht="14.45">
      <c r="A2006" s="11"/>
      <c r="B2006" s="20"/>
      <c r="C2006" s="2" t="s">
        <v>6439</v>
      </c>
      <c r="D2006" s="14" t="s">
        <v>6440</v>
      </c>
      <c r="E2006" s="2" t="s">
        <v>6441</v>
      </c>
      <c r="F2006" s="2" t="s">
        <v>1999</v>
      </c>
      <c r="G2006" s="8">
        <v>245</v>
      </c>
      <c r="H2006" s="5">
        <v>18</v>
      </c>
      <c r="I2006" s="5" t="s">
        <v>1518</v>
      </c>
      <c r="J2006" s="5" t="s">
        <v>1519</v>
      </c>
      <c r="K2006" s="2" t="s">
        <v>1520</v>
      </c>
      <c r="L2006" s="5" t="s">
        <v>1519</v>
      </c>
      <c r="M2006" s="2" t="s">
        <v>1520</v>
      </c>
      <c r="N2006" s="5" t="s">
        <v>1521</v>
      </c>
      <c r="O2006" s="5" t="s">
        <v>38</v>
      </c>
      <c r="P2006" s="5" t="s">
        <v>39</v>
      </c>
      <c r="Q2006" s="5" t="s">
        <v>40</v>
      </c>
      <c r="R2006" s="5" t="s">
        <v>1522</v>
      </c>
      <c r="S2006" s="5" t="s">
        <v>1523</v>
      </c>
      <c r="T2006" s="5" t="s">
        <v>42</v>
      </c>
      <c r="U2006" s="2">
        <v>3.4020000000000001</v>
      </c>
      <c r="V2006" s="2">
        <v>2.7909999999999999</v>
      </c>
      <c r="W2006" s="2">
        <v>0.02</v>
      </c>
      <c r="X2006" s="2">
        <v>159.1</v>
      </c>
      <c r="Y2006" s="2">
        <v>7.6</v>
      </c>
      <c r="Z2006" s="2">
        <v>16.7</v>
      </c>
      <c r="AA2006" s="5"/>
      <c r="AB2006" s="5" t="s">
        <v>43</v>
      </c>
      <c r="AC2006" s="5" t="s">
        <v>44</v>
      </c>
      <c r="AD2006" s="2"/>
      <c r="AE2006" s="1"/>
    </row>
    <row r="2007" spans="1:31" ht="14.45">
      <c r="A2007" s="11"/>
      <c r="B2007" s="20"/>
      <c r="C2007" s="2" t="s">
        <v>6442</v>
      </c>
      <c r="D2007" s="14" t="s">
        <v>6443</v>
      </c>
      <c r="E2007" s="2" t="s">
        <v>6444</v>
      </c>
      <c r="F2007" s="2" t="s">
        <v>1855</v>
      </c>
      <c r="G2007" s="8">
        <v>245</v>
      </c>
      <c r="H2007" s="5">
        <v>18</v>
      </c>
      <c r="I2007" s="5" t="s">
        <v>1518</v>
      </c>
      <c r="J2007" s="5" t="s">
        <v>1519</v>
      </c>
      <c r="K2007" s="2" t="s">
        <v>1520</v>
      </c>
      <c r="L2007" s="5" t="s">
        <v>1519</v>
      </c>
      <c r="M2007" s="2" t="s">
        <v>1520</v>
      </c>
      <c r="N2007" s="5" t="s">
        <v>1521</v>
      </c>
      <c r="O2007" s="5" t="s">
        <v>38</v>
      </c>
      <c r="P2007" s="5" t="s">
        <v>39</v>
      </c>
      <c r="Q2007" s="5" t="s">
        <v>40</v>
      </c>
      <c r="R2007" s="5" t="s">
        <v>1522</v>
      </c>
      <c r="S2007" s="5" t="s">
        <v>1523</v>
      </c>
      <c r="T2007" s="5" t="s">
        <v>42</v>
      </c>
      <c r="U2007" s="2">
        <v>3.3370000000000002</v>
      </c>
      <c r="V2007" s="2">
        <v>2.726</v>
      </c>
      <c r="W2007" s="2">
        <v>0.02</v>
      </c>
      <c r="X2007" s="2">
        <v>159.1</v>
      </c>
      <c r="Y2007" s="2">
        <v>7.6</v>
      </c>
      <c r="Z2007" s="2">
        <v>16.7</v>
      </c>
      <c r="AA2007" s="5"/>
      <c r="AB2007" s="5" t="s">
        <v>43</v>
      </c>
      <c r="AC2007" s="5" t="s">
        <v>44</v>
      </c>
      <c r="AD2007" s="2"/>
      <c r="AE2007" s="1"/>
    </row>
    <row r="2008" spans="1:31" ht="14.45">
      <c r="A2008" s="11"/>
      <c r="B2008" s="20"/>
      <c r="C2008" s="2" t="s">
        <v>6445</v>
      </c>
      <c r="D2008" s="14" t="s">
        <v>6446</v>
      </c>
      <c r="E2008" s="2" t="s">
        <v>6447</v>
      </c>
      <c r="F2008" s="2" t="s">
        <v>1863</v>
      </c>
      <c r="G2008" s="8">
        <v>245</v>
      </c>
      <c r="H2008" s="5">
        <v>21</v>
      </c>
      <c r="I2008" s="5" t="s">
        <v>1518</v>
      </c>
      <c r="J2008" s="5" t="s">
        <v>1519</v>
      </c>
      <c r="K2008" s="2" t="s">
        <v>1520</v>
      </c>
      <c r="L2008" s="5" t="s">
        <v>1519</v>
      </c>
      <c r="M2008" s="2" t="s">
        <v>1520</v>
      </c>
      <c r="N2008" s="5" t="s">
        <v>1521</v>
      </c>
      <c r="O2008" s="5" t="s">
        <v>38</v>
      </c>
      <c r="P2008" s="5" t="s">
        <v>39</v>
      </c>
      <c r="Q2008" s="5" t="s">
        <v>40</v>
      </c>
      <c r="R2008" s="5" t="s">
        <v>1522</v>
      </c>
      <c r="S2008" s="5" t="s">
        <v>1523</v>
      </c>
      <c r="T2008" s="5" t="s">
        <v>42</v>
      </c>
      <c r="U2008" s="2">
        <v>3.262</v>
      </c>
      <c r="V2008" s="2">
        <v>2.6509999999999998</v>
      </c>
      <c r="W2008" s="2">
        <v>0.02</v>
      </c>
      <c r="X2008" s="2">
        <v>159.1</v>
      </c>
      <c r="Y2008" s="2">
        <v>7.6</v>
      </c>
      <c r="Z2008" s="2">
        <v>16.7</v>
      </c>
      <c r="AA2008" s="5"/>
      <c r="AB2008" s="5" t="s">
        <v>43</v>
      </c>
      <c r="AC2008" s="5" t="s">
        <v>44</v>
      </c>
      <c r="AD2008" s="2"/>
      <c r="AE2008" s="1"/>
    </row>
    <row r="2009" spans="1:31" ht="14.45">
      <c r="A2009" s="11"/>
      <c r="B2009" s="20"/>
      <c r="C2009" s="2" t="s">
        <v>6448</v>
      </c>
      <c r="D2009" s="14" t="s">
        <v>6449</v>
      </c>
      <c r="E2009" s="2" t="s">
        <v>6450</v>
      </c>
      <c r="F2009" s="2" t="s">
        <v>1867</v>
      </c>
      <c r="G2009" s="8">
        <v>245</v>
      </c>
      <c r="H2009" s="5">
        <v>21</v>
      </c>
      <c r="I2009" s="5" t="s">
        <v>1518</v>
      </c>
      <c r="J2009" s="5" t="s">
        <v>1519</v>
      </c>
      <c r="K2009" s="2" t="s">
        <v>1520</v>
      </c>
      <c r="L2009" s="5" t="s">
        <v>1519</v>
      </c>
      <c r="M2009" s="2" t="s">
        <v>1520</v>
      </c>
      <c r="N2009" s="5" t="s">
        <v>1521</v>
      </c>
      <c r="O2009" s="5" t="s">
        <v>38</v>
      </c>
      <c r="P2009" s="5" t="s">
        <v>39</v>
      </c>
      <c r="Q2009" s="5" t="s">
        <v>40</v>
      </c>
      <c r="R2009" s="5" t="s">
        <v>1522</v>
      </c>
      <c r="S2009" s="5" t="s">
        <v>1523</v>
      </c>
      <c r="T2009" s="5" t="s">
        <v>42</v>
      </c>
      <c r="U2009" s="2">
        <v>3.327</v>
      </c>
      <c r="V2009" s="2">
        <v>2.7160000000000002</v>
      </c>
      <c r="W2009" s="2">
        <v>0.02</v>
      </c>
      <c r="X2009" s="2">
        <v>159.1</v>
      </c>
      <c r="Y2009" s="2">
        <v>7.6</v>
      </c>
      <c r="Z2009" s="2">
        <v>16.7</v>
      </c>
      <c r="AA2009" s="5"/>
      <c r="AB2009" s="5" t="s">
        <v>43</v>
      </c>
      <c r="AC2009" s="5" t="s">
        <v>44</v>
      </c>
      <c r="AD2009" s="2"/>
      <c r="AE2009" s="1"/>
    </row>
    <row r="2010" spans="1:31" ht="14.45">
      <c r="A2010" s="11"/>
      <c r="B2010" s="20"/>
      <c r="C2010" s="2" t="s">
        <v>6451</v>
      </c>
      <c r="D2010" s="14" t="s">
        <v>6452</v>
      </c>
      <c r="E2010" s="2" t="s">
        <v>6453</v>
      </c>
      <c r="F2010" s="2" t="s">
        <v>1695</v>
      </c>
      <c r="G2010" s="8">
        <v>190</v>
      </c>
      <c r="H2010" s="5">
        <v>6</v>
      </c>
      <c r="I2010" s="5" t="s">
        <v>1518</v>
      </c>
      <c r="J2010" s="5" t="s">
        <v>1519</v>
      </c>
      <c r="K2010" s="2" t="s">
        <v>1520</v>
      </c>
      <c r="L2010" s="5" t="s">
        <v>1519</v>
      </c>
      <c r="M2010" s="2" t="s">
        <v>1520</v>
      </c>
      <c r="N2010" s="5" t="s">
        <v>1521</v>
      </c>
      <c r="O2010" s="5" t="s">
        <v>38</v>
      </c>
      <c r="P2010" s="5" t="s">
        <v>39</v>
      </c>
      <c r="Q2010" s="5" t="s">
        <v>40</v>
      </c>
      <c r="R2010" s="5" t="s">
        <v>1522</v>
      </c>
      <c r="S2010" s="5" t="s">
        <v>1523</v>
      </c>
      <c r="T2010" s="5" t="s">
        <v>42</v>
      </c>
      <c r="U2010" s="2">
        <v>3.024</v>
      </c>
      <c r="V2010" s="2">
        <v>2.4969999999999999</v>
      </c>
      <c r="W2010" s="2">
        <v>1.7999999999999999E-2</v>
      </c>
      <c r="X2010" s="2">
        <v>139.1</v>
      </c>
      <c r="Y2010" s="2">
        <v>7.6</v>
      </c>
      <c r="Z2010" s="2">
        <v>16.7</v>
      </c>
      <c r="AA2010" s="5"/>
      <c r="AB2010" s="5" t="s">
        <v>43</v>
      </c>
      <c r="AC2010" s="5" t="s">
        <v>44</v>
      </c>
      <c r="AD2010" s="2"/>
      <c r="AE2010" s="1"/>
    </row>
    <row r="2011" spans="1:31" ht="14.45">
      <c r="A2011" s="11"/>
      <c r="B2011" s="20"/>
      <c r="C2011" s="2" t="s">
        <v>6454</v>
      </c>
      <c r="D2011" s="14" t="s">
        <v>6455</v>
      </c>
      <c r="E2011" s="2" t="s">
        <v>6456</v>
      </c>
      <c r="F2011" s="2" t="s">
        <v>1699</v>
      </c>
      <c r="G2011" s="8">
        <v>190</v>
      </c>
      <c r="H2011" s="5">
        <v>6</v>
      </c>
      <c r="I2011" s="5" t="s">
        <v>1518</v>
      </c>
      <c r="J2011" s="5" t="s">
        <v>1519</v>
      </c>
      <c r="K2011" s="2" t="s">
        <v>1520</v>
      </c>
      <c r="L2011" s="5" t="s">
        <v>1519</v>
      </c>
      <c r="M2011" s="2" t="s">
        <v>1520</v>
      </c>
      <c r="N2011" s="5" t="s">
        <v>1521</v>
      </c>
      <c r="O2011" s="5" t="s">
        <v>38</v>
      </c>
      <c r="P2011" s="5" t="s">
        <v>39</v>
      </c>
      <c r="Q2011" s="5" t="s">
        <v>40</v>
      </c>
      <c r="R2011" s="5" t="s">
        <v>1522</v>
      </c>
      <c r="S2011" s="5" t="s">
        <v>1523</v>
      </c>
      <c r="T2011" s="5" t="s">
        <v>42</v>
      </c>
      <c r="U2011" s="2">
        <v>3.081</v>
      </c>
      <c r="V2011" s="2">
        <v>2.5539999999999998</v>
      </c>
      <c r="W2011" s="2">
        <v>1.7999999999999999E-2</v>
      </c>
      <c r="X2011" s="2">
        <v>139.1</v>
      </c>
      <c r="Y2011" s="2">
        <v>7.6</v>
      </c>
      <c r="Z2011" s="2">
        <v>16.7</v>
      </c>
      <c r="AA2011" s="5"/>
      <c r="AB2011" s="5" t="s">
        <v>43</v>
      </c>
      <c r="AC2011" s="5" t="s">
        <v>44</v>
      </c>
      <c r="AD2011" s="2"/>
      <c r="AE2011" s="1"/>
    </row>
    <row r="2012" spans="1:31" ht="14.45">
      <c r="A2012" s="11"/>
      <c r="B2012" s="20"/>
      <c r="C2012" s="2" t="s">
        <v>6457</v>
      </c>
      <c r="D2012" s="14" t="s">
        <v>6458</v>
      </c>
      <c r="E2012" s="2" t="s">
        <v>6459</v>
      </c>
      <c r="F2012" s="2" t="s">
        <v>1703</v>
      </c>
      <c r="G2012" s="8">
        <v>190</v>
      </c>
      <c r="H2012" s="5">
        <v>6</v>
      </c>
      <c r="I2012" s="5" t="s">
        <v>1518</v>
      </c>
      <c r="J2012" s="5" t="s">
        <v>1519</v>
      </c>
      <c r="K2012" s="2" t="s">
        <v>1520</v>
      </c>
      <c r="L2012" s="5" t="s">
        <v>1519</v>
      </c>
      <c r="M2012" s="2" t="s">
        <v>1520</v>
      </c>
      <c r="N2012" s="5" t="s">
        <v>1521</v>
      </c>
      <c r="O2012" s="5" t="s">
        <v>38</v>
      </c>
      <c r="P2012" s="5" t="s">
        <v>39</v>
      </c>
      <c r="Q2012" s="5" t="s">
        <v>40</v>
      </c>
      <c r="R2012" s="5" t="s">
        <v>1522</v>
      </c>
      <c r="S2012" s="5" t="s">
        <v>1523</v>
      </c>
      <c r="T2012" s="5" t="s">
        <v>42</v>
      </c>
      <c r="U2012" s="2">
        <v>3.0329999999999999</v>
      </c>
      <c r="V2012" s="2">
        <v>2.5059999999999998</v>
      </c>
      <c r="W2012" s="2">
        <v>1.7999999999999999E-2</v>
      </c>
      <c r="X2012" s="2">
        <v>139.1</v>
      </c>
      <c r="Y2012" s="2">
        <v>7.6</v>
      </c>
      <c r="Z2012" s="2">
        <v>16.7</v>
      </c>
      <c r="AA2012" s="5"/>
      <c r="AB2012" s="5" t="s">
        <v>43</v>
      </c>
      <c r="AC2012" s="5" t="s">
        <v>44</v>
      </c>
      <c r="AD2012" s="2"/>
      <c r="AE2012" s="1"/>
    </row>
    <row r="2013" spans="1:31" ht="14.45">
      <c r="A2013" s="11"/>
      <c r="B2013" s="20"/>
      <c r="C2013" s="2" t="s">
        <v>6460</v>
      </c>
      <c r="D2013" s="14" t="s">
        <v>6461</v>
      </c>
      <c r="E2013" s="2" t="s">
        <v>6462</v>
      </c>
      <c r="F2013" s="2" t="s">
        <v>1707</v>
      </c>
      <c r="G2013" s="8">
        <v>190</v>
      </c>
      <c r="H2013" s="5">
        <v>6</v>
      </c>
      <c r="I2013" s="5" t="s">
        <v>1518</v>
      </c>
      <c r="J2013" s="5" t="s">
        <v>1519</v>
      </c>
      <c r="K2013" s="2" t="s">
        <v>1520</v>
      </c>
      <c r="L2013" s="5" t="s">
        <v>1519</v>
      </c>
      <c r="M2013" s="2" t="s">
        <v>1520</v>
      </c>
      <c r="N2013" s="5" t="s">
        <v>1521</v>
      </c>
      <c r="O2013" s="5" t="s">
        <v>38</v>
      </c>
      <c r="P2013" s="5" t="s">
        <v>39</v>
      </c>
      <c r="Q2013" s="5" t="s">
        <v>40</v>
      </c>
      <c r="R2013" s="5" t="s">
        <v>1522</v>
      </c>
      <c r="S2013" s="5" t="s">
        <v>1523</v>
      </c>
      <c r="T2013" s="5" t="s">
        <v>42</v>
      </c>
      <c r="U2013" s="2">
        <v>3.09</v>
      </c>
      <c r="V2013" s="2">
        <v>2.5630000000000002</v>
      </c>
      <c r="W2013" s="2">
        <v>1.7999999999999999E-2</v>
      </c>
      <c r="X2013" s="2">
        <v>139.1</v>
      </c>
      <c r="Y2013" s="2">
        <v>7.6</v>
      </c>
      <c r="Z2013" s="2">
        <v>16.7</v>
      </c>
      <c r="AA2013" s="5"/>
      <c r="AB2013" s="5" t="s">
        <v>43</v>
      </c>
      <c r="AC2013" s="5" t="s">
        <v>44</v>
      </c>
      <c r="AD2013" s="2"/>
      <c r="AE2013" s="1"/>
    </row>
    <row r="2014" spans="1:31" ht="14.45">
      <c r="A2014" s="11"/>
      <c r="B2014" s="20"/>
      <c r="C2014" s="2" t="s">
        <v>6463</v>
      </c>
      <c r="D2014" s="14" t="s">
        <v>6464</v>
      </c>
      <c r="E2014" s="2" t="s">
        <v>6465</v>
      </c>
      <c r="F2014" s="2" t="s">
        <v>1711</v>
      </c>
      <c r="G2014" s="8">
        <v>190</v>
      </c>
      <c r="H2014" s="5">
        <v>6</v>
      </c>
      <c r="I2014" s="5" t="s">
        <v>1518</v>
      </c>
      <c r="J2014" s="5" t="s">
        <v>1519</v>
      </c>
      <c r="K2014" s="2" t="s">
        <v>1520</v>
      </c>
      <c r="L2014" s="5" t="s">
        <v>1519</v>
      </c>
      <c r="M2014" s="2" t="s">
        <v>1520</v>
      </c>
      <c r="N2014" s="5" t="s">
        <v>1521</v>
      </c>
      <c r="O2014" s="5" t="s">
        <v>38</v>
      </c>
      <c r="P2014" s="5" t="s">
        <v>39</v>
      </c>
      <c r="Q2014" s="5" t="s">
        <v>40</v>
      </c>
      <c r="R2014" s="5" t="s">
        <v>1522</v>
      </c>
      <c r="S2014" s="5" t="s">
        <v>1523</v>
      </c>
      <c r="T2014" s="5" t="s">
        <v>42</v>
      </c>
      <c r="U2014" s="2">
        <v>3.0329999999999999</v>
      </c>
      <c r="V2014" s="2">
        <v>2.5059999999999998</v>
      </c>
      <c r="W2014" s="2">
        <v>1.7999999999999999E-2</v>
      </c>
      <c r="X2014" s="2">
        <v>139.1</v>
      </c>
      <c r="Y2014" s="2">
        <v>7.6</v>
      </c>
      <c r="Z2014" s="2">
        <v>16.7</v>
      </c>
      <c r="AA2014" s="5"/>
      <c r="AB2014" s="5" t="s">
        <v>43</v>
      </c>
      <c r="AC2014" s="5" t="s">
        <v>44</v>
      </c>
      <c r="AD2014" s="2"/>
      <c r="AE2014" s="1"/>
    </row>
    <row r="2015" spans="1:31" ht="14.45">
      <c r="A2015" s="11"/>
      <c r="B2015" s="20"/>
      <c r="C2015" s="2" t="s">
        <v>6466</v>
      </c>
      <c r="D2015" s="14" t="s">
        <v>6467</v>
      </c>
      <c r="E2015" s="2" t="s">
        <v>6468</v>
      </c>
      <c r="F2015" s="2" t="s">
        <v>1715</v>
      </c>
      <c r="G2015" s="8">
        <v>190</v>
      </c>
      <c r="H2015" s="5">
        <v>6</v>
      </c>
      <c r="I2015" s="5" t="s">
        <v>1518</v>
      </c>
      <c r="J2015" s="5" t="s">
        <v>1519</v>
      </c>
      <c r="K2015" s="2" t="s">
        <v>1520</v>
      </c>
      <c r="L2015" s="5" t="s">
        <v>1519</v>
      </c>
      <c r="M2015" s="2" t="s">
        <v>1520</v>
      </c>
      <c r="N2015" s="5" t="s">
        <v>1521</v>
      </c>
      <c r="O2015" s="5" t="s">
        <v>38</v>
      </c>
      <c r="P2015" s="5" t="s">
        <v>39</v>
      </c>
      <c r="Q2015" s="5" t="s">
        <v>40</v>
      </c>
      <c r="R2015" s="5" t="s">
        <v>1522</v>
      </c>
      <c r="S2015" s="5" t="s">
        <v>1523</v>
      </c>
      <c r="T2015" s="5" t="s">
        <v>42</v>
      </c>
      <c r="U2015" s="2">
        <v>3.09</v>
      </c>
      <c r="V2015" s="2">
        <v>2.5630000000000002</v>
      </c>
      <c r="W2015" s="2">
        <v>1.7999999999999999E-2</v>
      </c>
      <c r="X2015" s="2">
        <v>139.1</v>
      </c>
      <c r="Y2015" s="2">
        <v>7.6</v>
      </c>
      <c r="Z2015" s="2">
        <v>16.7</v>
      </c>
      <c r="AA2015" s="5"/>
      <c r="AB2015" s="5" t="s">
        <v>43</v>
      </c>
      <c r="AC2015" s="5" t="s">
        <v>44</v>
      </c>
      <c r="AD2015" s="2"/>
      <c r="AE2015" s="1"/>
    </row>
    <row r="2016" spans="1:31" ht="14.45">
      <c r="A2016" s="11"/>
      <c r="B2016" s="20"/>
      <c r="C2016" s="2" t="s">
        <v>6469</v>
      </c>
      <c r="D2016" s="14" t="s">
        <v>6470</v>
      </c>
      <c r="E2016" s="2" t="s">
        <v>6471</v>
      </c>
      <c r="F2016" s="2" t="s">
        <v>1719</v>
      </c>
      <c r="G2016" s="8">
        <v>190</v>
      </c>
      <c r="H2016" s="5">
        <v>6</v>
      </c>
      <c r="I2016" s="5" t="s">
        <v>1518</v>
      </c>
      <c r="J2016" s="5" t="s">
        <v>1519</v>
      </c>
      <c r="K2016" s="2" t="s">
        <v>1520</v>
      </c>
      <c r="L2016" s="5" t="s">
        <v>1519</v>
      </c>
      <c r="M2016" s="2" t="s">
        <v>1520</v>
      </c>
      <c r="N2016" s="5" t="s">
        <v>1521</v>
      </c>
      <c r="O2016" s="5" t="s">
        <v>38</v>
      </c>
      <c r="P2016" s="5" t="s">
        <v>39</v>
      </c>
      <c r="Q2016" s="5" t="s">
        <v>40</v>
      </c>
      <c r="R2016" s="5" t="s">
        <v>1522</v>
      </c>
      <c r="S2016" s="5" t="s">
        <v>1523</v>
      </c>
      <c r="T2016" s="5" t="s">
        <v>42</v>
      </c>
      <c r="U2016" s="2">
        <v>3.004</v>
      </c>
      <c r="V2016" s="2">
        <v>2.4769999999999999</v>
      </c>
      <c r="W2016" s="2">
        <v>1.7999999999999999E-2</v>
      </c>
      <c r="X2016" s="2">
        <v>139.1</v>
      </c>
      <c r="Y2016" s="2">
        <v>7.6</v>
      </c>
      <c r="Z2016" s="2">
        <v>16.7</v>
      </c>
      <c r="AA2016" s="5"/>
      <c r="AB2016" s="5" t="s">
        <v>43</v>
      </c>
      <c r="AC2016" s="5" t="s">
        <v>44</v>
      </c>
      <c r="AD2016" s="2"/>
      <c r="AE2016" s="1"/>
    </row>
    <row r="2017" spans="1:31" ht="14.45">
      <c r="A2017" s="11"/>
      <c r="B2017" s="20"/>
      <c r="C2017" s="2" t="s">
        <v>6472</v>
      </c>
      <c r="D2017" s="14" t="s">
        <v>6473</v>
      </c>
      <c r="E2017" s="2" t="s">
        <v>6474</v>
      </c>
      <c r="F2017" s="2" t="s">
        <v>1723</v>
      </c>
      <c r="G2017" s="8">
        <v>190</v>
      </c>
      <c r="H2017" s="5">
        <v>6</v>
      </c>
      <c r="I2017" s="5" t="s">
        <v>1518</v>
      </c>
      <c r="J2017" s="5" t="s">
        <v>1519</v>
      </c>
      <c r="K2017" s="2" t="s">
        <v>1520</v>
      </c>
      <c r="L2017" s="5" t="s">
        <v>1519</v>
      </c>
      <c r="M2017" s="2" t="s">
        <v>1520</v>
      </c>
      <c r="N2017" s="5" t="s">
        <v>1521</v>
      </c>
      <c r="O2017" s="5" t="s">
        <v>38</v>
      </c>
      <c r="P2017" s="5" t="s">
        <v>39</v>
      </c>
      <c r="Q2017" s="5" t="s">
        <v>40</v>
      </c>
      <c r="R2017" s="5" t="s">
        <v>1522</v>
      </c>
      <c r="S2017" s="5" t="s">
        <v>1523</v>
      </c>
      <c r="T2017" s="5" t="s">
        <v>42</v>
      </c>
      <c r="U2017" s="2">
        <v>3.0609999999999999</v>
      </c>
      <c r="V2017" s="2">
        <v>2.5339999999999998</v>
      </c>
      <c r="W2017" s="2">
        <v>1.7999999999999999E-2</v>
      </c>
      <c r="X2017" s="2">
        <v>139.1</v>
      </c>
      <c r="Y2017" s="2">
        <v>7.6</v>
      </c>
      <c r="Z2017" s="2">
        <v>16.7</v>
      </c>
      <c r="AA2017" s="5"/>
      <c r="AB2017" s="5" t="s">
        <v>43</v>
      </c>
      <c r="AC2017" s="5" t="s">
        <v>44</v>
      </c>
      <c r="AD2017" s="2"/>
      <c r="AE2017" s="1"/>
    </row>
    <row r="2018" spans="1:31" ht="14.45">
      <c r="A2018" s="11"/>
      <c r="B2018" s="20"/>
      <c r="C2018" s="2" t="s">
        <v>6475</v>
      </c>
      <c r="D2018" s="14" t="s">
        <v>6476</v>
      </c>
      <c r="E2018" s="2" t="s">
        <v>6477</v>
      </c>
      <c r="F2018" s="2" t="s">
        <v>1727</v>
      </c>
      <c r="G2018" s="8">
        <v>218</v>
      </c>
      <c r="H2018" s="5">
        <v>6</v>
      </c>
      <c r="I2018" s="5" t="s">
        <v>1518</v>
      </c>
      <c r="J2018" s="5" t="s">
        <v>1519</v>
      </c>
      <c r="K2018" s="2" t="s">
        <v>1520</v>
      </c>
      <c r="L2018" s="5" t="s">
        <v>1519</v>
      </c>
      <c r="M2018" s="2" t="s">
        <v>1520</v>
      </c>
      <c r="N2018" s="5" t="s">
        <v>1521</v>
      </c>
      <c r="O2018" s="5" t="s">
        <v>38</v>
      </c>
      <c r="P2018" s="5" t="s">
        <v>39</v>
      </c>
      <c r="Q2018" s="5" t="s">
        <v>40</v>
      </c>
      <c r="R2018" s="5" t="s">
        <v>1522</v>
      </c>
      <c r="S2018" s="5" t="s">
        <v>1523</v>
      </c>
      <c r="T2018" s="5" t="s">
        <v>42</v>
      </c>
      <c r="U2018" s="2">
        <v>3.004</v>
      </c>
      <c r="V2018" s="2">
        <v>2.4769999999999999</v>
      </c>
      <c r="W2018" s="2">
        <v>1.7999999999999999E-2</v>
      </c>
      <c r="X2018" s="2">
        <v>139.1</v>
      </c>
      <c r="Y2018" s="2">
        <v>7.6</v>
      </c>
      <c r="Z2018" s="2">
        <v>16.7</v>
      </c>
      <c r="AA2018" s="5"/>
      <c r="AB2018" s="5" t="s">
        <v>43</v>
      </c>
      <c r="AC2018" s="5" t="s">
        <v>44</v>
      </c>
      <c r="AD2018" s="2"/>
      <c r="AE2018" s="1"/>
    </row>
    <row r="2019" spans="1:31" ht="14.45">
      <c r="A2019" s="11"/>
      <c r="B2019" s="20"/>
      <c r="C2019" s="2" t="s">
        <v>6478</v>
      </c>
      <c r="D2019" s="14" t="s">
        <v>6479</v>
      </c>
      <c r="E2019" s="2" t="s">
        <v>6480</v>
      </c>
      <c r="F2019" s="2" t="s">
        <v>1731</v>
      </c>
      <c r="G2019" s="8">
        <v>218</v>
      </c>
      <c r="H2019" s="5">
        <v>6</v>
      </c>
      <c r="I2019" s="5" t="s">
        <v>1518</v>
      </c>
      <c r="J2019" s="5" t="s">
        <v>1519</v>
      </c>
      <c r="K2019" s="2" t="s">
        <v>1520</v>
      </c>
      <c r="L2019" s="5" t="s">
        <v>1519</v>
      </c>
      <c r="M2019" s="2" t="s">
        <v>1520</v>
      </c>
      <c r="N2019" s="5" t="s">
        <v>1521</v>
      </c>
      <c r="O2019" s="5" t="s">
        <v>38</v>
      </c>
      <c r="P2019" s="5" t="s">
        <v>39</v>
      </c>
      <c r="Q2019" s="5" t="s">
        <v>40</v>
      </c>
      <c r="R2019" s="5" t="s">
        <v>1522</v>
      </c>
      <c r="S2019" s="5" t="s">
        <v>1523</v>
      </c>
      <c r="T2019" s="5" t="s">
        <v>42</v>
      </c>
      <c r="U2019" s="2">
        <v>3.0609999999999999</v>
      </c>
      <c r="V2019" s="2">
        <v>2.5339999999999998</v>
      </c>
      <c r="W2019" s="2">
        <v>1.7999999999999999E-2</v>
      </c>
      <c r="X2019" s="2">
        <v>139.1</v>
      </c>
      <c r="Y2019" s="2">
        <v>7.6</v>
      </c>
      <c r="Z2019" s="2">
        <v>16.7</v>
      </c>
      <c r="AA2019" s="5"/>
      <c r="AB2019" s="5" t="s">
        <v>43</v>
      </c>
      <c r="AC2019" s="5" t="s">
        <v>44</v>
      </c>
      <c r="AD2019" s="2"/>
      <c r="AE2019" s="1"/>
    </row>
    <row r="2020" spans="1:31" ht="14.45">
      <c r="A2020" s="11"/>
      <c r="B2020" s="20"/>
      <c r="C2020" s="2" t="s">
        <v>6481</v>
      </c>
      <c r="D2020" s="14" t="s">
        <v>6482</v>
      </c>
      <c r="E2020" s="2" t="s">
        <v>6483</v>
      </c>
      <c r="F2020" s="2" t="s">
        <v>1735</v>
      </c>
      <c r="G2020" s="8">
        <v>218</v>
      </c>
      <c r="H2020" s="5">
        <v>6</v>
      </c>
      <c r="I2020" s="5" t="s">
        <v>1518</v>
      </c>
      <c r="J2020" s="5" t="s">
        <v>1519</v>
      </c>
      <c r="K2020" s="2" t="s">
        <v>1520</v>
      </c>
      <c r="L2020" s="5" t="s">
        <v>1519</v>
      </c>
      <c r="M2020" s="2" t="s">
        <v>1520</v>
      </c>
      <c r="N2020" s="5" t="s">
        <v>1521</v>
      </c>
      <c r="O2020" s="5" t="s">
        <v>38</v>
      </c>
      <c r="P2020" s="5" t="s">
        <v>39</v>
      </c>
      <c r="Q2020" s="5" t="s">
        <v>40</v>
      </c>
      <c r="R2020" s="5" t="s">
        <v>1522</v>
      </c>
      <c r="S2020" s="5" t="s">
        <v>1523</v>
      </c>
      <c r="T2020" s="5" t="s">
        <v>42</v>
      </c>
      <c r="U2020" s="2">
        <v>3.0329999999999999</v>
      </c>
      <c r="V2020" s="2">
        <v>2.5059999999999998</v>
      </c>
      <c r="W2020" s="2">
        <v>1.7999999999999999E-2</v>
      </c>
      <c r="X2020" s="2">
        <v>139.1</v>
      </c>
      <c r="Y2020" s="2">
        <v>7.6</v>
      </c>
      <c r="Z2020" s="2">
        <v>16.7</v>
      </c>
      <c r="AA2020" s="5"/>
      <c r="AB2020" s="5" t="s">
        <v>43</v>
      </c>
      <c r="AC2020" s="5" t="s">
        <v>44</v>
      </c>
      <c r="AD2020" s="2"/>
      <c r="AE2020" s="1"/>
    </row>
    <row r="2021" spans="1:31" ht="14.45">
      <c r="A2021" s="11"/>
      <c r="B2021" s="20"/>
      <c r="C2021" s="2" t="s">
        <v>6484</v>
      </c>
      <c r="D2021" s="14" t="s">
        <v>6485</v>
      </c>
      <c r="E2021" s="2" t="s">
        <v>6486</v>
      </c>
      <c r="F2021" s="2" t="s">
        <v>1739</v>
      </c>
      <c r="G2021" s="8">
        <v>218</v>
      </c>
      <c r="H2021" s="5">
        <v>6</v>
      </c>
      <c r="I2021" s="5" t="s">
        <v>1518</v>
      </c>
      <c r="J2021" s="5" t="s">
        <v>1519</v>
      </c>
      <c r="K2021" s="2" t="s">
        <v>1520</v>
      </c>
      <c r="L2021" s="5" t="s">
        <v>1519</v>
      </c>
      <c r="M2021" s="2" t="s">
        <v>1520</v>
      </c>
      <c r="N2021" s="5" t="s">
        <v>1521</v>
      </c>
      <c r="O2021" s="5" t="s">
        <v>38</v>
      </c>
      <c r="P2021" s="5" t="s">
        <v>39</v>
      </c>
      <c r="Q2021" s="5" t="s">
        <v>40</v>
      </c>
      <c r="R2021" s="5" t="s">
        <v>1522</v>
      </c>
      <c r="S2021" s="5" t="s">
        <v>1523</v>
      </c>
      <c r="T2021" s="5" t="s">
        <v>42</v>
      </c>
      <c r="U2021" s="2">
        <v>3.09</v>
      </c>
      <c r="V2021" s="2">
        <v>2.5630000000000002</v>
      </c>
      <c r="W2021" s="2">
        <v>1.7999999999999999E-2</v>
      </c>
      <c r="X2021" s="2">
        <v>139.1</v>
      </c>
      <c r="Y2021" s="2">
        <v>7.6</v>
      </c>
      <c r="Z2021" s="2">
        <v>16.7</v>
      </c>
      <c r="AA2021" s="5"/>
      <c r="AB2021" s="5" t="s">
        <v>43</v>
      </c>
      <c r="AC2021" s="5" t="s">
        <v>44</v>
      </c>
      <c r="AD2021" s="2"/>
      <c r="AE2021" s="1"/>
    </row>
    <row r="2022" spans="1:31" ht="14.45">
      <c r="A2022" s="11"/>
      <c r="B2022" s="20"/>
      <c r="C2022" s="2" t="s">
        <v>6487</v>
      </c>
      <c r="D2022" s="14" t="s">
        <v>6488</v>
      </c>
      <c r="E2022" s="2" t="s">
        <v>6489</v>
      </c>
      <c r="F2022" s="2" t="s">
        <v>1743</v>
      </c>
      <c r="G2022" s="8">
        <v>218</v>
      </c>
      <c r="H2022" s="5">
        <v>6</v>
      </c>
      <c r="I2022" s="5" t="s">
        <v>1518</v>
      </c>
      <c r="J2022" s="5" t="s">
        <v>1519</v>
      </c>
      <c r="K2022" s="2" t="s">
        <v>1520</v>
      </c>
      <c r="L2022" s="5" t="s">
        <v>1519</v>
      </c>
      <c r="M2022" s="2" t="s">
        <v>1520</v>
      </c>
      <c r="N2022" s="5" t="s">
        <v>1521</v>
      </c>
      <c r="O2022" s="5" t="s">
        <v>38</v>
      </c>
      <c r="P2022" s="5" t="s">
        <v>39</v>
      </c>
      <c r="Q2022" s="5" t="s">
        <v>40</v>
      </c>
      <c r="R2022" s="5" t="s">
        <v>1522</v>
      </c>
      <c r="S2022" s="5" t="s">
        <v>1523</v>
      </c>
      <c r="T2022" s="5" t="s">
        <v>42</v>
      </c>
      <c r="U2022" s="2">
        <v>3.004</v>
      </c>
      <c r="V2022" s="2">
        <v>2.4769999999999999</v>
      </c>
      <c r="W2022" s="2">
        <v>1.7999999999999999E-2</v>
      </c>
      <c r="X2022" s="2">
        <v>139.1</v>
      </c>
      <c r="Y2022" s="2">
        <v>7.6</v>
      </c>
      <c r="Z2022" s="2">
        <v>16.7</v>
      </c>
      <c r="AA2022" s="5"/>
      <c r="AB2022" s="5" t="s">
        <v>43</v>
      </c>
      <c r="AC2022" s="5" t="s">
        <v>44</v>
      </c>
      <c r="AD2022" s="2"/>
      <c r="AE2022" s="1"/>
    </row>
    <row r="2023" spans="1:31" ht="14.45">
      <c r="A2023" s="11"/>
      <c r="B2023" s="20"/>
      <c r="C2023" s="2" t="s">
        <v>6490</v>
      </c>
      <c r="D2023" s="14" t="s">
        <v>6491</v>
      </c>
      <c r="E2023" s="2" t="s">
        <v>6492</v>
      </c>
      <c r="F2023" s="2" t="s">
        <v>1747</v>
      </c>
      <c r="G2023" s="8">
        <v>218</v>
      </c>
      <c r="H2023" s="5">
        <v>6</v>
      </c>
      <c r="I2023" s="5" t="s">
        <v>1518</v>
      </c>
      <c r="J2023" s="5" t="s">
        <v>1519</v>
      </c>
      <c r="K2023" s="2" t="s">
        <v>1520</v>
      </c>
      <c r="L2023" s="5" t="s">
        <v>1519</v>
      </c>
      <c r="M2023" s="2" t="s">
        <v>1520</v>
      </c>
      <c r="N2023" s="5" t="s">
        <v>1521</v>
      </c>
      <c r="O2023" s="5" t="s">
        <v>38</v>
      </c>
      <c r="P2023" s="5" t="s">
        <v>39</v>
      </c>
      <c r="Q2023" s="5" t="s">
        <v>40</v>
      </c>
      <c r="R2023" s="5" t="s">
        <v>1522</v>
      </c>
      <c r="S2023" s="5" t="s">
        <v>1523</v>
      </c>
      <c r="T2023" s="5" t="s">
        <v>42</v>
      </c>
      <c r="U2023" s="2">
        <v>3.0609999999999999</v>
      </c>
      <c r="V2023" s="2">
        <v>2.5339999999999998</v>
      </c>
      <c r="W2023" s="2">
        <v>1.7999999999999999E-2</v>
      </c>
      <c r="X2023" s="2">
        <v>139.1</v>
      </c>
      <c r="Y2023" s="2">
        <v>7.6</v>
      </c>
      <c r="Z2023" s="2">
        <v>16.7</v>
      </c>
      <c r="AA2023" s="5"/>
      <c r="AB2023" s="5" t="s">
        <v>43</v>
      </c>
      <c r="AC2023" s="5" t="s">
        <v>44</v>
      </c>
      <c r="AD2023" s="2"/>
      <c r="AE2023" s="1"/>
    </row>
    <row r="2024" spans="1:31" ht="14.45">
      <c r="A2024" s="11"/>
      <c r="B2024" s="20"/>
      <c r="C2024" s="2" t="s">
        <v>6493</v>
      </c>
      <c r="D2024" s="14" t="s">
        <v>6494</v>
      </c>
      <c r="E2024" s="2" t="s">
        <v>6495</v>
      </c>
      <c r="F2024" s="2" t="s">
        <v>1751</v>
      </c>
      <c r="G2024" s="8">
        <v>218</v>
      </c>
      <c r="H2024" s="5">
        <v>6</v>
      </c>
      <c r="I2024" s="5" t="s">
        <v>1518</v>
      </c>
      <c r="J2024" s="5" t="s">
        <v>1519</v>
      </c>
      <c r="K2024" s="2" t="s">
        <v>1520</v>
      </c>
      <c r="L2024" s="5" t="s">
        <v>1519</v>
      </c>
      <c r="M2024" s="2" t="s">
        <v>1520</v>
      </c>
      <c r="N2024" s="5" t="s">
        <v>1521</v>
      </c>
      <c r="O2024" s="5" t="s">
        <v>38</v>
      </c>
      <c r="P2024" s="5" t="s">
        <v>39</v>
      </c>
      <c r="Q2024" s="5" t="s">
        <v>40</v>
      </c>
      <c r="R2024" s="5" t="s">
        <v>1522</v>
      </c>
      <c r="S2024" s="5" t="s">
        <v>1523</v>
      </c>
      <c r="T2024" s="5" t="s">
        <v>42</v>
      </c>
      <c r="U2024" s="2">
        <v>3.004</v>
      </c>
      <c r="V2024" s="2">
        <v>2.4769999999999999</v>
      </c>
      <c r="W2024" s="2">
        <v>1.7999999999999999E-2</v>
      </c>
      <c r="X2024" s="2">
        <v>139.1</v>
      </c>
      <c r="Y2024" s="2">
        <v>7.6</v>
      </c>
      <c r="Z2024" s="2">
        <v>16.7</v>
      </c>
      <c r="AA2024" s="5"/>
      <c r="AB2024" s="5" t="s">
        <v>43</v>
      </c>
      <c r="AC2024" s="5" t="s">
        <v>44</v>
      </c>
      <c r="AD2024" s="2"/>
      <c r="AE2024" s="1"/>
    </row>
    <row r="2025" spans="1:31" ht="14.45">
      <c r="A2025" s="11"/>
      <c r="B2025" s="20"/>
      <c r="C2025" s="2" t="s">
        <v>6496</v>
      </c>
      <c r="D2025" s="14" t="s">
        <v>6497</v>
      </c>
      <c r="E2025" s="2" t="s">
        <v>6498</v>
      </c>
      <c r="F2025" s="2" t="s">
        <v>1755</v>
      </c>
      <c r="G2025" s="8">
        <v>218</v>
      </c>
      <c r="H2025" s="5">
        <v>6</v>
      </c>
      <c r="I2025" s="5" t="s">
        <v>1518</v>
      </c>
      <c r="J2025" s="5" t="s">
        <v>1519</v>
      </c>
      <c r="K2025" s="2" t="s">
        <v>1520</v>
      </c>
      <c r="L2025" s="5" t="s">
        <v>1519</v>
      </c>
      <c r="M2025" s="2" t="s">
        <v>1520</v>
      </c>
      <c r="N2025" s="5" t="s">
        <v>1521</v>
      </c>
      <c r="O2025" s="5" t="s">
        <v>38</v>
      </c>
      <c r="P2025" s="5" t="s">
        <v>39</v>
      </c>
      <c r="Q2025" s="5" t="s">
        <v>40</v>
      </c>
      <c r="R2025" s="5" t="s">
        <v>1522</v>
      </c>
      <c r="S2025" s="5" t="s">
        <v>1523</v>
      </c>
      <c r="T2025" s="5" t="s">
        <v>42</v>
      </c>
      <c r="U2025" s="2">
        <v>3.0609999999999999</v>
      </c>
      <c r="V2025" s="2">
        <v>2.5339999999999998</v>
      </c>
      <c r="W2025" s="2">
        <v>1.7999999999999999E-2</v>
      </c>
      <c r="X2025" s="2">
        <v>139.1</v>
      </c>
      <c r="Y2025" s="2">
        <v>7.6</v>
      </c>
      <c r="Z2025" s="2">
        <v>16.7</v>
      </c>
      <c r="AA2025" s="5"/>
      <c r="AB2025" s="5" t="s">
        <v>43</v>
      </c>
      <c r="AC2025" s="5" t="s">
        <v>44</v>
      </c>
      <c r="AD2025" s="2"/>
      <c r="AE2025" s="1"/>
    </row>
    <row r="2026" spans="1:31" ht="14.45">
      <c r="A2026" s="11"/>
      <c r="B2026" s="20"/>
      <c r="C2026" s="2" t="s">
        <v>6499</v>
      </c>
      <c r="D2026" s="14" t="s">
        <v>6500</v>
      </c>
      <c r="E2026" s="2" t="s">
        <v>6501</v>
      </c>
      <c r="F2026" s="2" t="s">
        <v>1759</v>
      </c>
      <c r="G2026" s="8">
        <v>218</v>
      </c>
      <c r="H2026" s="5">
        <v>6</v>
      </c>
      <c r="I2026" s="5" t="s">
        <v>1518</v>
      </c>
      <c r="J2026" s="5" t="s">
        <v>1519</v>
      </c>
      <c r="K2026" s="2" t="s">
        <v>1520</v>
      </c>
      <c r="L2026" s="5" t="s">
        <v>1519</v>
      </c>
      <c r="M2026" s="2" t="s">
        <v>1520</v>
      </c>
      <c r="N2026" s="5" t="s">
        <v>1521</v>
      </c>
      <c r="O2026" s="5" t="s">
        <v>38</v>
      </c>
      <c r="P2026" s="5" t="s">
        <v>39</v>
      </c>
      <c r="Q2026" s="5" t="s">
        <v>40</v>
      </c>
      <c r="R2026" s="5" t="s">
        <v>1522</v>
      </c>
      <c r="S2026" s="5" t="s">
        <v>1523</v>
      </c>
      <c r="T2026" s="5" t="s">
        <v>42</v>
      </c>
      <c r="U2026" s="2">
        <v>3.0329999999999999</v>
      </c>
      <c r="V2026" s="2">
        <v>2.5059999999999998</v>
      </c>
      <c r="W2026" s="2">
        <v>1.7999999999999999E-2</v>
      </c>
      <c r="X2026" s="2">
        <v>139.1</v>
      </c>
      <c r="Y2026" s="2">
        <v>7.6</v>
      </c>
      <c r="Z2026" s="2">
        <v>16.7</v>
      </c>
      <c r="AA2026" s="5"/>
      <c r="AB2026" s="5" t="s">
        <v>43</v>
      </c>
      <c r="AC2026" s="5" t="s">
        <v>44</v>
      </c>
      <c r="AD2026" s="2"/>
      <c r="AE2026" s="1"/>
    </row>
    <row r="2027" spans="1:31" ht="14.45">
      <c r="A2027" s="11"/>
      <c r="B2027" s="20"/>
      <c r="C2027" s="2" t="s">
        <v>6502</v>
      </c>
      <c r="D2027" s="14" t="s">
        <v>6503</v>
      </c>
      <c r="E2027" s="2" t="s">
        <v>6504</v>
      </c>
      <c r="F2027" s="2" t="s">
        <v>1763</v>
      </c>
      <c r="G2027" s="8">
        <v>218</v>
      </c>
      <c r="H2027" s="5">
        <v>6</v>
      </c>
      <c r="I2027" s="5" t="s">
        <v>1518</v>
      </c>
      <c r="J2027" s="5" t="s">
        <v>1519</v>
      </c>
      <c r="K2027" s="2" t="s">
        <v>1520</v>
      </c>
      <c r="L2027" s="5" t="s">
        <v>1519</v>
      </c>
      <c r="M2027" s="2" t="s">
        <v>1520</v>
      </c>
      <c r="N2027" s="5" t="s">
        <v>1521</v>
      </c>
      <c r="O2027" s="5" t="s">
        <v>38</v>
      </c>
      <c r="P2027" s="5" t="s">
        <v>39</v>
      </c>
      <c r="Q2027" s="5" t="s">
        <v>40</v>
      </c>
      <c r="R2027" s="5" t="s">
        <v>1522</v>
      </c>
      <c r="S2027" s="5" t="s">
        <v>1523</v>
      </c>
      <c r="T2027" s="5" t="s">
        <v>42</v>
      </c>
      <c r="U2027" s="2">
        <v>3.09</v>
      </c>
      <c r="V2027" s="2">
        <v>2.5630000000000002</v>
      </c>
      <c r="W2027" s="2">
        <v>1.7999999999999999E-2</v>
      </c>
      <c r="X2027" s="2">
        <v>139.1</v>
      </c>
      <c r="Y2027" s="2">
        <v>7.6</v>
      </c>
      <c r="Z2027" s="2">
        <v>16.7</v>
      </c>
      <c r="AA2027" s="5"/>
      <c r="AB2027" s="5" t="s">
        <v>43</v>
      </c>
      <c r="AC2027" s="5" t="s">
        <v>44</v>
      </c>
      <c r="AD2027" s="2"/>
      <c r="AE2027" s="1"/>
    </row>
    <row r="2028" spans="1:31" ht="14.45">
      <c r="A2028" s="11"/>
      <c r="B2028" s="20"/>
      <c r="C2028" s="2" t="s">
        <v>6505</v>
      </c>
      <c r="D2028" s="14" t="s">
        <v>6506</v>
      </c>
      <c r="E2028" s="2" t="s">
        <v>6507</v>
      </c>
      <c r="F2028" s="2" t="s">
        <v>1767</v>
      </c>
      <c r="G2028" s="8">
        <v>218</v>
      </c>
      <c r="H2028" s="5">
        <v>6</v>
      </c>
      <c r="I2028" s="5" t="s">
        <v>1518</v>
      </c>
      <c r="J2028" s="5" t="s">
        <v>1519</v>
      </c>
      <c r="K2028" s="2" t="s">
        <v>1520</v>
      </c>
      <c r="L2028" s="5" t="s">
        <v>1519</v>
      </c>
      <c r="M2028" s="2" t="s">
        <v>1520</v>
      </c>
      <c r="N2028" s="5" t="s">
        <v>1521</v>
      </c>
      <c r="O2028" s="5" t="s">
        <v>38</v>
      </c>
      <c r="P2028" s="5" t="s">
        <v>39</v>
      </c>
      <c r="Q2028" s="5" t="s">
        <v>40</v>
      </c>
      <c r="R2028" s="5" t="s">
        <v>1522</v>
      </c>
      <c r="S2028" s="5" t="s">
        <v>1523</v>
      </c>
      <c r="T2028" s="5" t="s">
        <v>42</v>
      </c>
      <c r="U2028" s="2">
        <v>3.0329999999999999</v>
      </c>
      <c r="V2028" s="2">
        <v>2.5059999999999998</v>
      </c>
      <c r="W2028" s="2">
        <v>1.7999999999999999E-2</v>
      </c>
      <c r="X2028" s="2">
        <v>139.1</v>
      </c>
      <c r="Y2028" s="2">
        <v>7.6</v>
      </c>
      <c r="Z2028" s="2">
        <v>16.7</v>
      </c>
      <c r="AA2028" s="5"/>
      <c r="AB2028" s="5" t="s">
        <v>43</v>
      </c>
      <c r="AC2028" s="5" t="s">
        <v>44</v>
      </c>
      <c r="AD2028" s="2"/>
      <c r="AE2028" s="1"/>
    </row>
    <row r="2029" spans="1:31" ht="14.45">
      <c r="A2029" s="11"/>
      <c r="B2029" s="20"/>
      <c r="C2029" s="2" t="s">
        <v>6508</v>
      </c>
      <c r="D2029" s="14" t="s">
        <v>6509</v>
      </c>
      <c r="E2029" s="2" t="s">
        <v>6510</v>
      </c>
      <c r="F2029" s="2" t="s">
        <v>1771</v>
      </c>
      <c r="G2029" s="8">
        <v>218</v>
      </c>
      <c r="H2029" s="5">
        <v>6</v>
      </c>
      <c r="I2029" s="5" t="s">
        <v>1518</v>
      </c>
      <c r="J2029" s="5" t="s">
        <v>1519</v>
      </c>
      <c r="K2029" s="2" t="s">
        <v>1520</v>
      </c>
      <c r="L2029" s="5" t="s">
        <v>1519</v>
      </c>
      <c r="M2029" s="2" t="s">
        <v>1520</v>
      </c>
      <c r="N2029" s="5" t="s">
        <v>1521</v>
      </c>
      <c r="O2029" s="5" t="s">
        <v>38</v>
      </c>
      <c r="P2029" s="5" t="s">
        <v>39</v>
      </c>
      <c r="Q2029" s="5" t="s">
        <v>40</v>
      </c>
      <c r="R2029" s="5" t="s">
        <v>1522</v>
      </c>
      <c r="S2029" s="5" t="s">
        <v>1523</v>
      </c>
      <c r="T2029" s="5" t="s">
        <v>42</v>
      </c>
      <c r="U2029" s="2">
        <v>3.09</v>
      </c>
      <c r="V2029" s="2">
        <v>2.5630000000000002</v>
      </c>
      <c r="W2029" s="2">
        <v>1.7999999999999999E-2</v>
      </c>
      <c r="X2029" s="2">
        <v>139.1</v>
      </c>
      <c r="Y2029" s="2">
        <v>7.6</v>
      </c>
      <c r="Z2029" s="2">
        <v>16.7</v>
      </c>
      <c r="AA2029" s="5"/>
      <c r="AB2029" s="5" t="s">
        <v>43</v>
      </c>
      <c r="AC2029" s="5" t="s">
        <v>44</v>
      </c>
      <c r="AD2029" s="2"/>
      <c r="AE2029" s="1"/>
    </row>
    <row r="2030" spans="1:31" ht="14.45">
      <c r="A2030" s="11"/>
      <c r="B2030" s="20"/>
      <c r="C2030" s="2" t="s">
        <v>6511</v>
      </c>
      <c r="D2030" s="14" t="s">
        <v>6512</v>
      </c>
      <c r="E2030" s="2" t="s">
        <v>6513</v>
      </c>
      <c r="F2030" s="2" t="s">
        <v>1775</v>
      </c>
      <c r="G2030" s="8">
        <v>218</v>
      </c>
      <c r="H2030" s="5">
        <v>6</v>
      </c>
      <c r="I2030" s="5" t="s">
        <v>1518</v>
      </c>
      <c r="J2030" s="5" t="s">
        <v>1519</v>
      </c>
      <c r="K2030" s="2" t="s">
        <v>1520</v>
      </c>
      <c r="L2030" s="5" t="s">
        <v>1519</v>
      </c>
      <c r="M2030" s="2" t="s">
        <v>1520</v>
      </c>
      <c r="N2030" s="5" t="s">
        <v>1521</v>
      </c>
      <c r="O2030" s="5" t="s">
        <v>38</v>
      </c>
      <c r="P2030" s="5" t="s">
        <v>39</v>
      </c>
      <c r="Q2030" s="5" t="s">
        <v>40</v>
      </c>
      <c r="R2030" s="5" t="s">
        <v>1522</v>
      </c>
      <c r="S2030" s="5" t="s">
        <v>1523</v>
      </c>
      <c r="T2030" s="5" t="s">
        <v>42</v>
      </c>
      <c r="U2030" s="2">
        <v>3.0329999999999999</v>
      </c>
      <c r="V2030" s="2">
        <v>2.5059999999999998</v>
      </c>
      <c r="W2030" s="2">
        <v>1.7999999999999999E-2</v>
      </c>
      <c r="X2030" s="2">
        <v>139.1</v>
      </c>
      <c r="Y2030" s="2">
        <v>7.6</v>
      </c>
      <c r="Z2030" s="2">
        <v>16.7</v>
      </c>
      <c r="AA2030" s="5"/>
      <c r="AB2030" s="5" t="s">
        <v>43</v>
      </c>
      <c r="AC2030" s="5" t="s">
        <v>44</v>
      </c>
      <c r="AD2030" s="2"/>
      <c r="AE2030" s="1"/>
    </row>
    <row r="2031" spans="1:31" ht="14.45">
      <c r="A2031" s="11"/>
      <c r="B2031" s="20"/>
      <c r="C2031" s="2" t="s">
        <v>6514</v>
      </c>
      <c r="D2031" s="14" t="s">
        <v>6515</v>
      </c>
      <c r="E2031" s="2" t="s">
        <v>6516</v>
      </c>
      <c r="F2031" s="2" t="s">
        <v>1779</v>
      </c>
      <c r="G2031" s="8">
        <v>218</v>
      </c>
      <c r="H2031" s="5">
        <v>6</v>
      </c>
      <c r="I2031" s="5" t="s">
        <v>1518</v>
      </c>
      <c r="J2031" s="5" t="s">
        <v>1519</v>
      </c>
      <c r="K2031" s="2" t="s">
        <v>1520</v>
      </c>
      <c r="L2031" s="5" t="s">
        <v>1519</v>
      </c>
      <c r="M2031" s="2" t="s">
        <v>1520</v>
      </c>
      <c r="N2031" s="5" t="s">
        <v>1521</v>
      </c>
      <c r="O2031" s="5" t="s">
        <v>38</v>
      </c>
      <c r="P2031" s="5" t="s">
        <v>39</v>
      </c>
      <c r="Q2031" s="5" t="s">
        <v>40</v>
      </c>
      <c r="R2031" s="5" t="s">
        <v>1522</v>
      </c>
      <c r="S2031" s="5" t="s">
        <v>1523</v>
      </c>
      <c r="T2031" s="5" t="s">
        <v>42</v>
      </c>
      <c r="U2031" s="2">
        <v>3.09</v>
      </c>
      <c r="V2031" s="2">
        <v>2.5630000000000002</v>
      </c>
      <c r="W2031" s="2">
        <v>1.7999999999999999E-2</v>
      </c>
      <c r="X2031" s="2">
        <v>139.1</v>
      </c>
      <c r="Y2031" s="2">
        <v>7.6</v>
      </c>
      <c r="Z2031" s="2">
        <v>16.7</v>
      </c>
      <c r="AA2031" s="5"/>
      <c r="AB2031" s="5" t="s">
        <v>43</v>
      </c>
      <c r="AC2031" s="5" t="s">
        <v>44</v>
      </c>
      <c r="AD2031" s="2"/>
      <c r="AE2031" s="1"/>
    </row>
    <row r="2032" spans="1:31" ht="14.45">
      <c r="A2032" s="11"/>
      <c r="B2032" s="20"/>
      <c r="C2032" s="2" t="s">
        <v>6517</v>
      </c>
      <c r="D2032" s="14" t="s">
        <v>6518</v>
      </c>
      <c r="E2032" s="2" t="s">
        <v>6519</v>
      </c>
      <c r="F2032" s="2" t="s">
        <v>1783</v>
      </c>
      <c r="G2032" s="8">
        <v>218</v>
      </c>
      <c r="H2032" s="5">
        <v>6</v>
      </c>
      <c r="I2032" s="5" t="s">
        <v>1518</v>
      </c>
      <c r="J2032" s="5" t="s">
        <v>1519</v>
      </c>
      <c r="K2032" s="2" t="s">
        <v>1520</v>
      </c>
      <c r="L2032" s="5" t="s">
        <v>1519</v>
      </c>
      <c r="M2032" s="2" t="s">
        <v>1520</v>
      </c>
      <c r="N2032" s="5" t="s">
        <v>1521</v>
      </c>
      <c r="O2032" s="5" t="s">
        <v>38</v>
      </c>
      <c r="P2032" s="5" t="s">
        <v>39</v>
      </c>
      <c r="Q2032" s="5" t="s">
        <v>40</v>
      </c>
      <c r="R2032" s="5" t="s">
        <v>1522</v>
      </c>
      <c r="S2032" s="5" t="s">
        <v>1523</v>
      </c>
      <c r="T2032" s="5" t="s">
        <v>42</v>
      </c>
      <c r="U2032" s="2">
        <v>3.004</v>
      </c>
      <c r="V2032" s="2">
        <v>2.4769999999999999</v>
      </c>
      <c r="W2032" s="2">
        <v>1.7999999999999999E-2</v>
      </c>
      <c r="X2032" s="2">
        <v>139.1</v>
      </c>
      <c r="Y2032" s="2">
        <v>7.6</v>
      </c>
      <c r="Z2032" s="2">
        <v>16.7</v>
      </c>
      <c r="AA2032" s="5"/>
      <c r="AB2032" s="5" t="s">
        <v>43</v>
      </c>
      <c r="AC2032" s="5" t="s">
        <v>44</v>
      </c>
      <c r="AD2032" s="2"/>
      <c r="AE2032" s="1"/>
    </row>
    <row r="2033" spans="1:31" ht="14.45">
      <c r="A2033" s="11"/>
      <c r="B2033" s="20"/>
      <c r="C2033" s="2" t="s">
        <v>6520</v>
      </c>
      <c r="D2033" s="14" t="s">
        <v>6521</v>
      </c>
      <c r="E2033" s="2" t="s">
        <v>6522</v>
      </c>
      <c r="F2033" s="2" t="s">
        <v>1787</v>
      </c>
      <c r="G2033" s="8">
        <v>218</v>
      </c>
      <c r="H2033" s="5">
        <v>6</v>
      </c>
      <c r="I2033" s="5" t="s">
        <v>1518</v>
      </c>
      <c r="J2033" s="5" t="s">
        <v>1519</v>
      </c>
      <c r="K2033" s="2" t="s">
        <v>1520</v>
      </c>
      <c r="L2033" s="5" t="s">
        <v>1519</v>
      </c>
      <c r="M2033" s="2" t="s">
        <v>1520</v>
      </c>
      <c r="N2033" s="5" t="s">
        <v>1521</v>
      </c>
      <c r="O2033" s="5" t="s">
        <v>38</v>
      </c>
      <c r="P2033" s="5" t="s">
        <v>39</v>
      </c>
      <c r="Q2033" s="5" t="s">
        <v>40</v>
      </c>
      <c r="R2033" s="5" t="s">
        <v>1522</v>
      </c>
      <c r="S2033" s="5" t="s">
        <v>1523</v>
      </c>
      <c r="T2033" s="5" t="s">
        <v>42</v>
      </c>
      <c r="U2033" s="2">
        <v>3.0609999999999999</v>
      </c>
      <c r="V2033" s="2">
        <v>2.5339999999999998</v>
      </c>
      <c r="W2033" s="2">
        <v>1.7999999999999999E-2</v>
      </c>
      <c r="X2033" s="2">
        <v>139.1</v>
      </c>
      <c r="Y2033" s="2">
        <v>7.6</v>
      </c>
      <c r="Z2033" s="2">
        <v>16.7</v>
      </c>
      <c r="AA2033" s="5"/>
      <c r="AB2033" s="5" t="s">
        <v>43</v>
      </c>
      <c r="AC2033" s="5" t="s">
        <v>44</v>
      </c>
      <c r="AD2033" s="2"/>
      <c r="AE2033" s="1"/>
    </row>
    <row r="2034" spans="1:31" ht="14.45">
      <c r="A2034" s="11"/>
      <c r="B2034" s="20"/>
      <c r="C2034" s="2" t="s">
        <v>6523</v>
      </c>
      <c r="D2034" s="14" t="s">
        <v>6524</v>
      </c>
      <c r="E2034" s="2" t="s">
        <v>6525</v>
      </c>
      <c r="F2034" s="2" t="s">
        <v>1791</v>
      </c>
      <c r="G2034" s="8">
        <v>218</v>
      </c>
      <c r="H2034" s="5">
        <v>6</v>
      </c>
      <c r="I2034" s="5" t="s">
        <v>1518</v>
      </c>
      <c r="J2034" s="5" t="s">
        <v>1519</v>
      </c>
      <c r="K2034" s="2" t="s">
        <v>1520</v>
      </c>
      <c r="L2034" s="5" t="s">
        <v>1519</v>
      </c>
      <c r="M2034" s="2" t="s">
        <v>1520</v>
      </c>
      <c r="N2034" s="5" t="s">
        <v>1521</v>
      </c>
      <c r="O2034" s="5" t="s">
        <v>38</v>
      </c>
      <c r="P2034" s="5" t="s">
        <v>39</v>
      </c>
      <c r="Q2034" s="5" t="s">
        <v>40</v>
      </c>
      <c r="R2034" s="5" t="s">
        <v>1522</v>
      </c>
      <c r="S2034" s="5" t="s">
        <v>1523</v>
      </c>
      <c r="T2034" s="5" t="s">
        <v>42</v>
      </c>
      <c r="U2034" s="2">
        <v>3.0329999999999999</v>
      </c>
      <c r="V2034" s="2">
        <v>2.5059999999999998</v>
      </c>
      <c r="W2034" s="2">
        <v>1.7999999999999999E-2</v>
      </c>
      <c r="X2034" s="2">
        <v>139.1</v>
      </c>
      <c r="Y2034" s="2">
        <v>7.6</v>
      </c>
      <c r="Z2034" s="2">
        <v>16.7</v>
      </c>
      <c r="AA2034" s="5"/>
      <c r="AB2034" s="5" t="s">
        <v>43</v>
      </c>
      <c r="AC2034" s="5" t="s">
        <v>44</v>
      </c>
      <c r="AD2034" s="2"/>
      <c r="AE2034" s="1"/>
    </row>
    <row r="2035" spans="1:31" ht="14.45">
      <c r="A2035" s="11"/>
      <c r="B2035" s="20"/>
      <c r="C2035" s="2" t="s">
        <v>6526</v>
      </c>
      <c r="D2035" s="14" t="s">
        <v>6527</v>
      </c>
      <c r="E2035" s="2" t="s">
        <v>6528</v>
      </c>
      <c r="F2035" s="2" t="s">
        <v>1795</v>
      </c>
      <c r="G2035" s="8">
        <v>218</v>
      </c>
      <c r="H2035" s="5">
        <v>6</v>
      </c>
      <c r="I2035" s="5" t="s">
        <v>1518</v>
      </c>
      <c r="J2035" s="5" t="s">
        <v>1519</v>
      </c>
      <c r="K2035" s="2" t="s">
        <v>1520</v>
      </c>
      <c r="L2035" s="5" t="s">
        <v>1519</v>
      </c>
      <c r="M2035" s="2" t="s">
        <v>1520</v>
      </c>
      <c r="N2035" s="5" t="s">
        <v>1521</v>
      </c>
      <c r="O2035" s="5" t="s">
        <v>38</v>
      </c>
      <c r="P2035" s="5" t="s">
        <v>39</v>
      </c>
      <c r="Q2035" s="5" t="s">
        <v>40</v>
      </c>
      <c r="R2035" s="5" t="s">
        <v>1522</v>
      </c>
      <c r="S2035" s="5" t="s">
        <v>1523</v>
      </c>
      <c r="T2035" s="5" t="s">
        <v>42</v>
      </c>
      <c r="U2035" s="2">
        <v>3.09</v>
      </c>
      <c r="V2035" s="2">
        <v>2.5630000000000002</v>
      </c>
      <c r="W2035" s="2">
        <v>1.7999999999999999E-2</v>
      </c>
      <c r="X2035" s="2">
        <v>139.1</v>
      </c>
      <c r="Y2035" s="2">
        <v>7.6</v>
      </c>
      <c r="Z2035" s="2">
        <v>16.7</v>
      </c>
      <c r="AA2035" s="5"/>
      <c r="AB2035" s="5" t="s">
        <v>43</v>
      </c>
      <c r="AC2035" s="5" t="s">
        <v>44</v>
      </c>
      <c r="AD2035" s="2"/>
      <c r="AE2035" s="1"/>
    </row>
    <row r="2036" spans="1:31" ht="14.45">
      <c r="A2036" s="11"/>
      <c r="B2036" s="20"/>
      <c r="C2036" s="2" t="s">
        <v>6529</v>
      </c>
      <c r="D2036" s="14" t="s">
        <v>6530</v>
      </c>
      <c r="E2036" s="2" t="s">
        <v>6531</v>
      </c>
      <c r="F2036" s="2" t="s">
        <v>1799</v>
      </c>
      <c r="G2036" s="8">
        <v>218</v>
      </c>
      <c r="H2036" s="5">
        <v>6</v>
      </c>
      <c r="I2036" s="5" t="s">
        <v>1518</v>
      </c>
      <c r="J2036" s="5" t="s">
        <v>1519</v>
      </c>
      <c r="K2036" s="2" t="s">
        <v>1520</v>
      </c>
      <c r="L2036" s="5" t="s">
        <v>1519</v>
      </c>
      <c r="M2036" s="2" t="s">
        <v>1520</v>
      </c>
      <c r="N2036" s="5" t="s">
        <v>1521</v>
      </c>
      <c r="O2036" s="5" t="s">
        <v>38</v>
      </c>
      <c r="P2036" s="5" t="s">
        <v>39</v>
      </c>
      <c r="Q2036" s="5" t="s">
        <v>40</v>
      </c>
      <c r="R2036" s="5" t="s">
        <v>1522</v>
      </c>
      <c r="S2036" s="5" t="s">
        <v>1523</v>
      </c>
      <c r="T2036" s="5" t="s">
        <v>42</v>
      </c>
      <c r="U2036" s="2">
        <v>3.0329999999999999</v>
      </c>
      <c r="V2036" s="2">
        <v>2.5059999999999998</v>
      </c>
      <c r="W2036" s="2">
        <v>1.7999999999999999E-2</v>
      </c>
      <c r="X2036" s="2">
        <v>139.1</v>
      </c>
      <c r="Y2036" s="2">
        <v>7.6</v>
      </c>
      <c r="Z2036" s="2">
        <v>16.7</v>
      </c>
      <c r="AA2036" s="5"/>
      <c r="AB2036" s="5" t="s">
        <v>43</v>
      </c>
      <c r="AC2036" s="5" t="s">
        <v>44</v>
      </c>
      <c r="AD2036" s="2"/>
      <c r="AE2036" s="1"/>
    </row>
    <row r="2037" spans="1:31" ht="14.45">
      <c r="A2037" s="11"/>
      <c r="B2037" s="20"/>
      <c r="C2037" s="2" t="s">
        <v>6532</v>
      </c>
      <c r="D2037" s="14" t="s">
        <v>6533</v>
      </c>
      <c r="E2037" s="2" t="s">
        <v>6534</v>
      </c>
      <c r="F2037" s="2" t="s">
        <v>1803</v>
      </c>
      <c r="G2037" s="8">
        <v>218</v>
      </c>
      <c r="H2037" s="5">
        <v>6</v>
      </c>
      <c r="I2037" s="5" t="s">
        <v>1518</v>
      </c>
      <c r="J2037" s="5" t="s">
        <v>1519</v>
      </c>
      <c r="K2037" s="2" t="s">
        <v>1520</v>
      </c>
      <c r="L2037" s="5" t="s">
        <v>1519</v>
      </c>
      <c r="M2037" s="2" t="s">
        <v>1520</v>
      </c>
      <c r="N2037" s="5" t="s">
        <v>1521</v>
      </c>
      <c r="O2037" s="5" t="s">
        <v>38</v>
      </c>
      <c r="P2037" s="5" t="s">
        <v>39</v>
      </c>
      <c r="Q2037" s="5" t="s">
        <v>40</v>
      </c>
      <c r="R2037" s="5" t="s">
        <v>1522</v>
      </c>
      <c r="S2037" s="5" t="s">
        <v>1523</v>
      </c>
      <c r="T2037" s="5" t="s">
        <v>42</v>
      </c>
      <c r="U2037" s="2">
        <v>3.09</v>
      </c>
      <c r="V2037" s="2">
        <v>2.5630000000000002</v>
      </c>
      <c r="W2037" s="2">
        <v>1.7999999999999999E-2</v>
      </c>
      <c r="X2037" s="2">
        <v>139.1</v>
      </c>
      <c r="Y2037" s="2">
        <v>7.6</v>
      </c>
      <c r="Z2037" s="2">
        <v>16.7</v>
      </c>
      <c r="AA2037" s="5"/>
      <c r="AB2037" s="5" t="s">
        <v>43</v>
      </c>
      <c r="AC2037" s="5" t="s">
        <v>44</v>
      </c>
      <c r="AD2037" s="2"/>
      <c r="AE2037" s="1"/>
    </row>
    <row r="2038" spans="1:31" ht="14.45">
      <c r="A2038" s="11"/>
      <c r="B2038" s="20"/>
      <c r="C2038" s="2" t="s">
        <v>6535</v>
      </c>
      <c r="D2038" s="14" t="s">
        <v>6536</v>
      </c>
      <c r="E2038" s="2" t="s">
        <v>6537</v>
      </c>
      <c r="F2038" s="2" t="s">
        <v>1807</v>
      </c>
      <c r="G2038" s="8">
        <v>218</v>
      </c>
      <c r="H2038" s="5">
        <v>6</v>
      </c>
      <c r="I2038" s="5" t="s">
        <v>1518</v>
      </c>
      <c r="J2038" s="5" t="s">
        <v>1519</v>
      </c>
      <c r="K2038" s="2" t="s">
        <v>1520</v>
      </c>
      <c r="L2038" s="5" t="s">
        <v>1519</v>
      </c>
      <c r="M2038" s="2" t="s">
        <v>1520</v>
      </c>
      <c r="N2038" s="5" t="s">
        <v>1521</v>
      </c>
      <c r="O2038" s="5" t="s">
        <v>38</v>
      </c>
      <c r="P2038" s="5" t="s">
        <v>39</v>
      </c>
      <c r="Q2038" s="5" t="s">
        <v>40</v>
      </c>
      <c r="R2038" s="5" t="s">
        <v>1522</v>
      </c>
      <c r="S2038" s="5" t="s">
        <v>1523</v>
      </c>
      <c r="T2038" s="5" t="s">
        <v>42</v>
      </c>
      <c r="U2038" s="2">
        <v>3.0329999999999999</v>
      </c>
      <c r="V2038" s="2">
        <v>2.5059999999999998</v>
      </c>
      <c r="W2038" s="2">
        <v>1.7999999999999999E-2</v>
      </c>
      <c r="X2038" s="2">
        <v>139.1</v>
      </c>
      <c r="Y2038" s="2">
        <v>7.6</v>
      </c>
      <c r="Z2038" s="2">
        <v>16.7</v>
      </c>
      <c r="AA2038" s="5"/>
      <c r="AB2038" s="5" t="s">
        <v>43</v>
      </c>
      <c r="AC2038" s="5" t="s">
        <v>44</v>
      </c>
      <c r="AD2038" s="2"/>
      <c r="AE2038" s="1"/>
    </row>
    <row r="2039" spans="1:31" ht="14.45">
      <c r="A2039" s="11"/>
      <c r="B2039" s="20"/>
      <c r="C2039" s="2" t="s">
        <v>6538</v>
      </c>
      <c r="D2039" s="14" t="s">
        <v>6539</v>
      </c>
      <c r="E2039" s="2" t="s">
        <v>6540</v>
      </c>
      <c r="F2039" s="2" t="s">
        <v>1811</v>
      </c>
      <c r="G2039" s="8">
        <v>218</v>
      </c>
      <c r="H2039" s="5">
        <v>6</v>
      </c>
      <c r="I2039" s="5" t="s">
        <v>1518</v>
      </c>
      <c r="J2039" s="5" t="s">
        <v>1519</v>
      </c>
      <c r="K2039" s="2" t="s">
        <v>1520</v>
      </c>
      <c r="L2039" s="5" t="s">
        <v>1519</v>
      </c>
      <c r="M2039" s="2" t="s">
        <v>1520</v>
      </c>
      <c r="N2039" s="5" t="s">
        <v>1521</v>
      </c>
      <c r="O2039" s="5" t="s">
        <v>38</v>
      </c>
      <c r="P2039" s="5" t="s">
        <v>39</v>
      </c>
      <c r="Q2039" s="5" t="s">
        <v>40</v>
      </c>
      <c r="R2039" s="5" t="s">
        <v>1522</v>
      </c>
      <c r="S2039" s="5" t="s">
        <v>1523</v>
      </c>
      <c r="T2039" s="5" t="s">
        <v>42</v>
      </c>
      <c r="U2039" s="2">
        <v>3.09</v>
      </c>
      <c r="V2039" s="2">
        <v>2.5630000000000002</v>
      </c>
      <c r="W2039" s="2">
        <v>1.7999999999999999E-2</v>
      </c>
      <c r="X2039" s="2">
        <v>139.1</v>
      </c>
      <c r="Y2039" s="2">
        <v>7.6</v>
      </c>
      <c r="Z2039" s="2">
        <v>16.7</v>
      </c>
      <c r="AA2039" s="5"/>
      <c r="AB2039" s="5" t="s">
        <v>43</v>
      </c>
      <c r="AC2039" s="5" t="s">
        <v>44</v>
      </c>
      <c r="AD2039" s="2"/>
      <c r="AE2039" s="1"/>
    </row>
    <row r="2040" spans="1:31" ht="14.45">
      <c r="A2040" s="11"/>
      <c r="B2040" s="20"/>
      <c r="C2040" s="2" t="s">
        <v>6541</v>
      </c>
      <c r="D2040" s="14" t="s">
        <v>6542</v>
      </c>
      <c r="E2040" s="2" t="s">
        <v>6543</v>
      </c>
      <c r="F2040" s="2" t="s">
        <v>1815</v>
      </c>
      <c r="G2040" s="8">
        <v>218</v>
      </c>
      <c r="H2040" s="5">
        <v>6</v>
      </c>
      <c r="I2040" s="5" t="s">
        <v>1518</v>
      </c>
      <c r="J2040" s="5" t="s">
        <v>1519</v>
      </c>
      <c r="K2040" s="2" t="s">
        <v>1520</v>
      </c>
      <c r="L2040" s="5" t="s">
        <v>1519</v>
      </c>
      <c r="M2040" s="2" t="s">
        <v>1520</v>
      </c>
      <c r="N2040" s="5" t="s">
        <v>1521</v>
      </c>
      <c r="O2040" s="5" t="s">
        <v>38</v>
      </c>
      <c r="P2040" s="5" t="s">
        <v>39</v>
      </c>
      <c r="Q2040" s="5" t="s">
        <v>40</v>
      </c>
      <c r="R2040" s="5" t="s">
        <v>1522</v>
      </c>
      <c r="S2040" s="5" t="s">
        <v>1523</v>
      </c>
      <c r="T2040" s="5" t="s">
        <v>42</v>
      </c>
      <c r="U2040" s="2">
        <v>3.004</v>
      </c>
      <c r="V2040" s="2">
        <v>2.4769999999999999</v>
      </c>
      <c r="W2040" s="2">
        <v>1.7999999999999999E-2</v>
      </c>
      <c r="X2040" s="2">
        <v>139.1</v>
      </c>
      <c r="Y2040" s="2">
        <v>7.6</v>
      </c>
      <c r="Z2040" s="2">
        <v>16.7</v>
      </c>
      <c r="AA2040" s="5"/>
      <c r="AB2040" s="5" t="s">
        <v>43</v>
      </c>
      <c r="AC2040" s="5" t="s">
        <v>44</v>
      </c>
      <c r="AD2040" s="2"/>
      <c r="AE2040" s="1"/>
    </row>
    <row r="2041" spans="1:31" ht="14.45">
      <c r="A2041" s="11"/>
      <c r="B2041" s="20"/>
      <c r="C2041" s="2" t="s">
        <v>6544</v>
      </c>
      <c r="D2041" s="14" t="s">
        <v>6545</v>
      </c>
      <c r="E2041" s="2" t="s">
        <v>6546</v>
      </c>
      <c r="F2041" s="2" t="s">
        <v>1819</v>
      </c>
      <c r="G2041" s="8">
        <v>218</v>
      </c>
      <c r="H2041" s="5">
        <v>6</v>
      </c>
      <c r="I2041" s="5" t="s">
        <v>1518</v>
      </c>
      <c r="J2041" s="5" t="s">
        <v>1519</v>
      </c>
      <c r="K2041" s="2" t="s">
        <v>1520</v>
      </c>
      <c r="L2041" s="5" t="s">
        <v>1519</v>
      </c>
      <c r="M2041" s="2" t="s">
        <v>1520</v>
      </c>
      <c r="N2041" s="5" t="s">
        <v>1521</v>
      </c>
      <c r="O2041" s="5" t="s">
        <v>38</v>
      </c>
      <c r="P2041" s="5" t="s">
        <v>39</v>
      </c>
      <c r="Q2041" s="5" t="s">
        <v>40</v>
      </c>
      <c r="R2041" s="5" t="s">
        <v>1522</v>
      </c>
      <c r="S2041" s="5" t="s">
        <v>1523</v>
      </c>
      <c r="T2041" s="5" t="s">
        <v>42</v>
      </c>
      <c r="U2041" s="2">
        <v>3.0609999999999999</v>
      </c>
      <c r="V2041" s="2">
        <v>2.5339999999999998</v>
      </c>
      <c r="W2041" s="2">
        <v>1.7999999999999999E-2</v>
      </c>
      <c r="X2041" s="2">
        <v>139.1</v>
      </c>
      <c r="Y2041" s="2">
        <v>7.6</v>
      </c>
      <c r="Z2041" s="2">
        <v>16.7</v>
      </c>
      <c r="AA2041" s="5"/>
      <c r="AB2041" s="5" t="s">
        <v>43</v>
      </c>
      <c r="AC2041" s="5" t="s">
        <v>44</v>
      </c>
      <c r="AD2041" s="2"/>
      <c r="AE2041" s="1"/>
    </row>
    <row r="2042" spans="1:31" ht="14.45">
      <c r="A2042" s="11"/>
      <c r="B2042" s="20"/>
      <c r="C2042" s="2" t="s">
        <v>6547</v>
      </c>
      <c r="D2042" s="14" t="s">
        <v>6548</v>
      </c>
      <c r="E2042" s="2" t="s">
        <v>6549</v>
      </c>
      <c r="F2042" s="2" t="s">
        <v>1823</v>
      </c>
      <c r="G2042" s="8">
        <v>218</v>
      </c>
      <c r="H2042" s="5">
        <v>8</v>
      </c>
      <c r="I2042" s="5" t="s">
        <v>1518</v>
      </c>
      <c r="J2042" s="5" t="s">
        <v>1519</v>
      </c>
      <c r="K2042" s="2" t="s">
        <v>1520</v>
      </c>
      <c r="L2042" s="5" t="s">
        <v>1519</v>
      </c>
      <c r="M2042" s="2" t="s">
        <v>1520</v>
      </c>
      <c r="N2042" s="5" t="s">
        <v>1521</v>
      </c>
      <c r="O2042" s="5" t="s">
        <v>38</v>
      </c>
      <c r="P2042" s="5" t="s">
        <v>39</v>
      </c>
      <c r="Q2042" s="5" t="s">
        <v>40</v>
      </c>
      <c r="R2042" s="5" t="s">
        <v>1522</v>
      </c>
      <c r="S2042" s="5" t="s">
        <v>1523</v>
      </c>
      <c r="T2042" s="5" t="s">
        <v>42</v>
      </c>
      <c r="U2042" s="2">
        <v>3.0550000000000002</v>
      </c>
      <c r="V2042" s="2">
        <v>2.528</v>
      </c>
      <c r="W2042" s="2">
        <v>1.7999999999999999E-2</v>
      </c>
      <c r="X2042" s="2">
        <v>139.1</v>
      </c>
      <c r="Y2042" s="2">
        <v>7.6</v>
      </c>
      <c r="Z2042" s="2">
        <v>16.7</v>
      </c>
      <c r="AA2042" s="5"/>
      <c r="AB2042" s="5" t="s">
        <v>43</v>
      </c>
      <c r="AC2042" s="5" t="s">
        <v>44</v>
      </c>
      <c r="AD2042" s="2"/>
      <c r="AE2042" s="1"/>
    </row>
    <row r="2043" spans="1:31" ht="14.45">
      <c r="A2043" s="11"/>
      <c r="B2043" s="20"/>
      <c r="C2043" s="2" t="s">
        <v>6550</v>
      </c>
      <c r="D2043" s="14" t="s">
        <v>6551</v>
      </c>
      <c r="E2043" s="2" t="s">
        <v>6552</v>
      </c>
      <c r="F2043" s="2" t="s">
        <v>1827</v>
      </c>
      <c r="G2043" s="8">
        <v>218</v>
      </c>
      <c r="H2043" s="5">
        <v>8</v>
      </c>
      <c r="I2043" s="5" t="s">
        <v>1518</v>
      </c>
      <c r="J2043" s="5" t="s">
        <v>1519</v>
      </c>
      <c r="K2043" s="2" t="s">
        <v>1520</v>
      </c>
      <c r="L2043" s="5" t="s">
        <v>1519</v>
      </c>
      <c r="M2043" s="2" t="s">
        <v>1520</v>
      </c>
      <c r="N2043" s="5" t="s">
        <v>1521</v>
      </c>
      <c r="O2043" s="5" t="s">
        <v>38</v>
      </c>
      <c r="P2043" s="5" t="s">
        <v>39</v>
      </c>
      <c r="Q2043" s="5" t="s">
        <v>40</v>
      </c>
      <c r="R2043" s="5" t="s">
        <v>1522</v>
      </c>
      <c r="S2043" s="5" t="s">
        <v>1523</v>
      </c>
      <c r="T2043" s="5" t="s">
        <v>42</v>
      </c>
      <c r="U2043" s="2">
        <v>3.1120000000000001</v>
      </c>
      <c r="V2043" s="2">
        <v>2.585</v>
      </c>
      <c r="W2043" s="2">
        <v>1.7999999999999999E-2</v>
      </c>
      <c r="X2043" s="2">
        <v>139.1</v>
      </c>
      <c r="Y2043" s="2">
        <v>7.6</v>
      </c>
      <c r="Z2043" s="2">
        <v>16.7</v>
      </c>
      <c r="AA2043" s="5"/>
      <c r="AB2043" s="5" t="s">
        <v>43</v>
      </c>
      <c r="AC2043" s="5" t="s">
        <v>44</v>
      </c>
      <c r="AD2043" s="2"/>
      <c r="AE2043" s="1"/>
    </row>
    <row r="2044" spans="1:31" ht="14.45">
      <c r="A2044" s="11"/>
      <c r="B2044" s="20"/>
      <c r="C2044" s="2" t="s">
        <v>6553</v>
      </c>
      <c r="D2044" s="14" t="s">
        <v>6554</v>
      </c>
      <c r="E2044" s="2" t="s">
        <v>6555</v>
      </c>
      <c r="F2044" s="2" t="s">
        <v>2204</v>
      </c>
      <c r="G2044" s="8">
        <v>218</v>
      </c>
      <c r="H2044" s="5">
        <v>13</v>
      </c>
      <c r="I2044" s="5" t="s">
        <v>1518</v>
      </c>
      <c r="J2044" s="5" t="s">
        <v>1519</v>
      </c>
      <c r="K2044" s="2" t="s">
        <v>1520</v>
      </c>
      <c r="L2044" s="5" t="s">
        <v>1519</v>
      </c>
      <c r="M2044" s="2" t="s">
        <v>1520</v>
      </c>
      <c r="N2044" s="5" t="s">
        <v>1521</v>
      </c>
      <c r="O2044" s="5" t="s">
        <v>38</v>
      </c>
      <c r="P2044" s="5" t="s">
        <v>39</v>
      </c>
      <c r="Q2044" s="5" t="s">
        <v>40</v>
      </c>
      <c r="R2044" s="5" t="s">
        <v>1522</v>
      </c>
      <c r="S2044" s="5" t="s">
        <v>1523</v>
      </c>
      <c r="T2044" s="5" t="s">
        <v>42</v>
      </c>
      <c r="U2044" s="2">
        <v>3.0830000000000002</v>
      </c>
      <c r="V2044" s="2">
        <v>2.556</v>
      </c>
      <c r="W2044" s="2">
        <v>1.7999999999999999E-2</v>
      </c>
      <c r="X2044" s="2">
        <v>139.1</v>
      </c>
      <c r="Y2044" s="2">
        <v>7.6</v>
      </c>
      <c r="Z2044" s="2">
        <v>16.7</v>
      </c>
      <c r="AA2044" s="5"/>
      <c r="AB2044" s="5" t="s">
        <v>43</v>
      </c>
      <c r="AC2044" s="5" t="s">
        <v>44</v>
      </c>
      <c r="AD2044" s="2"/>
      <c r="AE2044" s="1"/>
    </row>
    <row r="2045" spans="1:31" ht="14.45">
      <c r="A2045" s="11"/>
      <c r="B2045" s="20"/>
      <c r="C2045" s="2" t="s">
        <v>6556</v>
      </c>
      <c r="D2045" s="14" t="s">
        <v>6557</v>
      </c>
      <c r="E2045" s="2" t="s">
        <v>6558</v>
      </c>
      <c r="F2045" s="2" t="s">
        <v>2208</v>
      </c>
      <c r="G2045" s="8">
        <v>218</v>
      </c>
      <c r="H2045" s="5">
        <v>13</v>
      </c>
      <c r="I2045" s="5" t="s">
        <v>1518</v>
      </c>
      <c r="J2045" s="5" t="s">
        <v>1519</v>
      </c>
      <c r="K2045" s="2" t="s">
        <v>1520</v>
      </c>
      <c r="L2045" s="5" t="s">
        <v>1519</v>
      </c>
      <c r="M2045" s="2" t="s">
        <v>1520</v>
      </c>
      <c r="N2045" s="5" t="s">
        <v>1521</v>
      </c>
      <c r="O2045" s="5" t="s">
        <v>38</v>
      </c>
      <c r="P2045" s="5" t="s">
        <v>39</v>
      </c>
      <c r="Q2045" s="5" t="s">
        <v>40</v>
      </c>
      <c r="R2045" s="5" t="s">
        <v>1522</v>
      </c>
      <c r="S2045" s="5" t="s">
        <v>1523</v>
      </c>
      <c r="T2045" s="5" t="s">
        <v>42</v>
      </c>
      <c r="U2045" s="2">
        <v>3.0830000000000002</v>
      </c>
      <c r="V2045" s="2">
        <v>2.556</v>
      </c>
      <c r="W2045" s="2">
        <v>1.7999999999999999E-2</v>
      </c>
      <c r="X2045" s="2">
        <v>139.1</v>
      </c>
      <c r="Y2045" s="2">
        <v>7.6</v>
      </c>
      <c r="Z2045" s="2">
        <v>16.7</v>
      </c>
      <c r="AA2045" s="5"/>
      <c r="AB2045" s="5" t="s">
        <v>43</v>
      </c>
      <c r="AC2045" s="5" t="s">
        <v>44</v>
      </c>
      <c r="AD2045" s="2"/>
      <c r="AE2045" s="1"/>
    </row>
    <row r="2046" spans="1:31" ht="14.45">
      <c r="A2046" s="11"/>
      <c r="B2046" s="20"/>
      <c r="C2046" s="2" t="s">
        <v>6559</v>
      </c>
      <c r="D2046" s="14" t="s">
        <v>6560</v>
      </c>
      <c r="E2046" s="2" t="s">
        <v>6561</v>
      </c>
      <c r="F2046" s="2" t="s">
        <v>2212</v>
      </c>
      <c r="G2046" s="8">
        <v>218</v>
      </c>
      <c r="H2046" s="5">
        <v>13</v>
      </c>
      <c r="I2046" s="5" t="s">
        <v>1518</v>
      </c>
      <c r="J2046" s="5" t="s">
        <v>1519</v>
      </c>
      <c r="K2046" s="2" t="s">
        <v>1520</v>
      </c>
      <c r="L2046" s="5" t="s">
        <v>1519</v>
      </c>
      <c r="M2046" s="2" t="s">
        <v>1520</v>
      </c>
      <c r="N2046" s="5" t="s">
        <v>1521</v>
      </c>
      <c r="O2046" s="5" t="s">
        <v>38</v>
      </c>
      <c r="P2046" s="5" t="s">
        <v>39</v>
      </c>
      <c r="Q2046" s="5" t="s">
        <v>40</v>
      </c>
      <c r="R2046" s="5" t="s">
        <v>1522</v>
      </c>
      <c r="S2046" s="5" t="s">
        <v>1523</v>
      </c>
      <c r="T2046" s="5" t="s">
        <v>42</v>
      </c>
      <c r="U2046" s="2">
        <v>3.14</v>
      </c>
      <c r="V2046" s="2">
        <v>2.613</v>
      </c>
      <c r="W2046" s="2">
        <v>1.7999999999999999E-2</v>
      </c>
      <c r="X2046" s="2">
        <v>139.1</v>
      </c>
      <c r="Y2046" s="2">
        <v>7.6</v>
      </c>
      <c r="Z2046" s="2">
        <v>16.7</v>
      </c>
      <c r="AA2046" s="5"/>
      <c r="AB2046" s="5" t="s">
        <v>43</v>
      </c>
      <c r="AC2046" s="5" t="s">
        <v>44</v>
      </c>
      <c r="AD2046" s="2"/>
      <c r="AE2046" s="1"/>
    </row>
    <row r="2047" spans="1:31" ht="14.45">
      <c r="A2047" s="11"/>
      <c r="B2047" s="20"/>
      <c r="C2047" s="2" t="s">
        <v>6562</v>
      </c>
      <c r="D2047" s="14" t="s">
        <v>6563</v>
      </c>
      <c r="E2047" s="2" t="s">
        <v>6564</v>
      </c>
      <c r="F2047" s="2" t="s">
        <v>1831</v>
      </c>
      <c r="G2047" s="8">
        <v>218</v>
      </c>
      <c r="H2047" s="5">
        <v>13</v>
      </c>
      <c r="I2047" s="5" t="s">
        <v>1518</v>
      </c>
      <c r="J2047" s="5" t="s">
        <v>1519</v>
      </c>
      <c r="K2047" s="2" t="s">
        <v>1520</v>
      </c>
      <c r="L2047" s="5" t="s">
        <v>1519</v>
      </c>
      <c r="M2047" s="2" t="s">
        <v>1520</v>
      </c>
      <c r="N2047" s="5" t="s">
        <v>1521</v>
      </c>
      <c r="O2047" s="5" t="s">
        <v>38</v>
      </c>
      <c r="P2047" s="5" t="s">
        <v>39</v>
      </c>
      <c r="Q2047" s="5" t="s">
        <v>40</v>
      </c>
      <c r="R2047" s="5" t="s">
        <v>1522</v>
      </c>
      <c r="S2047" s="5" t="s">
        <v>1523</v>
      </c>
      <c r="T2047" s="5" t="s">
        <v>42</v>
      </c>
      <c r="U2047" s="2">
        <v>3.0830000000000002</v>
      </c>
      <c r="V2047" s="2">
        <v>2.556</v>
      </c>
      <c r="W2047" s="2">
        <v>1.7999999999999999E-2</v>
      </c>
      <c r="X2047" s="2">
        <v>139.1</v>
      </c>
      <c r="Y2047" s="2">
        <v>7.6</v>
      </c>
      <c r="Z2047" s="2">
        <v>16.7</v>
      </c>
      <c r="AA2047" s="5"/>
      <c r="AB2047" s="5" t="s">
        <v>43</v>
      </c>
      <c r="AC2047" s="5" t="s">
        <v>44</v>
      </c>
      <c r="AD2047" s="2"/>
      <c r="AE2047" s="1"/>
    </row>
    <row r="2048" spans="1:31" ht="14.45">
      <c r="A2048" s="11"/>
      <c r="B2048" s="20"/>
      <c r="C2048" s="2" t="s">
        <v>6565</v>
      </c>
      <c r="D2048" s="14" t="s">
        <v>6566</v>
      </c>
      <c r="E2048" s="2" t="s">
        <v>6567</v>
      </c>
      <c r="F2048" s="2" t="s">
        <v>1835</v>
      </c>
      <c r="G2048" s="8">
        <v>218</v>
      </c>
      <c r="H2048" s="5">
        <v>13</v>
      </c>
      <c r="I2048" s="5" t="s">
        <v>1518</v>
      </c>
      <c r="J2048" s="5" t="s">
        <v>1519</v>
      </c>
      <c r="K2048" s="2" t="s">
        <v>1520</v>
      </c>
      <c r="L2048" s="5" t="s">
        <v>1519</v>
      </c>
      <c r="M2048" s="2" t="s">
        <v>1520</v>
      </c>
      <c r="N2048" s="5" t="s">
        <v>1521</v>
      </c>
      <c r="O2048" s="5" t="s">
        <v>38</v>
      </c>
      <c r="P2048" s="5" t="s">
        <v>39</v>
      </c>
      <c r="Q2048" s="5" t="s">
        <v>40</v>
      </c>
      <c r="R2048" s="5" t="s">
        <v>1522</v>
      </c>
      <c r="S2048" s="5" t="s">
        <v>1523</v>
      </c>
      <c r="T2048" s="5" t="s">
        <v>42</v>
      </c>
      <c r="U2048" s="2">
        <v>3.14</v>
      </c>
      <c r="V2048" s="2">
        <v>2.613</v>
      </c>
      <c r="W2048" s="2">
        <v>1.7999999999999999E-2</v>
      </c>
      <c r="X2048" s="2">
        <v>139.1</v>
      </c>
      <c r="Y2048" s="2">
        <v>7.6</v>
      </c>
      <c r="Z2048" s="2">
        <v>16.7</v>
      </c>
      <c r="AA2048" s="5"/>
      <c r="AB2048" s="5" t="s">
        <v>43</v>
      </c>
      <c r="AC2048" s="5" t="s">
        <v>44</v>
      </c>
      <c r="AD2048" s="2"/>
      <c r="AE2048" s="1"/>
    </row>
    <row r="2049" spans="1:31" ht="14.45">
      <c r="A2049" s="11"/>
      <c r="B2049" s="20"/>
      <c r="C2049" s="2" t="s">
        <v>6568</v>
      </c>
      <c r="D2049" s="14" t="s">
        <v>6569</v>
      </c>
      <c r="E2049" s="2" t="s">
        <v>6570</v>
      </c>
      <c r="F2049" s="2" t="s">
        <v>1843</v>
      </c>
      <c r="G2049" s="8">
        <v>218</v>
      </c>
      <c r="H2049" s="5">
        <v>13</v>
      </c>
      <c r="I2049" s="5" t="s">
        <v>1518</v>
      </c>
      <c r="J2049" s="5" t="s">
        <v>1519</v>
      </c>
      <c r="K2049" s="2" t="s">
        <v>1520</v>
      </c>
      <c r="L2049" s="5" t="s">
        <v>1519</v>
      </c>
      <c r="M2049" s="2" t="s">
        <v>1520</v>
      </c>
      <c r="N2049" s="5" t="s">
        <v>1521</v>
      </c>
      <c r="O2049" s="5" t="s">
        <v>38</v>
      </c>
      <c r="P2049" s="5" t="s">
        <v>39</v>
      </c>
      <c r="Q2049" s="5" t="s">
        <v>40</v>
      </c>
      <c r="R2049" s="5" t="s">
        <v>1522</v>
      </c>
      <c r="S2049" s="5" t="s">
        <v>1523</v>
      </c>
      <c r="T2049" s="5" t="s">
        <v>42</v>
      </c>
      <c r="U2049" s="2">
        <v>3.0830000000000002</v>
      </c>
      <c r="V2049" s="2">
        <v>2.556</v>
      </c>
      <c r="W2049" s="2">
        <v>1.7999999999999999E-2</v>
      </c>
      <c r="X2049" s="2">
        <v>139.1</v>
      </c>
      <c r="Y2049" s="2">
        <v>7.6</v>
      </c>
      <c r="Z2049" s="2">
        <v>16.7</v>
      </c>
      <c r="AA2049" s="5"/>
      <c r="AB2049" s="5" t="s">
        <v>43</v>
      </c>
      <c r="AC2049" s="5" t="s">
        <v>44</v>
      </c>
      <c r="AD2049" s="2"/>
      <c r="AE2049" s="1"/>
    </row>
    <row r="2050" spans="1:31" ht="14.45">
      <c r="A2050" s="11"/>
      <c r="B2050" s="20"/>
      <c r="C2050" s="2" t="s">
        <v>6571</v>
      </c>
      <c r="D2050" s="14" t="s">
        <v>6572</v>
      </c>
      <c r="E2050" s="2" t="s">
        <v>6573</v>
      </c>
      <c r="F2050" s="2" t="s">
        <v>1847</v>
      </c>
      <c r="G2050" s="8">
        <v>218</v>
      </c>
      <c r="H2050" s="5">
        <v>13</v>
      </c>
      <c r="I2050" s="5" t="s">
        <v>1518</v>
      </c>
      <c r="J2050" s="5" t="s">
        <v>1519</v>
      </c>
      <c r="K2050" s="2" t="s">
        <v>1520</v>
      </c>
      <c r="L2050" s="5" t="s">
        <v>1519</v>
      </c>
      <c r="M2050" s="2" t="s">
        <v>1520</v>
      </c>
      <c r="N2050" s="5" t="s">
        <v>1521</v>
      </c>
      <c r="O2050" s="5" t="s">
        <v>38</v>
      </c>
      <c r="P2050" s="5" t="s">
        <v>39</v>
      </c>
      <c r="Q2050" s="5" t="s">
        <v>40</v>
      </c>
      <c r="R2050" s="5" t="s">
        <v>1522</v>
      </c>
      <c r="S2050" s="5" t="s">
        <v>1523</v>
      </c>
      <c r="T2050" s="5" t="s">
        <v>42</v>
      </c>
      <c r="U2050" s="2">
        <v>3.14</v>
      </c>
      <c r="V2050" s="2">
        <v>2.613</v>
      </c>
      <c r="W2050" s="2">
        <v>1.7999999999999999E-2</v>
      </c>
      <c r="X2050" s="2">
        <v>139.1</v>
      </c>
      <c r="Y2050" s="2">
        <v>7.6</v>
      </c>
      <c r="Z2050" s="2">
        <v>16.7</v>
      </c>
      <c r="AA2050" s="5"/>
      <c r="AB2050" s="5" t="s">
        <v>43</v>
      </c>
      <c r="AC2050" s="5" t="s">
        <v>44</v>
      </c>
      <c r="AD2050" s="2"/>
      <c r="AE2050" s="1"/>
    </row>
    <row r="2051" spans="1:31" ht="14.45">
      <c r="A2051" s="11"/>
      <c r="B2051" s="20"/>
      <c r="C2051" s="2" t="s">
        <v>6574</v>
      </c>
      <c r="D2051" s="14" t="s">
        <v>6575</v>
      </c>
      <c r="E2051" s="2" t="s">
        <v>6576</v>
      </c>
      <c r="F2051" s="2" t="s">
        <v>1851</v>
      </c>
      <c r="G2051" s="8">
        <v>218</v>
      </c>
      <c r="H2051" s="5">
        <v>13</v>
      </c>
      <c r="I2051" s="5" t="s">
        <v>1518</v>
      </c>
      <c r="J2051" s="5" t="s">
        <v>1519</v>
      </c>
      <c r="K2051" s="2" t="s">
        <v>1520</v>
      </c>
      <c r="L2051" s="5" t="s">
        <v>1519</v>
      </c>
      <c r="M2051" s="2" t="s">
        <v>1520</v>
      </c>
      <c r="N2051" s="5" t="s">
        <v>1521</v>
      </c>
      <c r="O2051" s="5" t="s">
        <v>38</v>
      </c>
      <c r="P2051" s="5" t="s">
        <v>39</v>
      </c>
      <c r="Q2051" s="5" t="s">
        <v>40</v>
      </c>
      <c r="R2051" s="5" t="s">
        <v>1522</v>
      </c>
      <c r="S2051" s="5" t="s">
        <v>1523</v>
      </c>
      <c r="T2051" s="5" t="s">
        <v>42</v>
      </c>
      <c r="U2051" s="2">
        <v>3.0830000000000002</v>
      </c>
      <c r="V2051" s="2">
        <v>2.556</v>
      </c>
      <c r="W2051" s="2">
        <v>1.7999999999999999E-2</v>
      </c>
      <c r="X2051" s="2">
        <v>139.1</v>
      </c>
      <c r="Y2051" s="2">
        <v>7.6</v>
      </c>
      <c r="Z2051" s="2">
        <v>16.7</v>
      </c>
      <c r="AA2051" s="5"/>
      <c r="AB2051" s="5" t="s">
        <v>43</v>
      </c>
      <c r="AC2051" s="5" t="s">
        <v>44</v>
      </c>
      <c r="AD2051" s="2"/>
      <c r="AE2051" s="1"/>
    </row>
    <row r="2052" spans="1:31" ht="14.45">
      <c r="A2052" s="11"/>
      <c r="B2052" s="20"/>
      <c r="C2052" s="2" t="s">
        <v>6577</v>
      </c>
      <c r="D2052" s="14" t="s">
        <v>6578</v>
      </c>
      <c r="E2052" s="2" t="s">
        <v>6579</v>
      </c>
      <c r="F2052" s="2" t="s">
        <v>1999</v>
      </c>
      <c r="G2052" s="8">
        <v>218</v>
      </c>
      <c r="H2052" s="5">
        <v>13</v>
      </c>
      <c r="I2052" s="5" t="s">
        <v>1518</v>
      </c>
      <c r="J2052" s="5" t="s">
        <v>1519</v>
      </c>
      <c r="K2052" s="2" t="s">
        <v>1520</v>
      </c>
      <c r="L2052" s="5" t="s">
        <v>1519</v>
      </c>
      <c r="M2052" s="2" t="s">
        <v>1520</v>
      </c>
      <c r="N2052" s="5" t="s">
        <v>1521</v>
      </c>
      <c r="O2052" s="5" t="s">
        <v>38</v>
      </c>
      <c r="P2052" s="5" t="s">
        <v>39</v>
      </c>
      <c r="Q2052" s="5" t="s">
        <v>40</v>
      </c>
      <c r="R2052" s="5" t="s">
        <v>1522</v>
      </c>
      <c r="S2052" s="5" t="s">
        <v>1523</v>
      </c>
      <c r="T2052" s="5" t="s">
        <v>42</v>
      </c>
      <c r="U2052" s="2">
        <v>3.14</v>
      </c>
      <c r="V2052" s="2">
        <v>2.613</v>
      </c>
      <c r="W2052" s="2">
        <v>1.7999999999999999E-2</v>
      </c>
      <c r="X2052" s="2">
        <v>139.1</v>
      </c>
      <c r="Y2052" s="2">
        <v>7.6</v>
      </c>
      <c r="Z2052" s="2">
        <v>16.7</v>
      </c>
      <c r="AA2052" s="5"/>
      <c r="AB2052" s="5" t="s">
        <v>43</v>
      </c>
      <c r="AC2052" s="5" t="s">
        <v>44</v>
      </c>
      <c r="AD2052" s="2"/>
      <c r="AE2052" s="1"/>
    </row>
    <row r="2053" spans="1:31" ht="14.45">
      <c r="A2053" s="11"/>
      <c r="B2053" s="20"/>
      <c r="C2053" s="2" t="s">
        <v>6580</v>
      </c>
      <c r="D2053" s="14" t="s">
        <v>6581</v>
      </c>
      <c r="E2053" s="2" t="s">
        <v>6582</v>
      </c>
      <c r="F2053" s="2" t="s">
        <v>1855</v>
      </c>
      <c r="G2053" s="8">
        <v>218</v>
      </c>
      <c r="H2053" s="5">
        <v>13</v>
      </c>
      <c r="I2053" s="5" t="s">
        <v>1518</v>
      </c>
      <c r="J2053" s="5" t="s">
        <v>1519</v>
      </c>
      <c r="K2053" s="2" t="s">
        <v>1520</v>
      </c>
      <c r="L2053" s="5" t="s">
        <v>1519</v>
      </c>
      <c r="M2053" s="2" t="s">
        <v>1520</v>
      </c>
      <c r="N2053" s="5" t="s">
        <v>1521</v>
      </c>
      <c r="O2053" s="5" t="s">
        <v>38</v>
      </c>
      <c r="P2053" s="5" t="s">
        <v>39</v>
      </c>
      <c r="Q2053" s="5" t="s">
        <v>40</v>
      </c>
      <c r="R2053" s="5" t="s">
        <v>1522</v>
      </c>
      <c r="S2053" s="5" t="s">
        <v>1523</v>
      </c>
      <c r="T2053" s="5" t="s">
        <v>42</v>
      </c>
      <c r="U2053" s="2">
        <v>3.0830000000000002</v>
      </c>
      <c r="V2053" s="2">
        <v>2.556</v>
      </c>
      <c r="W2053" s="2">
        <v>1.7999999999999999E-2</v>
      </c>
      <c r="X2053" s="2">
        <v>139.1</v>
      </c>
      <c r="Y2053" s="2">
        <v>7.6</v>
      </c>
      <c r="Z2053" s="2">
        <v>16.7</v>
      </c>
      <c r="AA2053" s="5"/>
      <c r="AB2053" s="5" t="s">
        <v>43</v>
      </c>
      <c r="AC2053" s="5" t="s">
        <v>44</v>
      </c>
      <c r="AD2053" s="2"/>
      <c r="AE2053" s="1"/>
    </row>
    <row r="2054" spans="1:31" ht="14.45">
      <c r="A2054" s="11"/>
      <c r="B2054" s="20"/>
      <c r="C2054" s="2" t="s">
        <v>6583</v>
      </c>
      <c r="D2054" s="14" t="s">
        <v>6584</v>
      </c>
      <c r="E2054" s="2" t="s">
        <v>6585</v>
      </c>
      <c r="F2054" s="2" t="s">
        <v>1859</v>
      </c>
      <c r="G2054" s="8">
        <v>218</v>
      </c>
      <c r="H2054" s="5">
        <v>13</v>
      </c>
      <c r="I2054" s="5" t="s">
        <v>1518</v>
      </c>
      <c r="J2054" s="5" t="s">
        <v>1519</v>
      </c>
      <c r="K2054" s="2" t="s">
        <v>1520</v>
      </c>
      <c r="L2054" s="5" t="s">
        <v>1519</v>
      </c>
      <c r="M2054" s="2" t="s">
        <v>1520</v>
      </c>
      <c r="N2054" s="5" t="s">
        <v>1521</v>
      </c>
      <c r="O2054" s="5" t="s">
        <v>38</v>
      </c>
      <c r="P2054" s="5" t="s">
        <v>39</v>
      </c>
      <c r="Q2054" s="5" t="s">
        <v>40</v>
      </c>
      <c r="R2054" s="5" t="s">
        <v>1522</v>
      </c>
      <c r="S2054" s="5" t="s">
        <v>1523</v>
      </c>
      <c r="T2054" s="5" t="s">
        <v>42</v>
      </c>
      <c r="U2054" s="2">
        <v>3.14</v>
      </c>
      <c r="V2054" s="2">
        <v>2.613</v>
      </c>
      <c r="W2054" s="2">
        <v>1.7999999999999999E-2</v>
      </c>
      <c r="X2054" s="2">
        <v>139.1</v>
      </c>
      <c r="Y2054" s="2">
        <v>7.6</v>
      </c>
      <c r="Z2054" s="2">
        <v>16.7</v>
      </c>
      <c r="AA2054" s="5"/>
      <c r="AB2054" s="5" t="s">
        <v>43</v>
      </c>
      <c r="AC2054" s="5" t="s">
        <v>44</v>
      </c>
      <c r="AD2054" s="2"/>
      <c r="AE2054" s="1"/>
    </row>
    <row r="2055" spans="1:31" ht="14.45">
      <c r="A2055" s="11"/>
      <c r="B2055" s="20"/>
      <c r="C2055" s="2" t="s">
        <v>6586</v>
      </c>
      <c r="D2055" s="14" t="s">
        <v>6587</v>
      </c>
      <c r="E2055" s="2" t="s">
        <v>6588</v>
      </c>
      <c r="F2055" s="2" t="s">
        <v>1863</v>
      </c>
      <c r="G2055" s="8">
        <v>218</v>
      </c>
      <c r="H2055" s="5">
        <v>11</v>
      </c>
      <c r="I2055" s="5" t="s">
        <v>1518</v>
      </c>
      <c r="J2055" s="5" t="s">
        <v>1519</v>
      </c>
      <c r="K2055" s="2" t="s">
        <v>1520</v>
      </c>
      <c r="L2055" s="5" t="s">
        <v>1519</v>
      </c>
      <c r="M2055" s="2" t="s">
        <v>1520</v>
      </c>
      <c r="N2055" s="5" t="s">
        <v>1521</v>
      </c>
      <c r="O2055" s="5" t="s">
        <v>38</v>
      </c>
      <c r="P2055" s="5" t="s">
        <v>39</v>
      </c>
      <c r="Q2055" s="5" t="s">
        <v>40</v>
      </c>
      <c r="R2055" s="5" t="s">
        <v>1522</v>
      </c>
      <c r="S2055" s="5" t="s">
        <v>1523</v>
      </c>
      <c r="T2055" s="5" t="s">
        <v>42</v>
      </c>
      <c r="U2055" s="2">
        <v>3.01</v>
      </c>
      <c r="V2055" s="2">
        <v>2.4830000000000001</v>
      </c>
      <c r="W2055" s="2">
        <v>1.7999999999999999E-2</v>
      </c>
      <c r="X2055" s="2">
        <v>139.1</v>
      </c>
      <c r="Y2055" s="2">
        <v>7.6</v>
      </c>
      <c r="Z2055" s="2">
        <v>16.7</v>
      </c>
      <c r="AA2055" s="5"/>
      <c r="AB2055" s="5" t="s">
        <v>43</v>
      </c>
      <c r="AC2055" s="5" t="s">
        <v>44</v>
      </c>
      <c r="AD2055" s="2"/>
      <c r="AE2055" s="1"/>
    </row>
    <row r="2056" spans="1:31" ht="14.45">
      <c r="A2056" s="11"/>
      <c r="B2056" s="20"/>
      <c r="C2056" s="2" t="s">
        <v>6589</v>
      </c>
      <c r="D2056" s="14" t="s">
        <v>6590</v>
      </c>
      <c r="E2056" s="2" t="s">
        <v>6591</v>
      </c>
      <c r="F2056" s="2" t="s">
        <v>1867</v>
      </c>
      <c r="G2056" s="8">
        <v>218</v>
      </c>
      <c r="H2056" s="5">
        <v>11</v>
      </c>
      <c r="I2056" s="5" t="s">
        <v>1518</v>
      </c>
      <c r="J2056" s="5" t="s">
        <v>1519</v>
      </c>
      <c r="K2056" s="2" t="s">
        <v>1520</v>
      </c>
      <c r="L2056" s="5" t="s">
        <v>1519</v>
      </c>
      <c r="M2056" s="2" t="s">
        <v>1520</v>
      </c>
      <c r="N2056" s="5" t="s">
        <v>1521</v>
      </c>
      <c r="O2056" s="5" t="s">
        <v>38</v>
      </c>
      <c r="P2056" s="5" t="s">
        <v>39</v>
      </c>
      <c r="Q2056" s="5" t="s">
        <v>40</v>
      </c>
      <c r="R2056" s="5" t="s">
        <v>1522</v>
      </c>
      <c r="S2056" s="5" t="s">
        <v>1523</v>
      </c>
      <c r="T2056" s="5" t="s">
        <v>42</v>
      </c>
      <c r="U2056" s="2">
        <v>3.0670000000000002</v>
      </c>
      <c r="V2056" s="2">
        <v>2.54</v>
      </c>
      <c r="W2056" s="2">
        <v>1.7999999999999999E-2</v>
      </c>
      <c r="X2056" s="2">
        <v>139.1</v>
      </c>
      <c r="Y2056" s="2">
        <v>7.6</v>
      </c>
      <c r="Z2056" s="2">
        <v>16.7</v>
      </c>
      <c r="AA2056" s="5"/>
      <c r="AB2056" s="5" t="s">
        <v>43</v>
      </c>
      <c r="AC2056" s="5" t="s">
        <v>44</v>
      </c>
      <c r="AD2056" s="2"/>
      <c r="AE2056" s="1"/>
    </row>
    <row r="2057" spans="1:31" ht="14.45">
      <c r="A2057" s="11"/>
      <c r="B2057" s="20"/>
      <c r="C2057" s="2" t="s">
        <v>6592</v>
      </c>
      <c r="D2057" s="14" t="s">
        <v>6593</v>
      </c>
      <c r="E2057" s="2" t="s">
        <v>6594</v>
      </c>
      <c r="F2057" s="2" t="s">
        <v>1695</v>
      </c>
      <c r="G2057" s="8">
        <v>206</v>
      </c>
      <c r="H2057" s="5">
        <v>6</v>
      </c>
      <c r="I2057" s="5" t="s">
        <v>1518</v>
      </c>
      <c r="J2057" s="5" t="s">
        <v>1519</v>
      </c>
      <c r="K2057" s="2" t="s">
        <v>1520</v>
      </c>
      <c r="L2057" s="5" t="s">
        <v>1519</v>
      </c>
      <c r="M2057" s="2" t="s">
        <v>1520</v>
      </c>
      <c r="N2057" s="5" t="s">
        <v>1521</v>
      </c>
      <c r="O2057" s="5" t="s">
        <v>38</v>
      </c>
      <c r="P2057" s="5" t="s">
        <v>39</v>
      </c>
      <c r="Q2057" s="5" t="s">
        <v>40</v>
      </c>
      <c r="R2057" s="5" t="s">
        <v>1522</v>
      </c>
      <c r="S2057" s="5" t="s">
        <v>1523</v>
      </c>
      <c r="T2057" s="5" t="s">
        <v>42</v>
      </c>
      <c r="U2057" s="2">
        <v>3.36</v>
      </c>
      <c r="V2057" s="2">
        <v>2.8530000000000002</v>
      </c>
      <c r="W2057" s="2">
        <v>1.7999999999999999E-2</v>
      </c>
      <c r="X2057" s="2">
        <v>139.1</v>
      </c>
      <c r="Y2057" s="2">
        <v>7.6</v>
      </c>
      <c r="Z2057" s="2">
        <v>16.7</v>
      </c>
      <c r="AA2057" s="5"/>
      <c r="AB2057" s="5" t="s">
        <v>43</v>
      </c>
      <c r="AC2057" s="5" t="s">
        <v>44</v>
      </c>
      <c r="AD2057" s="2"/>
      <c r="AE2057" s="1"/>
    </row>
    <row r="2058" spans="1:31" ht="14.45">
      <c r="A2058" s="11"/>
      <c r="B2058" s="20"/>
      <c r="C2058" s="2" t="s">
        <v>6595</v>
      </c>
      <c r="D2058" s="14" t="s">
        <v>6596</v>
      </c>
      <c r="E2058" s="2" t="s">
        <v>6597</v>
      </c>
      <c r="F2058" s="2" t="s">
        <v>1699</v>
      </c>
      <c r="G2058" s="8">
        <v>206</v>
      </c>
      <c r="H2058" s="5">
        <v>6</v>
      </c>
      <c r="I2058" s="5" t="s">
        <v>1518</v>
      </c>
      <c r="J2058" s="5" t="s">
        <v>1519</v>
      </c>
      <c r="K2058" s="2" t="s">
        <v>1520</v>
      </c>
      <c r="L2058" s="5" t="s">
        <v>1519</v>
      </c>
      <c r="M2058" s="2" t="s">
        <v>1520</v>
      </c>
      <c r="N2058" s="5" t="s">
        <v>1521</v>
      </c>
      <c r="O2058" s="5" t="s">
        <v>38</v>
      </c>
      <c r="P2058" s="5" t="s">
        <v>39</v>
      </c>
      <c r="Q2058" s="5" t="s">
        <v>40</v>
      </c>
      <c r="R2058" s="5" t="s">
        <v>1522</v>
      </c>
      <c r="S2058" s="5" t="s">
        <v>1523</v>
      </c>
      <c r="T2058" s="5" t="s">
        <v>42</v>
      </c>
      <c r="U2058" s="2">
        <v>3.4260000000000002</v>
      </c>
      <c r="V2058" s="2">
        <v>2.919</v>
      </c>
      <c r="W2058" s="2">
        <v>1.7999999999999999E-2</v>
      </c>
      <c r="X2058" s="2">
        <v>139.1</v>
      </c>
      <c r="Y2058" s="2">
        <v>7.6</v>
      </c>
      <c r="Z2058" s="2">
        <v>16.7</v>
      </c>
      <c r="AA2058" s="5"/>
      <c r="AB2058" s="5" t="s">
        <v>43</v>
      </c>
      <c r="AC2058" s="5" t="s">
        <v>44</v>
      </c>
      <c r="AD2058" s="2"/>
      <c r="AE2058" s="1"/>
    </row>
    <row r="2059" spans="1:31" ht="14.45">
      <c r="A2059" s="11"/>
      <c r="B2059" s="20"/>
      <c r="C2059" s="2" t="s">
        <v>6598</v>
      </c>
      <c r="D2059" s="14" t="s">
        <v>6599</v>
      </c>
      <c r="E2059" s="2" t="s">
        <v>6600</v>
      </c>
      <c r="F2059" s="2" t="s">
        <v>1703</v>
      </c>
      <c r="G2059" s="8">
        <v>206</v>
      </c>
      <c r="H2059" s="5">
        <v>6</v>
      </c>
      <c r="I2059" s="5" t="s">
        <v>1518</v>
      </c>
      <c r="J2059" s="5" t="s">
        <v>1519</v>
      </c>
      <c r="K2059" s="2" t="s">
        <v>1520</v>
      </c>
      <c r="L2059" s="5" t="s">
        <v>1519</v>
      </c>
      <c r="M2059" s="2" t="s">
        <v>1520</v>
      </c>
      <c r="N2059" s="5" t="s">
        <v>1521</v>
      </c>
      <c r="O2059" s="5" t="s">
        <v>38</v>
      </c>
      <c r="P2059" s="5" t="s">
        <v>39</v>
      </c>
      <c r="Q2059" s="5" t="s">
        <v>40</v>
      </c>
      <c r="R2059" s="5" t="s">
        <v>1522</v>
      </c>
      <c r="S2059" s="5" t="s">
        <v>1523</v>
      </c>
      <c r="T2059" s="5" t="s">
        <v>42</v>
      </c>
      <c r="U2059" s="2">
        <v>3.3740000000000001</v>
      </c>
      <c r="V2059" s="2">
        <v>2.867</v>
      </c>
      <c r="W2059" s="2">
        <v>1.7999999999999999E-2</v>
      </c>
      <c r="X2059" s="2">
        <v>139.1</v>
      </c>
      <c r="Y2059" s="2">
        <v>7.6</v>
      </c>
      <c r="Z2059" s="2">
        <v>16.7</v>
      </c>
      <c r="AA2059" s="5"/>
      <c r="AB2059" s="5" t="s">
        <v>43</v>
      </c>
      <c r="AC2059" s="5" t="s">
        <v>44</v>
      </c>
      <c r="AD2059" s="2"/>
      <c r="AE2059" s="1"/>
    </row>
    <row r="2060" spans="1:31" ht="14.45">
      <c r="A2060" s="11"/>
      <c r="B2060" s="20"/>
      <c r="C2060" s="2" t="s">
        <v>6601</v>
      </c>
      <c r="D2060" s="14" t="s">
        <v>6602</v>
      </c>
      <c r="E2060" s="2" t="s">
        <v>6603</v>
      </c>
      <c r="F2060" s="2" t="s">
        <v>1707</v>
      </c>
      <c r="G2060" s="8">
        <v>206</v>
      </c>
      <c r="H2060" s="5">
        <v>6</v>
      </c>
      <c r="I2060" s="5" t="s">
        <v>1518</v>
      </c>
      <c r="J2060" s="5" t="s">
        <v>1519</v>
      </c>
      <c r="K2060" s="2" t="s">
        <v>1520</v>
      </c>
      <c r="L2060" s="5" t="s">
        <v>1519</v>
      </c>
      <c r="M2060" s="2" t="s">
        <v>1520</v>
      </c>
      <c r="N2060" s="5" t="s">
        <v>1521</v>
      </c>
      <c r="O2060" s="5" t="s">
        <v>38</v>
      </c>
      <c r="P2060" s="5" t="s">
        <v>39</v>
      </c>
      <c r="Q2060" s="5" t="s">
        <v>40</v>
      </c>
      <c r="R2060" s="5" t="s">
        <v>1522</v>
      </c>
      <c r="S2060" s="5" t="s">
        <v>1523</v>
      </c>
      <c r="T2060" s="5" t="s">
        <v>42</v>
      </c>
      <c r="U2060" s="2">
        <v>3.44</v>
      </c>
      <c r="V2060" s="2">
        <v>2.9329999999999998</v>
      </c>
      <c r="W2060" s="2">
        <v>1.7999999999999999E-2</v>
      </c>
      <c r="X2060" s="2">
        <v>139.1</v>
      </c>
      <c r="Y2060" s="2">
        <v>7.6</v>
      </c>
      <c r="Z2060" s="2">
        <v>16.7</v>
      </c>
      <c r="AA2060" s="5"/>
      <c r="AB2060" s="5" t="s">
        <v>43</v>
      </c>
      <c r="AC2060" s="5" t="s">
        <v>44</v>
      </c>
      <c r="AD2060" s="2"/>
      <c r="AE2060" s="1"/>
    </row>
    <row r="2061" spans="1:31" ht="14.45">
      <c r="A2061" s="11"/>
      <c r="B2061" s="20"/>
      <c r="C2061" s="2" t="s">
        <v>6604</v>
      </c>
      <c r="D2061" s="14" t="s">
        <v>6605</v>
      </c>
      <c r="E2061" s="2" t="s">
        <v>6606</v>
      </c>
      <c r="F2061" s="2" t="s">
        <v>1711</v>
      </c>
      <c r="G2061" s="8">
        <v>206</v>
      </c>
      <c r="H2061" s="5">
        <v>6</v>
      </c>
      <c r="I2061" s="5" t="s">
        <v>1518</v>
      </c>
      <c r="J2061" s="5" t="s">
        <v>1519</v>
      </c>
      <c r="K2061" s="2" t="s">
        <v>1520</v>
      </c>
      <c r="L2061" s="5" t="s">
        <v>1519</v>
      </c>
      <c r="M2061" s="2" t="s">
        <v>1520</v>
      </c>
      <c r="N2061" s="5" t="s">
        <v>1521</v>
      </c>
      <c r="O2061" s="5" t="s">
        <v>38</v>
      </c>
      <c r="P2061" s="5" t="s">
        <v>39</v>
      </c>
      <c r="Q2061" s="5" t="s">
        <v>40</v>
      </c>
      <c r="R2061" s="5" t="s">
        <v>1522</v>
      </c>
      <c r="S2061" s="5" t="s">
        <v>1523</v>
      </c>
      <c r="T2061" s="5" t="s">
        <v>42</v>
      </c>
      <c r="U2061" s="2">
        <v>3.3740000000000001</v>
      </c>
      <c r="V2061" s="2">
        <v>2.867</v>
      </c>
      <c r="W2061" s="2">
        <v>1.7999999999999999E-2</v>
      </c>
      <c r="X2061" s="2">
        <v>139.1</v>
      </c>
      <c r="Y2061" s="2">
        <v>7.6</v>
      </c>
      <c r="Z2061" s="2">
        <v>16.7</v>
      </c>
      <c r="AA2061" s="5"/>
      <c r="AB2061" s="5" t="s">
        <v>43</v>
      </c>
      <c r="AC2061" s="5" t="s">
        <v>44</v>
      </c>
      <c r="AD2061" s="2"/>
      <c r="AE2061" s="1"/>
    </row>
    <row r="2062" spans="1:31" ht="14.45">
      <c r="A2062" s="11"/>
      <c r="B2062" s="20"/>
      <c r="C2062" s="2" t="s">
        <v>6607</v>
      </c>
      <c r="D2062" s="14" t="s">
        <v>6608</v>
      </c>
      <c r="E2062" s="2" t="s">
        <v>6609</v>
      </c>
      <c r="F2062" s="2" t="s">
        <v>1715</v>
      </c>
      <c r="G2062" s="8">
        <v>206</v>
      </c>
      <c r="H2062" s="5">
        <v>6</v>
      </c>
      <c r="I2062" s="5" t="s">
        <v>1518</v>
      </c>
      <c r="J2062" s="5" t="s">
        <v>1519</v>
      </c>
      <c r="K2062" s="2" t="s">
        <v>1520</v>
      </c>
      <c r="L2062" s="5" t="s">
        <v>1519</v>
      </c>
      <c r="M2062" s="2" t="s">
        <v>1520</v>
      </c>
      <c r="N2062" s="5" t="s">
        <v>1521</v>
      </c>
      <c r="O2062" s="5" t="s">
        <v>38</v>
      </c>
      <c r="P2062" s="5" t="s">
        <v>39</v>
      </c>
      <c r="Q2062" s="5" t="s">
        <v>40</v>
      </c>
      <c r="R2062" s="5" t="s">
        <v>1522</v>
      </c>
      <c r="S2062" s="5" t="s">
        <v>1523</v>
      </c>
      <c r="T2062" s="5" t="s">
        <v>42</v>
      </c>
      <c r="U2062" s="2">
        <v>3.44</v>
      </c>
      <c r="V2062" s="2">
        <v>2.9329999999999998</v>
      </c>
      <c r="W2062" s="2">
        <v>1.7999999999999999E-2</v>
      </c>
      <c r="X2062" s="2">
        <v>139.1</v>
      </c>
      <c r="Y2062" s="2">
        <v>7.6</v>
      </c>
      <c r="Z2062" s="2">
        <v>16.7</v>
      </c>
      <c r="AA2062" s="5"/>
      <c r="AB2062" s="5" t="s">
        <v>43</v>
      </c>
      <c r="AC2062" s="5" t="s">
        <v>44</v>
      </c>
      <c r="AD2062" s="2"/>
      <c r="AE2062" s="1"/>
    </row>
    <row r="2063" spans="1:31" ht="14.45">
      <c r="A2063" s="11"/>
      <c r="B2063" s="20"/>
      <c r="C2063" s="2" t="s">
        <v>6610</v>
      </c>
      <c r="D2063" s="14" t="s">
        <v>6611</v>
      </c>
      <c r="E2063" s="2" t="s">
        <v>6612</v>
      </c>
      <c r="F2063" s="2" t="s">
        <v>1719</v>
      </c>
      <c r="G2063" s="8">
        <v>206</v>
      </c>
      <c r="H2063" s="5">
        <v>6</v>
      </c>
      <c r="I2063" s="5" t="s">
        <v>1518</v>
      </c>
      <c r="J2063" s="5" t="s">
        <v>1519</v>
      </c>
      <c r="K2063" s="2" t="s">
        <v>1520</v>
      </c>
      <c r="L2063" s="5" t="s">
        <v>1519</v>
      </c>
      <c r="M2063" s="2" t="s">
        <v>1520</v>
      </c>
      <c r="N2063" s="5" t="s">
        <v>1521</v>
      </c>
      <c r="O2063" s="5" t="s">
        <v>38</v>
      </c>
      <c r="P2063" s="5" t="s">
        <v>39</v>
      </c>
      <c r="Q2063" s="5" t="s">
        <v>40</v>
      </c>
      <c r="R2063" s="5" t="s">
        <v>1522</v>
      </c>
      <c r="S2063" s="5" t="s">
        <v>1523</v>
      </c>
      <c r="T2063" s="5" t="s">
        <v>42</v>
      </c>
      <c r="U2063" s="2">
        <v>3.331</v>
      </c>
      <c r="V2063" s="2">
        <v>2.8239999999999998</v>
      </c>
      <c r="W2063" s="2">
        <v>1.7999999999999999E-2</v>
      </c>
      <c r="X2063" s="2">
        <v>139.1</v>
      </c>
      <c r="Y2063" s="2">
        <v>7.6</v>
      </c>
      <c r="Z2063" s="2">
        <v>16.7</v>
      </c>
      <c r="AA2063" s="5"/>
      <c r="AB2063" s="5" t="s">
        <v>43</v>
      </c>
      <c r="AC2063" s="5" t="s">
        <v>44</v>
      </c>
      <c r="AD2063" s="2"/>
      <c r="AE2063" s="1"/>
    </row>
    <row r="2064" spans="1:31" ht="14.45">
      <c r="A2064" s="11"/>
      <c r="B2064" s="20"/>
      <c r="C2064" s="2" t="s">
        <v>6613</v>
      </c>
      <c r="D2064" s="14" t="s">
        <v>6614</v>
      </c>
      <c r="E2064" s="2" t="s">
        <v>6615</v>
      </c>
      <c r="F2064" s="2" t="s">
        <v>1723</v>
      </c>
      <c r="G2064" s="8">
        <v>206</v>
      </c>
      <c r="H2064" s="5">
        <v>6</v>
      </c>
      <c r="I2064" s="5" t="s">
        <v>1518</v>
      </c>
      <c r="J2064" s="5" t="s">
        <v>1519</v>
      </c>
      <c r="K2064" s="2" t="s">
        <v>1520</v>
      </c>
      <c r="L2064" s="5" t="s">
        <v>1519</v>
      </c>
      <c r="M2064" s="2" t="s">
        <v>1520</v>
      </c>
      <c r="N2064" s="5" t="s">
        <v>1521</v>
      </c>
      <c r="O2064" s="5" t="s">
        <v>38</v>
      </c>
      <c r="P2064" s="5" t="s">
        <v>39</v>
      </c>
      <c r="Q2064" s="5" t="s">
        <v>40</v>
      </c>
      <c r="R2064" s="5" t="s">
        <v>1522</v>
      </c>
      <c r="S2064" s="5" t="s">
        <v>1523</v>
      </c>
      <c r="T2064" s="5" t="s">
        <v>42</v>
      </c>
      <c r="U2064" s="2">
        <v>3.3969999999999998</v>
      </c>
      <c r="V2064" s="2">
        <v>2.89</v>
      </c>
      <c r="W2064" s="2">
        <v>1.7999999999999999E-2</v>
      </c>
      <c r="X2064" s="2">
        <v>139.1</v>
      </c>
      <c r="Y2064" s="2">
        <v>7.6</v>
      </c>
      <c r="Z2064" s="2">
        <v>16.7</v>
      </c>
      <c r="AA2064" s="5"/>
      <c r="AB2064" s="5" t="s">
        <v>43</v>
      </c>
      <c r="AC2064" s="5" t="s">
        <v>44</v>
      </c>
      <c r="AD2064" s="2"/>
      <c r="AE2064" s="1"/>
    </row>
    <row r="2065" spans="1:31" ht="14.45">
      <c r="A2065" s="11"/>
      <c r="B2065" s="20"/>
      <c r="C2065" s="2" t="s">
        <v>6616</v>
      </c>
      <c r="D2065" s="14" t="s">
        <v>6617</v>
      </c>
      <c r="E2065" s="2" t="s">
        <v>6618</v>
      </c>
      <c r="F2065" s="2" t="s">
        <v>1727</v>
      </c>
      <c r="G2065" s="8">
        <v>237</v>
      </c>
      <c r="H2065" s="5">
        <v>6</v>
      </c>
      <c r="I2065" s="5" t="s">
        <v>1518</v>
      </c>
      <c r="J2065" s="5" t="s">
        <v>1519</v>
      </c>
      <c r="K2065" s="2" t="s">
        <v>1520</v>
      </c>
      <c r="L2065" s="5" t="s">
        <v>1519</v>
      </c>
      <c r="M2065" s="2" t="s">
        <v>1520</v>
      </c>
      <c r="N2065" s="5" t="s">
        <v>1521</v>
      </c>
      <c r="O2065" s="5" t="s">
        <v>38</v>
      </c>
      <c r="P2065" s="5" t="s">
        <v>39</v>
      </c>
      <c r="Q2065" s="5" t="s">
        <v>40</v>
      </c>
      <c r="R2065" s="5" t="s">
        <v>1522</v>
      </c>
      <c r="S2065" s="5" t="s">
        <v>1523</v>
      </c>
      <c r="T2065" s="5" t="s">
        <v>42</v>
      </c>
      <c r="U2065" s="2">
        <v>3.331</v>
      </c>
      <c r="V2065" s="2">
        <v>2.8239999999999998</v>
      </c>
      <c r="W2065" s="2">
        <v>1.7999999999999999E-2</v>
      </c>
      <c r="X2065" s="2">
        <v>139.1</v>
      </c>
      <c r="Y2065" s="2">
        <v>7.6</v>
      </c>
      <c r="Z2065" s="2">
        <v>16.7</v>
      </c>
      <c r="AA2065" s="5"/>
      <c r="AB2065" s="5" t="s">
        <v>43</v>
      </c>
      <c r="AC2065" s="5" t="s">
        <v>44</v>
      </c>
      <c r="AD2065" s="2"/>
      <c r="AE2065" s="1"/>
    </row>
    <row r="2066" spans="1:31" ht="14.45">
      <c r="A2066" s="11"/>
      <c r="B2066" s="20"/>
      <c r="C2066" s="2" t="s">
        <v>6619</v>
      </c>
      <c r="D2066" s="14" t="s">
        <v>6620</v>
      </c>
      <c r="E2066" s="2" t="s">
        <v>6621</v>
      </c>
      <c r="F2066" s="2" t="s">
        <v>1731</v>
      </c>
      <c r="G2066" s="8">
        <v>237</v>
      </c>
      <c r="H2066" s="5">
        <v>6</v>
      </c>
      <c r="I2066" s="5" t="s">
        <v>1518</v>
      </c>
      <c r="J2066" s="5" t="s">
        <v>1519</v>
      </c>
      <c r="K2066" s="2" t="s">
        <v>1520</v>
      </c>
      <c r="L2066" s="5" t="s">
        <v>1519</v>
      </c>
      <c r="M2066" s="2" t="s">
        <v>1520</v>
      </c>
      <c r="N2066" s="5" t="s">
        <v>1521</v>
      </c>
      <c r="O2066" s="5" t="s">
        <v>38</v>
      </c>
      <c r="P2066" s="5" t="s">
        <v>39</v>
      </c>
      <c r="Q2066" s="5" t="s">
        <v>40</v>
      </c>
      <c r="R2066" s="5" t="s">
        <v>1522</v>
      </c>
      <c r="S2066" s="5" t="s">
        <v>1523</v>
      </c>
      <c r="T2066" s="5" t="s">
        <v>42</v>
      </c>
      <c r="U2066" s="2">
        <v>3.3969999999999998</v>
      </c>
      <c r="V2066" s="2">
        <v>2.89</v>
      </c>
      <c r="W2066" s="2">
        <v>1.7999999999999999E-2</v>
      </c>
      <c r="X2066" s="2">
        <v>139.1</v>
      </c>
      <c r="Y2066" s="2">
        <v>7.6</v>
      </c>
      <c r="Z2066" s="2">
        <v>16.7</v>
      </c>
      <c r="AA2066" s="5"/>
      <c r="AB2066" s="5" t="s">
        <v>43</v>
      </c>
      <c r="AC2066" s="5" t="s">
        <v>44</v>
      </c>
      <c r="AD2066" s="2"/>
      <c r="AE2066" s="1"/>
    </row>
    <row r="2067" spans="1:31" ht="14.45">
      <c r="A2067" s="11"/>
      <c r="B2067" s="20"/>
      <c r="C2067" s="2" t="s">
        <v>6622</v>
      </c>
      <c r="D2067" s="14" t="s">
        <v>6623</v>
      </c>
      <c r="E2067" s="2" t="s">
        <v>6624</v>
      </c>
      <c r="F2067" s="2" t="s">
        <v>1735</v>
      </c>
      <c r="G2067" s="8">
        <v>237</v>
      </c>
      <c r="H2067" s="5">
        <v>6</v>
      </c>
      <c r="I2067" s="5" t="s">
        <v>1518</v>
      </c>
      <c r="J2067" s="5" t="s">
        <v>1519</v>
      </c>
      <c r="K2067" s="2" t="s">
        <v>1520</v>
      </c>
      <c r="L2067" s="5" t="s">
        <v>1519</v>
      </c>
      <c r="M2067" s="2" t="s">
        <v>1520</v>
      </c>
      <c r="N2067" s="5" t="s">
        <v>1521</v>
      </c>
      <c r="O2067" s="5" t="s">
        <v>38</v>
      </c>
      <c r="P2067" s="5" t="s">
        <v>39</v>
      </c>
      <c r="Q2067" s="5" t="s">
        <v>40</v>
      </c>
      <c r="R2067" s="5" t="s">
        <v>1522</v>
      </c>
      <c r="S2067" s="5" t="s">
        <v>1523</v>
      </c>
      <c r="T2067" s="5" t="s">
        <v>42</v>
      </c>
      <c r="U2067" s="2">
        <v>3.3740000000000001</v>
      </c>
      <c r="V2067" s="2">
        <v>2.867</v>
      </c>
      <c r="W2067" s="2">
        <v>1.7999999999999999E-2</v>
      </c>
      <c r="X2067" s="2">
        <v>139.1</v>
      </c>
      <c r="Y2067" s="2">
        <v>7.6</v>
      </c>
      <c r="Z2067" s="2">
        <v>16.7</v>
      </c>
      <c r="AA2067" s="5"/>
      <c r="AB2067" s="5" t="s">
        <v>43</v>
      </c>
      <c r="AC2067" s="5" t="s">
        <v>44</v>
      </c>
      <c r="AD2067" s="2"/>
      <c r="AE2067" s="1"/>
    </row>
    <row r="2068" spans="1:31" ht="14.45">
      <c r="A2068" s="11"/>
      <c r="B2068" s="20"/>
      <c r="C2068" s="2" t="s">
        <v>6625</v>
      </c>
      <c r="D2068" s="14" t="s">
        <v>6626</v>
      </c>
      <c r="E2068" s="2" t="s">
        <v>6627</v>
      </c>
      <c r="F2068" s="2" t="s">
        <v>1739</v>
      </c>
      <c r="G2068" s="8">
        <v>237</v>
      </c>
      <c r="H2068" s="5">
        <v>6</v>
      </c>
      <c r="I2068" s="5" t="s">
        <v>1518</v>
      </c>
      <c r="J2068" s="5" t="s">
        <v>1519</v>
      </c>
      <c r="K2068" s="2" t="s">
        <v>1520</v>
      </c>
      <c r="L2068" s="5" t="s">
        <v>1519</v>
      </c>
      <c r="M2068" s="2" t="s">
        <v>1520</v>
      </c>
      <c r="N2068" s="5" t="s">
        <v>1521</v>
      </c>
      <c r="O2068" s="5" t="s">
        <v>38</v>
      </c>
      <c r="P2068" s="5" t="s">
        <v>39</v>
      </c>
      <c r="Q2068" s="5" t="s">
        <v>40</v>
      </c>
      <c r="R2068" s="5" t="s">
        <v>1522</v>
      </c>
      <c r="S2068" s="5" t="s">
        <v>1523</v>
      </c>
      <c r="T2068" s="5" t="s">
        <v>42</v>
      </c>
      <c r="U2068" s="2">
        <v>3.44</v>
      </c>
      <c r="V2068" s="2">
        <v>2.9329999999999998</v>
      </c>
      <c r="W2068" s="2">
        <v>1.7999999999999999E-2</v>
      </c>
      <c r="X2068" s="2">
        <v>139.1</v>
      </c>
      <c r="Y2068" s="2">
        <v>7.6</v>
      </c>
      <c r="Z2068" s="2">
        <v>16.7</v>
      </c>
      <c r="AA2068" s="5"/>
      <c r="AB2068" s="5" t="s">
        <v>43</v>
      </c>
      <c r="AC2068" s="5" t="s">
        <v>44</v>
      </c>
      <c r="AD2068" s="2"/>
      <c r="AE2068" s="1"/>
    </row>
    <row r="2069" spans="1:31" ht="14.45">
      <c r="A2069" s="11"/>
      <c r="B2069" s="20"/>
      <c r="C2069" s="2" t="s">
        <v>6628</v>
      </c>
      <c r="D2069" s="14" t="s">
        <v>6629</v>
      </c>
      <c r="E2069" s="2" t="s">
        <v>6630</v>
      </c>
      <c r="F2069" s="2" t="s">
        <v>1743</v>
      </c>
      <c r="G2069" s="8">
        <v>237</v>
      </c>
      <c r="H2069" s="5">
        <v>6</v>
      </c>
      <c r="I2069" s="5" t="s">
        <v>1518</v>
      </c>
      <c r="J2069" s="5" t="s">
        <v>1519</v>
      </c>
      <c r="K2069" s="2" t="s">
        <v>1520</v>
      </c>
      <c r="L2069" s="5" t="s">
        <v>1519</v>
      </c>
      <c r="M2069" s="2" t="s">
        <v>1520</v>
      </c>
      <c r="N2069" s="5" t="s">
        <v>1521</v>
      </c>
      <c r="O2069" s="5" t="s">
        <v>38</v>
      </c>
      <c r="P2069" s="5" t="s">
        <v>39</v>
      </c>
      <c r="Q2069" s="5" t="s">
        <v>40</v>
      </c>
      <c r="R2069" s="5" t="s">
        <v>1522</v>
      </c>
      <c r="S2069" s="5" t="s">
        <v>1523</v>
      </c>
      <c r="T2069" s="5" t="s">
        <v>42</v>
      </c>
      <c r="U2069" s="2">
        <v>3.331</v>
      </c>
      <c r="V2069" s="2">
        <v>2.8239999999999998</v>
      </c>
      <c r="W2069" s="2">
        <v>1.7999999999999999E-2</v>
      </c>
      <c r="X2069" s="2">
        <v>139.1</v>
      </c>
      <c r="Y2069" s="2">
        <v>7.6</v>
      </c>
      <c r="Z2069" s="2">
        <v>16.7</v>
      </c>
      <c r="AA2069" s="5"/>
      <c r="AB2069" s="5" t="s">
        <v>43</v>
      </c>
      <c r="AC2069" s="5" t="s">
        <v>44</v>
      </c>
      <c r="AD2069" s="2"/>
      <c r="AE2069" s="1"/>
    </row>
    <row r="2070" spans="1:31" ht="14.45">
      <c r="A2070" s="11"/>
      <c r="B2070" s="20"/>
      <c r="C2070" s="2" t="s">
        <v>6631</v>
      </c>
      <c r="D2070" s="14" t="s">
        <v>6632</v>
      </c>
      <c r="E2070" s="2" t="s">
        <v>6633</v>
      </c>
      <c r="F2070" s="2" t="s">
        <v>1747</v>
      </c>
      <c r="G2070" s="8">
        <v>237</v>
      </c>
      <c r="H2070" s="5">
        <v>6</v>
      </c>
      <c r="I2070" s="5" t="s">
        <v>1518</v>
      </c>
      <c r="J2070" s="5" t="s">
        <v>1519</v>
      </c>
      <c r="K2070" s="2" t="s">
        <v>1520</v>
      </c>
      <c r="L2070" s="5" t="s">
        <v>1519</v>
      </c>
      <c r="M2070" s="2" t="s">
        <v>1520</v>
      </c>
      <c r="N2070" s="5" t="s">
        <v>1521</v>
      </c>
      <c r="O2070" s="5" t="s">
        <v>38</v>
      </c>
      <c r="P2070" s="5" t="s">
        <v>39</v>
      </c>
      <c r="Q2070" s="5" t="s">
        <v>40</v>
      </c>
      <c r="R2070" s="5" t="s">
        <v>1522</v>
      </c>
      <c r="S2070" s="5" t="s">
        <v>1523</v>
      </c>
      <c r="T2070" s="5" t="s">
        <v>42</v>
      </c>
      <c r="U2070" s="2">
        <v>3.3969999999999998</v>
      </c>
      <c r="V2070" s="2">
        <v>2.89</v>
      </c>
      <c r="W2070" s="2">
        <v>1.7999999999999999E-2</v>
      </c>
      <c r="X2070" s="2">
        <v>139.1</v>
      </c>
      <c r="Y2070" s="2">
        <v>7.6</v>
      </c>
      <c r="Z2070" s="2">
        <v>16.7</v>
      </c>
      <c r="AA2070" s="5"/>
      <c r="AB2070" s="5" t="s">
        <v>43</v>
      </c>
      <c r="AC2070" s="5" t="s">
        <v>44</v>
      </c>
      <c r="AD2070" s="2"/>
      <c r="AE2070" s="1"/>
    </row>
    <row r="2071" spans="1:31" ht="14.45">
      <c r="A2071" s="11"/>
      <c r="B2071" s="20"/>
      <c r="C2071" s="2" t="s">
        <v>6634</v>
      </c>
      <c r="D2071" s="14" t="s">
        <v>6635</v>
      </c>
      <c r="E2071" s="2" t="s">
        <v>6636</v>
      </c>
      <c r="F2071" s="2" t="s">
        <v>1751</v>
      </c>
      <c r="G2071" s="8">
        <v>237</v>
      </c>
      <c r="H2071" s="5">
        <v>6</v>
      </c>
      <c r="I2071" s="5" t="s">
        <v>1518</v>
      </c>
      <c r="J2071" s="5" t="s">
        <v>1519</v>
      </c>
      <c r="K2071" s="2" t="s">
        <v>1520</v>
      </c>
      <c r="L2071" s="5" t="s">
        <v>1519</v>
      </c>
      <c r="M2071" s="2" t="s">
        <v>1520</v>
      </c>
      <c r="N2071" s="5" t="s">
        <v>1521</v>
      </c>
      <c r="O2071" s="5" t="s">
        <v>38</v>
      </c>
      <c r="P2071" s="5" t="s">
        <v>39</v>
      </c>
      <c r="Q2071" s="5" t="s">
        <v>40</v>
      </c>
      <c r="R2071" s="5" t="s">
        <v>1522</v>
      </c>
      <c r="S2071" s="5" t="s">
        <v>1523</v>
      </c>
      <c r="T2071" s="5" t="s">
        <v>42</v>
      </c>
      <c r="U2071" s="2">
        <v>3.331</v>
      </c>
      <c r="V2071" s="2">
        <v>2.8239999999999998</v>
      </c>
      <c r="W2071" s="2">
        <v>1.7999999999999999E-2</v>
      </c>
      <c r="X2071" s="2">
        <v>139.1</v>
      </c>
      <c r="Y2071" s="2">
        <v>7.6</v>
      </c>
      <c r="Z2071" s="2">
        <v>16.7</v>
      </c>
      <c r="AA2071" s="5"/>
      <c r="AB2071" s="5" t="s">
        <v>43</v>
      </c>
      <c r="AC2071" s="5" t="s">
        <v>44</v>
      </c>
      <c r="AD2071" s="2"/>
      <c r="AE2071" s="1"/>
    </row>
    <row r="2072" spans="1:31" ht="14.45">
      <c r="A2072" s="11"/>
      <c r="B2072" s="20"/>
      <c r="C2072" s="2" t="s">
        <v>6637</v>
      </c>
      <c r="D2072" s="14" t="s">
        <v>6638</v>
      </c>
      <c r="E2072" s="2" t="s">
        <v>6639</v>
      </c>
      <c r="F2072" s="2" t="s">
        <v>1755</v>
      </c>
      <c r="G2072" s="8">
        <v>237</v>
      </c>
      <c r="H2072" s="5">
        <v>6</v>
      </c>
      <c r="I2072" s="5" t="s">
        <v>1518</v>
      </c>
      <c r="J2072" s="5" t="s">
        <v>1519</v>
      </c>
      <c r="K2072" s="2" t="s">
        <v>1520</v>
      </c>
      <c r="L2072" s="5" t="s">
        <v>1519</v>
      </c>
      <c r="M2072" s="2" t="s">
        <v>1520</v>
      </c>
      <c r="N2072" s="5" t="s">
        <v>1521</v>
      </c>
      <c r="O2072" s="5" t="s">
        <v>38</v>
      </c>
      <c r="P2072" s="5" t="s">
        <v>39</v>
      </c>
      <c r="Q2072" s="5" t="s">
        <v>40</v>
      </c>
      <c r="R2072" s="5" t="s">
        <v>1522</v>
      </c>
      <c r="S2072" s="5" t="s">
        <v>1523</v>
      </c>
      <c r="T2072" s="5" t="s">
        <v>42</v>
      </c>
      <c r="U2072" s="2">
        <v>3.3969999999999998</v>
      </c>
      <c r="V2072" s="2">
        <v>2.89</v>
      </c>
      <c r="W2072" s="2">
        <v>1.7999999999999999E-2</v>
      </c>
      <c r="X2072" s="2">
        <v>139.1</v>
      </c>
      <c r="Y2072" s="2">
        <v>7.6</v>
      </c>
      <c r="Z2072" s="2">
        <v>16.7</v>
      </c>
      <c r="AA2072" s="5"/>
      <c r="AB2072" s="5" t="s">
        <v>43</v>
      </c>
      <c r="AC2072" s="5" t="s">
        <v>44</v>
      </c>
      <c r="AD2072" s="2"/>
      <c r="AE2072" s="1"/>
    </row>
    <row r="2073" spans="1:31" ht="14.45">
      <c r="A2073" s="11"/>
      <c r="B2073" s="20"/>
      <c r="C2073" s="2" t="s">
        <v>6640</v>
      </c>
      <c r="D2073" s="14" t="s">
        <v>6641</v>
      </c>
      <c r="E2073" s="2" t="s">
        <v>6642</v>
      </c>
      <c r="F2073" s="2" t="s">
        <v>1759</v>
      </c>
      <c r="G2073" s="8">
        <v>237</v>
      </c>
      <c r="H2073" s="5">
        <v>6</v>
      </c>
      <c r="I2073" s="5" t="s">
        <v>1518</v>
      </c>
      <c r="J2073" s="5" t="s">
        <v>1519</v>
      </c>
      <c r="K2073" s="2" t="s">
        <v>1520</v>
      </c>
      <c r="L2073" s="5" t="s">
        <v>1519</v>
      </c>
      <c r="M2073" s="2" t="s">
        <v>1520</v>
      </c>
      <c r="N2073" s="5" t="s">
        <v>1521</v>
      </c>
      <c r="O2073" s="5" t="s">
        <v>38</v>
      </c>
      <c r="P2073" s="5" t="s">
        <v>39</v>
      </c>
      <c r="Q2073" s="5" t="s">
        <v>40</v>
      </c>
      <c r="R2073" s="5" t="s">
        <v>1522</v>
      </c>
      <c r="S2073" s="5" t="s">
        <v>1523</v>
      </c>
      <c r="T2073" s="5" t="s">
        <v>42</v>
      </c>
      <c r="U2073" s="2">
        <v>3.3740000000000001</v>
      </c>
      <c r="V2073" s="2">
        <v>2.867</v>
      </c>
      <c r="W2073" s="2">
        <v>1.7999999999999999E-2</v>
      </c>
      <c r="X2073" s="2">
        <v>139.1</v>
      </c>
      <c r="Y2073" s="2">
        <v>7.6</v>
      </c>
      <c r="Z2073" s="2">
        <v>16.7</v>
      </c>
      <c r="AA2073" s="5"/>
      <c r="AB2073" s="5" t="s">
        <v>43</v>
      </c>
      <c r="AC2073" s="5" t="s">
        <v>44</v>
      </c>
      <c r="AD2073" s="2"/>
      <c r="AE2073" s="1"/>
    </row>
    <row r="2074" spans="1:31" ht="14.45">
      <c r="A2074" s="11"/>
      <c r="B2074" s="20"/>
      <c r="C2074" s="2" t="s">
        <v>6643</v>
      </c>
      <c r="D2074" s="14" t="s">
        <v>6644</v>
      </c>
      <c r="E2074" s="2" t="s">
        <v>6645</v>
      </c>
      <c r="F2074" s="2" t="s">
        <v>1763</v>
      </c>
      <c r="G2074" s="8">
        <v>237</v>
      </c>
      <c r="H2074" s="5">
        <v>6</v>
      </c>
      <c r="I2074" s="5" t="s">
        <v>1518</v>
      </c>
      <c r="J2074" s="5" t="s">
        <v>1519</v>
      </c>
      <c r="K2074" s="2" t="s">
        <v>1520</v>
      </c>
      <c r="L2074" s="5" t="s">
        <v>1519</v>
      </c>
      <c r="M2074" s="2" t="s">
        <v>1520</v>
      </c>
      <c r="N2074" s="5" t="s">
        <v>1521</v>
      </c>
      <c r="O2074" s="5" t="s">
        <v>38</v>
      </c>
      <c r="P2074" s="5" t="s">
        <v>39</v>
      </c>
      <c r="Q2074" s="5" t="s">
        <v>40</v>
      </c>
      <c r="R2074" s="5" t="s">
        <v>1522</v>
      </c>
      <c r="S2074" s="5" t="s">
        <v>1523</v>
      </c>
      <c r="T2074" s="5" t="s">
        <v>42</v>
      </c>
      <c r="U2074" s="2">
        <v>3.44</v>
      </c>
      <c r="V2074" s="2">
        <v>2.9329999999999998</v>
      </c>
      <c r="W2074" s="2">
        <v>1.7999999999999999E-2</v>
      </c>
      <c r="X2074" s="2">
        <v>139.1</v>
      </c>
      <c r="Y2074" s="2">
        <v>7.6</v>
      </c>
      <c r="Z2074" s="2">
        <v>16.7</v>
      </c>
      <c r="AA2074" s="5"/>
      <c r="AB2074" s="5" t="s">
        <v>43</v>
      </c>
      <c r="AC2074" s="5" t="s">
        <v>44</v>
      </c>
      <c r="AD2074" s="2"/>
      <c r="AE2074" s="1"/>
    </row>
    <row r="2075" spans="1:31" ht="14.45">
      <c r="A2075" s="11"/>
      <c r="B2075" s="20"/>
      <c r="C2075" s="2" t="s">
        <v>6646</v>
      </c>
      <c r="D2075" s="14" t="s">
        <v>6647</v>
      </c>
      <c r="E2075" s="2" t="s">
        <v>6648</v>
      </c>
      <c r="F2075" s="2" t="s">
        <v>1767</v>
      </c>
      <c r="G2075" s="8">
        <v>237</v>
      </c>
      <c r="H2075" s="5">
        <v>6</v>
      </c>
      <c r="I2075" s="5" t="s">
        <v>1518</v>
      </c>
      <c r="J2075" s="5" t="s">
        <v>1519</v>
      </c>
      <c r="K2075" s="2" t="s">
        <v>1520</v>
      </c>
      <c r="L2075" s="5" t="s">
        <v>1519</v>
      </c>
      <c r="M2075" s="2" t="s">
        <v>1520</v>
      </c>
      <c r="N2075" s="5" t="s">
        <v>1521</v>
      </c>
      <c r="O2075" s="5" t="s">
        <v>38</v>
      </c>
      <c r="P2075" s="5" t="s">
        <v>39</v>
      </c>
      <c r="Q2075" s="5" t="s">
        <v>40</v>
      </c>
      <c r="R2075" s="5" t="s">
        <v>1522</v>
      </c>
      <c r="S2075" s="5" t="s">
        <v>1523</v>
      </c>
      <c r="T2075" s="5" t="s">
        <v>42</v>
      </c>
      <c r="U2075" s="2">
        <v>3.3740000000000001</v>
      </c>
      <c r="V2075" s="2">
        <v>2.867</v>
      </c>
      <c r="W2075" s="2">
        <v>1.7999999999999999E-2</v>
      </c>
      <c r="X2075" s="2">
        <v>139.1</v>
      </c>
      <c r="Y2075" s="2">
        <v>7.6</v>
      </c>
      <c r="Z2075" s="2">
        <v>16.7</v>
      </c>
      <c r="AA2075" s="5"/>
      <c r="AB2075" s="5" t="s">
        <v>43</v>
      </c>
      <c r="AC2075" s="5" t="s">
        <v>44</v>
      </c>
      <c r="AD2075" s="2"/>
      <c r="AE2075" s="1"/>
    </row>
    <row r="2076" spans="1:31" ht="14.45">
      <c r="A2076" s="11"/>
      <c r="B2076" s="20"/>
      <c r="C2076" s="2" t="s">
        <v>6649</v>
      </c>
      <c r="D2076" s="14" t="s">
        <v>6650</v>
      </c>
      <c r="E2076" s="2" t="s">
        <v>6651</v>
      </c>
      <c r="F2076" s="2" t="s">
        <v>1771</v>
      </c>
      <c r="G2076" s="8">
        <v>237</v>
      </c>
      <c r="H2076" s="5">
        <v>6</v>
      </c>
      <c r="I2076" s="5" t="s">
        <v>1518</v>
      </c>
      <c r="J2076" s="5" t="s">
        <v>1519</v>
      </c>
      <c r="K2076" s="2" t="s">
        <v>1520</v>
      </c>
      <c r="L2076" s="5" t="s">
        <v>1519</v>
      </c>
      <c r="M2076" s="2" t="s">
        <v>1520</v>
      </c>
      <c r="N2076" s="5" t="s">
        <v>1521</v>
      </c>
      <c r="O2076" s="5" t="s">
        <v>38</v>
      </c>
      <c r="P2076" s="5" t="s">
        <v>39</v>
      </c>
      <c r="Q2076" s="5" t="s">
        <v>40</v>
      </c>
      <c r="R2076" s="5" t="s">
        <v>1522</v>
      </c>
      <c r="S2076" s="5" t="s">
        <v>1523</v>
      </c>
      <c r="T2076" s="5" t="s">
        <v>42</v>
      </c>
      <c r="U2076" s="2">
        <v>3.44</v>
      </c>
      <c r="V2076" s="2">
        <v>2.9329999999999998</v>
      </c>
      <c r="W2076" s="2">
        <v>1.7999999999999999E-2</v>
      </c>
      <c r="X2076" s="2">
        <v>139.1</v>
      </c>
      <c r="Y2076" s="2">
        <v>7.6</v>
      </c>
      <c r="Z2076" s="2">
        <v>16.7</v>
      </c>
      <c r="AA2076" s="5"/>
      <c r="AB2076" s="5" t="s">
        <v>43</v>
      </c>
      <c r="AC2076" s="5" t="s">
        <v>44</v>
      </c>
      <c r="AD2076" s="2"/>
      <c r="AE2076" s="1"/>
    </row>
    <row r="2077" spans="1:31" ht="14.45">
      <c r="A2077" s="11"/>
      <c r="B2077" s="20"/>
      <c r="C2077" s="2" t="s">
        <v>6652</v>
      </c>
      <c r="D2077" s="14" t="s">
        <v>6653</v>
      </c>
      <c r="E2077" s="2" t="s">
        <v>6654</v>
      </c>
      <c r="F2077" s="2" t="s">
        <v>1775</v>
      </c>
      <c r="G2077" s="8">
        <v>237</v>
      </c>
      <c r="H2077" s="5">
        <v>6</v>
      </c>
      <c r="I2077" s="5" t="s">
        <v>1518</v>
      </c>
      <c r="J2077" s="5" t="s">
        <v>1519</v>
      </c>
      <c r="K2077" s="2" t="s">
        <v>1520</v>
      </c>
      <c r="L2077" s="5" t="s">
        <v>1519</v>
      </c>
      <c r="M2077" s="2" t="s">
        <v>1520</v>
      </c>
      <c r="N2077" s="5" t="s">
        <v>1521</v>
      </c>
      <c r="O2077" s="5" t="s">
        <v>38</v>
      </c>
      <c r="P2077" s="5" t="s">
        <v>39</v>
      </c>
      <c r="Q2077" s="5" t="s">
        <v>40</v>
      </c>
      <c r="R2077" s="5" t="s">
        <v>1522</v>
      </c>
      <c r="S2077" s="5" t="s">
        <v>1523</v>
      </c>
      <c r="T2077" s="5" t="s">
        <v>42</v>
      </c>
      <c r="U2077" s="2">
        <v>3.3740000000000001</v>
      </c>
      <c r="V2077" s="2">
        <v>2.867</v>
      </c>
      <c r="W2077" s="2">
        <v>1.7999999999999999E-2</v>
      </c>
      <c r="X2077" s="2">
        <v>139.1</v>
      </c>
      <c r="Y2077" s="2">
        <v>7.6</v>
      </c>
      <c r="Z2077" s="2">
        <v>16.7</v>
      </c>
      <c r="AA2077" s="5"/>
      <c r="AB2077" s="5" t="s">
        <v>43</v>
      </c>
      <c r="AC2077" s="5" t="s">
        <v>44</v>
      </c>
      <c r="AD2077" s="2"/>
      <c r="AE2077" s="1"/>
    </row>
    <row r="2078" spans="1:31" ht="14.45">
      <c r="A2078" s="11"/>
      <c r="B2078" s="20"/>
      <c r="C2078" s="2" t="s">
        <v>6655</v>
      </c>
      <c r="D2078" s="14" t="s">
        <v>6656</v>
      </c>
      <c r="E2078" s="2" t="s">
        <v>6657</v>
      </c>
      <c r="F2078" s="2" t="s">
        <v>1779</v>
      </c>
      <c r="G2078" s="8">
        <v>237</v>
      </c>
      <c r="H2078" s="5">
        <v>6</v>
      </c>
      <c r="I2078" s="5" t="s">
        <v>1518</v>
      </c>
      <c r="J2078" s="5" t="s">
        <v>1519</v>
      </c>
      <c r="K2078" s="2" t="s">
        <v>1520</v>
      </c>
      <c r="L2078" s="5" t="s">
        <v>1519</v>
      </c>
      <c r="M2078" s="2" t="s">
        <v>1520</v>
      </c>
      <c r="N2078" s="5" t="s">
        <v>1521</v>
      </c>
      <c r="O2078" s="5" t="s">
        <v>38</v>
      </c>
      <c r="P2078" s="5" t="s">
        <v>39</v>
      </c>
      <c r="Q2078" s="5" t="s">
        <v>40</v>
      </c>
      <c r="R2078" s="5" t="s">
        <v>1522</v>
      </c>
      <c r="S2078" s="5" t="s">
        <v>1523</v>
      </c>
      <c r="T2078" s="5" t="s">
        <v>42</v>
      </c>
      <c r="U2078" s="2">
        <v>3.44</v>
      </c>
      <c r="V2078" s="2">
        <v>2.9329999999999998</v>
      </c>
      <c r="W2078" s="2">
        <v>1.7999999999999999E-2</v>
      </c>
      <c r="X2078" s="2">
        <v>139.1</v>
      </c>
      <c r="Y2078" s="2">
        <v>7.6</v>
      </c>
      <c r="Z2078" s="2">
        <v>16.7</v>
      </c>
      <c r="AA2078" s="5"/>
      <c r="AB2078" s="5" t="s">
        <v>43</v>
      </c>
      <c r="AC2078" s="5" t="s">
        <v>44</v>
      </c>
      <c r="AD2078" s="2"/>
      <c r="AE2078" s="1"/>
    </row>
    <row r="2079" spans="1:31" ht="14.45">
      <c r="A2079" s="11"/>
      <c r="B2079" s="20"/>
      <c r="C2079" s="2" t="s">
        <v>6658</v>
      </c>
      <c r="D2079" s="14" t="s">
        <v>6659</v>
      </c>
      <c r="E2079" s="2" t="s">
        <v>6660</v>
      </c>
      <c r="F2079" s="2" t="s">
        <v>1783</v>
      </c>
      <c r="G2079" s="8">
        <v>237</v>
      </c>
      <c r="H2079" s="5">
        <v>6</v>
      </c>
      <c r="I2079" s="5" t="s">
        <v>1518</v>
      </c>
      <c r="J2079" s="5" t="s">
        <v>1519</v>
      </c>
      <c r="K2079" s="2" t="s">
        <v>1520</v>
      </c>
      <c r="L2079" s="5" t="s">
        <v>1519</v>
      </c>
      <c r="M2079" s="2" t="s">
        <v>1520</v>
      </c>
      <c r="N2079" s="5" t="s">
        <v>1521</v>
      </c>
      <c r="O2079" s="5" t="s">
        <v>38</v>
      </c>
      <c r="P2079" s="5" t="s">
        <v>39</v>
      </c>
      <c r="Q2079" s="5" t="s">
        <v>40</v>
      </c>
      <c r="R2079" s="5" t="s">
        <v>1522</v>
      </c>
      <c r="S2079" s="5" t="s">
        <v>1523</v>
      </c>
      <c r="T2079" s="5" t="s">
        <v>42</v>
      </c>
      <c r="U2079" s="2">
        <v>3.331</v>
      </c>
      <c r="V2079" s="2">
        <v>2.8239999999999998</v>
      </c>
      <c r="W2079" s="2">
        <v>1.7999999999999999E-2</v>
      </c>
      <c r="X2079" s="2">
        <v>139.1</v>
      </c>
      <c r="Y2079" s="2">
        <v>7.6</v>
      </c>
      <c r="Z2079" s="2">
        <v>16.7</v>
      </c>
      <c r="AA2079" s="5"/>
      <c r="AB2079" s="5" t="s">
        <v>43</v>
      </c>
      <c r="AC2079" s="5" t="s">
        <v>44</v>
      </c>
      <c r="AD2079" s="2"/>
      <c r="AE2079" s="1"/>
    </row>
    <row r="2080" spans="1:31" ht="14.45">
      <c r="A2080" s="11"/>
      <c r="B2080" s="20"/>
      <c r="C2080" s="2" t="s">
        <v>6661</v>
      </c>
      <c r="D2080" s="14" t="s">
        <v>6662</v>
      </c>
      <c r="E2080" s="2" t="s">
        <v>6663</v>
      </c>
      <c r="F2080" s="2" t="s">
        <v>1787</v>
      </c>
      <c r="G2080" s="8">
        <v>237</v>
      </c>
      <c r="H2080" s="5">
        <v>6</v>
      </c>
      <c r="I2080" s="5" t="s">
        <v>1518</v>
      </c>
      <c r="J2080" s="5" t="s">
        <v>1519</v>
      </c>
      <c r="K2080" s="2" t="s">
        <v>1520</v>
      </c>
      <c r="L2080" s="5" t="s">
        <v>1519</v>
      </c>
      <c r="M2080" s="2" t="s">
        <v>1520</v>
      </c>
      <c r="N2080" s="5" t="s">
        <v>1521</v>
      </c>
      <c r="O2080" s="5" t="s">
        <v>38</v>
      </c>
      <c r="P2080" s="5" t="s">
        <v>39</v>
      </c>
      <c r="Q2080" s="5" t="s">
        <v>40</v>
      </c>
      <c r="R2080" s="5" t="s">
        <v>1522</v>
      </c>
      <c r="S2080" s="5" t="s">
        <v>1523</v>
      </c>
      <c r="T2080" s="5" t="s">
        <v>42</v>
      </c>
      <c r="U2080" s="2">
        <v>3.3969999999999998</v>
      </c>
      <c r="V2080" s="2">
        <v>2.89</v>
      </c>
      <c r="W2080" s="2">
        <v>1.7999999999999999E-2</v>
      </c>
      <c r="X2080" s="2">
        <v>139.1</v>
      </c>
      <c r="Y2080" s="2">
        <v>7.6</v>
      </c>
      <c r="Z2080" s="2">
        <v>16.7</v>
      </c>
      <c r="AA2080" s="5"/>
      <c r="AB2080" s="5" t="s">
        <v>43</v>
      </c>
      <c r="AC2080" s="5" t="s">
        <v>44</v>
      </c>
      <c r="AD2080" s="2"/>
      <c r="AE2080" s="1"/>
    </row>
    <row r="2081" spans="1:31" ht="14.45">
      <c r="A2081" s="11"/>
      <c r="B2081" s="20"/>
      <c r="C2081" s="2" t="s">
        <v>6664</v>
      </c>
      <c r="D2081" s="14" t="s">
        <v>6665</v>
      </c>
      <c r="E2081" s="2" t="s">
        <v>6666</v>
      </c>
      <c r="F2081" s="2" t="s">
        <v>1791</v>
      </c>
      <c r="G2081" s="8">
        <v>237</v>
      </c>
      <c r="H2081" s="5">
        <v>6</v>
      </c>
      <c r="I2081" s="5" t="s">
        <v>1518</v>
      </c>
      <c r="J2081" s="5" t="s">
        <v>1519</v>
      </c>
      <c r="K2081" s="2" t="s">
        <v>1520</v>
      </c>
      <c r="L2081" s="5" t="s">
        <v>1519</v>
      </c>
      <c r="M2081" s="2" t="s">
        <v>1520</v>
      </c>
      <c r="N2081" s="5" t="s">
        <v>1521</v>
      </c>
      <c r="O2081" s="5" t="s">
        <v>38</v>
      </c>
      <c r="P2081" s="5" t="s">
        <v>39</v>
      </c>
      <c r="Q2081" s="5" t="s">
        <v>40</v>
      </c>
      <c r="R2081" s="5" t="s">
        <v>1522</v>
      </c>
      <c r="S2081" s="5" t="s">
        <v>1523</v>
      </c>
      <c r="T2081" s="5" t="s">
        <v>42</v>
      </c>
      <c r="U2081" s="2">
        <v>3.3740000000000001</v>
      </c>
      <c r="V2081" s="2">
        <v>2.867</v>
      </c>
      <c r="W2081" s="2">
        <v>1.7999999999999999E-2</v>
      </c>
      <c r="X2081" s="2">
        <v>139.1</v>
      </c>
      <c r="Y2081" s="2">
        <v>7.6</v>
      </c>
      <c r="Z2081" s="2">
        <v>16.7</v>
      </c>
      <c r="AA2081" s="5"/>
      <c r="AB2081" s="5" t="s">
        <v>43</v>
      </c>
      <c r="AC2081" s="5" t="s">
        <v>44</v>
      </c>
      <c r="AD2081" s="2"/>
      <c r="AE2081" s="1"/>
    </row>
    <row r="2082" spans="1:31" ht="14.45">
      <c r="A2082" s="11"/>
      <c r="B2082" s="20"/>
      <c r="C2082" s="2" t="s">
        <v>6667</v>
      </c>
      <c r="D2082" s="14" t="s">
        <v>6668</v>
      </c>
      <c r="E2082" s="2" t="s">
        <v>6669</v>
      </c>
      <c r="F2082" s="2" t="s">
        <v>1795</v>
      </c>
      <c r="G2082" s="8">
        <v>237</v>
      </c>
      <c r="H2082" s="5">
        <v>6</v>
      </c>
      <c r="I2082" s="5" t="s">
        <v>1518</v>
      </c>
      <c r="J2082" s="5" t="s">
        <v>1519</v>
      </c>
      <c r="K2082" s="2" t="s">
        <v>1520</v>
      </c>
      <c r="L2082" s="5" t="s">
        <v>1519</v>
      </c>
      <c r="M2082" s="2" t="s">
        <v>1520</v>
      </c>
      <c r="N2082" s="5" t="s">
        <v>1521</v>
      </c>
      <c r="O2082" s="5" t="s">
        <v>38</v>
      </c>
      <c r="P2082" s="5" t="s">
        <v>39</v>
      </c>
      <c r="Q2082" s="5" t="s">
        <v>40</v>
      </c>
      <c r="R2082" s="5" t="s">
        <v>1522</v>
      </c>
      <c r="S2082" s="5" t="s">
        <v>1523</v>
      </c>
      <c r="T2082" s="5" t="s">
        <v>42</v>
      </c>
      <c r="U2082" s="2">
        <v>3.44</v>
      </c>
      <c r="V2082" s="2">
        <v>2.9329999999999998</v>
      </c>
      <c r="W2082" s="2">
        <v>1.7999999999999999E-2</v>
      </c>
      <c r="X2082" s="2">
        <v>139.1</v>
      </c>
      <c r="Y2082" s="2">
        <v>7.6</v>
      </c>
      <c r="Z2082" s="2">
        <v>16.7</v>
      </c>
      <c r="AA2082" s="5"/>
      <c r="AB2082" s="5" t="s">
        <v>43</v>
      </c>
      <c r="AC2082" s="5" t="s">
        <v>44</v>
      </c>
      <c r="AD2082" s="2"/>
      <c r="AE2082" s="1"/>
    </row>
    <row r="2083" spans="1:31" ht="14.45">
      <c r="A2083" s="11"/>
      <c r="B2083" s="20"/>
      <c r="C2083" s="2" t="s">
        <v>6670</v>
      </c>
      <c r="D2083" s="14" t="s">
        <v>6671</v>
      </c>
      <c r="E2083" s="2" t="s">
        <v>6672</v>
      </c>
      <c r="F2083" s="2" t="s">
        <v>1799</v>
      </c>
      <c r="G2083" s="8">
        <v>237</v>
      </c>
      <c r="H2083" s="5">
        <v>6</v>
      </c>
      <c r="I2083" s="5" t="s">
        <v>1518</v>
      </c>
      <c r="J2083" s="5" t="s">
        <v>1519</v>
      </c>
      <c r="K2083" s="2" t="s">
        <v>1520</v>
      </c>
      <c r="L2083" s="5" t="s">
        <v>1519</v>
      </c>
      <c r="M2083" s="2" t="s">
        <v>1520</v>
      </c>
      <c r="N2083" s="5" t="s">
        <v>1521</v>
      </c>
      <c r="O2083" s="5" t="s">
        <v>38</v>
      </c>
      <c r="P2083" s="5" t="s">
        <v>39</v>
      </c>
      <c r="Q2083" s="5" t="s">
        <v>40</v>
      </c>
      <c r="R2083" s="5" t="s">
        <v>1522</v>
      </c>
      <c r="S2083" s="5" t="s">
        <v>1523</v>
      </c>
      <c r="T2083" s="5" t="s">
        <v>42</v>
      </c>
      <c r="U2083" s="2">
        <v>3.3740000000000001</v>
      </c>
      <c r="V2083" s="2">
        <v>2.867</v>
      </c>
      <c r="W2083" s="2">
        <v>1.7999999999999999E-2</v>
      </c>
      <c r="X2083" s="2">
        <v>139.1</v>
      </c>
      <c r="Y2083" s="2">
        <v>7.6</v>
      </c>
      <c r="Z2083" s="2">
        <v>16.7</v>
      </c>
      <c r="AA2083" s="5"/>
      <c r="AB2083" s="5" t="s">
        <v>43</v>
      </c>
      <c r="AC2083" s="5" t="s">
        <v>44</v>
      </c>
      <c r="AD2083" s="2"/>
      <c r="AE2083" s="1"/>
    </row>
    <row r="2084" spans="1:31" ht="14.45">
      <c r="A2084" s="11"/>
      <c r="B2084" s="20"/>
      <c r="C2084" s="2" t="s">
        <v>6673</v>
      </c>
      <c r="D2084" s="14" t="s">
        <v>6674</v>
      </c>
      <c r="E2084" s="2" t="s">
        <v>6675</v>
      </c>
      <c r="F2084" s="2" t="s">
        <v>1803</v>
      </c>
      <c r="G2084" s="8">
        <v>237</v>
      </c>
      <c r="H2084" s="5">
        <v>6</v>
      </c>
      <c r="I2084" s="5" t="s">
        <v>1518</v>
      </c>
      <c r="J2084" s="5" t="s">
        <v>1519</v>
      </c>
      <c r="K2084" s="2" t="s">
        <v>1520</v>
      </c>
      <c r="L2084" s="5" t="s">
        <v>1519</v>
      </c>
      <c r="M2084" s="2" t="s">
        <v>1520</v>
      </c>
      <c r="N2084" s="5" t="s">
        <v>1521</v>
      </c>
      <c r="O2084" s="5" t="s">
        <v>38</v>
      </c>
      <c r="P2084" s="5" t="s">
        <v>39</v>
      </c>
      <c r="Q2084" s="5" t="s">
        <v>40</v>
      </c>
      <c r="R2084" s="5" t="s">
        <v>1522</v>
      </c>
      <c r="S2084" s="5" t="s">
        <v>1523</v>
      </c>
      <c r="T2084" s="5" t="s">
        <v>42</v>
      </c>
      <c r="U2084" s="2">
        <v>3.44</v>
      </c>
      <c r="V2084" s="2">
        <v>2.9329999999999998</v>
      </c>
      <c r="W2084" s="2">
        <v>1.7999999999999999E-2</v>
      </c>
      <c r="X2084" s="2">
        <v>139.1</v>
      </c>
      <c r="Y2084" s="2">
        <v>7.6</v>
      </c>
      <c r="Z2084" s="2">
        <v>16.7</v>
      </c>
      <c r="AA2084" s="5"/>
      <c r="AB2084" s="5" t="s">
        <v>43</v>
      </c>
      <c r="AC2084" s="5" t="s">
        <v>44</v>
      </c>
      <c r="AD2084" s="2"/>
      <c r="AE2084" s="1"/>
    </row>
    <row r="2085" spans="1:31" ht="14.45">
      <c r="A2085" s="11"/>
      <c r="B2085" s="20"/>
      <c r="C2085" s="2" t="s">
        <v>6676</v>
      </c>
      <c r="D2085" s="14" t="s">
        <v>6677</v>
      </c>
      <c r="E2085" s="2" t="s">
        <v>6678</v>
      </c>
      <c r="F2085" s="2" t="s">
        <v>1807</v>
      </c>
      <c r="G2085" s="8">
        <v>237</v>
      </c>
      <c r="H2085" s="5">
        <v>6</v>
      </c>
      <c r="I2085" s="5" t="s">
        <v>1518</v>
      </c>
      <c r="J2085" s="5" t="s">
        <v>1519</v>
      </c>
      <c r="K2085" s="2" t="s">
        <v>1520</v>
      </c>
      <c r="L2085" s="5" t="s">
        <v>1519</v>
      </c>
      <c r="M2085" s="2" t="s">
        <v>1520</v>
      </c>
      <c r="N2085" s="5" t="s">
        <v>1521</v>
      </c>
      <c r="O2085" s="5" t="s">
        <v>38</v>
      </c>
      <c r="P2085" s="5" t="s">
        <v>39</v>
      </c>
      <c r="Q2085" s="5" t="s">
        <v>40</v>
      </c>
      <c r="R2085" s="5" t="s">
        <v>1522</v>
      </c>
      <c r="S2085" s="5" t="s">
        <v>1523</v>
      </c>
      <c r="T2085" s="5" t="s">
        <v>42</v>
      </c>
      <c r="U2085" s="2">
        <v>3.3740000000000001</v>
      </c>
      <c r="V2085" s="2">
        <v>2.867</v>
      </c>
      <c r="W2085" s="2">
        <v>1.7999999999999999E-2</v>
      </c>
      <c r="X2085" s="2">
        <v>139.1</v>
      </c>
      <c r="Y2085" s="2">
        <v>7.6</v>
      </c>
      <c r="Z2085" s="2">
        <v>16.7</v>
      </c>
      <c r="AA2085" s="5"/>
      <c r="AB2085" s="5" t="s">
        <v>43</v>
      </c>
      <c r="AC2085" s="5" t="s">
        <v>44</v>
      </c>
      <c r="AD2085" s="2"/>
      <c r="AE2085" s="1"/>
    </row>
    <row r="2086" spans="1:31" ht="14.45">
      <c r="A2086" s="11"/>
      <c r="B2086" s="20"/>
      <c r="C2086" s="2" t="s">
        <v>6679</v>
      </c>
      <c r="D2086" s="14" t="s">
        <v>6680</v>
      </c>
      <c r="E2086" s="2" t="s">
        <v>6681</v>
      </c>
      <c r="F2086" s="2" t="s">
        <v>1811</v>
      </c>
      <c r="G2086" s="8">
        <v>237</v>
      </c>
      <c r="H2086" s="5">
        <v>6</v>
      </c>
      <c r="I2086" s="5" t="s">
        <v>1518</v>
      </c>
      <c r="J2086" s="5" t="s">
        <v>1519</v>
      </c>
      <c r="K2086" s="2" t="s">
        <v>1520</v>
      </c>
      <c r="L2086" s="5" t="s">
        <v>1519</v>
      </c>
      <c r="M2086" s="2" t="s">
        <v>1520</v>
      </c>
      <c r="N2086" s="5" t="s">
        <v>1521</v>
      </c>
      <c r="O2086" s="5" t="s">
        <v>38</v>
      </c>
      <c r="P2086" s="5" t="s">
        <v>39</v>
      </c>
      <c r="Q2086" s="5" t="s">
        <v>40</v>
      </c>
      <c r="R2086" s="5" t="s">
        <v>1522</v>
      </c>
      <c r="S2086" s="5" t="s">
        <v>1523</v>
      </c>
      <c r="T2086" s="5" t="s">
        <v>42</v>
      </c>
      <c r="U2086" s="2">
        <v>3.44</v>
      </c>
      <c r="V2086" s="2">
        <v>2.9329999999999998</v>
      </c>
      <c r="W2086" s="2">
        <v>1.7999999999999999E-2</v>
      </c>
      <c r="X2086" s="2">
        <v>139.1</v>
      </c>
      <c r="Y2086" s="2">
        <v>7.6</v>
      </c>
      <c r="Z2086" s="2">
        <v>16.7</v>
      </c>
      <c r="AA2086" s="5"/>
      <c r="AB2086" s="5" t="s">
        <v>43</v>
      </c>
      <c r="AC2086" s="5" t="s">
        <v>44</v>
      </c>
      <c r="AD2086" s="2"/>
      <c r="AE2086" s="1"/>
    </row>
    <row r="2087" spans="1:31" ht="14.45">
      <c r="A2087" s="11"/>
      <c r="B2087" s="20"/>
      <c r="C2087" s="2" t="s">
        <v>6682</v>
      </c>
      <c r="D2087" s="14" t="s">
        <v>6683</v>
      </c>
      <c r="E2087" s="2" t="s">
        <v>6684</v>
      </c>
      <c r="F2087" s="2" t="s">
        <v>1815</v>
      </c>
      <c r="G2087" s="8">
        <v>237</v>
      </c>
      <c r="H2087" s="5">
        <v>6</v>
      </c>
      <c r="I2087" s="5" t="s">
        <v>1518</v>
      </c>
      <c r="J2087" s="5" t="s">
        <v>1519</v>
      </c>
      <c r="K2087" s="2" t="s">
        <v>1520</v>
      </c>
      <c r="L2087" s="5" t="s">
        <v>1519</v>
      </c>
      <c r="M2087" s="2" t="s">
        <v>1520</v>
      </c>
      <c r="N2087" s="5" t="s">
        <v>1521</v>
      </c>
      <c r="O2087" s="5" t="s">
        <v>38</v>
      </c>
      <c r="P2087" s="5" t="s">
        <v>39</v>
      </c>
      <c r="Q2087" s="5" t="s">
        <v>40</v>
      </c>
      <c r="R2087" s="5" t="s">
        <v>1522</v>
      </c>
      <c r="S2087" s="5" t="s">
        <v>1523</v>
      </c>
      <c r="T2087" s="5" t="s">
        <v>42</v>
      </c>
      <c r="U2087" s="2">
        <v>3.331</v>
      </c>
      <c r="V2087" s="2">
        <v>2.8239999999999998</v>
      </c>
      <c r="W2087" s="2">
        <v>1.7999999999999999E-2</v>
      </c>
      <c r="X2087" s="2">
        <v>139.1</v>
      </c>
      <c r="Y2087" s="2">
        <v>7.6</v>
      </c>
      <c r="Z2087" s="2">
        <v>16.7</v>
      </c>
      <c r="AA2087" s="5"/>
      <c r="AB2087" s="5" t="s">
        <v>43</v>
      </c>
      <c r="AC2087" s="5" t="s">
        <v>44</v>
      </c>
      <c r="AD2087" s="2"/>
      <c r="AE2087" s="1"/>
    </row>
    <row r="2088" spans="1:31" ht="14.45">
      <c r="A2088" s="11"/>
      <c r="B2088" s="20"/>
      <c r="C2088" s="2" t="s">
        <v>6685</v>
      </c>
      <c r="D2088" s="14" t="s">
        <v>6686</v>
      </c>
      <c r="E2088" s="2" t="s">
        <v>6687</v>
      </c>
      <c r="F2088" s="2" t="s">
        <v>1819</v>
      </c>
      <c r="G2088" s="8">
        <v>237</v>
      </c>
      <c r="H2088" s="5">
        <v>6</v>
      </c>
      <c r="I2088" s="5" t="s">
        <v>1518</v>
      </c>
      <c r="J2088" s="5" t="s">
        <v>1519</v>
      </c>
      <c r="K2088" s="2" t="s">
        <v>1520</v>
      </c>
      <c r="L2088" s="5" t="s">
        <v>1519</v>
      </c>
      <c r="M2088" s="2" t="s">
        <v>1520</v>
      </c>
      <c r="N2088" s="5" t="s">
        <v>1521</v>
      </c>
      <c r="O2088" s="5" t="s">
        <v>38</v>
      </c>
      <c r="P2088" s="5" t="s">
        <v>39</v>
      </c>
      <c r="Q2088" s="5" t="s">
        <v>40</v>
      </c>
      <c r="R2088" s="5" t="s">
        <v>1522</v>
      </c>
      <c r="S2088" s="5" t="s">
        <v>1523</v>
      </c>
      <c r="T2088" s="5" t="s">
        <v>42</v>
      </c>
      <c r="U2088" s="2">
        <v>3.3969999999999998</v>
      </c>
      <c r="V2088" s="2">
        <v>2.89</v>
      </c>
      <c r="W2088" s="2">
        <v>1.7999999999999999E-2</v>
      </c>
      <c r="X2088" s="2">
        <v>139.1</v>
      </c>
      <c r="Y2088" s="2">
        <v>7.6</v>
      </c>
      <c r="Z2088" s="2">
        <v>16.7</v>
      </c>
      <c r="AA2088" s="5"/>
      <c r="AB2088" s="5" t="s">
        <v>43</v>
      </c>
      <c r="AC2088" s="5" t="s">
        <v>44</v>
      </c>
      <c r="AD2088" s="2"/>
      <c r="AE2088" s="1"/>
    </row>
    <row r="2089" spans="1:31" ht="14.45">
      <c r="A2089" s="11"/>
      <c r="B2089" s="20"/>
      <c r="C2089" s="2" t="s">
        <v>6688</v>
      </c>
      <c r="D2089" s="14" t="s">
        <v>6689</v>
      </c>
      <c r="E2089" s="2" t="s">
        <v>6690</v>
      </c>
      <c r="F2089" s="2" t="s">
        <v>1823</v>
      </c>
      <c r="G2089" s="8">
        <v>237</v>
      </c>
      <c r="H2089" s="5">
        <v>8</v>
      </c>
      <c r="I2089" s="5" t="s">
        <v>1518</v>
      </c>
      <c r="J2089" s="5" t="s">
        <v>1519</v>
      </c>
      <c r="K2089" s="2" t="s">
        <v>1520</v>
      </c>
      <c r="L2089" s="5" t="s">
        <v>1519</v>
      </c>
      <c r="M2089" s="2" t="s">
        <v>1520</v>
      </c>
      <c r="N2089" s="5" t="s">
        <v>1521</v>
      </c>
      <c r="O2089" s="5" t="s">
        <v>38</v>
      </c>
      <c r="P2089" s="5" t="s">
        <v>39</v>
      </c>
      <c r="Q2089" s="5" t="s">
        <v>40</v>
      </c>
      <c r="R2089" s="5" t="s">
        <v>1522</v>
      </c>
      <c r="S2089" s="5" t="s">
        <v>1523</v>
      </c>
      <c r="T2089" s="5" t="s">
        <v>42</v>
      </c>
      <c r="U2089" s="2">
        <v>3.407</v>
      </c>
      <c r="V2089" s="2">
        <v>2.9</v>
      </c>
      <c r="W2089" s="2">
        <v>1.7999999999999999E-2</v>
      </c>
      <c r="X2089" s="2">
        <v>139.1</v>
      </c>
      <c r="Y2089" s="2">
        <v>7.6</v>
      </c>
      <c r="Z2089" s="2">
        <v>16.7</v>
      </c>
      <c r="AA2089" s="5"/>
      <c r="AB2089" s="5" t="s">
        <v>43</v>
      </c>
      <c r="AC2089" s="5" t="s">
        <v>44</v>
      </c>
      <c r="AD2089" s="2"/>
      <c r="AE2089" s="1"/>
    </row>
    <row r="2090" spans="1:31" ht="14.45">
      <c r="A2090" s="11"/>
      <c r="B2090" s="20"/>
      <c r="C2090" s="2" t="s">
        <v>6691</v>
      </c>
      <c r="D2090" s="14" t="s">
        <v>6692</v>
      </c>
      <c r="E2090" s="2" t="s">
        <v>6693</v>
      </c>
      <c r="F2090" s="2" t="s">
        <v>1827</v>
      </c>
      <c r="G2090" s="8">
        <v>237</v>
      </c>
      <c r="H2090" s="5">
        <v>8</v>
      </c>
      <c r="I2090" s="5" t="s">
        <v>1518</v>
      </c>
      <c r="J2090" s="5" t="s">
        <v>1519</v>
      </c>
      <c r="K2090" s="2" t="s">
        <v>1520</v>
      </c>
      <c r="L2090" s="5" t="s">
        <v>1519</v>
      </c>
      <c r="M2090" s="2" t="s">
        <v>1520</v>
      </c>
      <c r="N2090" s="5" t="s">
        <v>1521</v>
      </c>
      <c r="O2090" s="5" t="s">
        <v>38</v>
      </c>
      <c r="P2090" s="5" t="s">
        <v>39</v>
      </c>
      <c r="Q2090" s="5" t="s">
        <v>40</v>
      </c>
      <c r="R2090" s="5" t="s">
        <v>1522</v>
      </c>
      <c r="S2090" s="5" t="s">
        <v>1523</v>
      </c>
      <c r="T2090" s="5" t="s">
        <v>42</v>
      </c>
      <c r="U2090" s="2">
        <v>3.4729999999999999</v>
      </c>
      <c r="V2090" s="2">
        <v>2.9660000000000002</v>
      </c>
      <c r="W2090" s="2">
        <v>1.7999999999999999E-2</v>
      </c>
      <c r="X2090" s="2">
        <v>139.1</v>
      </c>
      <c r="Y2090" s="2">
        <v>7.6</v>
      </c>
      <c r="Z2090" s="2">
        <v>16.7</v>
      </c>
      <c r="AA2090" s="5"/>
      <c r="AB2090" s="5" t="s">
        <v>43</v>
      </c>
      <c r="AC2090" s="5" t="s">
        <v>44</v>
      </c>
      <c r="AD2090" s="2"/>
      <c r="AE2090" s="1"/>
    </row>
    <row r="2091" spans="1:31" ht="14.45">
      <c r="A2091" s="11"/>
      <c r="B2091" s="20"/>
      <c r="C2091" s="2" t="s">
        <v>6694</v>
      </c>
      <c r="D2091" s="14" t="s">
        <v>6695</v>
      </c>
      <c r="E2091" s="2" t="s">
        <v>6696</v>
      </c>
      <c r="F2091" s="2" t="s">
        <v>2348</v>
      </c>
      <c r="G2091" s="8">
        <v>237</v>
      </c>
      <c r="H2091" s="5">
        <v>13</v>
      </c>
      <c r="I2091" s="5" t="s">
        <v>1518</v>
      </c>
      <c r="J2091" s="5" t="s">
        <v>1519</v>
      </c>
      <c r="K2091" s="2" t="s">
        <v>1520</v>
      </c>
      <c r="L2091" s="5" t="s">
        <v>1519</v>
      </c>
      <c r="M2091" s="2" t="s">
        <v>1520</v>
      </c>
      <c r="N2091" s="5" t="s">
        <v>1521</v>
      </c>
      <c r="O2091" s="5" t="s">
        <v>38</v>
      </c>
      <c r="P2091" s="5" t="s">
        <v>39</v>
      </c>
      <c r="Q2091" s="5" t="s">
        <v>40</v>
      </c>
      <c r="R2091" s="5" t="s">
        <v>1522</v>
      </c>
      <c r="S2091" s="5" t="s">
        <v>1523</v>
      </c>
      <c r="T2091" s="5" t="s">
        <v>42</v>
      </c>
      <c r="U2091" s="2">
        <v>3.4950000000000001</v>
      </c>
      <c r="V2091" s="2">
        <v>2.988</v>
      </c>
      <c r="W2091" s="2">
        <v>1.7999999999999999E-2</v>
      </c>
      <c r="X2091" s="2">
        <v>139.1</v>
      </c>
      <c r="Y2091" s="2">
        <v>7.6</v>
      </c>
      <c r="Z2091" s="2">
        <v>16.7</v>
      </c>
      <c r="AA2091" s="5"/>
      <c r="AB2091" s="5" t="s">
        <v>43</v>
      </c>
      <c r="AC2091" s="5" t="s">
        <v>44</v>
      </c>
      <c r="AD2091" s="2"/>
      <c r="AE2091" s="1"/>
    </row>
    <row r="2092" spans="1:31" ht="14.45">
      <c r="A2092" s="11"/>
      <c r="B2092" s="20"/>
      <c r="C2092" s="2" t="s">
        <v>6697</v>
      </c>
      <c r="D2092" s="14" t="s">
        <v>6698</v>
      </c>
      <c r="E2092" s="2" t="s">
        <v>6699</v>
      </c>
      <c r="F2092" s="2" t="s">
        <v>2204</v>
      </c>
      <c r="G2092" s="8">
        <v>237</v>
      </c>
      <c r="H2092" s="5">
        <v>13</v>
      </c>
      <c r="I2092" s="5" t="s">
        <v>1518</v>
      </c>
      <c r="J2092" s="5" t="s">
        <v>1519</v>
      </c>
      <c r="K2092" s="2" t="s">
        <v>1520</v>
      </c>
      <c r="L2092" s="5" t="s">
        <v>1519</v>
      </c>
      <c r="M2092" s="2" t="s">
        <v>1520</v>
      </c>
      <c r="N2092" s="5" t="s">
        <v>1521</v>
      </c>
      <c r="O2092" s="5" t="s">
        <v>38</v>
      </c>
      <c r="P2092" s="5" t="s">
        <v>39</v>
      </c>
      <c r="Q2092" s="5" t="s">
        <v>40</v>
      </c>
      <c r="R2092" s="5" t="s">
        <v>1522</v>
      </c>
      <c r="S2092" s="5" t="s">
        <v>1523</v>
      </c>
      <c r="T2092" s="5" t="s">
        <v>42</v>
      </c>
      <c r="U2092" s="2">
        <v>3.4289999999999998</v>
      </c>
      <c r="V2092" s="2">
        <v>2.9220000000000002</v>
      </c>
      <c r="W2092" s="2">
        <v>1.7999999999999999E-2</v>
      </c>
      <c r="X2092" s="2">
        <v>139.1</v>
      </c>
      <c r="Y2092" s="2">
        <v>7.6</v>
      </c>
      <c r="Z2092" s="2">
        <v>16.7</v>
      </c>
      <c r="AA2092" s="5"/>
      <c r="AB2092" s="5" t="s">
        <v>43</v>
      </c>
      <c r="AC2092" s="5" t="s">
        <v>44</v>
      </c>
      <c r="AD2092" s="2"/>
      <c r="AE2092" s="1"/>
    </row>
    <row r="2093" spans="1:31" ht="14.45">
      <c r="A2093" s="11"/>
      <c r="B2093" s="20"/>
      <c r="C2093" s="2" t="s">
        <v>6700</v>
      </c>
      <c r="D2093" s="14" t="s">
        <v>6701</v>
      </c>
      <c r="E2093" s="2" t="s">
        <v>6702</v>
      </c>
      <c r="F2093" s="2" t="s">
        <v>2208</v>
      </c>
      <c r="G2093" s="8">
        <v>237</v>
      </c>
      <c r="H2093" s="5">
        <v>13</v>
      </c>
      <c r="I2093" s="5" t="s">
        <v>1518</v>
      </c>
      <c r="J2093" s="5" t="s">
        <v>1519</v>
      </c>
      <c r="K2093" s="2" t="s">
        <v>1520</v>
      </c>
      <c r="L2093" s="5" t="s">
        <v>1519</v>
      </c>
      <c r="M2093" s="2" t="s">
        <v>1520</v>
      </c>
      <c r="N2093" s="5" t="s">
        <v>1521</v>
      </c>
      <c r="O2093" s="5" t="s">
        <v>38</v>
      </c>
      <c r="P2093" s="5" t="s">
        <v>39</v>
      </c>
      <c r="Q2093" s="5" t="s">
        <v>40</v>
      </c>
      <c r="R2093" s="5" t="s">
        <v>1522</v>
      </c>
      <c r="S2093" s="5" t="s">
        <v>1523</v>
      </c>
      <c r="T2093" s="5" t="s">
        <v>42</v>
      </c>
      <c r="U2093" s="2">
        <v>3.4289999999999998</v>
      </c>
      <c r="V2093" s="2">
        <v>2.9220000000000002</v>
      </c>
      <c r="W2093" s="2">
        <v>1.7999999999999999E-2</v>
      </c>
      <c r="X2093" s="2">
        <v>139.1</v>
      </c>
      <c r="Y2093" s="2">
        <v>7.6</v>
      </c>
      <c r="Z2093" s="2">
        <v>16.7</v>
      </c>
      <c r="AA2093" s="5"/>
      <c r="AB2093" s="5" t="s">
        <v>43</v>
      </c>
      <c r="AC2093" s="5" t="s">
        <v>44</v>
      </c>
      <c r="AD2093" s="2"/>
      <c r="AE2093" s="1"/>
    </row>
    <row r="2094" spans="1:31" ht="14.45">
      <c r="A2094" s="11"/>
      <c r="B2094" s="20"/>
      <c r="C2094" s="2" t="s">
        <v>6703</v>
      </c>
      <c r="D2094" s="14" t="s">
        <v>6704</v>
      </c>
      <c r="E2094" s="2" t="s">
        <v>6705</v>
      </c>
      <c r="F2094" s="2" t="s">
        <v>2212</v>
      </c>
      <c r="G2094" s="8">
        <v>237</v>
      </c>
      <c r="H2094" s="5">
        <v>13</v>
      </c>
      <c r="I2094" s="5" t="s">
        <v>1518</v>
      </c>
      <c r="J2094" s="5" t="s">
        <v>1519</v>
      </c>
      <c r="K2094" s="2" t="s">
        <v>1520</v>
      </c>
      <c r="L2094" s="5" t="s">
        <v>1519</v>
      </c>
      <c r="M2094" s="2" t="s">
        <v>1520</v>
      </c>
      <c r="N2094" s="5" t="s">
        <v>1521</v>
      </c>
      <c r="O2094" s="5" t="s">
        <v>38</v>
      </c>
      <c r="P2094" s="5" t="s">
        <v>39</v>
      </c>
      <c r="Q2094" s="5" t="s">
        <v>40</v>
      </c>
      <c r="R2094" s="5" t="s">
        <v>1522</v>
      </c>
      <c r="S2094" s="5" t="s">
        <v>1523</v>
      </c>
      <c r="T2094" s="5" t="s">
        <v>42</v>
      </c>
      <c r="U2094" s="2">
        <v>3.4950000000000001</v>
      </c>
      <c r="V2094" s="2">
        <v>2.988</v>
      </c>
      <c r="W2094" s="2">
        <v>1.7999999999999999E-2</v>
      </c>
      <c r="X2094" s="2">
        <v>139.1</v>
      </c>
      <c r="Y2094" s="2">
        <v>7.6</v>
      </c>
      <c r="Z2094" s="2">
        <v>16.7</v>
      </c>
      <c r="AA2094" s="5"/>
      <c r="AB2094" s="5" t="s">
        <v>43</v>
      </c>
      <c r="AC2094" s="5" t="s">
        <v>44</v>
      </c>
      <c r="AD2094" s="2"/>
      <c r="AE2094" s="1"/>
    </row>
    <row r="2095" spans="1:31" ht="14.45">
      <c r="A2095" s="11"/>
      <c r="B2095" s="20"/>
      <c r="C2095" s="2" t="s">
        <v>6706</v>
      </c>
      <c r="D2095" s="14" t="s">
        <v>6707</v>
      </c>
      <c r="E2095" s="2" t="s">
        <v>6708</v>
      </c>
      <c r="F2095" s="2" t="s">
        <v>1831</v>
      </c>
      <c r="G2095" s="8">
        <v>237</v>
      </c>
      <c r="H2095" s="5">
        <v>13</v>
      </c>
      <c r="I2095" s="5" t="s">
        <v>1518</v>
      </c>
      <c r="J2095" s="5" t="s">
        <v>1519</v>
      </c>
      <c r="K2095" s="2" t="s">
        <v>1520</v>
      </c>
      <c r="L2095" s="5" t="s">
        <v>1519</v>
      </c>
      <c r="M2095" s="2" t="s">
        <v>1520</v>
      </c>
      <c r="N2095" s="5" t="s">
        <v>1521</v>
      </c>
      <c r="O2095" s="5" t="s">
        <v>38</v>
      </c>
      <c r="P2095" s="5" t="s">
        <v>39</v>
      </c>
      <c r="Q2095" s="5" t="s">
        <v>40</v>
      </c>
      <c r="R2095" s="5" t="s">
        <v>1522</v>
      </c>
      <c r="S2095" s="5" t="s">
        <v>1523</v>
      </c>
      <c r="T2095" s="5" t="s">
        <v>42</v>
      </c>
      <c r="U2095" s="2">
        <v>3.4289999999999998</v>
      </c>
      <c r="V2095" s="2">
        <v>2.9220000000000002</v>
      </c>
      <c r="W2095" s="2">
        <v>1.7999999999999999E-2</v>
      </c>
      <c r="X2095" s="2">
        <v>139.1</v>
      </c>
      <c r="Y2095" s="2">
        <v>7.6</v>
      </c>
      <c r="Z2095" s="2">
        <v>16.7</v>
      </c>
      <c r="AA2095" s="5"/>
      <c r="AB2095" s="5" t="s">
        <v>43</v>
      </c>
      <c r="AC2095" s="5" t="s">
        <v>44</v>
      </c>
      <c r="AD2095" s="2"/>
      <c r="AE2095" s="1"/>
    </row>
    <row r="2096" spans="1:31" ht="14.45">
      <c r="A2096" s="11"/>
      <c r="B2096" s="20"/>
      <c r="C2096" s="2" t="s">
        <v>6709</v>
      </c>
      <c r="D2096" s="14" t="s">
        <v>6710</v>
      </c>
      <c r="E2096" s="2" t="s">
        <v>6711</v>
      </c>
      <c r="F2096" s="2" t="s">
        <v>1835</v>
      </c>
      <c r="G2096" s="8">
        <v>237</v>
      </c>
      <c r="H2096" s="5">
        <v>13</v>
      </c>
      <c r="I2096" s="5" t="s">
        <v>1518</v>
      </c>
      <c r="J2096" s="5" t="s">
        <v>1519</v>
      </c>
      <c r="K2096" s="2" t="s">
        <v>1520</v>
      </c>
      <c r="L2096" s="5" t="s">
        <v>1519</v>
      </c>
      <c r="M2096" s="2" t="s">
        <v>1520</v>
      </c>
      <c r="N2096" s="5" t="s">
        <v>1521</v>
      </c>
      <c r="O2096" s="5" t="s">
        <v>38</v>
      </c>
      <c r="P2096" s="5" t="s">
        <v>39</v>
      </c>
      <c r="Q2096" s="5" t="s">
        <v>40</v>
      </c>
      <c r="R2096" s="5" t="s">
        <v>1522</v>
      </c>
      <c r="S2096" s="5" t="s">
        <v>1523</v>
      </c>
      <c r="T2096" s="5" t="s">
        <v>42</v>
      </c>
      <c r="U2096" s="2">
        <v>3.4950000000000001</v>
      </c>
      <c r="V2096" s="2">
        <v>2.988</v>
      </c>
      <c r="W2096" s="2">
        <v>1.7999999999999999E-2</v>
      </c>
      <c r="X2096" s="2">
        <v>139.1</v>
      </c>
      <c r="Y2096" s="2">
        <v>7.6</v>
      </c>
      <c r="Z2096" s="2">
        <v>16.7</v>
      </c>
      <c r="AA2096" s="5"/>
      <c r="AB2096" s="5" t="s">
        <v>43</v>
      </c>
      <c r="AC2096" s="5" t="s">
        <v>44</v>
      </c>
      <c r="AD2096" s="2"/>
      <c r="AE2096" s="1"/>
    </row>
    <row r="2097" spans="1:31" ht="14.45">
      <c r="A2097" s="11"/>
      <c r="B2097" s="20"/>
      <c r="C2097" s="2" t="s">
        <v>6712</v>
      </c>
      <c r="D2097" s="14" t="s">
        <v>6713</v>
      </c>
      <c r="E2097" s="2" t="s">
        <v>6714</v>
      </c>
      <c r="F2097" s="2" t="s">
        <v>1843</v>
      </c>
      <c r="G2097" s="8">
        <v>237</v>
      </c>
      <c r="H2097" s="5">
        <v>13</v>
      </c>
      <c r="I2097" s="5" t="s">
        <v>1518</v>
      </c>
      <c r="J2097" s="5" t="s">
        <v>1519</v>
      </c>
      <c r="K2097" s="2" t="s">
        <v>1520</v>
      </c>
      <c r="L2097" s="5" t="s">
        <v>1519</v>
      </c>
      <c r="M2097" s="2" t="s">
        <v>1520</v>
      </c>
      <c r="N2097" s="5" t="s">
        <v>1521</v>
      </c>
      <c r="O2097" s="5" t="s">
        <v>38</v>
      </c>
      <c r="P2097" s="5" t="s">
        <v>39</v>
      </c>
      <c r="Q2097" s="5" t="s">
        <v>40</v>
      </c>
      <c r="R2097" s="5" t="s">
        <v>1522</v>
      </c>
      <c r="S2097" s="5" t="s">
        <v>1523</v>
      </c>
      <c r="T2097" s="5" t="s">
        <v>42</v>
      </c>
      <c r="U2097" s="2">
        <v>3.4289999999999998</v>
      </c>
      <c r="V2097" s="2">
        <v>2.9220000000000002</v>
      </c>
      <c r="W2097" s="2">
        <v>1.7999999999999999E-2</v>
      </c>
      <c r="X2097" s="2">
        <v>139.1</v>
      </c>
      <c r="Y2097" s="2">
        <v>7.6</v>
      </c>
      <c r="Z2097" s="2">
        <v>16.7</v>
      </c>
      <c r="AA2097" s="5"/>
      <c r="AB2097" s="5" t="s">
        <v>43</v>
      </c>
      <c r="AC2097" s="5" t="s">
        <v>44</v>
      </c>
      <c r="AD2097" s="2"/>
      <c r="AE2097" s="1"/>
    </row>
    <row r="2098" spans="1:31" ht="14.45">
      <c r="A2098" s="11"/>
      <c r="B2098" s="20"/>
      <c r="C2098" s="2" t="s">
        <v>6715</v>
      </c>
      <c r="D2098" s="14" t="s">
        <v>6716</v>
      </c>
      <c r="E2098" s="2" t="s">
        <v>6717</v>
      </c>
      <c r="F2098" s="2" t="s">
        <v>1847</v>
      </c>
      <c r="G2098" s="8">
        <v>237</v>
      </c>
      <c r="H2098" s="5">
        <v>13</v>
      </c>
      <c r="I2098" s="5" t="s">
        <v>1518</v>
      </c>
      <c r="J2098" s="5" t="s">
        <v>1519</v>
      </c>
      <c r="K2098" s="2" t="s">
        <v>1520</v>
      </c>
      <c r="L2098" s="5" t="s">
        <v>1519</v>
      </c>
      <c r="M2098" s="2" t="s">
        <v>1520</v>
      </c>
      <c r="N2098" s="5" t="s">
        <v>1521</v>
      </c>
      <c r="O2098" s="5" t="s">
        <v>38</v>
      </c>
      <c r="P2098" s="5" t="s">
        <v>39</v>
      </c>
      <c r="Q2098" s="5" t="s">
        <v>40</v>
      </c>
      <c r="R2098" s="5" t="s">
        <v>1522</v>
      </c>
      <c r="S2098" s="5" t="s">
        <v>1523</v>
      </c>
      <c r="T2098" s="5" t="s">
        <v>42</v>
      </c>
      <c r="U2098" s="2">
        <v>3.4950000000000001</v>
      </c>
      <c r="V2098" s="2">
        <v>2.988</v>
      </c>
      <c r="W2098" s="2">
        <v>1.7999999999999999E-2</v>
      </c>
      <c r="X2098" s="2">
        <v>139.1</v>
      </c>
      <c r="Y2098" s="2">
        <v>7.6</v>
      </c>
      <c r="Z2098" s="2">
        <v>16.7</v>
      </c>
      <c r="AA2098" s="5"/>
      <c r="AB2098" s="5" t="s">
        <v>43</v>
      </c>
      <c r="AC2098" s="5" t="s">
        <v>44</v>
      </c>
      <c r="AD2098" s="2"/>
      <c r="AE2098" s="1"/>
    </row>
    <row r="2099" spans="1:31" ht="14.45">
      <c r="A2099" s="11"/>
      <c r="B2099" s="20"/>
      <c r="C2099" s="2" t="s">
        <v>6718</v>
      </c>
      <c r="D2099" s="14" t="s">
        <v>6719</v>
      </c>
      <c r="E2099" s="2" t="s">
        <v>6720</v>
      </c>
      <c r="F2099" s="2" t="s">
        <v>1851</v>
      </c>
      <c r="G2099" s="8">
        <v>237</v>
      </c>
      <c r="H2099" s="5">
        <v>13</v>
      </c>
      <c r="I2099" s="5" t="s">
        <v>1518</v>
      </c>
      <c r="J2099" s="5" t="s">
        <v>1519</v>
      </c>
      <c r="K2099" s="2" t="s">
        <v>1520</v>
      </c>
      <c r="L2099" s="5" t="s">
        <v>1519</v>
      </c>
      <c r="M2099" s="2" t="s">
        <v>1520</v>
      </c>
      <c r="N2099" s="5" t="s">
        <v>1521</v>
      </c>
      <c r="O2099" s="5" t="s">
        <v>38</v>
      </c>
      <c r="P2099" s="5" t="s">
        <v>39</v>
      </c>
      <c r="Q2099" s="5" t="s">
        <v>40</v>
      </c>
      <c r="R2099" s="5" t="s">
        <v>1522</v>
      </c>
      <c r="S2099" s="5" t="s">
        <v>1523</v>
      </c>
      <c r="T2099" s="5" t="s">
        <v>42</v>
      </c>
      <c r="U2099" s="2">
        <v>3.4289999999999998</v>
      </c>
      <c r="V2099" s="2">
        <v>2.9220000000000002</v>
      </c>
      <c r="W2099" s="2">
        <v>1.7999999999999999E-2</v>
      </c>
      <c r="X2099" s="2">
        <v>139.1</v>
      </c>
      <c r="Y2099" s="2">
        <v>7.6</v>
      </c>
      <c r="Z2099" s="2">
        <v>16.7</v>
      </c>
      <c r="AA2099" s="5"/>
      <c r="AB2099" s="5" t="s">
        <v>43</v>
      </c>
      <c r="AC2099" s="5" t="s">
        <v>44</v>
      </c>
      <c r="AD2099" s="2"/>
      <c r="AE2099" s="1"/>
    </row>
    <row r="2100" spans="1:31" ht="14.45">
      <c r="A2100" s="11"/>
      <c r="B2100" s="20"/>
      <c r="C2100" s="2" t="s">
        <v>6721</v>
      </c>
      <c r="D2100" s="14" t="s">
        <v>6722</v>
      </c>
      <c r="E2100" s="2" t="s">
        <v>6723</v>
      </c>
      <c r="F2100" s="2" t="s">
        <v>1999</v>
      </c>
      <c r="G2100" s="8">
        <v>237</v>
      </c>
      <c r="H2100" s="5">
        <v>13</v>
      </c>
      <c r="I2100" s="5" t="s">
        <v>1518</v>
      </c>
      <c r="J2100" s="5" t="s">
        <v>1519</v>
      </c>
      <c r="K2100" s="2" t="s">
        <v>1520</v>
      </c>
      <c r="L2100" s="5" t="s">
        <v>1519</v>
      </c>
      <c r="M2100" s="2" t="s">
        <v>1520</v>
      </c>
      <c r="N2100" s="5" t="s">
        <v>1521</v>
      </c>
      <c r="O2100" s="5" t="s">
        <v>38</v>
      </c>
      <c r="P2100" s="5" t="s">
        <v>39</v>
      </c>
      <c r="Q2100" s="5" t="s">
        <v>40</v>
      </c>
      <c r="R2100" s="5" t="s">
        <v>1522</v>
      </c>
      <c r="S2100" s="5" t="s">
        <v>1523</v>
      </c>
      <c r="T2100" s="5" t="s">
        <v>42</v>
      </c>
      <c r="U2100" s="2">
        <v>3.4950000000000001</v>
      </c>
      <c r="V2100" s="2">
        <v>2.988</v>
      </c>
      <c r="W2100" s="2">
        <v>1.7999999999999999E-2</v>
      </c>
      <c r="X2100" s="2">
        <v>139.1</v>
      </c>
      <c r="Y2100" s="2">
        <v>7.6</v>
      </c>
      <c r="Z2100" s="2">
        <v>16.7</v>
      </c>
      <c r="AA2100" s="5"/>
      <c r="AB2100" s="5" t="s">
        <v>43</v>
      </c>
      <c r="AC2100" s="5" t="s">
        <v>44</v>
      </c>
      <c r="AD2100" s="2"/>
      <c r="AE2100" s="1"/>
    </row>
    <row r="2101" spans="1:31" ht="14.45">
      <c r="A2101" s="11"/>
      <c r="B2101" s="20"/>
      <c r="C2101" s="2" t="s">
        <v>6724</v>
      </c>
      <c r="D2101" s="14" t="s">
        <v>6725</v>
      </c>
      <c r="E2101" s="2" t="s">
        <v>6726</v>
      </c>
      <c r="F2101" s="2" t="s">
        <v>1855</v>
      </c>
      <c r="G2101" s="8">
        <v>237</v>
      </c>
      <c r="H2101" s="5">
        <v>13</v>
      </c>
      <c r="I2101" s="5" t="s">
        <v>1518</v>
      </c>
      <c r="J2101" s="5" t="s">
        <v>1519</v>
      </c>
      <c r="K2101" s="2" t="s">
        <v>1520</v>
      </c>
      <c r="L2101" s="5" t="s">
        <v>1519</v>
      </c>
      <c r="M2101" s="2" t="s">
        <v>1520</v>
      </c>
      <c r="N2101" s="5" t="s">
        <v>1521</v>
      </c>
      <c r="O2101" s="5" t="s">
        <v>38</v>
      </c>
      <c r="P2101" s="5" t="s">
        <v>39</v>
      </c>
      <c r="Q2101" s="5" t="s">
        <v>40</v>
      </c>
      <c r="R2101" s="5" t="s">
        <v>1522</v>
      </c>
      <c r="S2101" s="5" t="s">
        <v>1523</v>
      </c>
      <c r="T2101" s="5" t="s">
        <v>42</v>
      </c>
      <c r="U2101" s="2">
        <v>3.4289999999999998</v>
      </c>
      <c r="V2101" s="2">
        <v>2.9220000000000002</v>
      </c>
      <c r="W2101" s="2">
        <v>1.7999999999999999E-2</v>
      </c>
      <c r="X2101" s="2">
        <v>139.1</v>
      </c>
      <c r="Y2101" s="2">
        <v>7.6</v>
      </c>
      <c r="Z2101" s="2">
        <v>16.7</v>
      </c>
      <c r="AA2101" s="5"/>
      <c r="AB2101" s="5" t="s">
        <v>43</v>
      </c>
      <c r="AC2101" s="5" t="s">
        <v>44</v>
      </c>
      <c r="AD2101" s="2"/>
      <c r="AE2101" s="1"/>
    </row>
    <row r="2102" spans="1:31" ht="14.45">
      <c r="A2102" s="11"/>
      <c r="B2102" s="20"/>
      <c r="C2102" s="2" t="s">
        <v>6727</v>
      </c>
      <c r="D2102" s="14" t="s">
        <v>6728</v>
      </c>
      <c r="E2102" s="2" t="s">
        <v>6729</v>
      </c>
      <c r="F2102" s="2" t="s">
        <v>1859</v>
      </c>
      <c r="G2102" s="8">
        <v>237</v>
      </c>
      <c r="H2102" s="5">
        <v>13</v>
      </c>
      <c r="I2102" s="5" t="s">
        <v>1518</v>
      </c>
      <c r="J2102" s="5" t="s">
        <v>1519</v>
      </c>
      <c r="K2102" s="2" t="s">
        <v>1520</v>
      </c>
      <c r="L2102" s="5" t="s">
        <v>1519</v>
      </c>
      <c r="M2102" s="2" t="s">
        <v>1520</v>
      </c>
      <c r="N2102" s="5" t="s">
        <v>1521</v>
      </c>
      <c r="O2102" s="5" t="s">
        <v>38</v>
      </c>
      <c r="P2102" s="5" t="s">
        <v>39</v>
      </c>
      <c r="Q2102" s="5" t="s">
        <v>40</v>
      </c>
      <c r="R2102" s="5" t="s">
        <v>1522</v>
      </c>
      <c r="S2102" s="5" t="s">
        <v>1523</v>
      </c>
      <c r="T2102" s="5" t="s">
        <v>42</v>
      </c>
      <c r="U2102" s="2">
        <v>3.4950000000000001</v>
      </c>
      <c r="V2102" s="2">
        <v>2.988</v>
      </c>
      <c r="W2102" s="2">
        <v>1.7999999999999999E-2</v>
      </c>
      <c r="X2102" s="2">
        <v>139.1</v>
      </c>
      <c r="Y2102" s="2">
        <v>7.6</v>
      </c>
      <c r="Z2102" s="2">
        <v>16.7</v>
      </c>
      <c r="AA2102" s="5"/>
      <c r="AB2102" s="5" t="s">
        <v>43</v>
      </c>
      <c r="AC2102" s="5" t="s">
        <v>44</v>
      </c>
      <c r="AD2102" s="2"/>
      <c r="AE2102" s="1"/>
    </row>
    <row r="2103" spans="1:31" ht="14.45">
      <c r="A2103" s="11"/>
      <c r="B2103" s="20"/>
      <c r="C2103" s="2" t="s">
        <v>6730</v>
      </c>
      <c r="D2103" s="14" t="s">
        <v>6731</v>
      </c>
      <c r="E2103" s="2" t="s">
        <v>6732</v>
      </c>
      <c r="F2103" s="2" t="s">
        <v>1863</v>
      </c>
      <c r="G2103" s="8">
        <v>237</v>
      </c>
      <c r="H2103" s="5">
        <v>11</v>
      </c>
      <c r="I2103" s="5" t="s">
        <v>1518</v>
      </c>
      <c r="J2103" s="5" t="s">
        <v>1519</v>
      </c>
      <c r="K2103" s="2" t="s">
        <v>1520</v>
      </c>
      <c r="L2103" s="5" t="s">
        <v>1519</v>
      </c>
      <c r="M2103" s="2" t="s">
        <v>1520</v>
      </c>
      <c r="N2103" s="5" t="s">
        <v>1521</v>
      </c>
      <c r="O2103" s="5" t="s">
        <v>38</v>
      </c>
      <c r="P2103" s="5" t="s">
        <v>39</v>
      </c>
      <c r="Q2103" s="5" t="s">
        <v>40</v>
      </c>
      <c r="R2103" s="5" t="s">
        <v>1522</v>
      </c>
      <c r="S2103" s="5" t="s">
        <v>1523</v>
      </c>
      <c r="T2103" s="5" t="s">
        <v>42</v>
      </c>
      <c r="U2103" s="2">
        <v>3.339</v>
      </c>
      <c r="V2103" s="2">
        <v>2.8319999999999999</v>
      </c>
      <c r="W2103" s="2">
        <v>1.7999999999999999E-2</v>
      </c>
      <c r="X2103" s="2">
        <v>139.1</v>
      </c>
      <c r="Y2103" s="2">
        <v>7.6</v>
      </c>
      <c r="Z2103" s="2">
        <v>16.7</v>
      </c>
      <c r="AA2103" s="5"/>
      <c r="AB2103" s="5" t="s">
        <v>43</v>
      </c>
      <c r="AC2103" s="5" t="s">
        <v>44</v>
      </c>
      <c r="AD2103" s="2"/>
      <c r="AE2103" s="1"/>
    </row>
    <row r="2104" spans="1:31" ht="14.45">
      <c r="A2104" s="11"/>
      <c r="B2104" s="20"/>
      <c r="C2104" s="2" t="s">
        <v>6733</v>
      </c>
      <c r="D2104" s="14" t="s">
        <v>6734</v>
      </c>
      <c r="E2104" s="2" t="s">
        <v>6735</v>
      </c>
      <c r="F2104" s="2" t="s">
        <v>1867</v>
      </c>
      <c r="G2104" s="8">
        <v>237</v>
      </c>
      <c r="H2104" s="5">
        <v>11</v>
      </c>
      <c r="I2104" s="5" t="s">
        <v>1518</v>
      </c>
      <c r="J2104" s="5" t="s">
        <v>1519</v>
      </c>
      <c r="K2104" s="2" t="s">
        <v>1520</v>
      </c>
      <c r="L2104" s="5" t="s">
        <v>1519</v>
      </c>
      <c r="M2104" s="2" t="s">
        <v>1520</v>
      </c>
      <c r="N2104" s="5" t="s">
        <v>1521</v>
      </c>
      <c r="O2104" s="5" t="s">
        <v>38</v>
      </c>
      <c r="P2104" s="5" t="s">
        <v>39</v>
      </c>
      <c r="Q2104" s="5" t="s">
        <v>40</v>
      </c>
      <c r="R2104" s="5" t="s">
        <v>1522</v>
      </c>
      <c r="S2104" s="5" t="s">
        <v>1523</v>
      </c>
      <c r="T2104" s="5" t="s">
        <v>42</v>
      </c>
      <c r="U2104" s="2">
        <v>3.4049999999999998</v>
      </c>
      <c r="V2104" s="2">
        <v>2.8980000000000001</v>
      </c>
      <c r="W2104" s="2">
        <v>1.7999999999999999E-2</v>
      </c>
      <c r="X2104" s="2">
        <v>139.1</v>
      </c>
      <c r="Y2104" s="2">
        <v>7.6</v>
      </c>
      <c r="Z2104" s="2">
        <v>16.7</v>
      </c>
      <c r="AA2104" s="5"/>
      <c r="AB2104" s="5" t="s">
        <v>43</v>
      </c>
      <c r="AC2104" s="5" t="s">
        <v>44</v>
      </c>
      <c r="AD2104" s="2"/>
      <c r="AE2104" s="1"/>
    </row>
    <row r="2105" spans="1:31" ht="14.45">
      <c r="A2105" s="11"/>
      <c r="B2105" s="20"/>
      <c r="C2105" s="2" t="s">
        <v>6736</v>
      </c>
      <c r="D2105" s="14" t="s">
        <v>6737</v>
      </c>
      <c r="E2105" s="2" t="s">
        <v>6738</v>
      </c>
      <c r="F2105" s="2" t="s">
        <v>1695</v>
      </c>
      <c r="G2105" s="8">
        <v>228</v>
      </c>
      <c r="H2105" s="5">
        <v>6</v>
      </c>
      <c r="I2105" s="5" t="s">
        <v>1518</v>
      </c>
      <c r="J2105" s="5" t="s">
        <v>1519</v>
      </c>
      <c r="K2105" s="2" t="s">
        <v>1520</v>
      </c>
      <c r="L2105" s="5" t="s">
        <v>1519</v>
      </c>
      <c r="M2105" s="2" t="s">
        <v>1520</v>
      </c>
      <c r="N2105" s="5" t="s">
        <v>1521</v>
      </c>
      <c r="O2105" s="5" t="s">
        <v>38</v>
      </c>
      <c r="P2105" s="5" t="s">
        <v>39</v>
      </c>
      <c r="Q2105" s="5" t="s">
        <v>40</v>
      </c>
      <c r="R2105" s="5" t="s">
        <v>1522</v>
      </c>
      <c r="S2105" s="5" t="s">
        <v>1523</v>
      </c>
      <c r="T2105" s="5" t="s">
        <v>42</v>
      </c>
      <c r="U2105" s="2">
        <v>3.5219999999999998</v>
      </c>
      <c r="V2105" s="2">
        <v>3.0209999999999999</v>
      </c>
      <c r="W2105" s="2">
        <v>1.7999999999999999E-2</v>
      </c>
      <c r="X2105" s="2">
        <v>139.1</v>
      </c>
      <c r="Y2105" s="2">
        <v>7.6</v>
      </c>
      <c r="Z2105" s="2">
        <v>16.7</v>
      </c>
      <c r="AA2105" s="5"/>
      <c r="AB2105" s="5" t="s">
        <v>43</v>
      </c>
      <c r="AC2105" s="5" t="s">
        <v>44</v>
      </c>
      <c r="AD2105" s="2"/>
      <c r="AE2105" s="1"/>
    </row>
    <row r="2106" spans="1:31" ht="14.45">
      <c r="A2106" s="11"/>
      <c r="B2106" s="20"/>
      <c r="C2106" s="2" t="s">
        <v>6739</v>
      </c>
      <c r="D2106" s="14" t="s">
        <v>6740</v>
      </c>
      <c r="E2106" s="2" t="s">
        <v>6741</v>
      </c>
      <c r="F2106" s="2" t="s">
        <v>1699</v>
      </c>
      <c r="G2106" s="8">
        <v>228</v>
      </c>
      <c r="H2106" s="5">
        <v>6</v>
      </c>
      <c r="I2106" s="5" t="s">
        <v>1518</v>
      </c>
      <c r="J2106" s="5" t="s">
        <v>1519</v>
      </c>
      <c r="K2106" s="2" t="s">
        <v>1520</v>
      </c>
      <c r="L2106" s="5" t="s">
        <v>1519</v>
      </c>
      <c r="M2106" s="2" t="s">
        <v>1520</v>
      </c>
      <c r="N2106" s="5" t="s">
        <v>1521</v>
      </c>
      <c r="O2106" s="5" t="s">
        <v>38</v>
      </c>
      <c r="P2106" s="5" t="s">
        <v>39</v>
      </c>
      <c r="Q2106" s="5" t="s">
        <v>40</v>
      </c>
      <c r="R2106" s="5" t="s">
        <v>1522</v>
      </c>
      <c r="S2106" s="5" t="s">
        <v>1523</v>
      </c>
      <c r="T2106" s="5" t="s">
        <v>42</v>
      </c>
      <c r="U2106" s="2">
        <v>3.593</v>
      </c>
      <c r="V2106" s="2">
        <v>3.0920000000000001</v>
      </c>
      <c r="W2106" s="2">
        <v>1.7999999999999999E-2</v>
      </c>
      <c r="X2106" s="2">
        <v>139.1</v>
      </c>
      <c r="Y2106" s="2">
        <v>7.6</v>
      </c>
      <c r="Z2106" s="2">
        <v>16.7</v>
      </c>
      <c r="AA2106" s="5"/>
      <c r="AB2106" s="5" t="s">
        <v>43</v>
      </c>
      <c r="AC2106" s="5" t="s">
        <v>44</v>
      </c>
      <c r="AD2106" s="2"/>
      <c r="AE2106" s="1"/>
    </row>
    <row r="2107" spans="1:31" ht="14.45">
      <c r="A2107" s="11"/>
      <c r="B2107" s="20"/>
      <c r="C2107" s="2" t="s">
        <v>6742</v>
      </c>
      <c r="D2107" s="14" t="s">
        <v>6743</v>
      </c>
      <c r="E2107" s="2" t="s">
        <v>6744</v>
      </c>
      <c r="F2107" s="2" t="s">
        <v>1703</v>
      </c>
      <c r="G2107" s="8">
        <v>228</v>
      </c>
      <c r="H2107" s="5">
        <v>6</v>
      </c>
      <c r="I2107" s="5" t="s">
        <v>1518</v>
      </c>
      <c r="J2107" s="5" t="s">
        <v>1519</v>
      </c>
      <c r="K2107" s="2" t="s">
        <v>1520</v>
      </c>
      <c r="L2107" s="5" t="s">
        <v>1519</v>
      </c>
      <c r="M2107" s="2" t="s">
        <v>1520</v>
      </c>
      <c r="N2107" s="5" t="s">
        <v>1521</v>
      </c>
      <c r="O2107" s="5" t="s">
        <v>38</v>
      </c>
      <c r="P2107" s="5" t="s">
        <v>39</v>
      </c>
      <c r="Q2107" s="5" t="s">
        <v>40</v>
      </c>
      <c r="R2107" s="5" t="s">
        <v>1522</v>
      </c>
      <c r="S2107" s="5" t="s">
        <v>1523</v>
      </c>
      <c r="T2107" s="5" t="s">
        <v>42</v>
      </c>
      <c r="U2107" s="2">
        <v>3.5379999999999998</v>
      </c>
      <c r="V2107" s="2">
        <v>3.0369999999999999</v>
      </c>
      <c r="W2107" s="2">
        <v>1.7999999999999999E-2</v>
      </c>
      <c r="X2107" s="2">
        <v>139.1</v>
      </c>
      <c r="Y2107" s="2">
        <v>7.6</v>
      </c>
      <c r="Z2107" s="2">
        <v>16.7</v>
      </c>
      <c r="AA2107" s="5"/>
      <c r="AB2107" s="5" t="s">
        <v>43</v>
      </c>
      <c r="AC2107" s="5" t="s">
        <v>44</v>
      </c>
      <c r="AD2107" s="2"/>
      <c r="AE2107" s="1"/>
    </row>
    <row r="2108" spans="1:31" ht="14.45">
      <c r="A2108" s="11"/>
      <c r="B2108" s="20"/>
      <c r="C2108" s="2" t="s">
        <v>6745</v>
      </c>
      <c r="D2108" s="14" t="s">
        <v>6746</v>
      </c>
      <c r="E2108" s="2" t="s">
        <v>6747</v>
      </c>
      <c r="F2108" s="2" t="s">
        <v>1707</v>
      </c>
      <c r="G2108" s="8">
        <v>228</v>
      </c>
      <c r="H2108" s="5">
        <v>6</v>
      </c>
      <c r="I2108" s="5" t="s">
        <v>1518</v>
      </c>
      <c r="J2108" s="5" t="s">
        <v>1519</v>
      </c>
      <c r="K2108" s="2" t="s">
        <v>1520</v>
      </c>
      <c r="L2108" s="5" t="s">
        <v>1519</v>
      </c>
      <c r="M2108" s="2" t="s">
        <v>1520</v>
      </c>
      <c r="N2108" s="5" t="s">
        <v>1521</v>
      </c>
      <c r="O2108" s="5" t="s">
        <v>38</v>
      </c>
      <c r="P2108" s="5" t="s">
        <v>39</v>
      </c>
      <c r="Q2108" s="5" t="s">
        <v>40</v>
      </c>
      <c r="R2108" s="5" t="s">
        <v>1522</v>
      </c>
      <c r="S2108" s="5" t="s">
        <v>1523</v>
      </c>
      <c r="T2108" s="5" t="s">
        <v>42</v>
      </c>
      <c r="U2108" s="2">
        <v>3.609</v>
      </c>
      <c r="V2108" s="2">
        <v>3.1080000000000001</v>
      </c>
      <c r="W2108" s="2">
        <v>1.7999999999999999E-2</v>
      </c>
      <c r="X2108" s="2">
        <v>139.1</v>
      </c>
      <c r="Y2108" s="2">
        <v>7.6</v>
      </c>
      <c r="Z2108" s="2">
        <v>16.7</v>
      </c>
      <c r="AA2108" s="5"/>
      <c r="AB2108" s="5" t="s">
        <v>43</v>
      </c>
      <c r="AC2108" s="5" t="s">
        <v>44</v>
      </c>
      <c r="AD2108" s="2"/>
      <c r="AE2108" s="1"/>
    </row>
    <row r="2109" spans="1:31" ht="14.45">
      <c r="A2109" s="11"/>
      <c r="B2109" s="20"/>
      <c r="C2109" s="2" t="s">
        <v>6748</v>
      </c>
      <c r="D2109" s="14" t="s">
        <v>6749</v>
      </c>
      <c r="E2109" s="2" t="s">
        <v>6750</v>
      </c>
      <c r="F2109" s="2" t="s">
        <v>1711</v>
      </c>
      <c r="G2109" s="8">
        <v>228</v>
      </c>
      <c r="H2109" s="5">
        <v>6</v>
      </c>
      <c r="I2109" s="5" t="s">
        <v>1518</v>
      </c>
      <c r="J2109" s="5" t="s">
        <v>1519</v>
      </c>
      <c r="K2109" s="2" t="s">
        <v>1520</v>
      </c>
      <c r="L2109" s="5" t="s">
        <v>1519</v>
      </c>
      <c r="M2109" s="2" t="s">
        <v>1520</v>
      </c>
      <c r="N2109" s="5" t="s">
        <v>1521</v>
      </c>
      <c r="O2109" s="5" t="s">
        <v>38</v>
      </c>
      <c r="P2109" s="5" t="s">
        <v>39</v>
      </c>
      <c r="Q2109" s="5" t="s">
        <v>40</v>
      </c>
      <c r="R2109" s="5" t="s">
        <v>1522</v>
      </c>
      <c r="S2109" s="5" t="s">
        <v>1523</v>
      </c>
      <c r="T2109" s="5" t="s">
        <v>42</v>
      </c>
      <c r="U2109" s="2">
        <v>3.5379999999999998</v>
      </c>
      <c r="V2109" s="2">
        <v>3.0369999999999999</v>
      </c>
      <c r="W2109" s="2">
        <v>1.7999999999999999E-2</v>
      </c>
      <c r="X2109" s="2">
        <v>139.1</v>
      </c>
      <c r="Y2109" s="2">
        <v>7.6</v>
      </c>
      <c r="Z2109" s="2">
        <v>16.7</v>
      </c>
      <c r="AA2109" s="5"/>
      <c r="AB2109" s="5" t="s">
        <v>43</v>
      </c>
      <c r="AC2109" s="5" t="s">
        <v>44</v>
      </c>
      <c r="AD2109" s="2"/>
      <c r="AE2109" s="1"/>
    </row>
    <row r="2110" spans="1:31" ht="14.45">
      <c r="A2110" s="11"/>
      <c r="B2110" s="20"/>
      <c r="C2110" s="2" t="s">
        <v>6751</v>
      </c>
      <c r="D2110" s="14" t="s">
        <v>6752</v>
      </c>
      <c r="E2110" s="2" t="s">
        <v>6753</v>
      </c>
      <c r="F2110" s="2" t="s">
        <v>1715</v>
      </c>
      <c r="G2110" s="8">
        <v>228</v>
      </c>
      <c r="H2110" s="5">
        <v>6</v>
      </c>
      <c r="I2110" s="5" t="s">
        <v>1518</v>
      </c>
      <c r="J2110" s="5" t="s">
        <v>1519</v>
      </c>
      <c r="K2110" s="2" t="s">
        <v>1520</v>
      </c>
      <c r="L2110" s="5" t="s">
        <v>1519</v>
      </c>
      <c r="M2110" s="2" t="s">
        <v>1520</v>
      </c>
      <c r="N2110" s="5" t="s">
        <v>1521</v>
      </c>
      <c r="O2110" s="5" t="s">
        <v>38</v>
      </c>
      <c r="P2110" s="5" t="s">
        <v>39</v>
      </c>
      <c r="Q2110" s="5" t="s">
        <v>40</v>
      </c>
      <c r="R2110" s="5" t="s">
        <v>1522</v>
      </c>
      <c r="S2110" s="5" t="s">
        <v>1523</v>
      </c>
      <c r="T2110" s="5" t="s">
        <v>42</v>
      </c>
      <c r="U2110" s="2">
        <v>3.609</v>
      </c>
      <c r="V2110" s="2">
        <v>3.1080000000000001</v>
      </c>
      <c r="W2110" s="2">
        <v>1.7999999999999999E-2</v>
      </c>
      <c r="X2110" s="2">
        <v>139.1</v>
      </c>
      <c r="Y2110" s="2">
        <v>7.6</v>
      </c>
      <c r="Z2110" s="2">
        <v>16.7</v>
      </c>
      <c r="AA2110" s="5"/>
      <c r="AB2110" s="5" t="s">
        <v>43</v>
      </c>
      <c r="AC2110" s="5" t="s">
        <v>44</v>
      </c>
      <c r="AD2110" s="2"/>
      <c r="AE2110" s="1"/>
    </row>
    <row r="2111" spans="1:31" ht="14.45">
      <c r="A2111" s="11"/>
      <c r="B2111" s="20"/>
      <c r="C2111" s="2" t="s">
        <v>6754</v>
      </c>
      <c r="D2111" s="14" t="s">
        <v>6755</v>
      </c>
      <c r="E2111" s="2" t="s">
        <v>6756</v>
      </c>
      <c r="F2111" s="2" t="s">
        <v>1719</v>
      </c>
      <c r="G2111" s="8">
        <v>228</v>
      </c>
      <c r="H2111" s="5">
        <v>6</v>
      </c>
      <c r="I2111" s="5" t="s">
        <v>1518</v>
      </c>
      <c r="J2111" s="5" t="s">
        <v>1519</v>
      </c>
      <c r="K2111" s="2" t="s">
        <v>1520</v>
      </c>
      <c r="L2111" s="5" t="s">
        <v>1519</v>
      </c>
      <c r="M2111" s="2" t="s">
        <v>1520</v>
      </c>
      <c r="N2111" s="5" t="s">
        <v>1521</v>
      </c>
      <c r="O2111" s="5" t="s">
        <v>38</v>
      </c>
      <c r="P2111" s="5" t="s">
        <v>39</v>
      </c>
      <c r="Q2111" s="5" t="s">
        <v>40</v>
      </c>
      <c r="R2111" s="5" t="s">
        <v>1522</v>
      </c>
      <c r="S2111" s="5" t="s">
        <v>1523</v>
      </c>
      <c r="T2111" s="5" t="s">
        <v>42</v>
      </c>
      <c r="U2111" s="2">
        <v>3.488</v>
      </c>
      <c r="V2111" s="2">
        <v>2.9870000000000001</v>
      </c>
      <c r="W2111" s="2">
        <v>1.7999999999999999E-2</v>
      </c>
      <c r="X2111" s="2">
        <v>139.1</v>
      </c>
      <c r="Y2111" s="2">
        <v>7.6</v>
      </c>
      <c r="Z2111" s="2">
        <v>16.7</v>
      </c>
      <c r="AA2111" s="5"/>
      <c r="AB2111" s="5" t="s">
        <v>43</v>
      </c>
      <c r="AC2111" s="5" t="s">
        <v>44</v>
      </c>
      <c r="AD2111" s="2"/>
      <c r="AE2111" s="1"/>
    </row>
    <row r="2112" spans="1:31" ht="14.45">
      <c r="A2112" s="11"/>
      <c r="B2112" s="20"/>
      <c r="C2112" s="2" t="s">
        <v>6757</v>
      </c>
      <c r="D2112" s="14" t="s">
        <v>6758</v>
      </c>
      <c r="E2112" s="2" t="s">
        <v>6759</v>
      </c>
      <c r="F2112" s="2" t="s">
        <v>1723</v>
      </c>
      <c r="G2112" s="8">
        <v>228</v>
      </c>
      <c r="H2112" s="5">
        <v>6</v>
      </c>
      <c r="I2112" s="5" t="s">
        <v>1518</v>
      </c>
      <c r="J2112" s="5" t="s">
        <v>1519</v>
      </c>
      <c r="K2112" s="2" t="s">
        <v>1520</v>
      </c>
      <c r="L2112" s="5" t="s">
        <v>1519</v>
      </c>
      <c r="M2112" s="2" t="s">
        <v>1520</v>
      </c>
      <c r="N2112" s="5" t="s">
        <v>1521</v>
      </c>
      <c r="O2112" s="5" t="s">
        <v>38</v>
      </c>
      <c r="P2112" s="5" t="s">
        <v>39</v>
      </c>
      <c r="Q2112" s="5" t="s">
        <v>40</v>
      </c>
      <c r="R2112" s="5" t="s">
        <v>1522</v>
      </c>
      <c r="S2112" s="5" t="s">
        <v>1523</v>
      </c>
      <c r="T2112" s="5" t="s">
        <v>42</v>
      </c>
      <c r="U2112" s="2">
        <v>3.5590000000000002</v>
      </c>
      <c r="V2112" s="2">
        <v>3.0579999999999998</v>
      </c>
      <c r="W2112" s="2">
        <v>1.7999999999999999E-2</v>
      </c>
      <c r="X2112" s="2">
        <v>139.1</v>
      </c>
      <c r="Y2112" s="2">
        <v>7.6</v>
      </c>
      <c r="Z2112" s="2">
        <v>16.7</v>
      </c>
      <c r="AA2112" s="5"/>
      <c r="AB2112" s="5" t="s">
        <v>43</v>
      </c>
      <c r="AC2112" s="5" t="s">
        <v>44</v>
      </c>
      <c r="AD2112" s="2"/>
      <c r="AE2112" s="1"/>
    </row>
    <row r="2113" spans="1:31" ht="14.45">
      <c r="A2113" s="11"/>
      <c r="B2113" s="20"/>
      <c r="C2113" s="2" t="s">
        <v>6760</v>
      </c>
      <c r="D2113" s="14" t="s">
        <v>6761</v>
      </c>
      <c r="E2113" s="2" t="s">
        <v>6762</v>
      </c>
      <c r="F2113" s="2" t="s">
        <v>1727</v>
      </c>
      <c r="G2113" s="8">
        <v>262</v>
      </c>
      <c r="H2113" s="5">
        <v>6</v>
      </c>
      <c r="I2113" s="5" t="s">
        <v>1518</v>
      </c>
      <c r="J2113" s="5" t="s">
        <v>1519</v>
      </c>
      <c r="K2113" s="2" t="s">
        <v>1520</v>
      </c>
      <c r="L2113" s="5" t="s">
        <v>1519</v>
      </c>
      <c r="M2113" s="2" t="s">
        <v>1520</v>
      </c>
      <c r="N2113" s="5" t="s">
        <v>1521</v>
      </c>
      <c r="O2113" s="5" t="s">
        <v>38</v>
      </c>
      <c r="P2113" s="5" t="s">
        <v>39</v>
      </c>
      <c r="Q2113" s="5" t="s">
        <v>40</v>
      </c>
      <c r="R2113" s="5" t="s">
        <v>1522</v>
      </c>
      <c r="S2113" s="5" t="s">
        <v>1523</v>
      </c>
      <c r="T2113" s="5" t="s">
        <v>42</v>
      </c>
      <c r="U2113" s="2">
        <v>3.488</v>
      </c>
      <c r="V2113" s="2">
        <v>2.9870000000000001</v>
      </c>
      <c r="W2113" s="2">
        <v>1.7999999999999999E-2</v>
      </c>
      <c r="X2113" s="2">
        <v>139.1</v>
      </c>
      <c r="Y2113" s="2">
        <v>7.6</v>
      </c>
      <c r="Z2113" s="2">
        <v>16.7</v>
      </c>
      <c r="AA2113" s="5"/>
      <c r="AB2113" s="5" t="s">
        <v>43</v>
      </c>
      <c r="AC2113" s="5" t="s">
        <v>44</v>
      </c>
      <c r="AD2113" s="2"/>
      <c r="AE2113" s="1"/>
    </row>
    <row r="2114" spans="1:31" ht="14.45">
      <c r="A2114" s="11"/>
      <c r="B2114" s="20"/>
      <c r="C2114" s="2" t="s">
        <v>6763</v>
      </c>
      <c r="D2114" s="14" t="s">
        <v>6764</v>
      </c>
      <c r="E2114" s="2" t="s">
        <v>6765</v>
      </c>
      <c r="F2114" s="2" t="s">
        <v>1731</v>
      </c>
      <c r="G2114" s="8">
        <v>262</v>
      </c>
      <c r="H2114" s="5">
        <v>6</v>
      </c>
      <c r="I2114" s="5" t="s">
        <v>1518</v>
      </c>
      <c r="J2114" s="5" t="s">
        <v>1519</v>
      </c>
      <c r="K2114" s="2" t="s">
        <v>1520</v>
      </c>
      <c r="L2114" s="5" t="s">
        <v>1519</v>
      </c>
      <c r="M2114" s="2" t="s">
        <v>1520</v>
      </c>
      <c r="N2114" s="5" t="s">
        <v>1521</v>
      </c>
      <c r="O2114" s="5" t="s">
        <v>38</v>
      </c>
      <c r="P2114" s="5" t="s">
        <v>39</v>
      </c>
      <c r="Q2114" s="5" t="s">
        <v>40</v>
      </c>
      <c r="R2114" s="5" t="s">
        <v>1522</v>
      </c>
      <c r="S2114" s="5" t="s">
        <v>1523</v>
      </c>
      <c r="T2114" s="5" t="s">
        <v>42</v>
      </c>
      <c r="U2114" s="2">
        <v>3.5590000000000002</v>
      </c>
      <c r="V2114" s="2">
        <v>3.0579999999999998</v>
      </c>
      <c r="W2114" s="2">
        <v>1.7999999999999999E-2</v>
      </c>
      <c r="X2114" s="2">
        <v>139.1</v>
      </c>
      <c r="Y2114" s="2">
        <v>7.6</v>
      </c>
      <c r="Z2114" s="2">
        <v>16.7</v>
      </c>
      <c r="AA2114" s="5"/>
      <c r="AB2114" s="5" t="s">
        <v>43</v>
      </c>
      <c r="AC2114" s="5" t="s">
        <v>44</v>
      </c>
      <c r="AD2114" s="2"/>
      <c r="AE2114" s="1"/>
    </row>
    <row r="2115" spans="1:31" ht="14.45">
      <c r="A2115" s="11"/>
      <c r="B2115" s="20"/>
      <c r="C2115" s="2" t="s">
        <v>6766</v>
      </c>
      <c r="D2115" s="14" t="s">
        <v>6767</v>
      </c>
      <c r="E2115" s="2" t="s">
        <v>6768</v>
      </c>
      <c r="F2115" s="2" t="s">
        <v>1735</v>
      </c>
      <c r="G2115" s="8">
        <v>262</v>
      </c>
      <c r="H2115" s="5">
        <v>6</v>
      </c>
      <c r="I2115" s="5" t="s">
        <v>1518</v>
      </c>
      <c r="J2115" s="5" t="s">
        <v>1519</v>
      </c>
      <c r="K2115" s="2" t="s">
        <v>1520</v>
      </c>
      <c r="L2115" s="5" t="s">
        <v>1519</v>
      </c>
      <c r="M2115" s="2" t="s">
        <v>1520</v>
      </c>
      <c r="N2115" s="5" t="s">
        <v>1521</v>
      </c>
      <c r="O2115" s="5" t="s">
        <v>38</v>
      </c>
      <c r="P2115" s="5" t="s">
        <v>39</v>
      </c>
      <c r="Q2115" s="5" t="s">
        <v>40</v>
      </c>
      <c r="R2115" s="5" t="s">
        <v>1522</v>
      </c>
      <c r="S2115" s="5" t="s">
        <v>1523</v>
      </c>
      <c r="T2115" s="5" t="s">
        <v>42</v>
      </c>
      <c r="U2115" s="2">
        <v>3.5379999999999998</v>
      </c>
      <c r="V2115" s="2">
        <v>3.0369999999999999</v>
      </c>
      <c r="W2115" s="2">
        <v>1.7999999999999999E-2</v>
      </c>
      <c r="X2115" s="2">
        <v>139.1</v>
      </c>
      <c r="Y2115" s="2">
        <v>7.6</v>
      </c>
      <c r="Z2115" s="2">
        <v>16.7</v>
      </c>
      <c r="AA2115" s="5"/>
      <c r="AB2115" s="5" t="s">
        <v>43</v>
      </c>
      <c r="AC2115" s="5" t="s">
        <v>44</v>
      </c>
      <c r="AD2115" s="2"/>
      <c r="AE2115" s="1"/>
    </row>
    <row r="2116" spans="1:31" ht="14.45">
      <c r="A2116" s="11"/>
      <c r="B2116" s="20"/>
      <c r="C2116" s="2" t="s">
        <v>6769</v>
      </c>
      <c r="D2116" s="14" t="s">
        <v>6770</v>
      </c>
      <c r="E2116" s="2" t="s">
        <v>6771</v>
      </c>
      <c r="F2116" s="2" t="s">
        <v>1743</v>
      </c>
      <c r="G2116" s="8">
        <v>262</v>
      </c>
      <c r="H2116" s="5">
        <v>6</v>
      </c>
      <c r="I2116" s="5" t="s">
        <v>1518</v>
      </c>
      <c r="J2116" s="5" t="s">
        <v>1519</v>
      </c>
      <c r="K2116" s="2" t="s">
        <v>1520</v>
      </c>
      <c r="L2116" s="5" t="s">
        <v>1519</v>
      </c>
      <c r="M2116" s="2" t="s">
        <v>1520</v>
      </c>
      <c r="N2116" s="5" t="s">
        <v>1521</v>
      </c>
      <c r="O2116" s="5" t="s">
        <v>38</v>
      </c>
      <c r="P2116" s="5" t="s">
        <v>39</v>
      </c>
      <c r="Q2116" s="5" t="s">
        <v>40</v>
      </c>
      <c r="R2116" s="5" t="s">
        <v>1522</v>
      </c>
      <c r="S2116" s="5" t="s">
        <v>1523</v>
      </c>
      <c r="T2116" s="5" t="s">
        <v>42</v>
      </c>
      <c r="U2116" s="2">
        <v>3.488</v>
      </c>
      <c r="V2116" s="2">
        <v>2.9870000000000001</v>
      </c>
      <c r="W2116" s="2">
        <v>1.7999999999999999E-2</v>
      </c>
      <c r="X2116" s="2">
        <v>139.1</v>
      </c>
      <c r="Y2116" s="2">
        <v>7.6</v>
      </c>
      <c r="Z2116" s="2">
        <v>16.7</v>
      </c>
      <c r="AA2116" s="5"/>
      <c r="AB2116" s="5" t="s">
        <v>43</v>
      </c>
      <c r="AC2116" s="5" t="s">
        <v>44</v>
      </c>
      <c r="AD2116" s="2"/>
      <c r="AE2116" s="1"/>
    </row>
    <row r="2117" spans="1:31" ht="14.45">
      <c r="A2117" s="11"/>
      <c r="B2117" s="20"/>
      <c r="C2117" s="2" t="s">
        <v>6772</v>
      </c>
      <c r="D2117" s="14" t="s">
        <v>6773</v>
      </c>
      <c r="E2117" s="2" t="s">
        <v>6774</v>
      </c>
      <c r="F2117" s="2" t="s">
        <v>1767</v>
      </c>
      <c r="G2117" s="8">
        <v>262</v>
      </c>
      <c r="H2117" s="5">
        <v>6</v>
      </c>
      <c r="I2117" s="5" t="s">
        <v>1518</v>
      </c>
      <c r="J2117" s="5" t="s">
        <v>1519</v>
      </c>
      <c r="K2117" s="2" t="s">
        <v>1520</v>
      </c>
      <c r="L2117" s="5" t="s">
        <v>1519</v>
      </c>
      <c r="M2117" s="2" t="s">
        <v>1520</v>
      </c>
      <c r="N2117" s="5" t="s">
        <v>1521</v>
      </c>
      <c r="O2117" s="5" t="s">
        <v>38</v>
      </c>
      <c r="P2117" s="5" t="s">
        <v>39</v>
      </c>
      <c r="Q2117" s="5" t="s">
        <v>40</v>
      </c>
      <c r="R2117" s="5" t="s">
        <v>1522</v>
      </c>
      <c r="S2117" s="5" t="s">
        <v>1523</v>
      </c>
      <c r="T2117" s="5" t="s">
        <v>42</v>
      </c>
      <c r="U2117" s="2">
        <v>3.5379999999999998</v>
      </c>
      <c r="V2117" s="2">
        <v>3.0369999999999999</v>
      </c>
      <c r="W2117" s="2">
        <v>1.7999999999999999E-2</v>
      </c>
      <c r="X2117" s="2">
        <v>139.1</v>
      </c>
      <c r="Y2117" s="2">
        <v>7.6</v>
      </c>
      <c r="Z2117" s="2">
        <v>16.7</v>
      </c>
      <c r="AA2117" s="5"/>
      <c r="AB2117" s="5" t="s">
        <v>43</v>
      </c>
      <c r="AC2117" s="5" t="s">
        <v>44</v>
      </c>
      <c r="AD2117" s="2"/>
      <c r="AE2117" s="1"/>
    </row>
    <row r="2118" spans="1:31" ht="14.45">
      <c r="A2118" s="11"/>
      <c r="B2118" s="20"/>
      <c r="C2118" s="2" t="s">
        <v>6775</v>
      </c>
      <c r="D2118" s="14" t="s">
        <v>6776</v>
      </c>
      <c r="E2118" s="2" t="s">
        <v>6777</v>
      </c>
      <c r="F2118" s="2" t="s">
        <v>1775</v>
      </c>
      <c r="G2118" s="8">
        <v>262</v>
      </c>
      <c r="H2118" s="5">
        <v>6</v>
      </c>
      <c r="I2118" s="5" t="s">
        <v>1518</v>
      </c>
      <c r="J2118" s="5" t="s">
        <v>1519</v>
      </c>
      <c r="K2118" s="2" t="s">
        <v>1520</v>
      </c>
      <c r="L2118" s="5" t="s">
        <v>1519</v>
      </c>
      <c r="M2118" s="2" t="s">
        <v>1520</v>
      </c>
      <c r="N2118" s="5" t="s">
        <v>1521</v>
      </c>
      <c r="O2118" s="5" t="s">
        <v>38</v>
      </c>
      <c r="P2118" s="5" t="s">
        <v>39</v>
      </c>
      <c r="Q2118" s="5" t="s">
        <v>40</v>
      </c>
      <c r="R2118" s="5" t="s">
        <v>1522</v>
      </c>
      <c r="S2118" s="5" t="s">
        <v>1523</v>
      </c>
      <c r="T2118" s="5" t="s">
        <v>42</v>
      </c>
      <c r="U2118" s="2">
        <v>3.5379999999999998</v>
      </c>
      <c r="V2118" s="2">
        <v>3.0369999999999999</v>
      </c>
      <c r="W2118" s="2">
        <v>1.7999999999999999E-2</v>
      </c>
      <c r="X2118" s="2">
        <v>139.1</v>
      </c>
      <c r="Y2118" s="2">
        <v>7.6</v>
      </c>
      <c r="Z2118" s="2">
        <v>16.7</v>
      </c>
      <c r="AA2118" s="5"/>
      <c r="AB2118" s="5" t="s">
        <v>43</v>
      </c>
      <c r="AC2118" s="5" t="s">
        <v>44</v>
      </c>
      <c r="AD2118" s="2"/>
      <c r="AE2118" s="1"/>
    </row>
    <row r="2119" spans="1:31" ht="14.45">
      <c r="A2119" s="11"/>
      <c r="B2119" s="20"/>
      <c r="C2119" s="2" t="s">
        <v>6778</v>
      </c>
      <c r="D2119" s="14" t="s">
        <v>6779</v>
      </c>
      <c r="E2119" s="2" t="s">
        <v>6780</v>
      </c>
      <c r="F2119" s="2" t="s">
        <v>1783</v>
      </c>
      <c r="G2119" s="8">
        <v>262</v>
      </c>
      <c r="H2119" s="5">
        <v>6</v>
      </c>
      <c r="I2119" s="5" t="s">
        <v>1518</v>
      </c>
      <c r="J2119" s="5" t="s">
        <v>1519</v>
      </c>
      <c r="K2119" s="2" t="s">
        <v>1520</v>
      </c>
      <c r="L2119" s="5" t="s">
        <v>1519</v>
      </c>
      <c r="M2119" s="2" t="s">
        <v>1520</v>
      </c>
      <c r="N2119" s="5" t="s">
        <v>1521</v>
      </c>
      <c r="O2119" s="5" t="s">
        <v>38</v>
      </c>
      <c r="P2119" s="5" t="s">
        <v>39</v>
      </c>
      <c r="Q2119" s="5" t="s">
        <v>40</v>
      </c>
      <c r="R2119" s="5" t="s">
        <v>1522</v>
      </c>
      <c r="S2119" s="5" t="s">
        <v>1523</v>
      </c>
      <c r="T2119" s="5" t="s">
        <v>42</v>
      </c>
      <c r="U2119" s="2">
        <v>3.488</v>
      </c>
      <c r="V2119" s="2">
        <v>2.9870000000000001</v>
      </c>
      <c r="W2119" s="2">
        <v>1.7999999999999999E-2</v>
      </c>
      <c r="X2119" s="2">
        <v>139.1</v>
      </c>
      <c r="Y2119" s="2">
        <v>7.6</v>
      </c>
      <c r="Z2119" s="2">
        <v>16.7</v>
      </c>
      <c r="AA2119" s="5"/>
      <c r="AB2119" s="5" t="s">
        <v>43</v>
      </c>
      <c r="AC2119" s="5" t="s">
        <v>44</v>
      </c>
      <c r="AD2119" s="2"/>
      <c r="AE2119" s="1"/>
    </row>
    <row r="2120" spans="1:31" ht="14.45">
      <c r="A2120" s="11"/>
      <c r="B2120" s="20"/>
      <c r="C2120" s="2" t="s">
        <v>6781</v>
      </c>
      <c r="D2120" s="14" t="s">
        <v>6782</v>
      </c>
      <c r="E2120" s="2" t="s">
        <v>6783</v>
      </c>
      <c r="F2120" s="2" t="s">
        <v>1799</v>
      </c>
      <c r="G2120" s="8">
        <v>262</v>
      </c>
      <c r="H2120" s="5">
        <v>6</v>
      </c>
      <c r="I2120" s="5" t="s">
        <v>1518</v>
      </c>
      <c r="J2120" s="5" t="s">
        <v>1519</v>
      </c>
      <c r="K2120" s="2" t="s">
        <v>1520</v>
      </c>
      <c r="L2120" s="5" t="s">
        <v>1519</v>
      </c>
      <c r="M2120" s="2" t="s">
        <v>1520</v>
      </c>
      <c r="N2120" s="5" t="s">
        <v>1521</v>
      </c>
      <c r="O2120" s="5" t="s">
        <v>38</v>
      </c>
      <c r="P2120" s="5" t="s">
        <v>39</v>
      </c>
      <c r="Q2120" s="5" t="s">
        <v>40</v>
      </c>
      <c r="R2120" s="5" t="s">
        <v>1522</v>
      </c>
      <c r="S2120" s="5" t="s">
        <v>1523</v>
      </c>
      <c r="T2120" s="5" t="s">
        <v>42</v>
      </c>
      <c r="U2120" s="2">
        <v>3.5379999999999998</v>
      </c>
      <c r="V2120" s="2">
        <v>3.0369999999999999</v>
      </c>
      <c r="W2120" s="2">
        <v>1.7999999999999999E-2</v>
      </c>
      <c r="X2120" s="2">
        <v>139.1</v>
      </c>
      <c r="Y2120" s="2">
        <v>7.6</v>
      </c>
      <c r="Z2120" s="2">
        <v>16.7</v>
      </c>
      <c r="AA2120" s="5"/>
      <c r="AB2120" s="5" t="s">
        <v>43</v>
      </c>
      <c r="AC2120" s="5" t="s">
        <v>44</v>
      </c>
      <c r="AD2120" s="2"/>
      <c r="AE2120" s="1"/>
    </row>
    <row r="2121" spans="1:31" ht="14.45">
      <c r="A2121" s="11"/>
      <c r="B2121" s="20"/>
      <c r="C2121" s="2" t="s">
        <v>6784</v>
      </c>
      <c r="D2121" s="14" t="s">
        <v>6785</v>
      </c>
      <c r="E2121" s="2" t="s">
        <v>6786</v>
      </c>
      <c r="F2121" s="2" t="s">
        <v>1803</v>
      </c>
      <c r="G2121" s="8">
        <v>262</v>
      </c>
      <c r="H2121" s="5">
        <v>6</v>
      </c>
      <c r="I2121" s="5" t="s">
        <v>1518</v>
      </c>
      <c r="J2121" s="5" t="s">
        <v>1519</v>
      </c>
      <c r="K2121" s="2" t="s">
        <v>1520</v>
      </c>
      <c r="L2121" s="5" t="s">
        <v>1519</v>
      </c>
      <c r="M2121" s="2" t="s">
        <v>1520</v>
      </c>
      <c r="N2121" s="5" t="s">
        <v>1521</v>
      </c>
      <c r="O2121" s="5" t="s">
        <v>38</v>
      </c>
      <c r="P2121" s="5" t="s">
        <v>39</v>
      </c>
      <c r="Q2121" s="5" t="s">
        <v>40</v>
      </c>
      <c r="R2121" s="5" t="s">
        <v>1522</v>
      </c>
      <c r="S2121" s="5" t="s">
        <v>1523</v>
      </c>
      <c r="T2121" s="5" t="s">
        <v>42</v>
      </c>
      <c r="U2121" s="2">
        <v>3.609</v>
      </c>
      <c r="V2121" s="2">
        <v>3.1080000000000001</v>
      </c>
      <c r="W2121" s="2">
        <v>1.7999999999999999E-2</v>
      </c>
      <c r="X2121" s="2">
        <v>139.1</v>
      </c>
      <c r="Y2121" s="2">
        <v>7.6</v>
      </c>
      <c r="Z2121" s="2">
        <v>16.7</v>
      </c>
      <c r="AA2121" s="5"/>
      <c r="AB2121" s="5" t="s">
        <v>43</v>
      </c>
      <c r="AC2121" s="5" t="s">
        <v>44</v>
      </c>
      <c r="AD2121" s="2"/>
      <c r="AE2121" s="1"/>
    </row>
    <row r="2122" spans="1:31" ht="14.45">
      <c r="A2122" s="11"/>
      <c r="B2122" s="20"/>
      <c r="C2122" s="2" t="s">
        <v>6787</v>
      </c>
      <c r="D2122" s="14" t="s">
        <v>6788</v>
      </c>
      <c r="E2122" s="2" t="s">
        <v>6789</v>
      </c>
      <c r="F2122" s="2" t="s">
        <v>1807</v>
      </c>
      <c r="G2122" s="8">
        <v>262</v>
      </c>
      <c r="H2122" s="5">
        <v>6</v>
      </c>
      <c r="I2122" s="5" t="s">
        <v>1518</v>
      </c>
      <c r="J2122" s="5" t="s">
        <v>1519</v>
      </c>
      <c r="K2122" s="2" t="s">
        <v>1520</v>
      </c>
      <c r="L2122" s="5" t="s">
        <v>1519</v>
      </c>
      <c r="M2122" s="2" t="s">
        <v>1520</v>
      </c>
      <c r="N2122" s="5" t="s">
        <v>1521</v>
      </c>
      <c r="O2122" s="5" t="s">
        <v>38</v>
      </c>
      <c r="P2122" s="5" t="s">
        <v>39</v>
      </c>
      <c r="Q2122" s="5" t="s">
        <v>40</v>
      </c>
      <c r="R2122" s="5" t="s">
        <v>1522</v>
      </c>
      <c r="S2122" s="5" t="s">
        <v>1523</v>
      </c>
      <c r="T2122" s="5" t="s">
        <v>42</v>
      </c>
      <c r="U2122" s="2">
        <v>3.5379999999999998</v>
      </c>
      <c r="V2122" s="2">
        <v>3.0369999999999999</v>
      </c>
      <c r="W2122" s="2">
        <v>1.7999999999999999E-2</v>
      </c>
      <c r="X2122" s="2">
        <v>139.1</v>
      </c>
      <c r="Y2122" s="2">
        <v>7.6</v>
      </c>
      <c r="Z2122" s="2">
        <v>16.7</v>
      </c>
      <c r="AA2122" s="5"/>
      <c r="AB2122" s="5" t="s">
        <v>43</v>
      </c>
      <c r="AC2122" s="5" t="s">
        <v>44</v>
      </c>
      <c r="AD2122" s="2"/>
      <c r="AE2122" s="1"/>
    </row>
    <row r="2123" spans="1:31" ht="14.45">
      <c r="A2123" s="11"/>
      <c r="B2123" s="20"/>
      <c r="C2123" s="2" t="s">
        <v>6790</v>
      </c>
      <c r="D2123" s="14" t="s">
        <v>6791</v>
      </c>
      <c r="E2123" s="2" t="s">
        <v>6792</v>
      </c>
      <c r="F2123" s="2" t="s">
        <v>1815</v>
      </c>
      <c r="G2123" s="8">
        <v>262</v>
      </c>
      <c r="H2123" s="5">
        <v>6</v>
      </c>
      <c r="I2123" s="5" t="s">
        <v>1518</v>
      </c>
      <c r="J2123" s="5" t="s">
        <v>1519</v>
      </c>
      <c r="K2123" s="2" t="s">
        <v>1520</v>
      </c>
      <c r="L2123" s="5" t="s">
        <v>1519</v>
      </c>
      <c r="M2123" s="2" t="s">
        <v>1520</v>
      </c>
      <c r="N2123" s="5" t="s">
        <v>1521</v>
      </c>
      <c r="O2123" s="5" t="s">
        <v>38</v>
      </c>
      <c r="P2123" s="5" t="s">
        <v>39</v>
      </c>
      <c r="Q2123" s="5" t="s">
        <v>40</v>
      </c>
      <c r="R2123" s="5" t="s">
        <v>1522</v>
      </c>
      <c r="S2123" s="5" t="s">
        <v>1523</v>
      </c>
      <c r="T2123" s="5" t="s">
        <v>42</v>
      </c>
      <c r="U2123" s="2">
        <v>3.488</v>
      </c>
      <c r="V2123" s="2">
        <v>2.9870000000000001</v>
      </c>
      <c r="W2123" s="2">
        <v>1.7999999999999999E-2</v>
      </c>
      <c r="X2123" s="2">
        <v>139.1</v>
      </c>
      <c r="Y2123" s="2">
        <v>7.6</v>
      </c>
      <c r="Z2123" s="2">
        <v>16.7</v>
      </c>
      <c r="AA2123" s="5"/>
      <c r="AB2123" s="5" t="s">
        <v>43</v>
      </c>
      <c r="AC2123" s="5" t="s">
        <v>44</v>
      </c>
      <c r="AD2123" s="2"/>
      <c r="AE2123" s="1"/>
    </row>
    <row r="2124" spans="1:31" ht="14.45">
      <c r="A2124" s="11"/>
      <c r="B2124" s="20"/>
      <c r="C2124" s="2" t="s">
        <v>6793</v>
      </c>
      <c r="D2124" s="14" t="s">
        <v>6794</v>
      </c>
      <c r="E2124" s="2" t="s">
        <v>6795</v>
      </c>
      <c r="F2124" s="2" t="s">
        <v>1823</v>
      </c>
      <c r="G2124" s="8">
        <v>262</v>
      </c>
      <c r="H2124" s="5">
        <v>18</v>
      </c>
      <c r="I2124" s="5" t="s">
        <v>1518</v>
      </c>
      <c r="J2124" s="5" t="s">
        <v>1519</v>
      </c>
      <c r="K2124" s="2" t="s">
        <v>1520</v>
      </c>
      <c r="L2124" s="5" t="s">
        <v>1519</v>
      </c>
      <c r="M2124" s="2" t="s">
        <v>1520</v>
      </c>
      <c r="N2124" s="5" t="s">
        <v>1521</v>
      </c>
      <c r="O2124" s="5" t="s">
        <v>38</v>
      </c>
      <c r="P2124" s="5" t="s">
        <v>39</v>
      </c>
      <c r="Q2124" s="5" t="s">
        <v>40</v>
      </c>
      <c r="R2124" s="5" t="s">
        <v>1522</v>
      </c>
      <c r="S2124" s="5" t="s">
        <v>1523</v>
      </c>
      <c r="T2124" s="5" t="s">
        <v>42</v>
      </c>
      <c r="U2124" s="2">
        <v>3.5760000000000001</v>
      </c>
      <c r="V2124" s="2">
        <v>3.0750000000000002</v>
      </c>
      <c r="W2124" s="2">
        <v>1.7999999999999999E-2</v>
      </c>
      <c r="X2124" s="2">
        <v>139.1</v>
      </c>
      <c r="Y2124" s="2">
        <v>7.6</v>
      </c>
      <c r="Z2124" s="2">
        <v>16.7</v>
      </c>
      <c r="AA2124" s="5"/>
      <c r="AB2124" s="5" t="s">
        <v>43</v>
      </c>
      <c r="AC2124" s="5" t="s">
        <v>44</v>
      </c>
      <c r="AD2124" s="2"/>
      <c r="AE2124" s="1"/>
    </row>
    <row r="2125" spans="1:31" ht="14.45">
      <c r="A2125" s="11"/>
      <c r="B2125" s="20"/>
      <c r="C2125" s="2" t="s">
        <v>6796</v>
      </c>
      <c r="D2125" s="14" t="s">
        <v>6797</v>
      </c>
      <c r="E2125" s="2" t="s">
        <v>6798</v>
      </c>
      <c r="F2125" s="2" t="s">
        <v>2208</v>
      </c>
      <c r="G2125" s="8">
        <v>262</v>
      </c>
      <c r="H2125" s="5">
        <v>18</v>
      </c>
      <c r="I2125" s="5" t="s">
        <v>1518</v>
      </c>
      <c r="J2125" s="5" t="s">
        <v>1519</v>
      </c>
      <c r="K2125" s="2" t="s">
        <v>1520</v>
      </c>
      <c r="L2125" s="5" t="s">
        <v>1519</v>
      </c>
      <c r="M2125" s="2" t="s">
        <v>1520</v>
      </c>
      <c r="N2125" s="5" t="s">
        <v>1521</v>
      </c>
      <c r="O2125" s="5" t="s">
        <v>38</v>
      </c>
      <c r="P2125" s="5" t="s">
        <v>39</v>
      </c>
      <c r="Q2125" s="5" t="s">
        <v>40</v>
      </c>
      <c r="R2125" s="5" t="s">
        <v>1522</v>
      </c>
      <c r="S2125" s="5" t="s">
        <v>1523</v>
      </c>
      <c r="T2125" s="5" t="s">
        <v>42</v>
      </c>
      <c r="U2125" s="2">
        <v>3.5979999999999999</v>
      </c>
      <c r="V2125" s="2">
        <v>3.097</v>
      </c>
      <c r="W2125" s="2">
        <v>1.7999999999999999E-2</v>
      </c>
      <c r="X2125" s="2">
        <v>139.1</v>
      </c>
      <c r="Y2125" s="2">
        <v>7.6</v>
      </c>
      <c r="Z2125" s="2">
        <v>16.7</v>
      </c>
      <c r="AA2125" s="5"/>
      <c r="AB2125" s="5" t="s">
        <v>43</v>
      </c>
      <c r="AC2125" s="5" t="s">
        <v>44</v>
      </c>
      <c r="AD2125" s="2"/>
      <c r="AE2125" s="1"/>
    </row>
    <row r="2126" spans="1:31" ht="14.45">
      <c r="A2126" s="11"/>
      <c r="B2126" s="20"/>
      <c r="C2126" s="2" t="s">
        <v>6799</v>
      </c>
      <c r="D2126" s="14" t="s">
        <v>6800</v>
      </c>
      <c r="E2126" s="2" t="s">
        <v>6801</v>
      </c>
      <c r="F2126" s="2" t="s">
        <v>1831</v>
      </c>
      <c r="G2126" s="8">
        <v>262</v>
      </c>
      <c r="H2126" s="5">
        <v>18</v>
      </c>
      <c r="I2126" s="5" t="s">
        <v>1518</v>
      </c>
      <c r="J2126" s="5" t="s">
        <v>1519</v>
      </c>
      <c r="K2126" s="2" t="s">
        <v>1520</v>
      </c>
      <c r="L2126" s="5" t="s">
        <v>1519</v>
      </c>
      <c r="M2126" s="2" t="s">
        <v>1520</v>
      </c>
      <c r="N2126" s="5" t="s">
        <v>1521</v>
      </c>
      <c r="O2126" s="5" t="s">
        <v>38</v>
      </c>
      <c r="P2126" s="5" t="s">
        <v>39</v>
      </c>
      <c r="Q2126" s="5" t="s">
        <v>40</v>
      </c>
      <c r="R2126" s="5" t="s">
        <v>1522</v>
      </c>
      <c r="S2126" s="5" t="s">
        <v>1523</v>
      </c>
      <c r="T2126" s="5" t="s">
        <v>42</v>
      </c>
      <c r="U2126" s="2">
        <v>3.5979999999999999</v>
      </c>
      <c r="V2126" s="2">
        <v>3.097</v>
      </c>
      <c r="W2126" s="2">
        <v>1.7999999999999999E-2</v>
      </c>
      <c r="X2126" s="2">
        <v>139.1</v>
      </c>
      <c r="Y2126" s="2">
        <v>7.6</v>
      </c>
      <c r="Z2126" s="2">
        <v>16.7</v>
      </c>
      <c r="AA2126" s="5"/>
      <c r="AB2126" s="5" t="s">
        <v>43</v>
      </c>
      <c r="AC2126" s="5" t="s">
        <v>44</v>
      </c>
      <c r="AD2126" s="2"/>
      <c r="AE2126" s="1"/>
    </row>
    <row r="2127" spans="1:31" ht="14.45">
      <c r="A2127" s="11"/>
      <c r="B2127" s="20"/>
      <c r="C2127" s="2" t="s">
        <v>6802</v>
      </c>
      <c r="D2127" s="14" t="s">
        <v>6803</v>
      </c>
      <c r="E2127" s="2" t="s">
        <v>6804</v>
      </c>
      <c r="F2127" s="2" t="s">
        <v>1863</v>
      </c>
      <c r="G2127" s="8">
        <v>262</v>
      </c>
      <c r="H2127" s="5">
        <v>21</v>
      </c>
      <c r="I2127" s="5" t="s">
        <v>1518</v>
      </c>
      <c r="J2127" s="5" t="s">
        <v>1519</v>
      </c>
      <c r="K2127" s="2" t="s">
        <v>1520</v>
      </c>
      <c r="L2127" s="5" t="s">
        <v>1519</v>
      </c>
      <c r="M2127" s="2" t="s">
        <v>1520</v>
      </c>
      <c r="N2127" s="5" t="s">
        <v>1521</v>
      </c>
      <c r="O2127" s="5" t="s">
        <v>38</v>
      </c>
      <c r="P2127" s="5" t="s">
        <v>39</v>
      </c>
      <c r="Q2127" s="5" t="s">
        <v>40</v>
      </c>
      <c r="R2127" s="5" t="s">
        <v>1522</v>
      </c>
      <c r="S2127" s="5" t="s">
        <v>1523</v>
      </c>
      <c r="T2127" s="5" t="s">
        <v>42</v>
      </c>
      <c r="U2127" s="2">
        <v>3.4969999999999999</v>
      </c>
      <c r="V2127" s="2">
        <v>2.996</v>
      </c>
      <c r="W2127" s="2">
        <v>1.7999999999999999E-2</v>
      </c>
      <c r="X2127" s="2">
        <v>139.1</v>
      </c>
      <c r="Y2127" s="2">
        <v>7.6</v>
      </c>
      <c r="Z2127" s="2">
        <v>16.7</v>
      </c>
      <c r="AA2127" s="5"/>
      <c r="AB2127" s="5" t="s">
        <v>43</v>
      </c>
      <c r="AC2127" s="5" t="s">
        <v>44</v>
      </c>
      <c r="AD2127" s="2"/>
      <c r="AE2127" s="1"/>
    </row>
    <row r="2128" spans="1:31" ht="14.45">
      <c r="A2128" s="11"/>
      <c r="B2128" s="20"/>
      <c r="C2128" s="2" t="s">
        <v>6805</v>
      </c>
      <c r="D2128" s="14" t="s">
        <v>6806</v>
      </c>
      <c r="E2128" s="2" t="s">
        <v>6807</v>
      </c>
      <c r="F2128" s="2" t="s">
        <v>1867</v>
      </c>
      <c r="G2128" s="8">
        <v>262</v>
      </c>
      <c r="H2128" s="5">
        <v>21</v>
      </c>
      <c r="I2128" s="5" t="s">
        <v>1518</v>
      </c>
      <c r="J2128" s="5" t="s">
        <v>1519</v>
      </c>
      <c r="K2128" s="2" t="s">
        <v>1520</v>
      </c>
      <c r="L2128" s="5" t="s">
        <v>1519</v>
      </c>
      <c r="M2128" s="2" t="s">
        <v>1520</v>
      </c>
      <c r="N2128" s="5" t="s">
        <v>1521</v>
      </c>
      <c r="O2128" s="5" t="s">
        <v>38</v>
      </c>
      <c r="P2128" s="5" t="s">
        <v>39</v>
      </c>
      <c r="Q2128" s="5" t="s">
        <v>40</v>
      </c>
      <c r="R2128" s="5" t="s">
        <v>1522</v>
      </c>
      <c r="S2128" s="5" t="s">
        <v>1523</v>
      </c>
      <c r="T2128" s="5" t="s">
        <v>42</v>
      </c>
      <c r="U2128" s="2">
        <v>3.5680000000000001</v>
      </c>
      <c r="V2128" s="2">
        <v>3.0670000000000002</v>
      </c>
      <c r="W2128" s="2">
        <v>1.7999999999999999E-2</v>
      </c>
      <c r="X2128" s="2">
        <v>139.1</v>
      </c>
      <c r="Y2128" s="2">
        <v>7.6</v>
      </c>
      <c r="Z2128" s="2">
        <v>16.7</v>
      </c>
      <c r="AA2128" s="5"/>
      <c r="AB2128" s="5" t="s">
        <v>43</v>
      </c>
      <c r="AC2128" s="5" t="s">
        <v>44</v>
      </c>
      <c r="AD2128" s="2"/>
      <c r="AE2128" s="1"/>
    </row>
    <row r="2129" spans="1:31" ht="14.45">
      <c r="A2129" s="11"/>
      <c r="B2129" s="20"/>
      <c r="C2129" s="2" t="s">
        <v>6808</v>
      </c>
      <c r="D2129" s="14" t="s">
        <v>6809</v>
      </c>
      <c r="E2129" s="2" t="s">
        <v>6810</v>
      </c>
      <c r="F2129" s="2" t="s">
        <v>1695</v>
      </c>
      <c r="G2129" s="8">
        <v>190</v>
      </c>
      <c r="H2129" s="5">
        <v>6</v>
      </c>
      <c r="I2129" s="5" t="s">
        <v>1518</v>
      </c>
      <c r="J2129" s="5" t="s">
        <v>1519</v>
      </c>
      <c r="K2129" s="2" t="s">
        <v>1520</v>
      </c>
      <c r="L2129" s="5" t="s">
        <v>1519</v>
      </c>
      <c r="M2129" s="2" t="s">
        <v>1520</v>
      </c>
      <c r="N2129" s="5" t="s">
        <v>1521</v>
      </c>
      <c r="O2129" s="5" t="s">
        <v>38</v>
      </c>
      <c r="P2129" s="5" t="s">
        <v>39</v>
      </c>
      <c r="Q2129" s="5" t="s">
        <v>40</v>
      </c>
      <c r="R2129" s="5" t="s">
        <v>1522</v>
      </c>
      <c r="S2129" s="5" t="s">
        <v>1523</v>
      </c>
      <c r="T2129" s="5" t="s">
        <v>42</v>
      </c>
      <c r="U2129" s="2">
        <v>3.0630000000000002</v>
      </c>
      <c r="V2129" s="2">
        <v>2.5390000000000001</v>
      </c>
      <c r="W2129" s="2">
        <v>1.7999999999999999E-2</v>
      </c>
      <c r="X2129" s="2">
        <v>139.1</v>
      </c>
      <c r="Y2129" s="2">
        <v>7.6</v>
      </c>
      <c r="Z2129" s="2">
        <v>16.7</v>
      </c>
      <c r="AA2129" s="5"/>
      <c r="AB2129" s="5" t="s">
        <v>43</v>
      </c>
      <c r="AC2129" s="5" t="s">
        <v>44</v>
      </c>
      <c r="AD2129" s="2"/>
      <c r="AE2129" s="1"/>
    </row>
    <row r="2130" spans="1:31" ht="14.45">
      <c r="A2130" s="11"/>
      <c r="B2130" s="20"/>
      <c r="C2130" s="2" t="s">
        <v>6811</v>
      </c>
      <c r="D2130" s="14" t="s">
        <v>6812</v>
      </c>
      <c r="E2130" s="2" t="s">
        <v>6813</v>
      </c>
      <c r="F2130" s="2" t="s">
        <v>1699</v>
      </c>
      <c r="G2130" s="8">
        <v>190</v>
      </c>
      <c r="H2130" s="5">
        <v>6</v>
      </c>
      <c r="I2130" s="5" t="s">
        <v>1518</v>
      </c>
      <c r="J2130" s="5" t="s">
        <v>1519</v>
      </c>
      <c r="K2130" s="2" t="s">
        <v>1520</v>
      </c>
      <c r="L2130" s="5" t="s">
        <v>1519</v>
      </c>
      <c r="M2130" s="2" t="s">
        <v>1520</v>
      </c>
      <c r="N2130" s="5" t="s">
        <v>1521</v>
      </c>
      <c r="O2130" s="5" t="s">
        <v>38</v>
      </c>
      <c r="P2130" s="5" t="s">
        <v>39</v>
      </c>
      <c r="Q2130" s="5" t="s">
        <v>40</v>
      </c>
      <c r="R2130" s="5" t="s">
        <v>1522</v>
      </c>
      <c r="S2130" s="5" t="s">
        <v>1523</v>
      </c>
      <c r="T2130" s="5" t="s">
        <v>42</v>
      </c>
      <c r="U2130" s="2">
        <v>3.1219999999999999</v>
      </c>
      <c r="V2130" s="2">
        <v>2.5979999999999999</v>
      </c>
      <c r="W2130" s="2">
        <v>1.7999999999999999E-2</v>
      </c>
      <c r="X2130" s="2">
        <v>139.1</v>
      </c>
      <c r="Y2130" s="2">
        <v>7.6</v>
      </c>
      <c r="Z2130" s="2">
        <v>16.7</v>
      </c>
      <c r="AA2130" s="5"/>
      <c r="AB2130" s="5" t="s">
        <v>43</v>
      </c>
      <c r="AC2130" s="5" t="s">
        <v>44</v>
      </c>
      <c r="AD2130" s="2"/>
      <c r="AE2130" s="1"/>
    </row>
    <row r="2131" spans="1:31" ht="14.45">
      <c r="A2131" s="11"/>
      <c r="B2131" s="20"/>
      <c r="C2131" s="2" t="s">
        <v>6814</v>
      </c>
      <c r="D2131" s="14" t="s">
        <v>6815</v>
      </c>
      <c r="E2131" s="2" t="s">
        <v>6816</v>
      </c>
      <c r="F2131" s="2" t="s">
        <v>1703</v>
      </c>
      <c r="G2131" s="8">
        <v>190</v>
      </c>
      <c r="H2131" s="5">
        <v>6</v>
      </c>
      <c r="I2131" s="5" t="s">
        <v>1518</v>
      </c>
      <c r="J2131" s="5" t="s">
        <v>1519</v>
      </c>
      <c r="K2131" s="2" t="s">
        <v>1520</v>
      </c>
      <c r="L2131" s="5" t="s">
        <v>1519</v>
      </c>
      <c r="M2131" s="2" t="s">
        <v>1520</v>
      </c>
      <c r="N2131" s="5" t="s">
        <v>1521</v>
      </c>
      <c r="O2131" s="5" t="s">
        <v>38</v>
      </c>
      <c r="P2131" s="5" t="s">
        <v>39</v>
      </c>
      <c r="Q2131" s="5" t="s">
        <v>40</v>
      </c>
      <c r="R2131" s="5" t="s">
        <v>1522</v>
      </c>
      <c r="S2131" s="5" t="s">
        <v>1523</v>
      </c>
      <c r="T2131" s="5" t="s">
        <v>42</v>
      </c>
      <c r="U2131" s="2">
        <v>3.073</v>
      </c>
      <c r="V2131" s="2">
        <v>2.5489999999999999</v>
      </c>
      <c r="W2131" s="2">
        <v>1.7999999999999999E-2</v>
      </c>
      <c r="X2131" s="2">
        <v>139.1</v>
      </c>
      <c r="Y2131" s="2">
        <v>7.6</v>
      </c>
      <c r="Z2131" s="2">
        <v>16.7</v>
      </c>
      <c r="AA2131" s="5"/>
      <c r="AB2131" s="5" t="s">
        <v>43</v>
      </c>
      <c r="AC2131" s="5" t="s">
        <v>44</v>
      </c>
      <c r="AD2131" s="2"/>
      <c r="AE2131" s="1"/>
    </row>
    <row r="2132" spans="1:31" ht="14.45">
      <c r="A2132" s="11"/>
      <c r="B2132" s="20"/>
      <c r="C2132" s="2" t="s">
        <v>6817</v>
      </c>
      <c r="D2132" s="14" t="s">
        <v>6818</v>
      </c>
      <c r="E2132" s="2" t="s">
        <v>6819</v>
      </c>
      <c r="F2132" s="2" t="s">
        <v>1707</v>
      </c>
      <c r="G2132" s="8">
        <v>190</v>
      </c>
      <c r="H2132" s="5">
        <v>5</v>
      </c>
      <c r="I2132" s="5" t="s">
        <v>1518</v>
      </c>
      <c r="J2132" s="5" t="s">
        <v>1519</v>
      </c>
      <c r="K2132" s="2" t="s">
        <v>1520</v>
      </c>
      <c r="L2132" s="5" t="s">
        <v>1519</v>
      </c>
      <c r="M2132" s="2" t="s">
        <v>1520</v>
      </c>
      <c r="N2132" s="5" t="s">
        <v>1521</v>
      </c>
      <c r="O2132" s="5" t="s">
        <v>38</v>
      </c>
      <c r="P2132" s="5" t="s">
        <v>39</v>
      </c>
      <c r="Q2132" s="5" t="s">
        <v>40</v>
      </c>
      <c r="R2132" s="5" t="s">
        <v>1522</v>
      </c>
      <c r="S2132" s="5" t="s">
        <v>1523</v>
      </c>
      <c r="T2132" s="5" t="s">
        <v>42</v>
      </c>
      <c r="U2132" s="2">
        <v>3.1320000000000001</v>
      </c>
      <c r="V2132" s="2">
        <v>2.6080000000000001</v>
      </c>
      <c r="W2132" s="2">
        <v>1.7999999999999999E-2</v>
      </c>
      <c r="X2132" s="2">
        <v>139.1</v>
      </c>
      <c r="Y2132" s="2">
        <v>7.6</v>
      </c>
      <c r="Z2132" s="2">
        <v>16.7</v>
      </c>
      <c r="AA2132" s="5"/>
      <c r="AB2132" s="5" t="s">
        <v>43</v>
      </c>
      <c r="AC2132" s="5" t="s">
        <v>44</v>
      </c>
      <c r="AD2132" s="2"/>
      <c r="AE2132" s="1"/>
    </row>
    <row r="2133" spans="1:31" ht="14.45">
      <c r="A2133" s="11"/>
      <c r="B2133" s="20"/>
      <c r="C2133" s="2" t="s">
        <v>6820</v>
      </c>
      <c r="D2133" s="14" t="s">
        <v>6821</v>
      </c>
      <c r="E2133" s="2" t="s">
        <v>6822</v>
      </c>
      <c r="F2133" s="2" t="s">
        <v>1711</v>
      </c>
      <c r="G2133" s="8">
        <v>190</v>
      </c>
      <c r="H2133" s="5">
        <v>5</v>
      </c>
      <c r="I2133" s="5" t="s">
        <v>1518</v>
      </c>
      <c r="J2133" s="5" t="s">
        <v>1519</v>
      </c>
      <c r="K2133" s="2" t="s">
        <v>1520</v>
      </c>
      <c r="L2133" s="5" t="s">
        <v>1519</v>
      </c>
      <c r="M2133" s="2" t="s">
        <v>1520</v>
      </c>
      <c r="N2133" s="5" t="s">
        <v>1521</v>
      </c>
      <c r="O2133" s="5" t="s">
        <v>38</v>
      </c>
      <c r="P2133" s="5" t="s">
        <v>39</v>
      </c>
      <c r="Q2133" s="5" t="s">
        <v>40</v>
      </c>
      <c r="R2133" s="5" t="s">
        <v>1522</v>
      </c>
      <c r="S2133" s="5" t="s">
        <v>1523</v>
      </c>
      <c r="T2133" s="5" t="s">
        <v>42</v>
      </c>
      <c r="U2133" s="2">
        <v>3.073</v>
      </c>
      <c r="V2133" s="2">
        <v>2.5489999999999999</v>
      </c>
      <c r="W2133" s="2">
        <v>1.7999999999999999E-2</v>
      </c>
      <c r="X2133" s="2">
        <v>139.1</v>
      </c>
      <c r="Y2133" s="2">
        <v>7.6</v>
      </c>
      <c r="Z2133" s="2">
        <v>16.7</v>
      </c>
      <c r="AA2133" s="5"/>
      <c r="AB2133" s="5" t="s">
        <v>43</v>
      </c>
      <c r="AC2133" s="5" t="s">
        <v>44</v>
      </c>
      <c r="AD2133" s="2"/>
      <c r="AE2133" s="1"/>
    </row>
    <row r="2134" spans="1:31" ht="14.45">
      <c r="A2134" s="11"/>
      <c r="B2134" s="20"/>
      <c r="C2134" s="2" t="s">
        <v>6823</v>
      </c>
      <c r="D2134" s="14" t="s">
        <v>6824</v>
      </c>
      <c r="E2134" s="2" t="s">
        <v>6825</v>
      </c>
      <c r="F2134" s="2" t="s">
        <v>1715</v>
      </c>
      <c r="G2134" s="8">
        <v>190</v>
      </c>
      <c r="H2134" s="5">
        <v>6</v>
      </c>
      <c r="I2134" s="5" t="s">
        <v>1518</v>
      </c>
      <c r="J2134" s="5" t="s">
        <v>1519</v>
      </c>
      <c r="K2134" s="2" t="s">
        <v>1520</v>
      </c>
      <c r="L2134" s="5" t="s">
        <v>1519</v>
      </c>
      <c r="M2134" s="2" t="s">
        <v>1520</v>
      </c>
      <c r="N2134" s="5" t="s">
        <v>1521</v>
      </c>
      <c r="O2134" s="5" t="s">
        <v>38</v>
      </c>
      <c r="P2134" s="5" t="s">
        <v>39</v>
      </c>
      <c r="Q2134" s="5" t="s">
        <v>40</v>
      </c>
      <c r="R2134" s="5" t="s">
        <v>1522</v>
      </c>
      <c r="S2134" s="5" t="s">
        <v>1523</v>
      </c>
      <c r="T2134" s="5" t="s">
        <v>42</v>
      </c>
      <c r="U2134" s="2">
        <v>3.1320000000000001</v>
      </c>
      <c r="V2134" s="2">
        <v>2.6080000000000001</v>
      </c>
      <c r="W2134" s="2">
        <v>1.7999999999999999E-2</v>
      </c>
      <c r="X2134" s="2">
        <v>139.1</v>
      </c>
      <c r="Y2134" s="2">
        <v>7.6</v>
      </c>
      <c r="Z2134" s="2">
        <v>16.7</v>
      </c>
      <c r="AA2134" s="5"/>
      <c r="AB2134" s="5" t="s">
        <v>43</v>
      </c>
      <c r="AC2134" s="5" t="s">
        <v>44</v>
      </c>
      <c r="AD2134" s="2"/>
      <c r="AE2134" s="1"/>
    </row>
    <row r="2135" spans="1:31" ht="14.45">
      <c r="A2135" s="11"/>
      <c r="B2135" s="20"/>
      <c r="C2135" s="2" t="s">
        <v>6826</v>
      </c>
      <c r="D2135" s="14" t="s">
        <v>6827</v>
      </c>
      <c r="E2135" s="2" t="s">
        <v>6828</v>
      </c>
      <c r="F2135" s="2" t="s">
        <v>1719</v>
      </c>
      <c r="G2135" s="8">
        <v>190</v>
      </c>
      <c r="H2135" s="5">
        <v>5</v>
      </c>
      <c r="I2135" s="5" t="s">
        <v>1518</v>
      </c>
      <c r="J2135" s="5" t="s">
        <v>1519</v>
      </c>
      <c r="K2135" s="2" t="s">
        <v>1520</v>
      </c>
      <c r="L2135" s="5" t="s">
        <v>1519</v>
      </c>
      <c r="M2135" s="2" t="s">
        <v>1520</v>
      </c>
      <c r="N2135" s="5" t="s">
        <v>1521</v>
      </c>
      <c r="O2135" s="5" t="s">
        <v>38</v>
      </c>
      <c r="P2135" s="5" t="s">
        <v>39</v>
      </c>
      <c r="Q2135" s="5" t="s">
        <v>40</v>
      </c>
      <c r="R2135" s="5" t="s">
        <v>1522</v>
      </c>
      <c r="S2135" s="5" t="s">
        <v>1523</v>
      </c>
      <c r="T2135" s="5" t="s">
        <v>42</v>
      </c>
      <c r="U2135" s="2">
        <v>3.0430000000000001</v>
      </c>
      <c r="V2135" s="2">
        <v>2.5190000000000001</v>
      </c>
      <c r="W2135" s="2">
        <v>1.7999999999999999E-2</v>
      </c>
      <c r="X2135" s="2">
        <v>139.1</v>
      </c>
      <c r="Y2135" s="2">
        <v>7.6</v>
      </c>
      <c r="Z2135" s="2">
        <v>16.7</v>
      </c>
      <c r="AA2135" s="5"/>
      <c r="AB2135" s="5" t="s">
        <v>43</v>
      </c>
      <c r="AC2135" s="5" t="s">
        <v>44</v>
      </c>
      <c r="AD2135" s="2"/>
      <c r="AE2135" s="1"/>
    </row>
    <row r="2136" spans="1:31" ht="14.45">
      <c r="A2136" s="11"/>
      <c r="B2136" s="20"/>
      <c r="C2136" s="2" t="s">
        <v>6829</v>
      </c>
      <c r="D2136" s="14" t="s">
        <v>6830</v>
      </c>
      <c r="E2136" s="2" t="s">
        <v>6831</v>
      </c>
      <c r="F2136" s="2" t="s">
        <v>1723</v>
      </c>
      <c r="G2136" s="8">
        <v>190</v>
      </c>
      <c r="H2136" s="5">
        <v>6</v>
      </c>
      <c r="I2136" s="5" t="s">
        <v>1518</v>
      </c>
      <c r="J2136" s="5" t="s">
        <v>1519</v>
      </c>
      <c r="K2136" s="2" t="s">
        <v>1520</v>
      </c>
      <c r="L2136" s="5" t="s">
        <v>1519</v>
      </c>
      <c r="M2136" s="2" t="s">
        <v>1520</v>
      </c>
      <c r="N2136" s="5" t="s">
        <v>1521</v>
      </c>
      <c r="O2136" s="5" t="s">
        <v>38</v>
      </c>
      <c r="P2136" s="5" t="s">
        <v>39</v>
      </c>
      <c r="Q2136" s="5" t="s">
        <v>40</v>
      </c>
      <c r="R2136" s="5" t="s">
        <v>1522</v>
      </c>
      <c r="S2136" s="5" t="s">
        <v>1523</v>
      </c>
      <c r="T2136" s="5" t="s">
        <v>42</v>
      </c>
      <c r="U2136" s="2">
        <v>3.1019999999999999</v>
      </c>
      <c r="V2136" s="2">
        <v>2.5779999999999998</v>
      </c>
      <c r="W2136" s="2">
        <v>1.7999999999999999E-2</v>
      </c>
      <c r="X2136" s="2">
        <v>139.1</v>
      </c>
      <c r="Y2136" s="2">
        <v>7.6</v>
      </c>
      <c r="Z2136" s="2">
        <v>16.7</v>
      </c>
      <c r="AA2136" s="5"/>
      <c r="AB2136" s="5" t="s">
        <v>43</v>
      </c>
      <c r="AC2136" s="5" t="s">
        <v>44</v>
      </c>
      <c r="AD2136" s="2"/>
      <c r="AE2136" s="1"/>
    </row>
    <row r="2137" spans="1:31" ht="14.45">
      <c r="A2137" s="11"/>
      <c r="B2137" s="20"/>
      <c r="C2137" s="2" t="s">
        <v>6832</v>
      </c>
      <c r="D2137" s="14" t="s">
        <v>6833</v>
      </c>
      <c r="E2137" s="2" t="s">
        <v>6834</v>
      </c>
      <c r="F2137" s="2" t="s">
        <v>1727</v>
      </c>
      <c r="G2137" s="8">
        <v>218</v>
      </c>
      <c r="H2137" s="5">
        <v>6</v>
      </c>
      <c r="I2137" s="5" t="s">
        <v>1518</v>
      </c>
      <c r="J2137" s="5" t="s">
        <v>1519</v>
      </c>
      <c r="K2137" s="2" t="s">
        <v>1520</v>
      </c>
      <c r="L2137" s="5" t="s">
        <v>1519</v>
      </c>
      <c r="M2137" s="2" t="s">
        <v>1520</v>
      </c>
      <c r="N2137" s="5" t="s">
        <v>1521</v>
      </c>
      <c r="O2137" s="5" t="s">
        <v>38</v>
      </c>
      <c r="P2137" s="5" t="s">
        <v>39</v>
      </c>
      <c r="Q2137" s="5" t="s">
        <v>40</v>
      </c>
      <c r="R2137" s="5" t="s">
        <v>1522</v>
      </c>
      <c r="S2137" s="5" t="s">
        <v>1523</v>
      </c>
      <c r="T2137" s="5" t="s">
        <v>42</v>
      </c>
      <c r="U2137" s="2">
        <v>3.0430000000000001</v>
      </c>
      <c r="V2137" s="2">
        <v>2.5190000000000001</v>
      </c>
      <c r="W2137" s="2">
        <v>1.7999999999999999E-2</v>
      </c>
      <c r="X2137" s="2">
        <v>139.1</v>
      </c>
      <c r="Y2137" s="2">
        <v>7.6</v>
      </c>
      <c r="Z2137" s="2">
        <v>16.7</v>
      </c>
      <c r="AA2137" s="5"/>
      <c r="AB2137" s="5" t="s">
        <v>43</v>
      </c>
      <c r="AC2137" s="5" t="s">
        <v>44</v>
      </c>
      <c r="AD2137" s="2"/>
      <c r="AE2137" s="1"/>
    </row>
    <row r="2138" spans="1:31" ht="14.45">
      <c r="A2138" s="11"/>
      <c r="B2138" s="20"/>
      <c r="C2138" s="2" t="s">
        <v>6835</v>
      </c>
      <c r="D2138" s="14" t="s">
        <v>6836</v>
      </c>
      <c r="E2138" s="2" t="s">
        <v>6837</v>
      </c>
      <c r="F2138" s="2" t="s">
        <v>1731</v>
      </c>
      <c r="G2138" s="8">
        <v>218</v>
      </c>
      <c r="H2138" s="5">
        <v>6</v>
      </c>
      <c r="I2138" s="5" t="s">
        <v>1518</v>
      </c>
      <c r="J2138" s="5" t="s">
        <v>1519</v>
      </c>
      <c r="K2138" s="2" t="s">
        <v>1520</v>
      </c>
      <c r="L2138" s="5" t="s">
        <v>1519</v>
      </c>
      <c r="M2138" s="2" t="s">
        <v>1520</v>
      </c>
      <c r="N2138" s="5" t="s">
        <v>1521</v>
      </c>
      <c r="O2138" s="5" t="s">
        <v>38</v>
      </c>
      <c r="P2138" s="5" t="s">
        <v>39</v>
      </c>
      <c r="Q2138" s="5" t="s">
        <v>40</v>
      </c>
      <c r="R2138" s="5" t="s">
        <v>1522</v>
      </c>
      <c r="S2138" s="5" t="s">
        <v>1523</v>
      </c>
      <c r="T2138" s="5" t="s">
        <v>42</v>
      </c>
      <c r="U2138" s="2">
        <v>3.1019999999999999</v>
      </c>
      <c r="V2138" s="2">
        <v>2.5779999999999998</v>
      </c>
      <c r="W2138" s="2">
        <v>1.7999999999999999E-2</v>
      </c>
      <c r="X2138" s="2">
        <v>139.1</v>
      </c>
      <c r="Y2138" s="2">
        <v>7.6</v>
      </c>
      <c r="Z2138" s="2">
        <v>16.7</v>
      </c>
      <c r="AA2138" s="5"/>
      <c r="AB2138" s="5" t="s">
        <v>43</v>
      </c>
      <c r="AC2138" s="5" t="s">
        <v>44</v>
      </c>
      <c r="AD2138" s="2"/>
      <c r="AE2138" s="1"/>
    </row>
    <row r="2139" spans="1:31" ht="14.45">
      <c r="A2139" s="11"/>
      <c r="B2139" s="20"/>
      <c r="C2139" s="2" t="s">
        <v>6838</v>
      </c>
      <c r="D2139" s="14" t="s">
        <v>6839</v>
      </c>
      <c r="E2139" s="2" t="s">
        <v>6840</v>
      </c>
      <c r="F2139" s="2" t="s">
        <v>1735</v>
      </c>
      <c r="G2139" s="8">
        <v>218</v>
      </c>
      <c r="H2139" s="5">
        <v>6</v>
      </c>
      <c r="I2139" s="5" t="s">
        <v>1518</v>
      </c>
      <c r="J2139" s="5" t="s">
        <v>1519</v>
      </c>
      <c r="K2139" s="2" t="s">
        <v>1520</v>
      </c>
      <c r="L2139" s="5" t="s">
        <v>1519</v>
      </c>
      <c r="M2139" s="2" t="s">
        <v>1520</v>
      </c>
      <c r="N2139" s="5" t="s">
        <v>1521</v>
      </c>
      <c r="O2139" s="5" t="s">
        <v>38</v>
      </c>
      <c r="P2139" s="5" t="s">
        <v>39</v>
      </c>
      <c r="Q2139" s="5" t="s">
        <v>40</v>
      </c>
      <c r="R2139" s="5" t="s">
        <v>1522</v>
      </c>
      <c r="S2139" s="5" t="s">
        <v>1523</v>
      </c>
      <c r="T2139" s="5" t="s">
        <v>42</v>
      </c>
      <c r="U2139" s="2">
        <v>3.073</v>
      </c>
      <c r="V2139" s="2">
        <v>2.5489999999999999</v>
      </c>
      <c r="W2139" s="2">
        <v>1.7999999999999999E-2</v>
      </c>
      <c r="X2139" s="2">
        <v>139.1</v>
      </c>
      <c r="Y2139" s="2">
        <v>7.6</v>
      </c>
      <c r="Z2139" s="2">
        <v>16.7</v>
      </c>
      <c r="AA2139" s="5"/>
      <c r="AB2139" s="5" t="s">
        <v>43</v>
      </c>
      <c r="AC2139" s="5" t="s">
        <v>44</v>
      </c>
      <c r="AD2139" s="2"/>
      <c r="AE2139" s="1"/>
    </row>
    <row r="2140" spans="1:31" ht="14.45">
      <c r="A2140" s="11"/>
      <c r="B2140" s="20"/>
      <c r="C2140" s="2" t="s">
        <v>6841</v>
      </c>
      <c r="D2140" s="14" t="s">
        <v>6842</v>
      </c>
      <c r="E2140" s="2" t="s">
        <v>6843</v>
      </c>
      <c r="F2140" s="2" t="s">
        <v>1739</v>
      </c>
      <c r="G2140" s="8">
        <v>218</v>
      </c>
      <c r="H2140" s="5">
        <v>6</v>
      </c>
      <c r="I2140" s="5" t="s">
        <v>1518</v>
      </c>
      <c r="J2140" s="5" t="s">
        <v>1519</v>
      </c>
      <c r="K2140" s="2" t="s">
        <v>1520</v>
      </c>
      <c r="L2140" s="5" t="s">
        <v>1519</v>
      </c>
      <c r="M2140" s="2" t="s">
        <v>1520</v>
      </c>
      <c r="N2140" s="5" t="s">
        <v>1521</v>
      </c>
      <c r="O2140" s="5" t="s">
        <v>38</v>
      </c>
      <c r="P2140" s="5" t="s">
        <v>39</v>
      </c>
      <c r="Q2140" s="5" t="s">
        <v>40</v>
      </c>
      <c r="R2140" s="5" t="s">
        <v>1522</v>
      </c>
      <c r="S2140" s="5" t="s">
        <v>1523</v>
      </c>
      <c r="T2140" s="5" t="s">
        <v>42</v>
      </c>
      <c r="U2140" s="2">
        <v>3.1320000000000001</v>
      </c>
      <c r="V2140" s="2">
        <v>2.6080000000000001</v>
      </c>
      <c r="W2140" s="2">
        <v>1.7999999999999999E-2</v>
      </c>
      <c r="X2140" s="2">
        <v>139.1</v>
      </c>
      <c r="Y2140" s="2">
        <v>7.6</v>
      </c>
      <c r="Z2140" s="2">
        <v>16.7</v>
      </c>
      <c r="AA2140" s="5"/>
      <c r="AB2140" s="5" t="s">
        <v>43</v>
      </c>
      <c r="AC2140" s="5" t="s">
        <v>44</v>
      </c>
      <c r="AD2140" s="2"/>
      <c r="AE2140" s="1"/>
    </row>
    <row r="2141" spans="1:31" ht="14.45">
      <c r="A2141" s="11"/>
      <c r="B2141" s="20"/>
      <c r="C2141" s="2" t="s">
        <v>6844</v>
      </c>
      <c r="D2141" s="14" t="s">
        <v>6845</v>
      </c>
      <c r="E2141" s="2" t="s">
        <v>6846</v>
      </c>
      <c r="F2141" s="2" t="s">
        <v>1743</v>
      </c>
      <c r="G2141" s="8">
        <v>218</v>
      </c>
      <c r="H2141" s="5">
        <v>6</v>
      </c>
      <c r="I2141" s="5" t="s">
        <v>1518</v>
      </c>
      <c r="J2141" s="5" t="s">
        <v>1519</v>
      </c>
      <c r="K2141" s="2" t="s">
        <v>1520</v>
      </c>
      <c r="L2141" s="5" t="s">
        <v>1519</v>
      </c>
      <c r="M2141" s="2" t="s">
        <v>1520</v>
      </c>
      <c r="N2141" s="5" t="s">
        <v>1521</v>
      </c>
      <c r="O2141" s="5" t="s">
        <v>38</v>
      </c>
      <c r="P2141" s="5" t="s">
        <v>39</v>
      </c>
      <c r="Q2141" s="5" t="s">
        <v>40</v>
      </c>
      <c r="R2141" s="5" t="s">
        <v>1522</v>
      </c>
      <c r="S2141" s="5" t="s">
        <v>1523</v>
      </c>
      <c r="T2141" s="5" t="s">
        <v>42</v>
      </c>
      <c r="U2141" s="2">
        <v>3.0430000000000001</v>
      </c>
      <c r="V2141" s="2">
        <v>2.5190000000000001</v>
      </c>
      <c r="W2141" s="2">
        <v>1.7999999999999999E-2</v>
      </c>
      <c r="X2141" s="2">
        <v>139.1</v>
      </c>
      <c r="Y2141" s="2">
        <v>7.6</v>
      </c>
      <c r="Z2141" s="2">
        <v>16.7</v>
      </c>
      <c r="AA2141" s="5"/>
      <c r="AB2141" s="5" t="s">
        <v>43</v>
      </c>
      <c r="AC2141" s="5" t="s">
        <v>44</v>
      </c>
      <c r="AD2141" s="2"/>
      <c r="AE2141" s="1"/>
    </row>
    <row r="2142" spans="1:31" ht="14.45">
      <c r="A2142" s="11"/>
      <c r="B2142" s="20"/>
      <c r="C2142" s="2" t="s">
        <v>6847</v>
      </c>
      <c r="D2142" s="14" t="s">
        <v>6848</v>
      </c>
      <c r="E2142" s="2" t="s">
        <v>6849</v>
      </c>
      <c r="F2142" s="2" t="s">
        <v>1747</v>
      </c>
      <c r="G2142" s="8">
        <v>218</v>
      </c>
      <c r="H2142" s="5">
        <v>6</v>
      </c>
      <c r="I2142" s="5" t="s">
        <v>1518</v>
      </c>
      <c r="J2142" s="5" t="s">
        <v>1519</v>
      </c>
      <c r="K2142" s="2" t="s">
        <v>1520</v>
      </c>
      <c r="L2142" s="5" t="s">
        <v>1519</v>
      </c>
      <c r="M2142" s="2" t="s">
        <v>1520</v>
      </c>
      <c r="N2142" s="5" t="s">
        <v>1521</v>
      </c>
      <c r="O2142" s="5" t="s">
        <v>38</v>
      </c>
      <c r="P2142" s="5" t="s">
        <v>39</v>
      </c>
      <c r="Q2142" s="5" t="s">
        <v>40</v>
      </c>
      <c r="R2142" s="5" t="s">
        <v>1522</v>
      </c>
      <c r="S2142" s="5" t="s">
        <v>1523</v>
      </c>
      <c r="T2142" s="5" t="s">
        <v>42</v>
      </c>
      <c r="U2142" s="2">
        <v>3.1019999999999999</v>
      </c>
      <c r="V2142" s="2">
        <v>2.5779999999999998</v>
      </c>
      <c r="W2142" s="2">
        <v>1.7999999999999999E-2</v>
      </c>
      <c r="X2142" s="2">
        <v>139.1</v>
      </c>
      <c r="Y2142" s="2">
        <v>7.6</v>
      </c>
      <c r="Z2142" s="2">
        <v>16.7</v>
      </c>
      <c r="AA2142" s="5"/>
      <c r="AB2142" s="5" t="s">
        <v>43</v>
      </c>
      <c r="AC2142" s="5" t="s">
        <v>44</v>
      </c>
      <c r="AD2142" s="2"/>
      <c r="AE2142" s="1"/>
    </row>
    <row r="2143" spans="1:31" ht="14.45">
      <c r="A2143" s="11"/>
      <c r="B2143" s="20"/>
      <c r="C2143" s="2" t="s">
        <v>6850</v>
      </c>
      <c r="D2143" s="14" t="s">
        <v>6851</v>
      </c>
      <c r="E2143" s="2" t="s">
        <v>6852</v>
      </c>
      <c r="F2143" s="2" t="s">
        <v>1751</v>
      </c>
      <c r="G2143" s="8">
        <v>218</v>
      </c>
      <c r="H2143" s="5">
        <v>6</v>
      </c>
      <c r="I2143" s="5" t="s">
        <v>1518</v>
      </c>
      <c r="J2143" s="5" t="s">
        <v>1519</v>
      </c>
      <c r="K2143" s="2" t="s">
        <v>1520</v>
      </c>
      <c r="L2143" s="5" t="s">
        <v>1519</v>
      </c>
      <c r="M2143" s="2" t="s">
        <v>1520</v>
      </c>
      <c r="N2143" s="5" t="s">
        <v>1521</v>
      </c>
      <c r="O2143" s="5" t="s">
        <v>38</v>
      </c>
      <c r="P2143" s="5" t="s">
        <v>39</v>
      </c>
      <c r="Q2143" s="5" t="s">
        <v>40</v>
      </c>
      <c r="R2143" s="5" t="s">
        <v>1522</v>
      </c>
      <c r="S2143" s="5" t="s">
        <v>1523</v>
      </c>
      <c r="T2143" s="5" t="s">
        <v>42</v>
      </c>
      <c r="U2143" s="2">
        <v>3.0430000000000001</v>
      </c>
      <c r="V2143" s="2">
        <v>2.5190000000000001</v>
      </c>
      <c r="W2143" s="2">
        <v>1.7999999999999999E-2</v>
      </c>
      <c r="X2143" s="2">
        <v>139.1</v>
      </c>
      <c r="Y2143" s="2">
        <v>7.6</v>
      </c>
      <c r="Z2143" s="2">
        <v>16.7</v>
      </c>
      <c r="AA2143" s="5"/>
      <c r="AB2143" s="5" t="s">
        <v>43</v>
      </c>
      <c r="AC2143" s="5" t="s">
        <v>44</v>
      </c>
      <c r="AD2143" s="2"/>
      <c r="AE2143" s="1"/>
    </row>
    <row r="2144" spans="1:31" ht="14.45">
      <c r="A2144" s="11"/>
      <c r="B2144" s="20"/>
      <c r="C2144" s="2" t="s">
        <v>6853</v>
      </c>
      <c r="D2144" s="14" t="s">
        <v>6854</v>
      </c>
      <c r="E2144" s="2" t="s">
        <v>6855</v>
      </c>
      <c r="F2144" s="2" t="s">
        <v>1755</v>
      </c>
      <c r="G2144" s="8">
        <v>218</v>
      </c>
      <c r="H2144" s="5">
        <v>6</v>
      </c>
      <c r="I2144" s="5" t="s">
        <v>1518</v>
      </c>
      <c r="J2144" s="5" t="s">
        <v>1519</v>
      </c>
      <c r="K2144" s="2" t="s">
        <v>1520</v>
      </c>
      <c r="L2144" s="5" t="s">
        <v>1519</v>
      </c>
      <c r="M2144" s="2" t="s">
        <v>1520</v>
      </c>
      <c r="N2144" s="5" t="s">
        <v>1521</v>
      </c>
      <c r="O2144" s="5" t="s">
        <v>38</v>
      </c>
      <c r="P2144" s="5" t="s">
        <v>39</v>
      </c>
      <c r="Q2144" s="5" t="s">
        <v>40</v>
      </c>
      <c r="R2144" s="5" t="s">
        <v>1522</v>
      </c>
      <c r="S2144" s="5" t="s">
        <v>1523</v>
      </c>
      <c r="T2144" s="5" t="s">
        <v>42</v>
      </c>
      <c r="U2144" s="2">
        <v>3.1019999999999999</v>
      </c>
      <c r="V2144" s="2">
        <v>2.5779999999999998</v>
      </c>
      <c r="W2144" s="2">
        <v>1.7999999999999999E-2</v>
      </c>
      <c r="X2144" s="2">
        <v>139.1</v>
      </c>
      <c r="Y2144" s="2">
        <v>7.6</v>
      </c>
      <c r="Z2144" s="2">
        <v>16.7</v>
      </c>
      <c r="AA2144" s="5"/>
      <c r="AB2144" s="5" t="s">
        <v>43</v>
      </c>
      <c r="AC2144" s="5" t="s">
        <v>44</v>
      </c>
      <c r="AD2144" s="2"/>
      <c r="AE2144" s="1"/>
    </row>
    <row r="2145" spans="1:31" ht="14.45">
      <c r="A2145" s="11"/>
      <c r="B2145" s="20"/>
      <c r="C2145" s="2" t="s">
        <v>6856</v>
      </c>
      <c r="D2145" s="14" t="s">
        <v>6857</v>
      </c>
      <c r="E2145" s="2" t="s">
        <v>6858</v>
      </c>
      <c r="F2145" s="2" t="s">
        <v>1759</v>
      </c>
      <c r="G2145" s="8">
        <v>218</v>
      </c>
      <c r="H2145" s="5">
        <v>6</v>
      </c>
      <c r="I2145" s="5" t="s">
        <v>1518</v>
      </c>
      <c r="J2145" s="5" t="s">
        <v>1519</v>
      </c>
      <c r="K2145" s="2" t="s">
        <v>1520</v>
      </c>
      <c r="L2145" s="5" t="s">
        <v>1519</v>
      </c>
      <c r="M2145" s="2" t="s">
        <v>1520</v>
      </c>
      <c r="N2145" s="5" t="s">
        <v>1521</v>
      </c>
      <c r="O2145" s="5" t="s">
        <v>38</v>
      </c>
      <c r="P2145" s="5" t="s">
        <v>39</v>
      </c>
      <c r="Q2145" s="5" t="s">
        <v>40</v>
      </c>
      <c r="R2145" s="5" t="s">
        <v>1522</v>
      </c>
      <c r="S2145" s="5" t="s">
        <v>1523</v>
      </c>
      <c r="T2145" s="5" t="s">
        <v>42</v>
      </c>
      <c r="U2145" s="2">
        <v>3.073</v>
      </c>
      <c r="V2145" s="2">
        <v>2.5489999999999999</v>
      </c>
      <c r="W2145" s="2">
        <v>1.7999999999999999E-2</v>
      </c>
      <c r="X2145" s="2">
        <v>139.1</v>
      </c>
      <c r="Y2145" s="2">
        <v>7.6</v>
      </c>
      <c r="Z2145" s="2">
        <v>16.7</v>
      </c>
      <c r="AA2145" s="5"/>
      <c r="AB2145" s="5" t="s">
        <v>43</v>
      </c>
      <c r="AC2145" s="5" t="s">
        <v>44</v>
      </c>
      <c r="AD2145" s="2"/>
      <c r="AE2145" s="1"/>
    </row>
    <row r="2146" spans="1:31" ht="14.45">
      <c r="A2146" s="11"/>
      <c r="B2146" s="20"/>
      <c r="C2146" s="2" t="s">
        <v>6859</v>
      </c>
      <c r="D2146" s="14" t="s">
        <v>6860</v>
      </c>
      <c r="E2146" s="2" t="s">
        <v>6861</v>
      </c>
      <c r="F2146" s="2" t="s">
        <v>1763</v>
      </c>
      <c r="G2146" s="8">
        <v>218</v>
      </c>
      <c r="H2146" s="5">
        <v>6</v>
      </c>
      <c r="I2146" s="5" t="s">
        <v>1518</v>
      </c>
      <c r="J2146" s="5" t="s">
        <v>1519</v>
      </c>
      <c r="K2146" s="2" t="s">
        <v>1520</v>
      </c>
      <c r="L2146" s="5" t="s">
        <v>1519</v>
      </c>
      <c r="M2146" s="2" t="s">
        <v>1520</v>
      </c>
      <c r="N2146" s="5" t="s">
        <v>1521</v>
      </c>
      <c r="O2146" s="5" t="s">
        <v>38</v>
      </c>
      <c r="P2146" s="5" t="s">
        <v>39</v>
      </c>
      <c r="Q2146" s="5" t="s">
        <v>40</v>
      </c>
      <c r="R2146" s="5" t="s">
        <v>1522</v>
      </c>
      <c r="S2146" s="5" t="s">
        <v>1523</v>
      </c>
      <c r="T2146" s="5" t="s">
        <v>42</v>
      </c>
      <c r="U2146" s="2">
        <v>3.1320000000000001</v>
      </c>
      <c r="V2146" s="2">
        <v>2.6080000000000001</v>
      </c>
      <c r="W2146" s="2">
        <v>1.7999999999999999E-2</v>
      </c>
      <c r="X2146" s="2">
        <v>139.1</v>
      </c>
      <c r="Y2146" s="2">
        <v>7.6</v>
      </c>
      <c r="Z2146" s="2">
        <v>16.7</v>
      </c>
      <c r="AA2146" s="5"/>
      <c r="AB2146" s="5" t="s">
        <v>43</v>
      </c>
      <c r="AC2146" s="5" t="s">
        <v>44</v>
      </c>
      <c r="AD2146" s="2"/>
      <c r="AE2146" s="1"/>
    </row>
    <row r="2147" spans="1:31" ht="14.45">
      <c r="A2147" s="11"/>
      <c r="B2147" s="20"/>
      <c r="C2147" s="2" t="s">
        <v>6862</v>
      </c>
      <c r="D2147" s="14" t="s">
        <v>6863</v>
      </c>
      <c r="E2147" s="2" t="s">
        <v>6864</v>
      </c>
      <c r="F2147" s="2" t="s">
        <v>1767</v>
      </c>
      <c r="G2147" s="8">
        <v>218</v>
      </c>
      <c r="H2147" s="5">
        <v>6</v>
      </c>
      <c r="I2147" s="5" t="s">
        <v>1518</v>
      </c>
      <c r="J2147" s="5" t="s">
        <v>1519</v>
      </c>
      <c r="K2147" s="2" t="s">
        <v>1520</v>
      </c>
      <c r="L2147" s="5" t="s">
        <v>1519</v>
      </c>
      <c r="M2147" s="2" t="s">
        <v>1520</v>
      </c>
      <c r="N2147" s="5" t="s">
        <v>1521</v>
      </c>
      <c r="O2147" s="5" t="s">
        <v>38</v>
      </c>
      <c r="P2147" s="5" t="s">
        <v>39</v>
      </c>
      <c r="Q2147" s="5" t="s">
        <v>40</v>
      </c>
      <c r="R2147" s="5" t="s">
        <v>1522</v>
      </c>
      <c r="S2147" s="5" t="s">
        <v>1523</v>
      </c>
      <c r="T2147" s="5" t="s">
        <v>42</v>
      </c>
      <c r="U2147" s="2">
        <v>3.073</v>
      </c>
      <c r="V2147" s="2">
        <v>2.5489999999999999</v>
      </c>
      <c r="W2147" s="2">
        <v>1.7999999999999999E-2</v>
      </c>
      <c r="X2147" s="2">
        <v>139.1</v>
      </c>
      <c r="Y2147" s="2">
        <v>7.6</v>
      </c>
      <c r="Z2147" s="2">
        <v>16.7</v>
      </c>
      <c r="AA2147" s="5"/>
      <c r="AB2147" s="5" t="s">
        <v>43</v>
      </c>
      <c r="AC2147" s="5" t="s">
        <v>44</v>
      </c>
      <c r="AD2147" s="2"/>
      <c r="AE2147" s="1"/>
    </row>
    <row r="2148" spans="1:31" ht="14.45">
      <c r="A2148" s="11"/>
      <c r="B2148" s="20"/>
      <c r="C2148" s="2" t="s">
        <v>6865</v>
      </c>
      <c r="D2148" s="14" t="s">
        <v>6866</v>
      </c>
      <c r="E2148" s="2" t="s">
        <v>6867</v>
      </c>
      <c r="F2148" s="2" t="s">
        <v>1771</v>
      </c>
      <c r="G2148" s="8">
        <v>218</v>
      </c>
      <c r="H2148" s="5">
        <v>6</v>
      </c>
      <c r="I2148" s="5" t="s">
        <v>1518</v>
      </c>
      <c r="J2148" s="5" t="s">
        <v>1519</v>
      </c>
      <c r="K2148" s="2" t="s">
        <v>1520</v>
      </c>
      <c r="L2148" s="5" t="s">
        <v>1519</v>
      </c>
      <c r="M2148" s="2" t="s">
        <v>1520</v>
      </c>
      <c r="N2148" s="5" t="s">
        <v>1521</v>
      </c>
      <c r="O2148" s="5" t="s">
        <v>38</v>
      </c>
      <c r="P2148" s="5" t="s">
        <v>39</v>
      </c>
      <c r="Q2148" s="5" t="s">
        <v>40</v>
      </c>
      <c r="R2148" s="5" t="s">
        <v>1522</v>
      </c>
      <c r="S2148" s="5" t="s">
        <v>1523</v>
      </c>
      <c r="T2148" s="5" t="s">
        <v>42</v>
      </c>
      <c r="U2148" s="2">
        <v>3.1320000000000001</v>
      </c>
      <c r="V2148" s="2">
        <v>2.6080000000000001</v>
      </c>
      <c r="W2148" s="2">
        <v>1.7999999999999999E-2</v>
      </c>
      <c r="X2148" s="2">
        <v>139.1</v>
      </c>
      <c r="Y2148" s="2">
        <v>7.6</v>
      </c>
      <c r="Z2148" s="2">
        <v>16.7</v>
      </c>
      <c r="AA2148" s="5"/>
      <c r="AB2148" s="5" t="s">
        <v>43</v>
      </c>
      <c r="AC2148" s="5" t="s">
        <v>44</v>
      </c>
      <c r="AD2148" s="2"/>
      <c r="AE2148" s="1"/>
    </row>
    <row r="2149" spans="1:31" ht="14.45">
      <c r="A2149" s="11"/>
      <c r="B2149" s="20"/>
      <c r="C2149" s="2" t="s">
        <v>6868</v>
      </c>
      <c r="D2149" s="14" t="s">
        <v>6869</v>
      </c>
      <c r="E2149" s="2" t="s">
        <v>6870</v>
      </c>
      <c r="F2149" s="2" t="s">
        <v>1775</v>
      </c>
      <c r="G2149" s="8">
        <v>218</v>
      </c>
      <c r="H2149" s="5">
        <v>6</v>
      </c>
      <c r="I2149" s="5" t="s">
        <v>1518</v>
      </c>
      <c r="J2149" s="5" t="s">
        <v>1519</v>
      </c>
      <c r="K2149" s="2" t="s">
        <v>1520</v>
      </c>
      <c r="L2149" s="5" t="s">
        <v>1519</v>
      </c>
      <c r="M2149" s="2" t="s">
        <v>1520</v>
      </c>
      <c r="N2149" s="5" t="s">
        <v>1521</v>
      </c>
      <c r="O2149" s="5" t="s">
        <v>38</v>
      </c>
      <c r="P2149" s="5" t="s">
        <v>39</v>
      </c>
      <c r="Q2149" s="5" t="s">
        <v>40</v>
      </c>
      <c r="R2149" s="5" t="s">
        <v>1522</v>
      </c>
      <c r="S2149" s="5" t="s">
        <v>1523</v>
      </c>
      <c r="T2149" s="5" t="s">
        <v>42</v>
      </c>
      <c r="U2149" s="2">
        <v>3.073</v>
      </c>
      <c r="V2149" s="2">
        <v>2.5489999999999999</v>
      </c>
      <c r="W2149" s="2">
        <v>1.7999999999999999E-2</v>
      </c>
      <c r="X2149" s="2">
        <v>139.1</v>
      </c>
      <c r="Y2149" s="2">
        <v>7.6</v>
      </c>
      <c r="Z2149" s="2">
        <v>16.7</v>
      </c>
      <c r="AA2149" s="5"/>
      <c r="AB2149" s="5" t="s">
        <v>43</v>
      </c>
      <c r="AC2149" s="5" t="s">
        <v>44</v>
      </c>
      <c r="AD2149" s="2"/>
      <c r="AE2149" s="1"/>
    </row>
    <row r="2150" spans="1:31" ht="14.45">
      <c r="A2150" s="11"/>
      <c r="B2150" s="20"/>
      <c r="C2150" s="2" t="s">
        <v>6871</v>
      </c>
      <c r="D2150" s="14" t="s">
        <v>6872</v>
      </c>
      <c r="E2150" s="2" t="s">
        <v>6873</v>
      </c>
      <c r="F2150" s="2" t="s">
        <v>1779</v>
      </c>
      <c r="G2150" s="8">
        <v>218</v>
      </c>
      <c r="H2150" s="5">
        <v>6</v>
      </c>
      <c r="I2150" s="5" t="s">
        <v>1518</v>
      </c>
      <c r="J2150" s="5" t="s">
        <v>1519</v>
      </c>
      <c r="K2150" s="2" t="s">
        <v>1520</v>
      </c>
      <c r="L2150" s="5" t="s">
        <v>1519</v>
      </c>
      <c r="M2150" s="2" t="s">
        <v>1520</v>
      </c>
      <c r="N2150" s="5" t="s">
        <v>1521</v>
      </c>
      <c r="O2150" s="5" t="s">
        <v>38</v>
      </c>
      <c r="P2150" s="5" t="s">
        <v>39</v>
      </c>
      <c r="Q2150" s="5" t="s">
        <v>40</v>
      </c>
      <c r="R2150" s="5" t="s">
        <v>1522</v>
      </c>
      <c r="S2150" s="5" t="s">
        <v>1523</v>
      </c>
      <c r="T2150" s="5" t="s">
        <v>42</v>
      </c>
      <c r="U2150" s="2">
        <v>3.1320000000000001</v>
      </c>
      <c r="V2150" s="2">
        <v>2.6080000000000001</v>
      </c>
      <c r="W2150" s="2">
        <v>1.7999999999999999E-2</v>
      </c>
      <c r="X2150" s="2">
        <v>139.1</v>
      </c>
      <c r="Y2150" s="2">
        <v>7.6</v>
      </c>
      <c r="Z2150" s="2">
        <v>16.7</v>
      </c>
      <c r="AA2150" s="5"/>
      <c r="AB2150" s="5" t="s">
        <v>43</v>
      </c>
      <c r="AC2150" s="5" t="s">
        <v>44</v>
      </c>
      <c r="AD2150" s="2"/>
      <c r="AE2150" s="1"/>
    </row>
    <row r="2151" spans="1:31" ht="14.45">
      <c r="A2151" s="11"/>
      <c r="B2151" s="20"/>
      <c r="C2151" s="2" t="s">
        <v>6874</v>
      </c>
      <c r="D2151" s="14" t="s">
        <v>6875</v>
      </c>
      <c r="E2151" s="2" t="s">
        <v>6876</v>
      </c>
      <c r="F2151" s="2" t="s">
        <v>1783</v>
      </c>
      <c r="G2151" s="8">
        <v>218</v>
      </c>
      <c r="H2151" s="5">
        <v>6</v>
      </c>
      <c r="I2151" s="5" t="s">
        <v>1518</v>
      </c>
      <c r="J2151" s="5" t="s">
        <v>1519</v>
      </c>
      <c r="K2151" s="2" t="s">
        <v>1520</v>
      </c>
      <c r="L2151" s="5" t="s">
        <v>1519</v>
      </c>
      <c r="M2151" s="2" t="s">
        <v>1520</v>
      </c>
      <c r="N2151" s="5" t="s">
        <v>1521</v>
      </c>
      <c r="O2151" s="5" t="s">
        <v>38</v>
      </c>
      <c r="P2151" s="5" t="s">
        <v>39</v>
      </c>
      <c r="Q2151" s="5" t="s">
        <v>40</v>
      </c>
      <c r="R2151" s="5" t="s">
        <v>1522</v>
      </c>
      <c r="S2151" s="5" t="s">
        <v>1523</v>
      </c>
      <c r="T2151" s="5" t="s">
        <v>42</v>
      </c>
      <c r="U2151" s="2">
        <v>3.0430000000000001</v>
      </c>
      <c r="V2151" s="2">
        <v>2.5190000000000001</v>
      </c>
      <c r="W2151" s="2">
        <v>1.7999999999999999E-2</v>
      </c>
      <c r="X2151" s="2">
        <v>139.1</v>
      </c>
      <c r="Y2151" s="2">
        <v>7.6</v>
      </c>
      <c r="Z2151" s="2">
        <v>16.7</v>
      </c>
      <c r="AA2151" s="5"/>
      <c r="AB2151" s="5" t="s">
        <v>43</v>
      </c>
      <c r="AC2151" s="5" t="s">
        <v>44</v>
      </c>
      <c r="AD2151" s="2"/>
      <c r="AE2151" s="1"/>
    </row>
    <row r="2152" spans="1:31" ht="14.45">
      <c r="A2152" s="11"/>
      <c r="B2152" s="20"/>
      <c r="C2152" s="2" t="s">
        <v>6877</v>
      </c>
      <c r="D2152" s="14" t="s">
        <v>6878</v>
      </c>
      <c r="E2152" s="2" t="s">
        <v>6879</v>
      </c>
      <c r="F2152" s="2" t="s">
        <v>1787</v>
      </c>
      <c r="G2152" s="8">
        <v>218</v>
      </c>
      <c r="H2152" s="5">
        <v>6</v>
      </c>
      <c r="I2152" s="5" t="s">
        <v>1518</v>
      </c>
      <c r="J2152" s="5" t="s">
        <v>1519</v>
      </c>
      <c r="K2152" s="2" t="s">
        <v>1520</v>
      </c>
      <c r="L2152" s="5" t="s">
        <v>1519</v>
      </c>
      <c r="M2152" s="2" t="s">
        <v>1520</v>
      </c>
      <c r="N2152" s="5" t="s">
        <v>1521</v>
      </c>
      <c r="O2152" s="5" t="s">
        <v>38</v>
      </c>
      <c r="P2152" s="5" t="s">
        <v>39</v>
      </c>
      <c r="Q2152" s="5" t="s">
        <v>40</v>
      </c>
      <c r="R2152" s="5" t="s">
        <v>1522</v>
      </c>
      <c r="S2152" s="5" t="s">
        <v>1523</v>
      </c>
      <c r="T2152" s="5" t="s">
        <v>42</v>
      </c>
      <c r="U2152" s="2">
        <v>3.1019999999999999</v>
      </c>
      <c r="V2152" s="2">
        <v>2.5779999999999998</v>
      </c>
      <c r="W2152" s="2">
        <v>1.7999999999999999E-2</v>
      </c>
      <c r="X2152" s="2">
        <v>139.1</v>
      </c>
      <c r="Y2152" s="2">
        <v>7.6</v>
      </c>
      <c r="Z2152" s="2">
        <v>16.7</v>
      </c>
      <c r="AA2152" s="5"/>
      <c r="AB2152" s="5" t="s">
        <v>43</v>
      </c>
      <c r="AC2152" s="5" t="s">
        <v>44</v>
      </c>
      <c r="AD2152" s="2"/>
      <c r="AE2152" s="1"/>
    </row>
    <row r="2153" spans="1:31" ht="14.45">
      <c r="A2153" s="11"/>
      <c r="B2153" s="20"/>
      <c r="C2153" s="2" t="s">
        <v>6880</v>
      </c>
      <c r="D2153" s="14" t="s">
        <v>6881</v>
      </c>
      <c r="E2153" s="2" t="s">
        <v>6882</v>
      </c>
      <c r="F2153" s="2" t="s">
        <v>1791</v>
      </c>
      <c r="G2153" s="8">
        <v>218</v>
      </c>
      <c r="H2153" s="5">
        <v>6</v>
      </c>
      <c r="I2153" s="5" t="s">
        <v>1518</v>
      </c>
      <c r="J2153" s="5" t="s">
        <v>1519</v>
      </c>
      <c r="K2153" s="2" t="s">
        <v>1520</v>
      </c>
      <c r="L2153" s="5" t="s">
        <v>1519</v>
      </c>
      <c r="M2153" s="2" t="s">
        <v>1520</v>
      </c>
      <c r="N2153" s="5" t="s">
        <v>1521</v>
      </c>
      <c r="O2153" s="5" t="s">
        <v>38</v>
      </c>
      <c r="P2153" s="5" t="s">
        <v>39</v>
      </c>
      <c r="Q2153" s="5" t="s">
        <v>40</v>
      </c>
      <c r="R2153" s="5" t="s">
        <v>1522</v>
      </c>
      <c r="S2153" s="5" t="s">
        <v>1523</v>
      </c>
      <c r="T2153" s="5" t="s">
        <v>42</v>
      </c>
      <c r="U2153" s="2">
        <v>3.073</v>
      </c>
      <c r="V2153" s="2">
        <v>2.5489999999999999</v>
      </c>
      <c r="W2153" s="2">
        <v>1.7999999999999999E-2</v>
      </c>
      <c r="X2153" s="2">
        <v>139.1</v>
      </c>
      <c r="Y2153" s="2">
        <v>7.6</v>
      </c>
      <c r="Z2153" s="2">
        <v>16.7</v>
      </c>
      <c r="AA2153" s="5"/>
      <c r="AB2153" s="5" t="s">
        <v>43</v>
      </c>
      <c r="AC2153" s="5" t="s">
        <v>44</v>
      </c>
      <c r="AD2153" s="2"/>
      <c r="AE2153" s="1"/>
    </row>
    <row r="2154" spans="1:31" ht="14.45">
      <c r="A2154" s="11"/>
      <c r="B2154" s="20"/>
      <c r="C2154" s="2" t="s">
        <v>6883</v>
      </c>
      <c r="D2154" s="14" t="s">
        <v>6884</v>
      </c>
      <c r="E2154" s="2" t="s">
        <v>6885</v>
      </c>
      <c r="F2154" s="2" t="s">
        <v>1795</v>
      </c>
      <c r="G2154" s="8">
        <v>218</v>
      </c>
      <c r="H2154" s="5">
        <v>6</v>
      </c>
      <c r="I2154" s="5" t="s">
        <v>1518</v>
      </c>
      <c r="J2154" s="5" t="s">
        <v>1519</v>
      </c>
      <c r="K2154" s="2" t="s">
        <v>1520</v>
      </c>
      <c r="L2154" s="5" t="s">
        <v>1519</v>
      </c>
      <c r="M2154" s="2" t="s">
        <v>1520</v>
      </c>
      <c r="N2154" s="5" t="s">
        <v>1521</v>
      </c>
      <c r="O2154" s="5" t="s">
        <v>38</v>
      </c>
      <c r="P2154" s="5" t="s">
        <v>39</v>
      </c>
      <c r="Q2154" s="5" t="s">
        <v>40</v>
      </c>
      <c r="R2154" s="5" t="s">
        <v>1522</v>
      </c>
      <c r="S2154" s="5" t="s">
        <v>1523</v>
      </c>
      <c r="T2154" s="5" t="s">
        <v>42</v>
      </c>
      <c r="U2154" s="2">
        <v>3.1320000000000001</v>
      </c>
      <c r="V2154" s="2">
        <v>2.6080000000000001</v>
      </c>
      <c r="W2154" s="2">
        <v>1.7999999999999999E-2</v>
      </c>
      <c r="X2154" s="2">
        <v>139.1</v>
      </c>
      <c r="Y2154" s="2">
        <v>7.6</v>
      </c>
      <c r="Z2154" s="2">
        <v>16.7</v>
      </c>
      <c r="AA2154" s="5"/>
      <c r="AB2154" s="5" t="s">
        <v>43</v>
      </c>
      <c r="AC2154" s="5" t="s">
        <v>44</v>
      </c>
      <c r="AD2154" s="2"/>
      <c r="AE2154" s="1"/>
    </row>
    <row r="2155" spans="1:31" ht="14.45">
      <c r="A2155" s="11"/>
      <c r="B2155" s="20"/>
      <c r="C2155" s="2" t="s">
        <v>6886</v>
      </c>
      <c r="D2155" s="14" t="s">
        <v>6887</v>
      </c>
      <c r="E2155" s="2" t="s">
        <v>6888</v>
      </c>
      <c r="F2155" s="2" t="s">
        <v>1799</v>
      </c>
      <c r="G2155" s="8">
        <v>218</v>
      </c>
      <c r="H2155" s="5">
        <v>6</v>
      </c>
      <c r="I2155" s="5" t="s">
        <v>1518</v>
      </c>
      <c r="J2155" s="5" t="s">
        <v>1519</v>
      </c>
      <c r="K2155" s="2" t="s">
        <v>1520</v>
      </c>
      <c r="L2155" s="5" t="s">
        <v>1519</v>
      </c>
      <c r="M2155" s="2" t="s">
        <v>1520</v>
      </c>
      <c r="N2155" s="5" t="s">
        <v>1521</v>
      </c>
      <c r="O2155" s="5" t="s">
        <v>38</v>
      </c>
      <c r="P2155" s="5" t="s">
        <v>39</v>
      </c>
      <c r="Q2155" s="5" t="s">
        <v>40</v>
      </c>
      <c r="R2155" s="5" t="s">
        <v>1522</v>
      </c>
      <c r="S2155" s="5" t="s">
        <v>1523</v>
      </c>
      <c r="T2155" s="5" t="s">
        <v>42</v>
      </c>
      <c r="U2155" s="2">
        <v>3.073</v>
      </c>
      <c r="V2155" s="2">
        <v>2.5489999999999999</v>
      </c>
      <c r="W2155" s="2">
        <v>1.7999999999999999E-2</v>
      </c>
      <c r="X2155" s="2">
        <v>139.1</v>
      </c>
      <c r="Y2155" s="2">
        <v>7.6</v>
      </c>
      <c r="Z2155" s="2">
        <v>16.7</v>
      </c>
      <c r="AA2155" s="5"/>
      <c r="AB2155" s="5" t="s">
        <v>43</v>
      </c>
      <c r="AC2155" s="5" t="s">
        <v>44</v>
      </c>
      <c r="AD2155" s="2"/>
      <c r="AE2155" s="1"/>
    </row>
    <row r="2156" spans="1:31" ht="14.45">
      <c r="A2156" s="11"/>
      <c r="B2156" s="20"/>
      <c r="C2156" s="2" t="s">
        <v>6889</v>
      </c>
      <c r="D2156" s="14" t="s">
        <v>6890</v>
      </c>
      <c r="E2156" s="2" t="s">
        <v>6891</v>
      </c>
      <c r="F2156" s="2" t="s">
        <v>1803</v>
      </c>
      <c r="G2156" s="8">
        <v>218</v>
      </c>
      <c r="H2156" s="5">
        <v>6</v>
      </c>
      <c r="I2156" s="5" t="s">
        <v>1518</v>
      </c>
      <c r="J2156" s="5" t="s">
        <v>1519</v>
      </c>
      <c r="K2156" s="2" t="s">
        <v>1520</v>
      </c>
      <c r="L2156" s="5" t="s">
        <v>1519</v>
      </c>
      <c r="M2156" s="2" t="s">
        <v>1520</v>
      </c>
      <c r="N2156" s="5" t="s">
        <v>1521</v>
      </c>
      <c r="O2156" s="5" t="s">
        <v>38</v>
      </c>
      <c r="P2156" s="5" t="s">
        <v>39</v>
      </c>
      <c r="Q2156" s="5" t="s">
        <v>40</v>
      </c>
      <c r="R2156" s="5" t="s">
        <v>1522</v>
      </c>
      <c r="S2156" s="5" t="s">
        <v>1523</v>
      </c>
      <c r="T2156" s="5" t="s">
        <v>42</v>
      </c>
      <c r="U2156" s="2">
        <v>3.1320000000000001</v>
      </c>
      <c r="V2156" s="2">
        <v>2.6080000000000001</v>
      </c>
      <c r="W2156" s="2">
        <v>1.7999999999999999E-2</v>
      </c>
      <c r="X2156" s="2">
        <v>139.1</v>
      </c>
      <c r="Y2156" s="2">
        <v>7.6</v>
      </c>
      <c r="Z2156" s="2">
        <v>16.7</v>
      </c>
      <c r="AA2156" s="5"/>
      <c r="AB2156" s="5" t="s">
        <v>43</v>
      </c>
      <c r="AC2156" s="5" t="s">
        <v>44</v>
      </c>
      <c r="AD2156" s="2"/>
      <c r="AE2156" s="1"/>
    </row>
    <row r="2157" spans="1:31" ht="14.45">
      <c r="A2157" s="11"/>
      <c r="B2157" s="20"/>
      <c r="C2157" s="2" t="s">
        <v>6892</v>
      </c>
      <c r="D2157" s="14" t="s">
        <v>6893</v>
      </c>
      <c r="E2157" s="2" t="s">
        <v>6894</v>
      </c>
      <c r="F2157" s="2" t="s">
        <v>1807</v>
      </c>
      <c r="G2157" s="8">
        <v>218</v>
      </c>
      <c r="H2157" s="5">
        <v>6</v>
      </c>
      <c r="I2157" s="5" t="s">
        <v>1518</v>
      </c>
      <c r="J2157" s="5" t="s">
        <v>1519</v>
      </c>
      <c r="K2157" s="2" t="s">
        <v>1520</v>
      </c>
      <c r="L2157" s="5" t="s">
        <v>1519</v>
      </c>
      <c r="M2157" s="2" t="s">
        <v>1520</v>
      </c>
      <c r="N2157" s="5" t="s">
        <v>1521</v>
      </c>
      <c r="O2157" s="5" t="s">
        <v>38</v>
      </c>
      <c r="P2157" s="5" t="s">
        <v>39</v>
      </c>
      <c r="Q2157" s="5" t="s">
        <v>40</v>
      </c>
      <c r="R2157" s="5" t="s">
        <v>1522</v>
      </c>
      <c r="S2157" s="5" t="s">
        <v>1523</v>
      </c>
      <c r="T2157" s="5" t="s">
        <v>42</v>
      </c>
      <c r="U2157" s="2">
        <v>3.073</v>
      </c>
      <c r="V2157" s="2">
        <v>2.5489999999999999</v>
      </c>
      <c r="W2157" s="2">
        <v>1.7999999999999999E-2</v>
      </c>
      <c r="X2157" s="2">
        <v>139.1</v>
      </c>
      <c r="Y2157" s="2">
        <v>7.6</v>
      </c>
      <c r="Z2157" s="2">
        <v>16.7</v>
      </c>
      <c r="AA2157" s="5"/>
      <c r="AB2157" s="5" t="s">
        <v>43</v>
      </c>
      <c r="AC2157" s="5" t="s">
        <v>44</v>
      </c>
      <c r="AD2157" s="2"/>
      <c r="AE2157" s="1"/>
    </row>
    <row r="2158" spans="1:31" ht="14.45">
      <c r="A2158" s="11"/>
      <c r="B2158" s="20"/>
      <c r="C2158" s="2" t="s">
        <v>6895</v>
      </c>
      <c r="D2158" s="14" t="s">
        <v>6896</v>
      </c>
      <c r="E2158" s="2" t="s">
        <v>6897</v>
      </c>
      <c r="F2158" s="2" t="s">
        <v>1811</v>
      </c>
      <c r="G2158" s="8">
        <v>218</v>
      </c>
      <c r="H2158" s="5">
        <v>6</v>
      </c>
      <c r="I2158" s="5" t="s">
        <v>1518</v>
      </c>
      <c r="J2158" s="5" t="s">
        <v>1519</v>
      </c>
      <c r="K2158" s="2" t="s">
        <v>1520</v>
      </c>
      <c r="L2158" s="5" t="s">
        <v>1519</v>
      </c>
      <c r="M2158" s="2" t="s">
        <v>1520</v>
      </c>
      <c r="N2158" s="5" t="s">
        <v>1521</v>
      </c>
      <c r="O2158" s="5" t="s">
        <v>38</v>
      </c>
      <c r="P2158" s="5" t="s">
        <v>39</v>
      </c>
      <c r="Q2158" s="5" t="s">
        <v>40</v>
      </c>
      <c r="R2158" s="5" t="s">
        <v>1522</v>
      </c>
      <c r="S2158" s="5" t="s">
        <v>1523</v>
      </c>
      <c r="T2158" s="5" t="s">
        <v>42</v>
      </c>
      <c r="U2158" s="2">
        <v>3.1320000000000001</v>
      </c>
      <c r="V2158" s="2">
        <v>2.6080000000000001</v>
      </c>
      <c r="W2158" s="2">
        <v>1.7999999999999999E-2</v>
      </c>
      <c r="X2158" s="2">
        <v>139.1</v>
      </c>
      <c r="Y2158" s="2">
        <v>7.6</v>
      </c>
      <c r="Z2158" s="2">
        <v>16.7</v>
      </c>
      <c r="AA2158" s="5"/>
      <c r="AB2158" s="5" t="s">
        <v>43</v>
      </c>
      <c r="AC2158" s="5" t="s">
        <v>44</v>
      </c>
      <c r="AD2158" s="2"/>
      <c r="AE2158" s="1"/>
    </row>
    <row r="2159" spans="1:31" ht="14.45">
      <c r="A2159" s="11"/>
      <c r="B2159" s="20"/>
      <c r="C2159" s="2" t="s">
        <v>6898</v>
      </c>
      <c r="D2159" s="14" t="s">
        <v>6899</v>
      </c>
      <c r="E2159" s="2" t="s">
        <v>6900</v>
      </c>
      <c r="F2159" s="2" t="s">
        <v>1815</v>
      </c>
      <c r="G2159" s="8">
        <v>218</v>
      </c>
      <c r="H2159" s="5">
        <v>6</v>
      </c>
      <c r="I2159" s="5" t="s">
        <v>1518</v>
      </c>
      <c r="J2159" s="5" t="s">
        <v>1519</v>
      </c>
      <c r="K2159" s="2" t="s">
        <v>1520</v>
      </c>
      <c r="L2159" s="5" t="s">
        <v>1519</v>
      </c>
      <c r="M2159" s="2" t="s">
        <v>1520</v>
      </c>
      <c r="N2159" s="5" t="s">
        <v>1521</v>
      </c>
      <c r="O2159" s="5" t="s">
        <v>38</v>
      </c>
      <c r="P2159" s="5" t="s">
        <v>39</v>
      </c>
      <c r="Q2159" s="5" t="s">
        <v>40</v>
      </c>
      <c r="R2159" s="5" t="s">
        <v>1522</v>
      </c>
      <c r="S2159" s="5" t="s">
        <v>1523</v>
      </c>
      <c r="T2159" s="5" t="s">
        <v>42</v>
      </c>
      <c r="U2159" s="2">
        <v>3.0430000000000001</v>
      </c>
      <c r="V2159" s="2">
        <v>2.5190000000000001</v>
      </c>
      <c r="W2159" s="2">
        <v>1.7999999999999999E-2</v>
      </c>
      <c r="X2159" s="2">
        <v>139.1</v>
      </c>
      <c r="Y2159" s="2">
        <v>7.6</v>
      </c>
      <c r="Z2159" s="2">
        <v>16.7</v>
      </c>
      <c r="AA2159" s="5"/>
      <c r="AB2159" s="5" t="s">
        <v>43</v>
      </c>
      <c r="AC2159" s="5" t="s">
        <v>44</v>
      </c>
      <c r="AD2159" s="2"/>
      <c r="AE2159" s="1"/>
    </row>
    <row r="2160" spans="1:31" ht="14.45">
      <c r="A2160" s="11"/>
      <c r="B2160" s="20"/>
      <c r="C2160" s="2" t="s">
        <v>6901</v>
      </c>
      <c r="D2160" s="14" t="s">
        <v>6902</v>
      </c>
      <c r="E2160" s="2" t="s">
        <v>6903</v>
      </c>
      <c r="F2160" s="2" t="s">
        <v>1819</v>
      </c>
      <c r="G2160" s="8">
        <v>218</v>
      </c>
      <c r="H2160" s="5">
        <v>6</v>
      </c>
      <c r="I2160" s="5" t="s">
        <v>1518</v>
      </c>
      <c r="J2160" s="5" t="s">
        <v>1519</v>
      </c>
      <c r="K2160" s="2" t="s">
        <v>1520</v>
      </c>
      <c r="L2160" s="5" t="s">
        <v>1519</v>
      </c>
      <c r="M2160" s="2" t="s">
        <v>1520</v>
      </c>
      <c r="N2160" s="5" t="s">
        <v>1521</v>
      </c>
      <c r="O2160" s="5" t="s">
        <v>38</v>
      </c>
      <c r="P2160" s="5" t="s">
        <v>39</v>
      </c>
      <c r="Q2160" s="5" t="s">
        <v>40</v>
      </c>
      <c r="R2160" s="5" t="s">
        <v>1522</v>
      </c>
      <c r="S2160" s="5" t="s">
        <v>1523</v>
      </c>
      <c r="T2160" s="5" t="s">
        <v>42</v>
      </c>
      <c r="U2160" s="2">
        <v>3.1019999999999999</v>
      </c>
      <c r="V2160" s="2">
        <v>2.5779999999999998</v>
      </c>
      <c r="W2160" s="2">
        <v>1.7999999999999999E-2</v>
      </c>
      <c r="X2160" s="2">
        <v>139.1</v>
      </c>
      <c r="Y2160" s="2">
        <v>7.6</v>
      </c>
      <c r="Z2160" s="2">
        <v>16.7</v>
      </c>
      <c r="AA2160" s="5"/>
      <c r="AB2160" s="5" t="s">
        <v>43</v>
      </c>
      <c r="AC2160" s="5" t="s">
        <v>44</v>
      </c>
      <c r="AD2160" s="2"/>
      <c r="AE2160" s="1"/>
    </row>
    <row r="2161" spans="1:31" ht="14.45">
      <c r="A2161" s="11"/>
      <c r="B2161" s="20"/>
      <c r="C2161" s="2" t="s">
        <v>6904</v>
      </c>
      <c r="D2161" s="14" t="s">
        <v>6905</v>
      </c>
      <c r="E2161" s="2" t="s">
        <v>6906</v>
      </c>
      <c r="F2161" s="2" t="s">
        <v>1823</v>
      </c>
      <c r="G2161" s="8">
        <v>218</v>
      </c>
      <c r="H2161" s="5">
        <v>8</v>
      </c>
      <c r="I2161" s="5" t="s">
        <v>1518</v>
      </c>
      <c r="J2161" s="5" t="s">
        <v>1519</v>
      </c>
      <c r="K2161" s="2" t="s">
        <v>1520</v>
      </c>
      <c r="L2161" s="5" t="s">
        <v>1519</v>
      </c>
      <c r="M2161" s="2" t="s">
        <v>1520</v>
      </c>
      <c r="N2161" s="5" t="s">
        <v>1521</v>
      </c>
      <c r="O2161" s="5" t="s">
        <v>38</v>
      </c>
      <c r="P2161" s="5" t="s">
        <v>39</v>
      </c>
      <c r="Q2161" s="5" t="s">
        <v>40</v>
      </c>
      <c r="R2161" s="5" t="s">
        <v>1522</v>
      </c>
      <c r="S2161" s="5" t="s">
        <v>1523</v>
      </c>
      <c r="T2161" s="5" t="s">
        <v>42</v>
      </c>
      <c r="U2161" s="2">
        <v>3.097</v>
      </c>
      <c r="V2161" s="2">
        <v>2.573</v>
      </c>
      <c r="W2161" s="2">
        <v>1.7999999999999999E-2</v>
      </c>
      <c r="X2161" s="2">
        <v>139.1</v>
      </c>
      <c r="Y2161" s="2">
        <v>7.6</v>
      </c>
      <c r="Z2161" s="2">
        <v>16.7</v>
      </c>
      <c r="AA2161" s="5"/>
      <c r="AB2161" s="5" t="s">
        <v>43</v>
      </c>
      <c r="AC2161" s="5" t="s">
        <v>44</v>
      </c>
      <c r="AD2161" s="2"/>
      <c r="AE2161" s="1"/>
    </row>
    <row r="2162" spans="1:31" ht="14.45">
      <c r="A2162" s="11"/>
      <c r="B2162" s="20"/>
      <c r="C2162" s="2" t="s">
        <v>6907</v>
      </c>
      <c r="D2162" s="14" t="s">
        <v>6908</v>
      </c>
      <c r="E2162" s="2" t="s">
        <v>6909</v>
      </c>
      <c r="F2162" s="2" t="s">
        <v>1827</v>
      </c>
      <c r="G2162" s="8">
        <v>218</v>
      </c>
      <c r="H2162" s="5">
        <v>8</v>
      </c>
      <c r="I2162" s="5" t="s">
        <v>1518</v>
      </c>
      <c r="J2162" s="5" t="s">
        <v>1519</v>
      </c>
      <c r="K2162" s="2" t="s">
        <v>1520</v>
      </c>
      <c r="L2162" s="5" t="s">
        <v>1519</v>
      </c>
      <c r="M2162" s="2" t="s">
        <v>1520</v>
      </c>
      <c r="N2162" s="5" t="s">
        <v>1521</v>
      </c>
      <c r="O2162" s="5" t="s">
        <v>38</v>
      </c>
      <c r="P2162" s="5" t="s">
        <v>39</v>
      </c>
      <c r="Q2162" s="5" t="s">
        <v>40</v>
      </c>
      <c r="R2162" s="5" t="s">
        <v>1522</v>
      </c>
      <c r="S2162" s="5" t="s">
        <v>1523</v>
      </c>
      <c r="T2162" s="5" t="s">
        <v>42</v>
      </c>
      <c r="U2162" s="2">
        <v>3.1560000000000001</v>
      </c>
      <c r="V2162" s="2">
        <v>2.6320000000000001</v>
      </c>
      <c r="W2162" s="2">
        <v>1.7999999999999999E-2</v>
      </c>
      <c r="X2162" s="2">
        <v>139.1</v>
      </c>
      <c r="Y2162" s="2">
        <v>7.6</v>
      </c>
      <c r="Z2162" s="2">
        <v>16.7</v>
      </c>
      <c r="AA2162" s="5"/>
      <c r="AB2162" s="5" t="s">
        <v>43</v>
      </c>
      <c r="AC2162" s="5" t="s">
        <v>44</v>
      </c>
      <c r="AD2162" s="2"/>
      <c r="AE2162" s="1"/>
    </row>
    <row r="2163" spans="1:31" ht="14.45">
      <c r="A2163" s="11"/>
      <c r="B2163" s="20"/>
      <c r="C2163" s="2" t="s">
        <v>6910</v>
      </c>
      <c r="D2163" s="14" t="s">
        <v>6911</v>
      </c>
      <c r="E2163" s="2" t="s">
        <v>6912</v>
      </c>
      <c r="F2163" s="2" t="s">
        <v>2212</v>
      </c>
      <c r="G2163" s="8">
        <v>218</v>
      </c>
      <c r="H2163" s="5">
        <v>13</v>
      </c>
      <c r="I2163" s="5" t="s">
        <v>1518</v>
      </c>
      <c r="J2163" s="5" t="s">
        <v>1519</v>
      </c>
      <c r="K2163" s="2" t="s">
        <v>1520</v>
      </c>
      <c r="L2163" s="5" t="s">
        <v>1519</v>
      </c>
      <c r="M2163" s="2" t="s">
        <v>1520</v>
      </c>
      <c r="N2163" s="5" t="s">
        <v>1521</v>
      </c>
      <c r="O2163" s="5" t="s">
        <v>38</v>
      </c>
      <c r="P2163" s="5" t="s">
        <v>39</v>
      </c>
      <c r="Q2163" s="5" t="s">
        <v>40</v>
      </c>
      <c r="R2163" s="5" t="s">
        <v>1522</v>
      </c>
      <c r="S2163" s="5" t="s">
        <v>1523</v>
      </c>
      <c r="T2163" s="5" t="s">
        <v>42</v>
      </c>
      <c r="U2163" s="2">
        <v>3.1669999999999998</v>
      </c>
      <c r="V2163" s="2">
        <v>2.6429999999999998</v>
      </c>
      <c r="W2163" s="2">
        <v>1.7999999999999999E-2</v>
      </c>
      <c r="X2163" s="2">
        <v>139.1</v>
      </c>
      <c r="Y2163" s="2">
        <v>7.6</v>
      </c>
      <c r="Z2163" s="2">
        <v>16.7</v>
      </c>
      <c r="AA2163" s="5"/>
      <c r="AB2163" s="5" t="s">
        <v>43</v>
      </c>
      <c r="AC2163" s="5" t="s">
        <v>44</v>
      </c>
      <c r="AD2163" s="2"/>
      <c r="AE2163" s="1"/>
    </row>
    <row r="2164" spans="1:31" ht="14.45">
      <c r="A2164" s="11"/>
      <c r="B2164" s="20"/>
      <c r="C2164" s="2" t="s">
        <v>6913</v>
      </c>
      <c r="D2164" s="14" t="s">
        <v>6914</v>
      </c>
      <c r="E2164" s="2" t="s">
        <v>6915</v>
      </c>
      <c r="F2164" s="2" t="s">
        <v>1831</v>
      </c>
      <c r="G2164" s="8">
        <v>218</v>
      </c>
      <c r="H2164" s="5">
        <v>13</v>
      </c>
      <c r="I2164" s="5" t="s">
        <v>1518</v>
      </c>
      <c r="J2164" s="5" t="s">
        <v>1519</v>
      </c>
      <c r="K2164" s="2" t="s">
        <v>1520</v>
      </c>
      <c r="L2164" s="5" t="s">
        <v>1519</v>
      </c>
      <c r="M2164" s="2" t="s">
        <v>1520</v>
      </c>
      <c r="N2164" s="5" t="s">
        <v>1521</v>
      </c>
      <c r="O2164" s="5" t="s">
        <v>38</v>
      </c>
      <c r="P2164" s="5" t="s">
        <v>39</v>
      </c>
      <c r="Q2164" s="5" t="s">
        <v>40</v>
      </c>
      <c r="R2164" s="5" t="s">
        <v>1522</v>
      </c>
      <c r="S2164" s="5" t="s">
        <v>1523</v>
      </c>
      <c r="T2164" s="5" t="s">
        <v>42</v>
      </c>
      <c r="U2164" s="2">
        <v>3.1080000000000001</v>
      </c>
      <c r="V2164" s="2">
        <v>2.5840000000000001</v>
      </c>
      <c r="W2164" s="2">
        <v>1.7999999999999999E-2</v>
      </c>
      <c r="X2164" s="2">
        <v>139.1</v>
      </c>
      <c r="Y2164" s="2">
        <v>7.6</v>
      </c>
      <c r="Z2164" s="2">
        <v>16.7</v>
      </c>
      <c r="AA2164" s="5"/>
      <c r="AB2164" s="5" t="s">
        <v>43</v>
      </c>
      <c r="AC2164" s="5" t="s">
        <v>44</v>
      </c>
      <c r="AD2164" s="2"/>
      <c r="AE2164" s="1"/>
    </row>
    <row r="2165" spans="1:31" ht="14.45">
      <c r="A2165" s="11"/>
      <c r="B2165" s="20"/>
      <c r="C2165" s="2" t="s">
        <v>6916</v>
      </c>
      <c r="D2165" s="14" t="s">
        <v>6917</v>
      </c>
      <c r="E2165" s="2" t="s">
        <v>6918</v>
      </c>
      <c r="F2165" s="2" t="s">
        <v>1835</v>
      </c>
      <c r="G2165" s="8">
        <v>218</v>
      </c>
      <c r="H2165" s="5">
        <v>13</v>
      </c>
      <c r="I2165" s="5" t="s">
        <v>1518</v>
      </c>
      <c r="J2165" s="5" t="s">
        <v>1519</v>
      </c>
      <c r="K2165" s="2" t="s">
        <v>1520</v>
      </c>
      <c r="L2165" s="5" t="s">
        <v>1519</v>
      </c>
      <c r="M2165" s="2" t="s">
        <v>1520</v>
      </c>
      <c r="N2165" s="5" t="s">
        <v>1521</v>
      </c>
      <c r="O2165" s="5" t="s">
        <v>38</v>
      </c>
      <c r="P2165" s="5" t="s">
        <v>39</v>
      </c>
      <c r="Q2165" s="5" t="s">
        <v>40</v>
      </c>
      <c r="R2165" s="5" t="s">
        <v>1522</v>
      </c>
      <c r="S2165" s="5" t="s">
        <v>1523</v>
      </c>
      <c r="T2165" s="5" t="s">
        <v>42</v>
      </c>
      <c r="U2165" s="2">
        <v>3.1669999999999998</v>
      </c>
      <c r="V2165" s="2">
        <v>2.6429999999999998</v>
      </c>
      <c r="W2165" s="2">
        <v>1.7999999999999999E-2</v>
      </c>
      <c r="X2165" s="2">
        <v>139.1</v>
      </c>
      <c r="Y2165" s="2">
        <v>7.6</v>
      </c>
      <c r="Z2165" s="2">
        <v>16.7</v>
      </c>
      <c r="AA2165" s="5"/>
      <c r="AB2165" s="5" t="s">
        <v>43</v>
      </c>
      <c r="AC2165" s="5" t="s">
        <v>44</v>
      </c>
      <c r="AD2165" s="2"/>
      <c r="AE2165" s="1"/>
    </row>
    <row r="2166" spans="1:31" ht="14.45">
      <c r="A2166" s="11"/>
      <c r="B2166" s="20"/>
      <c r="C2166" s="2" t="s">
        <v>6919</v>
      </c>
      <c r="D2166" s="14" t="s">
        <v>6920</v>
      </c>
      <c r="E2166" s="2" t="s">
        <v>6921</v>
      </c>
      <c r="F2166" s="2" t="s">
        <v>1839</v>
      </c>
      <c r="G2166" s="8">
        <v>218</v>
      </c>
      <c r="H2166" s="5">
        <v>13</v>
      </c>
      <c r="I2166" s="5" t="s">
        <v>1518</v>
      </c>
      <c r="J2166" s="5" t="s">
        <v>1519</v>
      </c>
      <c r="K2166" s="2" t="s">
        <v>1520</v>
      </c>
      <c r="L2166" s="5" t="s">
        <v>1519</v>
      </c>
      <c r="M2166" s="2" t="s">
        <v>1520</v>
      </c>
      <c r="N2166" s="5" t="s">
        <v>1521</v>
      </c>
      <c r="O2166" s="5" t="s">
        <v>38</v>
      </c>
      <c r="P2166" s="5" t="s">
        <v>39</v>
      </c>
      <c r="Q2166" s="5" t="s">
        <v>40</v>
      </c>
      <c r="R2166" s="5" t="s">
        <v>1522</v>
      </c>
      <c r="S2166" s="5" t="s">
        <v>1523</v>
      </c>
      <c r="T2166" s="5" t="s">
        <v>42</v>
      </c>
      <c r="U2166" s="2">
        <v>3.1080000000000001</v>
      </c>
      <c r="V2166" s="2">
        <v>2.5840000000000001</v>
      </c>
      <c r="W2166" s="2">
        <v>1.7999999999999999E-2</v>
      </c>
      <c r="X2166" s="2">
        <v>139.1</v>
      </c>
      <c r="Y2166" s="2">
        <v>7.6</v>
      </c>
      <c r="Z2166" s="2">
        <v>16.7</v>
      </c>
      <c r="AA2166" s="5"/>
      <c r="AB2166" s="5" t="s">
        <v>43</v>
      </c>
      <c r="AC2166" s="5" t="s">
        <v>44</v>
      </c>
      <c r="AD2166" s="2"/>
      <c r="AE2166" s="1"/>
    </row>
    <row r="2167" spans="1:31" ht="14.45">
      <c r="A2167" s="11"/>
      <c r="B2167" s="20"/>
      <c r="C2167" s="2" t="s">
        <v>6922</v>
      </c>
      <c r="D2167" s="14" t="s">
        <v>6923</v>
      </c>
      <c r="E2167" s="2" t="s">
        <v>6924</v>
      </c>
      <c r="F2167" s="2" t="s">
        <v>1986</v>
      </c>
      <c r="G2167" s="8">
        <v>218</v>
      </c>
      <c r="H2167" s="5">
        <v>13</v>
      </c>
      <c r="I2167" s="5" t="s">
        <v>1518</v>
      </c>
      <c r="J2167" s="5" t="s">
        <v>1519</v>
      </c>
      <c r="K2167" s="2" t="s">
        <v>1520</v>
      </c>
      <c r="L2167" s="5" t="s">
        <v>1519</v>
      </c>
      <c r="M2167" s="2" t="s">
        <v>1520</v>
      </c>
      <c r="N2167" s="5" t="s">
        <v>1521</v>
      </c>
      <c r="O2167" s="5" t="s">
        <v>38</v>
      </c>
      <c r="P2167" s="5" t="s">
        <v>39</v>
      </c>
      <c r="Q2167" s="5" t="s">
        <v>40</v>
      </c>
      <c r="R2167" s="5" t="s">
        <v>1522</v>
      </c>
      <c r="S2167" s="5" t="s">
        <v>1523</v>
      </c>
      <c r="T2167" s="5" t="s">
        <v>42</v>
      </c>
      <c r="U2167" s="2">
        <v>3.1669999999999998</v>
      </c>
      <c r="V2167" s="2">
        <v>2.6429999999999998</v>
      </c>
      <c r="W2167" s="2">
        <v>1.7999999999999999E-2</v>
      </c>
      <c r="X2167" s="2">
        <v>139.1</v>
      </c>
      <c r="Y2167" s="2">
        <v>7.6</v>
      </c>
      <c r="Z2167" s="2">
        <v>16.7</v>
      </c>
      <c r="AA2167" s="5"/>
      <c r="AB2167" s="5" t="s">
        <v>43</v>
      </c>
      <c r="AC2167" s="5" t="s">
        <v>44</v>
      </c>
      <c r="AD2167" s="2"/>
      <c r="AE2167" s="1"/>
    </row>
    <row r="2168" spans="1:31" ht="14.45">
      <c r="A2168" s="11"/>
      <c r="B2168" s="20"/>
      <c r="C2168" s="2" t="s">
        <v>6925</v>
      </c>
      <c r="D2168" s="14" t="s">
        <v>6926</v>
      </c>
      <c r="E2168" s="2" t="s">
        <v>6927</v>
      </c>
      <c r="F2168" s="2" t="s">
        <v>1843</v>
      </c>
      <c r="G2168" s="8">
        <v>218</v>
      </c>
      <c r="H2168" s="5">
        <v>13</v>
      </c>
      <c r="I2168" s="5" t="s">
        <v>1518</v>
      </c>
      <c r="J2168" s="5" t="s">
        <v>1519</v>
      </c>
      <c r="K2168" s="2" t="s">
        <v>1520</v>
      </c>
      <c r="L2168" s="5" t="s">
        <v>1519</v>
      </c>
      <c r="M2168" s="2" t="s">
        <v>1520</v>
      </c>
      <c r="N2168" s="5" t="s">
        <v>1521</v>
      </c>
      <c r="O2168" s="5" t="s">
        <v>38</v>
      </c>
      <c r="P2168" s="5" t="s">
        <v>39</v>
      </c>
      <c r="Q2168" s="5" t="s">
        <v>40</v>
      </c>
      <c r="R2168" s="5" t="s">
        <v>1522</v>
      </c>
      <c r="S2168" s="5" t="s">
        <v>1523</v>
      </c>
      <c r="T2168" s="5" t="s">
        <v>42</v>
      </c>
      <c r="U2168" s="2">
        <v>3.1080000000000001</v>
      </c>
      <c r="V2168" s="2">
        <v>2.5840000000000001</v>
      </c>
      <c r="W2168" s="2">
        <v>1.7999999999999999E-2</v>
      </c>
      <c r="X2168" s="2">
        <v>139.1</v>
      </c>
      <c r="Y2168" s="2">
        <v>7.6</v>
      </c>
      <c r="Z2168" s="2">
        <v>16.7</v>
      </c>
      <c r="AA2168" s="5"/>
      <c r="AB2168" s="5" t="s">
        <v>43</v>
      </c>
      <c r="AC2168" s="5" t="s">
        <v>44</v>
      </c>
      <c r="AD2168" s="2"/>
      <c r="AE2168" s="1"/>
    </row>
    <row r="2169" spans="1:31" ht="14.45">
      <c r="A2169" s="11"/>
      <c r="B2169" s="20"/>
      <c r="C2169" s="2" t="s">
        <v>6928</v>
      </c>
      <c r="D2169" s="14" t="s">
        <v>6929</v>
      </c>
      <c r="E2169" s="2" t="s">
        <v>6930</v>
      </c>
      <c r="F2169" s="2" t="s">
        <v>1847</v>
      </c>
      <c r="G2169" s="8">
        <v>218</v>
      </c>
      <c r="H2169" s="5">
        <v>13</v>
      </c>
      <c r="I2169" s="5" t="s">
        <v>1518</v>
      </c>
      <c r="J2169" s="5" t="s">
        <v>1519</v>
      </c>
      <c r="K2169" s="2" t="s">
        <v>1520</v>
      </c>
      <c r="L2169" s="5" t="s">
        <v>1519</v>
      </c>
      <c r="M2169" s="2" t="s">
        <v>1520</v>
      </c>
      <c r="N2169" s="5" t="s">
        <v>1521</v>
      </c>
      <c r="O2169" s="5" t="s">
        <v>38</v>
      </c>
      <c r="P2169" s="5" t="s">
        <v>39</v>
      </c>
      <c r="Q2169" s="5" t="s">
        <v>40</v>
      </c>
      <c r="R2169" s="5" t="s">
        <v>1522</v>
      </c>
      <c r="S2169" s="5" t="s">
        <v>1523</v>
      </c>
      <c r="T2169" s="5" t="s">
        <v>42</v>
      </c>
      <c r="U2169" s="2">
        <v>3.1669999999999998</v>
      </c>
      <c r="V2169" s="2">
        <v>2.6429999999999998</v>
      </c>
      <c r="W2169" s="2">
        <v>1.7999999999999999E-2</v>
      </c>
      <c r="X2169" s="2">
        <v>139.1</v>
      </c>
      <c r="Y2169" s="2">
        <v>7.6</v>
      </c>
      <c r="Z2169" s="2">
        <v>16.7</v>
      </c>
      <c r="AA2169" s="5"/>
      <c r="AB2169" s="5" t="s">
        <v>43</v>
      </c>
      <c r="AC2169" s="5" t="s">
        <v>44</v>
      </c>
      <c r="AD2169" s="2"/>
      <c r="AE2169" s="1"/>
    </row>
    <row r="2170" spans="1:31" ht="14.45">
      <c r="A2170" s="11"/>
      <c r="B2170" s="20"/>
      <c r="C2170" s="2" t="s">
        <v>6931</v>
      </c>
      <c r="D2170" s="14" t="s">
        <v>6932</v>
      </c>
      <c r="E2170" s="2" t="s">
        <v>6933</v>
      </c>
      <c r="F2170" s="2" t="s">
        <v>1851</v>
      </c>
      <c r="G2170" s="8">
        <v>218</v>
      </c>
      <c r="H2170" s="5">
        <v>13</v>
      </c>
      <c r="I2170" s="5" t="s">
        <v>1518</v>
      </c>
      <c r="J2170" s="5" t="s">
        <v>1519</v>
      </c>
      <c r="K2170" s="2" t="s">
        <v>1520</v>
      </c>
      <c r="L2170" s="5" t="s">
        <v>1519</v>
      </c>
      <c r="M2170" s="2" t="s">
        <v>1520</v>
      </c>
      <c r="N2170" s="5" t="s">
        <v>1521</v>
      </c>
      <c r="O2170" s="5" t="s">
        <v>38</v>
      </c>
      <c r="P2170" s="5" t="s">
        <v>39</v>
      </c>
      <c r="Q2170" s="5" t="s">
        <v>40</v>
      </c>
      <c r="R2170" s="5" t="s">
        <v>1522</v>
      </c>
      <c r="S2170" s="5" t="s">
        <v>1523</v>
      </c>
      <c r="T2170" s="5" t="s">
        <v>42</v>
      </c>
      <c r="U2170" s="2">
        <v>3.1080000000000001</v>
      </c>
      <c r="V2170" s="2">
        <v>2.5840000000000001</v>
      </c>
      <c r="W2170" s="2">
        <v>1.7999999999999999E-2</v>
      </c>
      <c r="X2170" s="2">
        <v>139.1</v>
      </c>
      <c r="Y2170" s="2">
        <v>7.6</v>
      </c>
      <c r="Z2170" s="2">
        <v>16.7</v>
      </c>
      <c r="AA2170" s="5"/>
      <c r="AB2170" s="5" t="s">
        <v>43</v>
      </c>
      <c r="AC2170" s="5" t="s">
        <v>44</v>
      </c>
      <c r="AD2170" s="2"/>
      <c r="AE2170" s="1"/>
    </row>
    <row r="2171" spans="1:31" ht="14.45">
      <c r="A2171" s="11"/>
      <c r="B2171" s="20"/>
      <c r="C2171" s="2" t="s">
        <v>6934</v>
      </c>
      <c r="D2171" s="14" t="s">
        <v>6935</v>
      </c>
      <c r="E2171" s="2" t="s">
        <v>6936</v>
      </c>
      <c r="F2171" s="2" t="s">
        <v>1999</v>
      </c>
      <c r="G2171" s="8">
        <v>218</v>
      </c>
      <c r="H2171" s="5">
        <v>13</v>
      </c>
      <c r="I2171" s="5" t="s">
        <v>1518</v>
      </c>
      <c r="J2171" s="5" t="s">
        <v>1519</v>
      </c>
      <c r="K2171" s="2" t="s">
        <v>1520</v>
      </c>
      <c r="L2171" s="5" t="s">
        <v>1519</v>
      </c>
      <c r="M2171" s="2" t="s">
        <v>1520</v>
      </c>
      <c r="N2171" s="5" t="s">
        <v>1521</v>
      </c>
      <c r="O2171" s="5" t="s">
        <v>38</v>
      </c>
      <c r="P2171" s="5" t="s">
        <v>39</v>
      </c>
      <c r="Q2171" s="5" t="s">
        <v>40</v>
      </c>
      <c r="R2171" s="5" t="s">
        <v>1522</v>
      </c>
      <c r="S2171" s="5" t="s">
        <v>1523</v>
      </c>
      <c r="T2171" s="5" t="s">
        <v>42</v>
      </c>
      <c r="U2171" s="2">
        <v>3.1669999999999998</v>
      </c>
      <c r="V2171" s="2">
        <v>2.6429999999999998</v>
      </c>
      <c r="W2171" s="2">
        <v>1.7999999999999999E-2</v>
      </c>
      <c r="X2171" s="2">
        <v>139.1</v>
      </c>
      <c r="Y2171" s="2">
        <v>7.6</v>
      </c>
      <c r="Z2171" s="2">
        <v>16.7</v>
      </c>
      <c r="AA2171" s="5"/>
      <c r="AB2171" s="5" t="s">
        <v>43</v>
      </c>
      <c r="AC2171" s="5" t="s">
        <v>44</v>
      </c>
      <c r="AD2171" s="2"/>
      <c r="AE2171" s="1"/>
    </row>
    <row r="2172" spans="1:31" ht="14.45">
      <c r="A2172" s="11"/>
      <c r="B2172" s="20"/>
      <c r="C2172" s="2" t="s">
        <v>6937</v>
      </c>
      <c r="D2172" s="14" t="s">
        <v>6938</v>
      </c>
      <c r="E2172" s="2" t="s">
        <v>6939</v>
      </c>
      <c r="F2172" s="2" t="s">
        <v>1859</v>
      </c>
      <c r="G2172" s="8">
        <v>218</v>
      </c>
      <c r="H2172" s="5">
        <v>13</v>
      </c>
      <c r="I2172" s="5" t="s">
        <v>1518</v>
      </c>
      <c r="J2172" s="5" t="s">
        <v>1519</v>
      </c>
      <c r="K2172" s="2" t="s">
        <v>1520</v>
      </c>
      <c r="L2172" s="5" t="s">
        <v>1519</v>
      </c>
      <c r="M2172" s="2" t="s">
        <v>1520</v>
      </c>
      <c r="N2172" s="5" t="s">
        <v>1521</v>
      </c>
      <c r="O2172" s="5" t="s">
        <v>38</v>
      </c>
      <c r="P2172" s="5" t="s">
        <v>39</v>
      </c>
      <c r="Q2172" s="5" t="s">
        <v>40</v>
      </c>
      <c r="R2172" s="5" t="s">
        <v>1522</v>
      </c>
      <c r="S2172" s="5" t="s">
        <v>1523</v>
      </c>
      <c r="T2172" s="5" t="s">
        <v>42</v>
      </c>
      <c r="U2172" s="2">
        <v>3.1669999999999998</v>
      </c>
      <c r="V2172" s="2">
        <v>2.6429999999999998</v>
      </c>
      <c r="W2172" s="2">
        <v>1.7999999999999999E-2</v>
      </c>
      <c r="X2172" s="2">
        <v>139.1</v>
      </c>
      <c r="Y2172" s="2">
        <v>7.6</v>
      </c>
      <c r="Z2172" s="2">
        <v>16.7</v>
      </c>
      <c r="AA2172" s="5"/>
      <c r="AB2172" s="5" t="s">
        <v>43</v>
      </c>
      <c r="AC2172" s="5" t="s">
        <v>44</v>
      </c>
      <c r="AD2172" s="2"/>
      <c r="AE2172" s="1"/>
    </row>
    <row r="2173" spans="1:31" ht="14.45">
      <c r="A2173" s="11"/>
      <c r="B2173" s="20"/>
      <c r="C2173" s="2" t="s">
        <v>6940</v>
      </c>
      <c r="D2173" s="14" t="s">
        <v>6941</v>
      </c>
      <c r="E2173" s="2" t="s">
        <v>6942</v>
      </c>
      <c r="F2173" s="2" t="s">
        <v>1863</v>
      </c>
      <c r="G2173" s="8">
        <v>218</v>
      </c>
      <c r="H2173" s="5">
        <v>11</v>
      </c>
      <c r="I2173" s="5" t="s">
        <v>1518</v>
      </c>
      <c r="J2173" s="5" t="s">
        <v>1519</v>
      </c>
      <c r="K2173" s="2" t="s">
        <v>1520</v>
      </c>
      <c r="L2173" s="5" t="s">
        <v>1519</v>
      </c>
      <c r="M2173" s="2" t="s">
        <v>1520</v>
      </c>
      <c r="N2173" s="5" t="s">
        <v>1521</v>
      </c>
      <c r="O2173" s="5" t="s">
        <v>38</v>
      </c>
      <c r="P2173" s="5" t="s">
        <v>39</v>
      </c>
      <c r="Q2173" s="5" t="s">
        <v>40</v>
      </c>
      <c r="R2173" s="5" t="s">
        <v>1522</v>
      </c>
      <c r="S2173" s="5" t="s">
        <v>1523</v>
      </c>
      <c r="T2173" s="5" t="s">
        <v>42</v>
      </c>
      <c r="U2173" s="2">
        <v>3.048</v>
      </c>
      <c r="V2173" s="2">
        <v>2.524</v>
      </c>
      <c r="W2173" s="2">
        <v>1.7999999999999999E-2</v>
      </c>
      <c r="X2173" s="2">
        <v>139.1</v>
      </c>
      <c r="Y2173" s="2">
        <v>7.6</v>
      </c>
      <c r="Z2173" s="2">
        <v>16.7</v>
      </c>
      <c r="AA2173" s="5"/>
      <c r="AB2173" s="5" t="s">
        <v>43</v>
      </c>
      <c r="AC2173" s="5" t="s">
        <v>44</v>
      </c>
      <c r="AD2173" s="2"/>
      <c r="AE2173" s="1"/>
    </row>
    <row r="2174" spans="1:31" ht="14.45">
      <c r="A2174" s="11"/>
      <c r="B2174" s="20"/>
      <c r="C2174" s="2" t="s">
        <v>6943</v>
      </c>
      <c r="D2174" s="14" t="s">
        <v>6944</v>
      </c>
      <c r="E2174" s="2" t="s">
        <v>6945</v>
      </c>
      <c r="F2174" s="2" t="s">
        <v>1867</v>
      </c>
      <c r="G2174" s="8">
        <v>218</v>
      </c>
      <c r="H2174" s="5">
        <v>11</v>
      </c>
      <c r="I2174" s="5" t="s">
        <v>1518</v>
      </c>
      <c r="J2174" s="5" t="s">
        <v>1519</v>
      </c>
      <c r="K2174" s="2" t="s">
        <v>1520</v>
      </c>
      <c r="L2174" s="5" t="s">
        <v>1519</v>
      </c>
      <c r="M2174" s="2" t="s">
        <v>1520</v>
      </c>
      <c r="N2174" s="5" t="s">
        <v>1521</v>
      </c>
      <c r="O2174" s="5" t="s">
        <v>38</v>
      </c>
      <c r="P2174" s="5" t="s">
        <v>39</v>
      </c>
      <c r="Q2174" s="5" t="s">
        <v>40</v>
      </c>
      <c r="R2174" s="5" t="s">
        <v>1522</v>
      </c>
      <c r="S2174" s="5" t="s">
        <v>1523</v>
      </c>
      <c r="T2174" s="5" t="s">
        <v>42</v>
      </c>
      <c r="U2174" s="2">
        <v>3.1070000000000002</v>
      </c>
      <c r="V2174" s="2">
        <v>2.5830000000000002</v>
      </c>
      <c r="W2174" s="2">
        <v>1.7999999999999999E-2</v>
      </c>
      <c r="X2174" s="2">
        <v>139.1</v>
      </c>
      <c r="Y2174" s="2">
        <v>7.6</v>
      </c>
      <c r="Z2174" s="2">
        <v>16.7</v>
      </c>
      <c r="AA2174" s="5"/>
      <c r="AB2174" s="5" t="s">
        <v>43</v>
      </c>
      <c r="AC2174" s="5" t="s">
        <v>44</v>
      </c>
      <c r="AD2174" s="2"/>
      <c r="AE2174" s="1"/>
    </row>
    <row r="2175" spans="1:31" ht="14.45">
      <c r="A2175" s="11"/>
      <c r="B2175" s="20"/>
      <c r="C2175" s="2" t="s">
        <v>6946</v>
      </c>
      <c r="D2175" s="14" t="s">
        <v>6947</v>
      </c>
      <c r="E2175" s="2" t="s">
        <v>6948</v>
      </c>
      <c r="F2175" s="2" t="s">
        <v>1695</v>
      </c>
      <c r="G2175" s="8">
        <v>206</v>
      </c>
      <c r="H2175" s="5">
        <v>6</v>
      </c>
      <c r="I2175" s="5" t="s">
        <v>1518</v>
      </c>
      <c r="J2175" s="5" t="s">
        <v>1519</v>
      </c>
      <c r="K2175" s="2" t="s">
        <v>1520</v>
      </c>
      <c r="L2175" s="5" t="s">
        <v>1519</v>
      </c>
      <c r="M2175" s="2" t="s">
        <v>1520</v>
      </c>
      <c r="N2175" s="5" t="s">
        <v>1521</v>
      </c>
      <c r="O2175" s="5" t="s">
        <v>38</v>
      </c>
      <c r="P2175" s="5" t="s">
        <v>39</v>
      </c>
      <c r="Q2175" s="5" t="s">
        <v>40</v>
      </c>
      <c r="R2175" s="5" t="s">
        <v>1522</v>
      </c>
      <c r="S2175" s="5" t="s">
        <v>1523</v>
      </c>
      <c r="T2175" s="5" t="s">
        <v>42</v>
      </c>
      <c r="U2175" s="2">
        <v>3.4009999999999998</v>
      </c>
      <c r="V2175" s="2">
        <v>2.8959999999999999</v>
      </c>
      <c r="W2175" s="2">
        <v>1.7999999999999999E-2</v>
      </c>
      <c r="X2175" s="2">
        <v>139.1</v>
      </c>
      <c r="Y2175" s="2">
        <v>7.6</v>
      </c>
      <c r="Z2175" s="2">
        <v>16.7</v>
      </c>
      <c r="AA2175" s="5"/>
      <c r="AB2175" s="5" t="s">
        <v>43</v>
      </c>
      <c r="AC2175" s="5" t="s">
        <v>44</v>
      </c>
      <c r="AD2175" s="2"/>
      <c r="AE2175" s="1"/>
    </row>
    <row r="2176" spans="1:31" ht="14.45">
      <c r="A2176" s="11"/>
      <c r="B2176" s="20"/>
      <c r="C2176" s="2" t="s">
        <v>6949</v>
      </c>
      <c r="D2176" s="14" t="s">
        <v>6950</v>
      </c>
      <c r="E2176" s="2" t="s">
        <v>6951</v>
      </c>
      <c r="F2176" s="2" t="s">
        <v>1699</v>
      </c>
      <c r="G2176" s="8">
        <v>206</v>
      </c>
      <c r="H2176" s="5">
        <v>6</v>
      </c>
      <c r="I2176" s="5" t="s">
        <v>1518</v>
      </c>
      <c r="J2176" s="5" t="s">
        <v>1519</v>
      </c>
      <c r="K2176" s="2" t="s">
        <v>1520</v>
      </c>
      <c r="L2176" s="5" t="s">
        <v>1519</v>
      </c>
      <c r="M2176" s="2" t="s">
        <v>1520</v>
      </c>
      <c r="N2176" s="5" t="s">
        <v>1521</v>
      </c>
      <c r="O2176" s="5" t="s">
        <v>38</v>
      </c>
      <c r="P2176" s="5" t="s">
        <v>39</v>
      </c>
      <c r="Q2176" s="5" t="s">
        <v>40</v>
      </c>
      <c r="R2176" s="5" t="s">
        <v>1522</v>
      </c>
      <c r="S2176" s="5" t="s">
        <v>1523</v>
      </c>
      <c r="T2176" s="5" t="s">
        <v>42</v>
      </c>
      <c r="U2176" s="2">
        <v>3.4689999999999999</v>
      </c>
      <c r="V2176" s="2">
        <v>2.964</v>
      </c>
      <c r="W2176" s="2">
        <v>1.7999999999999999E-2</v>
      </c>
      <c r="X2176" s="2">
        <v>139.1</v>
      </c>
      <c r="Y2176" s="2">
        <v>7.6</v>
      </c>
      <c r="Z2176" s="2">
        <v>16.7</v>
      </c>
      <c r="AA2176" s="5"/>
      <c r="AB2176" s="5" t="s">
        <v>43</v>
      </c>
      <c r="AC2176" s="5" t="s">
        <v>44</v>
      </c>
      <c r="AD2176" s="2"/>
      <c r="AE2176" s="1"/>
    </row>
    <row r="2177" spans="1:31" ht="14.45">
      <c r="A2177" s="11"/>
      <c r="B2177" s="20"/>
      <c r="C2177" s="2" t="s">
        <v>6952</v>
      </c>
      <c r="D2177" s="14" t="s">
        <v>6953</v>
      </c>
      <c r="E2177" s="2" t="s">
        <v>6954</v>
      </c>
      <c r="F2177" s="2" t="s">
        <v>1703</v>
      </c>
      <c r="G2177" s="8">
        <v>206</v>
      </c>
      <c r="H2177" s="5">
        <v>6</v>
      </c>
      <c r="I2177" s="5" t="s">
        <v>1518</v>
      </c>
      <c r="J2177" s="5" t="s">
        <v>1519</v>
      </c>
      <c r="K2177" s="2" t="s">
        <v>1520</v>
      </c>
      <c r="L2177" s="5" t="s">
        <v>1519</v>
      </c>
      <c r="M2177" s="2" t="s">
        <v>1520</v>
      </c>
      <c r="N2177" s="5" t="s">
        <v>1521</v>
      </c>
      <c r="O2177" s="5" t="s">
        <v>38</v>
      </c>
      <c r="P2177" s="5" t="s">
        <v>39</v>
      </c>
      <c r="Q2177" s="5" t="s">
        <v>40</v>
      </c>
      <c r="R2177" s="5" t="s">
        <v>1522</v>
      </c>
      <c r="S2177" s="5" t="s">
        <v>1523</v>
      </c>
      <c r="T2177" s="5" t="s">
        <v>42</v>
      </c>
      <c r="U2177" s="2">
        <v>3.415</v>
      </c>
      <c r="V2177" s="2">
        <v>2.91</v>
      </c>
      <c r="W2177" s="2">
        <v>1.7999999999999999E-2</v>
      </c>
      <c r="X2177" s="2">
        <v>139.1</v>
      </c>
      <c r="Y2177" s="2">
        <v>7.6</v>
      </c>
      <c r="Z2177" s="2">
        <v>16.7</v>
      </c>
      <c r="AA2177" s="5"/>
      <c r="AB2177" s="5" t="s">
        <v>43</v>
      </c>
      <c r="AC2177" s="5" t="s">
        <v>44</v>
      </c>
      <c r="AD2177" s="2"/>
      <c r="AE2177" s="1"/>
    </row>
    <row r="2178" spans="1:31" ht="14.45">
      <c r="A2178" s="11"/>
      <c r="B2178" s="20"/>
      <c r="C2178" s="2" t="s">
        <v>6955</v>
      </c>
      <c r="D2178" s="14" t="s">
        <v>6956</v>
      </c>
      <c r="E2178" s="2" t="s">
        <v>6957</v>
      </c>
      <c r="F2178" s="2" t="s">
        <v>1707</v>
      </c>
      <c r="G2178" s="8">
        <v>206</v>
      </c>
      <c r="H2178" s="5">
        <v>5</v>
      </c>
      <c r="I2178" s="5" t="s">
        <v>1518</v>
      </c>
      <c r="J2178" s="5" t="s">
        <v>1519</v>
      </c>
      <c r="K2178" s="2" t="s">
        <v>1520</v>
      </c>
      <c r="L2178" s="5" t="s">
        <v>1519</v>
      </c>
      <c r="M2178" s="2" t="s">
        <v>1520</v>
      </c>
      <c r="N2178" s="5" t="s">
        <v>1521</v>
      </c>
      <c r="O2178" s="5" t="s">
        <v>38</v>
      </c>
      <c r="P2178" s="5" t="s">
        <v>39</v>
      </c>
      <c r="Q2178" s="5" t="s">
        <v>40</v>
      </c>
      <c r="R2178" s="5" t="s">
        <v>1522</v>
      </c>
      <c r="S2178" s="5" t="s">
        <v>1523</v>
      </c>
      <c r="T2178" s="5" t="s">
        <v>42</v>
      </c>
      <c r="U2178" s="2">
        <v>3.4830000000000001</v>
      </c>
      <c r="V2178" s="2">
        <v>2.9780000000000002</v>
      </c>
      <c r="W2178" s="2">
        <v>1.7999999999999999E-2</v>
      </c>
      <c r="X2178" s="2">
        <v>139.1</v>
      </c>
      <c r="Y2178" s="2">
        <v>7.6</v>
      </c>
      <c r="Z2178" s="2">
        <v>16.7</v>
      </c>
      <c r="AA2178" s="5"/>
      <c r="AB2178" s="5" t="s">
        <v>43</v>
      </c>
      <c r="AC2178" s="5" t="s">
        <v>44</v>
      </c>
      <c r="AD2178" s="2"/>
      <c r="AE2178" s="1"/>
    </row>
    <row r="2179" spans="1:31" ht="14.45">
      <c r="A2179" s="11"/>
      <c r="B2179" s="20"/>
      <c r="C2179" s="2" t="s">
        <v>6958</v>
      </c>
      <c r="D2179" s="14" t="s">
        <v>6959</v>
      </c>
      <c r="E2179" s="2" t="s">
        <v>6960</v>
      </c>
      <c r="F2179" s="2" t="s">
        <v>1711</v>
      </c>
      <c r="G2179" s="8">
        <v>206</v>
      </c>
      <c r="H2179" s="5">
        <v>6</v>
      </c>
      <c r="I2179" s="5" t="s">
        <v>1518</v>
      </c>
      <c r="J2179" s="5" t="s">
        <v>1519</v>
      </c>
      <c r="K2179" s="2" t="s">
        <v>1520</v>
      </c>
      <c r="L2179" s="5" t="s">
        <v>1519</v>
      </c>
      <c r="M2179" s="2" t="s">
        <v>1520</v>
      </c>
      <c r="N2179" s="5" t="s">
        <v>1521</v>
      </c>
      <c r="O2179" s="5" t="s">
        <v>38</v>
      </c>
      <c r="P2179" s="5" t="s">
        <v>39</v>
      </c>
      <c r="Q2179" s="5" t="s">
        <v>40</v>
      </c>
      <c r="R2179" s="5" t="s">
        <v>1522</v>
      </c>
      <c r="S2179" s="5" t="s">
        <v>1523</v>
      </c>
      <c r="T2179" s="5" t="s">
        <v>42</v>
      </c>
      <c r="U2179" s="2">
        <v>3.415</v>
      </c>
      <c r="V2179" s="2">
        <v>2.91</v>
      </c>
      <c r="W2179" s="2">
        <v>1.7999999999999999E-2</v>
      </c>
      <c r="X2179" s="2">
        <v>139.1</v>
      </c>
      <c r="Y2179" s="2">
        <v>7.6</v>
      </c>
      <c r="Z2179" s="2">
        <v>16.7</v>
      </c>
      <c r="AA2179" s="5"/>
      <c r="AB2179" s="5" t="s">
        <v>43</v>
      </c>
      <c r="AC2179" s="5" t="s">
        <v>44</v>
      </c>
      <c r="AD2179" s="2"/>
      <c r="AE2179" s="1"/>
    </row>
    <row r="2180" spans="1:31" ht="14.45">
      <c r="A2180" s="11"/>
      <c r="B2180" s="20"/>
      <c r="C2180" s="2" t="s">
        <v>6961</v>
      </c>
      <c r="D2180" s="14" t="s">
        <v>6962</v>
      </c>
      <c r="E2180" s="2" t="s">
        <v>6963</v>
      </c>
      <c r="F2180" s="2" t="s">
        <v>1715</v>
      </c>
      <c r="G2180" s="8">
        <v>206</v>
      </c>
      <c r="H2180" s="5">
        <v>6</v>
      </c>
      <c r="I2180" s="5" t="s">
        <v>1518</v>
      </c>
      <c r="J2180" s="5" t="s">
        <v>1519</v>
      </c>
      <c r="K2180" s="2" t="s">
        <v>1520</v>
      </c>
      <c r="L2180" s="5" t="s">
        <v>1519</v>
      </c>
      <c r="M2180" s="2" t="s">
        <v>1520</v>
      </c>
      <c r="N2180" s="5" t="s">
        <v>1521</v>
      </c>
      <c r="O2180" s="5" t="s">
        <v>38</v>
      </c>
      <c r="P2180" s="5" t="s">
        <v>39</v>
      </c>
      <c r="Q2180" s="5" t="s">
        <v>40</v>
      </c>
      <c r="R2180" s="5" t="s">
        <v>1522</v>
      </c>
      <c r="S2180" s="5" t="s">
        <v>1523</v>
      </c>
      <c r="T2180" s="5" t="s">
        <v>42</v>
      </c>
      <c r="U2180" s="2">
        <v>3.4830000000000001</v>
      </c>
      <c r="V2180" s="2">
        <v>2.9780000000000002</v>
      </c>
      <c r="W2180" s="2">
        <v>1.7999999999999999E-2</v>
      </c>
      <c r="X2180" s="2">
        <v>139.1</v>
      </c>
      <c r="Y2180" s="2">
        <v>7.6</v>
      </c>
      <c r="Z2180" s="2">
        <v>16.7</v>
      </c>
      <c r="AA2180" s="5"/>
      <c r="AB2180" s="5" t="s">
        <v>43</v>
      </c>
      <c r="AC2180" s="5" t="s">
        <v>44</v>
      </c>
      <c r="AD2180" s="2"/>
      <c r="AE2180" s="1"/>
    </row>
    <row r="2181" spans="1:31" ht="14.45">
      <c r="A2181" s="11"/>
      <c r="B2181" s="20"/>
      <c r="C2181" s="2" t="s">
        <v>6964</v>
      </c>
      <c r="D2181" s="14" t="s">
        <v>6965</v>
      </c>
      <c r="E2181" s="2" t="s">
        <v>6966</v>
      </c>
      <c r="F2181" s="2" t="s">
        <v>1719</v>
      </c>
      <c r="G2181" s="8">
        <v>206</v>
      </c>
      <c r="H2181" s="5">
        <v>5</v>
      </c>
      <c r="I2181" s="5" t="s">
        <v>1518</v>
      </c>
      <c r="J2181" s="5" t="s">
        <v>1519</v>
      </c>
      <c r="K2181" s="2" t="s">
        <v>1520</v>
      </c>
      <c r="L2181" s="5" t="s">
        <v>1519</v>
      </c>
      <c r="M2181" s="2" t="s">
        <v>1520</v>
      </c>
      <c r="N2181" s="5" t="s">
        <v>1521</v>
      </c>
      <c r="O2181" s="5" t="s">
        <v>38</v>
      </c>
      <c r="P2181" s="5" t="s">
        <v>39</v>
      </c>
      <c r="Q2181" s="5" t="s">
        <v>40</v>
      </c>
      <c r="R2181" s="5" t="s">
        <v>1522</v>
      </c>
      <c r="S2181" s="5" t="s">
        <v>1523</v>
      </c>
      <c r="T2181" s="5" t="s">
        <v>42</v>
      </c>
      <c r="U2181" s="2">
        <v>3.37</v>
      </c>
      <c r="V2181" s="2">
        <v>2.8650000000000002</v>
      </c>
      <c r="W2181" s="2">
        <v>1.7999999999999999E-2</v>
      </c>
      <c r="X2181" s="2">
        <v>139.1</v>
      </c>
      <c r="Y2181" s="2">
        <v>7.6</v>
      </c>
      <c r="Z2181" s="2">
        <v>16.7</v>
      </c>
      <c r="AA2181" s="5"/>
      <c r="AB2181" s="5" t="s">
        <v>43</v>
      </c>
      <c r="AC2181" s="5" t="s">
        <v>44</v>
      </c>
      <c r="AD2181" s="2"/>
      <c r="AE2181" s="1"/>
    </row>
    <row r="2182" spans="1:31" ht="14.45">
      <c r="A2182" s="11"/>
      <c r="B2182" s="20"/>
      <c r="C2182" s="2" t="s">
        <v>6967</v>
      </c>
      <c r="D2182" s="14" t="s">
        <v>6968</v>
      </c>
      <c r="E2182" s="2" t="s">
        <v>6969</v>
      </c>
      <c r="F2182" s="2" t="s">
        <v>1723</v>
      </c>
      <c r="G2182" s="8">
        <v>206</v>
      </c>
      <c r="H2182" s="5">
        <v>6</v>
      </c>
      <c r="I2182" s="5" t="s">
        <v>1518</v>
      </c>
      <c r="J2182" s="5" t="s">
        <v>1519</v>
      </c>
      <c r="K2182" s="2" t="s">
        <v>1520</v>
      </c>
      <c r="L2182" s="5" t="s">
        <v>1519</v>
      </c>
      <c r="M2182" s="2" t="s">
        <v>1520</v>
      </c>
      <c r="N2182" s="5" t="s">
        <v>1521</v>
      </c>
      <c r="O2182" s="5" t="s">
        <v>38</v>
      </c>
      <c r="P2182" s="5" t="s">
        <v>39</v>
      </c>
      <c r="Q2182" s="5" t="s">
        <v>40</v>
      </c>
      <c r="R2182" s="5" t="s">
        <v>1522</v>
      </c>
      <c r="S2182" s="5" t="s">
        <v>1523</v>
      </c>
      <c r="T2182" s="5" t="s">
        <v>42</v>
      </c>
      <c r="U2182" s="2">
        <v>3.4380000000000002</v>
      </c>
      <c r="V2182" s="2">
        <v>2.9329999999999998</v>
      </c>
      <c r="W2182" s="2">
        <v>1.7999999999999999E-2</v>
      </c>
      <c r="X2182" s="2">
        <v>139.1</v>
      </c>
      <c r="Y2182" s="2">
        <v>7.6</v>
      </c>
      <c r="Z2182" s="2">
        <v>16.7</v>
      </c>
      <c r="AA2182" s="5"/>
      <c r="AB2182" s="5" t="s">
        <v>43</v>
      </c>
      <c r="AC2182" s="5" t="s">
        <v>44</v>
      </c>
      <c r="AD2182" s="2"/>
      <c r="AE2182" s="1"/>
    </row>
    <row r="2183" spans="1:31" ht="14.45">
      <c r="A2183" s="11"/>
      <c r="B2183" s="20"/>
      <c r="C2183" s="2" t="s">
        <v>6970</v>
      </c>
      <c r="D2183" s="14" t="s">
        <v>6971</v>
      </c>
      <c r="E2183" s="2" t="s">
        <v>6972</v>
      </c>
      <c r="F2183" s="2" t="s">
        <v>1727</v>
      </c>
      <c r="G2183" s="8">
        <v>237</v>
      </c>
      <c r="H2183" s="5">
        <v>6</v>
      </c>
      <c r="I2183" s="5" t="s">
        <v>1518</v>
      </c>
      <c r="J2183" s="5" t="s">
        <v>1519</v>
      </c>
      <c r="K2183" s="2" t="s">
        <v>1520</v>
      </c>
      <c r="L2183" s="5" t="s">
        <v>1519</v>
      </c>
      <c r="M2183" s="2" t="s">
        <v>1520</v>
      </c>
      <c r="N2183" s="5" t="s">
        <v>1521</v>
      </c>
      <c r="O2183" s="5" t="s">
        <v>38</v>
      </c>
      <c r="P2183" s="5" t="s">
        <v>39</v>
      </c>
      <c r="Q2183" s="5" t="s">
        <v>40</v>
      </c>
      <c r="R2183" s="5" t="s">
        <v>1522</v>
      </c>
      <c r="S2183" s="5" t="s">
        <v>1523</v>
      </c>
      <c r="T2183" s="5" t="s">
        <v>42</v>
      </c>
      <c r="U2183" s="2">
        <v>3.37</v>
      </c>
      <c r="V2183" s="2">
        <v>2.8650000000000002</v>
      </c>
      <c r="W2183" s="2">
        <v>1.7999999999999999E-2</v>
      </c>
      <c r="X2183" s="2">
        <v>139.1</v>
      </c>
      <c r="Y2183" s="2">
        <v>7.6</v>
      </c>
      <c r="Z2183" s="2">
        <v>16.7</v>
      </c>
      <c r="AA2183" s="5"/>
      <c r="AB2183" s="5" t="s">
        <v>43</v>
      </c>
      <c r="AC2183" s="5" t="s">
        <v>44</v>
      </c>
      <c r="AD2183" s="2"/>
      <c r="AE2183" s="1"/>
    </row>
    <row r="2184" spans="1:31" ht="14.45">
      <c r="A2184" s="11"/>
      <c r="B2184" s="20"/>
      <c r="C2184" s="2" t="s">
        <v>6973</v>
      </c>
      <c r="D2184" s="14" t="s">
        <v>6974</v>
      </c>
      <c r="E2184" s="2" t="s">
        <v>6975</v>
      </c>
      <c r="F2184" s="2" t="s">
        <v>1731</v>
      </c>
      <c r="G2184" s="8">
        <v>237</v>
      </c>
      <c r="H2184" s="5">
        <v>6</v>
      </c>
      <c r="I2184" s="5" t="s">
        <v>1518</v>
      </c>
      <c r="J2184" s="5" t="s">
        <v>1519</v>
      </c>
      <c r="K2184" s="2" t="s">
        <v>1520</v>
      </c>
      <c r="L2184" s="5" t="s">
        <v>1519</v>
      </c>
      <c r="M2184" s="2" t="s">
        <v>1520</v>
      </c>
      <c r="N2184" s="5" t="s">
        <v>1521</v>
      </c>
      <c r="O2184" s="5" t="s">
        <v>38</v>
      </c>
      <c r="P2184" s="5" t="s">
        <v>39</v>
      </c>
      <c r="Q2184" s="5" t="s">
        <v>40</v>
      </c>
      <c r="R2184" s="5" t="s">
        <v>1522</v>
      </c>
      <c r="S2184" s="5" t="s">
        <v>1523</v>
      </c>
      <c r="T2184" s="5" t="s">
        <v>42</v>
      </c>
      <c r="U2184" s="2">
        <v>3.4380000000000002</v>
      </c>
      <c r="V2184" s="2">
        <v>2.9329999999999998</v>
      </c>
      <c r="W2184" s="2">
        <v>1.7999999999999999E-2</v>
      </c>
      <c r="X2184" s="2">
        <v>139.1</v>
      </c>
      <c r="Y2184" s="2">
        <v>7.6</v>
      </c>
      <c r="Z2184" s="2">
        <v>16.7</v>
      </c>
      <c r="AA2184" s="5"/>
      <c r="AB2184" s="5" t="s">
        <v>43</v>
      </c>
      <c r="AC2184" s="5" t="s">
        <v>44</v>
      </c>
      <c r="AD2184" s="2"/>
      <c r="AE2184" s="1"/>
    </row>
    <row r="2185" spans="1:31" ht="14.45">
      <c r="A2185" s="11"/>
      <c r="B2185" s="20"/>
      <c r="C2185" s="2" t="s">
        <v>6976</v>
      </c>
      <c r="D2185" s="14" t="s">
        <v>6977</v>
      </c>
      <c r="E2185" s="2" t="s">
        <v>6978</v>
      </c>
      <c r="F2185" s="2" t="s">
        <v>1735</v>
      </c>
      <c r="G2185" s="8">
        <v>237</v>
      </c>
      <c r="H2185" s="5">
        <v>6</v>
      </c>
      <c r="I2185" s="5" t="s">
        <v>1518</v>
      </c>
      <c r="J2185" s="5" t="s">
        <v>1519</v>
      </c>
      <c r="K2185" s="2" t="s">
        <v>1520</v>
      </c>
      <c r="L2185" s="5" t="s">
        <v>1519</v>
      </c>
      <c r="M2185" s="2" t="s">
        <v>1520</v>
      </c>
      <c r="N2185" s="5" t="s">
        <v>1521</v>
      </c>
      <c r="O2185" s="5" t="s">
        <v>38</v>
      </c>
      <c r="P2185" s="5" t="s">
        <v>39</v>
      </c>
      <c r="Q2185" s="5" t="s">
        <v>40</v>
      </c>
      <c r="R2185" s="5" t="s">
        <v>1522</v>
      </c>
      <c r="S2185" s="5" t="s">
        <v>1523</v>
      </c>
      <c r="T2185" s="5" t="s">
        <v>42</v>
      </c>
      <c r="U2185" s="2">
        <v>3.415</v>
      </c>
      <c r="V2185" s="2">
        <v>2.91</v>
      </c>
      <c r="W2185" s="2">
        <v>1.7999999999999999E-2</v>
      </c>
      <c r="X2185" s="2">
        <v>139.1</v>
      </c>
      <c r="Y2185" s="2">
        <v>7.6</v>
      </c>
      <c r="Z2185" s="2">
        <v>16.7</v>
      </c>
      <c r="AA2185" s="5"/>
      <c r="AB2185" s="5" t="s">
        <v>43</v>
      </c>
      <c r="AC2185" s="5" t="s">
        <v>44</v>
      </c>
      <c r="AD2185" s="2"/>
      <c r="AE2185" s="1"/>
    </row>
    <row r="2186" spans="1:31" ht="14.45">
      <c r="A2186" s="11"/>
      <c r="B2186" s="20"/>
      <c r="C2186" s="2" t="s">
        <v>6979</v>
      </c>
      <c r="D2186" s="14" t="s">
        <v>6980</v>
      </c>
      <c r="E2186" s="2" t="s">
        <v>6981</v>
      </c>
      <c r="F2186" s="2" t="s">
        <v>1739</v>
      </c>
      <c r="G2186" s="8">
        <v>237</v>
      </c>
      <c r="H2186" s="5">
        <v>6</v>
      </c>
      <c r="I2186" s="5" t="s">
        <v>1518</v>
      </c>
      <c r="J2186" s="5" t="s">
        <v>1519</v>
      </c>
      <c r="K2186" s="2" t="s">
        <v>1520</v>
      </c>
      <c r="L2186" s="5" t="s">
        <v>1519</v>
      </c>
      <c r="M2186" s="2" t="s">
        <v>1520</v>
      </c>
      <c r="N2186" s="5" t="s">
        <v>1521</v>
      </c>
      <c r="O2186" s="5" t="s">
        <v>38</v>
      </c>
      <c r="P2186" s="5" t="s">
        <v>39</v>
      </c>
      <c r="Q2186" s="5" t="s">
        <v>40</v>
      </c>
      <c r="R2186" s="5" t="s">
        <v>1522</v>
      </c>
      <c r="S2186" s="5" t="s">
        <v>1523</v>
      </c>
      <c r="T2186" s="5" t="s">
        <v>42</v>
      </c>
      <c r="U2186" s="2">
        <v>3.4830000000000001</v>
      </c>
      <c r="V2186" s="2">
        <v>2.9780000000000002</v>
      </c>
      <c r="W2186" s="2">
        <v>1.7999999999999999E-2</v>
      </c>
      <c r="X2186" s="2">
        <v>139.1</v>
      </c>
      <c r="Y2186" s="2">
        <v>7.6</v>
      </c>
      <c r="Z2186" s="2">
        <v>16.7</v>
      </c>
      <c r="AA2186" s="5"/>
      <c r="AB2186" s="5" t="s">
        <v>43</v>
      </c>
      <c r="AC2186" s="5" t="s">
        <v>44</v>
      </c>
      <c r="AD2186" s="2"/>
      <c r="AE2186" s="1"/>
    </row>
    <row r="2187" spans="1:31" ht="14.45">
      <c r="A2187" s="11"/>
      <c r="B2187" s="20"/>
      <c r="C2187" s="2" t="s">
        <v>6982</v>
      </c>
      <c r="D2187" s="14" t="s">
        <v>6983</v>
      </c>
      <c r="E2187" s="2" t="s">
        <v>6984</v>
      </c>
      <c r="F2187" s="2" t="s">
        <v>1743</v>
      </c>
      <c r="G2187" s="8">
        <v>237</v>
      </c>
      <c r="H2187" s="5">
        <v>6</v>
      </c>
      <c r="I2187" s="5" t="s">
        <v>1518</v>
      </c>
      <c r="J2187" s="5" t="s">
        <v>1519</v>
      </c>
      <c r="K2187" s="2" t="s">
        <v>1520</v>
      </c>
      <c r="L2187" s="5" t="s">
        <v>1519</v>
      </c>
      <c r="M2187" s="2" t="s">
        <v>1520</v>
      </c>
      <c r="N2187" s="5" t="s">
        <v>1521</v>
      </c>
      <c r="O2187" s="5" t="s">
        <v>38</v>
      </c>
      <c r="P2187" s="5" t="s">
        <v>39</v>
      </c>
      <c r="Q2187" s="5" t="s">
        <v>40</v>
      </c>
      <c r="R2187" s="5" t="s">
        <v>1522</v>
      </c>
      <c r="S2187" s="5" t="s">
        <v>1523</v>
      </c>
      <c r="T2187" s="5" t="s">
        <v>42</v>
      </c>
      <c r="U2187" s="2">
        <v>3.37</v>
      </c>
      <c r="V2187" s="2">
        <v>2.8650000000000002</v>
      </c>
      <c r="W2187" s="2">
        <v>1.7999999999999999E-2</v>
      </c>
      <c r="X2187" s="2">
        <v>139.1</v>
      </c>
      <c r="Y2187" s="2">
        <v>7.6</v>
      </c>
      <c r="Z2187" s="2">
        <v>16.7</v>
      </c>
      <c r="AA2187" s="5"/>
      <c r="AB2187" s="5" t="s">
        <v>43</v>
      </c>
      <c r="AC2187" s="5" t="s">
        <v>44</v>
      </c>
      <c r="AD2187" s="2"/>
      <c r="AE2187" s="1"/>
    </row>
    <row r="2188" spans="1:31" ht="14.45">
      <c r="A2188" s="11"/>
      <c r="B2188" s="20"/>
      <c r="C2188" s="2" t="s">
        <v>6985</v>
      </c>
      <c r="D2188" s="14" t="s">
        <v>6986</v>
      </c>
      <c r="E2188" s="2" t="s">
        <v>6987</v>
      </c>
      <c r="F2188" s="2" t="s">
        <v>1747</v>
      </c>
      <c r="G2188" s="8">
        <v>237</v>
      </c>
      <c r="H2188" s="5">
        <v>6</v>
      </c>
      <c r="I2188" s="5" t="s">
        <v>1518</v>
      </c>
      <c r="J2188" s="5" t="s">
        <v>1519</v>
      </c>
      <c r="K2188" s="2" t="s">
        <v>1520</v>
      </c>
      <c r="L2188" s="5" t="s">
        <v>1519</v>
      </c>
      <c r="M2188" s="2" t="s">
        <v>1520</v>
      </c>
      <c r="N2188" s="5" t="s">
        <v>1521</v>
      </c>
      <c r="O2188" s="5" t="s">
        <v>38</v>
      </c>
      <c r="P2188" s="5" t="s">
        <v>39</v>
      </c>
      <c r="Q2188" s="5" t="s">
        <v>40</v>
      </c>
      <c r="R2188" s="5" t="s">
        <v>1522</v>
      </c>
      <c r="S2188" s="5" t="s">
        <v>1523</v>
      </c>
      <c r="T2188" s="5" t="s">
        <v>42</v>
      </c>
      <c r="U2188" s="2">
        <v>3.4380000000000002</v>
      </c>
      <c r="V2188" s="2">
        <v>2.9329999999999998</v>
      </c>
      <c r="W2188" s="2">
        <v>1.7999999999999999E-2</v>
      </c>
      <c r="X2188" s="2">
        <v>139.1</v>
      </c>
      <c r="Y2188" s="2">
        <v>7.6</v>
      </c>
      <c r="Z2188" s="2">
        <v>16.7</v>
      </c>
      <c r="AA2188" s="5"/>
      <c r="AB2188" s="5" t="s">
        <v>43</v>
      </c>
      <c r="AC2188" s="5" t="s">
        <v>44</v>
      </c>
      <c r="AD2188" s="2"/>
      <c r="AE2188" s="1"/>
    </row>
    <row r="2189" spans="1:31" ht="14.45">
      <c r="A2189" s="11"/>
      <c r="B2189" s="20"/>
      <c r="C2189" s="2" t="s">
        <v>6988</v>
      </c>
      <c r="D2189" s="14" t="s">
        <v>6989</v>
      </c>
      <c r="E2189" s="2" t="s">
        <v>6990</v>
      </c>
      <c r="F2189" s="2" t="s">
        <v>1751</v>
      </c>
      <c r="G2189" s="8">
        <v>237</v>
      </c>
      <c r="H2189" s="5">
        <v>6</v>
      </c>
      <c r="I2189" s="5" t="s">
        <v>1518</v>
      </c>
      <c r="J2189" s="5" t="s">
        <v>1519</v>
      </c>
      <c r="K2189" s="2" t="s">
        <v>1520</v>
      </c>
      <c r="L2189" s="5" t="s">
        <v>1519</v>
      </c>
      <c r="M2189" s="2" t="s">
        <v>1520</v>
      </c>
      <c r="N2189" s="5" t="s">
        <v>1521</v>
      </c>
      <c r="O2189" s="5" t="s">
        <v>38</v>
      </c>
      <c r="P2189" s="5" t="s">
        <v>39</v>
      </c>
      <c r="Q2189" s="5" t="s">
        <v>40</v>
      </c>
      <c r="R2189" s="5" t="s">
        <v>1522</v>
      </c>
      <c r="S2189" s="5" t="s">
        <v>1523</v>
      </c>
      <c r="T2189" s="5" t="s">
        <v>42</v>
      </c>
      <c r="U2189" s="2">
        <v>3.37</v>
      </c>
      <c r="V2189" s="2">
        <v>2.8650000000000002</v>
      </c>
      <c r="W2189" s="2">
        <v>1.7999999999999999E-2</v>
      </c>
      <c r="X2189" s="2">
        <v>139.1</v>
      </c>
      <c r="Y2189" s="2">
        <v>7.6</v>
      </c>
      <c r="Z2189" s="2">
        <v>16.7</v>
      </c>
      <c r="AA2189" s="5"/>
      <c r="AB2189" s="5" t="s">
        <v>43</v>
      </c>
      <c r="AC2189" s="5" t="s">
        <v>44</v>
      </c>
      <c r="AD2189" s="2"/>
      <c r="AE2189" s="1"/>
    </row>
    <row r="2190" spans="1:31" ht="14.45">
      <c r="A2190" s="11"/>
      <c r="B2190" s="20"/>
      <c r="C2190" s="2" t="s">
        <v>6991</v>
      </c>
      <c r="D2190" s="14" t="s">
        <v>6992</v>
      </c>
      <c r="E2190" s="2" t="s">
        <v>6993</v>
      </c>
      <c r="F2190" s="2" t="s">
        <v>1755</v>
      </c>
      <c r="G2190" s="8">
        <v>237</v>
      </c>
      <c r="H2190" s="5">
        <v>6</v>
      </c>
      <c r="I2190" s="5" t="s">
        <v>1518</v>
      </c>
      <c r="J2190" s="5" t="s">
        <v>1519</v>
      </c>
      <c r="K2190" s="2" t="s">
        <v>1520</v>
      </c>
      <c r="L2190" s="5" t="s">
        <v>1519</v>
      </c>
      <c r="M2190" s="2" t="s">
        <v>1520</v>
      </c>
      <c r="N2190" s="5" t="s">
        <v>1521</v>
      </c>
      <c r="O2190" s="5" t="s">
        <v>38</v>
      </c>
      <c r="P2190" s="5" t="s">
        <v>39</v>
      </c>
      <c r="Q2190" s="5" t="s">
        <v>40</v>
      </c>
      <c r="R2190" s="5" t="s">
        <v>1522</v>
      </c>
      <c r="S2190" s="5" t="s">
        <v>1523</v>
      </c>
      <c r="T2190" s="5" t="s">
        <v>42</v>
      </c>
      <c r="U2190" s="2">
        <v>3.4380000000000002</v>
      </c>
      <c r="V2190" s="2">
        <v>2.9329999999999998</v>
      </c>
      <c r="W2190" s="2">
        <v>1.7999999999999999E-2</v>
      </c>
      <c r="X2190" s="2">
        <v>139.1</v>
      </c>
      <c r="Y2190" s="2">
        <v>7.6</v>
      </c>
      <c r="Z2190" s="2">
        <v>16.7</v>
      </c>
      <c r="AA2190" s="5"/>
      <c r="AB2190" s="5" t="s">
        <v>43</v>
      </c>
      <c r="AC2190" s="5" t="s">
        <v>44</v>
      </c>
      <c r="AD2190" s="2"/>
      <c r="AE2190" s="1"/>
    </row>
    <row r="2191" spans="1:31" ht="14.45">
      <c r="A2191" s="11"/>
      <c r="B2191" s="20"/>
      <c r="C2191" s="2" t="s">
        <v>6994</v>
      </c>
      <c r="D2191" s="14" t="s">
        <v>6995</v>
      </c>
      <c r="E2191" s="2" t="s">
        <v>6996</v>
      </c>
      <c r="F2191" s="2" t="s">
        <v>1759</v>
      </c>
      <c r="G2191" s="8">
        <v>237</v>
      </c>
      <c r="H2191" s="5">
        <v>6</v>
      </c>
      <c r="I2191" s="5" t="s">
        <v>1518</v>
      </c>
      <c r="J2191" s="5" t="s">
        <v>1519</v>
      </c>
      <c r="K2191" s="2" t="s">
        <v>1520</v>
      </c>
      <c r="L2191" s="5" t="s">
        <v>1519</v>
      </c>
      <c r="M2191" s="2" t="s">
        <v>1520</v>
      </c>
      <c r="N2191" s="5" t="s">
        <v>1521</v>
      </c>
      <c r="O2191" s="5" t="s">
        <v>38</v>
      </c>
      <c r="P2191" s="5" t="s">
        <v>39</v>
      </c>
      <c r="Q2191" s="5" t="s">
        <v>40</v>
      </c>
      <c r="R2191" s="5" t="s">
        <v>1522</v>
      </c>
      <c r="S2191" s="5" t="s">
        <v>1523</v>
      </c>
      <c r="T2191" s="5" t="s">
        <v>42</v>
      </c>
      <c r="U2191" s="2">
        <v>3.415</v>
      </c>
      <c r="V2191" s="2">
        <v>2.91</v>
      </c>
      <c r="W2191" s="2">
        <v>1.7999999999999999E-2</v>
      </c>
      <c r="X2191" s="2">
        <v>139.1</v>
      </c>
      <c r="Y2191" s="2">
        <v>7.6</v>
      </c>
      <c r="Z2191" s="2">
        <v>16.7</v>
      </c>
      <c r="AA2191" s="5"/>
      <c r="AB2191" s="5" t="s">
        <v>43</v>
      </c>
      <c r="AC2191" s="5" t="s">
        <v>44</v>
      </c>
      <c r="AD2191" s="2"/>
      <c r="AE2191" s="1"/>
    </row>
    <row r="2192" spans="1:31" ht="14.45">
      <c r="A2192" s="11"/>
      <c r="B2192" s="20"/>
      <c r="C2192" s="2" t="s">
        <v>6997</v>
      </c>
      <c r="D2192" s="14" t="s">
        <v>6998</v>
      </c>
      <c r="E2192" s="2" t="s">
        <v>6999</v>
      </c>
      <c r="F2192" s="2" t="s">
        <v>1763</v>
      </c>
      <c r="G2192" s="8">
        <v>237</v>
      </c>
      <c r="H2192" s="5">
        <v>6</v>
      </c>
      <c r="I2192" s="5" t="s">
        <v>1518</v>
      </c>
      <c r="J2192" s="5" t="s">
        <v>1519</v>
      </c>
      <c r="K2192" s="2" t="s">
        <v>1520</v>
      </c>
      <c r="L2192" s="5" t="s">
        <v>1519</v>
      </c>
      <c r="M2192" s="2" t="s">
        <v>1520</v>
      </c>
      <c r="N2192" s="5" t="s">
        <v>1521</v>
      </c>
      <c r="O2192" s="5" t="s">
        <v>38</v>
      </c>
      <c r="P2192" s="5" t="s">
        <v>39</v>
      </c>
      <c r="Q2192" s="5" t="s">
        <v>40</v>
      </c>
      <c r="R2192" s="5" t="s">
        <v>1522</v>
      </c>
      <c r="S2192" s="5" t="s">
        <v>1523</v>
      </c>
      <c r="T2192" s="5" t="s">
        <v>42</v>
      </c>
      <c r="U2192" s="2">
        <v>3.4830000000000001</v>
      </c>
      <c r="V2192" s="2">
        <v>2.9780000000000002</v>
      </c>
      <c r="W2192" s="2">
        <v>1.7999999999999999E-2</v>
      </c>
      <c r="X2192" s="2">
        <v>139.1</v>
      </c>
      <c r="Y2192" s="2">
        <v>7.6</v>
      </c>
      <c r="Z2192" s="2">
        <v>16.7</v>
      </c>
      <c r="AA2192" s="5"/>
      <c r="AB2192" s="5" t="s">
        <v>43</v>
      </c>
      <c r="AC2192" s="5" t="s">
        <v>44</v>
      </c>
      <c r="AD2192" s="2"/>
      <c r="AE2192" s="1"/>
    </row>
    <row r="2193" spans="1:31" ht="14.45">
      <c r="A2193" s="11"/>
      <c r="B2193" s="20"/>
      <c r="C2193" s="2" t="s">
        <v>7000</v>
      </c>
      <c r="D2193" s="14" t="s">
        <v>7001</v>
      </c>
      <c r="E2193" s="2" t="s">
        <v>7002</v>
      </c>
      <c r="F2193" s="2" t="s">
        <v>1767</v>
      </c>
      <c r="G2193" s="8">
        <v>237</v>
      </c>
      <c r="H2193" s="5">
        <v>6</v>
      </c>
      <c r="I2193" s="5" t="s">
        <v>1518</v>
      </c>
      <c r="J2193" s="5" t="s">
        <v>1519</v>
      </c>
      <c r="K2193" s="2" t="s">
        <v>1520</v>
      </c>
      <c r="L2193" s="5" t="s">
        <v>1519</v>
      </c>
      <c r="M2193" s="2" t="s">
        <v>1520</v>
      </c>
      <c r="N2193" s="5" t="s">
        <v>1521</v>
      </c>
      <c r="O2193" s="5" t="s">
        <v>38</v>
      </c>
      <c r="P2193" s="5" t="s">
        <v>39</v>
      </c>
      <c r="Q2193" s="5" t="s">
        <v>40</v>
      </c>
      <c r="R2193" s="5" t="s">
        <v>1522</v>
      </c>
      <c r="S2193" s="5" t="s">
        <v>1523</v>
      </c>
      <c r="T2193" s="5" t="s">
        <v>42</v>
      </c>
      <c r="U2193" s="2">
        <v>3.415</v>
      </c>
      <c r="V2193" s="2">
        <v>2.91</v>
      </c>
      <c r="W2193" s="2">
        <v>1.7999999999999999E-2</v>
      </c>
      <c r="X2193" s="2">
        <v>139.1</v>
      </c>
      <c r="Y2193" s="2">
        <v>7.6</v>
      </c>
      <c r="Z2193" s="2">
        <v>16.7</v>
      </c>
      <c r="AA2193" s="5"/>
      <c r="AB2193" s="5" t="s">
        <v>43</v>
      </c>
      <c r="AC2193" s="5" t="s">
        <v>44</v>
      </c>
      <c r="AD2193" s="2"/>
      <c r="AE2193" s="1"/>
    </row>
    <row r="2194" spans="1:31" ht="14.45">
      <c r="A2194" s="11"/>
      <c r="B2194" s="20"/>
      <c r="C2194" s="2" t="s">
        <v>7003</v>
      </c>
      <c r="D2194" s="14" t="s">
        <v>7004</v>
      </c>
      <c r="E2194" s="2" t="s">
        <v>7005</v>
      </c>
      <c r="F2194" s="2" t="s">
        <v>1771</v>
      </c>
      <c r="G2194" s="8">
        <v>237</v>
      </c>
      <c r="H2194" s="5">
        <v>6</v>
      </c>
      <c r="I2194" s="5" t="s">
        <v>1518</v>
      </c>
      <c r="J2194" s="5" t="s">
        <v>1519</v>
      </c>
      <c r="K2194" s="2" t="s">
        <v>1520</v>
      </c>
      <c r="L2194" s="5" t="s">
        <v>1519</v>
      </c>
      <c r="M2194" s="2" t="s">
        <v>1520</v>
      </c>
      <c r="N2194" s="5" t="s">
        <v>1521</v>
      </c>
      <c r="O2194" s="5" t="s">
        <v>38</v>
      </c>
      <c r="P2194" s="5" t="s">
        <v>39</v>
      </c>
      <c r="Q2194" s="5" t="s">
        <v>40</v>
      </c>
      <c r="R2194" s="5" t="s">
        <v>1522</v>
      </c>
      <c r="S2194" s="5" t="s">
        <v>1523</v>
      </c>
      <c r="T2194" s="5" t="s">
        <v>42</v>
      </c>
      <c r="U2194" s="2">
        <v>3.4830000000000001</v>
      </c>
      <c r="V2194" s="2">
        <v>2.9780000000000002</v>
      </c>
      <c r="W2194" s="2">
        <v>1.7999999999999999E-2</v>
      </c>
      <c r="X2194" s="2">
        <v>139.1</v>
      </c>
      <c r="Y2194" s="2">
        <v>7.6</v>
      </c>
      <c r="Z2194" s="2">
        <v>16.7</v>
      </c>
      <c r="AA2194" s="5"/>
      <c r="AB2194" s="5" t="s">
        <v>43</v>
      </c>
      <c r="AC2194" s="5" t="s">
        <v>44</v>
      </c>
      <c r="AD2194" s="2"/>
      <c r="AE2194" s="1"/>
    </row>
    <row r="2195" spans="1:31" ht="14.45">
      <c r="A2195" s="11"/>
      <c r="B2195" s="20"/>
      <c r="C2195" s="2" t="s">
        <v>7006</v>
      </c>
      <c r="D2195" s="14" t="s">
        <v>7007</v>
      </c>
      <c r="E2195" s="2" t="s">
        <v>7008</v>
      </c>
      <c r="F2195" s="2" t="s">
        <v>1775</v>
      </c>
      <c r="G2195" s="8">
        <v>237</v>
      </c>
      <c r="H2195" s="5">
        <v>6</v>
      </c>
      <c r="I2195" s="5" t="s">
        <v>1518</v>
      </c>
      <c r="J2195" s="5" t="s">
        <v>1519</v>
      </c>
      <c r="K2195" s="2" t="s">
        <v>1520</v>
      </c>
      <c r="L2195" s="5" t="s">
        <v>1519</v>
      </c>
      <c r="M2195" s="2" t="s">
        <v>1520</v>
      </c>
      <c r="N2195" s="5" t="s">
        <v>1521</v>
      </c>
      <c r="O2195" s="5" t="s">
        <v>38</v>
      </c>
      <c r="P2195" s="5" t="s">
        <v>39</v>
      </c>
      <c r="Q2195" s="5" t="s">
        <v>40</v>
      </c>
      <c r="R2195" s="5" t="s">
        <v>1522</v>
      </c>
      <c r="S2195" s="5" t="s">
        <v>1523</v>
      </c>
      <c r="T2195" s="5" t="s">
        <v>42</v>
      </c>
      <c r="U2195" s="2">
        <v>3.415</v>
      </c>
      <c r="V2195" s="2">
        <v>2.91</v>
      </c>
      <c r="W2195" s="2">
        <v>1.7999999999999999E-2</v>
      </c>
      <c r="X2195" s="2">
        <v>139.1</v>
      </c>
      <c r="Y2195" s="2">
        <v>7.6</v>
      </c>
      <c r="Z2195" s="2">
        <v>16.7</v>
      </c>
      <c r="AA2195" s="5"/>
      <c r="AB2195" s="5" t="s">
        <v>43</v>
      </c>
      <c r="AC2195" s="5" t="s">
        <v>44</v>
      </c>
      <c r="AD2195" s="2"/>
      <c r="AE2195" s="1"/>
    </row>
    <row r="2196" spans="1:31" ht="14.45">
      <c r="A2196" s="11"/>
      <c r="B2196" s="20"/>
      <c r="C2196" s="2" t="s">
        <v>7009</v>
      </c>
      <c r="D2196" s="14" t="s">
        <v>7010</v>
      </c>
      <c r="E2196" s="2" t="s">
        <v>7011</v>
      </c>
      <c r="F2196" s="2" t="s">
        <v>1779</v>
      </c>
      <c r="G2196" s="8">
        <v>237</v>
      </c>
      <c r="H2196" s="5">
        <v>6</v>
      </c>
      <c r="I2196" s="5" t="s">
        <v>1518</v>
      </c>
      <c r="J2196" s="5" t="s">
        <v>1519</v>
      </c>
      <c r="K2196" s="2" t="s">
        <v>1520</v>
      </c>
      <c r="L2196" s="5" t="s">
        <v>1519</v>
      </c>
      <c r="M2196" s="2" t="s">
        <v>1520</v>
      </c>
      <c r="N2196" s="5" t="s">
        <v>1521</v>
      </c>
      <c r="O2196" s="5" t="s">
        <v>38</v>
      </c>
      <c r="P2196" s="5" t="s">
        <v>39</v>
      </c>
      <c r="Q2196" s="5" t="s">
        <v>40</v>
      </c>
      <c r="R2196" s="5" t="s">
        <v>1522</v>
      </c>
      <c r="S2196" s="5" t="s">
        <v>1523</v>
      </c>
      <c r="T2196" s="5" t="s">
        <v>42</v>
      </c>
      <c r="U2196" s="2">
        <v>3.4830000000000001</v>
      </c>
      <c r="V2196" s="2">
        <v>2.9780000000000002</v>
      </c>
      <c r="W2196" s="2">
        <v>1.7999999999999999E-2</v>
      </c>
      <c r="X2196" s="2">
        <v>139.1</v>
      </c>
      <c r="Y2196" s="2">
        <v>7.6</v>
      </c>
      <c r="Z2196" s="2">
        <v>16.7</v>
      </c>
      <c r="AA2196" s="5"/>
      <c r="AB2196" s="5" t="s">
        <v>43</v>
      </c>
      <c r="AC2196" s="5" t="s">
        <v>44</v>
      </c>
      <c r="AD2196" s="2"/>
      <c r="AE2196" s="1"/>
    </row>
    <row r="2197" spans="1:31" ht="14.45">
      <c r="A2197" s="11"/>
      <c r="B2197" s="20"/>
      <c r="C2197" s="2" t="s">
        <v>7012</v>
      </c>
      <c r="D2197" s="14" t="s">
        <v>7013</v>
      </c>
      <c r="E2197" s="2" t="s">
        <v>7014</v>
      </c>
      <c r="F2197" s="2" t="s">
        <v>1783</v>
      </c>
      <c r="G2197" s="8">
        <v>237</v>
      </c>
      <c r="H2197" s="5">
        <v>6</v>
      </c>
      <c r="I2197" s="5" t="s">
        <v>1518</v>
      </c>
      <c r="J2197" s="5" t="s">
        <v>1519</v>
      </c>
      <c r="K2197" s="2" t="s">
        <v>1520</v>
      </c>
      <c r="L2197" s="5" t="s">
        <v>1519</v>
      </c>
      <c r="M2197" s="2" t="s">
        <v>1520</v>
      </c>
      <c r="N2197" s="5" t="s">
        <v>1521</v>
      </c>
      <c r="O2197" s="5" t="s">
        <v>38</v>
      </c>
      <c r="P2197" s="5" t="s">
        <v>39</v>
      </c>
      <c r="Q2197" s="5" t="s">
        <v>40</v>
      </c>
      <c r="R2197" s="5" t="s">
        <v>1522</v>
      </c>
      <c r="S2197" s="5" t="s">
        <v>1523</v>
      </c>
      <c r="T2197" s="5" t="s">
        <v>42</v>
      </c>
      <c r="U2197" s="2">
        <v>3.37</v>
      </c>
      <c r="V2197" s="2">
        <v>2.8650000000000002</v>
      </c>
      <c r="W2197" s="2">
        <v>1.7999999999999999E-2</v>
      </c>
      <c r="X2197" s="2">
        <v>139.1</v>
      </c>
      <c r="Y2197" s="2">
        <v>7.6</v>
      </c>
      <c r="Z2197" s="2">
        <v>16.7</v>
      </c>
      <c r="AA2197" s="5"/>
      <c r="AB2197" s="5" t="s">
        <v>43</v>
      </c>
      <c r="AC2197" s="5" t="s">
        <v>44</v>
      </c>
      <c r="AD2197" s="2"/>
      <c r="AE2197" s="1"/>
    </row>
    <row r="2198" spans="1:31" ht="14.45">
      <c r="A2198" s="11"/>
      <c r="B2198" s="20"/>
      <c r="C2198" s="2" t="s">
        <v>7015</v>
      </c>
      <c r="D2198" s="14" t="s">
        <v>7016</v>
      </c>
      <c r="E2198" s="2" t="s">
        <v>7017</v>
      </c>
      <c r="F2198" s="2" t="s">
        <v>1787</v>
      </c>
      <c r="G2198" s="8">
        <v>237</v>
      </c>
      <c r="H2198" s="5">
        <v>6</v>
      </c>
      <c r="I2198" s="5" t="s">
        <v>1518</v>
      </c>
      <c r="J2198" s="5" t="s">
        <v>1519</v>
      </c>
      <c r="K2198" s="2" t="s">
        <v>1520</v>
      </c>
      <c r="L2198" s="5" t="s">
        <v>1519</v>
      </c>
      <c r="M2198" s="2" t="s">
        <v>1520</v>
      </c>
      <c r="N2198" s="5" t="s">
        <v>1521</v>
      </c>
      <c r="O2198" s="5" t="s">
        <v>38</v>
      </c>
      <c r="P2198" s="5" t="s">
        <v>39</v>
      </c>
      <c r="Q2198" s="5" t="s">
        <v>40</v>
      </c>
      <c r="R2198" s="5" t="s">
        <v>1522</v>
      </c>
      <c r="S2198" s="5" t="s">
        <v>1523</v>
      </c>
      <c r="T2198" s="5" t="s">
        <v>42</v>
      </c>
      <c r="U2198" s="2">
        <v>3.4380000000000002</v>
      </c>
      <c r="V2198" s="2">
        <v>2.9329999999999998</v>
      </c>
      <c r="W2198" s="2">
        <v>1.7999999999999999E-2</v>
      </c>
      <c r="X2198" s="2">
        <v>139.1</v>
      </c>
      <c r="Y2198" s="2">
        <v>7.6</v>
      </c>
      <c r="Z2198" s="2">
        <v>16.7</v>
      </c>
      <c r="AA2198" s="5"/>
      <c r="AB2198" s="5" t="s">
        <v>43</v>
      </c>
      <c r="AC2198" s="5" t="s">
        <v>44</v>
      </c>
      <c r="AD2198" s="2"/>
      <c r="AE2198" s="1"/>
    </row>
    <row r="2199" spans="1:31" ht="14.45">
      <c r="A2199" s="11"/>
      <c r="B2199" s="20"/>
      <c r="C2199" s="2" t="s">
        <v>7018</v>
      </c>
      <c r="D2199" s="14" t="s">
        <v>7019</v>
      </c>
      <c r="E2199" s="2" t="s">
        <v>7020</v>
      </c>
      <c r="F2199" s="2" t="s">
        <v>1791</v>
      </c>
      <c r="G2199" s="8">
        <v>237</v>
      </c>
      <c r="H2199" s="5">
        <v>6</v>
      </c>
      <c r="I2199" s="5" t="s">
        <v>1518</v>
      </c>
      <c r="J2199" s="5" t="s">
        <v>1519</v>
      </c>
      <c r="K2199" s="2" t="s">
        <v>1520</v>
      </c>
      <c r="L2199" s="5" t="s">
        <v>1519</v>
      </c>
      <c r="M2199" s="2" t="s">
        <v>1520</v>
      </c>
      <c r="N2199" s="5" t="s">
        <v>1521</v>
      </c>
      <c r="O2199" s="5" t="s">
        <v>38</v>
      </c>
      <c r="P2199" s="5" t="s">
        <v>39</v>
      </c>
      <c r="Q2199" s="5" t="s">
        <v>40</v>
      </c>
      <c r="R2199" s="5" t="s">
        <v>1522</v>
      </c>
      <c r="S2199" s="5" t="s">
        <v>1523</v>
      </c>
      <c r="T2199" s="5" t="s">
        <v>42</v>
      </c>
      <c r="U2199" s="2">
        <v>3.415</v>
      </c>
      <c r="V2199" s="2">
        <v>2.91</v>
      </c>
      <c r="W2199" s="2">
        <v>1.7999999999999999E-2</v>
      </c>
      <c r="X2199" s="2">
        <v>139.1</v>
      </c>
      <c r="Y2199" s="2">
        <v>7.6</v>
      </c>
      <c r="Z2199" s="2">
        <v>16.7</v>
      </c>
      <c r="AA2199" s="5"/>
      <c r="AB2199" s="5" t="s">
        <v>43</v>
      </c>
      <c r="AC2199" s="5" t="s">
        <v>44</v>
      </c>
      <c r="AD2199" s="2"/>
      <c r="AE2199" s="1"/>
    </row>
    <row r="2200" spans="1:31" ht="14.45">
      <c r="A2200" s="11"/>
      <c r="B2200" s="20"/>
      <c r="C2200" s="2" t="s">
        <v>7021</v>
      </c>
      <c r="D2200" s="14" t="s">
        <v>7022</v>
      </c>
      <c r="E2200" s="2" t="s">
        <v>7023</v>
      </c>
      <c r="F2200" s="2" t="s">
        <v>1795</v>
      </c>
      <c r="G2200" s="8">
        <v>237</v>
      </c>
      <c r="H2200" s="5">
        <v>6</v>
      </c>
      <c r="I2200" s="5" t="s">
        <v>1518</v>
      </c>
      <c r="J2200" s="5" t="s">
        <v>1519</v>
      </c>
      <c r="K2200" s="2" t="s">
        <v>1520</v>
      </c>
      <c r="L2200" s="5" t="s">
        <v>1519</v>
      </c>
      <c r="M2200" s="2" t="s">
        <v>1520</v>
      </c>
      <c r="N2200" s="5" t="s">
        <v>1521</v>
      </c>
      <c r="O2200" s="5" t="s">
        <v>38</v>
      </c>
      <c r="P2200" s="5" t="s">
        <v>39</v>
      </c>
      <c r="Q2200" s="5" t="s">
        <v>40</v>
      </c>
      <c r="R2200" s="5" t="s">
        <v>1522</v>
      </c>
      <c r="S2200" s="5" t="s">
        <v>1523</v>
      </c>
      <c r="T2200" s="5" t="s">
        <v>42</v>
      </c>
      <c r="U2200" s="2">
        <v>3.4830000000000001</v>
      </c>
      <c r="V2200" s="2">
        <v>2.9780000000000002</v>
      </c>
      <c r="W2200" s="2">
        <v>1.7999999999999999E-2</v>
      </c>
      <c r="X2200" s="2">
        <v>139.1</v>
      </c>
      <c r="Y2200" s="2">
        <v>7.6</v>
      </c>
      <c r="Z2200" s="2">
        <v>16.7</v>
      </c>
      <c r="AA2200" s="5"/>
      <c r="AB2200" s="5" t="s">
        <v>43</v>
      </c>
      <c r="AC2200" s="5" t="s">
        <v>44</v>
      </c>
      <c r="AD2200" s="2"/>
      <c r="AE2200" s="1"/>
    </row>
    <row r="2201" spans="1:31" ht="14.45">
      <c r="A2201" s="11"/>
      <c r="B2201" s="20"/>
      <c r="C2201" s="2" t="s">
        <v>7024</v>
      </c>
      <c r="D2201" s="14" t="s">
        <v>7025</v>
      </c>
      <c r="E2201" s="2" t="s">
        <v>7026</v>
      </c>
      <c r="F2201" s="2" t="s">
        <v>1799</v>
      </c>
      <c r="G2201" s="8">
        <v>237</v>
      </c>
      <c r="H2201" s="5">
        <v>6</v>
      </c>
      <c r="I2201" s="5" t="s">
        <v>1518</v>
      </c>
      <c r="J2201" s="5" t="s">
        <v>1519</v>
      </c>
      <c r="K2201" s="2" t="s">
        <v>1520</v>
      </c>
      <c r="L2201" s="5" t="s">
        <v>1519</v>
      </c>
      <c r="M2201" s="2" t="s">
        <v>1520</v>
      </c>
      <c r="N2201" s="5" t="s">
        <v>1521</v>
      </c>
      <c r="O2201" s="5" t="s">
        <v>38</v>
      </c>
      <c r="P2201" s="5" t="s">
        <v>39</v>
      </c>
      <c r="Q2201" s="5" t="s">
        <v>40</v>
      </c>
      <c r="R2201" s="5" t="s">
        <v>1522</v>
      </c>
      <c r="S2201" s="5" t="s">
        <v>1523</v>
      </c>
      <c r="T2201" s="5" t="s">
        <v>42</v>
      </c>
      <c r="U2201" s="2">
        <v>3.415</v>
      </c>
      <c r="V2201" s="2">
        <v>2.91</v>
      </c>
      <c r="W2201" s="2">
        <v>1.7999999999999999E-2</v>
      </c>
      <c r="X2201" s="2">
        <v>139.1</v>
      </c>
      <c r="Y2201" s="2">
        <v>7.6</v>
      </c>
      <c r="Z2201" s="2">
        <v>16.7</v>
      </c>
      <c r="AA2201" s="5"/>
      <c r="AB2201" s="5" t="s">
        <v>43</v>
      </c>
      <c r="AC2201" s="5" t="s">
        <v>44</v>
      </c>
      <c r="AD2201" s="2"/>
      <c r="AE2201" s="1"/>
    </row>
    <row r="2202" spans="1:31" ht="14.45">
      <c r="A2202" s="11"/>
      <c r="B2202" s="20"/>
      <c r="C2202" s="2" t="s">
        <v>7027</v>
      </c>
      <c r="D2202" s="14" t="s">
        <v>7028</v>
      </c>
      <c r="E2202" s="2" t="s">
        <v>7029</v>
      </c>
      <c r="F2202" s="2" t="s">
        <v>1803</v>
      </c>
      <c r="G2202" s="8">
        <v>237</v>
      </c>
      <c r="H2202" s="5">
        <v>6</v>
      </c>
      <c r="I2202" s="5" t="s">
        <v>1518</v>
      </c>
      <c r="J2202" s="5" t="s">
        <v>1519</v>
      </c>
      <c r="K2202" s="2" t="s">
        <v>1520</v>
      </c>
      <c r="L2202" s="5" t="s">
        <v>1519</v>
      </c>
      <c r="M2202" s="2" t="s">
        <v>1520</v>
      </c>
      <c r="N2202" s="5" t="s">
        <v>1521</v>
      </c>
      <c r="O2202" s="5" t="s">
        <v>38</v>
      </c>
      <c r="P2202" s="5" t="s">
        <v>39</v>
      </c>
      <c r="Q2202" s="5" t="s">
        <v>40</v>
      </c>
      <c r="R2202" s="5" t="s">
        <v>1522</v>
      </c>
      <c r="S2202" s="5" t="s">
        <v>1523</v>
      </c>
      <c r="T2202" s="5" t="s">
        <v>42</v>
      </c>
      <c r="U2202" s="2">
        <v>3.4830000000000001</v>
      </c>
      <c r="V2202" s="2">
        <v>2.9780000000000002</v>
      </c>
      <c r="W2202" s="2">
        <v>1.7999999999999999E-2</v>
      </c>
      <c r="X2202" s="2">
        <v>139.1</v>
      </c>
      <c r="Y2202" s="2">
        <v>7.6</v>
      </c>
      <c r="Z2202" s="2">
        <v>16.7</v>
      </c>
      <c r="AA2202" s="5"/>
      <c r="AB2202" s="5" t="s">
        <v>43</v>
      </c>
      <c r="AC2202" s="5" t="s">
        <v>44</v>
      </c>
      <c r="AD2202" s="2"/>
      <c r="AE2202" s="1"/>
    </row>
    <row r="2203" spans="1:31" ht="14.45">
      <c r="A2203" s="11"/>
      <c r="B2203" s="20"/>
      <c r="C2203" s="2" t="s">
        <v>7030</v>
      </c>
      <c r="D2203" s="14" t="s">
        <v>7031</v>
      </c>
      <c r="E2203" s="2" t="s">
        <v>7032</v>
      </c>
      <c r="F2203" s="2" t="s">
        <v>1807</v>
      </c>
      <c r="G2203" s="8">
        <v>237</v>
      </c>
      <c r="H2203" s="5">
        <v>6</v>
      </c>
      <c r="I2203" s="5" t="s">
        <v>1518</v>
      </c>
      <c r="J2203" s="5" t="s">
        <v>1519</v>
      </c>
      <c r="K2203" s="2" t="s">
        <v>1520</v>
      </c>
      <c r="L2203" s="5" t="s">
        <v>1519</v>
      </c>
      <c r="M2203" s="2" t="s">
        <v>1520</v>
      </c>
      <c r="N2203" s="5" t="s">
        <v>1521</v>
      </c>
      <c r="O2203" s="5" t="s">
        <v>38</v>
      </c>
      <c r="P2203" s="5" t="s">
        <v>39</v>
      </c>
      <c r="Q2203" s="5" t="s">
        <v>40</v>
      </c>
      <c r="R2203" s="5" t="s">
        <v>1522</v>
      </c>
      <c r="S2203" s="5" t="s">
        <v>1523</v>
      </c>
      <c r="T2203" s="5" t="s">
        <v>42</v>
      </c>
      <c r="U2203" s="2">
        <v>3.415</v>
      </c>
      <c r="V2203" s="2">
        <v>2.91</v>
      </c>
      <c r="W2203" s="2">
        <v>1.7999999999999999E-2</v>
      </c>
      <c r="X2203" s="2">
        <v>139.1</v>
      </c>
      <c r="Y2203" s="2">
        <v>7.6</v>
      </c>
      <c r="Z2203" s="2">
        <v>16.7</v>
      </c>
      <c r="AA2203" s="5"/>
      <c r="AB2203" s="5" t="s">
        <v>43</v>
      </c>
      <c r="AC2203" s="5" t="s">
        <v>44</v>
      </c>
      <c r="AD2203" s="2"/>
      <c r="AE2203" s="1"/>
    </row>
    <row r="2204" spans="1:31" ht="14.45">
      <c r="A2204" s="11"/>
      <c r="B2204" s="20"/>
      <c r="C2204" s="2" t="s">
        <v>7033</v>
      </c>
      <c r="D2204" s="14" t="s">
        <v>7034</v>
      </c>
      <c r="E2204" s="2" t="s">
        <v>7035</v>
      </c>
      <c r="F2204" s="2" t="s">
        <v>1811</v>
      </c>
      <c r="G2204" s="8">
        <v>237</v>
      </c>
      <c r="H2204" s="5">
        <v>6</v>
      </c>
      <c r="I2204" s="5" t="s">
        <v>1518</v>
      </c>
      <c r="J2204" s="5" t="s">
        <v>1519</v>
      </c>
      <c r="K2204" s="2" t="s">
        <v>1520</v>
      </c>
      <c r="L2204" s="5" t="s">
        <v>1519</v>
      </c>
      <c r="M2204" s="2" t="s">
        <v>1520</v>
      </c>
      <c r="N2204" s="5" t="s">
        <v>1521</v>
      </c>
      <c r="O2204" s="5" t="s">
        <v>38</v>
      </c>
      <c r="P2204" s="5" t="s">
        <v>39</v>
      </c>
      <c r="Q2204" s="5" t="s">
        <v>40</v>
      </c>
      <c r="R2204" s="5" t="s">
        <v>1522</v>
      </c>
      <c r="S2204" s="5" t="s">
        <v>1523</v>
      </c>
      <c r="T2204" s="5" t="s">
        <v>42</v>
      </c>
      <c r="U2204" s="2">
        <v>3.4830000000000001</v>
      </c>
      <c r="V2204" s="2">
        <v>2.9780000000000002</v>
      </c>
      <c r="W2204" s="2">
        <v>1.7999999999999999E-2</v>
      </c>
      <c r="X2204" s="2">
        <v>139.1</v>
      </c>
      <c r="Y2204" s="2">
        <v>7.6</v>
      </c>
      <c r="Z2204" s="2">
        <v>16.7</v>
      </c>
      <c r="AA2204" s="5"/>
      <c r="AB2204" s="5" t="s">
        <v>43</v>
      </c>
      <c r="AC2204" s="5" t="s">
        <v>44</v>
      </c>
      <c r="AD2204" s="2"/>
      <c r="AE2204" s="1"/>
    </row>
    <row r="2205" spans="1:31" ht="14.45">
      <c r="A2205" s="11"/>
      <c r="B2205" s="20"/>
      <c r="C2205" s="2" t="s">
        <v>7036</v>
      </c>
      <c r="D2205" s="14" t="s">
        <v>7037</v>
      </c>
      <c r="E2205" s="2" t="s">
        <v>7038</v>
      </c>
      <c r="F2205" s="2" t="s">
        <v>1815</v>
      </c>
      <c r="G2205" s="8">
        <v>237</v>
      </c>
      <c r="H2205" s="5">
        <v>6</v>
      </c>
      <c r="I2205" s="5" t="s">
        <v>1518</v>
      </c>
      <c r="J2205" s="5" t="s">
        <v>1519</v>
      </c>
      <c r="K2205" s="2" t="s">
        <v>1520</v>
      </c>
      <c r="L2205" s="5" t="s">
        <v>1519</v>
      </c>
      <c r="M2205" s="2" t="s">
        <v>1520</v>
      </c>
      <c r="N2205" s="5" t="s">
        <v>1521</v>
      </c>
      <c r="O2205" s="5" t="s">
        <v>38</v>
      </c>
      <c r="P2205" s="5" t="s">
        <v>39</v>
      </c>
      <c r="Q2205" s="5" t="s">
        <v>40</v>
      </c>
      <c r="R2205" s="5" t="s">
        <v>1522</v>
      </c>
      <c r="S2205" s="5" t="s">
        <v>1523</v>
      </c>
      <c r="T2205" s="5" t="s">
        <v>42</v>
      </c>
      <c r="U2205" s="2">
        <v>3.37</v>
      </c>
      <c r="V2205" s="2">
        <v>2.8650000000000002</v>
      </c>
      <c r="W2205" s="2">
        <v>1.7999999999999999E-2</v>
      </c>
      <c r="X2205" s="2">
        <v>139.1</v>
      </c>
      <c r="Y2205" s="2">
        <v>7.6</v>
      </c>
      <c r="Z2205" s="2">
        <v>16.7</v>
      </c>
      <c r="AA2205" s="5"/>
      <c r="AB2205" s="5" t="s">
        <v>43</v>
      </c>
      <c r="AC2205" s="5" t="s">
        <v>44</v>
      </c>
      <c r="AD2205" s="2"/>
      <c r="AE2205" s="1"/>
    </row>
    <row r="2206" spans="1:31" ht="14.45">
      <c r="A2206" s="11"/>
      <c r="B2206" s="20"/>
      <c r="C2206" s="2" t="s">
        <v>7039</v>
      </c>
      <c r="D2206" s="14" t="s">
        <v>7040</v>
      </c>
      <c r="E2206" s="2" t="s">
        <v>7041</v>
      </c>
      <c r="F2206" s="2" t="s">
        <v>1819</v>
      </c>
      <c r="G2206" s="8">
        <v>237</v>
      </c>
      <c r="H2206" s="5">
        <v>6</v>
      </c>
      <c r="I2206" s="5" t="s">
        <v>1518</v>
      </c>
      <c r="J2206" s="5" t="s">
        <v>1519</v>
      </c>
      <c r="K2206" s="2" t="s">
        <v>1520</v>
      </c>
      <c r="L2206" s="5" t="s">
        <v>1519</v>
      </c>
      <c r="M2206" s="2" t="s">
        <v>1520</v>
      </c>
      <c r="N2206" s="5" t="s">
        <v>1521</v>
      </c>
      <c r="O2206" s="5" t="s">
        <v>38</v>
      </c>
      <c r="P2206" s="5" t="s">
        <v>39</v>
      </c>
      <c r="Q2206" s="5" t="s">
        <v>40</v>
      </c>
      <c r="R2206" s="5" t="s">
        <v>1522</v>
      </c>
      <c r="S2206" s="5" t="s">
        <v>1523</v>
      </c>
      <c r="T2206" s="5" t="s">
        <v>42</v>
      </c>
      <c r="U2206" s="2">
        <v>3.4380000000000002</v>
      </c>
      <c r="V2206" s="2">
        <v>2.9329999999999998</v>
      </c>
      <c r="W2206" s="2">
        <v>1.7999999999999999E-2</v>
      </c>
      <c r="X2206" s="2">
        <v>139.1</v>
      </c>
      <c r="Y2206" s="2">
        <v>7.6</v>
      </c>
      <c r="Z2206" s="2">
        <v>16.7</v>
      </c>
      <c r="AA2206" s="5"/>
      <c r="AB2206" s="5" t="s">
        <v>43</v>
      </c>
      <c r="AC2206" s="5" t="s">
        <v>44</v>
      </c>
      <c r="AD2206" s="2"/>
      <c r="AE2206" s="1"/>
    </row>
    <row r="2207" spans="1:31" ht="14.45">
      <c r="A2207" s="11"/>
      <c r="B2207" s="20"/>
      <c r="C2207" s="2" t="s">
        <v>7042</v>
      </c>
      <c r="D2207" s="14" t="s">
        <v>7043</v>
      </c>
      <c r="E2207" s="2" t="s">
        <v>7044</v>
      </c>
      <c r="F2207" s="2" t="s">
        <v>1823</v>
      </c>
      <c r="G2207" s="8">
        <v>237</v>
      </c>
      <c r="H2207" s="5">
        <v>8</v>
      </c>
      <c r="I2207" s="5" t="s">
        <v>1518</v>
      </c>
      <c r="J2207" s="5" t="s">
        <v>1519</v>
      </c>
      <c r="K2207" s="2" t="s">
        <v>1520</v>
      </c>
      <c r="L2207" s="5" t="s">
        <v>1519</v>
      </c>
      <c r="M2207" s="2" t="s">
        <v>1520</v>
      </c>
      <c r="N2207" s="5" t="s">
        <v>1521</v>
      </c>
      <c r="O2207" s="5" t="s">
        <v>38</v>
      </c>
      <c r="P2207" s="5" t="s">
        <v>39</v>
      </c>
      <c r="Q2207" s="5" t="s">
        <v>40</v>
      </c>
      <c r="R2207" s="5" t="s">
        <v>1522</v>
      </c>
      <c r="S2207" s="5" t="s">
        <v>1523</v>
      </c>
      <c r="T2207" s="5" t="s">
        <v>42</v>
      </c>
      <c r="U2207" s="2">
        <v>3.45</v>
      </c>
      <c r="V2207" s="2">
        <v>2.9449999999999998</v>
      </c>
      <c r="W2207" s="2">
        <v>1.7999999999999999E-2</v>
      </c>
      <c r="X2207" s="2">
        <v>139.1</v>
      </c>
      <c r="Y2207" s="2">
        <v>7.6</v>
      </c>
      <c r="Z2207" s="2">
        <v>16.7</v>
      </c>
      <c r="AA2207" s="5"/>
      <c r="AB2207" s="5" t="s">
        <v>43</v>
      </c>
      <c r="AC2207" s="5" t="s">
        <v>44</v>
      </c>
      <c r="AD2207" s="2"/>
      <c r="AE2207" s="1"/>
    </row>
    <row r="2208" spans="1:31" ht="14.45">
      <c r="A2208" s="11"/>
      <c r="B2208" s="20"/>
      <c r="C2208" s="2" t="s">
        <v>7045</v>
      </c>
      <c r="D2208" s="14" t="s">
        <v>7046</v>
      </c>
      <c r="E2208" s="2" t="s">
        <v>7047</v>
      </c>
      <c r="F2208" s="2" t="s">
        <v>1827</v>
      </c>
      <c r="G2208" s="8">
        <v>237</v>
      </c>
      <c r="H2208" s="5">
        <v>8</v>
      </c>
      <c r="I2208" s="5" t="s">
        <v>1518</v>
      </c>
      <c r="J2208" s="5" t="s">
        <v>1519</v>
      </c>
      <c r="K2208" s="2" t="s">
        <v>1520</v>
      </c>
      <c r="L2208" s="5" t="s">
        <v>1519</v>
      </c>
      <c r="M2208" s="2" t="s">
        <v>1520</v>
      </c>
      <c r="N2208" s="5" t="s">
        <v>1521</v>
      </c>
      <c r="O2208" s="5" t="s">
        <v>38</v>
      </c>
      <c r="P2208" s="5" t="s">
        <v>39</v>
      </c>
      <c r="Q2208" s="5" t="s">
        <v>40</v>
      </c>
      <c r="R2208" s="5" t="s">
        <v>1522</v>
      </c>
      <c r="S2208" s="5" t="s">
        <v>1523</v>
      </c>
      <c r="T2208" s="5" t="s">
        <v>42</v>
      </c>
      <c r="U2208" s="2">
        <v>3.5179999999999998</v>
      </c>
      <c r="V2208" s="2">
        <v>3.0129999999999999</v>
      </c>
      <c r="W2208" s="2">
        <v>1.7999999999999999E-2</v>
      </c>
      <c r="X2208" s="2">
        <v>139.1</v>
      </c>
      <c r="Y2208" s="2">
        <v>7.6</v>
      </c>
      <c r="Z2208" s="2">
        <v>16.7</v>
      </c>
      <c r="AA2208" s="5"/>
      <c r="AB2208" s="5" t="s">
        <v>43</v>
      </c>
      <c r="AC2208" s="5" t="s">
        <v>44</v>
      </c>
      <c r="AD2208" s="2"/>
      <c r="AE2208" s="1"/>
    </row>
    <row r="2209" spans="1:31" ht="14.45">
      <c r="A2209" s="11"/>
      <c r="B2209" s="20"/>
      <c r="C2209" s="2" t="s">
        <v>7048</v>
      </c>
      <c r="D2209" s="14" t="s">
        <v>7049</v>
      </c>
      <c r="E2209" s="2" t="s">
        <v>7050</v>
      </c>
      <c r="F2209" s="2" t="s">
        <v>2348</v>
      </c>
      <c r="G2209" s="8">
        <v>237</v>
      </c>
      <c r="H2209" s="5">
        <v>13</v>
      </c>
      <c r="I2209" s="5" t="s">
        <v>1518</v>
      </c>
      <c r="J2209" s="5" t="s">
        <v>1519</v>
      </c>
      <c r="K2209" s="2" t="s">
        <v>1520</v>
      </c>
      <c r="L2209" s="5" t="s">
        <v>1519</v>
      </c>
      <c r="M2209" s="2" t="s">
        <v>1520</v>
      </c>
      <c r="N2209" s="5" t="s">
        <v>1521</v>
      </c>
      <c r="O2209" s="5" t="s">
        <v>38</v>
      </c>
      <c r="P2209" s="5" t="s">
        <v>39</v>
      </c>
      <c r="Q2209" s="5" t="s">
        <v>40</v>
      </c>
      <c r="R2209" s="5" t="s">
        <v>1522</v>
      </c>
      <c r="S2209" s="5" t="s">
        <v>1523</v>
      </c>
      <c r="T2209" s="5" t="s">
        <v>42</v>
      </c>
      <c r="U2209" s="2">
        <v>3.5230000000000001</v>
      </c>
      <c r="V2209" s="2">
        <v>3.0179999999999998</v>
      </c>
      <c r="W2209" s="2">
        <v>1.7999999999999999E-2</v>
      </c>
      <c r="X2209" s="2">
        <v>139.1</v>
      </c>
      <c r="Y2209" s="2">
        <v>7.6</v>
      </c>
      <c r="Z2209" s="2">
        <v>16.7</v>
      </c>
      <c r="AA2209" s="5"/>
      <c r="AB2209" s="5" t="s">
        <v>43</v>
      </c>
      <c r="AC2209" s="5" t="s">
        <v>44</v>
      </c>
      <c r="AD2209" s="2"/>
      <c r="AE2209" s="1"/>
    </row>
    <row r="2210" spans="1:31" ht="14.45">
      <c r="A2210" s="11"/>
      <c r="B2210" s="20"/>
      <c r="C2210" s="2" t="s">
        <v>7051</v>
      </c>
      <c r="D2210" s="14" t="s">
        <v>7052</v>
      </c>
      <c r="E2210" s="2" t="s">
        <v>7053</v>
      </c>
      <c r="F2210" s="2" t="s">
        <v>2208</v>
      </c>
      <c r="G2210" s="8">
        <v>237</v>
      </c>
      <c r="H2210" s="5">
        <v>13</v>
      </c>
      <c r="I2210" s="5" t="s">
        <v>1518</v>
      </c>
      <c r="J2210" s="5" t="s">
        <v>1519</v>
      </c>
      <c r="K2210" s="2" t="s">
        <v>1520</v>
      </c>
      <c r="L2210" s="5" t="s">
        <v>1519</v>
      </c>
      <c r="M2210" s="2" t="s">
        <v>1520</v>
      </c>
      <c r="N2210" s="5" t="s">
        <v>1521</v>
      </c>
      <c r="O2210" s="5" t="s">
        <v>38</v>
      </c>
      <c r="P2210" s="5" t="s">
        <v>39</v>
      </c>
      <c r="Q2210" s="5" t="s">
        <v>40</v>
      </c>
      <c r="R2210" s="5" t="s">
        <v>1522</v>
      </c>
      <c r="S2210" s="5" t="s">
        <v>1523</v>
      </c>
      <c r="T2210" s="5" t="s">
        <v>42</v>
      </c>
      <c r="U2210" s="2">
        <v>3.4550000000000001</v>
      </c>
      <c r="V2210" s="2">
        <v>2.95</v>
      </c>
      <c r="W2210" s="2">
        <v>1.7999999999999999E-2</v>
      </c>
      <c r="X2210" s="2">
        <v>139.1</v>
      </c>
      <c r="Y2210" s="2">
        <v>7.6</v>
      </c>
      <c r="Z2210" s="2">
        <v>16.7</v>
      </c>
      <c r="AA2210" s="5"/>
      <c r="AB2210" s="5" t="s">
        <v>43</v>
      </c>
      <c r="AC2210" s="5" t="s">
        <v>44</v>
      </c>
      <c r="AD2210" s="2"/>
      <c r="AE2210" s="1"/>
    </row>
    <row r="2211" spans="1:31" ht="14.45">
      <c r="A2211" s="11"/>
      <c r="B2211" s="20"/>
      <c r="C2211" s="2" t="s">
        <v>7054</v>
      </c>
      <c r="D2211" s="14" t="s">
        <v>7055</v>
      </c>
      <c r="E2211" s="2" t="s">
        <v>7056</v>
      </c>
      <c r="F2211" s="2" t="s">
        <v>2212</v>
      </c>
      <c r="G2211" s="8">
        <v>237</v>
      </c>
      <c r="H2211" s="5">
        <v>13</v>
      </c>
      <c r="I2211" s="5" t="s">
        <v>1518</v>
      </c>
      <c r="J2211" s="5" t="s">
        <v>1519</v>
      </c>
      <c r="K2211" s="2" t="s">
        <v>1520</v>
      </c>
      <c r="L2211" s="5" t="s">
        <v>1519</v>
      </c>
      <c r="M2211" s="2" t="s">
        <v>1520</v>
      </c>
      <c r="N2211" s="5" t="s">
        <v>1521</v>
      </c>
      <c r="O2211" s="5" t="s">
        <v>38</v>
      </c>
      <c r="P2211" s="5" t="s">
        <v>39</v>
      </c>
      <c r="Q2211" s="5" t="s">
        <v>40</v>
      </c>
      <c r="R2211" s="5" t="s">
        <v>1522</v>
      </c>
      <c r="S2211" s="5" t="s">
        <v>1523</v>
      </c>
      <c r="T2211" s="5" t="s">
        <v>42</v>
      </c>
      <c r="U2211" s="2">
        <v>3.5230000000000001</v>
      </c>
      <c r="V2211" s="2">
        <v>3.0179999999999998</v>
      </c>
      <c r="W2211" s="2">
        <v>1.7999999999999999E-2</v>
      </c>
      <c r="X2211" s="2">
        <v>139.1</v>
      </c>
      <c r="Y2211" s="2">
        <v>7.6</v>
      </c>
      <c r="Z2211" s="2">
        <v>16.7</v>
      </c>
      <c r="AA2211" s="5"/>
      <c r="AB2211" s="5" t="s">
        <v>43</v>
      </c>
      <c r="AC2211" s="5" t="s">
        <v>44</v>
      </c>
      <c r="AD2211" s="2"/>
      <c r="AE2211" s="1"/>
    </row>
    <row r="2212" spans="1:31" ht="14.45">
      <c r="A2212" s="11"/>
      <c r="B2212" s="20"/>
      <c r="C2212" s="2" t="s">
        <v>7057</v>
      </c>
      <c r="D2212" s="14" t="s">
        <v>7058</v>
      </c>
      <c r="E2212" s="2" t="s">
        <v>7059</v>
      </c>
      <c r="F2212" s="2" t="s">
        <v>1831</v>
      </c>
      <c r="G2212" s="8">
        <v>237</v>
      </c>
      <c r="H2212" s="5">
        <v>13</v>
      </c>
      <c r="I2212" s="5" t="s">
        <v>1518</v>
      </c>
      <c r="J2212" s="5" t="s">
        <v>1519</v>
      </c>
      <c r="K2212" s="2" t="s">
        <v>1520</v>
      </c>
      <c r="L2212" s="5" t="s">
        <v>1519</v>
      </c>
      <c r="M2212" s="2" t="s">
        <v>1520</v>
      </c>
      <c r="N2212" s="5" t="s">
        <v>1521</v>
      </c>
      <c r="O2212" s="5" t="s">
        <v>38</v>
      </c>
      <c r="P2212" s="5" t="s">
        <v>39</v>
      </c>
      <c r="Q2212" s="5" t="s">
        <v>40</v>
      </c>
      <c r="R2212" s="5" t="s">
        <v>1522</v>
      </c>
      <c r="S2212" s="5" t="s">
        <v>1523</v>
      </c>
      <c r="T2212" s="5" t="s">
        <v>42</v>
      </c>
      <c r="U2212" s="2">
        <v>3.4550000000000001</v>
      </c>
      <c r="V2212" s="2">
        <v>2.95</v>
      </c>
      <c r="W2212" s="2">
        <v>1.7999999999999999E-2</v>
      </c>
      <c r="X2212" s="2">
        <v>139.1</v>
      </c>
      <c r="Y2212" s="2">
        <v>7.6</v>
      </c>
      <c r="Z2212" s="2">
        <v>16.7</v>
      </c>
      <c r="AA2212" s="5"/>
      <c r="AB2212" s="5" t="s">
        <v>43</v>
      </c>
      <c r="AC2212" s="5" t="s">
        <v>44</v>
      </c>
      <c r="AD2212" s="2"/>
      <c r="AE2212" s="1"/>
    </row>
    <row r="2213" spans="1:31" ht="14.45">
      <c r="A2213" s="11"/>
      <c r="B2213" s="20"/>
      <c r="C2213" s="2" t="s">
        <v>7060</v>
      </c>
      <c r="D2213" s="14" t="s">
        <v>7061</v>
      </c>
      <c r="E2213" s="2" t="s">
        <v>7062</v>
      </c>
      <c r="F2213" s="2" t="s">
        <v>1835</v>
      </c>
      <c r="G2213" s="8">
        <v>237</v>
      </c>
      <c r="H2213" s="5">
        <v>13</v>
      </c>
      <c r="I2213" s="5" t="s">
        <v>1518</v>
      </c>
      <c r="J2213" s="5" t="s">
        <v>1519</v>
      </c>
      <c r="K2213" s="2" t="s">
        <v>1520</v>
      </c>
      <c r="L2213" s="5" t="s">
        <v>1519</v>
      </c>
      <c r="M2213" s="2" t="s">
        <v>1520</v>
      </c>
      <c r="N2213" s="5" t="s">
        <v>1521</v>
      </c>
      <c r="O2213" s="5" t="s">
        <v>38</v>
      </c>
      <c r="P2213" s="5" t="s">
        <v>39</v>
      </c>
      <c r="Q2213" s="5" t="s">
        <v>40</v>
      </c>
      <c r="R2213" s="5" t="s">
        <v>1522</v>
      </c>
      <c r="S2213" s="5" t="s">
        <v>1523</v>
      </c>
      <c r="T2213" s="5" t="s">
        <v>42</v>
      </c>
      <c r="U2213" s="2">
        <v>3.5230000000000001</v>
      </c>
      <c r="V2213" s="2">
        <v>3.0179999999999998</v>
      </c>
      <c r="W2213" s="2">
        <v>1.7999999999999999E-2</v>
      </c>
      <c r="X2213" s="2">
        <v>139.1</v>
      </c>
      <c r="Y2213" s="2">
        <v>7.6</v>
      </c>
      <c r="Z2213" s="2">
        <v>16.7</v>
      </c>
      <c r="AA2213" s="5"/>
      <c r="AB2213" s="5" t="s">
        <v>43</v>
      </c>
      <c r="AC2213" s="5" t="s">
        <v>44</v>
      </c>
      <c r="AD2213" s="2"/>
      <c r="AE2213" s="1"/>
    </row>
    <row r="2214" spans="1:31" ht="14.45">
      <c r="A2214" s="11"/>
      <c r="B2214" s="20"/>
      <c r="C2214" s="2" t="s">
        <v>7063</v>
      </c>
      <c r="D2214" s="14" t="s">
        <v>7064</v>
      </c>
      <c r="E2214" s="2" t="s">
        <v>7065</v>
      </c>
      <c r="F2214" s="2" t="s">
        <v>1839</v>
      </c>
      <c r="G2214" s="8">
        <v>237</v>
      </c>
      <c r="H2214" s="5">
        <v>13</v>
      </c>
      <c r="I2214" s="5" t="s">
        <v>1518</v>
      </c>
      <c r="J2214" s="5" t="s">
        <v>1519</v>
      </c>
      <c r="K2214" s="2" t="s">
        <v>1520</v>
      </c>
      <c r="L2214" s="5" t="s">
        <v>1519</v>
      </c>
      <c r="M2214" s="2" t="s">
        <v>1520</v>
      </c>
      <c r="N2214" s="5" t="s">
        <v>1521</v>
      </c>
      <c r="O2214" s="5" t="s">
        <v>38</v>
      </c>
      <c r="P2214" s="5" t="s">
        <v>39</v>
      </c>
      <c r="Q2214" s="5" t="s">
        <v>40</v>
      </c>
      <c r="R2214" s="5" t="s">
        <v>1522</v>
      </c>
      <c r="S2214" s="5" t="s">
        <v>1523</v>
      </c>
      <c r="T2214" s="5" t="s">
        <v>42</v>
      </c>
      <c r="U2214" s="2">
        <v>3.4550000000000001</v>
      </c>
      <c r="V2214" s="2">
        <v>2.95</v>
      </c>
      <c r="W2214" s="2">
        <v>1.7999999999999999E-2</v>
      </c>
      <c r="X2214" s="2">
        <v>139.1</v>
      </c>
      <c r="Y2214" s="2">
        <v>7.6</v>
      </c>
      <c r="Z2214" s="2">
        <v>16.7</v>
      </c>
      <c r="AA2214" s="5"/>
      <c r="AB2214" s="5" t="s">
        <v>43</v>
      </c>
      <c r="AC2214" s="5" t="s">
        <v>44</v>
      </c>
      <c r="AD2214" s="2"/>
      <c r="AE2214" s="1"/>
    </row>
    <row r="2215" spans="1:31" ht="14.45">
      <c r="A2215" s="11"/>
      <c r="B2215" s="20"/>
      <c r="C2215" s="2" t="s">
        <v>7066</v>
      </c>
      <c r="D2215" s="14" t="s">
        <v>7067</v>
      </c>
      <c r="E2215" s="2" t="s">
        <v>7068</v>
      </c>
      <c r="F2215" s="2" t="s">
        <v>1986</v>
      </c>
      <c r="G2215" s="8">
        <v>237</v>
      </c>
      <c r="H2215" s="5">
        <v>13</v>
      </c>
      <c r="I2215" s="5" t="s">
        <v>1518</v>
      </c>
      <c r="J2215" s="5" t="s">
        <v>1519</v>
      </c>
      <c r="K2215" s="2" t="s">
        <v>1520</v>
      </c>
      <c r="L2215" s="5" t="s">
        <v>1519</v>
      </c>
      <c r="M2215" s="2" t="s">
        <v>1520</v>
      </c>
      <c r="N2215" s="5" t="s">
        <v>1521</v>
      </c>
      <c r="O2215" s="5" t="s">
        <v>38</v>
      </c>
      <c r="P2215" s="5" t="s">
        <v>39</v>
      </c>
      <c r="Q2215" s="5" t="s">
        <v>40</v>
      </c>
      <c r="R2215" s="5" t="s">
        <v>1522</v>
      </c>
      <c r="S2215" s="5" t="s">
        <v>1523</v>
      </c>
      <c r="T2215" s="5" t="s">
        <v>42</v>
      </c>
      <c r="U2215" s="2">
        <v>3.5230000000000001</v>
      </c>
      <c r="V2215" s="2">
        <v>3.0179999999999998</v>
      </c>
      <c r="W2215" s="2">
        <v>1.7999999999999999E-2</v>
      </c>
      <c r="X2215" s="2">
        <v>139.1</v>
      </c>
      <c r="Y2215" s="2">
        <v>7.6</v>
      </c>
      <c r="Z2215" s="2">
        <v>16.7</v>
      </c>
      <c r="AA2215" s="5"/>
      <c r="AB2215" s="5" t="s">
        <v>43</v>
      </c>
      <c r="AC2215" s="5" t="s">
        <v>44</v>
      </c>
      <c r="AD2215" s="2"/>
      <c r="AE2215" s="1"/>
    </row>
    <row r="2216" spans="1:31" ht="14.45">
      <c r="A2216" s="11"/>
      <c r="B2216" s="20"/>
      <c r="C2216" s="2" t="s">
        <v>7069</v>
      </c>
      <c r="D2216" s="14" t="s">
        <v>7070</v>
      </c>
      <c r="E2216" s="2" t="s">
        <v>7071</v>
      </c>
      <c r="F2216" s="2" t="s">
        <v>1843</v>
      </c>
      <c r="G2216" s="8">
        <v>237</v>
      </c>
      <c r="H2216" s="5">
        <v>13</v>
      </c>
      <c r="I2216" s="5" t="s">
        <v>1518</v>
      </c>
      <c r="J2216" s="5" t="s">
        <v>1519</v>
      </c>
      <c r="K2216" s="2" t="s">
        <v>1520</v>
      </c>
      <c r="L2216" s="5" t="s">
        <v>1519</v>
      </c>
      <c r="M2216" s="2" t="s">
        <v>1520</v>
      </c>
      <c r="N2216" s="5" t="s">
        <v>1521</v>
      </c>
      <c r="O2216" s="5" t="s">
        <v>38</v>
      </c>
      <c r="P2216" s="5" t="s">
        <v>39</v>
      </c>
      <c r="Q2216" s="5" t="s">
        <v>40</v>
      </c>
      <c r="R2216" s="5" t="s">
        <v>1522</v>
      </c>
      <c r="S2216" s="5" t="s">
        <v>1523</v>
      </c>
      <c r="T2216" s="5" t="s">
        <v>42</v>
      </c>
      <c r="U2216" s="2">
        <v>3.4550000000000001</v>
      </c>
      <c r="V2216" s="2">
        <v>2.95</v>
      </c>
      <c r="W2216" s="2">
        <v>1.7999999999999999E-2</v>
      </c>
      <c r="X2216" s="2">
        <v>139.1</v>
      </c>
      <c r="Y2216" s="2">
        <v>7.6</v>
      </c>
      <c r="Z2216" s="2">
        <v>16.7</v>
      </c>
      <c r="AA2216" s="5"/>
      <c r="AB2216" s="5" t="s">
        <v>43</v>
      </c>
      <c r="AC2216" s="5" t="s">
        <v>44</v>
      </c>
      <c r="AD2216" s="2"/>
      <c r="AE2216" s="1"/>
    </row>
    <row r="2217" spans="1:31" ht="14.45">
      <c r="A2217" s="11"/>
      <c r="B2217" s="20"/>
      <c r="C2217" s="2" t="s">
        <v>7072</v>
      </c>
      <c r="D2217" s="14" t="s">
        <v>7073</v>
      </c>
      <c r="E2217" s="2" t="s">
        <v>7074</v>
      </c>
      <c r="F2217" s="2" t="s">
        <v>1847</v>
      </c>
      <c r="G2217" s="8">
        <v>237</v>
      </c>
      <c r="H2217" s="5">
        <v>13</v>
      </c>
      <c r="I2217" s="5" t="s">
        <v>1518</v>
      </c>
      <c r="J2217" s="5" t="s">
        <v>1519</v>
      </c>
      <c r="K2217" s="2" t="s">
        <v>1520</v>
      </c>
      <c r="L2217" s="5" t="s">
        <v>1519</v>
      </c>
      <c r="M2217" s="2" t="s">
        <v>1520</v>
      </c>
      <c r="N2217" s="5" t="s">
        <v>1521</v>
      </c>
      <c r="O2217" s="5" t="s">
        <v>38</v>
      </c>
      <c r="P2217" s="5" t="s">
        <v>39</v>
      </c>
      <c r="Q2217" s="5" t="s">
        <v>40</v>
      </c>
      <c r="R2217" s="5" t="s">
        <v>1522</v>
      </c>
      <c r="S2217" s="5" t="s">
        <v>1523</v>
      </c>
      <c r="T2217" s="5" t="s">
        <v>42</v>
      </c>
      <c r="U2217" s="2">
        <v>3.5230000000000001</v>
      </c>
      <c r="V2217" s="2">
        <v>3.0179999999999998</v>
      </c>
      <c r="W2217" s="2">
        <v>1.7999999999999999E-2</v>
      </c>
      <c r="X2217" s="2">
        <v>139.1</v>
      </c>
      <c r="Y2217" s="2">
        <v>7.6</v>
      </c>
      <c r="Z2217" s="2">
        <v>16.7</v>
      </c>
      <c r="AA2217" s="5"/>
      <c r="AB2217" s="5" t="s">
        <v>43</v>
      </c>
      <c r="AC2217" s="5" t="s">
        <v>44</v>
      </c>
      <c r="AD2217" s="2"/>
      <c r="AE2217" s="1"/>
    </row>
    <row r="2218" spans="1:31" ht="14.45">
      <c r="A2218" s="11"/>
      <c r="B2218" s="20"/>
      <c r="C2218" s="2" t="s">
        <v>7075</v>
      </c>
      <c r="D2218" s="14" t="s">
        <v>7076</v>
      </c>
      <c r="E2218" s="2" t="s">
        <v>7077</v>
      </c>
      <c r="F2218" s="2" t="s">
        <v>1851</v>
      </c>
      <c r="G2218" s="8">
        <v>237</v>
      </c>
      <c r="H2218" s="5">
        <v>13</v>
      </c>
      <c r="I2218" s="5" t="s">
        <v>1518</v>
      </c>
      <c r="J2218" s="5" t="s">
        <v>1519</v>
      </c>
      <c r="K2218" s="2" t="s">
        <v>1520</v>
      </c>
      <c r="L2218" s="5" t="s">
        <v>1519</v>
      </c>
      <c r="M2218" s="2" t="s">
        <v>1520</v>
      </c>
      <c r="N2218" s="5" t="s">
        <v>1521</v>
      </c>
      <c r="O2218" s="5" t="s">
        <v>38</v>
      </c>
      <c r="P2218" s="5" t="s">
        <v>39</v>
      </c>
      <c r="Q2218" s="5" t="s">
        <v>40</v>
      </c>
      <c r="R2218" s="5" t="s">
        <v>1522</v>
      </c>
      <c r="S2218" s="5" t="s">
        <v>1523</v>
      </c>
      <c r="T2218" s="5" t="s">
        <v>42</v>
      </c>
      <c r="U2218" s="2">
        <v>3.4550000000000001</v>
      </c>
      <c r="V2218" s="2">
        <v>2.95</v>
      </c>
      <c r="W2218" s="2">
        <v>1.7999999999999999E-2</v>
      </c>
      <c r="X2218" s="2">
        <v>139.1</v>
      </c>
      <c r="Y2218" s="2">
        <v>7.6</v>
      </c>
      <c r="Z2218" s="2">
        <v>16.7</v>
      </c>
      <c r="AA2218" s="5"/>
      <c r="AB2218" s="5" t="s">
        <v>43</v>
      </c>
      <c r="AC2218" s="5" t="s">
        <v>44</v>
      </c>
      <c r="AD2218" s="2"/>
      <c r="AE2218" s="1"/>
    </row>
    <row r="2219" spans="1:31" ht="14.45">
      <c r="A2219" s="11"/>
      <c r="B2219" s="20"/>
      <c r="C2219" s="2" t="s">
        <v>7078</v>
      </c>
      <c r="D2219" s="14" t="s">
        <v>7079</v>
      </c>
      <c r="E2219" s="2" t="s">
        <v>7080</v>
      </c>
      <c r="F2219" s="2" t="s">
        <v>1999</v>
      </c>
      <c r="G2219" s="8">
        <v>237</v>
      </c>
      <c r="H2219" s="5">
        <v>13</v>
      </c>
      <c r="I2219" s="5" t="s">
        <v>1518</v>
      </c>
      <c r="J2219" s="5" t="s">
        <v>1519</v>
      </c>
      <c r="K2219" s="2" t="s">
        <v>1520</v>
      </c>
      <c r="L2219" s="5" t="s">
        <v>1519</v>
      </c>
      <c r="M2219" s="2" t="s">
        <v>1520</v>
      </c>
      <c r="N2219" s="5" t="s">
        <v>1521</v>
      </c>
      <c r="O2219" s="5" t="s">
        <v>38</v>
      </c>
      <c r="P2219" s="5" t="s">
        <v>39</v>
      </c>
      <c r="Q2219" s="5" t="s">
        <v>40</v>
      </c>
      <c r="R2219" s="5" t="s">
        <v>1522</v>
      </c>
      <c r="S2219" s="5" t="s">
        <v>1523</v>
      </c>
      <c r="T2219" s="5" t="s">
        <v>42</v>
      </c>
      <c r="U2219" s="2">
        <v>3.5230000000000001</v>
      </c>
      <c r="V2219" s="2">
        <v>3.0179999999999998</v>
      </c>
      <c r="W2219" s="2">
        <v>1.7999999999999999E-2</v>
      </c>
      <c r="X2219" s="2">
        <v>139.1</v>
      </c>
      <c r="Y2219" s="2">
        <v>7.6</v>
      </c>
      <c r="Z2219" s="2">
        <v>16.7</v>
      </c>
      <c r="AA2219" s="5"/>
      <c r="AB2219" s="5" t="s">
        <v>43</v>
      </c>
      <c r="AC2219" s="5" t="s">
        <v>44</v>
      </c>
      <c r="AD2219" s="2"/>
      <c r="AE2219" s="1"/>
    </row>
    <row r="2220" spans="1:31" ht="14.45">
      <c r="A2220" s="11"/>
      <c r="B2220" s="20"/>
      <c r="C2220" s="2" t="s">
        <v>7081</v>
      </c>
      <c r="D2220" s="14" t="s">
        <v>7082</v>
      </c>
      <c r="E2220" s="2" t="s">
        <v>7083</v>
      </c>
      <c r="F2220" s="2" t="s">
        <v>1855</v>
      </c>
      <c r="G2220" s="8">
        <v>237</v>
      </c>
      <c r="H2220" s="5">
        <v>13</v>
      </c>
      <c r="I2220" s="5" t="s">
        <v>1518</v>
      </c>
      <c r="J2220" s="5" t="s">
        <v>1519</v>
      </c>
      <c r="K2220" s="2" t="s">
        <v>1520</v>
      </c>
      <c r="L2220" s="5" t="s">
        <v>1519</v>
      </c>
      <c r="M2220" s="2" t="s">
        <v>1520</v>
      </c>
      <c r="N2220" s="5" t="s">
        <v>1521</v>
      </c>
      <c r="O2220" s="5" t="s">
        <v>38</v>
      </c>
      <c r="P2220" s="5" t="s">
        <v>39</v>
      </c>
      <c r="Q2220" s="5" t="s">
        <v>40</v>
      </c>
      <c r="R2220" s="5" t="s">
        <v>1522</v>
      </c>
      <c r="S2220" s="5" t="s">
        <v>1523</v>
      </c>
      <c r="T2220" s="5" t="s">
        <v>42</v>
      </c>
      <c r="U2220" s="2">
        <v>3.4550000000000001</v>
      </c>
      <c r="V2220" s="2">
        <v>2.95</v>
      </c>
      <c r="W2220" s="2">
        <v>1.7999999999999999E-2</v>
      </c>
      <c r="X2220" s="2">
        <v>139.1</v>
      </c>
      <c r="Y2220" s="2">
        <v>7.6</v>
      </c>
      <c r="Z2220" s="2">
        <v>16.7</v>
      </c>
      <c r="AA2220" s="5"/>
      <c r="AB2220" s="5" t="s">
        <v>43</v>
      </c>
      <c r="AC2220" s="5" t="s">
        <v>44</v>
      </c>
      <c r="AD2220" s="2"/>
      <c r="AE2220" s="1"/>
    </row>
    <row r="2221" spans="1:31" ht="14.45">
      <c r="A2221" s="11"/>
      <c r="B2221" s="20"/>
      <c r="C2221" s="2" t="s">
        <v>7084</v>
      </c>
      <c r="D2221" s="14" t="s">
        <v>7085</v>
      </c>
      <c r="E2221" s="2" t="s">
        <v>7086</v>
      </c>
      <c r="F2221" s="2" t="s">
        <v>1859</v>
      </c>
      <c r="G2221" s="8">
        <v>237</v>
      </c>
      <c r="H2221" s="5">
        <v>13</v>
      </c>
      <c r="I2221" s="5" t="s">
        <v>1518</v>
      </c>
      <c r="J2221" s="5" t="s">
        <v>1519</v>
      </c>
      <c r="K2221" s="2" t="s">
        <v>1520</v>
      </c>
      <c r="L2221" s="5" t="s">
        <v>1519</v>
      </c>
      <c r="M2221" s="2" t="s">
        <v>1520</v>
      </c>
      <c r="N2221" s="5" t="s">
        <v>1521</v>
      </c>
      <c r="O2221" s="5" t="s">
        <v>38</v>
      </c>
      <c r="P2221" s="5" t="s">
        <v>39</v>
      </c>
      <c r="Q2221" s="5" t="s">
        <v>40</v>
      </c>
      <c r="R2221" s="5" t="s">
        <v>1522</v>
      </c>
      <c r="S2221" s="5" t="s">
        <v>1523</v>
      </c>
      <c r="T2221" s="5" t="s">
        <v>42</v>
      </c>
      <c r="U2221" s="2">
        <v>3.5230000000000001</v>
      </c>
      <c r="V2221" s="2">
        <v>3.0179999999999998</v>
      </c>
      <c r="W2221" s="2">
        <v>1.7999999999999999E-2</v>
      </c>
      <c r="X2221" s="2">
        <v>139.1</v>
      </c>
      <c r="Y2221" s="2">
        <v>7.6</v>
      </c>
      <c r="Z2221" s="2">
        <v>16.7</v>
      </c>
      <c r="AA2221" s="5"/>
      <c r="AB2221" s="5" t="s">
        <v>43</v>
      </c>
      <c r="AC2221" s="5" t="s">
        <v>44</v>
      </c>
      <c r="AD2221" s="2"/>
      <c r="AE2221" s="1"/>
    </row>
    <row r="2222" spans="1:31" ht="14.45">
      <c r="A2222" s="11"/>
      <c r="B2222" s="20"/>
      <c r="C2222" s="2" t="s">
        <v>7087</v>
      </c>
      <c r="D2222" s="14" t="s">
        <v>7088</v>
      </c>
      <c r="E2222" s="2" t="s">
        <v>7089</v>
      </c>
      <c r="F2222" s="2" t="s">
        <v>1863</v>
      </c>
      <c r="G2222" s="8">
        <v>237</v>
      </c>
      <c r="H2222" s="5">
        <v>11</v>
      </c>
      <c r="I2222" s="5" t="s">
        <v>1518</v>
      </c>
      <c r="J2222" s="5" t="s">
        <v>1519</v>
      </c>
      <c r="K2222" s="2" t="s">
        <v>1520</v>
      </c>
      <c r="L2222" s="5" t="s">
        <v>1519</v>
      </c>
      <c r="M2222" s="2" t="s">
        <v>1520</v>
      </c>
      <c r="N2222" s="5" t="s">
        <v>1521</v>
      </c>
      <c r="O2222" s="5" t="s">
        <v>38</v>
      </c>
      <c r="P2222" s="5" t="s">
        <v>39</v>
      </c>
      <c r="Q2222" s="5" t="s">
        <v>40</v>
      </c>
      <c r="R2222" s="5" t="s">
        <v>1522</v>
      </c>
      <c r="S2222" s="5" t="s">
        <v>1523</v>
      </c>
      <c r="T2222" s="5" t="s">
        <v>42</v>
      </c>
      <c r="U2222" s="2">
        <v>3.3780000000000001</v>
      </c>
      <c r="V2222" s="2">
        <v>2.8730000000000002</v>
      </c>
      <c r="W2222" s="2">
        <v>1.7999999999999999E-2</v>
      </c>
      <c r="X2222" s="2">
        <v>139.1</v>
      </c>
      <c r="Y2222" s="2">
        <v>7.6</v>
      </c>
      <c r="Z2222" s="2">
        <v>16.7</v>
      </c>
      <c r="AA2222" s="5"/>
      <c r="AB2222" s="5" t="s">
        <v>43</v>
      </c>
      <c r="AC2222" s="5" t="s">
        <v>44</v>
      </c>
      <c r="AD2222" s="2"/>
      <c r="AE2222" s="1"/>
    </row>
    <row r="2223" spans="1:31" ht="14.45">
      <c r="A2223" s="11"/>
      <c r="B2223" s="20"/>
      <c r="C2223" s="2" t="s">
        <v>7090</v>
      </c>
      <c r="D2223" s="14" t="s">
        <v>7091</v>
      </c>
      <c r="E2223" s="2" t="s">
        <v>7092</v>
      </c>
      <c r="F2223" s="2" t="s">
        <v>1867</v>
      </c>
      <c r="G2223" s="8">
        <v>237</v>
      </c>
      <c r="H2223" s="5">
        <v>11</v>
      </c>
      <c r="I2223" s="5" t="s">
        <v>1518</v>
      </c>
      <c r="J2223" s="5" t="s">
        <v>1519</v>
      </c>
      <c r="K2223" s="2" t="s">
        <v>1520</v>
      </c>
      <c r="L2223" s="5" t="s">
        <v>1519</v>
      </c>
      <c r="M2223" s="2" t="s">
        <v>1520</v>
      </c>
      <c r="N2223" s="5" t="s">
        <v>1521</v>
      </c>
      <c r="O2223" s="5" t="s">
        <v>38</v>
      </c>
      <c r="P2223" s="5" t="s">
        <v>39</v>
      </c>
      <c r="Q2223" s="5" t="s">
        <v>40</v>
      </c>
      <c r="R2223" s="5" t="s">
        <v>1522</v>
      </c>
      <c r="S2223" s="5" t="s">
        <v>1523</v>
      </c>
      <c r="T2223" s="5" t="s">
        <v>42</v>
      </c>
      <c r="U2223" s="2">
        <v>3.4460000000000002</v>
      </c>
      <c r="V2223" s="2">
        <v>2.9409999999999998</v>
      </c>
      <c r="W2223" s="2">
        <v>1.7999999999999999E-2</v>
      </c>
      <c r="X2223" s="2">
        <v>139.1</v>
      </c>
      <c r="Y2223" s="2">
        <v>7.6</v>
      </c>
      <c r="Z2223" s="2">
        <v>16.7</v>
      </c>
      <c r="AA2223" s="5"/>
      <c r="AB2223" s="5" t="s">
        <v>43</v>
      </c>
      <c r="AC2223" s="5" t="s">
        <v>44</v>
      </c>
      <c r="AD2223" s="2"/>
      <c r="AE2223" s="1"/>
    </row>
    <row r="2224" spans="1:31" ht="14.45">
      <c r="A2224" s="11"/>
      <c r="B2224" s="20"/>
      <c r="C2224" s="2" t="s">
        <v>7093</v>
      </c>
      <c r="D2224" s="14" t="s">
        <v>7094</v>
      </c>
      <c r="E2224" s="2" t="s">
        <v>7095</v>
      </c>
      <c r="F2224" s="2" t="s">
        <v>1695</v>
      </c>
      <c r="G2224" s="8">
        <v>228</v>
      </c>
      <c r="H2224" s="5">
        <v>6</v>
      </c>
      <c r="I2224" s="5" t="s">
        <v>1518</v>
      </c>
      <c r="J2224" s="5" t="s">
        <v>1519</v>
      </c>
      <c r="K2224" s="2" t="s">
        <v>1520</v>
      </c>
      <c r="L2224" s="5" t="s">
        <v>1519</v>
      </c>
      <c r="M2224" s="2" t="s">
        <v>1520</v>
      </c>
      <c r="N2224" s="5" t="s">
        <v>1521</v>
      </c>
      <c r="O2224" s="5" t="s">
        <v>38</v>
      </c>
      <c r="P2224" s="5" t="s">
        <v>39</v>
      </c>
      <c r="Q2224" s="5" t="s">
        <v>40</v>
      </c>
      <c r="R2224" s="5" t="s">
        <v>1522</v>
      </c>
      <c r="S2224" s="5" t="s">
        <v>1523</v>
      </c>
      <c r="T2224" s="5" t="s">
        <v>42</v>
      </c>
      <c r="U2224" s="2">
        <v>3.66</v>
      </c>
      <c r="V2224" s="2">
        <v>3.0720000000000001</v>
      </c>
      <c r="W2224" s="2">
        <v>0.02</v>
      </c>
      <c r="X2224" s="2">
        <v>159.1</v>
      </c>
      <c r="Y2224" s="2">
        <v>7.6</v>
      </c>
      <c r="Z2224" s="2">
        <v>16.7</v>
      </c>
      <c r="AA2224" s="5"/>
      <c r="AB2224" s="5" t="s">
        <v>43</v>
      </c>
      <c r="AC2224" s="5" t="s">
        <v>44</v>
      </c>
      <c r="AD2224" s="2"/>
      <c r="AE2224" s="1"/>
    </row>
    <row r="2225" spans="1:31" ht="14.45">
      <c r="A2225" s="11"/>
      <c r="B2225" s="20"/>
      <c r="C2225" s="2" t="s">
        <v>7096</v>
      </c>
      <c r="D2225" s="14" t="s">
        <v>7097</v>
      </c>
      <c r="E2225" s="2" t="s">
        <v>7098</v>
      </c>
      <c r="F2225" s="2" t="s">
        <v>1699</v>
      </c>
      <c r="G2225" s="8">
        <v>228</v>
      </c>
      <c r="H2225" s="5">
        <v>6</v>
      </c>
      <c r="I2225" s="5" t="s">
        <v>1518</v>
      </c>
      <c r="J2225" s="5" t="s">
        <v>1519</v>
      </c>
      <c r="K2225" s="2" t="s">
        <v>1520</v>
      </c>
      <c r="L2225" s="5" t="s">
        <v>1519</v>
      </c>
      <c r="M2225" s="2" t="s">
        <v>1520</v>
      </c>
      <c r="N2225" s="5" t="s">
        <v>1521</v>
      </c>
      <c r="O2225" s="5" t="s">
        <v>38</v>
      </c>
      <c r="P2225" s="5" t="s">
        <v>39</v>
      </c>
      <c r="Q2225" s="5" t="s">
        <v>40</v>
      </c>
      <c r="R2225" s="5" t="s">
        <v>1522</v>
      </c>
      <c r="S2225" s="5" t="s">
        <v>1523</v>
      </c>
      <c r="T2225" s="5" t="s">
        <v>42</v>
      </c>
      <c r="U2225" s="2">
        <v>3.7320000000000002</v>
      </c>
      <c r="V2225" s="2">
        <v>3.1440000000000001</v>
      </c>
      <c r="W2225" s="2">
        <v>0.02</v>
      </c>
      <c r="X2225" s="2">
        <v>159.1</v>
      </c>
      <c r="Y2225" s="2">
        <v>7.6</v>
      </c>
      <c r="Z2225" s="2">
        <v>16.7</v>
      </c>
      <c r="AA2225" s="5"/>
      <c r="AB2225" s="5" t="s">
        <v>43</v>
      </c>
      <c r="AC2225" s="5" t="s">
        <v>44</v>
      </c>
      <c r="AD2225" s="2"/>
      <c r="AE2225" s="1"/>
    </row>
    <row r="2226" spans="1:31" ht="14.45">
      <c r="A2226" s="11"/>
      <c r="B2226" s="20"/>
      <c r="C2226" s="2" t="s">
        <v>7099</v>
      </c>
      <c r="D2226" s="14" t="s">
        <v>7100</v>
      </c>
      <c r="E2226" s="2" t="s">
        <v>7101</v>
      </c>
      <c r="F2226" s="2" t="s">
        <v>1703</v>
      </c>
      <c r="G2226" s="8">
        <v>228</v>
      </c>
      <c r="H2226" s="5">
        <v>6</v>
      </c>
      <c r="I2226" s="5" t="s">
        <v>1518</v>
      </c>
      <c r="J2226" s="5" t="s">
        <v>1519</v>
      </c>
      <c r="K2226" s="2" t="s">
        <v>1520</v>
      </c>
      <c r="L2226" s="5" t="s">
        <v>1519</v>
      </c>
      <c r="M2226" s="2" t="s">
        <v>1520</v>
      </c>
      <c r="N2226" s="5" t="s">
        <v>1521</v>
      </c>
      <c r="O2226" s="5" t="s">
        <v>38</v>
      </c>
      <c r="P2226" s="5" t="s">
        <v>39</v>
      </c>
      <c r="Q2226" s="5" t="s">
        <v>40</v>
      </c>
      <c r="R2226" s="5" t="s">
        <v>1522</v>
      </c>
      <c r="S2226" s="5" t="s">
        <v>1523</v>
      </c>
      <c r="T2226" s="5" t="s">
        <v>42</v>
      </c>
      <c r="U2226" s="2">
        <v>3.677</v>
      </c>
      <c r="V2226" s="2">
        <v>3.089</v>
      </c>
      <c r="W2226" s="2">
        <v>0.02</v>
      </c>
      <c r="X2226" s="2">
        <v>159.1</v>
      </c>
      <c r="Y2226" s="2">
        <v>7.6</v>
      </c>
      <c r="Z2226" s="2">
        <v>16.7</v>
      </c>
      <c r="AA2226" s="5"/>
      <c r="AB2226" s="5" t="s">
        <v>43</v>
      </c>
      <c r="AC2226" s="5" t="s">
        <v>44</v>
      </c>
      <c r="AD2226" s="2"/>
      <c r="AE2226" s="1"/>
    </row>
    <row r="2227" spans="1:31" ht="14.45">
      <c r="A2227" s="11"/>
      <c r="B2227" s="20"/>
      <c r="C2227" s="2" t="s">
        <v>7102</v>
      </c>
      <c r="D2227" s="14" t="s">
        <v>7103</v>
      </c>
      <c r="E2227" s="2" t="s">
        <v>7104</v>
      </c>
      <c r="F2227" s="2" t="s">
        <v>1707</v>
      </c>
      <c r="G2227" s="8">
        <v>228</v>
      </c>
      <c r="H2227" s="5">
        <v>6</v>
      </c>
      <c r="I2227" s="5" t="s">
        <v>1518</v>
      </c>
      <c r="J2227" s="5" t="s">
        <v>1519</v>
      </c>
      <c r="K2227" s="2" t="s">
        <v>1520</v>
      </c>
      <c r="L2227" s="5" t="s">
        <v>1519</v>
      </c>
      <c r="M2227" s="2" t="s">
        <v>1520</v>
      </c>
      <c r="N2227" s="5" t="s">
        <v>1521</v>
      </c>
      <c r="O2227" s="5" t="s">
        <v>38</v>
      </c>
      <c r="P2227" s="5" t="s">
        <v>39</v>
      </c>
      <c r="Q2227" s="5" t="s">
        <v>40</v>
      </c>
      <c r="R2227" s="5" t="s">
        <v>1522</v>
      </c>
      <c r="S2227" s="5" t="s">
        <v>1523</v>
      </c>
      <c r="T2227" s="5" t="s">
        <v>42</v>
      </c>
      <c r="U2227" s="2">
        <v>3.7490000000000001</v>
      </c>
      <c r="V2227" s="2">
        <v>3.161</v>
      </c>
      <c r="W2227" s="2">
        <v>0.02</v>
      </c>
      <c r="X2227" s="2">
        <v>159.1</v>
      </c>
      <c r="Y2227" s="2">
        <v>7.6</v>
      </c>
      <c r="Z2227" s="2">
        <v>16.7</v>
      </c>
      <c r="AA2227" s="5"/>
      <c r="AB2227" s="5" t="s">
        <v>43</v>
      </c>
      <c r="AC2227" s="5" t="s">
        <v>44</v>
      </c>
      <c r="AD2227" s="2"/>
      <c r="AE2227" s="1"/>
    </row>
    <row r="2228" spans="1:31" ht="14.45">
      <c r="A2228" s="11"/>
      <c r="B2228" s="20"/>
      <c r="C2228" s="2" t="s">
        <v>7105</v>
      </c>
      <c r="D2228" s="14" t="s">
        <v>7106</v>
      </c>
      <c r="E2228" s="2" t="s">
        <v>7107</v>
      </c>
      <c r="F2228" s="2" t="s">
        <v>1711</v>
      </c>
      <c r="G2228" s="8">
        <v>228</v>
      </c>
      <c r="H2228" s="5">
        <v>6</v>
      </c>
      <c r="I2228" s="5" t="s">
        <v>1518</v>
      </c>
      <c r="J2228" s="5" t="s">
        <v>1519</v>
      </c>
      <c r="K2228" s="2" t="s">
        <v>1520</v>
      </c>
      <c r="L2228" s="5" t="s">
        <v>1519</v>
      </c>
      <c r="M2228" s="2" t="s">
        <v>1520</v>
      </c>
      <c r="N2228" s="5" t="s">
        <v>1521</v>
      </c>
      <c r="O2228" s="5" t="s">
        <v>38</v>
      </c>
      <c r="P2228" s="5" t="s">
        <v>39</v>
      </c>
      <c r="Q2228" s="5" t="s">
        <v>40</v>
      </c>
      <c r="R2228" s="5" t="s">
        <v>1522</v>
      </c>
      <c r="S2228" s="5" t="s">
        <v>1523</v>
      </c>
      <c r="T2228" s="5" t="s">
        <v>42</v>
      </c>
      <c r="U2228" s="2">
        <v>3.677</v>
      </c>
      <c r="V2228" s="2">
        <v>3.089</v>
      </c>
      <c r="W2228" s="2">
        <v>0.02</v>
      </c>
      <c r="X2228" s="2">
        <v>159.1</v>
      </c>
      <c r="Y2228" s="2">
        <v>7.6</v>
      </c>
      <c r="Z2228" s="2">
        <v>16.7</v>
      </c>
      <c r="AA2228" s="5"/>
      <c r="AB2228" s="5" t="s">
        <v>43</v>
      </c>
      <c r="AC2228" s="5" t="s">
        <v>44</v>
      </c>
      <c r="AD2228" s="2"/>
      <c r="AE2228" s="1"/>
    </row>
    <row r="2229" spans="1:31" ht="14.45">
      <c r="A2229" s="11"/>
      <c r="B2229" s="20"/>
      <c r="C2229" s="2" t="s">
        <v>7108</v>
      </c>
      <c r="D2229" s="14" t="s">
        <v>7109</v>
      </c>
      <c r="E2229" s="2" t="s">
        <v>7110</v>
      </c>
      <c r="F2229" s="2" t="s">
        <v>1715</v>
      </c>
      <c r="G2229" s="8">
        <v>228</v>
      </c>
      <c r="H2229" s="5">
        <v>6</v>
      </c>
      <c r="I2229" s="5" t="s">
        <v>1518</v>
      </c>
      <c r="J2229" s="5" t="s">
        <v>1519</v>
      </c>
      <c r="K2229" s="2" t="s">
        <v>1520</v>
      </c>
      <c r="L2229" s="5" t="s">
        <v>1519</v>
      </c>
      <c r="M2229" s="2" t="s">
        <v>1520</v>
      </c>
      <c r="N2229" s="5" t="s">
        <v>1521</v>
      </c>
      <c r="O2229" s="5" t="s">
        <v>38</v>
      </c>
      <c r="P2229" s="5" t="s">
        <v>39</v>
      </c>
      <c r="Q2229" s="5" t="s">
        <v>40</v>
      </c>
      <c r="R2229" s="5" t="s">
        <v>1522</v>
      </c>
      <c r="S2229" s="5" t="s">
        <v>1523</v>
      </c>
      <c r="T2229" s="5" t="s">
        <v>42</v>
      </c>
      <c r="U2229" s="2">
        <v>3.7490000000000001</v>
      </c>
      <c r="V2229" s="2">
        <v>3.161</v>
      </c>
      <c r="W2229" s="2">
        <v>0.02</v>
      </c>
      <c r="X2229" s="2">
        <v>159.1</v>
      </c>
      <c r="Y2229" s="2">
        <v>7.6</v>
      </c>
      <c r="Z2229" s="2">
        <v>16.7</v>
      </c>
      <c r="AA2229" s="5"/>
      <c r="AB2229" s="5" t="s">
        <v>43</v>
      </c>
      <c r="AC2229" s="5" t="s">
        <v>44</v>
      </c>
      <c r="AD2229" s="2"/>
      <c r="AE2229" s="1"/>
    </row>
    <row r="2230" spans="1:31" ht="14.45">
      <c r="A2230" s="11"/>
      <c r="B2230" s="20"/>
      <c r="C2230" s="2" t="s">
        <v>7111</v>
      </c>
      <c r="D2230" s="14" t="s">
        <v>7112</v>
      </c>
      <c r="E2230" s="2" t="s">
        <v>7113</v>
      </c>
      <c r="F2230" s="2" t="s">
        <v>1719</v>
      </c>
      <c r="G2230" s="8">
        <v>228</v>
      </c>
      <c r="H2230" s="5">
        <v>6</v>
      </c>
      <c r="I2230" s="5" t="s">
        <v>1518</v>
      </c>
      <c r="J2230" s="5" t="s">
        <v>1519</v>
      </c>
      <c r="K2230" s="2" t="s">
        <v>1520</v>
      </c>
      <c r="L2230" s="5" t="s">
        <v>1519</v>
      </c>
      <c r="M2230" s="2" t="s">
        <v>1520</v>
      </c>
      <c r="N2230" s="5" t="s">
        <v>1521</v>
      </c>
      <c r="O2230" s="5" t="s">
        <v>38</v>
      </c>
      <c r="P2230" s="5" t="s">
        <v>39</v>
      </c>
      <c r="Q2230" s="5" t="s">
        <v>40</v>
      </c>
      <c r="R2230" s="5" t="s">
        <v>1522</v>
      </c>
      <c r="S2230" s="5" t="s">
        <v>1523</v>
      </c>
      <c r="T2230" s="5" t="s">
        <v>42</v>
      </c>
      <c r="U2230" s="2">
        <v>3.625</v>
      </c>
      <c r="V2230" s="2">
        <v>3.0369999999999999</v>
      </c>
      <c r="W2230" s="2">
        <v>0.02</v>
      </c>
      <c r="X2230" s="2">
        <v>159.1</v>
      </c>
      <c r="Y2230" s="2">
        <v>7.6</v>
      </c>
      <c r="Z2230" s="2">
        <v>16.7</v>
      </c>
      <c r="AA2230" s="5"/>
      <c r="AB2230" s="5" t="s">
        <v>43</v>
      </c>
      <c r="AC2230" s="5" t="s">
        <v>44</v>
      </c>
      <c r="AD2230" s="2"/>
      <c r="AE2230" s="1"/>
    </row>
    <row r="2231" spans="1:31" ht="14.45">
      <c r="A2231" s="11"/>
      <c r="B2231" s="20"/>
      <c r="C2231" s="2" t="s">
        <v>7114</v>
      </c>
      <c r="D2231" s="14" t="s">
        <v>7115</v>
      </c>
      <c r="E2231" s="2" t="s">
        <v>7116</v>
      </c>
      <c r="F2231" s="2" t="s">
        <v>1723</v>
      </c>
      <c r="G2231" s="8">
        <v>228</v>
      </c>
      <c r="H2231" s="5">
        <v>6</v>
      </c>
      <c r="I2231" s="5" t="s">
        <v>1518</v>
      </c>
      <c r="J2231" s="5" t="s">
        <v>1519</v>
      </c>
      <c r="K2231" s="2" t="s">
        <v>1520</v>
      </c>
      <c r="L2231" s="5" t="s">
        <v>1519</v>
      </c>
      <c r="M2231" s="2" t="s">
        <v>1520</v>
      </c>
      <c r="N2231" s="5" t="s">
        <v>1521</v>
      </c>
      <c r="O2231" s="5" t="s">
        <v>38</v>
      </c>
      <c r="P2231" s="5" t="s">
        <v>39</v>
      </c>
      <c r="Q2231" s="5" t="s">
        <v>40</v>
      </c>
      <c r="R2231" s="5" t="s">
        <v>1522</v>
      </c>
      <c r="S2231" s="5" t="s">
        <v>1523</v>
      </c>
      <c r="T2231" s="5" t="s">
        <v>42</v>
      </c>
      <c r="U2231" s="2">
        <v>3.6970000000000001</v>
      </c>
      <c r="V2231" s="2">
        <v>3.109</v>
      </c>
      <c r="W2231" s="2">
        <v>0.02</v>
      </c>
      <c r="X2231" s="2">
        <v>159.1</v>
      </c>
      <c r="Y2231" s="2">
        <v>7.6</v>
      </c>
      <c r="Z2231" s="2">
        <v>16.7</v>
      </c>
      <c r="AA2231" s="5"/>
      <c r="AB2231" s="5" t="s">
        <v>43</v>
      </c>
      <c r="AC2231" s="5" t="s">
        <v>44</v>
      </c>
      <c r="AD2231" s="2"/>
      <c r="AE2231" s="1"/>
    </row>
    <row r="2232" spans="1:31" ht="14.45">
      <c r="A2232" s="11"/>
      <c r="B2232" s="20"/>
      <c r="C2232" s="2" t="s">
        <v>7117</v>
      </c>
      <c r="D2232" s="14" t="s">
        <v>7118</v>
      </c>
      <c r="E2232" s="2" t="s">
        <v>7119</v>
      </c>
      <c r="F2232" s="2" t="s">
        <v>1727</v>
      </c>
      <c r="G2232" s="8">
        <v>262</v>
      </c>
      <c r="H2232" s="5">
        <v>6</v>
      </c>
      <c r="I2232" s="5" t="s">
        <v>1518</v>
      </c>
      <c r="J2232" s="5" t="s">
        <v>1519</v>
      </c>
      <c r="K2232" s="2" t="s">
        <v>1520</v>
      </c>
      <c r="L2232" s="5" t="s">
        <v>1519</v>
      </c>
      <c r="M2232" s="2" t="s">
        <v>1520</v>
      </c>
      <c r="N2232" s="5" t="s">
        <v>1521</v>
      </c>
      <c r="O2232" s="5" t="s">
        <v>38</v>
      </c>
      <c r="P2232" s="5" t="s">
        <v>39</v>
      </c>
      <c r="Q2232" s="5" t="s">
        <v>40</v>
      </c>
      <c r="R2232" s="5" t="s">
        <v>1522</v>
      </c>
      <c r="S2232" s="5" t="s">
        <v>1523</v>
      </c>
      <c r="T2232" s="5" t="s">
        <v>42</v>
      </c>
      <c r="U2232" s="2">
        <v>3.625</v>
      </c>
      <c r="V2232" s="2">
        <v>3.0369999999999999</v>
      </c>
      <c r="W2232" s="2">
        <v>0.02</v>
      </c>
      <c r="X2232" s="2">
        <v>159.1</v>
      </c>
      <c r="Y2232" s="2">
        <v>7.6</v>
      </c>
      <c r="Z2232" s="2">
        <v>16.7</v>
      </c>
      <c r="AA2232" s="5"/>
      <c r="AB2232" s="5" t="s">
        <v>43</v>
      </c>
      <c r="AC2232" s="5" t="s">
        <v>44</v>
      </c>
      <c r="AD2232" s="2"/>
      <c r="AE2232" s="1"/>
    </row>
    <row r="2233" spans="1:31" ht="14.45">
      <c r="A2233" s="11"/>
      <c r="B2233" s="20"/>
      <c r="C2233" s="2" t="s">
        <v>7120</v>
      </c>
      <c r="D2233" s="14" t="s">
        <v>7121</v>
      </c>
      <c r="E2233" s="2" t="s">
        <v>7122</v>
      </c>
      <c r="F2233" s="2" t="s">
        <v>1731</v>
      </c>
      <c r="G2233" s="8">
        <v>262</v>
      </c>
      <c r="H2233" s="5">
        <v>6</v>
      </c>
      <c r="I2233" s="5" t="s">
        <v>1518</v>
      </c>
      <c r="J2233" s="5" t="s">
        <v>1519</v>
      </c>
      <c r="K2233" s="2" t="s">
        <v>1520</v>
      </c>
      <c r="L2233" s="5" t="s">
        <v>1519</v>
      </c>
      <c r="M2233" s="2" t="s">
        <v>1520</v>
      </c>
      <c r="N2233" s="5" t="s">
        <v>1521</v>
      </c>
      <c r="O2233" s="5" t="s">
        <v>38</v>
      </c>
      <c r="P2233" s="5" t="s">
        <v>39</v>
      </c>
      <c r="Q2233" s="5" t="s">
        <v>40</v>
      </c>
      <c r="R2233" s="5" t="s">
        <v>1522</v>
      </c>
      <c r="S2233" s="5" t="s">
        <v>1523</v>
      </c>
      <c r="T2233" s="5" t="s">
        <v>42</v>
      </c>
      <c r="U2233" s="2">
        <v>3.6970000000000001</v>
      </c>
      <c r="V2233" s="2">
        <v>3.109</v>
      </c>
      <c r="W2233" s="2">
        <v>0.02</v>
      </c>
      <c r="X2233" s="2">
        <v>159.1</v>
      </c>
      <c r="Y2233" s="2">
        <v>7.6</v>
      </c>
      <c r="Z2233" s="2">
        <v>16.7</v>
      </c>
      <c r="AA2233" s="5"/>
      <c r="AB2233" s="5" t="s">
        <v>43</v>
      </c>
      <c r="AC2233" s="5" t="s">
        <v>44</v>
      </c>
      <c r="AD2233" s="2"/>
      <c r="AE2233" s="1"/>
    </row>
    <row r="2234" spans="1:31" ht="14.45">
      <c r="A2234" s="11"/>
      <c r="B2234" s="20"/>
      <c r="C2234" s="2" t="s">
        <v>7123</v>
      </c>
      <c r="D2234" s="14" t="s">
        <v>7124</v>
      </c>
      <c r="E2234" s="2" t="s">
        <v>7125</v>
      </c>
      <c r="F2234" s="2" t="s">
        <v>1735</v>
      </c>
      <c r="G2234" s="8">
        <v>262</v>
      </c>
      <c r="H2234" s="5">
        <v>6</v>
      </c>
      <c r="I2234" s="5" t="s">
        <v>1518</v>
      </c>
      <c r="J2234" s="5" t="s">
        <v>1519</v>
      </c>
      <c r="K2234" s="2" t="s">
        <v>1520</v>
      </c>
      <c r="L2234" s="5" t="s">
        <v>1519</v>
      </c>
      <c r="M2234" s="2" t="s">
        <v>1520</v>
      </c>
      <c r="N2234" s="5" t="s">
        <v>1521</v>
      </c>
      <c r="O2234" s="5" t="s">
        <v>38</v>
      </c>
      <c r="P2234" s="5" t="s">
        <v>39</v>
      </c>
      <c r="Q2234" s="5" t="s">
        <v>40</v>
      </c>
      <c r="R2234" s="5" t="s">
        <v>1522</v>
      </c>
      <c r="S2234" s="5" t="s">
        <v>1523</v>
      </c>
      <c r="T2234" s="5" t="s">
        <v>42</v>
      </c>
      <c r="U2234" s="2">
        <v>3.677</v>
      </c>
      <c r="V2234" s="2">
        <v>3.089</v>
      </c>
      <c r="W2234" s="2">
        <v>0.02</v>
      </c>
      <c r="X2234" s="2">
        <v>159.1</v>
      </c>
      <c r="Y2234" s="2">
        <v>7.6</v>
      </c>
      <c r="Z2234" s="2">
        <v>16.7</v>
      </c>
      <c r="AA2234" s="5"/>
      <c r="AB2234" s="5" t="s">
        <v>43</v>
      </c>
      <c r="AC2234" s="5" t="s">
        <v>44</v>
      </c>
      <c r="AD2234" s="2"/>
      <c r="AE2234" s="1"/>
    </row>
    <row r="2235" spans="1:31" ht="14.45">
      <c r="A2235" s="11"/>
      <c r="B2235" s="20"/>
      <c r="C2235" s="2" t="s">
        <v>7126</v>
      </c>
      <c r="D2235" s="14" t="s">
        <v>7127</v>
      </c>
      <c r="E2235" s="2" t="s">
        <v>7128</v>
      </c>
      <c r="F2235" s="2" t="s">
        <v>1739</v>
      </c>
      <c r="G2235" s="8">
        <v>262</v>
      </c>
      <c r="H2235" s="5">
        <v>6</v>
      </c>
      <c r="I2235" s="5" t="s">
        <v>1518</v>
      </c>
      <c r="J2235" s="5" t="s">
        <v>1519</v>
      </c>
      <c r="K2235" s="2" t="s">
        <v>1520</v>
      </c>
      <c r="L2235" s="5" t="s">
        <v>1519</v>
      </c>
      <c r="M2235" s="2" t="s">
        <v>1520</v>
      </c>
      <c r="N2235" s="5" t="s">
        <v>1521</v>
      </c>
      <c r="O2235" s="5" t="s">
        <v>38</v>
      </c>
      <c r="P2235" s="5" t="s">
        <v>39</v>
      </c>
      <c r="Q2235" s="5" t="s">
        <v>40</v>
      </c>
      <c r="R2235" s="5" t="s">
        <v>1522</v>
      </c>
      <c r="S2235" s="5" t="s">
        <v>1523</v>
      </c>
      <c r="T2235" s="5" t="s">
        <v>42</v>
      </c>
      <c r="U2235" s="2">
        <v>3.7490000000000001</v>
      </c>
      <c r="V2235" s="2">
        <v>3.161</v>
      </c>
      <c r="W2235" s="2">
        <v>0.02</v>
      </c>
      <c r="X2235" s="2">
        <v>159.1</v>
      </c>
      <c r="Y2235" s="2">
        <v>7.6</v>
      </c>
      <c r="Z2235" s="2">
        <v>16.7</v>
      </c>
      <c r="AA2235" s="5"/>
      <c r="AB2235" s="5" t="s">
        <v>43</v>
      </c>
      <c r="AC2235" s="5" t="s">
        <v>44</v>
      </c>
      <c r="AD2235" s="2"/>
      <c r="AE2235" s="1"/>
    </row>
    <row r="2236" spans="1:31" ht="14.45">
      <c r="A2236" s="11"/>
      <c r="B2236" s="20"/>
      <c r="C2236" s="2" t="s">
        <v>7129</v>
      </c>
      <c r="D2236" s="14" t="s">
        <v>7130</v>
      </c>
      <c r="E2236" s="2" t="s">
        <v>7131</v>
      </c>
      <c r="F2236" s="2" t="s">
        <v>1743</v>
      </c>
      <c r="G2236" s="8">
        <v>262</v>
      </c>
      <c r="H2236" s="5">
        <v>6</v>
      </c>
      <c r="I2236" s="5" t="s">
        <v>1518</v>
      </c>
      <c r="J2236" s="5" t="s">
        <v>1519</v>
      </c>
      <c r="K2236" s="2" t="s">
        <v>1520</v>
      </c>
      <c r="L2236" s="5" t="s">
        <v>1519</v>
      </c>
      <c r="M2236" s="2" t="s">
        <v>1520</v>
      </c>
      <c r="N2236" s="5" t="s">
        <v>1521</v>
      </c>
      <c r="O2236" s="5" t="s">
        <v>38</v>
      </c>
      <c r="P2236" s="5" t="s">
        <v>39</v>
      </c>
      <c r="Q2236" s="5" t="s">
        <v>40</v>
      </c>
      <c r="R2236" s="5" t="s">
        <v>1522</v>
      </c>
      <c r="S2236" s="5" t="s">
        <v>1523</v>
      </c>
      <c r="T2236" s="5" t="s">
        <v>42</v>
      </c>
      <c r="U2236" s="2">
        <v>3.625</v>
      </c>
      <c r="V2236" s="2">
        <v>3.0369999999999999</v>
      </c>
      <c r="W2236" s="2">
        <v>0.02</v>
      </c>
      <c r="X2236" s="2">
        <v>159.1</v>
      </c>
      <c r="Y2236" s="2">
        <v>7.6</v>
      </c>
      <c r="Z2236" s="2">
        <v>16.7</v>
      </c>
      <c r="AA2236" s="5"/>
      <c r="AB2236" s="5" t="s">
        <v>43</v>
      </c>
      <c r="AC2236" s="5" t="s">
        <v>44</v>
      </c>
      <c r="AD2236" s="2"/>
      <c r="AE2236" s="1"/>
    </row>
    <row r="2237" spans="1:31" ht="14.45">
      <c r="A2237" s="11"/>
      <c r="B2237" s="20"/>
      <c r="C2237" s="2" t="s">
        <v>7132</v>
      </c>
      <c r="D2237" s="14" t="s">
        <v>7133</v>
      </c>
      <c r="E2237" s="2" t="s">
        <v>7134</v>
      </c>
      <c r="F2237" s="2" t="s">
        <v>1751</v>
      </c>
      <c r="G2237" s="8">
        <v>262</v>
      </c>
      <c r="H2237" s="5">
        <v>6</v>
      </c>
      <c r="I2237" s="5" t="s">
        <v>1518</v>
      </c>
      <c r="J2237" s="5" t="s">
        <v>1519</v>
      </c>
      <c r="K2237" s="2" t="s">
        <v>1520</v>
      </c>
      <c r="L2237" s="5" t="s">
        <v>1519</v>
      </c>
      <c r="M2237" s="2" t="s">
        <v>1520</v>
      </c>
      <c r="N2237" s="5" t="s">
        <v>1521</v>
      </c>
      <c r="O2237" s="5" t="s">
        <v>38</v>
      </c>
      <c r="P2237" s="5" t="s">
        <v>39</v>
      </c>
      <c r="Q2237" s="5" t="s">
        <v>40</v>
      </c>
      <c r="R2237" s="5" t="s">
        <v>1522</v>
      </c>
      <c r="S2237" s="5" t="s">
        <v>1523</v>
      </c>
      <c r="T2237" s="5" t="s">
        <v>42</v>
      </c>
      <c r="U2237" s="2">
        <v>3.625</v>
      </c>
      <c r="V2237" s="2">
        <v>3.0369999999999999</v>
      </c>
      <c r="W2237" s="2">
        <v>0.02</v>
      </c>
      <c r="X2237" s="2">
        <v>159.1</v>
      </c>
      <c r="Y2237" s="2">
        <v>7.6</v>
      </c>
      <c r="Z2237" s="2">
        <v>16.7</v>
      </c>
      <c r="AA2237" s="5"/>
      <c r="AB2237" s="5" t="s">
        <v>43</v>
      </c>
      <c r="AC2237" s="5" t="s">
        <v>44</v>
      </c>
      <c r="AD2237" s="2"/>
      <c r="AE2237" s="1"/>
    </row>
    <row r="2238" spans="1:31" ht="14.45">
      <c r="A2238" s="11"/>
      <c r="B2238" s="20"/>
      <c r="C2238" s="2" t="s">
        <v>7135</v>
      </c>
      <c r="D2238" s="14" t="s">
        <v>7136</v>
      </c>
      <c r="E2238" s="2" t="s">
        <v>7137</v>
      </c>
      <c r="F2238" s="2" t="s">
        <v>1763</v>
      </c>
      <c r="G2238" s="8">
        <v>262</v>
      </c>
      <c r="H2238" s="5">
        <v>6</v>
      </c>
      <c r="I2238" s="5" t="s">
        <v>1518</v>
      </c>
      <c r="J2238" s="5" t="s">
        <v>1519</v>
      </c>
      <c r="K2238" s="2" t="s">
        <v>1520</v>
      </c>
      <c r="L2238" s="5" t="s">
        <v>1519</v>
      </c>
      <c r="M2238" s="2" t="s">
        <v>1520</v>
      </c>
      <c r="N2238" s="5" t="s">
        <v>1521</v>
      </c>
      <c r="O2238" s="5" t="s">
        <v>38</v>
      </c>
      <c r="P2238" s="5" t="s">
        <v>39</v>
      </c>
      <c r="Q2238" s="5" t="s">
        <v>40</v>
      </c>
      <c r="R2238" s="5" t="s">
        <v>1522</v>
      </c>
      <c r="S2238" s="5" t="s">
        <v>1523</v>
      </c>
      <c r="T2238" s="5" t="s">
        <v>42</v>
      </c>
      <c r="U2238" s="2">
        <v>3.7490000000000001</v>
      </c>
      <c r="V2238" s="2">
        <v>3.161</v>
      </c>
      <c r="W2238" s="2">
        <v>0.02</v>
      </c>
      <c r="X2238" s="2">
        <v>159.1</v>
      </c>
      <c r="Y2238" s="2">
        <v>7.6</v>
      </c>
      <c r="Z2238" s="2">
        <v>16.7</v>
      </c>
      <c r="AA2238" s="5"/>
      <c r="AB2238" s="5" t="s">
        <v>43</v>
      </c>
      <c r="AC2238" s="5" t="s">
        <v>44</v>
      </c>
      <c r="AD2238" s="2"/>
      <c r="AE2238" s="1"/>
    </row>
    <row r="2239" spans="1:31" ht="14.45">
      <c r="A2239" s="11"/>
      <c r="B2239" s="20"/>
      <c r="C2239" s="2" t="s">
        <v>7138</v>
      </c>
      <c r="D2239" s="14" t="s">
        <v>7139</v>
      </c>
      <c r="E2239" s="2" t="s">
        <v>7140</v>
      </c>
      <c r="F2239" s="2" t="s">
        <v>1771</v>
      </c>
      <c r="G2239" s="8">
        <v>262</v>
      </c>
      <c r="H2239" s="5">
        <v>6</v>
      </c>
      <c r="I2239" s="5" t="s">
        <v>1518</v>
      </c>
      <c r="J2239" s="5" t="s">
        <v>1519</v>
      </c>
      <c r="K2239" s="2" t="s">
        <v>1520</v>
      </c>
      <c r="L2239" s="5" t="s">
        <v>1519</v>
      </c>
      <c r="M2239" s="2" t="s">
        <v>1520</v>
      </c>
      <c r="N2239" s="5" t="s">
        <v>1521</v>
      </c>
      <c r="O2239" s="5" t="s">
        <v>38</v>
      </c>
      <c r="P2239" s="5" t="s">
        <v>39</v>
      </c>
      <c r="Q2239" s="5" t="s">
        <v>40</v>
      </c>
      <c r="R2239" s="5" t="s">
        <v>1522</v>
      </c>
      <c r="S2239" s="5" t="s">
        <v>1523</v>
      </c>
      <c r="T2239" s="5" t="s">
        <v>42</v>
      </c>
      <c r="U2239" s="2">
        <v>3.7490000000000001</v>
      </c>
      <c r="V2239" s="2">
        <v>3.161</v>
      </c>
      <c r="W2239" s="2">
        <v>0.02</v>
      </c>
      <c r="X2239" s="2">
        <v>159.1</v>
      </c>
      <c r="Y2239" s="2">
        <v>7.6</v>
      </c>
      <c r="Z2239" s="2">
        <v>16.7</v>
      </c>
      <c r="AA2239" s="5"/>
      <c r="AB2239" s="5" t="s">
        <v>43</v>
      </c>
      <c r="AC2239" s="5" t="s">
        <v>44</v>
      </c>
      <c r="AD2239" s="2"/>
      <c r="AE2239" s="1"/>
    </row>
    <row r="2240" spans="1:31" ht="14.45">
      <c r="A2240" s="11"/>
      <c r="B2240" s="20"/>
      <c r="C2240" s="2" t="s">
        <v>7141</v>
      </c>
      <c r="D2240" s="14" t="s">
        <v>7142</v>
      </c>
      <c r="E2240" s="2" t="s">
        <v>7143</v>
      </c>
      <c r="F2240" s="2" t="s">
        <v>1775</v>
      </c>
      <c r="G2240" s="8">
        <v>262</v>
      </c>
      <c r="H2240" s="5">
        <v>6</v>
      </c>
      <c r="I2240" s="5" t="s">
        <v>1518</v>
      </c>
      <c r="J2240" s="5" t="s">
        <v>1519</v>
      </c>
      <c r="K2240" s="2" t="s">
        <v>1520</v>
      </c>
      <c r="L2240" s="5" t="s">
        <v>1519</v>
      </c>
      <c r="M2240" s="2" t="s">
        <v>1520</v>
      </c>
      <c r="N2240" s="5" t="s">
        <v>1521</v>
      </c>
      <c r="O2240" s="5" t="s">
        <v>38</v>
      </c>
      <c r="P2240" s="5" t="s">
        <v>39</v>
      </c>
      <c r="Q2240" s="5" t="s">
        <v>40</v>
      </c>
      <c r="R2240" s="5" t="s">
        <v>1522</v>
      </c>
      <c r="S2240" s="5" t="s">
        <v>1523</v>
      </c>
      <c r="T2240" s="5" t="s">
        <v>42</v>
      </c>
      <c r="U2240" s="2">
        <v>3.677</v>
      </c>
      <c r="V2240" s="2">
        <v>3.089</v>
      </c>
      <c r="W2240" s="2">
        <v>0.02</v>
      </c>
      <c r="X2240" s="2">
        <v>159.1</v>
      </c>
      <c r="Y2240" s="2">
        <v>7.6</v>
      </c>
      <c r="Z2240" s="2">
        <v>16.7</v>
      </c>
      <c r="AA2240" s="5"/>
      <c r="AB2240" s="5" t="s">
        <v>43</v>
      </c>
      <c r="AC2240" s="5" t="s">
        <v>44</v>
      </c>
      <c r="AD2240" s="2"/>
      <c r="AE2240" s="1"/>
    </row>
    <row r="2241" spans="1:31" ht="14.45">
      <c r="A2241" s="11"/>
      <c r="B2241" s="20"/>
      <c r="C2241" s="2" t="s">
        <v>7144</v>
      </c>
      <c r="D2241" s="14" t="s">
        <v>7145</v>
      </c>
      <c r="E2241" s="2" t="s">
        <v>7146</v>
      </c>
      <c r="F2241" s="2" t="s">
        <v>1779</v>
      </c>
      <c r="G2241" s="8">
        <v>262</v>
      </c>
      <c r="H2241" s="5">
        <v>6</v>
      </c>
      <c r="I2241" s="5" t="s">
        <v>1518</v>
      </c>
      <c r="J2241" s="5" t="s">
        <v>1519</v>
      </c>
      <c r="K2241" s="2" t="s">
        <v>1520</v>
      </c>
      <c r="L2241" s="5" t="s">
        <v>1519</v>
      </c>
      <c r="M2241" s="2" t="s">
        <v>1520</v>
      </c>
      <c r="N2241" s="5" t="s">
        <v>1521</v>
      </c>
      <c r="O2241" s="5" t="s">
        <v>38</v>
      </c>
      <c r="P2241" s="5" t="s">
        <v>39</v>
      </c>
      <c r="Q2241" s="5" t="s">
        <v>40</v>
      </c>
      <c r="R2241" s="5" t="s">
        <v>1522</v>
      </c>
      <c r="S2241" s="5" t="s">
        <v>1523</v>
      </c>
      <c r="T2241" s="5" t="s">
        <v>42</v>
      </c>
      <c r="U2241" s="2">
        <v>3.7490000000000001</v>
      </c>
      <c r="V2241" s="2">
        <v>3.161</v>
      </c>
      <c r="W2241" s="2">
        <v>0.02</v>
      </c>
      <c r="X2241" s="2">
        <v>159.1</v>
      </c>
      <c r="Y2241" s="2">
        <v>7.6</v>
      </c>
      <c r="Z2241" s="2">
        <v>16.7</v>
      </c>
      <c r="AA2241" s="5"/>
      <c r="AB2241" s="5" t="s">
        <v>43</v>
      </c>
      <c r="AC2241" s="5" t="s">
        <v>44</v>
      </c>
      <c r="AD2241" s="2"/>
      <c r="AE2241" s="1"/>
    </row>
    <row r="2242" spans="1:31" ht="14.45">
      <c r="A2242" s="11"/>
      <c r="B2242" s="20"/>
      <c r="C2242" s="2" t="s">
        <v>7147</v>
      </c>
      <c r="D2242" s="14" t="s">
        <v>7148</v>
      </c>
      <c r="E2242" s="2" t="s">
        <v>7149</v>
      </c>
      <c r="F2242" s="2" t="s">
        <v>1787</v>
      </c>
      <c r="G2242" s="8">
        <v>262</v>
      </c>
      <c r="H2242" s="5">
        <v>6</v>
      </c>
      <c r="I2242" s="5" t="s">
        <v>1518</v>
      </c>
      <c r="J2242" s="5" t="s">
        <v>1519</v>
      </c>
      <c r="K2242" s="2" t="s">
        <v>1520</v>
      </c>
      <c r="L2242" s="5" t="s">
        <v>1519</v>
      </c>
      <c r="M2242" s="2" t="s">
        <v>1520</v>
      </c>
      <c r="N2242" s="5" t="s">
        <v>1521</v>
      </c>
      <c r="O2242" s="5" t="s">
        <v>38</v>
      </c>
      <c r="P2242" s="5" t="s">
        <v>39</v>
      </c>
      <c r="Q2242" s="5" t="s">
        <v>40</v>
      </c>
      <c r="R2242" s="5" t="s">
        <v>1522</v>
      </c>
      <c r="S2242" s="5" t="s">
        <v>1523</v>
      </c>
      <c r="T2242" s="5" t="s">
        <v>42</v>
      </c>
      <c r="U2242" s="2">
        <v>3.6970000000000001</v>
      </c>
      <c r="V2242" s="2">
        <v>3.109</v>
      </c>
      <c r="W2242" s="2">
        <v>0.02</v>
      </c>
      <c r="X2242" s="2">
        <v>159.1</v>
      </c>
      <c r="Y2242" s="2">
        <v>7.6</v>
      </c>
      <c r="Z2242" s="2">
        <v>16.7</v>
      </c>
      <c r="AA2242" s="5"/>
      <c r="AB2242" s="5" t="s">
        <v>43</v>
      </c>
      <c r="AC2242" s="5" t="s">
        <v>44</v>
      </c>
      <c r="AD2242" s="2"/>
      <c r="AE2242" s="1"/>
    </row>
    <row r="2243" spans="1:31" ht="14.45">
      <c r="A2243" s="11"/>
      <c r="B2243" s="20"/>
      <c r="C2243" s="2" t="s">
        <v>7150</v>
      </c>
      <c r="D2243" s="14" t="s">
        <v>7151</v>
      </c>
      <c r="E2243" s="2" t="s">
        <v>7152</v>
      </c>
      <c r="F2243" s="2" t="s">
        <v>1791</v>
      </c>
      <c r="G2243" s="8">
        <v>262</v>
      </c>
      <c r="H2243" s="5">
        <v>6</v>
      </c>
      <c r="I2243" s="5" t="s">
        <v>1518</v>
      </c>
      <c r="J2243" s="5" t="s">
        <v>1519</v>
      </c>
      <c r="K2243" s="2" t="s">
        <v>1520</v>
      </c>
      <c r="L2243" s="5" t="s">
        <v>1519</v>
      </c>
      <c r="M2243" s="2" t="s">
        <v>1520</v>
      </c>
      <c r="N2243" s="5" t="s">
        <v>1521</v>
      </c>
      <c r="O2243" s="5" t="s">
        <v>38</v>
      </c>
      <c r="P2243" s="5" t="s">
        <v>39</v>
      </c>
      <c r="Q2243" s="5" t="s">
        <v>40</v>
      </c>
      <c r="R2243" s="5" t="s">
        <v>1522</v>
      </c>
      <c r="S2243" s="5" t="s">
        <v>1523</v>
      </c>
      <c r="T2243" s="5" t="s">
        <v>42</v>
      </c>
      <c r="U2243" s="2">
        <v>3.677</v>
      </c>
      <c r="V2243" s="2">
        <v>3.089</v>
      </c>
      <c r="W2243" s="2">
        <v>0.02</v>
      </c>
      <c r="X2243" s="2">
        <v>159.1</v>
      </c>
      <c r="Y2243" s="2">
        <v>7.6</v>
      </c>
      <c r="Z2243" s="2">
        <v>16.7</v>
      </c>
      <c r="AA2243" s="5"/>
      <c r="AB2243" s="5" t="s">
        <v>43</v>
      </c>
      <c r="AC2243" s="5" t="s">
        <v>44</v>
      </c>
      <c r="AD2243" s="2"/>
      <c r="AE2243" s="1"/>
    </row>
    <row r="2244" spans="1:31" ht="14.45">
      <c r="A2244" s="11"/>
      <c r="B2244" s="20"/>
      <c r="C2244" s="2" t="s">
        <v>7153</v>
      </c>
      <c r="D2244" s="14" t="s">
        <v>7154</v>
      </c>
      <c r="E2244" s="2" t="s">
        <v>7155</v>
      </c>
      <c r="F2244" s="2" t="s">
        <v>1795</v>
      </c>
      <c r="G2244" s="8">
        <v>262</v>
      </c>
      <c r="H2244" s="5">
        <v>6</v>
      </c>
      <c r="I2244" s="5" t="s">
        <v>1518</v>
      </c>
      <c r="J2244" s="5" t="s">
        <v>1519</v>
      </c>
      <c r="K2244" s="2" t="s">
        <v>1520</v>
      </c>
      <c r="L2244" s="5" t="s">
        <v>1519</v>
      </c>
      <c r="M2244" s="2" t="s">
        <v>1520</v>
      </c>
      <c r="N2244" s="5" t="s">
        <v>1521</v>
      </c>
      <c r="O2244" s="5" t="s">
        <v>38</v>
      </c>
      <c r="P2244" s="5" t="s">
        <v>39</v>
      </c>
      <c r="Q2244" s="5" t="s">
        <v>40</v>
      </c>
      <c r="R2244" s="5" t="s">
        <v>1522</v>
      </c>
      <c r="S2244" s="5" t="s">
        <v>1523</v>
      </c>
      <c r="T2244" s="5" t="s">
        <v>42</v>
      </c>
      <c r="U2244" s="2">
        <v>3.7490000000000001</v>
      </c>
      <c r="V2244" s="2">
        <v>3.161</v>
      </c>
      <c r="W2244" s="2">
        <v>0.02</v>
      </c>
      <c r="X2244" s="2">
        <v>159.1</v>
      </c>
      <c r="Y2244" s="2">
        <v>7.6</v>
      </c>
      <c r="Z2244" s="2">
        <v>16.7</v>
      </c>
      <c r="AA2244" s="5"/>
      <c r="AB2244" s="5" t="s">
        <v>43</v>
      </c>
      <c r="AC2244" s="5" t="s">
        <v>44</v>
      </c>
      <c r="AD2244" s="2"/>
      <c r="AE2244" s="1"/>
    </row>
    <row r="2245" spans="1:31" ht="14.45">
      <c r="A2245" s="11"/>
      <c r="B2245" s="20"/>
      <c r="C2245" s="2" t="s">
        <v>7156</v>
      </c>
      <c r="D2245" s="14" t="s">
        <v>7157</v>
      </c>
      <c r="E2245" s="2" t="s">
        <v>7158</v>
      </c>
      <c r="F2245" s="2" t="s">
        <v>1799</v>
      </c>
      <c r="G2245" s="8">
        <v>262</v>
      </c>
      <c r="H2245" s="5">
        <v>6</v>
      </c>
      <c r="I2245" s="5" t="s">
        <v>1518</v>
      </c>
      <c r="J2245" s="5" t="s">
        <v>1519</v>
      </c>
      <c r="K2245" s="2" t="s">
        <v>1520</v>
      </c>
      <c r="L2245" s="5" t="s">
        <v>1519</v>
      </c>
      <c r="M2245" s="2" t="s">
        <v>1520</v>
      </c>
      <c r="N2245" s="5" t="s">
        <v>1521</v>
      </c>
      <c r="O2245" s="5" t="s">
        <v>38</v>
      </c>
      <c r="P2245" s="5" t="s">
        <v>39</v>
      </c>
      <c r="Q2245" s="5" t="s">
        <v>40</v>
      </c>
      <c r="R2245" s="5" t="s">
        <v>1522</v>
      </c>
      <c r="S2245" s="5" t="s">
        <v>1523</v>
      </c>
      <c r="T2245" s="5" t="s">
        <v>42</v>
      </c>
      <c r="U2245" s="2">
        <v>3.677</v>
      </c>
      <c r="V2245" s="2">
        <v>3.089</v>
      </c>
      <c r="W2245" s="2">
        <v>0.02</v>
      </c>
      <c r="X2245" s="2">
        <v>159.1</v>
      </c>
      <c r="Y2245" s="2">
        <v>7.6</v>
      </c>
      <c r="Z2245" s="2">
        <v>16.7</v>
      </c>
      <c r="AA2245" s="5"/>
      <c r="AB2245" s="5" t="s">
        <v>43</v>
      </c>
      <c r="AC2245" s="5" t="s">
        <v>44</v>
      </c>
      <c r="AD2245" s="2"/>
      <c r="AE2245" s="1"/>
    </row>
    <row r="2246" spans="1:31" ht="14.45">
      <c r="A2246" s="11"/>
      <c r="B2246" s="20"/>
      <c r="C2246" s="2" t="s">
        <v>7159</v>
      </c>
      <c r="D2246" s="14" t="s">
        <v>7160</v>
      </c>
      <c r="E2246" s="2" t="s">
        <v>7161</v>
      </c>
      <c r="F2246" s="2" t="s">
        <v>1807</v>
      </c>
      <c r="G2246" s="8">
        <v>262</v>
      </c>
      <c r="H2246" s="5">
        <v>6</v>
      </c>
      <c r="I2246" s="5" t="s">
        <v>1518</v>
      </c>
      <c r="J2246" s="5" t="s">
        <v>1519</v>
      </c>
      <c r="K2246" s="2" t="s">
        <v>1520</v>
      </c>
      <c r="L2246" s="5" t="s">
        <v>1519</v>
      </c>
      <c r="M2246" s="2" t="s">
        <v>1520</v>
      </c>
      <c r="N2246" s="5" t="s">
        <v>1521</v>
      </c>
      <c r="O2246" s="5" t="s">
        <v>38</v>
      </c>
      <c r="P2246" s="5" t="s">
        <v>39</v>
      </c>
      <c r="Q2246" s="5" t="s">
        <v>40</v>
      </c>
      <c r="R2246" s="5" t="s">
        <v>1522</v>
      </c>
      <c r="S2246" s="5" t="s">
        <v>1523</v>
      </c>
      <c r="T2246" s="5" t="s">
        <v>42</v>
      </c>
      <c r="U2246" s="2">
        <v>3.677</v>
      </c>
      <c r="V2246" s="2">
        <v>3.089</v>
      </c>
      <c r="W2246" s="2">
        <v>0.02</v>
      </c>
      <c r="X2246" s="2">
        <v>159.1</v>
      </c>
      <c r="Y2246" s="2">
        <v>7.6</v>
      </c>
      <c r="Z2246" s="2">
        <v>16.7</v>
      </c>
      <c r="AA2246" s="5"/>
      <c r="AB2246" s="5" t="s">
        <v>43</v>
      </c>
      <c r="AC2246" s="5" t="s">
        <v>44</v>
      </c>
      <c r="AD2246" s="2"/>
      <c r="AE2246" s="1"/>
    </row>
    <row r="2247" spans="1:31" ht="14.45">
      <c r="A2247" s="11"/>
      <c r="B2247" s="20"/>
      <c r="C2247" s="2" t="s">
        <v>7162</v>
      </c>
      <c r="D2247" s="14" t="s">
        <v>7163</v>
      </c>
      <c r="E2247" s="2" t="s">
        <v>7164</v>
      </c>
      <c r="F2247" s="2" t="s">
        <v>1811</v>
      </c>
      <c r="G2247" s="8">
        <v>262</v>
      </c>
      <c r="H2247" s="5">
        <v>6</v>
      </c>
      <c r="I2247" s="5" t="s">
        <v>1518</v>
      </c>
      <c r="J2247" s="5" t="s">
        <v>1519</v>
      </c>
      <c r="K2247" s="2" t="s">
        <v>1520</v>
      </c>
      <c r="L2247" s="5" t="s">
        <v>1519</v>
      </c>
      <c r="M2247" s="2" t="s">
        <v>1520</v>
      </c>
      <c r="N2247" s="5" t="s">
        <v>1521</v>
      </c>
      <c r="O2247" s="5" t="s">
        <v>38</v>
      </c>
      <c r="P2247" s="5" t="s">
        <v>39</v>
      </c>
      <c r="Q2247" s="5" t="s">
        <v>40</v>
      </c>
      <c r="R2247" s="5" t="s">
        <v>1522</v>
      </c>
      <c r="S2247" s="5" t="s">
        <v>1523</v>
      </c>
      <c r="T2247" s="5" t="s">
        <v>42</v>
      </c>
      <c r="U2247" s="2">
        <v>3.7490000000000001</v>
      </c>
      <c r="V2247" s="2">
        <v>3.161</v>
      </c>
      <c r="W2247" s="2">
        <v>0.02</v>
      </c>
      <c r="X2247" s="2">
        <v>159.1</v>
      </c>
      <c r="Y2247" s="2">
        <v>7.6</v>
      </c>
      <c r="Z2247" s="2">
        <v>16.7</v>
      </c>
      <c r="AA2247" s="5"/>
      <c r="AB2247" s="5" t="s">
        <v>43</v>
      </c>
      <c r="AC2247" s="5" t="s">
        <v>44</v>
      </c>
      <c r="AD2247" s="2"/>
      <c r="AE2247" s="1"/>
    </row>
    <row r="2248" spans="1:31" ht="14.45">
      <c r="A2248" s="11"/>
      <c r="B2248" s="20"/>
      <c r="C2248" s="2" t="s">
        <v>7165</v>
      </c>
      <c r="D2248" s="14" t="s">
        <v>7166</v>
      </c>
      <c r="E2248" s="2" t="s">
        <v>7167</v>
      </c>
      <c r="F2248" s="2" t="s">
        <v>1815</v>
      </c>
      <c r="G2248" s="8">
        <v>262</v>
      </c>
      <c r="H2248" s="5">
        <v>6</v>
      </c>
      <c r="I2248" s="5" t="s">
        <v>1518</v>
      </c>
      <c r="J2248" s="5" t="s">
        <v>1519</v>
      </c>
      <c r="K2248" s="2" t="s">
        <v>1520</v>
      </c>
      <c r="L2248" s="5" t="s">
        <v>1519</v>
      </c>
      <c r="M2248" s="2" t="s">
        <v>1520</v>
      </c>
      <c r="N2248" s="5" t="s">
        <v>1521</v>
      </c>
      <c r="O2248" s="5" t="s">
        <v>38</v>
      </c>
      <c r="P2248" s="5" t="s">
        <v>39</v>
      </c>
      <c r="Q2248" s="5" t="s">
        <v>40</v>
      </c>
      <c r="R2248" s="5" t="s">
        <v>1522</v>
      </c>
      <c r="S2248" s="5" t="s">
        <v>1523</v>
      </c>
      <c r="T2248" s="5" t="s">
        <v>42</v>
      </c>
      <c r="U2248" s="2">
        <v>3.625</v>
      </c>
      <c r="V2248" s="2">
        <v>3.0369999999999999</v>
      </c>
      <c r="W2248" s="2">
        <v>0.02</v>
      </c>
      <c r="X2248" s="2">
        <v>159.1</v>
      </c>
      <c r="Y2248" s="2">
        <v>7.6</v>
      </c>
      <c r="Z2248" s="2">
        <v>16.7</v>
      </c>
      <c r="AA2248" s="5"/>
      <c r="AB2248" s="5" t="s">
        <v>43</v>
      </c>
      <c r="AC2248" s="5" t="s">
        <v>44</v>
      </c>
      <c r="AD2248" s="2"/>
      <c r="AE2248" s="1"/>
    </row>
    <row r="2249" spans="1:31" ht="14.45">
      <c r="A2249" s="11"/>
      <c r="B2249" s="20"/>
      <c r="C2249" s="2" t="s">
        <v>7168</v>
      </c>
      <c r="D2249" s="14" t="s">
        <v>7169</v>
      </c>
      <c r="E2249" s="2" t="s">
        <v>7170</v>
      </c>
      <c r="F2249" s="2" t="s">
        <v>1819</v>
      </c>
      <c r="G2249" s="8">
        <v>262</v>
      </c>
      <c r="H2249" s="5">
        <v>6</v>
      </c>
      <c r="I2249" s="5" t="s">
        <v>1518</v>
      </c>
      <c r="J2249" s="5" t="s">
        <v>1519</v>
      </c>
      <c r="K2249" s="2" t="s">
        <v>1520</v>
      </c>
      <c r="L2249" s="5" t="s">
        <v>1519</v>
      </c>
      <c r="M2249" s="2" t="s">
        <v>1520</v>
      </c>
      <c r="N2249" s="5" t="s">
        <v>1521</v>
      </c>
      <c r="O2249" s="5" t="s">
        <v>38</v>
      </c>
      <c r="P2249" s="5" t="s">
        <v>39</v>
      </c>
      <c r="Q2249" s="5" t="s">
        <v>40</v>
      </c>
      <c r="R2249" s="5" t="s">
        <v>1522</v>
      </c>
      <c r="S2249" s="5" t="s">
        <v>1523</v>
      </c>
      <c r="T2249" s="5" t="s">
        <v>42</v>
      </c>
      <c r="U2249" s="2">
        <v>3.6970000000000001</v>
      </c>
      <c r="V2249" s="2">
        <v>3.109</v>
      </c>
      <c r="W2249" s="2">
        <v>0.02</v>
      </c>
      <c r="X2249" s="2">
        <v>159.1</v>
      </c>
      <c r="Y2249" s="2">
        <v>7.6</v>
      </c>
      <c r="Z2249" s="2">
        <v>16.7</v>
      </c>
      <c r="AA2249" s="5"/>
      <c r="AB2249" s="5" t="s">
        <v>43</v>
      </c>
      <c r="AC2249" s="5" t="s">
        <v>44</v>
      </c>
      <c r="AD2249" s="2"/>
      <c r="AE2249" s="1"/>
    </row>
    <row r="2250" spans="1:31" ht="14.45">
      <c r="A2250" s="11"/>
      <c r="B2250" s="20"/>
      <c r="C2250" s="2" t="s">
        <v>7171</v>
      </c>
      <c r="D2250" s="14" t="s">
        <v>7172</v>
      </c>
      <c r="E2250" s="2" t="s">
        <v>7173</v>
      </c>
      <c r="F2250" s="2" t="s">
        <v>1823</v>
      </c>
      <c r="G2250" s="8">
        <v>262</v>
      </c>
      <c r="H2250" s="5">
        <v>18</v>
      </c>
      <c r="I2250" s="5" t="s">
        <v>1518</v>
      </c>
      <c r="J2250" s="5" t="s">
        <v>1519</v>
      </c>
      <c r="K2250" s="2" t="s">
        <v>1520</v>
      </c>
      <c r="L2250" s="5" t="s">
        <v>1519</v>
      </c>
      <c r="M2250" s="2" t="s">
        <v>1520</v>
      </c>
      <c r="N2250" s="5" t="s">
        <v>1521</v>
      </c>
      <c r="O2250" s="5" t="s">
        <v>38</v>
      </c>
      <c r="P2250" s="5" t="s">
        <v>39</v>
      </c>
      <c r="Q2250" s="5" t="s">
        <v>40</v>
      </c>
      <c r="R2250" s="5" t="s">
        <v>1522</v>
      </c>
      <c r="S2250" s="5" t="s">
        <v>1523</v>
      </c>
      <c r="T2250" s="5" t="s">
        <v>42</v>
      </c>
      <c r="U2250" s="2">
        <v>3.7170000000000001</v>
      </c>
      <c r="V2250" s="2">
        <v>3.129</v>
      </c>
      <c r="W2250" s="2">
        <v>0.02</v>
      </c>
      <c r="X2250" s="2">
        <v>159.1</v>
      </c>
      <c r="Y2250" s="2">
        <v>7.6</v>
      </c>
      <c r="Z2250" s="2">
        <v>16.7</v>
      </c>
      <c r="AA2250" s="5"/>
      <c r="AB2250" s="5" t="s">
        <v>43</v>
      </c>
      <c r="AC2250" s="5" t="s">
        <v>44</v>
      </c>
      <c r="AD2250" s="2"/>
      <c r="AE2250" s="1"/>
    </row>
    <row r="2251" spans="1:31" ht="14.45">
      <c r="A2251" s="11"/>
      <c r="B2251" s="20"/>
      <c r="C2251" s="2" t="s">
        <v>7174</v>
      </c>
      <c r="D2251" s="14" t="s">
        <v>7175</v>
      </c>
      <c r="E2251" s="2" t="s">
        <v>7176</v>
      </c>
      <c r="F2251" s="2" t="s">
        <v>1827</v>
      </c>
      <c r="G2251" s="8">
        <v>262</v>
      </c>
      <c r="H2251" s="5">
        <v>18</v>
      </c>
      <c r="I2251" s="5" t="s">
        <v>1518</v>
      </c>
      <c r="J2251" s="5" t="s">
        <v>1519</v>
      </c>
      <c r="K2251" s="2" t="s">
        <v>1520</v>
      </c>
      <c r="L2251" s="5" t="s">
        <v>1519</v>
      </c>
      <c r="M2251" s="2" t="s">
        <v>1520</v>
      </c>
      <c r="N2251" s="5" t="s">
        <v>1521</v>
      </c>
      <c r="O2251" s="5" t="s">
        <v>38</v>
      </c>
      <c r="P2251" s="5" t="s">
        <v>39</v>
      </c>
      <c r="Q2251" s="5" t="s">
        <v>40</v>
      </c>
      <c r="R2251" s="5" t="s">
        <v>1522</v>
      </c>
      <c r="S2251" s="5" t="s">
        <v>1523</v>
      </c>
      <c r="T2251" s="5" t="s">
        <v>42</v>
      </c>
      <c r="U2251" s="2">
        <v>3.7890000000000001</v>
      </c>
      <c r="V2251" s="2">
        <v>3.2010000000000001</v>
      </c>
      <c r="W2251" s="2">
        <v>0.02</v>
      </c>
      <c r="X2251" s="2">
        <v>159.1</v>
      </c>
      <c r="Y2251" s="2">
        <v>7.6</v>
      </c>
      <c r="Z2251" s="2">
        <v>16.7</v>
      </c>
      <c r="AA2251" s="5"/>
      <c r="AB2251" s="5" t="s">
        <v>43</v>
      </c>
      <c r="AC2251" s="5" t="s">
        <v>44</v>
      </c>
      <c r="AD2251" s="2"/>
      <c r="AE2251" s="1"/>
    </row>
    <row r="2252" spans="1:31" ht="14.45">
      <c r="A2252" s="11"/>
      <c r="B2252" s="20"/>
      <c r="C2252" s="2" t="s">
        <v>7177</v>
      </c>
      <c r="D2252" s="14" t="s">
        <v>7178</v>
      </c>
      <c r="E2252" s="2" t="s">
        <v>7179</v>
      </c>
      <c r="F2252" s="2" t="s">
        <v>2208</v>
      </c>
      <c r="G2252" s="8">
        <v>262</v>
      </c>
      <c r="H2252" s="5">
        <v>18</v>
      </c>
      <c r="I2252" s="5" t="s">
        <v>1518</v>
      </c>
      <c r="J2252" s="5" t="s">
        <v>1519</v>
      </c>
      <c r="K2252" s="2" t="s">
        <v>1520</v>
      </c>
      <c r="L2252" s="5" t="s">
        <v>1519</v>
      </c>
      <c r="M2252" s="2" t="s">
        <v>1520</v>
      </c>
      <c r="N2252" s="5" t="s">
        <v>1521</v>
      </c>
      <c r="O2252" s="5" t="s">
        <v>38</v>
      </c>
      <c r="P2252" s="5" t="s">
        <v>39</v>
      </c>
      <c r="Q2252" s="5" t="s">
        <v>40</v>
      </c>
      <c r="R2252" s="5" t="s">
        <v>1522</v>
      </c>
      <c r="S2252" s="5" t="s">
        <v>1523</v>
      </c>
      <c r="T2252" s="5" t="s">
        <v>42</v>
      </c>
      <c r="U2252" s="2">
        <v>3.7189999999999999</v>
      </c>
      <c r="V2252" s="2">
        <v>3.1309999999999998</v>
      </c>
      <c r="W2252" s="2">
        <v>0.02</v>
      </c>
      <c r="X2252" s="2">
        <v>159.1</v>
      </c>
      <c r="Y2252" s="2">
        <v>7.6</v>
      </c>
      <c r="Z2252" s="2">
        <v>16.7</v>
      </c>
      <c r="AA2252" s="5"/>
      <c r="AB2252" s="5" t="s">
        <v>43</v>
      </c>
      <c r="AC2252" s="5" t="s">
        <v>44</v>
      </c>
      <c r="AD2252" s="2"/>
      <c r="AE2252" s="1"/>
    </row>
    <row r="2253" spans="1:31" ht="14.45">
      <c r="A2253" s="11"/>
      <c r="B2253" s="20"/>
      <c r="C2253" s="2" t="s">
        <v>7180</v>
      </c>
      <c r="D2253" s="14" t="s">
        <v>7181</v>
      </c>
      <c r="E2253" s="2" t="s">
        <v>7182</v>
      </c>
      <c r="F2253" s="2" t="s">
        <v>2212</v>
      </c>
      <c r="G2253" s="8">
        <v>262</v>
      </c>
      <c r="H2253" s="5">
        <v>18</v>
      </c>
      <c r="I2253" s="5" t="s">
        <v>1518</v>
      </c>
      <c r="J2253" s="5" t="s">
        <v>1519</v>
      </c>
      <c r="K2253" s="2" t="s">
        <v>1520</v>
      </c>
      <c r="L2253" s="5" t="s">
        <v>1519</v>
      </c>
      <c r="M2253" s="2" t="s">
        <v>1520</v>
      </c>
      <c r="N2253" s="5" t="s">
        <v>1521</v>
      </c>
      <c r="O2253" s="5" t="s">
        <v>38</v>
      </c>
      <c r="P2253" s="5" t="s">
        <v>39</v>
      </c>
      <c r="Q2253" s="5" t="s">
        <v>40</v>
      </c>
      <c r="R2253" s="5" t="s">
        <v>1522</v>
      </c>
      <c r="S2253" s="5" t="s">
        <v>1523</v>
      </c>
      <c r="T2253" s="5" t="s">
        <v>42</v>
      </c>
      <c r="U2253" s="2">
        <v>3.7909999999999999</v>
      </c>
      <c r="V2253" s="2">
        <v>3.2029999999999998</v>
      </c>
      <c r="W2253" s="2">
        <v>0.02</v>
      </c>
      <c r="X2253" s="2">
        <v>159.1</v>
      </c>
      <c r="Y2253" s="2">
        <v>7.6</v>
      </c>
      <c r="Z2253" s="2">
        <v>16.7</v>
      </c>
      <c r="AA2253" s="5"/>
      <c r="AB2253" s="5" t="s">
        <v>43</v>
      </c>
      <c r="AC2253" s="5" t="s">
        <v>44</v>
      </c>
      <c r="AD2253" s="2"/>
      <c r="AE2253" s="1"/>
    </row>
    <row r="2254" spans="1:31" ht="14.45">
      <c r="A2254" s="11"/>
      <c r="B2254" s="20"/>
      <c r="C2254" s="2" t="s">
        <v>7183</v>
      </c>
      <c r="D2254" s="14" t="s">
        <v>7184</v>
      </c>
      <c r="E2254" s="2" t="s">
        <v>7185</v>
      </c>
      <c r="F2254" s="2" t="s">
        <v>1835</v>
      </c>
      <c r="G2254" s="8">
        <v>262</v>
      </c>
      <c r="H2254" s="5">
        <v>18</v>
      </c>
      <c r="I2254" s="5" t="s">
        <v>1518</v>
      </c>
      <c r="J2254" s="5" t="s">
        <v>1519</v>
      </c>
      <c r="K2254" s="2" t="s">
        <v>1520</v>
      </c>
      <c r="L2254" s="5" t="s">
        <v>1519</v>
      </c>
      <c r="M2254" s="2" t="s">
        <v>1520</v>
      </c>
      <c r="N2254" s="5" t="s">
        <v>1521</v>
      </c>
      <c r="O2254" s="5" t="s">
        <v>38</v>
      </c>
      <c r="P2254" s="5" t="s">
        <v>39</v>
      </c>
      <c r="Q2254" s="5" t="s">
        <v>40</v>
      </c>
      <c r="R2254" s="5" t="s">
        <v>1522</v>
      </c>
      <c r="S2254" s="5" t="s">
        <v>1523</v>
      </c>
      <c r="T2254" s="5" t="s">
        <v>42</v>
      </c>
      <c r="U2254" s="2">
        <v>3.7909999999999999</v>
      </c>
      <c r="V2254" s="2">
        <v>3.2029999999999998</v>
      </c>
      <c r="W2254" s="2">
        <v>0.02</v>
      </c>
      <c r="X2254" s="2">
        <v>159.1</v>
      </c>
      <c r="Y2254" s="2">
        <v>7.6</v>
      </c>
      <c r="Z2254" s="2">
        <v>16.7</v>
      </c>
      <c r="AA2254" s="5"/>
      <c r="AB2254" s="5" t="s">
        <v>43</v>
      </c>
      <c r="AC2254" s="5" t="s">
        <v>44</v>
      </c>
      <c r="AD2254" s="2"/>
      <c r="AE2254" s="1"/>
    </row>
    <row r="2255" spans="1:31" ht="14.45">
      <c r="A2255" s="11"/>
      <c r="B2255" s="20"/>
      <c r="C2255" s="2" t="s">
        <v>7186</v>
      </c>
      <c r="D2255" s="14" t="s">
        <v>7187</v>
      </c>
      <c r="E2255" s="2" t="s">
        <v>7188</v>
      </c>
      <c r="F2255" s="2" t="s">
        <v>1847</v>
      </c>
      <c r="G2255" s="8">
        <v>262</v>
      </c>
      <c r="H2255" s="5">
        <v>18</v>
      </c>
      <c r="I2255" s="5" t="s">
        <v>1518</v>
      </c>
      <c r="J2255" s="5" t="s">
        <v>1519</v>
      </c>
      <c r="K2255" s="2" t="s">
        <v>1520</v>
      </c>
      <c r="L2255" s="5" t="s">
        <v>1519</v>
      </c>
      <c r="M2255" s="2" t="s">
        <v>1520</v>
      </c>
      <c r="N2255" s="5" t="s">
        <v>1521</v>
      </c>
      <c r="O2255" s="5" t="s">
        <v>38</v>
      </c>
      <c r="P2255" s="5" t="s">
        <v>39</v>
      </c>
      <c r="Q2255" s="5" t="s">
        <v>40</v>
      </c>
      <c r="R2255" s="5" t="s">
        <v>1522</v>
      </c>
      <c r="S2255" s="5" t="s">
        <v>1523</v>
      </c>
      <c r="T2255" s="5" t="s">
        <v>42</v>
      </c>
      <c r="U2255" s="2">
        <v>3.7909999999999999</v>
      </c>
      <c r="V2255" s="2">
        <v>3.2029999999999998</v>
      </c>
      <c r="W2255" s="2">
        <v>0.02</v>
      </c>
      <c r="X2255" s="2">
        <v>159.1</v>
      </c>
      <c r="Y2255" s="2">
        <v>7.6</v>
      </c>
      <c r="Z2255" s="2">
        <v>16.7</v>
      </c>
      <c r="AA2255" s="5"/>
      <c r="AB2255" s="5" t="s">
        <v>43</v>
      </c>
      <c r="AC2255" s="5" t="s">
        <v>44</v>
      </c>
      <c r="AD2255" s="2"/>
      <c r="AE2255" s="1"/>
    </row>
    <row r="2256" spans="1:31" ht="14.45">
      <c r="A2256" s="11"/>
      <c r="B2256" s="20"/>
      <c r="C2256" s="2" t="s">
        <v>7189</v>
      </c>
      <c r="D2256" s="14" t="s">
        <v>7190</v>
      </c>
      <c r="E2256" s="2" t="s">
        <v>7191</v>
      </c>
      <c r="F2256" s="2" t="s">
        <v>1999</v>
      </c>
      <c r="G2256" s="8">
        <v>262</v>
      </c>
      <c r="H2256" s="5">
        <v>18</v>
      </c>
      <c r="I2256" s="5" t="s">
        <v>1518</v>
      </c>
      <c r="J2256" s="5" t="s">
        <v>1519</v>
      </c>
      <c r="K2256" s="2" t="s">
        <v>1520</v>
      </c>
      <c r="L2256" s="5" t="s">
        <v>1519</v>
      </c>
      <c r="M2256" s="2" t="s">
        <v>1520</v>
      </c>
      <c r="N2256" s="5" t="s">
        <v>1521</v>
      </c>
      <c r="O2256" s="5" t="s">
        <v>38</v>
      </c>
      <c r="P2256" s="5" t="s">
        <v>39</v>
      </c>
      <c r="Q2256" s="5" t="s">
        <v>40</v>
      </c>
      <c r="R2256" s="5" t="s">
        <v>1522</v>
      </c>
      <c r="S2256" s="5" t="s">
        <v>1523</v>
      </c>
      <c r="T2256" s="5" t="s">
        <v>42</v>
      </c>
      <c r="U2256" s="2">
        <v>3.7909999999999999</v>
      </c>
      <c r="V2256" s="2">
        <v>3.2029999999999998</v>
      </c>
      <c r="W2256" s="2">
        <v>0.02</v>
      </c>
      <c r="X2256" s="2">
        <v>159.1</v>
      </c>
      <c r="Y2256" s="2">
        <v>7.6</v>
      </c>
      <c r="Z2256" s="2">
        <v>16.7</v>
      </c>
      <c r="AA2256" s="5"/>
      <c r="AB2256" s="5" t="s">
        <v>43</v>
      </c>
      <c r="AC2256" s="5" t="s">
        <v>44</v>
      </c>
      <c r="AD2256" s="2"/>
      <c r="AE2256" s="1"/>
    </row>
    <row r="2257" spans="1:31" ht="14.45">
      <c r="A2257" s="11"/>
      <c r="B2257" s="20"/>
      <c r="C2257" s="2" t="s">
        <v>7192</v>
      </c>
      <c r="D2257" s="14" t="s">
        <v>7193</v>
      </c>
      <c r="E2257" s="2" t="s">
        <v>7194</v>
      </c>
      <c r="F2257" s="2" t="s">
        <v>1859</v>
      </c>
      <c r="G2257" s="8">
        <v>262</v>
      </c>
      <c r="H2257" s="5">
        <v>18</v>
      </c>
      <c r="I2257" s="5" t="s">
        <v>1518</v>
      </c>
      <c r="J2257" s="5" t="s">
        <v>1519</v>
      </c>
      <c r="K2257" s="2" t="s">
        <v>1520</v>
      </c>
      <c r="L2257" s="5" t="s">
        <v>1519</v>
      </c>
      <c r="M2257" s="2" t="s">
        <v>1520</v>
      </c>
      <c r="N2257" s="5" t="s">
        <v>1521</v>
      </c>
      <c r="O2257" s="5" t="s">
        <v>38</v>
      </c>
      <c r="P2257" s="5" t="s">
        <v>39</v>
      </c>
      <c r="Q2257" s="5" t="s">
        <v>40</v>
      </c>
      <c r="R2257" s="5" t="s">
        <v>1522</v>
      </c>
      <c r="S2257" s="5" t="s">
        <v>1523</v>
      </c>
      <c r="T2257" s="5" t="s">
        <v>42</v>
      </c>
      <c r="U2257" s="2">
        <v>3.7909999999999999</v>
      </c>
      <c r="V2257" s="2">
        <v>3.2029999999999998</v>
      </c>
      <c r="W2257" s="2">
        <v>0.02</v>
      </c>
      <c r="X2257" s="2">
        <v>159.1</v>
      </c>
      <c r="Y2257" s="2">
        <v>7.6</v>
      </c>
      <c r="Z2257" s="2">
        <v>16.7</v>
      </c>
      <c r="AA2257" s="5"/>
      <c r="AB2257" s="5" t="s">
        <v>43</v>
      </c>
      <c r="AC2257" s="5" t="s">
        <v>44</v>
      </c>
      <c r="AD2257" s="2"/>
      <c r="AE2257" s="1"/>
    </row>
    <row r="2258" spans="1:31" ht="14.45">
      <c r="A2258" s="11"/>
      <c r="B2258" s="20"/>
      <c r="C2258" s="2" t="s">
        <v>7195</v>
      </c>
      <c r="D2258" s="14" t="s">
        <v>7196</v>
      </c>
      <c r="E2258" s="2" t="s">
        <v>7197</v>
      </c>
      <c r="F2258" s="2" t="s">
        <v>1863</v>
      </c>
      <c r="G2258" s="8">
        <v>262</v>
      </c>
      <c r="H2258" s="5">
        <v>21</v>
      </c>
      <c r="I2258" s="5" t="s">
        <v>1518</v>
      </c>
      <c r="J2258" s="5" t="s">
        <v>1519</v>
      </c>
      <c r="K2258" s="2" t="s">
        <v>1520</v>
      </c>
      <c r="L2258" s="5" t="s">
        <v>1519</v>
      </c>
      <c r="M2258" s="2" t="s">
        <v>1520</v>
      </c>
      <c r="N2258" s="5" t="s">
        <v>1521</v>
      </c>
      <c r="O2258" s="5" t="s">
        <v>38</v>
      </c>
      <c r="P2258" s="5" t="s">
        <v>39</v>
      </c>
      <c r="Q2258" s="5" t="s">
        <v>40</v>
      </c>
      <c r="R2258" s="5" t="s">
        <v>1522</v>
      </c>
      <c r="S2258" s="5" t="s">
        <v>1523</v>
      </c>
      <c r="T2258" s="5" t="s">
        <v>42</v>
      </c>
      <c r="U2258" s="2">
        <v>3.6339999999999999</v>
      </c>
      <c r="V2258" s="2">
        <v>3.0459999999999998</v>
      </c>
      <c r="W2258" s="2">
        <v>0.02</v>
      </c>
      <c r="X2258" s="2">
        <v>159.1</v>
      </c>
      <c r="Y2258" s="2">
        <v>7.6</v>
      </c>
      <c r="Z2258" s="2">
        <v>16.7</v>
      </c>
      <c r="AA2258" s="5"/>
      <c r="AB2258" s="5" t="s">
        <v>43</v>
      </c>
      <c r="AC2258" s="5" t="s">
        <v>44</v>
      </c>
      <c r="AD2258" s="2"/>
      <c r="AE2258" s="1"/>
    </row>
    <row r="2259" spans="1:31" ht="14.45">
      <c r="A2259" s="11"/>
      <c r="B2259" s="20"/>
      <c r="C2259" s="2" t="s">
        <v>7198</v>
      </c>
      <c r="D2259" s="14" t="s">
        <v>7199</v>
      </c>
      <c r="E2259" s="2" t="s">
        <v>7200</v>
      </c>
      <c r="F2259" s="2" t="s">
        <v>1867</v>
      </c>
      <c r="G2259" s="8">
        <v>262</v>
      </c>
      <c r="H2259" s="5">
        <v>21</v>
      </c>
      <c r="I2259" s="5" t="s">
        <v>1518</v>
      </c>
      <c r="J2259" s="5" t="s">
        <v>1519</v>
      </c>
      <c r="K2259" s="2" t="s">
        <v>1520</v>
      </c>
      <c r="L2259" s="5" t="s">
        <v>1519</v>
      </c>
      <c r="M2259" s="2" t="s">
        <v>1520</v>
      </c>
      <c r="N2259" s="5" t="s">
        <v>1521</v>
      </c>
      <c r="O2259" s="5" t="s">
        <v>38</v>
      </c>
      <c r="P2259" s="5" t="s">
        <v>39</v>
      </c>
      <c r="Q2259" s="5" t="s">
        <v>40</v>
      </c>
      <c r="R2259" s="5" t="s">
        <v>1522</v>
      </c>
      <c r="S2259" s="5" t="s">
        <v>1523</v>
      </c>
      <c r="T2259" s="5" t="s">
        <v>42</v>
      </c>
      <c r="U2259" s="2">
        <v>3.706</v>
      </c>
      <c r="V2259" s="2">
        <v>3.1179999999999999</v>
      </c>
      <c r="W2259" s="2">
        <v>0.02</v>
      </c>
      <c r="X2259" s="2">
        <v>159.1</v>
      </c>
      <c r="Y2259" s="2">
        <v>7.6</v>
      </c>
      <c r="Z2259" s="2">
        <v>16.7</v>
      </c>
      <c r="AA2259" s="5"/>
      <c r="AB2259" s="5" t="s">
        <v>43</v>
      </c>
      <c r="AC2259" s="5" t="s">
        <v>44</v>
      </c>
      <c r="AD2259" s="2"/>
      <c r="AE2259" s="1"/>
    </row>
    <row r="2260" spans="1:31" ht="14.45">
      <c r="A2260" s="11"/>
      <c r="B2260" s="20"/>
      <c r="C2260" s="2" t="s">
        <v>7201</v>
      </c>
      <c r="D2260" s="14" t="s">
        <v>7202</v>
      </c>
      <c r="E2260" s="2" t="s">
        <v>7203</v>
      </c>
      <c r="F2260" s="2" t="s">
        <v>7204</v>
      </c>
      <c r="G2260" s="8">
        <v>80</v>
      </c>
      <c r="H2260" s="5">
        <v>6</v>
      </c>
      <c r="I2260" s="5" t="s">
        <v>1518</v>
      </c>
      <c r="J2260" s="5" t="s">
        <v>1519</v>
      </c>
      <c r="K2260" s="2" t="s">
        <v>1520</v>
      </c>
      <c r="L2260" s="5" t="s">
        <v>1519</v>
      </c>
      <c r="M2260" s="2" t="s">
        <v>1520</v>
      </c>
      <c r="N2260" s="5" t="s">
        <v>1521</v>
      </c>
      <c r="O2260" s="5" t="s">
        <v>38</v>
      </c>
      <c r="P2260" s="5" t="s">
        <v>39</v>
      </c>
      <c r="Q2260" s="5" t="s">
        <v>40</v>
      </c>
      <c r="R2260" s="5" t="s">
        <v>1522</v>
      </c>
      <c r="S2260" s="5" t="s">
        <v>1523</v>
      </c>
      <c r="T2260" s="5" t="s">
        <v>42</v>
      </c>
      <c r="U2260" s="2">
        <v>1.091</v>
      </c>
      <c r="V2260" s="2">
        <v>0.83299999999999996</v>
      </c>
      <c r="W2260" s="2">
        <v>6.0000000000000001E-3</v>
      </c>
      <c r="X2260" s="2">
        <v>76.900000000000006</v>
      </c>
      <c r="Y2260" s="2">
        <v>7.6</v>
      </c>
      <c r="Z2260" s="2">
        <v>10.6</v>
      </c>
      <c r="AA2260" s="5"/>
      <c r="AB2260" s="5" t="s">
        <v>43</v>
      </c>
      <c r="AC2260" s="5" t="s">
        <v>44</v>
      </c>
      <c r="AD2260" s="2"/>
      <c r="AE2260" s="1"/>
    </row>
    <row r="2261" spans="1:31" ht="14.45">
      <c r="A2261" s="11"/>
      <c r="B2261" s="20"/>
      <c r="C2261" s="2" t="s">
        <v>7205</v>
      </c>
      <c r="D2261" s="14" t="s">
        <v>7206</v>
      </c>
      <c r="E2261" s="2" t="s">
        <v>7207</v>
      </c>
      <c r="F2261" s="2" t="s">
        <v>7208</v>
      </c>
      <c r="G2261" s="8">
        <v>80</v>
      </c>
      <c r="H2261" s="5">
        <v>6</v>
      </c>
      <c r="I2261" s="5" t="s">
        <v>1518</v>
      </c>
      <c r="J2261" s="5" t="s">
        <v>1519</v>
      </c>
      <c r="K2261" s="2" t="s">
        <v>1520</v>
      </c>
      <c r="L2261" s="5" t="s">
        <v>1519</v>
      </c>
      <c r="M2261" s="2" t="s">
        <v>1520</v>
      </c>
      <c r="N2261" s="5" t="s">
        <v>1521</v>
      </c>
      <c r="O2261" s="5" t="s">
        <v>38</v>
      </c>
      <c r="P2261" s="5" t="s">
        <v>39</v>
      </c>
      <c r="Q2261" s="5" t="s">
        <v>40</v>
      </c>
      <c r="R2261" s="5" t="s">
        <v>1522</v>
      </c>
      <c r="S2261" s="5" t="s">
        <v>1523</v>
      </c>
      <c r="T2261" s="5" t="s">
        <v>42</v>
      </c>
      <c r="U2261" s="2">
        <v>1.091</v>
      </c>
      <c r="V2261" s="2">
        <v>0.83299999999999996</v>
      </c>
      <c r="W2261" s="2">
        <v>6.0000000000000001E-3</v>
      </c>
      <c r="X2261" s="2">
        <v>76.900000000000006</v>
      </c>
      <c r="Y2261" s="2">
        <v>7.6</v>
      </c>
      <c r="Z2261" s="2">
        <v>10.6</v>
      </c>
      <c r="AA2261" s="5"/>
      <c r="AB2261" s="5" t="s">
        <v>43</v>
      </c>
      <c r="AC2261" s="5" t="s">
        <v>44</v>
      </c>
      <c r="AD2261" s="2"/>
      <c r="AE2261" s="1"/>
    </row>
    <row r="2262" spans="1:31" ht="14.45">
      <c r="A2262" s="11"/>
      <c r="B2262" s="20"/>
      <c r="C2262" s="2" t="s">
        <v>7209</v>
      </c>
      <c r="D2262" s="14" t="s">
        <v>7210</v>
      </c>
      <c r="E2262" s="2" t="s">
        <v>7211</v>
      </c>
      <c r="F2262" s="2" t="s">
        <v>7212</v>
      </c>
      <c r="G2262" s="8">
        <v>80</v>
      </c>
      <c r="H2262" s="5">
        <v>6</v>
      </c>
      <c r="I2262" s="5" t="s">
        <v>1518</v>
      </c>
      <c r="J2262" s="5" t="s">
        <v>1519</v>
      </c>
      <c r="K2262" s="2" t="s">
        <v>1520</v>
      </c>
      <c r="L2262" s="5" t="s">
        <v>1519</v>
      </c>
      <c r="M2262" s="2" t="s">
        <v>1520</v>
      </c>
      <c r="N2262" s="5" t="s">
        <v>1521</v>
      </c>
      <c r="O2262" s="5" t="s">
        <v>38</v>
      </c>
      <c r="P2262" s="5" t="s">
        <v>39</v>
      </c>
      <c r="Q2262" s="5" t="s">
        <v>40</v>
      </c>
      <c r="R2262" s="5" t="s">
        <v>1522</v>
      </c>
      <c r="S2262" s="5" t="s">
        <v>1523</v>
      </c>
      <c r="T2262" s="5" t="s">
        <v>42</v>
      </c>
      <c r="U2262" s="2">
        <v>1.081</v>
      </c>
      <c r="V2262" s="2">
        <v>0.82299999999999995</v>
      </c>
      <c r="W2262" s="2">
        <v>6.0000000000000001E-3</v>
      </c>
      <c r="X2262" s="2">
        <v>76.900000000000006</v>
      </c>
      <c r="Y2262" s="2">
        <v>7.6</v>
      </c>
      <c r="Z2262" s="2">
        <v>10.6</v>
      </c>
      <c r="AA2262" s="5"/>
      <c r="AB2262" s="5" t="s">
        <v>43</v>
      </c>
      <c r="AC2262" s="5" t="s">
        <v>44</v>
      </c>
      <c r="AD2262" s="2"/>
      <c r="AE2262" s="1"/>
    </row>
    <row r="2263" spans="1:31" ht="14.45">
      <c r="A2263" s="11"/>
      <c r="B2263" s="20"/>
      <c r="C2263" s="2" t="s">
        <v>7213</v>
      </c>
      <c r="D2263" s="14" t="s">
        <v>7214</v>
      </c>
      <c r="E2263" s="2" t="s">
        <v>7215</v>
      </c>
      <c r="F2263" s="2" t="s">
        <v>7204</v>
      </c>
      <c r="G2263" s="8">
        <v>91</v>
      </c>
      <c r="H2263" s="5">
        <v>6</v>
      </c>
      <c r="I2263" s="5" t="s">
        <v>1518</v>
      </c>
      <c r="J2263" s="5" t="s">
        <v>1519</v>
      </c>
      <c r="K2263" s="2" t="s">
        <v>1520</v>
      </c>
      <c r="L2263" s="5" t="s">
        <v>1519</v>
      </c>
      <c r="M2263" s="2" t="s">
        <v>1520</v>
      </c>
      <c r="N2263" s="5" t="s">
        <v>1521</v>
      </c>
      <c r="O2263" s="5" t="s">
        <v>38</v>
      </c>
      <c r="P2263" s="5" t="s">
        <v>39</v>
      </c>
      <c r="Q2263" s="5" t="s">
        <v>40</v>
      </c>
      <c r="R2263" s="5" t="s">
        <v>1522</v>
      </c>
      <c r="S2263" s="5" t="s">
        <v>1523</v>
      </c>
      <c r="T2263" s="5" t="s">
        <v>42</v>
      </c>
      <c r="U2263" s="2">
        <v>1.302</v>
      </c>
      <c r="V2263" s="2">
        <v>0.94</v>
      </c>
      <c r="W2263" s="2">
        <v>8.0000000000000002E-3</v>
      </c>
      <c r="X2263" s="2">
        <v>99.1</v>
      </c>
      <c r="Y2263" s="2">
        <v>7.6</v>
      </c>
      <c r="Z2263" s="2">
        <v>10.6</v>
      </c>
      <c r="AA2263" s="5"/>
      <c r="AB2263" s="5" t="s">
        <v>43</v>
      </c>
      <c r="AC2263" s="5" t="s">
        <v>44</v>
      </c>
      <c r="AD2263" s="2"/>
      <c r="AE2263" s="1"/>
    </row>
    <row r="2264" spans="1:31" ht="14.45">
      <c r="A2264" s="11"/>
      <c r="B2264" s="20"/>
      <c r="C2264" s="2" t="s">
        <v>7216</v>
      </c>
      <c r="D2264" s="14" t="s">
        <v>7217</v>
      </c>
      <c r="E2264" s="2" t="s">
        <v>7218</v>
      </c>
      <c r="F2264" s="2" t="s">
        <v>7208</v>
      </c>
      <c r="G2264" s="8">
        <v>91</v>
      </c>
      <c r="H2264" s="5">
        <v>6</v>
      </c>
      <c r="I2264" s="5" t="s">
        <v>1518</v>
      </c>
      <c r="J2264" s="5" t="s">
        <v>1519</v>
      </c>
      <c r="K2264" s="2" t="s">
        <v>1520</v>
      </c>
      <c r="L2264" s="5" t="s">
        <v>1519</v>
      </c>
      <c r="M2264" s="2" t="s">
        <v>1520</v>
      </c>
      <c r="N2264" s="5" t="s">
        <v>1521</v>
      </c>
      <c r="O2264" s="5" t="s">
        <v>38</v>
      </c>
      <c r="P2264" s="5" t="s">
        <v>39</v>
      </c>
      <c r="Q2264" s="5" t="s">
        <v>40</v>
      </c>
      <c r="R2264" s="5" t="s">
        <v>1522</v>
      </c>
      <c r="S2264" s="5" t="s">
        <v>1523</v>
      </c>
      <c r="T2264" s="5" t="s">
        <v>42</v>
      </c>
      <c r="U2264" s="2">
        <v>1.302</v>
      </c>
      <c r="V2264" s="2">
        <v>0.94</v>
      </c>
      <c r="W2264" s="2">
        <v>8.0000000000000002E-3</v>
      </c>
      <c r="X2264" s="2">
        <v>99.1</v>
      </c>
      <c r="Y2264" s="2">
        <v>7.6</v>
      </c>
      <c r="Z2264" s="2">
        <v>10.6</v>
      </c>
      <c r="AA2264" s="5"/>
      <c r="AB2264" s="5" t="s">
        <v>43</v>
      </c>
      <c r="AC2264" s="5" t="s">
        <v>44</v>
      </c>
      <c r="AD2264" s="2"/>
      <c r="AE2264" s="1"/>
    </row>
    <row r="2265" spans="1:31" ht="14.45">
      <c r="A2265" s="11"/>
      <c r="B2265" s="20"/>
      <c r="C2265" s="2" t="s">
        <v>7219</v>
      </c>
      <c r="D2265" s="14" t="s">
        <v>7220</v>
      </c>
      <c r="E2265" s="2" t="s">
        <v>7221</v>
      </c>
      <c r="F2265" s="2" t="s">
        <v>7212</v>
      </c>
      <c r="G2265" s="8">
        <v>91</v>
      </c>
      <c r="H2265" s="5">
        <v>6</v>
      </c>
      <c r="I2265" s="5" t="s">
        <v>1518</v>
      </c>
      <c r="J2265" s="5" t="s">
        <v>1519</v>
      </c>
      <c r="K2265" s="2" t="s">
        <v>1520</v>
      </c>
      <c r="L2265" s="5" t="s">
        <v>1519</v>
      </c>
      <c r="M2265" s="2" t="s">
        <v>1520</v>
      </c>
      <c r="N2265" s="5" t="s">
        <v>1521</v>
      </c>
      <c r="O2265" s="5" t="s">
        <v>38</v>
      </c>
      <c r="P2265" s="5" t="s">
        <v>39</v>
      </c>
      <c r="Q2265" s="5" t="s">
        <v>40</v>
      </c>
      <c r="R2265" s="5" t="s">
        <v>1522</v>
      </c>
      <c r="S2265" s="5" t="s">
        <v>1523</v>
      </c>
      <c r="T2265" s="5" t="s">
        <v>42</v>
      </c>
      <c r="U2265" s="2">
        <v>1.2889999999999999</v>
      </c>
      <c r="V2265" s="2">
        <v>0.92700000000000005</v>
      </c>
      <c r="W2265" s="2">
        <v>8.0000000000000002E-3</v>
      </c>
      <c r="X2265" s="2">
        <v>99.1</v>
      </c>
      <c r="Y2265" s="2">
        <v>7.6</v>
      </c>
      <c r="Z2265" s="2">
        <v>10.6</v>
      </c>
      <c r="AA2265" s="5"/>
      <c r="AB2265" s="5" t="s">
        <v>43</v>
      </c>
      <c r="AC2265" s="5" t="s">
        <v>44</v>
      </c>
      <c r="AD2265" s="2"/>
      <c r="AE2265" s="1"/>
    </row>
    <row r="2266" spans="1:31" ht="14.45">
      <c r="A2266" s="11"/>
      <c r="B2266" s="20"/>
      <c r="C2266" s="2" t="s">
        <v>7222</v>
      </c>
      <c r="D2266" s="14" t="s">
        <v>7223</v>
      </c>
      <c r="E2266" s="2" t="s">
        <v>7224</v>
      </c>
      <c r="F2266" s="2" t="s">
        <v>7204</v>
      </c>
      <c r="G2266" s="8">
        <v>100</v>
      </c>
      <c r="H2266" s="5">
        <v>6</v>
      </c>
      <c r="I2266" s="5" t="s">
        <v>1518</v>
      </c>
      <c r="J2266" s="5" t="s">
        <v>1519</v>
      </c>
      <c r="K2266" s="2" t="s">
        <v>1520</v>
      </c>
      <c r="L2266" s="5" t="s">
        <v>1519</v>
      </c>
      <c r="M2266" s="2" t="s">
        <v>1520</v>
      </c>
      <c r="N2266" s="5" t="s">
        <v>1521</v>
      </c>
      <c r="O2266" s="5" t="s">
        <v>38</v>
      </c>
      <c r="P2266" s="5" t="s">
        <v>39</v>
      </c>
      <c r="Q2266" s="5" t="s">
        <v>40</v>
      </c>
      <c r="R2266" s="5" t="s">
        <v>1522</v>
      </c>
      <c r="S2266" s="5" t="s">
        <v>1523</v>
      </c>
      <c r="T2266" s="5" t="s">
        <v>42</v>
      </c>
      <c r="U2266" s="2">
        <v>1.393</v>
      </c>
      <c r="V2266" s="2">
        <v>1.038</v>
      </c>
      <c r="W2266" s="2">
        <v>8.0000000000000002E-3</v>
      </c>
      <c r="X2266" s="2">
        <v>99.1</v>
      </c>
      <c r="Y2266" s="2">
        <v>7.6</v>
      </c>
      <c r="Z2266" s="2">
        <v>10.6</v>
      </c>
      <c r="AA2266" s="5"/>
      <c r="AB2266" s="5" t="s">
        <v>43</v>
      </c>
      <c r="AC2266" s="5" t="s">
        <v>44</v>
      </c>
      <c r="AD2266" s="2"/>
      <c r="AE2266" s="1"/>
    </row>
    <row r="2267" spans="1:31" ht="14.45">
      <c r="A2267" s="11"/>
      <c r="B2267" s="20"/>
      <c r="C2267" s="2" t="s">
        <v>7225</v>
      </c>
      <c r="D2267" s="14" t="s">
        <v>7226</v>
      </c>
      <c r="E2267" s="2" t="s">
        <v>7227</v>
      </c>
      <c r="F2267" s="2" t="s">
        <v>7208</v>
      </c>
      <c r="G2267" s="8">
        <v>100</v>
      </c>
      <c r="H2267" s="5">
        <v>6</v>
      </c>
      <c r="I2267" s="5" t="s">
        <v>1518</v>
      </c>
      <c r="J2267" s="5" t="s">
        <v>1519</v>
      </c>
      <c r="K2267" s="2" t="s">
        <v>1520</v>
      </c>
      <c r="L2267" s="5" t="s">
        <v>1519</v>
      </c>
      <c r="M2267" s="2" t="s">
        <v>1520</v>
      </c>
      <c r="N2267" s="5" t="s">
        <v>1521</v>
      </c>
      <c r="O2267" s="5" t="s">
        <v>38</v>
      </c>
      <c r="P2267" s="5" t="s">
        <v>39</v>
      </c>
      <c r="Q2267" s="5" t="s">
        <v>40</v>
      </c>
      <c r="R2267" s="5" t="s">
        <v>1522</v>
      </c>
      <c r="S2267" s="5" t="s">
        <v>1523</v>
      </c>
      <c r="T2267" s="5" t="s">
        <v>42</v>
      </c>
      <c r="U2267" s="2">
        <v>1.393</v>
      </c>
      <c r="V2267" s="2">
        <v>1.038</v>
      </c>
      <c r="W2267" s="2">
        <v>8.0000000000000002E-3</v>
      </c>
      <c r="X2267" s="2">
        <v>99.1</v>
      </c>
      <c r="Y2267" s="2">
        <v>7.6</v>
      </c>
      <c r="Z2267" s="2">
        <v>10.6</v>
      </c>
      <c r="AA2267" s="5"/>
      <c r="AB2267" s="5" t="s">
        <v>43</v>
      </c>
      <c r="AC2267" s="5" t="s">
        <v>44</v>
      </c>
      <c r="AD2267" s="2"/>
      <c r="AE2267" s="1"/>
    </row>
    <row r="2268" spans="1:31" ht="14.45">
      <c r="A2268" s="11"/>
      <c r="B2268" s="20"/>
      <c r="C2268" s="2" t="s">
        <v>7228</v>
      </c>
      <c r="D2268" s="14" t="s">
        <v>7229</v>
      </c>
      <c r="E2268" s="2" t="s">
        <v>7230</v>
      </c>
      <c r="F2268" s="2" t="s">
        <v>7212</v>
      </c>
      <c r="G2268" s="8">
        <v>100</v>
      </c>
      <c r="H2268" s="5">
        <v>6</v>
      </c>
      <c r="I2268" s="5" t="s">
        <v>1518</v>
      </c>
      <c r="J2268" s="5" t="s">
        <v>1519</v>
      </c>
      <c r="K2268" s="2" t="s">
        <v>1520</v>
      </c>
      <c r="L2268" s="5" t="s">
        <v>1519</v>
      </c>
      <c r="M2268" s="2" t="s">
        <v>1520</v>
      </c>
      <c r="N2268" s="5" t="s">
        <v>1521</v>
      </c>
      <c r="O2268" s="5" t="s">
        <v>38</v>
      </c>
      <c r="P2268" s="5" t="s">
        <v>39</v>
      </c>
      <c r="Q2268" s="5" t="s">
        <v>40</v>
      </c>
      <c r="R2268" s="5" t="s">
        <v>1522</v>
      </c>
      <c r="S2268" s="5" t="s">
        <v>1523</v>
      </c>
      <c r="T2268" s="5" t="s">
        <v>42</v>
      </c>
      <c r="U2268" s="2">
        <v>1.38</v>
      </c>
      <c r="V2268" s="2">
        <v>1.0249999999999999</v>
      </c>
      <c r="W2268" s="2">
        <v>8.0000000000000002E-3</v>
      </c>
      <c r="X2268" s="2">
        <v>99.1</v>
      </c>
      <c r="Y2268" s="2">
        <v>7.6</v>
      </c>
      <c r="Z2268" s="2">
        <v>10.6</v>
      </c>
      <c r="AA2268" s="5"/>
      <c r="AB2268" s="5" t="s">
        <v>43</v>
      </c>
      <c r="AC2268" s="5" t="s">
        <v>44</v>
      </c>
      <c r="AD2268" s="2"/>
      <c r="AE2268" s="1"/>
    </row>
    <row r="2269" spans="1:31" ht="14.45">
      <c r="A2269" s="11"/>
      <c r="B2269" s="20"/>
      <c r="C2269" s="2" t="s">
        <v>7231</v>
      </c>
      <c r="D2269" s="14" t="s">
        <v>7232</v>
      </c>
      <c r="E2269" s="2" t="s">
        <v>7233</v>
      </c>
      <c r="F2269" s="2" t="s">
        <v>7204</v>
      </c>
      <c r="G2269" s="8">
        <v>111</v>
      </c>
      <c r="H2269" s="5">
        <v>6</v>
      </c>
      <c r="I2269" s="5" t="s">
        <v>1518</v>
      </c>
      <c r="J2269" s="5" t="s">
        <v>1519</v>
      </c>
      <c r="K2269" s="2" t="s">
        <v>1520</v>
      </c>
      <c r="L2269" s="5" t="s">
        <v>1519</v>
      </c>
      <c r="M2269" s="2" t="s">
        <v>1520</v>
      </c>
      <c r="N2269" s="5" t="s">
        <v>1521</v>
      </c>
      <c r="O2269" s="5" t="s">
        <v>38</v>
      </c>
      <c r="P2269" s="5" t="s">
        <v>39</v>
      </c>
      <c r="Q2269" s="5" t="s">
        <v>40</v>
      </c>
      <c r="R2269" s="5" t="s">
        <v>1522</v>
      </c>
      <c r="S2269" s="5" t="s">
        <v>1523</v>
      </c>
      <c r="T2269" s="5" t="s">
        <v>42</v>
      </c>
      <c r="U2269" s="2">
        <v>1.51</v>
      </c>
      <c r="V2269" s="2">
        <v>1.149</v>
      </c>
      <c r="W2269" s="2">
        <v>0.01</v>
      </c>
      <c r="X2269" s="2">
        <v>118.9</v>
      </c>
      <c r="Y2269" s="2">
        <v>7.6</v>
      </c>
      <c r="Z2269" s="2">
        <v>10.6</v>
      </c>
      <c r="AA2269" s="5"/>
      <c r="AB2269" s="5" t="s">
        <v>43</v>
      </c>
      <c r="AC2269" s="5" t="s">
        <v>44</v>
      </c>
      <c r="AD2269" s="2"/>
      <c r="AE2269" s="1"/>
    </row>
    <row r="2270" spans="1:31" ht="14.45">
      <c r="A2270" s="11"/>
      <c r="B2270" s="20"/>
      <c r="C2270" s="2" t="s">
        <v>7234</v>
      </c>
      <c r="D2270" s="14" t="s">
        <v>7235</v>
      </c>
      <c r="E2270" s="2" t="s">
        <v>7236</v>
      </c>
      <c r="F2270" s="2" t="s">
        <v>7208</v>
      </c>
      <c r="G2270" s="8">
        <v>111</v>
      </c>
      <c r="H2270" s="5">
        <v>6</v>
      </c>
      <c r="I2270" s="5" t="s">
        <v>1518</v>
      </c>
      <c r="J2270" s="5" t="s">
        <v>1519</v>
      </c>
      <c r="K2270" s="2" t="s">
        <v>1520</v>
      </c>
      <c r="L2270" s="5" t="s">
        <v>1519</v>
      </c>
      <c r="M2270" s="2" t="s">
        <v>1520</v>
      </c>
      <c r="N2270" s="5" t="s">
        <v>1521</v>
      </c>
      <c r="O2270" s="5" t="s">
        <v>38</v>
      </c>
      <c r="P2270" s="5" t="s">
        <v>39</v>
      </c>
      <c r="Q2270" s="5" t="s">
        <v>40</v>
      </c>
      <c r="R2270" s="5" t="s">
        <v>1522</v>
      </c>
      <c r="S2270" s="5" t="s">
        <v>1523</v>
      </c>
      <c r="T2270" s="5" t="s">
        <v>42</v>
      </c>
      <c r="U2270" s="2">
        <v>1.51</v>
      </c>
      <c r="V2270" s="2">
        <v>1.149</v>
      </c>
      <c r="W2270" s="2">
        <v>0.01</v>
      </c>
      <c r="X2270" s="2">
        <v>118.9</v>
      </c>
      <c r="Y2270" s="2">
        <v>7.6</v>
      </c>
      <c r="Z2270" s="2">
        <v>10.6</v>
      </c>
      <c r="AA2270" s="5"/>
      <c r="AB2270" s="5" t="s">
        <v>43</v>
      </c>
      <c r="AC2270" s="5" t="s">
        <v>44</v>
      </c>
      <c r="AD2270" s="2"/>
      <c r="AE2270" s="1"/>
    </row>
    <row r="2271" spans="1:31" ht="14.45">
      <c r="A2271" s="11"/>
      <c r="B2271" s="20"/>
      <c r="C2271" s="2" t="s">
        <v>7237</v>
      </c>
      <c r="D2271" s="14" t="s">
        <v>7238</v>
      </c>
      <c r="E2271" s="2" t="s">
        <v>7239</v>
      </c>
      <c r="F2271" s="2" t="s">
        <v>7212</v>
      </c>
      <c r="G2271" s="8">
        <v>111</v>
      </c>
      <c r="H2271" s="5">
        <v>6</v>
      </c>
      <c r="I2271" s="5" t="s">
        <v>1518</v>
      </c>
      <c r="J2271" s="5" t="s">
        <v>1519</v>
      </c>
      <c r="K2271" s="2" t="s">
        <v>1520</v>
      </c>
      <c r="L2271" s="5" t="s">
        <v>1519</v>
      </c>
      <c r="M2271" s="2" t="s">
        <v>1520</v>
      </c>
      <c r="N2271" s="5" t="s">
        <v>1521</v>
      </c>
      <c r="O2271" s="5" t="s">
        <v>38</v>
      </c>
      <c r="P2271" s="5" t="s">
        <v>39</v>
      </c>
      <c r="Q2271" s="5" t="s">
        <v>40</v>
      </c>
      <c r="R2271" s="5" t="s">
        <v>1522</v>
      </c>
      <c r="S2271" s="5" t="s">
        <v>1523</v>
      </c>
      <c r="T2271" s="5" t="s">
        <v>42</v>
      </c>
      <c r="U2271" s="2">
        <v>1.494</v>
      </c>
      <c r="V2271" s="2">
        <v>1.133</v>
      </c>
      <c r="W2271" s="2">
        <v>0.01</v>
      </c>
      <c r="X2271" s="2">
        <v>118.9</v>
      </c>
      <c r="Y2271" s="2">
        <v>7.6</v>
      </c>
      <c r="Z2271" s="2">
        <v>10.6</v>
      </c>
      <c r="AA2271" s="5"/>
      <c r="AB2271" s="5" t="s">
        <v>43</v>
      </c>
      <c r="AC2271" s="5" t="s">
        <v>44</v>
      </c>
      <c r="AD2271" s="2"/>
      <c r="AE2271" s="1"/>
    </row>
    <row r="2272" spans="1:31" ht="14.45">
      <c r="A2272" s="11"/>
      <c r="B2272" s="20"/>
      <c r="C2272" s="2" t="s">
        <v>7240</v>
      </c>
      <c r="D2272" s="14" t="s">
        <v>7241</v>
      </c>
      <c r="E2272" s="2" t="s">
        <v>7242</v>
      </c>
      <c r="F2272" s="2" t="s">
        <v>7204</v>
      </c>
      <c r="G2272" s="8">
        <v>105</v>
      </c>
      <c r="H2272" s="5">
        <v>6</v>
      </c>
      <c r="I2272" s="5" t="s">
        <v>1518</v>
      </c>
      <c r="J2272" s="5" t="s">
        <v>1519</v>
      </c>
      <c r="K2272" s="2" t="s">
        <v>1520</v>
      </c>
      <c r="L2272" s="5" t="s">
        <v>1519</v>
      </c>
      <c r="M2272" s="2" t="s">
        <v>1520</v>
      </c>
      <c r="N2272" s="5" t="s">
        <v>1521</v>
      </c>
      <c r="O2272" s="5" t="s">
        <v>38</v>
      </c>
      <c r="P2272" s="5" t="s">
        <v>39</v>
      </c>
      <c r="Q2272" s="5" t="s">
        <v>40</v>
      </c>
      <c r="R2272" s="5" t="s">
        <v>1522</v>
      </c>
      <c r="S2272" s="5" t="s">
        <v>1523</v>
      </c>
      <c r="T2272" s="5" t="s">
        <v>42</v>
      </c>
      <c r="U2272" s="2">
        <v>1.536</v>
      </c>
      <c r="V2272" s="2">
        <v>1.1879999999999999</v>
      </c>
      <c r="W2272" s="2">
        <v>8.0000000000000002E-3</v>
      </c>
      <c r="X2272" s="2">
        <v>99.1</v>
      </c>
      <c r="Y2272" s="2">
        <v>7.6</v>
      </c>
      <c r="Z2272" s="2">
        <v>10.6</v>
      </c>
      <c r="AA2272" s="5"/>
      <c r="AB2272" s="5" t="s">
        <v>43</v>
      </c>
      <c r="AC2272" s="5" t="s">
        <v>44</v>
      </c>
      <c r="AD2272" s="2"/>
      <c r="AE2272" s="1"/>
    </row>
    <row r="2273" spans="1:31" ht="14.45">
      <c r="A2273" s="11"/>
      <c r="B2273" s="20"/>
      <c r="C2273" s="2" t="s">
        <v>7243</v>
      </c>
      <c r="D2273" s="14" t="s">
        <v>7244</v>
      </c>
      <c r="E2273" s="2" t="s">
        <v>7245</v>
      </c>
      <c r="F2273" s="2" t="s">
        <v>7208</v>
      </c>
      <c r="G2273" s="8">
        <v>105</v>
      </c>
      <c r="H2273" s="5">
        <v>6</v>
      </c>
      <c r="I2273" s="5" t="s">
        <v>1518</v>
      </c>
      <c r="J2273" s="5" t="s">
        <v>1519</v>
      </c>
      <c r="K2273" s="2" t="s">
        <v>1520</v>
      </c>
      <c r="L2273" s="5" t="s">
        <v>1519</v>
      </c>
      <c r="M2273" s="2" t="s">
        <v>1520</v>
      </c>
      <c r="N2273" s="5" t="s">
        <v>1521</v>
      </c>
      <c r="O2273" s="5" t="s">
        <v>38</v>
      </c>
      <c r="P2273" s="5" t="s">
        <v>39</v>
      </c>
      <c r="Q2273" s="5" t="s">
        <v>40</v>
      </c>
      <c r="R2273" s="5" t="s">
        <v>1522</v>
      </c>
      <c r="S2273" s="5" t="s">
        <v>1523</v>
      </c>
      <c r="T2273" s="5" t="s">
        <v>42</v>
      </c>
      <c r="U2273" s="2">
        <v>1.536</v>
      </c>
      <c r="V2273" s="2">
        <v>1.1879999999999999</v>
      </c>
      <c r="W2273" s="2">
        <v>8.0000000000000002E-3</v>
      </c>
      <c r="X2273" s="2">
        <v>99.1</v>
      </c>
      <c r="Y2273" s="2">
        <v>7.6</v>
      </c>
      <c r="Z2273" s="2">
        <v>10.6</v>
      </c>
      <c r="AA2273" s="5"/>
      <c r="AB2273" s="5" t="s">
        <v>43</v>
      </c>
      <c r="AC2273" s="5" t="s">
        <v>44</v>
      </c>
      <c r="AD2273" s="2"/>
      <c r="AE2273" s="1"/>
    </row>
    <row r="2274" spans="1:31" ht="14.45">
      <c r="A2274" s="11"/>
      <c r="B2274" s="20"/>
      <c r="C2274" s="2" t="s">
        <v>7246</v>
      </c>
      <c r="D2274" s="14" t="s">
        <v>7247</v>
      </c>
      <c r="E2274" s="2" t="s">
        <v>7248</v>
      </c>
      <c r="F2274" s="2" t="s">
        <v>7212</v>
      </c>
      <c r="G2274" s="8">
        <v>105</v>
      </c>
      <c r="H2274" s="5">
        <v>6</v>
      </c>
      <c r="I2274" s="5" t="s">
        <v>1518</v>
      </c>
      <c r="J2274" s="5" t="s">
        <v>1519</v>
      </c>
      <c r="K2274" s="2" t="s">
        <v>1520</v>
      </c>
      <c r="L2274" s="5" t="s">
        <v>1519</v>
      </c>
      <c r="M2274" s="2" t="s">
        <v>1520</v>
      </c>
      <c r="N2274" s="5" t="s">
        <v>1521</v>
      </c>
      <c r="O2274" s="5" t="s">
        <v>38</v>
      </c>
      <c r="P2274" s="5" t="s">
        <v>39</v>
      </c>
      <c r="Q2274" s="5" t="s">
        <v>40</v>
      </c>
      <c r="R2274" s="5" t="s">
        <v>1522</v>
      </c>
      <c r="S2274" s="5" t="s">
        <v>1523</v>
      </c>
      <c r="T2274" s="5" t="s">
        <v>42</v>
      </c>
      <c r="U2274" s="2">
        <v>1.5209999999999999</v>
      </c>
      <c r="V2274" s="2">
        <v>1.173</v>
      </c>
      <c r="W2274" s="2">
        <v>8.0000000000000002E-3</v>
      </c>
      <c r="X2274" s="2">
        <v>99.1</v>
      </c>
      <c r="Y2274" s="2">
        <v>7.6</v>
      </c>
      <c r="Z2274" s="2">
        <v>10.6</v>
      </c>
      <c r="AA2274" s="5"/>
      <c r="AB2274" s="5" t="s">
        <v>43</v>
      </c>
      <c r="AC2274" s="5" t="s">
        <v>44</v>
      </c>
      <c r="AD2274" s="2"/>
      <c r="AE2274" s="1"/>
    </row>
    <row r="2275" spans="1:31" ht="14.45">
      <c r="A2275" s="11"/>
      <c r="B2275" s="20"/>
      <c r="C2275" s="2" t="s">
        <v>7249</v>
      </c>
      <c r="D2275" s="14" t="s">
        <v>7250</v>
      </c>
      <c r="E2275" s="2" t="s">
        <v>7251</v>
      </c>
      <c r="F2275" s="2" t="s">
        <v>7204</v>
      </c>
      <c r="G2275" s="8">
        <v>114</v>
      </c>
      <c r="H2275" s="5">
        <v>6</v>
      </c>
      <c r="I2275" s="5" t="s">
        <v>1518</v>
      </c>
      <c r="J2275" s="5" t="s">
        <v>1519</v>
      </c>
      <c r="K2275" s="2" t="s">
        <v>1520</v>
      </c>
      <c r="L2275" s="5" t="s">
        <v>1519</v>
      </c>
      <c r="M2275" s="2" t="s">
        <v>1520</v>
      </c>
      <c r="N2275" s="5" t="s">
        <v>1521</v>
      </c>
      <c r="O2275" s="5" t="s">
        <v>38</v>
      </c>
      <c r="P2275" s="5" t="s">
        <v>39</v>
      </c>
      <c r="Q2275" s="5" t="s">
        <v>40</v>
      </c>
      <c r="R2275" s="5" t="s">
        <v>1522</v>
      </c>
      <c r="S2275" s="5" t="s">
        <v>1523</v>
      </c>
      <c r="T2275" s="5" t="s">
        <v>42</v>
      </c>
      <c r="U2275" s="2">
        <v>1.6579999999999999</v>
      </c>
      <c r="V2275" s="2">
        <v>1.304</v>
      </c>
      <c r="W2275" s="2">
        <v>0.01</v>
      </c>
      <c r="X2275" s="2">
        <v>118.9</v>
      </c>
      <c r="Y2275" s="2">
        <v>7.6</v>
      </c>
      <c r="Z2275" s="2">
        <v>10.6</v>
      </c>
      <c r="AA2275" s="5"/>
      <c r="AB2275" s="5" t="s">
        <v>43</v>
      </c>
      <c r="AC2275" s="5" t="s">
        <v>44</v>
      </c>
      <c r="AD2275" s="2"/>
      <c r="AE2275" s="1"/>
    </row>
    <row r="2276" spans="1:31" ht="14.45">
      <c r="A2276" s="11"/>
      <c r="B2276" s="20"/>
      <c r="C2276" s="2" t="s">
        <v>7252</v>
      </c>
      <c r="D2276" s="14" t="s">
        <v>7253</v>
      </c>
      <c r="E2276" s="2" t="s">
        <v>7254</v>
      </c>
      <c r="F2276" s="2" t="s">
        <v>7208</v>
      </c>
      <c r="G2276" s="8">
        <v>114</v>
      </c>
      <c r="H2276" s="5">
        <v>6</v>
      </c>
      <c r="I2276" s="5" t="s">
        <v>1518</v>
      </c>
      <c r="J2276" s="5" t="s">
        <v>1519</v>
      </c>
      <c r="K2276" s="2" t="s">
        <v>1520</v>
      </c>
      <c r="L2276" s="5" t="s">
        <v>1519</v>
      </c>
      <c r="M2276" s="2" t="s">
        <v>1520</v>
      </c>
      <c r="N2276" s="5" t="s">
        <v>1521</v>
      </c>
      <c r="O2276" s="5" t="s">
        <v>38</v>
      </c>
      <c r="P2276" s="5" t="s">
        <v>39</v>
      </c>
      <c r="Q2276" s="5" t="s">
        <v>40</v>
      </c>
      <c r="R2276" s="5" t="s">
        <v>1522</v>
      </c>
      <c r="S2276" s="5" t="s">
        <v>1523</v>
      </c>
      <c r="T2276" s="5" t="s">
        <v>42</v>
      </c>
      <c r="U2276" s="2">
        <v>1.6579999999999999</v>
      </c>
      <c r="V2276" s="2">
        <v>1.304</v>
      </c>
      <c r="W2276" s="2">
        <v>0.01</v>
      </c>
      <c r="X2276" s="2">
        <v>118.9</v>
      </c>
      <c r="Y2276" s="2">
        <v>7.6</v>
      </c>
      <c r="Z2276" s="2">
        <v>10.6</v>
      </c>
      <c r="AA2276" s="5"/>
      <c r="AB2276" s="5" t="s">
        <v>43</v>
      </c>
      <c r="AC2276" s="5" t="s">
        <v>44</v>
      </c>
      <c r="AD2276" s="2"/>
      <c r="AE2276" s="1"/>
    </row>
    <row r="2277" spans="1:31" ht="14.45">
      <c r="A2277" s="11"/>
      <c r="B2277" s="20"/>
      <c r="C2277" s="2" t="s">
        <v>7255</v>
      </c>
      <c r="D2277" s="14" t="s">
        <v>7256</v>
      </c>
      <c r="E2277" s="2" t="s">
        <v>7257</v>
      </c>
      <c r="F2277" s="2" t="s">
        <v>7212</v>
      </c>
      <c r="G2277" s="8">
        <v>114</v>
      </c>
      <c r="H2277" s="5">
        <v>6</v>
      </c>
      <c r="I2277" s="5" t="s">
        <v>1518</v>
      </c>
      <c r="J2277" s="5" t="s">
        <v>1519</v>
      </c>
      <c r="K2277" s="2" t="s">
        <v>1520</v>
      </c>
      <c r="L2277" s="5" t="s">
        <v>1519</v>
      </c>
      <c r="M2277" s="2" t="s">
        <v>1520</v>
      </c>
      <c r="N2277" s="5" t="s">
        <v>1521</v>
      </c>
      <c r="O2277" s="5" t="s">
        <v>38</v>
      </c>
      <c r="P2277" s="5" t="s">
        <v>39</v>
      </c>
      <c r="Q2277" s="5" t="s">
        <v>40</v>
      </c>
      <c r="R2277" s="5" t="s">
        <v>1522</v>
      </c>
      <c r="S2277" s="5" t="s">
        <v>1523</v>
      </c>
      <c r="T2277" s="5" t="s">
        <v>42</v>
      </c>
      <c r="U2277" s="2">
        <v>1.639</v>
      </c>
      <c r="V2277" s="2">
        <v>1.2849999999999999</v>
      </c>
      <c r="W2277" s="2">
        <v>0.01</v>
      </c>
      <c r="X2277" s="2">
        <v>118.9</v>
      </c>
      <c r="Y2277" s="2">
        <v>7.6</v>
      </c>
      <c r="Z2277" s="2">
        <v>10.6</v>
      </c>
      <c r="AA2277" s="5"/>
      <c r="AB2277" s="5" t="s">
        <v>43</v>
      </c>
      <c r="AC2277" s="5" t="s">
        <v>44</v>
      </c>
      <c r="AD2277" s="2"/>
      <c r="AE2277" s="1"/>
    </row>
    <row r="2278" spans="1:31" ht="14.45">
      <c r="A2278" s="11"/>
      <c r="B2278" s="20"/>
      <c r="C2278" s="2" t="s">
        <v>7258</v>
      </c>
      <c r="D2278" s="14" t="s">
        <v>7259</v>
      </c>
      <c r="E2278" s="2" t="s">
        <v>7260</v>
      </c>
      <c r="F2278" s="2" t="s">
        <v>7204</v>
      </c>
      <c r="G2278" s="8">
        <v>117</v>
      </c>
      <c r="H2278" s="5">
        <v>6</v>
      </c>
      <c r="I2278" s="5" t="s">
        <v>1518</v>
      </c>
      <c r="J2278" s="5" t="s">
        <v>1519</v>
      </c>
      <c r="K2278" s="2" t="s">
        <v>1520</v>
      </c>
      <c r="L2278" s="5" t="s">
        <v>1519</v>
      </c>
      <c r="M2278" s="2" t="s">
        <v>1520</v>
      </c>
      <c r="N2278" s="5" t="s">
        <v>1521</v>
      </c>
      <c r="O2278" s="5" t="s">
        <v>38</v>
      </c>
      <c r="P2278" s="5" t="s">
        <v>39</v>
      </c>
      <c r="Q2278" s="5" t="s">
        <v>40</v>
      </c>
      <c r="R2278" s="5" t="s">
        <v>1522</v>
      </c>
      <c r="S2278" s="5" t="s">
        <v>1523</v>
      </c>
      <c r="T2278" s="5" t="s">
        <v>42</v>
      </c>
      <c r="U2278" s="2">
        <v>1.8220000000000001</v>
      </c>
      <c r="V2278" s="2">
        <v>1.4159999999999999</v>
      </c>
      <c r="W2278" s="2">
        <v>1.0999999999999999E-2</v>
      </c>
      <c r="X2278" s="2">
        <v>139.1</v>
      </c>
      <c r="Y2278" s="2">
        <v>7.6</v>
      </c>
      <c r="Z2278" s="2">
        <v>10.6</v>
      </c>
      <c r="AA2278" s="5"/>
      <c r="AB2278" s="5" t="s">
        <v>43</v>
      </c>
      <c r="AC2278" s="5" t="s">
        <v>44</v>
      </c>
      <c r="AD2278" s="2"/>
      <c r="AE2278" s="1"/>
    </row>
    <row r="2279" spans="1:31" ht="14.45">
      <c r="A2279" s="11"/>
      <c r="B2279" s="20"/>
      <c r="C2279" s="2" t="s">
        <v>7261</v>
      </c>
      <c r="D2279" s="14" t="s">
        <v>7262</v>
      </c>
      <c r="E2279" s="2" t="s">
        <v>7263</v>
      </c>
      <c r="F2279" s="2" t="s">
        <v>7208</v>
      </c>
      <c r="G2279" s="8">
        <v>117</v>
      </c>
      <c r="H2279" s="5">
        <v>6</v>
      </c>
      <c r="I2279" s="5" t="s">
        <v>1518</v>
      </c>
      <c r="J2279" s="5" t="s">
        <v>1519</v>
      </c>
      <c r="K2279" s="2" t="s">
        <v>1520</v>
      </c>
      <c r="L2279" s="5" t="s">
        <v>1519</v>
      </c>
      <c r="M2279" s="2" t="s">
        <v>1520</v>
      </c>
      <c r="N2279" s="5" t="s">
        <v>1521</v>
      </c>
      <c r="O2279" s="5" t="s">
        <v>38</v>
      </c>
      <c r="P2279" s="5" t="s">
        <v>39</v>
      </c>
      <c r="Q2279" s="5" t="s">
        <v>40</v>
      </c>
      <c r="R2279" s="5" t="s">
        <v>1522</v>
      </c>
      <c r="S2279" s="5" t="s">
        <v>1523</v>
      </c>
      <c r="T2279" s="5" t="s">
        <v>42</v>
      </c>
      <c r="U2279" s="2">
        <v>1.8220000000000001</v>
      </c>
      <c r="V2279" s="2">
        <v>1.4159999999999999</v>
      </c>
      <c r="W2279" s="2">
        <v>1.0999999999999999E-2</v>
      </c>
      <c r="X2279" s="2">
        <v>139.1</v>
      </c>
      <c r="Y2279" s="2">
        <v>7.6</v>
      </c>
      <c r="Z2279" s="2">
        <v>10.6</v>
      </c>
      <c r="AA2279" s="5"/>
      <c r="AB2279" s="5" t="s">
        <v>43</v>
      </c>
      <c r="AC2279" s="5" t="s">
        <v>44</v>
      </c>
      <c r="AD2279" s="2"/>
      <c r="AE2279" s="1"/>
    </row>
    <row r="2280" spans="1:31" ht="14.45">
      <c r="A2280" s="11"/>
      <c r="B2280" s="20"/>
      <c r="C2280" s="2" t="s">
        <v>7264</v>
      </c>
      <c r="D2280" s="14" t="s">
        <v>7265</v>
      </c>
      <c r="E2280" s="2" t="s">
        <v>7266</v>
      </c>
      <c r="F2280" s="2" t="s">
        <v>7212</v>
      </c>
      <c r="G2280" s="8">
        <v>117</v>
      </c>
      <c r="H2280" s="5">
        <v>6</v>
      </c>
      <c r="I2280" s="5" t="s">
        <v>1518</v>
      </c>
      <c r="J2280" s="5" t="s">
        <v>1519</v>
      </c>
      <c r="K2280" s="2" t="s">
        <v>1520</v>
      </c>
      <c r="L2280" s="5" t="s">
        <v>1519</v>
      </c>
      <c r="M2280" s="2" t="s">
        <v>1520</v>
      </c>
      <c r="N2280" s="5" t="s">
        <v>1521</v>
      </c>
      <c r="O2280" s="5" t="s">
        <v>38</v>
      </c>
      <c r="P2280" s="5" t="s">
        <v>39</v>
      </c>
      <c r="Q2280" s="5" t="s">
        <v>40</v>
      </c>
      <c r="R2280" s="5" t="s">
        <v>1522</v>
      </c>
      <c r="S2280" s="5" t="s">
        <v>1523</v>
      </c>
      <c r="T2280" s="5" t="s">
        <v>42</v>
      </c>
      <c r="U2280" s="2">
        <v>1.8</v>
      </c>
      <c r="V2280" s="2">
        <v>1.3939999999999999</v>
      </c>
      <c r="W2280" s="2">
        <v>1.0999999999999999E-2</v>
      </c>
      <c r="X2280" s="2">
        <v>139.1</v>
      </c>
      <c r="Y2280" s="2">
        <v>7.6</v>
      </c>
      <c r="Z2280" s="2">
        <v>10.6</v>
      </c>
      <c r="AA2280" s="5"/>
      <c r="AB2280" s="5" t="s">
        <v>43</v>
      </c>
      <c r="AC2280" s="5" t="s">
        <v>44</v>
      </c>
      <c r="AD2280" s="2"/>
      <c r="AE2280" s="1"/>
    </row>
    <row r="2281" spans="1:31" ht="14.45">
      <c r="A2281" s="11"/>
      <c r="B2281" s="20"/>
      <c r="C2281" s="2" t="s">
        <v>7267</v>
      </c>
      <c r="D2281" s="14" t="s">
        <v>7268</v>
      </c>
      <c r="E2281" s="2" t="s">
        <v>7269</v>
      </c>
      <c r="F2281" s="2" t="s">
        <v>7204</v>
      </c>
      <c r="G2281" s="8">
        <v>122</v>
      </c>
      <c r="H2281" s="5">
        <v>6</v>
      </c>
      <c r="I2281" s="5" t="s">
        <v>1518</v>
      </c>
      <c r="J2281" s="5" t="s">
        <v>1519</v>
      </c>
      <c r="K2281" s="2" t="s">
        <v>1520</v>
      </c>
      <c r="L2281" s="5" t="s">
        <v>1519</v>
      </c>
      <c r="M2281" s="2" t="s">
        <v>1520</v>
      </c>
      <c r="N2281" s="5" t="s">
        <v>1521</v>
      </c>
      <c r="O2281" s="5" t="s">
        <v>38</v>
      </c>
      <c r="P2281" s="5" t="s">
        <v>39</v>
      </c>
      <c r="Q2281" s="5" t="s">
        <v>40</v>
      </c>
      <c r="R2281" s="5" t="s">
        <v>1522</v>
      </c>
      <c r="S2281" s="5" t="s">
        <v>1523</v>
      </c>
      <c r="T2281" s="5" t="s">
        <v>42</v>
      </c>
      <c r="U2281" s="2">
        <v>1.8779999999999999</v>
      </c>
      <c r="V2281" s="2">
        <v>1.5369999999999999</v>
      </c>
      <c r="W2281" s="2">
        <v>0.01</v>
      </c>
      <c r="X2281" s="2">
        <v>118.9</v>
      </c>
      <c r="Y2281" s="2">
        <v>7.6</v>
      </c>
      <c r="Z2281" s="2">
        <v>10.6</v>
      </c>
      <c r="AA2281" s="5"/>
      <c r="AB2281" s="5" t="s">
        <v>43</v>
      </c>
      <c r="AC2281" s="5" t="s">
        <v>44</v>
      </c>
      <c r="AD2281" s="2"/>
      <c r="AE2281" s="1"/>
    </row>
    <row r="2282" spans="1:31" ht="14.45">
      <c r="A2282" s="11"/>
      <c r="B2282" s="20"/>
      <c r="C2282" s="2" t="s">
        <v>7270</v>
      </c>
      <c r="D2282" s="14" t="s">
        <v>7271</v>
      </c>
      <c r="E2282" s="2" t="s">
        <v>7272</v>
      </c>
      <c r="F2282" s="2" t="s">
        <v>7208</v>
      </c>
      <c r="G2282" s="8">
        <v>122</v>
      </c>
      <c r="H2282" s="5">
        <v>6</v>
      </c>
      <c r="I2282" s="5" t="s">
        <v>1518</v>
      </c>
      <c r="J2282" s="5" t="s">
        <v>1519</v>
      </c>
      <c r="K2282" s="2" t="s">
        <v>1520</v>
      </c>
      <c r="L2282" s="5" t="s">
        <v>1519</v>
      </c>
      <c r="M2282" s="2" t="s">
        <v>1520</v>
      </c>
      <c r="N2282" s="5" t="s">
        <v>1521</v>
      </c>
      <c r="O2282" s="5" t="s">
        <v>38</v>
      </c>
      <c r="P2282" s="5" t="s">
        <v>39</v>
      </c>
      <c r="Q2282" s="5" t="s">
        <v>40</v>
      </c>
      <c r="R2282" s="5" t="s">
        <v>1522</v>
      </c>
      <c r="S2282" s="5" t="s">
        <v>1523</v>
      </c>
      <c r="T2282" s="5" t="s">
        <v>42</v>
      </c>
      <c r="U2282" s="2">
        <v>1.8779999999999999</v>
      </c>
      <c r="V2282" s="2">
        <v>1.5369999999999999</v>
      </c>
      <c r="W2282" s="2">
        <v>0.01</v>
      </c>
      <c r="X2282" s="2">
        <v>118.9</v>
      </c>
      <c r="Y2282" s="2">
        <v>7.6</v>
      </c>
      <c r="Z2282" s="2">
        <v>10.6</v>
      </c>
      <c r="AA2282" s="5"/>
      <c r="AB2282" s="5" t="s">
        <v>43</v>
      </c>
      <c r="AC2282" s="5" t="s">
        <v>44</v>
      </c>
      <c r="AD2282" s="2"/>
      <c r="AE2282" s="1"/>
    </row>
    <row r="2283" spans="1:31" ht="14.45">
      <c r="A2283" s="11"/>
      <c r="B2283" s="20"/>
      <c r="C2283" s="2" t="s">
        <v>7273</v>
      </c>
      <c r="D2283" s="14" t="s">
        <v>7274</v>
      </c>
      <c r="E2283" s="2" t="s">
        <v>7275</v>
      </c>
      <c r="F2283" s="2" t="s">
        <v>7212</v>
      </c>
      <c r="G2283" s="8">
        <v>122</v>
      </c>
      <c r="H2283" s="5">
        <v>6</v>
      </c>
      <c r="I2283" s="5" t="s">
        <v>1518</v>
      </c>
      <c r="J2283" s="5" t="s">
        <v>1519</v>
      </c>
      <c r="K2283" s="2" t="s">
        <v>1520</v>
      </c>
      <c r="L2283" s="5" t="s">
        <v>1519</v>
      </c>
      <c r="M2283" s="2" t="s">
        <v>1520</v>
      </c>
      <c r="N2283" s="5" t="s">
        <v>1521</v>
      </c>
      <c r="O2283" s="5" t="s">
        <v>38</v>
      </c>
      <c r="P2283" s="5" t="s">
        <v>39</v>
      </c>
      <c r="Q2283" s="5" t="s">
        <v>40</v>
      </c>
      <c r="R2283" s="5" t="s">
        <v>1522</v>
      </c>
      <c r="S2283" s="5" t="s">
        <v>1523</v>
      </c>
      <c r="T2283" s="5" t="s">
        <v>42</v>
      </c>
      <c r="U2283" s="2">
        <v>1.8540000000000001</v>
      </c>
      <c r="V2283" s="2">
        <v>1.5129999999999999</v>
      </c>
      <c r="W2283" s="2">
        <v>0.01</v>
      </c>
      <c r="X2283" s="2">
        <v>118.9</v>
      </c>
      <c r="Y2283" s="2">
        <v>7.6</v>
      </c>
      <c r="Z2283" s="2">
        <v>10.6</v>
      </c>
      <c r="AA2283" s="5"/>
      <c r="AB2283" s="5" t="s">
        <v>43</v>
      </c>
      <c r="AC2283" s="5" t="s">
        <v>44</v>
      </c>
      <c r="AD2283" s="2"/>
      <c r="AE2283" s="1"/>
    </row>
    <row r="2284" spans="1:31" ht="14.45">
      <c r="A2284" s="11"/>
      <c r="B2284" s="20"/>
      <c r="C2284" s="2" t="s">
        <v>7276</v>
      </c>
      <c r="D2284" s="14" t="s">
        <v>7277</v>
      </c>
      <c r="E2284" s="2" t="s">
        <v>7278</v>
      </c>
      <c r="F2284" s="2" t="s">
        <v>7204</v>
      </c>
      <c r="G2284" s="8">
        <v>131</v>
      </c>
      <c r="H2284" s="5">
        <v>6</v>
      </c>
      <c r="I2284" s="5" t="s">
        <v>1518</v>
      </c>
      <c r="J2284" s="5" t="s">
        <v>1519</v>
      </c>
      <c r="K2284" s="2" t="s">
        <v>1520</v>
      </c>
      <c r="L2284" s="5" t="s">
        <v>1519</v>
      </c>
      <c r="M2284" s="2" t="s">
        <v>1520</v>
      </c>
      <c r="N2284" s="5" t="s">
        <v>1521</v>
      </c>
      <c r="O2284" s="5" t="s">
        <v>38</v>
      </c>
      <c r="P2284" s="5" t="s">
        <v>39</v>
      </c>
      <c r="Q2284" s="5" t="s">
        <v>40</v>
      </c>
      <c r="R2284" s="5" t="s">
        <v>1522</v>
      </c>
      <c r="S2284" s="5" t="s">
        <v>1523</v>
      </c>
      <c r="T2284" s="5" t="s">
        <v>42</v>
      </c>
      <c r="U2284" s="2">
        <v>2.052</v>
      </c>
      <c r="V2284" s="2">
        <v>1.659</v>
      </c>
      <c r="W2284" s="2">
        <v>1.0999999999999999E-2</v>
      </c>
      <c r="X2284" s="2">
        <v>139.1</v>
      </c>
      <c r="Y2284" s="2">
        <v>7.6</v>
      </c>
      <c r="Z2284" s="2">
        <v>10.6</v>
      </c>
      <c r="AA2284" s="5"/>
      <c r="AB2284" s="5" t="s">
        <v>43</v>
      </c>
      <c r="AC2284" s="5" t="s">
        <v>44</v>
      </c>
      <c r="AD2284" s="2"/>
      <c r="AE2284" s="1"/>
    </row>
    <row r="2285" spans="1:31" ht="14.45">
      <c r="A2285" s="11"/>
      <c r="B2285" s="20"/>
      <c r="C2285" s="2" t="s">
        <v>7279</v>
      </c>
      <c r="D2285" s="14" t="s">
        <v>7280</v>
      </c>
      <c r="E2285" s="2" t="s">
        <v>7281</v>
      </c>
      <c r="F2285" s="2" t="s">
        <v>7208</v>
      </c>
      <c r="G2285" s="8">
        <v>131</v>
      </c>
      <c r="H2285" s="5">
        <v>6</v>
      </c>
      <c r="I2285" s="5" t="s">
        <v>1518</v>
      </c>
      <c r="J2285" s="5" t="s">
        <v>1519</v>
      </c>
      <c r="K2285" s="2" t="s">
        <v>1520</v>
      </c>
      <c r="L2285" s="5" t="s">
        <v>1519</v>
      </c>
      <c r="M2285" s="2" t="s">
        <v>1520</v>
      </c>
      <c r="N2285" s="5" t="s">
        <v>1521</v>
      </c>
      <c r="O2285" s="5" t="s">
        <v>38</v>
      </c>
      <c r="P2285" s="5" t="s">
        <v>39</v>
      </c>
      <c r="Q2285" s="5" t="s">
        <v>40</v>
      </c>
      <c r="R2285" s="5" t="s">
        <v>1522</v>
      </c>
      <c r="S2285" s="5" t="s">
        <v>1523</v>
      </c>
      <c r="T2285" s="5" t="s">
        <v>42</v>
      </c>
      <c r="U2285" s="2">
        <v>2.052</v>
      </c>
      <c r="V2285" s="2">
        <v>1.659</v>
      </c>
      <c r="W2285" s="2">
        <v>1.0999999999999999E-2</v>
      </c>
      <c r="X2285" s="2">
        <v>139.1</v>
      </c>
      <c r="Y2285" s="2">
        <v>7.6</v>
      </c>
      <c r="Z2285" s="2">
        <v>10.6</v>
      </c>
      <c r="AA2285" s="5"/>
      <c r="AB2285" s="5" t="s">
        <v>43</v>
      </c>
      <c r="AC2285" s="5" t="s">
        <v>44</v>
      </c>
      <c r="AD2285" s="2"/>
      <c r="AE2285" s="1"/>
    </row>
    <row r="2286" spans="1:31" ht="14.45">
      <c r="A2286" s="11"/>
      <c r="B2286" s="20"/>
      <c r="C2286" s="2" t="s">
        <v>7282</v>
      </c>
      <c r="D2286" s="14" t="s">
        <v>7283</v>
      </c>
      <c r="E2286" s="2" t="s">
        <v>7284</v>
      </c>
      <c r="F2286" s="2" t="s">
        <v>7212</v>
      </c>
      <c r="G2286" s="8">
        <v>131</v>
      </c>
      <c r="H2286" s="5">
        <v>6</v>
      </c>
      <c r="I2286" s="5" t="s">
        <v>1518</v>
      </c>
      <c r="J2286" s="5" t="s">
        <v>1519</v>
      </c>
      <c r="K2286" s="2" t="s">
        <v>1520</v>
      </c>
      <c r="L2286" s="5" t="s">
        <v>1519</v>
      </c>
      <c r="M2286" s="2" t="s">
        <v>1520</v>
      </c>
      <c r="N2286" s="5" t="s">
        <v>1521</v>
      </c>
      <c r="O2286" s="5" t="s">
        <v>38</v>
      </c>
      <c r="P2286" s="5" t="s">
        <v>39</v>
      </c>
      <c r="Q2286" s="5" t="s">
        <v>40</v>
      </c>
      <c r="R2286" s="5" t="s">
        <v>1522</v>
      </c>
      <c r="S2286" s="5" t="s">
        <v>1523</v>
      </c>
      <c r="T2286" s="5" t="s">
        <v>42</v>
      </c>
      <c r="U2286" s="2">
        <v>2.0230000000000001</v>
      </c>
      <c r="V2286" s="2">
        <v>1.63</v>
      </c>
      <c r="W2286" s="2">
        <v>1.0999999999999999E-2</v>
      </c>
      <c r="X2286" s="2">
        <v>139.1</v>
      </c>
      <c r="Y2286" s="2">
        <v>7.6</v>
      </c>
      <c r="Z2286" s="2">
        <v>10.6</v>
      </c>
      <c r="AA2286" s="5"/>
      <c r="AB2286" s="5" t="s">
        <v>43</v>
      </c>
      <c r="AC2286" s="5" t="s">
        <v>44</v>
      </c>
      <c r="AD2286" s="2"/>
      <c r="AE2286" s="1"/>
    </row>
    <row r="2287" spans="1:31" ht="14.45">
      <c r="A2287" s="11"/>
      <c r="B2287" s="20"/>
      <c r="C2287" s="2" t="s">
        <v>7285</v>
      </c>
      <c r="D2287" s="14" t="s">
        <v>7286</v>
      </c>
      <c r="E2287" s="2" t="s">
        <v>7287</v>
      </c>
      <c r="F2287" s="2" t="s">
        <v>7204</v>
      </c>
      <c r="G2287" s="8">
        <v>138</v>
      </c>
      <c r="H2287" s="5">
        <v>6</v>
      </c>
      <c r="I2287" s="5" t="s">
        <v>1518</v>
      </c>
      <c r="J2287" s="5" t="s">
        <v>1519</v>
      </c>
      <c r="K2287" s="2" t="s">
        <v>1520</v>
      </c>
      <c r="L2287" s="5" t="s">
        <v>1519</v>
      </c>
      <c r="M2287" s="2" t="s">
        <v>1520</v>
      </c>
      <c r="N2287" s="5" t="s">
        <v>1521</v>
      </c>
      <c r="O2287" s="5" t="s">
        <v>38</v>
      </c>
      <c r="P2287" s="5" t="s">
        <v>39</v>
      </c>
      <c r="Q2287" s="5" t="s">
        <v>40</v>
      </c>
      <c r="R2287" s="5" t="s">
        <v>1522</v>
      </c>
      <c r="S2287" s="5" t="s">
        <v>1523</v>
      </c>
      <c r="T2287" s="5" t="s">
        <v>42</v>
      </c>
      <c r="U2287" s="2">
        <v>2.121</v>
      </c>
      <c r="V2287" s="2">
        <v>1.794</v>
      </c>
      <c r="W2287" s="2">
        <v>0.01</v>
      </c>
      <c r="X2287" s="2">
        <v>118.9</v>
      </c>
      <c r="Y2287" s="2">
        <v>7.6</v>
      </c>
      <c r="Z2287" s="2">
        <v>10.6</v>
      </c>
      <c r="AA2287" s="5"/>
      <c r="AB2287" s="5" t="s">
        <v>43</v>
      </c>
      <c r="AC2287" s="5" t="s">
        <v>44</v>
      </c>
      <c r="AD2287" s="2"/>
      <c r="AE2287" s="1"/>
    </row>
    <row r="2288" spans="1:31" ht="14.45">
      <c r="A2288" s="11"/>
      <c r="B2288" s="20"/>
      <c r="C2288" s="2" t="s">
        <v>7288</v>
      </c>
      <c r="D2288" s="14" t="s">
        <v>7289</v>
      </c>
      <c r="E2288" s="2" t="s">
        <v>7290</v>
      </c>
      <c r="F2288" s="2" t="s">
        <v>7208</v>
      </c>
      <c r="G2288" s="8">
        <v>138</v>
      </c>
      <c r="H2288" s="5">
        <v>6</v>
      </c>
      <c r="I2288" s="5" t="s">
        <v>1518</v>
      </c>
      <c r="J2288" s="5" t="s">
        <v>1519</v>
      </c>
      <c r="K2288" s="2" t="s">
        <v>1520</v>
      </c>
      <c r="L2288" s="5" t="s">
        <v>1519</v>
      </c>
      <c r="M2288" s="2" t="s">
        <v>1520</v>
      </c>
      <c r="N2288" s="5" t="s">
        <v>1521</v>
      </c>
      <c r="O2288" s="5" t="s">
        <v>38</v>
      </c>
      <c r="P2288" s="5" t="s">
        <v>39</v>
      </c>
      <c r="Q2288" s="5" t="s">
        <v>40</v>
      </c>
      <c r="R2288" s="5" t="s">
        <v>1522</v>
      </c>
      <c r="S2288" s="5" t="s">
        <v>1523</v>
      </c>
      <c r="T2288" s="5" t="s">
        <v>42</v>
      </c>
      <c r="U2288" s="2">
        <v>2.121</v>
      </c>
      <c r="V2288" s="2">
        <v>1.794</v>
      </c>
      <c r="W2288" s="2">
        <v>0.01</v>
      </c>
      <c r="X2288" s="2">
        <v>118.9</v>
      </c>
      <c r="Y2288" s="2">
        <v>7.6</v>
      </c>
      <c r="Z2288" s="2">
        <v>10.6</v>
      </c>
      <c r="AA2288" s="5"/>
      <c r="AB2288" s="5" t="s">
        <v>43</v>
      </c>
      <c r="AC2288" s="5" t="s">
        <v>44</v>
      </c>
      <c r="AD2288" s="2"/>
      <c r="AE2288" s="1"/>
    </row>
    <row r="2289" spans="1:31" ht="14.45">
      <c r="A2289" s="11"/>
      <c r="B2289" s="20"/>
      <c r="C2289" s="2" t="s">
        <v>7291</v>
      </c>
      <c r="D2289" s="14" t="s">
        <v>7292</v>
      </c>
      <c r="E2289" s="2" t="s">
        <v>7293</v>
      </c>
      <c r="F2289" s="2" t="s">
        <v>7212</v>
      </c>
      <c r="G2289" s="8">
        <v>138</v>
      </c>
      <c r="H2289" s="5">
        <v>6</v>
      </c>
      <c r="I2289" s="5" t="s">
        <v>1518</v>
      </c>
      <c r="J2289" s="5" t="s">
        <v>1519</v>
      </c>
      <c r="K2289" s="2" t="s">
        <v>1520</v>
      </c>
      <c r="L2289" s="5" t="s">
        <v>1519</v>
      </c>
      <c r="M2289" s="2" t="s">
        <v>1520</v>
      </c>
      <c r="N2289" s="5" t="s">
        <v>1521</v>
      </c>
      <c r="O2289" s="5" t="s">
        <v>38</v>
      </c>
      <c r="P2289" s="5" t="s">
        <v>39</v>
      </c>
      <c r="Q2289" s="5" t="s">
        <v>40</v>
      </c>
      <c r="R2289" s="5" t="s">
        <v>1522</v>
      </c>
      <c r="S2289" s="5" t="s">
        <v>1523</v>
      </c>
      <c r="T2289" s="5" t="s">
        <v>42</v>
      </c>
      <c r="U2289" s="2">
        <v>2.0880000000000001</v>
      </c>
      <c r="V2289" s="2">
        <v>1.7609999999999999</v>
      </c>
      <c r="W2289" s="2">
        <v>0.01</v>
      </c>
      <c r="X2289" s="2">
        <v>118.9</v>
      </c>
      <c r="Y2289" s="2">
        <v>7.6</v>
      </c>
      <c r="Z2289" s="2">
        <v>10.6</v>
      </c>
      <c r="AA2289" s="5"/>
      <c r="AB2289" s="5" t="s">
        <v>43</v>
      </c>
      <c r="AC2289" s="5" t="s">
        <v>44</v>
      </c>
      <c r="AD2289" s="2"/>
      <c r="AE2289" s="1"/>
    </row>
    <row r="2290" spans="1:31" ht="14.45">
      <c r="A2290" s="11"/>
      <c r="B2290" s="20"/>
      <c r="C2290" s="2" t="s">
        <v>7294</v>
      </c>
      <c r="D2290" s="14" t="s">
        <v>7295</v>
      </c>
      <c r="E2290" s="2" t="s">
        <v>7296</v>
      </c>
      <c r="F2290" s="2" t="s">
        <v>7204</v>
      </c>
      <c r="G2290" s="8">
        <v>146</v>
      </c>
      <c r="H2290" s="5">
        <v>6</v>
      </c>
      <c r="I2290" s="5" t="s">
        <v>1518</v>
      </c>
      <c r="J2290" s="5" t="s">
        <v>1519</v>
      </c>
      <c r="K2290" s="2" t="s">
        <v>1520</v>
      </c>
      <c r="L2290" s="5" t="s">
        <v>1519</v>
      </c>
      <c r="M2290" s="2" t="s">
        <v>1520</v>
      </c>
      <c r="N2290" s="5" t="s">
        <v>1521</v>
      </c>
      <c r="O2290" s="5" t="s">
        <v>38</v>
      </c>
      <c r="P2290" s="5" t="s">
        <v>39</v>
      </c>
      <c r="Q2290" s="5" t="s">
        <v>40</v>
      </c>
      <c r="R2290" s="5" t="s">
        <v>1522</v>
      </c>
      <c r="S2290" s="5" t="s">
        <v>1523</v>
      </c>
      <c r="T2290" s="5" t="s">
        <v>42</v>
      </c>
      <c r="U2290" s="2">
        <v>2.3050000000000002</v>
      </c>
      <c r="V2290" s="2">
        <v>1.9259999999999999</v>
      </c>
      <c r="W2290" s="2">
        <v>1.0999999999999999E-2</v>
      </c>
      <c r="X2290" s="2">
        <v>139.1</v>
      </c>
      <c r="Y2290" s="2">
        <v>7.6</v>
      </c>
      <c r="Z2290" s="2">
        <v>10.6</v>
      </c>
      <c r="AA2290" s="5"/>
      <c r="AB2290" s="5" t="s">
        <v>43</v>
      </c>
      <c r="AC2290" s="5" t="s">
        <v>44</v>
      </c>
      <c r="AD2290" s="2"/>
      <c r="AE2290" s="1"/>
    </row>
    <row r="2291" spans="1:31" ht="14.45">
      <c r="A2291" s="11"/>
      <c r="B2291" s="20"/>
      <c r="C2291" s="2" t="s">
        <v>7297</v>
      </c>
      <c r="D2291" s="14" t="s">
        <v>7298</v>
      </c>
      <c r="E2291" s="2" t="s">
        <v>7299</v>
      </c>
      <c r="F2291" s="2" t="s">
        <v>7208</v>
      </c>
      <c r="G2291" s="8">
        <v>146</v>
      </c>
      <c r="H2291" s="5">
        <v>6</v>
      </c>
      <c r="I2291" s="5" t="s">
        <v>1518</v>
      </c>
      <c r="J2291" s="5" t="s">
        <v>1519</v>
      </c>
      <c r="K2291" s="2" t="s">
        <v>1520</v>
      </c>
      <c r="L2291" s="5" t="s">
        <v>1519</v>
      </c>
      <c r="M2291" s="2" t="s">
        <v>1520</v>
      </c>
      <c r="N2291" s="5" t="s">
        <v>1521</v>
      </c>
      <c r="O2291" s="5" t="s">
        <v>38</v>
      </c>
      <c r="P2291" s="5" t="s">
        <v>39</v>
      </c>
      <c r="Q2291" s="5" t="s">
        <v>40</v>
      </c>
      <c r="R2291" s="5" t="s">
        <v>1522</v>
      </c>
      <c r="S2291" s="5" t="s">
        <v>1523</v>
      </c>
      <c r="T2291" s="5" t="s">
        <v>42</v>
      </c>
      <c r="U2291" s="2">
        <v>2.3050000000000002</v>
      </c>
      <c r="V2291" s="2">
        <v>1.9259999999999999</v>
      </c>
      <c r="W2291" s="2">
        <v>1.0999999999999999E-2</v>
      </c>
      <c r="X2291" s="2">
        <v>139.1</v>
      </c>
      <c r="Y2291" s="2">
        <v>7.6</v>
      </c>
      <c r="Z2291" s="2">
        <v>10.6</v>
      </c>
      <c r="AA2291" s="5"/>
      <c r="AB2291" s="5" t="s">
        <v>43</v>
      </c>
      <c r="AC2291" s="5" t="s">
        <v>44</v>
      </c>
      <c r="AD2291" s="2"/>
      <c r="AE2291" s="1"/>
    </row>
    <row r="2292" spans="1:31" ht="14.45">
      <c r="A2292" s="11"/>
      <c r="B2292" s="20"/>
      <c r="C2292" s="2" t="s">
        <v>7300</v>
      </c>
      <c r="D2292" s="14" t="s">
        <v>7301</v>
      </c>
      <c r="E2292" s="2" t="s">
        <v>7302</v>
      </c>
      <c r="F2292" s="2" t="s">
        <v>7212</v>
      </c>
      <c r="G2292" s="8">
        <v>146</v>
      </c>
      <c r="H2292" s="5">
        <v>6</v>
      </c>
      <c r="I2292" s="5" t="s">
        <v>1518</v>
      </c>
      <c r="J2292" s="5" t="s">
        <v>1519</v>
      </c>
      <c r="K2292" s="2" t="s">
        <v>1520</v>
      </c>
      <c r="L2292" s="5" t="s">
        <v>1519</v>
      </c>
      <c r="M2292" s="2" t="s">
        <v>1520</v>
      </c>
      <c r="N2292" s="5" t="s">
        <v>1521</v>
      </c>
      <c r="O2292" s="5" t="s">
        <v>38</v>
      </c>
      <c r="P2292" s="5" t="s">
        <v>39</v>
      </c>
      <c r="Q2292" s="5" t="s">
        <v>40</v>
      </c>
      <c r="R2292" s="5" t="s">
        <v>1522</v>
      </c>
      <c r="S2292" s="5" t="s">
        <v>1523</v>
      </c>
      <c r="T2292" s="5" t="s">
        <v>42</v>
      </c>
      <c r="U2292" s="2">
        <v>2.266</v>
      </c>
      <c r="V2292" s="2">
        <v>1.887</v>
      </c>
      <c r="W2292" s="2">
        <v>1.0999999999999999E-2</v>
      </c>
      <c r="X2292" s="2">
        <v>139.1</v>
      </c>
      <c r="Y2292" s="2">
        <v>7.6</v>
      </c>
      <c r="Z2292" s="2">
        <v>10.6</v>
      </c>
      <c r="AA2292" s="5"/>
      <c r="AB2292" s="5" t="s">
        <v>43</v>
      </c>
      <c r="AC2292" s="5" t="s">
        <v>44</v>
      </c>
      <c r="AD2292" s="2"/>
      <c r="AE2292" s="1"/>
    </row>
    <row r="2293" spans="1:31" ht="14.45">
      <c r="A2293" s="11"/>
      <c r="B2293" s="20"/>
      <c r="C2293" s="2" t="s">
        <v>7303</v>
      </c>
      <c r="D2293" s="14" t="s">
        <v>7304</v>
      </c>
      <c r="E2293" s="2" t="s">
        <v>7305</v>
      </c>
      <c r="F2293" s="2" t="s">
        <v>7204</v>
      </c>
      <c r="G2293" s="8">
        <v>164</v>
      </c>
      <c r="H2293" s="5">
        <v>6</v>
      </c>
      <c r="I2293" s="5" t="s">
        <v>1518</v>
      </c>
      <c r="J2293" s="5" t="s">
        <v>1519</v>
      </c>
      <c r="K2293" s="2" t="s">
        <v>1520</v>
      </c>
      <c r="L2293" s="5" t="s">
        <v>1519</v>
      </c>
      <c r="M2293" s="2" t="s">
        <v>1520</v>
      </c>
      <c r="N2293" s="5" t="s">
        <v>1521</v>
      </c>
      <c r="O2293" s="5" t="s">
        <v>38</v>
      </c>
      <c r="P2293" s="5" t="s">
        <v>39</v>
      </c>
      <c r="Q2293" s="5" t="s">
        <v>40</v>
      </c>
      <c r="R2293" s="5" t="s">
        <v>1522</v>
      </c>
      <c r="S2293" s="5" t="s">
        <v>1523</v>
      </c>
      <c r="T2293" s="5" t="s">
        <v>42</v>
      </c>
      <c r="U2293" s="2">
        <v>2.4809999999999999</v>
      </c>
      <c r="V2293" s="2">
        <v>2.0579999999999998</v>
      </c>
      <c r="W2293" s="2">
        <v>1.2999999999999999E-2</v>
      </c>
      <c r="X2293" s="2">
        <v>159.1</v>
      </c>
      <c r="Y2293" s="2">
        <v>7.6</v>
      </c>
      <c r="Z2293" s="2">
        <v>10.6</v>
      </c>
      <c r="AA2293" s="5"/>
      <c r="AB2293" s="5" t="s">
        <v>43</v>
      </c>
      <c r="AC2293" s="5" t="s">
        <v>44</v>
      </c>
      <c r="AD2293" s="2"/>
      <c r="AE2293" s="1"/>
    </row>
    <row r="2294" spans="1:31" ht="14.45">
      <c r="A2294" s="11"/>
      <c r="B2294" s="20"/>
      <c r="C2294" s="2" t="s">
        <v>7306</v>
      </c>
      <c r="D2294" s="14" t="s">
        <v>7307</v>
      </c>
      <c r="E2294" s="2" t="s">
        <v>7308</v>
      </c>
      <c r="F2294" s="2" t="s">
        <v>7208</v>
      </c>
      <c r="G2294" s="8">
        <v>164</v>
      </c>
      <c r="H2294" s="5">
        <v>6</v>
      </c>
      <c r="I2294" s="5" t="s">
        <v>1518</v>
      </c>
      <c r="J2294" s="5" t="s">
        <v>1519</v>
      </c>
      <c r="K2294" s="2" t="s">
        <v>1520</v>
      </c>
      <c r="L2294" s="5" t="s">
        <v>1519</v>
      </c>
      <c r="M2294" s="2" t="s">
        <v>1520</v>
      </c>
      <c r="N2294" s="5" t="s">
        <v>1521</v>
      </c>
      <c r="O2294" s="5" t="s">
        <v>38</v>
      </c>
      <c r="P2294" s="5" t="s">
        <v>39</v>
      </c>
      <c r="Q2294" s="5" t="s">
        <v>40</v>
      </c>
      <c r="R2294" s="5" t="s">
        <v>1522</v>
      </c>
      <c r="S2294" s="5" t="s">
        <v>1523</v>
      </c>
      <c r="T2294" s="5" t="s">
        <v>42</v>
      </c>
      <c r="U2294" s="2">
        <v>2.4809999999999999</v>
      </c>
      <c r="V2294" s="2">
        <v>2.0579999999999998</v>
      </c>
      <c r="W2294" s="2">
        <v>1.2999999999999999E-2</v>
      </c>
      <c r="X2294" s="2">
        <v>159.1</v>
      </c>
      <c r="Y2294" s="2">
        <v>7.6</v>
      </c>
      <c r="Z2294" s="2">
        <v>10.6</v>
      </c>
      <c r="AA2294" s="5"/>
      <c r="AB2294" s="5" t="s">
        <v>43</v>
      </c>
      <c r="AC2294" s="5" t="s">
        <v>44</v>
      </c>
      <c r="AD2294" s="2"/>
      <c r="AE2294" s="1"/>
    </row>
    <row r="2295" spans="1:31" ht="14.45">
      <c r="A2295" s="11"/>
      <c r="B2295" s="20"/>
      <c r="C2295" s="2" t="s">
        <v>7309</v>
      </c>
      <c r="D2295" s="14" t="s">
        <v>7310</v>
      </c>
      <c r="E2295" s="2" t="s">
        <v>7311</v>
      </c>
      <c r="F2295" s="2" t="s">
        <v>7212</v>
      </c>
      <c r="G2295" s="8">
        <v>164</v>
      </c>
      <c r="H2295" s="5">
        <v>6</v>
      </c>
      <c r="I2295" s="5" t="s">
        <v>1518</v>
      </c>
      <c r="J2295" s="5" t="s">
        <v>1519</v>
      </c>
      <c r="K2295" s="2" t="s">
        <v>1520</v>
      </c>
      <c r="L2295" s="5" t="s">
        <v>1519</v>
      </c>
      <c r="M2295" s="2" t="s">
        <v>1520</v>
      </c>
      <c r="N2295" s="5" t="s">
        <v>1521</v>
      </c>
      <c r="O2295" s="5" t="s">
        <v>38</v>
      </c>
      <c r="P2295" s="5" t="s">
        <v>39</v>
      </c>
      <c r="Q2295" s="5" t="s">
        <v>40</v>
      </c>
      <c r="R2295" s="5" t="s">
        <v>1522</v>
      </c>
      <c r="S2295" s="5" t="s">
        <v>1523</v>
      </c>
      <c r="T2295" s="5" t="s">
        <v>42</v>
      </c>
      <c r="U2295" s="2">
        <v>2.4369999999999998</v>
      </c>
      <c r="V2295" s="2">
        <v>2.0139999999999998</v>
      </c>
      <c r="W2295" s="2">
        <v>1.2999999999999999E-2</v>
      </c>
      <c r="X2295" s="2">
        <v>159.1</v>
      </c>
      <c r="Y2295" s="2">
        <v>7.6</v>
      </c>
      <c r="Z2295" s="2">
        <v>10.6</v>
      </c>
      <c r="AA2295" s="5"/>
      <c r="AB2295" s="5" t="s">
        <v>43</v>
      </c>
      <c r="AC2295" s="5" t="s">
        <v>44</v>
      </c>
      <c r="AD2295" s="2"/>
      <c r="AE2295" s="1"/>
    </row>
    <row r="2296" spans="1:31" ht="14.45">
      <c r="A2296" s="11"/>
      <c r="B2296" s="20"/>
      <c r="C2296" s="2" t="s">
        <v>7312</v>
      </c>
      <c r="D2296" s="14" t="s">
        <v>7313</v>
      </c>
      <c r="E2296" s="2" t="s">
        <v>7314</v>
      </c>
      <c r="F2296" s="2" t="s">
        <v>7204</v>
      </c>
      <c r="G2296" s="8">
        <v>158</v>
      </c>
      <c r="H2296" s="5">
        <v>6</v>
      </c>
      <c r="I2296" s="5" t="s">
        <v>1518</v>
      </c>
      <c r="J2296" s="5" t="s">
        <v>1519</v>
      </c>
      <c r="K2296" s="2" t="s">
        <v>1520</v>
      </c>
      <c r="L2296" s="5" t="s">
        <v>1519</v>
      </c>
      <c r="M2296" s="2" t="s">
        <v>1520</v>
      </c>
      <c r="N2296" s="5" t="s">
        <v>1521</v>
      </c>
      <c r="O2296" s="5" t="s">
        <v>38</v>
      </c>
      <c r="P2296" s="5" t="s">
        <v>39</v>
      </c>
      <c r="Q2296" s="5" t="s">
        <v>40</v>
      </c>
      <c r="R2296" s="5" t="s">
        <v>1522</v>
      </c>
      <c r="S2296" s="5" t="s">
        <v>1523</v>
      </c>
      <c r="T2296" s="5" t="s">
        <v>42</v>
      </c>
      <c r="U2296" s="2">
        <v>2.5739999999999998</v>
      </c>
      <c r="V2296" s="2">
        <v>2.2090000000000001</v>
      </c>
      <c r="W2296" s="2">
        <v>1.0999999999999999E-2</v>
      </c>
      <c r="X2296" s="2">
        <v>139.1</v>
      </c>
      <c r="Y2296" s="2">
        <v>7.6</v>
      </c>
      <c r="Z2296" s="2">
        <v>10.6</v>
      </c>
      <c r="AA2296" s="5"/>
      <c r="AB2296" s="5" t="s">
        <v>43</v>
      </c>
      <c r="AC2296" s="5" t="s">
        <v>44</v>
      </c>
      <c r="AD2296" s="2"/>
      <c r="AE2296" s="1"/>
    </row>
    <row r="2297" spans="1:31" ht="14.45">
      <c r="A2297" s="11"/>
      <c r="B2297" s="20"/>
      <c r="C2297" s="2" t="s">
        <v>7315</v>
      </c>
      <c r="D2297" s="14" t="s">
        <v>7316</v>
      </c>
      <c r="E2297" s="2" t="s">
        <v>7317</v>
      </c>
      <c r="F2297" s="2" t="s">
        <v>7208</v>
      </c>
      <c r="G2297" s="8">
        <v>158</v>
      </c>
      <c r="H2297" s="5">
        <v>6</v>
      </c>
      <c r="I2297" s="5" t="s">
        <v>1518</v>
      </c>
      <c r="J2297" s="5" t="s">
        <v>1519</v>
      </c>
      <c r="K2297" s="2" t="s">
        <v>1520</v>
      </c>
      <c r="L2297" s="5" t="s">
        <v>1519</v>
      </c>
      <c r="M2297" s="2" t="s">
        <v>1520</v>
      </c>
      <c r="N2297" s="5" t="s">
        <v>1521</v>
      </c>
      <c r="O2297" s="5" t="s">
        <v>38</v>
      </c>
      <c r="P2297" s="5" t="s">
        <v>39</v>
      </c>
      <c r="Q2297" s="5" t="s">
        <v>40</v>
      </c>
      <c r="R2297" s="5" t="s">
        <v>1522</v>
      </c>
      <c r="S2297" s="5" t="s">
        <v>1523</v>
      </c>
      <c r="T2297" s="5" t="s">
        <v>42</v>
      </c>
      <c r="U2297" s="2">
        <v>2.5739999999999998</v>
      </c>
      <c r="V2297" s="2">
        <v>2.2090000000000001</v>
      </c>
      <c r="W2297" s="2">
        <v>1.0999999999999999E-2</v>
      </c>
      <c r="X2297" s="2">
        <v>139.1</v>
      </c>
      <c r="Y2297" s="2">
        <v>7.6</v>
      </c>
      <c r="Z2297" s="2">
        <v>10.6</v>
      </c>
      <c r="AA2297" s="5"/>
      <c r="AB2297" s="5" t="s">
        <v>43</v>
      </c>
      <c r="AC2297" s="5" t="s">
        <v>44</v>
      </c>
      <c r="AD2297" s="2"/>
      <c r="AE2297" s="1"/>
    </row>
    <row r="2298" spans="1:31" ht="14.45">
      <c r="A2298" s="11"/>
      <c r="B2298" s="20"/>
      <c r="C2298" s="2" t="s">
        <v>7318</v>
      </c>
      <c r="D2298" s="14" t="s">
        <v>7319</v>
      </c>
      <c r="E2298" s="2" t="s">
        <v>7320</v>
      </c>
      <c r="F2298" s="2" t="s">
        <v>7212</v>
      </c>
      <c r="G2298" s="8">
        <v>158</v>
      </c>
      <c r="H2298" s="5">
        <v>6</v>
      </c>
      <c r="I2298" s="5" t="s">
        <v>1518</v>
      </c>
      <c r="J2298" s="5" t="s">
        <v>1519</v>
      </c>
      <c r="K2298" s="2" t="s">
        <v>1520</v>
      </c>
      <c r="L2298" s="5" t="s">
        <v>1519</v>
      </c>
      <c r="M2298" s="2" t="s">
        <v>1520</v>
      </c>
      <c r="N2298" s="5" t="s">
        <v>1521</v>
      </c>
      <c r="O2298" s="5" t="s">
        <v>38</v>
      </c>
      <c r="P2298" s="5" t="s">
        <v>39</v>
      </c>
      <c r="Q2298" s="5" t="s">
        <v>40</v>
      </c>
      <c r="R2298" s="5" t="s">
        <v>1522</v>
      </c>
      <c r="S2298" s="5" t="s">
        <v>1523</v>
      </c>
      <c r="T2298" s="5" t="s">
        <v>42</v>
      </c>
      <c r="U2298" s="2">
        <v>2.5289999999999999</v>
      </c>
      <c r="V2298" s="2">
        <v>2.1640000000000001</v>
      </c>
      <c r="W2298" s="2">
        <v>1.0999999999999999E-2</v>
      </c>
      <c r="X2298" s="2">
        <v>139.1</v>
      </c>
      <c r="Y2298" s="2">
        <v>7.6</v>
      </c>
      <c r="Z2298" s="2">
        <v>10.6</v>
      </c>
      <c r="AA2298" s="5"/>
      <c r="AB2298" s="5" t="s">
        <v>43</v>
      </c>
      <c r="AC2298" s="5" t="s">
        <v>44</v>
      </c>
      <c r="AD2298" s="2"/>
      <c r="AE2298" s="1"/>
    </row>
    <row r="2299" spans="1:31" ht="14.45">
      <c r="A2299" s="11"/>
      <c r="B2299" s="20"/>
      <c r="C2299" s="2" t="s">
        <v>7321</v>
      </c>
      <c r="D2299" s="14" t="s">
        <v>7322</v>
      </c>
      <c r="E2299" s="2" t="s">
        <v>7323</v>
      </c>
      <c r="F2299" s="2" t="s">
        <v>7204</v>
      </c>
      <c r="G2299" s="8">
        <v>176</v>
      </c>
      <c r="H2299" s="5">
        <v>6</v>
      </c>
      <c r="I2299" s="5" t="s">
        <v>1518</v>
      </c>
      <c r="J2299" s="5" t="s">
        <v>1519</v>
      </c>
      <c r="K2299" s="2" t="s">
        <v>1520</v>
      </c>
      <c r="L2299" s="5" t="s">
        <v>1519</v>
      </c>
      <c r="M2299" s="2" t="s">
        <v>1520</v>
      </c>
      <c r="N2299" s="5" t="s">
        <v>1521</v>
      </c>
      <c r="O2299" s="5" t="s">
        <v>38</v>
      </c>
      <c r="P2299" s="5" t="s">
        <v>39</v>
      </c>
      <c r="Q2299" s="5" t="s">
        <v>40</v>
      </c>
      <c r="R2299" s="5" t="s">
        <v>1522</v>
      </c>
      <c r="S2299" s="5" t="s">
        <v>1523</v>
      </c>
      <c r="T2299" s="5" t="s">
        <v>42</v>
      </c>
      <c r="U2299" s="2">
        <v>2.7629999999999999</v>
      </c>
      <c r="V2299" s="2">
        <v>2.3540000000000001</v>
      </c>
      <c r="W2299" s="2">
        <v>1.2999999999999999E-2</v>
      </c>
      <c r="X2299" s="2">
        <v>159.1</v>
      </c>
      <c r="Y2299" s="2">
        <v>7.6</v>
      </c>
      <c r="Z2299" s="2">
        <v>10.6</v>
      </c>
      <c r="AA2299" s="5"/>
      <c r="AB2299" s="5" t="s">
        <v>43</v>
      </c>
      <c r="AC2299" s="5" t="s">
        <v>44</v>
      </c>
      <c r="AD2299" s="2"/>
      <c r="AE2299" s="1"/>
    </row>
    <row r="2300" spans="1:31" ht="14.45">
      <c r="A2300" s="11"/>
      <c r="B2300" s="20"/>
      <c r="C2300" s="2" t="s">
        <v>7324</v>
      </c>
      <c r="D2300" s="14" t="s">
        <v>7325</v>
      </c>
      <c r="E2300" s="2" t="s">
        <v>7326</v>
      </c>
      <c r="F2300" s="2" t="s">
        <v>7208</v>
      </c>
      <c r="G2300" s="8">
        <v>176</v>
      </c>
      <c r="H2300" s="5">
        <v>6</v>
      </c>
      <c r="I2300" s="5" t="s">
        <v>1518</v>
      </c>
      <c r="J2300" s="5" t="s">
        <v>1519</v>
      </c>
      <c r="K2300" s="2" t="s">
        <v>1520</v>
      </c>
      <c r="L2300" s="5" t="s">
        <v>1519</v>
      </c>
      <c r="M2300" s="2" t="s">
        <v>1520</v>
      </c>
      <c r="N2300" s="5" t="s">
        <v>1521</v>
      </c>
      <c r="O2300" s="5" t="s">
        <v>38</v>
      </c>
      <c r="P2300" s="5" t="s">
        <v>39</v>
      </c>
      <c r="Q2300" s="5" t="s">
        <v>40</v>
      </c>
      <c r="R2300" s="5" t="s">
        <v>1522</v>
      </c>
      <c r="S2300" s="5" t="s">
        <v>1523</v>
      </c>
      <c r="T2300" s="5" t="s">
        <v>42</v>
      </c>
      <c r="U2300" s="2">
        <v>2.7629999999999999</v>
      </c>
      <c r="V2300" s="2">
        <v>2.3540000000000001</v>
      </c>
      <c r="W2300" s="2">
        <v>1.2999999999999999E-2</v>
      </c>
      <c r="X2300" s="2">
        <v>159.1</v>
      </c>
      <c r="Y2300" s="2">
        <v>7.6</v>
      </c>
      <c r="Z2300" s="2">
        <v>10.6</v>
      </c>
      <c r="AA2300" s="5"/>
      <c r="AB2300" s="5" t="s">
        <v>43</v>
      </c>
      <c r="AC2300" s="5" t="s">
        <v>44</v>
      </c>
      <c r="AD2300" s="2"/>
      <c r="AE2300" s="1"/>
    </row>
    <row r="2301" spans="1:31" ht="14.45">
      <c r="A2301" s="11"/>
      <c r="B2301" s="20"/>
      <c r="C2301" s="2" t="s">
        <v>7327</v>
      </c>
      <c r="D2301" s="14" t="s">
        <v>7328</v>
      </c>
      <c r="E2301" s="2" t="s">
        <v>7329</v>
      </c>
      <c r="F2301" s="2" t="s">
        <v>7212</v>
      </c>
      <c r="G2301" s="8">
        <v>176</v>
      </c>
      <c r="H2301" s="5">
        <v>6</v>
      </c>
      <c r="I2301" s="5" t="s">
        <v>1518</v>
      </c>
      <c r="J2301" s="5" t="s">
        <v>1519</v>
      </c>
      <c r="K2301" s="2" t="s">
        <v>1520</v>
      </c>
      <c r="L2301" s="5" t="s">
        <v>1519</v>
      </c>
      <c r="M2301" s="2" t="s">
        <v>1520</v>
      </c>
      <c r="N2301" s="5" t="s">
        <v>1521</v>
      </c>
      <c r="O2301" s="5" t="s">
        <v>38</v>
      </c>
      <c r="P2301" s="5" t="s">
        <v>39</v>
      </c>
      <c r="Q2301" s="5" t="s">
        <v>40</v>
      </c>
      <c r="R2301" s="5" t="s">
        <v>1522</v>
      </c>
      <c r="S2301" s="5" t="s">
        <v>1523</v>
      </c>
      <c r="T2301" s="5" t="s">
        <v>42</v>
      </c>
      <c r="U2301" s="2">
        <v>2.7109999999999999</v>
      </c>
      <c r="V2301" s="2">
        <v>2.302</v>
      </c>
      <c r="W2301" s="2">
        <v>1.2999999999999999E-2</v>
      </c>
      <c r="X2301" s="2">
        <v>159.1</v>
      </c>
      <c r="Y2301" s="2">
        <v>7.6</v>
      </c>
      <c r="Z2301" s="2">
        <v>10.6</v>
      </c>
      <c r="AA2301" s="5"/>
      <c r="AB2301" s="5" t="s">
        <v>43</v>
      </c>
      <c r="AC2301" s="5" t="s">
        <v>44</v>
      </c>
      <c r="AD2301" s="2"/>
      <c r="AE2301" s="1"/>
    </row>
    <row r="2302" spans="1:31" ht="14.45">
      <c r="A2302" s="11"/>
      <c r="B2302" s="20"/>
      <c r="C2302" s="2" t="s">
        <v>7330</v>
      </c>
      <c r="D2302" s="14" t="s">
        <v>7331</v>
      </c>
      <c r="E2302" s="2" t="s">
        <v>7332</v>
      </c>
      <c r="F2302" s="2" t="s">
        <v>7204</v>
      </c>
      <c r="G2302" s="8">
        <v>111</v>
      </c>
      <c r="H2302" s="5">
        <v>6</v>
      </c>
      <c r="I2302" s="5" t="s">
        <v>1518</v>
      </c>
      <c r="J2302" s="5" t="s">
        <v>1519</v>
      </c>
      <c r="K2302" s="2" t="s">
        <v>1520</v>
      </c>
      <c r="L2302" s="5" t="s">
        <v>1519</v>
      </c>
      <c r="M2302" s="2" t="s">
        <v>1520</v>
      </c>
      <c r="N2302" s="5" t="s">
        <v>1521</v>
      </c>
      <c r="O2302" s="5" t="s">
        <v>38</v>
      </c>
      <c r="P2302" s="5" t="s">
        <v>39</v>
      </c>
      <c r="Q2302" s="5" t="s">
        <v>40</v>
      </c>
      <c r="R2302" s="5" t="s">
        <v>1522</v>
      </c>
      <c r="S2302" s="5" t="s">
        <v>1523</v>
      </c>
      <c r="T2302" s="5" t="s">
        <v>42</v>
      </c>
      <c r="U2302" s="2">
        <v>1.536</v>
      </c>
      <c r="V2302" s="2">
        <v>1.175</v>
      </c>
      <c r="W2302" s="2">
        <v>0.01</v>
      </c>
      <c r="X2302" s="2">
        <v>118.9</v>
      </c>
      <c r="Y2302" s="2">
        <v>7.6</v>
      </c>
      <c r="Z2302" s="2">
        <v>10.6</v>
      </c>
      <c r="AA2302" s="5"/>
      <c r="AB2302" s="5" t="s">
        <v>43</v>
      </c>
      <c r="AC2302" s="5" t="s">
        <v>44</v>
      </c>
      <c r="AD2302" s="2"/>
      <c r="AE2302" s="1"/>
    </row>
    <row r="2303" spans="1:31" ht="14.45">
      <c r="A2303" s="11"/>
      <c r="B2303" s="20"/>
      <c r="C2303" s="2" t="s">
        <v>7333</v>
      </c>
      <c r="D2303" s="14" t="s">
        <v>7334</v>
      </c>
      <c r="E2303" s="2" t="s">
        <v>7335</v>
      </c>
      <c r="F2303" s="2" t="s">
        <v>7208</v>
      </c>
      <c r="G2303" s="8">
        <v>111</v>
      </c>
      <c r="H2303" s="5">
        <v>6</v>
      </c>
      <c r="I2303" s="5" t="s">
        <v>1518</v>
      </c>
      <c r="J2303" s="5" t="s">
        <v>1519</v>
      </c>
      <c r="K2303" s="2" t="s">
        <v>1520</v>
      </c>
      <c r="L2303" s="5" t="s">
        <v>1519</v>
      </c>
      <c r="M2303" s="2" t="s">
        <v>1520</v>
      </c>
      <c r="N2303" s="5" t="s">
        <v>1521</v>
      </c>
      <c r="O2303" s="5" t="s">
        <v>38</v>
      </c>
      <c r="P2303" s="5" t="s">
        <v>39</v>
      </c>
      <c r="Q2303" s="5" t="s">
        <v>40</v>
      </c>
      <c r="R2303" s="5" t="s">
        <v>1522</v>
      </c>
      <c r="S2303" s="5" t="s">
        <v>1523</v>
      </c>
      <c r="T2303" s="5" t="s">
        <v>42</v>
      </c>
      <c r="U2303" s="2">
        <v>1.536</v>
      </c>
      <c r="V2303" s="2">
        <v>1.175</v>
      </c>
      <c r="W2303" s="2">
        <v>0.01</v>
      </c>
      <c r="X2303" s="2">
        <v>118.9</v>
      </c>
      <c r="Y2303" s="2">
        <v>7.6</v>
      </c>
      <c r="Z2303" s="2">
        <v>10.6</v>
      </c>
      <c r="AA2303" s="5"/>
      <c r="AB2303" s="5" t="s">
        <v>43</v>
      </c>
      <c r="AC2303" s="5" t="s">
        <v>44</v>
      </c>
      <c r="AD2303" s="2"/>
      <c r="AE2303" s="1"/>
    </row>
    <row r="2304" spans="1:31" ht="14.45">
      <c r="A2304" s="11"/>
      <c r="B2304" s="20"/>
      <c r="C2304" s="2" t="s">
        <v>7336</v>
      </c>
      <c r="D2304" s="14" t="s">
        <v>7337</v>
      </c>
      <c r="E2304" s="2" t="s">
        <v>7338</v>
      </c>
      <c r="F2304" s="2" t="s">
        <v>7212</v>
      </c>
      <c r="G2304" s="8">
        <v>111</v>
      </c>
      <c r="H2304" s="5">
        <v>6</v>
      </c>
      <c r="I2304" s="5" t="s">
        <v>1518</v>
      </c>
      <c r="J2304" s="5" t="s">
        <v>1519</v>
      </c>
      <c r="K2304" s="2" t="s">
        <v>1520</v>
      </c>
      <c r="L2304" s="5" t="s">
        <v>1519</v>
      </c>
      <c r="M2304" s="2" t="s">
        <v>1520</v>
      </c>
      <c r="N2304" s="5" t="s">
        <v>1521</v>
      </c>
      <c r="O2304" s="5" t="s">
        <v>38</v>
      </c>
      <c r="P2304" s="5" t="s">
        <v>39</v>
      </c>
      <c r="Q2304" s="5" t="s">
        <v>40</v>
      </c>
      <c r="R2304" s="5" t="s">
        <v>1522</v>
      </c>
      <c r="S2304" s="5" t="s">
        <v>1523</v>
      </c>
      <c r="T2304" s="5" t="s">
        <v>42</v>
      </c>
      <c r="U2304" s="2">
        <v>1.5189999999999999</v>
      </c>
      <c r="V2304" s="2">
        <v>1.1579999999999999</v>
      </c>
      <c r="W2304" s="2">
        <v>0.01</v>
      </c>
      <c r="X2304" s="2">
        <v>118.9</v>
      </c>
      <c r="Y2304" s="2">
        <v>7.6</v>
      </c>
      <c r="Z2304" s="2">
        <v>10.6</v>
      </c>
      <c r="AA2304" s="5"/>
      <c r="AB2304" s="5" t="s">
        <v>43</v>
      </c>
      <c r="AC2304" s="5" t="s">
        <v>44</v>
      </c>
      <c r="AD2304" s="2"/>
      <c r="AE2304" s="1"/>
    </row>
    <row r="2305" spans="1:31" ht="14.45">
      <c r="A2305" s="11"/>
      <c r="B2305" s="20"/>
      <c r="C2305" s="2" t="s">
        <v>7339</v>
      </c>
      <c r="D2305" s="14" t="s">
        <v>7340</v>
      </c>
      <c r="E2305" s="2" t="s">
        <v>7341</v>
      </c>
      <c r="F2305" s="2" t="s">
        <v>7204</v>
      </c>
      <c r="G2305" s="8">
        <v>114</v>
      </c>
      <c r="H2305" s="5">
        <v>6</v>
      </c>
      <c r="I2305" s="5" t="s">
        <v>1518</v>
      </c>
      <c r="J2305" s="5" t="s">
        <v>1519</v>
      </c>
      <c r="K2305" s="2" t="s">
        <v>1520</v>
      </c>
      <c r="L2305" s="5" t="s">
        <v>1519</v>
      </c>
      <c r="M2305" s="2" t="s">
        <v>1520</v>
      </c>
      <c r="N2305" s="5" t="s">
        <v>1521</v>
      </c>
      <c r="O2305" s="5" t="s">
        <v>38</v>
      </c>
      <c r="P2305" s="5" t="s">
        <v>39</v>
      </c>
      <c r="Q2305" s="5" t="s">
        <v>40</v>
      </c>
      <c r="R2305" s="5" t="s">
        <v>1522</v>
      </c>
      <c r="S2305" s="5" t="s">
        <v>1523</v>
      </c>
      <c r="T2305" s="5" t="s">
        <v>42</v>
      </c>
      <c r="U2305" s="2">
        <v>1.6850000000000001</v>
      </c>
      <c r="V2305" s="2">
        <v>1.331</v>
      </c>
      <c r="W2305" s="2">
        <v>0.01</v>
      </c>
      <c r="X2305" s="2">
        <v>118.9</v>
      </c>
      <c r="Y2305" s="2">
        <v>7.6</v>
      </c>
      <c r="Z2305" s="2">
        <v>10.6</v>
      </c>
      <c r="AA2305" s="5"/>
      <c r="AB2305" s="5" t="s">
        <v>43</v>
      </c>
      <c r="AC2305" s="5" t="s">
        <v>44</v>
      </c>
      <c r="AD2305" s="2"/>
      <c r="AE2305" s="1"/>
    </row>
    <row r="2306" spans="1:31" ht="14.45">
      <c r="A2306" s="11"/>
      <c r="B2306" s="20"/>
      <c r="C2306" s="2" t="s">
        <v>7342</v>
      </c>
      <c r="D2306" s="14" t="s">
        <v>7343</v>
      </c>
      <c r="E2306" s="2" t="s">
        <v>7344</v>
      </c>
      <c r="F2306" s="2" t="s">
        <v>7208</v>
      </c>
      <c r="G2306" s="8">
        <v>114</v>
      </c>
      <c r="H2306" s="5">
        <v>6</v>
      </c>
      <c r="I2306" s="5" t="s">
        <v>1518</v>
      </c>
      <c r="J2306" s="5" t="s">
        <v>1519</v>
      </c>
      <c r="K2306" s="2" t="s">
        <v>1520</v>
      </c>
      <c r="L2306" s="5" t="s">
        <v>1519</v>
      </c>
      <c r="M2306" s="2" t="s">
        <v>1520</v>
      </c>
      <c r="N2306" s="5" t="s">
        <v>1521</v>
      </c>
      <c r="O2306" s="5" t="s">
        <v>38</v>
      </c>
      <c r="P2306" s="5" t="s">
        <v>39</v>
      </c>
      <c r="Q2306" s="5" t="s">
        <v>40</v>
      </c>
      <c r="R2306" s="5" t="s">
        <v>1522</v>
      </c>
      <c r="S2306" s="5" t="s">
        <v>1523</v>
      </c>
      <c r="T2306" s="5" t="s">
        <v>42</v>
      </c>
      <c r="U2306" s="2">
        <v>1.6850000000000001</v>
      </c>
      <c r="V2306" s="2">
        <v>1.331</v>
      </c>
      <c r="W2306" s="2">
        <v>0.01</v>
      </c>
      <c r="X2306" s="2">
        <v>118.9</v>
      </c>
      <c r="Y2306" s="2">
        <v>7.6</v>
      </c>
      <c r="Z2306" s="2">
        <v>10.6</v>
      </c>
      <c r="AA2306" s="5"/>
      <c r="AB2306" s="5" t="s">
        <v>43</v>
      </c>
      <c r="AC2306" s="5" t="s">
        <v>44</v>
      </c>
      <c r="AD2306" s="2"/>
      <c r="AE2306" s="1"/>
    </row>
    <row r="2307" spans="1:31" ht="14.45">
      <c r="A2307" s="11"/>
      <c r="B2307" s="20"/>
      <c r="C2307" s="2" t="s">
        <v>7345</v>
      </c>
      <c r="D2307" s="14" t="s">
        <v>7346</v>
      </c>
      <c r="E2307" s="2" t="s">
        <v>7347</v>
      </c>
      <c r="F2307" s="2" t="s">
        <v>7212</v>
      </c>
      <c r="G2307" s="8">
        <v>114</v>
      </c>
      <c r="H2307" s="5">
        <v>6</v>
      </c>
      <c r="I2307" s="5" t="s">
        <v>1518</v>
      </c>
      <c r="J2307" s="5" t="s">
        <v>1519</v>
      </c>
      <c r="K2307" s="2" t="s">
        <v>1520</v>
      </c>
      <c r="L2307" s="5" t="s">
        <v>1519</v>
      </c>
      <c r="M2307" s="2" t="s">
        <v>1520</v>
      </c>
      <c r="N2307" s="5" t="s">
        <v>1521</v>
      </c>
      <c r="O2307" s="5" t="s">
        <v>38</v>
      </c>
      <c r="P2307" s="5" t="s">
        <v>39</v>
      </c>
      <c r="Q2307" s="5" t="s">
        <v>40</v>
      </c>
      <c r="R2307" s="5" t="s">
        <v>1522</v>
      </c>
      <c r="S2307" s="5" t="s">
        <v>1523</v>
      </c>
      <c r="T2307" s="5" t="s">
        <v>42</v>
      </c>
      <c r="U2307" s="2">
        <v>1.665</v>
      </c>
      <c r="V2307" s="2">
        <v>1.3109999999999999</v>
      </c>
      <c r="W2307" s="2">
        <v>0.01</v>
      </c>
      <c r="X2307" s="2">
        <v>118.9</v>
      </c>
      <c r="Y2307" s="2">
        <v>7.6</v>
      </c>
      <c r="Z2307" s="2">
        <v>10.6</v>
      </c>
      <c r="AA2307" s="5"/>
      <c r="AB2307" s="5" t="s">
        <v>43</v>
      </c>
      <c r="AC2307" s="5" t="s">
        <v>44</v>
      </c>
      <c r="AD2307" s="2"/>
      <c r="AE2307" s="1"/>
    </row>
    <row r="2308" spans="1:31" ht="14.45">
      <c r="A2308" s="11"/>
      <c r="B2308" s="20"/>
      <c r="C2308" s="2" t="s">
        <v>7348</v>
      </c>
      <c r="D2308" s="14" t="s">
        <v>7349</v>
      </c>
      <c r="E2308" s="2" t="s">
        <v>7350</v>
      </c>
      <c r="F2308" s="2" t="s">
        <v>7204</v>
      </c>
      <c r="G2308" s="8">
        <v>122</v>
      </c>
      <c r="H2308" s="5">
        <v>6</v>
      </c>
      <c r="I2308" s="5" t="s">
        <v>1518</v>
      </c>
      <c r="J2308" s="5" t="s">
        <v>1519</v>
      </c>
      <c r="K2308" s="2" t="s">
        <v>1520</v>
      </c>
      <c r="L2308" s="5" t="s">
        <v>1519</v>
      </c>
      <c r="M2308" s="2" t="s">
        <v>1520</v>
      </c>
      <c r="N2308" s="5" t="s">
        <v>1521</v>
      </c>
      <c r="O2308" s="5" t="s">
        <v>38</v>
      </c>
      <c r="P2308" s="5" t="s">
        <v>39</v>
      </c>
      <c r="Q2308" s="5" t="s">
        <v>40</v>
      </c>
      <c r="R2308" s="5" t="s">
        <v>1522</v>
      </c>
      <c r="S2308" s="5" t="s">
        <v>1523</v>
      </c>
      <c r="T2308" s="5" t="s">
        <v>42</v>
      </c>
      <c r="U2308" s="2">
        <v>1.9079999999999999</v>
      </c>
      <c r="V2308" s="2">
        <v>1.5669999999999999</v>
      </c>
      <c r="W2308" s="2">
        <v>0.01</v>
      </c>
      <c r="X2308" s="2">
        <v>118.9</v>
      </c>
      <c r="Y2308" s="2">
        <v>7.6</v>
      </c>
      <c r="Z2308" s="2">
        <v>10.6</v>
      </c>
      <c r="AA2308" s="5"/>
      <c r="AB2308" s="5" t="s">
        <v>43</v>
      </c>
      <c r="AC2308" s="5" t="s">
        <v>44</v>
      </c>
      <c r="AD2308" s="2"/>
      <c r="AE2308" s="1"/>
    </row>
    <row r="2309" spans="1:31" ht="14.45">
      <c r="A2309" s="11"/>
      <c r="B2309" s="20"/>
      <c r="C2309" s="2" t="s">
        <v>7351</v>
      </c>
      <c r="D2309" s="14" t="s">
        <v>7352</v>
      </c>
      <c r="E2309" s="2" t="s">
        <v>7353</v>
      </c>
      <c r="F2309" s="2" t="s">
        <v>7208</v>
      </c>
      <c r="G2309" s="8">
        <v>122</v>
      </c>
      <c r="H2309" s="5">
        <v>6</v>
      </c>
      <c r="I2309" s="5" t="s">
        <v>1518</v>
      </c>
      <c r="J2309" s="5" t="s">
        <v>1519</v>
      </c>
      <c r="K2309" s="2" t="s">
        <v>1520</v>
      </c>
      <c r="L2309" s="5" t="s">
        <v>1519</v>
      </c>
      <c r="M2309" s="2" t="s">
        <v>1520</v>
      </c>
      <c r="N2309" s="5" t="s">
        <v>1521</v>
      </c>
      <c r="O2309" s="5" t="s">
        <v>38</v>
      </c>
      <c r="P2309" s="5" t="s">
        <v>39</v>
      </c>
      <c r="Q2309" s="5" t="s">
        <v>40</v>
      </c>
      <c r="R2309" s="5" t="s">
        <v>1522</v>
      </c>
      <c r="S2309" s="5" t="s">
        <v>1523</v>
      </c>
      <c r="T2309" s="5" t="s">
        <v>42</v>
      </c>
      <c r="U2309" s="2">
        <v>1.9079999999999999</v>
      </c>
      <c r="V2309" s="2">
        <v>1.5669999999999999</v>
      </c>
      <c r="W2309" s="2">
        <v>0.01</v>
      </c>
      <c r="X2309" s="2">
        <v>118.9</v>
      </c>
      <c r="Y2309" s="2">
        <v>7.6</v>
      </c>
      <c r="Z2309" s="2">
        <v>10.6</v>
      </c>
      <c r="AA2309" s="5"/>
      <c r="AB2309" s="5" t="s">
        <v>43</v>
      </c>
      <c r="AC2309" s="5" t="s">
        <v>44</v>
      </c>
      <c r="AD2309" s="2"/>
      <c r="AE2309" s="1"/>
    </row>
    <row r="2310" spans="1:31" ht="14.45">
      <c r="A2310" s="11"/>
      <c r="B2310" s="20"/>
      <c r="C2310" s="2" t="s">
        <v>7354</v>
      </c>
      <c r="D2310" s="14" t="s">
        <v>7355</v>
      </c>
      <c r="E2310" s="2" t="s">
        <v>7356</v>
      </c>
      <c r="F2310" s="2" t="s">
        <v>7212</v>
      </c>
      <c r="G2310" s="8">
        <v>122</v>
      </c>
      <c r="H2310" s="5">
        <v>6</v>
      </c>
      <c r="I2310" s="5" t="s">
        <v>1518</v>
      </c>
      <c r="J2310" s="5" t="s">
        <v>1519</v>
      </c>
      <c r="K2310" s="2" t="s">
        <v>1520</v>
      </c>
      <c r="L2310" s="5" t="s">
        <v>1519</v>
      </c>
      <c r="M2310" s="2" t="s">
        <v>1520</v>
      </c>
      <c r="N2310" s="5" t="s">
        <v>1521</v>
      </c>
      <c r="O2310" s="5" t="s">
        <v>38</v>
      </c>
      <c r="P2310" s="5" t="s">
        <v>39</v>
      </c>
      <c r="Q2310" s="5" t="s">
        <v>40</v>
      </c>
      <c r="R2310" s="5" t="s">
        <v>1522</v>
      </c>
      <c r="S2310" s="5" t="s">
        <v>1523</v>
      </c>
      <c r="T2310" s="5" t="s">
        <v>42</v>
      </c>
      <c r="U2310" s="2">
        <v>1.8819999999999999</v>
      </c>
      <c r="V2310" s="2">
        <v>1.5409999999999999</v>
      </c>
      <c r="W2310" s="2">
        <v>0.01</v>
      </c>
      <c r="X2310" s="2">
        <v>118.9</v>
      </c>
      <c r="Y2310" s="2">
        <v>7.6</v>
      </c>
      <c r="Z2310" s="2">
        <v>10.6</v>
      </c>
      <c r="AA2310" s="5"/>
      <c r="AB2310" s="5" t="s">
        <v>43</v>
      </c>
      <c r="AC2310" s="5" t="s">
        <v>44</v>
      </c>
      <c r="AD2310" s="2"/>
      <c r="AE2310" s="1"/>
    </row>
    <row r="2311" spans="1:31" ht="14.45">
      <c r="A2311" s="11"/>
      <c r="B2311" s="20"/>
      <c r="C2311" s="2" t="s">
        <v>7357</v>
      </c>
      <c r="D2311" s="14" t="s">
        <v>7358</v>
      </c>
      <c r="E2311" s="2" t="s">
        <v>7359</v>
      </c>
      <c r="F2311" s="2" t="s">
        <v>7204</v>
      </c>
      <c r="G2311" s="8">
        <v>131</v>
      </c>
      <c r="H2311" s="5">
        <v>6</v>
      </c>
      <c r="I2311" s="5" t="s">
        <v>1518</v>
      </c>
      <c r="J2311" s="5" t="s">
        <v>1519</v>
      </c>
      <c r="K2311" s="2" t="s">
        <v>1520</v>
      </c>
      <c r="L2311" s="5" t="s">
        <v>1519</v>
      </c>
      <c r="M2311" s="2" t="s">
        <v>1520</v>
      </c>
      <c r="N2311" s="5" t="s">
        <v>1521</v>
      </c>
      <c r="O2311" s="5" t="s">
        <v>38</v>
      </c>
      <c r="P2311" s="5" t="s">
        <v>39</v>
      </c>
      <c r="Q2311" s="5" t="s">
        <v>40</v>
      </c>
      <c r="R2311" s="5" t="s">
        <v>1522</v>
      </c>
      <c r="S2311" s="5" t="s">
        <v>1523</v>
      </c>
      <c r="T2311" s="5" t="s">
        <v>42</v>
      </c>
      <c r="U2311" s="2">
        <v>2.0819999999999999</v>
      </c>
      <c r="V2311" s="2">
        <v>1.6890000000000001</v>
      </c>
      <c r="W2311" s="2">
        <v>1.0999999999999999E-2</v>
      </c>
      <c r="X2311" s="2">
        <v>139.1</v>
      </c>
      <c r="Y2311" s="2">
        <v>7.6</v>
      </c>
      <c r="Z2311" s="2">
        <v>10.6</v>
      </c>
      <c r="AA2311" s="5"/>
      <c r="AB2311" s="5" t="s">
        <v>43</v>
      </c>
      <c r="AC2311" s="5" t="s">
        <v>44</v>
      </c>
      <c r="AD2311" s="2"/>
      <c r="AE2311" s="1"/>
    </row>
    <row r="2312" spans="1:31" ht="14.45">
      <c r="A2312" s="11"/>
      <c r="B2312" s="20"/>
      <c r="C2312" s="2" t="s">
        <v>7360</v>
      </c>
      <c r="D2312" s="14" t="s">
        <v>7361</v>
      </c>
      <c r="E2312" s="2" t="s">
        <v>7362</v>
      </c>
      <c r="F2312" s="2" t="s">
        <v>7208</v>
      </c>
      <c r="G2312" s="8">
        <v>131</v>
      </c>
      <c r="H2312" s="5">
        <v>6</v>
      </c>
      <c r="I2312" s="5" t="s">
        <v>1518</v>
      </c>
      <c r="J2312" s="5" t="s">
        <v>1519</v>
      </c>
      <c r="K2312" s="2" t="s">
        <v>1520</v>
      </c>
      <c r="L2312" s="5" t="s">
        <v>1519</v>
      </c>
      <c r="M2312" s="2" t="s">
        <v>1520</v>
      </c>
      <c r="N2312" s="5" t="s">
        <v>1521</v>
      </c>
      <c r="O2312" s="5" t="s">
        <v>38</v>
      </c>
      <c r="P2312" s="5" t="s">
        <v>39</v>
      </c>
      <c r="Q2312" s="5" t="s">
        <v>40</v>
      </c>
      <c r="R2312" s="5" t="s">
        <v>1522</v>
      </c>
      <c r="S2312" s="5" t="s">
        <v>1523</v>
      </c>
      <c r="T2312" s="5" t="s">
        <v>42</v>
      </c>
      <c r="U2312" s="2">
        <v>2.0819999999999999</v>
      </c>
      <c r="V2312" s="2">
        <v>1.6890000000000001</v>
      </c>
      <c r="W2312" s="2">
        <v>1.0999999999999999E-2</v>
      </c>
      <c r="X2312" s="2">
        <v>139.1</v>
      </c>
      <c r="Y2312" s="2">
        <v>7.6</v>
      </c>
      <c r="Z2312" s="2">
        <v>10.6</v>
      </c>
      <c r="AA2312" s="5"/>
      <c r="AB2312" s="5" t="s">
        <v>43</v>
      </c>
      <c r="AC2312" s="5" t="s">
        <v>44</v>
      </c>
      <c r="AD2312" s="2"/>
      <c r="AE2312" s="1"/>
    </row>
    <row r="2313" spans="1:31" ht="14.45">
      <c r="A2313" s="11"/>
      <c r="B2313" s="20"/>
      <c r="C2313" s="2" t="s">
        <v>7363</v>
      </c>
      <c r="D2313" s="14" t="s">
        <v>7364</v>
      </c>
      <c r="E2313" s="2" t="s">
        <v>7365</v>
      </c>
      <c r="F2313" s="2" t="s">
        <v>7212</v>
      </c>
      <c r="G2313" s="8">
        <v>131</v>
      </c>
      <c r="H2313" s="5">
        <v>6</v>
      </c>
      <c r="I2313" s="5" t="s">
        <v>1518</v>
      </c>
      <c r="J2313" s="5" t="s">
        <v>1519</v>
      </c>
      <c r="K2313" s="2" t="s">
        <v>1520</v>
      </c>
      <c r="L2313" s="5" t="s">
        <v>1519</v>
      </c>
      <c r="M2313" s="2" t="s">
        <v>1520</v>
      </c>
      <c r="N2313" s="5" t="s">
        <v>1521</v>
      </c>
      <c r="O2313" s="5" t="s">
        <v>38</v>
      </c>
      <c r="P2313" s="5" t="s">
        <v>39</v>
      </c>
      <c r="Q2313" s="5" t="s">
        <v>40</v>
      </c>
      <c r="R2313" s="5" t="s">
        <v>1522</v>
      </c>
      <c r="S2313" s="5" t="s">
        <v>1523</v>
      </c>
      <c r="T2313" s="5" t="s">
        <v>42</v>
      </c>
      <c r="U2313" s="2">
        <v>2.052</v>
      </c>
      <c r="V2313" s="2">
        <v>1.659</v>
      </c>
      <c r="W2313" s="2">
        <v>1.0999999999999999E-2</v>
      </c>
      <c r="X2313" s="2">
        <v>139.1</v>
      </c>
      <c r="Y2313" s="2">
        <v>7.6</v>
      </c>
      <c r="Z2313" s="2">
        <v>10.6</v>
      </c>
      <c r="AA2313" s="5"/>
      <c r="AB2313" s="5" t="s">
        <v>43</v>
      </c>
      <c r="AC2313" s="5" t="s">
        <v>44</v>
      </c>
      <c r="AD2313" s="2"/>
      <c r="AE2313" s="1"/>
    </row>
    <row r="2314" spans="1:31" ht="14.45">
      <c r="A2314" s="11"/>
      <c r="B2314" s="20"/>
      <c r="C2314" s="2" t="s">
        <v>7366</v>
      </c>
      <c r="D2314" s="14" t="s">
        <v>7367</v>
      </c>
      <c r="E2314" s="2" t="s">
        <v>7368</v>
      </c>
      <c r="F2314" s="2" t="s">
        <v>7204</v>
      </c>
      <c r="G2314" s="8">
        <v>138</v>
      </c>
      <c r="H2314" s="5">
        <v>6</v>
      </c>
      <c r="I2314" s="5" t="s">
        <v>1518</v>
      </c>
      <c r="J2314" s="5" t="s">
        <v>1519</v>
      </c>
      <c r="K2314" s="2" t="s">
        <v>1520</v>
      </c>
      <c r="L2314" s="5" t="s">
        <v>1519</v>
      </c>
      <c r="M2314" s="2" t="s">
        <v>1520</v>
      </c>
      <c r="N2314" s="5" t="s">
        <v>1521</v>
      </c>
      <c r="O2314" s="5" t="s">
        <v>38</v>
      </c>
      <c r="P2314" s="5" t="s">
        <v>39</v>
      </c>
      <c r="Q2314" s="5" t="s">
        <v>40</v>
      </c>
      <c r="R2314" s="5" t="s">
        <v>1522</v>
      </c>
      <c r="S2314" s="5" t="s">
        <v>1523</v>
      </c>
      <c r="T2314" s="5" t="s">
        <v>42</v>
      </c>
      <c r="U2314" s="2">
        <v>2.153</v>
      </c>
      <c r="V2314" s="2">
        <v>1.8260000000000001</v>
      </c>
      <c r="W2314" s="2">
        <v>0.01</v>
      </c>
      <c r="X2314" s="2">
        <v>118.9</v>
      </c>
      <c r="Y2314" s="2">
        <v>7.6</v>
      </c>
      <c r="Z2314" s="2">
        <v>10.6</v>
      </c>
      <c r="AA2314" s="5"/>
      <c r="AB2314" s="5" t="s">
        <v>43</v>
      </c>
      <c r="AC2314" s="5" t="s">
        <v>44</v>
      </c>
      <c r="AD2314" s="2"/>
      <c r="AE2314" s="1"/>
    </row>
    <row r="2315" spans="1:31" ht="14.45">
      <c r="A2315" s="11"/>
      <c r="B2315" s="20"/>
      <c r="C2315" s="2" t="s">
        <v>7369</v>
      </c>
      <c r="D2315" s="14" t="s">
        <v>7370</v>
      </c>
      <c r="E2315" s="2" t="s">
        <v>7371</v>
      </c>
      <c r="F2315" s="2" t="s">
        <v>7208</v>
      </c>
      <c r="G2315" s="8">
        <v>138</v>
      </c>
      <c r="H2315" s="5">
        <v>6</v>
      </c>
      <c r="I2315" s="5" t="s">
        <v>1518</v>
      </c>
      <c r="J2315" s="5" t="s">
        <v>1519</v>
      </c>
      <c r="K2315" s="2" t="s">
        <v>1520</v>
      </c>
      <c r="L2315" s="5" t="s">
        <v>1519</v>
      </c>
      <c r="M2315" s="2" t="s">
        <v>1520</v>
      </c>
      <c r="N2315" s="5" t="s">
        <v>1521</v>
      </c>
      <c r="O2315" s="5" t="s">
        <v>38</v>
      </c>
      <c r="P2315" s="5" t="s">
        <v>39</v>
      </c>
      <c r="Q2315" s="5" t="s">
        <v>40</v>
      </c>
      <c r="R2315" s="5" t="s">
        <v>1522</v>
      </c>
      <c r="S2315" s="5" t="s">
        <v>1523</v>
      </c>
      <c r="T2315" s="5" t="s">
        <v>42</v>
      </c>
      <c r="U2315" s="2">
        <v>2.153</v>
      </c>
      <c r="V2315" s="2">
        <v>1.8260000000000001</v>
      </c>
      <c r="W2315" s="2">
        <v>0.01</v>
      </c>
      <c r="X2315" s="2">
        <v>118.9</v>
      </c>
      <c r="Y2315" s="2">
        <v>7.6</v>
      </c>
      <c r="Z2315" s="2">
        <v>10.6</v>
      </c>
      <c r="AA2315" s="5"/>
      <c r="AB2315" s="5" t="s">
        <v>43</v>
      </c>
      <c r="AC2315" s="5" t="s">
        <v>44</v>
      </c>
      <c r="AD2315" s="2"/>
      <c r="AE2315" s="1"/>
    </row>
    <row r="2316" spans="1:31" ht="14.45">
      <c r="A2316" s="11"/>
      <c r="B2316" s="20"/>
      <c r="C2316" s="2" t="s">
        <v>7372</v>
      </c>
      <c r="D2316" s="14" t="s">
        <v>7373</v>
      </c>
      <c r="E2316" s="2" t="s">
        <v>7374</v>
      </c>
      <c r="F2316" s="2" t="s">
        <v>7212</v>
      </c>
      <c r="G2316" s="8">
        <v>138</v>
      </c>
      <c r="H2316" s="5">
        <v>6</v>
      </c>
      <c r="I2316" s="5" t="s">
        <v>1518</v>
      </c>
      <c r="J2316" s="5" t="s">
        <v>1519</v>
      </c>
      <c r="K2316" s="2" t="s">
        <v>1520</v>
      </c>
      <c r="L2316" s="5" t="s">
        <v>1519</v>
      </c>
      <c r="M2316" s="2" t="s">
        <v>1520</v>
      </c>
      <c r="N2316" s="5" t="s">
        <v>1521</v>
      </c>
      <c r="O2316" s="5" t="s">
        <v>38</v>
      </c>
      <c r="P2316" s="5" t="s">
        <v>39</v>
      </c>
      <c r="Q2316" s="5" t="s">
        <v>40</v>
      </c>
      <c r="R2316" s="5" t="s">
        <v>1522</v>
      </c>
      <c r="S2316" s="5" t="s">
        <v>1523</v>
      </c>
      <c r="T2316" s="5" t="s">
        <v>42</v>
      </c>
      <c r="U2316" s="2">
        <v>2.1190000000000002</v>
      </c>
      <c r="V2316" s="2">
        <v>1.792</v>
      </c>
      <c r="W2316" s="2">
        <v>0.01</v>
      </c>
      <c r="X2316" s="2">
        <v>118.9</v>
      </c>
      <c r="Y2316" s="2">
        <v>7.6</v>
      </c>
      <c r="Z2316" s="2">
        <v>10.6</v>
      </c>
      <c r="AA2316" s="5"/>
      <c r="AB2316" s="5" t="s">
        <v>43</v>
      </c>
      <c r="AC2316" s="5" t="s">
        <v>44</v>
      </c>
      <c r="AD2316" s="2"/>
      <c r="AE2316" s="1"/>
    </row>
    <row r="2317" spans="1:31" ht="14.45">
      <c r="A2317" s="11"/>
      <c r="B2317" s="20"/>
      <c r="C2317" s="2" t="s">
        <v>7375</v>
      </c>
      <c r="D2317" s="14" t="s">
        <v>7376</v>
      </c>
      <c r="E2317" s="2" t="s">
        <v>7377</v>
      </c>
      <c r="F2317" s="2" t="s">
        <v>7204</v>
      </c>
      <c r="G2317" s="8">
        <v>146</v>
      </c>
      <c r="H2317" s="5">
        <v>6</v>
      </c>
      <c r="I2317" s="5" t="s">
        <v>1518</v>
      </c>
      <c r="J2317" s="5" t="s">
        <v>1519</v>
      </c>
      <c r="K2317" s="2" t="s">
        <v>1520</v>
      </c>
      <c r="L2317" s="5" t="s">
        <v>1519</v>
      </c>
      <c r="M2317" s="2" t="s">
        <v>1520</v>
      </c>
      <c r="N2317" s="5" t="s">
        <v>1521</v>
      </c>
      <c r="O2317" s="5" t="s">
        <v>38</v>
      </c>
      <c r="P2317" s="5" t="s">
        <v>39</v>
      </c>
      <c r="Q2317" s="5" t="s">
        <v>40</v>
      </c>
      <c r="R2317" s="5" t="s">
        <v>1522</v>
      </c>
      <c r="S2317" s="5" t="s">
        <v>1523</v>
      </c>
      <c r="T2317" s="5" t="s">
        <v>42</v>
      </c>
      <c r="U2317" s="2">
        <v>2.3370000000000002</v>
      </c>
      <c r="V2317" s="2">
        <v>1.958</v>
      </c>
      <c r="W2317" s="2">
        <v>1.0999999999999999E-2</v>
      </c>
      <c r="X2317" s="2">
        <v>139.1</v>
      </c>
      <c r="Y2317" s="2">
        <v>7.6</v>
      </c>
      <c r="Z2317" s="2">
        <v>10.6</v>
      </c>
      <c r="AA2317" s="5"/>
      <c r="AB2317" s="5" t="s">
        <v>43</v>
      </c>
      <c r="AC2317" s="5" t="s">
        <v>44</v>
      </c>
      <c r="AD2317" s="2"/>
      <c r="AE2317" s="1"/>
    </row>
    <row r="2318" spans="1:31" ht="14.45">
      <c r="A2318" s="11"/>
      <c r="B2318" s="20"/>
      <c r="C2318" s="2" t="s">
        <v>7378</v>
      </c>
      <c r="D2318" s="14" t="s">
        <v>7379</v>
      </c>
      <c r="E2318" s="2" t="s">
        <v>7380</v>
      </c>
      <c r="F2318" s="2" t="s">
        <v>7208</v>
      </c>
      <c r="G2318" s="8">
        <v>146</v>
      </c>
      <c r="H2318" s="5">
        <v>6</v>
      </c>
      <c r="I2318" s="5" t="s">
        <v>1518</v>
      </c>
      <c r="J2318" s="5" t="s">
        <v>1519</v>
      </c>
      <c r="K2318" s="2" t="s">
        <v>1520</v>
      </c>
      <c r="L2318" s="5" t="s">
        <v>1519</v>
      </c>
      <c r="M2318" s="2" t="s">
        <v>1520</v>
      </c>
      <c r="N2318" s="5" t="s">
        <v>1521</v>
      </c>
      <c r="O2318" s="5" t="s">
        <v>38</v>
      </c>
      <c r="P2318" s="5" t="s">
        <v>39</v>
      </c>
      <c r="Q2318" s="5" t="s">
        <v>40</v>
      </c>
      <c r="R2318" s="5" t="s">
        <v>1522</v>
      </c>
      <c r="S2318" s="5" t="s">
        <v>1523</v>
      </c>
      <c r="T2318" s="5" t="s">
        <v>42</v>
      </c>
      <c r="U2318" s="2">
        <v>2.3370000000000002</v>
      </c>
      <c r="V2318" s="2">
        <v>1.958</v>
      </c>
      <c r="W2318" s="2">
        <v>1.0999999999999999E-2</v>
      </c>
      <c r="X2318" s="2">
        <v>139.1</v>
      </c>
      <c r="Y2318" s="2">
        <v>7.6</v>
      </c>
      <c r="Z2318" s="2">
        <v>10.6</v>
      </c>
      <c r="AA2318" s="5"/>
      <c r="AB2318" s="5" t="s">
        <v>43</v>
      </c>
      <c r="AC2318" s="5" t="s">
        <v>44</v>
      </c>
      <c r="AD2318" s="2"/>
      <c r="AE2318" s="1"/>
    </row>
    <row r="2319" spans="1:31" ht="14.45">
      <c r="A2319" s="11"/>
      <c r="B2319" s="20"/>
      <c r="C2319" s="2" t="s">
        <v>7381</v>
      </c>
      <c r="D2319" s="14" t="s">
        <v>7382</v>
      </c>
      <c r="E2319" s="2" t="s">
        <v>7383</v>
      </c>
      <c r="F2319" s="2" t="s">
        <v>7212</v>
      </c>
      <c r="G2319" s="8">
        <v>146</v>
      </c>
      <c r="H2319" s="5">
        <v>6</v>
      </c>
      <c r="I2319" s="5" t="s">
        <v>1518</v>
      </c>
      <c r="J2319" s="5" t="s">
        <v>1519</v>
      </c>
      <c r="K2319" s="2" t="s">
        <v>1520</v>
      </c>
      <c r="L2319" s="5" t="s">
        <v>1519</v>
      </c>
      <c r="M2319" s="2" t="s">
        <v>1520</v>
      </c>
      <c r="N2319" s="5" t="s">
        <v>1521</v>
      </c>
      <c r="O2319" s="5" t="s">
        <v>38</v>
      </c>
      <c r="P2319" s="5" t="s">
        <v>39</v>
      </c>
      <c r="Q2319" s="5" t="s">
        <v>40</v>
      </c>
      <c r="R2319" s="5" t="s">
        <v>1522</v>
      </c>
      <c r="S2319" s="5" t="s">
        <v>1523</v>
      </c>
      <c r="T2319" s="5" t="s">
        <v>42</v>
      </c>
      <c r="U2319" s="2">
        <v>2.2970000000000002</v>
      </c>
      <c r="V2319" s="2">
        <v>1.9179999999999999</v>
      </c>
      <c r="W2319" s="2">
        <v>1.0999999999999999E-2</v>
      </c>
      <c r="X2319" s="2">
        <v>139.1</v>
      </c>
      <c r="Y2319" s="2">
        <v>7.6</v>
      </c>
      <c r="Z2319" s="2">
        <v>10.6</v>
      </c>
      <c r="AA2319" s="5"/>
      <c r="AB2319" s="5" t="s">
        <v>43</v>
      </c>
      <c r="AC2319" s="5" t="s">
        <v>44</v>
      </c>
      <c r="AD2319" s="2"/>
      <c r="AE2319" s="1"/>
    </row>
    <row r="2320" spans="1:31" ht="14.45">
      <c r="A2320" s="11"/>
      <c r="B2320" s="20"/>
      <c r="C2320" s="2" t="s">
        <v>7384</v>
      </c>
      <c r="D2320" s="14" t="s">
        <v>7385</v>
      </c>
      <c r="E2320" s="2" t="s">
        <v>7386</v>
      </c>
      <c r="F2320" s="2" t="s">
        <v>7204</v>
      </c>
      <c r="G2320" s="8">
        <v>158</v>
      </c>
      <c r="H2320" s="5">
        <v>6</v>
      </c>
      <c r="I2320" s="5" t="s">
        <v>1518</v>
      </c>
      <c r="J2320" s="5" t="s">
        <v>1519</v>
      </c>
      <c r="K2320" s="2" t="s">
        <v>1520</v>
      </c>
      <c r="L2320" s="5" t="s">
        <v>1519</v>
      </c>
      <c r="M2320" s="2" t="s">
        <v>1520</v>
      </c>
      <c r="N2320" s="5" t="s">
        <v>1521</v>
      </c>
      <c r="O2320" s="5" t="s">
        <v>38</v>
      </c>
      <c r="P2320" s="5" t="s">
        <v>39</v>
      </c>
      <c r="Q2320" s="5" t="s">
        <v>40</v>
      </c>
      <c r="R2320" s="5" t="s">
        <v>1522</v>
      </c>
      <c r="S2320" s="5" t="s">
        <v>1523</v>
      </c>
      <c r="T2320" s="5" t="s">
        <v>42</v>
      </c>
      <c r="U2320" s="2">
        <v>2.609</v>
      </c>
      <c r="V2320" s="2">
        <v>2.2440000000000002</v>
      </c>
      <c r="W2320" s="2">
        <v>1.0999999999999999E-2</v>
      </c>
      <c r="X2320" s="2">
        <v>139.1</v>
      </c>
      <c r="Y2320" s="2">
        <v>7.6</v>
      </c>
      <c r="Z2320" s="2">
        <v>10.6</v>
      </c>
      <c r="AA2320" s="5"/>
      <c r="AB2320" s="5" t="s">
        <v>43</v>
      </c>
      <c r="AC2320" s="5" t="s">
        <v>44</v>
      </c>
      <c r="AD2320" s="2"/>
      <c r="AE2320" s="1"/>
    </row>
    <row r="2321" spans="1:31" ht="14.45">
      <c r="A2321" s="11"/>
      <c r="B2321" s="20"/>
      <c r="C2321" s="2" t="s">
        <v>7387</v>
      </c>
      <c r="D2321" s="14" t="s">
        <v>7388</v>
      </c>
      <c r="E2321" s="2" t="s">
        <v>7389</v>
      </c>
      <c r="F2321" s="2" t="s">
        <v>7208</v>
      </c>
      <c r="G2321" s="8">
        <v>158</v>
      </c>
      <c r="H2321" s="5">
        <v>6</v>
      </c>
      <c r="I2321" s="5" t="s">
        <v>1518</v>
      </c>
      <c r="J2321" s="5" t="s">
        <v>1519</v>
      </c>
      <c r="K2321" s="2" t="s">
        <v>1520</v>
      </c>
      <c r="L2321" s="5" t="s">
        <v>1519</v>
      </c>
      <c r="M2321" s="2" t="s">
        <v>1520</v>
      </c>
      <c r="N2321" s="5" t="s">
        <v>1521</v>
      </c>
      <c r="O2321" s="5" t="s">
        <v>38</v>
      </c>
      <c r="P2321" s="5" t="s">
        <v>39</v>
      </c>
      <c r="Q2321" s="5" t="s">
        <v>40</v>
      </c>
      <c r="R2321" s="5" t="s">
        <v>1522</v>
      </c>
      <c r="S2321" s="5" t="s">
        <v>1523</v>
      </c>
      <c r="T2321" s="5" t="s">
        <v>42</v>
      </c>
      <c r="U2321" s="2">
        <v>2.609</v>
      </c>
      <c r="V2321" s="2">
        <v>2.2440000000000002</v>
      </c>
      <c r="W2321" s="2">
        <v>1.0999999999999999E-2</v>
      </c>
      <c r="X2321" s="2">
        <v>139.1</v>
      </c>
      <c r="Y2321" s="2">
        <v>7.6</v>
      </c>
      <c r="Z2321" s="2">
        <v>10.6</v>
      </c>
      <c r="AA2321" s="5"/>
      <c r="AB2321" s="5" t="s">
        <v>43</v>
      </c>
      <c r="AC2321" s="5" t="s">
        <v>44</v>
      </c>
      <c r="AD2321" s="2"/>
      <c r="AE2321" s="1"/>
    </row>
    <row r="2322" spans="1:31" ht="14.45">
      <c r="A2322" s="11"/>
      <c r="B2322" s="20"/>
      <c r="C2322" s="2" t="s">
        <v>7390</v>
      </c>
      <c r="D2322" s="14" t="s">
        <v>7391</v>
      </c>
      <c r="E2322" s="2" t="s">
        <v>7392</v>
      </c>
      <c r="F2322" s="2" t="s">
        <v>7212</v>
      </c>
      <c r="G2322" s="8">
        <v>158</v>
      </c>
      <c r="H2322" s="5">
        <v>6</v>
      </c>
      <c r="I2322" s="5" t="s">
        <v>1518</v>
      </c>
      <c r="J2322" s="5" t="s">
        <v>1519</v>
      </c>
      <c r="K2322" s="2" t="s">
        <v>1520</v>
      </c>
      <c r="L2322" s="5" t="s">
        <v>1519</v>
      </c>
      <c r="M2322" s="2" t="s">
        <v>1520</v>
      </c>
      <c r="N2322" s="5" t="s">
        <v>1521</v>
      </c>
      <c r="O2322" s="5" t="s">
        <v>38</v>
      </c>
      <c r="P2322" s="5" t="s">
        <v>39</v>
      </c>
      <c r="Q2322" s="5" t="s">
        <v>40</v>
      </c>
      <c r="R2322" s="5" t="s">
        <v>1522</v>
      </c>
      <c r="S2322" s="5" t="s">
        <v>1523</v>
      </c>
      <c r="T2322" s="5" t="s">
        <v>42</v>
      </c>
      <c r="U2322" s="2">
        <v>2.5630000000000002</v>
      </c>
      <c r="V2322" s="2">
        <v>2.198</v>
      </c>
      <c r="W2322" s="2">
        <v>1.0999999999999999E-2</v>
      </c>
      <c r="X2322" s="2">
        <v>139.1</v>
      </c>
      <c r="Y2322" s="2">
        <v>7.6</v>
      </c>
      <c r="Z2322" s="2">
        <v>10.6</v>
      </c>
      <c r="AA2322" s="5"/>
      <c r="AB2322" s="5" t="s">
        <v>43</v>
      </c>
      <c r="AC2322" s="5" t="s">
        <v>44</v>
      </c>
      <c r="AD2322" s="2"/>
      <c r="AE2322" s="1"/>
    </row>
    <row r="2323" spans="1:31" ht="14.45">
      <c r="A2323" s="11"/>
      <c r="B2323" s="20"/>
      <c r="C2323" s="2" t="s">
        <v>7393</v>
      </c>
      <c r="D2323" s="14" t="s">
        <v>7394</v>
      </c>
      <c r="E2323" s="2" t="s">
        <v>7395</v>
      </c>
      <c r="F2323" s="2" t="s">
        <v>7396</v>
      </c>
      <c r="G2323" s="8">
        <v>250</v>
      </c>
      <c r="H2323" s="5">
        <v>8</v>
      </c>
      <c r="I2323" s="5" t="s">
        <v>1518</v>
      </c>
      <c r="J2323" s="5" t="s">
        <v>1519</v>
      </c>
      <c r="K2323" s="2" t="s">
        <v>1520</v>
      </c>
      <c r="L2323" s="5" t="s">
        <v>1519</v>
      </c>
      <c r="M2323" s="2" t="s">
        <v>1520</v>
      </c>
      <c r="N2323" s="5" t="s">
        <v>1521</v>
      </c>
      <c r="O2323" s="5" t="s">
        <v>38</v>
      </c>
      <c r="P2323" s="5" t="s">
        <v>39</v>
      </c>
      <c r="Q2323" s="5" t="s">
        <v>40</v>
      </c>
      <c r="R2323" s="5" t="s">
        <v>1522</v>
      </c>
      <c r="S2323" s="5" t="s">
        <v>1523</v>
      </c>
      <c r="T2323" s="5" t="s">
        <v>42</v>
      </c>
      <c r="U2323" s="2">
        <v>1.73</v>
      </c>
      <c r="V2323" s="2">
        <v>1.39</v>
      </c>
      <c r="W2323" s="2">
        <v>8.0000000000000002E-3</v>
      </c>
      <c r="X2323" s="2">
        <v>99.1</v>
      </c>
      <c r="Y2323" s="2">
        <v>7.6</v>
      </c>
      <c r="Z2323" s="2">
        <v>10.6</v>
      </c>
      <c r="AA2323" s="5"/>
      <c r="AB2323" s="5" t="s">
        <v>43</v>
      </c>
      <c r="AC2323" s="5" t="s">
        <v>44</v>
      </c>
      <c r="AD2323" s="2"/>
      <c r="AE2323" s="1"/>
    </row>
    <row r="2324" spans="1:31" ht="14.45">
      <c r="A2324" s="11"/>
      <c r="B2324" s="20"/>
      <c r="C2324" s="2" t="s">
        <v>7397</v>
      </c>
      <c r="D2324" s="14" t="s">
        <v>7398</v>
      </c>
      <c r="E2324" s="2" t="s">
        <v>7399</v>
      </c>
      <c r="F2324" s="2" t="s">
        <v>7204</v>
      </c>
      <c r="G2324" s="8">
        <v>250</v>
      </c>
      <c r="H2324" s="5">
        <v>8</v>
      </c>
      <c r="I2324" s="5" t="s">
        <v>1518</v>
      </c>
      <c r="J2324" s="5" t="s">
        <v>1519</v>
      </c>
      <c r="K2324" s="2" t="s">
        <v>1520</v>
      </c>
      <c r="L2324" s="5" t="s">
        <v>1519</v>
      </c>
      <c r="M2324" s="2" t="s">
        <v>1520</v>
      </c>
      <c r="N2324" s="5" t="s">
        <v>1521</v>
      </c>
      <c r="O2324" s="5" t="s">
        <v>38</v>
      </c>
      <c r="P2324" s="5" t="s">
        <v>39</v>
      </c>
      <c r="Q2324" s="5" t="s">
        <v>40</v>
      </c>
      <c r="R2324" s="5" t="s">
        <v>1522</v>
      </c>
      <c r="S2324" s="5" t="s">
        <v>1523</v>
      </c>
      <c r="T2324" s="5" t="s">
        <v>42</v>
      </c>
      <c r="U2324" s="2">
        <v>1.7370000000000001</v>
      </c>
      <c r="V2324" s="2">
        <v>1.397</v>
      </c>
      <c r="W2324" s="2">
        <v>8.0000000000000002E-3</v>
      </c>
      <c r="X2324" s="2">
        <v>99.1</v>
      </c>
      <c r="Y2324" s="2">
        <v>7.6</v>
      </c>
      <c r="Z2324" s="2">
        <v>10.6</v>
      </c>
      <c r="AA2324" s="5"/>
      <c r="AB2324" s="5" t="s">
        <v>43</v>
      </c>
      <c r="AC2324" s="5" t="s">
        <v>44</v>
      </c>
      <c r="AD2324" s="2"/>
      <c r="AE2324" s="1"/>
    </row>
    <row r="2325" spans="1:31" ht="14.45">
      <c r="A2325" s="11"/>
      <c r="B2325" s="20"/>
      <c r="C2325" s="2" t="s">
        <v>7400</v>
      </c>
      <c r="D2325" s="14" t="s">
        <v>7401</v>
      </c>
      <c r="E2325" s="2" t="s">
        <v>7402</v>
      </c>
      <c r="F2325" s="2" t="s">
        <v>7208</v>
      </c>
      <c r="G2325" s="8">
        <v>250</v>
      </c>
      <c r="H2325" s="5">
        <v>8</v>
      </c>
      <c r="I2325" s="5" t="s">
        <v>1518</v>
      </c>
      <c r="J2325" s="5" t="s">
        <v>1519</v>
      </c>
      <c r="K2325" s="2" t="s">
        <v>1520</v>
      </c>
      <c r="L2325" s="5" t="s">
        <v>1519</v>
      </c>
      <c r="M2325" s="2" t="s">
        <v>1520</v>
      </c>
      <c r="N2325" s="5" t="s">
        <v>1521</v>
      </c>
      <c r="O2325" s="5" t="s">
        <v>38</v>
      </c>
      <c r="P2325" s="5" t="s">
        <v>39</v>
      </c>
      <c r="Q2325" s="5" t="s">
        <v>40</v>
      </c>
      <c r="R2325" s="5" t="s">
        <v>1522</v>
      </c>
      <c r="S2325" s="5" t="s">
        <v>1523</v>
      </c>
      <c r="T2325" s="5" t="s">
        <v>42</v>
      </c>
      <c r="U2325" s="2">
        <v>1.7370000000000001</v>
      </c>
      <c r="V2325" s="2">
        <v>1.397</v>
      </c>
      <c r="W2325" s="2">
        <v>8.0000000000000002E-3</v>
      </c>
      <c r="X2325" s="2">
        <v>99.1</v>
      </c>
      <c r="Y2325" s="2">
        <v>7.6</v>
      </c>
      <c r="Z2325" s="2">
        <v>10.6</v>
      </c>
      <c r="AA2325" s="5"/>
      <c r="AB2325" s="5" t="s">
        <v>43</v>
      </c>
      <c r="AC2325" s="5" t="s">
        <v>44</v>
      </c>
      <c r="AD2325" s="2"/>
      <c r="AE2325" s="1"/>
    </row>
    <row r="2326" spans="1:31" ht="14.45">
      <c r="A2326" s="11"/>
      <c r="B2326" s="20"/>
      <c r="C2326" s="2" t="s">
        <v>7403</v>
      </c>
      <c r="D2326" s="14" t="s">
        <v>7404</v>
      </c>
      <c r="E2326" s="2" t="s">
        <v>7405</v>
      </c>
      <c r="F2326" s="2" t="s">
        <v>7406</v>
      </c>
      <c r="G2326" s="8">
        <v>250</v>
      </c>
      <c r="H2326" s="5">
        <v>8</v>
      </c>
      <c r="I2326" s="5" t="s">
        <v>1518</v>
      </c>
      <c r="J2326" s="5" t="s">
        <v>1519</v>
      </c>
      <c r="K2326" s="2" t="s">
        <v>1520</v>
      </c>
      <c r="L2326" s="5" t="s">
        <v>1519</v>
      </c>
      <c r="M2326" s="2" t="s">
        <v>1520</v>
      </c>
      <c r="N2326" s="5" t="s">
        <v>1521</v>
      </c>
      <c r="O2326" s="5" t="s">
        <v>38</v>
      </c>
      <c r="P2326" s="5" t="s">
        <v>39</v>
      </c>
      <c r="Q2326" s="5" t="s">
        <v>40</v>
      </c>
      <c r="R2326" s="5" t="s">
        <v>1522</v>
      </c>
      <c r="S2326" s="5" t="s">
        <v>1523</v>
      </c>
      <c r="T2326" s="5" t="s">
        <v>42</v>
      </c>
      <c r="U2326" s="2">
        <v>1.7150000000000001</v>
      </c>
      <c r="V2326" s="2">
        <v>1.375</v>
      </c>
      <c r="W2326" s="2">
        <v>8.0000000000000002E-3</v>
      </c>
      <c r="X2326" s="2">
        <v>99.1</v>
      </c>
      <c r="Y2326" s="2">
        <v>7.6</v>
      </c>
      <c r="Z2326" s="2">
        <v>10.6</v>
      </c>
      <c r="AA2326" s="5"/>
      <c r="AB2326" s="5" t="s">
        <v>43</v>
      </c>
      <c r="AC2326" s="5" t="s">
        <v>44</v>
      </c>
      <c r="AD2326" s="2"/>
      <c r="AE2326" s="1"/>
    </row>
    <row r="2327" spans="1:31" ht="14.45">
      <c r="A2327" s="11"/>
      <c r="B2327" s="20"/>
      <c r="C2327" s="2" t="s">
        <v>7407</v>
      </c>
      <c r="D2327" s="14" t="s">
        <v>7408</v>
      </c>
      <c r="E2327" s="2" t="s">
        <v>7409</v>
      </c>
      <c r="F2327" s="2" t="s">
        <v>7410</v>
      </c>
      <c r="G2327" s="8">
        <v>250</v>
      </c>
      <c r="H2327" s="5">
        <v>8</v>
      </c>
      <c r="I2327" s="5" t="s">
        <v>1518</v>
      </c>
      <c r="J2327" s="5" t="s">
        <v>1519</v>
      </c>
      <c r="K2327" s="2" t="s">
        <v>1520</v>
      </c>
      <c r="L2327" s="5" t="s">
        <v>1519</v>
      </c>
      <c r="M2327" s="2" t="s">
        <v>1520</v>
      </c>
      <c r="N2327" s="5" t="s">
        <v>1521</v>
      </c>
      <c r="O2327" s="5" t="s">
        <v>38</v>
      </c>
      <c r="P2327" s="5" t="s">
        <v>39</v>
      </c>
      <c r="Q2327" s="5" t="s">
        <v>40</v>
      </c>
      <c r="R2327" s="5" t="s">
        <v>1522</v>
      </c>
      <c r="S2327" s="5" t="s">
        <v>1523</v>
      </c>
      <c r="T2327" s="5" t="s">
        <v>42</v>
      </c>
      <c r="U2327" s="2">
        <v>1.7370000000000001</v>
      </c>
      <c r="V2327" s="2">
        <v>1.397</v>
      </c>
      <c r="W2327" s="2">
        <v>8.0000000000000002E-3</v>
      </c>
      <c r="X2327" s="2">
        <v>99.1</v>
      </c>
      <c r="Y2327" s="2">
        <v>7.6</v>
      </c>
      <c r="Z2327" s="2">
        <v>10.6</v>
      </c>
      <c r="AA2327" s="5"/>
      <c r="AB2327" s="5" t="s">
        <v>43</v>
      </c>
      <c r="AC2327" s="5" t="s">
        <v>44</v>
      </c>
      <c r="AD2327" s="2"/>
      <c r="AE2327" s="1"/>
    </row>
    <row r="2328" spans="1:31" ht="14.45">
      <c r="A2328" s="11"/>
      <c r="B2328" s="20"/>
      <c r="C2328" s="2" t="s">
        <v>7411</v>
      </c>
      <c r="D2328" s="14" t="s">
        <v>7412</v>
      </c>
      <c r="E2328" s="2" t="s">
        <v>7413</v>
      </c>
      <c r="F2328" s="2" t="s">
        <v>7396</v>
      </c>
      <c r="G2328" s="8">
        <v>271</v>
      </c>
      <c r="H2328" s="5">
        <v>8</v>
      </c>
      <c r="I2328" s="5" t="s">
        <v>1518</v>
      </c>
      <c r="J2328" s="5" t="s">
        <v>1519</v>
      </c>
      <c r="K2328" s="2" t="s">
        <v>1520</v>
      </c>
      <c r="L2328" s="5" t="s">
        <v>1519</v>
      </c>
      <c r="M2328" s="2" t="s">
        <v>1520</v>
      </c>
      <c r="N2328" s="5" t="s">
        <v>1521</v>
      </c>
      <c r="O2328" s="5" t="s">
        <v>38</v>
      </c>
      <c r="P2328" s="5" t="s">
        <v>39</v>
      </c>
      <c r="Q2328" s="5" t="s">
        <v>40</v>
      </c>
      <c r="R2328" s="5" t="s">
        <v>1522</v>
      </c>
      <c r="S2328" s="5" t="s">
        <v>1523</v>
      </c>
      <c r="T2328" s="5" t="s">
        <v>42</v>
      </c>
      <c r="U2328" s="2">
        <v>1.9750000000000001</v>
      </c>
      <c r="V2328" s="2">
        <v>1.643</v>
      </c>
      <c r="W2328" s="2">
        <v>0.01</v>
      </c>
      <c r="X2328" s="2">
        <v>118.6</v>
      </c>
      <c r="Y2328" s="2">
        <v>7.6</v>
      </c>
      <c r="Z2328" s="2">
        <v>10.6</v>
      </c>
      <c r="AA2328" s="5"/>
      <c r="AB2328" s="5" t="s">
        <v>43</v>
      </c>
      <c r="AC2328" s="5" t="s">
        <v>44</v>
      </c>
      <c r="AD2328" s="2"/>
      <c r="AE2328" s="1"/>
    </row>
    <row r="2329" spans="1:31" ht="14.45">
      <c r="A2329" s="11"/>
      <c r="B2329" s="20"/>
      <c r="C2329" s="2" t="s">
        <v>7414</v>
      </c>
      <c r="D2329" s="14" t="s">
        <v>7415</v>
      </c>
      <c r="E2329" s="2" t="s">
        <v>7416</v>
      </c>
      <c r="F2329" s="2" t="s">
        <v>7204</v>
      </c>
      <c r="G2329" s="8">
        <v>271</v>
      </c>
      <c r="H2329" s="5">
        <v>8</v>
      </c>
      <c r="I2329" s="5" t="s">
        <v>1518</v>
      </c>
      <c r="J2329" s="5" t="s">
        <v>1519</v>
      </c>
      <c r="K2329" s="2" t="s">
        <v>1520</v>
      </c>
      <c r="L2329" s="5" t="s">
        <v>1519</v>
      </c>
      <c r="M2329" s="2" t="s">
        <v>1520</v>
      </c>
      <c r="N2329" s="5" t="s">
        <v>1521</v>
      </c>
      <c r="O2329" s="5" t="s">
        <v>38</v>
      </c>
      <c r="P2329" s="5" t="s">
        <v>39</v>
      </c>
      <c r="Q2329" s="5" t="s">
        <v>40</v>
      </c>
      <c r="R2329" s="5" t="s">
        <v>1522</v>
      </c>
      <c r="S2329" s="5" t="s">
        <v>1523</v>
      </c>
      <c r="T2329" s="5" t="s">
        <v>42</v>
      </c>
      <c r="U2329" s="2">
        <v>1.984</v>
      </c>
      <c r="V2329" s="2">
        <v>1.6519999999999999</v>
      </c>
      <c r="W2329" s="2">
        <v>0.01</v>
      </c>
      <c r="X2329" s="2">
        <v>118.6</v>
      </c>
      <c r="Y2329" s="2">
        <v>7.6</v>
      </c>
      <c r="Z2329" s="2">
        <v>10.6</v>
      </c>
      <c r="AA2329" s="5"/>
      <c r="AB2329" s="5" t="s">
        <v>43</v>
      </c>
      <c r="AC2329" s="5" t="s">
        <v>44</v>
      </c>
      <c r="AD2329" s="2"/>
      <c r="AE2329" s="1"/>
    </row>
    <row r="2330" spans="1:31" ht="14.45">
      <c r="A2330" s="11"/>
      <c r="B2330" s="20"/>
      <c r="C2330" s="2" t="s">
        <v>7417</v>
      </c>
      <c r="D2330" s="14" t="s">
        <v>7418</v>
      </c>
      <c r="E2330" s="2" t="s">
        <v>7419</v>
      </c>
      <c r="F2330" s="2" t="s">
        <v>7208</v>
      </c>
      <c r="G2330" s="8">
        <v>271</v>
      </c>
      <c r="H2330" s="5">
        <v>8</v>
      </c>
      <c r="I2330" s="5" t="s">
        <v>1518</v>
      </c>
      <c r="J2330" s="5" t="s">
        <v>1519</v>
      </c>
      <c r="K2330" s="2" t="s">
        <v>1520</v>
      </c>
      <c r="L2330" s="5" t="s">
        <v>1519</v>
      </c>
      <c r="M2330" s="2" t="s">
        <v>1520</v>
      </c>
      <c r="N2330" s="5" t="s">
        <v>1521</v>
      </c>
      <c r="O2330" s="5" t="s">
        <v>38</v>
      </c>
      <c r="P2330" s="5" t="s">
        <v>39</v>
      </c>
      <c r="Q2330" s="5" t="s">
        <v>40</v>
      </c>
      <c r="R2330" s="5" t="s">
        <v>1522</v>
      </c>
      <c r="S2330" s="5" t="s">
        <v>1523</v>
      </c>
      <c r="T2330" s="5" t="s">
        <v>42</v>
      </c>
      <c r="U2330" s="2">
        <v>1.984</v>
      </c>
      <c r="V2330" s="2">
        <v>1.6519999999999999</v>
      </c>
      <c r="W2330" s="2">
        <v>0.01</v>
      </c>
      <c r="X2330" s="2">
        <v>118.6</v>
      </c>
      <c r="Y2330" s="2">
        <v>7.6</v>
      </c>
      <c r="Z2330" s="2">
        <v>10.6</v>
      </c>
      <c r="AA2330" s="5"/>
      <c r="AB2330" s="5" t="s">
        <v>43</v>
      </c>
      <c r="AC2330" s="5" t="s">
        <v>44</v>
      </c>
      <c r="AD2330" s="2"/>
      <c r="AE2330" s="1"/>
    </row>
    <row r="2331" spans="1:31" ht="14.45">
      <c r="A2331" s="11"/>
      <c r="B2331" s="20"/>
      <c r="C2331" s="2" t="s">
        <v>7420</v>
      </c>
      <c r="D2331" s="14" t="s">
        <v>7421</v>
      </c>
      <c r="E2331" s="2" t="s">
        <v>7422</v>
      </c>
      <c r="F2331" s="2" t="s">
        <v>7212</v>
      </c>
      <c r="G2331" s="8">
        <v>271</v>
      </c>
      <c r="H2331" s="5">
        <v>8</v>
      </c>
      <c r="I2331" s="5" t="s">
        <v>1518</v>
      </c>
      <c r="J2331" s="5" t="s">
        <v>1519</v>
      </c>
      <c r="K2331" s="2" t="s">
        <v>1520</v>
      </c>
      <c r="L2331" s="5" t="s">
        <v>1519</v>
      </c>
      <c r="M2331" s="2" t="s">
        <v>1520</v>
      </c>
      <c r="N2331" s="5" t="s">
        <v>1521</v>
      </c>
      <c r="O2331" s="5" t="s">
        <v>38</v>
      </c>
      <c r="P2331" s="5" t="s">
        <v>39</v>
      </c>
      <c r="Q2331" s="5" t="s">
        <v>40</v>
      </c>
      <c r="R2331" s="5" t="s">
        <v>1522</v>
      </c>
      <c r="S2331" s="5" t="s">
        <v>1523</v>
      </c>
      <c r="T2331" s="5" t="s">
        <v>42</v>
      </c>
      <c r="U2331" s="2">
        <v>1.956</v>
      </c>
      <c r="V2331" s="2">
        <v>1.6240000000000001</v>
      </c>
      <c r="W2331" s="2">
        <v>0.01</v>
      </c>
      <c r="X2331" s="2">
        <v>118.6</v>
      </c>
      <c r="Y2331" s="2">
        <v>7.6</v>
      </c>
      <c r="Z2331" s="2">
        <v>10.6</v>
      </c>
      <c r="AA2331" s="5"/>
      <c r="AB2331" s="5" t="s">
        <v>43</v>
      </c>
      <c r="AC2331" s="5" t="s">
        <v>44</v>
      </c>
      <c r="AD2331" s="2"/>
      <c r="AE2331" s="1"/>
    </row>
    <row r="2332" spans="1:31" ht="14.45">
      <c r="A2332" s="11"/>
      <c r="B2332" s="20"/>
      <c r="C2332" s="2" t="s">
        <v>7423</v>
      </c>
      <c r="D2332" s="14" t="s">
        <v>7424</v>
      </c>
      <c r="E2332" s="2" t="s">
        <v>7425</v>
      </c>
      <c r="F2332" s="2" t="s">
        <v>7406</v>
      </c>
      <c r="G2332" s="8">
        <v>272</v>
      </c>
      <c r="H2332" s="5">
        <v>8</v>
      </c>
      <c r="I2332" s="5" t="s">
        <v>1518</v>
      </c>
      <c r="J2332" s="5" t="s">
        <v>1519</v>
      </c>
      <c r="K2332" s="2" t="s">
        <v>1520</v>
      </c>
      <c r="L2332" s="5" t="s">
        <v>1519</v>
      </c>
      <c r="M2332" s="2" t="s">
        <v>1520</v>
      </c>
      <c r="N2332" s="5" t="s">
        <v>1521</v>
      </c>
      <c r="O2332" s="5" t="s">
        <v>38</v>
      </c>
      <c r="P2332" s="5" t="s">
        <v>39</v>
      </c>
      <c r="Q2332" s="5" t="s">
        <v>40</v>
      </c>
      <c r="R2332" s="5" t="s">
        <v>1522</v>
      </c>
      <c r="S2332" s="5" t="s">
        <v>1523</v>
      </c>
      <c r="T2332" s="5" t="s">
        <v>42</v>
      </c>
      <c r="U2332" s="2">
        <v>1.956</v>
      </c>
      <c r="V2332" s="2">
        <v>1.6240000000000001</v>
      </c>
      <c r="W2332" s="2">
        <v>0.01</v>
      </c>
      <c r="X2332" s="2">
        <v>118.6</v>
      </c>
      <c r="Y2332" s="2">
        <v>7.6</v>
      </c>
      <c r="Z2332" s="2">
        <v>10.6</v>
      </c>
      <c r="AA2332" s="5"/>
      <c r="AB2332" s="5" t="s">
        <v>43</v>
      </c>
      <c r="AC2332" s="5" t="s">
        <v>44</v>
      </c>
      <c r="AD2332" s="2"/>
      <c r="AE2332" s="1"/>
    </row>
    <row r="2333" spans="1:31" ht="14.45">
      <c r="A2333" s="11"/>
      <c r="B2333" s="20"/>
      <c r="C2333" s="2" t="s">
        <v>7426</v>
      </c>
      <c r="D2333" s="14" t="s">
        <v>7427</v>
      </c>
      <c r="E2333" s="2" t="s">
        <v>7428</v>
      </c>
      <c r="F2333" s="2" t="s">
        <v>7429</v>
      </c>
      <c r="G2333" s="8">
        <v>272</v>
      </c>
      <c r="H2333" s="5">
        <v>8</v>
      </c>
      <c r="I2333" s="5" t="s">
        <v>1518</v>
      </c>
      <c r="J2333" s="5" t="s">
        <v>1519</v>
      </c>
      <c r="K2333" s="2" t="s">
        <v>1520</v>
      </c>
      <c r="L2333" s="5" t="s">
        <v>1519</v>
      </c>
      <c r="M2333" s="2" t="s">
        <v>1520</v>
      </c>
      <c r="N2333" s="5" t="s">
        <v>1521</v>
      </c>
      <c r="O2333" s="5" t="s">
        <v>38</v>
      </c>
      <c r="P2333" s="5" t="s">
        <v>39</v>
      </c>
      <c r="Q2333" s="5" t="s">
        <v>40</v>
      </c>
      <c r="R2333" s="5" t="s">
        <v>1522</v>
      </c>
      <c r="S2333" s="5" t="s">
        <v>1523</v>
      </c>
      <c r="T2333" s="5" t="s">
        <v>42</v>
      </c>
      <c r="U2333" s="2">
        <v>1.984</v>
      </c>
      <c r="V2333" s="2">
        <v>1.6519999999999999</v>
      </c>
      <c r="W2333" s="2">
        <v>0.01</v>
      </c>
      <c r="X2333" s="2">
        <v>118.6</v>
      </c>
      <c r="Y2333" s="2">
        <v>7.6</v>
      </c>
      <c r="Z2333" s="2">
        <v>10.6</v>
      </c>
      <c r="AA2333" s="5"/>
      <c r="AB2333" s="5" t="s">
        <v>43</v>
      </c>
      <c r="AC2333" s="5" t="s">
        <v>44</v>
      </c>
      <c r="AD2333" s="2"/>
      <c r="AE2333" s="1"/>
    </row>
    <row r="2334" spans="1:31" ht="14.45">
      <c r="A2334" s="11"/>
      <c r="B2334" s="20"/>
      <c r="C2334" s="2" t="s">
        <v>7430</v>
      </c>
      <c r="D2334" s="14" t="s">
        <v>7431</v>
      </c>
      <c r="E2334" s="2" t="s">
        <v>7432</v>
      </c>
      <c r="F2334" s="2" t="s">
        <v>7433</v>
      </c>
      <c r="G2334" s="8">
        <v>272</v>
      </c>
      <c r="H2334" s="5">
        <v>8</v>
      </c>
      <c r="I2334" s="5" t="s">
        <v>1518</v>
      </c>
      <c r="J2334" s="5" t="s">
        <v>1519</v>
      </c>
      <c r="K2334" s="2" t="s">
        <v>1520</v>
      </c>
      <c r="L2334" s="5" t="s">
        <v>1519</v>
      </c>
      <c r="M2334" s="2" t="s">
        <v>1520</v>
      </c>
      <c r="N2334" s="5" t="s">
        <v>1521</v>
      </c>
      <c r="O2334" s="5" t="s">
        <v>38</v>
      </c>
      <c r="P2334" s="5" t="s">
        <v>39</v>
      </c>
      <c r="Q2334" s="5" t="s">
        <v>40</v>
      </c>
      <c r="R2334" s="5" t="s">
        <v>1522</v>
      </c>
      <c r="S2334" s="5" t="s">
        <v>1523</v>
      </c>
      <c r="T2334" s="5" t="s">
        <v>42</v>
      </c>
      <c r="U2334" s="2">
        <v>1.984</v>
      </c>
      <c r="V2334" s="2">
        <v>1.6519999999999999</v>
      </c>
      <c r="W2334" s="2">
        <v>0.01</v>
      </c>
      <c r="X2334" s="2">
        <v>118.6</v>
      </c>
      <c r="Y2334" s="2">
        <v>7.6</v>
      </c>
      <c r="Z2334" s="2">
        <v>10.6</v>
      </c>
      <c r="AA2334" s="5"/>
      <c r="AB2334" s="5" t="s">
        <v>43</v>
      </c>
      <c r="AC2334" s="5" t="s">
        <v>44</v>
      </c>
      <c r="AD2334" s="2"/>
      <c r="AE2334" s="1"/>
    </row>
    <row r="2335" spans="1:31" ht="14.45">
      <c r="A2335" s="11"/>
      <c r="B2335" s="20"/>
      <c r="C2335" s="2" t="s">
        <v>7434</v>
      </c>
      <c r="D2335" s="14" t="s">
        <v>7435</v>
      </c>
      <c r="E2335" s="2" t="s">
        <v>7436</v>
      </c>
      <c r="F2335" s="2" t="s">
        <v>7396</v>
      </c>
      <c r="G2335" s="8">
        <v>271</v>
      </c>
      <c r="H2335" s="5">
        <v>8</v>
      </c>
      <c r="I2335" s="5" t="s">
        <v>1518</v>
      </c>
      <c r="J2335" s="5" t="s">
        <v>1519</v>
      </c>
      <c r="K2335" s="2" t="s">
        <v>1520</v>
      </c>
      <c r="L2335" s="5" t="s">
        <v>1519</v>
      </c>
      <c r="M2335" s="2" t="s">
        <v>1520</v>
      </c>
      <c r="N2335" s="5" t="s">
        <v>1521</v>
      </c>
      <c r="O2335" s="5" t="s">
        <v>38</v>
      </c>
      <c r="P2335" s="5" t="s">
        <v>39</v>
      </c>
      <c r="Q2335" s="5" t="s">
        <v>40</v>
      </c>
      <c r="R2335" s="5" t="s">
        <v>1522</v>
      </c>
      <c r="S2335" s="5" t="s">
        <v>1523</v>
      </c>
      <c r="T2335" s="5" t="s">
        <v>42</v>
      </c>
      <c r="U2335" s="2">
        <v>2.2469999999999999</v>
      </c>
      <c r="V2335" s="2">
        <v>1.863</v>
      </c>
      <c r="W2335" s="2">
        <v>1.0999999999999999E-2</v>
      </c>
      <c r="X2335" s="2">
        <v>139.1</v>
      </c>
      <c r="Y2335" s="2">
        <v>7.6</v>
      </c>
      <c r="Z2335" s="2">
        <v>10.6</v>
      </c>
      <c r="AA2335" s="5"/>
      <c r="AB2335" s="5" t="s">
        <v>43</v>
      </c>
      <c r="AC2335" s="5" t="s">
        <v>44</v>
      </c>
      <c r="AD2335" s="2"/>
      <c r="AE2335" s="1"/>
    </row>
    <row r="2336" spans="1:31" ht="14.45">
      <c r="A2336" s="11"/>
      <c r="B2336" s="20"/>
      <c r="C2336" s="2" t="s">
        <v>7437</v>
      </c>
      <c r="D2336" s="14" t="s">
        <v>7438</v>
      </c>
      <c r="E2336" s="2" t="s">
        <v>7439</v>
      </c>
      <c r="F2336" s="2" t="s">
        <v>7204</v>
      </c>
      <c r="G2336" s="8">
        <v>271</v>
      </c>
      <c r="H2336" s="5">
        <v>8</v>
      </c>
      <c r="I2336" s="5" t="s">
        <v>1518</v>
      </c>
      <c r="J2336" s="5" t="s">
        <v>1519</v>
      </c>
      <c r="K2336" s="2" t="s">
        <v>1520</v>
      </c>
      <c r="L2336" s="5" t="s">
        <v>1519</v>
      </c>
      <c r="M2336" s="2" t="s">
        <v>1520</v>
      </c>
      <c r="N2336" s="5" t="s">
        <v>1521</v>
      </c>
      <c r="O2336" s="5" t="s">
        <v>38</v>
      </c>
      <c r="P2336" s="5" t="s">
        <v>39</v>
      </c>
      <c r="Q2336" s="5" t="s">
        <v>40</v>
      </c>
      <c r="R2336" s="5" t="s">
        <v>1522</v>
      </c>
      <c r="S2336" s="5" t="s">
        <v>1523</v>
      </c>
      <c r="T2336" s="5" t="s">
        <v>42</v>
      </c>
      <c r="U2336" s="2">
        <v>2.2589999999999999</v>
      </c>
      <c r="V2336" s="2">
        <v>1.875</v>
      </c>
      <c r="W2336" s="2">
        <v>1.0999999999999999E-2</v>
      </c>
      <c r="X2336" s="2">
        <v>139.1</v>
      </c>
      <c r="Y2336" s="2">
        <v>7.6</v>
      </c>
      <c r="Z2336" s="2">
        <v>10.6</v>
      </c>
      <c r="AA2336" s="5"/>
      <c r="AB2336" s="5" t="s">
        <v>43</v>
      </c>
      <c r="AC2336" s="5" t="s">
        <v>44</v>
      </c>
      <c r="AD2336" s="2"/>
      <c r="AE2336" s="1"/>
    </row>
    <row r="2337" spans="1:31" ht="14.45">
      <c r="A2337" s="11"/>
      <c r="B2337" s="20"/>
      <c r="C2337" s="2" t="s">
        <v>7440</v>
      </c>
      <c r="D2337" s="14" t="s">
        <v>7441</v>
      </c>
      <c r="E2337" s="2" t="s">
        <v>7442</v>
      </c>
      <c r="F2337" s="2" t="s">
        <v>7208</v>
      </c>
      <c r="G2337" s="8">
        <v>271</v>
      </c>
      <c r="H2337" s="5">
        <v>8</v>
      </c>
      <c r="I2337" s="5" t="s">
        <v>1518</v>
      </c>
      <c r="J2337" s="5" t="s">
        <v>1519</v>
      </c>
      <c r="K2337" s="2" t="s">
        <v>1520</v>
      </c>
      <c r="L2337" s="5" t="s">
        <v>1519</v>
      </c>
      <c r="M2337" s="2" t="s">
        <v>1520</v>
      </c>
      <c r="N2337" s="5" t="s">
        <v>1521</v>
      </c>
      <c r="O2337" s="5" t="s">
        <v>38</v>
      </c>
      <c r="P2337" s="5" t="s">
        <v>39</v>
      </c>
      <c r="Q2337" s="5" t="s">
        <v>40</v>
      </c>
      <c r="R2337" s="5" t="s">
        <v>1522</v>
      </c>
      <c r="S2337" s="5" t="s">
        <v>1523</v>
      </c>
      <c r="T2337" s="5" t="s">
        <v>42</v>
      </c>
      <c r="U2337" s="2">
        <v>2.2589999999999999</v>
      </c>
      <c r="V2337" s="2">
        <v>1.875</v>
      </c>
      <c r="W2337" s="2">
        <v>1.0999999999999999E-2</v>
      </c>
      <c r="X2337" s="2">
        <v>139.1</v>
      </c>
      <c r="Y2337" s="2">
        <v>7.6</v>
      </c>
      <c r="Z2337" s="2">
        <v>10.6</v>
      </c>
      <c r="AA2337" s="5"/>
      <c r="AB2337" s="5" t="s">
        <v>43</v>
      </c>
      <c r="AC2337" s="5" t="s">
        <v>44</v>
      </c>
      <c r="AD2337" s="2"/>
      <c r="AE2337" s="1"/>
    </row>
    <row r="2338" spans="1:31" ht="14.45">
      <c r="A2338" s="11"/>
      <c r="B2338" s="20"/>
      <c r="C2338" s="2" t="s">
        <v>7443</v>
      </c>
      <c r="D2338" s="14" t="s">
        <v>7444</v>
      </c>
      <c r="E2338" s="2" t="s">
        <v>7445</v>
      </c>
      <c r="F2338" s="2" t="s">
        <v>7212</v>
      </c>
      <c r="G2338" s="8">
        <v>271</v>
      </c>
      <c r="H2338" s="5">
        <v>8</v>
      </c>
      <c r="I2338" s="5" t="s">
        <v>1518</v>
      </c>
      <c r="J2338" s="5" t="s">
        <v>1519</v>
      </c>
      <c r="K2338" s="2" t="s">
        <v>1520</v>
      </c>
      <c r="L2338" s="5" t="s">
        <v>1519</v>
      </c>
      <c r="M2338" s="2" t="s">
        <v>1520</v>
      </c>
      <c r="N2338" s="5" t="s">
        <v>1521</v>
      </c>
      <c r="O2338" s="5" t="s">
        <v>38</v>
      </c>
      <c r="P2338" s="5" t="s">
        <v>39</v>
      </c>
      <c r="Q2338" s="5" t="s">
        <v>40</v>
      </c>
      <c r="R2338" s="5" t="s">
        <v>1522</v>
      </c>
      <c r="S2338" s="5" t="s">
        <v>1523</v>
      </c>
      <c r="T2338" s="5" t="s">
        <v>42</v>
      </c>
      <c r="U2338" s="2">
        <v>2.222</v>
      </c>
      <c r="V2338" s="2">
        <v>1.8380000000000001</v>
      </c>
      <c r="W2338" s="2">
        <v>1.0999999999999999E-2</v>
      </c>
      <c r="X2338" s="2">
        <v>139.1</v>
      </c>
      <c r="Y2338" s="2">
        <v>7.6</v>
      </c>
      <c r="Z2338" s="2">
        <v>10.6</v>
      </c>
      <c r="AA2338" s="5"/>
      <c r="AB2338" s="5" t="s">
        <v>43</v>
      </c>
      <c r="AC2338" s="5" t="s">
        <v>44</v>
      </c>
      <c r="AD2338" s="2"/>
      <c r="AE2338" s="1"/>
    </row>
    <row r="2339" spans="1:31" ht="14.45">
      <c r="A2339" s="11"/>
      <c r="B2339" s="20"/>
      <c r="C2339" s="2" t="s">
        <v>7446</v>
      </c>
      <c r="D2339" s="14" t="s">
        <v>7447</v>
      </c>
      <c r="E2339" s="2" t="s">
        <v>7448</v>
      </c>
      <c r="F2339" s="2" t="s">
        <v>7449</v>
      </c>
      <c r="G2339" s="8">
        <v>272</v>
      </c>
      <c r="H2339" s="5">
        <v>8</v>
      </c>
      <c r="I2339" s="5" t="s">
        <v>1518</v>
      </c>
      <c r="J2339" s="5" t="s">
        <v>1519</v>
      </c>
      <c r="K2339" s="2" t="s">
        <v>1520</v>
      </c>
      <c r="L2339" s="5" t="s">
        <v>1519</v>
      </c>
      <c r="M2339" s="2" t="s">
        <v>1520</v>
      </c>
      <c r="N2339" s="5" t="s">
        <v>1521</v>
      </c>
      <c r="O2339" s="5" t="s">
        <v>38</v>
      </c>
      <c r="P2339" s="5" t="s">
        <v>39</v>
      </c>
      <c r="Q2339" s="5" t="s">
        <v>40</v>
      </c>
      <c r="R2339" s="5" t="s">
        <v>1522</v>
      </c>
      <c r="S2339" s="5" t="s">
        <v>1523</v>
      </c>
      <c r="T2339" s="5" t="s">
        <v>42</v>
      </c>
      <c r="U2339" s="2">
        <v>2.2589999999999999</v>
      </c>
      <c r="V2339" s="2">
        <v>1.875</v>
      </c>
      <c r="W2339" s="2">
        <v>1.0999999999999999E-2</v>
      </c>
      <c r="X2339" s="2">
        <v>139.1</v>
      </c>
      <c r="Y2339" s="2">
        <v>7.6</v>
      </c>
      <c r="Z2339" s="2">
        <v>10.6</v>
      </c>
      <c r="AA2339" s="5"/>
      <c r="AB2339" s="5" t="s">
        <v>43</v>
      </c>
      <c r="AC2339" s="5" t="s">
        <v>44</v>
      </c>
      <c r="AD2339" s="2"/>
      <c r="AE2339" s="1"/>
    </row>
    <row r="2340" spans="1:31" ht="14.45">
      <c r="A2340" s="11"/>
      <c r="B2340" s="20"/>
      <c r="C2340" s="2" t="s">
        <v>7450</v>
      </c>
      <c r="D2340" s="14" t="s">
        <v>7451</v>
      </c>
      <c r="E2340" s="2" t="s">
        <v>7452</v>
      </c>
      <c r="F2340" s="2" t="s">
        <v>7433</v>
      </c>
      <c r="G2340" s="8">
        <v>272</v>
      </c>
      <c r="H2340" s="5">
        <v>8</v>
      </c>
      <c r="I2340" s="5" t="s">
        <v>1518</v>
      </c>
      <c r="J2340" s="5" t="s">
        <v>1519</v>
      </c>
      <c r="K2340" s="2" t="s">
        <v>1520</v>
      </c>
      <c r="L2340" s="5" t="s">
        <v>1519</v>
      </c>
      <c r="M2340" s="2" t="s">
        <v>1520</v>
      </c>
      <c r="N2340" s="5" t="s">
        <v>1521</v>
      </c>
      <c r="O2340" s="5" t="s">
        <v>38</v>
      </c>
      <c r="P2340" s="5" t="s">
        <v>39</v>
      </c>
      <c r="Q2340" s="5" t="s">
        <v>40</v>
      </c>
      <c r="R2340" s="5" t="s">
        <v>1522</v>
      </c>
      <c r="S2340" s="5" t="s">
        <v>1523</v>
      </c>
      <c r="T2340" s="5" t="s">
        <v>42</v>
      </c>
      <c r="U2340" s="2">
        <v>2.2589999999999999</v>
      </c>
      <c r="V2340" s="2">
        <v>1.875</v>
      </c>
      <c r="W2340" s="2">
        <v>1.0999999999999999E-2</v>
      </c>
      <c r="X2340" s="2">
        <v>139.1</v>
      </c>
      <c r="Y2340" s="2">
        <v>7.6</v>
      </c>
      <c r="Z2340" s="2">
        <v>10.6</v>
      </c>
      <c r="AA2340" s="5"/>
      <c r="AB2340" s="5" t="s">
        <v>43</v>
      </c>
      <c r="AC2340" s="5" t="s">
        <v>44</v>
      </c>
      <c r="AD2340" s="2"/>
      <c r="AE2340" s="1"/>
    </row>
    <row r="2341" spans="1:31" ht="14.45">
      <c r="A2341" s="11"/>
      <c r="B2341" s="20"/>
      <c r="C2341" s="2" t="s">
        <v>7453</v>
      </c>
      <c r="D2341" s="14" t="s">
        <v>7454</v>
      </c>
      <c r="E2341" s="2" t="s">
        <v>7455</v>
      </c>
      <c r="F2341" s="2" t="s">
        <v>7396</v>
      </c>
      <c r="G2341" s="8">
        <v>72</v>
      </c>
      <c r="H2341" s="5">
        <v>5</v>
      </c>
      <c r="I2341" s="5" t="s">
        <v>1518</v>
      </c>
      <c r="J2341" s="5" t="s">
        <v>1519</v>
      </c>
      <c r="K2341" s="2" t="s">
        <v>1520</v>
      </c>
      <c r="L2341" s="5" t="s">
        <v>1519</v>
      </c>
      <c r="M2341" s="2" t="s">
        <v>1520</v>
      </c>
      <c r="N2341" s="5" t="s">
        <v>1521</v>
      </c>
      <c r="O2341" s="5" t="s">
        <v>38</v>
      </c>
      <c r="P2341" s="5" t="s">
        <v>39</v>
      </c>
      <c r="Q2341" s="5" t="s">
        <v>40</v>
      </c>
      <c r="R2341" s="5" t="s">
        <v>1522</v>
      </c>
      <c r="S2341" s="5" t="s">
        <v>1523</v>
      </c>
      <c r="T2341" s="5" t="s">
        <v>42</v>
      </c>
      <c r="U2341" s="2">
        <v>1.0740000000000001</v>
      </c>
      <c r="V2341" s="2">
        <v>0.81799999999999995</v>
      </c>
      <c r="W2341" s="2">
        <v>6.0000000000000001E-3</v>
      </c>
      <c r="X2341" s="2">
        <v>76.900000000000006</v>
      </c>
      <c r="Y2341" s="2">
        <v>7.6</v>
      </c>
      <c r="Z2341" s="2">
        <v>10.6</v>
      </c>
      <c r="AA2341" s="5"/>
      <c r="AB2341" s="5" t="s">
        <v>43</v>
      </c>
      <c r="AC2341" s="5" t="s">
        <v>44</v>
      </c>
      <c r="AD2341" s="2"/>
      <c r="AE2341" s="1"/>
    </row>
    <row r="2342" spans="1:31" ht="14.45">
      <c r="A2342" s="11"/>
      <c r="B2342" s="20"/>
      <c r="C2342" s="2" t="s">
        <v>7456</v>
      </c>
      <c r="D2342" s="14" t="s">
        <v>7457</v>
      </c>
      <c r="E2342" s="2" t="s">
        <v>7458</v>
      </c>
      <c r="F2342" s="2" t="s">
        <v>7204</v>
      </c>
      <c r="G2342" s="8">
        <v>72</v>
      </c>
      <c r="H2342" s="5">
        <v>5</v>
      </c>
      <c r="I2342" s="5" t="s">
        <v>1518</v>
      </c>
      <c r="J2342" s="5" t="s">
        <v>1519</v>
      </c>
      <c r="K2342" s="2" t="s">
        <v>1520</v>
      </c>
      <c r="L2342" s="5" t="s">
        <v>1519</v>
      </c>
      <c r="M2342" s="2" t="s">
        <v>1520</v>
      </c>
      <c r="N2342" s="5" t="s">
        <v>1521</v>
      </c>
      <c r="O2342" s="5" t="s">
        <v>38</v>
      </c>
      <c r="P2342" s="5" t="s">
        <v>39</v>
      </c>
      <c r="Q2342" s="5" t="s">
        <v>40</v>
      </c>
      <c r="R2342" s="5" t="s">
        <v>1522</v>
      </c>
      <c r="S2342" s="5" t="s">
        <v>1523</v>
      </c>
      <c r="T2342" s="5" t="s">
        <v>42</v>
      </c>
      <c r="U2342" s="2">
        <v>1.077</v>
      </c>
      <c r="V2342" s="2">
        <v>0.82099999999999995</v>
      </c>
      <c r="W2342" s="2">
        <v>6.0000000000000001E-3</v>
      </c>
      <c r="X2342" s="2">
        <v>76.900000000000006</v>
      </c>
      <c r="Y2342" s="2">
        <v>7.6</v>
      </c>
      <c r="Z2342" s="2">
        <v>10.6</v>
      </c>
      <c r="AA2342" s="5"/>
      <c r="AB2342" s="5" t="s">
        <v>43</v>
      </c>
      <c r="AC2342" s="5" t="s">
        <v>44</v>
      </c>
      <c r="AD2342" s="2"/>
      <c r="AE2342" s="1"/>
    </row>
    <row r="2343" spans="1:31" ht="14.45">
      <c r="A2343" s="11"/>
      <c r="B2343" s="20"/>
      <c r="C2343" s="2" t="s">
        <v>7459</v>
      </c>
      <c r="D2343" s="14" t="s">
        <v>7460</v>
      </c>
      <c r="E2343" s="2" t="s">
        <v>7461</v>
      </c>
      <c r="F2343" s="2" t="s">
        <v>7208</v>
      </c>
      <c r="G2343" s="8">
        <v>72</v>
      </c>
      <c r="H2343" s="5">
        <v>5</v>
      </c>
      <c r="I2343" s="5" t="s">
        <v>1518</v>
      </c>
      <c r="J2343" s="5" t="s">
        <v>1519</v>
      </c>
      <c r="K2343" s="2" t="s">
        <v>1520</v>
      </c>
      <c r="L2343" s="5" t="s">
        <v>1519</v>
      </c>
      <c r="M2343" s="2" t="s">
        <v>1520</v>
      </c>
      <c r="N2343" s="5" t="s">
        <v>1521</v>
      </c>
      <c r="O2343" s="5" t="s">
        <v>38</v>
      </c>
      <c r="P2343" s="5" t="s">
        <v>39</v>
      </c>
      <c r="Q2343" s="5" t="s">
        <v>40</v>
      </c>
      <c r="R2343" s="5" t="s">
        <v>1522</v>
      </c>
      <c r="S2343" s="5" t="s">
        <v>1523</v>
      </c>
      <c r="T2343" s="5" t="s">
        <v>42</v>
      </c>
      <c r="U2343" s="2">
        <v>1.077</v>
      </c>
      <c r="V2343" s="2">
        <v>0.82099999999999995</v>
      </c>
      <c r="W2343" s="2">
        <v>6.0000000000000001E-3</v>
      </c>
      <c r="X2343" s="2">
        <v>76.900000000000006</v>
      </c>
      <c r="Y2343" s="2">
        <v>7.6</v>
      </c>
      <c r="Z2343" s="2">
        <v>10.6</v>
      </c>
      <c r="AA2343" s="5"/>
      <c r="AB2343" s="5" t="s">
        <v>43</v>
      </c>
      <c r="AC2343" s="5" t="s">
        <v>44</v>
      </c>
      <c r="AD2343" s="2"/>
      <c r="AE2343" s="1"/>
    </row>
    <row r="2344" spans="1:31" ht="14.45">
      <c r="A2344" s="11"/>
      <c r="B2344" s="20"/>
      <c r="C2344" s="2" t="s">
        <v>7462</v>
      </c>
      <c r="D2344" s="14" t="s">
        <v>7463</v>
      </c>
      <c r="E2344" s="2" t="s">
        <v>7464</v>
      </c>
      <c r="F2344" s="2" t="s">
        <v>7212</v>
      </c>
      <c r="G2344" s="8">
        <v>72</v>
      </c>
      <c r="H2344" s="5">
        <v>5</v>
      </c>
      <c r="I2344" s="5" t="s">
        <v>1518</v>
      </c>
      <c r="J2344" s="5" t="s">
        <v>1519</v>
      </c>
      <c r="K2344" s="2" t="s">
        <v>1520</v>
      </c>
      <c r="L2344" s="5" t="s">
        <v>1519</v>
      </c>
      <c r="M2344" s="2" t="s">
        <v>1520</v>
      </c>
      <c r="N2344" s="5" t="s">
        <v>1521</v>
      </c>
      <c r="O2344" s="5" t="s">
        <v>38</v>
      </c>
      <c r="P2344" s="5" t="s">
        <v>39</v>
      </c>
      <c r="Q2344" s="5" t="s">
        <v>40</v>
      </c>
      <c r="R2344" s="5" t="s">
        <v>1522</v>
      </c>
      <c r="S2344" s="5" t="s">
        <v>1523</v>
      </c>
      <c r="T2344" s="5" t="s">
        <v>42</v>
      </c>
      <c r="U2344" s="2">
        <v>1.069</v>
      </c>
      <c r="V2344" s="2">
        <v>0.81299999999999994</v>
      </c>
      <c r="W2344" s="2">
        <v>6.0000000000000001E-3</v>
      </c>
      <c r="X2344" s="2">
        <v>76.900000000000006</v>
      </c>
      <c r="Y2344" s="2">
        <v>7.6</v>
      </c>
      <c r="Z2344" s="2">
        <v>10.6</v>
      </c>
      <c r="AA2344" s="5"/>
      <c r="AB2344" s="5" t="s">
        <v>43</v>
      </c>
      <c r="AC2344" s="5" t="s">
        <v>44</v>
      </c>
      <c r="AD2344" s="2"/>
      <c r="AE2344" s="1"/>
    </row>
    <row r="2345" spans="1:31" ht="14.45">
      <c r="A2345" s="11"/>
      <c r="B2345" s="20"/>
      <c r="C2345" s="2" t="s">
        <v>7465</v>
      </c>
      <c r="D2345" s="14" t="s">
        <v>7466</v>
      </c>
      <c r="E2345" s="2" t="s">
        <v>7467</v>
      </c>
      <c r="F2345" s="2" t="s">
        <v>7396</v>
      </c>
      <c r="G2345" s="8">
        <v>82</v>
      </c>
      <c r="H2345" s="5">
        <v>5</v>
      </c>
      <c r="I2345" s="5" t="s">
        <v>1518</v>
      </c>
      <c r="J2345" s="5" t="s">
        <v>1519</v>
      </c>
      <c r="K2345" s="2" t="s">
        <v>1520</v>
      </c>
      <c r="L2345" s="5" t="s">
        <v>1519</v>
      </c>
      <c r="M2345" s="2" t="s">
        <v>1520</v>
      </c>
      <c r="N2345" s="5" t="s">
        <v>1521</v>
      </c>
      <c r="O2345" s="5" t="s">
        <v>38</v>
      </c>
      <c r="P2345" s="5" t="s">
        <v>39</v>
      </c>
      <c r="Q2345" s="5" t="s">
        <v>40</v>
      </c>
      <c r="R2345" s="5" t="s">
        <v>1522</v>
      </c>
      <c r="S2345" s="5" t="s">
        <v>1523</v>
      </c>
      <c r="T2345" s="5" t="s">
        <v>42</v>
      </c>
      <c r="U2345" s="2">
        <v>1.2310000000000001</v>
      </c>
      <c r="V2345" s="2">
        <v>0.92200000000000004</v>
      </c>
      <c r="W2345" s="2">
        <v>7.0000000000000001E-3</v>
      </c>
      <c r="X2345" s="2">
        <v>82.9</v>
      </c>
      <c r="Y2345" s="2">
        <v>7.6</v>
      </c>
      <c r="Z2345" s="2">
        <v>10.6</v>
      </c>
      <c r="AA2345" s="5"/>
      <c r="AB2345" s="5" t="s">
        <v>43</v>
      </c>
      <c r="AC2345" s="5" t="s">
        <v>44</v>
      </c>
      <c r="AD2345" s="2"/>
      <c r="AE2345" s="1"/>
    </row>
    <row r="2346" spans="1:31" ht="14.45">
      <c r="A2346" s="11"/>
      <c r="B2346" s="20"/>
      <c r="C2346" s="2" t="s">
        <v>7468</v>
      </c>
      <c r="D2346" s="14" t="s">
        <v>7469</v>
      </c>
      <c r="E2346" s="2" t="s">
        <v>7470</v>
      </c>
      <c r="F2346" s="2" t="s">
        <v>7204</v>
      </c>
      <c r="G2346" s="8">
        <v>82</v>
      </c>
      <c r="H2346" s="5">
        <v>5</v>
      </c>
      <c r="I2346" s="5" t="s">
        <v>1518</v>
      </c>
      <c r="J2346" s="5" t="s">
        <v>1519</v>
      </c>
      <c r="K2346" s="2" t="s">
        <v>1520</v>
      </c>
      <c r="L2346" s="5" t="s">
        <v>1519</v>
      </c>
      <c r="M2346" s="2" t="s">
        <v>1520</v>
      </c>
      <c r="N2346" s="5" t="s">
        <v>1521</v>
      </c>
      <c r="O2346" s="5" t="s">
        <v>38</v>
      </c>
      <c r="P2346" s="5" t="s">
        <v>39</v>
      </c>
      <c r="Q2346" s="5" t="s">
        <v>40</v>
      </c>
      <c r="R2346" s="5" t="s">
        <v>1522</v>
      </c>
      <c r="S2346" s="5" t="s">
        <v>1523</v>
      </c>
      <c r="T2346" s="5" t="s">
        <v>42</v>
      </c>
      <c r="U2346" s="2">
        <v>1.234</v>
      </c>
      <c r="V2346" s="2">
        <v>0.92500000000000004</v>
      </c>
      <c r="W2346" s="2">
        <v>7.0000000000000001E-3</v>
      </c>
      <c r="X2346" s="2">
        <v>82.9</v>
      </c>
      <c r="Y2346" s="2">
        <v>7.6</v>
      </c>
      <c r="Z2346" s="2">
        <v>10.6</v>
      </c>
      <c r="AA2346" s="5"/>
      <c r="AB2346" s="5" t="s">
        <v>43</v>
      </c>
      <c r="AC2346" s="5" t="s">
        <v>44</v>
      </c>
      <c r="AD2346" s="2"/>
      <c r="AE2346" s="1"/>
    </row>
    <row r="2347" spans="1:31" ht="14.45">
      <c r="A2347" s="11"/>
      <c r="B2347" s="20"/>
      <c r="C2347" s="2" t="s">
        <v>7471</v>
      </c>
      <c r="D2347" s="14" t="s">
        <v>7472</v>
      </c>
      <c r="E2347" s="2" t="s">
        <v>7473</v>
      </c>
      <c r="F2347" s="2" t="s">
        <v>7208</v>
      </c>
      <c r="G2347" s="8">
        <v>82</v>
      </c>
      <c r="H2347" s="5">
        <v>5</v>
      </c>
      <c r="I2347" s="5" t="s">
        <v>1518</v>
      </c>
      <c r="J2347" s="5" t="s">
        <v>1519</v>
      </c>
      <c r="K2347" s="2" t="s">
        <v>1520</v>
      </c>
      <c r="L2347" s="5" t="s">
        <v>1519</v>
      </c>
      <c r="M2347" s="2" t="s">
        <v>1520</v>
      </c>
      <c r="N2347" s="5" t="s">
        <v>1521</v>
      </c>
      <c r="O2347" s="5" t="s">
        <v>38</v>
      </c>
      <c r="P2347" s="5" t="s">
        <v>39</v>
      </c>
      <c r="Q2347" s="5" t="s">
        <v>40</v>
      </c>
      <c r="R2347" s="5" t="s">
        <v>1522</v>
      </c>
      <c r="S2347" s="5" t="s">
        <v>1523</v>
      </c>
      <c r="T2347" s="5" t="s">
        <v>42</v>
      </c>
      <c r="U2347" s="2">
        <v>1.234</v>
      </c>
      <c r="V2347" s="2">
        <v>0.92500000000000004</v>
      </c>
      <c r="W2347" s="2">
        <v>7.0000000000000001E-3</v>
      </c>
      <c r="X2347" s="2">
        <v>82.9</v>
      </c>
      <c r="Y2347" s="2">
        <v>7.6</v>
      </c>
      <c r="Z2347" s="2">
        <v>10.6</v>
      </c>
      <c r="AA2347" s="5"/>
      <c r="AB2347" s="5" t="s">
        <v>43</v>
      </c>
      <c r="AC2347" s="5" t="s">
        <v>44</v>
      </c>
      <c r="AD2347" s="2"/>
      <c r="AE2347" s="1"/>
    </row>
    <row r="2348" spans="1:31" ht="14.45">
      <c r="A2348" s="11"/>
      <c r="B2348" s="20"/>
      <c r="C2348" s="2" t="s">
        <v>7474</v>
      </c>
      <c r="D2348" s="14" t="s">
        <v>7475</v>
      </c>
      <c r="E2348" s="2" t="s">
        <v>7476</v>
      </c>
      <c r="F2348" s="2" t="s">
        <v>7212</v>
      </c>
      <c r="G2348" s="8">
        <v>82</v>
      </c>
      <c r="H2348" s="5">
        <v>5</v>
      </c>
      <c r="I2348" s="5" t="s">
        <v>1518</v>
      </c>
      <c r="J2348" s="5" t="s">
        <v>1519</v>
      </c>
      <c r="K2348" s="2" t="s">
        <v>1520</v>
      </c>
      <c r="L2348" s="5" t="s">
        <v>1519</v>
      </c>
      <c r="M2348" s="2" t="s">
        <v>1520</v>
      </c>
      <c r="N2348" s="5" t="s">
        <v>1521</v>
      </c>
      <c r="O2348" s="5" t="s">
        <v>38</v>
      </c>
      <c r="P2348" s="5" t="s">
        <v>39</v>
      </c>
      <c r="Q2348" s="5" t="s">
        <v>40</v>
      </c>
      <c r="R2348" s="5" t="s">
        <v>1522</v>
      </c>
      <c r="S2348" s="5" t="s">
        <v>1523</v>
      </c>
      <c r="T2348" s="5" t="s">
        <v>42</v>
      </c>
      <c r="U2348" s="2">
        <v>1.224</v>
      </c>
      <c r="V2348" s="2">
        <v>0.91500000000000004</v>
      </c>
      <c r="W2348" s="2">
        <v>7.0000000000000001E-3</v>
      </c>
      <c r="X2348" s="2">
        <v>82.9</v>
      </c>
      <c r="Y2348" s="2">
        <v>7.6</v>
      </c>
      <c r="Z2348" s="2">
        <v>10.6</v>
      </c>
      <c r="AA2348" s="5"/>
      <c r="AB2348" s="5" t="s">
        <v>43</v>
      </c>
      <c r="AC2348" s="5" t="s">
        <v>44</v>
      </c>
      <c r="AD2348" s="2"/>
      <c r="AE2348" s="1"/>
    </row>
    <row r="2349" spans="1:31" ht="14.45">
      <c r="A2349" s="11"/>
      <c r="B2349" s="20"/>
      <c r="C2349" s="2" t="s">
        <v>7477</v>
      </c>
      <c r="D2349" s="14" t="s">
        <v>7478</v>
      </c>
      <c r="E2349" s="2" t="s">
        <v>7479</v>
      </c>
      <c r="F2349" s="2" t="s">
        <v>7396</v>
      </c>
      <c r="G2349" s="8">
        <v>90</v>
      </c>
      <c r="H2349" s="5">
        <v>5</v>
      </c>
      <c r="I2349" s="5" t="s">
        <v>1518</v>
      </c>
      <c r="J2349" s="5" t="s">
        <v>1519</v>
      </c>
      <c r="K2349" s="2" t="s">
        <v>1520</v>
      </c>
      <c r="L2349" s="5" t="s">
        <v>1519</v>
      </c>
      <c r="M2349" s="2" t="s">
        <v>1520</v>
      </c>
      <c r="N2349" s="5" t="s">
        <v>1521</v>
      </c>
      <c r="O2349" s="5" t="s">
        <v>38</v>
      </c>
      <c r="P2349" s="5" t="s">
        <v>39</v>
      </c>
      <c r="Q2349" s="5" t="s">
        <v>40</v>
      </c>
      <c r="R2349" s="5" t="s">
        <v>1522</v>
      </c>
      <c r="S2349" s="5" t="s">
        <v>1523</v>
      </c>
      <c r="T2349" s="5" t="s">
        <v>42</v>
      </c>
      <c r="U2349" s="2">
        <v>1.41</v>
      </c>
      <c r="V2349" s="2">
        <v>1.109</v>
      </c>
      <c r="W2349" s="2">
        <v>7.0000000000000001E-3</v>
      </c>
      <c r="X2349" s="2">
        <v>82.9</v>
      </c>
      <c r="Y2349" s="2">
        <v>7.6</v>
      </c>
      <c r="Z2349" s="2">
        <v>10.6</v>
      </c>
      <c r="AA2349" s="5"/>
      <c r="AB2349" s="5" t="s">
        <v>43</v>
      </c>
      <c r="AC2349" s="5" t="s">
        <v>44</v>
      </c>
      <c r="AD2349" s="2"/>
      <c r="AE2349" s="1"/>
    </row>
    <row r="2350" spans="1:31" ht="14.45">
      <c r="A2350" s="11"/>
      <c r="B2350" s="20"/>
      <c r="C2350" s="2" t="s">
        <v>7480</v>
      </c>
      <c r="D2350" s="14" t="s">
        <v>7481</v>
      </c>
      <c r="E2350" s="2" t="s">
        <v>7482</v>
      </c>
      <c r="F2350" s="2" t="s">
        <v>7204</v>
      </c>
      <c r="G2350" s="8">
        <v>90</v>
      </c>
      <c r="H2350" s="5">
        <v>5</v>
      </c>
      <c r="I2350" s="5" t="s">
        <v>1518</v>
      </c>
      <c r="J2350" s="5" t="s">
        <v>1519</v>
      </c>
      <c r="K2350" s="2" t="s">
        <v>1520</v>
      </c>
      <c r="L2350" s="5" t="s">
        <v>1519</v>
      </c>
      <c r="M2350" s="2" t="s">
        <v>1520</v>
      </c>
      <c r="N2350" s="5" t="s">
        <v>1521</v>
      </c>
      <c r="O2350" s="5" t="s">
        <v>38</v>
      </c>
      <c r="P2350" s="5" t="s">
        <v>39</v>
      </c>
      <c r="Q2350" s="5" t="s">
        <v>40</v>
      </c>
      <c r="R2350" s="5" t="s">
        <v>1522</v>
      </c>
      <c r="S2350" s="5" t="s">
        <v>1523</v>
      </c>
      <c r="T2350" s="5" t="s">
        <v>42</v>
      </c>
      <c r="U2350" s="2">
        <v>1.4159999999999999</v>
      </c>
      <c r="V2350" s="2">
        <v>1.115</v>
      </c>
      <c r="W2350" s="2">
        <v>7.0000000000000001E-3</v>
      </c>
      <c r="X2350" s="2">
        <v>82.9</v>
      </c>
      <c r="Y2350" s="2">
        <v>7.6</v>
      </c>
      <c r="Z2350" s="2">
        <v>10.6</v>
      </c>
      <c r="AA2350" s="5"/>
      <c r="AB2350" s="5" t="s">
        <v>43</v>
      </c>
      <c r="AC2350" s="5" t="s">
        <v>44</v>
      </c>
      <c r="AD2350" s="2"/>
      <c r="AE2350" s="1"/>
    </row>
    <row r="2351" spans="1:31" ht="14.45">
      <c r="A2351" s="11"/>
      <c r="B2351" s="20"/>
      <c r="C2351" s="2" t="s">
        <v>7483</v>
      </c>
      <c r="D2351" s="14" t="s">
        <v>7484</v>
      </c>
      <c r="E2351" s="2" t="s">
        <v>7485</v>
      </c>
      <c r="F2351" s="2" t="s">
        <v>7208</v>
      </c>
      <c r="G2351" s="8">
        <v>90</v>
      </c>
      <c r="H2351" s="5">
        <v>5</v>
      </c>
      <c r="I2351" s="5" t="s">
        <v>1518</v>
      </c>
      <c r="J2351" s="5" t="s">
        <v>1519</v>
      </c>
      <c r="K2351" s="2" t="s">
        <v>1520</v>
      </c>
      <c r="L2351" s="5" t="s">
        <v>1519</v>
      </c>
      <c r="M2351" s="2" t="s">
        <v>1520</v>
      </c>
      <c r="N2351" s="5" t="s">
        <v>1521</v>
      </c>
      <c r="O2351" s="5" t="s">
        <v>38</v>
      </c>
      <c r="P2351" s="5" t="s">
        <v>39</v>
      </c>
      <c r="Q2351" s="5" t="s">
        <v>40</v>
      </c>
      <c r="R2351" s="5" t="s">
        <v>1522</v>
      </c>
      <c r="S2351" s="5" t="s">
        <v>1523</v>
      </c>
      <c r="T2351" s="5" t="s">
        <v>42</v>
      </c>
      <c r="U2351" s="2">
        <v>1.4159999999999999</v>
      </c>
      <c r="V2351" s="2">
        <v>1.115</v>
      </c>
      <c r="W2351" s="2">
        <v>7.0000000000000001E-3</v>
      </c>
      <c r="X2351" s="2">
        <v>82.9</v>
      </c>
      <c r="Y2351" s="2">
        <v>7.6</v>
      </c>
      <c r="Z2351" s="2">
        <v>10.6</v>
      </c>
      <c r="AA2351" s="5"/>
      <c r="AB2351" s="5" t="s">
        <v>43</v>
      </c>
      <c r="AC2351" s="5" t="s">
        <v>44</v>
      </c>
      <c r="AD2351" s="2"/>
      <c r="AE2351" s="1"/>
    </row>
    <row r="2352" spans="1:31" ht="14.45">
      <c r="A2352" s="11"/>
      <c r="B2352" s="20"/>
      <c r="C2352" s="2" t="s">
        <v>7486</v>
      </c>
      <c r="D2352" s="14" t="s">
        <v>7487</v>
      </c>
      <c r="E2352" s="2" t="s">
        <v>7488</v>
      </c>
      <c r="F2352" s="2" t="s">
        <v>7212</v>
      </c>
      <c r="G2352" s="8">
        <v>90</v>
      </c>
      <c r="H2352" s="5">
        <v>5</v>
      </c>
      <c r="I2352" s="5" t="s">
        <v>1518</v>
      </c>
      <c r="J2352" s="5" t="s">
        <v>1519</v>
      </c>
      <c r="K2352" s="2" t="s">
        <v>1520</v>
      </c>
      <c r="L2352" s="5" t="s">
        <v>1519</v>
      </c>
      <c r="M2352" s="2" t="s">
        <v>1520</v>
      </c>
      <c r="N2352" s="5" t="s">
        <v>1521</v>
      </c>
      <c r="O2352" s="5" t="s">
        <v>38</v>
      </c>
      <c r="P2352" s="5" t="s">
        <v>39</v>
      </c>
      <c r="Q2352" s="5" t="s">
        <v>40</v>
      </c>
      <c r="R2352" s="5" t="s">
        <v>1522</v>
      </c>
      <c r="S2352" s="5" t="s">
        <v>1523</v>
      </c>
      <c r="T2352" s="5" t="s">
        <v>42</v>
      </c>
      <c r="U2352" s="2">
        <v>1.4</v>
      </c>
      <c r="V2352" s="2">
        <v>1.099</v>
      </c>
      <c r="W2352" s="2">
        <v>7.0000000000000001E-3</v>
      </c>
      <c r="X2352" s="2">
        <v>82.9</v>
      </c>
      <c r="Y2352" s="2">
        <v>7.6</v>
      </c>
      <c r="Z2352" s="2">
        <v>10.6</v>
      </c>
      <c r="AA2352" s="5"/>
      <c r="AB2352" s="5" t="s">
        <v>43</v>
      </c>
      <c r="AC2352" s="5" t="s">
        <v>44</v>
      </c>
      <c r="AD2352" s="2"/>
      <c r="AE2352" s="1"/>
    </row>
    <row r="2353" spans="1:31" ht="14.45">
      <c r="A2353" s="11"/>
      <c r="B2353" s="20"/>
      <c r="C2353" s="2" t="s">
        <v>7489</v>
      </c>
      <c r="D2353" s="14" t="s">
        <v>7490</v>
      </c>
      <c r="E2353" s="2" t="s">
        <v>7491</v>
      </c>
      <c r="F2353" s="2" t="s">
        <v>7396</v>
      </c>
      <c r="G2353" s="8">
        <v>100</v>
      </c>
      <c r="H2353" s="5">
        <v>5</v>
      </c>
      <c r="I2353" s="5" t="s">
        <v>1518</v>
      </c>
      <c r="J2353" s="5" t="s">
        <v>1519</v>
      </c>
      <c r="K2353" s="2" t="s">
        <v>1520</v>
      </c>
      <c r="L2353" s="5" t="s">
        <v>1519</v>
      </c>
      <c r="M2353" s="2" t="s">
        <v>1520</v>
      </c>
      <c r="N2353" s="5" t="s">
        <v>1521</v>
      </c>
      <c r="O2353" s="5" t="s">
        <v>38</v>
      </c>
      <c r="P2353" s="5" t="s">
        <v>39</v>
      </c>
      <c r="Q2353" s="5" t="s">
        <v>40</v>
      </c>
      <c r="R2353" s="5" t="s">
        <v>1522</v>
      </c>
      <c r="S2353" s="5" t="s">
        <v>1523</v>
      </c>
      <c r="T2353" s="5" t="s">
        <v>42</v>
      </c>
      <c r="U2353" s="2">
        <v>1.556</v>
      </c>
      <c r="V2353" s="2">
        <v>1.1970000000000001</v>
      </c>
      <c r="W2353" s="2">
        <v>0.01</v>
      </c>
      <c r="X2353" s="2">
        <v>118.9</v>
      </c>
      <c r="Y2353" s="2">
        <v>7.6</v>
      </c>
      <c r="Z2353" s="2">
        <v>10.6</v>
      </c>
      <c r="AA2353" s="5"/>
      <c r="AB2353" s="5" t="s">
        <v>43</v>
      </c>
      <c r="AC2353" s="5" t="s">
        <v>44</v>
      </c>
      <c r="AD2353" s="2"/>
      <c r="AE2353" s="1"/>
    </row>
    <row r="2354" spans="1:31" ht="14.45">
      <c r="A2354" s="11"/>
      <c r="B2354" s="20"/>
      <c r="C2354" s="2" t="s">
        <v>7492</v>
      </c>
      <c r="D2354" s="14" t="s">
        <v>7493</v>
      </c>
      <c r="E2354" s="2" t="s">
        <v>7494</v>
      </c>
      <c r="F2354" s="2" t="s">
        <v>7204</v>
      </c>
      <c r="G2354" s="8">
        <v>100</v>
      </c>
      <c r="H2354" s="5">
        <v>5</v>
      </c>
      <c r="I2354" s="5" t="s">
        <v>1518</v>
      </c>
      <c r="J2354" s="5" t="s">
        <v>1519</v>
      </c>
      <c r="K2354" s="2" t="s">
        <v>1520</v>
      </c>
      <c r="L2354" s="5" t="s">
        <v>1519</v>
      </c>
      <c r="M2354" s="2" t="s">
        <v>1520</v>
      </c>
      <c r="N2354" s="5" t="s">
        <v>1521</v>
      </c>
      <c r="O2354" s="5" t="s">
        <v>38</v>
      </c>
      <c r="P2354" s="5" t="s">
        <v>39</v>
      </c>
      <c r="Q2354" s="5" t="s">
        <v>40</v>
      </c>
      <c r="R2354" s="5" t="s">
        <v>1522</v>
      </c>
      <c r="S2354" s="5" t="s">
        <v>1523</v>
      </c>
      <c r="T2354" s="5" t="s">
        <v>42</v>
      </c>
      <c r="U2354" s="2">
        <v>1.591</v>
      </c>
      <c r="V2354" s="2">
        <v>1.232</v>
      </c>
      <c r="W2354" s="2">
        <v>0.01</v>
      </c>
      <c r="X2354" s="2">
        <v>118.9</v>
      </c>
      <c r="Y2354" s="2">
        <v>7.6</v>
      </c>
      <c r="Z2354" s="2">
        <v>10.6</v>
      </c>
      <c r="AA2354" s="5"/>
      <c r="AB2354" s="5" t="s">
        <v>43</v>
      </c>
      <c r="AC2354" s="5" t="s">
        <v>44</v>
      </c>
      <c r="AD2354" s="2"/>
      <c r="AE2354" s="1"/>
    </row>
    <row r="2355" spans="1:31" ht="14.45">
      <c r="A2355" s="11"/>
      <c r="B2355" s="20"/>
      <c r="C2355" s="2" t="s">
        <v>7495</v>
      </c>
      <c r="D2355" s="14" t="s">
        <v>7496</v>
      </c>
      <c r="E2355" s="2" t="s">
        <v>7497</v>
      </c>
      <c r="F2355" s="2" t="s">
        <v>7208</v>
      </c>
      <c r="G2355" s="8">
        <v>100</v>
      </c>
      <c r="H2355" s="5">
        <v>5</v>
      </c>
      <c r="I2355" s="5" t="s">
        <v>1518</v>
      </c>
      <c r="J2355" s="5" t="s">
        <v>1519</v>
      </c>
      <c r="K2355" s="2" t="s">
        <v>1520</v>
      </c>
      <c r="L2355" s="5" t="s">
        <v>1519</v>
      </c>
      <c r="M2355" s="2" t="s">
        <v>1520</v>
      </c>
      <c r="N2355" s="5" t="s">
        <v>1521</v>
      </c>
      <c r="O2355" s="5" t="s">
        <v>38</v>
      </c>
      <c r="P2355" s="5" t="s">
        <v>39</v>
      </c>
      <c r="Q2355" s="5" t="s">
        <v>40</v>
      </c>
      <c r="R2355" s="5" t="s">
        <v>1522</v>
      </c>
      <c r="S2355" s="5" t="s">
        <v>1523</v>
      </c>
      <c r="T2355" s="5" t="s">
        <v>42</v>
      </c>
      <c r="U2355" s="2">
        <v>1.5609999999999999</v>
      </c>
      <c r="V2355" s="2">
        <v>1.202</v>
      </c>
      <c r="W2355" s="2">
        <v>0.01</v>
      </c>
      <c r="X2355" s="2">
        <v>118.9</v>
      </c>
      <c r="Y2355" s="2">
        <v>7.6</v>
      </c>
      <c r="Z2355" s="2">
        <v>10.6</v>
      </c>
      <c r="AA2355" s="5"/>
      <c r="AB2355" s="5" t="s">
        <v>43</v>
      </c>
      <c r="AC2355" s="5" t="s">
        <v>44</v>
      </c>
      <c r="AD2355" s="2"/>
      <c r="AE2355" s="1"/>
    </row>
    <row r="2356" spans="1:31" ht="14.45">
      <c r="A2356" s="11"/>
      <c r="B2356" s="20"/>
      <c r="C2356" s="2" t="s">
        <v>7498</v>
      </c>
      <c r="D2356" s="14" t="s">
        <v>7499</v>
      </c>
      <c r="E2356" s="2" t="s">
        <v>7500</v>
      </c>
      <c r="F2356" s="2" t="s">
        <v>7212</v>
      </c>
      <c r="G2356" s="8">
        <v>100</v>
      </c>
      <c r="H2356" s="5">
        <v>5</v>
      </c>
      <c r="I2356" s="5" t="s">
        <v>1518</v>
      </c>
      <c r="J2356" s="5" t="s">
        <v>1519</v>
      </c>
      <c r="K2356" s="2" t="s">
        <v>1520</v>
      </c>
      <c r="L2356" s="5" t="s">
        <v>1519</v>
      </c>
      <c r="M2356" s="2" t="s">
        <v>1520</v>
      </c>
      <c r="N2356" s="5" t="s">
        <v>1521</v>
      </c>
      <c r="O2356" s="5" t="s">
        <v>38</v>
      </c>
      <c r="P2356" s="5" t="s">
        <v>39</v>
      </c>
      <c r="Q2356" s="5" t="s">
        <v>40</v>
      </c>
      <c r="R2356" s="5" t="s">
        <v>1522</v>
      </c>
      <c r="S2356" s="5" t="s">
        <v>1523</v>
      </c>
      <c r="T2356" s="5" t="s">
        <v>42</v>
      </c>
      <c r="U2356" s="2">
        <v>1.546</v>
      </c>
      <c r="V2356" s="2">
        <v>1.1870000000000001</v>
      </c>
      <c r="W2356" s="2">
        <v>0.01</v>
      </c>
      <c r="X2356" s="2">
        <v>118.9</v>
      </c>
      <c r="Y2356" s="2">
        <v>7.6</v>
      </c>
      <c r="Z2356" s="2">
        <v>10.6</v>
      </c>
      <c r="AA2356" s="5"/>
      <c r="AB2356" s="5" t="s">
        <v>43</v>
      </c>
      <c r="AC2356" s="5" t="s">
        <v>44</v>
      </c>
      <c r="AD2356" s="2"/>
      <c r="AE2356" s="1"/>
    </row>
    <row r="2357" spans="1:31" ht="14.45">
      <c r="A2357" s="11"/>
      <c r="B2357" s="20"/>
      <c r="C2357" s="2" t="s">
        <v>7501</v>
      </c>
      <c r="D2357" s="14" t="s">
        <v>7502</v>
      </c>
      <c r="E2357" s="2" t="s">
        <v>7503</v>
      </c>
      <c r="F2357" s="2" t="s">
        <v>7396</v>
      </c>
      <c r="G2357" s="8">
        <v>72</v>
      </c>
      <c r="H2357" s="5">
        <v>5</v>
      </c>
      <c r="I2357" s="5" t="s">
        <v>1518</v>
      </c>
      <c r="J2357" s="5" t="s">
        <v>1519</v>
      </c>
      <c r="K2357" s="2" t="s">
        <v>1520</v>
      </c>
      <c r="L2357" s="5" t="s">
        <v>1519</v>
      </c>
      <c r="M2357" s="2" t="s">
        <v>1520</v>
      </c>
      <c r="N2357" s="5" t="s">
        <v>1521</v>
      </c>
      <c r="O2357" s="5" t="s">
        <v>38</v>
      </c>
      <c r="P2357" s="5" t="s">
        <v>39</v>
      </c>
      <c r="Q2357" s="5" t="s">
        <v>40</v>
      </c>
      <c r="R2357" s="5" t="s">
        <v>1522</v>
      </c>
      <c r="S2357" s="5" t="s">
        <v>1523</v>
      </c>
      <c r="T2357" s="5" t="s">
        <v>42</v>
      </c>
      <c r="U2357" s="2">
        <v>1.0189999999999999</v>
      </c>
      <c r="V2357" s="2">
        <v>0.78500000000000003</v>
      </c>
      <c r="W2357" s="2">
        <v>5.0000000000000001E-3</v>
      </c>
      <c r="X2357" s="2">
        <v>59.9</v>
      </c>
      <c r="Y2357" s="2">
        <v>7.6</v>
      </c>
      <c r="Z2357" s="2">
        <v>10.6</v>
      </c>
      <c r="AA2357" s="5"/>
      <c r="AB2357" s="5" t="s">
        <v>43</v>
      </c>
      <c r="AC2357" s="5" t="s">
        <v>44</v>
      </c>
      <c r="AD2357" s="2"/>
      <c r="AE2357" s="1"/>
    </row>
    <row r="2358" spans="1:31" ht="14.45">
      <c r="A2358" s="11"/>
      <c r="B2358" s="20"/>
      <c r="C2358" s="2" t="s">
        <v>7504</v>
      </c>
      <c r="D2358" s="14" t="s">
        <v>7505</v>
      </c>
      <c r="E2358" s="2" t="s">
        <v>7506</v>
      </c>
      <c r="F2358" s="2" t="s">
        <v>7507</v>
      </c>
      <c r="G2358" s="8">
        <v>72</v>
      </c>
      <c r="H2358" s="5">
        <v>5</v>
      </c>
      <c r="I2358" s="5" t="s">
        <v>1518</v>
      </c>
      <c r="J2358" s="5" t="s">
        <v>1519</v>
      </c>
      <c r="K2358" s="2" t="s">
        <v>1520</v>
      </c>
      <c r="L2358" s="5" t="s">
        <v>1519</v>
      </c>
      <c r="M2358" s="2" t="s">
        <v>1520</v>
      </c>
      <c r="N2358" s="5" t="s">
        <v>1521</v>
      </c>
      <c r="O2358" s="5" t="s">
        <v>38</v>
      </c>
      <c r="P2358" s="5" t="s">
        <v>39</v>
      </c>
      <c r="Q2358" s="5" t="s">
        <v>40</v>
      </c>
      <c r="R2358" s="5" t="s">
        <v>1522</v>
      </c>
      <c r="S2358" s="5" t="s">
        <v>1523</v>
      </c>
      <c r="T2358" s="5" t="s">
        <v>42</v>
      </c>
      <c r="U2358" s="2">
        <v>1.0429999999999999</v>
      </c>
      <c r="V2358" s="2">
        <v>0.80900000000000005</v>
      </c>
      <c r="W2358" s="2">
        <v>5.0000000000000001E-3</v>
      </c>
      <c r="X2358" s="2">
        <v>59.9</v>
      </c>
      <c r="Y2358" s="2">
        <v>7.6</v>
      </c>
      <c r="Z2358" s="2">
        <v>10.6</v>
      </c>
      <c r="AA2358" s="5"/>
      <c r="AB2358" s="5" t="s">
        <v>43</v>
      </c>
      <c r="AC2358" s="5" t="s">
        <v>44</v>
      </c>
      <c r="AD2358" s="2"/>
      <c r="AE2358" s="1"/>
    </row>
    <row r="2359" spans="1:31" ht="14.45">
      <c r="A2359" s="11"/>
      <c r="B2359" s="20"/>
      <c r="C2359" s="2" t="s">
        <v>7508</v>
      </c>
      <c r="D2359" s="14" t="s">
        <v>7509</v>
      </c>
      <c r="E2359" s="2" t="s">
        <v>7510</v>
      </c>
      <c r="F2359" s="2" t="s">
        <v>7204</v>
      </c>
      <c r="G2359" s="8">
        <v>72</v>
      </c>
      <c r="H2359" s="5">
        <v>5</v>
      </c>
      <c r="I2359" s="5" t="s">
        <v>1518</v>
      </c>
      <c r="J2359" s="5" t="s">
        <v>1519</v>
      </c>
      <c r="K2359" s="2" t="s">
        <v>1520</v>
      </c>
      <c r="L2359" s="5" t="s">
        <v>1519</v>
      </c>
      <c r="M2359" s="2" t="s">
        <v>1520</v>
      </c>
      <c r="N2359" s="5" t="s">
        <v>1521</v>
      </c>
      <c r="O2359" s="5" t="s">
        <v>38</v>
      </c>
      <c r="P2359" s="5" t="s">
        <v>39</v>
      </c>
      <c r="Q2359" s="5" t="s">
        <v>40</v>
      </c>
      <c r="R2359" s="5" t="s">
        <v>1522</v>
      </c>
      <c r="S2359" s="5" t="s">
        <v>1523</v>
      </c>
      <c r="T2359" s="5" t="s">
        <v>42</v>
      </c>
      <c r="U2359" s="2">
        <v>1.022</v>
      </c>
      <c r="V2359" s="2">
        <v>0.78800000000000003</v>
      </c>
      <c r="W2359" s="2">
        <v>5.0000000000000001E-3</v>
      </c>
      <c r="X2359" s="2">
        <v>59.9</v>
      </c>
      <c r="Y2359" s="2">
        <v>7.6</v>
      </c>
      <c r="Z2359" s="2">
        <v>10.6</v>
      </c>
      <c r="AA2359" s="5"/>
      <c r="AB2359" s="5" t="s">
        <v>43</v>
      </c>
      <c r="AC2359" s="5" t="s">
        <v>44</v>
      </c>
      <c r="AD2359" s="2"/>
      <c r="AE2359" s="1"/>
    </row>
    <row r="2360" spans="1:31" ht="14.45">
      <c r="A2360" s="11"/>
      <c r="B2360" s="20"/>
      <c r="C2360" s="2" t="s">
        <v>7511</v>
      </c>
      <c r="D2360" s="14" t="s">
        <v>7512</v>
      </c>
      <c r="E2360" s="2" t="s">
        <v>7513</v>
      </c>
      <c r="F2360" s="2" t="s">
        <v>7514</v>
      </c>
      <c r="G2360" s="8">
        <v>72</v>
      </c>
      <c r="H2360" s="5">
        <v>5</v>
      </c>
      <c r="I2360" s="5" t="s">
        <v>1518</v>
      </c>
      <c r="J2360" s="5" t="s">
        <v>1519</v>
      </c>
      <c r="K2360" s="2" t="s">
        <v>1520</v>
      </c>
      <c r="L2360" s="5" t="s">
        <v>1519</v>
      </c>
      <c r="M2360" s="2" t="s">
        <v>1520</v>
      </c>
      <c r="N2360" s="5" t="s">
        <v>1521</v>
      </c>
      <c r="O2360" s="5" t="s">
        <v>38</v>
      </c>
      <c r="P2360" s="5" t="s">
        <v>39</v>
      </c>
      <c r="Q2360" s="5" t="s">
        <v>40</v>
      </c>
      <c r="R2360" s="5" t="s">
        <v>1522</v>
      </c>
      <c r="S2360" s="5" t="s">
        <v>1523</v>
      </c>
      <c r="T2360" s="5" t="s">
        <v>42</v>
      </c>
      <c r="U2360" s="2">
        <v>1.044</v>
      </c>
      <c r="V2360" s="2">
        <v>0.81</v>
      </c>
      <c r="W2360" s="2">
        <v>5.0000000000000001E-3</v>
      </c>
      <c r="X2360" s="2">
        <v>59.9</v>
      </c>
      <c r="Y2360" s="2">
        <v>7.6</v>
      </c>
      <c r="Z2360" s="2">
        <v>10.6</v>
      </c>
      <c r="AA2360" s="5"/>
      <c r="AB2360" s="5" t="s">
        <v>43</v>
      </c>
      <c r="AC2360" s="5" t="s">
        <v>44</v>
      </c>
      <c r="AD2360" s="2"/>
      <c r="AE2360" s="1"/>
    </row>
    <row r="2361" spans="1:31" ht="14.45">
      <c r="A2361" s="11"/>
      <c r="B2361" s="20"/>
      <c r="C2361" s="2" t="s">
        <v>7515</v>
      </c>
      <c r="D2361" s="14" t="s">
        <v>7516</v>
      </c>
      <c r="E2361" s="2" t="s">
        <v>7517</v>
      </c>
      <c r="F2361" s="2" t="s">
        <v>7208</v>
      </c>
      <c r="G2361" s="8">
        <v>72</v>
      </c>
      <c r="H2361" s="5">
        <v>5</v>
      </c>
      <c r="I2361" s="5" t="s">
        <v>1518</v>
      </c>
      <c r="J2361" s="5" t="s">
        <v>1519</v>
      </c>
      <c r="K2361" s="2" t="s">
        <v>1520</v>
      </c>
      <c r="L2361" s="5" t="s">
        <v>1519</v>
      </c>
      <c r="M2361" s="2" t="s">
        <v>1520</v>
      </c>
      <c r="N2361" s="5" t="s">
        <v>1521</v>
      </c>
      <c r="O2361" s="5" t="s">
        <v>38</v>
      </c>
      <c r="P2361" s="5" t="s">
        <v>39</v>
      </c>
      <c r="Q2361" s="5" t="s">
        <v>40</v>
      </c>
      <c r="R2361" s="5" t="s">
        <v>1522</v>
      </c>
      <c r="S2361" s="5" t="s">
        <v>1523</v>
      </c>
      <c r="T2361" s="5" t="s">
        <v>42</v>
      </c>
      <c r="U2361" s="2">
        <v>1.022</v>
      </c>
      <c r="V2361" s="2">
        <v>0.78800000000000003</v>
      </c>
      <c r="W2361" s="2">
        <v>5.0000000000000001E-3</v>
      </c>
      <c r="X2361" s="2">
        <v>59.9</v>
      </c>
      <c r="Y2361" s="2">
        <v>7.6</v>
      </c>
      <c r="Z2361" s="2">
        <v>10.6</v>
      </c>
      <c r="AA2361" s="5"/>
      <c r="AB2361" s="5" t="s">
        <v>43</v>
      </c>
      <c r="AC2361" s="5" t="s">
        <v>44</v>
      </c>
      <c r="AD2361" s="2"/>
      <c r="AE2361" s="1"/>
    </row>
    <row r="2362" spans="1:31" ht="14.45">
      <c r="A2362" s="11"/>
      <c r="B2362" s="20"/>
      <c r="C2362" s="2" t="s">
        <v>7518</v>
      </c>
      <c r="D2362" s="14" t="s">
        <v>7519</v>
      </c>
      <c r="E2362" s="2" t="s">
        <v>7520</v>
      </c>
      <c r="F2362" s="2" t="s">
        <v>7521</v>
      </c>
      <c r="G2362" s="8">
        <v>72</v>
      </c>
      <c r="H2362" s="5">
        <v>5</v>
      </c>
      <c r="I2362" s="5" t="s">
        <v>1518</v>
      </c>
      <c r="J2362" s="5" t="s">
        <v>1519</v>
      </c>
      <c r="K2362" s="2" t="s">
        <v>1520</v>
      </c>
      <c r="L2362" s="5" t="s">
        <v>1519</v>
      </c>
      <c r="M2362" s="2" t="s">
        <v>1520</v>
      </c>
      <c r="N2362" s="5" t="s">
        <v>1521</v>
      </c>
      <c r="O2362" s="5" t="s">
        <v>38</v>
      </c>
      <c r="P2362" s="5" t="s">
        <v>39</v>
      </c>
      <c r="Q2362" s="5" t="s">
        <v>40</v>
      </c>
      <c r="R2362" s="5" t="s">
        <v>1522</v>
      </c>
      <c r="S2362" s="5" t="s">
        <v>1523</v>
      </c>
      <c r="T2362" s="5" t="s">
        <v>42</v>
      </c>
      <c r="U2362" s="2">
        <v>1.044</v>
      </c>
      <c r="V2362" s="2">
        <v>0.81</v>
      </c>
      <c r="W2362" s="2">
        <v>5.0000000000000001E-3</v>
      </c>
      <c r="X2362" s="2">
        <v>59.9</v>
      </c>
      <c r="Y2362" s="2">
        <v>7.6</v>
      </c>
      <c r="Z2362" s="2">
        <v>10.6</v>
      </c>
      <c r="AA2362" s="5"/>
      <c r="AB2362" s="5" t="s">
        <v>43</v>
      </c>
      <c r="AC2362" s="5" t="s">
        <v>44</v>
      </c>
      <c r="AD2362" s="2"/>
      <c r="AE2362" s="1"/>
    </row>
    <row r="2363" spans="1:31" ht="14.45">
      <c r="A2363" s="11"/>
      <c r="B2363" s="20"/>
      <c r="C2363" s="2" t="s">
        <v>7522</v>
      </c>
      <c r="D2363" s="14" t="s">
        <v>7523</v>
      </c>
      <c r="E2363" s="2" t="s">
        <v>7524</v>
      </c>
      <c r="F2363" s="2" t="s">
        <v>7212</v>
      </c>
      <c r="G2363" s="8">
        <v>72</v>
      </c>
      <c r="H2363" s="5">
        <v>5</v>
      </c>
      <c r="I2363" s="5" t="s">
        <v>1518</v>
      </c>
      <c r="J2363" s="5" t="s">
        <v>1519</v>
      </c>
      <c r="K2363" s="2" t="s">
        <v>1520</v>
      </c>
      <c r="L2363" s="5" t="s">
        <v>1519</v>
      </c>
      <c r="M2363" s="2" t="s">
        <v>1520</v>
      </c>
      <c r="N2363" s="5" t="s">
        <v>1521</v>
      </c>
      <c r="O2363" s="5" t="s">
        <v>38</v>
      </c>
      <c r="P2363" s="5" t="s">
        <v>39</v>
      </c>
      <c r="Q2363" s="5" t="s">
        <v>40</v>
      </c>
      <c r="R2363" s="5" t="s">
        <v>1522</v>
      </c>
      <c r="S2363" s="5" t="s">
        <v>1523</v>
      </c>
      <c r="T2363" s="5" t="s">
        <v>42</v>
      </c>
      <c r="U2363" s="2">
        <v>1.014</v>
      </c>
      <c r="V2363" s="2">
        <v>0.78</v>
      </c>
      <c r="W2363" s="2">
        <v>5.0000000000000001E-3</v>
      </c>
      <c r="X2363" s="2">
        <v>59.9</v>
      </c>
      <c r="Y2363" s="2">
        <v>7.6</v>
      </c>
      <c r="Z2363" s="2">
        <v>10.6</v>
      </c>
      <c r="AA2363" s="5"/>
      <c r="AB2363" s="5" t="s">
        <v>43</v>
      </c>
      <c r="AC2363" s="5" t="s">
        <v>44</v>
      </c>
      <c r="AD2363" s="2"/>
      <c r="AE2363" s="1"/>
    </row>
    <row r="2364" spans="1:31" ht="14.45">
      <c r="A2364" s="11"/>
      <c r="B2364" s="20"/>
      <c r="C2364" s="2" t="s">
        <v>7525</v>
      </c>
      <c r="D2364" s="14" t="s">
        <v>7526</v>
      </c>
      <c r="E2364" s="2" t="s">
        <v>7527</v>
      </c>
      <c r="F2364" s="2" t="s">
        <v>7528</v>
      </c>
      <c r="G2364" s="8">
        <v>72</v>
      </c>
      <c r="H2364" s="5">
        <v>5</v>
      </c>
      <c r="I2364" s="5" t="s">
        <v>1518</v>
      </c>
      <c r="J2364" s="5" t="s">
        <v>1519</v>
      </c>
      <c r="K2364" s="2" t="s">
        <v>1520</v>
      </c>
      <c r="L2364" s="5" t="s">
        <v>1519</v>
      </c>
      <c r="M2364" s="2" t="s">
        <v>1520</v>
      </c>
      <c r="N2364" s="5" t="s">
        <v>1521</v>
      </c>
      <c r="O2364" s="5" t="s">
        <v>38</v>
      </c>
      <c r="P2364" s="5" t="s">
        <v>39</v>
      </c>
      <c r="Q2364" s="5" t="s">
        <v>40</v>
      </c>
      <c r="R2364" s="5" t="s">
        <v>1522</v>
      </c>
      <c r="S2364" s="5" t="s">
        <v>1523</v>
      </c>
      <c r="T2364" s="5" t="s">
        <v>42</v>
      </c>
      <c r="U2364" s="2">
        <v>1.0369999999999999</v>
      </c>
      <c r="V2364" s="2">
        <v>0.80300000000000005</v>
      </c>
      <c r="W2364" s="2">
        <v>5.0000000000000001E-3</v>
      </c>
      <c r="X2364" s="2">
        <v>59.9</v>
      </c>
      <c r="Y2364" s="2">
        <v>7.6</v>
      </c>
      <c r="Z2364" s="2">
        <v>10.6</v>
      </c>
      <c r="AA2364" s="5"/>
      <c r="AB2364" s="5" t="s">
        <v>43</v>
      </c>
      <c r="AC2364" s="5" t="s">
        <v>44</v>
      </c>
      <c r="AD2364" s="2"/>
      <c r="AE2364" s="1"/>
    </row>
    <row r="2365" spans="1:31" ht="14.45">
      <c r="A2365" s="11"/>
      <c r="B2365" s="20"/>
      <c r="C2365" s="2" t="s">
        <v>7529</v>
      </c>
      <c r="D2365" s="14" t="s">
        <v>7530</v>
      </c>
      <c r="E2365" s="2" t="s">
        <v>7531</v>
      </c>
      <c r="F2365" s="2" t="s">
        <v>7406</v>
      </c>
      <c r="G2365" s="8">
        <v>83</v>
      </c>
      <c r="H2365" s="5">
        <v>6</v>
      </c>
      <c r="I2365" s="5" t="s">
        <v>1518</v>
      </c>
      <c r="J2365" s="5" t="s">
        <v>1519</v>
      </c>
      <c r="K2365" s="2" t="s">
        <v>1520</v>
      </c>
      <c r="L2365" s="5" t="s">
        <v>1519</v>
      </c>
      <c r="M2365" s="2" t="s">
        <v>1520</v>
      </c>
      <c r="N2365" s="5" t="s">
        <v>1521</v>
      </c>
      <c r="O2365" s="5" t="s">
        <v>38</v>
      </c>
      <c r="P2365" s="5" t="s">
        <v>39</v>
      </c>
      <c r="Q2365" s="5" t="s">
        <v>40</v>
      </c>
      <c r="R2365" s="5" t="s">
        <v>1522</v>
      </c>
      <c r="S2365" s="5" t="s">
        <v>1523</v>
      </c>
      <c r="T2365" s="5" t="s">
        <v>42</v>
      </c>
      <c r="U2365" s="2">
        <v>1.014</v>
      </c>
      <c r="V2365" s="2">
        <v>0.78</v>
      </c>
      <c r="W2365" s="2">
        <v>5.0000000000000001E-3</v>
      </c>
      <c r="X2365" s="2">
        <v>59.9</v>
      </c>
      <c r="Y2365" s="2">
        <v>7.6</v>
      </c>
      <c r="Z2365" s="2">
        <v>10.6</v>
      </c>
      <c r="AA2365" s="5"/>
      <c r="AB2365" s="5" t="s">
        <v>43</v>
      </c>
      <c r="AC2365" s="5" t="s">
        <v>44</v>
      </c>
      <c r="AD2365" s="2"/>
      <c r="AE2365" s="1"/>
    </row>
    <row r="2366" spans="1:31" ht="14.45">
      <c r="A2366" s="11"/>
      <c r="B2366" s="20"/>
      <c r="C2366" s="2" t="s">
        <v>7532</v>
      </c>
      <c r="D2366" s="14" t="s">
        <v>7533</v>
      </c>
      <c r="E2366" s="2" t="s">
        <v>7534</v>
      </c>
      <c r="F2366" s="2" t="s">
        <v>7535</v>
      </c>
      <c r="G2366" s="8">
        <v>83</v>
      </c>
      <c r="H2366" s="5">
        <v>6</v>
      </c>
      <c r="I2366" s="5" t="s">
        <v>1518</v>
      </c>
      <c r="J2366" s="5" t="s">
        <v>1519</v>
      </c>
      <c r="K2366" s="2" t="s">
        <v>1520</v>
      </c>
      <c r="L2366" s="5" t="s">
        <v>1519</v>
      </c>
      <c r="M2366" s="2" t="s">
        <v>1520</v>
      </c>
      <c r="N2366" s="5" t="s">
        <v>1521</v>
      </c>
      <c r="O2366" s="5" t="s">
        <v>38</v>
      </c>
      <c r="P2366" s="5" t="s">
        <v>39</v>
      </c>
      <c r="Q2366" s="5" t="s">
        <v>40</v>
      </c>
      <c r="R2366" s="5" t="s">
        <v>1522</v>
      </c>
      <c r="S2366" s="5" t="s">
        <v>1523</v>
      </c>
      <c r="T2366" s="5" t="s">
        <v>42</v>
      </c>
      <c r="U2366" s="2">
        <v>1.0369999999999999</v>
      </c>
      <c r="V2366" s="2">
        <v>0.80300000000000005</v>
      </c>
      <c r="W2366" s="2">
        <v>5.0000000000000001E-3</v>
      </c>
      <c r="X2366" s="2">
        <v>59.9</v>
      </c>
      <c r="Y2366" s="2">
        <v>7.6</v>
      </c>
      <c r="Z2366" s="2">
        <v>10.6</v>
      </c>
      <c r="AA2366" s="5"/>
      <c r="AB2366" s="5" t="s">
        <v>43</v>
      </c>
      <c r="AC2366" s="5" t="s">
        <v>44</v>
      </c>
      <c r="AD2366" s="2"/>
      <c r="AE2366" s="1"/>
    </row>
    <row r="2367" spans="1:31" ht="14.45">
      <c r="A2367" s="11"/>
      <c r="B2367" s="20"/>
      <c r="C2367" s="2" t="s">
        <v>7536</v>
      </c>
      <c r="D2367" s="14" t="s">
        <v>7537</v>
      </c>
      <c r="E2367" s="2" t="s">
        <v>7538</v>
      </c>
      <c r="F2367" s="2" t="s">
        <v>7539</v>
      </c>
      <c r="G2367" s="8">
        <v>83</v>
      </c>
      <c r="H2367" s="5">
        <v>6</v>
      </c>
      <c r="I2367" s="5" t="s">
        <v>1518</v>
      </c>
      <c r="J2367" s="5" t="s">
        <v>1519</v>
      </c>
      <c r="K2367" s="2" t="s">
        <v>1520</v>
      </c>
      <c r="L2367" s="5" t="s">
        <v>1519</v>
      </c>
      <c r="M2367" s="2" t="s">
        <v>1520</v>
      </c>
      <c r="N2367" s="5" t="s">
        <v>1521</v>
      </c>
      <c r="O2367" s="5" t="s">
        <v>38</v>
      </c>
      <c r="P2367" s="5" t="s">
        <v>39</v>
      </c>
      <c r="Q2367" s="5" t="s">
        <v>40</v>
      </c>
      <c r="R2367" s="5" t="s">
        <v>1522</v>
      </c>
      <c r="S2367" s="5" t="s">
        <v>1523</v>
      </c>
      <c r="T2367" s="5" t="s">
        <v>42</v>
      </c>
      <c r="U2367" s="2">
        <v>1.0209999999999999</v>
      </c>
      <c r="V2367" s="2">
        <v>0.78700000000000003</v>
      </c>
      <c r="W2367" s="2">
        <v>5.0000000000000001E-3</v>
      </c>
      <c r="X2367" s="2">
        <v>59.9</v>
      </c>
      <c r="Y2367" s="2">
        <v>7.6</v>
      </c>
      <c r="Z2367" s="2">
        <v>10.6</v>
      </c>
      <c r="AA2367" s="5"/>
      <c r="AB2367" s="5" t="s">
        <v>43</v>
      </c>
      <c r="AC2367" s="5" t="s">
        <v>44</v>
      </c>
      <c r="AD2367" s="2"/>
      <c r="AE2367" s="1"/>
    </row>
    <row r="2368" spans="1:31" ht="14.45">
      <c r="A2368" s="11"/>
      <c r="B2368" s="20"/>
      <c r="C2368" s="2" t="s">
        <v>7540</v>
      </c>
      <c r="D2368" s="14" t="s">
        <v>7541</v>
      </c>
      <c r="E2368" s="2" t="s">
        <v>7542</v>
      </c>
      <c r="F2368" s="2" t="s">
        <v>7543</v>
      </c>
      <c r="G2368" s="8">
        <v>83</v>
      </c>
      <c r="H2368" s="5">
        <v>6</v>
      </c>
      <c r="I2368" s="5" t="s">
        <v>1518</v>
      </c>
      <c r="J2368" s="5" t="s">
        <v>1519</v>
      </c>
      <c r="K2368" s="2" t="s">
        <v>1520</v>
      </c>
      <c r="L2368" s="5" t="s">
        <v>1519</v>
      </c>
      <c r="M2368" s="2" t="s">
        <v>1520</v>
      </c>
      <c r="N2368" s="5" t="s">
        <v>1521</v>
      </c>
      <c r="O2368" s="5" t="s">
        <v>38</v>
      </c>
      <c r="P2368" s="5" t="s">
        <v>39</v>
      </c>
      <c r="Q2368" s="5" t="s">
        <v>40</v>
      </c>
      <c r="R2368" s="5" t="s">
        <v>1522</v>
      </c>
      <c r="S2368" s="5" t="s">
        <v>1523</v>
      </c>
      <c r="T2368" s="5" t="s">
        <v>42</v>
      </c>
      <c r="U2368" s="2">
        <v>1.044</v>
      </c>
      <c r="V2368" s="2">
        <v>0.81</v>
      </c>
      <c r="W2368" s="2">
        <v>5.0000000000000001E-3</v>
      </c>
      <c r="X2368" s="2">
        <v>59.9</v>
      </c>
      <c r="Y2368" s="2">
        <v>7.6</v>
      </c>
      <c r="Z2368" s="2">
        <v>10.6</v>
      </c>
      <c r="AA2368" s="5"/>
      <c r="AB2368" s="5" t="s">
        <v>43</v>
      </c>
      <c r="AC2368" s="5" t="s">
        <v>44</v>
      </c>
      <c r="AD2368" s="2"/>
      <c r="AE2368" s="1"/>
    </row>
    <row r="2369" spans="1:31" ht="14.45">
      <c r="A2369" s="11"/>
      <c r="B2369" s="20"/>
      <c r="C2369" s="2" t="s">
        <v>7544</v>
      </c>
      <c r="D2369" s="14" t="s">
        <v>7545</v>
      </c>
      <c r="E2369" s="2" t="s">
        <v>7546</v>
      </c>
      <c r="F2369" s="2" t="s">
        <v>7547</v>
      </c>
      <c r="G2369" s="8">
        <v>83</v>
      </c>
      <c r="H2369" s="5">
        <v>6</v>
      </c>
      <c r="I2369" s="5" t="s">
        <v>1518</v>
      </c>
      <c r="J2369" s="5" t="s">
        <v>1519</v>
      </c>
      <c r="K2369" s="2" t="s">
        <v>1520</v>
      </c>
      <c r="L2369" s="5" t="s">
        <v>1519</v>
      </c>
      <c r="M2369" s="2" t="s">
        <v>1520</v>
      </c>
      <c r="N2369" s="5" t="s">
        <v>1521</v>
      </c>
      <c r="O2369" s="5" t="s">
        <v>38</v>
      </c>
      <c r="P2369" s="5" t="s">
        <v>39</v>
      </c>
      <c r="Q2369" s="5" t="s">
        <v>40</v>
      </c>
      <c r="R2369" s="5" t="s">
        <v>1522</v>
      </c>
      <c r="S2369" s="5" t="s">
        <v>1523</v>
      </c>
      <c r="T2369" s="5" t="s">
        <v>42</v>
      </c>
      <c r="U2369" s="2">
        <v>1.014</v>
      </c>
      <c r="V2369" s="2">
        <v>0.78</v>
      </c>
      <c r="W2369" s="2">
        <v>5.0000000000000001E-3</v>
      </c>
      <c r="X2369" s="2">
        <v>59.9</v>
      </c>
      <c r="Y2369" s="2">
        <v>7.6</v>
      </c>
      <c r="Z2369" s="2">
        <v>10.6</v>
      </c>
      <c r="AA2369" s="5"/>
      <c r="AB2369" s="5" t="s">
        <v>43</v>
      </c>
      <c r="AC2369" s="5" t="s">
        <v>44</v>
      </c>
      <c r="AD2369" s="2"/>
      <c r="AE2369" s="1"/>
    </row>
    <row r="2370" spans="1:31" ht="14.45">
      <c r="A2370" s="11"/>
      <c r="B2370" s="20"/>
      <c r="C2370" s="2" t="s">
        <v>7548</v>
      </c>
      <c r="D2370" s="14" t="s">
        <v>7549</v>
      </c>
      <c r="E2370" s="2" t="s">
        <v>7550</v>
      </c>
      <c r="F2370" s="2" t="s">
        <v>7551</v>
      </c>
      <c r="G2370" s="8">
        <v>83</v>
      </c>
      <c r="H2370" s="5">
        <v>6</v>
      </c>
      <c r="I2370" s="5" t="s">
        <v>1518</v>
      </c>
      <c r="J2370" s="5" t="s">
        <v>1519</v>
      </c>
      <c r="K2370" s="2" t="s">
        <v>1520</v>
      </c>
      <c r="L2370" s="5" t="s">
        <v>1519</v>
      </c>
      <c r="M2370" s="2" t="s">
        <v>1520</v>
      </c>
      <c r="N2370" s="5" t="s">
        <v>1521</v>
      </c>
      <c r="O2370" s="5" t="s">
        <v>38</v>
      </c>
      <c r="P2370" s="5" t="s">
        <v>39</v>
      </c>
      <c r="Q2370" s="5" t="s">
        <v>40</v>
      </c>
      <c r="R2370" s="5" t="s">
        <v>1522</v>
      </c>
      <c r="S2370" s="5" t="s">
        <v>1523</v>
      </c>
      <c r="T2370" s="5" t="s">
        <v>42</v>
      </c>
      <c r="U2370" s="2">
        <v>1.0369999999999999</v>
      </c>
      <c r="V2370" s="2">
        <v>0.80300000000000005</v>
      </c>
      <c r="W2370" s="2">
        <v>5.0000000000000001E-3</v>
      </c>
      <c r="X2370" s="2">
        <v>59.9</v>
      </c>
      <c r="Y2370" s="2">
        <v>7.6</v>
      </c>
      <c r="Z2370" s="2">
        <v>10.6</v>
      </c>
      <c r="AA2370" s="5"/>
      <c r="AB2370" s="5" t="s">
        <v>43</v>
      </c>
      <c r="AC2370" s="5" t="s">
        <v>44</v>
      </c>
      <c r="AD2370" s="2"/>
      <c r="AE2370" s="1"/>
    </row>
    <row r="2371" spans="1:31" ht="14.45">
      <c r="A2371" s="11"/>
      <c r="B2371" s="20"/>
      <c r="C2371" s="2" t="s">
        <v>7552</v>
      </c>
      <c r="D2371" s="14" t="s">
        <v>7553</v>
      </c>
      <c r="E2371" s="2" t="s">
        <v>7554</v>
      </c>
      <c r="F2371" s="2" t="s">
        <v>7555</v>
      </c>
      <c r="G2371" s="8">
        <v>83</v>
      </c>
      <c r="H2371" s="5">
        <v>6</v>
      </c>
      <c r="I2371" s="5" t="s">
        <v>1518</v>
      </c>
      <c r="J2371" s="5" t="s">
        <v>1519</v>
      </c>
      <c r="K2371" s="2" t="s">
        <v>1520</v>
      </c>
      <c r="L2371" s="5" t="s">
        <v>1519</v>
      </c>
      <c r="M2371" s="2" t="s">
        <v>1520</v>
      </c>
      <c r="N2371" s="5" t="s">
        <v>1521</v>
      </c>
      <c r="O2371" s="5" t="s">
        <v>38</v>
      </c>
      <c r="P2371" s="5" t="s">
        <v>39</v>
      </c>
      <c r="Q2371" s="5" t="s">
        <v>40</v>
      </c>
      <c r="R2371" s="5" t="s">
        <v>1522</v>
      </c>
      <c r="S2371" s="5" t="s">
        <v>1523</v>
      </c>
      <c r="T2371" s="5" t="s">
        <v>42</v>
      </c>
      <c r="U2371" s="2">
        <v>1.014</v>
      </c>
      <c r="V2371" s="2">
        <v>0.78</v>
      </c>
      <c r="W2371" s="2">
        <v>5.0000000000000001E-3</v>
      </c>
      <c r="X2371" s="2">
        <v>59.9</v>
      </c>
      <c r="Y2371" s="2">
        <v>7.6</v>
      </c>
      <c r="Z2371" s="2">
        <v>10.6</v>
      </c>
      <c r="AA2371" s="5"/>
      <c r="AB2371" s="5" t="s">
        <v>43</v>
      </c>
      <c r="AC2371" s="5" t="s">
        <v>44</v>
      </c>
      <c r="AD2371" s="2"/>
      <c r="AE2371" s="1"/>
    </row>
    <row r="2372" spans="1:31" ht="14.45">
      <c r="A2372" s="11"/>
      <c r="B2372" s="20"/>
      <c r="C2372" s="2" t="s">
        <v>7556</v>
      </c>
      <c r="D2372" s="14" t="s">
        <v>7557</v>
      </c>
      <c r="E2372" s="2" t="s">
        <v>7558</v>
      </c>
      <c r="F2372" s="2" t="s">
        <v>7559</v>
      </c>
      <c r="G2372" s="8">
        <v>83</v>
      </c>
      <c r="H2372" s="5">
        <v>6</v>
      </c>
      <c r="I2372" s="5" t="s">
        <v>1518</v>
      </c>
      <c r="J2372" s="5" t="s">
        <v>1519</v>
      </c>
      <c r="K2372" s="2" t="s">
        <v>1520</v>
      </c>
      <c r="L2372" s="5" t="s">
        <v>1519</v>
      </c>
      <c r="M2372" s="2" t="s">
        <v>1520</v>
      </c>
      <c r="N2372" s="5" t="s">
        <v>1521</v>
      </c>
      <c r="O2372" s="5" t="s">
        <v>38</v>
      </c>
      <c r="P2372" s="5" t="s">
        <v>39</v>
      </c>
      <c r="Q2372" s="5" t="s">
        <v>40</v>
      </c>
      <c r="R2372" s="5" t="s">
        <v>1522</v>
      </c>
      <c r="S2372" s="5" t="s">
        <v>1523</v>
      </c>
      <c r="T2372" s="5" t="s">
        <v>42</v>
      </c>
      <c r="U2372" s="2">
        <v>1.0369999999999999</v>
      </c>
      <c r="V2372" s="2">
        <v>0.80300000000000005</v>
      </c>
      <c r="W2372" s="2">
        <v>5.0000000000000001E-3</v>
      </c>
      <c r="X2372" s="2">
        <v>59.9</v>
      </c>
      <c r="Y2372" s="2">
        <v>7.6</v>
      </c>
      <c r="Z2372" s="2">
        <v>10.6</v>
      </c>
      <c r="AA2372" s="5"/>
      <c r="AB2372" s="5" t="s">
        <v>43</v>
      </c>
      <c r="AC2372" s="5" t="s">
        <v>44</v>
      </c>
      <c r="AD2372" s="2"/>
      <c r="AE2372" s="1"/>
    </row>
    <row r="2373" spans="1:31" ht="14.45">
      <c r="A2373" s="11"/>
      <c r="B2373" s="20"/>
      <c r="C2373" s="2" t="s">
        <v>7560</v>
      </c>
      <c r="D2373" s="14" t="s">
        <v>7561</v>
      </c>
      <c r="E2373" s="2" t="s">
        <v>7562</v>
      </c>
      <c r="F2373" s="2" t="s">
        <v>7563</v>
      </c>
      <c r="G2373" s="8">
        <v>83</v>
      </c>
      <c r="H2373" s="5">
        <v>6</v>
      </c>
      <c r="I2373" s="5" t="s">
        <v>1518</v>
      </c>
      <c r="J2373" s="5" t="s">
        <v>1519</v>
      </c>
      <c r="K2373" s="2" t="s">
        <v>1520</v>
      </c>
      <c r="L2373" s="5" t="s">
        <v>1519</v>
      </c>
      <c r="M2373" s="2" t="s">
        <v>1520</v>
      </c>
      <c r="N2373" s="5" t="s">
        <v>1521</v>
      </c>
      <c r="O2373" s="5" t="s">
        <v>38</v>
      </c>
      <c r="P2373" s="5" t="s">
        <v>39</v>
      </c>
      <c r="Q2373" s="5" t="s">
        <v>40</v>
      </c>
      <c r="R2373" s="5" t="s">
        <v>1522</v>
      </c>
      <c r="S2373" s="5" t="s">
        <v>1523</v>
      </c>
      <c r="T2373" s="5" t="s">
        <v>42</v>
      </c>
      <c r="U2373" s="2">
        <v>1.0209999999999999</v>
      </c>
      <c r="V2373" s="2">
        <v>0.78700000000000003</v>
      </c>
      <c r="W2373" s="2">
        <v>5.0000000000000001E-3</v>
      </c>
      <c r="X2373" s="2">
        <v>59.9</v>
      </c>
      <c r="Y2373" s="2">
        <v>7.6</v>
      </c>
      <c r="Z2373" s="2">
        <v>10.6</v>
      </c>
      <c r="AA2373" s="5"/>
      <c r="AB2373" s="5" t="s">
        <v>43</v>
      </c>
      <c r="AC2373" s="5" t="s">
        <v>44</v>
      </c>
      <c r="AD2373" s="2"/>
      <c r="AE2373" s="1"/>
    </row>
    <row r="2374" spans="1:31" ht="14.45">
      <c r="A2374" s="11"/>
      <c r="B2374" s="20"/>
      <c r="C2374" s="2" t="s">
        <v>7564</v>
      </c>
      <c r="D2374" s="14" t="s">
        <v>7565</v>
      </c>
      <c r="E2374" s="2" t="s">
        <v>7566</v>
      </c>
      <c r="F2374" s="2" t="s">
        <v>7567</v>
      </c>
      <c r="G2374" s="8">
        <v>83</v>
      </c>
      <c r="H2374" s="5">
        <v>6</v>
      </c>
      <c r="I2374" s="5" t="s">
        <v>1518</v>
      </c>
      <c r="J2374" s="5" t="s">
        <v>1519</v>
      </c>
      <c r="K2374" s="2" t="s">
        <v>1520</v>
      </c>
      <c r="L2374" s="5" t="s">
        <v>1519</v>
      </c>
      <c r="M2374" s="2" t="s">
        <v>1520</v>
      </c>
      <c r="N2374" s="5" t="s">
        <v>1521</v>
      </c>
      <c r="O2374" s="5" t="s">
        <v>38</v>
      </c>
      <c r="P2374" s="5" t="s">
        <v>39</v>
      </c>
      <c r="Q2374" s="5" t="s">
        <v>40</v>
      </c>
      <c r="R2374" s="5" t="s">
        <v>1522</v>
      </c>
      <c r="S2374" s="5" t="s">
        <v>1523</v>
      </c>
      <c r="T2374" s="5" t="s">
        <v>42</v>
      </c>
      <c r="U2374" s="2">
        <v>1.044</v>
      </c>
      <c r="V2374" s="2">
        <v>0.81</v>
      </c>
      <c r="W2374" s="2">
        <v>5.0000000000000001E-3</v>
      </c>
      <c r="X2374" s="2">
        <v>59.9</v>
      </c>
      <c r="Y2374" s="2">
        <v>7.6</v>
      </c>
      <c r="Z2374" s="2">
        <v>10.6</v>
      </c>
      <c r="AA2374" s="5"/>
      <c r="AB2374" s="5" t="s">
        <v>43</v>
      </c>
      <c r="AC2374" s="5" t="s">
        <v>44</v>
      </c>
      <c r="AD2374" s="2"/>
      <c r="AE2374" s="1"/>
    </row>
    <row r="2375" spans="1:31" ht="14.45">
      <c r="A2375" s="11"/>
      <c r="B2375" s="20"/>
      <c r="C2375" s="2" t="s">
        <v>7568</v>
      </c>
      <c r="D2375" s="14" t="s">
        <v>7569</v>
      </c>
      <c r="E2375" s="2" t="s">
        <v>7570</v>
      </c>
      <c r="F2375" s="2" t="s">
        <v>7429</v>
      </c>
      <c r="G2375" s="8">
        <v>83</v>
      </c>
      <c r="H2375" s="5">
        <v>6</v>
      </c>
      <c r="I2375" s="5" t="s">
        <v>1518</v>
      </c>
      <c r="J2375" s="5" t="s">
        <v>1519</v>
      </c>
      <c r="K2375" s="2" t="s">
        <v>1520</v>
      </c>
      <c r="L2375" s="5" t="s">
        <v>1519</v>
      </c>
      <c r="M2375" s="2" t="s">
        <v>1520</v>
      </c>
      <c r="N2375" s="5" t="s">
        <v>1521</v>
      </c>
      <c r="O2375" s="5" t="s">
        <v>38</v>
      </c>
      <c r="P2375" s="5" t="s">
        <v>39</v>
      </c>
      <c r="Q2375" s="5" t="s">
        <v>40</v>
      </c>
      <c r="R2375" s="5" t="s">
        <v>1522</v>
      </c>
      <c r="S2375" s="5" t="s">
        <v>1523</v>
      </c>
      <c r="T2375" s="5" t="s">
        <v>42</v>
      </c>
      <c r="U2375" s="2">
        <v>1.0209999999999999</v>
      </c>
      <c r="V2375" s="2">
        <v>0.78700000000000003</v>
      </c>
      <c r="W2375" s="2">
        <v>5.0000000000000001E-3</v>
      </c>
      <c r="X2375" s="2">
        <v>59.9</v>
      </c>
      <c r="Y2375" s="2">
        <v>7.6</v>
      </c>
      <c r="Z2375" s="2">
        <v>10.6</v>
      </c>
      <c r="AA2375" s="5"/>
      <c r="AB2375" s="5" t="s">
        <v>43</v>
      </c>
      <c r="AC2375" s="5" t="s">
        <v>44</v>
      </c>
      <c r="AD2375" s="2"/>
      <c r="AE2375" s="1"/>
    </row>
    <row r="2376" spans="1:31" ht="14.45">
      <c r="A2376" s="11"/>
      <c r="B2376" s="20"/>
      <c r="C2376" s="2" t="s">
        <v>7571</v>
      </c>
      <c r="D2376" s="14" t="s">
        <v>7572</v>
      </c>
      <c r="E2376" s="2" t="s">
        <v>7573</v>
      </c>
      <c r="F2376" s="2" t="s">
        <v>7574</v>
      </c>
      <c r="G2376" s="8">
        <v>83</v>
      </c>
      <c r="H2376" s="5">
        <v>6</v>
      </c>
      <c r="I2376" s="5" t="s">
        <v>1518</v>
      </c>
      <c r="J2376" s="5" t="s">
        <v>1519</v>
      </c>
      <c r="K2376" s="2" t="s">
        <v>1520</v>
      </c>
      <c r="L2376" s="5" t="s">
        <v>1519</v>
      </c>
      <c r="M2376" s="2" t="s">
        <v>1520</v>
      </c>
      <c r="N2376" s="5" t="s">
        <v>1521</v>
      </c>
      <c r="O2376" s="5" t="s">
        <v>38</v>
      </c>
      <c r="P2376" s="5" t="s">
        <v>39</v>
      </c>
      <c r="Q2376" s="5" t="s">
        <v>40</v>
      </c>
      <c r="R2376" s="5" t="s">
        <v>1522</v>
      </c>
      <c r="S2376" s="5" t="s">
        <v>1523</v>
      </c>
      <c r="T2376" s="5" t="s">
        <v>42</v>
      </c>
      <c r="U2376" s="2">
        <v>1.044</v>
      </c>
      <c r="V2376" s="2">
        <v>0.81</v>
      </c>
      <c r="W2376" s="2">
        <v>5.0000000000000001E-3</v>
      </c>
      <c r="X2376" s="2">
        <v>59.9</v>
      </c>
      <c r="Y2376" s="2">
        <v>7.6</v>
      </c>
      <c r="Z2376" s="2">
        <v>10.6</v>
      </c>
      <c r="AA2376" s="5"/>
      <c r="AB2376" s="5" t="s">
        <v>43</v>
      </c>
      <c r="AC2376" s="5" t="s">
        <v>44</v>
      </c>
      <c r="AD2376" s="2"/>
      <c r="AE2376" s="1"/>
    </row>
    <row r="2377" spans="1:31" ht="14.45">
      <c r="A2377" s="11"/>
      <c r="B2377" s="20"/>
      <c r="C2377" s="2" t="s">
        <v>7575</v>
      </c>
      <c r="D2377" s="14" t="s">
        <v>7576</v>
      </c>
      <c r="E2377" s="2" t="s">
        <v>7577</v>
      </c>
      <c r="F2377" s="2" t="s">
        <v>7449</v>
      </c>
      <c r="G2377" s="8">
        <v>83</v>
      </c>
      <c r="H2377" s="5">
        <v>6</v>
      </c>
      <c r="I2377" s="5" t="s">
        <v>1518</v>
      </c>
      <c r="J2377" s="5" t="s">
        <v>1519</v>
      </c>
      <c r="K2377" s="2" t="s">
        <v>1520</v>
      </c>
      <c r="L2377" s="5" t="s">
        <v>1519</v>
      </c>
      <c r="M2377" s="2" t="s">
        <v>1520</v>
      </c>
      <c r="N2377" s="5" t="s">
        <v>1521</v>
      </c>
      <c r="O2377" s="5" t="s">
        <v>38</v>
      </c>
      <c r="P2377" s="5" t="s">
        <v>39</v>
      </c>
      <c r="Q2377" s="5" t="s">
        <v>40</v>
      </c>
      <c r="R2377" s="5" t="s">
        <v>1522</v>
      </c>
      <c r="S2377" s="5" t="s">
        <v>1523</v>
      </c>
      <c r="T2377" s="5" t="s">
        <v>42</v>
      </c>
      <c r="U2377" s="2">
        <v>1.0209999999999999</v>
      </c>
      <c r="V2377" s="2">
        <v>0.78700000000000003</v>
      </c>
      <c r="W2377" s="2">
        <v>5.0000000000000001E-3</v>
      </c>
      <c r="X2377" s="2">
        <v>59.9</v>
      </c>
      <c r="Y2377" s="2">
        <v>7.6</v>
      </c>
      <c r="Z2377" s="2">
        <v>10.6</v>
      </c>
      <c r="AA2377" s="5"/>
      <c r="AB2377" s="5" t="s">
        <v>43</v>
      </c>
      <c r="AC2377" s="5" t="s">
        <v>44</v>
      </c>
      <c r="AD2377" s="2"/>
      <c r="AE2377" s="1"/>
    </row>
    <row r="2378" spans="1:31" ht="14.45">
      <c r="A2378" s="11"/>
      <c r="B2378" s="20"/>
      <c r="C2378" s="2" t="s">
        <v>7578</v>
      </c>
      <c r="D2378" s="14" t="s">
        <v>7579</v>
      </c>
      <c r="E2378" s="2" t="s">
        <v>7580</v>
      </c>
      <c r="F2378" s="2" t="s">
        <v>7581</v>
      </c>
      <c r="G2378" s="8">
        <v>83</v>
      </c>
      <c r="H2378" s="5">
        <v>6</v>
      </c>
      <c r="I2378" s="5" t="s">
        <v>1518</v>
      </c>
      <c r="J2378" s="5" t="s">
        <v>1519</v>
      </c>
      <c r="K2378" s="2" t="s">
        <v>1520</v>
      </c>
      <c r="L2378" s="5" t="s">
        <v>1519</v>
      </c>
      <c r="M2378" s="2" t="s">
        <v>1520</v>
      </c>
      <c r="N2378" s="5" t="s">
        <v>1521</v>
      </c>
      <c r="O2378" s="5" t="s">
        <v>38</v>
      </c>
      <c r="P2378" s="5" t="s">
        <v>39</v>
      </c>
      <c r="Q2378" s="5" t="s">
        <v>40</v>
      </c>
      <c r="R2378" s="5" t="s">
        <v>1522</v>
      </c>
      <c r="S2378" s="5" t="s">
        <v>1523</v>
      </c>
      <c r="T2378" s="5" t="s">
        <v>42</v>
      </c>
      <c r="U2378" s="2">
        <v>1.044</v>
      </c>
      <c r="V2378" s="2">
        <v>0.81</v>
      </c>
      <c r="W2378" s="2">
        <v>5.0000000000000001E-3</v>
      </c>
      <c r="X2378" s="2">
        <v>59.9</v>
      </c>
      <c r="Y2378" s="2">
        <v>7.6</v>
      </c>
      <c r="Z2378" s="2">
        <v>10.6</v>
      </c>
      <c r="AA2378" s="5"/>
      <c r="AB2378" s="5" t="s">
        <v>43</v>
      </c>
      <c r="AC2378" s="5" t="s">
        <v>44</v>
      </c>
      <c r="AD2378" s="2"/>
      <c r="AE2378" s="1"/>
    </row>
    <row r="2379" spans="1:31" ht="14.45">
      <c r="A2379" s="11"/>
      <c r="B2379" s="20"/>
      <c r="C2379" s="2" t="s">
        <v>7582</v>
      </c>
      <c r="D2379" s="14" t="s">
        <v>7583</v>
      </c>
      <c r="E2379" s="2" t="s">
        <v>7584</v>
      </c>
      <c r="F2379" s="2" t="s">
        <v>7585</v>
      </c>
      <c r="G2379" s="8">
        <v>83</v>
      </c>
      <c r="H2379" s="5">
        <v>6</v>
      </c>
      <c r="I2379" s="5" t="s">
        <v>1518</v>
      </c>
      <c r="J2379" s="5" t="s">
        <v>1519</v>
      </c>
      <c r="K2379" s="2" t="s">
        <v>1520</v>
      </c>
      <c r="L2379" s="5" t="s">
        <v>1519</v>
      </c>
      <c r="M2379" s="2" t="s">
        <v>1520</v>
      </c>
      <c r="N2379" s="5" t="s">
        <v>1521</v>
      </c>
      <c r="O2379" s="5" t="s">
        <v>38</v>
      </c>
      <c r="P2379" s="5" t="s">
        <v>39</v>
      </c>
      <c r="Q2379" s="5" t="s">
        <v>40</v>
      </c>
      <c r="R2379" s="5" t="s">
        <v>1522</v>
      </c>
      <c r="S2379" s="5" t="s">
        <v>1523</v>
      </c>
      <c r="T2379" s="5" t="s">
        <v>42</v>
      </c>
      <c r="U2379" s="2">
        <v>1.014</v>
      </c>
      <c r="V2379" s="2">
        <v>0.78</v>
      </c>
      <c r="W2379" s="2">
        <v>5.0000000000000001E-3</v>
      </c>
      <c r="X2379" s="2">
        <v>59.9</v>
      </c>
      <c r="Y2379" s="2">
        <v>7.6</v>
      </c>
      <c r="Z2379" s="2">
        <v>10.6</v>
      </c>
      <c r="AA2379" s="5"/>
      <c r="AB2379" s="5" t="s">
        <v>43</v>
      </c>
      <c r="AC2379" s="5" t="s">
        <v>44</v>
      </c>
      <c r="AD2379" s="2"/>
      <c r="AE2379" s="1"/>
    </row>
    <row r="2380" spans="1:31" ht="14.45">
      <c r="A2380" s="11"/>
      <c r="B2380" s="20"/>
      <c r="C2380" s="2" t="s">
        <v>7586</v>
      </c>
      <c r="D2380" s="14" t="s">
        <v>7587</v>
      </c>
      <c r="E2380" s="2" t="s">
        <v>7588</v>
      </c>
      <c r="F2380" s="2" t="s">
        <v>7589</v>
      </c>
      <c r="G2380" s="8">
        <v>83</v>
      </c>
      <c r="H2380" s="5">
        <v>6</v>
      </c>
      <c r="I2380" s="5" t="s">
        <v>1518</v>
      </c>
      <c r="J2380" s="5" t="s">
        <v>1519</v>
      </c>
      <c r="K2380" s="2" t="s">
        <v>1520</v>
      </c>
      <c r="L2380" s="5" t="s">
        <v>1519</v>
      </c>
      <c r="M2380" s="2" t="s">
        <v>1520</v>
      </c>
      <c r="N2380" s="5" t="s">
        <v>1521</v>
      </c>
      <c r="O2380" s="5" t="s">
        <v>38</v>
      </c>
      <c r="P2380" s="5" t="s">
        <v>39</v>
      </c>
      <c r="Q2380" s="5" t="s">
        <v>40</v>
      </c>
      <c r="R2380" s="5" t="s">
        <v>1522</v>
      </c>
      <c r="S2380" s="5" t="s">
        <v>1523</v>
      </c>
      <c r="T2380" s="5" t="s">
        <v>42</v>
      </c>
      <c r="U2380" s="2">
        <v>1.0369999999999999</v>
      </c>
      <c r="V2380" s="2">
        <v>0.80300000000000005</v>
      </c>
      <c r="W2380" s="2">
        <v>5.0000000000000001E-3</v>
      </c>
      <c r="X2380" s="2">
        <v>59.9</v>
      </c>
      <c r="Y2380" s="2">
        <v>7.6</v>
      </c>
      <c r="Z2380" s="2">
        <v>10.6</v>
      </c>
      <c r="AA2380" s="5"/>
      <c r="AB2380" s="5" t="s">
        <v>43</v>
      </c>
      <c r="AC2380" s="5" t="s">
        <v>44</v>
      </c>
      <c r="AD2380" s="2"/>
      <c r="AE2380" s="1"/>
    </row>
    <row r="2381" spans="1:31" ht="14.45">
      <c r="A2381" s="11"/>
      <c r="B2381" s="20"/>
      <c r="C2381" s="2" t="s">
        <v>7590</v>
      </c>
      <c r="D2381" s="14" t="s">
        <v>7591</v>
      </c>
      <c r="E2381" s="2" t="s">
        <v>7592</v>
      </c>
      <c r="F2381" s="2" t="s">
        <v>7593</v>
      </c>
      <c r="G2381" s="8">
        <v>83</v>
      </c>
      <c r="H2381" s="5">
        <v>6</v>
      </c>
      <c r="I2381" s="5" t="s">
        <v>1518</v>
      </c>
      <c r="J2381" s="5" t="s">
        <v>1519</v>
      </c>
      <c r="K2381" s="2" t="s">
        <v>1520</v>
      </c>
      <c r="L2381" s="5" t="s">
        <v>1519</v>
      </c>
      <c r="M2381" s="2" t="s">
        <v>1520</v>
      </c>
      <c r="N2381" s="5" t="s">
        <v>1521</v>
      </c>
      <c r="O2381" s="5" t="s">
        <v>38</v>
      </c>
      <c r="P2381" s="5" t="s">
        <v>39</v>
      </c>
      <c r="Q2381" s="5" t="s">
        <v>40</v>
      </c>
      <c r="R2381" s="5" t="s">
        <v>1522</v>
      </c>
      <c r="S2381" s="5" t="s">
        <v>1523</v>
      </c>
      <c r="T2381" s="5" t="s">
        <v>42</v>
      </c>
      <c r="U2381" s="2">
        <v>1.0209999999999999</v>
      </c>
      <c r="V2381" s="2">
        <v>0.78700000000000003</v>
      </c>
      <c r="W2381" s="2">
        <v>5.0000000000000001E-3</v>
      </c>
      <c r="X2381" s="2">
        <v>59.9</v>
      </c>
      <c r="Y2381" s="2">
        <v>7.6</v>
      </c>
      <c r="Z2381" s="2">
        <v>10.6</v>
      </c>
      <c r="AA2381" s="5"/>
      <c r="AB2381" s="5" t="s">
        <v>43</v>
      </c>
      <c r="AC2381" s="5" t="s">
        <v>44</v>
      </c>
      <c r="AD2381" s="2"/>
      <c r="AE2381" s="1"/>
    </row>
    <row r="2382" spans="1:31" ht="14.45">
      <c r="A2382" s="11"/>
      <c r="B2382" s="20"/>
      <c r="C2382" s="2" t="s">
        <v>7594</v>
      </c>
      <c r="D2382" s="14" t="s">
        <v>7595</v>
      </c>
      <c r="E2382" s="2" t="s">
        <v>7596</v>
      </c>
      <c r="F2382" s="2" t="s">
        <v>7597</v>
      </c>
      <c r="G2382" s="8">
        <v>83</v>
      </c>
      <c r="H2382" s="5">
        <v>6</v>
      </c>
      <c r="I2382" s="5" t="s">
        <v>1518</v>
      </c>
      <c r="J2382" s="5" t="s">
        <v>1519</v>
      </c>
      <c r="K2382" s="2" t="s">
        <v>1520</v>
      </c>
      <c r="L2382" s="5" t="s">
        <v>1519</v>
      </c>
      <c r="M2382" s="2" t="s">
        <v>1520</v>
      </c>
      <c r="N2382" s="5" t="s">
        <v>1521</v>
      </c>
      <c r="O2382" s="5" t="s">
        <v>38</v>
      </c>
      <c r="P2382" s="5" t="s">
        <v>39</v>
      </c>
      <c r="Q2382" s="5" t="s">
        <v>40</v>
      </c>
      <c r="R2382" s="5" t="s">
        <v>1522</v>
      </c>
      <c r="S2382" s="5" t="s">
        <v>1523</v>
      </c>
      <c r="T2382" s="5" t="s">
        <v>42</v>
      </c>
      <c r="U2382" s="2">
        <v>1.044</v>
      </c>
      <c r="V2382" s="2">
        <v>0.81</v>
      </c>
      <c r="W2382" s="2">
        <v>5.0000000000000001E-3</v>
      </c>
      <c r="X2382" s="2">
        <v>59.9</v>
      </c>
      <c r="Y2382" s="2">
        <v>7.6</v>
      </c>
      <c r="Z2382" s="2">
        <v>10.6</v>
      </c>
      <c r="AA2382" s="5"/>
      <c r="AB2382" s="5" t="s">
        <v>43</v>
      </c>
      <c r="AC2382" s="5" t="s">
        <v>44</v>
      </c>
      <c r="AD2382" s="2"/>
      <c r="AE2382" s="1"/>
    </row>
    <row r="2383" spans="1:31" ht="14.45">
      <c r="A2383" s="11"/>
      <c r="B2383" s="20"/>
      <c r="C2383" s="2" t="s">
        <v>7598</v>
      </c>
      <c r="D2383" s="14" t="s">
        <v>7599</v>
      </c>
      <c r="E2383" s="2" t="s">
        <v>7600</v>
      </c>
      <c r="F2383" s="2" t="s">
        <v>7410</v>
      </c>
      <c r="G2383" s="8">
        <v>83</v>
      </c>
      <c r="H2383" s="5">
        <v>6</v>
      </c>
      <c r="I2383" s="5" t="s">
        <v>1518</v>
      </c>
      <c r="J2383" s="5" t="s">
        <v>1519</v>
      </c>
      <c r="K2383" s="2" t="s">
        <v>1520</v>
      </c>
      <c r="L2383" s="5" t="s">
        <v>1519</v>
      </c>
      <c r="M2383" s="2" t="s">
        <v>1520</v>
      </c>
      <c r="N2383" s="5" t="s">
        <v>1521</v>
      </c>
      <c r="O2383" s="5" t="s">
        <v>38</v>
      </c>
      <c r="P2383" s="5" t="s">
        <v>39</v>
      </c>
      <c r="Q2383" s="5" t="s">
        <v>40</v>
      </c>
      <c r="R2383" s="5" t="s">
        <v>1522</v>
      </c>
      <c r="S2383" s="5" t="s">
        <v>1523</v>
      </c>
      <c r="T2383" s="5" t="s">
        <v>42</v>
      </c>
      <c r="U2383" s="2">
        <v>1.0209999999999999</v>
      </c>
      <c r="V2383" s="2">
        <v>0.78700000000000003</v>
      </c>
      <c r="W2383" s="2">
        <v>5.0000000000000001E-3</v>
      </c>
      <c r="X2383" s="2">
        <v>59.9</v>
      </c>
      <c r="Y2383" s="2">
        <v>7.6</v>
      </c>
      <c r="Z2383" s="2">
        <v>10.6</v>
      </c>
      <c r="AA2383" s="5"/>
      <c r="AB2383" s="5" t="s">
        <v>43</v>
      </c>
      <c r="AC2383" s="5" t="s">
        <v>44</v>
      </c>
      <c r="AD2383" s="2"/>
      <c r="AE2383" s="1"/>
    </row>
    <row r="2384" spans="1:31" ht="14.45">
      <c r="A2384" s="11"/>
      <c r="B2384" s="20"/>
      <c r="C2384" s="2" t="s">
        <v>7601</v>
      </c>
      <c r="D2384" s="14" t="s">
        <v>7602</v>
      </c>
      <c r="E2384" s="2" t="s">
        <v>7603</v>
      </c>
      <c r="F2384" s="2" t="s">
        <v>7604</v>
      </c>
      <c r="G2384" s="8">
        <v>83</v>
      </c>
      <c r="H2384" s="5">
        <v>6</v>
      </c>
      <c r="I2384" s="5" t="s">
        <v>1518</v>
      </c>
      <c r="J2384" s="5" t="s">
        <v>1519</v>
      </c>
      <c r="K2384" s="2" t="s">
        <v>1520</v>
      </c>
      <c r="L2384" s="5" t="s">
        <v>1519</v>
      </c>
      <c r="M2384" s="2" t="s">
        <v>1520</v>
      </c>
      <c r="N2384" s="5" t="s">
        <v>1521</v>
      </c>
      <c r="O2384" s="5" t="s">
        <v>38</v>
      </c>
      <c r="P2384" s="5" t="s">
        <v>39</v>
      </c>
      <c r="Q2384" s="5" t="s">
        <v>40</v>
      </c>
      <c r="R2384" s="5" t="s">
        <v>1522</v>
      </c>
      <c r="S2384" s="5" t="s">
        <v>1523</v>
      </c>
      <c r="T2384" s="5" t="s">
        <v>42</v>
      </c>
      <c r="U2384" s="2">
        <v>1.044</v>
      </c>
      <c r="V2384" s="2">
        <v>0.81</v>
      </c>
      <c r="W2384" s="2">
        <v>5.0000000000000001E-3</v>
      </c>
      <c r="X2384" s="2">
        <v>59.9</v>
      </c>
      <c r="Y2384" s="2">
        <v>7.6</v>
      </c>
      <c r="Z2384" s="2">
        <v>10.6</v>
      </c>
      <c r="AA2384" s="5"/>
      <c r="AB2384" s="5" t="s">
        <v>43</v>
      </c>
      <c r="AC2384" s="5" t="s">
        <v>44</v>
      </c>
      <c r="AD2384" s="2"/>
      <c r="AE2384" s="1"/>
    </row>
    <row r="2385" spans="1:31" ht="14.45">
      <c r="A2385" s="11"/>
      <c r="B2385" s="20"/>
      <c r="C2385" s="2" t="s">
        <v>7605</v>
      </c>
      <c r="D2385" s="14" t="s">
        <v>7606</v>
      </c>
      <c r="E2385" s="2" t="s">
        <v>7607</v>
      </c>
      <c r="F2385" s="2" t="s">
        <v>7433</v>
      </c>
      <c r="G2385" s="8">
        <v>83</v>
      </c>
      <c r="H2385" s="5">
        <v>6</v>
      </c>
      <c r="I2385" s="5" t="s">
        <v>1518</v>
      </c>
      <c r="J2385" s="5" t="s">
        <v>1519</v>
      </c>
      <c r="K2385" s="2" t="s">
        <v>1520</v>
      </c>
      <c r="L2385" s="5" t="s">
        <v>1519</v>
      </c>
      <c r="M2385" s="2" t="s">
        <v>1520</v>
      </c>
      <c r="N2385" s="5" t="s">
        <v>1521</v>
      </c>
      <c r="O2385" s="5" t="s">
        <v>38</v>
      </c>
      <c r="P2385" s="5" t="s">
        <v>39</v>
      </c>
      <c r="Q2385" s="5" t="s">
        <v>40</v>
      </c>
      <c r="R2385" s="5" t="s">
        <v>1522</v>
      </c>
      <c r="S2385" s="5" t="s">
        <v>1523</v>
      </c>
      <c r="T2385" s="5" t="s">
        <v>42</v>
      </c>
      <c r="U2385" s="2">
        <v>1.0209999999999999</v>
      </c>
      <c r="V2385" s="2">
        <v>0.78700000000000003</v>
      </c>
      <c r="W2385" s="2">
        <v>5.0000000000000001E-3</v>
      </c>
      <c r="X2385" s="2">
        <v>59.9</v>
      </c>
      <c r="Y2385" s="2">
        <v>7.6</v>
      </c>
      <c r="Z2385" s="2">
        <v>10.6</v>
      </c>
      <c r="AA2385" s="5"/>
      <c r="AB2385" s="5" t="s">
        <v>43</v>
      </c>
      <c r="AC2385" s="5" t="s">
        <v>44</v>
      </c>
      <c r="AD2385" s="2"/>
      <c r="AE2385" s="1"/>
    </row>
    <row r="2386" spans="1:31" ht="14.45">
      <c r="A2386" s="11"/>
      <c r="B2386" s="20"/>
      <c r="C2386" s="2" t="s">
        <v>7608</v>
      </c>
      <c r="D2386" s="14" t="s">
        <v>7609</v>
      </c>
      <c r="E2386" s="2" t="s">
        <v>7610</v>
      </c>
      <c r="F2386" s="2" t="s">
        <v>7611</v>
      </c>
      <c r="G2386" s="8">
        <v>83</v>
      </c>
      <c r="H2386" s="5">
        <v>6</v>
      </c>
      <c r="I2386" s="5" t="s">
        <v>1518</v>
      </c>
      <c r="J2386" s="5" t="s">
        <v>1519</v>
      </c>
      <c r="K2386" s="2" t="s">
        <v>1520</v>
      </c>
      <c r="L2386" s="5" t="s">
        <v>1519</v>
      </c>
      <c r="M2386" s="2" t="s">
        <v>1520</v>
      </c>
      <c r="N2386" s="5" t="s">
        <v>1521</v>
      </c>
      <c r="O2386" s="5" t="s">
        <v>38</v>
      </c>
      <c r="P2386" s="5" t="s">
        <v>39</v>
      </c>
      <c r="Q2386" s="5" t="s">
        <v>40</v>
      </c>
      <c r="R2386" s="5" t="s">
        <v>1522</v>
      </c>
      <c r="S2386" s="5" t="s">
        <v>1523</v>
      </c>
      <c r="T2386" s="5" t="s">
        <v>42</v>
      </c>
      <c r="U2386" s="2">
        <v>1.044</v>
      </c>
      <c r="V2386" s="2">
        <v>0.81</v>
      </c>
      <c r="W2386" s="2">
        <v>5.0000000000000001E-3</v>
      </c>
      <c r="X2386" s="2">
        <v>59.9</v>
      </c>
      <c r="Y2386" s="2">
        <v>7.6</v>
      </c>
      <c r="Z2386" s="2">
        <v>10.6</v>
      </c>
      <c r="AA2386" s="5"/>
      <c r="AB2386" s="5" t="s">
        <v>43</v>
      </c>
      <c r="AC2386" s="5" t="s">
        <v>44</v>
      </c>
      <c r="AD2386" s="2"/>
      <c r="AE2386" s="1"/>
    </row>
    <row r="2387" spans="1:31" ht="14.45">
      <c r="A2387" s="11"/>
      <c r="B2387" s="20"/>
      <c r="C2387" s="2" t="s">
        <v>7612</v>
      </c>
      <c r="D2387" s="14" t="s">
        <v>7613</v>
      </c>
      <c r="E2387" s="2" t="s">
        <v>7614</v>
      </c>
      <c r="F2387" s="2" t="s">
        <v>7615</v>
      </c>
      <c r="G2387" s="8">
        <v>83</v>
      </c>
      <c r="H2387" s="5">
        <v>6</v>
      </c>
      <c r="I2387" s="5" t="s">
        <v>1518</v>
      </c>
      <c r="J2387" s="5" t="s">
        <v>1519</v>
      </c>
      <c r="K2387" s="2" t="s">
        <v>1520</v>
      </c>
      <c r="L2387" s="5" t="s">
        <v>1519</v>
      </c>
      <c r="M2387" s="2" t="s">
        <v>1520</v>
      </c>
      <c r="N2387" s="5" t="s">
        <v>1521</v>
      </c>
      <c r="O2387" s="5" t="s">
        <v>38</v>
      </c>
      <c r="P2387" s="5" t="s">
        <v>39</v>
      </c>
      <c r="Q2387" s="5" t="s">
        <v>40</v>
      </c>
      <c r="R2387" s="5" t="s">
        <v>1522</v>
      </c>
      <c r="S2387" s="5" t="s">
        <v>1523</v>
      </c>
      <c r="T2387" s="5" t="s">
        <v>42</v>
      </c>
      <c r="U2387" s="2">
        <v>1.014</v>
      </c>
      <c r="V2387" s="2">
        <v>0.78</v>
      </c>
      <c r="W2387" s="2">
        <v>5.0000000000000001E-3</v>
      </c>
      <c r="X2387" s="2">
        <v>59.9</v>
      </c>
      <c r="Y2387" s="2">
        <v>7.6</v>
      </c>
      <c r="Z2387" s="2">
        <v>10.6</v>
      </c>
      <c r="AA2387" s="5"/>
      <c r="AB2387" s="5" t="s">
        <v>43</v>
      </c>
      <c r="AC2387" s="5" t="s">
        <v>44</v>
      </c>
      <c r="AD2387" s="2"/>
      <c r="AE2387" s="1"/>
    </row>
    <row r="2388" spans="1:31" ht="14.45">
      <c r="A2388" s="11"/>
      <c r="B2388" s="20"/>
      <c r="C2388" s="2" t="s">
        <v>7616</v>
      </c>
      <c r="D2388" s="14" t="s">
        <v>7617</v>
      </c>
      <c r="E2388" s="2" t="s">
        <v>7618</v>
      </c>
      <c r="F2388" s="2" t="s">
        <v>7619</v>
      </c>
      <c r="G2388" s="8">
        <v>83</v>
      </c>
      <c r="H2388" s="5">
        <v>6</v>
      </c>
      <c r="I2388" s="5" t="s">
        <v>1518</v>
      </c>
      <c r="J2388" s="5" t="s">
        <v>1519</v>
      </c>
      <c r="K2388" s="2" t="s">
        <v>1520</v>
      </c>
      <c r="L2388" s="5" t="s">
        <v>1519</v>
      </c>
      <c r="M2388" s="2" t="s">
        <v>1520</v>
      </c>
      <c r="N2388" s="5" t="s">
        <v>1521</v>
      </c>
      <c r="O2388" s="5" t="s">
        <v>38</v>
      </c>
      <c r="P2388" s="5" t="s">
        <v>39</v>
      </c>
      <c r="Q2388" s="5" t="s">
        <v>40</v>
      </c>
      <c r="R2388" s="5" t="s">
        <v>1522</v>
      </c>
      <c r="S2388" s="5" t="s">
        <v>1523</v>
      </c>
      <c r="T2388" s="5" t="s">
        <v>42</v>
      </c>
      <c r="U2388" s="2">
        <v>1.0369999999999999</v>
      </c>
      <c r="V2388" s="2">
        <v>0.80300000000000005</v>
      </c>
      <c r="W2388" s="2">
        <v>5.0000000000000001E-3</v>
      </c>
      <c r="X2388" s="2">
        <v>59.9</v>
      </c>
      <c r="Y2388" s="2">
        <v>7.6</v>
      </c>
      <c r="Z2388" s="2">
        <v>10.6</v>
      </c>
      <c r="AA2388" s="5"/>
      <c r="AB2388" s="5" t="s">
        <v>43</v>
      </c>
      <c r="AC2388" s="5" t="s">
        <v>44</v>
      </c>
      <c r="AD2388" s="2"/>
      <c r="AE2388" s="1"/>
    </row>
    <row r="2389" spans="1:31" ht="14.45">
      <c r="A2389" s="11"/>
      <c r="B2389" s="20"/>
      <c r="C2389" s="2" t="s">
        <v>7620</v>
      </c>
      <c r="D2389" s="14" t="s">
        <v>7621</v>
      </c>
      <c r="E2389" s="2" t="s">
        <v>7622</v>
      </c>
      <c r="F2389" s="2" t="s">
        <v>1823</v>
      </c>
      <c r="G2389" s="8">
        <v>83</v>
      </c>
      <c r="H2389" s="5">
        <v>8</v>
      </c>
      <c r="I2389" s="5" t="s">
        <v>1518</v>
      </c>
      <c r="J2389" s="5" t="s">
        <v>1519</v>
      </c>
      <c r="K2389" s="2" t="s">
        <v>1520</v>
      </c>
      <c r="L2389" s="5" t="s">
        <v>1519</v>
      </c>
      <c r="M2389" s="2" t="s">
        <v>1520</v>
      </c>
      <c r="N2389" s="5" t="s">
        <v>1521</v>
      </c>
      <c r="O2389" s="5" t="s">
        <v>38</v>
      </c>
      <c r="P2389" s="5" t="s">
        <v>39</v>
      </c>
      <c r="Q2389" s="5" t="s">
        <v>40</v>
      </c>
      <c r="R2389" s="5" t="s">
        <v>1522</v>
      </c>
      <c r="S2389" s="5" t="s">
        <v>1523</v>
      </c>
      <c r="T2389" s="5" t="s">
        <v>42</v>
      </c>
      <c r="U2389" s="2">
        <v>1.0269999999999999</v>
      </c>
      <c r="V2389" s="2">
        <v>0.79300000000000004</v>
      </c>
      <c r="W2389" s="2">
        <v>5.0000000000000001E-3</v>
      </c>
      <c r="X2389" s="2">
        <v>59.9</v>
      </c>
      <c r="Y2389" s="2">
        <v>7.6</v>
      </c>
      <c r="Z2389" s="2">
        <v>10.6</v>
      </c>
      <c r="AA2389" s="5"/>
      <c r="AB2389" s="5" t="s">
        <v>43</v>
      </c>
      <c r="AC2389" s="5" t="s">
        <v>44</v>
      </c>
      <c r="AD2389" s="2"/>
      <c r="AE2389" s="1"/>
    </row>
    <row r="2390" spans="1:31" ht="14.45">
      <c r="A2390" s="11"/>
      <c r="B2390" s="20"/>
      <c r="C2390" s="2" t="s">
        <v>7623</v>
      </c>
      <c r="D2390" s="14" t="s">
        <v>7624</v>
      </c>
      <c r="E2390" s="2" t="s">
        <v>7625</v>
      </c>
      <c r="F2390" s="2" t="s">
        <v>1827</v>
      </c>
      <c r="G2390" s="8">
        <v>83</v>
      </c>
      <c r="H2390" s="5">
        <v>8</v>
      </c>
      <c r="I2390" s="5" t="s">
        <v>1518</v>
      </c>
      <c r="J2390" s="5" t="s">
        <v>1519</v>
      </c>
      <c r="K2390" s="2" t="s">
        <v>1520</v>
      </c>
      <c r="L2390" s="5" t="s">
        <v>1519</v>
      </c>
      <c r="M2390" s="2" t="s">
        <v>1520</v>
      </c>
      <c r="N2390" s="5" t="s">
        <v>1521</v>
      </c>
      <c r="O2390" s="5" t="s">
        <v>38</v>
      </c>
      <c r="P2390" s="5" t="s">
        <v>39</v>
      </c>
      <c r="Q2390" s="5" t="s">
        <v>40</v>
      </c>
      <c r="R2390" s="5" t="s">
        <v>1522</v>
      </c>
      <c r="S2390" s="5" t="s">
        <v>1523</v>
      </c>
      <c r="T2390" s="5" t="s">
        <v>42</v>
      </c>
      <c r="U2390" s="2">
        <v>1.05</v>
      </c>
      <c r="V2390" s="2">
        <v>0.81599999999999995</v>
      </c>
      <c r="W2390" s="2">
        <v>5.0000000000000001E-3</v>
      </c>
      <c r="X2390" s="2">
        <v>59.9</v>
      </c>
      <c r="Y2390" s="2">
        <v>7.6</v>
      </c>
      <c r="Z2390" s="2">
        <v>10.6</v>
      </c>
      <c r="AA2390" s="5"/>
      <c r="AB2390" s="5" t="s">
        <v>43</v>
      </c>
      <c r="AC2390" s="5" t="s">
        <v>44</v>
      </c>
      <c r="AD2390" s="2"/>
      <c r="AE2390" s="1"/>
    </row>
    <row r="2391" spans="1:31" ht="14.45">
      <c r="A2391" s="11"/>
      <c r="B2391" s="20"/>
      <c r="C2391" s="2" t="s">
        <v>7626</v>
      </c>
      <c r="D2391" s="14" t="s">
        <v>7627</v>
      </c>
      <c r="E2391" s="2" t="s">
        <v>7628</v>
      </c>
      <c r="F2391" s="2" t="s">
        <v>1973</v>
      </c>
      <c r="G2391" s="8">
        <v>83</v>
      </c>
      <c r="H2391" s="5">
        <v>13</v>
      </c>
      <c r="I2391" s="5" t="s">
        <v>1518</v>
      </c>
      <c r="J2391" s="5" t="s">
        <v>1519</v>
      </c>
      <c r="K2391" s="2" t="s">
        <v>1520</v>
      </c>
      <c r="L2391" s="5" t="s">
        <v>1519</v>
      </c>
      <c r="M2391" s="2" t="s">
        <v>1520</v>
      </c>
      <c r="N2391" s="5" t="s">
        <v>1521</v>
      </c>
      <c r="O2391" s="5" t="s">
        <v>38</v>
      </c>
      <c r="P2391" s="5" t="s">
        <v>39</v>
      </c>
      <c r="Q2391" s="5" t="s">
        <v>40</v>
      </c>
      <c r="R2391" s="5" t="s">
        <v>1522</v>
      </c>
      <c r="S2391" s="5" t="s">
        <v>1523</v>
      </c>
      <c r="T2391" s="5" t="s">
        <v>42</v>
      </c>
      <c r="U2391" s="2">
        <v>1.0529999999999999</v>
      </c>
      <c r="V2391" s="2">
        <v>0.81899999999999995</v>
      </c>
      <c r="W2391" s="2">
        <v>5.0000000000000001E-3</v>
      </c>
      <c r="X2391" s="2">
        <v>59.9</v>
      </c>
      <c r="Y2391" s="2">
        <v>7.6</v>
      </c>
      <c r="Z2391" s="2">
        <v>10.6</v>
      </c>
      <c r="AA2391" s="5"/>
      <c r="AB2391" s="5" t="s">
        <v>43</v>
      </c>
      <c r="AC2391" s="5" t="s">
        <v>44</v>
      </c>
      <c r="AD2391" s="2"/>
      <c r="AE2391" s="1"/>
    </row>
    <row r="2392" spans="1:31" ht="14.45">
      <c r="A2392" s="11"/>
      <c r="B2392" s="20"/>
      <c r="C2392" s="2" t="s">
        <v>7629</v>
      </c>
      <c r="D2392" s="14" t="s">
        <v>7630</v>
      </c>
      <c r="E2392" s="2" t="s">
        <v>7631</v>
      </c>
      <c r="F2392" s="2" t="s">
        <v>2348</v>
      </c>
      <c r="G2392" s="8">
        <v>83</v>
      </c>
      <c r="H2392" s="5">
        <v>13</v>
      </c>
      <c r="I2392" s="5" t="s">
        <v>1518</v>
      </c>
      <c r="J2392" s="5" t="s">
        <v>1519</v>
      </c>
      <c r="K2392" s="2" t="s">
        <v>1520</v>
      </c>
      <c r="L2392" s="5" t="s">
        <v>1519</v>
      </c>
      <c r="M2392" s="2" t="s">
        <v>1520</v>
      </c>
      <c r="N2392" s="5" t="s">
        <v>1521</v>
      </c>
      <c r="O2392" s="5" t="s">
        <v>38</v>
      </c>
      <c r="P2392" s="5" t="s">
        <v>39</v>
      </c>
      <c r="Q2392" s="5" t="s">
        <v>40</v>
      </c>
      <c r="R2392" s="5" t="s">
        <v>1522</v>
      </c>
      <c r="S2392" s="5" t="s">
        <v>1523</v>
      </c>
      <c r="T2392" s="5" t="s">
        <v>42</v>
      </c>
      <c r="U2392" s="2">
        <v>1.0760000000000001</v>
      </c>
      <c r="V2392" s="2">
        <v>0.84199999999999997</v>
      </c>
      <c r="W2392" s="2">
        <v>5.0000000000000001E-3</v>
      </c>
      <c r="X2392" s="2">
        <v>59.9</v>
      </c>
      <c r="Y2392" s="2">
        <v>7.6</v>
      </c>
      <c r="Z2392" s="2">
        <v>10.6</v>
      </c>
      <c r="AA2392" s="5"/>
      <c r="AB2392" s="5" t="s">
        <v>43</v>
      </c>
      <c r="AC2392" s="5" t="s">
        <v>44</v>
      </c>
      <c r="AD2392" s="2"/>
      <c r="AE2392" s="1"/>
    </row>
    <row r="2393" spans="1:31" ht="14.45">
      <c r="A2393" s="11"/>
      <c r="B2393" s="20"/>
      <c r="C2393" s="2" t="s">
        <v>7632</v>
      </c>
      <c r="D2393" s="14" t="s">
        <v>7633</v>
      </c>
      <c r="E2393" s="2" t="s">
        <v>7634</v>
      </c>
      <c r="F2393" s="2" t="s">
        <v>2204</v>
      </c>
      <c r="G2393" s="8">
        <v>83</v>
      </c>
      <c r="H2393" s="5">
        <v>13</v>
      </c>
      <c r="I2393" s="5" t="s">
        <v>1518</v>
      </c>
      <c r="J2393" s="5" t="s">
        <v>1519</v>
      </c>
      <c r="K2393" s="2" t="s">
        <v>1520</v>
      </c>
      <c r="L2393" s="5" t="s">
        <v>1519</v>
      </c>
      <c r="M2393" s="2" t="s">
        <v>1520</v>
      </c>
      <c r="N2393" s="5" t="s">
        <v>1521</v>
      </c>
      <c r="O2393" s="5" t="s">
        <v>38</v>
      </c>
      <c r="P2393" s="5" t="s">
        <v>39</v>
      </c>
      <c r="Q2393" s="5" t="s">
        <v>40</v>
      </c>
      <c r="R2393" s="5" t="s">
        <v>1522</v>
      </c>
      <c r="S2393" s="5" t="s">
        <v>1523</v>
      </c>
      <c r="T2393" s="5" t="s">
        <v>42</v>
      </c>
      <c r="U2393" s="2">
        <v>1.0529999999999999</v>
      </c>
      <c r="V2393" s="2">
        <v>0.81899999999999995</v>
      </c>
      <c r="W2393" s="2">
        <v>5.0000000000000001E-3</v>
      </c>
      <c r="X2393" s="2">
        <v>59.9</v>
      </c>
      <c r="Y2393" s="2">
        <v>7.6</v>
      </c>
      <c r="Z2393" s="2">
        <v>10.6</v>
      </c>
      <c r="AA2393" s="5"/>
      <c r="AB2393" s="5" t="s">
        <v>43</v>
      </c>
      <c r="AC2393" s="5" t="s">
        <v>44</v>
      </c>
      <c r="AD2393" s="2"/>
      <c r="AE2393" s="1"/>
    </row>
    <row r="2394" spans="1:31" ht="14.45">
      <c r="A2394" s="11"/>
      <c r="B2394" s="20"/>
      <c r="C2394" s="2" t="s">
        <v>7635</v>
      </c>
      <c r="D2394" s="14" t="s">
        <v>7636</v>
      </c>
      <c r="E2394" s="2" t="s">
        <v>7637</v>
      </c>
      <c r="F2394" s="2" t="s">
        <v>2208</v>
      </c>
      <c r="G2394" s="8">
        <v>83</v>
      </c>
      <c r="H2394" s="5">
        <v>13</v>
      </c>
      <c r="I2394" s="5" t="s">
        <v>1518</v>
      </c>
      <c r="J2394" s="5" t="s">
        <v>1519</v>
      </c>
      <c r="K2394" s="2" t="s">
        <v>1520</v>
      </c>
      <c r="L2394" s="5" t="s">
        <v>1519</v>
      </c>
      <c r="M2394" s="2" t="s">
        <v>1520</v>
      </c>
      <c r="N2394" s="5" t="s">
        <v>1521</v>
      </c>
      <c r="O2394" s="5" t="s">
        <v>38</v>
      </c>
      <c r="P2394" s="5" t="s">
        <v>39</v>
      </c>
      <c r="Q2394" s="5" t="s">
        <v>40</v>
      </c>
      <c r="R2394" s="5" t="s">
        <v>1522</v>
      </c>
      <c r="S2394" s="5" t="s">
        <v>1523</v>
      </c>
      <c r="T2394" s="5" t="s">
        <v>42</v>
      </c>
      <c r="U2394" s="2">
        <v>1.0529999999999999</v>
      </c>
      <c r="V2394" s="2">
        <v>0.81899999999999995</v>
      </c>
      <c r="W2394" s="2">
        <v>5.0000000000000001E-3</v>
      </c>
      <c r="X2394" s="2">
        <v>59.9</v>
      </c>
      <c r="Y2394" s="2">
        <v>7.6</v>
      </c>
      <c r="Z2394" s="2">
        <v>10.6</v>
      </c>
      <c r="AA2394" s="5"/>
      <c r="AB2394" s="5" t="s">
        <v>43</v>
      </c>
      <c r="AC2394" s="5" t="s">
        <v>44</v>
      </c>
      <c r="AD2394" s="2"/>
      <c r="AE2394" s="1"/>
    </row>
    <row r="2395" spans="1:31" ht="14.45">
      <c r="A2395" s="11"/>
      <c r="B2395" s="20"/>
      <c r="C2395" s="2" t="s">
        <v>7638</v>
      </c>
      <c r="D2395" s="14" t="s">
        <v>7639</v>
      </c>
      <c r="E2395" s="2" t="s">
        <v>7640</v>
      </c>
      <c r="F2395" s="2" t="s">
        <v>2212</v>
      </c>
      <c r="G2395" s="8">
        <v>83</v>
      </c>
      <c r="H2395" s="5">
        <v>13</v>
      </c>
      <c r="I2395" s="5" t="s">
        <v>1518</v>
      </c>
      <c r="J2395" s="5" t="s">
        <v>1519</v>
      </c>
      <c r="K2395" s="2" t="s">
        <v>1520</v>
      </c>
      <c r="L2395" s="5" t="s">
        <v>1519</v>
      </c>
      <c r="M2395" s="2" t="s">
        <v>1520</v>
      </c>
      <c r="N2395" s="5" t="s">
        <v>1521</v>
      </c>
      <c r="O2395" s="5" t="s">
        <v>38</v>
      </c>
      <c r="P2395" s="5" t="s">
        <v>39</v>
      </c>
      <c r="Q2395" s="5" t="s">
        <v>40</v>
      </c>
      <c r="R2395" s="5" t="s">
        <v>1522</v>
      </c>
      <c r="S2395" s="5" t="s">
        <v>1523</v>
      </c>
      <c r="T2395" s="5" t="s">
        <v>42</v>
      </c>
      <c r="U2395" s="2">
        <v>1.0760000000000001</v>
      </c>
      <c r="V2395" s="2">
        <v>0.84199999999999997</v>
      </c>
      <c r="W2395" s="2">
        <v>5.0000000000000001E-3</v>
      </c>
      <c r="X2395" s="2">
        <v>59.9</v>
      </c>
      <c r="Y2395" s="2">
        <v>7.6</v>
      </c>
      <c r="Z2395" s="2">
        <v>10.6</v>
      </c>
      <c r="AA2395" s="5"/>
      <c r="AB2395" s="5" t="s">
        <v>43</v>
      </c>
      <c r="AC2395" s="5" t="s">
        <v>44</v>
      </c>
      <c r="AD2395" s="2"/>
      <c r="AE2395" s="1"/>
    </row>
    <row r="2396" spans="1:31" ht="14.45">
      <c r="A2396" s="11"/>
      <c r="B2396" s="20"/>
      <c r="C2396" s="2" t="s">
        <v>7641</v>
      </c>
      <c r="D2396" s="14" t="s">
        <v>7642</v>
      </c>
      <c r="E2396" s="2" t="s">
        <v>7643</v>
      </c>
      <c r="F2396" s="2" t="s">
        <v>1831</v>
      </c>
      <c r="G2396" s="8">
        <v>83</v>
      </c>
      <c r="H2396" s="5">
        <v>13</v>
      </c>
      <c r="I2396" s="5" t="s">
        <v>1518</v>
      </c>
      <c r="J2396" s="5" t="s">
        <v>1519</v>
      </c>
      <c r="K2396" s="2" t="s">
        <v>1520</v>
      </c>
      <c r="L2396" s="5" t="s">
        <v>1519</v>
      </c>
      <c r="M2396" s="2" t="s">
        <v>1520</v>
      </c>
      <c r="N2396" s="5" t="s">
        <v>1521</v>
      </c>
      <c r="O2396" s="5" t="s">
        <v>38</v>
      </c>
      <c r="P2396" s="5" t="s">
        <v>39</v>
      </c>
      <c r="Q2396" s="5" t="s">
        <v>40</v>
      </c>
      <c r="R2396" s="5" t="s">
        <v>1522</v>
      </c>
      <c r="S2396" s="5" t="s">
        <v>1523</v>
      </c>
      <c r="T2396" s="5" t="s">
        <v>42</v>
      </c>
      <c r="U2396" s="2">
        <v>1.0529999999999999</v>
      </c>
      <c r="V2396" s="2">
        <v>0.81899999999999995</v>
      </c>
      <c r="W2396" s="2">
        <v>5.0000000000000001E-3</v>
      </c>
      <c r="X2396" s="2">
        <v>59.9</v>
      </c>
      <c r="Y2396" s="2">
        <v>7.6</v>
      </c>
      <c r="Z2396" s="2">
        <v>10.6</v>
      </c>
      <c r="AA2396" s="5"/>
      <c r="AB2396" s="5" t="s">
        <v>43</v>
      </c>
      <c r="AC2396" s="5" t="s">
        <v>44</v>
      </c>
      <c r="AD2396" s="2"/>
      <c r="AE2396" s="1"/>
    </row>
    <row r="2397" spans="1:31" ht="14.45">
      <c r="A2397" s="11"/>
      <c r="B2397" s="20"/>
      <c r="C2397" s="2" t="s">
        <v>7644</v>
      </c>
      <c r="D2397" s="14" t="s">
        <v>7645</v>
      </c>
      <c r="E2397" s="2" t="s">
        <v>7646</v>
      </c>
      <c r="F2397" s="2" t="s">
        <v>1835</v>
      </c>
      <c r="G2397" s="8">
        <v>83</v>
      </c>
      <c r="H2397" s="5">
        <v>13</v>
      </c>
      <c r="I2397" s="5" t="s">
        <v>1518</v>
      </c>
      <c r="J2397" s="5" t="s">
        <v>1519</v>
      </c>
      <c r="K2397" s="2" t="s">
        <v>1520</v>
      </c>
      <c r="L2397" s="5" t="s">
        <v>1519</v>
      </c>
      <c r="M2397" s="2" t="s">
        <v>1520</v>
      </c>
      <c r="N2397" s="5" t="s">
        <v>1521</v>
      </c>
      <c r="O2397" s="5" t="s">
        <v>38</v>
      </c>
      <c r="P2397" s="5" t="s">
        <v>39</v>
      </c>
      <c r="Q2397" s="5" t="s">
        <v>40</v>
      </c>
      <c r="R2397" s="5" t="s">
        <v>1522</v>
      </c>
      <c r="S2397" s="5" t="s">
        <v>1523</v>
      </c>
      <c r="T2397" s="5" t="s">
        <v>42</v>
      </c>
      <c r="U2397" s="2">
        <v>1.0760000000000001</v>
      </c>
      <c r="V2397" s="2">
        <v>0.84199999999999997</v>
      </c>
      <c r="W2397" s="2">
        <v>5.0000000000000001E-3</v>
      </c>
      <c r="X2397" s="2">
        <v>59.9</v>
      </c>
      <c r="Y2397" s="2">
        <v>7.6</v>
      </c>
      <c r="Z2397" s="2">
        <v>10.6</v>
      </c>
      <c r="AA2397" s="5"/>
      <c r="AB2397" s="5" t="s">
        <v>43</v>
      </c>
      <c r="AC2397" s="5" t="s">
        <v>44</v>
      </c>
      <c r="AD2397" s="2"/>
      <c r="AE2397" s="1"/>
    </row>
    <row r="2398" spans="1:31" ht="14.45">
      <c r="A2398" s="11"/>
      <c r="B2398" s="20"/>
      <c r="C2398" s="2" t="s">
        <v>7647</v>
      </c>
      <c r="D2398" s="14" t="s">
        <v>7648</v>
      </c>
      <c r="E2398" s="2" t="s">
        <v>7649</v>
      </c>
      <c r="F2398" s="2" t="s">
        <v>1839</v>
      </c>
      <c r="G2398" s="8">
        <v>83</v>
      </c>
      <c r="H2398" s="5">
        <v>13</v>
      </c>
      <c r="I2398" s="5" t="s">
        <v>1518</v>
      </c>
      <c r="J2398" s="5" t="s">
        <v>1519</v>
      </c>
      <c r="K2398" s="2" t="s">
        <v>1520</v>
      </c>
      <c r="L2398" s="5" t="s">
        <v>1519</v>
      </c>
      <c r="M2398" s="2" t="s">
        <v>1520</v>
      </c>
      <c r="N2398" s="5" t="s">
        <v>1521</v>
      </c>
      <c r="O2398" s="5" t="s">
        <v>38</v>
      </c>
      <c r="P2398" s="5" t="s">
        <v>39</v>
      </c>
      <c r="Q2398" s="5" t="s">
        <v>40</v>
      </c>
      <c r="R2398" s="5" t="s">
        <v>1522</v>
      </c>
      <c r="S2398" s="5" t="s">
        <v>1523</v>
      </c>
      <c r="T2398" s="5" t="s">
        <v>42</v>
      </c>
      <c r="U2398" s="2">
        <v>1.0529999999999999</v>
      </c>
      <c r="V2398" s="2">
        <v>0.81899999999999995</v>
      </c>
      <c r="W2398" s="2">
        <v>5.0000000000000001E-3</v>
      </c>
      <c r="X2398" s="2">
        <v>59.9</v>
      </c>
      <c r="Y2398" s="2">
        <v>7.6</v>
      </c>
      <c r="Z2398" s="2">
        <v>10.6</v>
      </c>
      <c r="AA2398" s="5"/>
      <c r="AB2398" s="5" t="s">
        <v>43</v>
      </c>
      <c r="AC2398" s="5" t="s">
        <v>44</v>
      </c>
      <c r="AD2398" s="2"/>
      <c r="AE2398" s="1"/>
    </row>
    <row r="2399" spans="1:31" ht="14.45">
      <c r="A2399" s="11"/>
      <c r="B2399" s="20"/>
      <c r="C2399" s="2" t="s">
        <v>7650</v>
      </c>
      <c r="D2399" s="14" t="s">
        <v>7651</v>
      </c>
      <c r="E2399" s="2" t="s">
        <v>7652</v>
      </c>
      <c r="F2399" s="2" t="s">
        <v>1986</v>
      </c>
      <c r="G2399" s="8">
        <v>83</v>
      </c>
      <c r="H2399" s="5">
        <v>13</v>
      </c>
      <c r="I2399" s="5" t="s">
        <v>1518</v>
      </c>
      <c r="J2399" s="5" t="s">
        <v>1519</v>
      </c>
      <c r="K2399" s="2" t="s">
        <v>1520</v>
      </c>
      <c r="L2399" s="5" t="s">
        <v>1519</v>
      </c>
      <c r="M2399" s="2" t="s">
        <v>1520</v>
      </c>
      <c r="N2399" s="5" t="s">
        <v>1521</v>
      </c>
      <c r="O2399" s="5" t="s">
        <v>38</v>
      </c>
      <c r="P2399" s="5" t="s">
        <v>39</v>
      </c>
      <c r="Q2399" s="5" t="s">
        <v>40</v>
      </c>
      <c r="R2399" s="5" t="s">
        <v>1522</v>
      </c>
      <c r="S2399" s="5" t="s">
        <v>1523</v>
      </c>
      <c r="T2399" s="5" t="s">
        <v>42</v>
      </c>
      <c r="U2399" s="2">
        <v>1.0760000000000001</v>
      </c>
      <c r="V2399" s="2">
        <v>0.84199999999999997</v>
      </c>
      <c r="W2399" s="2">
        <v>5.0000000000000001E-3</v>
      </c>
      <c r="X2399" s="2">
        <v>59.9</v>
      </c>
      <c r="Y2399" s="2">
        <v>7.6</v>
      </c>
      <c r="Z2399" s="2">
        <v>10.6</v>
      </c>
      <c r="AA2399" s="5"/>
      <c r="AB2399" s="5" t="s">
        <v>43</v>
      </c>
      <c r="AC2399" s="5" t="s">
        <v>44</v>
      </c>
      <c r="AD2399" s="2"/>
      <c r="AE2399" s="1"/>
    </row>
    <row r="2400" spans="1:31" ht="14.45">
      <c r="A2400" s="11"/>
      <c r="B2400" s="20"/>
      <c r="C2400" s="2" t="s">
        <v>7653</v>
      </c>
      <c r="D2400" s="14" t="s">
        <v>7654</v>
      </c>
      <c r="E2400" s="2" t="s">
        <v>7655</v>
      </c>
      <c r="F2400" s="2" t="s">
        <v>1843</v>
      </c>
      <c r="G2400" s="8">
        <v>83</v>
      </c>
      <c r="H2400" s="5">
        <v>13</v>
      </c>
      <c r="I2400" s="5" t="s">
        <v>1518</v>
      </c>
      <c r="J2400" s="5" t="s">
        <v>1519</v>
      </c>
      <c r="K2400" s="2" t="s">
        <v>1520</v>
      </c>
      <c r="L2400" s="5" t="s">
        <v>1519</v>
      </c>
      <c r="M2400" s="2" t="s">
        <v>1520</v>
      </c>
      <c r="N2400" s="5" t="s">
        <v>1521</v>
      </c>
      <c r="O2400" s="5" t="s">
        <v>38</v>
      </c>
      <c r="P2400" s="5" t="s">
        <v>39</v>
      </c>
      <c r="Q2400" s="5" t="s">
        <v>40</v>
      </c>
      <c r="R2400" s="5" t="s">
        <v>1522</v>
      </c>
      <c r="S2400" s="5" t="s">
        <v>1523</v>
      </c>
      <c r="T2400" s="5" t="s">
        <v>42</v>
      </c>
      <c r="U2400" s="2">
        <v>1.0529999999999999</v>
      </c>
      <c r="V2400" s="2">
        <v>0.81899999999999995</v>
      </c>
      <c r="W2400" s="2">
        <v>5.0000000000000001E-3</v>
      </c>
      <c r="X2400" s="2">
        <v>59.9</v>
      </c>
      <c r="Y2400" s="2">
        <v>7.6</v>
      </c>
      <c r="Z2400" s="2">
        <v>10.6</v>
      </c>
      <c r="AA2400" s="5"/>
      <c r="AB2400" s="5" t="s">
        <v>43</v>
      </c>
      <c r="AC2400" s="5" t="s">
        <v>44</v>
      </c>
      <c r="AD2400" s="2"/>
      <c r="AE2400" s="1"/>
    </row>
    <row r="2401" spans="1:31" ht="14.45">
      <c r="A2401" s="11"/>
      <c r="B2401" s="20"/>
      <c r="C2401" s="2" t="s">
        <v>7656</v>
      </c>
      <c r="D2401" s="14" t="s">
        <v>7657</v>
      </c>
      <c r="E2401" s="2" t="s">
        <v>7658</v>
      </c>
      <c r="F2401" s="2" t="s">
        <v>1847</v>
      </c>
      <c r="G2401" s="8">
        <v>83</v>
      </c>
      <c r="H2401" s="5">
        <v>13</v>
      </c>
      <c r="I2401" s="5" t="s">
        <v>1518</v>
      </c>
      <c r="J2401" s="5" t="s">
        <v>1519</v>
      </c>
      <c r="K2401" s="2" t="s">
        <v>1520</v>
      </c>
      <c r="L2401" s="5" t="s">
        <v>1519</v>
      </c>
      <c r="M2401" s="2" t="s">
        <v>1520</v>
      </c>
      <c r="N2401" s="5" t="s">
        <v>1521</v>
      </c>
      <c r="O2401" s="5" t="s">
        <v>38</v>
      </c>
      <c r="P2401" s="5" t="s">
        <v>39</v>
      </c>
      <c r="Q2401" s="5" t="s">
        <v>40</v>
      </c>
      <c r="R2401" s="5" t="s">
        <v>1522</v>
      </c>
      <c r="S2401" s="5" t="s">
        <v>1523</v>
      </c>
      <c r="T2401" s="5" t="s">
        <v>42</v>
      </c>
      <c r="U2401" s="2">
        <v>1.0760000000000001</v>
      </c>
      <c r="V2401" s="2">
        <v>0.84199999999999997</v>
      </c>
      <c r="W2401" s="2">
        <v>5.0000000000000001E-3</v>
      </c>
      <c r="X2401" s="2">
        <v>59.9</v>
      </c>
      <c r="Y2401" s="2">
        <v>7.6</v>
      </c>
      <c r="Z2401" s="2">
        <v>10.6</v>
      </c>
      <c r="AA2401" s="5"/>
      <c r="AB2401" s="5" t="s">
        <v>43</v>
      </c>
      <c r="AC2401" s="5" t="s">
        <v>44</v>
      </c>
      <c r="AD2401" s="2"/>
      <c r="AE2401" s="1"/>
    </row>
    <row r="2402" spans="1:31" ht="14.45">
      <c r="A2402" s="11"/>
      <c r="B2402" s="20"/>
      <c r="C2402" s="2" t="s">
        <v>7659</v>
      </c>
      <c r="D2402" s="14" t="s">
        <v>7660</v>
      </c>
      <c r="E2402" s="2" t="s">
        <v>7661</v>
      </c>
      <c r="F2402" s="2" t="s">
        <v>1851</v>
      </c>
      <c r="G2402" s="8">
        <v>83</v>
      </c>
      <c r="H2402" s="5">
        <v>13</v>
      </c>
      <c r="I2402" s="5" t="s">
        <v>1518</v>
      </c>
      <c r="J2402" s="5" t="s">
        <v>1519</v>
      </c>
      <c r="K2402" s="2" t="s">
        <v>1520</v>
      </c>
      <c r="L2402" s="5" t="s">
        <v>1519</v>
      </c>
      <c r="M2402" s="2" t="s">
        <v>1520</v>
      </c>
      <c r="N2402" s="5" t="s">
        <v>1521</v>
      </c>
      <c r="O2402" s="5" t="s">
        <v>38</v>
      </c>
      <c r="P2402" s="5" t="s">
        <v>39</v>
      </c>
      <c r="Q2402" s="5" t="s">
        <v>40</v>
      </c>
      <c r="R2402" s="5" t="s">
        <v>1522</v>
      </c>
      <c r="S2402" s="5" t="s">
        <v>1523</v>
      </c>
      <c r="T2402" s="5" t="s">
        <v>42</v>
      </c>
      <c r="U2402" s="2">
        <v>1.0529999999999999</v>
      </c>
      <c r="V2402" s="2">
        <v>0.81899999999999995</v>
      </c>
      <c r="W2402" s="2">
        <v>5.0000000000000001E-3</v>
      </c>
      <c r="X2402" s="2">
        <v>59.9</v>
      </c>
      <c r="Y2402" s="2">
        <v>7.6</v>
      </c>
      <c r="Z2402" s="2">
        <v>10.6</v>
      </c>
      <c r="AA2402" s="5"/>
      <c r="AB2402" s="5" t="s">
        <v>43</v>
      </c>
      <c r="AC2402" s="5" t="s">
        <v>44</v>
      </c>
      <c r="AD2402" s="2"/>
      <c r="AE2402" s="1"/>
    </row>
    <row r="2403" spans="1:31" ht="14.45">
      <c r="A2403" s="11"/>
      <c r="B2403" s="20"/>
      <c r="C2403" s="2" t="s">
        <v>7662</v>
      </c>
      <c r="D2403" s="14" t="s">
        <v>7663</v>
      </c>
      <c r="E2403" s="2" t="s">
        <v>7664</v>
      </c>
      <c r="F2403" s="2" t="s">
        <v>1999</v>
      </c>
      <c r="G2403" s="8">
        <v>83</v>
      </c>
      <c r="H2403" s="5">
        <v>13</v>
      </c>
      <c r="I2403" s="5" t="s">
        <v>1518</v>
      </c>
      <c r="J2403" s="5" t="s">
        <v>1519</v>
      </c>
      <c r="K2403" s="2" t="s">
        <v>1520</v>
      </c>
      <c r="L2403" s="5" t="s">
        <v>1519</v>
      </c>
      <c r="M2403" s="2" t="s">
        <v>1520</v>
      </c>
      <c r="N2403" s="5" t="s">
        <v>1521</v>
      </c>
      <c r="O2403" s="5" t="s">
        <v>38</v>
      </c>
      <c r="P2403" s="5" t="s">
        <v>39</v>
      </c>
      <c r="Q2403" s="5" t="s">
        <v>40</v>
      </c>
      <c r="R2403" s="5" t="s">
        <v>1522</v>
      </c>
      <c r="S2403" s="5" t="s">
        <v>1523</v>
      </c>
      <c r="T2403" s="5" t="s">
        <v>42</v>
      </c>
      <c r="U2403" s="2">
        <v>1.0760000000000001</v>
      </c>
      <c r="V2403" s="2">
        <v>0.84199999999999997</v>
      </c>
      <c r="W2403" s="2">
        <v>5.0000000000000001E-3</v>
      </c>
      <c r="X2403" s="2">
        <v>59.9</v>
      </c>
      <c r="Y2403" s="2">
        <v>7.6</v>
      </c>
      <c r="Z2403" s="2">
        <v>10.6</v>
      </c>
      <c r="AA2403" s="5"/>
      <c r="AB2403" s="5" t="s">
        <v>43</v>
      </c>
      <c r="AC2403" s="5" t="s">
        <v>44</v>
      </c>
      <c r="AD2403" s="2"/>
      <c r="AE2403" s="1"/>
    </row>
    <row r="2404" spans="1:31" ht="14.45">
      <c r="A2404" s="11"/>
      <c r="B2404" s="20"/>
      <c r="C2404" s="2" t="s">
        <v>7665</v>
      </c>
      <c r="D2404" s="14" t="s">
        <v>7666</v>
      </c>
      <c r="E2404" s="2" t="s">
        <v>7667</v>
      </c>
      <c r="F2404" s="2" t="s">
        <v>1855</v>
      </c>
      <c r="G2404" s="8">
        <v>83</v>
      </c>
      <c r="H2404" s="5">
        <v>13</v>
      </c>
      <c r="I2404" s="5" t="s">
        <v>1518</v>
      </c>
      <c r="J2404" s="5" t="s">
        <v>1519</v>
      </c>
      <c r="K2404" s="2" t="s">
        <v>1520</v>
      </c>
      <c r="L2404" s="5" t="s">
        <v>1519</v>
      </c>
      <c r="M2404" s="2" t="s">
        <v>1520</v>
      </c>
      <c r="N2404" s="5" t="s">
        <v>1521</v>
      </c>
      <c r="O2404" s="5" t="s">
        <v>38</v>
      </c>
      <c r="P2404" s="5" t="s">
        <v>39</v>
      </c>
      <c r="Q2404" s="5" t="s">
        <v>40</v>
      </c>
      <c r="R2404" s="5" t="s">
        <v>1522</v>
      </c>
      <c r="S2404" s="5" t="s">
        <v>1523</v>
      </c>
      <c r="T2404" s="5" t="s">
        <v>42</v>
      </c>
      <c r="U2404" s="2">
        <v>1.0529999999999999</v>
      </c>
      <c r="V2404" s="2">
        <v>0.81899999999999995</v>
      </c>
      <c r="W2404" s="2">
        <v>5.0000000000000001E-3</v>
      </c>
      <c r="X2404" s="2">
        <v>59.9</v>
      </c>
      <c r="Y2404" s="2">
        <v>7.6</v>
      </c>
      <c r="Z2404" s="2">
        <v>10.6</v>
      </c>
      <c r="AA2404" s="5"/>
      <c r="AB2404" s="5" t="s">
        <v>43</v>
      </c>
      <c r="AC2404" s="5" t="s">
        <v>44</v>
      </c>
      <c r="AD2404" s="2"/>
      <c r="AE2404" s="1"/>
    </row>
    <row r="2405" spans="1:31" ht="14.45">
      <c r="A2405" s="11"/>
      <c r="B2405" s="20"/>
      <c r="C2405" s="2" t="s">
        <v>7668</v>
      </c>
      <c r="D2405" s="14" t="s">
        <v>7669</v>
      </c>
      <c r="E2405" s="2" t="s">
        <v>7670</v>
      </c>
      <c r="F2405" s="2" t="s">
        <v>1859</v>
      </c>
      <c r="G2405" s="8">
        <v>83</v>
      </c>
      <c r="H2405" s="5">
        <v>13</v>
      </c>
      <c r="I2405" s="5" t="s">
        <v>1518</v>
      </c>
      <c r="J2405" s="5" t="s">
        <v>1519</v>
      </c>
      <c r="K2405" s="2" t="s">
        <v>1520</v>
      </c>
      <c r="L2405" s="5" t="s">
        <v>1519</v>
      </c>
      <c r="M2405" s="2" t="s">
        <v>1520</v>
      </c>
      <c r="N2405" s="5" t="s">
        <v>1521</v>
      </c>
      <c r="O2405" s="5" t="s">
        <v>38</v>
      </c>
      <c r="P2405" s="5" t="s">
        <v>39</v>
      </c>
      <c r="Q2405" s="5" t="s">
        <v>40</v>
      </c>
      <c r="R2405" s="5" t="s">
        <v>1522</v>
      </c>
      <c r="S2405" s="5" t="s">
        <v>1523</v>
      </c>
      <c r="T2405" s="5" t="s">
        <v>42</v>
      </c>
      <c r="U2405" s="2">
        <v>1.0760000000000001</v>
      </c>
      <c r="V2405" s="2">
        <v>0.84199999999999997</v>
      </c>
      <c r="W2405" s="2">
        <v>5.0000000000000001E-3</v>
      </c>
      <c r="X2405" s="2">
        <v>59.9</v>
      </c>
      <c r="Y2405" s="2">
        <v>7.6</v>
      </c>
      <c r="Z2405" s="2">
        <v>10.6</v>
      </c>
      <c r="AA2405" s="5"/>
      <c r="AB2405" s="5" t="s">
        <v>43</v>
      </c>
      <c r="AC2405" s="5" t="s">
        <v>44</v>
      </c>
      <c r="AD2405" s="2"/>
      <c r="AE2405" s="1"/>
    </row>
    <row r="2406" spans="1:31" ht="14.45">
      <c r="A2406" s="11"/>
      <c r="B2406" s="20"/>
      <c r="C2406" s="2" t="s">
        <v>7671</v>
      </c>
      <c r="D2406" s="14" t="s">
        <v>7672</v>
      </c>
      <c r="E2406" s="2" t="s">
        <v>7673</v>
      </c>
      <c r="F2406" s="2" t="s">
        <v>1863</v>
      </c>
      <c r="G2406" s="8">
        <v>83</v>
      </c>
      <c r="H2406" s="5">
        <v>11</v>
      </c>
      <c r="I2406" s="5" t="s">
        <v>1518</v>
      </c>
      <c r="J2406" s="5" t="s">
        <v>1519</v>
      </c>
      <c r="K2406" s="2" t="s">
        <v>1520</v>
      </c>
      <c r="L2406" s="5" t="s">
        <v>1519</v>
      </c>
      <c r="M2406" s="2" t="s">
        <v>1520</v>
      </c>
      <c r="N2406" s="5" t="s">
        <v>1521</v>
      </c>
      <c r="O2406" s="5" t="s">
        <v>38</v>
      </c>
      <c r="P2406" s="5" t="s">
        <v>39</v>
      </c>
      <c r="Q2406" s="5" t="s">
        <v>40</v>
      </c>
      <c r="R2406" s="5" t="s">
        <v>1522</v>
      </c>
      <c r="S2406" s="5" t="s">
        <v>1523</v>
      </c>
      <c r="T2406" s="5" t="s">
        <v>42</v>
      </c>
      <c r="U2406" s="2">
        <v>1.02</v>
      </c>
      <c r="V2406" s="2">
        <v>0.78400000000000003</v>
      </c>
      <c r="W2406" s="2">
        <v>5.0000000000000001E-3</v>
      </c>
      <c r="X2406" s="2">
        <v>59.9</v>
      </c>
      <c r="Y2406" s="2">
        <v>7.6</v>
      </c>
      <c r="Z2406" s="2">
        <v>10.6</v>
      </c>
      <c r="AA2406" s="5"/>
      <c r="AB2406" s="5" t="s">
        <v>43</v>
      </c>
      <c r="AC2406" s="5" t="s">
        <v>44</v>
      </c>
      <c r="AD2406" s="2"/>
      <c r="AE2406" s="1"/>
    </row>
    <row r="2407" spans="1:31" ht="14.45">
      <c r="A2407" s="11"/>
      <c r="B2407" s="20"/>
      <c r="C2407" s="2" t="s">
        <v>7674</v>
      </c>
      <c r="D2407" s="14" t="s">
        <v>7675</v>
      </c>
      <c r="E2407" s="2" t="s">
        <v>7676</v>
      </c>
      <c r="F2407" s="2" t="s">
        <v>1867</v>
      </c>
      <c r="G2407" s="8">
        <v>83</v>
      </c>
      <c r="H2407" s="5">
        <v>11</v>
      </c>
      <c r="I2407" s="5" t="s">
        <v>1518</v>
      </c>
      <c r="J2407" s="5" t="s">
        <v>1519</v>
      </c>
      <c r="K2407" s="2" t="s">
        <v>1520</v>
      </c>
      <c r="L2407" s="5" t="s">
        <v>1519</v>
      </c>
      <c r="M2407" s="2" t="s">
        <v>1520</v>
      </c>
      <c r="N2407" s="5" t="s">
        <v>1521</v>
      </c>
      <c r="O2407" s="5" t="s">
        <v>38</v>
      </c>
      <c r="P2407" s="5" t="s">
        <v>39</v>
      </c>
      <c r="Q2407" s="5" t="s">
        <v>40</v>
      </c>
      <c r="R2407" s="5" t="s">
        <v>1522</v>
      </c>
      <c r="S2407" s="5" t="s">
        <v>1523</v>
      </c>
      <c r="T2407" s="5" t="s">
        <v>42</v>
      </c>
      <c r="U2407" s="2">
        <v>1.0429999999999999</v>
      </c>
      <c r="V2407" s="2">
        <v>0.80700000000000005</v>
      </c>
      <c r="W2407" s="2">
        <v>5.0000000000000001E-3</v>
      </c>
      <c r="X2407" s="2">
        <v>59.9</v>
      </c>
      <c r="Y2407" s="2">
        <v>7.6</v>
      </c>
      <c r="Z2407" s="2">
        <v>10.6</v>
      </c>
      <c r="AA2407" s="5"/>
      <c r="AB2407" s="5" t="s">
        <v>43</v>
      </c>
      <c r="AC2407" s="5" t="s">
        <v>44</v>
      </c>
      <c r="AD2407" s="2"/>
      <c r="AE2407" s="1"/>
    </row>
    <row r="2408" spans="1:31" ht="14.45">
      <c r="A2408" s="11"/>
      <c r="B2408" s="20"/>
      <c r="C2408" s="2" t="s">
        <v>7677</v>
      </c>
      <c r="D2408" s="14" t="s">
        <v>7678</v>
      </c>
      <c r="E2408" s="2" t="s">
        <v>7679</v>
      </c>
      <c r="F2408" s="2" t="s">
        <v>7396</v>
      </c>
      <c r="G2408" s="8">
        <v>82</v>
      </c>
      <c r="H2408" s="5">
        <v>5</v>
      </c>
      <c r="I2408" s="5" t="s">
        <v>1518</v>
      </c>
      <c r="J2408" s="5" t="s">
        <v>1519</v>
      </c>
      <c r="K2408" s="2" t="s">
        <v>1520</v>
      </c>
      <c r="L2408" s="5" t="s">
        <v>1519</v>
      </c>
      <c r="M2408" s="2" t="s">
        <v>1520</v>
      </c>
      <c r="N2408" s="5" t="s">
        <v>1521</v>
      </c>
      <c r="O2408" s="5" t="s">
        <v>38</v>
      </c>
      <c r="P2408" s="5" t="s">
        <v>39</v>
      </c>
      <c r="Q2408" s="5" t="s">
        <v>40</v>
      </c>
      <c r="R2408" s="5" t="s">
        <v>1522</v>
      </c>
      <c r="S2408" s="5" t="s">
        <v>1523</v>
      </c>
      <c r="T2408" s="5" t="s">
        <v>42</v>
      </c>
      <c r="U2408" s="2">
        <v>1.145</v>
      </c>
      <c r="V2408" s="2">
        <v>0.88700000000000001</v>
      </c>
      <c r="W2408" s="2">
        <v>6.0000000000000001E-3</v>
      </c>
      <c r="X2408" s="2">
        <v>76.900000000000006</v>
      </c>
      <c r="Y2408" s="2">
        <v>7.6</v>
      </c>
      <c r="Z2408" s="2">
        <v>10.6</v>
      </c>
      <c r="AA2408" s="5"/>
      <c r="AB2408" s="5" t="s">
        <v>43</v>
      </c>
      <c r="AC2408" s="5" t="s">
        <v>44</v>
      </c>
      <c r="AD2408" s="2"/>
      <c r="AE2408" s="1"/>
    </row>
    <row r="2409" spans="1:31" ht="14.45">
      <c r="A2409" s="11"/>
      <c r="B2409" s="20"/>
      <c r="C2409" s="2" t="s">
        <v>7680</v>
      </c>
      <c r="D2409" s="14" t="s">
        <v>7681</v>
      </c>
      <c r="E2409" s="2" t="s">
        <v>7682</v>
      </c>
      <c r="F2409" s="2" t="s">
        <v>7507</v>
      </c>
      <c r="G2409" s="8">
        <v>82</v>
      </c>
      <c r="H2409" s="5">
        <v>5</v>
      </c>
      <c r="I2409" s="5" t="s">
        <v>1518</v>
      </c>
      <c r="J2409" s="5" t="s">
        <v>1519</v>
      </c>
      <c r="K2409" s="2" t="s">
        <v>1520</v>
      </c>
      <c r="L2409" s="5" t="s">
        <v>1519</v>
      </c>
      <c r="M2409" s="2" t="s">
        <v>1520</v>
      </c>
      <c r="N2409" s="5" t="s">
        <v>1521</v>
      </c>
      <c r="O2409" s="5" t="s">
        <v>38</v>
      </c>
      <c r="P2409" s="5" t="s">
        <v>39</v>
      </c>
      <c r="Q2409" s="5" t="s">
        <v>40</v>
      </c>
      <c r="R2409" s="5" t="s">
        <v>1522</v>
      </c>
      <c r="S2409" s="5" t="s">
        <v>1523</v>
      </c>
      <c r="T2409" s="5" t="s">
        <v>42</v>
      </c>
      <c r="U2409" s="2">
        <v>1.173</v>
      </c>
      <c r="V2409" s="2">
        <v>0.91500000000000004</v>
      </c>
      <c r="W2409" s="2">
        <v>6.0000000000000001E-3</v>
      </c>
      <c r="X2409" s="2">
        <v>76.900000000000006</v>
      </c>
      <c r="Y2409" s="2">
        <v>7.6</v>
      </c>
      <c r="Z2409" s="2">
        <v>10.6</v>
      </c>
      <c r="AA2409" s="5"/>
      <c r="AB2409" s="5" t="s">
        <v>43</v>
      </c>
      <c r="AC2409" s="5" t="s">
        <v>44</v>
      </c>
      <c r="AD2409" s="2"/>
      <c r="AE2409" s="1"/>
    </row>
    <row r="2410" spans="1:31" ht="14.45">
      <c r="A2410" s="11"/>
      <c r="B2410" s="20"/>
      <c r="C2410" s="2" t="s">
        <v>7683</v>
      </c>
      <c r="D2410" s="14" t="s">
        <v>7684</v>
      </c>
      <c r="E2410" s="2" t="s">
        <v>7685</v>
      </c>
      <c r="F2410" s="2" t="s">
        <v>7204</v>
      </c>
      <c r="G2410" s="8">
        <v>82</v>
      </c>
      <c r="H2410" s="5">
        <v>5</v>
      </c>
      <c r="I2410" s="5" t="s">
        <v>1518</v>
      </c>
      <c r="J2410" s="5" t="s">
        <v>1519</v>
      </c>
      <c r="K2410" s="2" t="s">
        <v>1520</v>
      </c>
      <c r="L2410" s="5" t="s">
        <v>1519</v>
      </c>
      <c r="M2410" s="2" t="s">
        <v>1520</v>
      </c>
      <c r="N2410" s="5" t="s">
        <v>1521</v>
      </c>
      <c r="O2410" s="5" t="s">
        <v>38</v>
      </c>
      <c r="P2410" s="5" t="s">
        <v>39</v>
      </c>
      <c r="Q2410" s="5" t="s">
        <v>40</v>
      </c>
      <c r="R2410" s="5" t="s">
        <v>1522</v>
      </c>
      <c r="S2410" s="5" t="s">
        <v>1523</v>
      </c>
      <c r="T2410" s="5" t="s">
        <v>42</v>
      </c>
      <c r="U2410" s="2">
        <v>1.1479999999999999</v>
      </c>
      <c r="V2410" s="2">
        <v>0.89</v>
      </c>
      <c r="W2410" s="2">
        <v>6.0000000000000001E-3</v>
      </c>
      <c r="X2410" s="2">
        <v>76.900000000000006</v>
      </c>
      <c r="Y2410" s="2">
        <v>7.6</v>
      </c>
      <c r="Z2410" s="2">
        <v>10.6</v>
      </c>
      <c r="AA2410" s="5"/>
      <c r="AB2410" s="5" t="s">
        <v>43</v>
      </c>
      <c r="AC2410" s="5" t="s">
        <v>44</v>
      </c>
      <c r="AD2410" s="2"/>
      <c r="AE2410" s="1"/>
    </row>
    <row r="2411" spans="1:31" ht="14.45">
      <c r="A2411" s="11"/>
      <c r="B2411" s="20"/>
      <c r="C2411" s="2" t="s">
        <v>7686</v>
      </c>
      <c r="D2411" s="14" t="s">
        <v>7687</v>
      </c>
      <c r="E2411" s="2" t="s">
        <v>7688</v>
      </c>
      <c r="F2411" s="2" t="s">
        <v>7514</v>
      </c>
      <c r="G2411" s="8">
        <v>82</v>
      </c>
      <c r="H2411" s="5">
        <v>5</v>
      </c>
      <c r="I2411" s="5" t="s">
        <v>1518</v>
      </c>
      <c r="J2411" s="5" t="s">
        <v>1519</v>
      </c>
      <c r="K2411" s="2" t="s">
        <v>1520</v>
      </c>
      <c r="L2411" s="5" t="s">
        <v>1519</v>
      </c>
      <c r="M2411" s="2" t="s">
        <v>1520</v>
      </c>
      <c r="N2411" s="5" t="s">
        <v>1521</v>
      </c>
      <c r="O2411" s="5" t="s">
        <v>38</v>
      </c>
      <c r="P2411" s="5" t="s">
        <v>39</v>
      </c>
      <c r="Q2411" s="5" t="s">
        <v>40</v>
      </c>
      <c r="R2411" s="5" t="s">
        <v>1522</v>
      </c>
      <c r="S2411" s="5" t="s">
        <v>1523</v>
      </c>
      <c r="T2411" s="5" t="s">
        <v>42</v>
      </c>
      <c r="U2411" s="2">
        <v>1.175</v>
      </c>
      <c r="V2411" s="2">
        <v>0.91700000000000004</v>
      </c>
      <c r="W2411" s="2">
        <v>6.0000000000000001E-3</v>
      </c>
      <c r="X2411" s="2">
        <v>76.900000000000006</v>
      </c>
      <c r="Y2411" s="2">
        <v>7.6</v>
      </c>
      <c r="Z2411" s="2">
        <v>10.6</v>
      </c>
      <c r="AA2411" s="5"/>
      <c r="AB2411" s="5" t="s">
        <v>43</v>
      </c>
      <c r="AC2411" s="5" t="s">
        <v>44</v>
      </c>
      <c r="AD2411" s="2"/>
      <c r="AE2411" s="1"/>
    </row>
    <row r="2412" spans="1:31" ht="14.45">
      <c r="A2412" s="11"/>
      <c r="B2412" s="20"/>
      <c r="C2412" s="2" t="s">
        <v>7689</v>
      </c>
      <c r="D2412" s="14" t="s">
        <v>7690</v>
      </c>
      <c r="E2412" s="2" t="s">
        <v>7691</v>
      </c>
      <c r="F2412" s="2" t="s">
        <v>7208</v>
      </c>
      <c r="G2412" s="8">
        <v>82</v>
      </c>
      <c r="H2412" s="5">
        <v>5</v>
      </c>
      <c r="I2412" s="5" t="s">
        <v>1518</v>
      </c>
      <c r="J2412" s="5" t="s">
        <v>1519</v>
      </c>
      <c r="K2412" s="2" t="s">
        <v>1520</v>
      </c>
      <c r="L2412" s="5" t="s">
        <v>1519</v>
      </c>
      <c r="M2412" s="2" t="s">
        <v>1520</v>
      </c>
      <c r="N2412" s="5" t="s">
        <v>1521</v>
      </c>
      <c r="O2412" s="5" t="s">
        <v>38</v>
      </c>
      <c r="P2412" s="5" t="s">
        <v>39</v>
      </c>
      <c r="Q2412" s="5" t="s">
        <v>40</v>
      </c>
      <c r="R2412" s="5" t="s">
        <v>1522</v>
      </c>
      <c r="S2412" s="5" t="s">
        <v>1523</v>
      </c>
      <c r="T2412" s="5" t="s">
        <v>42</v>
      </c>
      <c r="U2412" s="2">
        <v>1.1479999999999999</v>
      </c>
      <c r="V2412" s="2">
        <v>0.89</v>
      </c>
      <c r="W2412" s="2">
        <v>6.0000000000000001E-3</v>
      </c>
      <c r="X2412" s="2">
        <v>76.900000000000006</v>
      </c>
      <c r="Y2412" s="2">
        <v>7.6</v>
      </c>
      <c r="Z2412" s="2">
        <v>10.6</v>
      </c>
      <c r="AA2412" s="5"/>
      <c r="AB2412" s="5" t="s">
        <v>43</v>
      </c>
      <c r="AC2412" s="5" t="s">
        <v>44</v>
      </c>
      <c r="AD2412" s="2"/>
      <c r="AE2412" s="1"/>
    </row>
    <row r="2413" spans="1:31" ht="14.45">
      <c r="A2413" s="11"/>
      <c r="B2413" s="20"/>
      <c r="C2413" s="2" t="s">
        <v>7692</v>
      </c>
      <c r="D2413" s="14" t="s">
        <v>7693</v>
      </c>
      <c r="E2413" s="2" t="s">
        <v>7694</v>
      </c>
      <c r="F2413" s="2" t="s">
        <v>7521</v>
      </c>
      <c r="G2413" s="8">
        <v>82</v>
      </c>
      <c r="H2413" s="5">
        <v>5</v>
      </c>
      <c r="I2413" s="5" t="s">
        <v>1518</v>
      </c>
      <c r="J2413" s="5" t="s">
        <v>1519</v>
      </c>
      <c r="K2413" s="2" t="s">
        <v>1520</v>
      </c>
      <c r="L2413" s="5" t="s">
        <v>1519</v>
      </c>
      <c r="M2413" s="2" t="s">
        <v>1520</v>
      </c>
      <c r="N2413" s="5" t="s">
        <v>1521</v>
      </c>
      <c r="O2413" s="5" t="s">
        <v>38</v>
      </c>
      <c r="P2413" s="5" t="s">
        <v>39</v>
      </c>
      <c r="Q2413" s="5" t="s">
        <v>40</v>
      </c>
      <c r="R2413" s="5" t="s">
        <v>1522</v>
      </c>
      <c r="S2413" s="5" t="s">
        <v>1523</v>
      </c>
      <c r="T2413" s="5" t="s">
        <v>42</v>
      </c>
      <c r="U2413" s="2">
        <v>1.175</v>
      </c>
      <c r="V2413" s="2">
        <v>0.91700000000000004</v>
      </c>
      <c r="W2413" s="2">
        <v>6.0000000000000001E-3</v>
      </c>
      <c r="X2413" s="2">
        <v>76.900000000000006</v>
      </c>
      <c r="Y2413" s="2">
        <v>7.6</v>
      </c>
      <c r="Z2413" s="2">
        <v>10.6</v>
      </c>
      <c r="AA2413" s="5"/>
      <c r="AB2413" s="5" t="s">
        <v>43</v>
      </c>
      <c r="AC2413" s="5" t="s">
        <v>44</v>
      </c>
      <c r="AD2413" s="2"/>
      <c r="AE2413" s="1"/>
    </row>
    <row r="2414" spans="1:31" ht="14.45">
      <c r="A2414" s="11"/>
      <c r="B2414" s="20"/>
      <c r="C2414" s="2" t="s">
        <v>7695</v>
      </c>
      <c r="D2414" s="14" t="s">
        <v>7696</v>
      </c>
      <c r="E2414" s="2" t="s">
        <v>7697</v>
      </c>
      <c r="F2414" s="2" t="s">
        <v>7212</v>
      </c>
      <c r="G2414" s="8">
        <v>82</v>
      </c>
      <c r="H2414" s="5">
        <v>5</v>
      </c>
      <c r="I2414" s="5" t="s">
        <v>1518</v>
      </c>
      <c r="J2414" s="5" t="s">
        <v>1519</v>
      </c>
      <c r="K2414" s="2" t="s">
        <v>1520</v>
      </c>
      <c r="L2414" s="5" t="s">
        <v>1519</v>
      </c>
      <c r="M2414" s="2" t="s">
        <v>1520</v>
      </c>
      <c r="N2414" s="5" t="s">
        <v>1521</v>
      </c>
      <c r="O2414" s="5" t="s">
        <v>38</v>
      </c>
      <c r="P2414" s="5" t="s">
        <v>39</v>
      </c>
      <c r="Q2414" s="5" t="s">
        <v>40</v>
      </c>
      <c r="R2414" s="5" t="s">
        <v>1522</v>
      </c>
      <c r="S2414" s="5" t="s">
        <v>1523</v>
      </c>
      <c r="T2414" s="5" t="s">
        <v>42</v>
      </c>
      <c r="U2414" s="2">
        <v>1.139</v>
      </c>
      <c r="V2414" s="2">
        <v>0.88100000000000001</v>
      </c>
      <c r="W2414" s="2">
        <v>6.0000000000000001E-3</v>
      </c>
      <c r="X2414" s="2">
        <v>76.900000000000006</v>
      </c>
      <c r="Y2414" s="2">
        <v>7.6</v>
      </c>
      <c r="Z2414" s="2">
        <v>10.6</v>
      </c>
      <c r="AA2414" s="5"/>
      <c r="AB2414" s="5" t="s">
        <v>43</v>
      </c>
      <c r="AC2414" s="5" t="s">
        <v>44</v>
      </c>
      <c r="AD2414" s="2"/>
      <c r="AE2414" s="1"/>
    </row>
    <row r="2415" spans="1:31" ht="14.45">
      <c r="A2415" s="11"/>
      <c r="B2415" s="20"/>
      <c r="C2415" s="2" t="s">
        <v>7698</v>
      </c>
      <c r="D2415" s="14" t="s">
        <v>7699</v>
      </c>
      <c r="E2415" s="2" t="s">
        <v>7700</v>
      </c>
      <c r="F2415" s="2" t="s">
        <v>7528</v>
      </c>
      <c r="G2415" s="8">
        <v>82</v>
      </c>
      <c r="H2415" s="5">
        <v>5</v>
      </c>
      <c r="I2415" s="5" t="s">
        <v>1518</v>
      </c>
      <c r="J2415" s="5" t="s">
        <v>1519</v>
      </c>
      <c r="K2415" s="2" t="s">
        <v>1520</v>
      </c>
      <c r="L2415" s="5" t="s">
        <v>1519</v>
      </c>
      <c r="M2415" s="2" t="s">
        <v>1520</v>
      </c>
      <c r="N2415" s="5" t="s">
        <v>1521</v>
      </c>
      <c r="O2415" s="5" t="s">
        <v>38</v>
      </c>
      <c r="P2415" s="5" t="s">
        <v>39</v>
      </c>
      <c r="Q2415" s="5" t="s">
        <v>40</v>
      </c>
      <c r="R2415" s="5" t="s">
        <v>1522</v>
      </c>
      <c r="S2415" s="5" t="s">
        <v>1523</v>
      </c>
      <c r="T2415" s="5" t="s">
        <v>42</v>
      </c>
      <c r="U2415" s="2">
        <v>1.1659999999999999</v>
      </c>
      <c r="V2415" s="2">
        <v>0.90800000000000003</v>
      </c>
      <c r="W2415" s="2">
        <v>6.0000000000000001E-3</v>
      </c>
      <c r="X2415" s="2">
        <v>76.900000000000006</v>
      </c>
      <c r="Y2415" s="2">
        <v>7.6</v>
      </c>
      <c r="Z2415" s="2">
        <v>10.6</v>
      </c>
      <c r="AA2415" s="5"/>
      <c r="AB2415" s="5" t="s">
        <v>43</v>
      </c>
      <c r="AC2415" s="5" t="s">
        <v>44</v>
      </c>
      <c r="AD2415" s="2"/>
      <c r="AE2415" s="1"/>
    </row>
    <row r="2416" spans="1:31" ht="14.45">
      <c r="A2416" s="11"/>
      <c r="B2416" s="20"/>
      <c r="C2416" s="2" t="s">
        <v>7701</v>
      </c>
      <c r="D2416" s="14" t="s">
        <v>7702</v>
      </c>
      <c r="E2416" s="2" t="s">
        <v>7703</v>
      </c>
      <c r="F2416" s="2" t="s">
        <v>7406</v>
      </c>
      <c r="G2416" s="8">
        <v>94</v>
      </c>
      <c r="H2416" s="5">
        <v>6</v>
      </c>
      <c r="I2416" s="5" t="s">
        <v>1518</v>
      </c>
      <c r="J2416" s="5" t="s">
        <v>1519</v>
      </c>
      <c r="K2416" s="2" t="s">
        <v>1520</v>
      </c>
      <c r="L2416" s="5" t="s">
        <v>1519</v>
      </c>
      <c r="M2416" s="2" t="s">
        <v>1520</v>
      </c>
      <c r="N2416" s="5" t="s">
        <v>1521</v>
      </c>
      <c r="O2416" s="5" t="s">
        <v>38</v>
      </c>
      <c r="P2416" s="5" t="s">
        <v>39</v>
      </c>
      <c r="Q2416" s="5" t="s">
        <v>40</v>
      </c>
      <c r="R2416" s="5" t="s">
        <v>1522</v>
      </c>
      <c r="S2416" s="5" t="s">
        <v>1523</v>
      </c>
      <c r="T2416" s="5" t="s">
        <v>42</v>
      </c>
      <c r="U2416" s="2">
        <v>1.139</v>
      </c>
      <c r="V2416" s="2">
        <v>0.88100000000000001</v>
      </c>
      <c r="W2416" s="2">
        <v>6.0000000000000001E-3</v>
      </c>
      <c r="X2416" s="2">
        <v>76.900000000000006</v>
      </c>
      <c r="Y2416" s="2">
        <v>7.6</v>
      </c>
      <c r="Z2416" s="2">
        <v>10.6</v>
      </c>
      <c r="AA2416" s="5"/>
      <c r="AB2416" s="5" t="s">
        <v>43</v>
      </c>
      <c r="AC2416" s="5" t="s">
        <v>44</v>
      </c>
      <c r="AD2416" s="2"/>
      <c r="AE2416" s="1"/>
    </row>
    <row r="2417" spans="1:31" ht="14.45">
      <c r="A2417" s="11"/>
      <c r="B2417" s="20"/>
      <c r="C2417" s="2" t="s">
        <v>7704</v>
      </c>
      <c r="D2417" s="14" t="s">
        <v>7705</v>
      </c>
      <c r="E2417" s="2" t="s">
        <v>7706</v>
      </c>
      <c r="F2417" s="2" t="s">
        <v>7535</v>
      </c>
      <c r="G2417" s="8">
        <v>94</v>
      </c>
      <c r="H2417" s="5">
        <v>6</v>
      </c>
      <c r="I2417" s="5" t="s">
        <v>1518</v>
      </c>
      <c r="J2417" s="5" t="s">
        <v>1519</v>
      </c>
      <c r="K2417" s="2" t="s">
        <v>1520</v>
      </c>
      <c r="L2417" s="5" t="s">
        <v>1519</v>
      </c>
      <c r="M2417" s="2" t="s">
        <v>1520</v>
      </c>
      <c r="N2417" s="5" t="s">
        <v>1521</v>
      </c>
      <c r="O2417" s="5" t="s">
        <v>38</v>
      </c>
      <c r="P2417" s="5" t="s">
        <v>39</v>
      </c>
      <c r="Q2417" s="5" t="s">
        <v>40</v>
      </c>
      <c r="R2417" s="5" t="s">
        <v>1522</v>
      </c>
      <c r="S2417" s="5" t="s">
        <v>1523</v>
      </c>
      <c r="T2417" s="5" t="s">
        <v>42</v>
      </c>
      <c r="U2417" s="2">
        <v>1.1659999999999999</v>
      </c>
      <c r="V2417" s="2">
        <v>0.90800000000000003</v>
      </c>
      <c r="W2417" s="2">
        <v>6.0000000000000001E-3</v>
      </c>
      <c r="X2417" s="2">
        <v>76.900000000000006</v>
      </c>
      <c r="Y2417" s="2">
        <v>7.6</v>
      </c>
      <c r="Z2417" s="2">
        <v>10.6</v>
      </c>
      <c r="AA2417" s="5"/>
      <c r="AB2417" s="5" t="s">
        <v>43</v>
      </c>
      <c r="AC2417" s="5" t="s">
        <v>44</v>
      </c>
      <c r="AD2417" s="2"/>
      <c r="AE2417" s="1"/>
    </row>
    <row r="2418" spans="1:31" ht="14.45">
      <c r="A2418" s="11"/>
      <c r="B2418" s="20"/>
      <c r="C2418" s="2" t="s">
        <v>7707</v>
      </c>
      <c r="D2418" s="14" t="s">
        <v>7708</v>
      </c>
      <c r="E2418" s="2" t="s">
        <v>7709</v>
      </c>
      <c r="F2418" s="2" t="s">
        <v>7539</v>
      </c>
      <c r="G2418" s="8">
        <v>94</v>
      </c>
      <c r="H2418" s="5">
        <v>6</v>
      </c>
      <c r="I2418" s="5" t="s">
        <v>1518</v>
      </c>
      <c r="J2418" s="5" t="s">
        <v>1519</v>
      </c>
      <c r="K2418" s="2" t="s">
        <v>1520</v>
      </c>
      <c r="L2418" s="5" t="s">
        <v>1519</v>
      </c>
      <c r="M2418" s="2" t="s">
        <v>1520</v>
      </c>
      <c r="N2418" s="5" t="s">
        <v>1521</v>
      </c>
      <c r="O2418" s="5" t="s">
        <v>38</v>
      </c>
      <c r="P2418" s="5" t="s">
        <v>39</v>
      </c>
      <c r="Q2418" s="5" t="s">
        <v>40</v>
      </c>
      <c r="R2418" s="5" t="s">
        <v>1522</v>
      </c>
      <c r="S2418" s="5" t="s">
        <v>1523</v>
      </c>
      <c r="T2418" s="5" t="s">
        <v>42</v>
      </c>
      <c r="U2418" s="2">
        <v>1.1479999999999999</v>
      </c>
      <c r="V2418" s="2">
        <v>0.89</v>
      </c>
      <c r="W2418" s="2">
        <v>6.0000000000000001E-3</v>
      </c>
      <c r="X2418" s="2">
        <v>76.900000000000006</v>
      </c>
      <c r="Y2418" s="2">
        <v>7.6</v>
      </c>
      <c r="Z2418" s="2">
        <v>10.6</v>
      </c>
      <c r="AA2418" s="5"/>
      <c r="AB2418" s="5" t="s">
        <v>43</v>
      </c>
      <c r="AC2418" s="5" t="s">
        <v>44</v>
      </c>
      <c r="AD2418" s="2"/>
      <c r="AE2418" s="1"/>
    </row>
    <row r="2419" spans="1:31" ht="14.45">
      <c r="A2419" s="11"/>
      <c r="B2419" s="20"/>
      <c r="C2419" s="2" t="s">
        <v>7710</v>
      </c>
      <c r="D2419" s="14" t="s">
        <v>7711</v>
      </c>
      <c r="E2419" s="2" t="s">
        <v>7712</v>
      </c>
      <c r="F2419" s="2" t="s">
        <v>7543</v>
      </c>
      <c r="G2419" s="8">
        <v>94</v>
      </c>
      <c r="H2419" s="5">
        <v>6</v>
      </c>
      <c r="I2419" s="5" t="s">
        <v>1518</v>
      </c>
      <c r="J2419" s="5" t="s">
        <v>1519</v>
      </c>
      <c r="K2419" s="2" t="s">
        <v>1520</v>
      </c>
      <c r="L2419" s="5" t="s">
        <v>1519</v>
      </c>
      <c r="M2419" s="2" t="s">
        <v>1520</v>
      </c>
      <c r="N2419" s="5" t="s">
        <v>1521</v>
      </c>
      <c r="O2419" s="5" t="s">
        <v>38</v>
      </c>
      <c r="P2419" s="5" t="s">
        <v>39</v>
      </c>
      <c r="Q2419" s="5" t="s">
        <v>40</v>
      </c>
      <c r="R2419" s="5" t="s">
        <v>1522</v>
      </c>
      <c r="S2419" s="5" t="s">
        <v>1523</v>
      </c>
      <c r="T2419" s="5" t="s">
        <v>42</v>
      </c>
      <c r="U2419" s="2">
        <v>1.175</v>
      </c>
      <c r="V2419" s="2">
        <v>0.91700000000000004</v>
      </c>
      <c r="W2419" s="2">
        <v>6.0000000000000001E-3</v>
      </c>
      <c r="X2419" s="2">
        <v>76.900000000000006</v>
      </c>
      <c r="Y2419" s="2">
        <v>7.6</v>
      </c>
      <c r="Z2419" s="2">
        <v>10.6</v>
      </c>
      <c r="AA2419" s="5"/>
      <c r="AB2419" s="5" t="s">
        <v>43</v>
      </c>
      <c r="AC2419" s="5" t="s">
        <v>44</v>
      </c>
      <c r="AD2419" s="2"/>
      <c r="AE2419" s="1"/>
    </row>
    <row r="2420" spans="1:31" ht="14.45">
      <c r="A2420" s="11"/>
      <c r="B2420" s="20"/>
      <c r="C2420" s="2" t="s">
        <v>7713</v>
      </c>
      <c r="D2420" s="14" t="s">
        <v>7714</v>
      </c>
      <c r="E2420" s="2" t="s">
        <v>7715</v>
      </c>
      <c r="F2420" s="2" t="s">
        <v>7547</v>
      </c>
      <c r="G2420" s="8">
        <v>94</v>
      </c>
      <c r="H2420" s="5">
        <v>6</v>
      </c>
      <c r="I2420" s="5" t="s">
        <v>1518</v>
      </c>
      <c r="J2420" s="5" t="s">
        <v>1519</v>
      </c>
      <c r="K2420" s="2" t="s">
        <v>1520</v>
      </c>
      <c r="L2420" s="5" t="s">
        <v>1519</v>
      </c>
      <c r="M2420" s="2" t="s">
        <v>1520</v>
      </c>
      <c r="N2420" s="5" t="s">
        <v>1521</v>
      </c>
      <c r="O2420" s="5" t="s">
        <v>38</v>
      </c>
      <c r="P2420" s="5" t="s">
        <v>39</v>
      </c>
      <c r="Q2420" s="5" t="s">
        <v>40</v>
      </c>
      <c r="R2420" s="5" t="s">
        <v>1522</v>
      </c>
      <c r="S2420" s="5" t="s">
        <v>1523</v>
      </c>
      <c r="T2420" s="5" t="s">
        <v>42</v>
      </c>
      <c r="U2420" s="2">
        <v>1.139</v>
      </c>
      <c r="V2420" s="2">
        <v>0.88100000000000001</v>
      </c>
      <c r="W2420" s="2">
        <v>6.0000000000000001E-3</v>
      </c>
      <c r="X2420" s="2">
        <v>76.900000000000006</v>
      </c>
      <c r="Y2420" s="2">
        <v>7.6</v>
      </c>
      <c r="Z2420" s="2">
        <v>10.6</v>
      </c>
      <c r="AA2420" s="5"/>
      <c r="AB2420" s="5" t="s">
        <v>43</v>
      </c>
      <c r="AC2420" s="5" t="s">
        <v>44</v>
      </c>
      <c r="AD2420" s="2"/>
      <c r="AE2420" s="1"/>
    </row>
    <row r="2421" spans="1:31" ht="14.45">
      <c r="A2421" s="11"/>
      <c r="B2421" s="20"/>
      <c r="C2421" s="2" t="s">
        <v>7716</v>
      </c>
      <c r="D2421" s="14" t="s">
        <v>7717</v>
      </c>
      <c r="E2421" s="2" t="s">
        <v>7718</v>
      </c>
      <c r="F2421" s="2" t="s">
        <v>7551</v>
      </c>
      <c r="G2421" s="8">
        <v>94</v>
      </c>
      <c r="H2421" s="5">
        <v>6</v>
      </c>
      <c r="I2421" s="5" t="s">
        <v>1518</v>
      </c>
      <c r="J2421" s="5" t="s">
        <v>1519</v>
      </c>
      <c r="K2421" s="2" t="s">
        <v>1520</v>
      </c>
      <c r="L2421" s="5" t="s">
        <v>1519</v>
      </c>
      <c r="M2421" s="2" t="s">
        <v>1520</v>
      </c>
      <c r="N2421" s="5" t="s">
        <v>1521</v>
      </c>
      <c r="O2421" s="5" t="s">
        <v>38</v>
      </c>
      <c r="P2421" s="5" t="s">
        <v>39</v>
      </c>
      <c r="Q2421" s="5" t="s">
        <v>40</v>
      </c>
      <c r="R2421" s="5" t="s">
        <v>1522</v>
      </c>
      <c r="S2421" s="5" t="s">
        <v>1523</v>
      </c>
      <c r="T2421" s="5" t="s">
        <v>42</v>
      </c>
      <c r="U2421" s="2">
        <v>1.1659999999999999</v>
      </c>
      <c r="V2421" s="2">
        <v>0.90800000000000003</v>
      </c>
      <c r="W2421" s="2">
        <v>6.0000000000000001E-3</v>
      </c>
      <c r="X2421" s="2">
        <v>76.900000000000006</v>
      </c>
      <c r="Y2421" s="2">
        <v>7.6</v>
      </c>
      <c r="Z2421" s="2">
        <v>10.6</v>
      </c>
      <c r="AA2421" s="5"/>
      <c r="AB2421" s="5" t="s">
        <v>43</v>
      </c>
      <c r="AC2421" s="5" t="s">
        <v>44</v>
      </c>
      <c r="AD2421" s="2"/>
      <c r="AE2421" s="1"/>
    </row>
    <row r="2422" spans="1:31" ht="14.45">
      <c r="A2422" s="11"/>
      <c r="B2422" s="20"/>
      <c r="C2422" s="2" t="s">
        <v>7719</v>
      </c>
      <c r="D2422" s="14" t="s">
        <v>7720</v>
      </c>
      <c r="E2422" s="2" t="s">
        <v>7721</v>
      </c>
      <c r="F2422" s="2" t="s">
        <v>7555</v>
      </c>
      <c r="G2422" s="8">
        <v>94</v>
      </c>
      <c r="H2422" s="5">
        <v>6</v>
      </c>
      <c r="I2422" s="5" t="s">
        <v>1518</v>
      </c>
      <c r="J2422" s="5" t="s">
        <v>1519</v>
      </c>
      <c r="K2422" s="2" t="s">
        <v>1520</v>
      </c>
      <c r="L2422" s="5" t="s">
        <v>1519</v>
      </c>
      <c r="M2422" s="2" t="s">
        <v>1520</v>
      </c>
      <c r="N2422" s="5" t="s">
        <v>1521</v>
      </c>
      <c r="O2422" s="5" t="s">
        <v>38</v>
      </c>
      <c r="P2422" s="5" t="s">
        <v>39</v>
      </c>
      <c r="Q2422" s="5" t="s">
        <v>40</v>
      </c>
      <c r="R2422" s="5" t="s">
        <v>1522</v>
      </c>
      <c r="S2422" s="5" t="s">
        <v>1523</v>
      </c>
      <c r="T2422" s="5" t="s">
        <v>42</v>
      </c>
      <c r="U2422" s="2">
        <v>1.139</v>
      </c>
      <c r="V2422" s="2">
        <v>0.88100000000000001</v>
      </c>
      <c r="W2422" s="2">
        <v>6.0000000000000001E-3</v>
      </c>
      <c r="X2422" s="2">
        <v>76.900000000000006</v>
      </c>
      <c r="Y2422" s="2">
        <v>7.6</v>
      </c>
      <c r="Z2422" s="2">
        <v>10.6</v>
      </c>
      <c r="AA2422" s="5"/>
      <c r="AB2422" s="5" t="s">
        <v>43</v>
      </c>
      <c r="AC2422" s="5" t="s">
        <v>44</v>
      </c>
      <c r="AD2422" s="2"/>
      <c r="AE2422" s="1"/>
    </row>
    <row r="2423" spans="1:31" ht="14.45">
      <c r="A2423" s="11"/>
      <c r="B2423" s="20"/>
      <c r="C2423" s="2" t="s">
        <v>7722</v>
      </c>
      <c r="D2423" s="14" t="s">
        <v>7723</v>
      </c>
      <c r="E2423" s="2" t="s">
        <v>7724</v>
      </c>
      <c r="F2423" s="2" t="s">
        <v>7559</v>
      </c>
      <c r="G2423" s="8">
        <v>94</v>
      </c>
      <c r="H2423" s="5">
        <v>6</v>
      </c>
      <c r="I2423" s="5" t="s">
        <v>1518</v>
      </c>
      <c r="J2423" s="5" t="s">
        <v>1519</v>
      </c>
      <c r="K2423" s="2" t="s">
        <v>1520</v>
      </c>
      <c r="L2423" s="5" t="s">
        <v>1519</v>
      </c>
      <c r="M2423" s="2" t="s">
        <v>1520</v>
      </c>
      <c r="N2423" s="5" t="s">
        <v>1521</v>
      </c>
      <c r="O2423" s="5" t="s">
        <v>38</v>
      </c>
      <c r="P2423" s="5" t="s">
        <v>39</v>
      </c>
      <c r="Q2423" s="5" t="s">
        <v>40</v>
      </c>
      <c r="R2423" s="5" t="s">
        <v>1522</v>
      </c>
      <c r="S2423" s="5" t="s">
        <v>1523</v>
      </c>
      <c r="T2423" s="5" t="s">
        <v>42</v>
      </c>
      <c r="U2423" s="2">
        <v>1.1659999999999999</v>
      </c>
      <c r="V2423" s="2">
        <v>0.90800000000000003</v>
      </c>
      <c r="W2423" s="2">
        <v>6.0000000000000001E-3</v>
      </c>
      <c r="X2423" s="2">
        <v>76.900000000000006</v>
      </c>
      <c r="Y2423" s="2">
        <v>7.6</v>
      </c>
      <c r="Z2423" s="2">
        <v>10.6</v>
      </c>
      <c r="AA2423" s="5"/>
      <c r="AB2423" s="5" t="s">
        <v>43</v>
      </c>
      <c r="AC2423" s="5" t="s">
        <v>44</v>
      </c>
      <c r="AD2423" s="2"/>
      <c r="AE2423" s="1"/>
    </row>
    <row r="2424" spans="1:31" ht="14.45">
      <c r="A2424" s="11"/>
      <c r="B2424" s="20"/>
      <c r="C2424" s="2" t="s">
        <v>7725</v>
      </c>
      <c r="D2424" s="14" t="s">
        <v>7726</v>
      </c>
      <c r="E2424" s="2" t="s">
        <v>7727</v>
      </c>
      <c r="F2424" s="2" t="s">
        <v>7563</v>
      </c>
      <c r="G2424" s="8">
        <v>94</v>
      </c>
      <c r="H2424" s="5">
        <v>6</v>
      </c>
      <c r="I2424" s="5" t="s">
        <v>1518</v>
      </c>
      <c r="J2424" s="5" t="s">
        <v>1519</v>
      </c>
      <c r="K2424" s="2" t="s">
        <v>1520</v>
      </c>
      <c r="L2424" s="5" t="s">
        <v>1519</v>
      </c>
      <c r="M2424" s="2" t="s">
        <v>1520</v>
      </c>
      <c r="N2424" s="5" t="s">
        <v>1521</v>
      </c>
      <c r="O2424" s="5" t="s">
        <v>38</v>
      </c>
      <c r="P2424" s="5" t="s">
        <v>39</v>
      </c>
      <c r="Q2424" s="5" t="s">
        <v>40</v>
      </c>
      <c r="R2424" s="5" t="s">
        <v>1522</v>
      </c>
      <c r="S2424" s="5" t="s">
        <v>1523</v>
      </c>
      <c r="T2424" s="5" t="s">
        <v>42</v>
      </c>
      <c r="U2424" s="2">
        <v>1.1479999999999999</v>
      </c>
      <c r="V2424" s="2">
        <v>0.89</v>
      </c>
      <c r="W2424" s="2">
        <v>6.0000000000000001E-3</v>
      </c>
      <c r="X2424" s="2">
        <v>76.900000000000006</v>
      </c>
      <c r="Y2424" s="2">
        <v>7.6</v>
      </c>
      <c r="Z2424" s="2">
        <v>10.6</v>
      </c>
      <c r="AA2424" s="5"/>
      <c r="AB2424" s="5" t="s">
        <v>43</v>
      </c>
      <c r="AC2424" s="5" t="s">
        <v>44</v>
      </c>
      <c r="AD2424" s="2"/>
      <c r="AE2424" s="1"/>
    </row>
    <row r="2425" spans="1:31" ht="14.45">
      <c r="A2425" s="11"/>
      <c r="B2425" s="20"/>
      <c r="C2425" s="2" t="s">
        <v>7728</v>
      </c>
      <c r="D2425" s="14" t="s">
        <v>7729</v>
      </c>
      <c r="E2425" s="2" t="s">
        <v>7730</v>
      </c>
      <c r="F2425" s="2" t="s">
        <v>7567</v>
      </c>
      <c r="G2425" s="8">
        <v>94</v>
      </c>
      <c r="H2425" s="5">
        <v>6</v>
      </c>
      <c r="I2425" s="5" t="s">
        <v>1518</v>
      </c>
      <c r="J2425" s="5" t="s">
        <v>1519</v>
      </c>
      <c r="K2425" s="2" t="s">
        <v>1520</v>
      </c>
      <c r="L2425" s="5" t="s">
        <v>1519</v>
      </c>
      <c r="M2425" s="2" t="s">
        <v>1520</v>
      </c>
      <c r="N2425" s="5" t="s">
        <v>1521</v>
      </c>
      <c r="O2425" s="5" t="s">
        <v>38</v>
      </c>
      <c r="P2425" s="5" t="s">
        <v>39</v>
      </c>
      <c r="Q2425" s="5" t="s">
        <v>40</v>
      </c>
      <c r="R2425" s="5" t="s">
        <v>1522</v>
      </c>
      <c r="S2425" s="5" t="s">
        <v>1523</v>
      </c>
      <c r="T2425" s="5" t="s">
        <v>42</v>
      </c>
      <c r="U2425" s="2">
        <v>1.175</v>
      </c>
      <c r="V2425" s="2">
        <v>0.91700000000000004</v>
      </c>
      <c r="W2425" s="2">
        <v>6.0000000000000001E-3</v>
      </c>
      <c r="X2425" s="2">
        <v>76.900000000000006</v>
      </c>
      <c r="Y2425" s="2">
        <v>7.6</v>
      </c>
      <c r="Z2425" s="2">
        <v>10.6</v>
      </c>
      <c r="AA2425" s="5"/>
      <c r="AB2425" s="5" t="s">
        <v>43</v>
      </c>
      <c r="AC2425" s="5" t="s">
        <v>44</v>
      </c>
      <c r="AD2425" s="2"/>
      <c r="AE2425" s="1"/>
    </row>
    <row r="2426" spans="1:31" ht="14.45">
      <c r="A2426" s="11"/>
      <c r="B2426" s="20"/>
      <c r="C2426" s="2" t="s">
        <v>7731</v>
      </c>
      <c r="D2426" s="14" t="s">
        <v>7732</v>
      </c>
      <c r="E2426" s="2" t="s">
        <v>7733</v>
      </c>
      <c r="F2426" s="2" t="s">
        <v>7429</v>
      </c>
      <c r="G2426" s="8">
        <v>94</v>
      </c>
      <c r="H2426" s="5">
        <v>6</v>
      </c>
      <c r="I2426" s="5" t="s">
        <v>1518</v>
      </c>
      <c r="J2426" s="5" t="s">
        <v>1519</v>
      </c>
      <c r="K2426" s="2" t="s">
        <v>1520</v>
      </c>
      <c r="L2426" s="5" t="s">
        <v>1519</v>
      </c>
      <c r="M2426" s="2" t="s">
        <v>1520</v>
      </c>
      <c r="N2426" s="5" t="s">
        <v>1521</v>
      </c>
      <c r="O2426" s="5" t="s">
        <v>38</v>
      </c>
      <c r="P2426" s="5" t="s">
        <v>39</v>
      </c>
      <c r="Q2426" s="5" t="s">
        <v>40</v>
      </c>
      <c r="R2426" s="5" t="s">
        <v>1522</v>
      </c>
      <c r="S2426" s="5" t="s">
        <v>1523</v>
      </c>
      <c r="T2426" s="5" t="s">
        <v>42</v>
      </c>
      <c r="U2426" s="2">
        <v>1.1479999999999999</v>
      </c>
      <c r="V2426" s="2">
        <v>0.89</v>
      </c>
      <c r="W2426" s="2">
        <v>6.0000000000000001E-3</v>
      </c>
      <c r="X2426" s="2">
        <v>76.900000000000006</v>
      </c>
      <c r="Y2426" s="2">
        <v>7.6</v>
      </c>
      <c r="Z2426" s="2">
        <v>10.6</v>
      </c>
      <c r="AA2426" s="5"/>
      <c r="AB2426" s="5" t="s">
        <v>43</v>
      </c>
      <c r="AC2426" s="5" t="s">
        <v>44</v>
      </c>
      <c r="AD2426" s="2"/>
      <c r="AE2426" s="1"/>
    </row>
    <row r="2427" spans="1:31" ht="14.45">
      <c r="A2427" s="11"/>
      <c r="B2427" s="20"/>
      <c r="C2427" s="2" t="s">
        <v>7734</v>
      </c>
      <c r="D2427" s="14" t="s">
        <v>7735</v>
      </c>
      <c r="E2427" s="2" t="s">
        <v>7736</v>
      </c>
      <c r="F2427" s="2" t="s">
        <v>7574</v>
      </c>
      <c r="G2427" s="8">
        <v>94</v>
      </c>
      <c r="H2427" s="5">
        <v>6</v>
      </c>
      <c r="I2427" s="5" t="s">
        <v>1518</v>
      </c>
      <c r="J2427" s="5" t="s">
        <v>1519</v>
      </c>
      <c r="K2427" s="2" t="s">
        <v>1520</v>
      </c>
      <c r="L2427" s="5" t="s">
        <v>1519</v>
      </c>
      <c r="M2427" s="2" t="s">
        <v>1520</v>
      </c>
      <c r="N2427" s="5" t="s">
        <v>1521</v>
      </c>
      <c r="O2427" s="5" t="s">
        <v>38</v>
      </c>
      <c r="P2427" s="5" t="s">
        <v>39</v>
      </c>
      <c r="Q2427" s="5" t="s">
        <v>40</v>
      </c>
      <c r="R2427" s="5" t="s">
        <v>1522</v>
      </c>
      <c r="S2427" s="5" t="s">
        <v>1523</v>
      </c>
      <c r="T2427" s="5" t="s">
        <v>42</v>
      </c>
      <c r="U2427" s="2">
        <v>1.175</v>
      </c>
      <c r="V2427" s="2">
        <v>0.91700000000000004</v>
      </c>
      <c r="W2427" s="2">
        <v>6.0000000000000001E-3</v>
      </c>
      <c r="X2427" s="2">
        <v>76.900000000000006</v>
      </c>
      <c r="Y2427" s="2">
        <v>7.6</v>
      </c>
      <c r="Z2427" s="2">
        <v>10.6</v>
      </c>
      <c r="AA2427" s="5"/>
      <c r="AB2427" s="5" t="s">
        <v>43</v>
      </c>
      <c r="AC2427" s="5" t="s">
        <v>44</v>
      </c>
      <c r="AD2427" s="2"/>
      <c r="AE2427" s="1"/>
    </row>
    <row r="2428" spans="1:31" ht="14.45">
      <c r="A2428" s="11"/>
      <c r="B2428" s="20"/>
      <c r="C2428" s="2" t="s">
        <v>7737</v>
      </c>
      <c r="D2428" s="14" t="s">
        <v>7738</v>
      </c>
      <c r="E2428" s="2" t="s">
        <v>7739</v>
      </c>
      <c r="F2428" s="2" t="s">
        <v>7449</v>
      </c>
      <c r="G2428" s="8">
        <v>94</v>
      </c>
      <c r="H2428" s="5">
        <v>6</v>
      </c>
      <c r="I2428" s="5" t="s">
        <v>1518</v>
      </c>
      <c r="J2428" s="5" t="s">
        <v>1519</v>
      </c>
      <c r="K2428" s="2" t="s">
        <v>1520</v>
      </c>
      <c r="L2428" s="5" t="s">
        <v>1519</v>
      </c>
      <c r="M2428" s="2" t="s">
        <v>1520</v>
      </c>
      <c r="N2428" s="5" t="s">
        <v>1521</v>
      </c>
      <c r="O2428" s="5" t="s">
        <v>38</v>
      </c>
      <c r="P2428" s="5" t="s">
        <v>39</v>
      </c>
      <c r="Q2428" s="5" t="s">
        <v>40</v>
      </c>
      <c r="R2428" s="5" t="s">
        <v>1522</v>
      </c>
      <c r="S2428" s="5" t="s">
        <v>1523</v>
      </c>
      <c r="T2428" s="5" t="s">
        <v>42</v>
      </c>
      <c r="U2428" s="2">
        <v>1.1479999999999999</v>
      </c>
      <c r="V2428" s="2">
        <v>0.89</v>
      </c>
      <c r="W2428" s="2">
        <v>6.0000000000000001E-3</v>
      </c>
      <c r="X2428" s="2">
        <v>76.900000000000006</v>
      </c>
      <c r="Y2428" s="2">
        <v>7.6</v>
      </c>
      <c r="Z2428" s="2">
        <v>10.6</v>
      </c>
      <c r="AA2428" s="5"/>
      <c r="AB2428" s="5" t="s">
        <v>43</v>
      </c>
      <c r="AC2428" s="5" t="s">
        <v>44</v>
      </c>
      <c r="AD2428" s="2"/>
      <c r="AE2428" s="1"/>
    </row>
    <row r="2429" spans="1:31" ht="14.45">
      <c r="A2429" s="11"/>
      <c r="B2429" s="20"/>
      <c r="C2429" s="2" t="s">
        <v>7740</v>
      </c>
      <c r="D2429" s="14" t="s">
        <v>7741</v>
      </c>
      <c r="E2429" s="2" t="s">
        <v>7742</v>
      </c>
      <c r="F2429" s="2" t="s">
        <v>7581</v>
      </c>
      <c r="G2429" s="8">
        <v>94</v>
      </c>
      <c r="H2429" s="5">
        <v>6</v>
      </c>
      <c r="I2429" s="5" t="s">
        <v>1518</v>
      </c>
      <c r="J2429" s="5" t="s">
        <v>1519</v>
      </c>
      <c r="K2429" s="2" t="s">
        <v>1520</v>
      </c>
      <c r="L2429" s="5" t="s">
        <v>1519</v>
      </c>
      <c r="M2429" s="2" t="s">
        <v>1520</v>
      </c>
      <c r="N2429" s="5" t="s">
        <v>1521</v>
      </c>
      <c r="O2429" s="5" t="s">
        <v>38</v>
      </c>
      <c r="P2429" s="5" t="s">
        <v>39</v>
      </c>
      <c r="Q2429" s="5" t="s">
        <v>40</v>
      </c>
      <c r="R2429" s="5" t="s">
        <v>1522</v>
      </c>
      <c r="S2429" s="5" t="s">
        <v>1523</v>
      </c>
      <c r="T2429" s="5" t="s">
        <v>42</v>
      </c>
      <c r="U2429" s="2">
        <v>1.175</v>
      </c>
      <c r="V2429" s="2">
        <v>0.91700000000000004</v>
      </c>
      <c r="W2429" s="2">
        <v>6.0000000000000001E-3</v>
      </c>
      <c r="X2429" s="2">
        <v>76.900000000000006</v>
      </c>
      <c r="Y2429" s="2">
        <v>7.6</v>
      </c>
      <c r="Z2429" s="2">
        <v>10.6</v>
      </c>
      <c r="AA2429" s="5"/>
      <c r="AB2429" s="5" t="s">
        <v>43</v>
      </c>
      <c r="AC2429" s="5" t="s">
        <v>44</v>
      </c>
      <c r="AD2429" s="2"/>
      <c r="AE2429" s="1"/>
    </row>
    <row r="2430" spans="1:31" ht="14.45">
      <c r="A2430" s="11"/>
      <c r="B2430" s="20"/>
      <c r="C2430" s="2" t="s">
        <v>7743</v>
      </c>
      <c r="D2430" s="14" t="s">
        <v>7744</v>
      </c>
      <c r="E2430" s="2" t="s">
        <v>7745</v>
      </c>
      <c r="F2430" s="2" t="s">
        <v>7585</v>
      </c>
      <c r="G2430" s="8">
        <v>94</v>
      </c>
      <c r="H2430" s="5">
        <v>6</v>
      </c>
      <c r="I2430" s="5" t="s">
        <v>1518</v>
      </c>
      <c r="J2430" s="5" t="s">
        <v>1519</v>
      </c>
      <c r="K2430" s="2" t="s">
        <v>1520</v>
      </c>
      <c r="L2430" s="5" t="s">
        <v>1519</v>
      </c>
      <c r="M2430" s="2" t="s">
        <v>1520</v>
      </c>
      <c r="N2430" s="5" t="s">
        <v>1521</v>
      </c>
      <c r="O2430" s="5" t="s">
        <v>38</v>
      </c>
      <c r="P2430" s="5" t="s">
        <v>39</v>
      </c>
      <c r="Q2430" s="5" t="s">
        <v>40</v>
      </c>
      <c r="R2430" s="5" t="s">
        <v>1522</v>
      </c>
      <c r="S2430" s="5" t="s">
        <v>1523</v>
      </c>
      <c r="T2430" s="5" t="s">
        <v>42</v>
      </c>
      <c r="U2430" s="2">
        <v>1.139</v>
      </c>
      <c r="V2430" s="2">
        <v>0.88100000000000001</v>
      </c>
      <c r="W2430" s="2">
        <v>6.0000000000000001E-3</v>
      </c>
      <c r="X2430" s="2">
        <v>76.900000000000006</v>
      </c>
      <c r="Y2430" s="2">
        <v>7.6</v>
      </c>
      <c r="Z2430" s="2">
        <v>10.6</v>
      </c>
      <c r="AA2430" s="5"/>
      <c r="AB2430" s="5" t="s">
        <v>43</v>
      </c>
      <c r="AC2430" s="5" t="s">
        <v>44</v>
      </c>
      <c r="AD2430" s="2"/>
      <c r="AE2430" s="1"/>
    </row>
    <row r="2431" spans="1:31" ht="14.45">
      <c r="A2431" s="11"/>
      <c r="B2431" s="20"/>
      <c r="C2431" s="2" t="s">
        <v>7746</v>
      </c>
      <c r="D2431" s="14" t="s">
        <v>7747</v>
      </c>
      <c r="E2431" s="2" t="s">
        <v>7748</v>
      </c>
      <c r="F2431" s="2" t="s">
        <v>7589</v>
      </c>
      <c r="G2431" s="8">
        <v>94</v>
      </c>
      <c r="H2431" s="5">
        <v>6</v>
      </c>
      <c r="I2431" s="5" t="s">
        <v>1518</v>
      </c>
      <c r="J2431" s="5" t="s">
        <v>1519</v>
      </c>
      <c r="K2431" s="2" t="s">
        <v>1520</v>
      </c>
      <c r="L2431" s="5" t="s">
        <v>1519</v>
      </c>
      <c r="M2431" s="2" t="s">
        <v>1520</v>
      </c>
      <c r="N2431" s="5" t="s">
        <v>1521</v>
      </c>
      <c r="O2431" s="5" t="s">
        <v>38</v>
      </c>
      <c r="P2431" s="5" t="s">
        <v>39</v>
      </c>
      <c r="Q2431" s="5" t="s">
        <v>40</v>
      </c>
      <c r="R2431" s="5" t="s">
        <v>1522</v>
      </c>
      <c r="S2431" s="5" t="s">
        <v>1523</v>
      </c>
      <c r="T2431" s="5" t="s">
        <v>42</v>
      </c>
      <c r="U2431" s="2">
        <v>1.1659999999999999</v>
      </c>
      <c r="V2431" s="2">
        <v>0.90800000000000003</v>
      </c>
      <c r="W2431" s="2">
        <v>6.0000000000000001E-3</v>
      </c>
      <c r="X2431" s="2">
        <v>76.900000000000006</v>
      </c>
      <c r="Y2431" s="2">
        <v>7.6</v>
      </c>
      <c r="Z2431" s="2">
        <v>10.6</v>
      </c>
      <c r="AA2431" s="5"/>
      <c r="AB2431" s="5" t="s">
        <v>43</v>
      </c>
      <c r="AC2431" s="5" t="s">
        <v>44</v>
      </c>
      <c r="AD2431" s="2"/>
      <c r="AE2431" s="1"/>
    </row>
    <row r="2432" spans="1:31" ht="14.45">
      <c r="A2432" s="11"/>
      <c r="B2432" s="20"/>
      <c r="C2432" s="2" t="s">
        <v>7749</v>
      </c>
      <c r="D2432" s="14" t="s">
        <v>7750</v>
      </c>
      <c r="E2432" s="2" t="s">
        <v>7751</v>
      </c>
      <c r="F2432" s="2" t="s">
        <v>7593</v>
      </c>
      <c r="G2432" s="8">
        <v>94</v>
      </c>
      <c r="H2432" s="5">
        <v>6</v>
      </c>
      <c r="I2432" s="5" t="s">
        <v>1518</v>
      </c>
      <c r="J2432" s="5" t="s">
        <v>1519</v>
      </c>
      <c r="K2432" s="2" t="s">
        <v>1520</v>
      </c>
      <c r="L2432" s="5" t="s">
        <v>1519</v>
      </c>
      <c r="M2432" s="2" t="s">
        <v>1520</v>
      </c>
      <c r="N2432" s="5" t="s">
        <v>1521</v>
      </c>
      <c r="O2432" s="5" t="s">
        <v>38</v>
      </c>
      <c r="P2432" s="5" t="s">
        <v>39</v>
      </c>
      <c r="Q2432" s="5" t="s">
        <v>40</v>
      </c>
      <c r="R2432" s="5" t="s">
        <v>1522</v>
      </c>
      <c r="S2432" s="5" t="s">
        <v>1523</v>
      </c>
      <c r="T2432" s="5" t="s">
        <v>42</v>
      </c>
      <c r="U2432" s="2">
        <v>1.1479999999999999</v>
      </c>
      <c r="V2432" s="2">
        <v>0.89</v>
      </c>
      <c r="W2432" s="2">
        <v>6.0000000000000001E-3</v>
      </c>
      <c r="X2432" s="2">
        <v>76.900000000000006</v>
      </c>
      <c r="Y2432" s="2">
        <v>7.6</v>
      </c>
      <c r="Z2432" s="2">
        <v>10.6</v>
      </c>
      <c r="AA2432" s="5"/>
      <c r="AB2432" s="5" t="s">
        <v>43</v>
      </c>
      <c r="AC2432" s="5" t="s">
        <v>44</v>
      </c>
      <c r="AD2432" s="2"/>
      <c r="AE2432" s="1"/>
    </row>
    <row r="2433" spans="1:31" ht="14.45">
      <c r="A2433" s="11"/>
      <c r="B2433" s="20"/>
      <c r="C2433" s="2" t="s">
        <v>7752</v>
      </c>
      <c r="D2433" s="14" t="s">
        <v>7753</v>
      </c>
      <c r="E2433" s="2" t="s">
        <v>7754</v>
      </c>
      <c r="F2433" s="2" t="s">
        <v>7597</v>
      </c>
      <c r="G2433" s="8">
        <v>94</v>
      </c>
      <c r="H2433" s="5">
        <v>6</v>
      </c>
      <c r="I2433" s="5" t="s">
        <v>1518</v>
      </c>
      <c r="J2433" s="5" t="s">
        <v>1519</v>
      </c>
      <c r="K2433" s="2" t="s">
        <v>1520</v>
      </c>
      <c r="L2433" s="5" t="s">
        <v>1519</v>
      </c>
      <c r="M2433" s="2" t="s">
        <v>1520</v>
      </c>
      <c r="N2433" s="5" t="s">
        <v>1521</v>
      </c>
      <c r="O2433" s="5" t="s">
        <v>38</v>
      </c>
      <c r="P2433" s="5" t="s">
        <v>39</v>
      </c>
      <c r="Q2433" s="5" t="s">
        <v>40</v>
      </c>
      <c r="R2433" s="5" t="s">
        <v>1522</v>
      </c>
      <c r="S2433" s="5" t="s">
        <v>1523</v>
      </c>
      <c r="T2433" s="5" t="s">
        <v>42</v>
      </c>
      <c r="U2433" s="2">
        <v>1.175</v>
      </c>
      <c r="V2433" s="2">
        <v>0.91700000000000004</v>
      </c>
      <c r="W2433" s="2">
        <v>6.0000000000000001E-3</v>
      </c>
      <c r="X2433" s="2">
        <v>76.900000000000006</v>
      </c>
      <c r="Y2433" s="2">
        <v>7.6</v>
      </c>
      <c r="Z2433" s="2">
        <v>10.6</v>
      </c>
      <c r="AA2433" s="5"/>
      <c r="AB2433" s="5" t="s">
        <v>43</v>
      </c>
      <c r="AC2433" s="5" t="s">
        <v>44</v>
      </c>
      <c r="AD2433" s="2"/>
      <c r="AE2433" s="1"/>
    </row>
    <row r="2434" spans="1:31" ht="14.45">
      <c r="A2434" s="11"/>
      <c r="B2434" s="20"/>
      <c r="C2434" s="2" t="s">
        <v>7755</v>
      </c>
      <c r="D2434" s="14" t="s">
        <v>7756</v>
      </c>
      <c r="E2434" s="2" t="s">
        <v>7757</v>
      </c>
      <c r="F2434" s="2" t="s">
        <v>7410</v>
      </c>
      <c r="G2434" s="8">
        <v>94</v>
      </c>
      <c r="H2434" s="5">
        <v>6</v>
      </c>
      <c r="I2434" s="5" t="s">
        <v>1518</v>
      </c>
      <c r="J2434" s="5" t="s">
        <v>1519</v>
      </c>
      <c r="K2434" s="2" t="s">
        <v>1520</v>
      </c>
      <c r="L2434" s="5" t="s">
        <v>1519</v>
      </c>
      <c r="M2434" s="2" t="s">
        <v>1520</v>
      </c>
      <c r="N2434" s="5" t="s">
        <v>1521</v>
      </c>
      <c r="O2434" s="5" t="s">
        <v>38</v>
      </c>
      <c r="P2434" s="5" t="s">
        <v>39</v>
      </c>
      <c r="Q2434" s="5" t="s">
        <v>40</v>
      </c>
      <c r="R2434" s="5" t="s">
        <v>1522</v>
      </c>
      <c r="S2434" s="5" t="s">
        <v>1523</v>
      </c>
      <c r="T2434" s="5" t="s">
        <v>42</v>
      </c>
      <c r="U2434" s="2">
        <v>1.1479999999999999</v>
      </c>
      <c r="V2434" s="2">
        <v>0.89</v>
      </c>
      <c r="W2434" s="2">
        <v>6.0000000000000001E-3</v>
      </c>
      <c r="X2434" s="2">
        <v>76.900000000000006</v>
      </c>
      <c r="Y2434" s="2">
        <v>7.6</v>
      </c>
      <c r="Z2434" s="2">
        <v>10.6</v>
      </c>
      <c r="AA2434" s="5"/>
      <c r="AB2434" s="5" t="s">
        <v>43</v>
      </c>
      <c r="AC2434" s="5" t="s">
        <v>44</v>
      </c>
      <c r="AD2434" s="2"/>
      <c r="AE2434" s="1"/>
    </row>
    <row r="2435" spans="1:31" ht="14.45">
      <c r="A2435" s="11"/>
      <c r="B2435" s="20"/>
      <c r="C2435" s="2" t="s">
        <v>7758</v>
      </c>
      <c r="D2435" s="14" t="s">
        <v>7759</v>
      </c>
      <c r="E2435" s="2" t="s">
        <v>7760</v>
      </c>
      <c r="F2435" s="2" t="s">
        <v>7604</v>
      </c>
      <c r="G2435" s="8">
        <v>94</v>
      </c>
      <c r="H2435" s="5">
        <v>6</v>
      </c>
      <c r="I2435" s="5" t="s">
        <v>1518</v>
      </c>
      <c r="J2435" s="5" t="s">
        <v>1519</v>
      </c>
      <c r="K2435" s="2" t="s">
        <v>1520</v>
      </c>
      <c r="L2435" s="5" t="s">
        <v>1519</v>
      </c>
      <c r="M2435" s="2" t="s">
        <v>1520</v>
      </c>
      <c r="N2435" s="5" t="s">
        <v>1521</v>
      </c>
      <c r="O2435" s="5" t="s">
        <v>38</v>
      </c>
      <c r="P2435" s="5" t="s">
        <v>39</v>
      </c>
      <c r="Q2435" s="5" t="s">
        <v>40</v>
      </c>
      <c r="R2435" s="5" t="s">
        <v>1522</v>
      </c>
      <c r="S2435" s="5" t="s">
        <v>1523</v>
      </c>
      <c r="T2435" s="5" t="s">
        <v>42</v>
      </c>
      <c r="U2435" s="2">
        <v>1.175</v>
      </c>
      <c r="V2435" s="2">
        <v>0.91700000000000004</v>
      </c>
      <c r="W2435" s="2">
        <v>6.0000000000000001E-3</v>
      </c>
      <c r="X2435" s="2">
        <v>76.900000000000006</v>
      </c>
      <c r="Y2435" s="2">
        <v>7.6</v>
      </c>
      <c r="Z2435" s="2">
        <v>10.6</v>
      </c>
      <c r="AA2435" s="5"/>
      <c r="AB2435" s="5" t="s">
        <v>43</v>
      </c>
      <c r="AC2435" s="5" t="s">
        <v>44</v>
      </c>
      <c r="AD2435" s="2"/>
      <c r="AE2435" s="1"/>
    </row>
    <row r="2436" spans="1:31" ht="14.45">
      <c r="A2436" s="11"/>
      <c r="B2436" s="20"/>
      <c r="C2436" s="2" t="s">
        <v>7761</v>
      </c>
      <c r="D2436" s="14" t="s">
        <v>7762</v>
      </c>
      <c r="E2436" s="2" t="s">
        <v>7763</v>
      </c>
      <c r="F2436" s="2" t="s">
        <v>7433</v>
      </c>
      <c r="G2436" s="8">
        <v>94</v>
      </c>
      <c r="H2436" s="5">
        <v>6</v>
      </c>
      <c r="I2436" s="5" t="s">
        <v>1518</v>
      </c>
      <c r="J2436" s="5" t="s">
        <v>1519</v>
      </c>
      <c r="K2436" s="2" t="s">
        <v>1520</v>
      </c>
      <c r="L2436" s="5" t="s">
        <v>1519</v>
      </c>
      <c r="M2436" s="2" t="s">
        <v>1520</v>
      </c>
      <c r="N2436" s="5" t="s">
        <v>1521</v>
      </c>
      <c r="O2436" s="5" t="s">
        <v>38</v>
      </c>
      <c r="P2436" s="5" t="s">
        <v>39</v>
      </c>
      <c r="Q2436" s="5" t="s">
        <v>40</v>
      </c>
      <c r="R2436" s="5" t="s">
        <v>1522</v>
      </c>
      <c r="S2436" s="5" t="s">
        <v>1523</v>
      </c>
      <c r="T2436" s="5" t="s">
        <v>42</v>
      </c>
      <c r="U2436" s="2">
        <v>1.1479999999999999</v>
      </c>
      <c r="V2436" s="2">
        <v>0.89</v>
      </c>
      <c r="W2436" s="2">
        <v>6.0000000000000001E-3</v>
      </c>
      <c r="X2436" s="2">
        <v>76.900000000000006</v>
      </c>
      <c r="Y2436" s="2">
        <v>7.6</v>
      </c>
      <c r="Z2436" s="2">
        <v>10.6</v>
      </c>
      <c r="AA2436" s="5"/>
      <c r="AB2436" s="5" t="s">
        <v>43</v>
      </c>
      <c r="AC2436" s="5" t="s">
        <v>44</v>
      </c>
      <c r="AD2436" s="2"/>
      <c r="AE2436" s="1"/>
    </row>
    <row r="2437" spans="1:31" ht="14.45">
      <c r="A2437" s="11"/>
      <c r="B2437" s="20"/>
      <c r="C2437" s="2" t="s">
        <v>7764</v>
      </c>
      <c r="D2437" s="14" t="s">
        <v>7765</v>
      </c>
      <c r="E2437" s="2" t="s">
        <v>7766</v>
      </c>
      <c r="F2437" s="2" t="s">
        <v>7611</v>
      </c>
      <c r="G2437" s="8">
        <v>94</v>
      </c>
      <c r="H2437" s="5">
        <v>6</v>
      </c>
      <c r="I2437" s="5" t="s">
        <v>1518</v>
      </c>
      <c r="J2437" s="5" t="s">
        <v>1519</v>
      </c>
      <c r="K2437" s="2" t="s">
        <v>1520</v>
      </c>
      <c r="L2437" s="5" t="s">
        <v>1519</v>
      </c>
      <c r="M2437" s="2" t="s">
        <v>1520</v>
      </c>
      <c r="N2437" s="5" t="s">
        <v>1521</v>
      </c>
      <c r="O2437" s="5" t="s">
        <v>38</v>
      </c>
      <c r="P2437" s="5" t="s">
        <v>39</v>
      </c>
      <c r="Q2437" s="5" t="s">
        <v>40</v>
      </c>
      <c r="R2437" s="5" t="s">
        <v>1522</v>
      </c>
      <c r="S2437" s="5" t="s">
        <v>1523</v>
      </c>
      <c r="T2437" s="5" t="s">
        <v>42</v>
      </c>
      <c r="U2437" s="2">
        <v>1.175</v>
      </c>
      <c r="V2437" s="2">
        <v>0.91700000000000004</v>
      </c>
      <c r="W2437" s="2">
        <v>6.0000000000000001E-3</v>
      </c>
      <c r="X2437" s="2">
        <v>76.900000000000006</v>
      </c>
      <c r="Y2437" s="2">
        <v>7.6</v>
      </c>
      <c r="Z2437" s="2">
        <v>10.6</v>
      </c>
      <c r="AA2437" s="5"/>
      <c r="AB2437" s="5" t="s">
        <v>43</v>
      </c>
      <c r="AC2437" s="5" t="s">
        <v>44</v>
      </c>
      <c r="AD2437" s="2"/>
      <c r="AE2437" s="1"/>
    </row>
    <row r="2438" spans="1:31" ht="14.45">
      <c r="A2438" s="11"/>
      <c r="B2438" s="20"/>
      <c r="C2438" s="2" t="s">
        <v>7767</v>
      </c>
      <c r="D2438" s="14" t="s">
        <v>7768</v>
      </c>
      <c r="E2438" s="2" t="s">
        <v>7769</v>
      </c>
      <c r="F2438" s="2" t="s">
        <v>7615</v>
      </c>
      <c r="G2438" s="8">
        <v>94</v>
      </c>
      <c r="H2438" s="5">
        <v>6</v>
      </c>
      <c r="I2438" s="5" t="s">
        <v>1518</v>
      </c>
      <c r="J2438" s="5" t="s">
        <v>1519</v>
      </c>
      <c r="K2438" s="2" t="s">
        <v>1520</v>
      </c>
      <c r="L2438" s="5" t="s">
        <v>1519</v>
      </c>
      <c r="M2438" s="2" t="s">
        <v>1520</v>
      </c>
      <c r="N2438" s="5" t="s">
        <v>1521</v>
      </c>
      <c r="O2438" s="5" t="s">
        <v>38</v>
      </c>
      <c r="P2438" s="5" t="s">
        <v>39</v>
      </c>
      <c r="Q2438" s="5" t="s">
        <v>40</v>
      </c>
      <c r="R2438" s="5" t="s">
        <v>1522</v>
      </c>
      <c r="S2438" s="5" t="s">
        <v>1523</v>
      </c>
      <c r="T2438" s="5" t="s">
        <v>42</v>
      </c>
      <c r="U2438" s="2">
        <v>1.139</v>
      </c>
      <c r="V2438" s="2">
        <v>0.88100000000000001</v>
      </c>
      <c r="W2438" s="2">
        <v>6.0000000000000001E-3</v>
      </c>
      <c r="X2438" s="2">
        <v>76.900000000000006</v>
      </c>
      <c r="Y2438" s="2">
        <v>7.6</v>
      </c>
      <c r="Z2438" s="2">
        <v>10.6</v>
      </c>
      <c r="AA2438" s="5"/>
      <c r="AB2438" s="5" t="s">
        <v>43</v>
      </c>
      <c r="AC2438" s="5" t="s">
        <v>44</v>
      </c>
      <c r="AD2438" s="2"/>
      <c r="AE2438" s="1"/>
    </row>
    <row r="2439" spans="1:31" ht="14.45">
      <c r="A2439" s="11"/>
      <c r="B2439" s="20"/>
      <c r="C2439" s="2" t="s">
        <v>7770</v>
      </c>
      <c r="D2439" s="14" t="s">
        <v>7771</v>
      </c>
      <c r="E2439" s="2" t="s">
        <v>7772</v>
      </c>
      <c r="F2439" s="2" t="s">
        <v>7619</v>
      </c>
      <c r="G2439" s="8">
        <v>94</v>
      </c>
      <c r="H2439" s="5">
        <v>6</v>
      </c>
      <c r="I2439" s="5" t="s">
        <v>1518</v>
      </c>
      <c r="J2439" s="5" t="s">
        <v>1519</v>
      </c>
      <c r="K2439" s="2" t="s">
        <v>1520</v>
      </c>
      <c r="L2439" s="5" t="s">
        <v>1519</v>
      </c>
      <c r="M2439" s="2" t="s">
        <v>1520</v>
      </c>
      <c r="N2439" s="5" t="s">
        <v>1521</v>
      </c>
      <c r="O2439" s="5" t="s">
        <v>38</v>
      </c>
      <c r="P2439" s="5" t="s">
        <v>39</v>
      </c>
      <c r="Q2439" s="5" t="s">
        <v>40</v>
      </c>
      <c r="R2439" s="5" t="s">
        <v>1522</v>
      </c>
      <c r="S2439" s="5" t="s">
        <v>1523</v>
      </c>
      <c r="T2439" s="5" t="s">
        <v>42</v>
      </c>
      <c r="U2439" s="2">
        <v>1.1659999999999999</v>
      </c>
      <c r="V2439" s="2">
        <v>0.90800000000000003</v>
      </c>
      <c r="W2439" s="2">
        <v>6.0000000000000001E-3</v>
      </c>
      <c r="X2439" s="2">
        <v>76.900000000000006</v>
      </c>
      <c r="Y2439" s="2">
        <v>7.6</v>
      </c>
      <c r="Z2439" s="2">
        <v>10.6</v>
      </c>
      <c r="AA2439" s="5"/>
      <c r="AB2439" s="5" t="s">
        <v>43</v>
      </c>
      <c r="AC2439" s="5" t="s">
        <v>44</v>
      </c>
      <c r="AD2439" s="2"/>
      <c r="AE2439" s="1"/>
    </row>
    <row r="2440" spans="1:31" ht="14.45">
      <c r="A2440" s="11"/>
      <c r="B2440" s="20"/>
      <c r="C2440" s="2" t="s">
        <v>7773</v>
      </c>
      <c r="D2440" s="14" t="s">
        <v>7774</v>
      </c>
      <c r="E2440" s="2" t="s">
        <v>7775</v>
      </c>
      <c r="F2440" s="2" t="s">
        <v>1823</v>
      </c>
      <c r="G2440" s="8">
        <v>94</v>
      </c>
      <c r="H2440" s="5">
        <v>8</v>
      </c>
      <c r="I2440" s="5" t="s">
        <v>1518</v>
      </c>
      <c r="J2440" s="5" t="s">
        <v>1519</v>
      </c>
      <c r="K2440" s="2" t="s">
        <v>1520</v>
      </c>
      <c r="L2440" s="5" t="s">
        <v>1519</v>
      </c>
      <c r="M2440" s="2" t="s">
        <v>1520</v>
      </c>
      <c r="N2440" s="5" t="s">
        <v>1521</v>
      </c>
      <c r="O2440" s="5" t="s">
        <v>38</v>
      </c>
      <c r="P2440" s="5" t="s">
        <v>39</v>
      </c>
      <c r="Q2440" s="5" t="s">
        <v>40</v>
      </c>
      <c r="R2440" s="5" t="s">
        <v>1522</v>
      </c>
      <c r="S2440" s="5" t="s">
        <v>1523</v>
      </c>
      <c r="T2440" s="5" t="s">
        <v>42</v>
      </c>
      <c r="U2440" s="2">
        <v>1.155</v>
      </c>
      <c r="V2440" s="2">
        <v>0.89700000000000002</v>
      </c>
      <c r="W2440" s="2">
        <v>6.0000000000000001E-3</v>
      </c>
      <c r="X2440" s="2">
        <v>76.900000000000006</v>
      </c>
      <c r="Y2440" s="2">
        <v>7.6</v>
      </c>
      <c r="Z2440" s="2">
        <v>10.6</v>
      </c>
      <c r="AA2440" s="5"/>
      <c r="AB2440" s="5" t="s">
        <v>43</v>
      </c>
      <c r="AC2440" s="5" t="s">
        <v>44</v>
      </c>
      <c r="AD2440" s="2"/>
      <c r="AE2440" s="1"/>
    </row>
    <row r="2441" spans="1:31" ht="14.45">
      <c r="A2441" s="11"/>
      <c r="B2441" s="20"/>
      <c r="C2441" s="2" t="s">
        <v>7776</v>
      </c>
      <c r="D2441" s="14" t="s">
        <v>7777</v>
      </c>
      <c r="E2441" s="2" t="s">
        <v>7778</v>
      </c>
      <c r="F2441" s="2" t="s">
        <v>1827</v>
      </c>
      <c r="G2441" s="8">
        <v>94</v>
      </c>
      <c r="H2441" s="5">
        <v>8</v>
      </c>
      <c r="I2441" s="5" t="s">
        <v>1518</v>
      </c>
      <c r="J2441" s="5" t="s">
        <v>1519</v>
      </c>
      <c r="K2441" s="2" t="s">
        <v>1520</v>
      </c>
      <c r="L2441" s="5" t="s">
        <v>1519</v>
      </c>
      <c r="M2441" s="2" t="s">
        <v>1520</v>
      </c>
      <c r="N2441" s="5" t="s">
        <v>1521</v>
      </c>
      <c r="O2441" s="5" t="s">
        <v>38</v>
      </c>
      <c r="P2441" s="5" t="s">
        <v>39</v>
      </c>
      <c r="Q2441" s="5" t="s">
        <v>40</v>
      </c>
      <c r="R2441" s="5" t="s">
        <v>1522</v>
      </c>
      <c r="S2441" s="5" t="s">
        <v>1523</v>
      </c>
      <c r="T2441" s="5" t="s">
        <v>42</v>
      </c>
      <c r="U2441" s="2">
        <v>1.1819999999999999</v>
      </c>
      <c r="V2441" s="2">
        <v>0.92400000000000004</v>
      </c>
      <c r="W2441" s="2">
        <v>6.0000000000000001E-3</v>
      </c>
      <c r="X2441" s="2">
        <v>76.900000000000006</v>
      </c>
      <c r="Y2441" s="2">
        <v>7.6</v>
      </c>
      <c r="Z2441" s="2">
        <v>10.6</v>
      </c>
      <c r="AA2441" s="5"/>
      <c r="AB2441" s="5" t="s">
        <v>43</v>
      </c>
      <c r="AC2441" s="5" t="s">
        <v>44</v>
      </c>
      <c r="AD2441" s="2"/>
      <c r="AE2441" s="1"/>
    </row>
    <row r="2442" spans="1:31" ht="14.45">
      <c r="A2442" s="11"/>
      <c r="B2442" s="20"/>
      <c r="C2442" s="2" t="s">
        <v>7779</v>
      </c>
      <c r="D2442" s="14" t="s">
        <v>7780</v>
      </c>
      <c r="E2442" s="2" t="s">
        <v>7781</v>
      </c>
      <c r="F2442" s="2" t="s">
        <v>1973</v>
      </c>
      <c r="G2442" s="8">
        <v>94</v>
      </c>
      <c r="H2442" s="5">
        <v>13</v>
      </c>
      <c r="I2442" s="5" t="s">
        <v>1518</v>
      </c>
      <c r="J2442" s="5" t="s">
        <v>1519</v>
      </c>
      <c r="K2442" s="2" t="s">
        <v>1520</v>
      </c>
      <c r="L2442" s="5" t="s">
        <v>1519</v>
      </c>
      <c r="M2442" s="2" t="s">
        <v>1520</v>
      </c>
      <c r="N2442" s="5" t="s">
        <v>1521</v>
      </c>
      <c r="O2442" s="5" t="s">
        <v>38</v>
      </c>
      <c r="P2442" s="5" t="s">
        <v>39</v>
      </c>
      <c r="Q2442" s="5" t="s">
        <v>40</v>
      </c>
      <c r="R2442" s="5" t="s">
        <v>1522</v>
      </c>
      <c r="S2442" s="5" t="s">
        <v>1523</v>
      </c>
      <c r="T2442" s="5" t="s">
        <v>42</v>
      </c>
      <c r="U2442" s="2">
        <v>1.18</v>
      </c>
      <c r="V2442" s="2">
        <v>0.92200000000000004</v>
      </c>
      <c r="W2442" s="2">
        <v>6.0000000000000001E-3</v>
      </c>
      <c r="X2442" s="2">
        <v>76.900000000000006</v>
      </c>
      <c r="Y2442" s="2">
        <v>7.6</v>
      </c>
      <c r="Z2442" s="2">
        <v>10.6</v>
      </c>
      <c r="AA2442" s="5"/>
      <c r="AB2442" s="5" t="s">
        <v>43</v>
      </c>
      <c r="AC2442" s="5" t="s">
        <v>44</v>
      </c>
      <c r="AD2442" s="2"/>
      <c r="AE2442" s="1"/>
    </row>
    <row r="2443" spans="1:31" ht="14.45">
      <c r="A2443" s="11"/>
      <c r="B2443" s="20"/>
      <c r="C2443" s="2" t="s">
        <v>7782</v>
      </c>
      <c r="D2443" s="14" t="s">
        <v>7783</v>
      </c>
      <c r="E2443" s="2" t="s">
        <v>7784</v>
      </c>
      <c r="F2443" s="2" t="s">
        <v>2348</v>
      </c>
      <c r="G2443" s="8">
        <v>94</v>
      </c>
      <c r="H2443" s="5">
        <v>13</v>
      </c>
      <c r="I2443" s="5" t="s">
        <v>1518</v>
      </c>
      <c r="J2443" s="5" t="s">
        <v>1519</v>
      </c>
      <c r="K2443" s="2" t="s">
        <v>1520</v>
      </c>
      <c r="L2443" s="5" t="s">
        <v>1519</v>
      </c>
      <c r="M2443" s="2" t="s">
        <v>1520</v>
      </c>
      <c r="N2443" s="5" t="s">
        <v>1521</v>
      </c>
      <c r="O2443" s="5" t="s">
        <v>38</v>
      </c>
      <c r="P2443" s="5" t="s">
        <v>39</v>
      </c>
      <c r="Q2443" s="5" t="s">
        <v>40</v>
      </c>
      <c r="R2443" s="5" t="s">
        <v>1522</v>
      </c>
      <c r="S2443" s="5" t="s">
        <v>1523</v>
      </c>
      <c r="T2443" s="5" t="s">
        <v>42</v>
      </c>
      <c r="U2443" s="2">
        <v>1.2070000000000001</v>
      </c>
      <c r="V2443" s="2">
        <v>0.94899999999999995</v>
      </c>
      <c r="W2443" s="2">
        <v>6.0000000000000001E-3</v>
      </c>
      <c r="X2443" s="2">
        <v>76.900000000000006</v>
      </c>
      <c r="Y2443" s="2">
        <v>7.6</v>
      </c>
      <c r="Z2443" s="2">
        <v>10.6</v>
      </c>
      <c r="AA2443" s="5"/>
      <c r="AB2443" s="5" t="s">
        <v>43</v>
      </c>
      <c r="AC2443" s="5" t="s">
        <v>44</v>
      </c>
      <c r="AD2443" s="2"/>
      <c r="AE2443" s="1"/>
    </row>
    <row r="2444" spans="1:31" ht="14.45">
      <c r="A2444" s="11"/>
      <c r="B2444" s="20"/>
      <c r="C2444" s="2" t="s">
        <v>7785</v>
      </c>
      <c r="D2444" s="14" t="s">
        <v>7786</v>
      </c>
      <c r="E2444" s="2" t="s">
        <v>7787</v>
      </c>
      <c r="F2444" s="2" t="s">
        <v>2724</v>
      </c>
      <c r="G2444" s="8">
        <v>94</v>
      </c>
      <c r="H2444" s="5">
        <v>13</v>
      </c>
      <c r="I2444" s="5" t="s">
        <v>1518</v>
      </c>
      <c r="J2444" s="5" t="s">
        <v>1519</v>
      </c>
      <c r="K2444" s="2" t="s">
        <v>1520</v>
      </c>
      <c r="L2444" s="5" t="s">
        <v>1519</v>
      </c>
      <c r="M2444" s="2" t="s">
        <v>1520</v>
      </c>
      <c r="N2444" s="5" t="s">
        <v>1521</v>
      </c>
      <c r="O2444" s="5" t="s">
        <v>38</v>
      </c>
      <c r="P2444" s="5" t="s">
        <v>39</v>
      </c>
      <c r="Q2444" s="5" t="s">
        <v>40</v>
      </c>
      <c r="R2444" s="5" t="s">
        <v>1522</v>
      </c>
      <c r="S2444" s="5" t="s">
        <v>1523</v>
      </c>
      <c r="T2444" s="5" t="s">
        <v>42</v>
      </c>
      <c r="U2444" s="2">
        <v>1.2070000000000001</v>
      </c>
      <c r="V2444" s="2">
        <v>0.94899999999999995</v>
      </c>
      <c r="W2444" s="2">
        <v>6.0000000000000001E-3</v>
      </c>
      <c r="X2444" s="2">
        <v>76.900000000000006</v>
      </c>
      <c r="Y2444" s="2">
        <v>7.6</v>
      </c>
      <c r="Z2444" s="2">
        <v>10.6</v>
      </c>
      <c r="AA2444" s="5"/>
      <c r="AB2444" s="5" t="s">
        <v>43</v>
      </c>
      <c r="AC2444" s="5" t="s">
        <v>44</v>
      </c>
      <c r="AD2444" s="2"/>
      <c r="AE2444" s="1"/>
    </row>
    <row r="2445" spans="1:31" ht="14.45">
      <c r="A2445" s="11"/>
      <c r="B2445" s="20"/>
      <c r="C2445" s="2" t="s">
        <v>7788</v>
      </c>
      <c r="D2445" s="14" t="s">
        <v>7789</v>
      </c>
      <c r="E2445" s="2" t="s">
        <v>7790</v>
      </c>
      <c r="F2445" s="2" t="s">
        <v>2208</v>
      </c>
      <c r="G2445" s="8">
        <v>94</v>
      </c>
      <c r="H2445" s="5">
        <v>13</v>
      </c>
      <c r="I2445" s="5" t="s">
        <v>1518</v>
      </c>
      <c r="J2445" s="5" t="s">
        <v>1519</v>
      </c>
      <c r="K2445" s="2" t="s">
        <v>1520</v>
      </c>
      <c r="L2445" s="5" t="s">
        <v>1519</v>
      </c>
      <c r="M2445" s="2" t="s">
        <v>1520</v>
      </c>
      <c r="N2445" s="5" t="s">
        <v>1521</v>
      </c>
      <c r="O2445" s="5" t="s">
        <v>38</v>
      </c>
      <c r="P2445" s="5" t="s">
        <v>39</v>
      </c>
      <c r="Q2445" s="5" t="s">
        <v>40</v>
      </c>
      <c r="R2445" s="5" t="s">
        <v>1522</v>
      </c>
      <c r="S2445" s="5" t="s">
        <v>1523</v>
      </c>
      <c r="T2445" s="5" t="s">
        <v>42</v>
      </c>
      <c r="U2445" s="2">
        <v>1.18</v>
      </c>
      <c r="V2445" s="2">
        <v>0.92200000000000004</v>
      </c>
      <c r="W2445" s="2">
        <v>6.0000000000000001E-3</v>
      </c>
      <c r="X2445" s="2">
        <v>76.900000000000006</v>
      </c>
      <c r="Y2445" s="2">
        <v>7.6</v>
      </c>
      <c r="Z2445" s="2">
        <v>10.6</v>
      </c>
      <c r="AA2445" s="5"/>
      <c r="AB2445" s="5" t="s">
        <v>43</v>
      </c>
      <c r="AC2445" s="5" t="s">
        <v>44</v>
      </c>
      <c r="AD2445" s="2"/>
      <c r="AE2445" s="1"/>
    </row>
    <row r="2446" spans="1:31" ht="14.45">
      <c r="A2446" s="11"/>
      <c r="B2446" s="20"/>
      <c r="C2446" s="2" t="s">
        <v>7791</v>
      </c>
      <c r="D2446" s="14" t="s">
        <v>7792</v>
      </c>
      <c r="E2446" s="2" t="s">
        <v>7793</v>
      </c>
      <c r="F2446" s="2" t="s">
        <v>2212</v>
      </c>
      <c r="G2446" s="8">
        <v>94</v>
      </c>
      <c r="H2446" s="5">
        <v>13</v>
      </c>
      <c r="I2446" s="5" t="s">
        <v>1518</v>
      </c>
      <c r="J2446" s="5" t="s">
        <v>1519</v>
      </c>
      <c r="K2446" s="2" t="s">
        <v>1520</v>
      </c>
      <c r="L2446" s="5" t="s">
        <v>1519</v>
      </c>
      <c r="M2446" s="2" t="s">
        <v>1520</v>
      </c>
      <c r="N2446" s="5" t="s">
        <v>1521</v>
      </c>
      <c r="O2446" s="5" t="s">
        <v>38</v>
      </c>
      <c r="P2446" s="5" t="s">
        <v>39</v>
      </c>
      <c r="Q2446" s="5" t="s">
        <v>40</v>
      </c>
      <c r="R2446" s="5" t="s">
        <v>1522</v>
      </c>
      <c r="S2446" s="5" t="s">
        <v>1523</v>
      </c>
      <c r="T2446" s="5" t="s">
        <v>42</v>
      </c>
      <c r="U2446" s="2">
        <v>1.2070000000000001</v>
      </c>
      <c r="V2446" s="2">
        <v>0.94899999999999995</v>
      </c>
      <c r="W2446" s="2">
        <v>6.0000000000000001E-3</v>
      </c>
      <c r="X2446" s="2">
        <v>76.900000000000006</v>
      </c>
      <c r="Y2446" s="2">
        <v>7.6</v>
      </c>
      <c r="Z2446" s="2">
        <v>10.6</v>
      </c>
      <c r="AA2446" s="5"/>
      <c r="AB2446" s="5" t="s">
        <v>43</v>
      </c>
      <c r="AC2446" s="5" t="s">
        <v>44</v>
      </c>
      <c r="AD2446" s="2"/>
      <c r="AE2446" s="1"/>
    </row>
    <row r="2447" spans="1:31" ht="14.45">
      <c r="A2447" s="11"/>
      <c r="B2447" s="20"/>
      <c r="C2447" s="2" t="s">
        <v>7794</v>
      </c>
      <c r="D2447" s="14" t="s">
        <v>7795</v>
      </c>
      <c r="E2447" s="2" t="s">
        <v>7796</v>
      </c>
      <c r="F2447" s="2" t="s">
        <v>1831</v>
      </c>
      <c r="G2447" s="8">
        <v>94</v>
      </c>
      <c r="H2447" s="5">
        <v>13</v>
      </c>
      <c r="I2447" s="5" t="s">
        <v>1518</v>
      </c>
      <c r="J2447" s="5" t="s">
        <v>1519</v>
      </c>
      <c r="K2447" s="2" t="s">
        <v>1520</v>
      </c>
      <c r="L2447" s="5" t="s">
        <v>1519</v>
      </c>
      <c r="M2447" s="2" t="s">
        <v>1520</v>
      </c>
      <c r="N2447" s="5" t="s">
        <v>1521</v>
      </c>
      <c r="O2447" s="5" t="s">
        <v>38</v>
      </c>
      <c r="P2447" s="5" t="s">
        <v>39</v>
      </c>
      <c r="Q2447" s="5" t="s">
        <v>40</v>
      </c>
      <c r="R2447" s="5" t="s">
        <v>1522</v>
      </c>
      <c r="S2447" s="5" t="s">
        <v>1523</v>
      </c>
      <c r="T2447" s="5" t="s">
        <v>42</v>
      </c>
      <c r="U2447" s="2">
        <v>1.18</v>
      </c>
      <c r="V2447" s="2">
        <v>0.92200000000000004</v>
      </c>
      <c r="W2447" s="2">
        <v>6.0000000000000001E-3</v>
      </c>
      <c r="X2447" s="2">
        <v>76.900000000000006</v>
      </c>
      <c r="Y2447" s="2">
        <v>7.6</v>
      </c>
      <c r="Z2447" s="2">
        <v>10.6</v>
      </c>
      <c r="AA2447" s="5"/>
      <c r="AB2447" s="5" t="s">
        <v>43</v>
      </c>
      <c r="AC2447" s="5" t="s">
        <v>44</v>
      </c>
      <c r="AD2447" s="2"/>
      <c r="AE2447" s="1"/>
    </row>
    <row r="2448" spans="1:31" ht="14.45">
      <c r="A2448" s="11"/>
      <c r="B2448" s="20"/>
      <c r="C2448" s="2" t="s">
        <v>7797</v>
      </c>
      <c r="D2448" s="14" t="s">
        <v>7798</v>
      </c>
      <c r="E2448" s="2" t="s">
        <v>7799</v>
      </c>
      <c r="F2448" s="2" t="s">
        <v>1835</v>
      </c>
      <c r="G2448" s="8">
        <v>94</v>
      </c>
      <c r="H2448" s="5">
        <v>13</v>
      </c>
      <c r="I2448" s="5" t="s">
        <v>1518</v>
      </c>
      <c r="J2448" s="5" t="s">
        <v>1519</v>
      </c>
      <c r="K2448" s="2" t="s">
        <v>1520</v>
      </c>
      <c r="L2448" s="5" t="s">
        <v>1519</v>
      </c>
      <c r="M2448" s="2" t="s">
        <v>1520</v>
      </c>
      <c r="N2448" s="5" t="s">
        <v>1521</v>
      </c>
      <c r="O2448" s="5" t="s">
        <v>38</v>
      </c>
      <c r="P2448" s="5" t="s">
        <v>39</v>
      </c>
      <c r="Q2448" s="5" t="s">
        <v>40</v>
      </c>
      <c r="R2448" s="5" t="s">
        <v>1522</v>
      </c>
      <c r="S2448" s="5" t="s">
        <v>1523</v>
      </c>
      <c r="T2448" s="5" t="s">
        <v>42</v>
      </c>
      <c r="U2448" s="2">
        <v>1.2070000000000001</v>
      </c>
      <c r="V2448" s="2">
        <v>0.94899999999999995</v>
      </c>
      <c r="W2448" s="2">
        <v>6.0000000000000001E-3</v>
      </c>
      <c r="X2448" s="2">
        <v>76.900000000000006</v>
      </c>
      <c r="Y2448" s="2">
        <v>7.6</v>
      </c>
      <c r="Z2448" s="2">
        <v>10.6</v>
      </c>
      <c r="AA2448" s="5"/>
      <c r="AB2448" s="5" t="s">
        <v>43</v>
      </c>
      <c r="AC2448" s="5" t="s">
        <v>44</v>
      </c>
      <c r="AD2448" s="2"/>
      <c r="AE2448" s="1"/>
    </row>
    <row r="2449" spans="1:31" ht="14.45">
      <c r="A2449" s="11"/>
      <c r="B2449" s="20"/>
      <c r="C2449" s="2" t="s">
        <v>7800</v>
      </c>
      <c r="D2449" s="14" t="s">
        <v>7801</v>
      </c>
      <c r="E2449" s="2" t="s">
        <v>7802</v>
      </c>
      <c r="F2449" s="2" t="s">
        <v>1839</v>
      </c>
      <c r="G2449" s="8">
        <v>94</v>
      </c>
      <c r="H2449" s="5">
        <v>13</v>
      </c>
      <c r="I2449" s="5" t="s">
        <v>1518</v>
      </c>
      <c r="J2449" s="5" t="s">
        <v>1519</v>
      </c>
      <c r="K2449" s="2" t="s">
        <v>1520</v>
      </c>
      <c r="L2449" s="5" t="s">
        <v>1519</v>
      </c>
      <c r="M2449" s="2" t="s">
        <v>1520</v>
      </c>
      <c r="N2449" s="5" t="s">
        <v>1521</v>
      </c>
      <c r="O2449" s="5" t="s">
        <v>38</v>
      </c>
      <c r="P2449" s="5" t="s">
        <v>39</v>
      </c>
      <c r="Q2449" s="5" t="s">
        <v>40</v>
      </c>
      <c r="R2449" s="5" t="s">
        <v>1522</v>
      </c>
      <c r="S2449" s="5" t="s">
        <v>1523</v>
      </c>
      <c r="T2449" s="5" t="s">
        <v>42</v>
      </c>
      <c r="U2449" s="2">
        <v>1.18</v>
      </c>
      <c r="V2449" s="2">
        <v>0.92200000000000004</v>
      </c>
      <c r="W2449" s="2">
        <v>6.0000000000000001E-3</v>
      </c>
      <c r="X2449" s="2">
        <v>76.900000000000006</v>
      </c>
      <c r="Y2449" s="2">
        <v>7.6</v>
      </c>
      <c r="Z2449" s="2">
        <v>10.6</v>
      </c>
      <c r="AA2449" s="5"/>
      <c r="AB2449" s="5" t="s">
        <v>43</v>
      </c>
      <c r="AC2449" s="5" t="s">
        <v>44</v>
      </c>
      <c r="AD2449" s="2"/>
      <c r="AE2449" s="1"/>
    </row>
    <row r="2450" spans="1:31" ht="14.45">
      <c r="A2450" s="11"/>
      <c r="B2450" s="20"/>
      <c r="C2450" s="2" t="s">
        <v>7803</v>
      </c>
      <c r="D2450" s="14" t="s">
        <v>7804</v>
      </c>
      <c r="E2450" s="2" t="s">
        <v>7805</v>
      </c>
      <c r="F2450" s="2" t="s">
        <v>1986</v>
      </c>
      <c r="G2450" s="8">
        <v>94</v>
      </c>
      <c r="H2450" s="5">
        <v>13</v>
      </c>
      <c r="I2450" s="5" t="s">
        <v>1518</v>
      </c>
      <c r="J2450" s="5" t="s">
        <v>1519</v>
      </c>
      <c r="K2450" s="2" t="s">
        <v>1520</v>
      </c>
      <c r="L2450" s="5" t="s">
        <v>1519</v>
      </c>
      <c r="M2450" s="2" t="s">
        <v>1520</v>
      </c>
      <c r="N2450" s="5" t="s">
        <v>1521</v>
      </c>
      <c r="O2450" s="5" t="s">
        <v>38</v>
      </c>
      <c r="P2450" s="5" t="s">
        <v>39</v>
      </c>
      <c r="Q2450" s="5" t="s">
        <v>40</v>
      </c>
      <c r="R2450" s="5" t="s">
        <v>1522</v>
      </c>
      <c r="S2450" s="5" t="s">
        <v>1523</v>
      </c>
      <c r="T2450" s="5" t="s">
        <v>42</v>
      </c>
      <c r="U2450" s="2">
        <v>1.2070000000000001</v>
      </c>
      <c r="V2450" s="2">
        <v>0.94899999999999995</v>
      </c>
      <c r="W2450" s="2">
        <v>6.0000000000000001E-3</v>
      </c>
      <c r="X2450" s="2">
        <v>76.900000000000006</v>
      </c>
      <c r="Y2450" s="2">
        <v>7.6</v>
      </c>
      <c r="Z2450" s="2">
        <v>10.6</v>
      </c>
      <c r="AA2450" s="5"/>
      <c r="AB2450" s="5" t="s">
        <v>43</v>
      </c>
      <c r="AC2450" s="5" t="s">
        <v>44</v>
      </c>
      <c r="AD2450" s="2"/>
      <c r="AE2450" s="1"/>
    </row>
    <row r="2451" spans="1:31" ht="14.45">
      <c r="A2451" s="11"/>
      <c r="B2451" s="20"/>
      <c r="C2451" s="2" t="s">
        <v>7806</v>
      </c>
      <c r="D2451" s="14" t="s">
        <v>7807</v>
      </c>
      <c r="E2451" s="2" t="s">
        <v>7808</v>
      </c>
      <c r="F2451" s="2" t="s">
        <v>1843</v>
      </c>
      <c r="G2451" s="8">
        <v>94</v>
      </c>
      <c r="H2451" s="5">
        <v>13</v>
      </c>
      <c r="I2451" s="5" t="s">
        <v>1518</v>
      </c>
      <c r="J2451" s="5" t="s">
        <v>1519</v>
      </c>
      <c r="K2451" s="2" t="s">
        <v>1520</v>
      </c>
      <c r="L2451" s="5" t="s">
        <v>1519</v>
      </c>
      <c r="M2451" s="2" t="s">
        <v>1520</v>
      </c>
      <c r="N2451" s="5" t="s">
        <v>1521</v>
      </c>
      <c r="O2451" s="5" t="s">
        <v>38</v>
      </c>
      <c r="P2451" s="5" t="s">
        <v>39</v>
      </c>
      <c r="Q2451" s="5" t="s">
        <v>40</v>
      </c>
      <c r="R2451" s="5" t="s">
        <v>1522</v>
      </c>
      <c r="S2451" s="5" t="s">
        <v>1523</v>
      </c>
      <c r="T2451" s="5" t="s">
        <v>42</v>
      </c>
      <c r="U2451" s="2">
        <v>1.18</v>
      </c>
      <c r="V2451" s="2">
        <v>0.92200000000000004</v>
      </c>
      <c r="W2451" s="2">
        <v>6.0000000000000001E-3</v>
      </c>
      <c r="X2451" s="2">
        <v>76.900000000000006</v>
      </c>
      <c r="Y2451" s="2">
        <v>7.6</v>
      </c>
      <c r="Z2451" s="2">
        <v>10.6</v>
      </c>
      <c r="AA2451" s="5"/>
      <c r="AB2451" s="5" t="s">
        <v>43</v>
      </c>
      <c r="AC2451" s="5" t="s">
        <v>44</v>
      </c>
      <c r="AD2451" s="2"/>
      <c r="AE2451" s="1"/>
    </row>
    <row r="2452" spans="1:31" ht="14.45">
      <c r="A2452" s="11"/>
      <c r="B2452" s="20"/>
      <c r="C2452" s="2" t="s">
        <v>7809</v>
      </c>
      <c r="D2452" s="14" t="s">
        <v>7810</v>
      </c>
      <c r="E2452" s="2" t="s">
        <v>7811</v>
      </c>
      <c r="F2452" s="2" t="s">
        <v>1847</v>
      </c>
      <c r="G2452" s="8">
        <v>94</v>
      </c>
      <c r="H2452" s="5">
        <v>13</v>
      </c>
      <c r="I2452" s="5" t="s">
        <v>1518</v>
      </c>
      <c r="J2452" s="5" t="s">
        <v>1519</v>
      </c>
      <c r="K2452" s="2" t="s">
        <v>1520</v>
      </c>
      <c r="L2452" s="5" t="s">
        <v>1519</v>
      </c>
      <c r="M2452" s="2" t="s">
        <v>1520</v>
      </c>
      <c r="N2452" s="5" t="s">
        <v>1521</v>
      </c>
      <c r="O2452" s="5" t="s">
        <v>38</v>
      </c>
      <c r="P2452" s="5" t="s">
        <v>39</v>
      </c>
      <c r="Q2452" s="5" t="s">
        <v>40</v>
      </c>
      <c r="R2452" s="5" t="s">
        <v>1522</v>
      </c>
      <c r="S2452" s="5" t="s">
        <v>1523</v>
      </c>
      <c r="T2452" s="5" t="s">
        <v>42</v>
      </c>
      <c r="U2452" s="2">
        <v>1.2070000000000001</v>
      </c>
      <c r="V2452" s="2">
        <v>0.94899999999999995</v>
      </c>
      <c r="W2452" s="2">
        <v>6.0000000000000001E-3</v>
      </c>
      <c r="X2452" s="2">
        <v>76.900000000000006</v>
      </c>
      <c r="Y2452" s="2">
        <v>7.6</v>
      </c>
      <c r="Z2452" s="2">
        <v>10.6</v>
      </c>
      <c r="AA2452" s="5"/>
      <c r="AB2452" s="5" t="s">
        <v>43</v>
      </c>
      <c r="AC2452" s="5" t="s">
        <v>44</v>
      </c>
      <c r="AD2452" s="2"/>
      <c r="AE2452" s="1"/>
    </row>
    <row r="2453" spans="1:31" ht="14.45">
      <c r="A2453" s="11"/>
      <c r="B2453" s="20"/>
      <c r="C2453" s="2" t="s">
        <v>7812</v>
      </c>
      <c r="D2453" s="14" t="s">
        <v>7813</v>
      </c>
      <c r="E2453" s="2" t="s">
        <v>7814</v>
      </c>
      <c r="F2453" s="2" t="s">
        <v>1851</v>
      </c>
      <c r="G2453" s="8">
        <v>94</v>
      </c>
      <c r="H2453" s="5">
        <v>13</v>
      </c>
      <c r="I2453" s="5" t="s">
        <v>1518</v>
      </c>
      <c r="J2453" s="5" t="s">
        <v>1519</v>
      </c>
      <c r="K2453" s="2" t="s">
        <v>1520</v>
      </c>
      <c r="L2453" s="5" t="s">
        <v>1519</v>
      </c>
      <c r="M2453" s="2" t="s">
        <v>1520</v>
      </c>
      <c r="N2453" s="5" t="s">
        <v>1521</v>
      </c>
      <c r="O2453" s="5" t="s">
        <v>38</v>
      </c>
      <c r="P2453" s="5" t="s">
        <v>39</v>
      </c>
      <c r="Q2453" s="5" t="s">
        <v>40</v>
      </c>
      <c r="R2453" s="5" t="s">
        <v>1522</v>
      </c>
      <c r="S2453" s="5" t="s">
        <v>1523</v>
      </c>
      <c r="T2453" s="5" t="s">
        <v>42</v>
      </c>
      <c r="U2453" s="2">
        <v>1.18</v>
      </c>
      <c r="V2453" s="2">
        <v>0.92200000000000004</v>
      </c>
      <c r="W2453" s="2">
        <v>6.0000000000000001E-3</v>
      </c>
      <c r="X2453" s="2">
        <v>76.900000000000006</v>
      </c>
      <c r="Y2453" s="2">
        <v>7.6</v>
      </c>
      <c r="Z2453" s="2">
        <v>10.6</v>
      </c>
      <c r="AA2453" s="5"/>
      <c r="AB2453" s="5" t="s">
        <v>43</v>
      </c>
      <c r="AC2453" s="5" t="s">
        <v>44</v>
      </c>
      <c r="AD2453" s="2"/>
      <c r="AE2453" s="1"/>
    </row>
    <row r="2454" spans="1:31" ht="14.45">
      <c r="A2454" s="11"/>
      <c r="B2454" s="20"/>
      <c r="C2454" s="2" t="s">
        <v>7815</v>
      </c>
      <c r="D2454" s="14" t="s">
        <v>7816</v>
      </c>
      <c r="E2454" s="2" t="s">
        <v>7817</v>
      </c>
      <c r="F2454" s="2" t="s">
        <v>1999</v>
      </c>
      <c r="G2454" s="8">
        <v>94</v>
      </c>
      <c r="H2454" s="5">
        <v>13</v>
      </c>
      <c r="I2454" s="5" t="s">
        <v>1518</v>
      </c>
      <c r="J2454" s="5" t="s">
        <v>1519</v>
      </c>
      <c r="K2454" s="2" t="s">
        <v>1520</v>
      </c>
      <c r="L2454" s="5" t="s">
        <v>1519</v>
      </c>
      <c r="M2454" s="2" t="s">
        <v>1520</v>
      </c>
      <c r="N2454" s="5" t="s">
        <v>1521</v>
      </c>
      <c r="O2454" s="5" t="s">
        <v>38</v>
      </c>
      <c r="P2454" s="5" t="s">
        <v>39</v>
      </c>
      <c r="Q2454" s="5" t="s">
        <v>40</v>
      </c>
      <c r="R2454" s="5" t="s">
        <v>1522</v>
      </c>
      <c r="S2454" s="5" t="s">
        <v>1523</v>
      </c>
      <c r="T2454" s="5" t="s">
        <v>42</v>
      </c>
      <c r="U2454" s="2">
        <v>1.2070000000000001</v>
      </c>
      <c r="V2454" s="2">
        <v>0.94899999999999995</v>
      </c>
      <c r="W2454" s="2">
        <v>6.0000000000000001E-3</v>
      </c>
      <c r="X2454" s="2">
        <v>76.900000000000006</v>
      </c>
      <c r="Y2454" s="2">
        <v>7.6</v>
      </c>
      <c r="Z2454" s="2">
        <v>10.6</v>
      </c>
      <c r="AA2454" s="5"/>
      <c r="AB2454" s="5" t="s">
        <v>43</v>
      </c>
      <c r="AC2454" s="5" t="s">
        <v>44</v>
      </c>
      <c r="AD2454" s="2"/>
      <c r="AE2454" s="1"/>
    </row>
    <row r="2455" spans="1:31" ht="14.45">
      <c r="A2455" s="11"/>
      <c r="B2455" s="20"/>
      <c r="C2455" s="2" t="s">
        <v>7818</v>
      </c>
      <c r="D2455" s="14" t="s">
        <v>7819</v>
      </c>
      <c r="E2455" s="2" t="s">
        <v>7820</v>
      </c>
      <c r="F2455" s="2" t="s">
        <v>1855</v>
      </c>
      <c r="G2455" s="8">
        <v>94</v>
      </c>
      <c r="H2455" s="5">
        <v>13</v>
      </c>
      <c r="I2455" s="5" t="s">
        <v>1518</v>
      </c>
      <c r="J2455" s="5" t="s">
        <v>1519</v>
      </c>
      <c r="K2455" s="2" t="s">
        <v>1520</v>
      </c>
      <c r="L2455" s="5" t="s">
        <v>1519</v>
      </c>
      <c r="M2455" s="2" t="s">
        <v>1520</v>
      </c>
      <c r="N2455" s="5" t="s">
        <v>1521</v>
      </c>
      <c r="O2455" s="5" t="s">
        <v>38</v>
      </c>
      <c r="P2455" s="5" t="s">
        <v>39</v>
      </c>
      <c r="Q2455" s="5" t="s">
        <v>40</v>
      </c>
      <c r="R2455" s="5" t="s">
        <v>1522</v>
      </c>
      <c r="S2455" s="5" t="s">
        <v>1523</v>
      </c>
      <c r="T2455" s="5" t="s">
        <v>42</v>
      </c>
      <c r="U2455" s="2">
        <v>1.18</v>
      </c>
      <c r="V2455" s="2">
        <v>0.92200000000000004</v>
      </c>
      <c r="W2455" s="2">
        <v>6.0000000000000001E-3</v>
      </c>
      <c r="X2455" s="2">
        <v>76.900000000000006</v>
      </c>
      <c r="Y2455" s="2">
        <v>7.6</v>
      </c>
      <c r="Z2455" s="2">
        <v>10.6</v>
      </c>
      <c r="AA2455" s="5"/>
      <c r="AB2455" s="5" t="s">
        <v>43</v>
      </c>
      <c r="AC2455" s="5" t="s">
        <v>44</v>
      </c>
      <c r="AD2455" s="2"/>
      <c r="AE2455" s="1"/>
    </row>
    <row r="2456" spans="1:31" ht="14.45">
      <c r="A2456" s="11"/>
      <c r="B2456" s="20"/>
      <c r="C2456" s="2" t="s">
        <v>7821</v>
      </c>
      <c r="D2456" s="14" t="s">
        <v>7822</v>
      </c>
      <c r="E2456" s="2" t="s">
        <v>7823</v>
      </c>
      <c r="F2456" s="2" t="s">
        <v>1859</v>
      </c>
      <c r="G2456" s="8">
        <v>94</v>
      </c>
      <c r="H2456" s="5">
        <v>13</v>
      </c>
      <c r="I2456" s="5" t="s">
        <v>1518</v>
      </c>
      <c r="J2456" s="5" t="s">
        <v>1519</v>
      </c>
      <c r="K2456" s="2" t="s">
        <v>1520</v>
      </c>
      <c r="L2456" s="5" t="s">
        <v>1519</v>
      </c>
      <c r="M2456" s="2" t="s">
        <v>1520</v>
      </c>
      <c r="N2456" s="5" t="s">
        <v>1521</v>
      </c>
      <c r="O2456" s="5" t="s">
        <v>38</v>
      </c>
      <c r="P2456" s="5" t="s">
        <v>39</v>
      </c>
      <c r="Q2456" s="5" t="s">
        <v>40</v>
      </c>
      <c r="R2456" s="5" t="s">
        <v>1522</v>
      </c>
      <c r="S2456" s="5" t="s">
        <v>1523</v>
      </c>
      <c r="T2456" s="5" t="s">
        <v>42</v>
      </c>
      <c r="U2456" s="2">
        <v>1.2070000000000001</v>
      </c>
      <c r="V2456" s="2">
        <v>0.94899999999999995</v>
      </c>
      <c r="W2456" s="2">
        <v>6.0000000000000001E-3</v>
      </c>
      <c r="X2456" s="2">
        <v>76.900000000000006</v>
      </c>
      <c r="Y2456" s="2">
        <v>7.6</v>
      </c>
      <c r="Z2456" s="2">
        <v>10.6</v>
      </c>
      <c r="AA2456" s="5"/>
      <c r="AB2456" s="5" t="s">
        <v>43</v>
      </c>
      <c r="AC2456" s="5" t="s">
        <v>44</v>
      </c>
      <c r="AD2456" s="2"/>
      <c r="AE2456" s="1"/>
    </row>
    <row r="2457" spans="1:31" ht="14.45">
      <c r="A2457" s="11"/>
      <c r="B2457" s="20"/>
      <c r="C2457" s="2" t="s">
        <v>7824</v>
      </c>
      <c r="D2457" s="14" t="s">
        <v>7825</v>
      </c>
      <c r="E2457" s="2" t="s">
        <v>7826</v>
      </c>
      <c r="F2457" s="2" t="s">
        <v>1863</v>
      </c>
      <c r="G2457" s="8">
        <v>94</v>
      </c>
      <c r="H2457" s="5">
        <v>11</v>
      </c>
      <c r="I2457" s="5" t="s">
        <v>1518</v>
      </c>
      <c r="J2457" s="5" t="s">
        <v>1519</v>
      </c>
      <c r="K2457" s="2" t="s">
        <v>1520</v>
      </c>
      <c r="L2457" s="5" t="s">
        <v>1519</v>
      </c>
      <c r="M2457" s="2" t="s">
        <v>1520</v>
      </c>
      <c r="N2457" s="5" t="s">
        <v>1521</v>
      </c>
      <c r="O2457" s="5" t="s">
        <v>38</v>
      </c>
      <c r="P2457" s="5" t="s">
        <v>39</v>
      </c>
      <c r="Q2457" s="5" t="s">
        <v>40</v>
      </c>
      <c r="R2457" s="5" t="s">
        <v>1522</v>
      </c>
      <c r="S2457" s="5" t="s">
        <v>1523</v>
      </c>
      <c r="T2457" s="5" t="s">
        <v>42</v>
      </c>
      <c r="U2457" s="2">
        <v>1.1439999999999999</v>
      </c>
      <c r="V2457" s="2">
        <v>0.88400000000000001</v>
      </c>
      <c r="W2457" s="2">
        <v>6.0000000000000001E-3</v>
      </c>
      <c r="X2457" s="2">
        <v>76.900000000000006</v>
      </c>
      <c r="Y2457" s="2">
        <v>7.6</v>
      </c>
      <c r="Z2457" s="2">
        <v>10.6</v>
      </c>
      <c r="AA2457" s="5"/>
      <c r="AB2457" s="5" t="s">
        <v>43</v>
      </c>
      <c r="AC2457" s="5" t="s">
        <v>44</v>
      </c>
      <c r="AD2457" s="2"/>
      <c r="AE2457" s="1"/>
    </row>
    <row r="2458" spans="1:31" ht="14.45">
      <c r="A2458" s="11"/>
      <c r="B2458" s="20"/>
      <c r="C2458" s="2" t="s">
        <v>7827</v>
      </c>
      <c r="D2458" s="14" t="s">
        <v>7828</v>
      </c>
      <c r="E2458" s="2" t="s">
        <v>7829</v>
      </c>
      <c r="F2458" s="2" t="s">
        <v>1867</v>
      </c>
      <c r="G2458" s="8">
        <v>94</v>
      </c>
      <c r="H2458" s="5">
        <v>11</v>
      </c>
      <c r="I2458" s="5" t="s">
        <v>1518</v>
      </c>
      <c r="J2458" s="5" t="s">
        <v>1519</v>
      </c>
      <c r="K2458" s="2" t="s">
        <v>1520</v>
      </c>
      <c r="L2458" s="5" t="s">
        <v>1519</v>
      </c>
      <c r="M2458" s="2" t="s">
        <v>1520</v>
      </c>
      <c r="N2458" s="5" t="s">
        <v>1521</v>
      </c>
      <c r="O2458" s="5" t="s">
        <v>38</v>
      </c>
      <c r="P2458" s="5" t="s">
        <v>39</v>
      </c>
      <c r="Q2458" s="5" t="s">
        <v>40</v>
      </c>
      <c r="R2458" s="5" t="s">
        <v>1522</v>
      </c>
      <c r="S2458" s="5" t="s">
        <v>1523</v>
      </c>
      <c r="T2458" s="5" t="s">
        <v>42</v>
      </c>
      <c r="U2458" s="2">
        <v>1.171</v>
      </c>
      <c r="V2458" s="2">
        <v>0.91100000000000003</v>
      </c>
      <c r="W2458" s="2">
        <v>6.0000000000000001E-3</v>
      </c>
      <c r="X2458" s="2">
        <v>76.900000000000006</v>
      </c>
      <c r="Y2458" s="2">
        <v>7.6</v>
      </c>
      <c r="Z2458" s="2">
        <v>10.6</v>
      </c>
      <c r="AA2458" s="5"/>
      <c r="AB2458" s="5" t="s">
        <v>43</v>
      </c>
      <c r="AC2458" s="5" t="s">
        <v>44</v>
      </c>
      <c r="AD2458" s="2"/>
      <c r="AE2458" s="1"/>
    </row>
    <row r="2459" spans="1:31" ht="14.45">
      <c r="A2459" s="11"/>
      <c r="B2459" s="20"/>
      <c r="C2459" s="2" t="s">
        <v>7830</v>
      </c>
      <c r="D2459" s="14" t="s">
        <v>7831</v>
      </c>
      <c r="E2459" s="2" t="s">
        <v>7832</v>
      </c>
      <c r="F2459" s="2" t="s">
        <v>7396</v>
      </c>
      <c r="G2459" s="8">
        <v>91</v>
      </c>
      <c r="H2459" s="5">
        <v>5</v>
      </c>
      <c r="I2459" s="5" t="s">
        <v>1518</v>
      </c>
      <c r="J2459" s="5" t="s">
        <v>1519</v>
      </c>
      <c r="K2459" s="2" t="s">
        <v>1520</v>
      </c>
      <c r="L2459" s="5" t="s">
        <v>1519</v>
      </c>
      <c r="M2459" s="2" t="s">
        <v>1520</v>
      </c>
      <c r="N2459" s="5" t="s">
        <v>1521</v>
      </c>
      <c r="O2459" s="5" t="s">
        <v>38</v>
      </c>
      <c r="P2459" s="5" t="s">
        <v>39</v>
      </c>
      <c r="Q2459" s="5" t="s">
        <v>40</v>
      </c>
      <c r="R2459" s="5" t="s">
        <v>1522</v>
      </c>
      <c r="S2459" s="5" t="s">
        <v>1523</v>
      </c>
      <c r="T2459" s="5" t="s">
        <v>42</v>
      </c>
      <c r="U2459" s="2">
        <v>1.3540000000000001</v>
      </c>
      <c r="V2459" s="2">
        <v>0.99199999999999999</v>
      </c>
      <c r="W2459" s="2">
        <v>8.0000000000000002E-3</v>
      </c>
      <c r="X2459" s="2">
        <v>99.1</v>
      </c>
      <c r="Y2459" s="2">
        <v>7.6</v>
      </c>
      <c r="Z2459" s="2">
        <v>10.6</v>
      </c>
      <c r="AA2459" s="5"/>
      <c r="AB2459" s="5" t="s">
        <v>43</v>
      </c>
      <c r="AC2459" s="5" t="s">
        <v>44</v>
      </c>
      <c r="AD2459" s="2"/>
      <c r="AE2459" s="1"/>
    </row>
    <row r="2460" spans="1:31" ht="14.45">
      <c r="A2460" s="11"/>
      <c r="B2460" s="20"/>
      <c r="C2460" s="2" t="s">
        <v>7833</v>
      </c>
      <c r="D2460" s="14" t="s">
        <v>7834</v>
      </c>
      <c r="E2460" s="2" t="s">
        <v>7835</v>
      </c>
      <c r="F2460" s="2" t="s">
        <v>7507</v>
      </c>
      <c r="G2460" s="8">
        <v>91</v>
      </c>
      <c r="H2460" s="5">
        <v>5</v>
      </c>
      <c r="I2460" s="5" t="s">
        <v>1518</v>
      </c>
      <c r="J2460" s="5" t="s">
        <v>1519</v>
      </c>
      <c r="K2460" s="2" t="s">
        <v>1520</v>
      </c>
      <c r="L2460" s="5" t="s">
        <v>1519</v>
      </c>
      <c r="M2460" s="2" t="s">
        <v>1520</v>
      </c>
      <c r="N2460" s="5" t="s">
        <v>1521</v>
      </c>
      <c r="O2460" s="5" t="s">
        <v>38</v>
      </c>
      <c r="P2460" s="5" t="s">
        <v>39</v>
      </c>
      <c r="Q2460" s="5" t="s">
        <v>40</v>
      </c>
      <c r="R2460" s="5" t="s">
        <v>1522</v>
      </c>
      <c r="S2460" s="5" t="s">
        <v>1523</v>
      </c>
      <c r="T2460" s="5" t="s">
        <v>42</v>
      </c>
      <c r="U2460" s="2">
        <v>1.3859999999999999</v>
      </c>
      <c r="V2460" s="2">
        <v>1.024</v>
      </c>
      <c r="W2460" s="2">
        <v>8.0000000000000002E-3</v>
      </c>
      <c r="X2460" s="2">
        <v>99.1</v>
      </c>
      <c r="Y2460" s="2">
        <v>7.6</v>
      </c>
      <c r="Z2460" s="2">
        <v>10.6</v>
      </c>
      <c r="AA2460" s="5"/>
      <c r="AB2460" s="5" t="s">
        <v>43</v>
      </c>
      <c r="AC2460" s="5" t="s">
        <v>44</v>
      </c>
      <c r="AD2460" s="2"/>
      <c r="AE2460" s="1"/>
    </row>
    <row r="2461" spans="1:31" ht="14.45">
      <c r="A2461" s="11"/>
      <c r="B2461" s="20"/>
      <c r="C2461" s="2" t="s">
        <v>7836</v>
      </c>
      <c r="D2461" s="14" t="s">
        <v>7837</v>
      </c>
      <c r="E2461" s="2" t="s">
        <v>7838</v>
      </c>
      <c r="F2461" s="2" t="s">
        <v>7204</v>
      </c>
      <c r="G2461" s="8">
        <v>91</v>
      </c>
      <c r="H2461" s="5">
        <v>5</v>
      </c>
      <c r="I2461" s="5" t="s">
        <v>1518</v>
      </c>
      <c r="J2461" s="5" t="s">
        <v>1519</v>
      </c>
      <c r="K2461" s="2" t="s">
        <v>1520</v>
      </c>
      <c r="L2461" s="5" t="s">
        <v>1519</v>
      </c>
      <c r="M2461" s="2" t="s">
        <v>1520</v>
      </c>
      <c r="N2461" s="5" t="s">
        <v>1521</v>
      </c>
      <c r="O2461" s="5" t="s">
        <v>38</v>
      </c>
      <c r="P2461" s="5" t="s">
        <v>39</v>
      </c>
      <c r="Q2461" s="5" t="s">
        <v>40</v>
      </c>
      <c r="R2461" s="5" t="s">
        <v>1522</v>
      </c>
      <c r="S2461" s="5" t="s">
        <v>1523</v>
      </c>
      <c r="T2461" s="5" t="s">
        <v>42</v>
      </c>
      <c r="U2461" s="2">
        <v>1.357</v>
      </c>
      <c r="V2461" s="2">
        <v>0.995</v>
      </c>
      <c r="W2461" s="2">
        <v>8.0000000000000002E-3</v>
      </c>
      <c r="X2461" s="2">
        <v>99.1</v>
      </c>
      <c r="Y2461" s="2">
        <v>7.6</v>
      </c>
      <c r="Z2461" s="2">
        <v>10.6</v>
      </c>
      <c r="AA2461" s="5"/>
      <c r="AB2461" s="5" t="s">
        <v>43</v>
      </c>
      <c r="AC2461" s="5" t="s">
        <v>44</v>
      </c>
      <c r="AD2461" s="2"/>
      <c r="AE2461" s="1"/>
    </row>
    <row r="2462" spans="1:31" ht="14.45">
      <c r="A2462" s="11"/>
      <c r="B2462" s="20"/>
      <c r="C2462" s="2" t="s">
        <v>7839</v>
      </c>
      <c r="D2462" s="14" t="s">
        <v>7840</v>
      </c>
      <c r="E2462" s="2" t="s">
        <v>7841</v>
      </c>
      <c r="F2462" s="2" t="s">
        <v>7514</v>
      </c>
      <c r="G2462" s="8">
        <v>91</v>
      </c>
      <c r="H2462" s="5">
        <v>5</v>
      </c>
      <c r="I2462" s="5" t="s">
        <v>1518</v>
      </c>
      <c r="J2462" s="5" t="s">
        <v>1519</v>
      </c>
      <c r="K2462" s="2" t="s">
        <v>1520</v>
      </c>
      <c r="L2462" s="5" t="s">
        <v>1519</v>
      </c>
      <c r="M2462" s="2" t="s">
        <v>1520</v>
      </c>
      <c r="N2462" s="5" t="s">
        <v>1521</v>
      </c>
      <c r="O2462" s="5" t="s">
        <v>38</v>
      </c>
      <c r="P2462" s="5" t="s">
        <v>39</v>
      </c>
      <c r="Q2462" s="5" t="s">
        <v>40</v>
      </c>
      <c r="R2462" s="5" t="s">
        <v>1522</v>
      </c>
      <c r="S2462" s="5" t="s">
        <v>1523</v>
      </c>
      <c r="T2462" s="5" t="s">
        <v>42</v>
      </c>
      <c r="U2462" s="2">
        <v>1.389</v>
      </c>
      <c r="V2462" s="2">
        <v>1.0269999999999999</v>
      </c>
      <c r="W2462" s="2">
        <v>8.0000000000000002E-3</v>
      </c>
      <c r="X2462" s="2">
        <v>99.1</v>
      </c>
      <c r="Y2462" s="2">
        <v>7.6</v>
      </c>
      <c r="Z2462" s="2">
        <v>10.6</v>
      </c>
      <c r="AA2462" s="5"/>
      <c r="AB2462" s="5" t="s">
        <v>43</v>
      </c>
      <c r="AC2462" s="5" t="s">
        <v>44</v>
      </c>
      <c r="AD2462" s="2"/>
      <c r="AE2462" s="1"/>
    </row>
    <row r="2463" spans="1:31" ht="14.45">
      <c r="A2463" s="11"/>
      <c r="B2463" s="20"/>
      <c r="C2463" s="2" t="s">
        <v>7842</v>
      </c>
      <c r="D2463" s="14" t="s">
        <v>7843</v>
      </c>
      <c r="E2463" s="2" t="s">
        <v>7844</v>
      </c>
      <c r="F2463" s="2" t="s">
        <v>7208</v>
      </c>
      <c r="G2463" s="8">
        <v>91</v>
      </c>
      <c r="H2463" s="5">
        <v>5</v>
      </c>
      <c r="I2463" s="5" t="s">
        <v>1518</v>
      </c>
      <c r="J2463" s="5" t="s">
        <v>1519</v>
      </c>
      <c r="K2463" s="2" t="s">
        <v>1520</v>
      </c>
      <c r="L2463" s="5" t="s">
        <v>1519</v>
      </c>
      <c r="M2463" s="2" t="s">
        <v>1520</v>
      </c>
      <c r="N2463" s="5" t="s">
        <v>1521</v>
      </c>
      <c r="O2463" s="5" t="s">
        <v>38</v>
      </c>
      <c r="P2463" s="5" t="s">
        <v>39</v>
      </c>
      <c r="Q2463" s="5" t="s">
        <v>40</v>
      </c>
      <c r="R2463" s="5" t="s">
        <v>1522</v>
      </c>
      <c r="S2463" s="5" t="s">
        <v>1523</v>
      </c>
      <c r="T2463" s="5" t="s">
        <v>42</v>
      </c>
      <c r="U2463" s="2">
        <v>1.357</v>
      </c>
      <c r="V2463" s="2">
        <v>0.995</v>
      </c>
      <c r="W2463" s="2">
        <v>8.0000000000000002E-3</v>
      </c>
      <c r="X2463" s="2">
        <v>99.1</v>
      </c>
      <c r="Y2463" s="2">
        <v>7.6</v>
      </c>
      <c r="Z2463" s="2">
        <v>10.6</v>
      </c>
      <c r="AA2463" s="5"/>
      <c r="AB2463" s="5" t="s">
        <v>43</v>
      </c>
      <c r="AC2463" s="5" t="s">
        <v>44</v>
      </c>
      <c r="AD2463" s="2"/>
      <c r="AE2463" s="1"/>
    </row>
    <row r="2464" spans="1:31" ht="14.45">
      <c r="A2464" s="11"/>
      <c r="B2464" s="20"/>
      <c r="C2464" s="2" t="s">
        <v>7845</v>
      </c>
      <c r="D2464" s="14" t="s">
        <v>7846</v>
      </c>
      <c r="E2464" s="2" t="s">
        <v>7847</v>
      </c>
      <c r="F2464" s="2" t="s">
        <v>7521</v>
      </c>
      <c r="G2464" s="8">
        <v>91</v>
      </c>
      <c r="H2464" s="5">
        <v>5</v>
      </c>
      <c r="I2464" s="5" t="s">
        <v>1518</v>
      </c>
      <c r="J2464" s="5" t="s">
        <v>1519</v>
      </c>
      <c r="K2464" s="2" t="s">
        <v>1520</v>
      </c>
      <c r="L2464" s="5" t="s">
        <v>1519</v>
      </c>
      <c r="M2464" s="2" t="s">
        <v>1520</v>
      </c>
      <c r="N2464" s="5" t="s">
        <v>1521</v>
      </c>
      <c r="O2464" s="5" t="s">
        <v>38</v>
      </c>
      <c r="P2464" s="5" t="s">
        <v>39</v>
      </c>
      <c r="Q2464" s="5" t="s">
        <v>40</v>
      </c>
      <c r="R2464" s="5" t="s">
        <v>1522</v>
      </c>
      <c r="S2464" s="5" t="s">
        <v>1523</v>
      </c>
      <c r="T2464" s="5" t="s">
        <v>42</v>
      </c>
      <c r="U2464" s="2">
        <v>1.389</v>
      </c>
      <c r="V2464" s="2">
        <v>1.0269999999999999</v>
      </c>
      <c r="W2464" s="2">
        <v>8.0000000000000002E-3</v>
      </c>
      <c r="X2464" s="2">
        <v>99.1</v>
      </c>
      <c r="Y2464" s="2">
        <v>7.6</v>
      </c>
      <c r="Z2464" s="2">
        <v>10.6</v>
      </c>
      <c r="AA2464" s="5"/>
      <c r="AB2464" s="5" t="s">
        <v>43</v>
      </c>
      <c r="AC2464" s="5" t="s">
        <v>44</v>
      </c>
      <c r="AD2464" s="2"/>
      <c r="AE2464" s="1"/>
    </row>
    <row r="2465" spans="1:31" ht="14.45">
      <c r="A2465" s="11"/>
      <c r="B2465" s="20"/>
      <c r="C2465" s="2" t="s">
        <v>7848</v>
      </c>
      <c r="D2465" s="14" t="s">
        <v>7849</v>
      </c>
      <c r="E2465" s="2" t="s">
        <v>7850</v>
      </c>
      <c r="F2465" s="2" t="s">
        <v>7212</v>
      </c>
      <c r="G2465" s="8">
        <v>91</v>
      </c>
      <c r="H2465" s="5">
        <v>5</v>
      </c>
      <c r="I2465" s="5" t="s">
        <v>1518</v>
      </c>
      <c r="J2465" s="5" t="s">
        <v>1519</v>
      </c>
      <c r="K2465" s="2" t="s">
        <v>1520</v>
      </c>
      <c r="L2465" s="5" t="s">
        <v>1519</v>
      </c>
      <c r="M2465" s="2" t="s">
        <v>1520</v>
      </c>
      <c r="N2465" s="5" t="s">
        <v>1521</v>
      </c>
      <c r="O2465" s="5" t="s">
        <v>38</v>
      </c>
      <c r="P2465" s="5" t="s">
        <v>39</v>
      </c>
      <c r="Q2465" s="5" t="s">
        <v>40</v>
      </c>
      <c r="R2465" s="5" t="s">
        <v>1522</v>
      </c>
      <c r="S2465" s="5" t="s">
        <v>1523</v>
      </c>
      <c r="T2465" s="5" t="s">
        <v>42</v>
      </c>
      <c r="U2465" s="2">
        <v>1.345</v>
      </c>
      <c r="V2465" s="2">
        <v>0.98299999999999998</v>
      </c>
      <c r="W2465" s="2">
        <v>8.0000000000000002E-3</v>
      </c>
      <c r="X2465" s="2">
        <v>99.1</v>
      </c>
      <c r="Y2465" s="2">
        <v>7.6</v>
      </c>
      <c r="Z2465" s="2">
        <v>10.6</v>
      </c>
      <c r="AA2465" s="5"/>
      <c r="AB2465" s="5" t="s">
        <v>43</v>
      </c>
      <c r="AC2465" s="5" t="s">
        <v>44</v>
      </c>
      <c r="AD2465" s="2"/>
      <c r="AE2465" s="1"/>
    </row>
    <row r="2466" spans="1:31" ht="14.45">
      <c r="A2466" s="11"/>
      <c r="B2466" s="20"/>
      <c r="C2466" s="2" t="s">
        <v>7851</v>
      </c>
      <c r="D2466" s="14" t="s">
        <v>7852</v>
      </c>
      <c r="E2466" s="2" t="s">
        <v>7853</v>
      </c>
      <c r="F2466" s="2" t="s">
        <v>7528</v>
      </c>
      <c r="G2466" s="8">
        <v>91</v>
      </c>
      <c r="H2466" s="5">
        <v>5</v>
      </c>
      <c r="I2466" s="5" t="s">
        <v>1518</v>
      </c>
      <c r="J2466" s="5" t="s">
        <v>1519</v>
      </c>
      <c r="K2466" s="2" t="s">
        <v>1520</v>
      </c>
      <c r="L2466" s="5" t="s">
        <v>1519</v>
      </c>
      <c r="M2466" s="2" t="s">
        <v>1520</v>
      </c>
      <c r="N2466" s="5" t="s">
        <v>1521</v>
      </c>
      <c r="O2466" s="5" t="s">
        <v>38</v>
      </c>
      <c r="P2466" s="5" t="s">
        <v>39</v>
      </c>
      <c r="Q2466" s="5" t="s">
        <v>40</v>
      </c>
      <c r="R2466" s="5" t="s">
        <v>1522</v>
      </c>
      <c r="S2466" s="5" t="s">
        <v>1523</v>
      </c>
      <c r="T2466" s="5" t="s">
        <v>42</v>
      </c>
      <c r="U2466" s="2">
        <v>1.377</v>
      </c>
      <c r="V2466" s="2">
        <v>1.0149999999999999</v>
      </c>
      <c r="W2466" s="2">
        <v>8.0000000000000002E-3</v>
      </c>
      <c r="X2466" s="2">
        <v>99.1</v>
      </c>
      <c r="Y2466" s="2">
        <v>7.6</v>
      </c>
      <c r="Z2466" s="2">
        <v>10.6</v>
      </c>
      <c r="AA2466" s="5"/>
      <c r="AB2466" s="5" t="s">
        <v>43</v>
      </c>
      <c r="AC2466" s="5" t="s">
        <v>44</v>
      </c>
      <c r="AD2466" s="2"/>
      <c r="AE2466" s="1"/>
    </row>
    <row r="2467" spans="1:31" ht="14.45">
      <c r="A2467" s="11"/>
      <c r="B2467" s="20"/>
      <c r="C2467" s="2" t="s">
        <v>7854</v>
      </c>
      <c r="D2467" s="14" t="s">
        <v>7855</v>
      </c>
      <c r="E2467" s="2" t="s">
        <v>7856</v>
      </c>
      <c r="F2467" s="2" t="s">
        <v>7406</v>
      </c>
      <c r="G2467" s="8">
        <v>105</v>
      </c>
      <c r="H2467" s="5">
        <v>6</v>
      </c>
      <c r="I2467" s="5" t="s">
        <v>1518</v>
      </c>
      <c r="J2467" s="5" t="s">
        <v>1519</v>
      </c>
      <c r="K2467" s="2" t="s">
        <v>1520</v>
      </c>
      <c r="L2467" s="5" t="s">
        <v>1519</v>
      </c>
      <c r="M2467" s="2" t="s">
        <v>1520</v>
      </c>
      <c r="N2467" s="5" t="s">
        <v>1521</v>
      </c>
      <c r="O2467" s="5" t="s">
        <v>38</v>
      </c>
      <c r="P2467" s="5" t="s">
        <v>39</v>
      </c>
      <c r="Q2467" s="5" t="s">
        <v>40</v>
      </c>
      <c r="R2467" s="5" t="s">
        <v>1522</v>
      </c>
      <c r="S2467" s="5" t="s">
        <v>1523</v>
      </c>
      <c r="T2467" s="5" t="s">
        <v>42</v>
      </c>
      <c r="U2467" s="2">
        <v>1.345</v>
      </c>
      <c r="V2467" s="2">
        <v>0.98299999999999998</v>
      </c>
      <c r="W2467" s="2">
        <v>8.0000000000000002E-3</v>
      </c>
      <c r="X2467" s="2">
        <v>99.1</v>
      </c>
      <c r="Y2467" s="2">
        <v>7.6</v>
      </c>
      <c r="Z2467" s="2">
        <v>10.6</v>
      </c>
      <c r="AA2467" s="5"/>
      <c r="AB2467" s="5" t="s">
        <v>43</v>
      </c>
      <c r="AC2467" s="5" t="s">
        <v>44</v>
      </c>
      <c r="AD2467" s="2"/>
      <c r="AE2467" s="1"/>
    </row>
    <row r="2468" spans="1:31" ht="14.45">
      <c r="A2468" s="11"/>
      <c r="B2468" s="20"/>
      <c r="C2468" s="2" t="s">
        <v>7857</v>
      </c>
      <c r="D2468" s="14" t="s">
        <v>7858</v>
      </c>
      <c r="E2468" s="2" t="s">
        <v>7859</v>
      </c>
      <c r="F2468" s="2" t="s">
        <v>7535</v>
      </c>
      <c r="G2468" s="8">
        <v>105</v>
      </c>
      <c r="H2468" s="5">
        <v>6</v>
      </c>
      <c r="I2468" s="5" t="s">
        <v>1518</v>
      </c>
      <c r="J2468" s="5" t="s">
        <v>1519</v>
      </c>
      <c r="K2468" s="2" t="s">
        <v>1520</v>
      </c>
      <c r="L2468" s="5" t="s">
        <v>1519</v>
      </c>
      <c r="M2468" s="2" t="s">
        <v>1520</v>
      </c>
      <c r="N2468" s="5" t="s">
        <v>1521</v>
      </c>
      <c r="O2468" s="5" t="s">
        <v>38</v>
      </c>
      <c r="P2468" s="5" t="s">
        <v>39</v>
      </c>
      <c r="Q2468" s="5" t="s">
        <v>40</v>
      </c>
      <c r="R2468" s="5" t="s">
        <v>1522</v>
      </c>
      <c r="S2468" s="5" t="s">
        <v>1523</v>
      </c>
      <c r="T2468" s="5" t="s">
        <v>42</v>
      </c>
      <c r="U2468" s="2">
        <v>1.377</v>
      </c>
      <c r="V2468" s="2">
        <v>1.0149999999999999</v>
      </c>
      <c r="W2468" s="2">
        <v>8.0000000000000002E-3</v>
      </c>
      <c r="X2468" s="2">
        <v>99.1</v>
      </c>
      <c r="Y2468" s="2">
        <v>7.6</v>
      </c>
      <c r="Z2468" s="2">
        <v>10.6</v>
      </c>
      <c r="AA2468" s="5"/>
      <c r="AB2468" s="5" t="s">
        <v>43</v>
      </c>
      <c r="AC2468" s="5" t="s">
        <v>44</v>
      </c>
      <c r="AD2468" s="2"/>
      <c r="AE2468" s="1"/>
    </row>
    <row r="2469" spans="1:31" ht="14.45">
      <c r="A2469" s="11"/>
      <c r="B2469" s="20"/>
      <c r="C2469" s="2" t="s">
        <v>7860</v>
      </c>
      <c r="D2469" s="14" t="s">
        <v>7861</v>
      </c>
      <c r="E2469" s="2" t="s">
        <v>7862</v>
      </c>
      <c r="F2469" s="2" t="s">
        <v>7539</v>
      </c>
      <c r="G2469" s="8">
        <v>105</v>
      </c>
      <c r="H2469" s="5">
        <v>6</v>
      </c>
      <c r="I2469" s="5" t="s">
        <v>1518</v>
      </c>
      <c r="J2469" s="5" t="s">
        <v>1519</v>
      </c>
      <c r="K2469" s="2" t="s">
        <v>1520</v>
      </c>
      <c r="L2469" s="5" t="s">
        <v>1519</v>
      </c>
      <c r="M2469" s="2" t="s">
        <v>1520</v>
      </c>
      <c r="N2469" s="5" t="s">
        <v>1521</v>
      </c>
      <c r="O2469" s="5" t="s">
        <v>38</v>
      </c>
      <c r="P2469" s="5" t="s">
        <v>39</v>
      </c>
      <c r="Q2469" s="5" t="s">
        <v>40</v>
      </c>
      <c r="R2469" s="5" t="s">
        <v>1522</v>
      </c>
      <c r="S2469" s="5" t="s">
        <v>1523</v>
      </c>
      <c r="T2469" s="5" t="s">
        <v>42</v>
      </c>
      <c r="U2469" s="2">
        <v>1.357</v>
      </c>
      <c r="V2469" s="2">
        <v>0.995</v>
      </c>
      <c r="W2469" s="2">
        <v>8.0000000000000002E-3</v>
      </c>
      <c r="X2469" s="2">
        <v>99.1</v>
      </c>
      <c r="Y2469" s="2">
        <v>7.6</v>
      </c>
      <c r="Z2469" s="2">
        <v>10.6</v>
      </c>
      <c r="AA2469" s="5"/>
      <c r="AB2469" s="5" t="s">
        <v>43</v>
      </c>
      <c r="AC2469" s="5" t="s">
        <v>44</v>
      </c>
      <c r="AD2469" s="2"/>
      <c r="AE2469" s="1"/>
    </row>
    <row r="2470" spans="1:31" ht="14.45">
      <c r="A2470" s="11"/>
      <c r="B2470" s="20"/>
      <c r="C2470" s="2" t="s">
        <v>7863</v>
      </c>
      <c r="D2470" s="14" t="s">
        <v>7864</v>
      </c>
      <c r="E2470" s="2" t="s">
        <v>7865</v>
      </c>
      <c r="F2470" s="2" t="s">
        <v>7543</v>
      </c>
      <c r="G2470" s="8">
        <v>105</v>
      </c>
      <c r="H2470" s="5">
        <v>6</v>
      </c>
      <c r="I2470" s="5" t="s">
        <v>1518</v>
      </c>
      <c r="J2470" s="5" t="s">
        <v>1519</v>
      </c>
      <c r="K2470" s="2" t="s">
        <v>1520</v>
      </c>
      <c r="L2470" s="5" t="s">
        <v>1519</v>
      </c>
      <c r="M2470" s="2" t="s">
        <v>1520</v>
      </c>
      <c r="N2470" s="5" t="s">
        <v>1521</v>
      </c>
      <c r="O2470" s="5" t="s">
        <v>38</v>
      </c>
      <c r="P2470" s="5" t="s">
        <v>39</v>
      </c>
      <c r="Q2470" s="5" t="s">
        <v>40</v>
      </c>
      <c r="R2470" s="5" t="s">
        <v>1522</v>
      </c>
      <c r="S2470" s="5" t="s">
        <v>1523</v>
      </c>
      <c r="T2470" s="5" t="s">
        <v>42</v>
      </c>
      <c r="U2470" s="2">
        <v>1.389</v>
      </c>
      <c r="V2470" s="2">
        <v>1.0269999999999999</v>
      </c>
      <c r="W2470" s="2">
        <v>8.0000000000000002E-3</v>
      </c>
      <c r="X2470" s="2">
        <v>99.1</v>
      </c>
      <c r="Y2470" s="2">
        <v>7.6</v>
      </c>
      <c r="Z2470" s="2">
        <v>10.6</v>
      </c>
      <c r="AA2470" s="5"/>
      <c r="AB2470" s="5" t="s">
        <v>43</v>
      </c>
      <c r="AC2470" s="5" t="s">
        <v>44</v>
      </c>
      <c r="AD2470" s="2"/>
      <c r="AE2470" s="1"/>
    </row>
    <row r="2471" spans="1:31" ht="14.45">
      <c r="A2471" s="11"/>
      <c r="B2471" s="20"/>
      <c r="C2471" s="2" t="s">
        <v>7866</v>
      </c>
      <c r="D2471" s="14" t="s">
        <v>7867</v>
      </c>
      <c r="E2471" s="2" t="s">
        <v>7868</v>
      </c>
      <c r="F2471" s="2" t="s">
        <v>7547</v>
      </c>
      <c r="G2471" s="8">
        <v>105</v>
      </c>
      <c r="H2471" s="5">
        <v>6</v>
      </c>
      <c r="I2471" s="5" t="s">
        <v>1518</v>
      </c>
      <c r="J2471" s="5" t="s">
        <v>1519</v>
      </c>
      <c r="K2471" s="2" t="s">
        <v>1520</v>
      </c>
      <c r="L2471" s="5" t="s">
        <v>1519</v>
      </c>
      <c r="M2471" s="2" t="s">
        <v>1520</v>
      </c>
      <c r="N2471" s="5" t="s">
        <v>1521</v>
      </c>
      <c r="O2471" s="5" t="s">
        <v>38</v>
      </c>
      <c r="P2471" s="5" t="s">
        <v>39</v>
      </c>
      <c r="Q2471" s="5" t="s">
        <v>40</v>
      </c>
      <c r="R2471" s="5" t="s">
        <v>1522</v>
      </c>
      <c r="S2471" s="5" t="s">
        <v>1523</v>
      </c>
      <c r="T2471" s="5" t="s">
        <v>42</v>
      </c>
      <c r="U2471" s="2">
        <v>1.345</v>
      </c>
      <c r="V2471" s="2">
        <v>0.98299999999999998</v>
      </c>
      <c r="W2471" s="2">
        <v>8.0000000000000002E-3</v>
      </c>
      <c r="X2471" s="2">
        <v>99.1</v>
      </c>
      <c r="Y2471" s="2">
        <v>7.6</v>
      </c>
      <c r="Z2471" s="2">
        <v>10.6</v>
      </c>
      <c r="AA2471" s="5"/>
      <c r="AB2471" s="5" t="s">
        <v>43</v>
      </c>
      <c r="AC2471" s="5" t="s">
        <v>44</v>
      </c>
      <c r="AD2471" s="2"/>
      <c r="AE2471" s="1"/>
    </row>
    <row r="2472" spans="1:31" ht="14.45">
      <c r="A2472" s="11"/>
      <c r="B2472" s="20"/>
      <c r="C2472" s="2" t="s">
        <v>7869</v>
      </c>
      <c r="D2472" s="14" t="s">
        <v>7870</v>
      </c>
      <c r="E2472" s="2" t="s">
        <v>7871</v>
      </c>
      <c r="F2472" s="2" t="s">
        <v>7551</v>
      </c>
      <c r="G2472" s="8">
        <v>105</v>
      </c>
      <c r="H2472" s="5">
        <v>6</v>
      </c>
      <c r="I2472" s="5" t="s">
        <v>1518</v>
      </c>
      <c r="J2472" s="5" t="s">
        <v>1519</v>
      </c>
      <c r="K2472" s="2" t="s">
        <v>1520</v>
      </c>
      <c r="L2472" s="5" t="s">
        <v>1519</v>
      </c>
      <c r="M2472" s="2" t="s">
        <v>1520</v>
      </c>
      <c r="N2472" s="5" t="s">
        <v>1521</v>
      </c>
      <c r="O2472" s="5" t="s">
        <v>38</v>
      </c>
      <c r="P2472" s="5" t="s">
        <v>39</v>
      </c>
      <c r="Q2472" s="5" t="s">
        <v>40</v>
      </c>
      <c r="R2472" s="5" t="s">
        <v>1522</v>
      </c>
      <c r="S2472" s="5" t="s">
        <v>1523</v>
      </c>
      <c r="T2472" s="5" t="s">
        <v>42</v>
      </c>
      <c r="U2472" s="2">
        <v>1.377</v>
      </c>
      <c r="V2472" s="2">
        <v>1.0149999999999999</v>
      </c>
      <c r="W2472" s="2">
        <v>8.0000000000000002E-3</v>
      </c>
      <c r="X2472" s="2">
        <v>99.1</v>
      </c>
      <c r="Y2472" s="2">
        <v>7.6</v>
      </c>
      <c r="Z2472" s="2">
        <v>10.6</v>
      </c>
      <c r="AA2472" s="5"/>
      <c r="AB2472" s="5" t="s">
        <v>43</v>
      </c>
      <c r="AC2472" s="5" t="s">
        <v>44</v>
      </c>
      <c r="AD2472" s="2"/>
      <c r="AE2472" s="1"/>
    </row>
    <row r="2473" spans="1:31" ht="14.45">
      <c r="A2473" s="11"/>
      <c r="B2473" s="20"/>
      <c r="C2473" s="2" t="s">
        <v>7872</v>
      </c>
      <c r="D2473" s="14" t="s">
        <v>7873</v>
      </c>
      <c r="E2473" s="2" t="s">
        <v>7874</v>
      </c>
      <c r="F2473" s="2" t="s">
        <v>7555</v>
      </c>
      <c r="G2473" s="8">
        <v>105</v>
      </c>
      <c r="H2473" s="5">
        <v>6</v>
      </c>
      <c r="I2473" s="5" t="s">
        <v>1518</v>
      </c>
      <c r="J2473" s="5" t="s">
        <v>1519</v>
      </c>
      <c r="K2473" s="2" t="s">
        <v>1520</v>
      </c>
      <c r="L2473" s="5" t="s">
        <v>1519</v>
      </c>
      <c r="M2473" s="2" t="s">
        <v>1520</v>
      </c>
      <c r="N2473" s="5" t="s">
        <v>1521</v>
      </c>
      <c r="O2473" s="5" t="s">
        <v>38</v>
      </c>
      <c r="P2473" s="5" t="s">
        <v>39</v>
      </c>
      <c r="Q2473" s="5" t="s">
        <v>40</v>
      </c>
      <c r="R2473" s="5" t="s">
        <v>1522</v>
      </c>
      <c r="S2473" s="5" t="s">
        <v>1523</v>
      </c>
      <c r="T2473" s="5" t="s">
        <v>42</v>
      </c>
      <c r="U2473" s="2">
        <v>1.345</v>
      </c>
      <c r="V2473" s="2">
        <v>0.98299999999999998</v>
      </c>
      <c r="W2473" s="2">
        <v>8.0000000000000002E-3</v>
      </c>
      <c r="X2473" s="2">
        <v>99.1</v>
      </c>
      <c r="Y2473" s="2">
        <v>7.6</v>
      </c>
      <c r="Z2473" s="2">
        <v>10.6</v>
      </c>
      <c r="AA2473" s="5"/>
      <c r="AB2473" s="5" t="s">
        <v>43</v>
      </c>
      <c r="AC2473" s="5" t="s">
        <v>44</v>
      </c>
      <c r="AD2473" s="2"/>
      <c r="AE2473" s="1"/>
    </row>
    <row r="2474" spans="1:31" ht="14.45">
      <c r="A2474" s="11"/>
      <c r="B2474" s="20"/>
      <c r="C2474" s="2" t="s">
        <v>7875</v>
      </c>
      <c r="D2474" s="14" t="s">
        <v>7876</v>
      </c>
      <c r="E2474" s="2" t="s">
        <v>7877</v>
      </c>
      <c r="F2474" s="2" t="s">
        <v>7559</v>
      </c>
      <c r="G2474" s="8">
        <v>105</v>
      </c>
      <c r="H2474" s="5">
        <v>6</v>
      </c>
      <c r="I2474" s="5" t="s">
        <v>1518</v>
      </c>
      <c r="J2474" s="5" t="s">
        <v>1519</v>
      </c>
      <c r="K2474" s="2" t="s">
        <v>1520</v>
      </c>
      <c r="L2474" s="5" t="s">
        <v>1519</v>
      </c>
      <c r="M2474" s="2" t="s">
        <v>1520</v>
      </c>
      <c r="N2474" s="5" t="s">
        <v>1521</v>
      </c>
      <c r="O2474" s="5" t="s">
        <v>38</v>
      </c>
      <c r="P2474" s="5" t="s">
        <v>39</v>
      </c>
      <c r="Q2474" s="5" t="s">
        <v>40</v>
      </c>
      <c r="R2474" s="5" t="s">
        <v>1522</v>
      </c>
      <c r="S2474" s="5" t="s">
        <v>1523</v>
      </c>
      <c r="T2474" s="5" t="s">
        <v>42</v>
      </c>
      <c r="U2474" s="2">
        <v>1.377</v>
      </c>
      <c r="V2474" s="2">
        <v>1.0149999999999999</v>
      </c>
      <c r="W2474" s="2">
        <v>8.0000000000000002E-3</v>
      </c>
      <c r="X2474" s="2">
        <v>99.1</v>
      </c>
      <c r="Y2474" s="2">
        <v>7.6</v>
      </c>
      <c r="Z2474" s="2">
        <v>10.6</v>
      </c>
      <c r="AA2474" s="5"/>
      <c r="AB2474" s="5" t="s">
        <v>43</v>
      </c>
      <c r="AC2474" s="5" t="s">
        <v>44</v>
      </c>
      <c r="AD2474" s="2"/>
      <c r="AE2474" s="1"/>
    </row>
    <row r="2475" spans="1:31" ht="14.45">
      <c r="A2475" s="11"/>
      <c r="B2475" s="20"/>
      <c r="C2475" s="2" t="s">
        <v>7878</v>
      </c>
      <c r="D2475" s="14" t="s">
        <v>7879</v>
      </c>
      <c r="E2475" s="2" t="s">
        <v>7880</v>
      </c>
      <c r="F2475" s="2" t="s">
        <v>7563</v>
      </c>
      <c r="G2475" s="8">
        <v>105</v>
      </c>
      <c r="H2475" s="5">
        <v>6</v>
      </c>
      <c r="I2475" s="5" t="s">
        <v>1518</v>
      </c>
      <c r="J2475" s="5" t="s">
        <v>1519</v>
      </c>
      <c r="K2475" s="2" t="s">
        <v>1520</v>
      </c>
      <c r="L2475" s="5" t="s">
        <v>1519</v>
      </c>
      <c r="M2475" s="2" t="s">
        <v>1520</v>
      </c>
      <c r="N2475" s="5" t="s">
        <v>1521</v>
      </c>
      <c r="O2475" s="5" t="s">
        <v>38</v>
      </c>
      <c r="P2475" s="5" t="s">
        <v>39</v>
      </c>
      <c r="Q2475" s="5" t="s">
        <v>40</v>
      </c>
      <c r="R2475" s="5" t="s">
        <v>1522</v>
      </c>
      <c r="S2475" s="5" t="s">
        <v>1523</v>
      </c>
      <c r="T2475" s="5" t="s">
        <v>42</v>
      </c>
      <c r="U2475" s="2">
        <v>1.357</v>
      </c>
      <c r="V2475" s="2">
        <v>0.995</v>
      </c>
      <c r="W2475" s="2">
        <v>8.0000000000000002E-3</v>
      </c>
      <c r="X2475" s="2">
        <v>99.1</v>
      </c>
      <c r="Y2475" s="2">
        <v>7.6</v>
      </c>
      <c r="Z2475" s="2">
        <v>10.6</v>
      </c>
      <c r="AA2475" s="5"/>
      <c r="AB2475" s="5" t="s">
        <v>43</v>
      </c>
      <c r="AC2475" s="5" t="s">
        <v>44</v>
      </c>
      <c r="AD2475" s="2"/>
      <c r="AE2475" s="1"/>
    </row>
    <row r="2476" spans="1:31" ht="14.45">
      <c r="A2476" s="11"/>
      <c r="B2476" s="20"/>
      <c r="C2476" s="2" t="s">
        <v>7881</v>
      </c>
      <c r="D2476" s="14" t="s">
        <v>7882</v>
      </c>
      <c r="E2476" s="2" t="s">
        <v>7883</v>
      </c>
      <c r="F2476" s="2" t="s">
        <v>7567</v>
      </c>
      <c r="G2476" s="8">
        <v>105</v>
      </c>
      <c r="H2476" s="5">
        <v>6</v>
      </c>
      <c r="I2476" s="5" t="s">
        <v>1518</v>
      </c>
      <c r="J2476" s="5" t="s">
        <v>1519</v>
      </c>
      <c r="K2476" s="2" t="s">
        <v>1520</v>
      </c>
      <c r="L2476" s="5" t="s">
        <v>1519</v>
      </c>
      <c r="M2476" s="2" t="s">
        <v>1520</v>
      </c>
      <c r="N2476" s="5" t="s">
        <v>1521</v>
      </c>
      <c r="O2476" s="5" t="s">
        <v>38</v>
      </c>
      <c r="P2476" s="5" t="s">
        <v>39</v>
      </c>
      <c r="Q2476" s="5" t="s">
        <v>40</v>
      </c>
      <c r="R2476" s="5" t="s">
        <v>1522</v>
      </c>
      <c r="S2476" s="5" t="s">
        <v>1523</v>
      </c>
      <c r="T2476" s="5" t="s">
        <v>42</v>
      </c>
      <c r="U2476" s="2">
        <v>1.389</v>
      </c>
      <c r="V2476" s="2">
        <v>1.0269999999999999</v>
      </c>
      <c r="W2476" s="2">
        <v>8.0000000000000002E-3</v>
      </c>
      <c r="X2476" s="2">
        <v>99.1</v>
      </c>
      <c r="Y2476" s="2">
        <v>7.6</v>
      </c>
      <c r="Z2476" s="2">
        <v>10.6</v>
      </c>
      <c r="AA2476" s="5"/>
      <c r="AB2476" s="5" t="s">
        <v>43</v>
      </c>
      <c r="AC2476" s="5" t="s">
        <v>44</v>
      </c>
      <c r="AD2476" s="2"/>
      <c r="AE2476" s="1"/>
    </row>
    <row r="2477" spans="1:31" ht="14.45">
      <c r="A2477" s="11"/>
      <c r="B2477" s="20"/>
      <c r="C2477" s="2" t="s">
        <v>7884</v>
      </c>
      <c r="D2477" s="14" t="s">
        <v>7885</v>
      </c>
      <c r="E2477" s="2" t="s">
        <v>7886</v>
      </c>
      <c r="F2477" s="2" t="s">
        <v>7429</v>
      </c>
      <c r="G2477" s="8">
        <v>105</v>
      </c>
      <c r="H2477" s="5">
        <v>6</v>
      </c>
      <c r="I2477" s="5" t="s">
        <v>1518</v>
      </c>
      <c r="J2477" s="5" t="s">
        <v>1519</v>
      </c>
      <c r="K2477" s="2" t="s">
        <v>1520</v>
      </c>
      <c r="L2477" s="5" t="s">
        <v>1519</v>
      </c>
      <c r="M2477" s="2" t="s">
        <v>1520</v>
      </c>
      <c r="N2477" s="5" t="s">
        <v>1521</v>
      </c>
      <c r="O2477" s="5" t="s">
        <v>38</v>
      </c>
      <c r="P2477" s="5" t="s">
        <v>39</v>
      </c>
      <c r="Q2477" s="5" t="s">
        <v>40</v>
      </c>
      <c r="R2477" s="5" t="s">
        <v>1522</v>
      </c>
      <c r="S2477" s="5" t="s">
        <v>1523</v>
      </c>
      <c r="T2477" s="5" t="s">
        <v>42</v>
      </c>
      <c r="U2477" s="2">
        <v>1.357</v>
      </c>
      <c r="V2477" s="2">
        <v>0.995</v>
      </c>
      <c r="W2477" s="2">
        <v>8.0000000000000002E-3</v>
      </c>
      <c r="X2477" s="2">
        <v>99.1</v>
      </c>
      <c r="Y2477" s="2">
        <v>7.6</v>
      </c>
      <c r="Z2477" s="2">
        <v>10.6</v>
      </c>
      <c r="AA2477" s="5"/>
      <c r="AB2477" s="5" t="s">
        <v>43</v>
      </c>
      <c r="AC2477" s="5" t="s">
        <v>44</v>
      </c>
      <c r="AD2477" s="2"/>
      <c r="AE2477" s="1"/>
    </row>
    <row r="2478" spans="1:31" ht="14.45">
      <c r="A2478" s="11"/>
      <c r="B2478" s="20"/>
      <c r="C2478" s="2" t="s">
        <v>7887</v>
      </c>
      <c r="D2478" s="14" t="s">
        <v>7888</v>
      </c>
      <c r="E2478" s="2" t="s">
        <v>7889</v>
      </c>
      <c r="F2478" s="2" t="s">
        <v>7574</v>
      </c>
      <c r="G2478" s="8">
        <v>105</v>
      </c>
      <c r="H2478" s="5">
        <v>6</v>
      </c>
      <c r="I2478" s="5" t="s">
        <v>1518</v>
      </c>
      <c r="J2478" s="5" t="s">
        <v>1519</v>
      </c>
      <c r="K2478" s="2" t="s">
        <v>1520</v>
      </c>
      <c r="L2478" s="5" t="s">
        <v>1519</v>
      </c>
      <c r="M2478" s="2" t="s">
        <v>1520</v>
      </c>
      <c r="N2478" s="5" t="s">
        <v>1521</v>
      </c>
      <c r="O2478" s="5" t="s">
        <v>38</v>
      </c>
      <c r="P2478" s="5" t="s">
        <v>39</v>
      </c>
      <c r="Q2478" s="5" t="s">
        <v>40</v>
      </c>
      <c r="R2478" s="5" t="s">
        <v>1522</v>
      </c>
      <c r="S2478" s="5" t="s">
        <v>1523</v>
      </c>
      <c r="T2478" s="5" t="s">
        <v>42</v>
      </c>
      <c r="U2478" s="2">
        <v>1.389</v>
      </c>
      <c r="V2478" s="2">
        <v>1.0269999999999999</v>
      </c>
      <c r="W2478" s="2">
        <v>8.0000000000000002E-3</v>
      </c>
      <c r="X2478" s="2">
        <v>99.1</v>
      </c>
      <c r="Y2478" s="2">
        <v>7.6</v>
      </c>
      <c r="Z2478" s="2">
        <v>10.6</v>
      </c>
      <c r="AA2478" s="5"/>
      <c r="AB2478" s="5" t="s">
        <v>43</v>
      </c>
      <c r="AC2478" s="5" t="s">
        <v>44</v>
      </c>
      <c r="AD2478" s="2"/>
      <c r="AE2478" s="1"/>
    </row>
    <row r="2479" spans="1:31" ht="14.45">
      <c r="A2479" s="11"/>
      <c r="B2479" s="20"/>
      <c r="C2479" s="2" t="s">
        <v>7890</v>
      </c>
      <c r="D2479" s="14" t="s">
        <v>7891</v>
      </c>
      <c r="E2479" s="2" t="s">
        <v>7892</v>
      </c>
      <c r="F2479" s="2" t="s">
        <v>7449</v>
      </c>
      <c r="G2479" s="8">
        <v>105</v>
      </c>
      <c r="H2479" s="5">
        <v>6</v>
      </c>
      <c r="I2479" s="5" t="s">
        <v>1518</v>
      </c>
      <c r="J2479" s="5" t="s">
        <v>1519</v>
      </c>
      <c r="K2479" s="2" t="s">
        <v>1520</v>
      </c>
      <c r="L2479" s="5" t="s">
        <v>1519</v>
      </c>
      <c r="M2479" s="2" t="s">
        <v>1520</v>
      </c>
      <c r="N2479" s="5" t="s">
        <v>1521</v>
      </c>
      <c r="O2479" s="5" t="s">
        <v>38</v>
      </c>
      <c r="P2479" s="5" t="s">
        <v>39</v>
      </c>
      <c r="Q2479" s="5" t="s">
        <v>40</v>
      </c>
      <c r="R2479" s="5" t="s">
        <v>1522</v>
      </c>
      <c r="S2479" s="5" t="s">
        <v>1523</v>
      </c>
      <c r="T2479" s="5" t="s">
        <v>42</v>
      </c>
      <c r="U2479" s="2">
        <v>1.357</v>
      </c>
      <c r="V2479" s="2">
        <v>0.995</v>
      </c>
      <c r="W2479" s="2">
        <v>8.0000000000000002E-3</v>
      </c>
      <c r="X2479" s="2">
        <v>99.1</v>
      </c>
      <c r="Y2479" s="2">
        <v>7.6</v>
      </c>
      <c r="Z2479" s="2">
        <v>10.6</v>
      </c>
      <c r="AA2479" s="5"/>
      <c r="AB2479" s="5" t="s">
        <v>43</v>
      </c>
      <c r="AC2479" s="5" t="s">
        <v>44</v>
      </c>
      <c r="AD2479" s="2"/>
      <c r="AE2479" s="1"/>
    </row>
    <row r="2480" spans="1:31" ht="14.45">
      <c r="A2480" s="11"/>
      <c r="B2480" s="20"/>
      <c r="C2480" s="2" t="s">
        <v>7893</v>
      </c>
      <c r="D2480" s="14" t="s">
        <v>7894</v>
      </c>
      <c r="E2480" s="2" t="s">
        <v>7895</v>
      </c>
      <c r="F2480" s="2" t="s">
        <v>7581</v>
      </c>
      <c r="G2480" s="8">
        <v>105</v>
      </c>
      <c r="H2480" s="5">
        <v>6</v>
      </c>
      <c r="I2480" s="5" t="s">
        <v>1518</v>
      </c>
      <c r="J2480" s="5" t="s">
        <v>1519</v>
      </c>
      <c r="K2480" s="2" t="s">
        <v>1520</v>
      </c>
      <c r="L2480" s="5" t="s">
        <v>1519</v>
      </c>
      <c r="M2480" s="2" t="s">
        <v>1520</v>
      </c>
      <c r="N2480" s="5" t="s">
        <v>1521</v>
      </c>
      <c r="O2480" s="5" t="s">
        <v>38</v>
      </c>
      <c r="P2480" s="5" t="s">
        <v>39</v>
      </c>
      <c r="Q2480" s="5" t="s">
        <v>40</v>
      </c>
      <c r="R2480" s="5" t="s">
        <v>1522</v>
      </c>
      <c r="S2480" s="5" t="s">
        <v>1523</v>
      </c>
      <c r="T2480" s="5" t="s">
        <v>42</v>
      </c>
      <c r="U2480" s="2">
        <v>1.389</v>
      </c>
      <c r="V2480" s="2">
        <v>1.0269999999999999</v>
      </c>
      <c r="W2480" s="2">
        <v>8.0000000000000002E-3</v>
      </c>
      <c r="X2480" s="2">
        <v>99.1</v>
      </c>
      <c r="Y2480" s="2">
        <v>7.6</v>
      </c>
      <c r="Z2480" s="2">
        <v>10.6</v>
      </c>
      <c r="AA2480" s="5"/>
      <c r="AB2480" s="5" t="s">
        <v>43</v>
      </c>
      <c r="AC2480" s="5" t="s">
        <v>44</v>
      </c>
      <c r="AD2480" s="2"/>
      <c r="AE2480" s="1"/>
    </row>
    <row r="2481" spans="1:31" ht="14.45">
      <c r="A2481" s="11"/>
      <c r="B2481" s="20"/>
      <c r="C2481" s="2" t="s">
        <v>7896</v>
      </c>
      <c r="D2481" s="14" t="s">
        <v>7897</v>
      </c>
      <c r="E2481" s="2" t="s">
        <v>7898</v>
      </c>
      <c r="F2481" s="2" t="s">
        <v>7585</v>
      </c>
      <c r="G2481" s="8">
        <v>105</v>
      </c>
      <c r="H2481" s="5">
        <v>6</v>
      </c>
      <c r="I2481" s="5" t="s">
        <v>1518</v>
      </c>
      <c r="J2481" s="5" t="s">
        <v>1519</v>
      </c>
      <c r="K2481" s="2" t="s">
        <v>1520</v>
      </c>
      <c r="L2481" s="5" t="s">
        <v>1519</v>
      </c>
      <c r="M2481" s="2" t="s">
        <v>1520</v>
      </c>
      <c r="N2481" s="5" t="s">
        <v>1521</v>
      </c>
      <c r="O2481" s="5" t="s">
        <v>38</v>
      </c>
      <c r="P2481" s="5" t="s">
        <v>39</v>
      </c>
      <c r="Q2481" s="5" t="s">
        <v>40</v>
      </c>
      <c r="R2481" s="5" t="s">
        <v>1522</v>
      </c>
      <c r="S2481" s="5" t="s">
        <v>1523</v>
      </c>
      <c r="T2481" s="5" t="s">
        <v>42</v>
      </c>
      <c r="U2481" s="2">
        <v>1.345</v>
      </c>
      <c r="V2481" s="2">
        <v>0.98299999999999998</v>
      </c>
      <c r="W2481" s="2">
        <v>8.0000000000000002E-3</v>
      </c>
      <c r="X2481" s="2">
        <v>99.1</v>
      </c>
      <c r="Y2481" s="2">
        <v>7.6</v>
      </c>
      <c r="Z2481" s="2">
        <v>10.6</v>
      </c>
      <c r="AA2481" s="5"/>
      <c r="AB2481" s="5" t="s">
        <v>43</v>
      </c>
      <c r="AC2481" s="5" t="s">
        <v>44</v>
      </c>
      <c r="AD2481" s="2"/>
      <c r="AE2481" s="1"/>
    </row>
    <row r="2482" spans="1:31" ht="14.45">
      <c r="A2482" s="11"/>
      <c r="B2482" s="20"/>
      <c r="C2482" s="2" t="s">
        <v>7899</v>
      </c>
      <c r="D2482" s="14" t="s">
        <v>7900</v>
      </c>
      <c r="E2482" s="2" t="s">
        <v>7901</v>
      </c>
      <c r="F2482" s="2" t="s">
        <v>7589</v>
      </c>
      <c r="G2482" s="8">
        <v>105</v>
      </c>
      <c r="H2482" s="5">
        <v>6</v>
      </c>
      <c r="I2482" s="5" t="s">
        <v>1518</v>
      </c>
      <c r="J2482" s="5" t="s">
        <v>1519</v>
      </c>
      <c r="K2482" s="2" t="s">
        <v>1520</v>
      </c>
      <c r="L2482" s="5" t="s">
        <v>1519</v>
      </c>
      <c r="M2482" s="2" t="s">
        <v>1520</v>
      </c>
      <c r="N2482" s="5" t="s">
        <v>1521</v>
      </c>
      <c r="O2482" s="5" t="s">
        <v>38</v>
      </c>
      <c r="P2482" s="5" t="s">
        <v>39</v>
      </c>
      <c r="Q2482" s="5" t="s">
        <v>40</v>
      </c>
      <c r="R2482" s="5" t="s">
        <v>1522</v>
      </c>
      <c r="S2482" s="5" t="s">
        <v>1523</v>
      </c>
      <c r="T2482" s="5" t="s">
        <v>42</v>
      </c>
      <c r="U2482" s="2">
        <v>1.377</v>
      </c>
      <c r="V2482" s="2">
        <v>1.0149999999999999</v>
      </c>
      <c r="W2482" s="2">
        <v>8.0000000000000002E-3</v>
      </c>
      <c r="X2482" s="2">
        <v>99.1</v>
      </c>
      <c r="Y2482" s="2">
        <v>7.6</v>
      </c>
      <c r="Z2482" s="2">
        <v>10.6</v>
      </c>
      <c r="AA2482" s="5"/>
      <c r="AB2482" s="5" t="s">
        <v>43</v>
      </c>
      <c r="AC2482" s="5" t="s">
        <v>44</v>
      </c>
      <c r="AD2482" s="2"/>
      <c r="AE2482" s="1"/>
    </row>
    <row r="2483" spans="1:31" ht="14.45">
      <c r="A2483" s="11"/>
      <c r="B2483" s="20"/>
      <c r="C2483" s="2" t="s">
        <v>7902</v>
      </c>
      <c r="D2483" s="14" t="s">
        <v>7903</v>
      </c>
      <c r="E2483" s="2" t="s">
        <v>7904</v>
      </c>
      <c r="F2483" s="2" t="s">
        <v>7593</v>
      </c>
      <c r="G2483" s="8">
        <v>105</v>
      </c>
      <c r="H2483" s="5">
        <v>6</v>
      </c>
      <c r="I2483" s="5" t="s">
        <v>1518</v>
      </c>
      <c r="J2483" s="5" t="s">
        <v>1519</v>
      </c>
      <c r="K2483" s="2" t="s">
        <v>1520</v>
      </c>
      <c r="L2483" s="5" t="s">
        <v>1519</v>
      </c>
      <c r="M2483" s="2" t="s">
        <v>1520</v>
      </c>
      <c r="N2483" s="5" t="s">
        <v>1521</v>
      </c>
      <c r="O2483" s="5" t="s">
        <v>38</v>
      </c>
      <c r="P2483" s="5" t="s">
        <v>39</v>
      </c>
      <c r="Q2483" s="5" t="s">
        <v>40</v>
      </c>
      <c r="R2483" s="5" t="s">
        <v>1522</v>
      </c>
      <c r="S2483" s="5" t="s">
        <v>1523</v>
      </c>
      <c r="T2483" s="5" t="s">
        <v>42</v>
      </c>
      <c r="U2483" s="2">
        <v>1.357</v>
      </c>
      <c r="V2483" s="2">
        <v>0.995</v>
      </c>
      <c r="W2483" s="2">
        <v>8.0000000000000002E-3</v>
      </c>
      <c r="X2483" s="2">
        <v>99.1</v>
      </c>
      <c r="Y2483" s="2">
        <v>7.6</v>
      </c>
      <c r="Z2483" s="2">
        <v>10.6</v>
      </c>
      <c r="AA2483" s="5"/>
      <c r="AB2483" s="5" t="s">
        <v>43</v>
      </c>
      <c r="AC2483" s="5" t="s">
        <v>44</v>
      </c>
      <c r="AD2483" s="2"/>
      <c r="AE2483" s="1"/>
    </row>
    <row r="2484" spans="1:31" ht="14.45">
      <c r="A2484" s="11"/>
      <c r="B2484" s="20"/>
      <c r="C2484" s="2" t="s">
        <v>7905</v>
      </c>
      <c r="D2484" s="14" t="s">
        <v>7906</v>
      </c>
      <c r="E2484" s="2" t="s">
        <v>7907</v>
      </c>
      <c r="F2484" s="2" t="s">
        <v>7410</v>
      </c>
      <c r="G2484" s="8">
        <v>105</v>
      </c>
      <c r="H2484" s="5">
        <v>6</v>
      </c>
      <c r="I2484" s="5" t="s">
        <v>1518</v>
      </c>
      <c r="J2484" s="5" t="s">
        <v>1519</v>
      </c>
      <c r="K2484" s="2" t="s">
        <v>1520</v>
      </c>
      <c r="L2484" s="5" t="s">
        <v>1519</v>
      </c>
      <c r="M2484" s="2" t="s">
        <v>1520</v>
      </c>
      <c r="N2484" s="5" t="s">
        <v>1521</v>
      </c>
      <c r="O2484" s="5" t="s">
        <v>38</v>
      </c>
      <c r="P2484" s="5" t="s">
        <v>39</v>
      </c>
      <c r="Q2484" s="5" t="s">
        <v>40</v>
      </c>
      <c r="R2484" s="5" t="s">
        <v>1522</v>
      </c>
      <c r="S2484" s="5" t="s">
        <v>1523</v>
      </c>
      <c r="T2484" s="5" t="s">
        <v>42</v>
      </c>
      <c r="U2484" s="2">
        <v>1.357</v>
      </c>
      <c r="V2484" s="2">
        <v>0.995</v>
      </c>
      <c r="W2484" s="2">
        <v>8.0000000000000002E-3</v>
      </c>
      <c r="X2484" s="2">
        <v>99.1</v>
      </c>
      <c r="Y2484" s="2">
        <v>7.6</v>
      </c>
      <c r="Z2484" s="2">
        <v>10.6</v>
      </c>
      <c r="AA2484" s="5"/>
      <c r="AB2484" s="5" t="s">
        <v>43</v>
      </c>
      <c r="AC2484" s="5" t="s">
        <v>44</v>
      </c>
      <c r="AD2484" s="2"/>
      <c r="AE2484" s="1"/>
    </row>
    <row r="2485" spans="1:31" ht="14.45">
      <c r="A2485" s="11"/>
      <c r="B2485" s="20"/>
      <c r="C2485" s="2" t="s">
        <v>7908</v>
      </c>
      <c r="D2485" s="14" t="s">
        <v>7909</v>
      </c>
      <c r="E2485" s="2" t="s">
        <v>7910</v>
      </c>
      <c r="F2485" s="2" t="s">
        <v>7604</v>
      </c>
      <c r="G2485" s="8">
        <v>105</v>
      </c>
      <c r="H2485" s="5">
        <v>6</v>
      </c>
      <c r="I2485" s="5" t="s">
        <v>1518</v>
      </c>
      <c r="J2485" s="5" t="s">
        <v>1519</v>
      </c>
      <c r="K2485" s="2" t="s">
        <v>1520</v>
      </c>
      <c r="L2485" s="5" t="s">
        <v>1519</v>
      </c>
      <c r="M2485" s="2" t="s">
        <v>1520</v>
      </c>
      <c r="N2485" s="5" t="s">
        <v>1521</v>
      </c>
      <c r="O2485" s="5" t="s">
        <v>38</v>
      </c>
      <c r="P2485" s="5" t="s">
        <v>39</v>
      </c>
      <c r="Q2485" s="5" t="s">
        <v>40</v>
      </c>
      <c r="R2485" s="5" t="s">
        <v>1522</v>
      </c>
      <c r="S2485" s="5" t="s">
        <v>1523</v>
      </c>
      <c r="T2485" s="5" t="s">
        <v>42</v>
      </c>
      <c r="U2485" s="2">
        <v>1.389</v>
      </c>
      <c r="V2485" s="2">
        <v>1.0269999999999999</v>
      </c>
      <c r="W2485" s="2">
        <v>8.0000000000000002E-3</v>
      </c>
      <c r="X2485" s="2">
        <v>99.1</v>
      </c>
      <c r="Y2485" s="2">
        <v>7.6</v>
      </c>
      <c r="Z2485" s="2">
        <v>10.6</v>
      </c>
      <c r="AA2485" s="5"/>
      <c r="AB2485" s="5" t="s">
        <v>43</v>
      </c>
      <c r="AC2485" s="5" t="s">
        <v>44</v>
      </c>
      <c r="AD2485" s="2"/>
      <c r="AE2485" s="1"/>
    </row>
    <row r="2486" spans="1:31" ht="14.45">
      <c r="A2486" s="11"/>
      <c r="B2486" s="20"/>
      <c r="C2486" s="2" t="s">
        <v>7911</v>
      </c>
      <c r="D2486" s="14" t="s">
        <v>7912</v>
      </c>
      <c r="E2486" s="2" t="s">
        <v>7913</v>
      </c>
      <c r="F2486" s="2" t="s">
        <v>7433</v>
      </c>
      <c r="G2486" s="8">
        <v>105</v>
      </c>
      <c r="H2486" s="5">
        <v>6</v>
      </c>
      <c r="I2486" s="5" t="s">
        <v>1518</v>
      </c>
      <c r="J2486" s="5" t="s">
        <v>1519</v>
      </c>
      <c r="K2486" s="2" t="s">
        <v>1520</v>
      </c>
      <c r="L2486" s="5" t="s">
        <v>1519</v>
      </c>
      <c r="M2486" s="2" t="s">
        <v>1520</v>
      </c>
      <c r="N2486" s="5" t="s">
        <v>1521</v>
      </c>
      <c r="O2486" s="5" t="s">
        <v>38</v>
      </c>
      <c r="P2486" s="5" t="s">
        <v>39</v>
      </c>
      <c r="Q2486" s="5" t="s">
        <v>40</v>
      </c>
      <c r="R2486" s="5" t="s">
        <v>1522</v>
      </c>
      <c r="S2486" s="5" t="s">
        <v>1523</v>
      </c>
      <c r="T2486" s="5" t="s">
        <v>42</v>
      </c>
      <c r="U2486" s="2">
        <v>1.357</v>
      </c>
      <c r="V2486" s="2">
        <v>0.995</v>
      </c>
      <c r="W2486" s="2">
        <v>8.0000000000000002E-3</v>
      </c>
      <c r="X2486" s="2">
        <v>99.1</v>
      </c>
      <c r="Y2486" s="2">
        <v>7.6</v>
      </c>
      <c r="Z2486" s="2">
        <v>10.6</v>
      </c>
      <c r="AA2486" s="5"/>
      <c r="AB2486" s="5" t="s">
        <v>43</v>
      </c>
      <c r="AC2486" s="5" t="s">
        <v>44</v>
      </c>
      <c r="AD2486" s="2"/>
      <c r="AE2486" s="1"/>
    </row>
    <row r="2487" spans="1:31" ht="14.45">
      <c r="A2487" s="11"/>
      <c r="B2487" s="20"/>
      <c r="C2487" s="2" t="s">
        <v>7914</v>
      </c>
      <c r="D2487" s="14" t="s">
        <v>7915</v>
      </c>
      <c r="E2487" s="2" t="s">
        <v>7916</v>
      </c>
      <c r="F2487" s="2" t="s">
        <v>7611</v>
      </c>
      <c r="G2487" s="8">
        <v>105</v>
      </c>
      <c r="H2487" s="5">
        <v>6</v>
      </c>
      <c r="I2487" s="5" t="s">
        <v>1518</v>
      </c>
      <c r="J2487" s="5" t="s">
        <v>1519</v>
      </c>
      <c r="K2487" s="2" t="s">
        <v>1520</v>
      </c>
      <c r="L2487" s="5" t="s">
        <v>1519</v>
      </c>
      <c r="M2487" s="2" t="s">
        <v>1520</v>
      </c>
      <c r="N2487" s="5" t="s">
        <v>1521</v>
      </c>
      <c r="O2487" s="5" t="s">
        <v>38</v>
      </c>
      <c r="P2487" s="5" t="s">
        <v>39</v>
      </c>
      <c r="Q2487" s="5" t="s">
        <v>40</v>
      </c>
      <c r="R2487" s="5" t="s">
        <v>1522</v>
      </c>
      <c r="S2487" s="5" t="s">
        <v>1523</v>
      </c>
      <c r="T2487" s="5" t="s">
        <v>42</v>
      </c>
      <c r="U2487" s="2">
        <v>1.389</v>
      </c>
      <c r="V2487" s="2">
        <v>1.0269999999999999</v>
      </c>
      <c r="W2487" s="2">
        <v>8.0000000000000002E-3</v>
      </c>
      <c r="X2487" s="2">
        <v>99.1</v>
      </c>
      <c r="Y2487" s="2">
        <v>7.6</v>
      </c>
      <c r="Z2487" s="2">
        <v>10.6</v>
      </c>
      <c r="AA2487" s="5"/>
      <c r="AB2487" s="5" t="s">
        <v>43</v>
      </c>
      <c r="AC2487" s="5" t="s">
        <v>44</v>
      </c>
      <c r="AD2487" s="2"/>
      <c r="AE2487" s="1"/>
    </row>
    <row r="2488" spans="1:31" ht="14.45">
      <c r="A2488" s="11"/>
      <c r="B2488" s="20"/>
      <c r="C2488" s="2" t="s">
        <v>7917</v>
      </c>
      <c r="D2488" s="14" t="s">
        <v>7918</v>
      </c>
      <c r="E2488" s="2" t="s">
        <v>7919</v>
      </c>
      <c r="F2488" s="2" t="s">
        <v>7615</v>
      </c>
      <c r="G2488" s="8">
        <v>105</v>
      </c>
      <c r="H2488" s="5">
        <v>6</v>
      </c>
      <c r="I2488" s="5" t="s">
        <v>1518</v>
      </c>
      <c r="J2488" s="5" t="s">
        <v>1519</v>
      </c>
      <c r="K2488" s="2" t="s">
        <v>1520</v>
      </c>
      <c r="L2488" s="5" t="s">
        <v>1519</v>
      </c>
      <c r="M2488" s="2" t="s">
        <v>1520</v>
      </c>
      <c r="N2488" s="5" t="s">
        <v>1521</v>
      </c>
      <c r="O2488" s="5" t="s">
        <v>38</v>
      </c>
      <c r="P2488" s="5" t="s">
        <v>39</v>
      </c>
      <c r="Q2488" s="5" t="s">
        <v>40</v>
      </c>
      <c r="R2488" s="5" t="s">
        <v>1522</v>
      </c>
      <c r="S2488" s="5" t="s">
        <v>1523</v>
      </c>
      <c r="T2488" s="5" t="s">
        <v>42</v>
      </c>
      <c r="U2488" s="2">
        <v>1.345</v>
      </c>
      <c r="V2488" s="2">
        <v>0.98299999999999998</v>
      </c>
      <c r="W2488" s="2">
        <v>8.0000000000000002E-3</v>
      </c>
      <c r="X2488" s="2">
        <v>99.1</v>
      </c>
      <c r="Y2488" s="2">
        <v>7.6</v>
      </c>
      <c r="Z2488" s="2">
        <v>10.6</v>
      </c>
      <c r="AA2488" s="5"/>
      <c r="AB2488" s="5" t="s">
        <v>43</v>
      </c>
      <c r="AC2488" s="5" t="s">
        <v>44</v>
      </c>
      <c r="AD2488" s="2"/>
      <c r="AE2488" s="1"/>
    </row>
    <row r="2489" spans="1:31" ht="14.45">
      <c r="A2489" s="11"/>
      <c r="B2489" s="20"/>
      <c r="C2489" s="2" t="s">
        <v>7920</v>
      </c>
      <c r="D2489" s="14" t="s">
        <v>7921</v>
      </c>
      <c r="E2489" s="2" t="s">
        <v>7922</v>
      </c>
      <c r="F2489" s="2" t="s">
        <v>7619</v>
      </c>
      <c r="G2489" s="8">
        <v>105</v>
      </c>
      <c r="H2489" s="5">
        <v>6</v>
      </c>
      <c r="I2489" s="5" t="s">
        <v>1518</v>
      </c>
      <c r="J2489" s="5" t="s">
        <v>1519</v>
      </c>
      <c r="K2489" s="2" t="s">
        <v>1520</v>
      </c>
      <c r="L2489" s="5" t="s">
        <v>1519</v>
      </c>
      <c r="M2489" s="2" t="s">
        <v>1520</v>
      </c>
      <c r="N2489" s="5" t="s">
        <v>1521</v>
      </c>
      <c r="O2489" s="5" t="s">
        <v>38</v>
      </c>
      <c r="P2489" s="5" t="s">
        <v>39</v>
      </c>
      <c r="Q2489" s="5" t="s">
        <v>40</v>
      </c>
      <c r="R2489" s="5" t="s">
        <v>1522</v>
      </c>
      <c r="S2489" s="5" t="s">
        <v>1523</v>
      </c>
      <c r="T2489" s="5" t="s">
        <v>42</v>
      </c>
      <c r="U2489" s="2">
        <v>1.377</v>
      </c>
      <c r="V2489" s="2">
        <v>1.0149999999999999</v>
      </c>
      <c r="W2489" s="2">
        <v>8.0000000000000002E-3</v>
      </c>
      <c r="X2489" s="2">
        <v>99.1</v>
      </c>
      <c r="Y2489" s="2">
        <v>7.6</v>
      </c>
      <c r="Z2489" s="2">
        <v>10.6</v>
      </c>
      <c r="AA2489" s="5"/>
      <c r="AB2489" s="5" t="s">
        <v>43</v>
      </c>
      <c r="AC2489" s="5" t="s">
        <v>44</v>
      </c>
      <c r="AD2489" s="2"/>
      <c r="AE2489" s="1"/>
    </row>
    <row r="2490" spans="1:31" ht="14.45">
      <c r="A2490" s="11"/>
      <c r="B2490" s="20"/>
      <c r="C2490" s="2" t="s">
        <v>7923</v>
      </c>
      <c r="D2490" s="14" t="s">
        <v>7924</v>
      </c>
      <c r="E2490" s="2" t="s">
        <v>7925</v>
      </c>
      <c r="F2490" s="2" t="s">
        <v>1823</v>
      </c>
      <c r="G2490" s="8">
        <v>105</v>
      </c>
      <c r="H2490" s="5">
        <v>8</v>
      </c>
      <c r="I2490" s="5" t="s">
        <v>1518</v>
      </c>
      <c r="J2490" s="5" t="s">
        <v>1519</v>
      </c>
      <c r="K2490" s="2" t="s">
        <v>1520</v>
      </c>
      <c r="L2490" s="5" t="s">
        <v>1519</v>
      </c>
      <c r="M2490" s="2" t="s">
        <v>1520</v>
      </c>
      <c r="N2490" s="5" t="s">
        <v>1521</v>
      </c>
      <c r="O2490" s="5" t="s">
        <v>38</v>
      </c>
      <c r="P2490" s="5" t="s">
        <v>39</v>
      </c>
      <c r="Q2490" s="5" t="s">
        <v>40</v>
      </c>
      <c r="R2490" s="5" t="s">
        <v>1522</v>
      </c>
      <c r="S2490" s="5" t="s">
        <v>1523</v>
      </c>
      <c r="T2490" s="5" t="s">
        <v>42</v>
      </c>
      <c r="U2490" s="2">
        <v>1.365</v>
      </c>
      <c r="V2490" s="2">
        <v>1.0029999999999999</v>
      </c>
      <c r="W2490" s="2">
        <v>8.0000000000000002E-3</v>
      </c>
      <c r="X2490" s="2">
        <v>99.1</v>
      </c>
      <c r="Y2490" s="2">
        <v>7.6</v>
      </c>
      <c r="Z2490" s="2">
        <v>10.6</v>
      </c>
      <c r="AA2490" s="5"/>
      <c r="AB2490" s="5" t="s">
        <v>43</v>
      </c>
      <c r="AC2490" s="5" t="s">
        <v>44</v>
      </c>
      <c r="AD2490" s="2"/>
      <c r="AE2490" s="1"/>
    </row>
    <row r="2491" spans="1:31" ht="14.45">
      <c r="A2491" s="11"/>
      <c r="B2491" s="20"/>
      <c r="C2491" s="2" t="s">
        <v>7926</v>
      </c>
      <c r="D2491" s="14" t="s">
        <v>7927</v>
      </c>
      <c r="E2491" s="2" t="s">
        <v>7928</v>
      </c>
      <c r="F2491" s="2" t="s">
        <v>1827</v>
      </c>
      <c r="G2491" s="8">
        <v>105</v>
      </c>
      <c r="H2491" s="5">
        <v>8</v>
      </c>
      <c r="I2491" s="5" t="s">
        <v>1518</v>
      </c>
      <c r="J2491" s="5" t="s">
        <v>1519</v>
      </c>
      <c r="K2491" s="2" t="s">
        <v>1520</v>
      </c>
      <c r="L2491" s="5" t="s">
        <v>1519</v>
      </c>
      <c r="M2491" s="2" t="s">
        <v>1520</v>
      </c>
      <c r="N2491" s="5" t="s">
        <v>1521</v>
      </c>
      <c r="O2491" s="5" t="s">
        <v>38</v>
      </c>
      <c r="P2491" s="5" t="s">
        <v>39</v>
      </c>
      <c r="Q2491" s="5" t="s">
        <v>40</v>
      </c>
      <c r="R2491" s="5" t="s">
        <v>1522</v>
      </c>
      <c r="S2491" s="5" t="s">
        <v>1523</v>
      </c>
      <c r="T2491" s="5" t="s">
        <v>42</v>
      </c>
      <c r="U2491" s="2">
        <v>1.397</v>
      </c>
      <c r="V2491" s="2">
        <v>1.0349999999999999</v>
      </c>
      <c r="W2491" s="2">
        <v>8.0000000000000002E-3</v>
      </c>
      <c r="X2491" s="2">
        <v>99.1</v>
      </c>
      <c r="Y2491" s="2">
        <v>7.6</v>
      </c>
      <c r="Z2491" s="2">
        <v>10.6</v>
      </c>
      <c r="AA2491" s="5"/>
      <c r="AB2491" s="5" t="s">
        <v>43</v>
      </c>
      <c r="AC2491" s="5" t="s">
        <v>44</v>
      </c>
      <c r="AD2491" s="2"/>
      <c r="AE2491" s="1"/>
    </row>
    <row r="2492" spans="1:31" ht="14.45">
      <c r="A2492" s="11"/>
      <c r="B2492" s="20"/>
      <c r="C2492" s="2" t="s">
        <v>7929</v>
      </c>
      <c r="D2492" s="14" t="s">
        <v>7930</v>
      </c>
      <c r="E2492" s="2" t="s">
        <v>7931</v>
      </c>
      <c r="F2492" s="2" t="s">
        <v>2208</v>
      </c>
      <c r="G2492" s="8">
        <v>105</v>
      </c>
      <c r="H2492" s="5">
        <v>13</v>
      </c>
      <c r="I2492" s="5" t="s">
        <v>1518</v>
      </c>
      <c r="J2492" s="5" t="s">
        <v>1519</v>
      </c>
      <c r="K2492" s="2" t="s">
        <v>1520</v>
      </c>
      <c r="L2492" s="5" t="s">
        <v>1519</v>
      </c>
      <c r="M2492" s="2" t="s">
        <v>1520</v>
      </c>
      <c r="N2492" s="5" t="s">
        <v>1521</v>
      </c>
      <c r="O2492" s="5" t="s">
        <v>38</v>
      </c>
      <c r="P2492" s="5" t="s">
        <v>39</v>
      </c>
      <c r="Q2492" s="5" t="s">
        <v>40</v>
      </c>
      <c r="R2492" s="5" t="s">
        <v>1522</v>
      </c>
      <c r="S2492" s="5" t="s">
        <v>1523</v>
      </c>
      <c r="T2492" s="5" t="s">
        <v>42</v>
      </c>
      <c r="U2492" s="2">
        <v>1.389</v>
      </c>
      <c r="V2492" s="2">
        <v>1.0269999999999999</v>
      </c>
      <c r="W2492" s="2">
        <v>8.0000000000000002E-3</v>
      </c>
      <c r="X2492" s="2">
        <v>99.1</v>
      </c>
      <c r="Y2492" s="2">
        <v>7.6</v>
      </c>
      <c r="Z2492" s="2">
        <v>10.6</v>
      </c>
      <c r="AA2492" s="5"/>
      <c r="AB2492" s="5" t="s">
        <v>43</v>
      </c>
      <c r="AC2492" s="5" t="s">
        <v>44</v>
      </c>
      <c r="AD2492" s="2"/>
      <c r="AE2492" s="1"/>
    </row>
    <row r="2493" spans="1:31" ht="14.45">
      <c r="A2493" s="11"/>
      <c r="B2493" s="20"/>
      <c r="C2493" s="2" t="s">
        <v>7932</v>
      </c>
      <c r="D2493" s="14" t="s">
        <v>7933</v>
      </c>
      <c r="E2493" s="2" t="s">
        <v>7934</v>
      </c>
      <c r="F2493" s="2" t="s">
        <v>2212</v>
      </c>
      <c r="G2493" s="8">
        <v>105</v>
      </c>
      <c r="H2493" s="5">
        <v>13</v>
      </c>
      <c r="I2493" s="5" t="s">
        <v>1518</v>
      </c>
      <c r="J2493" s="5" t="s">
        <v>1519</v>
      </c>
      <c r="K2493" s="2" t="s">
        <v>1520</v>
      </c>
      <c r="L2493" s="5" t="s">
        <v>1519</v>
      </c>
      <c r="M2493" s="2" t="s">
        <v>1520</v>
      </c>
      <c r="N2493" s="5" t="s">
        <v>1521</v>
      </c>
      <c r="O2493" s="5" t="s">
        <v>38</v>
      </c>
      <c r="P2493" s="5" t="s">
        <v>39</v>
      </c>
      <c r="Q2493" s="5" t="s">
        <v>40</v>
      </c>
      <c r="R2493" s="5" t="s">
        <v>1522</v>
      </c>
      <c r="S2493" s="5" t="s">
        <v>1523</v>
      </c>
      <c r="T2493" s="5" t="s">
        <v>42</v>
      </c>
      <c r="U2493" s="2">
        <v>1.421</v>
      </c>
      <c r="V2493" s="2">
        <v>1.0589999999999999</v>
      </c>
      <c r="W2493" s="2">
        <v>8.0000000000000002E-3</v>
      </c>
      <c r="X2493" s="2">
        <v>99.1</v>
      </c>
      <c r="Y2493" s="2">
        <v>7.6</v>
      </c>
      <c r="Z2493" s="2">
        <v>10.6</v>
      </c>
      <c r="AA2493" s="5"/>
      <c r="AB2493" s="5" t="s">
        <v>43</v>
      </c>
      <c r="AC2493" s="5" t="s">
        <v>44</v>
      </c>
      <c r="AD2493" s="2"/>
      <c r="AE2493" s="1"/>
    </row>
    <row r="2494" spans="1:31" ht="14.45">
      <c r="A2494" s="11"/>
      <c r="B2494" s="20"/>
      <c r="C2494" s="2" t="s">
        <v>7935</v>
      </c>
      <c r="D2494" s="14" t="s">
        <v>7936</v>
      </c>
      <c r="E2494" s="2" t="s">
        <v>7937</v>
      </c>
      <c r="F2494" s="2" t="s">
        <v>1831</v>
      </c>
      <c r="G2494" s="8">
        <v>105</v>
      </c>
      <c r="H2494" s="5">
        <v>13</v>
      </c>
      <c r="I2494" s="5" t="s">
        <v>1518</v>
      </c>
      <c r="J2494" s="5" t="s">
        <v>1519</v>
      </c>
      <c r="K2494" s="2" t="s">
        <v>1520</v>
      </c>
      <c r="L2494" s="5" t="s">
        <v>1519</v>
      </c>
      <c r="M2494" s="2" t="s">
        <v>1520</v>
      </c>
      <c r="N2494" s="5" t="s">
        <v>1521</v>
      </c>
      <c r="O2494" s="5" t="s">
        <v>38</v>
      </c>
      <c r="P2494" s="5" t="s">
        <v>39</v>
      </c>
      <c r="Q2494" s="5" t="s">
        <v>40</v>
      </c>
      <c r="R2494" s="5" t="s">
        <v>1522</v>
      </c>
      <c r="S2494" s="5" t="s">
        <v>1523</v>
      </c>
      <c r="T2494" s="5" t="s">
        <v>42</v>
      </c>
      <c r="U2494" s="2">
        <v>1.389</v>
      </c>
      <c r="V2494" s="2">
        <v>1.0269999999999999</v>
      </c>
      <c r="W2494" s="2">
        <v>8.0000000000000002E-3</v>
      </c>
      <c r="X2494" s="2">
        <v>99.1</v>
      </c>
      <c r="Y2494" s="2">
        <v>7.6</v>
      </c>
      <c r="Z2494" s="2">
        <v>10.6</v>
      </c>
      <c r="AA2494" s="5"/>
      <c r="AB2494" s="5" t="s">
        <v>43</v>
      </c>
      <c r="AC2494" s="5" t="s">
        <v>44</v>
      </c>
      <c r="AD2494" s="2"/>
      <c r="AE2494" s="1"/>
    </row>
    <row r="2495" spans="1:31" ht="14.45">
      <c r="A2495" s="11"/>
      <c r="B2495" s="20"/>
      <c r="C2495" s="2" t="s">
        <v>7938</v>
      </c>
      <c r="D2495" s="14" t="s">
        <v>7939</v>
      </c>
      <c r="E2495" s="2" t="s">
        <v>7940</v>
      </c>
      <c r="F2495" s="2" t="s">
        <v>1835</v>
      </c>
      <c r="G2495" s="8">
        <v>105</v>
      </c>
      <c r="H2495" s="5">
        <v>13</v>
      </c>
      <c r="I2495" s="5" t="s">
        <v>1518</v>
      </c>
      <c r="J2495" s="5" t="s">
        <v>1519</v>
      </c>
      <c r="K2495" s="2" t="s">
        <v>1520</v>
      </c>
      <c r="L2495" s="5" t="s">
        <v>1519</v>
      </c>
      <c r="M2495" s="2" t="s">
        <v>1520</v>
      </c>
      <c r="N2495" s="5" t="s">
        <v>1521</v>
      </c>
      <c r="O2495" s="5" t="s">
        <v>38</v>
      </c>
      <c r="P2495" s="5" t="s">
        <v>39</v>
      </c>
      <c r="Q2495" s="5" t="s">
        <v>40</v>
      </c>
      <c r="R2495" s="5" t="s">
        <v>1522</v>
      </c>
      <c r="S2495" s="5" t="s">
        <v>1523</v>
      </c>
      <c r="T2495" s="5" t="s">
        <v>42</v>
      </c>
      <c r="U2495" s="2">
        <v>1.421</v>
      </c>
      <c r="V2495" s="2">
        <v>1.0589999999999999</v>
      </c>
      <c r="W2495" s="2">
        <v>8.0000000000000002E-3</v>
      </c>
      <c r="X2495" s="2">
        <v>99.1</v>
      </c>
      <c r="Y2495" s="2">
        <v>7.6</v>
      </c>
      <c r="Z2495" s="2">
        <v>10.6</v>
      </c>
      <c r="AA2495" s="5"/>
      <c r="AB2495" s="5" t="s">
        <v>43</v>
      </c>
      <c r="AC2495" s="5" t="s">
        <v>44</v>
      </c>
      <c r="AD2495" s="2"/>
      <c r="AE2495" s="1"/>
    </row>
    <row r="2496" spans="1:31" ht="14.45">
      <c r="A2496" s="11"/>
      <c r="B2496" s="20"/>
      <c r="C2496" s="2" t="s">
        <v>7941</v>
      </c>
      <c r="D2496" s="14" t="s">
        <v>7942</v>
      </c>
      <c r="E2496" s="2" t="s">
        <v>7943</v>
      </c>
      <c r="F2496" s="2" t="s">
        <v>1843</v>
      </c>
      <c r="G2496" s="8">
        <v>105</v>
      </c>
      <c r="H2496" s="5">
        <v>13</v>
      </c>
      <c r="I2496" s="5" t="s">
        <v>1518</v>
      </c>
      <c r="J2496" s="5" t="s">
        <v>1519</v>
      </c>
      <c r="K2496" s="2" t="s">
        <v>1520</v>
      </c>
      <c r="L2496" s="5" t="s">
        <v>1519</v>
      </c>
      <c r="M2496" s="2" t="s">
        <v>1520</v>
      </c>
      <c r="N2496" s="5" t="s">
        <v>1521</v>
      </c>
      <c r="O2496" s="5" t="s">
        <v>38</v>
      </c>
      <c r="P2496" s="5" t="s">
        <v>39</v>
      </c>
      <c r="Q2496" s="5" t="s">
        <v>40</v>
      </c>
      <c r="R2496" s="5" t="s">
        <v>1522</v>
      </c>
      <c r="S2496" s="5" t="s">
        <v>1523</v>
      </c>
      <c r="T2496" s="5" t="s">
        <v>42</v>
      </c>
      <c r="U2496" s="2">
        <v>1.389</v>
      </c>
      <c r="V2496" s="2">
        <v>1.0269999999999999</v>
      </c>
      <c r="W2496" s="2">
        <v>8.0000000000000002E-3</v>
      </c>
      <c r="X2496" s="2">
        <v>99.1</v>
      </c>
      <c r="Y2496" s="2">
        <v>7.6</v>
      </c>
      <c r="Z2496" s="2">
        <v>10.6</v>
      </c>
      <c r="AA2496" s="5"/>
      <c r="AB2496" s="5" t="s">
        <v>43</v>
      </c>
      <c r="AC2496" s="5" t="s">
        <v>44</v>
      </c>
      <c r="AD2496" s="2"/>
      <c r="AE2496" s="1"/>
    </row>
    <row r="2497" spans="1:31" ht="14.45">
      <c r="A2497" s="11"/>
      <c r="B2497" s="20"/>
      <c r="C2497" s="2" t="s">
        <v>7944</v>
      </c>
      <c r="D2497" s="14" t="s">
        <v>7945</v>
      </c>
      <c r="E2497" s="2" t="s">
        <v>7946</v>
      </c>
      <c r="F2497" s="2" t="s">
        <v>1847</v>
      </c>
      <c r="G2497" s="8">
        <v>105</v>
      </c>
      <c r="H2497" s="5">
        <v>13</v>
      </c>
      <c r="I2497" s="5" t="s">
        <v>1518</v>
      </c>
      <c r="J2497" s="5" t="s">
        <v>1519</v>
      </c>
      <c r="K2497" s="2" t="s">
        <v>1520</v>
      </c>
      <c r="L2497" s="5" t="s">
        <v>1519</v>
      </c>
      <c r="M2497" s="2" t="s">
        <v>1520</v>
      </c>
      <c r="N2497" s="5" t="s">
        <v>1521</v>
      </c>
      <c r="O2497" s="5" t="s">
        <v>38</v>
      </c>
      <c r="P2497" s="5" t="s">
        <v>39</v>
      </c>
      <c r="Q2497" s="5" t="s">
        <v>40</v>
      </c>
      <c r="R2497" s="5" t="s">
        <v>1522</v>
      </c>
      <c r="S2497" s="5" t="s">
        <v>1523</v>
      </c>
      <c r="T2497" s="5" t="s">
        <v>42</v>
      </c>
      <c r="U2497" s="2">
        <v>1.421</v>
      </c>
      <c r="V2497" s="2">
        <v>1.0589999999999999</v>
      </c>
      <c r="W2497" s="2">
        <v>8.0000000000000002E-3</v>
      </c>
      <c r="X2497" s="2">
        <v>99.1</v>
      </c>
      <c r="Y2497" s="2">
        <v>7.6</v>
      </c>
      <c r="Z2497" s="2">
        <v>10.6</v>
      </c>
      <c r="AA2497" s="5"/>
      <c r="AB2497" s="5" t="s">
        <v>43</v>
      </c>
      <c r="AC2497" s="5" t="s">
        <v>44</v>
      </c>
      <c r="AD2497" s="2"/>
      <c r="AE2497" s="1"/>
    </row>
    <row r="2498" spans="1:31" ht="14.45">
      <c r="A2498" s="11"/>
      <c r="B2498" s="20"/>
      <c r="C2498" s="2" t="s">
        <v>7947</v>
      </c>
      <c r="D2498" s="14" t="s">
        <v>7948</v>
      </c>
      <c r="E2498" s="2" t="s">
        <v>7949</v>
      </c>
      <c r="F2498" s="2" t="s">
        <v>1851</v>
      </c>
      <c r="G2498" s="8">
        <v>105</v>
      </c>
      <c r="H2498" s="5">
        <v>13</v>
      </c>
      <c r="I2498" s="5" t="s">
        <v>1518</v>
      </c>
      <c r="J2498" s="5" t="s">
        <v>1519</v>
      </c>
      <c r="K2498" s="2" t="s">
        <v>1520</v>
      </c>
      <c r="L2498" s="5" t="s">
        <v>1519</v>
      </c>
      <c r="M2498" s="2" t="s">
        <v>1520</v>
      </c>
      <c r="N2498" s="5" t="s">
        <v>1521</v>
      </c>
      <c r="O2498" s="5" t="s">
        <v>38</v>
      </c>
      <c r="P2498" s="5" t="s">
        <v>39</v>
      </c>
      <c r="Q2498" s="5" t="s">
        <v>40</v>
      </c>
      <c r="R2498" s="5" t="s">
        <v>1522</v>
      </c>
      <c r="S2498" s="5" t="s">
        <v>1523</v>
      </c>
      <c r="T2498" s="5" t="s">
        <v>42</v>
      </c>
      <c r="U2498" s="2">
        <v>1.389</v>
      </c>
      <c r="V2498" s="2">
        <v>1.0269999999999999</v>
      </c>
      <c r="W2498" s="2">
        <v>8.0000000000000002E-3</v>
      </c>
      <c r="X2498" s="2">
        <v>99.1</v>
      </c>
      <c r="Y2498" s="2">
        <v>7.6</v>
      </c>
      <c r="Z2498" s="2">
        <v>10.6</v>
      </c>
      <c r="AA2498" s="5"/>
      <c r="AB2498" s="5" t="s">
        <v>43</v>
      </c>
      <c r="AC2498" s="5" t="s">
        <v>44</v>
      </c>
      <c r="AD2498" s="2"/>
      <c r="AE2498" s="1"/>
    </row>
    <row r="2499" spans="1:31" ht="14.45">
      <c r="A2499" s="11"/>
      <c r="B2499" s="20"/>
      <c r="C2499" s="2" t="s">
        <v>7950</v>
      </c>
      <c r="D2499" s="14" t="s">
        <v>7951</v>
      </c>
      <c r="E2499" s="2" t="s">
        <v>7952</v>
      </c>
      <c r="F2499" s="2" t="s">
        <v>1999</v>
      </c>
      <c r="G2499" s="8">
        <v>105</v>
      </c>
      <c r="H2499" s="5">
        <v>13</v>
      </c>
      <c r="I2499" s="5" t="s">
        <v>1518</v>
      </c>
      <c r="J2499" s="5" t="s">
        <v>1519</v>
      </c>
      <c r="K2499" s="2" t="s">
        <v>1520</v>
      </c>
      <c r="L2499" s="5" t="s">
        <v>1519</v>
      </c>
      <c r="M2499" s="2" t="s">
        <v>1520</v>
      </c>
      <c r="N2499" s="5" t="s">
        <v>1521</v>
      </c>
      <c r="O2499" s="5" t="s">
        <v>38</v>
      </c>
      <c r="P2499" s="5" t="s">
        <v>39</v>
      </c>
      <c r="Q2499" s="5" t="s">
        <v>40</v>
      </c>
      <c r="R2499" s="5" t="s">
        <v>1522</v>
      </c>
      <c r="S2499" s="5" t="s">
        <v>1523</v>
      </c>
      <c r="T2499" s="5" t="s">
        <v>42</v>
      </c>
      <c r="U2499" s="2">
        <v>1.421</v>
      </c>
      <c r="V2499" s="2">
        <v>1.0589999999999999</v>
      </c>
      <c r="W2499" s="2">
        <v>8.0000000000000002E-3</v>
      </c>
      <c r="X2499" s="2">
        <v>99.1</v>
      </c>
      <c r="Y2499" s="2">
        <v>7.6</v>
      </c>
      <c r="Z2499" s="2">
        <v>10.6</v>
      </c>
      <c r="AA2499" s="5"/>
      <c r="AB2499" s="5" t="s">
        <v>43</v>
      </c>
      <c r="AC2499" s="5" t="s">
        <v>44</v>
      </c>
      <c r="AD2499" s="2"/>
      <c r="AE2499" s="1"/>
    </row>
    <row r="2500" spans="1:31" ht="14.45">
      <c r="A2500" s="11"/>
      <c r="B2500" s="20"/>
      <c r="C2500" s="2" t="s">
        <v>7953</v>
      </c>
      <c r="D2500" s="14" t="s">
        <v>7954</v>
      </c>
      <c r="E2500" s="2" t="s">
        <v>7955</v>
      </c>
      <c r="F2500" s="2" t="s">
        <v>1863</v>
      </c>
      <c r="G2500" s="8">
        <v>105</v>
      </c>
      <c r="H2500" s="5">
        <v>11</v>
      </c>
      <c r="I2500" s="5" t="s">
        <v>1518</v>
      </c>
      <c r="J2500" s="5" t="s">
        <v>1519</v>
      </c>
      <c r="K2500" s="2" t="s">
        <v>1520</v>
      </c>
      <c r="L2500" s="5" t="s">
        <v>1519</v>
      </c>
      <c r="M2500" s="2" t="s">
        <v>1520</v>
      </c>
      <c r="N2500" s="5" t="s">
        <v>1521</v>
      </c>
      <c r="O2500" s="5" t="s">
        <v>38</v>
      </c>
      <c r="P2500" s="5" t="s">
        <v>39</v>
      </c>
      <c r="Q2500" s="5" t="s">
        <v>40</v>
      </c>
      <c r="R2500" s="5" t="s">
        <v>1522</v>
      </c>
      <c r="S2500" s="5" t="s">
        <v>1523</v>
      </c>
      <c r="T2500" s="5" t="s">
        <v>42</v>
      </c>
      <c r="U2500" s="2">
        <v>1.351</v>
      </c>
      <c r="V2500" s="2">
        <v>0.98699999999999999</v>
      </c>
      <c r="W2500" s="2">
        <v>8.0000000000000002E-3</v>
      </c>
      <c r="X2500" s="2">
        <v>99.1</v>
      </c>
      <c r="Y2500" s="2">
        <v>7.6</v>
      </c>
      <c r="Z2500" s="2">
        <v>10.6</v>
      </c>
      <c r="AA2500" s="5"/>
      <c r="AB2500" s="5" t="s">
        <v>43</v>
      </c>
      <c r="AC2500" s="5" t="s">
        <v>44</v>
      </c>
      <c r="AD2500" s="2"/>
      <c r="AE2500" s="1"/>
    </row>
    <row r="2501" spans="1:31" ht="14.45">
      <c r="A2501" s="11"/>
      <c r="B2501" s="20"/>
      <c r="C2501" s="2" t="s">
        <v>7956</v>
      </c>
      <c r="D2501" s="14" t="s">
        <v>7957</v>
      </c>
      <c r="E2501" s="2" t="s">
        <v>7958</v>
      </c>
      <c r="F2501" s="2" t="s">
        <v>1867</v>
      </c>
      <c r="G2501" s="8">
        <v>105</v>
      </c>
      <c r="H2501" s="5">
        <v>11</v>
      </c>
      <c r="I2501" s="5" t="s">
        <v>1518</v>
      </c>
      <c r="J2501" s="5" t="s">
        <v>1519</v>
      </c>
      <c r="K2501" s="2" t="s">
        <v>1520</v>
      </c>
      <c r="L2501" s="5" t="s">
        <v>1519</v>
      </c>
      <c r="M2501" s="2" t="s">
        <v>1520</v>
      </c>
      <c r="N2501" s="5" t="s">
        <v>1521</v>
      </c>
      <c r="O2501" s="5" t="s">
        <v>38</v>
      </c>
      <c r="P2501" s="5" t="s">
        <v>39</v>
      </c>
      <c r="Q2501" s="5" t="s">
        <v>40</v>
      </c>
      <c r="R2501" s="5" t="s">
        <v>1522</v>
      </c>
      <c r="S2501" s="5" t="s">
        <v>1523</v>
      </c>
      <c r="T2501" s="5" t="s">
        <v>42</v>
      </c>
      <c r="U2501" s="2">
        <v>1.383</v>
      </c>
      <c r="V2501" s="2">
        <v>1.0189999999999999</v>
      </c>
      <c r="W2501" s="2">
        <v>8.0000000000000002E-3</v>
      </c>
      <c r="X2501" s="2">
        <v>99.1</v>
      </c>
      <c r="Y2501" s="2">
        <v>7.6</v>
      </c>
      <c r="Z2501" s="2">
        <v>10.6</v>
      </c>
      <c r="AA2501" s="5"/>
      <c r="AB2501" s="5" t="s">
        <v>43</v>
      </c>
      <c r="AC2501" s="5" t="s">
        <v>44</v>
      </c>
      <c r="AD2501" s="2"/>
      <c r="AE2501" s="1"/>
    </row>
    <row r="2502" spans="1:31" ht="14.45">
      <c r="A2502" s="11"/>
      <c r="B2502" s="20"/>
      <c r="C2502" s="2" t="s">
        <v>7959</v>
      </c>
      <c r="D2502" s="14" t="s">
        <v>7960</v>
      </c>
      <c r="E2502" s="2" t="s">
        <v>7961</v>
      </c>
      <c r="F2502" s="2" t="s">
        <v>7396</v>
      </c>
      <c r="G2502" s="8">
        <v>80</v>
      </c>
      <c r="H2502" s="5">
        <v>5</v>
      </c>
      <c r="I2502" s="5" t="s">
        <v>1518</v>
      </c>
      <c r="J2502" s="5" t="s">
        <v>1519</v>
      </c>
      <c r="K2502" s="2" t="s">
        <v>1520</v>
      </c>
      <c r="L2502" s="5" t="s">
        <v>1519</v>
      </c>
      <c r="M2502" s="2" t="s">
        <v>1520</v>
      </c>
      <c r="N2502" s="5" t="s">
        <v>1521</v>
      </c>
      <c r="O2502" s="5" t="s">
        <v>38</v>
      </c>
      <c r="P2502" s="5" t="s">
        <v>39</v>
      </c>
      <c r="Q2502" s="5" t="s">
        <v>40</v>
      </c>
      <c r="R2502" s="5" t="s">
        <v>1522</v>
      </c>
      <c r="S2502" s="5" t="s">
        <v>1523</v>
      </c>
      <c r="T2502" s="5" t="s">
        <v>42</v>
      </c>
      <c r="U2502" s="2">
        <v>1.07</v>
      </c>
      <c r="V2502" s="2">
        <v>0.81200000000000006</v>
      </c>
      <c r="W2502" s="2">
        <v>6.0000000000000001E-3</v>
      </c>
      <c r="X2502" s="2">
        <v>76.900000000000006</v>
      </c>
      <c r="Y2502" s="2">
        <v>7.6</v>
      </c>
      <c r="Z2502" s="2">
        <v>10.6</v>
      </c>
      <c r="AA2502" s="5"/>
      <c r="AB2502" s="5" t="s">
        <v>43</v>
      </c>
      <c r="AC2502" s="5" t="s">
        <v>44</v>
      </c>
      <c r="AD2502" s="2"/>
      <c r="AE2502" s="1"/>
    </row>
    <row r="2503" spans="1:31" ht="14.45">
      <c r="A2503" s="11"/>
      <c r="B2503" s="20"/>
      <c r="C2503" s="2" t="s">
        <v>7962</v>
      </c>
      <c r="D2503" s="14" t="s">
        <v>7963</v>
      </c>
      <c r="E2503" s="2" t="s">
        <v>7964</v>
      </c>
      <c r="F2503" s="2" t="s">
        <v>7507</v>
      </c>
      <c r="G2503" s="8">
        <v>80</v>
      </c>
      <c r="H2503" s="5">
        <v>5</v>
      </c>
      <c r="I2503" s="5" t="s">
        <v>1518</v>
      </c>
      <c r="J2503" s="5" t="s">
        <v>1519</v>
      </c>
      <c r="K2503" s="2" t="s">
        <v>1520</v>
      </c>
      <c r="L2503" s="5" t="s">
        <v>1519</v>
      </c>
      <c r="M2503" s="2" t="s">
        <v>1520</v>
      </c>
      <c r="N2503" s="5" t="s">
        <v>1521</v>
      </c>
      <c r="O2503" s="5" t="s">
        <v>38</v>
      </c>
      <c r="P2503" s="5" t="s">
        <v>39</v>
      </c>
      <c r="Q2503" s="5" t="s">
        <v>40</v>
      </c>
      <c r="R2503" s="5" t="s">
        <v>1522</v>
      </c>
      <c r="S2503" s="5" t="s">
        <v>1523</v>
      </c>
      <c r="T2503" s="5" t="s">
        <v>42</v>
      </c>
      <c r="U2503" s="2">
        <v>1.0940000000000001</v>
      </c>
      <c r="V2503" s="2">
        <v>0.83599999999999997</v>
      </c>
      <c r="W2503" s="2">
        <v>6.0000000000000001E-3</v>
      </c>
      <c r="X2503" s="2">
        <v>76.900000000000006</v>
      </c>
      <c r="Y2503" s="2">
        <v>7.6</v>
      </c>
      <c r="Z2503" s="2">
        <v>10.6</v>
      </c>
      <c r="AA2503" s="5"/>
      <c r="AB2503" s="5" t="s">
        <v>43</v>
      </c>
      <c r="AC2503" s="5" t="s">
        <v>44</v>
      </c>
      <c r="AD2503" s="2"/>
      <c r="AE2503" s="1"/>
    </row>
    <row r="2504" spans="1:31" ht="14.45">
      <c r="A2504" s="11"/>
      <c r="B2504" s="20"/>
      <c r="C2504" s="2" t="s">
        <v>7965</v>
      </c>
      <c r="D2504" s="14" t="s">
        <v>7966</v>
      </c>
      <c r="E2504" s="2" t="s">
        <v>7967</v>
      </c>
      <c r="F2504" s="2" t="s">
        <v>7204</v>
      </c>
      <c r="G2504" s="8">
        <v>80</v>
      </c>
      <c r="H2504" s="5">
        <v>5</v>
      </c>
      <c r="I2504" s="5" t="s">
        <v>1518</v>
      </c>
      <c r="J2504" s="5" t="s">
        <v>1519</v>
      </c>
      <c r="K2504" s="2" t="s">
        <v>1520</v>
      </c>
      <c r="L2504" s="5" t="s">
        <v>1519</v>
      </c>
      <c r="M2504" s="2" t="s">
        <v>1520</v>
      </c>
      <c r="N2504" s="5" t="s">
        <v>1521</v>
      </c>
      <c r="O2504" s="5" t="s">
        <v>38</v>
      </c>
      <c r="P2504" s="5" t="s">
        <v>39</v>
      </c>
      <c r="Q2504" s="5" t="s">
        <v>40</v>
      </c>
      <c r="R2504" s="5" t="s">
        <v>1522</v>
      </c>
      <c r="S2504" s="5" t="s">
        <v>1523</v>
      </c>
      <c r="T2504" s="5" t="s">
        <v>42</v>
      </c>
      <c r="U2504" s="2">
        <v>1.0720000000000001</v>
      </c>
      <c r="V2504" s="2">
        <v>0.81399999999999995</v>
      </c>
      <c r="W2504" s="2">
        <v>6.0000000000000001E-3</v>
      </c>
      <c r="X2504" s="2">
        <v>76.900000000000006</v>
      </c>
      <c r="Y2504" s="2">
        <v>7.6</v>
      </c>
      <c r="Z2504" s="2">
        <v>10.6</v>
      </c>
      <c r="AA2504" s="5"/>
      <c r="AB2504" s="5" t="s">
        <v>43</v>
      </c>
      <c r="AC2504" s="5" t="s">
        <v>44</v>
      </c>
      <c r="AD2504" s="2"/>
      <c r="AE2504" s="1"/>
    </row>
    <row r="2505" spans="1:31" ht="14.45">
      <c r="A2505" s="11"/>
      <c r="B2505" s="20"/>
      <c r="C2505" s="2" t="s">
        <v>7968</v>
      </c>
      <c r="D2505" s="14" t="s">
        <v>7969</v>
      </c>
      <c r="E2505" s="2" t="s">
        <v>7970</v>
      </c>
      <c r="F2505" s="2" t="s">
        <v>7514</v>
      </c>
      <c r="G2505" s="8">
        <v>80</v>
      </c>
      <c r="H2505" s="5">
        <v>5</v>
      </c>
      <c r="I2505" s="5" t="s">
        <v>1518</v>
      </c>
      <c r="J2505" s="5" t="s">
        <v>1519</v>
      </c>
      <c r="K2505" s="2" t="s">
        <v>1520</v>
      </c>
      <c r="L2505" s="5" t="s">
        <v>1519</v>
      </c>
      <c r="M2505" s="2" t="s">
        <v>1520</v>
      </c>
      <c r="N2505" s="5" t="s">
        <v>1521</v>
      </c>
      <c r="O2505" s="5" t="s">
        <v>38</v>
      </c>
      <c r="P2505" s="5" t="s">
        <v>39</v>
      </c>
      <c r="Q2505" s="5" t="s">
        <v>40</v>
      </c>
      <c r="R2505" s="5" t="s">
        <v>1522</v>
      </c>
      <c r="S2505" s="5" t="s">
        <v>1523</v>
      </c>
      <c r="T2505" s="5" t="s">
        <v>42</v>
      </c>
      <c r="U2505" s="2">
        <v>1.0960000000000001</v>
      </c>
      <c r="V2505" s="2">
        <v>0.83799999999999997</v>
      </c>
      <c r="W2505" s="2">
        <v>6.0000000000000001E-3</v>
      </c>
      <c r="X2505" s="2">
        <v>76.900000000000006</v>
      </c>
      <c r="Y2505" s="2">
        <v>7.6</v>
      </c>
      <c r="Z2505" s="2">
        <v>10.6</v>
      </c>
      <c r="AA2505" s="5"/>
      <c r="AB2505" s="5" t="s">
        <v>43</v>
      </c>
      <c r="AC2505" s="5" t="s">
        <v>44</v>
      </c>
      <c r="AD2505" s="2"/>
      <c r="AE2505" s="1"/>
    </row>
    <row r="2506" spans="1:31" ht="14.45">
      <c r="A2506" s="11"/>
      <c r="B2506" s="20"/>
      <c r="C2506" s="2" t="s">
        <v>7971</v>
      </c>
      <c r="D2506" s="14" t="s">
        <v>7972</v>
      </c>
      <c r="E2506" s="2" t="s">
        <v>7973</v>
      </c>
      <c r="F2506" s="2" t="s">
        <v>7208</v>
      </c>
      <c r="G2506" s="8">
        <v>80</v>
      </c>
      <c r="H2506" s="5">
        <v>5</v>
      </c>
      <c r="I2506" s="5" t="s">
        <v>1518</v>
      </c>
      <c r="J2506" s="5" t="s">
        <v>1519</v>
      </c>
      <c r="K2506" s="2" t="s">
        <v>1520</v>
      </c>
      <c r="L2506" s="5" t="s">
        <v>1519</v>
      </c>
      <c r="M2506" s="2" t="s">
        <v>1520</v>
      </c>
      <c r="N2506" s="5" t="s">
        <v>1521</v>
      </c>
      <c r="O2506" s="5" t="s">
        <v>38</v>
      </c>
      <c r="P2506" s="5" t="s">
        <v>39</v>
      </c>
      <c r="Q2506" s="5" t="s">
        <v>40</v>
      </c>
      <c r="R2506" s="5" t="s">
        <v>1522</v>
      </c>
      <c r="S2506" s="5" t="s">
        <v>1523</v>
      </c>
      <c r="T2506" s="5" t="s">
        <v>42</v>
      </c>
      <c r="U2506" s="2">
        <v>1.0720000000000001</v>
      </c>
      <c r="V2506" s="2">
        <v>0.81399999999999995</v>
      </c>
      <c r="W2506" s="2">
        <v>6.0000000000000001E-3</v>
      </c>
      <c r="X2506" s="2">
        <v>76.900000000000006</v>
      </c>
      <c r="Y2506" s="2">
        <v>7.6</v>
      </c>
      <c r="Z2506" s="2">
        <v>10.6</v>
      </c>
      <c r="AA2506" s="5"/>
      <c r="AB2506" s="5" t="s">
        <v>43</v>
      </c>
      <c r="AC2506" s="5" t="s">
        <v>44</v>
      </c>
      <c r="AD2506" s="2"/>
      <c r="AE2506" s="1"/>
    </row>
    <row r="2507" spans="1:31" ht="14.45">
      <c r="A2507" s="11"/>
      <c r="B2507" s="20"/>
      <c r="C2507" s="2" t="s">
        <v>7974</v>
      </c>
      <c r="D2507" s="14" t="s">
        <v>7975</v>
      </c>
      <c r="E2507" s="2" t="s">
        <v>7976</v>
      </c>
      <c r="F2507" s="2" t="s">
        <v>7521</v>
      </c>
      <c r="G2507" s="8">
        <v>80</v>
      </c>
      <c r="H2507" s="5">
        <v>5</v>
      </c>
      <c r="I2507" s="5" t="s">
        <v>1518</v>
      </c>
      <c r="J2507" s="5" t="s">
        <v>1519</v>
      </c>
      <c r="K2507" s="2" t="s">
        <v>1520</v>
      </c>
      <c r="L2507" s="5" t="s">
        <v>1519</v>
      </c>
      <c r="M2507" s="2" t="s">
        <v>1520</v>
      </c>
      <c r="N2507" s="5" t="s">
        <v>1521</v>
      </c>
      <c r="O2507" s="5" t="s">
        <v>38</v>
      </c>
      <c r="P2507" s="5" t="s">
        <v>39</v>
      </c>
      <c r="Q2507" s="5" t="s">
        <v>40</v>
      </c>
      <c r="R2507" s="5" t="s">
        <v>1522</v>
      </c>
      <c r="S2507" s="5" t="s">
        <v>1523</v>
      </c>
      <c r="T2507" s="5" t="s">
        <v>42</v>
      </c>
      <c r="U2507" s="2">
        <v>1.0960000000000001</v>
      </c>
      <c r="V2507" s="2">
        <v>0.83799999999999997</v>
      </c>
      <c r="W2507" s="2">
        <v>6.0000000000000001E-3</v>
      </c>
      <c r="X2507" s="2">
        <v>76.900000000000006</v>
      </c>
      <c r="Y2507" s="2">
        <v>7.6</v>
      </c>
      <c r="Z2507" s="2">
        <v>10.6</v>
      </c>
      <c r="AA2507" s="5"/>
      <c r="AB2507" s="5" t="s">
        <v>43</v>
      </c>
      <c r="AC2507" s="5" t="s">
        <v>44</v>
      </c>
      <c r="AD2507" s="2"/>
      <c r="AE2507" s="1"/>
    </row>
    <row r="2508" spans="1:31" ht="14.45">
      <c r="A2508" s="11"/>
      <c r="B2508" s="20"/>
      <c r="C2508" s="2" t="s">
        <v>7977</v>
      </c>
      <c r="D2508" s="14" t="s">
        <v>7978</v>
      </c>
      <c r="E2508" s="2" t="s">
        <v>7979</v>
      </c>
      <c r="F2508" s="2" t="s">
        <v>7212</v>
      </c>
      <c r="G2508" s="8">
        <v>80</v>
      </c>
      <c r="H2508" s="5">
        <v>5</v>
      </c>
      <c r="I2508" s="5" t="s">
        <v>1518</v>
      </c>
      <c r="J2508" s="5" t="s">
        <v>1519</v>
      </c>
      <c r="K2508" s="2" t="s">
        <v>1520</v>
      </c>
      <c r="L2508" s="5" t="s">
        <v>1519</v>
      </c>
      <c r="M2508" s="2" t="s">
        <v>1520</v>
      </c>
      <c r="N2508" s="5" t="s">
        <v>1521</v>
      </c>
      <c r="O2508" s="5" t="s">
        <v>38</v>
      </c>
      <c r="P2508" s="5" t="s">
        <v>39</v>
      </c>
      <c r="Q2508" s="5" t="s">
        <v>40</v>
      </c>
      <c r="R2508" s="5" t="s">
        <v>1522</v>
      </c>
      <c r="S2508" s="5" t="s">
        <v>1523</v>
      </c>
      <c r="T2508" s="5" t="s">
        <v>42</v>
      </c>
      <c r="U2508" s="2">
        <v>1.0649999999999999</v>
      </c>
      <c r="V2508" s="2">
        <v>0.80700000000000005</v>
      </c>
      <c r="W2508" s="2">
        <v>6.0000000000000001E-3</v>
      </c>
      <c r="X2508" s="2">
        <v>76.900000000000006</v>
      </c>
      <c r="Y2508" s="2">
        <v>7.6</v>
      </c>
      <c r="Z2508" s="2">
        <v>10.6</v>
      </c>
      <c r="AA2508" s="5"/>
      <c r="AB2508" s="5" t="s">
        <v>43</v>
      </c>
      <c r="AC2508" s="5" t="s">
        <v>44</v>
      </c>
      <c r="AD2508" s="2"/>
      <c r="AE2508" s="1"/>
    </row>
    <row r="2509" spans="1:31" ht="14.45">
      <c r="A2509" s="11"/>
      <c r="B2509" s="20"/>
      <c r="C2509" s="2" t="s">
        <v>7980</v>
      </c>
      <c r="D2509" s="14" t="s">
        <v>7981</v>
      </c>
      <c r="E2509" s="2" t="s">
        <v>7982</v>
      </c>
      <c r="F2509" s="2" t="s">
        <v>7528</v>
      </c>
      <c r="G2509" s="8">
        <v>80</v>
      </c>
      <c r="H2509" s="5">
        <v>5</v>
      </c>
      <c r="I2509" s="5" t="s">
        <v>1518</v>
      </c>
      <c r="J2509" s="5" t="s">
        <v>1519</v>
      </c>
      <c r="K2509" s="2" t="s">
        <v>1520</v>
      </c>
      <c r="L2509" s="5" t="s">
        <v>1519</v>
      </c>
      <c r="M2509" s="2" t="s">
        <v>1520</v>
      </c>
      <c r="N2509" s="5" t="s">
        <v>1521</v>
      </c>
      <c r="O2509" s="5" t="s">
        <v>38</v>
      </c>
      <c r="P2509" s="5" t="s">
        <v>39</v>
      </c>
      <c r="Q2509" s="5" t="s">
        <v>40</v>
      </c>
      <c r="R2509" s="5" t="s">
        <v>1522</v>
      </c>
      <c r="S2509" s="5" t="s">
        <v>1523</v>
      </c>
      <c r="T2509" s="5" t="s">
        <v>42</v>
      </c>
      <c r="U2509" s="2">
        <v>1.089</v>
      </c>
      <c r="V2509" s="2">
        <v>0.83099999999999996</v>
      </c>
      <c r="W2509" s="2">
        <v>6.0000000000000001E-3</v>
      </c>
      <c r="X2509" s="2">
        <v>76.900000000000006</v>
      </c>
      <c r="Y2509" s="2">
        <v>7.6</v>
      </c>
      <c r="Z2509" s="2">
        <v>10.6</v>
      </c>
      <c r="AA2509" s="5"/>
      <c r="AB2509" s="5" t="s">
        <v>43</v>
      </c>
      <c r="AC2509" s="5" t="s">
        <v>44</v>
      </c>
      <c r="AD2509" s="2"/>
      <c r="AE2509" s="1"/>
    </row>
    <row r="2510" spans="1:31" ht="14.45">
      <c r="A2510" s="11"/>
      <c r="B2510" s="20"/>
      <c r="C2510" s="2" t="s">
        <v>7983</v>
      </c>
      <c r="D2510" s="14" t="s">
        <v>7984</v>
      </c>
      <c r="E2510" s="2" t="s">
        <v>7985</v>
      </c>
      <c r="F2510" s="2" t="s">
        <v>7406</v>
      </c>
      <c r="G2510" s="8">
        <v>92</v>
      </c>
      <c r="H2510" s="5">
        <v>5</v>
      </c>
      <c r="I2510" s="5" t="s">
        <v>1518</v>
      </c>
      <c r="J2510" s="5" t="s">
        <v>1519</v>
      </c>
      <c r="K2510" s="2" t="s">
        <v>1520</v>
      </c>
      <c r="L2510" s="5" t="s">
        <v>1519</v>
      </c>
      <c r="M2510" s="2" t="s">
        <v>1520</v>
      </c>
      <c r="N2510" s="5" t="s">
        <v>1521</v>
      </c>
      <c r="O2510" s="5" t="s">
        <v>38</v>
      </c>
      <c r="P2510" s="5" t="s">
        <v>39</v>
      </c>
      <c r="Q2510" s="5" t="s">
        <v>40</v>
      </c>
      <c r="R2510" s="5" t="s">
        <v>1522</v>
      </c>
      <c r="S2510" s="5" t="s">
        <v>1523</v>
      </c>
      <c r="T2510" s="5" t="s">
        <v>42</v>
      </c>
      <c r="U2510" s="2">
        <v>1.0649999999999999</v>
      </c>
      <c r="V2510" s="2">
        <v>0.80700000000000005</v>
      </c>
      <c r="W2510" s="2">
        <v>6.0000000000000001E-3</v>
      </c>
      <c r="X2510" s="2">
        <v>76.900000000000006</v>
      </c>
      <c r="Y2510" s="2">
        <v>7.6</v>
      </c>
      <c r="Z2510" s="2">
        <v>10.6</v>
      </c>
      <c r="AA2510" s="5"/>
      <c r="AB2510" s="5" t="s">
        <v>43</v>
      </c>
      <c r="AC2510" s="5" t="s">
        <v>44</v>
      </c>
      <c r="AD2510" s="2"/>
      <c r="AE2510" s="1"/>
    </row>
    <row r="2511" spans="1:31" ht="14.45">
      <c r="A2511" s="11"/>
      <c r="B2511" s="20"/>
      <c r="C2511" s="2" t="s">
        <v>7986</v>
      </c>
      <c r="D2511" s="14" t="s">
        <v>7987</v>
      </c>
      <c r="E2511" s="2" t="s">
        <v>7988</v>
      </c>
      <c r="F2511" s="2" t="s">
        <v>7535</v>
      </c>
      <c r="G2511" s="8">
        <v>92</v>
      </c>
      <c r="H2511" s="5">
        <v>6</v>
      </c>
      <c r="I2511" s="5" t="s">
        <v>1518</v>
      </c>
      <c r="J2511" s="5" t="s">
        <v>1519</v>
      </c>
      <c r="K2511" s="2" t="s">
        <v>1520</v>
      </c>
      <c r="L2511" s="5" t="s">
        <v>1519</v>
      </c>
      <c r="M2511" s="2" t="s">
        <v>1520</v>
      </c>
      <c r="N2511" s="5" t="s">
        <v>1521</v>
      </c>
      <c r="O2511" s="5" t="s">
        <v>38</v>
      </c>
      <c r="P2511" s="5" t="s">
        <v>39</v>
      </c>
      <c r="Q2511" s="5" t="s">
        <v>40</v>
      </c>
      <c r="R2511" s="5" t="s">
        <v>1522</v>
      </c>
      <c r="S2511" s="5" t="s">
        <v>1523</v>
      </c>
      <c r="T2511" s="5" t="s">
        <v>42</v>
      </c>
      <c r="U2511" s="2">
        <v>1.0880000000000001</v>
      </c>
      <c r="V2511" s="2">
        <v>0.83</v>
      </c>
      <c r="W2511" s="2">
        <v>6.0000000000000001E-3</v>
      </c>
      <c r="X2511" s="2">
        <v>76.900000000000006</v>
      </c>
      <c r="Y2511" s="2">
        <v>7.6</v>
      </c>
      <c r="Z2511" s="2">
        <v>10.6</v>
      </c>
      <c r="AA2511" s="5"/>
      <c r="AB2511" s="5" t="s">
        <v>43</v>
      </c>
      <c r="AC2511" s="5" t="s">
        <v>44</v>
      </c>
      <c r="AD2511" s="2"/>
      <c r="AE2511" s="1"/>
    </row>
    <row r="2512" spans="1:31" ht="14.45">
      <c r="A2512" s="11"/>
      <c r="B2512" s="20"/>
      <c r="C2512" s="2" t="s">
        <v>7989</v>
      </c>
      <c r="D2512" s="14" t="s">
        <v>7990</v>
      </c>
      <c r="E2512" s="2" t="s">
        <v>7991</v>
      </c>
      <c r="F2512" s="2" t="s">
        <v>7539</v>
      </c>
      <c r="G2512" s="8">
        <v>92</v>
      </c>
      <c r="H2512" s="5">
        <v>6</v>
      </c>
      <c r="I2512" s="5" t="s">
        <v>1518</v>
      </c>
      <c r="J2512" s="5" t="s">
        <v>1519</v>
      </c>
      <c r="K2512" s="2" t="s">
        <v>1520</v>
      </c>
      <c r="L2512" s="5" t="s">
        <v>1519</v>
      </c>
      <c r="M2512" s="2" t="s">
        <v>1520</v>
      </c>
      <c r="N2512" s="5" t="s">
        <v>1521</v>
      </c>
      <c r="O2512" s="5" t="s">
        <v>38</v>
      </c>
      <c r="P2512" s="5" t="s">
        <v>39</v>
      </c>
      <c r="Q2512" s="5" t="s">
        <v>40</v>
      </c>
      <c r="R2512" s="5" t="s">
        <v>1522</v>
      </c>
      <c r="S2512" s="5" t="s">
        <v>1523</v>
      </c>
      <c r="T2512" s="5" t="s">
        <v>42</v>
      </c>
      <c r="U2512" s="2">
        <v>1.0720000000000001</v>
      </c>
      <c r="V2512" s="2">
        <v>0.81399999999999995</v>
      </c>
      <c r="W2512" s="2">
        <v>6.0000000000000001E-3</v>
      </c>
      <c r="X2512" s="2">
        <v>76.900000000000006</v>
      </c>
      <c r="Y2512" s="2">
        <v>7.6</v>
      </c>
      <c r="Z2512" s="2">
        <v>10.6</v>
      </c>
      <c r="AA2512" s="5"/>
      <c r="AB2512" s="5" t="s">
        <v>43</v>
      </c>
      <c r="AC2512" s="5" t="s">
        <v>44</v>
      </c>
      <c r="AD2512" s="2"/>
      <c r="AE2512" s="1"/>
    </row>
    <row r="2513" spans="1:31" ht="14.45">
      <c r="A2513" s="11"/>
      <c r="B2513" s="20"/>
      <c r="C2513" s="2" t="s">
        <v>7992</v>
      </c>
      <c r="D2513" s="14" t="s">
        <v>7993</v>
      </c>
      <c r="E2513" s="2" t="s">
        <v>7994</v>
      </c>
      <c r="F2513" s="2" t="s">
        <v>7543</v>
      </c>
      <c r="G2513" s="8">
        <v>92</v>
      </c>
      <c r="H2513" s="5">
        <v>6</v>
      </c>
      <c r="I2513" s="5" t="s">
        <v>1518</v>
      </c>
      <c r="J2513" s="5" t="s">
        <v>1519</v>
      </c>
      <c r="K2513" s="2" t="s">
        <v>1520</v>
      </c>
      <c r="L2513" s="5" t="s">
        <v>1519</v>
      </c>
      <c r="M2513" s="2" t="s">
        <v>1520</v>
      </c>
      <c r="N2513" s="5" t="s">
        <v>1521</v>
      </c>
      <c r="O2513" s="5" t="s">
        <v>38</v>
      </c>
      <c r="P2513" s="5" t="s">
        <v>39</v>
      </c>
      <c r="Q2513" s="5" t="s">
        <v>40</v>
      </c>
      <c r="R2513" s="5" t="s">
        <v>1522</v>
      </c>
      <c r="S2513" s="5" t="s">
        <v>1523</v>
      </c>
      <c r="T2513" s="5" t="s">
        <v>42</v>
      </c>
      <c r="U2513" s="2">
        <v>1.0960000000000001</v>
      </c>
      <c r="V2513" s="2">
        <v>0.83799999999999997</v>
      </c>
      <c r="W2513" s="2">
        <v>6.0000000000000001E-3</v>
      </c>
      <c r="X2513" s="2">
        <v>76.900000000000006</v>
      </c>
      <c r="Y2513" s="2">
        <v>7.6</v>
      </c>
      <c r="Z2513" s="2">
        <v>10.6</v>
      </c>
      <c r="AA2513" s="5"/>
      <c r="AB2513" s="5" t="s">
        <v>43</v>
      </c>
      <c r="AC2513" s="5" t="s">
        <v>44</v>
      </c>
      <c r="AD2513" s="2"/>
      <c r="AE2513" s="1"/>
    </row>
    <row r="2514" spans="1:31" ht="14.45">
      <c r="A2514" s="11"/>
      <c r="B2514" s="20"/>
      <c r="C2514" s="2" t="s">
        <v>7995</v>
      </c>
      <c r="D2514" s="14" t="s">
        <v>7996</v>
      </c>
      <c r="E2514" s="2" t="s">
        <v>7997</v>
      </c>
      <c r="F2514" s="2" t="s">
        <v>7547</v>
      </c>
      <c r="G2514" s="8">
        <v>92</v>
      </c>
      <c r="H2514" s="5">
        <v>6</v>
      </c>
      <c r="I2514" s="5" t="s">
        <v>1518</v>
      </c>
      <c r="J2514" s="5" t="s">
        <v>1519</v>
      </c>
      <c r="K2514" s="2" t="s">
        <v>1520</v>
      </c>
      <c r="L2514" s="5" t="s">
        <v>1519</v>
      </c>
      <c r="M2514" s="2" t="s">
        <v>1520</v>
      </c>
      <c r="N2514" s="5" t="s">
        <v>1521</v>
      </c>
      <c r="O2514" s="5" t="s">
        <v>38</v>
      </c>
      <c r="P2514" s="5" t="s">
        <v>39</v>
      </c>
      <c r="Q2514" s="5" t="s">
        <v>40</v>
      </c>
      <c r="R2514" s="5" t="s">
        <v>1522</v>
      </c>
      <c r="S2514" s="5" t="s">
        <v>1523</v>
      </c>
      <c r="T2514" s="5" t="s">
        <v>42</v>
      </c>
      <c r="U2514" s="2">
        <v>1.0640000000000001</v>
      </c>
      <c r="V2514" s="2">
        <v>0.80600000000000005</v>
      </c>
      <c r="W2514" s="2">
        <v>6.0000000000000001E-3</v>
      </c>
      <c r="X2514" s="2">
        <v>76.900000000000006</v>
      </c>
      <c r="Y2514" s="2">
        <v>7.6</v>
      </c>
      <c r="Z2514" s="2">
        <v>10.6</v>
      </c>
      <c r="AA2514" s="5"/>
      <c r="AB2514" s="5" t="s">
        <v>43</v>
      </c>
      <c r="AC2514" s="5" t="s">
        <v>44</v>
      </c>
      <c r="AD2514" s="2"/>
      <c r="AE2514" s="1"/>
    </row>
    <row r="2515" spans="1:31" ht="14.45">
      <c r="A2515" s="11"/>
      <c r="B2515" s="20"/>
      <c r="C2515" s="2" t="s">
        <v>7998</v>
      </c>
      <c r="D2515" s="14" t="s">
        <v>7999</v>
      </c>
      <c r="E2515" s="2" t="s">
        <v>8000</v>
      </c>
      <c r="F2515" s="2" t="s">
        <v>7551</v>
      </c>
      <c r="G2515" s="8">
        <v>92</v>
      </c>
      <c r="H2515" s="5">
        <v>6</v>
      </c>
      <c r="I2515" s="5" t="s">
        <v>1518</v>
      </c>
      <c r="J2515" s="5" t="s">
        <v>1519</v>
      </c>
      <c r="K2515" s="2" t="s">
        <v>1520</v>
      </c>
      <c r="L2515" s="5" t="s">
        <v>1519</v>
      </c>
      <c r="M2515" s="2" t="s">
        <v>1520</v>
      </c>
      <c r="N2515" s="5" t="s">
        <v>1521</v>
      </c>
      <c r="O2515" s="5" t="s">
        <v>38</v>
      </c>
      <c r="P2515" s="5" t="s">
        <v>39</v>
      </c>
      <c r="Q2515" s="5" t="s">
        <v>40</v>
      </c>
      <c r="R2515" s="5" t="s">
        <v>1522</v>
      </c>
      <c r="S2515" s="5" t="s">
        <v>1523</v>
      </c>
      <c r="T2515" s="5" t="s">
        <v>42</v>
      </c>
      <c r="U2515" s="2">
        <v>1.0880000000000001</v>
      </c>
      <c r="V2515" s="2">
        <v>0.83</v>
      </c>
      <c r="W2515" s="2">
        <v>6.0000000000000001E-3</v>
      </c>
      <c r="X2515" s="2">
        <v>76.900000000000006</v>
      </c>
      <c r="Y2515" s="2">
        <v>7.6</v>
      </c>
      <c r="Z2515" s="2">
        <v>10.6</v>
      </c>
      <c r="AA2515" s="5"/>
      <c r="AB2515" s="5" t="s">
        <v>43</v>
      </c>
      <c r="AC2515" s="5" t="s">
        <v>44</v>
      </c>
      <c r="AD2515" s="2"/>
      <c r="AE2515" s="1"/>
    </row>
    <row r="2516" spans="1:31" ht="14.45">
      <c r="A2516" s="11"/>
      <c r="B2516" s="20"/>
      <c r="C2516" s="2" t="s">
        <v>8001</v>
      </c>
      <c r="D2516" s="14" t="s">
        <v>8002</v>
      </c>
      <c r="E2516" s="2" t="s">
        <v>8003</v>
      </c>
      <c r="F2516" s="2" t="s">
        <v>7555</v>
      </c>
      <c r="G2516" s="8">
        <v>92</v>
      </c>
      <c r="H2516" s="5">
        <v>6</v>
      </c>
      <c r="I2516" s="5" t="s">
        <v>1518</v>
      </c>
      <c r="J2516" s="5" t="s">
        <v>1519</v>
      </c>
      <c r="K2516" s="2" t="s">
        <v>1520</v>
      </c>
      <c r="L2516" s="5" t="s">
        <v>1519</v>
      </c>
      <c r="M2516" s="2" t="s">
        <v>1520</v>
      </c>
      <c r="N2516" s="5" t="s">
        <v>1521</v>
      </c>
      <c r="O2516" s="5" t="s">
        <v>38</v>
      </c>
      <c r="P2516" s="5" t="s">
        <v>39</v>
      </c>
      <c r="Q2516" s="5" t="s">
        <v>40</v>
      </c>
      <c r="R2516" s="5" t="s">
        <v>1522</v>
      </c>
      <c r="S2516" s="5" t="s">
        <v>1523</v>
      </c>
      <c r="T2516" s="5" t="s">
        <v>42</v>
      </c>
      <c r="U2516" s="2">
        <v>1.0640000000000001</v>
      </c>
      <c r="V2516" s="2">
        <v>0.80600000000000005</v>
      </c>
      <c r="W2516" s="2">
        <v>6.0000000000000001E-3</v>
      </c>
      <c r="X2516" s="2">
        <v>76.900000000000006</v>
      </c>
      <c r="Y2516" s="2">
        <v>7.6</v>
      </c>
      <c r="Z2516" s="2">
        <v>10.6</v>
      </c>
      <c r="AA2516" s="5"/>
      <c r="AB2516" s="5" t="s">
        <v>43</v>
      </c>
      <c r="AC2516" s="5" t="s">
        <v>44</v>
      </c>
      <c r="AD2516" s="2"/>
      <c r="AE2516" s="1"/>
    </row>
    <row r="2517" spans="1:31" ht="14.45">
      <c r="A2517" s="11"/>
      <c r="B2517" s="20"/>
      <c r="C2517" s="2" t="s">
        <v>8004</v>
      </c>
      <c r="D2517" s="14" t="s">
        <v>8005</v>
      </c>
      <c r="E2517" s="2" t="s">
        <v>8006</v>
      </c>
      <c r="F2517" s="2" t="s">
        <v>7559</v>
      </c>
      <c r="G2517" s="8">
        <v>92</v>
      </c>
      <c r="H2517" s="5">
        <v>6</v>
      </c>
      <c r="I2517" s="5" t="s">
        <v>1518</v>
      </c>
      <c r="J2517" s="5" t="s">
        <v>1519</v>
      </c>
      <c r="K2517" s="2" t="s">
        <v>1520</v>
      </c>
      <c r="L2517" s="5" t="s">
        <v>1519</v>
      </c>
      <c r="M2517" s="2" t="s">
        <v>1520</v>
      </c>
      <c r="N2517" s="5" t="s">
        <v>1521</v>
      </c>
      <c r="O2517" s="5" t="s">
        <v>38</v>
      </c>
      <c r="P2517" s="5" t="s">
        <v>39</v>
      </c>
      <c r="Q2517" s="5" t="s">
        <v>40</v>
      </c>
      <c r="R2517" s="5" t="s">
        <v>1522</v>
      </c>
      <c r="S2517" s="5" t="s">
        <v>1523</v>
      </c>
      <c r="T2517" s="5" t="s">
        <v>42</v>
      </c>
      <c r="U2517" s="2">
        <v>1.0880000000000001</v>
      </c>
      <c r="V2517" s="2">
        <v>0.83</v>
      </c>
      <c r="W2517" s="2">
        <v>6.0000000000000001E-3</v>
      </c>
      <c r="X2517" s="2">
        <v>76.900000000000006</v>
      </c>
      <c r="Y2517" s="2">
        <v>7.6</v>
      </c>
      <c r="Z2517" s="2">
        <v>10.6</v>
      </c>
      <c r="AA2517" s="5"/>
      <c r="AB2517" s="5" t="s">
        <v>43</v>
      </c>
      <c r="AC2517" s="5" t="s">
        <v>44</v>
      </c>
      <c r="AD2517" s="2"/>
      <c r="AE2517" s="1"/>
    </row>
    <row r="2518" spans="1:31" ht="14.45">
      <c r="A2518" s="11"/>
      <c r="B2518" s="20"/>
      <c r="C2518" s="2" t="s">
        <v>8007</v>
      </c>
      <c r="D2518" s="14" t="s">
        <v>8008</v>
      </c>
      <c r="E2518" s="2" t="s">
        <v>8009</v>
      </c>
      <c r="F2518" s="2" t="s">
        <v>7563</v>
      </c>
      <c r="G2518" s="8">
        <v>92</v>
      </c>
      <c r="H2518" s="5">
        <v>6</v>
      </c>
      <c r="I2518" s="5" t="s">
        <v>1518</v>
      </c>
      <c r="J2518" s="5" t="s">
        <v>1519</v>
      </c>
      <c r="K2518" s="2" t="s">
        <v>1520</v>
      </c>
      <c r="L2518" s="5" t="s">
        <v>1519</v>
      </c>
      <c r="M2518" s="2" t="s">
        <v>1520</v>
      </c>
      <c r="N2518" s="5" t="s">
        <v>1521</v>
      </c>
      <c r="O2518" s="5" t="s">
        <v>38</v>
      </c>
      <c r="P2518" s="5" t="s">
        <v>39</v>
      </c>
      <c r="Q2518" s="5" t="s">
        <v>40</v>
      </c>
      <c r="R2518" s="5" t="s">
        <v>1522</v>
      </c>
      <c r="S2518" s="5" t="s">
        <v>1523</v>
      </c>
      <c r="T2518" s="5" t="s">
        <v>42</v>
      </c>
      <c r="U2518" s="2">
        <v>1.0720000000000001</v>
      </c>
      <c r="V2518" s="2">
        <v>0.81399999999999995</v>
      </c>
      <c r="W2518" s="2">
        <v>6.0000000000000001E-3</v>
      </c>
      <c r="X2518" s="2">
        <v>76.900000000000006</v>
      </c>
      <c r="Y2518" s="2">
        <v>7.6</v>
      </c>
      <c r="Z2518" s="2">
        <v>10.6</v>
      </c>
      <c r="AA2518" s="5"/>
      <c r="AB2518" s="5" t="s">
        <v>43</v>
      </c>
      <c r="AC2518" s="5" t="s">
        <v>44</v>
      </c>
      <c r="AD2518" s="2"/>
      <c r="AE2518" s="1"/>
    </row>
    <row r="2519" spans="1:31" ht="14.45">
      <c r="A2519" s="11"/>
      <c r="B2519" s="20"/>
      <c r="C2519" s="2" t="s">
        <v>8010</v>
      </c>
      <c r="D2519" s="14" t="s">
        <v>8011</v>
      </c>
      <c r="E2519" s="2" t="s">
        <v>8012</v>
      </c>
      <c r="F2519" s="2" t="s">
        <v>7567</v>
      </c>
      <c r="G2519" s="8">
        <v>92</v>
      </c>
      <c r="H2519" s="5">
        <v>6</v>
      </c>
      <c r="I2519" s="5" t="s">
        <v>1518</v>
      </c>
      <c r="J2519" s="5" t="s">
        <v>1519</v>
      </c>
      <c r="K2519" s="2" t="s">
        <v>1520</v>
      </c>
      <c r="L2519" s="5" t="s">
        <v>1519</v>
      </c>
      <c r="M2519" s="2" t="s">
        <v>1520</v>
      </c>
      <c r="N2519" s="5" t="s">
        <v>1521</v>
      </c>
      <c r="O2519" s="5" t="s">
        <v>38</v>
      </c>
      <c r="P2519" s="5" t="s">
        <v>39</v>
      </c>
      <c r="Q2519" s="5" t="s">
        <v>40</v>
      </c>
      <c r="R2519" s="5" t="s">
        <v>1522</v>
      </c>
      <c r="S2519" s="5" t="s">
        <v>1523</v>
      </c>
      <c r="T2519" s="5" t="s">
        <v>42</v>
      </c>
      <c r="U2519" s="2">
        <v>1.0960000000000001</v>
      </c>
      <c r="V2519" s="2">
        <v>0.83799999999999997</v>
      </c>
      <c r="W2519" s="2">
        <v>6.0000000000000001E-3</v>
      </c>
      <c r="X2519" s="2">
        <v>76.900000000000006</v>
      </c>
      <c r="Y2519" s="2">
        <v>7.6</v>
      </c>
      <c r="Z2519" s="2">
        <v>10.6</v>
      </c>
      <c r="AA2519" s="5"/>
      <c r="AB2519" s="5" t="s">
        <v>43</v>
      </c>
      <c r="AC2519" s="5" t="s">
        <v>44</v>
      </c>
      <c r="AD2519" s="2"/>
      <c r="AE2519" s="1"/>
    </row>
    <row r="2520" spans="1:31" ht="14.45">
      <c r="A2520" s="11"/>
      <c r="B2520" s="20"/>
      <c r="C2520" s="2" t="s">
        <v>8013</v>
      </c>
      <c r="D2520" s="14" t="s">
        <v>8014</v>
      </c>
      <c r="E2520" s="2" t="s">
        <v>8015</v>
      </c>
      <c r="F2520" s="2" t="s">
        <v>7429</v>
      </c>
      <c r="G2520" s="8">
        <v>92</v>
      </c>
      <c r="H2520" s="5">
        <v>6</v>
      </c>
      <c r="I2520" s="5" t="s">
        <v>1518</v>
      </c>
      <c r="J2520" s="5" t="s">
        <v>1519</v>
      </c>
      <c r="K2520" s="2" t="s">
        <v>1520</v>
      </c>
      <c r="L2520" s="5" t="s">
        <v>1519</v>
      </c>
      <c r="M2520" s="2" t="s">
        <v>1520</v>
      </c>
      <c r="N2520" s="5" t="s">
        <v>1521</v>
      </c>
      <c r="O2520" s="5" t="s">
        <v>38</v>
      </c>
      <c r="P2520" s="5" t="s">
        <v>39</v>
      </c>
      <c r="Q2520" s="5" t="s">
        <v>40</v>
      </c>
      <c r="R2520" s="5" t="s">
        <v>1522</v>
      </c>
      <c r="S2520" s="5" t="s">
        <v>1523</v>
      </c>
      <c r="T2520" s="5" t="s">
        <v>42</v>
      </c>
      <c r="U2520" s="2">
        <v>1.0720000000000001</v>
      </c>
      <c r="V2520" s="2">
        <v>0.81399999999999995</v>
      </c>
      <c r="W2520" s="2">
        <v>6.0000000000000001E-3</v>
      </c>
      <c r="X2520" s="2">
        <v>76.900000000000006</v>
      </c>
      <c r="Y2520" s="2">
        <v>7.6</v>
      </c>
      <c r="Z2520" s="2">
        <v>10.6</v>
      </c>
      <c r="AA2520" s="5"/>
      <c r="AB2520" s="5" t="s">
        <v>43</v>
      </c>
      <c r="AC2520" s="5" t="s">
        <v>44</v>
      </c>
      <c r="AD2520" s="2"/>
      <c r="AE2520" s="1"/>
    </row>
    <row r="2521" spans="1:31" ht="14.45">
      <c r="A2521" s="11"/>
      <c r="B2521" s="20"/>
      <c r="C2521" s="2" t="s">
        <v>8016</v>
      </c>
      <c r="D2521" s="14" t="s">
        <v>8017</v>
      </c>
      <c r="E2521" s="2" t="s">
        <v>8018</v>
      </c>
      <c r="F2521" s="2" t="s">
        <v>7574</v>
      </c>
      <c r="G2521" s="8">
        <v>92</v>
      </c>
      <c r="H2521" s="5">
        <v>6</v>
      </c>
      <c r="I2521" s="5" t="s">
        <v>1518</v>
      </c>
      <c r="J2521" s="5" t="s">
        <v>1519</v>
      </c>
      <c r="K2521" s="2" t="s">
        <v>1520</v>
      </c>
      <c r="L2521" s="5" t="s">
        <v>1519</v>
      </c>
      <c r="M2521" s="2" t="s">
        <v>1520</v>
      </c>
      <c r="N2521" s="5" t="s">
        <v>1521</v>
      </c>
      <c r="O2521" s="5" t="s">
        <v>38</v>
      </c>
      <c r="P2521" s="5" t="s">
        <v>39</v>
      </c>
      <c r="Q2521" s="5" t="s">
        <v>40</v>
      </c>
      <c r="R2521" s="5" t="s">
        <v>1522</v>
      </c>
      <c r="S2521" s="5" t="s">
        <v>1523</v>
      </c>
      <c r="T2521" s="5" t="s">
        <v>42</v>
      </c>
      <c r="U2521" s="2">
        <v>1.0960000000000001</v>
      </c>
      <c r="V2521" s="2">
        <v>0.83799999999999997</v>
      </c>
      <c r="W2521" s="2">
        <v>6.0000000000000001E-3</v>
      </c>
      <c r="X2521" s="2">
        <v>76.900000000000006</v>
      </c>
      <c r="Y2521" s="2">
        <v>7.6</v>
      </c>
      <c r="Z2521" s="2">
        <v>10.6</v>
      </c>
      <c r="AA2521" s="5"/>
      <c r="AB2521" s="5" t="s">
        <v>43</v>
      </c>
      <c r="AC2521" s="5" t="s">
        <v>44</v>
      </c>
      <c r="AD2521" s="2"/>
      <c r="AE2521" s="1"/>
    </row>
    <row r="2522" spans="1:31" ht="14.45">
      <c r="A2522" s="11"/>
      <c r="B2522" s="20"/>
      <c r="C2522" s="2" t="s">
        <v>8019</v>
      </c>
      <c r="D2522" s="14" t="s">
        <v>8020</v>
      </c>
      <c r="E2522" s="2" t="s">
        <v>8021</v>
      </c>
      <c r="F2522" s="2" t="s">
        <v>7449</v>
      </c>
      <c r="G2522" s="8">
        <v>92</v>
      </c>
      <c r="H2522" s="5">
        <v>6</v>
      </c>
      <c r="I2522" s="5" t="s">
        <v>1518</v>
      </c>
      <c r="J2522" s="5" t="s">
        <v>1519</v>
      </c>
      <c r="K2522" s="2" t="s">
        <v>1520</v>
      </c>
      <c r="L2522" s="5" t="s">
        <v>1519</v>
      </c>
      <c r="M2522" s="2" t="s">
        <v>1520</v>
      </c>
      <c r="N2522" s="5" t="s">
        <v>1521</v>
      </c>
      <c r="O2522" s="5" t="s">
        <v>38</v>
      </c>
      <c r="P2522" s="5" t="s">
        <v>39</v>
      </c>
      <c r="Q2522" s="5" t="s">
        <v>40</v>
      </c>
      <c r="R2522" s="5" t="s">
        <v>1522</v>
      </c>
      <c r="S2522" s="5" t="s">
        <v>1523</v>
      </c>
      <c r="T2522" s="5" t="s">
        <v>42</v>
      </c>
      <c r="U2522" s="2">
        <v>1.0720000000000001</v>
      </c>
      <c r="V2522" s="2">
        <v>0.81399999999999995</v>
      </c>
      <c r="W2522" s="2">
        <v>6.0000000000000001E-3</v>
      </c>
      <c r="X2522" s="2">
        <v>76.900000000000006</v>
      </c>
      <c r="Y2522" s="2">
        <v>7.6</v>
      </c>
      <c r="Z2522" s="2">
        <v>10.6</v>
      </c>
      <c r="AA2522" s="5"/>
      <c r="AB2522" s="5" t="s">
        <v>43</v>
      </c>
      <c r="AC2522" s="5" t="s">
        <v>44</v>
      </c>
      <c r="AD2522" s="2"/>
      <c r="AE2522" s="1"/>
    </row>
    <row r="2523" spans="1:31" ht="14.45">
      <c r="A2523" s="11"/>
      <c r="B2523" s="20"/>
      <c r="C2523" s="2" t="s">
        <v>8022</v>
      </c>
      <c r="D2523" s="14" t="s">
        <v>8023</v>
      </c>
      <c r="E2523" s="2" t="s">
        <v>8024</v>
      </c>
      <c r="F2523" s="2" t="s">
        <v>7581</v>
      </c>
      <c r="G2523" s="8">
        <v>92</v>
      </c>
      <c r="H2523" s="5">
        <v>6</v>
      </c>
      <c r="I2523" s="5" t="s">
        <v>1518</v>
      </c>
      <c r="J2523" s="5" t="s">
        <v>1519</v>
      </c>
      <c r="K2523" s="2" t="s">
        <v>1520</v>
      </c>
      <c r="L2523" s="5" t="s">
        <v>1519</v>
      </c>
      <c r="M2523" s="2" t="s">
        <v>1520</v>
      </c>
      <c r="N2523" s="5" t="s">
        <v>1521</v>
      </c>
      <c r="O2523" s="5" t="s">
        <v>38</v>
      </c>
      <c r="P2523" s="5" t="s">
        <v>39</v>
      </c>
      <c r="Q2523" s="5" t="s">
        <v>40</v>
      </c>
      <c r="R2523" s="5" t="s">
        <v>1522</v>
      </c>
      <c r="S2523" s="5" t="s">
        <v>1523</v>
      </c>
      <c r="T2523" s="5" t="s">
        <v>42</v>
      </c>
      <c r="U2523" s="2">
        <v>1.0960000000000001</v>
      </c>
      <c r="V2523" s="2">
        <v>0.83799999999999997</v>
      </c>
      <c r="W2523" s="2">
        <v>6.0000000000000001E-3</v>
      </c>
      <c r="X2523" s="2">
        <v>76.900000000000006</v>
      </c>
      <c r="Y2523" s="2">
        <v>7.6</v>
      </c>
      <c r="Z2523" s="2">
        <v>10.6</v>
      </c>
      <c r="AA2523" s="5"/>
      <c r="AB2523" s="5" t="s">
        <v>43</v>
      </c>
      <c r="AC2523" s="5" t="s">
        <v>44</v>
      </c>
      <c r="AD2523" s="2"/>
      <c r="AE2523" s="1"/>
    </row>
    <row r="2524" spans="1:31" ht="14.45">
      <c r="A2524" s="11"/>
      <c r="B2524" s="20"/>
      <c r="C2524" s="2" t="s">
        <v>8025</v>
      </c>
      <c r="D2524" s="14" t="s">
        <v>8026</v>
      </c>
      <c r="E2524" s="2" t="s">
        <v>8027</v>
      </c>
      <c r="F2524" s="2" t="s">
        <v>7585</v>
      </c>
      <c r="G2524" s="8">
        <v>92</v>
      </c>
      <c r="H2524" s="5">
        <v>6</v>
      </c>
      <c r="I2524" s="5" t="s">
        <v>1518</v>
      </c>
      <c r="J2524" s="5" t="s">
        <v>1519</v>
      </c>
      <c r="K2524" s="2" t="s">
        <v>1520</v>
      </c>
      <c r="L2524" s="5" t="s">
        <v>1519</v>
      </c>
      <c r="M2524" s="2" t="s">
        <v>1520</v>
      </c>
      <c r="N2524" s="5" t="s">
        <v>1521</v>
      </c>
      <c r="O2524" s="5" t="s">
        <v>38</v>
      </c>
      <c r="P2524" s="5" t="s">
        <v>39</v>
      </c>
      <c r="Q2524" s="5" t="s">
        <v>40</v>
      </c>
      <c r="R2524" s="5" t="s">
        <v>1522</v>
      </c>
      <c r="S2524" s="5" t="s">
        <v>1523</v>
      </c>
      <c r="T2524" s="5" t="s">
        <v>42</v>
      </c>
      <c r="U2524" s="2">
        <v>1.0640000000000001</v>
      </c>
      <c r="V2524" s="2">
        <v>0.80600000000000005</v>
      </c>
      <c r="W2524" s="2">
        <v>6.0000000000000001E-3</v>
      </c>
      <c r="X2524" s="2">
        <v>76.900000000000006</v>
      </c>
      <c r="Y2524" s="2">
        <v>7.6</v>
      </c>
      <c r="Z2524" s="2">
        <v>10.6</v>
      </c>
      <c r="AA2524" s="5"/>
      <c r="AB2524" s="5" t="s">
        <v>43</v>
      </c>
      <c r="AC2524" s="5" t="s">
        <v>44</v>
      </c>
      <c r="AD2524" s="2"/>
      <c r="AE2524" s="1"/>
    </row>
    <row r="2525" spans="1:31" ht="14.45">
      <c r="A2525" s="11"/>
      <c r="B2525" s="20"/>
      <c r="C2525" s="2" t="s">
        <v>8028</v>
      </c>
      <c r="D2525" s="14" t="s">
        <v>8029</v>
      </c>
      <c r="E2525" s="2" t="s">
        <v>8030</v>
      </c>
      <c r="F2525" s="2" t="s">
        <v>7589</v>
      </c>
      <c r="G2525" s="8">
        <v>92</v>
      </c>
      <c r="H2525" s="5">
        <v>6</v>
      </c>
      <c r="I2525" s="5" t="s">
        <v>1518</v>
      </c>
      <c r="J2525" s="5" t="s">
        <v>1519</v>
      </c>
      <c r="K2525" s="2" t="s">
        <v>1520</v>
      </c>
      <c r="L2525" s="5" t="s">
        <v>1519</v>
      </c>
      <c r="M2525" s="2" t="s">
        <v>1520</v>
      </c>
      <c r="N2525" s="5" t="s">
        <v>1521</v>
      </c>
      <c r="O2525" s="5" t="s">
        <v>38</v>
      </c>
      <c r="P2525" s="5" t="s">
        <v>39</v>
      </c>
      <c r="Q2525" s="5" t="s">
        <v>40</v>
      </c>
      <c r="R2525" s="5" t="s">
        <v>1522</v>
      </c>
      <c r="S2525" s="5" t="s">
        <v>1523</v>
      </c>
      <c r="T2525" s="5" t="s">
        <v>42</v>
      </c>
      <c r="U2525" s="2">
        <v>1.0880000000000001</v>
      </c>
      <c r="V2525" s="2">
        <v>0.83</v>
      </c>
      <c r="W2525" s="2">
        <v>6.0000000000000001E-3</v>
      </c>
      <c r="X2525" s="2">
        <v>76.900000000000006</v>
      </c>
      <c r="Y2525" s="2">
        <v>7.6</v>
      </c>
      <c r="Z2525" s="2">
        <v>10.6</v>
      </c>
      <c r="AA2525" s="5"/>
      <c r="AB2525" s="5" t="s">
        <v>43</v>
      </c>
      <c r="AC2525" s="5" t="s">
        <v>44</v>
      </c>
      <c r="AD2525" s="2"/>
      <c r="AE2525" s="1"/>
    </row>
    <row r="2526" spans="1:31" ht="14.45">
      <c r="A2526" s="11"/>
      <c r="B2526" s="20"/>
      <c r="C2526" s="2" t="s">
        <v>8031</v>
      </c>
      <c r="D2526" s="14" t="s">
        <v>8032</v>
      </c>
      <c r="E2526" s="2" t="s">
        <v>8033</v>
      </c>
      <c r="F2526" s="2" t="s">
        <v>7593</v>
      </c>
      <c r="G2526" s="8">
        <v>92</v>
      </c>
      <c r="H2526" s="5">
        <v>6</v>
      </c>
      <c r="I2526" s="5" t="s">
        <v>1518</v>
      </c>
      <c r="J2526" s="5" t="s">
        <v>1519</v>
      </c>
      <c r="K2526" s="2" t="s">
        <v>1520</v>
      </c>
      <c r="L2526" s="5" t="s">
        <v>1519</v>
      </c>
      <c r="M2526" s="2" t="s">
        <v>1520</v>
      </c>
      <c r="N2526" s="5" t="s">
        <v>1521</v>
      </c>
      <c r="O2526" s="5" t="s">
        <v>38</v>
      </c>
      <c r="P2526" s="5" t="s">
        <v>39</v>
      </c>
      <c r="Q2526" s="5" t="s">
        <v>40</v>
      </c>
      <c r="R2526" s="5" t="s">
        <v>1522</v>
      </c>
      <c r="S2526" s="5" t="s">
        <v>1523</v>
      </c>
      <c r="T2526" s="5" t="s">
        <v>42</v>
      </c>
      <c r="U2526" s="2">
        <v>1.0720000000000001</v>
      </c>
      <c r="V2526" s="2">
        <v>0.81399999999999995</v>
      </c>
      <c r="W2526" s="2">
        <v>6.0000000000000001E-3</v>
      </c>
      <c r="X2526" s="2">
        <v>76.900000000000006</v>
      </c>
      <c r="Y2526" s="2">
        <v>7.6</v>
      </c>
      <c r="Z2526" s="2">
        <v>10.6</v>
      </c>
      <c r="AA2526" s="5"/>
      <c r="AB2526" s="5" t="s">
        <v>43</v>
      </c>
      <c r="AC2526" s="5" t="s">
        <v>44</v>
      </c>
      <c r="AD2526" s="2"/>
      <c r="AE2526" s="1"/>
    </row>
    <row r="2527" spans="1:31" ht="14.45">
      <c r="A2527" s="11"/>
      <c r="B2527" s="20"/>
      <c r="C2527" s="2" t="s">
        <v>8034</v>
      </c>
      <c r="D2527" s="14" t="s">
        <v>8035</v>
      </c>
      <c r="E2527" s="2" t="s">
        <v>8036</v>
      </c>
      <c r="F2527" s="2" t="s">
        <v>7597</v>
      </c>
      <c r="G2527" s="8">
        <v>92</v>
      </c>
      <c r="H2527" s="5">
        <v>6</v>
      </c>
      <c r="I2527" s="5" t="s">
        <v>1518</v>
      </c>
      <c r="J2527" s="5" t="s">
        <v>1519</v>
      </c>
      <c r="K2527" s="2" t="s">
        <v>1520</v>
      </c>
      <c r="L2527" s="5" t="s">
        <v>1519</v>
      </c>
      <c r="M2527" s="2" t="s">
        <v>1520</v>
      </c>
      <c r="N2527" s="5" t="s">
        <v>1521</v>
      </c>
      <c r="O2527" s="5" t="s">
        <v>38</v>
      </c>
      <c r="P2527" s="5" t="s">
        <v>39</v>
      </c>
      <c r="Q2527" s="5" t="s">
        <v>40</v>
      </c>
      <c r="R2527" s="5" t="s">
        <v>1522</v>
      </c>
      <c r="S2527" s="5" t="s">
        <v>1523</v>
      </c>
      <c r="T2527" s="5" t="s">
        <v>42</v>
      </c>
      <c r="U2527" s="2">
        <v>1.0960000000000001</v>
      </c>
      <c r="V2527" s="2">
        <v>0.83799999999999997</v>
      </c>
      <c r="W2527" s="2">
        <v>6.0000000000000001E-3</v>
      </c>
      <c r="X2527" s="2">
        <v>76.900000000000006</v>
      </c>
      <c r="Y2527" s="2">
        <v>7.6</v>
      </c>
      <c r="Z2527" s="2">
        <v>10.6</v>
      </c>
      <c r="AA2527" s="5"/>
      <c r="AB2527" s="5" t="s">
        <v>43</v>
      </c>
      <c r="AC2527" s="5" t="s">
        <v>44</v>
      </c>
      <c r="AD2527" s="2"/>
      <c r="AE2527" s="1"/>
    </row>
    <row r="2528" spans="1:31" ht="14.45">
      <c r="A2528" s="11"/>
      <c r="B2528" s="20"/>
      <c r="C2528" s="2" t="s">
        <v>8037</v>
      </c>
      <c r="D2528" s="14" t="s">
        <v>8038</v>
      </c>
      <c r="E2528" s="2" t="s">
        <v>8039</v>
      </c>
      <c r="F2528" s="2" t="s">
        <v>7410</v>
      </c>
      <c r="G2528" s="8">
        <v>92</v>
      </c>
      <c r="H2528" s="5">
        <v>6</v>
      </c>
      <c r="I2528" s="5" t="s">
        <v>1518</v>
      </c>
      <c r="J2528" s="5" t="s">
        <v>1519</v>
      </c>
      <c r="K2528" s="2" t="s">
        <v>1520</v>
      </c>
      <c r="L2528" s="5" t="s">
        <v>1519</v>
      </c>
      <c r="M2528" s="2" t="s">
        <v>1520</v>
      </c>
      <c r="N2528" s="5" t="s">
        <v>1521</v>
      </c>
      <c r="O2528" s="5" t="s">
        <v>38</v>
      </c>
      <c r="P2528" s="5" t="s">
        <v>39</v>
      </c>
      <c r="Q2528" s="5" t="s">
        <v>40</v>
      </c>
      <c r="R2528" s="5" t="s">
        <v>1522</v>
      </c>
      <c r="S2528" s="5" t="s">
        <v>1523</v>
      </c>
      <c r="T2528" s="5" t="s">
        <v>42</v>
      </c>
      <c r="U2528" s="2">
        <v>1.0720000000000001</v>
      </c>
      <c r="V2528" s="2">
        <v>0.81399999999999995</v>
      </c>
      <c r="W2528" s="2">
        <v>6.0000000000000001E-3</v>
      </c>
      <c r="X2528" s="2">
        <v>76.900000000000006</v>
      </c>
      <c r="Y2528" s="2">
        <v>7.6</v>
      </c>
      <c r="Z2528" s="2">
        <v>10.6</v>
      </c>
      <c r="AA2528" s="5"/>
      <c r="AB2528" s="5" t="s">
        <v>43</v>
      </c>
      <c r="AC2528" s="5" t="s">
        <v>44</v>
      </c>
      <c r="AD2528" s="2"/>
      <c r="AE2528" s="1"/>
    </row>
    <row r="2529" spans="1:31" ht="14.45">
      <c r="A2529" s="11"/>
      <c r="B2529" s="20"/>
      <c r="C2529" s="2" t="s">
        <v>8040</v>
      </c>
      <c r="D2529" s="14" t="s">
        <v>8041</v>
      </c>
      <c r="E2529" s="2" t="s">
        <v>8042</v>
      </c>
      <c r="F2529" s="2" t="s">
        <v>7604</v>
      </c>
      <c r="G2529" s="8">
        <v>92</v>
      </c>
      <c r="H2529" s="5">
        <v>6</v>
      </c>
      <c r="I2529" s="5" t="s">
        <v>1518</v>
      </c>
      <c r="J2529" s="5" t="s">
        <v>1519</v>
      </c>
      <c r="K2529" s="2" t="s">
        <v>1520</v>
      </c>
      <c r="L2529" s="5" t="s">
        <v>1519</v>
      </c>
      <c r="M2529" s="2" t="s">
        <v>1520</v>
      </c>
      <c r="N2529" s="5" t="s">
        <v>1521</v>
      </c>
      <c r="O2529" s="5" t="s">
        <v>38</v>
      </c>
      <c r="P2529" s="5" t="s">
        <v>39</v>
      </c>
      <c r="Q2529" s="5" t="s">
        <v>40</v>
      </c>
      <c r="R2529" s="5" t="s">
        <v>1522</v>
      </c>
      <c r="S2529" s="5" t="s">
        <v>1523</v>
      </c>
      <c r="T2529" s="5" t="s">
        <v>42</v>
      </c>
      <c r="U2529" s="2">
        <v>1.0960000000000001</v>
      </c>
      <c r="V2529" s="2">
        <v>0.83799999999999997</v>
      </c>
      <c r="W2529" s="2">
        <v>6.0000000000000001E-3</v>
      </c>
      <c r="X2529" s="2">
        <v>76.900000000000006</v>
      </c>
      <c r="Y2529" s="2">
        <v>7.6</v>
      </c>
      <c r="Z2529" s="2">
        <v>10.6</v>
      </c>
      <c r="AA2529" s="5"/>
      <c r="AB2529" s="5" t="s">
        <v>43</v>
      </c>
      <c r="AC2529" s="5" t="s">
        <v>44</v>
      </c>
      <c r="AD2529" s="2"/>
      <c r="AE2529" s="1"/>
    </row>
    <row r="2530" spans="1:31" ht="14.45">
      <c r="A2530" s="11"/>
      <c r="B2530" s="20"/>
      <c r="C2530" s="2" t="s">
        <v>8043</v>
      </c>
      <c r="D2530" s="14" t="s">
        <v>8044</v>
      </c>
      <c r="E2530" s="2" t="s">
        <v>8045</v>
      </c>
      <c r="F2530" s="2" t="s">
        <v>7433</v>
      </c>
      <c r="G2530" s="8">
        <v>92</v>
      </c>
      <c r="H2530" s="5">
        <v>6</v>
      </c>
      <c r="I2530" s="5" t="s">
        <v>1518</v>
      </c>
      <c r="J2530" s="5" t="s">
        <v>1519</v>
      </c>
      <c r="K2530" s="2" t="s">
        <v>1520</v>
      </c>
      <c r="L2530" s="5" t="s">
        <v>1519</v>
      </c>
      <c r="M2530" s="2" t="s">
        <v>1520</v>
      </c>
      <c r="N2530" s="5" t="s">
        <v>1521</v>
      </c>
      <c r="O2530" s="5" t="s">
        <v>38</v>
      </c>
      <c r="P2530" s="5" t="s">
        <v>39</v>
      </c>
      <c r="Q2530" s="5" t="s">
        <v>40</v>
      </c>
      <c r="R2530" s="5" t="s">
        <v>1522</v>
      </c>
      <c r="S2530" s="5" t="s">
        <v>1523</v>
      </c>
      <c r="T2530" s="5" t="s">
        <v>42</v>
      </c>
      <c r="U2530" s="2">
        <v>1.0720000000000001</v>
      </c>
      <c r="V2530" s="2">
        <v>0.81399999999999995</v>
      </c>
      <c r="W2530" s="2">
        <v>6.0000000000000001E-3</v>
      </c>
      <c r="X2530" s="2">
        <v>76.900000000000006</v>
      </c>
      <c r="Y2530" s="2">
        <v>7.6</v>
      </c>
      <c r="Z2530" s="2">
        <v>10.6</v>
      </c>
      <c r="AA2530" s="5"/>
      <c r="AB2530" s="5" t="s">
        <v>43</v>
      </c>
      <c r="AC2530" s="5" t="s">
        <v>44</v>
      </c>
      <c r="AD2530" s="2"/>
      <c r="AE2530" s="1"/>
    </row>
    <row r="2531" spans="1:31" ht="14.45">
      <c r="A2531" s="11"/>
      <c r="B2531" s="20"/>
      <c r="C2531" s="2" t="s">
        <v>8046</v>
      </c>
      <c r="D2531" s="14" t="s">
        <v>8047</v>
      </c>
      <c r="E2531" s="2" t="s">
        <v>8048</v>
      </c>
      <c r="F2531" s="2" t="s">
        <v>7611</v>
      </c>
      <c r="G2531" s="8">
        <v>92</v>
      </c>
      <c r="H2531" s="5">
        <v>6</v>
      </c>
      <c r="I2531" s="5" t="s">
        <v>1518</v>
      </c>
      <c r="J2531" s="5" t="s">
        <v>1519</v>
      </c>
      <c r="K2531" s="2" t="s">
        <v>1520</v>
      </c>
      <c r="L2531" s="5" t="s">
        <v>1519</v>
      </c>
      <c r="M2531" s="2" t="s">
        <v>1520</v>
      </c>
      <c r="N2531" s="5" t="s">
        <v>1521</v>
      </c>
      <c r="O2531" s="5" t="s">
        <v>38</v>
      </c>
      <c r="P2531" s="5" t="s">
        <v>39</v>
      </c>
      <c r="Q2531" s="5" t="s">
        <v>40</v>
      </c>
      <c r="R2531" s="5" t="s">
        <v>1522</v>
      </c>
      <c r="S2531" s="5" t="s">
        <v>1523</v>
      </c>
      <c r="T2531" s="5" t="s">
        <v>42</v>
      </c>
      <c r="U2531" s="2">
        <v>1.0960000000000001</v>
      </c>
      <c r="V2531" s="2">
        <v>0.83799999999999997</v>
      </c>
      <c r="W2531" s="2">
        <v>6.0000000000000001E-3</v>
      </c>
      <c r="X2531" s="2">
        <v>76.900000000000006</v>
      </c>
      <c r="Y2531" s="2">
        <v>7.6</v>
      </c>
      <c r="Z2531" s="2">
        <v>10.6</v>
      </c>
      <c r="AA2531" s="5"/>
      <c r="AB2531" s="5" t="s">
        <v>43</v>
      </c>
      <c r="AC2531" s="5" t="s">
        <v>44</v>
      </c>
      <c r="AD2531" s="2"/>
      <c r="AE2531" s="1"/>
    </row>
    <row r="2532" spans="1:31" ht="14.45">
      <c r="A2532" s="11"/>
      <c r="B2532" s="20"/>
      <c r="C2532" s="2" t="s">
        <v>8049</v>
      </c>
      <c r="D2532" s="14" t="s">
        <v>8050</v>
      </c>
      <c r="E2532" s="2" t="s">
        <v>8051</v>
      </c>
      <c r="F2532" s="2" t="s">
        <v>7615</v>
      </c>
      <c r="G2532" s="8">
        <v>92</v>
      </c>
      <c r="H2532" s="5">
        <v>6</v>
      </c>
      <c r="I2532" s="5" t="s">
        <v>1518</v>
      </c>
      <c r="J2532" s="5" t="s">
        <v>1519</v>
      </c>
      <c r="K2532" s="2" t="s">
        <v>1520</v>
      </c>
      <c r="L2532" s="5" t="s">
        <v>1519</v>
      </c>
      <c r="M2532" s="2" t="s">
        <v>1520</v>
      </c>
      <c r="N2532" s="5" t="s">
        <v>1521</v>
      </c>
      <c r="O2532" s="5" t="s">
        <v>38</v>
      </c>
      <c r="P2532" s="5" t="s">
        <v>39</v>
      </c>
      <c r="Q2532" s="5" t="s">
        <v>40</v>
      </c>
      <c r="R2532" s="5" t="s">
        <v>1522</v>
      </c>
      <c r="S2532" s="5" t="s">
        <v>1523</v>
      </c>
      <c r="T2532" s="5" t="s">
        <v>42</v>
      </c>
      <c r="U2532" s="2">
        <v>1.0640000000000001</v>
      </c>
      <c r="V2532" s="2">
        <v>0.80600000000000005</v>
      </c>
      <c r="W2532" s="2">
        <v>6.0000000000000001E-3</v>
      </c>
      <c r="X2532" s="2">
        <v>76.900000000000006</v>
      </c>
      <c r="Y2532" s="2">
        <v>7.6</v>
      </c>
      <c r="Z2532" s="2">
        <v>10.6</v>
      </c>
      <c r="AA2532" s="5"/>
      <c r="AB2532" s="5" t="s">
        <v>43</v>
      </c>
      <c r="AC2532" s="5" t="s">
        <v>44</v>
      </c>
      <c r="AD2532" s="2"/>
      <c r="AE2532" s="1"/>
    </row>
    <row r="2533" spans="1:31" ht="14.45">
      <c r="A2533" s="11"/>
      <c r="B2533" s="20"/>
      <c r="C2533" s="2" t="s">
        <v>8052</v>
      </c>
      <c r="D2533" s="14" t="s">
        <v>8053</v>
      </c>
      <c r="E2533" s="2" t="s">
        <v>8054</v>
      </c>
      <c r="F2533" s="2" t="s">
        <v>7619</v>
      </c>
      <c r="G2533" s="8">
        <v>92</v>
      </c>
      <c r="H2533" s="5">
        <v>6</v>
      </c>
      <c r="I2533" s="5" t="s">
        <v>1518</v>
      </c>
      <c r="J2533" s="5" t="s">
        <v>1519</v>
      </c>
      <c r="K2533" s="2" t="s">
        <v>1520</v>
      </c>
      <c r="L2533" s="5" t="s">
        <v>1519</v>
      </c>
      <c r="M2533" s="2" t="s">
        <v>1520</v>
      </c>
      <c r="N2533" s="5" t="s">
        <v>1521</v>
      </c>
      <c r="O2533" s="5" t="s">
        <v>38</v>
      </c>
      <c r="P2533" s="5" t="s">
        <v>39</v>
      </c>
      <c r="Q2533" s="5" t="s">
        <v>40</v>
      </c>
      <c r="R2533" s="5" t="s">
        <v>1522</v>
      </c>
      <c r="S2533" s="5" t="s">
        <v>1523</v>
      </c>
      <c r="T2533" s="5" t="s">
        <v>42</v>
      </c>
      <c r="U2533" s="2">
        <v>1.0880000000000001</v>
      </c>
      <c r="V2533" s="2">
        <v>0.83</v>
      </c>
      <c r="W2533" s="2">
        <v>6.0000000000000001E-3</v>
      </c>
      <c r="X2533" s="2">
        <v>76.900000000000006</v>
      </c>
      <c r="Y2533" s="2">
        <v>7.6</v>
      </c>
      <c r="Z2533" s="2">
        <v>10.6</v>
      </c>
      <c r="AA2533" s="5"/>
      <c r="AB2533" s="5" t="s">
        <v>43</v>
      </c>
      <c r="AC2533" s="5" t="s">
        <v>44</v>
      </c>
      <c r="AD2533" s="2"/>
      <c r="AE2533" s="1"/>
    </row>
    <row r="2534" spans="1:31" ht="14.45">
      <c r="A2534" s="11"/>
      <c r="B2534" s="20"/>
      <c r="C2534" s="2" t="s">
        <v>8055</v>
      </c>
      <c r="D2534" s="14" t="s">
        <v>8056</v>
      </c>
      <c r="E2534" s="2" t="s">
        <v>8057</v>
      </c>
      <c r="F2534" s="2" t="s">
        <v>1823</v>
      </c>
      <c r="G2534" s="8">
        <v>92</v>
      </c>
      <c r="H2534" s="5">
        <v>8</v>
      </c>
      <c r="I2534" s="5" t="s">
        <v>1518</v>
      </c>
      <c r="J2534" s="5" t="s">
        <v>1519</v>
      </c>
      <c r="K2534" s="2" t="s">
        <v>1520</v>
      </c>
      <c r="L2534" s="5" t="s">
        <v>1519</v>
      </c>
      <c r="M2534" s="2" t="s">
        <v>1520</v>
      </c>
      <c r="N2534" s="5" t="s">
        <v>1521</v>
      </c>
      <c r="O2534" s="5" t="s">
        <v>38</v>
      </c>
      <c r="P2534" s="5" t="s">
        <v>39</v>
      </c>
      <c r="Q2534" s="5" t="s">
        <v>40</v>
      </c>
      <c r="R2534" s="5" t="s">
        <v>1522</v>
      </c>
      <c r="S2534" s="5" t="s">
        <v>1523</v>
      </c>
      <c r="T2534" s="5" t="s">
        <v>42</v>
      </c>
      <c r="U2534" s="2">
        <v>1.0780000000000001</v>
      </c>
      <c r="V2534" s="2">
        <v>0.82</v>
      </c>
      <c r="W2534" s="2">
        <v>6.0000000000000001E-3</v>
      </c>
      <c r="X2534" s="2">
        <v>76.900000000000006</v>
      </c>
      <c r="Y2534" s="2">
        <v>7.6</v>
      </c>
      <c r="Z2534" s="2">
        <v>10.6</v>
      </c>
      <c r="AA2534" s="5"/>
      <c r="AB2534" s="5" t="s">
        <v>43</v>
      </c>
      <c r="AC2534" s="5" t="s">
        <v>44</v>
      </c>
      <c r="AD2534" s="2"/>
      <c r="AE2534" s="1"/>
    </row>
    <row r="2535" spans="1:31" ht="14.45">
      <c r="A2535" s="11"/>
      <c r="B2535" s="20"/>
      <c r="C2535" s="2" t="s">
        <v>8058</v>
      </c>
      <c r="D2535" s="14" t="s">
        <v>8059</v>
      </c>
      <c r="E2535" s="2" t="s">
        <v>8060</v>
      </c>
      <c r="F2535" s="2" t="s">
        <v>1827</v>
      </c>
      <c r="G2535" s="8">
        <v>92</v>
      </c>
      <c r="H2535" s="5">
        <v>8</v>
      </c>
      <c r="I2535" s="5" t="s">
        <v>1518</v>
      </c>
      <c r="J2535" s="5" t="s">
        <v>1519</v>
      </c>
      <c r="K2535" s="2" t="s">
        <v>1520</v>
      </c>
      <c r="L2535" s="5" t="s">
        <v>1519</v>
      </c>
      <c r="M2535" s="2" t="s">
        <v>1520</v>
      </c>
      <c r="N2535" s="5" t="s">
        <v>1521</v>
      </c>
      <c r="O2535" s="5" t="s">
        <v>38</v>
      </c>
      <c r="P2535" s="5" t="s">
        <v>39</v>
      </c>
      <c r="Q2535" s="5" t="s">
        <v>40</v>
      </c>
      <c r="R2535" s="5" t="s">
        <v>1522</v>
      </c>
      <c r="S2535" s="5" t="s">
        <v>1523</v>
      </c>
      <c r="T2535" s="5" t="s">
        <v>42</v>
      </c>
      <c r="U2535" s="2">
        <v>1.1020000000000001</v>
      </c>
      <c r="V2535" s="2">
        <v>0.84399999999999997</v>
      </c>
      <c r="W2535" s="2">
        <v>6.0000000000000001E-3</v>
      </c>
      <c r="X2535" s="2">
        <v>76.900000000000006</v>
      </c>
      <c r="Y2535" s="2">
        <v>7.6</v>
      </c>
      <c r="Z2535" s="2">
        <v>10.6</v>
      </c>
      <c r="AA2535" s="5"/>
      <c r="AB2535" s="5" t="s">
        <v>43</v>
      </c>
      <c r="AC2535" s="5" t="s">
        <v>44</v>
      </c>
      <c r="AD2535" s="2"/>
      <c r="AE2535" s="1"/>
    </row>
    <row r="2536" spans="1:31" ht="14.45">
      <c r="A2536" s="11"/>
      <c r="B2536" s="20"/>
      <c r="C2536" s="2" t="s">
        <v>8061</v>
      </c>
      <c r="D2536" s="14" t="s">
        <v>8062</v>
      </c>
      <c r="E2536" s="2" t="s">
        <v>8063</v>
      </c>
      <c r="F2536" s="2" t="s">
        <v>1973</v>
      </c>
      <c r="G2536" s="8">
        <v>92</v>
      </c>
      <c r="H2536" s="5">
        <v>13</v>
      </c>
      <c r="I2536" s="5" t="s">
        <v>1518</v>
      </c>
      <c r="J2536" s="5" t="s">
        <v>1519</v>
      </c>
      <c r="K2536" s="2" t="s">
        <v>1520</v>
      </c>
      <c r="L2536" s="5" t="s">
        <v>1519</v>
      </c>
      <c r="M2536" s="2" t="s">
        <v>1520</v>
      </c>
      <c r="N2536" s="5" t="s">
        <v>1521</v>
      </c>
      <c r="O2536" s="5" t="s">
        <v>38</v>
      </c>
      <c r="P2536" s="5" t="s">
        <v>39</v>
      </c>
      <c r="Q2536" s="5" t="s">
        <v>40</v>
      </c>
      <c r="R2536" s="5" t="s">
        <v>1522</v>
      </c>
      <c r="S2536" s="5" t="s">
        <v>1523</v>
      </c>
      <c r="T2536" s="5" t="s">
        <v>42</v>
      </c>
      <c r="U2536" s="2">
        <v>1.099</v>
      </c>
      <c r="V2536" s="2">
        <v>0.84099999999999997</v>
      </c>
      <c r="W2536" s="2">
        <v>6.0000000000000001E-3</v>
      </c>
      <c r="X2536" s="2">
        <v>76.900000000000006</v>
      </c>
      <c r="Y2536" s="2">
        <v>7.6</v>
      </c>
      <c r="Z2536" s="2">
        <v>10.6</v>
      </c>
      <c r="AA2536" s="5"/>
      <c r="AB2536" s="5" t="s">
        <v>43</v>
      </c>
      <c r="AC2536" s="5" t="s">
        <v>44</v>
      </c>
      <c r="AD2536" s="2"/>
      <c r="AE2536" s="1"/>
    </row>
    <row r="2537" spans="1:31" ht="14.45">
      <c r="A2537" s="11"/>
      <c r="B2537" s="20"/>
      <c r="C2537" s="2" t="s">
        <v>8064</v>
      </c>
      <c r="D2537" s="14" t="s">
        <v>8065</v>
      </c>
      <c r="E2537" s="2" t="s">
        <v>8066</v>
      </c>
      <c r="F2537" s="2" t="s">
        <v>2348</v>
      </c>
      <c r="G2537" s="8">
        <v>92</v>
      </c>
      <c r="H2537" s="5">
        <v>13</v>
      </c>
      <c r="I2537" s="5" t="s">
        <v>1518</v>
      </c>
      <c r="J2537" s="5" t="s">
        <v>1519</v>
      </c>
      <c r="K2537" s="2" t="s">
        <v>1520</v>
      </c>
      <c r="L2537" s="5" t="s">
        <v>1519</v>
      </c>
      <c r="M2537" s="2" t="s">
        <v>1520</v>
      </c>
      <c r="N2537" s="5" t="s">
        <v>1521</v>
      </c>
      <c r="O2537" s="5" t="s">
        <v>38</v>
      </c>
      <c r="P2537" s="5" t="s">
        <v>39</v>
      </c>
      <c r="Q2537" s="5" t="s">
        <v>40</v>
      </c>
      <c r="R2537" s="5" t="s">
        <v>1522</v>
      </c>
      <c r="S2537" s="5" t="s">
        <v>1523</v>
      </c>
      <c r="T2537" s="5" t="s">
        <v>42</v>
      </c>
      <c r="U2537" s="2">
        <v>1.123</v>
      </c>
      <c r="V2537" s="2">
        <v>0.86499999999999999</v>
      </c>
      <c r="W2537" s="2">
        <v>6.0000000000000001E-3</v>
      </c>
      <c r="X2537" s="2">
        <v>76.900000000000006</v>
      </c>
      <c r="Y2537" s="2">
        <v>7.6</v>
      </c>
      <c r="Z2537" s="2">
        <v>10.6</v>
      </c>
      <c r="AA2537" s="5"/>
      <c r="AB2537" s="5" t="s">
        <v>43</v>
      </c>
      <c r="AC2537" s="5" t="s">
        <v>44</v>
      </c>
      <c r="AD2537" s="2"/>
      <c r="AE2537" s="1"/>
    </row>
    <row r="2538" spans="1:31" ht="14.45">
      <c r="A2538" s="11"/>
      <c r="B2538" s="20"/>
      <c r="C2538" s="2" t="s">
        <v>8067</v>
      </c>
      <c r="D2538" s="14" t="s">
        <v>8068</v>
      </c>
      <c r="E2538" s="2" t="s">
        <v>8069</v>
      </c>
      <c r="F2538" s="2" t="s">
        <v>2204</v>
      </c>
      <c r="G2538" s="8">
        <v>92</v>
      </c>
      <c r="H2538" s="5">
        <v>13</v>
      </c>
      <c r="I2538" s="5" t="s">
        <v>1518</v>
      </c>
      <c r="J2538" s="5" t="s">
        <v>1519</v>
      </c>
      <c r="K2538" s="2" t="s">
        <v>1520</v>
      </c>
      <c r="L2538" s="5" t="s">
        <v>1519</v>
      </c>
      <c r="M2538" s="2" t="s">
        <v>1520</v>
      </c>
      <c r="N2538" s="5" t="s">
        <v>1521</v>
      </c>
      <c r="O2538" s="5" t="s">
        <v>38</v>
      </c>
      <c r="P2538" s="5" t="s">
        <v>39</v>
      </c>
      <c r="Q2538" s="5" t="s">
        <v>40</v>
      </c>
      <c r="R2538" s="5" t="s">
        <v>1522</v>
      </c>
      <c r="S2538" s="5" t="s">
        <v>1523</v>
      </c>
      <c r="T2538" s="5" t="s">
        <v>42</v>
      </c>
      <c r="U2538" s="2">
        <v>1.099</v>
      </c>
      <c r="V2538" s="2">
        <v>0.84099999999999997</v>
      </c>
      <c r="W2538" s="2">
        <v>6.0000000000000001E-3</v>
      </c>
      <c r="X2538" s="2">
        <v>76.900000000000006</v>
      </c>
      <c r="Y2538" s="2">
        <v>7.6</v>
      </c>
      <c r="Z2538" s="2">
        <v>10.6</v>
      </c>
      <c r="AA2538" s="5"/>
      <c r="AB2538" s="5" t="s">
        <v>43</v>
      </c>
      <c r="AC2538" s="5" t="s">
        <v>44</v>
      </c>
      <c r="AD2538" s="2"/>
      <c r="AE2538" s="1"/>
    </row>
    <row r="2539" spans="1:31" ht="14.45">
      <c r="A2539" s="11"/>
      <c r="B2539" s="20"/>
      <c r="C2539" s="2" t="s">
        <v>8070</v>
      </c>
      <c r="D2539" s="14" t="s">
        <v>8071</v>
      </c>
      <c r="E2539" s="2" t="s">
        <v>8072</v>
      </c>
      <c r="F2539" s="2" t="s">
        <v>2208</v>
      </c>
      <c r="G2539" s="8">
        <v>92</v>
      </c>
      <c r="H2539" s="5">
        <v>13</v>
      </c>
      <c r="I2539" s="5" t="s">
        <v>1518</v>
      </c>
      <c r="J2539" s="5" t="s">
        <v>1519</v>
      </c>
      <c r="K2539" s="2" t="s">
        <v>1520</v>
      </c>
      <c r="L2539" s="5" t="s">
        <v>1519</v>
      </c>
      <c r="M2539" s="2" t="s">
        <v>1520</v>
      </c>
      <c r="N2539" s="5" t="s">
        <v>1521</v>
      </c>
      <c r="O2539" s="5" t="s">
        <v>38</v>
      </c>
      <c r="P2539" s="5" t="s">
        <v>39</v>
      </c>
      <c r="Q2539" s="5" t="s">
        <v>40</v>
      </c>
      <c r="R2539" s="5" t="s">
        <v>1522</v>
      </c>
      <c r="S2539" s="5" t="s">
        <v>1523</v>
      </c>
      <c r="T2539" s="5" t="s">
        <v>42</v>
      </c>
      <c r="U2539" s="2">
        <v>1.099</v>
      </c>
      <c r="V2539" s="2">
        <v>0.84099999999999997</v>
      </c>
      <c r="W2539" s="2">
        <v>6.0000000000000001E-3</v>
      </c>
      <c r="X2539" s="2">
        <v>76.900000000000006</v>
      </c>
      <c r="Y2539" s="2">
        <v>7.6</v>
      </c>
      <c r="Z2539" s="2">
        <v>10.6</v>
      </c>
      <c r="AA2539" s="5"/>
      <c r="AB2539" s="5" t="s">
        <v>43</v>
      </c>
      <c r="AC2539" s="5" t="s">
        <v>44</v>
      </c>
      <c r="AD2539" s="2"/>
      <c r="AE2539" s="1"/>
    </row>
    <row r="2540" spans="1:31" ht="14.45">
      <c r="A2540" s="11"/>
      <c r="B2540" s="20"/>
      <c r="C2540" s="2" t="s">
        <v>8073</v>
      </c>
      <c r="D2540" s="14" t="s">
        <v>8074</v>
      </c>
      <c r="E2540" s="2" t="s">
        <v>8075</v>
      </c>
      <c r="F2540" s="2" t="s">
        <v>2212</v>
      </c>
      <c r="G2540" s="8">
        <v>92</v>
      </c>
      <c r="H2540" s="5">
        <v>13</v>
      </c>
      <c r="I2540" s="5" t="s">
        <v>1518</v>
      </c>
      <c r="J2540" s="5" t="s">
        <v>1519</v>
      </c>
      <c r="K2540" s="2" t="s">
        <v>1520</v>
      </c>
      <c r="L2540" s="5" t="s">
        <v>1519</v>
      </c>
      <c r="M2540" s="2" t="s">
        <v>1520</v>
      </c>
      <c r="N2540" s="5" t="s">
        <v>1521</v>
      </c>
      <c r="O2540" s="5" t="s">
        <v>38</v>
      </c>
      <c r="P2540" s="5" t="s">
        <v>39</v>
      </c>
      <c r="Q2540" s="5" t="s">
        <v>40</v>
      </c>
      <c r="R2540" s="5" t="s">
        <v>1522</v>
      </c>
      <c r="S2540" s="5" t="s">
        <v>1523</v>
      </c>
      <c r="T2540" s="5" t="s">
        <v>42</v>
      </c>
      <c r="U2540" s="2">
        <v>1.123</v>
      </c>
      <c r="V2540" s="2">
        <v>0.86499999999999999</v>
      </c>
      <c r="W2540" s="2">
        <v>6.0000000000000001E-3</v>
      </c>
      <c r="X2540" s="2">
        <v>76.900000000000006</v>
      </c>
      <c r="Y2540" s="2">
        <v>7.6</v>
      </c>
      <c r="Z2540" s="2">
        <v>10.6</v>
      </c>
      <c r="AA2540" s="5"/>
      <c r="AB2540" s="5" t="s">
        <v>43</v>
      </c>
      <c r="AC2540" s="5" t="s">
        <v>44</v>
      </c>
      <c r="AD2540" s="2"/>
      <c r="AE2540" s="1"/>
    </row>
    <row r="2541" spans="1:31" ht="14.45">
      <c r="A2541" s="11"/>
      <c r="B2541" s="20"/>
      <c r="C2541" s="2" t="s">
        <v>8076</v>
      </c>
      <c r="D2541" s="14" t="s">
        <v>8077</v>
      </c>
      <c r="E2541" s="2" t="s">
        <v>8078</v>
      </c>
      <c r="F2541" s="2" t="s">
        <v>1831</v>
      </c>
      <c r="G2541" s="8">
        <v>92</v>
      </c>
      <c r="H2541" s="5">
        <v>13</v>
      </c>
      <c r="I2541" s="5" t="s">
        <v>1518</v>
      </c>
      <c r="J2541" s="5" t="s">
        <v>1519</v>
      </c>
      <c r="K2541" s="2" t="s">
        <v>1520</v>
      </c>
      <c r="L2541" s="5" t="s">
        <v>1519</v>
      </c>
      <c r="M2541" s="2" t="s">
        <v>1520</v>
      </c>
      <c r="N2541" s="5" t="s">
        <v>1521</v>
      </c>
      <c r="O2541" s="5" t="s">
        <v>38</v>
      </c>
      <c r="P2541" s="5" t="s">
        <v>39</v>
      </c>
      <c r="Q2541" s="5" t="s">
        <v>40</v>
      </c>
      <c r="R2541" s="5" t="s">
        <v>1522</v>
      </c>
      <c r="S2541" s="5" t="s">
        <v>1523</v>
      </c>
      <c r="T2541" s="5" t="s">
        <v>42</v>
      </c>
      <c r="U2541" s="2">
        <v>1.099</v>
      </c>
      <c r="V2541" s="2">
        <v>0.84099999999999997</v>
      </c>
      <c r="W2541" s="2">
        <v>6.0000000000000001E-3</v>
      </c>
      <c r="X2541" s="2">
        <v>76.900000000000006</v>
      </c>
      <c r="Y2541" s="2">
        <v>7.6</v>
      </c>
      <c r="Z2541" s="2">
        <v>10.6</v>
      </c>
      <c r="AA2541" s="5"/>
      <c r="AB2541" s="5" t="s">
        <v>43</v>
      </c>
      <c r="AC2541" s="5" t="s">
        <v>44</v>
      </c>
      <c r="AD2541" s="2"/>
      <c r="AE2541" s="1"/>
    </row>
    <row r="2542" spans="1:31" ht="14.45">
      <c r="A2542" s="11"/>
      <c r="B2542" s="20"/>
      <c r="C2542" s="2" t="s">
        <v>8079</v>
      </c>
      <c r="D2542" s="14" t="s">
        <v>8080</v>
      </c>
      <c r="E2542" s="2" t="s">
        <v>8081</v>
      </c>
      <c r="F2542" s="2" t="s">
        <v>1835</v>
      </c>
      <c r="G2542" s="8">
        <v>92</v>
      </c>
      <c r="H2542" s="5">
        <v>13</v>
      </c>
      <c r="I2542" s="5" t="s">
        <v>1518</v>
      </c>
      <c r="J2542" s="5" t="s">
        <v>1519</v>
      </c>
      <c r="K2542" s="2" t="s">
        <v>1520</v>
      </c>
      <c r="L2542" s="5" t="s">
        <v>1519</v>
      </c>
      <c r="M2542" s="2" t="s">
        <v>1520</v>
      </c>
      <c r="N2542" s="5" t="s">
        <v>1521</v>
      </c>
      <c r="O2542" s="5" t="s">
        <v>38</v>
      </c>
      <c r="P2542" s="5" t="s">
        <v>39</v>
      </c>
      <c r="Q2542" s="5" t="s">
        <v>40</v>
      </c>
      <c r="R2542" s="5" t="s">
        <v>1522</v>
      </c>
      <c r="S2542" s="5" t="s">
        <v>1523</v>
      </c>
      <c r="T2542" s="5" t="s">
        <v>42</v>
      </c>
      <c r="U2542" s="2">
        <v>1.123</v>
      </c>
      <c r="V2542" s="2">
        <v>0.86499999999999999</v>
      </c>
      <c r="W2542" s="2">
        <v>6.0000000000000001E-3</v>
      </c>
      <c r="X2542" s="2">
        <v>76.900000000000006</v>
      </c>
      <c r="Y2542" s="2">
        <v>7.6</v>
      </c>
      <c r="Z2542" s="2">
        <v>10.6</v>
      </c>
      <c r="AA2542" s="5"/>
      <c r="AB2542" s="5" t="s">
        <v>43</v>
      </c>
      <c r="AC2542" s="5" t="s">
        <v>44</v>
      </c>
      <c r="AD2542" s="2"/>
      <c r="AE2542" s="1"/>
    </row>
    <row r="2543" spans="1:31" ht="14.45">
      <c r="A2543" s="11"/>
      <c r="B2543" s="20"/>
      <c r="C2543" s="2" t="s">
        <v>8082</v>
      </c>
      <c r="D2543" s="14" t="s">
        <v>8083</v>
      </c>
      <c r="E2543" s="2" t="s">
        <v>8084</v>
      </c>
      <c r="F2543" s="2" t="s">
        <v>1839</v>
      </c>
      <c r="G2543" s="8">
        <v>92</v>
      </c>
      <c r="H2543" s="5">
        <v>13</v>
      </c>
      <c r="I2543" s="5" t="s">
        <v>1518</v>
      </c>
      <c r="J2543" s="5" t="s">
        <v>1519</v>
      </c>
      <c r="K2543" s="2" t="s">
        <v>1520</v>
      </c>
      <c r="L2543" s="5" t="s">
        <v>1519</v>
      </c>
      <c r="M2543" s="2" t="s">
        <v>1520</v>
      </c>
      <c r="N2543" s="5" t="s">
        <v>1521</v>
      </c>
      <c r="O2543" s="5" t="s">
        <v>38</v>
      </c>
      <c r="P2543" s="5" t="s">
        <v>39</v>
      </c>
      <c r="Q2543" s="5" t="s">
        <v>40</v>
      </c>
      <c r="R2543" s="5" t="s">
        <v>1522</v>
      </c>
      <c r="S2543" s="5" t="s">
        <v>1523</v>
      </c>
      <c r="T2543" s="5" t="s">
        <v>42</v>
      </c>
      <c r="U2543" s="2">
        <v>1.099</v>
      </c>
      <c r="V2543" s="2">
        <v>0.84099999999999997</v>
      </c>
      <c r="W2543" s="2">
        <v>6.0000000000000001E-3</v>
      </c>
      <c r="X2543" s="2">
        <v>76.900000000000006</v>
      </c>
      <c r="Y2543" s="2">
        <v>7.6</v>
      </c>
      <c r="Z2543" s="2">
        <v>10.6</v>
      </c>
      <c r="AA2543" s="5"/>
      <c r="AB2543" s="5" t="s">
        <v>43</v>
      </c>
      <c r="AC2543" s="5" t="s">
        <v>44</v>
      </c>
      <c r="AD2543" s="2"/>
      <c r="AE2543" s="1"/>
    </row>
    <row r="2544" spans="1:31" ht="14.45">
      <c r="A2544" s="11"/>
      <c r="B2544" s="20"/>
      <c r="C2544" s="2" t="s">
        <v>8085</v>
      </c>
      <c r="D2544" s="14" t="s">
        <v>8086</v>
      </c>
      <c r="E2544" s="2" t="s">
        <v>8087</v>
      </c>
      <c r="F2544" s="2" t="s">
        <v>1986</v>
      </c>
      <c r="G2544" s="8">
        <v>92</v>
      </c>
      <c r="H2544" s="5">
        <v>13</v>
      </c>
      <c r="I2544" s="5" t="s">
        <v>1518</v>
      </c>
      <c r="J2544" s="5" t="s">
        <v>1519</v>
      </c>
      <c r="K2544" s="2" t="s">
        <v>1520</v>
      </c>
      <c r="L2544" s="5" t="s">
        <v>1519</v>
      </c>
      <c r="M2544" s="2" t="s">
        <v>1520</v>
      </c>
      <c r="N2544" s="5" t="s">
        <v>1521</v>
      </c>
      <c r="O2544" s="5" t="s">
        <v>38</v>
      </c>
      <c r="P2544" s="5" t="s">
        <v>39</v>
      </c>
      <c r="Q2544" s="5" t="s">
        <v>40</v>
      </c>
      <c r="R2544" s="5" t="s">
        <v>1522</v>
      </c>
      <c r="S2544" s="5" t="s">
        <v>1523</v>
      </c>
      <c r="T2544" s="5" t="s">
        <v>42</v>
      </c>
      <c r="U2544" s="2">
        <v>1.123</v>
      </c>
      <c r="V2544" s="2">
        <v>0.86499999999999999</v>
      </c>
      <c r="W2544" s="2">
        <v>6.0000000000000001E-3</v>
      </c>
      <c r="X2544" s="2">
        <v>76.900000000000006</v>
      </c>
      <c r="Y2544" s="2">
        <v>7.6</v>
      </c>
      <c r="Z2544" s="2">
        <v>10.6</v>
      </c>
      <c r="AA2544" s="5"/>
      <c r="AB2544" s="5" t="s">
        <v>43</v>
      </c>
      <c r="AC2544" s="5" t="s">
        <v>44</v>
      </c>
      <c r="AD2544" s="2"/>
      <c r="AE2544" s="1"/>
    </row>
    <row r="2545" spans="1:31" ht="14.45">
      <c r="A2545" s="11"/>
      <c r="B2545" s="20"/>
      <c r="C2545" s="2" t="s">
        <v>8088</v>
      </c>
      <c r="D2545" s="14" t="s">
        <v>8089</v>
      </c>
      <c r="E2545" s="2" t="s">
        <v>8090</v>
      </c>
      <c r="F2545" s="2" t="s">
        <v>1843</v>
      </c>
      <c r="G2545" s="8">
        <v>92</v>
      </c>
      <c r="H2545" s="5">
        <v>13</v>
      </c>
      <c r="I2545" s="5" t="s">
        <v>1518</v>
      </c>
      <c r="J2545" s="5" t="s">
        <v>1519</v>
      </c>
      <c r="K2545" s="2" t="s">
        <v>1520</v>
      </c>
      <c r="L2545" s="5" t="s">
        <v>1519</v>
      </c>
      <c r="M2545" s="2" t="s">
        <v>1520</v>
      </c>
      <c r="N2545" s="5" t="s">
        <v>1521</v>
      </c>
      <c r="O2545" s="5" t="s">
        <v>38</v>
      </c>
      <c r="P2545" s="5" t="s">
        <v>39</v>
      </c>
      <c r="Q2545" s="5" t="s">
        <v>40</v>
      </c>
      <c r="R2545" s="5" t="s">
        <v>1522</v>
      </c>
      <c r="S2545" s="5" t="s">
        <v>1523</v>
      </c>
      <c r="T2545" s="5" t="s">
        <v>42</v>
      </c>
      <c r="U2545" s="2">
        <v>1.099</v>
      </c>
      <c r="V2545" s="2">
        <v>0.84099999999999997</v>
      </c>
      <c r="W2545" s="2">
        <v>6.0000000000000001E-3</v>
      </c>
      <c r="X2545" s="2">
        <v>76.900000000000006</v>
      </c>
      <c r="Y2545" s="2">
        <v>7.6</v>
      </c>
      <c r="Z2545" s="2">
        <v>10.6</v>
      </c>
      <c r="AA2545" s="5"/>
      <c r="AB2545" s="5" t="s">
        <v>43</v>
      </c>
      <c r="AC2545" s="5" t="s">
        <v>44</v>
      </c>
      <c r="AD2545" s="2"/>
      <c r="AE2545" s="1"/>
    </row>
    <row r="2546" spans="1:31" ht="14.45">
      <c r="A2546" s="11"/>
      <c r="B2546" s="20"/>
      <c r="C2546" s="2" t="s">
        <v>8091</v>
      </c>
      <c r="D2546" s="14" t="s">
        <v>8092</v>
      </c>
      <c r="E2546" s="2" t="s">
        <v>8093</v>
      </c>
      <c r="F2546" s="2" t="s">
        <v>1847</v>
      </c>
      <c r="G2546" s="8">
        <v>92</v>
      </c>
      <c r="H2546" s="5">
        <v>13</v>
      </c>
      <c r="I2546" s="5" t="s">
        <v>1518</v>
      </c>
      <c r="J2546" s="5" t="s">
        <v>1519</v>
      </c>
      <c r="K2546" s="2" t="s">
        <v>1520</v>
      </c>
      <c r="L2546" s="5" t="s">
        <v>1519</v>
      </c>
      <c r="M2546" s="2" t="s">
        <v>1520</v>
      </c>
      <c r="N2546" s="5" t="s">
        <v>1521</v>
      </c>
      <c r="O2546" s="5" t="s">
        <v>38</v>
      </c>
      <c r="P2546" s="5" t="s">
        <v>39</v>
      </c>
      <c r="Q2546" s="5" t="s">
        <v>40</v>
      </c>
      <c r="R2546" s="5" t="s">
        <v>1522</v>
      </c>
      <c r="S2546" s="5" t="s">
        <v>1523</v>
      </c>
      <c r="T2546" s="5" t="s">
        <v>42</v>
      </c>
      <c r="U2546" s="2">
        <v>1.123</v>
      </c>
      <c r="V2546" s="2">
        <v>0.86499999999999999</v>
      </c>
      <c r="W2546" s="2">
        <v>6.0000000000000001E-3</v>
      </c>
      <c r="X2546" s="2">
        <v>76.900000000000006</v>
      </c>
      <c r="Y2546" s="2">
        <v>7.6</v>
      </c>
      <c r="Z2546" s="2">
        <v>10.6</v>
      </c>
      <c r="AA2546" s="5"/>
      <c r="AB2546" s="5" t="s">
        <v>43</v>
      </c>
      <c r="AC2546" s="5" t="s">
        <v>44</v>
      </c>
      <c r="AD2546" s="2"/>
      <c r="AE2546" s="1"/>
    </row>
    <row r="2547" spans="1:31" ht="14.45">
      <c r="A2547" s="11"/>
      <c r="B2547" s="20"/>
      <c r="C2547" s="2" t="s">
        <v>8094</v>
      </c>
      <c r="D2547" s="14" t="s">
        <v>8095</v>
      </c>
      <c r="E2547" s="2" t="s">
        <v>8096</v>
      </c>
      <c r="F2547" s="2" t="s">
        <v>1851</v>
      </c>
      <c r="G2547" s="8">
        <v>92</v>
      </c>
      <c r="H2547" s="5">
        <v>13</v>
      </c>
      <c r="I2547" s="5" t="s">
        <v>1518</v>
      </c>
      <c r="J2547" s="5" t="s">
        <v>1519</v>
      </c>
      <c r="K2547" s="2" t="s">
        <v>1520</v>
      </c>
      <c r="L2547" s="5" t="s">
        <v>1519</v>
      </c>
      <c r="M2547" s="2" t="s">
        <v>1520</v>
      </c>
      <c r="N2547" s="5" t="s">
        <v>1521</v>
      </c>
      <c r="O2547" s="5" t="s">
        <v>38</v>
      </c>
      <c r="P2547" s="5" t="s">
        <v>39</v>
      </c>
      <c r="Q2547" s="5" t="s">
        <v>40</v>
      </c>
      <c r="R2547" s="5" t="s">
        <v>1522</v>
      </c>
      <c r="S2547" s="5" t="s">
        <v>1523</v>
      </c>
      <c r="T2547" s="5" t="s">
        <v>42</v>
      </c>
      <c r="U2547" s="2">
        <v>1.099</v>
      </c>
      <c r="V2547" s="2">
        <v>0.84099999999999997</v>
      </c>
      <c r="W2547" s="2">
        <v>6.0000000000000001E-3</v>
      </c>
      <c r="X2547" s="2">
        <v>76.900000000000006</v>
      </c>
      <c r="Y2547" s="2">
        <v>7.6</v>
      </c>
      <c r="Z2547" s="2">
        <v>10.6</v>
      </c>
      <c r="AA2547" s="5"/>
      <c r="AB2547" s="5" t="s">
        <v>43</v>
      </c>
      <c r="AC2547" s="5" t="s">
        <v>44</v>
      </c>
      <c r="AD2547" s="2"/>
      <c r="AE2547" s="1"/>
    </row>
    <row r="2548" spans="1:31" ht="14.45">
      <c r="A2548" s="11"/>
      <c r="B2548" s="20"/>
      <c r="C2548" s="2" t="s">
        <v>8097</v>
      </c>
      <c r="D2548" s="14" t="s">
        <v>8098</v>
      </c>
      <c r="E2548" s="2" t="s">
        <v>8099</v>
      </c>
      <c r="F2548" s="2" t="s">
        <v>1999</v>
      </c>
      <c r="G2548" s="8">
        <v>92</v>
      </c>
      <c r="H2548" s="5">
        <v>13</v>
      </c>
      <c r="I2548" s="5" t="s">
        <v>1518</v>
      </c>
      <c r="J2548" s="5" t="s">
        <v>1519</v>
      </c>
      <c r="K2548" s="2" t="s">
        <v>1520</v>
      </c>
      <c r="L2548" s="5" t="s">
        <v>1519</v>
      </c>
      <c r="M2548" s="2" t="s">
        <v>1520</v>
      </c>
      <c r="N2548" s="5" t="s">
        <v>1521</v>
      </c>
      <c r="O2548" s="5" t="s">
        <v>38</v>
      </c>
      <c r="P2548" s="5" t="s">
        <v>39</v>
      </c>
      <c r="Q2548" s="5" t="s">
        <v>40</v>
      </c>
      <c r="R2548" s="5" t="s">
        <v>1522</v>
      </c>
      <c r="S2548" s="5" t="s">
        <v>1523</v>
      </c>
      <c r="T2548" s="5" t="s">
        <v>42</v>
      </c>
      <c r="U2548" s="2">
        <v>1.123</v>
      </c>
      <c r="V2548" s="2">
        <v>0.86499999999999999</v>
      </c>
      <c r="W2548" s="2">
        <v>6.0000000000000001E-3</v>
      </c>
      <c r="X2548" s="2">
        <v>76.900000000000006</v>
      </c>
      <c r="Y2548" s="2">
        <v>7.6</v>
      </c>
      <c r="Z2548" s="2">
        <v>10.6</v>
      </c>
      <c r="AA2548" s="5"/>
      <c r="AB2548" s="5" t="s">
        <v>43</v>
      </c>
      <c r="AC2548" s="5" t="s">
        <v>44</v>
      </c>
      <c r="AD2548" s="2"/>
      <c r="AE2548" s="1"/>
    </row>
    <row r="2549" spans="1:31" ht="14.45">
      <c r="A2549" s="11"/>
      <c r="B2549" s="20"/>
      <c r="C2549" s="2" t="s">
        <v>8100</v>
      </c>
      <c r="D2549" s="14" t="s">
        <v>8101</v>
      </c>
      <c r="E2549" s="2" t="s">
        <v>8102</v>
      </c>
      <c r="F2549" s="2" t="s">
        <v>1855</v>
      </c>
      <c r="G2549" s="8">
        <v>92</v>
      </c>
      <c r="H2549" s="5">
        <v>13</v>
      </c>
      <c r="I2549" s="5" t="s">
        <v>1518</v>
      </c>
      <c r="J2549" s="5" t="s">
        <v>1519</v>
      </c>
      <c r="K2549" s="2" t="s">
        <v>1520</v>
      </c>
      <c r="L2549" s="5" t="s">
        <v>1519</v>
      </c>
      <c r="M2549" s="2" t="s">
        <v>1520</v>
      </c>
      <c r="N2549" s="5" t="s">
        <v>1521</v>
      </c>
      <c r="O2549" s="5" t="s">
        <v>38</v>
      </c>
      <c r="P2549" s="5" t="s">
        <v>39</v>
      </c>
      <c r="Q2549" s="5" t="s">
        <v>40</v>
      </c>
      <c r="R2549" s="5" t="s">
        <v>1522</v>
      </c>
      <c r="S2549" s="5" t="s">
        <v>1523</v>
      </c>
      <c r="T2549" s="5" t="s">
        <v>42</v>
      </c>
      <c r="U2549" s="2">
        <v>1.099</v>
      </c>
      <c r="V2549" s="2">
        <v>0.84099999999999997</v>
      </c>
      <c r="W2549" s="2">
        <v>6.0000000000000001E-3</v>
      </c>
      <c r="X2549" s="2">
        <v>76.900000000000006</v>
      </c>
      <c r="Y2549" s="2">
        <v>7.6</v>
      </c>
      <c r="Z2549" s="2">
        <v>10.6</v>
      </c>
      <c r="AA2549" s="5"/>
      <c r="AB2549" s="5" t="s">
        <v>43</v>
      </c>
      <c r="AC2549" s="5" t="s">
        <v>44</v>
      </c>
      <c r="AD2549" s="2"/>
      <c r="AE2549" s="1"/>
    </row>
    <row r="2550" spans="1:31" ht="14.45">
      <c r="A2550" s="11"/>
      <c r="B2550" s="20"/>
      <c r="C2550" s="2" t="s">
        <v>8103</v>
      </c>
      <c r="D2550" s="14" t="s">
        <v>8104</v>
      </c>
      <c r="E2550" s="2" t="s">
        <v>8105</v>
      </c>
      <c r="F2550" s="2" t="s">
        <v>1859</v>
      </c>
      <c r="G2550" s="8">
        <v>92</v>
      </c>
      <c r="H2550" s="5">
        <v>13</v>
      </c>
      <c r="I2550" s="5" t="s">
        <v>1518</v>
      </c>
      <c r="J2550" s="5" t="s">
        <v>1519</v>
      </c>
      <c r="K2550" s="2" t="s">
        <v>1520</v>
      </c>
      <c r="L2550" s="5" t="s">
        <v>1519</v>
      </c>
      <c r="M2550" s="2" t="s">
        <v>1520</v>
      </c>
      <c r="N2550" s="5" t="s">
        <v>1521</v>
      </c>
      <c r="O2550" s="5" t="s">
        <v>38</v>
      </c>
      <c r="P2550" s="5" t="s">
        <v>39</v>
      </c>
      <c r="Q2550" s="5" t="s">
        <v>40</v>
      </c>
      <c r="R2550" s="5" t="s">
        <v>1522</v>
      </c>
      <c r="S2550" s="5" t="s">
        <v>1523</v>
      </c>
      <c r="T2550" s="5" t="s">
        <v>42</v>
      </c>
      <c r="U2550" s="2">
        <v>1.123</v>
      </c>
      <c r="V2550" s="2">
        <v>0.86499999999999999</v>
      </c>
      <c r="W2550" s="2">
        <v>6.0000000000000001E-3</v>
      </c>
      <c r="X2550" s="2">
        <v>76.900000000000006</v>
      </c>
      <c r="Y2550" s="2">
        <v>7.6</v>
      </c>
      <c r="Z2550" s="2">
        <v>10.6</v>
      </c>
      <c r="AA2550" s="5"/>
      <c r="AB2550" s="5" t="s">
        <v>43</v>
      </c>
      <c r="AC2550" s="5" t="s">
        <v>44</v>
      </c>
      <c r="AD2550" s="2"/>
      <c r="AE2550" s="1"/>
    </row>
    <row r="2551" spans="1:31" ht="14.45">
      <c r="A2551" s="11"/>
      <c r="B2551" s="20"/>
      <c r="C2551" s="2" t="s">
        <v>8106</v>
      </c>
      <c r="D2551" s="14" t="s">
        <v>8107</v>
      </c>
      <c r="E2551" s="2" t="s">
        <v>8108</v>
      </c>
      <c r="F2551" s="2" t="s">
        <v>1863</v>
      </c>
      <c r="G2551" s="8">
        <v>92</v>
      </c>
      <c r="H2551" s="5">
        <v>11</v>
      </c>
      <c r="I2551" s="5" t="s">
        <v>1518</v>
      </c>
      <c r="J2551" s="5" t="s">
        <v>1519</v>
      </c>
      <c r="K2551" s="2" t="s">
        <v>1520</v>
      </c>
      <c r="L2551" s="5" t="s">
        <v>1519</v>
      </c>
      <c r="M2551" s="2" t="s">
        <v>1520</v>
      </c>
      <c r="N2551" s="5" t="s">
        <v>1521</v>
      </c>
      <c r="O2551" s="5" t="s">
        <v>38</v>
      </c>
      <c r="P2551" s="5" t="s">
        <v>39</v>
      </c>
      <c r="Q2551" s="5" t="s">
        <v>40</v>
      </c>
      <c r="R2551" s="5" t="s">
        <v>1522</v>
      </c>
      <c r="S2551" s="5" t="s">
        <v>1523</v>
      </c>
      <c r="T2551" s="5" t="s">
        <v>42</v>
      </c>
      <c r="U2551" s="2">
        <v>1.07</v>
      </c>
      <c r="V2551" s="2">
        <v>0.81</v>
      </c>
      <c r="W2551" s="2">
        <v>6.0000000000000001E-3</v>
      </c>
      <c r="X2551" s="2">
        <v>76.900000000000006</v>
      </c>
      <c r="Y2551" s="2">
        <v>7.6</v>
      </c>
      <c r="Z2551" s="2">
        <v>10.6</v>
      </c>
      <c r="AA2551" s="5"/>
      <c r="AB2551" s="5" t="s">
        <v>43</v>
      </c>
      <c r="AC2551" s="5" t="s">
        <v>44</v>
      </c>
      <c r="AD2551" s="2"/>
      <c r="AE2551" s="1"/>
    </row>
    <row r="2552" spans="1:31" ht="14.45">
      <c r="A2552" s="11"/>
      <c r="B2552" s="20"/>
      <c r="C2552" s="2" t="s">
        <v>8109</v>
      </c>
      <c r="D2552" s="14" t="s">
        <v>8110</v>
      </c>
      <c r="E2552" s="2" t="s">
        <v>8111</v>
      </c>
      <c r="F2552" s="2" t="s">
        <v>1867</v>
      </c>
      <c r="G2552" s="8">
        <v>92</v>
      </c>
      <c r="H2552" s="5">
        <v>11</v>
      </c>
      <c r="I2552" s="5" t="s">
        <v>1518</v>
      </c>
      <c r="J2552" s="5" t="s">
        <v>1519</v>
      </c>
      <c r="K2552" s="2" t="s">
        <v>1520</v>
      </c>
      <c r="L2552" s="5" t="s">
        <v>1519</v>
      </c>
      <c r="M2552" s="2" t="s">
        <v>1520</v>
      </c>
      <c r="N2552" s="5" t="s">
        <v>1521</v>
      </c>
      <c r="O2552" s="5" t="s">
        <v>38</v>
      </c>
      <c r="P2552" s="5" t="s">
        <v>39</v>
      </c>
      <c r="Q2552" s="5" t="s">
        <v>40</v>
      </c>
      <c r="R2552" s="5" t="s">
        <v>1522</v>
      </c>
      <c r="S2552" s="5" t="s">
        <v>1523</v>
      </c>
      <c r="T2552" s="5" t="s">
        <v>42</v>
      </c>
      <c r="U2552" s="2">
        <v>1.0940000000000001</v>
      </c>
      <c r="V2552" s="2">
        <v>0.83399999999999996</v>
      </c>
      <c r="W2552" s="2">
        <v>6.0000000000000001E-3</v>
      </c>
      <c r="X2552" s="2">
        <v>76.900000000000006</v>
      </c>
      <c r="Y2552" s="2">
        <v>7.6</v>
      </c>
      <c r="Z2552" s="2">
        <v>10.6</v>
      </c>
      <c r="AA2552" s="5"/>
      <c r="AB2552" s="5" t="s">
        <v>43</v>
      </c>
      <c r="AC2552" s="5" t="s">
        <v>44</v>
      </c>
      <c r="AD2552" s="2"/>
      <c r="AE2552" s="1"/>
    </row>
    <row r="2553" spans="1:31" ht="14.45">
      <c r="A2553" s="11"/>
      <c r="B2553" s="20"/>
      <c r="C2553" s="2" t="s">
        <v>8112</v>
      </c>
      <c r="D2553" s="14" t="s">
        <v>8113</v>
      </c>
      <c r="E2553" s="2" t="s">
        <v>8114</v>
      </c>
      <c r="F2553" s="2" t="s">
        <v>7396</v>
      </c>
      <c r="G2553" s="8">
        <v>91</v>
      </c>
      <c r="H2553" s="5">
        <v>5</v>
      </c>
      <c r="I2553" s="5" t="s">
        <v>1518</v>
      </c>
      <c r="J2553" s="5" t="s">
        <v>1519</v>
      </c>
      <c r="K2553" s="2" t="s">
        <v>1520</v>
      </c>
      <c r="L2553" s="5" t="s">
        <v>1519</v>
      </c>
      <c r="M2553" s="2" t="s">
        <v>1520</v>
      </c>
      <c r="N2553" s="5" t="s">
        <v>1521</v>
      </c>
      <c r="O2553" s="5" t="s">
        <v>38</v>
      </c>
      <c r="P2553" s="5" t="s">
        <v>39</v>
      </c>
      <c r="Q2553" s="5" t="s">
        <v>40</v>
      </c>
      <c r="R2553" s="5" t="s">
        <v>1522</v>
      </c>
      <c r="S2553" s="5" t="s">
        <v>1523</v>
      </c>
      <c r="T2553" s="5" t="s">
        <v>42</v>
      </c>
      <c r="U2553" s="2">
        <v>1.226</v>
      </c>
      <c r="V2553" s="2">
        <v>0.91600000000000004</v>
      </c>
      <c r="W2553" s="2">
        <v>7.0000000000000001E-3</v>
      </c>
      <c r="X2553" s="2">
        <v>82.9</v>
      </c>
      <c r="Y2553" s="2">
        <v>7.6</v>
      </c>
      <c r="Z2553" s="2">
        <v>10.6</v>
      </c>
      <c r="AA2553" s="5"/>
      <c r="AB2553" s="5" t="s">
        <v>43</v>
      </c>
      <c r="AC2553" s="5" t="s">
        <v>44</v>
      </c>
      <c r="AD2553" s="2"/>
      <c r="AE2553" s="1"/>
    </row>
    <row r="2554" spans="1:31" ht="14.45">
      <c r="A2554" s="11"/>
      <c r="B2554" s="20"/>
      <c r="C2554" s="2" t="s">
        <v>8115</v>
      </c>
      <c r="D2554" s="14" t="s">
        <v>8116</v>
      </c>
      <c r="E2554" s="2" t="s">
        <v>8117</v>
      </c>
      <c r="F2554" s="2" t="s">
        <v>7507</v>
      </c>
      <c r="G2554" s="8">
        <v>91</v>
      </c>
      <c r="H2554" s="5">
        <v>5</v>
      </c>
      <c r="I2554" s="5" t="s">
        <v>1518</v>
      </c>
      <c r="J2554" s="5" t="s">
        <v>1519</v>
      </c>
      <c r="K2554" s="2" t="s">
        <v>1520</v>
      </c>
      <c r="L2554" s="5" t="s">
        <v>1519</v>
      </c>
      <c r="M2554" s="2" t="s">
        <v>1520</v>
      </c>
      <c r="N2554" s="5" t="s">
        <v>1521</v>
      </c>
      <c r="O2554" s="5" t="s">
        <v>38</v>
      </c>
      <c r="P2554" s="5" t="s">
        <v>39</v>
      </c>
      <c r="Q2554" s="5" t="s">
        <v>40</v>
      </c>
      <c r="R2554" s="5" t="s">
        <v>1522</v>
      </c>
      <c r="S2554" s="5" t="s">
        <v>1523</v>
      </c>
      <c r="T2554" s="5" t="s">
        <v>42</v>
      </c>
      <c r="U2554" s="2">
        <v>1.2549999999999999</v>
      </c>
      <c r="V2554" s="2">
        <v>0.94499999999999995</v>
      </c>
      <c r="W2554" s="2">
        <v>7.0000000000000001E-3</v>
      </c>
      <c r="X2554" s="2">
        <v>82.9</v>
      </c>
      <c r="Y2554" s="2">
        <v>7.6</v>
      </c>
      <c r="Z2554" s="2">
        <v>10.6</v>
      </c>
      <c r="AA2554" s="5"/>
      <c r="AB2554" s="5" t="s">
        <v>43</v>
      </c>
      <c r="AC2554" s="5" t="s">
        <v>44</v>
      </c>
      <c r="AD2554" s="2"/>
      <c r="AE2554" s="1"/>
    </row>
    <row r="2555" spans="1:31" ht="14.45">
      <c r="A2555" s="11"/>
      <c r="B2555" s="20"/>
      <c r="C2555" s="2" t="s">
        <v>8118</v>
      </c>
      <c r="D2555" s="14" t="s">
        <v>8119</v>
      </c>
      <c r="E2555" s="2" t="s">
        <v>8120</v>
      </c>
      <c r="F2555" s="2" t="s">
        <v>7204</v>
      </c>
      <c r="G2555" s="8">
        <v>91</v>
      </c>
      <c r="H2555" s="5">
        <v>5</v>
      </c>
      <c r="I2555" s="5" t="s">
        <v>1518</v>
      </c>
      <c r="J2555" s="5" t="s">
        <v>1519</v>
      </c>
      <c r="K2555" s="2" t="s">
        <v>1520</v>
      </c>
      <c r="L2555" s="5" t="s">
        <v>1519</v>
      </c>
      <c r="M2555" s="2" t="s">
        <v>1520</v>
      </c>
      <c r="N2555" s="5" t="s">
        <v>1521</v>
      </c>
      <c r="O2555" s="5" t="s">
        <v>38</v>
      </c>
      <c r="P2555" s="5" t="s">
        <v>39</v>
      </c>
      <c r="Q2555" s="5" t="s">
        <v>40</v>
      </c>
      <c r="R2555" s="5" t="s">
        <v>1522</v>
      </c>
      <c r="S2555" s="5" t="s">
        <v>1523</v>
      </c>
      <c r="T2555" s="5" t="s">
        <v>42</v>
      </c>
      <c r="U2555" s="2">
        <v>1.2290000000000001</v>
      </c>
      <c r="V2555" s="2">
        <v>0.91900000000000004</v>
      </c>
      <c r="W2555" s="2">
        <v>7.0000000000000001E-3</v>
      </c>
      <c r="X2555" s="2">
        <v>82.9</v>
      </c>
      <c r="Y2555" s="2">
        <v>7.6</v>
      </c>
      <c r="Z2555" s="2">
        <v>10.6</v>
      </c>
      <c r="AA2555" s="5"/>
      <c r="AB2555" s="5" t="s">
        <v>43</v>
      </c>
      <c r="AC2555" s="5" t="s">
        <v>44</v>
      </c>
      <c r="AD2555" s="2"/>
      <c r="AE2555" s="1"/>
    </row>
    <row r="2556" spans="1:31" ht="14.45">
      <c r="A2556" s="11"/>
      <c r="B2556" s="20"/>
      <c r="C2556" s="2" t="s">
        <v>8121</v>
      </c>
      <c r="D2556" s="14" t="s">
        <v>8122</v>
      </c>
      <c r="E2556" s="2" t="s">
        <v>8123</v>
      </c>
      <c r="F2556" s="2" t="s">
        <v>7514</v>
      </c>
      <c r="G2556" s="8">
        <v>91</v>
      </c>
      <c r="H2556" s="5">
        <v>5</v>
      </c>
      <c r="I2556" s="5" t="s">
        <v>1518</v>
      </c>
      <c r="J2556" s="5" t="s">
        <v>1519</v>
      </c>
      <c r="K2556" s="2" t="s">
        <v>1520</v>
      </c>
      <c r="L2556" s="5" t="s">
        <v>1519</v>
      </c>
      <c r="M2556" s="2" t="s">
        <v>1520</v>
      </c>
      <c r="N2556" s="5" t="s">
        <v>1521</v>
      </c>
      <c r="O2556" s="5" t="s">
        <v>38</v>
      </c>
      <c r="P2556" s="5" t="s">
        <v>39</v>
      </c>
      <c r="Q2556" s="5" t="s">
        <v>40</v>
      </c>
      <c r="R2556" s="5" t="s">
        <v>1522</v>
      </c>
      <c r="S2556" s="5" t="s">
        <v>1523</v>
      </c>
      <c r="T2556" s="5" t="s">
        <v>42</v>
      </c>
      <c r="U2556" s="2">
        <v>1.258</v>
      </c>
      <c r="V2556" s="2">
        <v>0.94799999999999995</v>
      </c>
      <c r="W2556" s="2">
        <v>7.0000000000000001E-3</v>
      </c>
      <c r="X2556" s="2">
        <v>82.9</v>
      </c>
      <c r="Y2556" s="2">
        <v>7.6</v>
      </c>
      <c r="Z2556" s="2">
        <v>10.6</v>
      </c>
      <c r="AA2556" s="5"/>
      <c r="AB2556" s="5" t="s">
        <v>43</v>
      </c>
      <c r="AC2556" s="5" t="s">
        <v>44</v>
      </c>
      <c r="AD2556" s="2"/>
      <c r="AE2556" s="1"/>
    </row>
    <row r="2557" spans="1:31" ht="14.45">
      <c r="A2557" s="11"/>
      <c r="B2557" s="20"/>
      <c r="C2557" s="2" t="s">
        <v>8124</v>
      </c>
      <c r="D2557" s="14" t="s">
        <v>8125</v>
      </c>
      <c r="E2557" s="2" t="s">
        <v>8126</v>
      </c>
      <c r="F2557" s="2" t="s">
        <v>7208</v>
      </c>
      <c r="G2557" s="8">
        <v>91</v>
      </c>
      <c r="H2557" s="5">
        <v>5</v>
      </c>
      <c r="I2557" s="5" t="s">
        <v>1518</v>
      </c>
      <c r="J2557" s="5" t="s">
        <v>1519</v>
      </c>
      <c r="K2557" s="2" t="s">
        <v>1520</v>
      </c>
      <c r="L2557" s="5" t="s">
        <v>1519</v>
      </c>
      <c r="M2557" s="2" t="s">
        <v>1520</v>
      </c>
      <c r="N2557" s="5" t="s">
        <v>1521</v>
      </c>
      <c r="O2557" s="5" t="s">
        <v>38</v>
      </c>
      <c r="P2557" s="5" t="s">
        <v>39</v>
      </c>
      <c r="Q2557" s="5" t="s">
        <v>40</v>
      </c>
      <c r="R2557" s="5" t="s">
        <v>1522</v>
      </c>
      <c r="S2557" s="5" t="s">
        <v>1523</v>
      </c>
      <c r="T2557" s="5" t="s">
        <v>42</v>
      </c>
      <c r="U2557" s="2">
        <v>1.2290000000000001</v>
      </c>
      <c r="V2557" s="2">
        <v>0.91900000000000004</v>
      </c>
      <c r="W2557" s="2">
        <v>7.0000000000000001E-3</v>
      </c>
      <c r="X2557" s="2">
        <v>82.9</v>
      </c>
      <c r="Y2557" s="2">
        <v>7.6</v>
      </c>
      <c r="Z2557" s="2">
        <v>10.6</v>
      </c>
      <c r="AA2557" s="5"/>
      <c r="AB2557" s="5" t="s">
        <v>43</v>
      </c>
      <c r="AC2557" s="5" t="s">
        <v>44</v>
      </c>
      <c r="AD2557" s="2"/>
      <c r="AE2557" s="1"/>
    </row>
    <row r="2558" spans="1:31" ht="14.45">
      <c r="A2558" s="11"/>
      <c r="B2558" s="20"/>
      <c r="C2558" s="2" t="s">
        <v>8127</v>
      </c>
      <c r="D2558" s="14" t="s">
        <v>8128</v>
      </c>
      <c r="E2558" s="2" t="s">
        <v>8129</v>
      </c>
      <c r="F2558" s="2" t="s">
        <v>7521</v>
      </c>
      <c r="G2558" s="8">
        <v>91</v>
      </c>
      <c r="H2558" s="5">
        <v>5</v>
      </c>
      <c r="I2558" s="5" t="s">
        <v>1518</v>
      </c>
      <c r="J2558" s="5" t="s">
        <v>1519</v>
      </c>
      <c r="K2558" s="2" t="s">
        <v>1520</v>
      </c>
      <c r="L2558" s="5" t="s">
        <v>1519</v>
      </c>
      <c r="M2558" s="2" t="s">
        <v>1520</v>
      </c>
      <c r="N2558" s="5" t="s">
        <v>1521</v>
      </c>
      <c r="O2558" s="5" t="s">
        <v>38</v>
      </c>
      <c r="P2558" s="5" t="s">
        <v>39</v>
      </c>
      <c r="Q2558" s="5" t="s">
        <v>40</v>
      </c>
      <c r="R2558" s="5" t="s">
        <v>1522</v>
      </c>
      <c r="S2558" s="5" t="s">
        <v>1523</v>
      </c>
      <c r="T2558" s="5" t="s">
        <v>42</v>
      </c>
      <c r="U2558" s="2">
        <v>1.258</v>
      </c>
      <c r="V2558" s="2">
        <v>0.94799999999999995</v>
      </c>
      <c r="W2558" s="2">
        <v>7.0000000000000001E-3</v>
      </c>
      <c r="X2558" s="2">
        <v>82.9</v>
      </c>
      <c r="Y2558" s="2">
        <v>7.6</v>
      </c>
      <c r="Z2558" s="2">
        <v>10.6</v>
      </c>
      <c r="AA2558" s="5"/>
      <c r="AB2558" s="5" t="s">
        <v>43</v>
      </c>
      <c r="AC2558" s="5" t="s">
        <v>44</v>
      </c>
      <c r="AD2558" s="2"/>
      <c r="AE2558" s="1"/>
    </row>
    <row r="2559" spans="1:31" ht="14.45">
      <c r="A2559" s="11"/>
      <c r="B2559" s="20"/>
      <c r="C2559" s="2" t="s">
        <v>8130</v>
      </c>
      <c r="D2559" s="14" t="s">
        <v>8131</v>
      </c>
      <c r="E2559" s="2" t="s">
        <v>8132</v>
      </c>
      <c r="F2559" s="2" t="s">
        <v>7212</v>
      </c>
      <c r="G2559" s="8">
        <v>91</v>
      </c>
      <c r="H2559" s="5">
        <v>5</v>
      </c>
      <c r="I2559" s="5" t="s">
        <v>1518</v>
      </c>
      <c r="J2559" s="5" t="s">
        <v>1519</v>
      </c>
      <c r="K2559" s="2" t="s">
        <v>1520</v>
      </c>
      <c r="L2559" s="5" t="s">
        <v>1519</v>
      </c>
      <c r="M2559" s="2" t="s">
        <v>1520</v>
      </c>
      <c r="N2559" s="5" t="s">
        <v>1521</v>
      </c>
      <c r="O2559" s="5" t="s">
        <v>38</v>
      </c>
      <c r="P2559" s="5" t="s">
        <v>39</v>
      </c>
      <c r="Q2559" s="5" t="s">
        <v>40</v>
      </c>
      <c r="R2559" s="5" t="s">
        <v>1522</v>
      </c>
      <c r="S2559" s="5" t="s">
        <v>1523</v>
      </c>
      <c r="T2559" s="5" t="s">
        <v>42</v>
      </c>
      <c r="U2559" s="2">
        <v>1.2190000000000001</v>
      </c>
      <c r="V2559" s="2">
        <v>0.90900000000000003</v>
      </c>
      <c r="W2559" s="2">
        <v>7.0000000000000001E-3</v>
      </c>
      <c r="X2559" s="2">
        <v>82.9</v>
      </c>
      <c r="Y2559" s="2">
        <v>7.6</v>
      </c>
      <c r="Z2559" s="2">
        <v>10.6</v>
      </c>
      <c r="AA2559" s="5"/>
      <c r="AB2559" s="5" t="s">
        <v>43</v>
      </c>
      <c r="AC2559" s="5" t="s">
        <v>44</v>
      </c>
      <c r="AD2559" s="2"/>
      <c r="AE2559" s="1"/>
    </row>
    <row r="2560" spans="1:31" ht="14.45">
      <c r="A2560" s="11"/>
      <c r="B2560" s="20"/>
      <c r="C2560" s="2" t="s">
        <v>8133</v>
      </c>
      <c r="D2560" s="14" t="s">
        <v>8134</v>
      </c>
      <c r="E2560" s="2" t="s">
        <v>8135</v>
      </c>
      <c r="F2560" s="2" t="s">
        <v>7528</v>
      </c>
      <c r="G2560" s="8">
        <v>91</v>
      </c>
      <c r="H2560" s="5">
        <v>5</v>
      </c>
      <c r="I2560" s="5" t="s">
        <v>1518</v>
      </c>
      <c r="J2560" s="5" t="s">
        <v>1519</v>
      </c>
      <c r="K2560" s="2" t="s">
        <v>1520</v>
      </c>
      <c r="L2560" s="5" t="s">
        <v>1519</v>
      </c>
      <c r="M2560" s="2" t="s">
        <v>1520</v>
      </c>
      <c r="N2560" s="5" t="s">
        <v>1521</v>
      </c>
      <c r="O2560" s="5" t="s">
        <v>38</v>
      </c>
      <c r="P2560" s="5" t="s">
        <v>39</v>
      </c>
      <c r="Q2560" s="5" t="s">
        <v>40</v>
      </c>
      <c r="R2560" s="5" t="s">
        <v>1522</v>
      </c>
      <c r="S2560" s="5" t="s">
        <v>1523</v>
      </c>
      <c r="T2560" s="5" t="s">
        <v>42</v>
      </c>
      <c r="U2560" s="2">
        <v>1.248</v>
      </c>
      <c r="V2560" s="2">
        <v>0.93799999999999994</v>
      </c>
      <c r="W2560" s="2">
        <v>7.0000000000000001E-3</v>
      </c>
      <c r="X2560" s="2">
        <v>82.9</v>
      </c>
      <c r="Y2560" s="2">
        <v>7.6</v>
      </c>
      <c r="Z2560" s="2">
        <v>10.6</v>
      </c>
      <c r="AA2560" s="5"/>
      <c r="AB2560" s="5" t="s">
        <v>43</v>
      </c>
      <c r="AC2560" s="5" t="s">
        <v>44</v>
      </c>
      <c r="AD2560" s="2"/>
      <c r="AE2560" s="1"/>
    </row>
    <row r="2561" spans="1:31" ht="14.45">
      <c r="A2561" s="11"/>
      <c r="B2561" s="20"/>
      <c r="C2561" s="2" t="s">
        <v>8136</v>
      </c>
      <c r="D2561" s="14" t="s">
        <v>8137</v>
      </c>
      <c r="E2561" s="2" t="s">
        <v>8138</v>
      </c>
      <c r="F2561" s="2" t="s">
        <v>7406</v>
      </c>
      <c r="G2561" s="8">
        <v>105</v>
      </c>
      <c r="H2561" s="5">
        <v>5</v>
      </c>
      <c r="I2561" s="5" t="s">
        <v>1518</v>
      </c>
      <c r="J2561" s="5" t="s">
        <v>1519</v>
      </c>
      <c r="K2561" s="2" t="s">
        <v>1520</v>
      </c>
      <c r="L2561" s="5" t="s">
        <v>1519</v>
      </c>
      <c r="M2561" s="2" t="s">
        <v>1520</v>
      </c>
      <c r="N2561" s="5" t="s">
        <v>1521</v>
      </c>
      <c r="O2561" s="5" t="s">
        <v>38</v>
      </c>
      <c r="P2561" s="5" t="s">
        <v>39</v>
      </c>
      <c r="Q2561" s="5" t="s">
        <v>40</v>
      </c>
      <c r="R2561" s="5" t="s">
        <v>1522</v>
      </c>
      <c r="S2561" s="5" t="s">
        <v>1523</v>
      </c>
      <c r="T2561" s="5" t="s">
        <v>42</v>
      </c>
      <c r="U2561" s="2">
        <v>1.2190000000000001</v>
      </c>
      <c r="V2561" s="2">
        <v>0.90900000000000003</v>
      </c>
      <c r="W2561" s="2">
        <v>7.0000000000000001E-3</v>
      </c>
      <c r="X2561" s="2">
        <v>82.9</v>
      </c>
      <c r="Y2561" s="2">
        <v>7.6</v>
      </c>
      <c r="Z2561" s="2">
        <v>10.6</v>
      </c>
      <c r="AA2561" s="5"/>
      <c r="AB2561" s="5" t="s">
        <v>43</v>
      </c>
      <c r="AC2561" s="5" t="s">
        <v>44</v>
      </c>
      <c r="AD2561" s="2"/>
      <c r="AE2561" s="1"/>
    </row>
    <row r="2562" spans="1:31" ht="14.45">
      <c r="A2562" s="11"/>
      <c r="B2562" s="20"/>
      <c r="C2562" s="2" t="s">
        <v>8139</v>
      </c>
      <c r="D2562" s="14" t="s">
        <v>8140</v>
      </c>
      <c r="E2562" s="2" t="s">
        <v>8141</v>
      </c>
      <c r="F2562" s="2" t="s">
        <v>7535</v>
      </c>
      <c r="G2562" s="8">
        <v>105</v>
      </c>
      <c r="H2562" s="5">
        <v>6</v>
      </c>
      <c r="I2562" s="5" t="s">
        <v>1518</v>
      </c>
      <c r="J2562" s="5" t="s">
        <v>1519</v>
      </c>
      <c r="K2562" s="2" t="s">
        <v>1520</v>
      </c>
      <c r="L2562" s="5" t="s">
        <v>1519</v>
      </c>
      <c r="M2562" s="2" t="s">
        <v>1520</v>
      </c>
      <c r="N2562" s="5" t="s">
        <v>1521</v>
      </c>
      <c r="O2562" s="5" t="s">
        <v>38</v>
      </c>
      <c r="P2562" s="5" t="s">
        <v>39</v>
      </c>
      <c r="Q2562" s="5" t="s">
        <v>40</v>
      </c>
      <c r="R2562" s="5" t="s">
        <v>1522</v>
      </c>
      <c r="S2562" s="5" t="s">
        <v>1523</v>
      </c>
      <c r="T2562" s="5" t="s">
        <v>42</v>
      </c>
      <c r="U2562" s="2">
        <v>1.248</v>
      </c>
      <c r="V2562" s="2">
        <v>0.93799999999999994</v>
      </c>
      <c r="W2562" s="2">
        <v>7.0000000000000001E-3</v>
      </c>
      <c r="X2562" s="2">
        <v>82.9</v>
      </c>
      <c r="Y2562" s="2">
        <v>7.6</v>
      </c>
      <c r="Z2562" s="2">
        <v>10.6</v>
      </c>
      <c r="AA2562" s="5"/>
      <c r="AB2562" s="5" t="s">
        <v>43</v>
      </c>
      <c r="AC2562" s="5" t="s">
        <v>44</v>
      </c>
      <c r="AD2562" s="2"/>
      <c r="AE2562" s="1"/>
    </row>
    <row r="2563" spans="1:31" ht="14.45">
      <c r="A2563" s="11"/>
      <c r="B2563" s="20"/>
      <c r="C2563" s="2" t="s">
        <v>8142</v>
      </c>
      <c r="D2563" s="14" t="s">
        <v>8143</v>
      </c>
      <c r="E2563" s="2" t="s">
        <v>8144</v>
      </c>
      <c r="F2563" s="2" t="s">
        <v>7539</v>
      </c>
      <c r="G2563" s="8">
        <v>105</v>
      </c>
      <c r="H2563" s="5">
        <v>6</v>
      </c>
      <c r="I2563" s="5" t="s">
        <v>1518</v>
      </c>
      <c r="J2563" s="5" t="s">
        <v>1519</v>
      </c>
      <c r="K2563" s="2" t="s">
        <v>1520</v>
      </c>
      <c r="L2563" s="5" t="s">
        <v>1519</v>
      </c>
      <c r="M2563" s="2" t="s">
        <v>1520</v>
      </c>
      <c r="N2563" s="5" t="s">
        <v>1521</v>
      </c>
      <c r="O2563" s="5" t="s">
        <v>38</v>
      </c>
      <c r="P2563" s="5" t="s">
        <v>39</v>
      </c>
      <c r="Q2563" s="5" t="s">
        <v>40</v>
      </c>
      <c r="R2563" s="5" t="s">
        <v>1522</v>
      </c>
      <c r="S2563" s="5" t="s">
        <v>1523</v>
      </c>
      <c r="T2563" s="5" t="s">
        <v>42</v>
      </c>
      <c r="U2563" s="2">
        <v>1.2290000000000001</v>
      </c>
      <c r="V2563" s="2">
        <v>0.91900000000000004</v>
      </c>
      <c r="W2563" s="2">
        <v>7.0000000000000001E-3</v>
      </c>
      <c r="X2563" s="2">
        <v>82.9</v>
      </c>
      <c r="Y2563" s="2">
        <v>7.6</v>
      </c>
      <c r="Z2563" s="2">
        <v>10.6</v>
      </c>
      <c r="AA2563" s="5"/>
      <c r="AB2563" s="5" t="s">
        <v>43</v>
      </c>
      <c r="AC2563" s="5" t="s">
        <v>44</v>
      </c>
      <c r="AD2563" s="2"/>
      <c r="AE2563" s="1"/>
    </row>
    <row r="2564" spans="1:31" ht="14.45">
      <c r="A2564" s="11"/>
      <c r="B2564" s="20"/>
      <c r="C2564" s="2" t="s">
        <v>8145</v>
      </c>
      <c r="D2564" s="14" t="s">
        <v>8146</v>
      </c>
      <c r="E2564" s="2" t="s">
        <v>8147</v>
      </c>
      <c r="F2564" s="2" t="s">
        <v>7543</v>
      </c>
      <c r="G2564" s="8">
        <v>105</v>
      </c>
      <c r="H2564" s="5">
        <v>6</v>
      </c>
      <c r="I2564" s="5" t="s">
        <v>1518</v>
      </c>
      <c r="J2564" s="5" t="s">
        <v>1519</v>
      </c>
      <c r="K2564" s="2" t="s">
        <v>1520</v>
      </c>
      <c r="L2564" s="5" t="s">
        <v>1519</v>
      </c>
      <c r="M2564" s="2" t="s">
        <v>1520</v>
      </c>
      <c r="N2564" s="5" t="s">
        <v>1521</v>
      </c>
      <c r="O2564" s="5" t="s">
        <v>38</v>
      </c>
      <c r="P2564" s="5" t="s">
        <v>39</v>
      </c>
      <c r="Q2564" s="5" t="s">
        <v>40</v>
      </c>
      <c r="R2564" s="5" t="s">
        <v>1522</v>
      </c>
      <c r="S2564" s="5" t="s">
        <v>1523</v>
      </c>
      <c r="T2564" s="5" t="s">
        <v>42</v>
      </c>
      <c r="U2564" s="2">
        <v>1.258</v>
      </c>
      <c r="V2564" s="2">
        <v>0.94799999999999995</v>
      </c>
      <c r="W2564" s="2">
        <v>7.0000000000000001E-3</v>
      </c>
      <c r="X2564" s="2">
        <v>82.9</v>
      </c>
      <c r="Y2564" s="2">
        <v>7.6</v>
      </c>
      <c r="Z2564" s="2">
        <v>10.6</v>
      </c>
      <c r="AA2564" s="5"/>
      <c r="AB2564" s="5" t="s">
        <v>43</v>
      </c>
      <c r="AC2564" s="5" t="s">
        <v>44</v>
      </c>
      <c r="AD2564" s="2"/>
      <c r="AE2564" s="1"/>
    </row>
    <row r="2565" spans="1:31" ht="14.45">
      <c r="A2565" s="11"/>
      <c r="B2565" s="20"/>
      <c r="C2565" s="2" t="s">
        <v>8148</v>
      </c>
      <c r="D2565" s="14" t="s">
        <v>8149</v>
      </c>
      <c r="E2565" s="2" t="s">
        <v>8150</v>
      </c>
      <c r="F2565" s="2" t="s">
        <v>7547</v>
      </c>
      <c r="G2565" s="8">
        <v>105</v>
      </c>
      <c r="H2565" s="5">
        <v>6</v>
      </c>
      <c r="I2565" s="5" t="s">
        <v>1518</v>
      </c>
      <c r="J2565" s="5" t="s">
        <v>1519</v>
      </c>
      <c r="K2565" s="2" t="s">
        <v>1520</v>
      </c>
      <c r="L2565" s="5" t="s">
        <v>1519</v>
      </c>
      <c r="M2565" s="2" t="s">
        <v>1520</v>
      </c>
      <c r="N2565" s="5" t="s">
        <v>1521</v>
      </c>
      <c r="O2565" s="5" t="s">
        <v>38</v>
      </c>
      <c r="P2565" s="5" t="s">
        <v>39</v>
      </c>
      <c r="Q2565" s="5" t="s">
        <v>40</v>
      </c>
      <c r="R2565" s="5" t="s">
        <v>1522</v>
      </c>
      <c r="S2565" s="5" t="s">
        <v>1523</v>
      </c>
      <c r="T2565" s="5" t="s">
        <v>42</v>
      </c>
      <c r="U2565" s="2">
        <v>1.2190000000000001</v>
      </c>
      <c r="V2565" s="2">
        <v>0.90900000000000003</v>
      </c>
      <c r="W2565" s="2">
        <v>7.0000000000000001E-3</v>
      </c>
      <c r="X2565" s="2">
        <v>82.9</v>
      </c>
      <c r="Y2565" s="2">
        <v>7.6</v>
      </c>
      <c r="Z2565" s="2">
        <v>10.6</v>
      </c>
      <c r="AA2565" s="5"/>
      <c r="AB2565" s="5" t="s">
        <v>43</v>
      </c>
      <c r="AC2565" s="5" t="s">
        <v>44</v>
      </c>
      <c r="AD2565" s="2"/>
      <c r="AE2565" s="1"/>
    </row>
    <row r="2566" spans="1:31" ht="14.45">
      <c r="A2566" s="11"/>
      <c r="B2566" s="20"/>
      <c r="C2566" s="2" t="s">
        <v>8151</v>
      </c>
      <c r="D2566" s="14" t="s">
        <v>8152</v>
      </c>
      <c r="E2566" s="2" t="s">
        <v>8153</v>
      </c>
      <c r="F2566" s="2" t="s">
        <v>7551</v>
      </c>
      <c r="G2566" s="8">
        <v>105</v>
      </c>
      <c r="H2566" s="5">
        <v>6</v>
      </c>
      <c r="I2566" s="5" t="s">
        <v>1518</v>
      </c>
      <c r="J2566" s="5" t="s">
        <v>1519</v>
      </c>
      <c r="K2566" s="2" t="s">
        <v>1520</v>
      </c>
      <c r="L2566" s="5" t="s">
        <v>1519</v>
      </c>
      <c r="M2566" s="2" t="s">
        <v>1520</v>
      </c>
      <c r="N2566" s="5" t="s">
        <v>1521</v>
      </c>
      <c r="O2566" s="5" t="s">
        <v>38</v>
      </c>
      <c r="P2566" s="5" t="s">
        <v>39</v>
      </c>
      <c r="Q2566" s="5" t="s">
        <v>40</v>
      </c>
      <c r="R2566" s="5" t="s">
        <v>1522</v>
      </c>
      <c r="S2566" s="5" t="s">
        <v>1523</v>
      </c>
      <c r="T2566" s="5" t="s">
        <v>42</v>
      </c>
      <c r="U2566" s="2">
        <v>1.248</v>
      </c>
      <c r="V2566" s="2">
        <v>0.93799999999999994</v>
      </c>
      <c r="W2566" s="2">
        <v>7.0000000000000001E-3</v>
      </c>
      <c r="X2566" s="2">
        <v>82.9</v>
      </c>
      <c r="Y2566" s="2">
        <v>7.6</v>
      </c>
      <c r="Z2566" s="2">
        <v>10.6</v>
      </c>
      <c r="AA2566" s="5"/>
      <c r="AB2566" s="5" t="s">
        <v>43</v>
      </c>
      <c r="AC2566" s="5" t="s">
        <v>44</v>
      </c>
      <c r="AD2566" s="2"/>
      <c r="AE2566" s="1"/>
    </row>
    <row r="2567" spans="1:31" ht="14.45">
      <c r="A2567" s="11"/>
      <c r="B2567" s="20"/>
      <c r="C2567" s="2" t="s">
        <v>8154</v>
      </c>
      <c r="D2567" s="14" t="s">
        <v>8155</v>
      </c>
      <c r="E2567" s="2" t="s">
        <v>8156</v>
      </c>
      <c r="F2567" s="2" t="s">
        <v>7555</v>
      </c>
      <c r="G2567" s="8">
        <v>105</v>
      </c>
      <c r="H2567" s="5">
        <v>6</v>
      </c>
      <c r="I2567" s="5" t="s">
        <v>1518</v>
      </c>
      <c r="J2567" s="5" t="s">
        <v>1519</v>
      </c>
      <c r="K2567" s="2" t="s">
        <v>1520</v>
      </c>
      <c r="L2567" s="5" t="s">
        <v>1519</v>
      </c>
      <c r="M2567" s="2" t="s">
        <v>1520</v>
      </c>
      <c r="N2567" s="5" t="s">
        <v>1521</v>
      </c>
      <c r="O2567" s="5" t="s">
        <v>38</v>
      </c>
      <c r="P2567" s="5" t="s">
        <v>39</v>
      </c>
      <c r="Q2567" s="5" t="s">
        <v>40</v>
      </c>
      <c r="R2567" s="5" t="s">
        <v>1522</v>
      </c>
      <c r="S2567" s="5" t="s">
        <v>1523</v>
      </c>
      <c r="T2567" s="5" t="s">
        <v>42</v>
      </c>
      <c r="U2567" s="2">
        <v>1.2190000000000001</v>
      </c>
      <c r="V2567" s="2">
        <v>0.90900000000000003</v>
      </c>
      <c r="W2567" s="2">
        <v>7.0000000000000001E-3</v>
      </c>
      <c r="X2567" s="2">
        <v>82.9</v>
      </c>
      <c r="Y2567" s="2">
        <v>7.6</v>
      </c>
      <c r="Z2567" s="2">
        <v>10.6</v>
      </c>
      <c r="AA2567" s="5"/>
      <c r="AB2567" s="5" t="s">
        <v>43</v>
      </c>
      <c r="AC2567" s="5" t="s">
        <v>44</v>
      </c>
      <c r="AD2567" s="2"/>
      <c r="AE2567" s="1"/>
    </row>
    <row r="2568" spans="1:31" ht="14.45">
      <c r="A2568" s="11"/>
      <c r="B2568" s="20"/>
      <c r="C2568" s="2" t="s">
        <v>8157</v>
      </c>
      <c r="D2568" s="14" t="s">
        <v>8158</v>
      </c>
      <c r="E2568" s="2" t="s">
        <v>8159</v>
      </c>
      <c r="F2568" s="2" t="s">
        <v>7559</v>
      </c>
      <c r="G2568" s="8">
        <v>105</v>
      </c>
      <c r="H2568" s="5">
        <v>6</v>
      </c>
      <c r="I2568" s="5" t="s">
        <v>1518</v>
      </c>
      <c r="J2568" s="5" t="s">
        <v>1519</v>
      </c>
      <c r="K2568" s="2" t="s">
        <v>1520</v>
      </c>
      <c r="L2568" s="5" t="s">
        <v>1519</v>
      </c>
      <c r="M2568" s="2" t="s">
        <v>1520</v>
      </c>
      <c r="N2568" s="5" t="s">
        <v>1521</v>
      </c>
      <c r="O2568" s="5" t="s">
        <v>38</v>
      </c>
      <c r="P2568" s="5" t="s">
        <v>39</v>
      </c>
      <c r="Q2568" s="5" t="s">
        <v>40</v>
      </c>
      <c r="R2568" s="5" t="s">
        <v>1522</v>
      </c>
      <c r="S2568" s="5" t="s">
        <v>1523</v>
      </c>
      <c r="T2568" s="5" t="s">
        <v>42</v>
      </c>
      <c r="U2568" s="2">
        <v>1.248</v>
      </c>
      <c r="V2568" s="2">
        <v>0.93799999999999994</v>
      </c>
      <c r="W2568" s="2">
        <v>7.0000000000000001E-3</v>
      </c>
      <c r="X2568" s="2">
        <v>82.9</v>
      </c>
      <c r="Y2568" s="2">
        <v>7.6</v>
      </c>
      <c r="Z2568" s="2">
        <v>10.6</v>
      </c>
      <c r="AA2568" s="5"/>
      <c r="AB2568" s="5" t="s">
        <v>43</v>
      </c>
      <c r="AC2568" s="5" t="s">
        <v>44</v>
      </c>
      <c r="AD2568" s="2"/>
      <c r="AE2568" s="1"/>
    </row>
    <row r="2569" spans="1:31" ht="14.45">
      <c r="A2569" s="11"/>
      <c r="B2569" s="20"/>
      <c r="C2569" s="2" t="s">
        <v>8160</v>
      </c>
      <c r="D2569" s="14" t="s">
        <v>8161</v>
      </c>
      <c r="E2569" s="2" t="s">
        <v>8162</v>
      </c>
      <c r="F2569" s="2" t="s">
        <v>7563</v>
      </c>
      <c r="G2569" s="8">
        <v>105</v>
      </c>
      <c r="H2569" s="5">
        <v>6</v>
      </c>
      <c r="I2569" s="5" t="s">
        <v>1518</v>
      </c>
      <c r="J2569" s="5" t="s">
        <v>1519</v>
      </c>
      <c r="K2569" s="2" t="s">
        <v>1520</v>
      </c>
      <c r="L2569" s="5" t="s">
        <v>1519</v>
      </c>
      <c r="M2569" s="2" t="s">
        <v>1520</v>
      </c>
      <c r="N2569" s="5" t="s">
        <v>1521</v>
      </c>
      <c r="O2569" s="5" t="s">
        <v>38</v>
      </c>
      <c r="P2569" s="5" t="s">
        <v>39</v>
      </c>
      <c r="Q2569" s="5" t="s">
        <v>40</v>
      </c>
      <c r="R2569" s="5" t="s">
        <v>1522</v>
      </c>
      <c r="S2569" s="5" t="s">
        <v>1523</v>
      </c>
      <c r="T2569" s="5" t="s">
        <v>42</v>
      </c>
      <c r="U2569" s="2">
        <v>1.2290000000000001</v>
      </c>
      <c r="V2569" s="2">
        <v>0.91900000000000004</v>
      </c>
      <c r="W2569" s="2">
        <v>7.0000000000000001E-3</v>
      </c>
      <c r="X2569" s="2">
        <v>82.9</v>
      </c>
      <c r="Y2569" s="2">
        <v>7.6</v>
      </c>
      <c r="Z2569" s="2">
        <v>10.6</v>
      </c>
      <c r="AA2569" s="5"/>
      <c r="AB2569" s="5" t="s">
        <v>43</v>
      </c>
      <c r="AC2569" s="5" t="s">
        <v>44</v>
      </c>
      <c r="AD2569" s="2"/>
      <c r="AE2569" s="1"/>
    </row>
    <row r="2570" spans="1:31" ht="14.45">
      <c r="A2570" s="11"/>
      <c r="B2570" s="20"/>
      <c r="C2570" s="2" t="s">
        <v>8163</v>
      </c>
      <c r="D2570" s="14" t="s">
        <v>8164</v>
      </c>
      <c r="E2570" s="2" t="s">
        <v>8165</v>
      </c>
      <c r="F2570" s="2" t="s">
        <v>7567</v>
      </c>
      <c r="G2570" s="8">
        <v>105</v>
      </c>
      <c r="H2570" s="5">
        <v>6</v>
      </c>
      <c r="I2570" s="5" t="s">
        <v>1518</v>
      </c>
      <c r="J2570" s="5" t="s">
        <v>1519</v>
      </c>
      <c r="K2570" s="2" t="s">
        <v>1520</v>
      </c>
      <c r="L2570" s="5" t="s">
        <v>1519</v>
      </c>
      <c r="M2570" s="2" t="s">
        <v>1520</v>
      </c>
      <c r="N2570" s="5" t="s">
        <v>1521</v>
      </c>
      <c r="O2570" s="5" t="s">
        <v>38</v>
      </c>
      <c r="P2570" s="5" t="s">
        <v>39</v>
      </c>
      <c r="Q2570" s="5" t="s">
        <v>40</v>
      </c>
      <c r="R2570" s="5" t="s">
        <v>1522</v>
      </c>
      <c r="S2570" s="5" t="s">
        <v>1523</v>
      </c>
      <c r="T2570" s="5" t="s">
        <v>42</v>
      </c>
      <c r="U2570" s="2">
        <v>1.258</v>
      </c>
      <c r="V2570" s="2">
        <v>0.94799999999999995</v>
      </c>
      <c r="W2570" s="2">
        <v>7.0000000000000001E-3</v>
      </c>
      <c r="X2570" s="2">
        <v>82.9</v>
      </c>
      <c r="Y2570" s="2">
        <v>7.6</v>
      </c>
      <c r="Z2570" s="2">
        <v>10.6</v>
      </c>
      <c r="AA2570" s="5"/>
      <c r="AB2570" s="5" t="s">
        <v>43</v>
      </c>
      <c r="AC2570" s="5" t="s">
        <v>44</v>
      </c>
      <c r="AD2570" s="2"/>
      <c r="AE2570" s="1"/>
    </row>
    <row r="2571" spans="1:31" ht="14.45">
      <c r="A2571" s="11"/>
      <c r="B2571" s="20"/>
      <c r="C2571" s="2" t="s">
        <v>8166</v>
      </c>
      <c r="D2571" s="14" t="s">
        <v>8167</v>
      </c>
      <c r="E2571" s="2" t="s">
        <v>8168</v>
      </c>
      <c r="F2571" s="2" t="s">
        <v>7429</v>
      </c>
      <c r="G2571" s="8">
        <v>105</v>
      </c>
      <c r="H2571" s="5">
        <v>6</v>
      </c>
      <c r="I2571" s="5" t="s">
        <v>1518</v>
      </c>
      <c r="J2571" s="5" t="s">
        <v>1519</v>
      </c>
      <c r="K2571" s="2" t="s">
        <v>1520</v>
      </c>
      <c r="L2571" s="5" t="s">
        <v>1519</v>
      </c>
      <c r="M2571" s="2" t="s">
        <v>1520</v>
      </c>
      <c r="N2571" s="5" t="s">
        <v>1521</v>
      </c>
      <c r="O2571" s="5" t="s">
        <v>38</v>
      </c>
      <c r="P2571" s="5" t="s">
        <v>39</v>
      </c>
      <c r="Q2571" s="5" t="s">
        <v>40</v>
      </c>
      <c r="R2571" s="5" t="s">
        <v>1522</v>
      </c>
      <c r="S2571" s="5" t="s">
        <v>1523</v>
      </c>
      <c r="T2571" s="5" t="s">
        <v>42</v>
      </c>
      <c r="U2571" s="2">
        <v>1.2290000000000001</v>
      </c>
      <c r="V2571" s="2">
        <v>0.91900000000000004</v>
      </c>
      <c r="W2571" s="2">
        <v>7.0000000000000001E-3</v>
      </c>
      <c r="X2571" s="2">
        <v>82.9</v>
      </c>
      <c r="Y2571" s="2">
        <v>7.6</v>
      </c>
      <c r="Z2571" s="2">
        <v>10.6</v>
      </c>
      <c r="AA2571" s="5"/>
      <c r="AB2571" s="5" t="s">
        <v>43</v>
      </c>
      <c r="AC2571" s="5" t="s">
        <v>44</v>
      </c>
      <c r="AD2571" s="2"/>
      <c r="AE2571" s="1"/>
    </row>
    <row r="2572" spans="1:31" ht="14.45">
      <c r="A2572" s="11"/>
      <c r="B2572" s="20"/>
      <c r="C2572" s="2" t="s">
        <v>8169</v>
      </c>
      <c r="D2572" s="14" t="s">
        <v>8170</v>
      </c>
      <c r="E2572" s="2" t="s">
        <v>8171</v>
      </c>
      <c r="F2572" s="2" t="s">
        <v>7574</v>
      </c>
      <c r="G2572" s="8">
        <v>105</v>
      </c>
      <c r="H2572" s="5">
        <v>6</v>
      </c>
      <c r="I2572" s="5" t="s">
        <v>1518</v>
      </c>
      <c r="J2572" s="5" t="s">
        <v>1519</v>
      </c>
      <c r="K2572" s="2" t="s">
        <v>1520</v>
      </c>
      <c r="L2572" s="5" t="s">
        <v>1519</v>
      </c>
      <c r="M2572" s="2" t="s">
        <v>1520</v>
      </c>
      <c r="N2572" s="5" t="s">
        <v>1521</v>
      </c>
      <c r="O2572" s="5" t="s">
        <v>38</v>
      </c>
      <c r="P2572" s="5" t="s">
        <v>39</v>
      </c>
      <c r="Q2572" s="5" t="s">
        <v>40</v>
      </c>
      <c r="R2572" s="5" t="s">
        <v>1522</v>
      </c>
      <c r="S2572" s="5" t="s">
        <v>1523</v>
      </c>
      <c r="T2572" s="5" t="s">
        <v>42</v>
      </c>
      <c r="U2572" s="2">
        <v>1.258</v>
      </c>
      <c r="V2572" s="2">
        <v>0.94799999999999995</v>
      </c>
      <c r="W2572" s="2">
        <v>7.0000000000000001E-3</v>
      </c>
      <c r="X2572" s="2">
        <v>82.9</v>
      </c>
      <c r="Y2572" s="2">
        <v>7.6</v>
      </c>
      <c r="Z2572" s="2">
        <v>10.6</v>
      </c>
      <c r="AA2572" s="5"/>
      <c r="AB2572" s="5" t="s">
        <v>43</v>
      </c>
      <c r="AC2572" s="5" t="s">
        <v>44</v>
      </c>
      <c r="AD2572" s="2"/>
      <c r="AE2572" s="1"/>
    </row>
    <row r="2573" spans="1:31" ht="14.45">
      <c r="A2573" s="11"/>
      <c r="B2573" s="20"/>
      <c r="C2573" s="2" t="s">
        <v>8172</v>
      </c>
      <c r="D2573" s="14" t="s">
        <v>8173</v>
      </c>
      <c r="E2573" s="2" t="s">
        <v>8174</v>
      </c>
      <c r="F2573" s="2" t="s">
        <v>7449</v>
      </c>
      <c r="G2573" s="8">
        <v>105</v>
      </c>
      <c r="H2573" s="5">
        <v>6</v>
      </c>
      <c r="I2573" s="5" t="s">
        <v>1518</v>
      </c>
      <c r="J2573" s="5" t="s">
        <v>1519</v>
      </c>
      <c r="K2573" s="2" t="s">
        <v>1520</v>
      </c>
      <c r="L2573" s="5" t="s">
        <v>1519</v>
      </c>
      <c r="M2573" s="2" t="s">
        <v>1520</v>
      </c>
      <c r="N2573" s="5" t="s">
        <v>1521</v>
      </c>
      <c r="O2573" s="5" t="s">
        <v>38</v>
      </c>
      <c r="P2573" s="5" t="s">
        <v>39</v>
      </c>
      <c r="Q2573" s="5" t="s">
        <v>40</v>
      </c>
      <c r="R2573" s="5" t="s">
        <v>1522</v>
      </c>
      <c r="S2573" s="5" t="s">
        <v>1523</v>
      </c>
      <c r="T2573" s="5" t="s">
        <v>42</v>
      </c>
      <c r="U2573" s="2">
        <v>1.2290000000000001</v>
      </c>
      <c r="V2573" s="2">
        <v>0.91900000000000004</v>
      </c>
      <c r="W2573" s="2">
        <v>7.0000000000000001E-3</v>
      </c>
      <c r="X2573" s="2">
        <v>82.9</v>
      </c>
      <c r="Y2573" s="2">
        <v>7.6</v>
      </c>
      <c r="Z2573" s="2">
        <v>10.6</v>
      </c>
      <c r="AA2573" s="5"/>
      <c r="AB2573" s="5" t="s">
        <v>43</v>
      </c>
      <c r="AC2573" s="5" t="s">
        <v>44</v>
      </c>
      <c r="AD2573" s="2"/>
      <c r="AE2573" s="1"/>
    </row>
    <row r="2574" spans="1:31" ht="14.45">
      <c r="A2574" s="11"/>
      <c r="B2574" s="20"/>
      <c r="C2574" s="2" t="s">
        <v>8175</v>
      </c>
      <c r="D2574" s="14" t="s">
        <v>8176</v>
      </c>
      <c r="E2574" s="2" t="s">
        <v>8177</v>
      </c>
      <c r="F2574" s="2" t="s">
        <v>7581</v>
      </c>
      <c r="G2574" s="8">
        <v>105</v>
      </c>
      <c r="H2574" s="5">
        <v>6</v>
      </c>
      <c r="I2574" s="5" t="s">
        <v>1518</v>
      </c>
      <c r="J2574" s="5" t="s">
        <v>1519</v>
      </c>
      <c r="K2574" s="2" t="s">
        <v>1520</v>
      </c>
      <c r="L2574" s="5" t="s">
        <v>1519</v>
      </c>
      <c r="M2574" s="2" t="s">
        <v>1520</v>
      </c>
      <c r="N2574" s="5" t="s">
        <v>1521</v>
      </c>
      <c r="O2574" s="5" t="s">
        <v>38</v>
      </c>
      <c r="P2574" s="5" t="s">
        <v>39</v>
      </c>
      <c r="Q2574" s="5" t="s">
        <v>40</v>
      </c>
      <c r="R2574" s="5" t="s">
        <v>1522</v>
      </c>
      <c r="S2574" s="5" t="s">
        <v>1523</v>
      </c>
      <c r="T2574" s="5" t="s">
        <v>42</v>
      </c>
      <c r="U2574" s="2">
        <v>1.258</v>
      </c>
      <c r="V2574" s="2">
        <v>0.94799999999999995</v>
      </c>
      <c r="W2574" s="2">
        <v>7.0000000000000001E-3</v>
      </c>
      <c r="X2574" s="2">
        <v>82.9</v>
      </c>
      <c r="Y2574" s="2">
        <v>7.6</v>
      </c>
      <c r="Z2574" s="2">
        <v>10.6</v>
      </c>
      <c r="AA2574" s="5"/>
      <c r="AB2574" s="5" t="s">
        <v>43</v>
      </c>
      <c r="AC2574" s="5" t="s">
        <v>44</v>
      </c>
      <c r="AD2574" s="2"/>
      <c r="AE2574" s="1"/>
    </row>
    <row r="2575" spans="1:31" ht="14.45">
      <c r="A2575" s="11"/>
      <c r="B2575" s="20"/>
      <c r="C2575" s="2" t="s">
        <v>8178</v>
      </c>
      <c r="D2575" s="14" t="s">
        <v>8179</v>
      </c>
      <c r="E2575" s="2" t="s">
        <v>8180</v>
      </c>
      <c r="F2575" s="2" t="s">
        <v>7585</v>
      </c>
      <c r="G2575" s="8">
        <v>105</v>
      </c>
      <c r="H2575" s="5">
        <v>6</v>
      </c>
      <c r="I2575" s="5" t="s">
        <v>1518</v>
      </c>
      <c r="J2575" s="5" t="s">
        <v>1519</v>
      </c>
      <c r="K2575" s="2" t="s">
        <v>1520</v>
      </c>
      <c r="L2575" s="5" t="s">
        <v>1519</v>
      </c>
      <c r="M2575" s="2" t="s">
        <v>1520</v>
      </c>
      <c r="N2575" s="5" t="s">
        <v>1521</v>
      </c>
      <c r="O2575" s="5" t="s">
        <v>38</v>
      </c>
      <c r="P2575" s="5" t="s">
        <v>39</v>
      </c>
      <c r="Q2575" s="5" t="s">
        <v>40</v>
      </c>
      <c r="R2575" s="5" t="s">
        <v>1522</v>
      </c>
      <c r="S2575" s="5" t="s">
        <v>1523</v>
      </c>
      <c r="T2575" s="5" t="s">
        <v>42</v>
      </c>
      <c r="U2575" s="2">
        <v>1.2190000000000001</v>
      </c>
      <c r="V2575" s="2">
        <v>0.90900000000000003</v>
      </c>
      <c r="W2575" s="2">
        <v>7.0000000000000001E-3</v>
      </c>
      <c r="X2575" s="2">
        <v>82.9</v>
      </c>
      <c r="Y2575" s="2">
        <v>7.6</v>
      </c>
      <c r="Z2575" s="2">
        <v>10.6</v>
      </c>
      <c r="AA2575" s="5"/>
      <c r="AB2575" s="5" t="s">
        <v>43</v>
      </c>
      <c r="AC2575" s="5" t="s">
        <v>44</v>
      </c>
      <c r="AD2575" s="2"/>
      <c r="AE2575" s="1"/>
    </row>
    <row r="2576" spans="1:31" ht="14.45">
      <c r="A2576" s="11"/>
      <c r="B2576" s="20"/>
      <c r="C2576" s="2" t="s">
        <v>8181</v>
      </c>
      <c r="D2576" s="14" t="s">
        <v>8182</v>
      </c>
      <c r="E2576" s="2" t="s">
        <v>8183</v>
      </c>
      <c r="F2576" s="2" t="s">
        <v>7589</v>
      </c>
      <c r="G2576" s="8">
        <v>105</v>
      </c>
      <c r="H2576" s="5">
        <v>6</v>
      </c>
      <c r="I2576" s="5" t="s">
        <v>1518</v>
      </c>
      <c r="J2576" s="5" t="s">
        <v>1519</v>
      </c>
      <c r="K2576" s="2" t="s">
        <v>1520</v>
      </c>
      <c r="L2576" s="5" t="s">
        <v>1519</v>
      </c>
      <c r="M2576" s="2" t="s">
        <v>1520</v>
      </c>
      <c r="N2576" s="5" t="s">
        <v>1521</v>
      </c>
      <c r="O2576" s="5" t="s">
        <v>38</v>
      </c>
      <c r="P2576" s="5" t="s">
        <v>39</v>
      </c>
      <c r="Q2576" s="5" t="s">
        <v>40</v>
      </c>
      <c r="R2576" s="5" t="s">
        <v>1522</v>
      </c>
      <c r="S2576" s="5" t="s">
        <v>1523</v>
      </c>
      <c r="T2576" s="5" t="s">
        <v>42</v>
      </c>
      <c r="U2576" s="2">
        <v>1.248</v>
      </c>
      <c r="V2576" s="2">
        <v>0.93799999999999994</v>
      </c>
      <c r="W2576" s="2">
        <v>7.0000000000000001E-3</v>
      </c>
      <c r="X2576" s="2">
        <v>82.9</v>
      </c>
      <c r="Y2576" s="2">
        <v>7.6</v>
      </c>
      <c r="Z2576" s="2">
        <v>10.6</v>
      </c>
      <c r="AA2576" s="5"/>
      <c r="AB2576" s="5" t="s">
        <v>43</v>
      </c>
      <c r="AC2576" s="5" t="s">
        <v>44</v>
      </c>
      <c r="AD2576" s="2"/>
      <c r="AE2576" s="1"/>
    </row>
    <row r="2577" spans="1:31" ht="14.45">
      <c r="A2577" s="11"/>
      <c r="B2577" s="20"/>
      <c r="C2577" s="2" t="s">
        <v>8184</v>
      </c>
      <c r="D2577" s="14" t="s">
        <v>8185</v>
      </c>
      <c r="E2577" s="2" t="s">
        <v>8186</v>
      </c>
      <c r="F2577" s="2" t="s">
        <v>7593</v>
      </c>
      <c r="G2577" s="8">
        <v>105</v>
      </c>
      <c r="H2577" s="5">
        <v>6</v>
      </c>
      <c r="I2577" s="5" t="s">
        <v>1518</v>
      </c>
      <c r="J2577" s="5" t="s">
        <v>1519</v>
      </c>
      <c r="K2577" s="2" t="s">
        <v>1520</v>
      </c>
      <c r="L2577" s="5" t="s">
        <v>1519</v>
      </c>
      <c r="M2577" s="2" t="s">
        <v>1520</v>
      </c>
      <c r="N2577" s="5" t="s">
        <v>1521</v>
      </c>
      <c r="O2577" s="5" t="s">
        <v>38</v>
      </c>
      <c r="P2577" s="5" t="s">
        <v>39</v>
      </c>
      <c r="Q2577" s="5" t="s">
        <v>40</v>
      </c>
      <c r="R2577" s="5" t="s">
        <v>1522</v>
      </c>
      <c r="S2577" s="5" t="s">
        <v>1523</v>
      </c>
      <c r="T2577" s="5" t="s">
        <v>42</v>
      </c>
      <c r="U2577" s="2">
        <v>1.2290000000000001</v>
      </c>
      <c r="V2577" s="2">
        <v>0.91900000000000004</v>
      </c>
      <c r="W2577" s="2">
        <v>7.0000000000000001E-3</v>
      </c>
      <c r="X2577" s="2">
        <v>82.9</v>
      </c>
      <c r="Y2577" s="2">
        <v>7.6</v>
      </c>
      <c r="Z2577" s="2">
        <v>10.6</v>
      </c>
      <c r="AA2577" s="5"/>
      <c r="AB2577" s="5" t="s">
        <v>43</v>
      </c>
      <c r="AC2577" s="5" t="s">
        <v>44</v>
      </c>
      <c r="AD2577" s="2"/>
      <c r="AE2577" s="1"/>
    </row>
    <row r="2578" spans="1:31" ht="14.45">
      <c r="A2578" s="11"/>
      <c r="B2578" s="20"/>
      <c r="C2578" s="2" t="s">
        <v>8187</v>
      </c>
      <c r="D2578" s="14" t="s">
        <v>8188</v>
      </c>
      <c r="E2578" s="2" t="s">
        <v>8189</v>
      </c>
      <c r="F2578" s="2" t="s">
        <v>7597</v>
      </c>
      <c r="G2578" s="8">
        <v>105</v>
      </c>
      <c r="H2578" s="5">
        <v>6</v>
      </c>
      <c r="I2578" s="5" t="s">
        <v>1518</v>
      </c>
      <c r="J2578" s="5" t="s">
        <v>1519</v>
      </c>
      <c r="K2578" s="2" t="s">
        <v>1520</v>
      </c>
      <c r="L2578" s="5" t="s">
        <v>1519</v>
      </c>
      <c r="M2578" s="2" t="s">
        <v>1520</v>
      </c>
      <c r="N2578" s="5" t="s">
        <v>1521</v>
      </c>
      <c r="O2578" s="5" t="s">
        <v>38</v>
      </c>
      <c r="P2578" s="5" t="s">
        <v>39</v>
      </c>
      <c r="Q2578" s="5" t="s">
        <v>40</v>
      </c>
      <c r="R2578" s="5" t="s">
        <v>1522</v>
      </c>
      <c r="S2578" s="5" t="s">
        <v>1523</v>
      </c>
      <c r="T2578" s="5" t="s">
        <v>42</v>
      </c>
      <c r="U2578" s="2">
        <v>1.258</v>
      </c>
      <c r="V2578" s="2">
        <v>0.94799999999999995</v>
      </c>
      <c r="W2578" s="2">
        <v>7.0000000000000001E-3</v>
      </c>
      <c r="X2578" s="2">
        <v>82.9</v>
      </c>
      <c r="Y2578" s="2">
        <v>7.6</v>
      </c>
      <c r="Z2578" s="2">
        <v>10.6</v>
      </c>
      <c r="AA2578" s="5"/>
      <c r="AB2578" s="5" t="s">
        <v>43</v>
      </c>
      <c r="AC2578" s="5" t="s">
        <v>44</v>
      </c>
      <c r="AD2578" s="2"/>
      <c r="AE2578" s="1"/>
    </row>
    <row r="2579" spans="1:31" ht="14.45">
      <c r="A2579" s="11"/>
      <c r="B2579" s="20"/>
      <c r="C2579" s="2" t="s">
        <v>8190</v>
      </c>
      <c r="D2579" s="14" t="s">
        <v>8191</v>
      </c>
      <c r="E2579" s="2" t="s">
        <v>8192</v>
      </c>
      <c r="F2579" s="2" t="s">
        <v>7410</v>
      </c>
      <c r="G2579" s="8">
        <v>105</v>
      </c>
      <c r="H2579" s="5">
        <v>6</v>
      </c>
      <c r="I2579" s="5" t="s">
        <v>1518</v>
      </c>
      <c r="J2579" s="5" t="s">
        <v>1519</v>
      </c>
      <c r="K2579" s="2" t="s">
        <v>1520</v>
      </c>
      <c r="L2579" s="5" t="s">
        <v>1519</v>
      </c>
      <c r="M2579" s="2" t="s">
        <v>1520</v>
      </c>
      <c r="N2579" s="5" t="s">
        <v>1521</v>
      </c>
      <c r="O2579" s="5" t="s">
        <v>38</v>
      </c>
      <c r="P2579" s="5" t="s">
        <v>39</v>
      </c>
      <c r="Q2579" s="5" t="s">
        <v>40</v>
      </c>
      <c r="R2579" s="5" t="s">
        <v>1522</v>
      </c>
      <c r="S2579" s="5" t="s">
        <v>1523</v>
      </c>
      <c r="T2579" s="5" t="s">
        <v>42</v>
      </c>
      <c r="U2579" s="2">
        <v>1.2290000000000001</v>
      </c>
      <c r="V2579" s="2">
        <v>0.91900000000000004</v>
      </c>
      <c r="W2579" s="2">
        <v>7.0000000000000001E-3</v>
      </c>
      <c r="X2579" s="2">
        <v>82.9</v>
      </c>
      <c r="Y2579" s="2">
        <v>7.6</v>
      </c>
      <c r="Z2579" s="2">
        <v>10.6</v>
      </c>
      <c r="AA2579" s="5"/>
      <c r="AB2579" s="5" t="s">
        <v>43</v>
      </c>
      <c r="AC2579" s="5" t="s">
        <v>44</v>
      </c>
      <c r="AD2579" s="2"/>
      <c r="AE2579" s="1"/>
    </row>
    <row r="2580" spans="1:31" ht="14.45">
      <c r="A2580" s="11"/>
      <c r="B2580" s="20"/>
      <c r="C2580" s="2" t="s">
        <v>8193</v>
      </c>
      <c r="D2580" s="14" t="s">
        <v>8194</v>
      </c>
      <c r="E2580" s="2" t="s">
        <v>8195</v>
      </c>
      <c r="F2580" s="2" t="s">
        <v>7604</v>
      </c>
      <c r="G2580" s="8">
        <v>105</v>
      </c>
      <c r="H2580" s="5">
        <v>6</v>
      </c>
      <c r="I2580" s="5" t="s">
        <v>1518</v>
      </c>
      <c r="J2580" s="5" t="s">
        <v>1519</v>
      </c>
      <c r="K2580" s="2" t="s">
        <v>1520</v>
      </c>
      <c r="L2580" s="5" t="s">
        <v>1519</v>
      </c>
      <c r="M2580" s="2" t="s">
        <v>1520</v>
      </c>
      <c r="N2580" s="5" t="s">
        <v>1521</v>
      </c>
      <c r="O2580" s="5" t="s">
        <v>38</v>
      </c>
      <c r="P2580" s="5" t="s">
        <v>39</v>
      </c>
      <c r="Q2580" s="5" t="s">
        <v>40</v>
      </c>
      <c r="R2580" s="5" t="s">
        <v>1522</v>
      </c>
      <c r="S2580" s="5" t="s">
        <v>1523</v>
      </c>
      <c r="T2580" s="5" t="s">
        <v>42</v>
      </c>
      <c r="U2580" s="2">
        <v>1.258</v>
      </c>
      <c r="V2580" s="2">
        <v>0.94799999999999995</v>
      </c>
      <c r="W2580" s="2">
        <v>7.0000000000000001E-3</v>
      </c>
      <c r="X2580" s="2">
        <v>82.9</v>
      </c>
      <c r="Y2580" s="2">
        <v>7.6</v>
      </c>
      <c r="Z2580" s="2">
        <v>10.6</v>
      </c>
      <c r="AA2580" s="5"/>
      <c r="AB2580" s="5" t="s">
        <v>43</v>
      </c>
      <c r="AC2580" s="5" t="s">
        <v>44</v>
      </c>
      <c r="AD2580" s="2"/>
      <c r="AE2580" s="1"/>
    </row>
    <row r="2581" spans="1:31" ht="14.45">
      <c r="A2581" s="11"/>
      <c r="B2581" s="20"/>
      <c r="C2581" s="2" t="s">
        <v>8196</v>
      </c>
      <c r="D2581" s="14" t="s">
        <v>8197</v>
      </c>
      <c r="E2581" s="2" t="s">
        <v>8198</v>
      </c>
      <c r="F2581" s="2" t="s">
        <v>7433</v>
      </c>
      <c r="G2581" s="8">
        <v>105</v>
      </c>
      <c r="H2581" s="5">
        <v>6</v>
      </c>
      <c r="I2581" s="5" t="s">
        <v>1518</v>
      </c>
      <c r="J2581" s="5" t="s">
        <v>1519</v>
      </c>
      <c r="K2581" s="2" t="s">
        <v>1520</v>
      </c>
      <c r="L2581" s="5" t="s">
        <v>1519</v>
      </c>
      <c r="M2581" s="2" t="s">
        <v>1520</v>
      </c>
      <c r="N2581" s="5" t="s">
        <v>1521</v>
      </c>
      <c r="O2581" s="5" t="s">
        <v>38</v>
      </c>
      <c r="P2581" s="5" t="s">
        <v>39</v>
      </c>
      <c r="Q2581" s="5" t="s">
        <v>40</v>
      </c>
      <c r="R2581" s="5" t="s">
        <v>1522</v>
      </c>
      <c r="S2581" s="5" t="s">
        <v>1523</v>
      </c>
      <c r="T2581" s="5" t="s">
        <v>42</v>
      </c>
      <c r="U2581" s="2">
        <v>1.2290000000000001</v>
      </c>
      <c r="V2581" s="2">
        <v>0.91900000000000004</v>
      </c>
      <c r="W2581" s="2">
        <v>7.0000000000000001E-3</v>
      </c>
      <c r="X2581" s="2">
        <v>82.9</v>
      </c>
      <c r="Y2581" s="2">
        <v>7.6</v>
      </c>
      <c r="Z2581" s="2">
        <v>10.6</v>
      </c>
      <c r="AA2581" s="5"/>
      <c r="AB2581" s="5" t="s">
        <v>43</v>
      </c>
      <c r="AC2581" s="5" t="s">
        <v>44</v>
      </c>
      <c r="AD2581" s="2"/>
      <c r="AE2581" s="1"/>
    </row>
    <row r="2582" spans="1:31" ht="14.45">
      <c r="A2582" s="11"/>
      <c r="B2582" s="20"/>
      <c r="C2582" s="2" t="s">
        <v>8199</v>
      </c>
      <c r="D2582" s="14" t="s">
        <v>8200</v>
      </c>
      <c r="E2582" s="2" t="s">
        <v>8201</v>
      </c>
      <c r="F2582" s="2" t="s">
        <v>7611</v>
      </c>
      <c r="G2582" s="8">
        <v>105</v>
      </c>
      <c r="H2582" s="5">
        <v>6</v>
      </c>
      <c r="I2582" s="5" t="s">
        <v>1518</v>
      </c>
      <c r="J2582" s="5" t="s">
        <v>1519</v>
      </c>
      <c r="K2582" s="2" t="s">
        <v>1520</v>
      </c>
      <c r="L2582" s="5" t="s">
        <v>1519</v>
      </c>
      <c r="M2582" s="2" t="s">
        <v>1520</v>
      </c>
      <c r="N2582" s="5" t="s">
        <v>1521</v>
      </c>
      <c r="O2582" s="5" t="s">
        <v>38</v>
      </c>
      <c r="P2582" s="5" t="s">
        <v>39</v>
      </c>
      <c r="Q2582" s="5" t="s">
        <v>40</v>
      </c>
      <c r="R2582" s="5" t="s">
        <v>1522</v>
      </c>
      <c r="S2582" s="5" t="s">
        <v>1523</v>
      </c>
      <c r="T2582" s="5" t="s">
        <v>42</v>
      </c>
      <c r="U2582" s="2">
        <v>1.258</v>
      </c>
      <c r="V2582" s="2">
        <v>0.94799999999999995</v>
      </c>
      <c r="W2582" s="2">
        <v>7.0000000000000001E-3</v>
      </c>
      <c r="X2582" s="2">
        <v>82.9</v>
      </c>
      <c r="Y2582" s="2">
        <v>7.6</v>
      </c>
      <c r="Z2582" s="2">
        <v>10.6</v>
      </c>
      <c r="AA2582" s="5"/>
      <c r="AB2582" s="5" t="s">
        <v>43</v>
      </c>
      <c r="AC2582" s="5" t="s">
        <v>44</v>
      </c>
      <c r="AD2582" s="2"/>
      <c r="AE2582" s="1"/>
    </row>
    <row r="2583" spans="1:31" ht="14.45">
      <c r="A2583" s="11"/>
      <c r="B2583" s="20"/>
      <c r="C2583" s="2" t="s">
        <v>8202</v>
      </c>
      <c r="D2583" s="14" t="s">
        <v>8203</v>
      </c>
      <c r="E2583" s="2" t="s">
        <v>8204</v>
      </c>
      <c r="F2583" s="2" t="s">
        <v>7615</v>
      </c>
      <c r="G2583" s="8">
        <v>105</v>
      </c>
      <c r="H2583" s="5">
        <v>6</v>
      </c>
      <c r="I2583" s="5" t="s">
        <v>1518</v>
      </c>
      <c r="J2583" s="5" t="s">
        <v>1519</v>
      </c>
      <c r="K2583" s="2" t="s">
        <v>1520</v>
      </c>
      <c r="L2583" s="5" t="s">
        <v>1519</v>
      </c>
      <c r="M2583" s="2" t="s">
        <v>1520</v>
      </c>
      <c r="N2583" s="5" t="s">
        <v>1521</v>
      </c>
      <c r="O2583" s="5" t="s">
        <v>38</v>
      </c>
      <c r="P2583" s="5" t="s">
        <v>39</v>
      </c>
      <c r="Q2583" s="5" t="s">
        <v>40</v>
      </c>
      <c r="R2583" s="5" t="s">
        <v>1522</v>
      </c>
      <c r="S2583" s="5" t="s">
        <v>1523</v>
      </c>
      <c r="T2583" s="5" t="s">
        <v>42</v>
      </c>
      <c r="U2583" s="2">
        <v>1.2190000000000001</v>
      </c>
      <c r="V2583" s="2">
        <v>0.90900000000000003</v>
      </c>
      <c r="W2583" s="2">
        <v>7.0000000000000001E-3</v>
      </c>
      <c r="X2583" s="2">
        <v>82.9</v>
      </c>
      <c r="Y2583" s="2">
        <v>7.6</v>
      </c>
      <c r="Z2583" s="2">
        <v>10.6</v>
      </c>
      <c r="AA2583" s="5"/>
      <c r="AB2583" s="5" t="s">
        <v>43</v>
      </c>
      <c r="AC2583" s="5" t="s">
        <v>44</v>
      </c>
      <c r="AD2583" s="2"/>
      <c r="AE2583" s="1"/>
    </row>
    <row r="2584" spans="1:31" ht="14.45">
      <c r="A2584" s="11"/>
      <c r="B2584" s="20"/>
      <c r="C2584" s="2" t="s">
        <v>8205</v>
      </c>
      <c r="D2584" s="14" t="s">
        <v>8206</v>
      </c>
      <c r="E2584" s="2" t="s">
        <v>8207</v>
      </c>
      <c r="F2584" s="2" t="s">
        <v>7619</v>
      </c>
      <c r="G2584" s="8">
        <v>105</v>
      </c>
      <c r="H2584" s="5">
        <v>6</v>
      </c>
      <c r="I2584" s="5" t="s">
        <v>1518</v>
      </c>
      <c r="J2584" s="5" t="s">
        <v>1519</v>
      </c>
      <c r="K2584" s="2" t="s">
        <v>1520</v>
      </c>
      <c r="L2584" s="5" t="s">
        <v>1519</v>
      </c>
      <c r="M2584" s="2" t="s">
        <v>1520</v>
      </c>
      <c r="N2584" s="5" t="s">
        <v>1521</v>
      </c>
      <c r="O2584" s="5" t="s">
        <v>38</v>
      </c>
      <c r="P2584" s="5" t="s">
        <v>39</v>
      </c>
      <c r="Q2584" s="5" t="s">
        <v>40</v>
      </c>
      <c r="R2584" s="5" t="s">
        <v>1522</v>
      </c>
      <c r="S2584" s="5" t="s">
        <v>1523</v>
      </c>
      <c r="T2584" s="5" t="s">
        <v>42</v>
      </c>
      <c r="U2584" s="2">
        <v>1.248</v>
      </c>
      <c r="V2584" s="2">
        <v>0.93799999999999994</v>
      </c>
      <c r="W2584" s="2">
        <v>7.0000000000000001E-3</v>
      </c>
      <c r="X2584" s="2">
        <v>82.9</v>
      </c>
      <c r="Y2584" s="2">
        <v>7.6</v>
      </c>
      <c r="Z2584" s="2">
        <v>10.6</v>
      </c>
      <c r="AA2584" s="5"/>
      <c r="AB2584" s="5" t="s">
        <v>43</v>
      </c>
      <c r="AC2584" s="5" t="s">
        <v>44</v>
      </c>
      <c r="AD2584" s="2"/>
      <c r="AE2584" s="1"/>
    </row>
    <row r="2585" spans="1:31" ht="14.45">
      <c r="A2585" s="11"/>
      <c r="B2585" s="20"/>
      <c r="C2585" s="2" t="s">
        <v>8208</v>
      </c>
      <c r="D2585" s="14" t="s">
        <v>8209</v>
      </c>
      <c r="E2585" s="2" t="s">
        <v>8210</v>
      </c>
      <c r="F2585" s="2" t="s">
        <v>1823</v>
      </c>
      <c r="G2585" s="8">
        <v>105</v>
      </c>
      <c r="H2585" s="5">
        <v>8</v>
      </c>
      <c r="I2585" s="5" t="s">
        <v>1518</v>
      </c>
      <c r="J2585" s="5" t="s">
        <v>1519</v>
      </c>
      <c r="K2585" s="2" t="s">
        <v>1520</v>
      </c>
      <c r="L2585" s="5" t="s">
        <v>1519</v>
      </c>
      <c r="M2585" s="2" t="s">
        <v>1520</v>
      </c>
      <c r="N2585" s="5" t="s">
        <v>1521</v>
      </c>
      <c r="O2585" s="5" t="s">
        <v>38</v>
      </c>
      <c r="P2585" s="5" t="s">
        <v>39</v>
      </c>
      <c r="Q2585" s="5" t="s">
        <v>40</v>
      </c>
      <c r="R2585" s="5" t="s">
        <v>1522</v>
      </c>
      <c r="S2585" s="5" t="s">
        <v>1523</v>
      </c>
      <c r="T2585" s="5" t="s">
        <v>42</v>
      </c>
      <c r="U2585" s="2">
        <v>1.236</v>
      </c>
      <c r="V2585" s="2">
        <v>0.92600000000000005</v>
      </c>
      <c r="W2585" s="2">
        <v>7.0000000000000001E-3</v>
      </c>
      <c r="X2585" s="2">
        <v>82.9</v>
      </c>
      <c r="Y2585" s="2">
        <v>7.6</v>
      </c>
      <c r="Z2585" s="2">
        <v>10.6</v>
      </c>
      <c r="AA2585" s="5"/>
      <c r="AB2585" s="5" t="s">
        <v>43</v>
      </c>
      <c r="AC2585" s="5" t="s">
        <v>44</v>
      </c>
      <c r="AD2585" s="2"/>
      <c r="AE2585" s="1"/>
    </row>
    <row r="2586" spans="1:31" ht="14.45">
      <c r="A2586" s="11"/>
      <c r="B2586" s="20"/>
      <c r="C2586" s="2" t="s">
        <v>8211</v>
      </c>
      <c r="D2586" s="14" t="s">
        <v>8212</v>
      </c>
      <c r="E2586" s="2" t="s">
        <v>8213</v>
      </c>
      <c r="F2586" s="2" t="s">
        <v>1827</v>
      </c>
      <c r="G2586" s="8">
        <v>105</v>
      </c>
      <c r="H2586" s="5">
        <v>8</v>
      </c>
      <c r="I2586" s="5" t="s">
        <v>1518</v>
      </c>
      <c r="J2586" s="5" t="s">
        <v>1519</v>
      </c>
      <c r="K2586" s="2" t="s">
        <v>1520</v>
      </c>
      <c r="L2586" s="5" t="s">
        <v>1519</v>
      </c>
      <c r="M2586" s="2" t="s">
        <v>1520</v>
      </c>
      <c r="N2586" s="5" t="s">
        <v>1521</v>
      </c>
      <c r="O2586" s="5" t="s">
        <v>38</v>
      </c>
      <c r="P2586" s="5" t="s">
        <v>39</v>
      </c>
      <c r="Q2586" s="5" t="s">
        <v>40</v>
      </c>
      <c r="R2586" s="5" t="s">
        <v>1522</v>
      </c>
      <c r="S2586" s="5" t="s">
        <v>1523</v>
      </c>
      <c r="T2586" s="5" t="s">
        <v>42</v>
      </c>
      <c r="U2586" s="2">
        <v>1.2649999999999999</v>
      </c>
      <c r="V2586" s="2">
        <v>0.95499999999999996</v>
      </c>
      <c r="W2586" s="2">
        <v>7.0000000000000001E-3</v>
      </c>
      <c r="X2586" s="2">
        <v>82.9</v>
      </c>
      <c r="Y2586" s="2">
        <v>7.6</v>
      </c>
      <c r="Z2586" s="2">
        <v>10.6</v>
      </c>
      <c r="AA2586" s="5"/>
      <c r="AB2586" s="5" t="s">
        <v>43</v>
      </c>
      <c r="AC2586" s="5" t="s">
        <v>44</v>
      </c>
      <c r="AD2586" s="2"/>
      <c r="AE2586" s="1"/>
    </row>
    <row r="2587" spans="1:31" ht="14.45">
      <c r="A2587" s="11"/>
      <c r="B2587" s="20"/>
      <c r="C2587" s="2" t="s">
        <v>8214</v>
      </c>
      <c r="D2587" s="14" t="s">
        <v>8215</v>
      </c>
      <c r="E2587" s="2" t="s">
        <v>8216</v>
      </c>
      <c r="F2587" s="2" t="s">
        <v>1973</v>
      </c>
      <c r="G2587" s="8">
        <v>105</v>
      </c>
      <c r="H2587" s="5">
        <v>13</v>
      </c>
      <c r="I2587" s="5" t="s">
        <v>1518</v>
      </c>
      <c r="J2587" s="5" t="s">
        <v>1519</v>
      </c>
      <c r="K2587" s="2" t="s">
        <v>1520</v>
      </c>
      <c r="L2587" s="5" t="s">
        <v>1519</v>
      </c>
      <c r="M2587" s="2" t="s">
        <v>1520</v>
      </c>
      <c r="N2587" s="5" t="s">
        <v>1521</v>
      </c>
      <c r="O2587" s="5" t="s">
        <v>38</v>
      </c>
      <c r="P2587" s="5" t="s">
        <v>39</v>
      </c>
      <c r="Q2587" s="5" t="s">
        <v>40</v>
      </c>
      <c r="R2587" s="5" t="s">
        <v>1522</v>
      </c>
      <c r="S2587" s="5" t="s">
        <v>1523</v>
      </c>
      <c r="T2587" s="5" t="s">
        <v>42</v>
      </c>
      <c r="U2587" s="2">
        <v>1.256</v>
      </c>
      <c r="V2587" s="2">
        <v>0.94599999999999995</v>
      </c>
      <c r="W2587" s="2">
        <v>7.0000000000000001E-3</v>
      </c>
      <c r="X2587" s="2">
        <v>82.9</v>
      </c>
      <c r="Y2587" s="2">
        <v>7.6</v>
      </c>
      <c r="Z2587" s="2">
        <v>10.6</v>
      </c>
      <c r="AA2587" s="5"/>
      <c r="AB2587" s="5" t="s">
        <v>43</v>
      </c>
      <c r="AC2587" s="5" t="s">
        <v>44</v>
      </c>
      <c r="AD2587" s="2"/>
      <c r="AE2587" s="1"/>
    </row>
    <row r="2588" spans="1:31" ht="14.45">
      <c r="A2588" s="11"/>
      <c r="B2588" s="20"/>
      <c r="C2588" s="2" t="s">
        <v>8217</v>
      </c>
      <c r="D2588" s="14" t="s">
        <v>8218</v>
      </c>
      <c r="E2588" s="2" t="s">
        <v>8219</v>
      </c>
      <c r="F2588" s="2" t="s">
        <v>2348</v>
      </c>
      <c r="G2588" s="8">
        <v>105</v>
      </c>
      <c r="H2588" s="5">
        <v>13</v>
      </c>
      <c r="I2588" s="5" t="s">
        <v>1518</v>
      </c>
      <c r="J2588" s="5" t="s">
        <v>1519</v>
      </c>
      <c r="K2588" s="2" t="s">
        <v>1520</v>
      </c>
      <c r="L2588" s="5" t="s">
        <v>1519</v>
      </c>
      <c r="M2588" s="2" t="s">
        <v>1520</v>
      </c>
      <c r="N2588" s="5" t="s">
        <v>1521</v>
      </c>
      <c r="O2588" s="5" t="s">
        <v>38</v>
      </c>
      <c r="P2588" s="5" t="s">
        <v>39</v>
      </c>
      <c r="Q2588" s="5" t="s">
        <v>40</v>
      </c>
      <c r="R2588" s="5" t="s">
        <v>1522</v>
      </c>
      <c r="S2588" s="5" t="s">
        <v>1523</v>
      </c>
      <c r="T2588" s="5" t="s">
        <v>42</v>
      </c>
      <c r="U2588" s="2">
        <v>1.2849999999999999</v>
      </c>
      <c r="V2588" s="2">
        <v>0.97499999999999998</v>
      </c>
      <c r="W2588" s="2">
        <v>7.0000000000000001E-3</v>
      </c>
      <c r="X2588" s="2">
        <v>82.9</v>
      </c>
      <c r="Y2588" s="2">
        <v>7.6</v>
      </c>
      <c r="Z2588" s="2">
        <v>10.6</v>
      </c>
      <c r="AA2588" s="5"/>
      <c r="AB2588" s="5" t="s">
        <v>43</v>
      </c>
      <c r="AC2588" s="5" t="s">
        <v>44</v>
      </c>
      <c r="AD2588" s="2"/>
      <c r="AE2588" s="1"/>
    </row>
    <row r="2589" spans="1:31" ht="14.45">
      <c r="A2589" s="11"/>
      <c r="B2589" s="20"/>
      <c r="C2589" s="2" t="s">
        <v>8220</v>
      </c>
      <c r="D2589" s="14" t="s">
        <v>8221</v>
      </c>
      <c r="E2589" s="2" t="s">
        <v>8222</v>
      </c>
      <c r="F2589" s="2" t="s">
        <v>2204</v>
      </c>
      <c r="G2589" s="8">
        <v>105</v>
      </c>
      <c r="H2589" s="5">
        <v>13</v>
      </c>
      <c r="I2589" s="5" t="s">
        <v>1518</v>
      </c>
      <c r="J2589" s="5" t="s">
        <v>1519</v>
      </c>
      <c r="K2589" s="2" t="s">
        <v>1520</v>
      </c>
      <c r="L2589" s="5" t="s">
        <v>1519</v>
      </c>
      <c r="M2589" s="2" t="s">
        <v>1520</v>
      </c>
      <c r="N2589" s="5" t="s">
        <v>1521</v>
      </c>
      <c r="O2589" s="5" t="s">
        <v>38</v>
      </c>
      <c r="P2589" s="5" t="s">
        <v>39</v>
      </c>
      <c r="Q2589" s="5" t="s">
        <v>40</v>
      </c>
      <c r="R2589" s="5" t="s">
        <v>1522</v>
      </c>
      <c r="S2589" s="5" t="s">
        <v>1523</v>
      </c>
      <c r="T2589" s="5" t="s">
        <v>42</v>
      </c>
      <c r="U2589" s="2">
        <v>1.256</v>
      </c>
      <c r="V2589" s="2">
        <v>0.94599999999999995</v>
      </c>
      <c r="W2589" s="2">
        <v>7.0000000000000001E-3</v>
      </c>
      <c r="X2589" s="2">
        <v>82.9</v>
      </c>
      <c r="Y2589" s="2">
        <v>7.6</v>
      </c>
      <c r="Z2589" s="2">
        <v>10.6</v>
      </c>
      <c r="AA2589" s="5"/>
      <c r="AB2589" s="5" t="s">
        <v>43</v>
      </c>
      <c r="AC2589" s="5" t="s">
        <v>44</v>
      </c>
      <c r="AD2589" s="2"/>
      <c r="AE2589" s="1"/>
    </row>
    <row r="2590" spans="1:31" ht="14.45">
      <c r="A2590" s="11"/>
      <c r="B2590" s="20"/>
      <c r="C2590" s="2" t="s">
        <v>8223</v>
      </c>
      <c r="D2590" s="14" t="s">
        <v>8224</v>
      </c>
      <c r="E2590" s="2" t="s">
        <v>8225</v>
      </c>
      <c r="F2590" s="2" t="s">
        <v>2724</v>
      </c>
      <c r="G2590" s="8">
        <v>105</v>
      </c>
      <c r="H2590" s="5">
        <v>13</v>
      </c>
      <c r="I2590" s="5" t="s">
        <v>1518</v>
      </c>
      <c r="J2590" s="5" t="s">
        <v>1519</v>
      </c>
      <c r="K2590" s="2" t="s">
        <v>1520</v>
      </c>
      <c r="L2590" s="5" t="s">
        <v>1519</v>
      </c>
      <c r="M2590" s="2" t="s">
        <v>1520</v>
      </c>
      <c r="N2590" s="5" t="s">
        <v>1521</v>
      </c>
      <c r="O2590" s="5" t="s">
        <v>38</v>
      </c>
      <c r="P2590" s="5" t="s">
        <v>39</v>
      </c>
      <c r="Q2590" s="5" t="s">
        <v>40</v>
      </c>
      <c r="R2590" s="5" t="s">
        <v>1522</v>
      </c>
      <c r="S2590" s="5" t="s">
        <v>1523</v>
      </c>
      <c r="T2590" s="5" t="s">
        <v>42</v>
      </c>
      <c r="U2590" s="2">
        <v>1.2849999999999999</v>
      </c>
      <c r="V2590" s="2">
        <v>0.97499999999999998</v>
      </c>
      <c r="W2590" s="2">
        <v>7.0000000000000001E-3</v>
      </c>
      <c r="X2590" s="2">
        <v>82.9</v>
      </c>
      <c r="Y2590" s="2">
        <v>7.6</v>
      </c>
      <c r="Z2590" s="2">
        <v>10.6</v>
      </c>
      <c r="AA2590" s="5"/>
      <c r="AB2590" s="5" t="s">
        <v>43</v>
      </c>
      <c r="AC2590" s="5" t="s">
        <v>44</v>
      </c>
      <c r="AD2590" s="2"/>
      <c r="AE2590" s="1"/>
    </row>
    <row r="2591" spans="1:31" ht="14.45">
      <c r="A2591" s="11"/>
      <c r="B2591" s="20"/>
      <c r="C2591" s="2" t="s">
        <v>8226</v>
      </c>
      <c r="D2591" s="14" t="s">
        <v>8227</v>
      </c>
      <c r="E2591" s="2" t="s">
        <v>8228</v>
      </c>
      <c r="F2591" s="2" t="s">
        <v>2208</v>
      </c>
      <c r="G2591" s="8">
        <v>105</v>
      </c>
      <c r="H2591" s="5">
        <v>13</v>
      </c>
      <c r="I2591" s="5" t="s">
        <v>1518</v>
      </c>
      <c r="J2591" s="5" t="s">
        <v>1519</v>
      </c>
      <c r="K2591" s="2" t="s">
        <v>1520</v>
      </c>
      <c r="L2591" s="5" t="s">
        <v>1519</v>
      </c>
      <c r="M2591" s="2" t="s">
        <v>1520</v>
      </c>
      <c r="N2591" s="5" t="s">
        <v>1521</v>
      </c>
      <c r="O2591" s="5" t="s">
        <v>38</v>
      </c>
      <c r="P2591" s="5" t="s">
        <v>39</v>
      </c>
      <c r="Q2591" s="5" t="s">
        <v>40</v>
      </c>
      <c r="R2591" s="5" t="s">
        <v>1522</v>
      </c>
      <c r="S2591" s="5" t="s">
        <v>1523</v>
      </c>
      <c r="T2591" s="5" t="s">
        <v>42</v>
      </c>
      <c r="U2591" s="2">
        <v>1.256</v>
      </c>
      <c r="V2591" s="2">
        <v>0.94599999999999995</v>
      </c>
      <c r="W2591" s="2">
        <v>7.0000000000000001E-3</v>
      </c>
      <c r="X2591" s="2">
        <v>82.9</v>
      </c>
      <c r="Y2591" s="2">
        <v>7.6</v>
      </c>
      <c r="Z2591" s="2">
        <v>10.6</v>
      </c>
      <c r="AA2591" s="5"/>
      <c r="AB2591" s="5" t="s">
        <v>43</v>
      </c>
      <c r="AC2591" s="5" t="s">
        <v>44</v>
      </c>
      <c r="AD2591" s="2"/>
      <c r="AE2591" s="1"/>
    </row>
    <row r="2592" spans="1:31" ht="14.45">
      <c r="A2592" s="11"/>
      <c r="B2592" s="20"/>
      <c r="C2592" s="2" t="s">
        <v>8229</v>
      </c>
      <c r="D2592" s="14" t="s">
        <v>8230</v>
      </c>
      <c r="E2592" s="2" t="s">
        <v>8231</v>
      </c>
      <c r="F2592" s="2" t="s">
        <v>2212</v>
      </c>
      <c r="G2592" s="8">
        <v>105</v>
      </c>
      <c r="H2592" s="5">
        <v>13</v>
      </c>
      <c r="I2592" s="5" t="s">
        <v>1518</v>
      </c>
      <c r="J2592" s="5" t="s">
        <v>1519</v>
      </c>
      <c r="K2592" s="2" t="s">
        <v>1520</v>
      </c>
      <c r="L2592" s="5" t="s">
        <v>1519</v>
      </c>
      <c r="M2592" s="2" t="s">
        <v>1520</v>
      </c>
      <c r="N2592" s="5" t="s">
        <v>1521</v>
      </c>
      <c r="O2592" s="5" t="s">
        <v>38</v>
      </c>
      <c r="P2592" s="5" t="s">
        <v>39</v>
      </c>
      <c r="Q2592" s="5" t="s">
        <v>40</v>
      </c>
      <c r="R2592" s="5" t="s">
        <v>1522</v>
      </c>
      <c r="S2592" s="5" t="s">
        <v>1523</v>
      </c>
      <c r="T2592" s="5" t="s">
        <v>42</v>
      </c>
      <c r="U2592" s="2">
        <v>1.2849999999999999</v>
      </c>
      <c r="V2592" s="2">
        <v>0.97499999999999998</v>
      </c>
      <c r="W2592" s="2">
        <v>7.0000000000000001E-3</v>
      </c>
      <c r="X2592" s="2">
        <v>82.9</v>
      </c>
      <c r="Y2592" s="2">
        <v>7.6</v>
      </c>
      <c r="Z2592" s="2">
        <v>10.6</v>
      </c>
      <c r="AA2592" s="5"/>
      <c r="AB2592" s="5" t="s">
        <v>43</v>
      </c>
      <c r="AC2592" s="5" t="s">
        <v>44</v>
      </c>
      <c r="AD2592" s="2"/>
      <c r="AE2592" s="1"/>
    </row>
    <row r="2593" spans="1:31" ht="14.45">
      <c r="A2593" s="11"/>
      <c r="B2593" s="20"/>
      <c r="C2593" s="2" t="s">
        <v>8232</v>
      </c>
      <c r="D2593" s="14" t="s">
        <v>8233</v>
      </c>
      <c r="E2593" s="2" t="s">
        <v>8234</v>
      </c>
      <c r="F2593" s="2" t="s">
        <v>1831</v>
      </c>
      <c r="G2593" s="8">
        <v>105</v>
      </c>
      <c r="H2593" s="5">
        <v>13</v>
      </c>
      <c r="I2593" s="5" t="s">
        <v>1518</v>
      </c>
      <c r="J2593" s="5" t="s">
        <v>1519</v>
      </c>
      <c r="K2593" s="2" t="s">
        <v>1520</v>
      </c>
      <c r="L2593" s="5" t="s">
        <v>1519</v>
      </c>
      <c r="M2593" s="2" t="s">
        <v>1520</v>
      </c>
      <c r="N2593" s="5" t="s">
        <v>1521</v>
      </c>
      <c r="O2593" s="5" t="s">
        <v>38</v>
      </c>
      <c r="P2593" s="5" t="s">
        <v>39</v>
      </c>
      <c r="Q2593" s="5" t="s">
        <v>40</v>
      </c>
      <c r="R2593" s="5" t="s">
        <v>1522</v>
      </c>
      <c r="S2593" s="5" t="s">
        <v>1523</v>
      </c>
      <c r="T2593" s="5" t="s">
        <v>42</v>
      </c>
      <c r="U2593" s="2">
        <v>1.256</v>
      </c>
      <c r="V2593" s="2">
        <v>0.94599999999999995</v>
      </c>
      <c r="W2593" s="2">
        <v>7.0000000000000001E-3</v>
      </c>
      <c r="X2593" s="2">
        <v>82.9</v>
      </c>
      <c r="Y2593" s="2">
        <v>7.6</v>
      </c>
      <c r="Z2593" s="2">
        <v>10.6</v>
      </c>
      <c r="AA2593" s="5"/>
      <c r="AB2593" s="5" t="s">
        <v>43</v>
      </c>
      <c r="AC2593" s="5" t="s">
        <v>44</v>
      </c>
      <c r="AD2593" s="2"/>
      <c r="AE2593" s="1"/>
    </row>
    <row r="2594" spans="1:31" ht="14.45">
      <c r="A2594" s="11"/>
      <c r="B2594" s="20"/>
      <c r="C2594" s="2" t="s">
        <v>8235</v>
      </c>
      <c r="D2594" s="14" t="s">
        <v>8236</v>
      </c>
      <c r="E2594" s="2" t="s">
        <v>8237</v>
      </c>
      <c r="F2594" s="2" t="s">
        <v>1835</v>
      </c>
      <c r="G2594" s="8">
        <v>105</v>
      </c>
      <c r="H2594" s="5">
        <v>13</v>
      </c>
      <c r="I2594" s="5" t="s">
        <v>1518</v>
      </c>
      <c r="J2594" s="5" t="s">
        <v>1519</v>
      </c>
      <c r="K2594" s="2" t="s">
        <v>1520</v>
      </c>
      <c r="L2594" s="5" t="s">
        <v>1519</v>
      </c>
      <c r="M2594" s="2" t="s">
        <v>1520</v>
      </c>
      <c r="N2594" s="5" t="s">
        <v>1521</v>
      </c>
      <c r="O2594" s="5" t="s">
        <v>38</v>
      </c>
      <c r="P2594" s="5" t="s">
        <v>39</v>
      </c>
      <c r="Q2594" s="5" t="s">
        <v>40</v>
      </c>
      <c r="R2594" s="5" t="s">
        <v>1522</v>
      </c>
      <c r="S2594" s="5" t="s">
        <v>1523</v>
      </c>
      <c r="T2594" s="5" t="s">
        <v>42</v>
      </c>
      <c r="U2594" s="2">
        <v>1.2849999999999999</v>
      </c>
      <c r="V2594" s="2">
        <v>0.97499999999999998</v>
      </c>
      <c r="W2594" s="2">
        <v>7.0000000000000001E-3</v>
      </c>
      <c r="X2594" s="2">
        <v>82.9</v>
      </c>
      <c r="Y2594" s="2">
        <v>7.6</v>
      </c>
      <c r="Z2594" s="2">
        <v>10.6</v>
      </c>
      <c r="AA2594" s="5"/>
      <c r="AB2594" s="5" t="s">
        <v>43</v>
      </c>
      <c r="AC2594" s="5" t="s">
        <v>44</v>
      </c>
      <c r="AD2594" s="2"/>
      <c r="AE2594" s="1"/>
    </row>
    <row r="2595" spans="1:31" ht="14.45">
      <c r="A2595" s="11"/>
      <c r="B2595" s="20"/>
      <c r="C2595" s="2" t="s">
        <v>8238</v>
      </c>
      <c r="D2595" s="14" t="s">
        <v>8239</v>
      </c>
      <c r="E2595" s="2" t="s">
        <v>8240</v>
      </c>
      <c r="F2595" s="2" t="s">
        <v>1839</v>
      </c>
      <c r="G2595" s="8">
        <v>105</v>
      </c>
      <c r="H2595" s="5">
        <v>13</v>
      </c>
      <c r="I2595" s="5" t="s">
        <v>1518</v>
      </c>
      <c r="J2595" s="5" t="s">
        <v>1519</v>
      </c>
      <c r="K2595" s="2" t="s">
        <v>1520</v>
      </c>
      <c r="L2595" s="5" t="s">
        <v>1519</v>
      </c>
      <c r="M2595" s="2" t="s">
        <v>1520</v>
      </c>
      <c r="N2595" s="5" t="s">
        <v>1521</v>
      </c>
      <c r="O2595" s="5" t="s">
        <v>38</v>
      </c>
      <c r="P2595" s="5" t="s">
        <v>39</v>
      </c>
      <c r="Q2595" s="5" t="s">
        <v>40</v>
      </c>
      <c r="R2595" s="5" t="s">
        <v>1522</v>
      </c>
      <c r="S2595" s="5" t="s">
        <v>1523</v>
      </c>
      <c r="T2595" s="5" t="s">
        <v>42</v>
      </c>
      <c r="U2595" s="2">
        <v>1.256</v>
      </c>
      <c r="V2595" s="2">
        <v>0.94599999999999995</v>
      </c>
      <c r="W2595" s="2">
        <v>7.0000000000000001E-3</v>
      </c>
      <c r="X2595" s="2">
        <v>82.9</v>
      </c>
      <c r="Y2595" s="2">
        <v>7.6</v>
      </c>
      <c r="Z2595" s="2">
        <v>10.6</v>
      </c>
      <c r="AA2595" s="5"/>
      <c r="AB2595" s="5" t="s">
        <v>43</v>
      </c>
      <c r="AC2595" s="5" t="s">
        <v>44</v>
      </c>
      <c r="AD2595" s="2"/>
      <c r="AE2595" s="1"/>
    </row>
    <row r="2596" spans="1:31" ht="14.45">
      <c r="A2596" s="11"/>
      <c r="B2596" s="20"/>
      <c r="C2596" s="2" t="s">
        <v>8241</v>
      </c>
      <c r="D2596" s="14" t="s">
        <v>8242</v>
      </c>
      <c r="E2596" s="2" t="s">
        <v>8243</v>
      </c>
      <c r="F2596" s="2" t="s">
        <v>1986</v>
      </c>
      <c r="G2596" s="8">
        <v>105</v>
      </c>
      <c r="H2596" s="5">
        <v>13</v>
      </c>
      <c r="I2596" s="5" t="s">
        <v>1518</v>
      </c>
      <c r="J2596" s="5" t="s">
        <v>1519</v>
      </c>
      <c r="K2596" s="2" t="s">
        <v>1520</v>
      </c>
      <c r="L2596" s="5" t="s">
        <v>1519</v>
      </c>
      <c r="M2596" s="2" t="s">
        <v>1520</v>
      </c>
      <c r="N2596" s="5" t="s">
        <v>1521</v>
      </c>
      <c r="O2596" s="5" t="s">
        <v>38</v>
      </c>
      <c r="P2596" s="5" t="s">
        <v>39</v>
      </c>
      <c r="Q2596" s="5" t="s">
        <v>40</v>
      </c>
      <c r="R2596" s="5" t="s">
        <v>1522</v>
      </c>
      <c r="S2596" s="5" t="s">
        <v>1523</v>
      </c>
      <c r="T2596" s="5" t="s">
        <v>42</v>
      </c>
      <c r="U2596" s="2">
        <v>1.2849999999999999</v>
      </c>
      <c r="V2596" s="2">
        <v>0.97499999999999998</v>
      </c>
      <c r="W2596" s="2">
        <v>7.0000000000000001E-3</v>
      </c>
      <c r="X2596" s="2">
        <v>82.9</v>
      </c>
      <c r="Y2596" s="2">
        <v>7.6</v>
      </c>
      <c r="Z2596" s="2">
        <v>10.6</v>
      </c>
      <c r="AA2596" s="5"/>
      <c r="AB2596" s="5" t="s">
        <v>43</v>
      </c>
      <c r="AC2596" s="5" t="s">
        <v>44</v>
      </c>
      <c r="AD2596" s="2"/>
      <c r="AE2596" s="1"/>
    </row>
    <row r="2597" spans="1:31" ht="14.45">
      <c r="A2597" s="11"/>
      <c r="B2597" s="20"/>
      <c r="C2597" s="2" t="s">
        <v>8244</v>
      </c>
      <c r="D2597" s="14" t="s">
        <v>8245</v>
      </c>
      <c r="E2597" s="2" t="s">
        <v>8246</v>
      </c>
      <c r="F2597" s="2" t="s">
        <v>1843</v>
      </c>
      <c r="G2597" s="8">
        <v>105</v>
      </c>
      <c r="H2597" s="5">
        <v>13</v>
      </c>
      <c r="I2597" s="5" t="s">
        <v>1518</v>
      </c>
      <c r="J2597" s="5" t="s">
        <v>1519</v>
      </c>
      <c r="K2597" s="2" t="s">
        <v>1520</v>
      </c>
      <c r="L2597" s="5" t="s">
        <v>1519</v>
      </c>
      <c r="M2597" s="2" t="s">
        <v>1520</v>
      </c>
      <c r="N2597" s="5" t="s">
        <v>1521</v>
      </c>
      <c r="O2597" s="5" t="s">
        <v>38</v>
      </c>
      <c r="P2597" s="5" t="s">
        <v>39</v>
      </c>
      <c r="Q2597" s="5" t="s">
        <v>40</v>
      </c>
      <c r="R2597" s="5" t="s">
        <v>1522</v>
      </c>
      <c r="S2597" s="5" t="s">
        <v>1523</v>
      </c>
      <c r="T2597" s="5" t="s">
        <v>42</v>
      </c>
      <c r="U2597" s="2">
        <v>1.256</v>
      </c>
      <c r="V2597" s="2">
        <v>0.94599999999999995</v>
      </c>
      <c r="W2597" s="2">
        <v>7.0000000000000001E-3</v>
      </c>
      <c r="X2597" s="2">
        <v>82.9</v>
      </c>
      <c r="Y2597" s="2">
        <v>7.6</v>
      </c>
      <c r="Z2597" s="2">
        <v>10.6</v>
      </c>
      <c r="AA2597" s="5"/>
      <c r="AB2597" s="5" t="s">
        <v>43</v>
      </c>
      <c r="AC2597" s="5" t="s">
        <v>44</v>
      </c>
      <c r="AD2597" s="2"/>
      <c r="AE2597" s="1"/>
    </row>
    <row r="2598" spans="1:31" ht="14.45">
      <c r="A2598" s="11"/>
      <c r="B2598" s="20"/>
      <c r="C2598" s="2" t="s">
        <v>8247</v>
      </c>
      <c r="D2598" s="14" t="s">
        <v>8248</v>
      </c>
      <c r="E2598" s="2" t="s">
        <v>8249</v>
      </c>
      <c r="F2598" s="2" t="s">
        <v>1847</v>
      </c>
      <c r="G2598" s="8">
        <v>105</v>
      </c>
      <c r="H2598" s="5">
        <v>13</v>
      </c>
      <c r="I2598" s="5" t="s">
        <v>1518</v>
      </c>
      <c r="J2598" s="5" t="s">
        <v>1519</v>
      </c>
      <c r="K2598" s="2" t="s">
        <v>1520</v>
      </c>
      <c r="L2598" s="5" t="s">
        <v>1519</v>
      </c>
      <c r="M2598" s="2" t="s">
        <v>1520</v>
      </c>
      <c r="N2598" s="5" t="s">
        <v>1521</v>
      </c>
      <c r="O2598" s="5" t="s">
        <v>38</v>
      </c>
      <c r="P2598" s="5" t="s">
        <v>39</v>
      </c>
      <c r="Q2598" s="5" t="s">
        <v>40</v>
      </c>
      <c r="R2598" s="5" t="s">
        <v>1522</v>
      </c>
      <c r="S2598" s="5" t="s">
        <v>1523</v>
      </c>
      <c r="T2598" s="5" t="s">
        <v>42</v>
      </c>
      <c r="U2598" s="2">
        <v>1.2849999999999999</v>
      </c>
      <c r="V2598" s="2">
        <v>0.97499999999999998</v>
      </c>
      <c r="W2598" s="2">
        <v>7.0000000000000001E-3</v>
      </c>
      <c r="X2598" s="2">
        <v>82.9</v>
      </c>
      <c r="Y2598" s="2">
        <v>7.6</v>
      </c>
      <c r="Z2598" s="2">
        <v>10.6</v>
      </c>
      <c r="AA2598" s="5"/>
      <c r="AB2598" s="5" t="s">
        <v>43</v>
      </c>
      <c r="AC2598" s="5" t="s">
        <v>44</v>
      </c>
      <c r="AD2598" s="2"/>
      <c r="AE2598" s="1"/>
    </row>
    <row r="2599" spans="1:31" ht="14.45">
      <c r="A2599" s="11"/>
      <c r="B2599" s="20"/>
      <c r="C2599" s="2" t="s">
        <v>8250</v>
      </c>
      <c r="D2599" s="14" t="s">
        <v>8251</v>
      </c>
      <c r="E2599" s="2" t="s">
        <v>8252</v>
      </c>
      <c r="F2599" s="2" t="s">
        <v>1851</v>
      </c>
      <c r="G2599" s="8">
        <v>105</v>
      </c>
      <c r="H2599" s="5">
        <v>13</v>
      </c>
      <c r="I2599" s="5" t="s">
        <v>1518</v>
      </c>
      <c r="J2599" s="5" t="s">
        <v>1519</v>
      </c>
      <c r="K2599" s="2" t="s">
        <v>1520</v>
      </c>
      <c r="L2599" s="5" t="s">
        <v>1519</v>
      </c>
      <c r="M2599" s="2" t="s">
        <v>1520</v>
      </c>
      <c r="N2599" s="5" t="s">
        <v>1521</v>
      </c>
      <c r="O2599" s="5" t="s">
        <v>38</v>
      </c>
      <c r="P2599" s="5" t="s">
        <v>39</v>
      </c>
      <c r="Q2599" s="5" t="s">
        <v>40</v>
      </c>
      <c r="R2599" s="5" t="s">
        <v>1522</v>
      </c>
      <c r="S2599" s="5" t="s">
        <v>1523</v>
      </c>
      <c r="T2599" s="5" t="s">
        <v>42</v>
      </c>
      <c r="U2599" s="2">
        <v>1.256</v>
      </c>
      <c r="V2599" s="2">
        <v>0.94599999999999995</v>
      </c>
      <c r="W2599" s="2">
        <v>7.0000000000000001E-3</v>
      </c>
      <c r="X2599" s="2">
        <v>82.9</v>
      </c>
      <c r="Y2599" s="2">
        <v>7.6</v>
      </c>
      <c r="Z2599" s="2">
        <v>10.6</v>
      </c>
      <c r="AA2599" s="5"/>
      <c r="AB2599" s="5" t="s">
        <v>43</v>
      </c>
      <c r="AC2599" s="5" t="s">
        <v>44</v>
      </c>
      <c r="AD2599" s="2"/>
      <c r="AE2599" s="1"/>
    </row>
    <row r="2600" spans="1:31" ht="14.45">
      <c r="A2600" s="11"/>
      <c r="B2600" s="20"/>
      <c r="C2600" s="2" t="s">
        <v>8253</v>
      </c>
      <c r="D2600" s="14" t="s">
        <v>8254</v>
      </c>
      <c r="E2600" s="2" t="s">
        <v>8255</v>
      </c>
      <c r="F2600" s="2" t="s">
        <v>1999</v>
      </c>
      <c r="G2600" s="8">
        <v>105</v>
      </c>
      <c r="H2600" s="5">
        <v>13</v>
      </c>
      <c r="I2600" s="5" t="s">
        <v>1518</v>
      </c>
      <c r="J2600" s="5" t="s">
        <v>1519</v>
      </c>
      <c r="K2600" s="2" t="s">
        <v>1520</v>
      </c>
      <c r="L2600" s="5" t="s">
        <v>1519</v>
      </c>
      <c r="M2600" s="2" t="s">
        <v>1520</v>
      </c>
      <c r="N2600" s="5" t="s">
        <v>1521</v>
      </c>
      <c r="O2600" s="5" t="s">
        <v>38</v>
      </c>
      <c r="P2600" s="5" t="s">
        <v>39</v>
      </c>
      <c r="Q2600" s="5" t="s">
        <v>40</v>
      </c>
      <c r="R2600" s="5" t="s">
        <v>1522</v>
      </c>
      <c r="S2600" s="5" t="s">
        <v>1523</v>
      </c>
      <c r="T2600" s="5" t="s">
        <v>42</v>
      </c>
      <c r="U2600" s="2">
        <v>1.2849999999999999</v>
      </c>
      <c r="V2600" s="2">
        <v>0.97499999999999998</v>
      </c>
      <c r="W2600" s="2">
        <v>7.0000000000000001E-3</v>
      </c>
      <c r="X2600" s="2">
        <v>82.9</v>
      </c>
      <c r="Y2600" s="2">
        <v>7.6</v>
      </c>
      <c r="Z2600" s="2">
        <v>10.6</v>
      </c>
      <c r="AA2600" s="5"/>
      <c r="AB2600" s="5" t="s">
        <v>43</v>
      </c>
      <c r="AC2600" s="5" t="s">
        <v>44</v>
      </c>
      <c r="AD2600" s="2"/>
      <c r="AE2600" s="1"/>
    </row>
    <row r="2601" spans="1:31" ht="14.45">
      <c r="A2601" s="11"/>
      <c r="B2601" s="20"/>
      <c r="C2601" s="2" t="s">
        <v>8256</v>
      </c>
      <c r="D2601" s="14" t="s">
        <v>8257</v>
      </c>
      <c r="E2601" s="2" t="s">
        <v>8258</v>
      </c>
      <c r="F2601" s="2" t="s">
        <v>1855</v>
      </c>
      <c r="G2601" s="8">
        <v>105</v>
      </c>
      <c r="H2601" s="5">
        <v>13</v>
      </c>
      <c r="I2601" s="5" t="s">
        <v>1518</v>
      </c>
      <c r="J2601" s="5" t="s">
        <v>1519</v>
      </c>
      <c r="K2601" s="2" t="s">
        <v>1520</v>
      </c>
      <c r="L2601" s="5" t="s">
        <v>1519</v>
      </c>
      <c r="M2601" s="2" t="s">
        <v>1520</v>
      </c>
      <c r="N2601" s="5" t="s">
        <v>1521</v>
      </c>
      <c r="O2601" s="5" t="s">
        <v>38</v>
      </c>
      <c r="P2601" s="5" t="s">
        <v>39</v>
      </c>
      <c r="Q2601" s="5" t="s">
        <v>40</v>
      </c>
      <c r="R2601" s="5" t="s">
        <v>1522</v>
      </c>
      <c r="S2601" s="5" t="s">
        <v>1523</v>
      </c>
      <c r="T2601" s="5" t="s">
        <v>42</v>
      </c>
      <c r="U2601" s="2">
        <v>1.256</v>
      </c>
      <c r="V2601" s="2">
        <v>0.94599999999999995</v>
      </c>
      <c r="W2601" s="2">
        <v>7.0000000000000001E-3</v>
      </c>
      <c r="X2601" s="2">
        <v>82.9</v>
      </c>
      <c r="Y2601" s="2">
        <v>7.6</v>
      </c>
      <c r="Z2601" s="2">
        <v>10.6</v>
      </c>
      <c r="AA2601" s="5"/>
      <c r="AB2601" s="5" t="s">
        <v>43</v>
      </c>
      <c r="AC2601" s="5" t="s">
        <v>44</v>
      </c>
      <c r="AD2601" s="2"/>
      <c r="AE2601" s="1"/>
    </row>
    <row r="2602" spans="1:31" ht="14.45">
      <c r="A2602" s="11"/>
      <c r="B2602" s="20"/>
      <c r="C2602" s="2" t="s">
        <v>8259</v>
      </c>
      <c r="D2602" s="14" t="s">
        <v>8260</v>
      </c>
      <c r="E2602" s="2" t="s">
        <v>8261</v>
      </c>
      <c r="F2602" s="2" t="s">
        <v>1859</v>
      </c>
      <c r="G2602" s="8">
        <v>105</v>
      </c>
      <c r="H2602" s="5">
        <v>13</v>
      </c>
      <c r="I2602" s="5" t="s">
        <v>1518</v>
      </c>
      <c r="J2602" s="5" t="s">
        <v>1519</v>
      </c>
      <c r="K2602" s="2" t="s">
        <v>1520</v>
      </c>
      <c r="L2602" s="5" t="s">
        <v>1519</v>
      </c>
      <c r="M2602" s="2" t="s">
        <v>1520</v>
      </c>
      <c r="N2602" s="5" t="s">
        <v>1521</v>
      </c>
      <c r="O2602" s="5" t="s">
        <v>38</v>
      </c>
      <c r="P2602" s="5" t="s">
        <v>39</v>
      </c>
      <c r="Q2602" s="5" t="s">
        <v>40</v>
      </c>
      <c r="R2602" s="5" t="s">
        <v>1522</v>
      </c>
      <c r="S2602" s="5" t="s">
        <v>1523</v>
      </c>
      <c r="T2602" s="5" t="s">
        <v>42</v>
      </c>
      <c r="U2602" s="2">
        <v>1.2849999999999999</v>
      </c>
      <c r="V2602" s="2">
        <v>0.97499999999999998</v>
      </c>
      <c r="W2602" s="2">
        <v>7.0000000000000001E-3</v>
      </c>
      <c r="X2602" s="2">
        <v>82.9</v>
      </c>
      <c r="Y2602" s="2">
        <v>7.6</v>
      </c>
      <c r="Z2602" s="2">
        <v>10.6</v>
      </c>
      <c r="AA2602" s="5"/>
      <c r="AB2602" s="5" t="s">
        <v>43</v>
      </c>
      <c r="AC2602" s="5" t="s">
        <v>44</v>
      </c>
      <c r="AD2602" s="2"/>
      <c r="AE2602" s="1"/>
    </row>
    <row r="2603" spans="1:31" ht="14.45">
      <c r="A2603" s="11"/>
      <c r="B2603" s="20"/>
      <c r="C2603" s="2" t="s">
        <v>8262</v>
      </c>
      <c r="D2603" s="14" t="s">
        <v>8263</v>
      </c>
      <c r="E2603" s="2" t="s">
        <v>8264</v>
      </c>
      <c r="F2603" s="2" t="s">
        <v>1863</v>
      </c>
      <c r="G2603" s="8">
        <v>105</v>
      </c>
      <c r="H2603" s="5">
        <v>11</v>
      </c>
      <c r="I2603" s="5" t="s">
        <v>1518</v>
      </c>
      <c r="J2603" s="5" t="s">
        <v>1519</v>
      </c>
      <c r="K2603" s="2" t="s">
        <v>1520</v>
      </c>
      <c r="L2603" s="5" t="s">
        <v>1519</v>
      </c>
      <c r="M2603" s="2" t="s">
        <v>1520</v>
      </c>
      <c r="N2603" s="5" t="s">
        <v>1521</v>
      </c>
      <c r="O2603" s="5" t="s">
        <v>38</v>
      </c>
      <c r="P2603" s="5" t="s">
        <v>39</v>
      </c>
      <c r="Q2603" s="5" t="s">
        <v>40</v>
      </c>
      <c r="R2603" s="5" t="s">
        <v>1522</v>
      </c>
      <c r="S2603" s="5" t="s">
        <v>1523</v>
      </c>
      <c r="T2603" s="5" t="s">
        <v>42</v>
      </c>
      <c r="U2603" s="2">
        <v>1.2250000000000001</v>
      </c>
      <c r="V2603" s="2">
        <v>0.91300000000000003</v>
      </c>
      <c r="W2603" s="2">
        <v>7.0000000000000001E-3</v>
      </c>
      <c r="X2603" s="2">
        <v>82.9</v>
      </c>
      <c r="Y2603" s="2">
        <v>7.6</v>
      </c>
      <c r="Z2603" s="2">
        <v>10.6</v>
      </c>
      <c r="AA2603" s="5"/>
      <c r="AB2603" s="5" t="s">
        <v>43</v>
      </c>
      <c r="AC2603" s="5" t="s">
        <v>44</v>
      </c>
      <c r="AD2603" s="2"/>
      <c r="AE2603" s="1"/>
    </row>
    <row r="2604" spans="1:31" ht="14.45">
      <c r="A2604" s="11"/>
      <c r="B2604" s="20"/>
      <c r="C2604" s="2" t="s">
        <v>8265</v>
      </c>
      <c r="D2604" s="14" t="s">
        <v>8266</v>
      </c>
      <c r="E2604" s="2" t="s">
        <v>8267</v>
      </c>
      <c r="F2604" s="2" t="s">
        <v>1867</v>
      </c>
      <c r="G2604" s="8">
        <v>105</v>
      </c>
      <c r="H2604" s="5">
        <v>11</v>
      </c>
      <c r="I2604" s="5" t="s">
        <v>1518</v>
      </c>
      <c r="J2604" s="5" t="s">
        <v>1519</v>
      </c>
      <c r="K2604" s="2" t="s">
        <v>1520</v>
      </c>
      <c r="L2604" s="5" t="s">
        <v>1519</v>
      </c>
      <c r="M2604" s="2" t="s">
        <v>1520</v>
      </c>
      <c r="N2604" s="5" t="s">
        <v>1521</v>
      </c>
      <c r="O2604" s="5" t="s">
        <v>38</v>
      </c>
      <c r="P2604" s="5" t="s">
        <v>39</v>
      </c>
      <c r="Q2604" s="5" t="s">
        <v>40</v>
      </c>
      <c r="R2604" s="5" t="s">
        <v>1522</v>
      </c>
      <c r="S2604" s="5" t="s">
        <v>1523</v>
      </c>
      <c r="T2604" s="5" t="s">
        <v>42</v>
      </c>
      <c r="U2604" s="2">
        <v>1.254</v>
      </c>
      <c r="V2604" s="2">
        <v>0.94199999999999995</v>
      </c>
      <c r="W2604" s="2">
        <v>7.0000000000000001E-3</v>
      </c>
      <c r="X2604" s="2">
        <v>82.9</v>
      </c>
      <c r="Y2604" s="2">
        <v>7.6</v>
      </c>
      <c r="Z2604" s="2">
        <v>10.6</v>
      </c>
      <c r="AA2604" s="5"/>
      <c r="AB2604" s="5" t="s">
        <v>43</v>
      </c>
      <c r="AC2604" s="5" t="s">
        <v>44</v>
      </c>
      <c r="AD2604" s="2"/>
      <c r="AE2604" s="1"/>
    </row>
    <row r="2605" spans="1:31" ht="14.45">
      <c r="A2605" s="11"/>
      <c r="B2605" s="20"/>
      <c r="C2605" s="2" t="s">
        <v>8268</v>
      </c>
      <c r="D2605" s="14" t="s">
        <v>8269</v>
      </c>
      <c r="E2605" s="2" t="s">
        <v>8270</v>
      </c>
      <c r="F2605" s="2" t="s">
        <v>7396</v>
      </c>
      <c r="G2605" s="8">
        <v>101</v>
      </c>
      <c r="H2605" s="5">
        <v>5</v>
      </c>
      <c r="I2605" s="5" t="s">
        <v>1518</v>
      </c>
      <c r="J2605" s="5" t="s">
        <v>1519</v>
      </c>
      <c r="K2605" s="2" t="s">
        <v>1520</v>
      </c>
      <c r="L2605" s="5" t="s">
        <v>1519</v>
      </c>
      <c r="M2605" s="2" t="s">
        <v>1520</v>
      </c>
      <c r="N2605" s="5" t="s">
        <v>1521</v>
      </c>
      <c r="O2605" s="5" t="s">
        <v>38</v>
      </c>
      <c r="P2605" s="5" t="s">
        <v>39</v>
      </c>
      <c r="Q2605" s="5" t="s">
        <v>40</v>
      </c>
      <c r="R2605" s="5" t="s">
        <v>1522</v>
      </c>
      <c r="S2605" s="5" t="s">
        <v>1523</v>
      </c>
      <c r="T2605" s="5" t="s">
        <v>42</v>
      </c>
      <c r="U2605" s="2">
        <v>1.3879999999999999</v>
      </c>
      <c r="V2605" s="2">
        <v>1.02</v>
      </c>
      <c r="W2605" s="2">
        <v>0.01</v>
      </c>
      <c r="X2605" s="2">
        <v>118.9</v>
      </c>
      <c r="Y2605" s="2">
        <v>7.6</v>
      </c>
      <c r="Z2605" s="2">
        <v>10.6</v>
      </c>
      <c r="AA2605" s="5"/>
      <c r="AB2605" s="5" t="s">
        <v>43</v>
      </c>
      <c r="AC2605" s="5" t="s">
        <v>44</v>
      </c>
      <c r="AD2605" s="2"/>
      <c r="AE2605" s="1"/>
    </row>
    <row r="2606" spans="1:31" ht="14.45">
      <c r="A2606" s="11"/>
      <c r="B2606" s="20"/>
      <c r="C2606" s="2" t="s">
        <v>8271</v>
      </c>
      <c r="D2606" s="14" t="s">
        <v>8272</v>
      </c>
      <c r="E2606" s="2" t="s">
        <v>8273</v>
      </c>
      <c r="F2606" s="2" t="s">
        <v>7507</v>
      </c>
      <c r="G2606" s="8">
        <v>101</v>
      </c>
      <c r="H2606" s="5">
        <v>5</v>
      </c>
      <c r="I2606" s="5" t="s">
        <v>1518</v>
      </c>
      <c r="J2606" s="5" t="s">
        <v>1519</v>
      </c>
      <c r="K2606" s="2" t="s">
        <v>1520</v>
      </c>
      <c r="L2606" s="5" t="s">
        <v>1519</v>
      </c>
      <c r="M2606" s="2" t="s">
        <v>1520</v>
      </c>
      <c r="N2606" s="5" t="s">
        <v>1521</v>
      </c>
      <c r="O2606" s="5" t="s">
        <v>38</v>
      </c>
      <c r="P2606" s="5" t="s">
        <v>39</v>
      </c>
      <c r="Q2606" s="5" t="s">
        <v>40</v>
      </c>
      <c r="R2606" s="5" t="s">
        <v>1522</v>
      </c>
      <c r="S2606" s="5" t="s">
        <v>1523</v>
      </c>
      <c r="T2606" s="5" t="s">
        <v>42</v>
      </c>
      <c r="U2606" s="2">
        <v>1.421</v>
      </c>
      <c r="V2606" s="2">
        <v>1.0529999999999999</v>
      </c>
      <c r="W2606" s="2">
        <v>0.01</v>
      </c>
      <c r="X2606" s="2">
        <v>118.9</v>
      </c>
      <c r="Y2606" s="2">
        <v>7.6</v>
      </c>
      <c r="Z2606" s="2">
        <v>10.6</v>
      </c>
      <c r="AA2606" s="5"/>
      <c r="AB2606" s="5" t="s">
        <v>43</v>
      </c>
      <c r="AC2606" s="5" t="s">
        <v>44</v>
      </c>
      <c r="AD2606" s="2"/>
      <c r="AE2606" s="1"/>
    </row>
    <row r="2607" spans="1:31" ht="14.45">
      <c r="A2607" s="11"/>
      <c r="B2607" s="20"/>
      <c r="C2607" s="2" t="s">
        <v>8274</v>
      </c>
      <c r="D2607" s="14" t="s">
        <v>8275</v>
      </c>
      <c r="E2607" s="2" t="s">
        <v>8276</v>
      </c>
      <c r="F2607" s="2" t="s">
        <v>7204</v>
      </c>
      <c r="G2607" s="8">
        <v>101</v>
      </c>
      <c r="H2607" s="5">
        <v>5</v>
      </c>
      <c r="I2607" s="5" t="s">
        <v>1518</v>
      </c>
      <c r="J2607" s="5" t="s">
        <v>1519</v>
      </c>
      <c r="K2607" s="2" t="s">
        <v>1520</v>
      </c>
      <c r="L2607" s="5" t="s">
        <v>1519</v>
      </c>
      <c r="M2607" s="2" t="s">
        <v>1520</v>
      </c>
      <c r="N2607" s="5" t="s">
        <v>1521</v>
      </c>
      <c r="O2607" s="5" t="s">
        <v>38</v>
      </c>
      <c r="P2607" s="5" t="s">
        <v>39</v>
      </c>
      <c r="Q2607" s="5" t="s">
        <v>40</v>
      </c>
      <c r="R2607" s="5" t="s">
        <v>1522</v>
      </c>
      <c r="S2607" s="5" t="s">
        <v>1523</v>
      </c>
      <c r="T2607" s="5" t="s">
        <v>42</v>
      </c>
      <c r="U2607" s="2">
        <v>1.391</v>
      </c>
      <c r="V2607" s="2">
        <v>1.0229999999999999</v>
      </c>
      <c r="W2607" s="2">
        <v>0.01</v>
      </c>
      <c r="X2607" s="2">
        <v>118.9</v>
      </c>
      <c r="Y2607" s="2">
        <v>7.6</v>
      </c>
      <c r="Z2607" s="2">
        <v>10.6</v>
      </c>
      <c r="AA2607" s="5"/>
      <c r="AB2607" s="5" t="s">
        <v>43</v>
      </c>
      <c r="AC2607" s="5" t="s">
        <v>44</v>
      </c>
      <c r="AD2607" s="2"/>
      <c r="AE2607" s="1"/>
    </row>
    <row r="2608" spans="1:31" ht="14.45">
      <c r="A2608" s="11"/>
      <c r="B2608" s="20"/>
      <c r="C2608" s="2" t="s">
        <v>8277</v>
      </c>
      <c r="D2608" s="14" t="s">
        <v>8278</v>
      </c>
      <c r="E2608" s="2" t="s">
        <v>8279</v>
      </c>
      <c r="F2608" s="2" t="s">
        <v>7514</v>
      </c>
      <c r="G2608" s="8">
        <v>101</v>
      </c>
      <c r="H2608" s="5">
        <v>5</v>
      </c>
      <c r="I2608" s="5" t="s">
        <v>1518</v>
      </c>
      <c r="J2608" s="5" t="s">
        <v>1519</v>
      </c>
      <c r="K2608" s="2" t="s">
        <v>1520</v>
      </c>
      <c r="L2608" s="5" t="s">
        <v>1519</v>
      </c>
      <c r="M2608" s="2" t="s">
        <v>1520</v>
      </c>
      <c r="N2608" s="5" t="s">
        <v>1521</v>
      </c>
      <c r="O2608" s="5" t="s">
        <v>38</v>
      </c>
      <c r="P2608" s="5" t="s">
        <v>39</v>
      </c>
      <c r="Q2608" s="5" t="s">
        <v>40</v>
      </c>
      <c r="R2608" s="5" t="s">
        <v>1522</v>
      </c>
      <c r="S2608" s="5" t="s">
        <v>1523</v>
      </c>
      <c r="T2608" s="5" t="s">
        <v>42</v>
      </c>
      <c r="U2608" s="2">
        <v>1.4239999999999999</v>
      </c>
      <c r="V2608" s="2">
        <v>1.056</v>
      </c>
      <c r="W2608" s="2">
        <v>0.01</v>
      </c>
      <c r="X2608" s="2">
        <v>118.9</v>
      </c>
      <c r="Y2608" s="2">
        <v>7.6</v>
      </c>
      <c r="Z2608" s="2">
        <v>10.6</v>
      </c>
      <c r="AA2608" s="5"/>
      <c r="AB2608" s="5" t="s">
        <v>43</v>
      </c>
      <c r="AC2608" s="5" t="s">
        <v>44</v>
      </c>
      <c r="AD2608" s="2"/>
      <c r="AE2608" s="1"/>
    </row>
    <row r="2609" spans="1:31" ht="14.45">
      <c r="A2609" s="11"/>
      <c r="B2609" s="20"/>
      <c r="C2609" s="2" t="s">
        <v>8280</v>
      </c>
      <c r="D2609" s="14" t="s">
        <v>8281</v>
      </c>
      <c r="E2609" s="2" t="s">
        <v>8282</v>
      </c>
      <c r="F2609" s="2" t="s">
        <v>7208</v>
      </c>
      <c r="G2609" s="8">
        <v>101</v>
      </c>
      <c r="H2609" s="5">
        <v>5</v>
      </c>
      <c r="I2609" s="5" t="s">
        <v>1518</v>
      </c>
      <c r="J2609" s="5" t="s">
        <v>1519</v>
      </c>
      <c r="K2609" s="2" t="s">
        <v>1520</v>
      </c>
      <c r="L2609" s="5" t="s">
        <v>1519</v>
      </c>
      <c r="M2609" s="2" t="s">
        <v>1520</v>
      </c>
      <c r="N2609" s="5" t="s">
        <v>1521</v>
      </c>
      <c r="O2609" s="5" t="s">
        <v>38</v>
      </c>
      <c r="P2609" s="5" t="s">
        <v>39</v>
      </c>
      <c r="Q2609" s="5" t="s">
        <v>40</v>
      </c>
      <c r="R2609" s="5" t="s">
        <v>1522</v>
      </c>
      <c r="S2609" s="5" t="s">
        <v>1523</v>
      </c>
      <c r="T2609" s="5" t="s">
        <v>42</v>
      </c>
      <c r="U2609" s="2">
        <v>1.391</v>
      </c>
      <c r="V2609" s="2">
        <v>1.0229999999999999</v>
      </c>
      <c r="W2609" s="2">
        <v>0.01</v>
      </c>
      <c r="X2609" s="2">
        <v>118.9</v>
      </c>
      <c r="Y2609" s="2">
        <v>7.6</v>
      </c>
      <c r="Z2609" s="2">
        <v>10.6</v>
      </c>
      <c r="AA2609" s="5"/>
      <c r="AB2609" s="5" t="s">
        <v>43</v>
      </c>
      <c r="AC2609" s="5" t="s">
        <v>44</v>
      </c>
      <c r="AD2609" s="2"/>
      <c r="AE2609" s="1"/>
    </row>
    <row r="2610" spans="1:31" ht="14.45">
      <c r="A2610" s="11"/>
      <c r="B2610" s="20"/>
      <c r="C2610" s="2" t="s">
        <v>8283</v>
      </c>
      <c r="D2610" s="14" t="s">
        <v>8284</v>
      </c>
      <c r="E2610" s="2" t="s">
        <v>8285</v>
      </c>
      <c r="F2610" s="2" t="s">
        <v>7521</v>
      </c>
      <c r="G2610" s="8">
        <v>101</v>
      </c>
      <c r="H2610" s="5">
        <v>5</v>
      </c>
      <c r="I2610" s="5" t="s">
        <v>1518</v>
      </c>
      <c r="J2610" s="5" t="s">
        <v>1519</v>
      </c>
      <c r="K2610" s="2" t="s">
        <v>1520</v>
      </c>
      <c r="L2610" s="5" t="s">
        <v>1519</v>
      </c>
      <c r="M2610" s="2" t="s">
        <v>1520</v>
      </c>
      <c r="N2610" s="5" t="s">
        <v>1521</v>
      </c>
      <c r="O2610" s="5" t="s">
        <v>38</v>
      </c>
      <c r="P2610" s="5" t="s">
        <v>39</v>
      </c>
      <c r="Q2610" s="5" t="s">
        <v>40</v>
      </c>
      <c r="R2610" s="5" t="s">
        <v>1522</v>
      </c>
      <c r="S2610" s="5" t="s">
        <v>1523</v>
      </c>
      <c r="T2610" s="5" t="s">
        <v>42</v>
      </c>
      <c r="U2610" s="2">
        <v>1.4239999999999999</v>
      </c>
      <c r="V2610" s="2">
        <v>1.056</v>
      </c>
      <c r="W2610" s="2">
        <v>0.01</v>
      </c>
      <c r="X2610" s="2">
        <v>118.9</v>
      </c>
      <c r="Y2610" s="2">
        <v>7.6</v>
      </c>
      <c r="Z2610" s="2">
        <v>10.6</v>
      </c>
      <c r="AA2610" s="5"/>
      <c r="AB2610" s="5" t="s">
        <v>43</v>
      </c>
      <c r="AC2610" s="5" t="s">
        <v>44</v>
      </c>
      <c r="AD2610" s="2"/>
      <c r="AE2610" s="1"/>
    </row>
    <row r="2611" spans="1:31" ht="14.45">
      <c r="A2611" s="11"/>
      <c r="B2611" s="20"/>
      <c r="C2611" s="2" t="s">
        <v>8286</v>
      </c>
      <c r="D2611" s="14" t="s">
        <v>8287</v>
      </c>
      <c r="E2611" s="2" t="s">
        <v>8288</v>
      </c>
      <c r="F2611" s="2" t="s">
        <v>7212</v>
      </c>
      <c r="G2611" s="8">
        <v>101</v>
      </c>
      <c r="H2611" s="5">
        <v>5</v>
      </c>
      <c r="I2611" s="5" t="s">
        <v>1518</v>
      </c>
      <c r="J2611" s="5" t="s">
        <v>1519</v>
      </c>
      <c r="K2611" s="2" t="s">
        <v>1520</v>
      </c>
      <c r="L2611" s="5" t="s">
        <v>1519</v>
      </c>
      <c r="M2611" s="2" t="s">
        <v>1520</v>
      </c>
      <c r="N2611" s="5" t="s">
        <v>1521</v>
      </c>
      <c r="O2611" s="5" t="s">
        <v>38</v>
      </c>
      <c r="P2611" s="5" t="s">
        <v>39</v>
      </c>
      <c r="Q2611" s="5" t="s">
        <v>40</v>
      </c>
      <c r="R2611" s="5" t="s">
        <v>1522</v>
      </c>
      <c r="S2611" s="5" t="s">
        <v>1523</v>
      </c>
      <c r="T2611" s="5" t="s">
        <v>42</v>
      </c>
      <c r="U2611" s="2">
        <v>1.379</v>
      </c>
      <c r="V2611" s="2">
        <v>1.0109999999999999</v>
      </c>
      <c r="W2611" s="2">
        <v>0.01</v>
      </c>
      <c r="X2611" s="2">
        <v>118.9</v>
      </c>
      <c r="Y2611" s="2">
        <v>7.6</v>
      </c>
      <c r="Z2611" s="2">
        <v>10.6</v>
      </c>
      <c r="AA2611" s="5"/>
      <c r="AB2611" s="5" t="s">
        <v>43</v>
      </c>
      <c r="AC2611" s="5" t="s">
        <v>44</v>
      </c>
      <c r="AD2611" s="2"/>
      <c r="AE2611" s="1"/>
    </row>
    <row r="2612" spans="1:31" ht="14.45">
      <c r="A2612" s="11"/>
      <c r="B2612" s="20"/>
      <c r="C2612" s="2" t="s">
        <v>8289</v>
      </c>
      <c r="D2612" s="14" t="s">
        <v>8290</v>
      </c>
      <c r="E2612" s="2" t="s">
        <v>8291</v>
      </c>
      <c r="F2612" s="2" t="s">
        <v>7528</v>
      </c>
      <c r="G2612" s="8">
        <v>101</v>
      </c>
      <c r="H2612" s="5">
        <v>5</v>
      </c>
      <c r="I2612" s="5" t="s">
        <v>1518</v>
      </c>
      <c r="J2612" s="5" t="s">
        <v>1519</v>
      </c>
      <c r="K2612" s="2" t="s">
        <v>1520</v>
      </c>
      <c r="L2612" s="5" t="s">
        <v>1519</v>
      </c>
      <c r="M2612" s="2" t="s">
        <v>1520</v>
      </c>
      <c r="N2612" s="5" t="s">
        <v>1521</v>
      </c>
      <c r="O2612" s="5" t="s">
        <v>38</v>
      </c>
      <c r="P2612" s="5" t="s">
        <v>39</v>
      </c>
      <c r="Q2612" s="5" t="s">
        <v>40</v>
      </c>
      <c r="R2612" s="5" t="s">
        <v>1522</v>
      </c>
      <c r="S2612" s="5" t="s">
        <v>1523</v>
      </c>
      <c r="T2612" s="5" t="s">
        <v>42</v>
      </c>
      <c r="U2612" s="2">
        <v>1.4119999999999999</v>
      </c>
      <c r="V2612" s="2">
        <v>1.044</v>
      </c>
      <c r="W2612" s="2">
        <v>0.01</v>
      </c>
      <c r="X2612" s="2">
        <v>118.9</v>
      </c>
      <c r="Y2612" s="2">
        <v>7.6</v>
      </c>
      <c r="Z2612" s="2">
        <v>10.6</v>
      </c>
      <c r="AA2612" s="5"/>
      <c r="AB2612" s="5" t="s">
        <v>43</v>
      </c>
      <c r="AC2612" s="5" t="s">
        <v>44</v>
      </c>
      <c r="AD2612" s="2"/>
      <c r="AE2612" s="1"/>
    </row>
    <row r="2613" spans="1:31" ht="14.45">
      <c r="A2613" s="11"/>
      <c r="B2613" s="20"/>
      <c r="C2613" s="2" t="s">
        <v>8292</v>
      </c>
      <c r="D2613" s="14" t="s">
        <v>8293</v>
      </c>
      <c r="E2613" s="2" t="s">
        <v>8294</v>
      </c>
      <c r="F2613" s="2" t="s">
        <v>7406</v>
      </c>
      <c r="G2613" s="8">
        <v>117</v>
      </c>
      <c r="H2613" s="5">
        <v>6</v>
      </c>
      <c r="I2613" s="5" t="s">
        <v>1518</v>
      </c>
      <c r="J2613" s="5" t="s">
        <v>1519</v>
      </c>
      <c r="K2613" s="2" t="s">
        <v>1520</v>
      </c>
      <c r="L2613" s="5" t="s">
        <v>1519</v>
      </c>
      <c r="M2613" s="2" t="s">
        <v>1520</v>
      </c>
      <c r="N2613" s="5" t="s">
        <v>1521</v>
      </c>
      <c r="O2613" s="5" t="s">
        <v>38</v>
      </c>
      <c r="P2613" s="5" t="s">
        <v>39</v>
      </c>
      <c r="Q2613" s="5" t="s">
        <v>40</v>
      </c>
      <c r="R2613" s="5" t="s">
        <v>1522</v>
      </c>
      <c r="S2613" s="5" t="s">
        <v>1523</v>
      </c>
      <c r="T2613" s="5" t="s">
        <v>42</v>
      </c>
      <c r="U2613" s="2">
        <v>1.379</v>
      </c>
      <c r="V2613" s="2">
        <v>1.0109999999999999</v>
      </c>
      <c r="W2613" s="2">
        <v>0.01</v>
      </c>
      <c r="X2613" s="2">
        <v>118.9</v>
      </c>
      <c r="Y2613" s="2">
        <v>7.6</v>
      </c>
      <c r="Z2613" s="2">
        <v>10.6</v>
      </c>
      <c r="AA2613" s="5"/>
      <c r="AB2613" s="5" t="s">
        <v>43</v>
      </c>
      <c r="AC2613" s="5" t="s">
        <v>44</v>
      </c>
      <c r="AD2613" s="2"/>
      <c r="AE2613" s="1"/>
    </row>
    <row r="2614" spans="1:31" ht="14.45">
      <c r="A2614" s="11"/>
      <c r="B2614" s="20"/>
      <c r="C2614" s="2" t="s">
        <v>8295</v>
      </c>
      <c r="D2614" s="14" t="s">
        <v>8296</v>
      </c>
      <c r="E2614" s="2" t="s">
        <v>8297</v>
      </c>
      <c r="F2614" s="2" t="s">
        <v>7535</v>
      </c>
      <c r="G2614" s="8">
        <v>117</v>
      </c>
      <c r="H2614" s="5">
        <v>6</v>
      </c>
      <c r="I2614" s="5" t="s">
        <v>1518</v>
      </c>
      <c r="J2614" s="5" t="s">
        <v>1519</v>
      </c>
      <c r="K2614" s="2" t="s">
        <v>1520</v>
      </c>
      <c r="L2614" s="5" t="s">
        <v>1519</v>
      </c>
      <c r="M2614" s="2" t="s">
        <v>1520</v>
      </c>
      <c r="N2614" s="5" t="s">
        <v>1521</v>
      </c>
      <c r="O2614" s="5" t="s">
        <v>38</v>
      </c>
      <c r="P2614" s="5" t="s">
        <v>39</v>
      </c>
      <c r="Q2614" s="5" t="s">
        <v>40</v>
      </c>
      <c r="R2614" s="5" t="s">
        <v>1522</v>
      </c>
      <c r="S2614" s="5" t="s">
        <v>1523</v>
      </c>
      <c r="T2614" s="5" t="s">
        <v>42</v>
      </c>
      <c r="U2614" s="2">
        <v>1.4119999999999999</v>
      </c>
      <c r="V2614" s="2">
        <v>1.044</v>
      </c>
      <c r="W2614" s="2">
        <v>0.01</v>
      </c>
      <c r="X2614" s="2">
        <v>118.9</v>
      </c>
      <c r="Y2614" s="2">
        <v>7.6</v>
      </c>
      <c r="Z2614" s="2">
        <v>10.6</v>
      </c>
      <c r="AA2614" s="5"/>
      <c r="AB2614" s="5" t="s">
        <v>43</v>
      </c>
      <c r="AC2614" s="5" t="s">
        <v>44</v>
      </c>
      <c r="AD2614" s="2"/>
      <c r="AE2614" s="1"/>
    </row>
    <row r="2615" spans="1:31" ht="14.45">
      <c r="A2615" s="11"/>
      <c r="B2615" s="20"/>
      <c r="C2615" s="2" t="s">
        <v>8298</v>
      </c>
      <c r="D2615" s="14" t="s">
        <v>8299</v>
      </c>
      <c r="E2615" s="2" t="s">
        <v>8300</v>
      </c>
      <c r="F2615" s="2" t="s">
        <v>7539</v>
      </c>
      <c r="G2615" s="8">
        <v>117</v>
      </c>
      <c r="H2615" s="5">
        <v>6</v>
      </c>
      <c r="I2615" s="5" t="s">
        <v>1518</v>
      </c>
      <c r="J2615" s="5" t="s">
        <v>1519</v>
      </c>
      <c r="K2615" s="2" t="s">
        <v>1520</v>
      </c>
      <c r="L2615" s="5" t="s">
        <v>1519</v>
      </c>
      <c r="M2615" s="2" t="s">
        <v>1520</v>
      </c>
      <c r="N2615" s="5" t="s">
        <v>1521</v>
      </c>
      <c r="O2615" s="5" t="s">
        <v>38</v>
      </c>
      <c r="P2615" s="5" t="s">
        <v>39</v>
      </c>
      <c r="Q2615" s="5" t="s">
        <v>40</v>
      </c>
      <c r="R2615" s="5" t="s">
        <v>1522</v>
      </c>
      <c r="S2615" s="5" t="s">
        <v>1523</v>
      </c>
      <c r="T2615" s="5" t="s">
        <v>42</v>
      </c>
      <c r="U2615" s="2">
        <v>1.391</v>
      </c>
      <c r="V2615" s="2">
        <v>1.0229999999999999</v>
      </c>
      <c r="W2615" s="2">
        <v>0.01</v>
      </c>
      <c r="X2615" s="2">
        <v>118.9</v>
      </c>
      <c r="Y2615" s="2">
        <v>7.6</v>
      </c>
      <c r="Z2615" s="2">
        <v>10.6</v>
      </c>
      <c r="AA2615" s="5"/>
      <c r="AB2615" s="5" t="s">
        <v>43</v>
      </c>
      <c r="AC2615" s="5" t="s">
        <v>44</v>
      </c>
      <c r="AD2615" s="2"/>
      <c r="AE2615" s="1"/>
    </row>
    <row r="2616" spans="1:31" ht="14.45">
      <c r="A2616" s="11"/>
      <c r="B2616" s="20"/>
      <c r="C2616" s="2" t="s">
        <v>8301</v>
      </c>
      <c r="D2616" s="14" t="s">
        <v>8302</v>
      </c>
      <c r="E2616" s="2" t="s">
        <v>8303</v>
      </c>
      <c r="F2616" s="2" t="s">
        <v>7543</v>
      </c>
      <c r="G2616" s="8">
        <v>117</v>
      </c>
      <c r="H2616" s="5">
        <v>6</v>
      </c>
      <c r="I2616" s="5" t="s">
        <v>1518</v>
      </c>
      <c r="J2616" s="5" t="s">
        <v>1519</v>
      </c>
      <c r="K2616" s="2" t="s">
        <v>1520</v>
      </c>
      <c r="L2616" s="5" t="s">
        <v>1519</v>
      </c>
      <c r="M2616" s="2" t="s">
        <v>1520</v>
      </c>
      <c r="N2616" s="5" t="s">
        <v>1521</v>
      </c>
      <c r="O2616" s="5" t="s">
        <v>38</v>
      </c>
      <c r="P2616" s="5" t="s">
        <v>39</v>
      </c>
      <c r="Q2616" s="5" t="s">
        <v>40</v>
      </c>
      <c r="R2616" s="5" t="s">
        <v>1522</v>
      </c>
      <c r="S2616" s="5" t="s">
        <v>1523</v>
      </c>
      <c r="T2616" s="5" t="s">
        <v>42</v>
      </c>
      <c r="U2616" s="2">
        <v>1.4239999999999999</v>
      </c>
      <c r="V2616" s="2">
        <v>1.056</v>
      </c>
      <c r="W2616" s="2">
        <v>0.01</v>
      </c>
      <c r="X2616" s="2">
        <v>118.9</v>
      </c>
      <c r="Y2616" s="2">
        <v>7.6</v>
      </c>
      <c r="Z2616" s="2">
        <v>10.6</v>
      </c>
      <c r="AA2616" s="5"/>
      <c r="AB2616" s="5" t="s">
        <v>43</v>
      </c>
      <c r="AC2616" s="5" t="s">
        <v>44</v>
      </c>
      <c r="AD2616" s="2"/>
      <c r="AE2616" s="1"/>
    </row>
    <row r="2617" spans="1:31" ht="14.45">
      <c r="A2617" s="11"/>
      <c r="B2617" s="20"/>
      <c r="C2617" s="2" t="s">
        <v>8304</v>
      </c>
      <c r="D2617" s="14" t="s">
        <v>8305</v>
      </c>
      <c r="E2617" s="2" t="s">
        <v>8306</v>
      </c>
      <c r="F2617" s="2" t="s">
        <v>7547</v>
      </c>
      <c r="G2617" s="8">
        <v>117</v>
      </c>
      <c r="H2617" s="5">
        <v>6</v>
      </c>
      <c r="I2617" s="5" t="s">
        <v>1518</v>
      </c>
      <c r="J2617" s="5" t="s">
        <v>1519</v>
      </c>
      <c r="K2617" s="2" t="s">
        <v>1520</v>
      </c>
      <c r="L2617" s="5" t="s">
        <v>1519</v>
      </c>
      <c r="M2617" s="2" t="s">
        <v>1520</v>
      </c>
      <c r="N2617" s="5" t="s">
        <v>1521</v>
      </c>
      <c r="O2617" s="5" t="s">
        <v>38</v>
      </c>
      <c r="P2617" s="5" t="s">
        <v>39</v>
      </c>
      <c r="Q2617" s="5" t="s">
        <v>40</v>
      </c>
      <c r="R2617" s="5" t="s">
        <v>1522</v>
      </c>
      <c r="S2617" s="5" t="s">
        <v>1523</v>
      </c>
      <c r="T2617" s="5" t="s">
        <v>42</v>
      </c>
      <c r="U2617" s="2">
        <v>1.379</v>
      </c>
      <c r="V2617" s="2">
        <v>1.0109999999999999</v>
      </c>
      <c r="W2617" s="2">
        <v>0.01</v>
      </c>
      <c r="X2617" s="2">
        <v>118.9</v>
      </c>
      <c r="Y2617" s="2">
        <v>7.6</v>
      </c>
      <c r="Z2617" s="2">
        <v>10.6</v>
      </c>
      <c r="AA2617" s="5"/>
      <c r="AB2617" s="5" t="s">
        <v>43</v>
      </c>
      <c r="AC2617" s="5" t="s">
        <v>44</v>
      </c>
      <c r="AD2617" s="2"/>
      <c r="AE2617" s="1"/>
    </row>
    <row r="2618" spans="1:31" ht="14.45">
      <c r="A2618" s="11"/>
      <c r="B2618" s="20"/>
      <c r="C2618" s="2" t="s">
        <v>8307</v>
      </c>
      <c r="D2618" s="14" t="s">
        <v>8308</v>
      </c>
      <c r="E2618" s="2" t="s">
        <v>8309</v>
      </c>
      <c r="F2618" s="2" t="s">
        <v>7551</v>
      </c>
      <c r="G2618" s="8">
        <v>117</v>
      </c>
      <c r="H2618" s="5">
        <v>6</v>
      </c>
      <c r="I2618" s="5" t="s">
        <v>1518</v>
      </c>
      <c r="J2618" s="5" t="s">
        <v>1519</v>
      </c>
      <c r="K2618" s="2" t="s">
        <v>1520</v>
      </c>
      <c r="L2618" s="5" t="s">
        <v>1519</v>
      </c>
      <c r="M2618" s="2" t="s">
        <v>1520</v>
      </c>
      <c r="N2618" s="5" t="s">
        <v>1521</v>
      </c>
      <c r="O2618" s="5" t="s">
        <v>38</v>
      </c>
      <c r="P2618" s="5" t="s">
        <v>39</v>
      </c>
      <c r="Q2618" s="5" t="s">
        <v>40</v>
      </c>
      <c r="R2618" s="5" t="s">
        <v>1522</v>
      </c>
      <c r="S2618" s="5" t="s">
        <v>1523</v>
      </c>
      <c r="T2618" s="5" t="s">
        <v>42</v>
      </c>
      <c r="U2618" s="2">
        <v>1.4119999999999999</v>
      </c>
      <c r="V2618" s="2">
        <v>1.044</v>
      </c>
      <c r="W2618" s="2">
        <v>0.01</v>
      </c>
      <c r="X2618" s="2">
        <v>118.9</v>
      </c>
      <c r="Y2618" s="2">
        <v>7.6</v>
      </c>
      <c r="Z2618" s="2">
        <v>10.6</v>
      </c>
      <c r="AA2618" s="5"/>
      <c r="AB2618" s="5" t="s">
        <v>43</v>
      </c>
      <c r="AC2618" s="5" t="s">
        <v>44</v>
      </c>
      <c r="AD2618" s="2"/>
      <c r="AE2618" s="1"/>
    </row>
    <row r="2619" spans="1:31" ht="14.45">
      <c r="A2619" s="11"/>
      <c r="B2619" s="20"/>
      <c r="C2619" s="2" t="s">
        <v>8310</v>
      </c>
      <c r="D2619" s="14" t="s">
        <v>8311</v>
      </c>
      <c r="E2619" s="2" t="s">
        <v>8312</v>
      </c>
      <c r="F2619" s="2" t="s">
        <v>7555</v>
      </c>
      <c r="G2619" s="8">
        <v>117</v>
      </c>
      <c r="H2619" s="5">
        <v>6</v>
      </c>
      <c r="I2619" s="5" t="s">
        <v>1518</v>
      </c>
      <c r="J2619" s="5" t="s">
        <v>1519</v>
      </c>
      <c r="K2619" s="2" t="s">
        <v>1520</v>
      </c>
      <c r="L2619" s="5" t="s">
        <v>1519</v>
      </c>
      <c r="M2619" s="2" t="s">
        <v>1520</v>
      </c>
      <c r="N2619" s="5" t="s">
        <v>1521</v>
      </c>
      <c r="O2619" s="5" t="s">
        <v>38</v>
      </c>
      <c r="P2619" s="5" t="s">
        <v>39</v>
      </c>
      <c r="Q2619" s="5" t="s">
        <v>40</v>
      </c>
      <c r="R2619" s="5" t="s">
        <v>1522</v>
      </c>
      <c r="S2619" s="5" t="s">
        <v>1523</v>
      </c>
      <c r="T2619" s="5" t="s">
        <v>42</v>
      </c>
      <c r="U2619" s="2">
        <v>1.379</v>
      </c>
      <c r="V2619" s="2">
        <v>1.0109999999999999</v>
      </c>
      <c r="W2619" s="2">
        <v>0.01</v>
      </c>
      <c r="X2619" s="2">
        <v>118.9</v>
      </c>
      <c r="Y2619" s="2">
        <v>7.6</v>
      </c>
      <c r="Z2619" s="2">
        <v>10.6</v>
      </c>
      <c r="AA2619" s="5"/>
      <c r="AB2619" s="5" t="s">
        <v>43</v>
      </c>
      <c r="AC2619" s="5" t="s">
        <v>44</v>
      </c>
      <c r="AD2619" s="2"/>
      <c r="AE2619" s="1"/>
    </row>
    <row r="2620" spans="1:31" ht="14.45">
      <c r="A2620" s="11"/>
      <c r="B2620" s="20"/>
      <c r="C2620" s="2" t="s">
        <v>8313</v>
      </c>
      <c r="D2620" s="14" t="s">
        <v>8314</v>
      </c>
      <c r="E2620" s="2" t="s">
        <v>8315</v>
      </c>
      <c r="F2620" s="2" t="s">
        <v>7559</v>
      </c>
      <c r="G2620" s="8">
        <v>117</v>
      </c>
      <c r="H2620" s="5">
        <v>6</v>
      </c>
      <c r="I2620" s="5" t="s">
        <v>1518</v>
      </c>
      <c r="J2620" s="5" t="s">
        <v>1519</v>
      </c>
      <c r="K2620" s="2" t="s">
        <v>1520</v>
      </c>
      <c r="L2620" s="5" t="s">
        <v>1519</v>
      </c>
      <c r="M2620" s="2" t="s">
        <v>1520</v>
      </c>
      <c r="N2620" s="5" t="s">
        <v>1521</v>
      </c>
      <c r="O2620" s="5" t="s">
        <v>38</v>
      </c>
      <c r="P2620" s="5" t="s">
        <v>39</v>
      </c>
      <c r="Q2620" s="5" t="s">
        <v>40</v>
      </c>
      <c r="R2620" s="5" t="s">
        <v>1522</v>
      </c>
      <c r="S2620" s="5" t="s">
        <v>1523</v>
      </c>
      <c r="T2620" s="5" t="s">
        <v>42</v>
      </c>
      <c r="U2620" s="2">
        <v>1.4119999999999999</v>
      </c>
      <c r="V2620" s="2">
        <v>1.044</v>
      </c>
      <c r="W2620" s="2">
        <v>0.01</v>
      </c>
      <c r="X2620" s="2">
        <v>118.9</v>
      </c>
      <c r="Y2620" s="2">
        <v>7.6</v>
      </c>
      <c r="Z2620" s="2">
        <v>10.6</v>
      </c>
      <c r="AA2620" s="5"/>
      <c r="AB2620" s="5" t="s">
        <v>43</v>
      </c>
      <c r="AC2620" s="5" t="s">
        <v>44</v>
      </c>
      <c r="AD2620" s="2"/>
      <c r="AE2620" s="1"/>
    </row>
    <row r="2621" spans="1:31" ht="14.45">
      <c r="A2621" s="11"/>
      <c r="B2621" s="20"/>
      <c r="C2621" s="2" t="s">
        <v>8316</v>
      </c>
      <c r="D2621" s="14" t="s">
        <v>8317</v>
      </c>
      <c r="E2621" s="2" t="s">
        <v>8318</v>
      </c>
      <c r="F2621" s="2" t="s">
        <v>7563</v>
      </c>
      <c r="G2621" s="8">
        <v>117</v>
      </c>
      <c r="H2621" s="5">
        <v>6</v>
      </c>
      <c r="I2621" s="5" t="s">
        <v>1518</v>
      </c>
      <c r="J2621" s="5" t="s">
        <v>1519</v>
      </c>
      <c r="K2621" s="2" t="s">
        <v>1520</v>
      </c>
      <c r="L2621" s="5" t="s">
        <v>1519</v>
      </c>
      <c r="M2621" s="2" t="s">
        <v>1520</v>
      </c>
      <c r="N2621" s="5" t="s">
        <v>1521</v>
      </c>
      <c r="O2621" s="5" t="s">
        <v>38</v>
      </c>
      <c r="P2621" s="5" t="s">
        <v>39</v>
      </c>
      <c r="Q2621" s="5" t="s">
        <v>40</v>
      </c>
      <c r="R2621" s="5" t="s">
        <v>1522</v>
      </c>
      <c r="S2621" s="5" t="s">
        <v>1523</v>
      </c>
      <c r="T2621" s="5" t="s">
        <v>42</v>
      </c>
      <c r="U2621" s="2">
        <v>1.391</v>
      </c>
      <c r="V2621" s="2">
        <v>1.0229999999999999</v>
      </c>
      <c r="W2621" s="2">
        <v>0.01</v>
      </c>
      <c r="X2621" s="2">
        <v>118.9</v>
      </c>
      <c r="Y2621" s="2">
        <v>7.6</v>
      </c>
      <c r="Z2621" s="2">
        <v>10.6</v>
      </c>
      <c r="AA2621" s="5"/>
      <c r="AB2621" s="5" t="s">
        <v>43</v>
      </c>
      <c r="AC2621" s="5" t="s">
        <v>44</v>
      </c>
      <c r="AD2621" s="2"/>
      <c r="AE2621" s="1"/>
    </row>
    <row r="2622" spans="1:31" ht="14.45">
      <c r="A2622" s="11"/>
      <c r="B2622" s="20"/>
      <c r="C2622" s="2" t="s">
        <v>8319</v>
      </c>
      <c r="D2622" s="14" t="s">
        <v>8320</v>
      </c>
      <c r="E2622" s="2" t="s">
        <v>8321</v>
      </c>
      <c r="F2622" s="2" t="s">
        <v>7567</v>
      </c>
      <c r="G2622" s="8">
        <v>117</v>
      </c>
      <c r="H2622" s="5">
        <v>6</v>
      </c>
      <c r="I2622" s="5" t="s">
        <v>1518</v>
      </c>
      <c r="J2622" s="5" t="s">
        <v>1519</v>
      </c>
      <c r="K2622" s="2" t="s">
        <v>1520</v>
      </c>
      <c r="L2622" s="5" t="s">
        <v>1519</v>
      </c>
      <c r="M2622" s="2" t="s">
        <v>1520</v>
      </c>
      <c r="N2622" s="5" t="s">
        <v>1521</v>
      </c>
      <c r="O2622" s="5" t="s">
        <v>38</v>
      </c>
      <c r="P2622" s="5" t="s">
        <v>39</v>
      </c>
      <c r="Q2622" s="5" t="s">
        <v>40</v>
      </c>
      <c r="R2622" s="5" t="s">
        <v>1522</v>
      </c>
      <c r="S2622" s="5" t="s">
        <v>1523</v>
      </c>
      <c r="T2622" s="5" t="s">
        <v>42</v>
      </c>
      <c r="U2622" s="2">
        <v>1.4239999999999999</v>
      </c>
      <c r="V2622" s="2">
        <v>1.056</v>
      </c>
      <c r="W2622" s="2">
        <v>0.01</v>
      </c>
      <c r="X2622" s="2">
        <v>118.9</v>
      </c>
      <c r="Y2622" s="2">
        <v>7.6</v>
      </c>
      <c r="Z2622" s="2">
        <v>10.6</v>
      </c>
      <c r="AA2622" s="5"/>
      <c r="AB2622" s="5" t="s">
        <v>43</v>
      </c>
      <c r="AC2622" s="5" t="s">
        <v>44</v>
      </c>
      <c r="AD2622" s="2"/>
      <c r="AE2622" s="1"/>
    </row>
    <row r="2623" spans="1:31" ht="14.45">
      <c r="A2623" s="11"/>
      <c r="B2623" s="20"/>
      <c r="C2623" s="2" t="s">
        <v>8322</v>
      </c>
      <c r="D2623" s="14" t="s">
        <v>8323</v>
      </c>
      <c r="E2623" s="2" t="s">
        <v>8324</v>
      </c>
      <c r="F2623" s="2" t="s">
        <v>7429</v>
      </c>
      <c r="G2623" s="8">
        <v>117</v>
      </c>
      <c r="H2623" s="5">
        <v>6</v>
      </c>
      <c r="I2623" s="5" t="s">
        <v>1518</v>
      </c>
      <c r="J2623" s="5" t="s">
        <v>1519</v>
      </c>
      <c r="K2623" s="2" t="s">
        <v>1520</v>
      </c>
      <c r="L2623" s="5" t="s">
        <v>1519</v>
      </c>
      <c r="M2623" s="2" t="s">
        <v>1520</v>
      </c>
      <c r="N2623" s="5" t="s">
        <v>1521</v>
      </c>
      <c r="O2623" s="5" t="s">
        <v>38</v>
      </c>
      <c r="P2623" s="5" t="s">
        <v>39</v>
      </c>
      <c r="Q2623" s="5" t="s">
        <v>40</v>
      </c>
      <c r="R2623" s="5" t="s">
        <v>1522</v>
      </c>
      <c r="S2623" s="5" t="s">
        <v>1523</v>
      </c>
      <c r="T2623" s="5" t="s">
        <v>42</v>
      </c>
      <c r="U2623" s="2">
        <v>1.391</v>
      </c>
      <c r="V2623" s="2">
        <v>1.0229999999999999</v>
      </c>
      <c r="W2623" s="2">
        <v>0.01</v>
      </c>
      <c r="X2623" s="2">
        <v>118.9</v>
      </c>
      <c r="Y2623" s="2">
        <v>7.6</v>
      </c>
      <c r="Z2623" s="2">
        <v>10.6</v>
      </c>
      <c r="AA2623" s="5"/>
      <c r="AB2623" s="5" t="s">
        <v>43</v>
      </c>
      <c r="AC2623" s="5" t="s">
        <v>44</v>
      </c>
      <c r="AD2623" s="2"/>
      <c r="AE2623" s="1"/>
    </row>
    <row r="2624" spans="1:31" ht="14.45">
      <c r="A2624" s="11"/>
      <c r="B2624" s="20"/>
      <c r="C2624" s="2" t="s">
        <v>8325</v>
      </c>
      <c r="D2624" s="14" t="s">
        <v>8326</v>
      </c>
      <c r="E2624" s="2" t="s">
        <v>8327</v>
      </c>
      <c r="F2624" s="2" t="s">
        <v>7574</v>
      </c>
      <c r="G2624" s="8">
        <v>117</v>
      </c>
      <c r="H2624" s="5">
        <v>6</v>
      </c>
      <c r="I2624" s="5" t="s">
        <v>1518</v>
      </c>
      <c r="J2624" s="5" t="s">
        <v>1519</v>
      </c>
      <c r="K2624" s="2" t="s">
        <v>1520</v>
      </c>
      <c r="L2624" s="5" t="s">
        <v>1519</v>
      </c>
      <c r="M2624" s="2" t="s">
        <v>1520</v>
      </c>
      <c r="N2624" s="5" t="s">
        <v>1521</v>
      </c>
      <c r="O2624" s="5" t="s">
        <v>38</v>
      </c>
      <c r="P2624" s="5" t="s">
        <v>39</v>
      </c>
      <c r="Q2624" s="5" t="s">
        <v>40</v>
      </c>
      <c r="R2624" s="5" t="s">
        <v>1522</v>
      </c>
      <c r="S2624" s="5" t="s">
        <v>1523</v>
      </c>
      <c r="T2624" s="5" t="s">
        <v>42</v>
      </c>
      <c r="U2624" s="2">
        <v>1.4239999999999999</v>
      </c>
      <c r="V2624" s="2">
        <v>1.056</v>
      </c>
      <c r="W2624" s="2">
        <v>0.01</v>
      </c>
      <c r="X2624" s="2">
        <v>118.9</v>
      </c>
      <c r="Y2624" s="2">
        <v>7.6</v>
      </c>
      <c r="Z2624" s="2">
        <v>10.6</v>
      </c>
      <c r="AA2624" s="5"/>
      <c r="AB2624" s="5" t="s">
        <v>43</v>
      </c>
      <c r="AC2624" s="5" t="s">
        <v>44</v>
      </c>
      <c r="AD2624" s="2"/>
      <c r="AE2624" s="1"/>
    </row>
    <row r="2625" spans="1:31" ht="14.45">
      <c r="A2625" s="11"/>
      <c r="B2625" s="20"/>
      <c r="C2625" s="2" t="s">
        <v>8328</v>
      </c>
      <c r="D2625" s="14" t="s">
        <v>8329</v>
      </c>
      <c r="E2625" s="2" t="s">
        <v>8330</v>
      </c>
      <c r="F2625" s="2" t="s">
        <v>7449</v>
      </c>
      <c r="G2625" s="8">
        <v>117</v>
      </c>
      <c r="H2625" s="5">
        <v>6</v>
      </c>
      <c r="I2625" s="5" t="s">
        <v>1518</v>
      </c>
      <c r="J2625" s="5" t="s">
        <v>1519</v>
      </c>
      <c r="K2625" s="2" t="s">
        <v>1520</v>
      </c>
      <c r="L2625" s="5" t="s">
        <v>1519</v>
      </c>
      <c r="M2625" s="2" t="s">
        <v>1520</v>
      </c>
      <c r="N2625" s="5" t="s">
        <v>1521</v>
      </c>
      <c r="O2625" s="5" t="s">
        <v>38</v>
      </c>
      <c r="P2625" s="5" t="s">
        <v>39</v>
      </c>
      <c r="Q2625" s="5" t="s">
        <v>40</v>
      </c>
      <c r="R2625" s="5" t="s">
        <v>1522</v>
      </c>
      <c r="S2625" s="5" t="s">
        <v>1523</v>
      </c>
      <c r="T2625" s="5" t="s">
        <v>42</v>
      </c>
      <c r="U2625" s="2">
        <v>1.391</v>
      </c>
      <c r="V2625" s="2">
        <v>1.0229999999999999</v>
      </c>
      <c r="W2625" s="2">
        <v>0.01</v>
      </c>
      <c r="X2625" s="2">
        <v>118.9</v>
      </c>
      <c r="Y2625" s="2">
        <v>7.6</v>
      </c>
      <c r="Z2625" s="2">
        <v>10.6</v>
      </c>
      <c r="AA2625" s="5"/>
      <c r="AB2625" s="5" t="s">
        <v>43</v>
      </c>
      <c r="AC2625" s="5" t="s">
        <v>44</v>
      </c>
      <c r="AD2625" s="2"/>
      <c r="AE2625" s="1"/>
    </row>
    <row r="2626" spans="1:31" ht="14.45">
      <c r="A2626" s="11"/>
      <c r="B2626" s="20"/>
      <c r="C2626" s="2" t="s">
        <v>8331</v>
      </c>
      <c r="D2626" s="14" t="s">
        <v>8332</v>
      </c>
      <c r="E2626" s="2" t="s">
        <v>8333</v>
      </c>
      <c r="F2626" s="2" t="s">
        <v>7581</v>
      </c>
      <c r="G2626" s="8">
        <v>117</v>
      </c>
      <c r="H2626" s="5">
        <v>6</v>
      </c>
      <c r="I2626" s="5" t="s">
        <v>1518</v>
      </c>
      <c r="J2626" s="5" t="s">
        <v>1519</v>
      </c>
      <c r="K2626" s="2" t="s">
        <v>1520</v>
      </c>
      <c r="L2626" s="5" t="s">
        <v>1519</v>
      </c>
      <c r="M2626" s="2" t="s">
        <v>1520</v>
      </c>
      <c r="N2626" s="5" t="s">
        <v>1521</v>
      </c>
      <c r="O2626" s="5" t="s">
        <v>38</v>
      </c>
      <c r="P2626" s="5" t="s">
        <v>39</v>
      </c>
      <c r="Q2626" s="5" t="s">
        <v>40</v>
      </c>
      <c r="R2626" s="5" t="s">
        <v>1522</v>
      </c>
      <c r="S2626" s="5" t="s">
        <v>1523</v>
      </c>
      <c r="T2626" s="5" t="s">
        <v>42</v>
      </c>
      <c r="U2626" s="2">
        <v>1.4239999999999999</v>
      </c>
      <c r="V2626" s="2">
        <v>1.056</v>
      </c>
      <c r="W2626" s="2">
        <v>0.01</v>
      </c>
      <c r="X2626" s="2">
        <v>118.9</v>
      </c>
      <c r="Y2626" s="2">
        <v>7.6</v>
      </c>
      <c r="Z2626" s="2">
        <v>10.6</v>
      </c>
      <c r="AA2626" s="5"/>
      <c r="AB2626" s="5" t="s">
        <v>43</v>
      </c>
      <c r="AC2626" s="5" t="s">
        <v>44</v>
      </c>
      <c r="AD2626" s="2"/>
      <c r="AE2626" s="1"/>
    </row>
    <row r="2627" spans="1:31" ht="14.45">
      <c r="A2627" s="11"/>
      <c r="B2627" s="20"/>
      <c r="C2627" s="2" t="s">
        <v>8334</v>
      </c>
      <c r="D2627" s="14" t="s">
        <v>8335</v>
      </c>
      <c r="E2627" s="2" t="s">
        <v>8336</v>
      </c>
      <c r="F2627" s="2" t="s">
        <v>7585</v>
      </c>
      <c r="G2627" s="8">
        <v>117</v>
      </c>
      <c r="H2627" s="5">
        <v>6</v>
      </c>
      <c r="I2627" s="5" t="s">
        <v>1518</v>
      </c>
      <c r="J2627" s="5" t="s">
        <v>1519</v>
      </c>
      <c r="K2627" s="2" t="s">
        <v>1520</v>
      </c>
      <c r="L2627" s="5" t="s">
        <v>1519</v>
      </c>
      <c r="M2627" s="2" t="s">
        <v>1520</v>
      </c>
      <c r="N2627" s="5" t="s">
        <v>1521</v>
      </c>
      <c r="O2627" s="5" t="s">
        <v>38</v>
      </c>
      <c r="P2627" s="5" t="s">
        <v>39</v>
      </c>
      <c r="Q2627" s="5" t="s">
        <v>40</v>
      </c>
      <c r="R2627" s="5" t="s">
        <v>1522</v>
      </c>
      <c r="S2627" s="5" t="s">
        <v>1523</v>
      </c>
      <c r="T2627" s="5" t="s">
        <v>42</v>
      </c>
      <c r="U2627" s="2">
        <v>1.379</v>
      </c>
      <c r="V2627" s="2">
        <v>1.0109999999999999</v>
      </c>
      <c r="W2627" s="2">
        <v>0.01</v>
      </c>
      <c r="X2627" s="2">
        <v>118.9</v>
      </c>
      <c r="Y2627" s="2">
        <v>7.6</v>
      </c>
      <c r="Z2627" s="2">
        <v>10.6</v>
      </c>
      <c r="AA2627" s="5"/>
      <c r="AB2627" s="5" t="s">
        <v>43</v>
      </c>
      <c r="AC2627" s="5" t="s">
        <v>44</v>
      </c>
      <c r="AD2627" s="2"/>
      <c r="AE2627" s="1"/>
    </row>
    <row r="2628" spans="1:31" ht="14.45">
      <c r="A2628" s="11"/>
      <c r="B2628" s="20"/>
      <c r="C2628" s="2" t="s">
        <v>8337</v>
      </c>
      <c r="D2628" s="14" t="s">
        <v>8338</v>
      </c>
      <c r="E2628" s="2" t="s">
        <v>8339</v>
      </c>
      <c r="F2628" s="2" t="s">
        <v>7589</v>
      </c>
      <c r="G2628" s="8">
        <v>117</v>
      </c>
      <c r="H2628" s="5">
        <v>6</v>
      </c>
      <c r="I2628" s="5" t="s">
        <v>1518</v>
      </c>
      <c r="J2628" s="5" t="s">
        <v>1519</v>
      </c>
      <c r="K2628" s="2" t="s">
        <v>1520</v>
      </c>
      <c r="L2628" s="5" t="s">
        <v>1519</v>
      </c>
      <c r="M2628" s="2" t="s">
        <v>1520</v>
      </c>
      <c r="N2628" s="5" t="s">
        <v>1521</v>
      </c>
      <c r="O2628" s="5" t="s">
        <v>38</v>
      </c>
      <c r="P2628" s="5" t="s">
        <v>39</v>
      </c>
      <c r="Q2628" s="5" t="s">
        <v>40</v>
      </c>
      <c r="R2628" s="5" t="s">
        <v>1522</v>
      </c>
      <c r="S2628" s="5" t="s">
        <v>1523</v>
      </c>
      <c r="T2628" s="5" t="s">
        <v>42</v>
      </c>
      <c r="U2628" s="2">
        <v>1.4119999999999999</v>
      </c>
      <c r="V2628" s="2">
        <v>1.044</v>
      </c>
      <c r="W2628" s="2">
        <v>0.01</v>
      </c>
      <c r="X2628" s="2">
        <v>118.9</v>
      </c>
      <c r="Y2628" s="2">
        <v>7.6</v>
      </c>
      <c r="Z2628" s="2">
        <v>10.6</v>
      </c>
      <c r="AA2628" s="5"/>
      <c r="AB2628" s="5" t="s">
        <v>43</v>
      </c>
      <c r="AC2628" s="5" t="s">
        <v>44</v>
      </c>
      <c r="AD2628" s="2"/>
      <c r="AE2628" s="1"/>
    </row>
    <row r="2629" spans="1:31" ht="14.45">
      <c r="A2629" s="11"/>
      <c r="B2629" s="20"/>
      <c r="C2629" s="2" t="s">
        <v>8340</v>
      </c>
      <c r="D2629" s="14" t="s">
        <v>8341</v>
      </c>
      <c r="E2629" s="2" t="s">
        <v>8342</v>
      </c>
      <c r="F2629" s="2" t="s">
        <v>7593</v>
      </c>
      <c r="G2629" s="8">
        <v>117</v>
      </c>
      <c r="H2629" s="5">
        <v>6</v>
      </c>
      <c r="I2629" s="5" t="s">
        <v>1518</v>
      </c>
      <c r="J2629" s="5" t="s">
        <v>1519</v>
      </c>
      <c r="K2629" s="2" t="s">
        <v>1520</v>
      </c>
      <c r="L2629" s="5" t="s">
        <v>1519</v>
      </c>
      <c r="M2629" s="2" t="s">
        <v>1520</v>
      </c>
      <c r="N2629" s="5" t="s">
        <v>1521</v>
      </c>
      <c r="O2629" s="5" t="s">
        <v>38</v>
      </c>
      <c r="P2629" s="5" t="s">
        <v>39</v>
      </c>
      <c r="Q2629" s="5" t="s">
        <v>40</v>
      </c>
      <c r="R2629" s="5" t="s">
        <v>1522</v>
      </c>
      <c r="S2629" s="5" t="s">
        <v>1523</v>
      </c>
      <c r="T2629" s="5" t="s">
        <v>42</v>
      </c>
      <c r="U2629" s="2">
        <v>1.391</v>
      </c>
      <c r="V2629" s="2">
        <v>1.0229999999999999</v>
      </c>
      <c r="W2629" s="2">
        <v>0.01</v>
      </c>
      <c r="X2629" s="2">
        <v>118.9</v>
      </c>
      <c r="Y2629" s="2">
        <v>7.6</v>
      </c>
      <c r="Z2629" s="2">
        <v>10.6</v>
      </c>
      <c r="AA2629" s="5"/>
      <c r="AB2629" s="5" t="s">
        <v>43</v>
      </c>
      <c r="AC2629" s="5" t="s">
        <v>44</v>
      </c>
      <c r="AD2629" s="2"/>
      <c r="AE2629" s="1"/>
    </row>
    <row r="2630" spans="1:31" ht="14.45">
      <c r="A2630" s="11"/>
      <c r="B2630" s="20"/>
      <c r="C2630" s="2" t="s">
        <v>8343</v>
      </c>
      <c r="D2630" s="14" t="s">
        <v>8344</v>
      </c>
      <c r="E2630" s="2" t="s">
        <v>8345</v>
      </c>
      <c r="F2630" s="2" t="s">
        <v>7597</v>
      </c>
      <c r="G2630" s="8">
        <v>117</v>
      </c>
      <c r="H2630" s="5">
        <v>6</v>
      </c>
      <c r="I2630" s="5" t="s">
        <v>1518</v>
      </c>
      <c r="J2630" s="5" t="s">
        <v>1519</v>
      </c>
      <c r="K2630" s="2" t="s">
        <v>1520</v>
      </c>
      <c r="L2630" s="5" t="s">
        <v>1519</v>
      </c>
      <c r="M2630" s="2" t="s">
        <v>1520</v>
      </c>
      <c r="N2630" s="5" t="s">
        <v>1521</v>
      </c>
      <c r="O2630" s="5" t="s">
        <v>38</v>
      </c>
      <c r="P2630" s="5" t="s">
        <v>39</v>
      </c>
      <c r="Q2630" s="5" t="s">
        <v>40</v>
      </c>
      <c r="R2630" s="5" t="s">
        <v>1522</v>
      </c>
      <c r="S2630" s="5" t="s">
        <v>1523</v>
      </c>
      <c r="T2630" s="5" t="s">
        <v>42</v>
      </c>
      <c r="U2630" s="2">
        <v>1.4239999999999999</v>
      </c>
      <c r="V2630" s="2">
        <v>1.056</v>
      </c>
      <c r="W2630" s="2">
        <v>0.01</v>
      </c>
      <c r="X2630" s="2">
        <v>118.9</v>
      </c>
      <c r="Y2630" s="2">
        <v>7.6</v>
      </c>
      <c r="Z2630" s="2">
        <v>10.6</v>
      </c>
      <c r="AA2630" s="5"/>
      <c r="AB2630" s="5" t="s">
        <v>43</v>
      </c>
      <c r="AC2630" s="5" t="s">
        <v>44</v>
      </c>
      <c r="AD2630" s="2"/>
      <c r="AE2630" s="1"/>
    </row>
    <row r="2631" spans="1:31" ht="14.45">
      <c r="A2631" s="11"/>
      <c r="B2631" s="20"/>
      <c r="C2631" s="2" t="s">
        <v>8346</v>
      </c>
      <c r="D2631" s="14" t="s">
        <v>8347</v>
      </c>
      <c r="E2631" s="2" t="s">
        <v>8348</v>
      </c>
      <c r="F2631" s="2" t="s">
        <v>7410</v>
      </c>
      <c r="G2631" s="8">
        <v>117</v>
      </c>
      <c r="H2631" s="5">
        <v>6</v>
      </c>
      <c r="I2631" s="5" t="s">
        <v>1518</v>
      </c>
      <c r="J2631" s="5" t="s">
        <v>1519</v>
      </c>
      <c r="K2631" s="2" t="s">
        <v>1520</v>
      </c>
      <c r="L2631" s="5" t="s">
        <v>1519</v>
      </c>
      <c r="M2631" s="2" t="s">
        <v>1520</v>
      </c>
      <c r="N2631" s="5" t="s">
        <v>1521</v>
      </c>
      <c r="O2631" s="5" t="s">
        <v>38</v>
      </c>
      <c r="P2631" s="5" t="s">
        <v>39</v>
      </c>
      <c r="Q2631" s="5" t="s">
        <v>40</v>
      </c>
      <c r="R2631" s="5" t="s">
        <v>1522</v>
      </c>
      <c r="S2631" s="5" t="s">
        <v>1523</v>
      </c>
      <c r="T2631" s="5" t="s">
        <v>42</v>
      </c>
      <c r="U2631" s="2">
        <v>1.391</v>
      </c>
      <c r="V2631" s="2">
        <v>1.0229999999999999</v>
      </c>
      <c r="W2631" s="2">
        <v>0.01</v>
      </c>
      <c r="X2631" s="2">
        <v>118.9</v>
      </c>
      <c r="Y2631" s="2">
        <v>7.6</v>
      </c>
      <c r="Z2631" s="2">
        <v>10.6</v>
      </c>
      <c r="AA2631" s="5"/>
      <c r="AB2631" s="5" t="s">
        <v>43</v>
      </c>
      <c r="AC2631" s="5" t="s">
        <v>44</v>
      </c>
      <c r="AD2631" s="2"/>
      <c r="AE2631" s="1"/>
    </row>
    <row r="2632" spans="1:31" ht="14.45">
      <c r="A2632" s="11"/>
      <c r="B2632" s="20"/>
      <c r="C2632" s="2" t="s">
        <v>8349</v>
      </c>
      <c r="D2632" s="14" t="s">
        <v>8350</v>
      </c>
      <c r="E2632" s="2" t="s">
        <v>8351</v>
      </c>
      <c r="F2632" s="2" t="s">
        <v>7604</v>
      </c>
      <c r="G2632" s="8">
        <v>117</v>
      </c>
      <c r="H2632" s="5">
        <v>6</v>
      </c>
      <c r="I2632" s="5" t="s">
        <v>1518</v>
      </c>
      <c r="J2632" s="5" t="s">
        <v>1519</v>
      </c>
      <c r="K2632" s="2" t="s">
        <v>1520</v>
      </c>
      <c r="L2632" s="5" t="s">
        <v>1519</v>
      </c>
      <c r="M2632" s="2" t="s">
        <v>1520</v>
      </c>
      <c r="N2632" s="5" t="s">
        <v>1521</v>
      </c>
      <c r="O2632" s="5" t="s">
        <v>38</v>
      </c>
      <c r="P2632" s="5" t="s">
        <v>39</v>
      </c>
      <c r="Q2632" s="5" t="s">
        <v>40</v>
      </c>
      <c r="R2632" s="5" t="s">
        <v>1522</v>
      </c>
      <c r="S2632" s="5" t="s">
        <v>1523</v>
      </c>
      <c r="T2632" s="5" t="s">
        <v>42</v>
      </c>
      <c r="U2632" s="2">
        <v>1.4239999999999999</v>
      </c>
      <c r="V2632" s="2">
        <v>1.056</v>
      </c>
      <c r="W2632" s="2">
        <v>0.01</v>
      </c>
      <c r="X2632" s="2">
        <v>118.9</v>
      </c>
      <c r="Y2632" s="2">
        <v>7.6</v>
      </c>
      <c r="Z2632" s="2">
        <v>10.6</v>
      </c>
      <c r="AA2632" s="5"/>
      <c r="AB2632" s="5" t="s">
        <v>43</v>
      </c>
      <c r="AC2632" s="5" t="s">
        <v>44</v>
      </c>
      <c r="AD2632" s="2"/>
      <c r="AE2632" s="1"/>
    </row>
    <row r="2633" spans="1:31" ht="14.45">
      <c r="A2633" s="11"/>
      <c r="B2633" s="20"/>
      <c r="C2633" s="2" t="s">
        <v>8352</v>
      </c>
      <c r="D2633" s="14" t="s">
        <v>8353</v>
      </c>
      <c r="E2633" s="2" t="s">
        <v>8354</v>
      </c>
      <c r="F2633" s="2" t="s">
        <v>7433</v>
      </c>
      <c r="G2633" s="8">
        <v>117</v>
      </c>
      <c r="H2633" s="5">
        <v>6</v>
      </c>
      <c r="I2633" s="5" t="s">
        <v>1518</v>
      </c>
      <c r="J2633" s="5" t="s">
        <v>1519</v>
      </c>
      <c r="K2633" s="2" t="s">
        <v>1520</v>
      </c>
      <c r="L2633" s="5" t="s">
        <v>1519</v>
      </c>
      <c r="M2633" s="2" t="s">
        <v>1520</v>
      </c>
      <c r="N2633" s="5" t="s">
        <v>1521</v>
      </c>
      <c r="O2633" s="5" t="s">
        <v>38</v>
      </c>
      <c r="P2633" s="5" t="s">
        <v>39</v>
      </c>
      <c r="Q2633" s="5" t="s">
        <v>40</v>
      </c>
      <c r="R2633" s="5" t="s">
        <v>1522</v>
      </c>
      <c r="S2633" s="5" t="s">
        <v>1523</v>
      </c>
      <c r="T2633" s="5" t="s">
        <v>42</v>
      </c>
      <c r="U2633" s="2">
        <v>1.391</v>
      </c>
      <c r="V2633" s="2">
        <v>1.0229999999999999</v>
      </c>
      <c r="W2633" s="2">
        <v>0.01</v>
      </c>
      <c r="X2633" s="2">
        <v>118.9</v>
      </c>
      <c r="Y2633" s="2">
        <v>7.6</v>
      </c>
      <c r="Z2633" s="2">
        <v>10.6</v>
      </c>
      <c r="AA2633" s="5"/>
      <c r="AB2633" s="5" t="s">
        <v>43</v>
      </c>
      <c r="AC2633" s="5" t="s">
        <v>44</v>
      </c>
      <c r="AD2633" s="2"/>
      <c r="AE2633" s="1"/>
    </row>
    <row r="2634" spans="1:31" ht="14.45">
      <c r="A2634" s="11"/>
      <c r="B2634" s="20"/>
      <c r="C2634" s="2" t="s">
        <v>8355</v>
      </c>
      <c r="D2634" s="14" t="s">
        <v>8356</v>
      </c>
      <c r="E2634" s="2" t="s">
        <v>8357</v>
      </c>
      <c r="F2634" s="2" t="s">
        <v>7611</v>
      </c>
      <c r="G2634" s="8">
        <v>117</v>
      </c>
      <c r="H2634" s="5">
        <v>6</v>
      </c>
      <c r="I2634" s="5" t="s">
        <v>1518</v>
      </c>
      <c r="J2634" s="5" t="s">
        <v>1519</v>
      </c>
      <c r="K2634" s="2" t="s">
        <v>1520</v>
      </c>
      <c r="L2634" s="5" t="s">
        <v>1519</v>
      </c>
      <c r="M2634" s="2" t="s">
        <v>1520</v>
      </c>
      <c r="N2634" s="5" t="s">
        <v>1521</v>
      </c>
      <c r="O2634" s="5" t="s">
        <v>38</v>
      </c>
      <c r="P2634" s="5" t="s">
        <v>39</v>
      </c>
      <c r="Q2634" s="5" t="s">
        <v>40</v>
      </c>
      <c r="R2634" s="5" t="s">
        <v>1522</v>
      </c>
      <c r="S2634" s="5" t="s">
        <v>1523</v>
      </c>
      <c r="T2634" s="5" t="s">
        <v>42</v>
      </c>
      <c r="U2634" s="2">
        <v>1.4239999999999999</v>
      </c>
      <c r="V2634" s="2">
        <v>1.056</v>
      </c>
      <c r="W2634" s="2">
        <v>0.01</v>
      </c>
      <c r="X2634" s="2">
        <v>118.9</v>
      </c>
      <c r="Y2634" s="2">
        <v>7.6</v>
      </c>
      <c r="Z2634" s="2">
        <v>10.6</v>
      </c>
      <c r="AA2634" s="5"/>
      <c r="AB2634" s="5" t="s">
        <v>43</v>
      </c>
      <c r="AC2634" s="5" t="s">
        <v>44</v>
      </c>
      <c r="AD2634" s="2"/>
      <c r="AE2634" s="1"/>
    </row>
    <row r="2635" spans="1:31" ht="14.45">
      <c r="A2635" s="11"/>
      <c r="B2635" s="20"/>
      <c r="C2635" s="2" t="s">
        <v>8358</v>
      </c>
      <c r="D2635" s="14" t="s">
        <v>8359</v>
      </c>
      <c r="E2635" s="2" t="s">
        <v>8360</v>
      </c>
      <c r="F2635" s="2" t="s">
        <v>7615</v>
      </c>
      <c r="G2635" s="8">
        <v>117</v>
      </c>
      <c r="H2635" s="5">
        <v>6</v>
      </c>
      <c r="I2635" s="5" t="s">
        <v>1518</v>
      </c>
      <c r="J2635" s="5" t="s">
        <v>1519</v>
      </c>
      <c r="K2635" s="2" t="s">
        <v>1520</v>
      </c>
      <c r="L2635" s="5" t="s">
        <v>1519</v>
      </c>
      <c r="M2635" s="2" t="s">
        <v>1520</v>
      </c>
      <c r="N2635" s="5" t="s">
        <v>1521</v>
      </c>
      <c r="O2635" s="5" t="s">
        <v>38</v>
      </c>
      <c r="P2635" s="5" t="s">
        <v>39</v>
      </c>
      <c r="Q2635" s="5" t="s">
        <v>40</v>
      </c>
      <c r="R2635" s="5" t="s">
        <v>1522</v>
      </c>
      <c r="S2635" s="5" t="s">
        <v>1523</v>
      </c>
      <c r="T2635" s="5" t="s">
        <v>42</v>
      </c>
      <c r="U2635" s="2">
        <v>1.379</v>
      </c>
      <c r="V2635" s="2">
        <v>1.0109999999999999</v>
      </c>
      <c r="W2635" s="2">
        <v>0.01</v>
      </c>
      <c r="X2635" s="2">
        <v>118.9</v>
      </c>
      <c r="Y2635" s="2">
        <v>7.6</v>
      </c>
      <c r="Z2635" s="2">
        <v>10.6</v>
      </c>
      <c r="AA2635" s="5"/>
      <c r="AB2635" s="5" t="s">
        <v>43</v>
      </c>
      <c r="AC2635" s="5" t="s">
        <v>44</v>
      </c>
      <c r="AD2635" s="2"/>
      <c r="AE2635" s="1"/>
    </row>
    <row r="2636" spans="1:31" ht="14.45">
      <c r="A2636" s="11"/>
      <c r="B2636" s="20"/>
      <c r="C2636" s="2" t="s">
        <v>8361</v>
      </c>
      <c r="D2636" s="14" t="s">
        <v>8362</v>
      </c>
      <c r="E2636" s="2" t="s">
        <v>8363</v>
      </c>
      <c r="F2636" s="2" t="s">
        <v>7619</v>
      </c>
      <c r="G2636" s="8">
        <v>117</v>
      </c>
      <c r="H2636" s="5">
        <v>6</v>
      </c>
      <c r="I2636" s="5" t="s">
        <v>1518</v>
      </c>
      <c r="J2636" s="5" t="s">
        <v>1519</v>
      </c>
      <c r="K2636" s="2" t="s">
        <v>1520</v>
      </c>
      <c r="L2636" s="5" t="s">
        <v>1519</v>
      </c>
      <c r="M2636" s="2" t="s">
        <v>1520</v>
      </c>
      <c r="N2636" s="5" t="s">
        <v>1521</v>
      </c>
      <c r="O2636" s="5" t="s">
        <v>38</v>
      </c>
      <c r="P2636" s="5" t="s">
        <v>39</v>
      </c>
      <c r="Q2636" s="5" t="s">
        <v>40</v>
      </c>
      <c r="R2636" s="5" t="s">
        <v>1522</v>
      </c>
      <c r="S2636" s="5" t="s">
        <v>1523</v>
      </c>
      <c r="T2636" s="5" t="s">
        <v>42</v>
      </c>
      <c r="U2636" s="2">
        <v>1.4119999999999999</v>
      </c>
      <c r="V2636" s="2">
        <v>1.044</v>
      </c>
      <c r="W2636" s="2">
        <v>0.01</v>
      </c>
      <c r="X2636" s="2">
        <v>118.9</v>
      </c>
      <c r="Y2636" s="2">
        <v>7.6</v>
      </c>
      <c r="Z2636" s="2">
        <v>10.6</v>
      </c>
      <c r="AA2636" s="5"/>
      <c r="AB2636" s="5" t="s">
        <v>43</v>
      </c>
      <c r="AC2636" s="5" t="s">
        <v>44</v>
      </c>
      <c r="AD2636" s="2"/>
      <c r="AE2636" s="1"/>
    </row>
    <row r="2637" spans="1:31" ht="14.45">
      <c r="A2637" s="11"/>
      <c r="B2637" s="20"/>
      <c r="C2637" s="2" t="s">
        <v>8364</v>
      </c>
      <c r="D2637" s="14" t="s">
        <v>8365</v>
      </c>
      <c r="E2637" s="2" t="s">
        <v>8366</v>
      </c>
      <c r="F2637" s="2" t="s">
        <v>1823</v>
      </c>
      <c r="G2637" s="8">
        <v>117</v>
      </c>
      <c r="H2637" s="5">
        <v>8</v>
      </c>
      <c r="I2637" s="5" t="s">
        <v>1518</v>
      </c>
      <c r="J2637" s="5" t="s">
        <v>1519</v>
      </c>
      <c r="K2637" s="2" t="s">
        <v>1520</v>
      </c>
      <c r="L2637" s="5" t="s">
        <v>1519</v>
      </c>
      <c r="M2637" s="2" t="s">
        <v>1520</v>
      </c>
      <c r="N2637" s="5" t="s">
        <v>1521</v>
      </c>
      <c r="O2637" s="5" t="s">
        <v>38</v>
      </c>
      <c r="P2637" s="5" t="s">
        <v>39</v>
      </c>
      <c r="Q2637" s="5" t="s">
        <v>40</v>
      </c>
      <c r="R2637" s="5" t="s">
        <v>1522</v>
      </c>
      <c r="S2637" s="5" t="s">
        <v>1523</v>
      </c>
      <c r="T2637" s="5" t="s">
        <v>42</v>
      </c>
      <c r="U2637" s="2">
        <v>1.4</v>
      </c>
      <c r="V2637" s="2">
        <v>1.032</v>
      </c>
      <c r="W2637" s="2">
        <v>0.01</v>
      </c>
      <c r="X2637" s="2">
        <v>118.9</v>
      </c>
      <c r="Y2637" s="2">
        <v>7.6</v>
      </c>
      <c r="Z2637" s="2">
        <v>10.6</v>
      </c>
      <c r="AA2637" s="5"/>
      <c r="AB2637" s="5" t="s">
        <v>43</v>
      </c>
      <c r="AC2637" s="5" t="s">
        <v>44</v>
      </c>
      <c r="AD2637" s="2"/>
      <c r="AE2637" s="1"/>
    </row>
    <row r="2638" spans="1:31" ht="14.45">
      <c r="A2638" s="11"/>
      <c r="B2638" s="20"/>
      <c r="C2638" s="2" t="s">
        <v>8367</v>
      </c>
      <c r="D2638" s="14" t="s">
        <v>8368</v>
      </c>
      <c r="E2638" s="2" t="s">
        <v>8369</v>
      </c>
      <c r="F2638" s="2" t="s">
        <v>1827</v>
      </c>
      <c r="G2638" s="8">
        <v>117</v>
      </c>
      <c r="H2638" s="5">
        <v>8</v>
      </c>
      <c r="I2638" s="5" t="s">
        <v>1518</v>
      </c>
      <c r="J2638" s="5" t="s">
        <v>1519</v>
      </c>
      <c r="K2638" s="2" t="s">
        <v>1520</v>
      </c>
      <c r="L2638" s="5" t="s">
        <v>1519</v>
      </c>
      <c r="M2638" s="2" t="s">
        <v>1520</v>
      </c>
      <c r="N2638" s="5" t="s">
        <v>1521</v>
      </c>
      <c r="O2638" s="5" t="s">
        <v>38</v>
      </c>
      <c r="P2638" s="5" t="s">
        <v>39</v>
      </c>
      <c r="Q2638" s="5" t="s">
        <v>40</v>
      </c>
      <c r="R2638" s="5" t="s">
        <v>1522</v>
      </c>
      <c r="S2638" s="5" t="s">
        <v>1523</v>
      </c>
      <c r="T2638" s="5" t="s">
        <v>42</v>
      </c>
      <c r="U2638" s="2">
        <v>1.4330000000000001</v>
      </c>
      <c r="V2638" s="2">
        <v>1.0649999999999999</v>
      </c>
      <c r="W2638" s="2">
        <v>0.01</v>
      </c>
      <c r="X2638" s="2">
        <v>118.9</v>
      </c>
      <c r="Y2638" s="2">
        <v>7.6</v>
      </c>
      <c r="Z2638" s="2">
        <v>10.6</v>
      </c>
      <c r="AA2638" s="5"/>
      <c r="AB2638" s="5" t="s">
        <v>43</v>
      </c>
      <c r="AC2638" s="5" t="s">
        <v>44</v>
      </c>
      <c r="AD2638" s="2"/>
      <c r="AE2638" s="1"/>
    </row>
    <row r="2639" spans="1:31" ht="14.45">
      <c r="A2639" s="11"/>
      <c r="B2639" s="20"/>
      <c r="C2639" s="2" t="s">
        <v>8370</v>
      </c>
      <c r="D2639" s="14" t="s">
        <v>8371</v>
      </c>
      <c r="E2639" s="2" t="s">
        <v>8372</v>
      </c>
      <c r="F2639" s="2" t="s">
        <v>1973</v>
      </c>
      <c r="G2639" s="8">
        <v>117</v>
      </c>
      <c r="H2639" s="5">
        <v>13</v>
      </c>
      <c r="I2639" s="5" t="s">
        <v>1518</v>
      </c>
      <c r="J2639" s="5" t="s">
        <v>1519</v>
      </c>
      <c r="K2639" s="2" t="s">
        <v>1520</v>
      </c>
      <c r="L2639" s="5" t="s">
        <v>1519</v>
      </c>
      <c r="M2639" s="2" t="s">
        <v>1520</v>
      </c>
      <c r="N2639" s="5" t="s">
        <v>1521</v>
      </c>
      <c r="O2639" s="5" t="s">
        <v>38</v>
      </c>
      <c r="P2639" s="5" t="s">
        <v>39</v>
      </c>
      <c r="Q2639" s="5" t="s">
        <v>40</v>
      </c>
      <c r="R2639" s="5" t="s">
        <v>1522</v>
      </c>
      <c r="S2639" s="5" t="s">
        <v>1523</v>
      </c>
      <c r="T2639" s="5" t="s">
        <v>42</v>
      </c>
      <c r="U2639" s="2">
        <v>1.419</v>
      </c>
      <c r="V2639" s="2">
        <v>1.0509999999999999</v>
      </c>
      <c r="W2639" s="2">
        <v>0.01</v>
      </c>
      <c r="X2639" s="2">
        <v>118.9</v>
      </c>
      <c r="Y2639" s="2">
        <v>7.6</v>
      </c>
      <c r="Z2639" s="2">
        <v>10.6</v>
      </c>
      <c r="AA2639" s="5"/>
      <c r="AB2639" s="5" t="s">
        <v>43</v>
      </c>
      <c r="AC2639" s="5" t="s">
        <v>44</v>
      </c>
      <c r="AD2639" s="2"/>
      <c r="AE2639" s="1"/>
    </row>
    <row r="2640" spans="1:31" ht="14.45">
      <c r="A2640" s="11"/>
      <c r="B2640" s="20"/>
      <c r="C2640" s="2" t="s">
        <v>8373</v>
      </c>
      <c r="D2640" s="14" t="s">
        <v>8374</v>
      </c>
      <c r="E2640" s="2" t="s">
        <v>8375</v>
      </c>
      <c r="F2640" s="2" t="s">
        <v>2348</v>
      </c>
      <c r="G2640" s="8">
        <v>117</v>
      </c>
      <c r="H2640" s="5">
        <v>13</v>
      </c>
      <c r="I2640" s="5" t="s">
        <v>1518</v>
      </c>
      <c r="J2640" s="5" t="s">
        <v>1519</v>
      </c>
      <c r="K2640" s="2" t="s">
        <v>1520</v>
      </c>
      <c r="L2640" s="5" t="s">
        <v>1519</v>
      </c>
      <c r="M2640" s="2" t="s">
        <v>1520</v>
      </c>
      <c r="N2640" s="5" t="s">
        <v>1521</v>
      </c>
      <c r="O2640" s="5" t="s">
        <v>38</v>
      </c>
      <c r="P2640" s="5" t="s">
        <v>39</v>
      </c>
      <c r="Q2640" s="5" t="s">
        <v>40</v>
      </c>
      <c r="R2640" s="5" t="s">
        <v>1522</v>
      </c>
      <c r="S2640" s="5" t="s">
        <v>1523</v>
      </c>
      <c r="T2640" s="5" t="s">
        <v>42</v>
      </c>
      <c r="U2640" s="2">
        <v>1.452</v>
      </c>
      <c r="V2640" s="2">
        <v>1.0840000000000001</v>
      </c>
      <c r="W2640" s="2">
        <v>0.01</v>
      </c>
      <c r="X2640" s="2">
        <v>118.9</v>
      </c>
      <c r="Y2640" s="2">
        <v>7.6</v>
      </c>
      <c r="Z2640" s="2">
        <v>10.6</v>
      </c>
      <c r="AA2640" s="5"/>
      <c r="AB2640" s="5" t="s">
        <v>43</v>
      </c>
      <c r="AC2640" s="5" t="s">
        <v>44</v>
      </c>
      <c r="AD2640" s="2"/>
      <c r="AE2640" s="1"/>
    </row>
    <row r="2641" spans="1:31" ht="14.45">
      <c r="A2641" s="11"/>
      <c r="B2641" s="20"/>
      <c r="C2641" s="2" t="s">
        <v>8376</v>
      </c>
      <c r="D2641" s="14" t="s">
        <v>8377</v>
      </c>
      <c r="E2641" s="2" t="s">
        <v>8378</v>
      </c>
      <c r="F2641" s="2" t="s">
        <v>2204</v>
      </c>
      <c r="G2641" s="8">
        <v>117</v>
      </c>
      <c r="H2641" s="5">
        <v>13</v>
      </c>
      <c r="I2641" s="5" t="s">
        <v>1518</v>
      </c>
      <c r="J2641" s="5" t="s">
        <v>1519</v>
      </c>
      <c r="K2641" s="2" t="s">
        <v>1520</v>
      </c>
      <c r="L2641" s="5" t="s">
        <v>1519</v>
      </c>
      <c r="M2641" s="2" t="s">
        <v>1520</v>
      </c>
      <c r="N2641" s="5" t="s">
        <v>1521</v>
      </c>
      <c r="O2641" s="5" t="s">
        <v>38</v>
      </c>
      <c r="P2641" s="5" t="s">
        <v>39</v>
      </c>
      <c r="Q2641" s="5" t="s">
        <v>40</v>
      </c>
      <c r="R2641" s="5" t="s">
        <v>1522</v>
      </c>
      <c r="S2641" s="5" t="s">
        <v>1523</v>
      </c>
      <c r="T2641" s="5" t="s">
        <v>42</v>
      </c>
      <c r="U2641" s="2">
        <v>1.419</v>
      </c>
      <c r="V2641" s="2">
        <v>1.0509999999999999</v>
      </c>
      <c r="W2641" s="2">
        <v>0.01</v>
      </c>
      <c r="X2641" s="2">
        <v>118.9</v>
      </c>
      <c r="Y2641" s="2">
        <v>7.6</v>
      </c>
      <c r="Z2641" s="2">
        <v>10.6</v>
      </c>
      <c r="AA2641" s="5"/>
      <c r="AB2641" s="5" t="s">
        <v>43</v>
      </c>
      <c r="AC2641" s="5" t="s">
        <v>44</v>
      </c>
      <c r="AD2641" s="2"/>
      <c r="AE2641" s="1"/>
    </row>
    <row r="2642" spans="1:31" ht="14.45">
      <c r="A2642" s="11"/>
      <c r="B2642" s="20"/>
      <c r="C2642" s="2" t="s">
        <v>8379</v>
      </c>
      <c r="D2642" s="14" t="s">
        <v>8380</v>
      </c>
      <c r="E2642" s="2" t="s">
        <v>8381</v>
      </c>
      <c r="F2642" s="2" t="s">
        <v>2724</v>
      </c>
      <c r="G2642" s="8">
        <v>117</v>
      </c>
      <c r="H2642" s="5">
        <v>13</v>
      </c>
      <c r="I2642" s="5" t="s">
        <v>1518</v>
      </c>
      <c r="J2642" s="5" t="s">
        <v>1519</v>
      </c>
      <c r="K2642" s="2" t="s">
        <v>1520</v>
      </c>
      <c r="L2642" s="5" t="s">
        <v>1519</v>
      </c>
      <c r="M2642" s="2" t="s">
        <v>1520</v>
      </c>
      <c r="N2642" s="5" t="s">
        <v>1521</v>
      </c>
      <c r="O2642" s="5" t="s">
        <v>38</v>
      </c>
      <c r="P2642" s="5" t="s">
        <v>39</v>
      </c>
      <c r="Q2642" s="5" t="s">
        <v>40</v>
      </c>
      <c r="R2642" s="5" t="s">
        <v>1522</v>
      </c>
      <c r="S2642" s="5" t="s">
        <v>1523</v>
      </c>
      <c r="T2642" s="5" t="s">
        <v>42</v>
      </c>
      <c r="U2642" s="2">
        <v>1.452</v>
      </c>
      <c r="V2642" s="2">
        <v>1.0840000000000001</v>
      </c>
      <c r="W2642" s="2">
        <v>0.01</v>
      </c>
      <c r="X2642" s="2">
        <v>118.9</v>
      </c>
      <c r="Y2642" s="2">
        <v>7.6</v>
      </c>
      <c r="Z2642" s="2">
        <v>10.6</v>
      </c>
      <c r="AA2642" s="5"/>
      <c r="AB2642" s="5" t="s">
        <v>43</v>
      </c>
      <c r="AC2642" s="5" t="s">
        <v>44</v>
      </c>
      <c r="AD2642" s="2"/>
      <c r="AE2642" s="1"/>
    </row>
    <row r="2643" spans="1:31" ht="14.45">
      <c r="A2643" s="11"/>
      <c r="B2643" s="20"/>
      <c r="C2643" s="2" t="s">
        <v>8382</v>
      </c>
      <c r="D2643" s="14" t="s">
        <v>8383</v>
      </c>
      <c r="E2643" s="2" t="s">
        <v>8384</v>
      </c>
      <c r="F2643" s="2" t="s">
        <v>2208</v>
      </c>
      <c r="G2643" s="8">
        <v>117</v>
      </c>
      <c r="H2643" s="5">
        <v>13</v>
      </c>
      <c r="I2643" s="5" t="s">
        <v>1518</v>
      </c>
      <c r="J2643" s="5" t="s">
        <v>1519</v>
      </c>
      <c r="K2643" s="2" t="s">
        <v>1520</v>
      </c>
      <c r="L2643" s="5" t="s">
        <v>1519</v>
      </c>
      <c r="M2643" s="2" t="s">
        <v>1520</v>
      </c>
      <c r="N2643" s="5" t="s">
        <v>1521</v>
      </c>
      <c r="O2643" s="5" t="s">
        <v>38</v>
      </c>
      <c r="P2643" s="5" t="s">
        <v>39</v>
      </c>
      <c r="Q2643" s="5" t="s">
        <v>40</v>
      </c>
      <c r="R2643" s="5" t="s">
        <v>1522</v>
      </c>
      <c r="S2643" s="5" t="s">
        <v>1523</v>
      </c>
      <c r="T2643" s="5" t="s">
        <v>42</v>
      </c>
      <c r="U2643" s="2">
        <v>1.419</v>
      </c>
      <c r="V2643" s="2">
        <v>1.0509999999999999</v>
      </c>
      <c r="W2643" s="2">
        <v>0.01</v>
      </c>
      <c r="X2643" s="2">
        <v>118.9</v>
      </c>
      <c r="Y2643" s="2">
        <v>7.6</v>
      </c>
      <c r="Z2643" s="2">
        <v>10.6</v>
      </c>
      <c r="AA2643" s="5"/>
      <c r="AB2643" s="5" t="s">
        <v>43</v>
      </c>
      <c r="AC2643" s="5" t="s">
        <v>44</v>
      </c>
      <c r="AD2643" s="2"/>
      <c r="AE2643" s="1"/>
    </row>
    <row r="2644" spans="1:31" ht="14.45">
      <c r="A2644" s="11"/>
      <c r="B2644" s="20"/>
      <c r="C2644" s="2" t="s">
        <v>8385</v>
      </c>
      <c r="D2644" s="14" t="s">
        <v>8386</v>
      </c>
      <c r="E2644" s="2" t="s">
        <v>8387</v>
      </c>
      <c r="F2644" s="2" t="s">
        <v>2212</v>
      </c>
      <c r="G2644" s="8">
        <v>117</v>
      </c>
      <c r="H2644" s="5">
        <v>13</v>
      </c>
      <c r="I2644" s="5" t="s">
        <v>1518</v>
      </c>
      <c r="J2644" s="5" t="s">
        <v>1519</v>
      </c>
      <c r="K2644" s="2" t="s">
        <v>1520</v>
      </c>
      <c r="L2644" s="5" t="s">
        <v>1519</v>
      </c>
      <c r="M2644" s="2" t="s">
        <v>1520</v>
      </c>
      <c r="N2644" s="5" t="s">
        <v>1521</v>
      </c>
      <c r="O2644" s="5" t="s">
        <v>38</v>
      </c>
      <c r="P2644" s="5" t="s">
        <v>39</v>
      </c>
      <c r="Q2644" s="5" t="s">
        <v>40</v>
      </c>
      <c r="R2644" s="5" t="s">
        <v>1522</v>
      </c>
      <c r="S2644" s="5" t="s">
        <v>1523</v>
      </c>
      <c r="T2644" s="5" t="s">
        <v>42</v>
      </c>
      <c r="U2644" s="2">
        <v>1.452</v>
      </c>
      <c r="V2644" s="2">
        <v>1.0840000000000001</v>
      </c>
      <c r="W2644" s="2">
        <v>0.01</v>
      </c>
      <c r="X2644" s="2">
        <v>118.9</v>
      </c>
      <c r="Y2644" s="2">
        <v>7.6</v>
      </c>
      <c r="Z2644" s="2">
        <v>10.6</v>
      </c>
      <c r="AA2644" s="5"/>
      <c r="AB2644" s="5" t="s">
        <v>43</v>
      </c>
      <c r="AC2644" s="5" t="s">
        <v>44</v>
      </c>
      <c r="AD2644" s="2"/>
      <c r="AE2644" s="1"/>
    </row>
    <row r="2645" spans="1:31" ht="14.45">
      <c r="A2645" s="11"/>
      <c r="B2645" s="20"/>
      <c r="C2645" s="2" t="s">
        <v>8388</v>
      </c>
      <c r="D2645" s="14" t="s">
        <v>8389</v>
      </c>
      <c r="E2645" s="2" t="s">
        <v>8390</v>
      </c>
      <c r="F2645" s="2" t="s">
        <v>1831</v>
      </c>
      <c r="G2645" s="8">
        <v>117</v>
      </c>
      <c r="H2645" s="5">
        <v>13</v>
      </c>
      <c r="I2645" s="5" t="s">
        <v>1518</v>
      </c>
      <c r="J2645" s="5" t="s">
        <v>1519</v>
      </c>
      <c r="K2645" s="2" t="s">
        <v>1520</v>
      </c>
      <c r="L2645" s="5" t="s">
        <v>1519</v>
      </c>
      <c r="M2645" s="2" t="s">
        <v>1520</v>
      </c>
      <c r="N2645" s="5" t="s">
        <v>1521</v>
      </c>
      <c r="O2645" s="5" t="s">
        <v>38</v>
      </c>
      <c r="P2645" s="5" t="s">
        <v>39</v>
      </c>
      <c r="Q2645" s="5" t="s">
        <v>40</v>
      </c>
      <c r="R2645" s="5" t="s">
        <v>1522</v>
      </c>
      <c r="S2645" s="5" t="s">
        <v>1523</v>
      </c>
      <c r="T2645" s="5" t="s">
        <v>42</v>
      </c>
      <c r="U2645" s="2">
        <v>1.419</v>
      </c>
      <c r="V2645" s="2">
        <v>1.0509999999999999</v>
      </c>
      <c r="W2645" s="2">
        <v>0.01</v>
      </c>
      <c r="X2645" s="2">
        <v>118.9</v>
      </c>
      <c r="Y2645" s="2">
        <v>7.6</v>
      </c>
      <c r="Z2645" s="2">
        <v>10.6</v>
      </c>
      <c r="AA2645" s="5"/>
      <c r="AB2645" s="5" t="s">
        <v>43</v>
      </c>
      <c r="AC2645" s="5" t="s">
        <v>44</v>
      </c>
      <c r="AD2645" s="2"/>
      <c r="AE2645" s="1"/>
    </row>
    <row r="2646" spans="1:31" ht="14.45">
      <c r="A2646" s="11"/>
      <c r="B2646" s="20"/>
      <c r="C2646" s="2" t="s">
        <v>8391</v>
      </c>
      <c r="D2646" s="14" t="s">
        <v>8392</v>
      </c>
      <c r="E2646" s="2" t="s">
        <v>8393</v>
      </c>
      <c r="F2646" s="2" t="s">
        <v>1835</v>
      </c>
      <c r="G2646" s="8">
        <v>117</v>
      </c>
      <c r="H2646" s="5">
        <v>13</v>
      </c>
      <c r="I2646" s="5" t="s">
        <v>1518</v>
      </c>
      <c r="J2646" s="5" t="s">
        <v>1519</v>
      </c>
      <c r="K2646" s="2" t="s">
        <v>1520</v>
      </c>
      <c r="L2646" s="5" t="s">
        <v>1519</v>
      </c>
      <c r="M2646" s="2" t="s">
        <v>1520</v>
      </c>
      <c r="N2646" s="5" t="s">
        <v>1521</v>
      </c>
      <c r="O2646" s="5" t="s">
        <v>38</v>
      </c>
      <c r="P2646" s="5" t="s">
        <v>39</v>
      </c>
      <c r="Q2646" s="5" t="s">
        <v>40</v>
      </c>
      <c r="R2646" s="5" t="s">
        <v>1522</v>
      </c>
      <c r="S2646" s="5" t="s">
        <v>1523</v>
      </c>
      <c r="T2646" s="5" t="s">
        <v>42</v>
      </c>
      <c r="U2646" s="2">
        <v>1.452</v>
      </c>
      <c r="V2646" s="2">
        <v>1.0840000000000001</v>
      </c>
      <c r="W2646" s="2">
        <v>0.01</v>
      </c>
      <c r="X2646" s="2">
        <v>118.9</v>
      </c>
      <c r="Y2646" s="2">
        <v>7.6</v>
      </c>
      <c r="Z2646" s="2">
        <v>10.6</v>
      </c>
      <c r="AA2646" s="5"/>
      <c r="AB2646" s="5" t="s">
        <v>43</v>
      </c>
      <c r="AC2646" s="5" t="s">
        <v>44</v>
      </c>
      <c r="AD2646" s="2"/>
      <c r="AE2646" s="1"/>
    </row>
    <row r="2647" spans="1:31" ht="14.45">
      <c r="A2647" s="11"/>
      <c r="B2647" s="20"/>
      <c r="C2647" s="2" t="s">
        <v>8394</v>
      </c>
      <c r="D2647" s="14" t="s">
        <v>8395</v>
      </c>
      <c r="E2647" s="2" t="s">
        <v>8396</v>
      </c>
      <c r="F2647" s="2" t="s">
        <v>1986</v>
      </c>
      <c r="G2647" s="8">
        <v>117</v>
      </c>
      <c r="H2647" s="5">
        <v>13</v>
      </c>
      <c r="I2647" s="5" t="s">
        <v>1518</v>
      </c>
      <c r="J2647" s="5" t="s">
        <v>1519</v>
      </c>
      <c r="K2647" s="2" t="s">
        <v>1520</v>
      </c>
      <c r="L2647" s="5" t="s">
        <v>1519</v>
      </c>
      <c r="M2647" s="2" t="s">
        <v>1520</v>
      </c>
      <c r="N2647" s="5" t="s">
        <v>1521</v>
      </c>
      <c r="O2647" s="5" t="s">
        <v>38</v>
      </c>
      <c r="P2647" s="5" t="s">
        <v>39</v>
      </c>
      <c r="Q2647" s="5" t="s">
        <v>40</v>
      </c>
      <c r="R2647" s="5" t="s">
        <v>1522</v>
      </c>
      <c r="S2647" s="5" t="s">
        <v>1523</v>
      </c>
      <c r="T2647" s="5" t="s">
        <v>42</v>
      </c>
      <c r="U2647" s="2">
        <v>1.452</v>
      </c>
      <c r="V2647" s="2">
        <v>1.0840000000000001</v>
      </c>
      <c r="W2647" s="2">
        <v>0.01</v>
      </c>
      <c r="X2647" s="2">
        <v>118.9</v>
      </c>
      <c r="Y2647" s="2">
        <v>7.6</v>
      </c>
      <c r="Z2647" s="2">
        <v>10.6</v>
      </c>
      <c r="AA2647" s="5"/>
      <c r="AB2647" s="5" t="s">
        <v>43</v>
      </c>
      <c r="AC2647" s="5" t="s">
        <v>44</v>
      </c>
      <c r="AD2647" s="2"/>
      <c r="AE2647" s="1"/>
    </row>
    <row r="2648" spans="1:31" ht="14.45">
      <c r="A2648" s="11"/>
      <c r="B2648" s="20"/>
      <c r="C2648" s="2" t="s">
        <v>8397</v>
      </c>
      <c r="D2648" s="14" t="s">
        <v>8398</v>
      </c>
      <c r="E2648" s="2" t="s">
        <v>8399</v>
      </c>
      <c r="F2648" s="2" t="s">
        <v>1843</v>
      </c>
      <c r="G2648" s="8">
        <v>117</v>
      </c>
      <c r="H2648" s="5">
        <v>13</v>
      </c>
      <c r="I2648" s="5" t="s">
        <v>1518</v>
      </c>
      <c r="J2648" s="5" t="s">
        <v>1519</v>
      </c>
      <c r="K2648" s="2" t="s">
        <v>1520</v>
      </c>
      <c r="L2648" s="5" t="s">
        <v>1519</v>
      </c>
      <c r="M2648" s="2" t="s">
        <v>1520</v>
      </c>
      <c r="N2648" s="5" t="s">
        <v>1521</v>
      </c>
      <c r="O2648" s="5" t="s">
        <v>38</v>
      </c>
      <c r="P2648" s="5" t="s">
        <v>39</v>
      </c>
      <c r="Q2648" s="5" t="s">
        <v>40</v>
      </c>
      <c r="R2648" s="5" t="s">
        <v>1522</v>
      </c>
      <c r="S2648" s="5" t="s">
        <v>1523</v>
      </c>
      <c r="T2648" s="5" t="s">
        <v>42</v>
      </c>
      <c r="U2648" s="2">
        <v>1.419</v>
      </c>
      <c r="V2648" s="2">
        <v>1.0509999999999999</v>
      </c>
      <c r="W2648" s="2">
        <v>0.01</v>
      </c>
      <c r="X2648" s="2">
        <v>118.9</v>
      </c>
      <c r="Y2648" s="2">
        <v>7.6</v>
      </c>
      <c r="Z2648" s="2">
        <v>10.6</v>
      </c>
      <c r="AA2648" s="5"/>
      <c r="AB2648" s="5" t="s">
        <v>43</v>
      </c>
      <c r="AC2648" s="5" t="s">
        <v>44</v>
      </c>
      <c r="AD2648" s="2"/>
      <c r="AE2648" s="1"/>
    </row>
    <row r="2649" spans="1:31" ht="14.45">
      <c r="A2649" s="11"/>
      <c r="B2649" s="20"/>
      <c r="C2649" s="2" t="s">
        <v>8400</v>
      </c>
      <c r="D2649" s="14" t="s">
        <v>8401</v>
      </c>
      <c r="E2649" s="2" t="s">
        <v>8402</v>
      </c>
      <c r="F2649" s="2" t="s">
        <v>1847</v>
      </c>
      <c r="G2649" s="8">
        <v>117</v>
      </c>
      <c r="H2649" s="5">
        <v>13</v>
      </c>
      <c r="I2649" s="5" t="s">
        <v>1518</v>
      </c>
      <c r="J2649" s="5" t="s">
        <v>1519</v>
      </c>
      <c r="K2649" s="2" t="s">
        <v>1520</v>
      </c>
      <c r="L2649" s="5" t="s">
        <v>1519</v>
      </c>
      <c r="M2649" s="2" t="s">
        <v>1520</v>
      </c>
      <c r="N2649" s="5" t="s">
        <v>1521</v>
      </c>
      <c r="O2649" s="5" t="s">
        <v>38</v>
      </c>
      <c r="P2649" s="5" t="s">
        <v>39</v>
      </c>
      <c r="Q2649" s="5" t="s">
        <v>40</v>
      </c>
      <c r="R2649" s="5" t="s">
        <v>1522</v>
      </c>
      <c r="S2649" s="5" t="s">
        <v>1523</v>
      </c>
      <c r="T2649" s="5" t="s">
        <v>42</v>
      </c>
      <c r="U2649" s="2">
        <v>1.452</v>
      </c>
      <c r="V2649" s="2">
        <v>1.0840000000000001</v>
      </c>
      <c r="W2649" s="2">
        <v>0.01</v>
      </c>
      <c r="X2649" s="2">
        <v>118.9</v>
      </c>
      <c r="Y2649" s="2">
        <v>7.6</v>
      </c>
      <c r="Z2649" s="2">
        <v>10.6</v>
      </c>
      <c r="AA2649" s="5"/>
      <c r="AB2649" s="5" t="s">
        <v>43</v>
      </c>
      <c r="AC2649" s="5" t="s">
        <v>44</v>
      </c>
      <c r="AD2649" s="2"/>
      <c r="AE2649" s="1"/>
    </row>
    <row r="2650" spans="1:31" ht="14.45">
      <c r="A2650" s="11"/>
      <c r="B2650" s="20"/>
      <c r="C2650" s="2" t="s">
        <v>8403</v>
      </c>
      <c r="D2650" s="14" t="s">
        <v>8404</v>
      </c>
      <c r="E2650" s="2" t="s">
        <v>8405</v>
      </c>
      <c r="F2650" s="2" t="s">
        <v>1851</v>
      </c>
      <c r="G2650" s="8">
        <v>117</v>
      </c>
      <c r="H2650" s="5">
        <v>13</v>
      </c>
      <c r="I2650" s="5" t="s">
        <v>1518</v>
      </c>
      <c r="J2650" s="5" t="s">
        <v>1519</v>
      </c>
      <c r="K2650" s="2" t="s">
        <v>1520</v>
      </c>
      <c r="L2650" s="5" t="s">
        <v>1519</v>
      </c>
      <c r="M2650" s="2" t="s">
        <v>1520</v>
      </c>
      <c r="N2650" s="5" t="s">
        <v>1521</v>
      </c>
      <c r="O2650" s="5" t="s">
        <v>38</v>
      </c>
      <c r="P2650" s="5" t="s">
        <v>39</v>
      </c>
      <c r="Q2650" s="5" t="s">
        <v>40</v>
      </c>
      <c r="R2650" s="5" t="s">
        <v>1522</v>
      </c>
      <c r="S2650" s="5" t="s">
        <v>1523</v>
      </c>
      <c r="T2650" s="5" t="s">
        <v>42</v>
      </c>
      <c r="U2650" s="2">
        <v>1.419</v>
      </c>
      <c r="V2650" s="2">
        <v>1.0509999999999999</v>
      </c>
      <c r="W2650" s="2">
        <v>0.01</v>
      </c>
      <c r="X2650" s="2">
        <v>118.9</v>
      </c>
      <c r="Y2650" s="2">
        <v>7.6</v>
      </c>
      <c r="Z2650" s="2">
        <v>10.6</v>
      </c>
      <c r="AA2650" s="5"/>
      <c r="AB2650" s="5" t="s">
        <v>43</v>
      </c>
      <c r="AC2650" s="5" t="s">
        <v>44</v>
      </c>
      <c r="AD2650" s="2"/>
      <c r="AE2650" s="1"/>
    </row>
    <row r="2651" spans="1:31" ht="14.45">
      <c r="A2651" s="11"/>
      <c r="B2651" s="20"/>
      <c r="C2651" s="2" t="s">
        <v>8406</v>
      </c>
      <c r="D2651" s="14" t="s">
        <v>8407</v>
      </c>
      <c r="E2651" s="2" t="s">
        <v>8408</v>
      </c>
      <c r="F2651" s="2" t="s">
        <v>1999</v>
      </c>
      <c r="G2651" s="8">
        <v>117</v>
      </c>
      <c r="H2651" s="5">
        <v>13</v>
      </c>
      <c r="I2651" s="5" t="s">
        <v>1518</v>
      </c>
      <c r="J2651" s="5" t="s">
        <v>1519</v>
      </c>
      <c r="K2651" s="2" t="s">
        <v>1520</v>
      </c>
      <c r="L2651" s="5" t="s">
        <v>1519</v>
      </c>
      <c r="M2651" s="2" t="s">
        <v>1520</v>
      </c>
      <c r="N2651" s="5" t="s">
        <v>1521</v>
      </c>
      <c r="O2651" s="5" t="s">
        <v>38</v>
      </c>
      <c r="P2651" s="5" t="s">
        <v>39</v>
      </c>
      <c r="Q2651" s="5" t="s">
        <v>40</v>
      </c>
      <c r="R2651" s="5" t="s">
        <v>1522</v>
      </c>
      <c r="S2651" s="5" t="s">
        <v>1523</v>
      </c>
      <c r="T2651" s="5" t="s">
        <v>42</v>
      </c>
      <c r="U2651" s="2">
        <v>1.452</v>
      </c>
      <c r="V2651" s="2">
        <v>1.0840000000000001</v>
      </c>
      <c r="W2651" s="2">
        <v>0.01</v>
      </c>
      <c r="X2651" s="2">
        <v>118.9</v>
      </c>
      <c r="Y2651" s="2">
        <v>7.6</v>
      </c>
      <c r="Z2651" s="2">
        <v>10.6</v>
      </c>
      <c r="AA2651" s="5"/>
      <c r="AB2651" s="5" t="s">
        <v>43</v>
      </c>
      <c r="AC2651" s="5" t="s">
        <v>44</v>
      </c>
      <c r="AD2651" s="2"/>
      <c r="AE2651" s="1"/>
    </row>
    <row r="2652" spans="1:31" ht="14.45">
      <c r="A2652" s="11"/>
      <c r="B2652" s="20"/>
      <c r="C2652" s="2" t="s">
        <v>8409</v>
      </c>
      <c r="D2652" s="14" t="s">
        <v>8410</v>
      </c>
      <c r="E2652" s="2" t="s">
        <v>8411</v>
      </c>
      <c r="F2652" s="2" t="s">
        <v>1855</v>
      </c>
      <c r="G2652" s="8">
        <v>117</v>
      </c>
      <c r="H2652" s="5">
        <v>13</v>
      </c>
      <c r="I2652" s="5" t="s">
        <v>1518</v>
      </c>
      <c r="J2652" s="5" t="s">
        <v>1519</v>
      </c>
      <c r="K2652" s="2" t="s">
        <v>1520</v>
      </c>
      <c r="L2652" s="5" t="s">
        <v>1519</v>
      </c>
      <c r="M2652" s="2" t="s">
        <v>1520</v>
      </c>
      <c r="N2652" s="5" t="s">
        <v>1521</v>
      </c>
      <c r="O2652" s="5" t="s">
        <v>38</v>
      </c>
      <c r="P2652" s="5" t="s">
        <v>39</v>
      </c>
      <c r="Q2652" s="5" t="s">
        <v>40</v>
      </c>
      <c r="R2652" s="5" t="s">
        <v>1522</v>
      </c>
      <c r="S2652" s="5" t="s">
        <v>1523</v>
      </c>
      <c r="T2652" s="5" t="s">
        <v>42</v>
      </c>
      <c r="U2652" s="2">
        <v>1.419</v>
      </c>
      <c r="V2652" s="2">
        <v>1.0509999999999999</v>
      </c>
      <c r="W2652" s="2">
        <v>0.01</v>
      </c>
      <c r="X2652" s="2">
        <v>118.9</v>
      </c>
      <c r="Y2652" s="2">
        <v>7.6</v>
      </c>
      <c r="Z2652" s="2">
        <v>10.6</v>
      </c>
      <c r="AA2652" s="5"/>
      <c r="AB2652" s="5" t="s">
        <v>43</v>
      </c>
      <c r="AC2652" s="5" t="s">
        <v>44</v>
      </c>
      <c r="AD2652" s="2"/>
      <c r="AE2652" s="1"/>
    </row>
    <row r="2653" spans="1:31" ht="14.45">
      <c r="A2653" s="11"/>
      <c r="B2653" s="20"/>
      <c r="C2653" s="2" t="s">
        <v>8412</v>
      </c>
      <c r="D2653" s="14" t="s">
        <v>8413</v>
      </c>
      <c r="E2653" s="2" t="s">
        <v>8414</v>
      </c>
      <c r="F2653" s="2" t="s">
        <v>1859</v>
      </c>
      <c r="G2653" s="8">
        <v>117</v>
      </c>
      <c r="H2653" s="5">
        <v>13</v>
      </c>
      <c r="I2653" s="5" t="s">
        <v>1518</v>
      </c>
      <c r="J2653" s="5" t="s">
        <v>1519</v>
      </c>
      <c r="K2653" s="2" t="s">
        <v>1520</v>
      </c>
      <c r="L2653" s="5" t="s">
        <v>1519</v>
      </c>
      <c r="M2653" s="2" t="s">
        <v>1520</v>
      </c>
      <c r="N2653" s="5" t="s">
        <v>1521</v>
      </c>
      <c r="O2653" s="5" t="s">
        <v>38</v>
      </c>
      <c r="P2653" s="5" t="s">
        <v>39</v>
      </c>
      <c r="Q2653" s="5" t="s">
        <v>40</v>
      </c>
      <c r="R2653" s="5" t="s">
        <v>1522</v>
      </c>
      <c r="S2653" s="5" t="s">
        <v>1523</v>
      </c>
      <c r="T2653" s="5" t="s">
        <v>42</v>
      </c>
      <c r="U2653" s="2">
        <v>1.452</v>
      </c>
      <c r="V2653" s="2">
        <v>1.0840000000000001</v>
      </c>
      <c r="W2653" s="2">
        <v>0.01</v>
      </c>
      <c r="X2653" s="2">
        <v>118.9</v>
      </c>
      <c r="Y2653" s="2">
        <v>7.6</v>
      </c>
      <c r="Z2653" s="2">
        <v>10.6</v>
      </c>
      <c r="AA2653" s="5"/>
      <c r="AB2653" s="5" t="s">
        <v>43</v>
      </c>
      <c r="AC2653" s="5" t="s">
        <v>44</v>
      </c>
      <c r="AD2653" s="2"/>
      <c r="AE2653" s="1"/>
    </row>
    <row r="2654" spans="1:31" ht="14.45">
      <c r="A2654" s="11"/>
      <c r="B2654" s="20"/>
      <c r="C2654" s="2" t="s">
        <v>8415</v>
      </c>
      <c r="D2654" s="14" t="s">
        <v>8416</v>
      </c>
      <c r="E2654" s="2" t="s">
        <v>8417</v>
      </c>
      <c r="F2654" s="2" t="s">
        <v>1863</v>
      </c>
      <c r="G2654" s="8">
        <v>117</v>
      </c>
      <c r="H2654" s="5">
        <v>11</v>
      </c>
      <c r="I2654" s="5" t="s">
        <v>1518</v>
      </c>
      <c r="J2654" s="5" t="s">
        <v>1519</v>
      </c>
      <c r="K2654" s="2" t="s">
        <v>1520</v>
      </c>
      <c r="L2654" s="5" t="s">
        <v>1519</v>
      </c>
      <c r="M2654" s="2" t="s">
        <v>1520</v>
      </c>
      <c r="N2654" s="5" t="s">
        <v>1521</v>
      </c>
      <c r="O2654" s="5" t="s">
        <v>38</v>
      </c>
      <c r="P2654" s="5" t="s">
        <v>39</v>
      </c>
      <c r="Q2654" s="5" t="s">
        <v>40</v>
      </c>
      <c r="R2654" s="5" t="s">
        <v>1522</v>
      </c>
      <c r="S2654" s="5" t="s">
        <v>1523</v>
      </c>
      <c r="T2654" s="5" t="s">
        <v>42</v>
      </c>
      <c r="U2654" s="2">
        <v>1.385</v>
      </c>
      <c r="V2654" s="2">
        <v>1.0149999999999999</v>
      </c>
      <c r="W2654" s="2">
        <v>0.01</v>
      </c>
      <c r="X2654" s="2">
        <v>118.9</v>
      </c>
      <c r="Y2654" s="2">
        <v>7.6</v>
      </c>
      <c r="Z2654" s="2">
        <v>10.6</v>
      </c>
      <c r="AA2654" s="5"/>
      <c r="AB2654" s="5" t="s">
        <v>43</v>
      </c>
      <c r="AC2654" s="5" t="s">
        <v>44</v>
      </c>
      <c r="AD2654" s="2"/>
      <c r="AE2654" s="1"/>
    </row>
    <row r="2655" spans="1:31" ht="14.45">
      <c r="A2655" s="11"/>
      <c r="B2655" s="20"/>
      <c r="C2655" s="2" t="s">
        <v>8418</v>
      </c>
      <c r="D2655" s="14" t="s">
        <v>8419</v>
      </c>
      <c r="E2655" s="2" t="s">
        <v>8420</v>
      </c>
      <c r="F2655" s="2" t="s">
        <v>1867</v>
      </c>
      <c r="G2655" s="8">
        <v>117</v>
      </c>
      <c r="H2655" s="5">
        <v>11</v>
      </c>
      <c r="I2655" s="5" t="s">
        <v>1518</v>
      </c>
      <c r="J2655" s="5" t="s">
        <v>1519</v>
      </c>
      <c r="K2655" s="2" t="s">
        <v>1520</v>
      </c>
      <c r="L2655" s="5" t="s">
        <v>1519</v>
      </c>
      <c r="M2655" s="2" t="s">
        <v>1520</v>
      </c>
      <c r="N2655" s="5" t="s">
        <v>1521</v>
      </c>
      <c r="O2655" s="5" t="s">
        <v>38</v>
      </c>
      <c r="P2655" s="5" t="s">
        <v>39</v>
      </c>
      <c r="Q2655" s="5" t="s">
        <v>40</v>
      </c>
      <c r="R2655" s="5" t="s">
        <v>1522</v>
      </c>
      <c r="S2655" s="5" t="s">
        <v>1523</v>
      </c>
      <c r="T2655" s="5" t="s">
        <v>42</v>
      </c>
      <c r="U2655" s="2">
        <v>1.4179999999999999</v>
      </c>
      <c r="V2655" s="2">
        <v>1.048</v>
      </c>
      <c r="W2655" s="2">
        <v>0.01</v>
      </c>
      <c r="X2655" s="2">
        <v>118.9</v>
      </c>
      <c r="Y2655" s="2">
        <v>7.6</v>
      </c>
      <c r="Z2655" s="2">
        <v>10.6</v>
      </c>
      <c r="AA2655" s="5"/>
      <c r="AB2655" s="5" t="s">
        <v>43</v>
      </c>
      <c r="AC2655" s="5" t="s">
        <v>44</v>
      </c>
      <c r="AD2655" s="2"/>
      <c r="AE2655" s="1"/>
    </row>
    <row r="2656" spans="1:31" ht="14.45">
      <c r="A2656" s="11"/>
      <c r="B2656" s="20"/>
      <c r="C2656" s="2" t="s">
        <v>8421</v>
      </c>
      <c r="D2656" s="14" t="s">
        <v>8422</v>
      </c>
      <c r="E2656" s="2" t="s">
        <v>8423</v>
      </c>
      <c r="F2656" s="2" t="s">
        <v>7396</v>
      </c>
      <c r="G2656" s="8">
        <v>90</v>
      </c>
      <c r="H2656" s="5">
        <v>5</v>
      </c>
      <c r="I2656" s="5" t="s">
        <v>1518</v>
      </c>
      <c r="J2656" s="5" t="s">
        <v>1519</v>
      </c>
      <c r="K2656" s="2" t="s">
        <v>1520</v>
      </c>
      <c r="L2656" s="5" t="s">
        <v>1519</v>
      </c>
      <c r="M2656" s="2" t="s">
        <v>1520</v>
      </c>
      <c r="N2656" s="5" t="s">
        <v>1521</v>
      </c>
      <c r="O2656" s="5" t="s">
        <v>38</v>
      </c>
      <c r="P2656" s="5" t="s">
        <v>39</v>
      </c>
      <c r="Q2656" s="5" t="s">
        <v>40</v>
      </c>
      <c r="R2656" s="5" t="s">
        <v>1522</v>
      </c>
      <c r="S2656" s="5" t="s">
        <v>1523</v>
      </c>
      <c r="T2656" s="5" t="s">
        <v>42</v>
      </c>
      <c r="U2656" s="2">
        <v>1.2989999999999999</v>
      </c>
      <c r="V2656" s="2">
        <v>1.0489999999999999</v>
      </c>
      <c r="W2656" s="2">
        <v>6.0000000000000001E-3</v>
      </c>
      <c r="X2656" s="2">
        <v>76.900000000000006</v>
      </c>
      <c r="Y2656" s="2">
        <v>7.6</v>
      </c>
      <c r="Z2656" s="2">
        <v>10.6</v>
      </c>
      <c r="AA2656" s="5"/>
      <c r="AB2656" s="5" t="s">
        <v>43</v>
      </c>
      <c r="AC2656" s="5" t="s">
        <v>44</v>
      </c>
      <c r="AD2656" s="2"/>
      <c r="AE2656" s="1"/>
    </row>
    <row r="2657" spans="1:31" ht="14.45">
      <c r="A2657" s="11"/>
      <c r="B2657" s="20"/>
      <c r="C2657" s="2" t="s">
        <v>8424</v>
      </c>
      <c r="D2657" s="14" t="s">
        <v>8425</v>
      </c>
      <c r="E2657" s="2" t="s">
        <v>8426</v>
      </c>
      <c r="F2657" s="2" t="s">
        <v>7507</v>
      </c>
      <c r="G2657" s="8">
        <v>90</v>
      </c>
      <c r="H2657" s="5">
        <v>5</v>
      </c>
      <c r="I2657" s="5" t="s">
        <v>1518</v>
      </c>
      <c r="J2657" s="5" t="s">
        <v>1519</v>
      </c>
      <c r="K2657" s="2" t="s">
        <v>1520</v>
      </c>
      <c r="L2657" s="5" t="s">
        <v>1519</v>
      </c>
      <c r="M2657" s="2" t="s">
        <v>1520</v>
      </c>
      <c r="N2657" s="5" t="s">
        <v>1521</v>
      </c>
      <c r="O2657" s="5" t="s">
        <v>38</v>
      </c>
      <c r="P2657" s="5" t="s">
        <v>39</v>
      </c>
      <c r="Q2657" s="5" t="s">
        <v>40</v>
      </c>
      <c r="R2657" s="5" t="s">
        <v>1522</v>
      </c>
      <c r="S2657" s="5" t="s">
        <v>1523</v>
      </c>
      <c r="T2657" s="5" t="s">
        <v>42</v>
      </c>
      <c r="U2657" s="2">
        <v>1.33</v>
      </c>
      <c r="V2657" s="2">
        <v>1.08</v>
      </c>
      <c r="W2657" s="2">
        <v>6.0000000000000001E-3</v>
      </c>
      <c r="X2657" s="2">
        <v>76.900000000000006</v>
      </c>
      <c r="Y2657" s="2">
        <v>7.6</v>
      </c>
      <c r="Z2657" s="2">
        <v>10.6</v>
      </c>
      <c r="AA2657" s="5"/>
      <c r="AB2657" s="5" t="s">
        <v>43</v>
      </c>
      <c r="AC2657" s="5" t="s">
        <v>44</v>
      </c>
      <c r="AD2657" s="2"/>
      <c r="AE2657" s="1"/>
    </row>
    <row r="2658" spans="1:31" ht="14.45">
      <c r="A2658" s="11"/>
      <c r="B2658" s="20"/>
      <c r="C2658" s="2" t="s">
        <v>8427</v>
      </c>
      <c r="D2658" s="14" t="s">
        <v>8428</v>
      </c>
      <c r="E2658" s="2" t="s">
        <v>8429</v>
      </c>
      <c r="F2658" s="2" t="s">
        <v>7204</v>
      </c>
      <c r="G2658" s="8">
        <v>90</v>
      </c>
      <c r="H2658" s="5">
        <v>5</v>
      </c>
      <c r="I2658" s="5" t="s">
        <v>1518</v>
      </c>
      <c r="J2658" s="5" t="s">
        <v>1519</v>
      </c>
      <c r="K2658" s="2" t="s">
        <v>1520</v>
      </c>
      <c r="L2658" s="5" t="s">
        <v>1519</v>
      </c>
      <c r="M2658" s="2" t="s">
        <v>1520</v>
      </c>
      <c r="N2658" s="5" t="s">
        <v>1521</v>
      </c>
      <c r="O2658" s="5" t="s">
        <v>38</v>
      </c>
      <c r="P2658" s="5" t="s">
        <v>39</v>
      </c>
      <c r="Q2658" s="5" t="s">
        <v>40</v>
      </c>
      <c r="R2658" s="5" t="s">
        <v>1522</v>
      </c>
      <c r="S2658" s="5" t="s">
        <v>1523</v>
      </c>
      <c r="T2658" s="5" t="s">
        <v>42</v>
      </c>
      <c r="U2658" s="2">
        <v>1.304</v>
      </c>
      <c r="V2658" s="2">
        <v>1.054</v>
      </c>
      <c r="W2658" s="2">
        <v>6.0000000000000001E-3</v>
      </c>
      <c r="X2658" s="2">
        <v>76.900000000000006</v>
      </c>
      <c r="Y2658" s="2">
        <v>7.6</v>
      </c>
      <c r="Z2658" s="2">
        <v>10.6</v>
      </c>
      <c r="AA2658" s="5"/>
      <c r="AB2658" s="5" t="s">
        <v>43</v>
      </c>
      <c r="AC2658" s="5" t="s">
        <v>44</v>
      </c>
      <c r="AD2658" s="2"/>
      <c r="AE2658" s="1"/>
    </row>
    <row r="2659" spans="1:31" ht="14.45">
      <c r="A2659" s="11"/>
      <c r="B2659" s="20"/>
      <c r="C2659" s="2" t="s">
        <v>8430</v>
      </c>
      <c r="D2659" s="14" t="s">
        <v>8431</v>
      </c>
      <c r="E2659" s="2" t="s">
        <v>8432</v>
      </c>
      <c r="F2659" s="2" t="s">
        <v>7514</v>
      </c>
      <c r="G2659" s="8">
        <v>90</v>
      </c>
      <c r="H2659" s="5">
        <v>5</v>
      </c>
      <c r="I2659" s="5" t="s">
        <v>1518</v>
      </c>
      <c r="J2659" s="5" t="s">
        <v>1519</v>
      </c>
      <c r="K2659" s="2" t="s">
        <v>1520</v>
      </c>
      <c r="L2659" s="5" t="s">
        <v>1519</v>
      </c>
      <c r="M2659" s="2" t="s">
        <v>1520</v>
      </c>
      <c r="N2659" s="5" t="s">
        <v>1521</v>
      </c>
      <c r="O2659" s="5" t="s">
        <v>38</v>
      </c>
      <c r="P2659" s="5" t="s">
        <v>39</v>
      </c>
      <c r="Q2659" s="5" t="s">
        <v>40</v>
      </c>
      <c r="R2659" s="5" t="s">
        <v>1522</v>
      </c>
      <c r="S2659" s="5" t="s">
        <v>1523</v>
      </c>
      <c r="T2659" s="5" t="s">
        <v>42</v>
      </c>
      <c r="U2659" s="2">
        <v>1.335</v>
      </c>
      <c r="V2659" s="2">
        <v>1.085</v>
      </c>
      <c r="W2659" s="2">
        <v>6.0000000000000001E-3</v>
      </c>
      <c r="X2659" s="2">
        <v>76.900000000000006</v>
      </c>
      <c r="Y2659" s="2">
        <v>7.6</v>
      </c>
      <c r="Z2659" s="2">
        <v>10.6</v>
      </c>
      <c r="AA2659" s="5"/>
      <c r="AB2659" s="5" t="s">
        <v>43</v>
      </c>
      <c r="AC2659" s="5" t="s">
        <v>44</v>
      </c>
      <c r="AD2659" s="2"/>
      <c r="AE2659" s="1"/>
    </row>
    <row r="2660" spans="1:31" ht="14.45">
      <c r="A2660" s="11"/>
      <c r="B2660" s="20"/>
      <c r="C2660" s="2" t="s">
        <v>8433</v>
      </c>
      <c r="D2660" s="14" t="s">
        <v>8434</v>
      </c>
      <c r="E2660" s="2" t="s">
        <v>8435</v>
      </c>
      <c r="F2660" s="2" t="s">
        <v>7208</v>
      </c>
      <c r="G2660" s="8">
        <v>90</v>
      </c>
      <c r="H2660" s="5">
        <v>5</v>
      </c>
      <c r="I2660" s="5" t="s">
        <v>1518</v>
      </c>
      <c r="J2660" s="5" t="s">
        <v>1519</v>
      </c>
      <c r="K2660" s="2" t="s">
        <v>1520</v>
      </c>
      <c r="L2660" s="5" t="s">
        <v>1519</v>
      </c>
      <c r="M2660" s="2" t="s">
        <v>1520</v>
      </c>
      <c r="N2660" s="5" t="s">
        <v>1521</v>
      </c>
      <c r="O2660" s="5" t="s">
        <v>38</v>
      </c>
      <c r="P2660" s="5" t="s">
        <v>39</v>
      </c>
      <c r="Q2660" s="5" t="s">
        <v>40</v>
      </c>
      <c r="R2660" s="5" t="s">
        <v>1522</v>
      </c>
      <c r="S2660" s="5" t="s">
        <v>1523</v>
      </c>
      <c r="T2660" s="5" t="s">
        <v>42</v>
      </c>
      <c r="U2660" s="2">
        <v>1.304</v>
      </c>
      <c r="V2660" s="2">
        <v>1.054</v>
      </c>
      <c r="W2660" s="2">
        <v>6.0000000000000001E-3</v>
      </c>
      <c r="X2660" s="2">
        <v>76.900000000000006</v>
      </c>
      <c r="Y2660" s="2">
        <v>7.6</v>
      </c>
      <c r="Z2660" s="2">
        <v>10.6</v>
      </c>
      <c r="AA2660" s="5"/>
      <c r="AB2660" s="5" t="s">
        <v>43</v>
      </c>
      <c r="AC2660" s="5" t="s">
        <v>44</v>
      </c>
      <c r="AD2660" s="2"/>
      <c r="AE2660" s="1"/>
    </row>
    <row r="2661" spans="1:31" ht="14.45">
      <c r="A2661" s="11"/>
      <c r="B2661" s="20"/>
      <c r="C2661" s="2" t="s">
        <v>8436</v>
      </c>
      <c r="D2661" s="14" t="s">
        <v>8437</v>
      </c>
      <c r="E2661" s="2" t="s">
        <v>8438</v>
      </c>
      <c r="F2661" s="2" t="s">
        <v>7521</v>
      </c>
      <c r="G2661" s="8">
        <v>90</v>
      </c>
      <c r="H2661" s="5">
        <v>5</v>
      </c>
      <c r="I2661" s="5" t="s">
        <v>1518</v>
      </c>
      <c r="J2661" s="5" t="s">
        <v>1519</v>
      </c>
      <c r="K2661" s="2" t="s">
        <v>1520</v>
      </c>
      <c r="L2661" s="5" t="s">
        <v>1519</v>
      </c>
      <c r="M2661" s="2" t="s">
        <v>1520</v>
      </c>
      <c r="N2661" s="5" t="s">
        <v>1521</v>
      </c>
      <c r="O2661" s="5" t="s">
        <v>38</v>
      </c>
      <c r="P2661" s="5" t="s">
        <v>39</v>
      </c>
      <c r="Q2661" s="5" t="s">
        <v>40</v>
      </c>
      <c r="R2661" s="5" t="s">
        <v>1522</v>
      </c>
      <c r="S2661" s="5" t="s">
        <v>1523</v>
      </c>
      <c r="T2661" s="5" t="s">
        <v>42</v>
      </c>
      <c r="U2661" s="2">
        <v>1.335</v>
      </c>
      <c r="V2661" s="2">
        <v>1.085</v>
      </c>
      <c r="W2661" s="2">
        <v>6.0000000000000001E-3</v>
      </c>
      <c r="X2661" s="2">
        <v>76.900000000000006</v>
      </c>
      <c r="Y2661" s="2">
        <v>7.6</v>
      </c>
      <c r="Z2661" s="2">
        <v>10.6</v>
      </c>
      <c r="AA2661" s="5"/>
      <c r="AB2661" s="5" t="s">
        <v>43</v>
      </c>
      <c r="AC2661" s="5" t="s">
        <v>44</v>
      </c>
      <c r="AD2661" s="2"/>
      <c r="AE2661" s="1"/>
    </row>
    <row r="2662" spans="1:31" ht="14.45">
      <c r="A2662" s="11"/>
      <c r="B2662" s="20"/>
      <c r="C2662" s="2" t="s">
        <v>8439</v>
      </c>
      <c r="D2662" s="14" t="s">
        <v>8440</v>
      </c>
      <c r="E2662" s="2" t="s">
        <v>8441</v>
      </c>
      <c r="F2662" s="2" t="s">
        <v>7212</v>
      </c>
      <c r="G2662" s="8">
        <v>90</v>
      </c>
      <c r="H2662" s="5">
        <v>5</v>
      </c>
      <c r="I2662" s="5" t="s">
        <v>1518</v>
      </c>
      <c r="J2662" s="5" t="s">
        <v>1519</v>
      </c>
      <c r="K2662" s="2" t="s">
        <v>1520</v>
      </c>
      <c r="L2662" s="5" t="s">
        <v>1519</v>
      </c>
      <c r="M2662" s="2" t="s">
        <v>1520</v>
      </c>
      <c r="N2662" s="5" t="s">
        <v>1521</v>
      </c>
      <c r="O2662" s="5" t="s">
        <v>38</v>
      </c>
      <c r="P2662" s="5" t="s">
        <v>39</v>
      </c>
      <c r="Q2662" s="5" t="s">
        <v>40</v>
      </c>
      <c r="R2662" s="5" t="s">
        <v>1522</v>
      </c>
      <c r="S2662" s="5" t="s">
        <v>1523</v>
      </c>
      <c r="T2662" s="5" t="s">
        <v>42</v>
      </c>
      <c r="U2662" s="2">
        <v>1.292</v>
      </c>
      <c r="V2662" s="2">
        <v>1.042</v>
      </c>
      <c r="W2662" s="2">
        <v>6.0000000000000001E-3</v>
      </c>
      <c r="X2662" s="2">
        <v>76.900000000000006</v>
      </c>
      <c r="Y2662" s="2">
        <v>7.6</v>
      </c>
      <c r="Z2662" s="2">
        <v>10.6</v>
      </c>
      <c r="AA2662" s="5"/>
      <c r="AB2662" s="5" t="s">
        <v>43</v>
      </c>
      <c r="AC2662" s="5" t="s">
        <v>44</v>
      </c>
      <c r="AD2662" s="2"/>
      <c r="AE2662" s="1"/>
    </row>
    <row r="2663" spans="1:31" ht="14.45">
      <c r="A2663" s="11"/>
      <c r="B2663" s="20"/>
      <c r="C2663" s="2" t="s">
        <v>8442</v>
      </c>
      <c r="D2663" s="14" t="s">
        <v>8443</v>
      </c>
      <c r="E2663" s="2" t="s">
        <v>8444</v>
      </c>
      <c r="F2663" s="2" t="s">
        <v>7528</v>
      </c>
      <c r="G2663" s="8">
        <v>90</v>
      </c>
      <c r="H2663" s="5">
        <v>5</v>
      </c>
      <c r="I2663" s="5" t="s">
        <v>1518</v>
      </c>
      <c r="J2663" s="5" t="s">
        <v>1519</v>
      </c>
      <c r="K2663" s="2" t="s">
        <v>1520</v>
      </c>
      <c r="L2663" s="5" t="s">
        <v>1519</v>
      </c>
      <c r="M2663" s="2" t="s">
        <v>1520</v>
      </c>
      <c r="N2663" s="5" t="s">
        <v>1521</v>
      </c>
      <c r="O2663" s="5" t="s">
        <v>38</v>
      </c>
      <c r="P2663" s="5" t="s">
        <v>39</v>
      </c>
      <c r="Q2663" s="5" t="s">
        <v>40</v>
      </c>
      <c r="R2663" s="5" t="s">
        <v>1522</v>
      </c>
      <c r="S2663" s="5" t="s">
        <v>1523</v>
      </c>
      <c r="T2663" s="5" t="s">
        <v>42</v>
      </c>
      <c r="U2663" s="2">
        <v>1.323</v>
      </c>
      <c r="V2663" s="2">
        <v>1.073</v>
      </c>
      <c r="W2663" s="2">
        <v>6.0000000000000001E-3</v>
      </c>
      <c r="X2663" s="2">
        <v>76.900000000000006</v>
      </c>
      <c r="Y2663" s="2">
        <v>7.6</v>
      </c>
      <c r="Z2663" s="2">
        <v>10.6</v>
      </c>
      <c r="AA2663" s="5"/>
      <c r="AB2663" s="5" t="s">
        <v>43</v>
      </c>
      <c r="AC2663" s="5" t="s">
        <v>44</v>
      </c>
      <c r="AD2663" s="2"/>
      <c r="AE2663" s="1"/>
    </row>
    <row r="2664" spans="1:31" ht="14.45">
      <c r="A2664" s="11"/>
      <c r="B2664" s="20"/>
      <c r="C2664" s="2" t="s">
        <v>8445</v>
      </c>
      <c r="D2664" s="14" t="s">
        <v>8446</v>
      </c>
      <c r="E2664" s="2" t="s">
        <v>8447</v>
      </c>
      <c r="F2664" s="2" t="s">
        <v>7406</v>
      </c>
      <c r="G2664" s="8">
        <v>104</v>
      </c>
      <c r="H2664" s="5">
        <v>6</v>
      </c>
      <c r="I2664" s="5" t="s">
        <v>1518</v>
      </c>
      <c r="J2664" s="5" t="s">
        <v>1519</v>
      </c>
      <c r="K2664" s="2" t="s">
        <v>1520</v>
      </c>
      <c r="L2664" s="5" t="s">
        <v>1519</v>
      </c>
      <c r="M2664" s="2" t="s">
        <v>1520</v>
      </c>
      <c r="N2664" s="5" t="s">
        <v>1521</v>
      </c>
      <c r="O2664" s="5" t="s">
        <v>38</v>
      </c>
      <c r="P2664" s="5" t="s">
        <v>39</v>
      </c>
      <c r="Q2664" s="5" t="s">
        <v>40</v>
      </c>
      <c r="R2664" s="5" t="s">
        <v>1522</v>
      </c>
      <c r="S2664" s="5" t="s">
        <v>1523</v>
      </c>
      <c r="T2664" s="5" t="s">
        <v>42</v>
      </c>
      <c r="U2664" s="2">
        <v>1.292</v>
      </c>
      <c r="V2664" s="2">
        <v>1.042</v>
      </c>
      <c r="W2664" s="2">
        <v>6.0000000000000001E-3</v>
      </c>
      <c r="X2664" s="2">
        <v>76.900000000000006</v>
      </c>
      <c r="Y2664" s="2">
        <v>7.6</v>
      </c>
      <c r="Z2664" s="2">
        <v>10.6</v>
      </c>
      <c r="AA2664" s="5"/>
      <c r="AB2664" s="5" t="s">
        <v>43</v>
      </c>
      <c r="AC2664" s="5" t="s">
        <v>44</v>
      </c>
      <c r="AD2664" s="2"/>
      <c r="AE2664" s="1"/>
    </row>
    <row r="2665" spans="1:31" ht="14.45">
      <c r="A2665" s="11"/>
      <c r="B2665" s="20"/>
      <c r="C2665" s="2" t="s">
        <v>8448</v>
      </c>
      <c r="D2665" s="14" t="s">
        <v>8449</v>
      </c>
      <c r="E2665" s="2" t="s">
        <v>8450</v>
      </c>
      <c r="F2665" s="2" t="s">
        <v>7535</v>
      </c>
      <c r="G2665" s="8">
        <v>104</v>
      </c>
      <c r="H2665" s="5">
        <v>6</v>
      </c>
      <c r="I2665" s="5" t="s">
        <v>1518</v>
      </c>
      <c r="J2665" s="5" t="s">
        <v>1519</v>
      </c>
      <c r="K2665" s="2" t="s">
        <v>1520</v>
      </c>
      <c r="L2665" s="5" t="s">
        <v>1519</v>
      </c>
      <c r="M2665" s="2" t="s">
        <v>1520</v>
      </c>
      <c r="N2665" s="5" t="s">
        <v>1521</v>
      </c>
      <c r="O2665" s="5" t="s">
        <v>38</v>
      </c>
      <c r="P2665" s="5" t="s">
        <v>39</v>
      </c>
      <c r="Q2665" s="5" t="s">
        <v>40</v>
      </c>
      <c r="R2665" s="5" t="s">
        <v>1522</v>
      </c>
      <c r="S2665" s="5" t="s">
        <v>1523</v>
      </c>
      <c r="T2665" s="5" t="s">
        <v>42</v>
      </c>
      <c r="U2665" s="2">
        <v>1.323</v>
      </c>
      <c r="V2665" s="2">
        <v>1.073</v>
      </c>
      <c r="W2665" s="2">
        <v>6.0000000000000001E-3</v>
      </c>
      <c r="X2665" s="2">
        <v>76.900000000000006</v>
      </c>
      <c r="Y2665" s="2">
        <v>7.6</v>
      </c>
      <c r="Z2665" s="2">
        <v>10.6</v>
      </c>
      <c r="AA2665" s="5"/>
      <c r="AB2665" s="5" t="s">
        <v>43</v>
      </c>
      <c r="AC2665" s="5" t="s">
        <v>44</v>
      </c>
      <c r="AD2665" s="2"/>
      <c r="AE2665" s="1"/>
    </row>
    <row r="2666" spans="1:31" ht="14.45">
      <c r="A2666" s="11"/>
      <c r="B2666" s="20"/>
      <c r="C2666" s="2" t="s">
        <v>8451</v>
      </c>
      <c r="D2666" s="14" t="s">
        <v>8452</v>
      </c>
      <c r="E2666" s="2" t="s">
        <v>8453</v>
      </c>
      <c r="F2666" s="2" t="s">
        <v>7539</v>
      </c>
      <c r="G2666" s="8">
        <v>104</v>
      </c>
      <c r="H2666" s="5">
        <v>6</v>
      </c>
      <c r="I2666" s="5" t="s">
        <v>1518</v>
      </c>
      <c r="J2666" s="5" t="s">
        <v>1519</v>
      </c>
      <c r="K2666" s="2" t="s">
        <v>1520</v>
      </c>
      <c r="L2666" s="5" t="s">
        <v>1519</v>
      </c>
      <c r="M2666" s="2" t="s">
        <v>1520</v>
      </c>
      <c r="N2666" s="5" t="s">
        <v>1521</v>
      </c>
      <c r="O2666" s="5" t="s">
        <v>38</v>
      </c>
      <c r="P2666" s="5" t="s">
        <v>39</v>
      </c>
      <c r="Q2666" s="5" t="s">
        <v>40</v>
      </c>
      <c r="R2666" s="5" t="s">
        <v>1522</v>
      </c>
      <c r="S2666" s="5" t="s">
        <v>1523</v>
      </c>
      <c r="T2666" s="5" t="s">
        <v>42</v>
      </c>
      <c r="U2666" s="2">
        <v>1.304</v>
      </c>
      <c r="V2666" s="2">
        <v>1.054</v>
      </c>
      <c r="W2666" s="2">
        <v>6.0000000000000001E-3</v>
      </c>
      <c r="X2666" s="2">
        <v>76.900000000000006</v>
      </c>
      <c r="Y2666" s="2">
        <v>7.6</v>
      </c>
      <c r="Z2666" s="2">
        <v>10.6</v>
      </c>
      <c r="AA2666" s="5"/>
      <c r="AB2666" s="5" t="s">
        <v>43</v>
      </c>
      <c r="AC2666" s="5" t="s">
        <v>44</v>
      </c>
      <c r="AD2666" s="2"/>
      <c r="AE2666" s="1"/>
    </row>
    <row r="2667" spans="1:31" ht="14.45">
      <c r="A2667" s="11"/>
      <c r="B2667" s="20"/>
      <c r="C2667" s="2" t="s">
        <v>8454</v>
      </c>
      <c r="D2667" s="14" t="s">
        <v>8455</v>
      </c>
      <c r="E2667" s="2" t="s">
        <v>8456</v>
      </c>
      <c r="F2667" s="2" t="s">
        <v>7543</v>
      </c>
      <c r="G2667" s="8">
        <v>104</v>
      </c>
      <c r="H2667" s="5">
        <v>6</v>
      </c>
      <c r="I2667" s="5" t="s">
        <v>1518</v>
      </c>
      <c r="J2667" s="5" t="s">
        <v>1519</v>
      </c>
      <c r="K2667" s="2" t="s">
        <v>1520</v>
      </c>
      <c r="L2667" s="5" t="s">
        <v>1519</v>
      </c>
      <c r="M2667" s="2" t="s">
        <v>1520</v>
      </c>
      <c r="N2667" s="5" t="s">
        <v>1521</v>
      </c>
      <c r="O2667" s="5" t="s">
        <v>38</v>
      </c>
      <c r="P2667" s="5" t="s">
        <v>39</v>
      </c>
      <c r="Q2667" s="5" t="s">
        <v>40</v>
      </c>
      <c r="R2667" s="5" t="s">
        <v>1522</v>
      </c>
      <c r="S2667" s="5" t="s">
        <v>1523</v>
      </c>
      <c r="T2667" s="5" t="s">
        <v>42</v>
      </c>
      <c r="U2667" s="2">
        <v>1.335</v>
      </c>
      <c r="V2667" s="2">
        <v>1.085</v>
      </c>
      <c r="W2667" s="2">
        <v>6.0000000000000001E-3</v>
      </c>
      <c r="X2667" s="2">
        <v>76.900000000000006</v>
      </c>
      <c r="Y2667" s="2">
        <v>7.6</v>
      </c>
      <c r="Z2667" s="2">
        <v>10.6</v>
      </c>
      <c r="AA2667" s="5"/>
      <c r="AB2667" s="5" t="s">
        <v>43</v>
      </c>
      <c r="AC2667" s="5" t="s">
        <v>44</v>
      </c>
      <c r="AD2667" s="2"/>
      <c r="AE2667" s="1"/>
    </row>
    <row r="2668" spans="1:31" ht="14.45">
      <c r="A2668" s="11"/>
      <c r="B2668" s="20"/>
      <c r="C2668" s="2" t="s">
        <v>8457</v>
      </c>
      <c r="D2668" s="14" t="s">
        <v>8458</v>
      </c>
      <c r="E2668" s="2" t="s">
        <v>8459</v>
      </c>
      <c r="F2668" s="2" t="s">
        <v>7547</v>
      </c>
      <c r="G2668" s="8">
        <v>104</v>
      </c>
      <c r="H2668" s="5">
        <v>6</v>
      </c>
      <c r="I2668" s="5" t="s">
        <v>1518</v>
      </c>
      <c r="J2668" s="5" t="s">
        <v>1519</v>
      </c>
      <c r="K2668" s="2" t="s">
        <v>1520</v>
      </c>
      <c r="L2668" s="5" t="s">
        <v>1519</v>
      </c>
      <c r="M2668" s="2" t="s">
        <v>1520</v>
      </c>
      <c r="N2668" s="5" t="s">
        <v>1521</v>
      </c>
      <c r="O2668" s="5" t="s">
        <v>38</v>
      </c>
      <c r="P2668" s="5" t="s">
        <v>39</v>
      </c>
      <c r="Q2668" s="5" t="s">
        <v>40</v>
      </c>
      <c r="R2668" s="5" t="s">
        <v>1522</v>
      </c>
      <c r="S2668" s="5" t="s">
        <v>1523</v>
      </c>
      <c r="T2668" s="5" t="s">
        <v>42</v>
      </c>
      <c r="U2668" s="2">
        <v>1.292</v>
      </c>
      <c r="V2668" s="2">
        <v>1.042</v>
      </c>
      <c r="W2668" s="2">
        <v>6.0000000000000001E-3</v>
      </c>
      <c r="X2668" s="2">
        <v>76.900000000000006</v>
      </c>
      <c r="Y2668" s="2">
        <v>7.6</v>
      </c>
      <c r="Z2668" s="2">
        <v>10.6</v>
      </c>
      <c r="AA2668" s="5"/>
      <c r="AB2668" s="5" t="s">
        <v>43</v>
      </c>
      <c r="AC2668" s="5" t="s">
        <v>44</v>
      </c>
      <c r="AD2668" s="2"/>
      <c r="AE2668" s="1"/>
    </row>
    <row r="2669" spans="1:31" ht="14.45">
      <c r="A2669" s="11"/>
      <c r="B2669" s="20"/>
      <c r="C2669" s="2" t="s">
        <v>8460</v>
      </c>
      <c r="D2669" s="14" t="s">
        <v>8461</v>
      </c>
      <c r="E2669" s="2" t="s">
        <v>8462</v>
      </c>
      <c r="F2669" s="2" t="s">
        <v>7551</v>
      </c>
      <c r="G2669" s="8">
        <v>104</v>
      </c>
      <c r="H2669" s="5">
        <v>6</v>
      </c>
      <c r="I2669" s="5" t="s">
        <v>1518</v>
      </c>
      <c r="J2669" s="5" t="s">
        <v>1519</v>
      </c>
      <c r="K2669" s="2" t="s">
        <v>1520</v>
      </c>
      <c r="L2669" s="5" t="s">
        <v>1519</v>
      </c>
      <c r="M2669" s="2" t="s">
        <v>1520</v>
      </c>
      <c r="N2669" s="5" t="s">
        <v>1521</v>
      </c>
      <c r="O2669" s="5" t="s">
        <v>38</v>
      </c>
      <c r="P2669" s="5" t="s">
        <v>39</v>
      </c>
      <c r="Q2669" s="5" t="s">
        <v>40</v>
      </c>
      <c r="R2669" s="5" t="s">
        <v>1522</v>
      </c>
      <c r="S2669" s="5" t="s">
        <v>1523</v>
      </c>
      <c r="T2669" s="5" t="s">
        <v>42</v>
      </c>
      <c r="U2669" s="2">
        <v>1.323</v>
      </c>
      <c r="V2669" s="2">
        <v>1.073</v>
      </c>
      <c r="W2669" s="2">
        <v>6.0000000000000001E-3</v>
      </c>
      <c r="X2669" s="2">
        <v>76.900000000000006</v>
      </c>
      <c r="Y2669" s="2">
        <v>7.6</v>
      </c>
      <c r="Z2669" s="2">
        <v>10.6</v>
      </c>
      <c r="AA2669" s="5"/>
      <c r="AB2669" s="5" t="s">
        <v>43</v>
      </c>
      <c r="AC2669" s="5" t="s">
        <v>44</v>
      </c>
      <c r="AD2669" s="2"/>
      <c r="AE2669" s="1"/>
    </row>
    <row r="2670" spans="1:31" ht="14.45">
      <c r="A2670" s="11"/>
      <c r="B2670" s="20"/>
      <c r="C2670" s="2" t="s">
        <v>8463</v>
      </c>
      <c r="D2670" s="14" t="s">
        <v>8464</v>
      </c>
      <c r="E2670" s="2" t="s">
        <v>8465</v>
      </c>
      <c r="F2670" s="2" t="s">
        <v>7555</v>
      </c>
      <c r="G2670" s="8">
        <v>104</v>
      </c>
      <c r="H2670" s="5">
        <v>6</v>
      </c>
      <c r="I2670" s="5" t="s">
        <v>1518</v>
      </c>
      <c r="J2670" s="5" t="s">
        <v>1519</v>
      </c>
      <c r="K2670" s="2" t="s">
        <v>1520</v>
      </c>
      <c r="L2670" s="5" t="s">
        <v>1519</v>
      </c>
      <c r="M2670" s="2" t="s">
        <v>1520</v>
      </c>
      <c r="N2670" s="5" t="s">
        <v>1521</v>
      </c>
      <c r="O2670" s="5" t="s">
        <v>38</v>
      </c>
      <c r="P2670" s="5" t="s">
        <v>39</v>
      </c>
      <c r="Q2670" s="5" t="s">
        <v>40</v>
      </c>
      <c r="R2670" s="5" t="s">
        <v>1522</v>
      </c>
      <c r="S2670" s="5" t="s">
        <v>1523</v>
      </c>
      <c r="T2670" s="5" t="s">
        <v>42</v>
      </c>
      <c r="U2670" s="2">
        <v>1.292</v>
      </c>
      <c r="V2670" s="2">
        <v>1.042</v>
      </c>
      <c r="W2670" s="2">
        <v>6.0000000000000001E-3</v>
      </c>
      <c r="X2670" s="2">
        <v>76.900000000000006</v>
      </c>
      <c r="Y2670" s="2">
        <v>7.6</v>
      </c>
      <c r="Z2670" s="2">
        <v>10.6</v>
      </c>
      <c r="AA2670" s="5"/>
      <c r="AB2670" s="5" t="s">
        <v>43</v>
      </c>
      <c r="AC2670" s="5" t="s">
        <v>44</v>
      </c>
      <c r="AD2670" s="2"/>
      <c r="AE2670" s="1"/>
    </row>
    <row r="2671" spans="1:31" ht="14.45">
      <c r="A2671" s="11"/>
      <c r="B2671" s="20"/>
      <c r="C2671" s="2" t="s">
        <v>8466</v>
      </c>
      <c r="D2671" s="14" t="s">
        <v>8467</v>
      </c>
      <c r="E2671" s="2" t="s">
        <v>8468</v>
      </c>
      <c r="F2671" s="2" t="s">
        <v>7559</v>
      </c>
      <c r="G2671" s="8">
        <v>104</v>
      </c>
      <c r="H2671" s="5">
        <v>6</v>
      </c>
      <c r="I2671" s="5" t="s">
        <v>1518</v>
      </c>
      <c r="J2671" s="5" t="s">
        <v>1519</v>
      </c>
      <c r="K2671" s="2" t="s">
        <v>1520</v>
      </c>
      <c r="L2671" s="5" t="s">
        <v>1519</v>
      </c>
      <c r="M2671" s="2" t="s">
        <v>1520</v>
      </c>
      <c r="N2671" s="5" t="s">
        <v>1521</v>
      </c>
      <c r="O2671" s="5" t="s">
        <v>38</v>
      </c>
      <c r="P2671" s="5" t="s">
        <v>39</v>
      </c>
      <c r="Q2671" s="5" t="s">
        <v>40</v>
      </c>
      <c r="R2671" s="5" t="s">
        <v>1522</v>
      </c>
      <c r="S2671" s="5" t="s">
        <v>1523</v>
      </c>
      <c r="T2671" s="5" t="s">
        <v>42</v>
      </c>
      <c r="U2671" s="2">
        <v>1.323</v>
      </c>
      <c r="V2671" s="2">
        <v>1.073</v>
      </c>
      <c r="W2671" s="2">
        <v>6.0000000000000001E-3</v>
      </c>
      <c r="X2671" s="2">
        <v>76.900000000000006</v>
      </c>
      <c r="Y2671" s="2">
        <v>7.6</v>
      </c>
      <c r="Z2671" s="2">
        <v>10.6</v>
      </c>
      <c r="AA2671" s="5"/>
      <c r="AB2671" s="5" t="s">
        <v>43</v>
      </c>
      <c r="AC2671" s="5" t="s">
        <v>44</v>
      </c>
      <c r="AD2671" s="2"/>
      <c r="AE2671" s="1"/>
    </row>
    <row r="2672" spans="1:31" ht="14.45">
      <c r="A2672" s="11"/>
      <c r="B2672" s="20"/>
      <c r="C2672" s="2" t="s">
        <v>8469</v>
      </c>
      <c r="D2672" s="14" t="s">
        <v>8470</v>
      </c>
      <c r="E2672" s="2" t="s">
        <v>8471</v>
      </c>
      <c r="F2672" s="2" t="s">
        <v>7563</v>
      </c>
      <c r="G2672" s="8">
        <v>104</v>
      </c>
      <c r="H2672" s="5">
        <v>6</v>
      </c>
      <c r="I2672" s="5" t="s">
        <v>1518</v>
      </c>
      <c r="J2672" s="5" t="s">
        <v>1519</v>
      </c>
      <c r="K2672" s="2" t="s">
        <v>1520</v>
      </c>
      <c r="L2672" s="5" t="s">
        <v>1519</v>
      </c>
      <c r="M2672" s="2" t="s">
        <v>1520</v>
      </c>
      <c r="N2672" s="5" t="s">
        <v>1521</v>
      </c>
      <c r="O2672" s="5" t="s">
        <v>38</v>
      </c>
      <c r="P2672" s="5" t="s">
        <v>39</v>
      </c>
      <c r="Q2672" s="5" t="s">
        <v>40</v>
      </c>
      <c r="R2672" s="5" t="s">
        <v>1522</v>
      </c>
      <c r="S2672" s="5" t="s">
        <v>1523</v>
      </c>
      <c r="T2672" s="5" t="s">
        <v>42</v>
      </c>
      <c r="U2672" s="2">
        <v>1.304</v>
      </c>
      <c r="V2672" s="2">
        <v>1.054</v>
      </c>
      <c r="W2672" s="2">
        <v>6.0000000000000001E-3</v>
      </c>
      <c r="X2672" s="2">
        <v>76.900000000000006</v>
      </c>
      <c r="Y2672" s="2">
        <v>7.6</v>
      </c>
      <c r="Z2672" s="2">
        <v>10.6</v>
      </c>
      <c r="AA2672" s="5"/>
      <c r="AB2672" s="5" t="s">
        <v>43</v>
      </c>
      <c r="AC2672" s="5" t="s">
        <v>44</v>
      </c>
      <c r="AD2672" s="2"/>
      <c r="AE2672" s="1"/>
    </row>
    <row r="2673" spans="1:31" ht="14.45">
      <c r="A2673" s="11"/>
      <c r="B2673" s="20"/>
      <c r="C2673" s="2" t="s">
        <v>8472</v>
      </c>
      <c r="D2673" s="14" t="s">
        <v>8473</v>
      </c>
      <c r="E2673" s="2" t="s">
        <v>8474</v>
      </c>
      <c r="F2673" s="2" t="s">
        <v>7567</v>
      </c>
      <c r="G2673" s="8">
        <v>104</v>
      </c>
      <c r="H2673" s="5">
        <v>6</v>
      </c>
      <c r="I2673" s="5" t="s">
        <v>1518</v>
      </c>
      <c r="J2673" s="5" t="s">
        <v>1519</v>
      </c>
      <c r="K2673" s="2" t="s">
        <v>1520</v>
      </c>
      <c r="L2673" s="5" t="s">
        <v>1519</v>
      </c>
      <c r="M2673" s="2" t="s">
        <v>1520</v>
      </c>
      <c r="N2673" s="5" t="s">
        <v>1521</v>
      </c>
      <c r="O2673" s="5" t="s">
        <v>38</v>
      </c>
      <c r="P2673" s="5" t="s">
        <v>39</v>
      </c>
      <c r="Q2673" s="5" t="s">
        <v>40</v>
      </c>
      <c r="R2673" s="5" t="s">
        <v>1522</v>
      </c>
      <c r="S2673" s="5" t="s">
        <v>1523</v>
      </c>
      <c r="T2673" s="5" t="s">
        <v>42</v>
      </c>
      <c r="U2673" s="2">
        <v>1.335</v>
      </c>
      <c r="V2673" s="2">
        <v>1.085</v>
      </c>
      <c r="W2673" s="2">
        <v>6.0000000000000001E-3</v>
      </c>
      <c r="X2673" s="2">
        <v>76.900000000000006</v>
      </c>
      <c r="Y2673" s="2">
        <v>7.6</v>
      </c>
      <c r="Z2673" s="2">
        <v>10.6</v>
      </c>
      <c r="AA2673" s="5"/>
      <c r="AB2673" s="5" t="s">
        <v>43</v>
      </c>
      <c r="AC2673" s="5" t="s">
        <v>44</v>
      </c>
      <c r="AD2673" s="2"/>
      <c r="AE2673" s="1"/>
    </row>
    <row r="2674" spans="1:31" ht="14.45">
      <c r="A2674" s="11"/>
      <c r="B2674" s="20"/>
      <c r="C2674" s="2" t="s">
        <v>8475</v>
      </c>
      <c r="D2674" s="14" t="s">
        <v>8476</v>
      </c>
      <c r="E2674" s="2" t="s">
        <v>8477</v>
      </c>
      <c r="F2674" s="2" t="s">
        <v>7429</v>
      </c>
      <c r="G2674" s="8">
        <v>104</v>
      </c>
      <c r="H2674" s="5">
        <v>6</v>
      </c>
      <c r="I2674" s="5" t="s">
        <v>1518</v>
      </c>
      <c r="J2674" s="5" t="s">
        <v>1519</v>
      </c>
      <c r="K2674" s="2" t="s">
        <v>1520</v>
      </c>
      <c r="L2674" s="5" t="s">
        <v>1519</v>
      </c>
      <c r="M2674" s="2" t="s">
        <v>1520</v>
      </c>
      <c r="N2674" s="5" t="s">
        <v>1521</v>
      </c>
      <c r="O2674" s="5" t="s">
        <v>38</v>
      </c>
      <c r="P2674" s="5" t="s">
        <v>39</v>
      </c>
      <c r="Q2674" s="5" t="s">
        <v>40</v>
      </c>
      <c r="R2674" s="5" t="s">
        <v>1522</v>
      </c>
      <c r="S2674" s="5" t="s">
        <v>1523</v>
      </c>
      <c r="T2674" s="5" t="s">
        <v>42</v>
      </c>
      <c r="U2674" s="2">
        <v>1.304</v>
      </c>
      <c r="V2674" s="2">
        <v>1.054</v>
      </c>
      <c r="W2674" s="2">
        <v>6.0000000000000001E-3</v>
      </c>
      <c r="X2674" s="2">
        <v>76.900000000000006</v>
      </c>
      <c r="Y2674" s="2">
        <v>7.6</v>
      </c>
      <c r="Z2674" s="2">
        <v>10.6</v>
      </c>
      <c r="AA2674" s="5"/>
      <c r="AB2674" s="5" t="s">
        <v>43</v>
      </c>
      <c r="AC2674" s="5" t="s">
        <v>44</v>
      </c>
      <c r="AD2674" s="2"/>
      <c r="AE2674" s="1"/>
    </row>
    <row r="2675" spans="1:31" ht="14.45">
      <c r="A2675" s="11"/>
      <c r="B2675" s="20"/>
      <c r="C2675" s="2" t="s">
        <v>8478</v>
      </c>
      <c r="D2675" s="14" t="s">
        <v>8479</v>
      </c>
      <c r="E2675" s="2" t="s">
        <v>8480</v>
      </c>
      <c r="F2675" s="2" t="s">
        <v>7574</v>
      </c>
      <c r="G2675" s="8">
        <v>104</v>
      </c>
      <c r="H2675" s="5">
        <v>6</v>
      </c>
      <c r="I2675" s="5" t="s">
        <v>1518</v>
      </c>
      <c r="J2675" s="5" t="s">
        <v>1519</v>
      </c>
      <c r="K2675" s="2" t="s">
        <v>1520</v>
      </c>
      <c r="L2675" s="5" t="s">
        <v>1519</v>
      </c>
      <c r="M2675" s="2" t="s">
        <v>1520</v>
      </c>
      <c r="N2675" s="5" t="s">
        <v>1521</v>
      </c>
      <c r="O2675" s="5" t="s">
        <v>38</v>
      </c>
      <c r="P2675" s="5" t="s">
        <v>39</v>
      </c>
      <c r="Q2675" s="5" t="s">
        <v>40</v>
      </c>
      <c r="R2675" s="5" t="s">
        <v>1522</v>
      </c>
      <c r="S2675" s="5" t="s">
        <v>1523</v>
      </c>
      <c r="T2675" s="5" t="s">
        <v>42</v>
      </c>
      <c r="U2675" s="2">
        <v>1.335</v>
      </c>
      <c r="V2675" s="2">
        <v>1.085</v>
      </c>
      <c r="W2675" s="2">
        <v>6.0000000000000001E-3</v>
      </c>
      <c r="X2675" s="2">
        <v>76.900000000000006</v>
      </c>
      <c r="Y2675" s="2">
        <v>7.6</v>
      </c>
      <c r="Z2675" s="2">
        <v>10.6</v>
      </c>
      <c r="AA2675" s="5"/>
      <c r="AB2675" s="5" t="s">
        <v>43</v>
      </c>
      <c r="AC2675" s="5" t="s">
        <v>44</v>
      </c>
      <c r="AD2675" s="2"/>
      <c r="AE2675" s="1"/>
    </row>
    <row r="2676" spans="1:31" ht="14.45">
      <c r="A2676" s="11"/>
      <c r="B2676" s="20"/>
      <c r="C2676" s="2" t="s">
        <v>8481</v>
      </c>
      <c r="D2676" s="14" t="s">
        <v>8482</v>
      </c>
      <c r="E2676" s="2" t="s">
        <v>8483</v>
      </c>
      <c r="F2676" s="2" t="s">
        <v>7449</v>
      </c>
      <c r="G2676" s="8">
        <v>104</v>
      </c>
      <c r="H2676" s="5">
        <v>6</v>
      </c>
      <c r="I2676" s="5" t="s">
        <v>1518</v>
      </c>
      <c r="J2676" s="5" t="s">
        <v>1519</v>
      </c>
      <c r="K2676" s="2" t="s">
        <v>1520</v>
      </c>
      <c r="L2676" s="5" t="s">
        <v>1519</v>
      </c>
      <c r="M2676" s="2" t="s">
        <v>1520</v>
      </c>
      <c r="N2676" s="5" t="s">
        <v>1521</v>
      </c>
      <c r="O2676" s="5" t="s">
        <v>38</v>
      </c>
      <c r="P2676" s="5" t="s">
        <v>39</v>
      </c>
      <c r="Q2676" s="5" t="s">
        <v>40</v>
      </c>
      <c r="R2676" s="5" t="s">
        <v>1522</v>
      </c>
      <c r="S2676" s="5" t="s">
        <v>1523</v>
      </c>
      <c r="T2676" s="5" t="s">
        <v>42</v>
      </c>
      <c r="U2676" s="2">
        <v>1.304</v>
      </c>
      <c r="V2676" s="2">
        <v>1.054</v>
      </c>
      <c r="W2676" s="2">
        <v>6.0000000000000001E-3</v>
      </c>
      <c r="X2676" s="2">
        <v>76.900000000000006</v>
      </c>
      <c r="Y2676" s="2">
        <v>7.6</v>
      </c>
      <c r="Z2676" s="2">
        <v>10.6</v>
      </c>
      <c r="AA2676" s="5"/>
      <c r="AB2676" s="5" t="s">
        <v>43</v>
      </c>
      <c r="AC2676" s="5" t="s">
        <v>44</v>
      </c>
      <c r="AD2676" s="2"/>
      <c r="AE2676" s="1"/>
    </row>
    <row r="2677" spans="1:31" ht="14.45">
      <c r="A2677" s="11"/>
      <c r="B2677" s="20"/>
      <c r="C2677" s="2" t="s">
        <v>8484</v>
      </c>
      <c r="D2677" s="14" t="s">
        <v>8485</v>
      </c>
      <c r="E2677" s="2" t="s">
        <v>8486</v>
      </c>
      <c r="F2677" s="2" t="s">
        <v>7581</v>
      </c>
      <c r="G2677" s="8">
        <v>104</v>
      </c>
      <c r="H2677" s="5">
        <v>6</v>
      </c>
      <c r="I2677" s="5" t="s">
        <v>1518</v>
      </c>
      <c r="J2677" s="5" t="s">
        <v>1519</v>
      </c>
      <c r="K2677" s="2" t="s">
        <v>1520</v>
      </c>
      <c r="L2677" s="5" t="s">
        <v>1519</v>
      </c>
      <c r="M2677" s="2" t="s">
        <v>1520</v>
      </c>
      <c r="N2677" s="5" t="s">
        <v>1521</v>
      </c>
      <c r="O2677" s="5" t="s">
        <v>38</v>
      </c>
      <c r="P2677" s="5" t="s">
        <v>39</v>
      </c>
      <c r="Q2677" s="5" t="s">
        <v>40</v>
      </c>
      <c r="R2677" s="5" t="s">
        <v>1522</v>
      </c>
      <c r="S2677" s="5" t="s">
        <v>1523</v>
      </c>
      <c r="T2677" s="5" t="s">
        <v>42</v>
      </c>
      <c r="U2677" s="2">
        <v>1.335</v>
      </c>
      <c r="V2677" s="2">
        <v>1.085</v>
      </c>
      <c r="W2677" s="2">
        <v>6.0000000000000001E-3</v>
      </c>
      <c r="X2677" s="2">
        <v>76.900000000000006</v>
      </c>
      <c r="Y2677" s="2">
        <v>7.6</v>
      </c>
      <c r="Z2677" s="2">
        <v>10.6</v>
      </c>
      <c r="AA2677" s="5"/>
      <c r="AB2677" s="5" t="s">
        <v>43</v>
      </c>
      <c r="AC2677" s="5" t="s">
        <v>44</v>
      </c>
      <c r="AD2677" s="2"/>
      <c r="AE2677" s="1"/>
    </row>
    <row r="2678" spans="1:31" ht="14.45">
      <c r="A2678" s="11"/>
      <c r="B2678" s="20"/>
      <c r="C2678" s="2" t="s">
        <v>8487</v>
      </c>
      <c r="D2678" s="14" t="s">
        <v>8488</v>
      </c>
      <c r="E2678" s="2" t="s">
        <v>8489</v>
      </c>
      <c r="F2678" s="2" t="s">
        <v>7585</v>
      </c>
      <c r="G2678" s="8">
        <v>104</v>
      </c>
      <c r="H2678" s="5">
        <v>6</v>
      </c>
      <c r="I2678" s="5" t="s">
        <v>1518</v>
      </c>
      <c r="J2678" s="5" t="s">
        <v>1519</v>
      </c>
      <c r="K2678" s="2" t="s">
        <v>1520</v>
      </c>
      <c r="L2678" s="5" t="s">
        <v>1519</v>
      </c>
      <c r="M2678" s="2" t="s">
        <v>1520</v>
      </c>
      <c r="N2678" s="5" t="s">
        <v>1521</v>
      </c>
      <c r="O2678" s="5" t="s">
        <v>38</v>
      </c>
      <c r="P2678" s="5" t="s">
        <v>39</v>
      </c>
      <c r="Q2678" s="5" t="s">
        <v>40</v>
      </c>
      <c r="R2678" s="5" t="s">
        <v>1522</v>
      </c>
      <c r="S2678" s="5" t="s">
        <v>1523</v>
      </c>
      <c r="T2678" s="5" t="s">
        <v>42</v>
      </c>
      <c r="U2678" s="2">
        <v>1.292</v>
      </c>
      <c r="V2678" s="2">
        <v>1.042</v>
      </c>
      <c r="W2678" s="2">
        <v>6.0000000000000001E-3</v>
      </c>
      <c r="X2678" s="2">
        <v>76.900000000000006</v>
      </c>
      <c r="Y2678" s="2">
        <v>7.6</v>
      </c>
      <c r="Z2678" s="2">
        <v>10.6</v>
      </c>
      <c r="AA2678" s="5"/>
      <c r="AB2678" s="5" t="s">
        <v>43</v>
      </c>
      <c r="AC2678" s="5" t="s">
        <v>44</v>
      </c>
      <c r="AD2678" s="2"/>
      <c r="AE2678" s="1"/>
    </row>
    <row r="2679" spans="1:31" ht="14.45">
      <c r="A2679" s="11"/>
      <c r="B2679" s="20"/>
      <c r="C2679" s="2" t="s">
        <v>8490</v>
      </c>
      <c r="D2679" s="14" t="s">
        <v>8491</v>
      </c>
      <c r="E2679" s="2" t="s">
        <v>8492</v>
      </c>
      <c r="F2679" s="2" t="s">
        <v>7589</v>
      </c>
      <c r="G2679" s="8">
        <v>104</v>
      </c>
      <c r="H2679" s="5">
        <v>6</v>
      </c>
      <c r="I2679" s="5" t="s">
        <v>1518</v>
      </c>
      <c r="J2679" s="5" t="s">
        <v>1519</v>
      </c>
      <c r="K2679" s="2" t="s">
        <v>1520</v>
      </c>
      <c r="L2679" s="5" t="s">
        <v>1519</v>
      </c>
      <c r="M2679" s="2" t="s">
        <v>1520</v>
      </c>
      <c r="N2679" s="5" t="s">
        <v>1521</v>
      </c>
      <c r="O2679" s="5" t="s">
        <v>38</v>
      </c>
      <c r="P2679" s="5" t="s">
        <v>39</v>
      </c>
      <c r="Q2679" s="5" t="s">
        <v>40</v>
      </c>
      <c r="R2679" s="5" t="s">
        <v>1522</v>
      </c>
      <c r="S2679" s="5" t="s">
        <v>1523</v>
      </c>
      <c r="T2679" s="5" t="s">
        <v>42</v>
      </c>
      <c r="U2679" s="2">
        <v>1.323</v>
      </c>
      <c r="V2679" s="2">
        <v>1.073</v>
      </c>
      <c r="W2679" s="2">
        <v>6.0000000000000001E-3</v>
      </c>
      <c r="X2679" s="2">
        <v>76.900000000000006</v>
      </c>
      <c r="Y2679" s="2">
        <v>7.6</v>
      </c>
      <c r="Z2679" s="2">
        <v>10.6</v>
      </c>
      <c r="AA2679" s="5"/>
      <c r="AB2679" s="5" t="s">
        <v>43</v>
      </c>
      <c r="AC2679" s="5" t="s">
        <v>44</v>
      </c>
      <c r="AD2679" s="2"/>
      <c r="AE2679" s="1"/>
    </row>
    <row r="2680" spans="1:31" ht="14.45">
      <c r="A2680" s="11"/>
      <c r="B2680" s="20"/>
      <c r="C2680" s="2" t="s">
        <v>8493</v>
      </c>
      <c r="D2680" s="14" t="s">
        <v>8494</v>
      </c>
      <c r="E2680" s="2" t="s">
        <v>8495</v>
      </c>
      <c r="F2680" s="2" t="s">
        <v>7593</v>
      </c>
      <c r="G2680" s="8">
        <v>104</v>
      </c>
      <c r="H2680" s="5">
        <v>6</v>
      </c>
      <c r="I2680" s="5" t="s">
        <v>1518</v>
      </c>
      <c r="J2680" s="5" t="s">
        <v>1519</v>
      </c>
      <c r="K2680" s="2" t="s">
        <v>1520</v>
      </c>
      <c r="L2680" s="5" t="s">
        <v>1519</v>
      </c>
      <c r="M2680" s="2" t="s">
        <v>1520</v>
      </c>
      <c r="N2680" s="5" t="s">
        <v>1521</v>
      </c>
      <c r="O2680" s="5" t="s">
        <v>38</v>
      </c>
      <c r="P2680" s="5" t="s">
        <v>39</v>
      </c>
      <c r="Q2680" s="5" t="s">
        <v>40</v>
      </c>
      <c r="R2680" s="5" t="s">
        <v>1522</v>
      </c>
      <c r="S2680" s="5" t="s">
        <v>1523</v>
      </c>
      <c r="T2680" s="5" t="s">
        <v>42</v>
      </c>
      <c r="U2680" s="2">
        <v>1.304</v>
      </c>
      <c r="V2680" s="2">
        <v>1.054</v>
      </c>
      <c r="W2680" s="2">
        <v>6.0000000000000001E-3</v>
      </c>
      <c r="X2680" s="2">
        <v>76.900000000000006</v>
      </c>
      <c r="Y2680" s="2">
        <v>7.6</v>
      </c>
      <c r="Z2680" s="2">
        <v>10.6</v>
      </c>
      <c r="AA2680" s="5"/>
      <c r="AB2680" s="5" t="s">
        <v>43</v>
      </c>
      <c r="AC2680" s="5" t="s">
        <v>44</v>
      </c>
      <c r="AD2680" s="2"/>
      <c r="AE2680" s="1"/>
    </row>
    <row r="2681" spans="1:31" ht="14.45">
      <c r="A2681" s="11"/>
      <c r="B2681" s="20"/>
      <c r="C2681" s="2" t="s">
        <v>8496</v>
      </c>
      <c r="D2681" s="14" t="s">
        <v>8497</v>
      </c>
      <c r="E2681" s="2" t="s">
        <v>8498</v>
      </c>
      <c r="F2681" s="2" t="s">
        <v>7597</v>
      </c>
      <c r="G2681" s="8">
        <v>104</v>
      </c>
      <c r="H2681" s="5">
        <v>6</v>
      </c>
      <c r="I2681" s="5" t="s">
        <v>1518</v>
      </c>
      <c r="J2681" s="5" t="s">
        <v>1519</v>
      </c>
      <c r="K2681" s="2" t="s">
        <v>1520</v>
      </c>
      <c r="L2681" s="5" t="s">
        <v>1519</v>
      </c>
      <c r="M2681" s="2" t="s">
        <v>1520</v>
      </c>
      <c r="N2681" s="5" t="s">
        <v>1521</v>
      </c>
      <c r="O2681" s="5" t="s">
        <v>38</v>
      </c>
      <c r="P2681" s="5" t="s">
        <v>39</v>
      </c>
      <c r="Q2681" s="5" t="s">
        <v>40</v>
      </c>
      <c r="R2681" s="5" t="s">
        <v>1522</v>
      </c>
      <c r="S2681" s="5" t="s">
        <v>1523</v>
      </c>
      <c r="T2681" s="5" t="s">
        <v>42</v>
      </c>
      <c r="U2681" s="2">
        <v>1.335</v>
      </c>
      <c r="V2681" s="2">
        <v>1.085</v>
      </c>
      <c r="W2681" s="2">
        <v>6.0000000000000001E-3</v>
      </c>
      <c r="X2681" s="2">
        <v>76.900000000000006</v>
      </c>
      <c r="Y2681" s="2">
        <v>7.6</v>
      </c>
      <c r="Z2681" s="2">
        <v>10.6</v>
      </c>
      <c r="AA2681" s="5"/>
      <c r="AB2681" s="5" t="s">
        <v>43</v>
      </c>
      <c r="AC2681" s="5" t="s">
        <v>44</v>
      </c>
      <c r="AD2681" s="2"/>
      <c r="AE2681" s="1"/>
    </row>
    <row r="2682" spans="1:31" ht="14.45">
      <c r="A2682" s="11"/>
      <c r="B2682" s="20"/>
      <c r="C2682" s="2" t="s">
        <v>8499</v>
      </c>
      <c r="D2682" s="14" t="s">
        <v>8500</v>
      </c>
      <c r="E2682" s="2" t="s">
        <v>8501</v>
      </c>
      <c r="F2682" s="2" t="s">
        <v>7410</v>
      </c>
      <c r="G2682" s="8">
        <v>104</v>
      </c>
      <c r="H2682" s="5">
        <v>6</v>
      </c>
      <c r="I2682" s="5" t="s">
        <v>1518</v>
      </c>
      <c r="J2682" s="5" t="s">
        <v>1519</v>
      </c>
      <c r="K2682" s="2" t="s">
        <v>1520</v>
      </c>
      <c r="L2682" s="5" t="s">
        <v>1519</v>
      </c>
      <c r="M2682" s="2" t="s">
        <v>1520</v>
      </c>
      <c r="N2682" s="5" t="s">
        <v>1521</v>
      </c>
      <c r="O2682" s="5" t="s">
        <v>38</v>
      </c>
      <c r="P2682" s="5" t="s">
        <v>39</v>
      </c>
      <c r="Q2682" s="5" t="s">
        <v>40</v>
      </c>
      <c r="R2682" s="5" t="s">
        <v>1522</v>
      </c>
      <c r="S2682" s="5" t="s">
        <v>1523</v>
      </c>
      <c r="T2682" s="5" t="s">
        <v>42</v>
      </c>
      <c r="U2682" s="2">
        <v>1.304</v>
      </c>
      <c r="V2682" s="2">
        <v>1.054</v>
      </c>
      <c r="W2682" s="2">
        <v>6.0000000000000001E-3</v>
      </c>
      <c r="X2682" s="2">
        <v>76.900000000000006</v>
      </c>
      <c r="Y2682" s="2">
        <v>7.6</v>
      </c>
      <c r="Z2682" s="2">
        <v>10.6</v>
      </c>
      <c r="AA2682" s="5"/>
      <c r="AB2682" s="5" t="s">
        <v>43</v>
      </c>
      <c r="AC2682" s="5" t="s">
        <v>44</v>
      </c>
      <c r="AD2682" s="2"/>
      <c r="AE2682" s="1"/>
    </row>
    <row r="2683" spans="1:31" ht="14.45">
      <c r="A2683" s="11"/>
      <c r="B2683" s="20"/>
      <c r="C2683" s="2" t="s">
        <v>8502</v>
      </c>
      <c r="D2683" s="14" t="s">
        <v>8503</v>
      </c>
      <c r="E2683" s="2" t="s">
        <v>8504</v>
      </c>
      <c r="F2683" s="2" t="s">
        <v>7604</v>
      </c>
      <c r="G2683" s="8">
        <v>104</v>
      </c>
      <c r="H2683" s="5">
        <v>6</v>
      </c>
      <c r="I2683" s="5" t="s">
        <v>1518</v>
      </c>
      <c r="J2683" s="5" t="s">
        <v>1519</v>
      </c>
      <c r="K2683" s="2" t="s">
        <v>1520</v>
      </c>
      <c r="L2683" s="5" t="s">
        <v>1519</v>
      </c>
      <c r="M2683" s="2" t="s">
        <v>1520</v>
      </c>
      <c r="N2683" s="5" t="s">
        <v>1521</v>
      </c>
      <c r="O2683" s="5" t="s">
        <v>38</v>
      </c>
      <c r="P2683" s="5" t="s">
        <v>39</v>
      </c>
      <c r="Q2683" s="5" t="s">
        <v>40</v>
      </c>
      <c r="R2683" s="5" t="s">
        <v>1522</v>
      </c>
      <c r="S2683" s="5" t="s">
        <v>1523</v>
      </c>
      <c r="T2683" s="5" t="s">
        <v>42</v>
      </c>
      <c r="U2683" s="2">
        <v>1.335</v>
      </c>
      <c r="V2683" s="2">
        <v>1.085</v>
      </c>
      <c r="W2683" s="2">
        <v>6.0000000000000001E-3</v>
      </c>
      <c r="X2683" s="2">
        <v>76.900000000000006</v>
      </c>
      <c r="Y2683" s="2">
        <v>7.6</v>
      </c>
      <c r="Z2683" s="2">
        <v>10.6</v>
      </c>
      <c r="AA2683" s="5"/>
      <c r="AB2683" s="5" t="s">
        <v>43</v>
      </c>
      <c r="AC2683" s="5" t="s">
        <v>44</v>
      </c>
      <c r="AD2683" s="2"/>
      <c r="AE2683" s="1"/>
    </row>
    <row r="2684" spans="1:31" ht="14.45">
      <c r="A2684" s="11"/>
      <c r="B2684" s="20"/>
      <c r="C2684" s="2" t="s">
        <v>8505</v>
      </c>
      <c r="D2684" s="14" t="s">
        <v>8506</v>
      </c>
      <c r="E2684" s="2" t="s">
        <v>8507</v>
      </c>
      <c r="F2684" s="2" t="s">
        <v>7433</v>
      </c>
      <c r="G2684" s="8">
        <v>104</v>
      </c>
      <c r="H2684" s="5">
        <v>6</v>
      </c>
      <c r="I2684" s="5" t="s">
        <v>1518</v>
      </c>
      <c r="J2684" s="5" t="s">
        <v>1519</v>
      </c>
      <c r="K2684" s="2" t="s">
        <v>1520</v>
      </c>
      <c r="L2684" s="5" t="s">
        <v>1519</v>
      </c>
      <c r="M2684" s="2" t="s">
        <v>1520</v>
      </c>
      <c r="N2684" s="5" t="s">
        <v>1521</v>
      </c>
      <c r="O2684" s="5" t="s">
        <v>38</v>
      </c>
      <c r="P2684" s="5" t="s">
        <v>39</v>
      </c>
      <c r="Q2684" s="5" t="s">
        <v>40</v>
      </c>
      <c r="R2684" s="5" t="s">
        <v>1522</v>
      </c>
      <c r="S2684" s="5" t="s">
        <v>1523</v>
      </c>
      <c r="T2684" s="5" t="s">
        <v>42</v>
      </c>
      <c r="U2684" s="2">
        <v>1.304</v>
      </c>
      <c r="V2684" s="2">
        <v>1.054</v>
      </c>
      <c r="W2684" s="2">
        <v>6.0000000000000001E-3</v>
      </c>
      <c r="X2684" s="2">
        <v>76.900000000000006</v>
      </c>
      <c r="Y2684" s="2">
        <v>7.6</v>
      </c>
      <c r="Z2684" s="2">
        <v>10.6</v>
      </c>
      <c r="AA2684" s="5"/>
      <c r="AB2684" s="5" t="s">
        <v>43</v>
      </c>
      <c r="AC2684" s="5" t="s">
        <v>44</v>
      </c>
      <c r="AD2684" s="2"/>
      <c r="AE2684" s="1"/>
    </row>
    <row r="2685" spans="1:31" ht="14.45">
      <c r="A2685" s="11"/>
      <c r="B2685" s="20"/>
      <c r="C2685" s="2" t="s">
        <v>8508</v>
      </c>
      <c r="D2685" s="14" t="s">
        <v>8509</v>
      </c>
      <c r="E2685" s="2" t="s">
        <v>8510</v>
      </c>
      <c r="F2685" s="2" t="s">
        <v>7611</v>
      </c>
      <c r="G2685" s="8">
        <v>104</v>
      </c>
      <c r="H2685" s="5">
        <v>6</v>
      </c>
      <c r="I2685" s="5" t="s">
        <v>1518</v>
      </c>
      <c r="J2685" s="5" t="s">
        <v>1519</v>
      </c>
      <c r="K2685" s="2" t="s">
        <v>1520</v>
      </c>
      <c r="L2685" s="5" t="s">
        <v>1519</v>
      </c>
      <c r="M2685" s="2" t="s">
        <v>1520</v>
      </c>
      <c r="N2685" s="5" t="s">
        <v>1521</v>
      </c>
      <c r="O2685" s="5" t="s">
        <v>38</v>
      </c>
      <c r="P2685" s="5" t="s">
        <v>39</v>
      </c>
      <c r="Q2685" s="5" t="s">
        <v>40</v>
      </c>
      <c r="R2685" s="5" t="s">
        <v>1522</v>
      </c>
      <c r="S2685" s="5" t="s">
        <v>1523</v>
      </c>
      <c r="T2685" s="5" t="s">
        <v>42</v>
      </c>
      <c r="U2685" s="2">
        <v>1.335</v>
      </c>
      <c r="V2685" s="2">
        <v>1.085</v>
      </c>
      <c r="W2685" s="2">
        <v>6.0000000000000001E-3</v>
      </c>
      <c r="X2685" s="2">
        <v>76.900000000000006</v>
      </c>
      <c r="Y2685" s="2">
        <v>7.6</v>
      </c>
      <c r="Z2685" s="2">
        <v>10.6</v>
      </c>
      <c r="AA2685" s="5"/>
      <c r="AB2685" s="5" t="s">
        <v>43</v>
      </c>
      <c r="AC2685" s="5" t="s">
        <v>44</v>
      </c>
      <c r="AD2685" s="2"/>
      <c r="AE2685" s="1"/>
    </row>
    <row r="2686" spans="1:31" ht="14.45">
      <c r="A2686" s="11"/>
      <c r="B2686" s="20"/>
      <c r="C2686" s="2" t="s">
        <v>8511</v>
      </c>
      <c r="D2686" s="14" t="s">
        <v>8512</v>
      </c>
      <c r="E2686" s="2" t="s">
        <v>8513</v>
      </c>
      <c r="F2686" s="2" t="s">
        <v>7615</v>
      </c>
      <c r="G2686" s="8">
        <v>104</v>
      </c>
      <c r="H2686" s="5">
        <v>6</v>
      </c>
      <c r="I2686" s="5" t="s">
        <v>1518</v>
      </c>
      <c r="J2686" s="5" t="s">
        <v>1519</v>
      </c>
      <c r="K2686" s="2" t="s">
        <v>1520</v>
      </c>
      <c r="L2686" s="5" t="s">
        <v>1519</v>
      </c>
      <c r="M2686" s="2" t="s">
        <v>1520</v>
      </c>
      <c r="N2686" s="5" t="s">
        <v>1521</v>
      </c>
      <c r="O2686" s="5" t="s">
        <v>38</v>
      </c>
      <c r="P2686" s="5" t="s">
        <v>39</v>
      </c>
      <c r="Q2686" s="5" t="s">
        <v>40</v>
      </c>
      <c r="R2686" s="5" t="s">
        <v>1522</v>
      </c>
      <c r="S2686" s="5" t="s">
        <v>1523</v>
      </c>
      <c r="T2686" s="5" t="s">
        <v>42</v>
      </c>
      <c r="U2686" s="2">
        <v>1.292</v>
      </c>
      <c r="V2686" s="2">
        <v>1.042</v>
      </c>
      <c r="W2686" s="2">
        <v>6.0000000000000001E-3</v>
      </c>
      <c r="X2686" s="2">
        <v>76.900000000000006</v>
      </c>
      <c r="Y2686" s="2">
        <v>7.6</v>
      </c>
      <c r="Z2686" s="2">
        <v>10.6</v>
      </c>
      <c r="AA2686" s="5"/>
      <c r="AB2686" s="5" t="s">
        <v>43</v>
      </c>
      <c r="AC2686" s="5" t="s">
        <v>44</v>
      </c>
      <c r="AD2686" s="2"/>
      <c r="AE2686" s="1"/>
    </row>
    <row r="2687" spans="1:31" ht="14.45">
      <c r="A2687" s="11"/>
      <c r="B2687" s="20"/>
      <c r="C2687" s="2" t="s">
        <v>8514</v>
      </c>
      <c r="D2687" s="14" t="s">
        <v>8515</v>
      </c>
      <c r="E2687" s="2" t="s">
        <v>8516</v>
      </c>
      <c r="F2687" s="2" t="s">
        <v>7619</v>
      </c>
      <c r="G2687" s="8">
        <v>104</v>
      </c>
      <c r="H2687" s="5">
        <v>6</v>
      </c>
      <c r="I2687" s="5" t="s">
        <v>1518</v>
      </c>
      <c r="J2687" s="5" t="s">
        <v>1519</v>
      </c>
      <c r="K2687" s="2" t="s">
        <v>1520</v>
      </c>
      <c r="L2687" s="5" t="s">
        <v>1519</v>
      </c>
      <c r="M2687" s="2" t="s">
        <v>1520</v>
      </c>
      <c r="N2687" s="5" t="s">
        <v>1521</v>
      </c>
      <c r="O2687" s="5" t="s">
        <v>38</v>
      </c>
      <c r="P2687" s="5" t="s">
        <v>39</v>
      </c>
      <c r="Q2687" s="5" t="s">
        <v>40</v>
      </c>
      <c r="R2687" s="5" t="s">
        <v>1522</v>
      </c>
      <c r="S2687" s="5" t="s">
        <v>1523</v>
      </c>
      <c r="T2687" s="5" t="s">
        <v>42</v>
      </c>
      <c r="U2687" s="2">
        <v>1.323</v>
      </c>
      <c r="V2687" s="2">
        <v>1.073</v>
      </c>
      <c r="W2687" s="2">
        <v>6.0000000000000001E-3</v>
      </c>
      <c r="X2687" s="2">
        <v>76.900000000000006</v>
      </c>
      <c r="Y2687" s="2">
        <v>7.6</v>
      </c>
      <c r="Z2687" s="2">
        <v>10.6</v>
      </c>
      <c r="AA2687" s="5"/>
      <c r="AB2687" s="5" t="s">
        <v>43</v>
      </c>
      <c r="AC2687" s="5" t="s">
        <v>44</v>
      </c>
      <c r="AD2687" s="2"/>
      <c r="AE2687" s="1"/>
    </row>
    <row r="2688" spans="1:31" ht="14.45">
      <c r="A2688" s="11"/>
      <c r="B2688" s="20"/>
      <c r="C2688" s="2" t="s">
        <v>8517</v>
      </c>
      <c r="D2688" s="14" t="s">
        <v>8518</v>
      </c>
      <c r="E2688" s="2" t="s">
        <v>8519</v>
      </c>
      <c r="F2688" s="2" t="s">
        <v>1823</v>
      </c>
      <c r="G2688" s="8">
        <v>104</v>
      </c>
      <c r="H2688" s="5">
        <v>8</v>
      </c>
      <c r="I2688" s="5" t="s">
        <v>1518</v>
      </c>
      <c r="J2688" s="5" t="s">
        <v>1519</v>
      </c>
      <c r="K2688" s="2" t="s">
        <v>1520</v>
      </c>
      <c r="L2688" s="5" t="s">
        <v>1519</v>
      </c>
      <c r="M2688" s="2" t="s">
        <v>1520</v>
      </c>
      <c r="N2688" s="5" t="s">
        <v>1521</v>
      </c>
      <c r="O2688" s="5" t="s">
        <v>38</v>
      </c>
      <c r="P2688" s="5" t="s">
        <v>39</v>
      </c>
      <c r="Q2688" s="5" t="s">
        <v>40</v>
      </c>
      <c r="R2688" s="5" t="s">
        <v>1522</v>
      </c>
      <c r="S2688" s="5" t="s">
        <v>1523</v>
      </c>
      <c r="T2688" s="5" t="s">
        <v>42</v>
      </c>
      <c r="U2688" s="2">
        <v>1.3120000000000001</v>
      </c>
      <c r="V2688" s="2">
        <v>1.0620000000000001</v>
      </c>
      <c r="W2688" s="2">
        <v>6.0000000000000001E-3</v>
      </c>
      <c r="X2688" s="2">
        <v>76.900000000000006</v>
      </c>
      <c r="Y2688" s="2">
        <v>7.6</v>
      </c>
      <c r="Z2688" s="2">
        <v>10.6</v>
      </c>
      <c r="AA2688" s="5"/>
      <c r="AB2688" s="5" t="s">
        <v>43</v>
      </c>
      <c r="AC2688" s="5" t="s">
        <v>44</v>
      </c>
      <c r="AD2688" s="2"/>
      <c r="AE2688" s="1"/>
    </row>
    <row r="2689" spans="1:31" ht="14.45">
      <c r="A2689" s="11"/>
      <c r="B2689" s="20"/>
      <c r="C2689" s="2" t="s">
        <v>8520</v>
      </c>
      <c r="D2689" s="14" t="s">
        <v>8521</v>
      </c>
      <c r="E2689" s="2" t="s">
        <v>8522</v>
      </c>
      <c r="F2689" s="2" t="s">
        <v>1827</v>
      </c>
      <c r="G2689" s="8">
        <v>104</v>
      </c>
      <c r="H2689" s="5">
        <v>8</v>
      </c>
      <c r="I2689" s="5" t="s">
        <v>1518</v>
      </c>
      <c r="J2689" s="5" t="s">
        <v>1519</v>
      </c>
      <c r="K2689" s="2" t="s">
        <v>1520</v>
      </c>
      <c r="L2689" s="5" t="s">
        <v>1519</v>
      </c>
      <c r="M2689" s="2" t="s">
        <v>1520</v>
      </c>
      <c r="N2689" s="5" t="s">
        <v>1521</v>
      </c>
      <c r="O2689" s="5" t="s">
        <v>38</v>
      </c>
      <c r="P2689" s="5" t="s">
        <v>39</v>
      </c>
      <c r="Q2689" s="5" t="s">
        <v>40</v>
      </c>
      <c r="R2689" s="5" t="s">
        <v>1522</v>
      </c>
      <c r="S2689" s="5" t="s">
        <v>1523</v>
      </c>
      <c r="T2689" s="5" t="s">
        <v>42</v>
      </c>
      <c r="U2689" s="2">
        <v>1.343</v>
      </c>
      <c r="V2689" s="2">
        <v>1.093</v>
      </c>
      <c r="W2689" s="2">
        <v>6.0000000000000001E-3</v>
      </c>
      <c r="X2689" s="2">
        <v>76.900000000000006</v>
      </c>
      <c r="Y2689" s="2">
        <v>7.6</v>
      </c>
      <c r="Z2689" s="2">
        <v>10.6</v>
      </c>
      <c r="AA2689" s="5"/>
      <c r="AB2689" s="5" t="s">
        <v>43</v>
      </c>
      <c r="AC2689" s="5" t="s">
        <v>44</v>
      </c>
      <c r="AD2689" s="2"/>
      <c r="AE2689" s="1"/>
    </row>
    <row r="2690" spans="1:31" ht="14.45">
      <c r="A2690" s="11"/>
      <c r="B2690" s="20"/>
      <c r="C2690" s="2" t="s">
        <v>8523</v>
      </c>
      <c r="D2690" s="14" t="s">
        <v>8524</v>
      </c>
      <c r="E2690" s="2" t="s">
        <v>8525</v>
      </c>
      <c r="F2690" s="2" t="s">
        <v>2208</v>
      </c>
      <c r="G2690" s="8">
        <v>104</v>
      </c>
      <c r="H2690" s="5">
        <v>13</v>
      </c>
      <c r="I2690" s="5" t="s">
        <v>1518</v>
      </c>
      <c r="J2690" s="5" t="s">
        <v>1519</v>
      </c>
      <c r="K2690" s="2" t="s">
        <v>1520</v>
      </c>
      <c r="L2690" s="5" t="s">
        <v>1519</v>
      </c>
      <c r="M2690" s="2" t="s">
        <v>1520</v>
      </c>
      <c r="N2690" s="5" t="s">
        <v>1521</v>
      </c>
      <c r="O2690" s="5" t="s">
        <v>38</v>
      </c>
      <c r="P2690" s="5" t="s">
        <v>39</v>
      </c>
      <c r="Q2690" s="5" t="s">
        <v>40</v>
      </c>
      <c r="R2690" s="5" t="s">
        <v>1522</v>
      </c>
      <c r="S2690" s="5" t="s">
        <v>1523</v>
      </c>
      <c r="T2690" s="5" t="s">
        <v>42</v>
      </c>
      <c r="U2690" s="2">
        <v>1.3380000000000001</v>
      </c>
      <c r="V2690" s="2">
        <v>1.0880000000000001</v>
      </c>
      <c r="W2690" s="2">
        <v>6.0000000000000001E-3</v>
      </c>
      <c r="X2690" s="2">
        <v>76.900000000000006</v>
      </c>
      <c r="Y2690" s="2">
        <v>7.6</v>
      </c>
      <c r="Z2690" s="2">
        <v>10.6</v>
      </c>
      <c r="AA2690" s="5"/>
      <c r="AB2690" s="5" t="s">
        <v>43</v>
      </c>
      <c r="AC2690" s="5" t="s">
        <v>44</v>
      </c>
      <c r="AD2690" s="2"/>
      <c r="AE2690" s="1"/>
    </row>
    <row r="2691" spans="1:31" ht="14.45">
      <c r="A2691" s="11"/>
      <c r="B2691" s="20"/>
      <c r="C2691" s="2" t="s">
        <v>8526</v>
      </c>
      <c r="D2691" s="14" t="s">
        <v>8527</v>
      </c>
      <c r="E2691" s="2" t="s">
        <v>8528</v>
      </c>
      <c r="F2691" s="2" t="s">
        <v>2212</v>
      </c>
      <c r="G2691" s="8">
        <v>104</v>
      </c>
      <c r="H2691" s="5">
        <v>13</v>
      </c>
      <c r="I2691" s="5" t="s">
        <v>1518</v>
      </c>
      <c r="J2691" s="5" t="s">
        <v>1519</v>
      </c>
      <c r="K2691" s="2" t="s">
        <v>1520</v>
      </c>
      <c r="L2691" s="5" t="s">
        <v>1519</v>
      </c>
      <c r="M2691" s="2" t="s">
        <v>1520</v>
      </c>
      <c r="N2691" s="5" t="s">
        <v>1521</v>
      </c>
      <c r="O2691" s="5" t="s">
        <v>38</v>
      </c>
      <c r="P2691" s="5" t="s">
        <v>39</v>
      </c>
      <c r="Q2691" s="5" t="s">
        <v>40</v>
      </c>
      <c r="R2691" s="5" t="s">
        <v>1522</v>
      </c>
      <c r="S2691" s="5" t="s">
        <v>1523</v>
      </c>
      <c r="T2691" s="5" t="s">
        <v>42</v>
      </c>
      <c r="U2691" s="2">
        <v>1.369</v>
      </c>
      <c r="V2691" s="2">
        <v>1.119</v>
      </c>
      <c r="W2691" s="2">
        <v>6.0000000000000001E-3</v>
      </c>
      <c r="X2691" s="2">
        <v>76.900000000000006</v>
      </c>
      <c r="Y2691" s="2">
        <v>7.6</v>
      </c>
      <c r="Z2691" s="2">
        <v>10.6</v>
      </c>
      <c r="AA2691" s="5"/>
      <c r="AB2691" s="5" t="s">
        <v>43</v>
      </c>
      <c r="AC2691" s="5" t="s">
        <v>44</v>
      </c>
      <c r="AD2691" s="2"/>
      <c r="AE2691" s="1"/>
    </row>
    <row r="2692" spans="1:31" ht="14.45">
      <c r="A2692" s="11"/>
      <c r="B2692" s="20"/>
      <c r="C2692" s="2" t="s">
        <v>8529</v>
      </c>
      <c r="D2692" s="14" t="s">
        <v>8530</v>
      </c>
      <c r="E2692" s="2" t="s">
        <v>8531</v>
      </c>
      <c r="F2692" s="2" t="s">
        <v>1831</v>
      </c>
      <c r="G2692" s="8">
        <v>104</v>
      </c>
      <c r="H2692" s="5">
        <v>13</v>
      </c>
      <c r="I2692" s="5" t="s">
        <v>1518</v>
      </c>
      <c r="J2692" s="5" t="s">
        <v>1519</v>
      </c>
      <c r="K2692" s="2" t="s">
        <v>1520</v>
      </c>
      <c r="L2692" s="5" t="s">
        <v>1519</v>
      </c>
      <c r="M2692" s="2" t="s">
        <v>1520</v>
      </c>
      <c r="N2692" s="5" t="s">
        <v>1521</v>
      </c>
      <c r="O2692" s="5" t="s">
        <v>38</v>
      </c>
      <c r="P2692" s="5" t="s">
        <v>39</v>
      </c>
      <c r="Q2692" s="5" t="s">
        <v>40</v>
      </c>
      <c r="R2692" s="5" t="s">
        <v>1522</v>
      </c>
      <c r="S2692" s="5" t="s">
        <v>1523</v>
      </c>
      <c r="T2692" s="5" t="s">
        <v>42</v>
      </c>
      <c r="U2692" s="2">
        <v>1.3380000000000001</v>
      </c>
      <c r="V2692" s="2">
        <v>1.0880000000000001</v>
      </c>
      <c r="W2692" s="2">
        <v>6.0000000000000001E-3</v>
      </c>
      <c r="X2692" s="2">
        <v>76.900000000000006</v>
      </c>
      <c r="Y2692" s="2">
        <v>7.6</v>
      </c>
      <c r="Z2692" s="2">
        <v>10.6</v>
      </c>
      <c r="AA2692" s="5"/>
      <c r="AB2692" s="5" t="s">
        <v>43</v>
      </c>
      <c r="AC2692" s="5" t="s">
        <v>44</v>
      </c>
      <c r="AD2692" s="2"/>
      <c r="AE2692" s="1"/>
    </row>
    <row r="2693" spans="1:31" ht="14.45">
      <c r="A2693" s="11"/>
      <c r="B2693" s="20"/>
      <c r="C2693" s="2" t="s">
        <v>8532</v>
      </c>
      <c r="D2693" s="14" t="s">
        <v>8533</v>
      </c>
      <c r="E2693" s="2" t="s">
        <v>8534</v>
      </c>
      <c r="F2693" s="2" t="s">
        <v>1835</v>
      </c>
      <c r="G2693" s="8">
        <v>104</v>
      </c>
      <c r="H2693" s="5">
        <v>13</v>
      </c>
      <c r="I2693" s="5" t="s">
        <v>1518</v>
      </c>
      <c r="J2693" s="5" t="s">
        <v>1519</v>
      </c>
      <c r="K2693" s="2" t="s">
        <v>1520</v>
      </c>
      <c r="L2693" s="5" t="s">
        <v>1519</v>
      </c>
      <c r="M2693" s="2" t="s">
        <v>1520</v>
      </c>
      <c r="N2693" s="5" t="s">
        <v>1521</v>
      </c>
      <c r="O2693" s="5" t="s">
        <v>38</v>
      </c>
      <c r="P2693" s="5" t="s">
        <v>39</v>
      </c>
      <c r="Q2693" s="5" t="s">
        <v>40</v>
      </c>
      <c r="R2693" s="5" t="s">
        <v>1522</v>
      </c>
      <c r="S2693" s="5" t="s">
        <v>1523</v>
      </c>
      <c r="T2693" s="5" t="s">
        <v>42</v>
      </c>
      <c r="U2693" s="2">
        <v>1.369</v>
      </c>
      <c r="V2693" s="2">
        <v>1.119</v>
      </c>
      <c r="W2693" s="2">
        <v>6.0000000000000001E-3</v>
      </c>
      <c r="X2693" s="2">
        <v>76.900000000000006</v>
      </c>
      <c r="Y2693" s="2">
        <v>7.6</v>
      </c>
      <c r="Z2693" s="2">
        <v>10.6</v>
      </c>
      <c r="AA2693" s="5"/>
      <c r="AB2693" s="5" t="s">
        <v>43</v>
      </c>
      <c r="AC2693" s="5" t="s">
        <v>44</v>
      </c>
      <c r="AD2693" s="2"/>
      <c r="AE2693" s="1"/>
    </row>
    <row r="2694" spans="1:31" ht="14.45">
      <c r="A2694" s="11"/>
      <c r="B2694" s="20"/>
      <c r="C2694" s="2" t="s">
        <v>8535</v>
      </c>
      <c r="D2694" s="14" t="s">
        <v>8536</v>
      </c>
      <c r="E2694" s="2" t="s">
        <v>8537</v>
      </c>
      <c r="F2694" s="2" t="s">
        <v>1839</v>
      </c>
      <c r="G2694" s="8">
        <v>104</v>
      </c>
      <c r="H2694" s="5">
        <v>13</v>
      </c>
      <c r="I2694" s="5" t="s">
        <v>1518</v>
      </c>
      <c r="J2694" s="5" t="s">
        <v>1519</v>
      </c>
      <c r="K2694" s="2" t="s">
        <v>1520</v>
      </c>
      <c r="L2694" s="5" t="s">
        <v>1519</v>
      </c>
      <c r="M2694" s="2" t="s">
        <v>1520</v>
      </c>
      <c r="N2694" s="5" t="s">
        <v>1521</v>
      </c>
      <c r="O2694" s="5" t="s">
        <v>38</v>
      </c>
      <c r="P2694" s="5" t="s">
        <v>39</v>
      </c>
      <c r="Q2694" s="5" t="s">
        <v>40</v>
      </c>
      <c r="R2694" s="5" t="s">
        <v>1522</v>
      </c>
      <c r="S2694" s="5" t="s">
        <v>1523</v>
      </c>
      <c r="T2694" s="5" t="s">
        <v>42</v>
      </c>
      <c r="U2694" s="2">
        <v>1.3380000000000001</v>
      </c>
      <c r="V2694" s="2">
        <v>1.0880000000000001</v>
      </c>
      <c r="W2694" s="2">
        <v>6.0000000000000001E-3</v>
      </c>
      <c r="X2694" s="2">
        <v>76.900000000000006</v>
      </c>
      <c r="Y2694" s="2">
        <v>7.6</v>
      </c>
      <c r="Z2694" s="2">
        <v>10.6</v>
      </c>
      <c r="AA2694" s="5"/>
      <c r="AB2694" s="5" t="s">
        <v>43</v>
      </c>
      <c r="AC2694" s="5" t="s">
        <v>44</v>
      </c>
      <c r="AD2694" s="2"/>
      <c r="AE2694" s="1"/>
    </row>
    <row r="2695" spans="1:31" ht="14.45">
      <c r="A2695" s="11"/>
      <c r="B2695" s="20"/>
      <c r="C2695" s="2" t="s">
        <v>8538</v>
      </c>
      <c r="D2695" s="14" t="s">
        <v>8539</v>
      </c>
      <c r="E2695" s="2" t="s">
        <v>8540</v>
      </c>
      <c r="F2695" s="2" t="s">
        <v>1843</v>
      </c>
      <c r="G2695" s="8">
        <v>104</v>
      </c>
      <c r="H2695" s="5">
        <v>13</v>
      </c>
      <c r="I2695" s="5" t="s">
        <v>1518</v>
      </c>
      <c r="J2695" s="5" t="s">
        <v>1519</v>
      </c>
      <c r="K2695" s="2" t="s">
        <v>1520</v>
      </c>
      <c r="L2695" s="5" t="s">
        <v>1519</v>
      </c>
      <c r="M2695" s="2" t="s">
        <v>1520</v>
      </c>
      <c r="N2695" s="5" t="s">
        <v>1521</v>
      </c>
      <c r="O2695" s="5" t="s">
        <v>38</v>
      </c>
      <c r="P2695" s="5" t="s">
        <v>39</v>
      </c>
      <c r="Q2695" s="5" t="s">
        <v>40</v>
      </c>
      <c r="R2695" s="5" t="s">
        <v>1522</v>
      </c>
      <c r="S2695" s="5" t="s">
        <v>1523</v>
      </c>
      <c r="T2695" s="5" t="s">
        <v>42</v>
      </c>
      <c r="U2695" s="2">
        <v>1.3380000000000001</v>
      </c>
      <c r="V2695" s="2">
        <v>1.0880000000000001</v>
      </c>
      <c r="W2695" s="2">
        <v>6.0000000000000001E-3</v>
      </c>
      <c r="X2695" s="2">
        <v>76.900000000000006</v>
      </c>
      <c r="Y2695" s="2">
        <v>7.6</v>
      </c>
      <c r="Z2695" s="2">
        <v>10.6</v>
      </c>
      <c r="AA2695" s="5"/>
      <c r="AB2695" s="5" t="s">
        <v>43</v>
      </c>
      <c r="AC2695" s="5" t="s">
        <v>44</v>
      </c>
      <c r="AD2695" s="2"/>
      <c r="AE2695" s="1"/>
    </row>
    <row r="2696" spans="1:31" ht="14.45">
      <c r="A2696" s="11"/>
      <c r="B2696" s="20"/>
      <c r="C2696" s="2" t="s">
        <v>8541</v>
      </c>
      <c r="D2696" s="14" t="s">
        <v>8542</v>
      </c>
      <c r="E2696" s="2" t="s">
        <v>8543</v>
      </c>
      <c r="F2696" s="2" t="s">
        <v>1847</v>
      </c>
      <c r="G2696" s="8">
        <v>104</v>
      </c>
      <c r="H2696" s="5">
        <v>13</v>
      </c>
      <c r="I2696" s="5" t="s">
        <v>1518</v>
      </c>
      <c r="J2696" s="5" t="s">
        <v>1519</v>
      </c>
      <c r="K2696" s="2" t="s">
        <v>1520</v>
      </c>
      <c r="L2696" s="5" t="s">
        <v>1519</v>
      </c>
      <c r="M2696" s="2" t="s">
        <v>1520</v>
      </c>
      <c r="N2696" s="5" t="s">
        <v>1521</v>
      </c>
      <c r="O2696" s="5" t="s">
        <v>38</v>
      </c>
      <c r="P2696" s="5" t="s">
        <v>39</v>
      </c>
      <c r="Q2696" s="5" t="s">
        <v>40</v>
      </c>
      <c r="R2696" s="5" t="s">
        <v>1522</v>
      </c>
      <c r="S2696" s="5" t="s">
        <v>1523</v>
      </c>
      <c r="T2696" s="5" t="s">
        <v>42</v>
      </c>
      <c r="U2696" s="2">
        <v>1.369</v>
      </c>
      <c r="V2696" s="2">
        <v>1.119</v>
      </c>
      <c r="W2696" s="2">
        <v>6.0000000000000001E-3</v>
      </c>
      <c r="X2696" s="2">
        <v>76.900000000000006</v>
      </c>
      <c r="Y2696" s="2">
        <v>7.6</v>
      </c>
      <c r="Z2696" s="2">
        <v>10.6</v>
      </c>
      <c r="AA2696" s="5"/>
      <c r="AB2696" s="5" t="s">
        <v>43</v>
      </c>
      <c r="AC2696" s="5" t="s">
        <v>44</v>
      </c>
      <c r="AD2696" s="2"/>
      <c r="AE2696" s="1"/>
    </row>
    <row r="2697" spans="1:31" ht="14.45">
      <c r="A2697" s="11"/>
      <c r="B2697" s="20"/>
      <c r="C2697" s="2" t="s">
        <v>8544</v>
      </c>
      <c r="D2697" s="14" t="s">
        <v>8545</v>
      </c>
      <c r="E2697" s="2" t="s">
        <v>8546</v>
      </c>
      <c r="F2697" s="2" t="s">
        <v>1851</v>
      </c>
      <c r="G2697" s="8">
        <v>104</v>
      </c>
      <c r="H2697" s="5">
        <v>13</v>
      </c>
      <c r="I2697" s="5" t="s">
        <v>1518</v>
      </c>
      <c r="J2697" s="5" t="s">
        <v>1519</v>
      </c>
      <c r="K2697" s="2" t="s">
        <v>1520</v>
      </c>
      <c r="L2697" s="5" t="s">
        <v>1519</v>
      </c>
      <c r="M2697" s="2" t="s">
        <v>1520</v>
      </c>
      <c r="N2697" s="5" t="s">
        <v>1521</v>
      </c>
      <c r="O2697" s="5" t="s">
        <v>38</v>
      </c>
      <c r="P2697" s="5" t="s">
        <v>39</v>
      </c>
      <c r="Q2697" s="5" t="s">
        <v>40</v>
      </c>
      <c r="R2697" s="5" t="s">
        <v>1522</v>
      </c>
      <c r="S2697" s="5" t="s">
        <v>1523</v>
      </c>
      <c r="T2697" s="5" t="s">
        <v>42</v>
      </c>
      <c r="U2697" s="2">
        <v>1.3380000000000001</v>
      </c>
      <c r="V2697" s="2">
        <v>1.0880000000000001</v>
      </c>
      <c r="W2697" s="2">
        <v>6.0000000000000001E-3</v>
      </c>
      <c r="X2697" s="2">
        <v>76.900000000000006</v>
      </c>
      <c r="Y2697" s="2">
        <v>7.6</v>
      </c>
      <c r="Z2697" s="2">
        <v>10.6</v>
      </c>
      <c r="AA2697" s="5"/>
      <c r="AB2697" s="5" t="s">
        <v>43</v>
      </c>
      <c r="AC2697" s="5" t="s">
        <v>44</v>
      </c>
      <c r="AD2697" s="2"/>
      <c r="AE2697" s="1"/>
    </row>
    <row r="2698" spans="1:31" ht="14.45">
      <c r="A2698" s="11"/>
      <c r="B2698" s="20"/>
      <c r="C2698" s="2" t="s">
        <v>8547</v>
      </c>
      <c r="D2698" s="14" t="s">
        <v>8548</v>
      </c>
      <c r="E2698" s="2" t="s">
        <v>8549</v>
      </c>
      <c r="F2698" s="2" t="s">
        <v>1999</v>
      </c>
      <c r="G2698" s="8">
        <v>104</v>
      </c>
      <c r="H2698" s="5">
        <v>13</v>
      </c>
      <c r="I2698" s="5" t="s">
        <v>1518</v>
      </c>
      <c r="J2698" s="5" t="s">
        <v>1519</v>
      </c>
      <c r="K2698" s="2" t="s">
        <v>1520</v>
      </c>
      <c r="L2698" s="5" t="s">
        <v>1519</v>
      </c>
      <c r="M2698" s="2" t="s">
        <v>1520</v>
      </c>
      <c r="N2698" s="5" t="s">
        <v>1521</v>
      </c>
      <c r="O2698" s="5" t="s">
        <v>38</v>
      </c>
      <c r="P2698" s="5" t="s">
        <v>39</v>
      </c>
      <c r="Q2698" s="5" t="s">
        <v>40</v>
      </c>
      <c r="R2698" s="5" t="s">
        <v>1522</v>
      </c>
      <c r="S2698" s="5" t="s">
        <v>1523</v>
      </c>
      <c r="T2698" s="5" t="s">
        <v>42</v>
      </c>
      <c r="U2698" s="2">
        <v>1.369</v>
      </c>
      <c r="V2698" s="2">
        <v>1.119</v>
      </c>
      <c r="W2698" s="2">
        <v>6.0000000000000001E-3</v>
      </c>
      <c r="X2698" s="2">
        <v>76.900000000000006</v>
      </c>
      <c r="Y2698" s="2">
        <v>7.6</v>
      </c>
      <c r="Z2698" s="2">
        <v>10.6</v>
      </c>
      <c r="AA2698" s="5"/>
      <c r="AB2698" s="5" t="s">
        <v>43</v>
      </c>
      <c r="AC2698" s="5" t="s">
        <v>44</v>
      </c>
      <c r="AD2698" s="2"/>
      <c r="AE2698" s="1"/>
    </row>
    <row r="2699" spans="1:31" ht="14.45">
      <c r="A2699" s="11"/>
      <c r="B2699" s="20"/>
      <c r="C2699" s="2" t="s">
        <v>8550</v>
      </c>
      <c r="D2699" s="14" t="s">
        <v>8551</v>
      </c>
      <c r="E2699" s="2" t="s">
        <v>8552</v>
      </c>
      <c r="F2699" s="2" t="s">
        <v>1855</v>
      </c>
      <c r="G2699" s="8">
        <v>104</v>
      </c>
      <c r="H2699" s="5">
        <v>13</v>
      </c>
      <c r="I2699" s="5" t="s">
        <v>1518</v>
      </c>
      <c r="J2699" s="5" t="s">
        <v>1519</v>
      </c>
      <c r="K2699" s="2" t="s">
        <v>1520</v>
      </c>
      <c r="L2699" s="5" t="s">
        <v>1519</v>
      </c>
      <c r="M2699" s="2" t="s">
        <v>1520</v>
      </c>
      <c r="N2699" s="5" t="s">
        <v>1521</v>
      </c>
      <c r="O2699" s="5" t="s">
        <v>38</v>
      </c>
      <c r="P2699" s="5" t="s">
        <v>39</v>
      </c>
      <c r="Q2699" s="5" t="s">
        <v>40</v>
      </c>
      <c r="R2699" s="5" t="s">
        <v>1522</v>
      </c>
      <c r="S2699" s="5" t="s">
        <v>1523</v>
      </c>
      <c r="T2699" s="5" t="s">
        <v>42</v>
      </c>
      <c r="U2699" s="2">
        <v>1.3380000000000001</v>
      </c>
      <c r="V2699" s="2">
        <v>1.0880000000000001</v>
      </c>
      <c r="W2699" s="2">
        <v>6.0000000000000001E-3</v>
      </c>
      <c r="X2699" s="2">
        <v>76.900000000000006</v>
      </c>
      <c r="Y2699" s="2">
        <v>7.6</v>
      </c>
      <c r="Z2699" s="2">
        <v>10.6</v>
      </c>
      <c r="AA2699" s="5"/>
      <c r="AB2699" s="5" t="s">
        <v>43</v>
      </c>
      <c r="AC2699" s="5" t="s">
        <v>44</v>
      </c>
      <c r="AD2699" s="2"/>
      <c r="AE2699" s="1"/>
    </row>
    <row r="2700" spans="1:31" ht="14.45">
      <c r="A2700" s="11"/>
      <c r="B2700" s="20"/>
      <c r="C2700" s="2" t="s">
        <v>8553</v>
      </c>
      <c r="D2700" s="14" t="s">
        <v>8554</v>
      </c>
      <c r="E2700" s="2" t="s">
        <v>8555</v>
      </c>
      <c r="F2700" s="2" t="s">
        <v>1859</v>
      </c>
      <c r="G2700" s="8">
        <v>104</v>
      </c>
      <c r="H2700" s="5">
        <v>13</v>
      </c>
      <c r="I2700" s="5" t="s">
        <v>1518</v>
      </c>
      <c r="J2700" s="5" t="s">
        <v>1519</v>
      </c>
      <c r="K2700" s="2" t="s">
        <v>1520</v>
      </c>
      <c r="L2700" s="5" t="s">
        <v>1519</v>
      </c>
      <c r="M2700" s="2" t="s">
        <v>1520</v>
      </c>
      <c r="N2700" s="5" t="s">
        <v>1521</v>
      </c>
      <c r="O2700" s="5" t="s">
        <v>38</v>
      </c>
      <c r="P2700" s="5" t="s">
        <v>39</v>
      </c>
      <c r="Q2700" s="5" t="s">
        <v>40</v>
      </c>
      <c r="R2700" s="5" t="s">
        <v>1522</v>
      </c>
      <c r="S2700" s="5" t="s">
        <v>1523</v>
      </c>
      <c r="T2700" s="5" t="s">
        <v>42</v>
      </c>
      <c r="U2700" s="2">
        <v>1.369</v>
      </c>
      <c r="V2700" s="2">
        <v>1.119</v>
      </c>
      <c r="W2700" s="2">
        <v>6.0000000000000001E-3</v>
      </c>
      <c r="X2700" s="2">
        <v>76.900000000000006</v>
      </c>
      <c r="Y2700" s="2">
        <v>7.6</v>
      </c>
      <c r="Z2700" s="2">
        <v>10.6</v>
      </c>
      <c r="AA2700" s="5"/>
      <c r="AB2700" s="5" t="s">
        <v>43</v>
      </c>
      <c r="AC2700" s="5" t="s">
        <v>44</v>
      </c>
      <c r="AD2700" s="2"/>
      <c r="AE2700" s="1"/>
    </row>
    <row r="2701" spans="1:31" ht="14.45">
      <c r="A2701" s="11"/>
      <c r="B2701" s="20"/>
      <c r="C2701" s="2" t="s">
        <v>8556</v>
      </c>
      <c r="D2701" s="14" t="s">
        <v>8557</v>
      </c>
      <c r="E2701" s="2" t="s">
        <v>8558</v>
      </c>
      <c r="F2701" s="2" t="s">
        <v>1863</v>
      </c>
      <c r="G2701" s="8">
        <v>104</v>
      </c>
      <c r="H2701" s="5">
        <v>11</v>
      </c>
      <c r="I2701" s="5" t="s">
        <v>1518</v>
      </c>
      <c r="J2701" s="5" t="s">
        <v>1519</v>
      </c>
      <c r="K2701" s="2" t="s">
        <v>1520</v>
      </c>
      <c r="L2701" s="5" t="s">
        <v>1519</v>
      </c>
      <c r="M2701" s="2" t="s">
        <v>1520</v>
      </c>
      <c r="N2701" s="5" t="s">
        <v>1521</v>
      </c>
      <c r="O2701" s="5" t="s">
        <v>38</v>
      </c>
      <c r="P2701" s="5" t="s">
        <v>39</v>
      </c>
      <c r="Q2701" s="5" t="s">
        <v>40</v>
      </c>
      <c r="R2701" s="5" t="s">
        <v>1522</v>
      </c>
      <c r="S2701" s="5" t="s">
        <v>1523</v>
      </c>
      <c r="T2701" s="5" t="s">
        <v>42</v>
      </c>
      <c r="U2701" s="2">
        <v>1.298</v>
      </c>
      <c r="V2701" s="2">
        <v>1.046</v>
      </c>
      <c r="W2701" s="2">
        <v>6.0000000000000001E-3</v>
      </c>
      <c r="X2701" s="2">
        <v>76.900000000000006</v>
      </c>
      <c r="Y2701" s="2">
        <v>7.6</v>
      </c>
      <c r="Z2701" s="2">
        <v>10.6</v>
      </c>
      <c r="AA2701" s="5"/>
      <c r="AB2701" s="5" t="s">
        <v>43</v>
      </c>
      <c r="AC2701" s="5" t="s">
        <v>44</v>
      </c>
      <c r="AD2701" s="2"/>
      <c r="AE2701" s="1"/>
    </row>
    <row r="2702" spans="1:31" ht="14.45">
      <c r="A2702" s="11"/>
      <c r="B2702" s="20"/>
      <c r="C2702" s="2" t="s">
        <v>8559</v>
      </c>
      <c r="D2702" s="14" t="s">
        <v>8560</v>
      </c>
      <c r="E2702" s="2" t="s">
        <v>8561</v>
      </c>
      <c r="F2702" s="2" t="s">
        <v>1867</v>
      </c>
      <c r="G2702" s="8">
        <v>104</v>
      </c>
      <c r="H2702" s="5">
        <v>11</v>
      </c>
      <c r="I2702" s="5" t="s">
        <v>1518</v>
      </c>
      <c r="J2702" s="5" t="s">
        <v>1519</v>
      </c>
      <c r="K2702" s="2" t="s">
        <v>1520</v>
      </c>
      <c r="L2702" s="5" t="s">
        <v>1519</v>
      </c>
      <c r="M2702" s="2" t="s">
        <v>1520</v>
      </c>
      <c r="N2702" s="5" t="s">
        <v>1521</v>
      </c>
      <c r="O2702" s="5" t="s">
        <v>38</v>
      </c>
      <c r="P2702" s="5" t="s">
        <v>39</v>
      </c>
      <c r="Q2702" s="5" t="s">
        <v>40</v>
      </c>
      <c r="R2702" s="5" t="s">
        <v>1522</v>
      </c>
      <c r="S2702" s="5" t="s">
        <v>1523</v>
      </c>
      <c r="T2702" s="5" t="s">
        <v>42</v>
      </c>
      <c r="U2702" s="2">
        <v>1.329</v>
      </c>
      <c r="V2702" s="2">
        <v>1.077</v>
      </c>
      <c r="W2702" s="2">
        <v>6.0000000000000001E-3</v>
      </c>
      <c r="X2702" s="2">
        <v>76.900000000000006</v>
      </c>
      <c r="Y2702" s="2">
        <v>7.6</v>
      </c>
      <c r="Z2702" s="2">
        <v>10.6</v>
      </c>
      <c r="AA2702" s="5"/>
      <c r="AB2702" s="5" t="s">
        <v>43</v>
      </c>
      <c r="AC2702" s="5" t="s">
        <v>44</v>
      </c>
      <c r="AD2702" s="2"/>
      <c r="AE2702" s="1"/>
    </row>
    <row r="2703" spans="1:31" ht="14.45">
      <c r="A2703" s="11"/>
      <c r="B2703" s="20"/>
      <c r="C2703" s="2" t="s">
        <v>8562</v>
      </c>
      <c r="D2703" s="14" t="s">
        <v>8563</v>
      </c>
      <c r="E2703" s="2" t="s">
        <v>8564</v>
      </c>
      <c r="F2703" s="2" t="s">
        <v>7396</v>
      </c>
      <c r="G2703" s="8">
        <v>100</v>
      </c>
      <c r="H2703" s="5">
        <v>5</v>
      </c>
      <c r="I2703" s="5" t="s">
        <v>1518</v>
      </c>
      <c r="J2703" s="5" t="s">
        <v>1519</v>
      </c>
      <c r="K2703" s="2" t="s">
        <v>1520</v>
      </c>
      <c r="L2703" s="5" t="s">
        <v>1519</v>
      </c>
      <c r="M2703" s="2" t="s">
        <v>1520</v>
      </c>
      <c r="N2703" s="5" t="s">
        <v>1521</v>
      </c>
      <c r="O2703" s="5" t="s">
        <v>38</v>
      </c>
      <c r="P2703" s="5" t="s">
        <v>39</v>
      </c>
      <c r="Q2703" s="5" t="s">
        <v>40</v>
      </c>
      <c r="R2703" s="5" t="s">
        <v>1522</v>
      </c>
      <c r="S2703" s="5" t="s">
        <v>1523</v>
      </c>
      <c r="T2703" s="5" t="s">
        <v>42</v>
      </c>
      <c r="U2703" s="2">
        <v>1.512</v>
      </c>
      <c r="V2703" s="2">
        <v>1.1579999999999999</v>
      </c>
      <c r="W2703" s="2">
        <v>8.0000000000000002E-3</v>
      </c>
      <c r="X2703" s="2">
        <v>99.1</v>
      </c>
      <c r="Y2703" s="2">
        <v>7.6</v>
      </c>
      <c r="Z2703" s="2">
        <v>10.6</v>
      </c>
      <c r="AA2703" s="5"/>
      <c r="AB2703" s="5" t="s">
        <v>43</v>
      </c>
      <c r="AC2703" s="5" t="s">
        <v>44</v>
      </c>
      <c r="AD2703" s="2"/>
      <c r="AE2703" s="1"/>
    </row>
    <row r="2704" spans="1:31" ht="14.45">
      <c r="A2704" s="11"/>
      <c r="B2704" s="20"/>
      <c r="C2704" s="2" t="s">
        <v>8565</v>
      </c>
      <c r="D2704" s="14" t="s">
        <v>8566</v>
      </c>
      <c r="E2704" s="2" t="s">
        <v>8567</v>
      </c>
      <c r="F2704" s="2" t="s">
        <v>7507</v>
      </c>
      <c r="G2704" s="8">
        <v>100</v>
      </c>
      <c r="H2704" s="5">
        <v>5</v>
      </c>
      <c r="I2704" s="5" t="s">
        <v>1518</v>
      </c>
      <c r="J2704" s="5" t="s">
        <v>1519</v>
      </c>
      <c r="K2704" s="2" t="s">
        <v>1520</v>
      </c>
      <c r="L2704" s="5" t="s">
        <v>1519</v>
      </c>
      <c r="M2704" s="2" t="s">
        <v>1520</v>
      </c>
      <c r="N2704" s="5" t="s">
        <v>1521</v>
      </c>
      <c r="O2704" s="5" t="s">
        <v>38</v>
      </c>
      <c r="P2704" s="5" t="s">
        <v>39</v>
      </c>
      <c r="Q2704" s="5" t="s">
        <v>40</v>
      </c>
      <c r="R2704" s="5" t="s">
        <v>1522</v>
      </c>
      <c r="S2704" s="5" t="s">
        <v>1523</v>
      </c>
      <c r="T2704" s="5" t="s">
        <v>42</v>
      </c>
      <c r="U2704" s="2">
        <v>1.548</v>
      </c>
      <c r="V2704" s="2">
        <v>1.194</v>
      </c>
      <c r="W2704" s="2">
        <v>8.0000000000000002E-3</v>
      </c>
      <c r="X2704" s="2">
        <v>99.1</v>
      </c>
      <c r="Y2704" s="2">
        <v>7.6</v>
      </c>
      <c r="Z2704" s="2">
        <v>10.6</v>
      </c>
      <c r="AA2704" s="5"/>
      <c r="AB2704" s="5" t="s">
        <v>43</v>
      </c>
      <c r="AC2704" s="5" t="s">
        <v>44</v>
      </c>
      <c r="AD2704" s="2"/>
      <c r="AE2704" s="1"/>
    </row>
    <row r="2705" spans="1:31" ht="14.45">
      <c r="A2705" s="11"/>
      <c r="B2705" s="20"/>
      <c r="C2705" s="2" t="s">
        <v>8568</v>
      </c>
      <c r="D2705" s="14" t="s">
        <v>8569</v>
      </c>
      <c r="E2705" s="2" t="s">
        <v>8570</v>
      </c>
      <c r="F2705" s="2" t="s">
        <v>7204</v>
      </c>
      <c r="G2705" s="8">
        <v>100</v>
      </c>
      <c r="H2705" s="5">
        <v>5</v>
      </c>
      <c r="I2705" s="5" t="s">
        <v>1518</v>
      </c>
      <c r="J2705" s="5" t="s">
        <v>1519</v>
      </c>
      <c r="K2705" s="2" t="s">
        <v>1520</v>
      </c>
      <c r="L2705" s="5" t="s">
        <v>1519</v>
      </c>
      <c r="M2705" s="2" t="s">
        <v>1520</v>
      </c>
      <c r="N2705" s="5" t="s">
        <v>1521</v>
      </c>
      <c r="O2705" s="5" t="s">
        <v>38</v>
      </c>
      <c r="P2705" s="5" t="s">
        <v>39</v>
      </c>
      <c r="Q2705" s="5" t="s">
        <v>40</v>
      </c>
      <c r="R2705" s="5" t="s">
        <v>1522</v>
      </c>
      <c r="S2705" s="5" t="s">
        <v>1523</v>
      </c>
      <c r="T2705" s="5" t="s">
        <v>42</v>
      </c>
      <c r="U2705" s="2">
        <v>1.5169999999999999</v>
      </c>
      <c r="V2705" s="2">
        <v>1.163</v>
      </c>
      <c r="W2705" s="2">
        <v>8.0000000000000002E-3</v>
      </c>
      <c r="X2705" s="2">
        <v>99.1</v>
      </c>
      <c r="Y2705" s="2">
        <v>7.6</v>
      </c>
      <c r="Z2705" s="2">
        <v>10.6</v>
      </c>
      <c r="AA2705" s="5"/>
      <c r="AB2705" s="5" t="s">
        <v>43</v>
      </c>
      <c r="AC2705" s="5" t="s">
        <v>44</v>
      </c>
      <c r="AD2705" s="2"/>
      <c r="AE2705" s="1"/>
    </row>
    <row r="2706" spans="1:31" ht="14.45">
      <c r="A2706" s="11"/>
      <c r="B2706" s="20"/>
      <c r="C2706" s="2" t="s">
        <v>8571</v>
      </c>
      <c r="D2706" s="14" t="s">
        <v>8572</v>
      </c>
      <c r="E2706" s="2" t="s">
        <v>8573</v>
      </c>
      <c r="F2706" s="2" t="s">
        <v>7514</v>
      </c>
      <c r="G2706" s="8">
        <v>100</v>
      </c>
      <c r="H2706" s="5">
        <v>5</v>
      </c>
      <c r="I2706" s="5" t="s">
        <v>1518</v>
      </c>
      <c r="J2706" s="5" t="s">
        <v>1519</v>
      </c>
      <c r="K2706" s="2" t="s">
        <v>1520</v>
      </c>
      <c r="L2706" s="5" t="s">
        <v>1519</v>
      </c>
      <c r="M2706" s="2" t="s">
        <v>1520</v>
      </c>
      <c r="N2706" s="5" t="s">
        <v>1521</v>
      </c>
      <c r="O2706" s="5" t="s">
        <v>38</v>
      </c>
      <c r="P2706" s="5" t="s">
        <v>39</v>
      </c>
      <c r="Q2706" s="5" t="s">
        <v>40</v>
      </c>
      <c r="R2706" s="5" t="s">
        <v>1522</v>
      </c>
      <c r="S2706" s="5" t="s">
        <v>1523</v>
      </c>
      <c r="T2706" s="5" t="s">
        <v>42</v>
      </c>
      <c r="U2706" s="2">
        <v>1.5529999999999999</v>
      </c>
      <c r="V2706" s="2">
        <v>1.1990000000000001</v>
      </c>
      <c r="W2706" s="2">
        <v>8.0000000000000002E-3</v>
      </c>
      <c r="X2706" s="2">
        <v>99.1</v>
      </c>
      <c r="Y2706" s="2">
        <v>7.6</v>
      </c>
      <c r="Z2706" s="2">
        <v>10.6</v>
      </c>
      <c r="AA2706" s="5"/>
      <c r="AB2706" s="5" t="s">
        <v>43</v>
      </c>
      <c r="AC2706" s="5" t="s">
        <v>44</v>
      </c>
      <c r="AD2706" s="2"/>
      <c r="AE2706" s="1"/>
    </row>
    <row r="2707" spans="1:31" ht="14.45">
      <c r="A2707" s="11"/>
      <c r="B2707" s="20"/>
      <c r="C2707" s="2" t="s">
        <v>8574</v>
      </c>
      <c r="D2707" s="14" t="s">
        <v>8575</v>
      </c>
      <c r="E2707" s="2" t="s">
        <v>8576</v>
      </c>
      <c r="F2707" s="2" t="s">
        <v>7208</v>
      </c>
      <c r="G2707" s="8">
        <v>100</v>
      </c>
      <c r="H2707" s="5">
        <v>5</v>
      </c>
      <c r="I2707" s="5" t="s">
        <v>1518</v>
      </c>
      <c r="J2707" s="5" t="s">
        <v>1519</v>
      </c>
      <c r="K2707" s="2" t="s">
        <v>1520</v>
      </c>
      <c r="L2707" s="5" t="s">
        <v>1519</v>
      </c>
      <c r="M2707" s="2" t="s">
        <v>1520</v>
      </c>
      <c r="N2707" s="5" t="s">
        <v>1521</v>
      </c>
      <c r="O2707" s="5" t="s">
        <v>38</v>
      </c>
      <c r="P2707" s="5" t="s">
        <v>39</v>
      </c>
      <c r="Q2707" s="5" t="s">
        <v>40</v>
      </c>
      <c r="R2707" s="5" t="s">
        <v>1522</v>
      </c>
      <c r="S2707" s="5" t="s">
        <v>1523</v>
      </c>
      <c r="T2707" s="5" t="s">
        <v>42</v>
      </c>
      <c r="U2707" s="2">
        <v>1.5169999999999999</v>
      </c>
      <c r="V2707" s="2">
        <v>1.163</v>
      </c>
      <c r="W2707" s="2">
        <v>8.0000000000000002E-3</v>
      </c>
      <c r="X2707" s="2">
        <v>99.1</v>
      </c>
      <c r="Y2707" s="2">
        <v>7.6</v>
      </c>
      <c r="Z2707" s="2">
        <v>10.6</v>
      </c>
      <c r="AA2707" s="5"/>
      <c r="AB2707" s="5" t="s">
        <v>43</v>
      </c>
      <c r="AC2707" s="5" t="s">
        <v>44</v>
      </c>
      <c r="AD2707" s="2"/>
      <c r="AE2707" s="1"/>
    </row>
    <row r="2708" spans="1:31" ht="14.45">
      <c r="A2708" s="11"/>
      <c r="B2708" s="20"/>
      <c r="C2708" s="2" t="s">
        <v>8577</v>
      </c>
      <c r="D2708" s="14" t="s">
        <v>8578</v>
      </c>
      <c r="E2708" s="2" t="s">
        <v>8579</v>
      </c>
      <c r="F2708" s="2" t="s">
        <v>7521</v>
      </c>
      <c r="G2708" s="8">
        <v>100</v>
      </c>
      <c r="H2708" s="5">
        <v>5</v>
      </c>
      <c r="I2708" s="5" t="s">
        <v>1518</v>
      </c>
      <c r="J2708" s="5" t="s">
        <v>1519</v>
      </c>
      <c r="K2708" s="2" t="s">
        <v>1520</v>
      </c>
      <c r="L2708" s="5" t="s">
        <v>1519</v>
      </c>
      <c r="M2708" s="2" t="s">
        <v>1520</v>
      </c>
      <c r="N2708" s="5" t="s">
        <v>1521</v>
      </c>
      <c r="O2708" s="5" t="s">
        <v>38</v>
      </c>
      <c r="P2708" s="5" t="s">
        <v>39</v>
      </c>
      <c r="Q2708" s="5" t="s">
        <v>40</v>
      </c>
      <c r="R2708" s="5" t="s">
        <v>1522</v>
      </c>
      <c r="S2708" s="5" t="s">
        <v>1523</v>
      </c>
      <c r="T2708" s="5" t="s">
        <v>42</v>
      </c>
      <c r="U2708" s="2">
        <v>1.5529999999999999</v>
      </c>
      <c r="V2708" s="2">
        <v>1.1990000000000001</v>
      </c>
      <c r="W2708" s="2">
        <v>8.0000000000000002E-3</v>
      </c>
      <c r="X2708" s="2">
        <v>99.1</v>
      </c>
      <c r="Y2708" s="2">
        <v>7.6</v>
      </c>
      <c r="Z2708" s="2">
        <v>10.6</v>
      </c>
      <c r="AA2708" s="5"/>
      <c r="AB2708" s="5" t="s">
        <v>43</v>
      </c>
      <c r="AC2708" s="5" t="s">
        <v>44</v>
      </c>
      <c r="AD2708" s="2"/>
      <c r="AE2708" s="1"/>
    </row>
    <row r="2709" spans="1:31" ht="14.45">
      <c r="A2709" s="11"/>
      <c r="B2709" s="20"/>
      <c r="C2709" s="2" t="s">
        <v>8580</v>
      </c>
      <c r="D2709" s="14" t="s">
        <v>8581</v>
      </c>
      <c r="E2709" s="2" t="s">
        <v>8582</v>
      </c>
      <c r="F2709" s="2" t="s">
        <v>7212</v>
      </c>
      <c r="G2709" s="8">
        <v>100</v>
      </c>
      <c r="H2709" s="5">
        <v>5</v>
      </c>
      <c r="I2709" s="5" t="s">
        <v>1518</v>
      </c>
      <c r="J2709" s="5" t="s">
        <v>1519</v>
      </c>
      <c r="K2709" s="2" t="s">
        <v>1520</v>
      </c>
      <c r="L2709" s="5" t="s">
        <v>1519</v>
      </c>
      <c r="M2709" s="2" t="s">
        <v>1520</v>
      </c>
      <c r="N2709" s="5" t="s">
        <v>1521</v>
      </c>
      <c r="O2709" s="5" t="s">
        <v>38</v>
      </c>
      <c r="P2709" s="5" t="s">
        <v>39</v>
      </c>
      <c r="Q2709" s="5" t="s">
        <v>40</v>
      </c>
      <c r="R2709" s="5" t="s">
        <v>1522</v>
      </c>
      <c r="S2709" s="5" t="s">
        <v>1523</v>
      </c>
      <c r="T2709" s="5" t="s">
        <v>42</v>
      </c>
      <c r="U2709" s="2">
        <v>1.502</v>
      </c>
      <c r="V2709" s="2">
        <v>1.1479999999999999</v>
      </c>
      <c r="W2709" s="2">
        <v>8.0000000000000002E-3</v>
      </c>
      <c r="X2709" s="2">
        <v>99.1</v>
      </c>
      <c r="Y2709" s="2">
        <v>7.6</v>
      </c>
      <c r="Z2709" s="2">
        <v>10.6</v>
      </c>
      <c r="AA2709" s="5"/>
      <c r="AB2709" s="5" t="s">
        <v>43</v>
      </c>
      <c r="AC2709" s="5" t="s">
        <v>44</v>
      </c>
      <c r="AD2709" s="2"/>
      <c r="AE2709" s="1"/>
    </row>
    <row r="2710" spans="1:31" ht="14.45">
      <c r="A2710" s="11"/>
      <c r="B2710" s="20"/>
      <c r="C2710" s="2" t="s">
        <v>8583</v>
      </c>
      <c r="D2710" s="14" t="s">
        <v>8584</v>
      </c>
      <c r="E2710" s="2" t="s">
        <v>8585</v>
      </c>
      <c r="F2710" s="2" t="s">
        <v>7528</v>
      </c>
      <c r="G2710" s="8">
        <v>100</v>
      </c>
      <c r="H2710" s="5">
        <v>5</v>
      </c>
      <c r="I2710" s="5" t="s">
        <v>1518</v>
      </c>
      <c r="J2710" s="5" t="s">
        <v>1519</v>
      </c>
      <c r="K2710" s="2" t="s">
        <v>1520</v>
      </c>
      <c r="L2710" s="5" t="s">
        <v>1519</v>
      </c>
      <c r="M2710" s="2" t="s">
        <v>1520</v>
      </c>
      <c r="N2710" s="5" t="s">
        <v>1521</v>
      </c>
      <c r="O2710" s="5" t="s">
        <v>38</v>
      </c>
      <c r="P2710" s="5" t="s">
        <v>39</v>
      </c>
      <c r="Q2710" s="5" t="s">
        <v>40</v>
      </c>
      <c r="R2710" s="5" t="s">
        <v>1522</v>
      </c>
      <c r="S2710" s="5" t="s">
        <v>1523</v>
      </c>
      <c r="T2710" s="5" t="s">
        <v>42</v>
      </c>
      <c r="U2710" s="2">
        <v>1.538</v>
      </c>
      <c r="V2710" s="2">
        <v>1.1839999999999999</v>
      </c>
      <c r="W2710" s="2">
        <v>8.0000000000000002E-3</v>
      </c>
      <c r="X2710" s="2">
        <v>99.1</v>
      </c>
      <c r="Y2710" s="2">
        <v>7.6</v>
      </c>
      <c r="Z2710" s="2">
        <v>10.6</v>
      </c>
      <c r="AA2710" s="5"/>
      <c r="AB2710" s="5" t="s">
        <v>43</v>
      </c>
      <c r="AC2710" s="5" t="s">
        <v>44</v>
      </c>
      <c r="AD2710" s="2"/>
      <c r="AE2710" s="1"/>
    </row>
    <row r="2711" spans="1:31" ht="14.45">
      <c r="A2711" s="11"/>
      <c r="B2711" s="20"/>
      <c r="C2711" s="2" t="s">
        <v>8586</v>
      </c>
      <c r="D2711" s="14" t="s">
        <v>8587</v>
      </c>
      <c r="E2711" s="2" t="s">
        <v>8588</v>
      </c>
      <c r="F2711" s="2" t="s">
        <v>7406</v>
      </c>
      <c r="G2711" s="8">
        <v>114</v>
      </c>
      <c r="H2711" s="5">
        <v>6</v>
      </c>
      <c r="I2711" s="5" t="s">
        <v>1518</v>
      </c>
      <c r="J2711" s="5" t="s">
        <v>1519</v>
      </c>
      <c r="K2711" s="2" t="s">
        <v>1520</v>
      </c>
      <c r="L2711" s="5" t="s">
        <v>1519</v>
      </c>
      <c r="M2711" s="2" t="s">
        <v>1520</v>
      </c>
      <c r="N2711" s="5" t="s">
        <v>1521</v>
      </c>
      <c r="O2711" s="5" t="s">
        <v>38</v>
      </c>
      <c r="P2711" s="5" t="s">
        <v>39</v>
      </c>
      <c r="Q2711" s="5" t="s">
        <v>40</v>
      </c>
      <c r="R2711" s="5" t="s">
        <v>1522</v>
      </c>
      <c r="S2711" s="5" t="s">
        <v>1523</v>
      </c>
      <c r="T2711" s="5" t="s">
        <v>42</v>
      </c>
      <c r="U2711" s="2">
        <v>1.502</v>
      </c>
      <c r="V2711" s="2">
        <v>1.1479999999999999</v>
      </c>
      <c r="W2711" s="2">
        <v>8.0000000000000002E-3</v>
      </c>
      <c r="X2711" s="2">
        <v>99.1</v>
      </c>
      <c r="Y2711" s="2">
        <v>7.6</v>
      </c>
      <c r="Z2711" s="2">
        <v>10.6</v>
      </c>
      <c r="AA2711" s="5"/>
      <c r="AB2711" s="5" t="s">
        <v>43</v>
      </c>
      <c r="AC2711" s="5" t="s">
        <v>44</v>
      </c>
      <c r="AD2711" s="2"/>
      <c r="AE2711" s="1"/>
    </row>
    <row r="2712" spans="1:31" ht="14.45">
      <c r="A2712" s="11"/>
      <c r="B2712" s="20"/>
      <c r="C2712" s="2" t="s">
        <v>8589</v>
      </c>
      <c r="D2712" s="14" t="s">
        <v>8590</v>
      </c>
      <c r="E2712" s="2" t="s">
        <v>8591</v>
      </c>
      <c r="F2712" s="2" t="s">
        <v>7535</v>
      </c>
      <c r="G2712" s="8">
        <v>114</v>
      </c>
      <c r="H2712" s="5">
        <v>6</v>
      </c>
      <c r="I2712" s="5" t="s">
        <v>1518</v>
      </c>
      <c r="J2712" s="5" t="s">
        <v>1519</v>
      </c>
      <c r="K2712" s="2" t="s">
        <v>1520</v>
      </c>
      <c r="L2712" s="5" t="s">
        <v>1519</v>
      </c>
      <c r="M2712" s="2" t="s">
        <v>1520</v>
      </c>
      <c r="N2712" s="5" t="s">
        <v>1521</v>
      </c>
      <c r="O2712" s="5" t="s">
        <v>38</v>
      </c>
      <c r="P2712" s="5" t="s">
        <v>39</v>
      </c>
      <c r="Q2712" s="5" t="s">
        <v>40</v>
      </c>
      <c r="R2712" s="5" t="s">
        <v>1522</v>
      </c>
      <c r="S2712" s="5" t="s">
        <v>1523</v>
      </c>
      <c r="T2712" s="5" t="s">
        <v>42</v>
      </c>
      <c r="U2712" s="2">
        <v>1.538</v>
      </c>
      <c r="V2712" s="2">
        <v>1.1839999999999999</v>
      </c>
      <c r="W2712" s="2">
        <v>8.0000000000000002E-3</v>
      </c>
      <c r="X2712" s="2">
        <v>99.1</v>
      </c>
      <c r="Y2712" s="2">
        <v>7.6</v>
      </c>
      <c r="Z2712" s="2">
        <v>10.6</v>
      </c>
      <c r="AA2712" s="5"/>
      <c r="AB2712" s="5" t="s">
        <v>43</v>
      </c>
      <c r="AC2712" s="5" t="s">
        <v>44</v>
      </c>
      <c r="AD2712" s="2"/>
      <c r="AE2712" s="1"/>
    </row>
    <row r="2713" spans="1:31" ht="14.45">
      <c r="A2713" s="11"/>
      <c r="B2713" s="20"/>
      <c r="C2713" s="2" t="s">
        <v>8592</v>
      </c>
      <c r="D2713" s="14" t="s">
        <v>8593</v>
      </c>
      <c r="E2713" s="2" t="s">
        <v>8594</v>
      </c>
      <c r="F2713" s="2" t="s">
        <v>7539</v>
      </c>
      <c r="G2713" s="8">
        <v>114</v>
      </c>
      <c r="H2713" s="5">
        <v>6</v>
      </c>
      <c r="I2713" s="5" t="s">
        <v>1518</v>
      </c>
      <c r="J2713" s="5" t="s">
        <v>1519</v>
      </c>
      <c r="K2713" s="2" t="s">
        <v>1520</v>
      </c>
      <c r="L2713" s="5" t="s">
        <v>1519</v>
      </c>
      <c r="M2713" s="2" t="s">
        <v>1520</v>
      </c>
      <c r="N2713" s="5" t="s">
        <v>1521</v>
      </c>
      <c r="O2713" s="5" t="s">
        <v>38</v>
      </c>
      <c r="P2713" s="5" t="s">
        <v>39</v>
      </c>
      <c r="Q2713" s="5" t="s">
        <v>40</v>
      </c>
      <c r="R2713" s="5" t="s">
        <v>1522</v>
      </c>
      <c r="S2713" s="5" t="s">
        <v>1523</v>
      </c>
      <c r="T2713" s="5" t="s">
        <v>42</v>
      </c>
      <c r="U2713" s="2">
        <v>1.5169999999999999</v>
      </c>
      <c r="V2713" s="2">
        <v>1.163</v>
      </c>
      <c r="W2713" s="2">
        <v>8.0000000000000002E-3</v>
      </c>
      <c r="X2713" s="2">
        <v>99.1</v>
      </c>
      <c r="Y2713" s="2">
        <v>7.6</v>
      </c>
      <c r="Z2713" s="2">
        <v>10.6</v>
      </c>
      <c r="AA2713" s="5"/>
      <c r="AB2713" s="5" t="s">
        <v>43</v>
      </c>
      <c r="AC2713" s="5" t="s">
        <v>44</v>
      </c>
      <c r="AD2713" s="2"/>
      <c r="AE2713" s="1"/>
    </row>
    <row r="2714" spans="1:31" ht="14.45">
      <c r="A2714" s="11"/>
      <c r="B2714" s="20"/>
      <c r="C2714" s="2" t="s">
        <v>8595</v>
      </c>
      <c r="D2714" s="14" t="s">
        <v>8596</v>
      </c>
      <c r="E2714" s="2" t="s">
        <v>8597</v>
      </c>
      <c r="F2714" s="2" t="s">
        <v>7543</v>
      </c>
      <c r="G2714" s="8">
        <v>114</v>
      </c>
      <c r="H2714" s="5">
        <v>6</v>
      </c>
      <c r="I2714" s="5" t="s">
        <v>1518</v>
      </c>
      <c r="J2714" s="5" t="s">
        <v>1519</v>
      </c>
      <c r="K2714" s="2" t="s">
        <v>1520</v>
      </c>
      <c r="L2714" s="5" t="s">
        <v>1519</v>
      </c>
      <c r="M2714" s="2" t="s">
        <v>1520</v>
      </c>
      <c r="N2714" s="5" t="s">
        <v>1521</v>
      </c>
      <c r="O2714" s="5" t="s">
        <v>38</v>
      </c>
      <c r="P2714" s="5" t="s">
        <v>39</v>
      </c>
      <c r="Q2714" s="5" t="s">
        <v>40</v>
      </c>
      <c r="R2714" s="5" t="s">
        <v>1522</v>
      </c>
      <c r="S2714" s="5" t="s">
        <v>1523</v>
      </c>
      <c r="T2714" s="5" t="s">
        <v>42</v>
      </c>
      <c r="U2714" s="2">
        <v>1.5529999999999999</v>
      </c>
      <c r="V2714" s="2">
        <v>1.1990000000000001</v>
      </c>
      <c r="W2714" s="2">
        <v>8.0000000000000002E-3</v>
      </c>
      <c r="X2714" s="2">
        <v>99.1</v>
      </c>
      <c r="Y2714" s="2">
        <v>7.6</v>
      </c>
      <c r="Z2714" s="2">
        <v>10.6</v>
      </c>
      <c r="AA2714" s="5"/>
      <c r="AB2714" s="5" t="s">
        <v>43</v>
      </c>
      <c r="AC2714" s="5" t="s">
        <v>44</v>
      </c>
      <c r="AD2714" s="2"/>
      <c r="AE2714" s="1"/>
    </row>
    <row r="2715" spans="1:31" ht="14.45">
      <c r="A2715" s="11"/>
      <c r="B2715" s="20"/>
      <c r="C2715" s="2" t="s">
        <v>8598</v>
      </c>
      <c r="D2715" s="14" t="s">
        <v>8599</v>
      </c>
      <c r="E2715" s="2" t="s">
        <v>8600</v>
      </c>
      <c r="F2715" s="2" t="s">
        <v>7547</v>
      </c>
      <c r="G2715" s="8">
        <v>114</v>
      </c>
      <c r="H2715" s="5">
        <v>6</v>
      </c>
      <c r="I2715" s="5" t="s">
        <v>1518</v>
      </c>
      <c r="J2715" s="5" t="s">
        <v>1519</v>
      </c>
      <c r="K2715" s="2" t="s">
        <v>1520</v>
      </c>
      <c r="L2715" s="5" t="s">
        <v>1519</v>
      </c>
      <c r="M2715" s="2" t="s">
        <v>1520</v>
      </c>
      <c r="N2715" s="5" t="s">
        <v>1521</v>
      </c>
      <c r="O2715" s="5" t="s">
        <v>38</v>
      </c>
      <c r="P2715" s="5" t="s">
        <v>39</v>
      </c>
      <c r="Q2715" s="5" t="s">
        <v>40</v>
      </c>
      <c r="R2715" s="5" t="s">
        <v>1522</v>
      </c>
      <c r="S2715" s="5" t="s">
        <v>1523</v>
      </c>
      <c r="T2715" s="5" t="s">
        <v>42</v>
      </c>
      <c r="U2715" s="2">
        <v>1.502</v>
      </c>
      <c r="V2715" s="2">
        <v>1.1479999999999999</v>
      </c>
      <c r="W2715" s="2">
        <v>8.0000000000000002E-3</v>
      </c>
      <c r="X2715" s="2">
        <v>99.1</v>
      </c>
      <c r="Y2715" s="2">
        <v>7.6</v>
      </c>
      <c r="Z2715" s="2">
        <v>10.6</v>
      </c>
      <c r="AA2715" s="5"/>
      <c r="AB2715" s="5" t="s">
        <v>43</v>
      </c>
      <c r="AC2715" s="5" t="s">
        <v>44</v>
      </c>
      <c r="AD2715" s="2"/>
      <c r="AE2715" s="1"/>
    </row>
    <row r="2716" spans="1:31" ht="14.45">
      <c r="A2716" s="11"/>
      <c r="B2716" s="20"/>
      <c r="C2716" s="2" t="s">
        <v>8601</v>
      </c>
      <c r="D2716" s="14" t="s">
        <v>8602</v>
      </c>
      <c r="E2716" s="2" t="s">
        <v>8603</v>
      </c>
      <c r="F2716" s="2" t="s">
        <v>7551</v>
      </c>
      <c r="G2716" s="8">
        <v>114</v>
      </c>
      <c r="H2716" s="5">
        <v>6</v>
      </c>
      <c r="I2716" s="5" t="s">
        <v>1518</v>
      </c>
      <c r="J2716" s="5" t="s">
        <v>1519</v>
      </c>
      <c r="K2716" s="2" t="s">
        <v>1520</v>
      </c>
      <c r="L2716" s="5" t="s">
        <v>1519</v>
      </c>
      <c r="M2716" s="2" t="s">
        <v>1520</v>
      </c>
      <c r="N2716" s="5" t="s">
        <v>1521</v>
      </c>
      <c r="O2716" s="5" t="s">
        <v>38</v>
      </c>
      <c r="P2716" s="5" t="s">
        <v>39</v>
      </c>
      <c r="Q2716" s="5" t="s">
        <v>40</v>
      </c>
      <c r="R2716" s="5" t="s">
        <v>1522</v>
      </c>
      <c r="S2716" s="5" t="s">
        <v>1523</v>
      </c>
      <c r="T2716" s="5" t="s">
        <v>42</v>
      </c>
      <c r="U2716" s="2">
        <v>1.538</v>
      </c>
      <c r="V2716" s="2">
        <v>1.1839999999999999</v>
      </c>
      <c r="W2716" s="2">
        <v>8.0000000000000002E-3</v>
      </c>
      <c r="X2716" s="2">
        <v>99.1</v>
      </c>
      <c r="Y2716" s="2">
        <v>7.6</v>
      </c>
      <c r="Z2716" s="2">
        <v>10.6</v>
      </c>
      <c r="AA2716" s="5"/>
      <c r="AB2716" s="5" t="s">
        <v>43</v>
      </c>
      <c r="AC2716" s="5" t="s">
        <v>44</v>
      </c>
      <c r="AD2716" s="2"/>
      <c r="AE2716" s="1"/>
    </row>
    <row r="2717" spans="1:31" ht="14.45">
      <c r="A2717" s="11"/>
      <c r="B2717" s="20"/>
      <c r="C2717" s="2" t="s">
        <v>8604</v>
      </c>
      <c r="D2717" s="14" t="s">
        <v>8605</v>
      </c>
      <c r="E2717" s="2" t="s">
        <v>8606</v>
      </c>
      <c r="F2717" s="2" t="s">
        <v>7555</v>
      </c>
      <c r="G2717" s="8">
        <v>114</v>
      </c>
      <c r="H2717" s="5">
        <v>6</v>
      </c>
      <c r="I2717" s="5" t="s">
        <v>1518</v>
      </c>
      <c r="J2717" s="5" t="s">
        <v>1519</v>
      </c>
      <c r="K2717" s="2" t="s">
        <v>1520</v>
      </c>
      <c r="L2717" s="5" t="s">
        <v>1519</v>
      </c>
      <c r="M2717" s="2" t="s">
        <v>1520</v>
      </c>
      <c r="N2717" s="5" t="s">
        <v>1521</v>
      </c>
      <c r="O2717" s="5" t="s">
        <v>38</v>
      </c>
      <c r="P2717" s="5" t="s">
        <v>39</v>
      </c>
      <c r="Q2717" s="5" t="s">
        <v>40</v>
      </c>
      <c r="R2717" s="5" t="s">
        <v>1522</v>
      </c>
      <c r="S2717" s="5" t="s">
        <v>1523</v>
      </c>
      <c r="T2717" s="5" t="s">
        <v>42</v>
      </c>
      <c r="U2717" s="2">
        <v>1.502</v>
      </c>
      <c r="V2717" s="2">
        <v>1.1479999999999999</v>
      </c>
      <c r="W2717" s="2">
        <v>8.0000000000000002E-3</v>
      </c>
      <c r="X2717" s="2">
        <v>99.1</v>
      </c>
      <c r="Y2717" s="2">
        <v>7.6</v>
      </c>
      <c r="Z2717" s="2">
        <v>10.6</v>
      </c>
      <c r="AA2717" s="5"/>
      <c r="AB2717" s="5" t="s">
        <v>43</v>
      </c>
      <c r="AC2717" s="5" t="s">
        <v>44</v>
      </c>
      <c r="AD2717" s="2"/>
      <c r="AE2717" s="1"/>
    </row>
    <row r="2718" spans="1:31" ht="14.45">
      <c r="A2718" s="11"/>
      <c r="B2718" s="20"/>
      <c r="C2718" s="2" t="s">
        <v>8607</v>
      </c>
      <c r="D2718" s="14" t="s">
        <v>8608</v>
      </c>
      <c r="E2718" s="2" t="s">
        <v>8609</v>
      </c>
      <c r="F2718" s="2" t="s">
        <v>7559</v>
      </c>
      <c r="G2718" s="8">
        <v>114</v>
      </c>
      <c r="H2718" s="5">
        <v>6</v>
      </c>
      <c r="I2718" s="5" t="s">
        <v>1518</v>
      </c>
      <c r="J2718" s="5" t="s">
        <v>1519</v>
      </c>
      <c r="K2718" s="2" t="s">
        <v>1520</v>
      </c>
      <c r="L2718" s="5" t="s">
        <v>1519</v>
      </c>
      <c r="M2718" s="2" t="s">
        <v>1520</v>
      </c>
      <c r="N2718" s="5" t="s">
        <v>1521</v>
      </c>
      <c r="O2718" s="5" t="s">
        <v>38</v>
      </c>
      <c r="P2718" s="5" t="s">
        <v>39</v>
      </c>
      <c r="Q2718" s="5" t="s">
        <v>40</v>
      </c>
      <c r="R2718" s="5" t="s">
        <v>1522</v>
      </c>
      <c r="S2718" s="5" t="s">
        <v>1523</v>
      </c>
      <c r="T2718" s="5" t="s">
        <v>42</v>
      </c>
      <c r="U2718" s="2">
        <v>1.538</v>
      </c>
      <c r="V2718" s="2">
        <v>1.1839999999999999</v>
      </c>
      <c r="W2718" s="2">
        <v>8.0000000000000002E-3</v>
      </c>
      <c r="X2718" s="2">
        <v>99.1</v>
      </c>
      <c r="Y2718" s="2">
        <v>7.6</v>
      </c>
      <c r="Z2718" s="2">
        <v>10.6</v>
      </c>
      <c r="AA2718" s="5"/>
      <c r="AB2718" s="5" t="s">
        <v>43</v>
      </c>
      <c r="AC2718" s="5" t="s">
        <v>44</v>
      </c>
      <c r="AD2718" s="2"/>
      <c r="AE2718" s="1"/>
    </row>
    <row r="2719" spans="1:31" ht="14.45">
      <c r="A2719" s="11"/>
      <c r="B2719" s="20"/>
      <c r="C2719" s="2" t="s">
        <v>8610</v>
      </c>
      <c r="D2719" s="14" t="s">
        <v>8611</v>
      </c>
      <c r="E2719" s="2" t="s">
        <v>8612</v>
      </c>
      <c r="F2719" s="2" t="s">
        <v>7563</v>
      </c>
      <c r="G2719" s="8">
        <v>114</v>
      </c>
      <c r="H2719" s="5">
        <v>6</v>
      </c>
      <c r="I2719" s="5" t="s">
        <v>1518</v>
      </c>
      <c r="J2719" s="5" t="s">
        <v>1519</v>
      </c>
      <c r="K2719" s="2" t="s">
        <v>1520</v>
      </c>
      <c r="L2719" s="5" t="s">
        <v>1519</v>
      </c>
      <c r="M2719" s="2" t="s">
        <v>1520</v>
      </c>
      <c r="N2719" s="5" t="s">
        <v>1521</v>
      </c>
      <c r="O2719" s="5" t="s">
        <v>38</v>
      </c>
      <c r="P2719" s="5" t="s">
        <v>39</v>
      </c>
      <c r="Q2719" s="5" t="s">
        <v>40</v>
      </c>
      <c r="R2719" s="5" t="s">
        <v>1522</v>
      </c>
      <c r="S2719" s="5" t="s">
        <v>1523</v>
      </c>
      <c r="T2719" s="5" t="s">
        <v>42</v>
      </c>
      <c r="U2719" s="2">
        <v>1.5169999999999999</v>
      </c>
      <c r="V2719" s="2">
        <v>1.163</v>
      </c>
      <c r="W2719" s="2">
        <v>8.0000000000000002E-3</v>
      </c>
      <c r="X2719" s="2">
        <v>99.1</v>
      </c>
      <c r="Y2719" s="2">
        <v>7.6</v>
      </c>
      <c r="Z2719" s="2">
        <v>10.6</v>
      </c>
      <c r="AA2719" s="5"/>
      <c r="AB2719" s="5" t="s">
        <v>43</v>
      </c>
      <c r="AC2719" s="5" t="s">
        <v>44</v>
      </c>
      <c r="AD2719" s="2"/>
      <c r="AE2719" s="1"/>
    </row>
    <row r="2720" spans="1:31" ht="14.45">
      <c r="A2720" s="11"/>
      <c r="B2720" s="20"/>
      <c r="C2720" s="2" t="s">
        <v>8613</v>
      </c>
      <c r="D2720" s="14" t="s">
        <v>8614</v>
      </c>
      <c r="E2720" s="2" t="s">
        <v>8615</v>
      </c>
      <c r="F2720" s="2" t="s">
        <v>7567</v>
      </c>
      <c r="G2720" s="8">
        <v>114</v>
      </c>
      <c r="H2720" s="5">
        <v>6</v>
      </c>
      <c r="I2720" s="5" t="s">
        <v>1518</v>
      </c>
      <c r="J2720" s="5" t="s">
        <v>1519</v>
      </c>
      <c r="K2720" s="2" t="s">
        <v>1520</v>
      </c>
      <c r="L2720" s="5" t="s">
        <v>1519</v>
      </c>
      <c r="M2720" s="2" t="s">
        <v>1520</v>
      </c>
      <c r="N2720" s="5" t="s">
        <v>1521</v>
      </c>
      <c r="O2720" s="5" t="s">
        <v>38</v>
      </c>
      <c r="P2720" s="5" t="s">
        <v>39</v>
      </c>
      <c r="Q2720" s="5" t="s">
        <v>40</v>
      </c>
      <c r="R2720" s="5" t="s">
        <v>1522</v>
      </c>
      <c r="S2720" s="5" t="s">
        <v>1523</v>
      </c>
      <c r="T2720" s="5" t="s">
        <v>42</v>
      </c>
      <c r="U2720" s="2">
        <v>1.5529999999999999</v>
      </c>
      <c r="V2720" s="2">
        <v>1.1990000000000001</v>
      </c>
      <c r="W2720" s="2">
        <v>8.0000000000000002E-3</v>
      </c>
      <c r="X2720" s="2">
        <v>99.1</v>
      </c>
      <c r="Y2720" s="2">
        <v>7.6</v>
      </c>
      <c r="Z2720" s="2">
        <v>10.6</v>
      </c>
      <c r="AA2720" s="5"/>
      <c r="AB2720" s="5" t="s">
        <v>43</v>
      </c>
      <c r="AC2720" s="5" t="s">
        <v>44</v>
      </c>
      <c r="AD2720" s="2"/>
      <c r="AE2720" s="1"/>
    </row>
    <row r="2721" spans="1:31" ht="14.45">
      <c r="A2721" s="11"/>
      <c r="B2721" s="20"/>
      <c r="C2721" s="2" t="s">
        <v>8616</v>
      </c>
      <c r="D2721" s="14" t="s">
        <v>8617</v>
      </c>
      <c r="E2721" s="2" t="s">
        <v>8618</v>
      </c>
      <c r="F2721" s="2" t="s">
        <v>7429</v>
      </c>
      <c r="G2721" s="8">
        <v>114</v>
      </c>
      <c r="H2721" s="5">
        <v>6</v>
      </c>
      <c r="I2721" s="5" t="s">
        <v>1518</v>
      </c>
      <c r="J2721" s="5" t="s">
        <v>1519</v>
      </c>
      <c r="K2721" s="2" t="s">
        <v>1520</v>
      </c>
      <c r="L2721" s="5" t="s">
        <v>1519</v>
      </c>
      <c r="M2721" s="2" t="s">
        <v>1520</v>
      </c>
      <c r="N2721" s="5" t="s">
        <v>1521</v>
      </c>
      <c r="O2721" s="5" t="s">
        <v>38</v>
      </c>
      <c r="P2721" s="5" t="s">
        <v>39</v>
      </c>
      <c r="Q2721" s="5" t="s">
        <v>40</v>
      </c>
      <c r="R2721" s="5" t="s">
        <v>1522</v>
      </c>
      <c r="S2721" s="5" t="s">
        <v>1523</v>
      </c>
      <c r="T2721" s="5" t="s">
        <v>42</v>
      </c>
      <c r="U2721" s="2">
        <v>1.5169999999999999</v>
      </c>
      <c r="V2721" s="2">
        <v>1.163</v>
      </c>
      <c r="W2721" s="2">
        <v>8.0000000000000002E-3</v>
      </c>
      <c r="X2721" s="2">
        <v>99.1</v>
      </c>
      <c r="Y2721" s="2">
        <v>7.6</v>
      </c>
      <c r="Z2721" s="2">
        <v>10.6</v>
      </c>
      <c r="AA2721" s="5"/>
      <c r="AB2721" s="5" t="s">
        <v>43</v>
      </c>
      <c r="AC2721" s="5" t="s">
        <v>44</v>
      </c>
      <c r="AD2721" s="2"/>
      <c r="AE2721" s="1"/>
    </row>
    <row r="2722" spans="1:31" ht="14.45">
      <c r="A2722" s="11"/>
      <c r="B2722" s="20"/>
      <c r="C2722" s="2" t="s">
        <v>8619</v>
      </c>
      <c r="D2722" s="14" t="s">
        <v>8620</v>
      </c>
      <c r="E2722" s="2" t="s">
        <v>8621</v>
      </c>
      <c r="F2722" s="2" t="s">
        <v>7574</v>
      </c>
      <c r="G2722" s="8">
        <v>114</v>
      </c>
      <c r="H2722" s="5">
        <v>6</v>
      </c>
      <c r="I2722" s="5" t="s">
        <v>1518</v>
      </c>
      <c r="J2722" s="5" t="s">
        <v>1519</v>
      </c>
      <c r="K2722" s="2" t="s">
        <v>1520</v>
      </c>
      <c r="L2722" s="5" t="s">
        <v>1519</v>
      </c>
      <c r="M2722" s="2" t="s">
        <v>1520</v>
      </c>
      <c r="N2722" s="5" t="s">
        <v>1521</v>
      </c>
      <c r="O2722" s="5" t="s">
        <v>38</v>
      </c>
      <c r="P2722" s="5" t="s">
        <v>39</v>
      </c>
      <c r="Q2722" s="5" t="s">
        <v>40</v>
      </c>
      <c r="R2722" s="5" t="s">
        <v>1522</v>
      </c>
      <c r="S2722" s="5" t="s">
        <v>1523</v>
      </c>
      <c r="T2722" s="5" t="s">
        <v>42</v>
      </c>
      <c r="U2722" s="2">
        <v>1.5529999999999999</v>
      </c>
      <c r="V2722" s="2">
        <v>1.1990000000000001</v>
      </c>
      <c r="W2722" s="2">
        <v>8.0000000000000002E-3</v>
      </c>
      <c r="X2722" s="2">
        <v>99.1</v>
      </c>
      <c r="Y2722" s="2">
        <v>7.6</v>
      </c>
      <c r="Z2722" s="2">
        <v>10.6</v>
      </c>
      <c r="AA2722" s="5"/>
      <c r="AB2722" s="5" t="s">
        <v>43</v>
      </c>
      <c r="AC2722" s="5" t="s">
        <v>44</v>
      </c>
      <c r="AD2722" s="2"/>
      <c r="AE2722" s="1"/>
    </row>
    <row r="2723" spans="1:31" ht="14.45">
      <c r="A2723" s="11"/>
      <c r="B2723" s="20"/>
      <c r="C2723" s="2" t="s">
        <v>8622</v>
      </c>
      <c r="D2723" s="14" t="s">
        <v>8623</v>
      </c>
      <c r="E2723" s="2" t="s">
        <v>8624</v>
      </c>
      <c r="F2723" s="2" t="s">
        <v>7449</v>
      </c>
      <c r="G2723" s="8">
        <v>114</v>
      </c>
      <c r="H2723" s="5">
        <v>6</v>
      </c>
      <c r="I2723" s="5" t="s">
        <v>1518</v>
      </c>
      <c r="J2723" s="5" t="s">
        <v>1519</v>
      </c>
      <c r="K2723" s="2" t="s">
        <v>1520</v>
      </c>
      <c r="L2723" s="5" t="s">
        <v>1519</v>
      </c>
      <c r="M2723" s="2" t="s">
        <v>1520</v>
      </c>
      <c r="N2723" s="5" t="s">
        <v>1521</v>
      </c>
      <c r="O2723" s="5" t="s">
        <v>38</v>
      </c>
      <c r="P2723" s="5" t="s">
        <v>39</v>
      </c>
      <c r="Q2723" s="5" t="s">
        <v>40</v>
      </c>
      <c r="R2723" s="5" t="s">
        <v>1522</v>
      </c>
      <c r="S2723" s="5" t="s">
        <v>1523</v>
      </c>
      <c r="T2723" s="5" t="s">
        <v>42</v>
      </c>
      <c r="U2723" s="2">
        <v>1.5169999999999999</v>
      </c>
      <c r="V2723" s="2">
        <v>1.163</v>
      </c>
      <c r="W2723" s="2">
        <v>8.0000000000000002E-3</v>
      </c>
      <c r="X2723" s="2">
        <v>99.1</v>
      </c>
      <c r="Y2723" s="2">
        <v>7.6</v>
      </c>
      <c r="Z2723" s="2">
        <v>10.6</v>
      </c>
      <c r="AA2723" s="5"/>
      <c r="AB2723" s="5" t="s">
        <v>43</v>
      </c>
      <c r="AC2723" s="5" t="s">
        <v>44</v>
      </c>
      <c r="AD2723" s="2"/>
      <c r="AE2723" s="1"/>
    </row>
    <row r="2724" spans="1:31" ht="14.45">
      <c r="A2724" s="11"/>
      <c r="B2724" s="20"/>
      <c r="C2724" s="2" t="s">
        <v>8625</v>
      </c>
      <c r="D2724" s="14" t="s">
        <v>8626</v>
      </c>
      <c r="E2724" s="2" t="s">
        <v>8627</v>
      </c>
      <c r="F2724" s="2" t="s">
        <v>7581</v>
      </c>
      <c r="G2724" s="8">
        <v>114</v>
      </c>
      <c r="H2724" s="5">
        <v>6</v>
      </c>
      <c r="I2724" s="5" t="s">
        <v>1518</v>
      </c>
      <c r="J2724" s="5" t="s">
        <v>1519</v>
      </c>
      <c r="K2724" s="2" t="s">
        <v>1520</v>
      </c>
      <c r="L2724" s="5" t="s">
        <v>1519</v>
      </c>
      <c r="M2724" s="2" t="s">
        <v>1520</v>
      </c>
      <c r="N2724" s="5" t="s">
        <v>1521</v>
      </c>
      <c r="O2724" s="5" t="s">
        <v>38</v>
      </c>
      <c r="P2724" s="5" t="s">
        <v>39</v>
      </c>
      <c r="Q2724" s="5" t="s">
        <v>40</v>
      </c>
      <c r="R2724" s="5" t="s">
        <v>1522</v>
      </c>
      <c r="S2724" s="5" t="s">
        <v>1523</v>
      </c>
      <c r="T2724" s="5" t="s">
        <v>42</v>
      </c>
      <c r="U2724" s="2">
        <v>1.5529999999999999</v>
      </c>
      <c r="V2724" s="2">
        <v>1.1990000000000001</v>
      </c>
      <c r="W2724" s="2">
        <v>8.0000000000000002E-3</v>
      </c>
      <c r="X2724" s="2">
        <v>99.1</v>
      </c>
      <c r="Y2724" s="2">
        <v>7.6</v>
      </c>
      <c r="Z2724" s="2">
        <v>10.6</v>
      </c>
      <c r="AA2724" s="5"/>
      <c r="AB2724" s="5" t="s">
        <v>43</v>
      </c>
      <c r="AC2724" s="5" t="s">
        <v>44</v>
      </c>
      <c r="AD2724" s="2"/>
      <c r="AE2724" s="1"/>
    </row>
    <row r="2725" spans="1:31" ht="14.45">
      <c r="A2725" s="11"/>
      <c r="B2725" s="20"/>
      <c r="C2725" s="2" t="s">
        <v>8628</v>
      </c>
      <c r="D2725" s="14" t="s">
        <v>8629</v>
      </c>
      <c r="E2725" s="2" t="s">
        <v>8630</v>
      </c>
      <c r="F2725" s="2" t="s">
        <v>7585</v>
      </c>
      <c r="G2725" s="8">
        <v>114</v>
      </c>
      <c r="H2725" s="5">
        <v>6</v>
      </c>
      <c r="I2725" s="5" t="s">
        <v>1518</v>
      </c>
      <c r="J2725" s="5" t="s">
        <v>1519</v>
      </c>
      <c r="K2725" s="2" t="s">
        <v>1520</v>
      </c>
      <c r="L2725" s="5" t="s">
        <v>1519</v>
      </c>
      <c r="M2725" s="2" t="s">
        <v>1520</v>
      </c>
      <c r="N2725" s="5" t="s">
        <v>1521</v>
      </c>
      <c r="O2725" s="5" t="s">
        <v>38</v>
      </c>
      <c r="P2725" s="5" t="s">
        <v>39</v>
      </c>
      <c r="Q2725" s="5" t="s">
        <v>40</v>
      </c>
      <c r="R2725" s="5" t="s">
        <v>1522</v>
      </c>
      <c r="S2725" s="5" t="s">
        <v>1523</v>
      </c>
      <c r="T2725" s="5" t="s">
        <v>42</v>
      </c>
      <c r="U2725" s="2">
        <v>1.502</v>
      </c>
      <c r="V2725" s="2">
        <v>1.1479999999999999</v>
      </c>
      <c r="W2725" s="2">
        <v>8.0000000000000002E-3</v>
      </c>
      <c r="X2725" s="2">
        <v>99.1</v>
      </c>
      <c r="Y2725" s="2">
        <v>7.6</v>
      </c>
      <c r="Z2725" s="2">
        <v>10.6</v>
      </c>
      <c r="AA2725" s="5"/>
      <c r="AB2725" s="5" t="s">
        <v>43</v>
      </c>
      <c r="AC2725" s="5" t="s">
        <v>44</v>
      </c>
      <c r="AD2725" s="2"/>
      <c r="AE2725" s="1"/>
    </row>
    <row r="2726" spans="1:31" ht="14.45">
      <c r="A2726" s="11"/>
      <c r="B2726" s="20"/>
      <c r="C2726" s="2" t="s">
        <v>8631</v>
      </c>
      <c r="D2726" s="14" t="s">
        <v>8632</v>
      </c>
      <c r="E2726" s="2" t="s">
        <v>8633</v>
      </c>
      <c r="F2726" s="2" t="s">
        <v>7589</v>
      </c>
      <c r="G2726" s="8">
        <v>114</v>
      </c>
      <c r="H2726" s="5">
        <v>6</v>
      </c>
      <c r="I2726" s="5" t="s">
        <v>1518</v>
      </c>
      <c r="J2726" s="5" t="s">
        <v>1519</v>
      </c>
      <c r="K2726" s="2" t="s">
        <v>1520</v>
      </c>
      <c r="L2726" s="5" t="s">
        <v>1519</v>
      </c>
      <c r="M2726" s="2" t="s">
        <v>1520</v>
      </c>
      <c r="N2726" s="5" t="s">
        <v>1521</v>
      </c>
      <c r="O2726" s="5" t="s">
        <v>38</v>
      </c>
      <c r="P2726" s="5" t="s">
        <v>39</v>
      </c>
      <c r="Q2726" s="5" t="s">
        <v>40</v>
      </c>
      <c r="R2726" s="5" t="s">
        <v>1522</v>
      </c>
      <c r="S2726" s="5" t="s">
        <v>1523</v>
      </c>
      <c r="T2726" s="5" t="s">
        <v>42</v>
      </c>
      <c r="U2726" s="2">
        <v>1.538</v>
      </c>
      <c r="V2726" s="2">
        <v>1.1839999999999999</v>
      </c>
      <c r="W2726" s="2">
        <v>8.0000000000000002E-3</v>
      </c>
      <c r="X2726" s="2">
        <v>99.1</v>
      </c>
      <c r="Y2726" s="2">
        <v>7.6</v>
      </c>
      <c r="Z2726" s="2">
        <v>10.6</v>
      </c>
      <c r="AA2726" s="5"/>
      <c r="AB2726" s="5" t="s">
        <v>43</v>
      </c>
      <c r="AC2726" s="5" t="s">
        <v>44</v>
      </c>
      <c r="AD2726" s="2"/>
      <c r="AE2726" s="1"/>
    </row>
    <row r="2727" spans="1:31" ht="14.45">
      <c r="A2727" s="11"/>
      <c r="B2727" s="20"/>
      <c r="C2727" s="2" t="s">
        <v>8634</v>
      </c>
      <c r="D2727" s="14" t="s">
        <v>8635</v>
      </c>
      <c r="E2727" s="2" t="s">
        <v>8636</v>
      </c>
      <c r="F2727" s="2" t="s">
        <v>7593</v>
      </c>
      <c r="G2727" s="8">
        <v>114</v>
      </c>
      <c r="H2727" s="5">
        <v>6</v>
      </c>
      <c r="I2727" s="5" t="s">
        <v>1518</v>
      </c>
      <c r="J2727" s="5" t="s">
        <v>1519</v>
      </c>
      <c r="K2727" s="2" t="s">
        <v>1520</v>
      </c>
      <c r="L2727" s="5" t="s">
        <v>1519</v>
      </c>
      <c r="M2727" s="2" t="s">
        <v>1520</v>
      </c>
      <c r="N2727" s="5" t="s">
        <v>1521</v>
      </c>
      <c r="O2727" s="5" t="s">
        <v>38</v>
      </c>
      <c r="P2727" s="5" t="s">
        <v>39</v>
      </c>
      <c r="Q2727" s="5" t="s">
        <v>40</v>
      </c>
      <c r="R2727" s="5" t="s">
        <v>1522</v>
      </c>
      <c r="S2727" s="5" t="s">
        <v>1523</v>
      </c>
      <c r="T2727" s="5" t="s">
        <v>42</v>
      </c>
      <c r="U2727" s="2">
        <v>1.5169999999999999</v>
      </c>
      <c r="V2727" s="2">
        <v>1.163</v>
      </c>
      <c r="W2727" s="2">
        <v>8.0000000000000002E-3</v>
      </c>
      <c r="X2727" s="2">
        <v>99.1</v>
      </c>
      <c r="Y2727" s="2">
        <v>7.6</v>
      </c>
      <c r="Z2727" s="2">
        <v>10.6</v>
      </c>
      <c r="AA2727" s="5"/>
      <c r="AB2727" s="5" t="s">
        <v>43</v>
      </c>
      <c r="AC2727" s="5" t="s">
        <v>44</v>
      </c>
      <c r="AD2727" s="2"/>
      <c r="AE2727" s="1"/>
    </row>
    <row r="2728" spans="1:31" ht="14.45">
      <c r="A2728" s="11"/>
      <c r="B2728" s="20"/>
      <c r="C2728" s="2" t="s">
        <v>8637</v>
      </c>
      <c r="D2728" s="14" t="s">
        <v>8638</v>
      </c>
      <c r="E2728" s="2" t="s">
        <v>8639</v>
      </c>
      <c r="F2728" s="2" t="s">
        <v>7597</v>
      </c>
      <c r="G2728" s="8">
        <v>114</v>
      </c>
      <c r="H2728" s="5">
        <v>6</v>
      </c>
      <c r="I2728" s="5" t="s">
        <v>1518</v>
      </c>
      <c r="J2728" s="5" t="s">
        <v>1519</v>
      </c>
      <c r="K2728" s="2" t="s">
        <v>1520</v>
      </c>
      <c r="L2728" s="5" t="s">
        <v>1519</v>
      </c>
      <c r="M2728" s="2" t="s">
        <v>1520</v>
      </c>
      <c r="N2728" s="5" t="s">
        <v>1521</v>
      </c>
      <c r="O2728" s="5" t="s">
        <v>38</v>
      </c>
      <c r="P2728" s="5" t="s">
        <v>39</v>
      </c>
      <c r="Q2728" s="5" t="s">
        <v>40</v>
      </c>
      <c r="R2728" s="5" t="s">
        <v>1522</v>
      </c>
      <c r="S2728" s="5" t="s">
        <v>1523</v>
      </c>
      <c r="T2728" s="5" t="s">
        <v>42</v>
      </c>
      <c r="U2728" s="2">
        <v>1.5529999999999999</v>
      </c>
      <c r="V2728" s="2">
        <v>1.1990000000000001</v>
      </c>
      <c r="W2728" s="2">
        <v>8.0000000000000002E-3</v>
      </c>
      <c r="X2728" s="2">
        <v>99.1</v>
      </c>
      <c r="Y2728" s="2">
        <v>7.6</v>
      </c>
      <c r="Z2728" s="2">
        <v>10.6</v>
      </c>
      <c r="AA2728" s="5"/>
      <c r="AB2728" s="5" t="s">
        <v>43</v>
      </c>
      <c r="AC2728" s="5" t="s">
        <v>44</v>
      </c>
      <c r="AD2728" s="2"/>
      <c r="AE2728" s="1"/>
    </row>
    <row r="2729" spans="1:31" ht="14.45">
      <c r="A2729" s="11"/>
      <c r="B2729" s="20"/>
      <c r="C2729" s="2" t="s">
        <v>8640</v>
      </c>
      <c r="D2729" s="14" t="s">
        <v>8641</v>
      </c>
      <c r="E2729" s="2" t="s">
        <v>8642</v>
      </c>
      <c r="F2729" s="2" t="s">
        <v>7410</v>
      </c>
      <c r="G2729" s="8">
        <v>114</v>
      </c>
      <c r="H2729" s="5">
        <v>6</v>
      </c>
      <c r="I2729" s="5" t="s">
        <v>1518</v>
      </c>
      <c r="J2729" s="5" t="s">
        <v>1519</v>
      </c>
      <c r="K2729" s="2" t="s">
        <v>1520</v>
      </c>
      <c r="L2729" s="5" t="s">
        <v>1519</v>
      </c>
      <c r="M2729" s="2" t="s">
        <v>1520</v>
      </c>
      <c r="N2729" s="5" t="s">
        <v>1521</v>
      </c>
      <c r="O2729" s="5" t="s">
        <v>38</v>
      </c>
      <c r="P2729" s="5" t="s">
        <v>39</v>
      </c>
      <c r="Q2729" s="5" t="s">
        <v>40</v>
      </c>
      <c r="R2729" s="5" t="s">
        <v>1522</v>
      </c>
      <c r="S2729" s="5" t="s">
        <v>1523</v>
      </c>
      <c r="T2729" s="5" t="s">
        <v>42</v>
      </c>
      <c r="U2729" s="2">
        <v>1.5169999999999999</v>
      </c>
      <c r="V2729" s="2">
        <v>1.163</v>
      </c>
      <c r="W2729" s="2">
        <v>8.0000000000000002E-3</v>
      </c>
      <c r="X2729" s="2">
        <v>99.1</v>
      </c>
      <c r="Y2729" s="2">
        <v>7.6</v>
      </c>
      <c r="Z2729" s="2">
        <v>10.6</v>
      </c>
      <c r="AA2729" s="5"/>
      <c r="AB2729" s="5" t="s">
        <v>43</v>
      </c>
      <c r="AC2729" s="5" t="s">
        <v>44</v>
      </c>
      <c r="AD2729" s="2"/>
      <c r="AE2729" s="1"/>
    </row>
    <row r="2730" spans="1:31" ht="14.45">
      <c r="A2730" s="11"/>
      <c r="B2730" s="20"/>
      <c r="C2730" s="2" t="s">
        <v>8643</v>
      </c>
      <c r="D2730" s="14" t="s">
        <v>8644</v>
      </c>
      <c r="E2730" s="2" t="s">
        <v>8645</v>
      </c>
      <c r="F2730" s="2" t="s">
        <v>7604</v>
      </c>
      <c r="G2730" s="8">
        <v>114</v>
      </c>
      <c r="H2730" s="5">
        <v>6</v>
      </c>
      <c r="I2730" s="5" t="s">
        <v>1518</v>
      </c>
      <c r="J2730" s="5" t="s">
        <v>1519</v>
      </c>
      <c r="K2730" s="2" t="s">
        <v>1520</v>
      </c>
      <c r="L2730" s="5" t="s">
        <v>1519</v>
      </c>
      <c r="M2730" s="2" t="s">
        <v>1520</v>
      </c>
      <c r="N2730" s="5" t="s">
        <v>1521</v>
      </c>
      <c r="O2730" s="5" t="s">
        <v>38</v>
      </c>
      <c r="P2730" s="5" t="s">
        <v>39</v>
      </c>
      <c r="Q2730" s="5" t="s">
        <v>40</v>
      </c>
      <c r="R2730" s="5" t="s">
        <v>1522</v>
      </c>
      <c r="S2730" s="5" t="s">
        <v>1523</v>
      </c>
      <c r="T2730" s="5" t="s">
        <v>42</v>
      </c>
      <c r="U2730" s="2">
        <v>1.5529999999999999</v>
      </c>
      <c r="V2730" s="2">
        <v>1.1990000000000001</v>
      </c>
      <c r="W2730" s="2">
        <v>8.0000000000000002E-3</v>
      </c>
      <c r="X2730" s="2">
        <v>99.1</v>
      </c>
      <c r="Y2730" s="2">
        <v>7.6</v>
      </c>
      <c r="Z2730" s="2">
        <v>10.6</v>
      </c>
      <c r="AA2730" s="5"/>
      <c r="AB2730" s="5" t="s">
        <v>43</v>
      </c>
      <c r="AC2730" s="5" t="s">
        <v>44</v>
      </c>
      <c r="AD2730" s="2"/>
      <c r="AE2730" s="1"/>
    </row>
    <row r="2731" spans="1:31" ht="14.45">
      <c r="A2731" s="11"/>
      <c r="B2731" s="20"/>
      <c r="C2731" s="2" t="s">
        <v>8646</v>
      </c>
      <c r="D2731" s="14" t="s">
        <v>8647</v>
      </c>
      <c r="E2731" s="2" t="s">
        <v>8648</v>
      </c>
      <c r="F2731" s="2" t="s">
        <v>7433</v>
      </c>
      <c r="G2731" s="8">
        <v>114</v>
      </c>
      <c r="H2731" s="5">
        <v>6</v>
      </c>
      <c r="I2731" s="5" t="s">
        <v>1518</v>
      </c>
      <c r="J2731" s="5" t="s">
        <v>1519</v>
      </c>
      <c r="K2731" s="2" t="s">
        <v>1520</v>
      </c>
      <c r="L2731" s="5" t="s">
        <v>1519</v>
      </c>
      <c r="M2731" s="2" t="s">
        <v>1520</v>
      </c>
      <c r="N2731" s="5" t="s">
        <v>1521</v>
      </c>
      <c r="O2731" s="5" t="s">
        <v>38</v>
      </c>
      <c r="P2731" s="5" t="s">
        <v>39</v>
      </c>
      <c r="Q2731" s="5" t="s">
        <v>40</v>
      </c>
      <c r="R2731" s="5" t="s">
        <v>1522</v>
      </c>
      <c r="S2731" s="5" t="s">
        <v>1523</v>
      </c>
      <c r="T2731" s="5" t="s">
        <v>42</v>
      </c>
      <c r="U2731" s="2">
        <v>1.5169999999999999</v>
      </c>
      <c r="V2731" s="2">
        <v>1.163</v>
      </c>
      <c r="W2731" s="2">
        <v>8.0000000000000002E-3</v>
      </c>
      <c r="X2731" s="2">
        <v>99.1</v>
      </c>
      <c r="Y2731" s="2">
        <v>7.6</v>
      </c>
      <c r="Z2731" s="2">
        <v>10.6</v>
      </c>
      <c r="AA2731" s="5"/>
      <c r="AB2731" s="5" t="s">
        <v>43</v>
      </c>
      <c r="AC2731" s="5" t="s">
        <v>44</v>
      </c>
      <c r="AD2731" s="2"/>
      <c r="AE2731" s="1"/>
    </row>
    <row r="2732" spans="1:31" ht="14.45">
      <c r="A2732" s="11"/>
      <c r="B2732" s="20"/>
      <c r="C2732" s="2" t="s">
        <v>8649</v>
      </c>
      <c r="D2732" s="14" t="s">
        <v>8650</v>
      </c>
      <c r="E2732" s="2" t="s">
        <v>8651</v>
      </c>
      <c r="F2732" s="2" t="s">
        <v>7611</v>
      </c>
      <c r="G2732" s="8">
        <v>114</v>
      </c>
      <c r="H2732" s="5">
        <v>6</v>
      </c>
      <c r="I2732" s="5" t="s">
        <v>1518</v>
      </c>
      <c r="J2732" s="5" t="s">
        <v>1519</v>
      </c>
      <c r="K2732" s="2" t="s">
        <v>1520</v>
      </c>
      <c r="L2732" s="5" t="s">
        <v>1519</v>
      </c>
      <c r="M2732" s="2" t="s">
        <v>1520</v>
      </c>
      <c r="N2732" s="5" t="s">
        <v>1521</v>
      </c>
      <c r="O2732" s="5" t="s">
        <v>38</v>
      </c>
      <c r="P2732" s="5" t="s">
        <v>39</v>
      </c>
      <c r="Q2732" s="5" t="s">
        <v>40</v>
      </c>
      <c r="R2732" s="5" t="s">
        <v>1522</v>
      </c>
      <c r="S2732" s="5" t="s">
        <v>1523</v>
      </c>
      <c r="T2732" s="5" t="s">
        <v>42</v>
      </c>
      <c r="U2732" s="2">
        <v>1.5529999999999999</v>
      </c>
      <c r="V2732" s="2">
        <v>1.1990000000000001</v>
      </c>
      <c r="W2732" s="2">
        <v>8.0000000000000002E-3</v>
      </c>
      <c r="X2732" s="2">
        <v>99.1</v>
      </c>
      <c r="Y2732" s="2">
        <v>7.6</v>
      </c>
      <c r="Z2732" s="2">
        <v>10.6</v>
      </c>
      <c r="AA2732" s="5"/>
      <c r="AB2732" s="5" t="s">
        <v>43</v>
      </c>
      <c r="AC2732" s="5" t="s">
        <v>44</v>
      </c>
      <c r="AD2732" s="2"/>
      <c r="AE2732" s="1"/>
    </row>
    <row r="2733" spans="1:31" ht="14.45">
      <c r="A2733" s="11"/>
      <c r="B2733" s="20"/>
      <c r="C2733" s="2" t="s">
        <v>8652</v>
      </c>
      <c r="D2733" s="14" t="s">
        <v>8653</v>
      </c>
      <c r="E2733" s="2" t="s">
        <v>8654</v>
      </c>
      <c r="F2733" s="2" t="s">
        <v>7615</v>
      </c>
      <c r="G2733" s="8">
        <v>114</v>
      </c>
      <c r="H2733" s="5">
        <v>6</v>
      </c>
      <c r="I2733" s="5" t="s">
        <v>1518</v>
      </c>
      <c r="J2733" s="5" t="s">
        <v>1519</v>
      </c>
      <c r="K2733" s="2" t="s">
        <v>1520</v>
      </c>
      <c r="L2733" s="5" t="s">
        <v>1519</v>
      </c>
      <c r="M2733" s="2" t="s">
        <v>1520</v>
      </c>
      <c r="N2733" s="5" t="s">
        <v>1521</v>
      </c>
      <c r="O2733" s="5" t="s">
        <v>38</v>
      </c>
      <c r="P2733" s="5" t="s">
        <v>39</v>
      </c>
      <c r="Q2733" s="5" t="s">
        <v>40</v>
      </c>
      <c r="R2733" s="5" t="s">
        <v>1522</v>
      </c>
      <c r="S2733" s="5" t="s">
        <v>1523</v>
      </c>
      <c r="T2733" s="5" t="s">
        <v>42</v>
      </c>
      <c r="U2733" s="2">
        <v>1.502</v>
      </c>
      <c r="V2733" s="2">
        <v>1.1479999999999999</v>
      </c>
      <c r="W2733" s="2">
        <v>8.0000000000000002E-3</v>
      </c>
      <c r="X2733" s="2">
        <v>99.1</v>
      </c>
      <c r="Y2733" s="2">
        <v>7.6</v>
      </c>
      <c r="Z2733" s="2">
        <v>10.6</v>
      </c>
      <c r="AA2733" s="5"/>
      <c r="AB2733" s="5" t="s">
        <v>43</v>
      </c>
      <c r="AC2733" s="5" t="s">
        <v>44</v>
      </c>
      <c r="AD2733" s="2"/>
      <c r="AE2733" s="1"/>
    </row>
    <row r="2734" spans="1:31" ht="14.45">
      <c r="A2734" s="11"/>
      <c r="B2734" s="20"/>
      <c r="C2734" s="2" t="s">
        <v>8655</v>
      </c>
      <c r="D2734" s="14" t="s">
        <v>8656</v>
      </c>
      <c r="E2734" s="2" t="s">
        <v>8657</v>
      </c>
      <c r="F2734" s="2" t="s">
        <v>7619</v>
      </c>
      <c r="G2734" s="8">
        <v>114</v>
      </c>
      <c r="H2734" s="5">
        <v>6</v>
      </c>
      <c r="I2734" s="5" t="s">
        <v>1518</v>
      </c>
      <c r="J2734" s="5" t="s">
        <v>1519</v>
      </c>
      <c r="K2734" s="2" t="s">
        <v>1520</v>
      </c>
      <c r="L2734" s="5" t="s">
        <v>1519</v>
      </c>
      <c r="M2734" s="2" t="s">
        <v>1520</v>
      </c>
      <c r="N2734" s="5" t="s">
        <v>1521</v>
      </c>
      <c r="O2734" s="5" t="s">
        <v>38</v>
      </c>
      <c r="P2734" s="5" t="s">
        <v>39</v>
      </c>
      <c r="Q2734" s="5" t="s">
        <v>40</v>
      </c>
      <c r="R2734" s="5" t="s">
        <v>1522</v>
      </c>
      <c r="S2734" s="5" t="s">
        <v>1523</v>
      </c>
      <c r="T2734" s="5" t="s">
        <v>42</v>
      </c>
      <c r="U2734" s="2">
        <v>1.538</v>
      </c>
      <c r="V2734" s="2">
        <v>1.1839999999999999</v>
      </c>
      <c r="W2734" s="2">
        <v>8.0000000000000002E-3</v>
      </c>
      <c r="X2734" s="2">
        <v>99.1</v>
      </c>
      <c r="Y2734" s="2">
        <v>7.6</v>
      </c>
      <c r="Z2734" s="2">
        <v>10.6</v>
      </c>
      <c r="AA2734" s="5"/>
      <c r="AB2734" s="5" t="s">
        <v>43</v>
      </c>
      <c r="AC2734" s="5" t="s">
        <v>44</v>
      </c>
      <c r="AD2734" s="2"/>
      <c r="AE2734" s="1"/>
    </row>
    <row r="2735" spans="1:31" ht="14.45">
      <c r="A2735" s="11"/>
      <c r="B2735" s="20"/>
      <c r="C2735" s="2" t="s">
        <v>8658</v>
      </c>
      <c r="D2735" s="14" t="s">
        <v>8659</v>
      </c>
      <c r="E2735" s="2" t="s">
        <v>8660</v>
      </c>
      <c r="F2735" s="2" t="s">
        <v>1823</v>
      </c>
      <c r="G2735" s="8">
        <v>114</v>
      </c>
      <c r="H2735" s="5">
        <v>8</v>
      </c>
      <c r="I2735" s="5" t="s">
        <v>1518</v>
      </c>
      <c r="J2735" s="5" t="s">
        <v>1519</v>
      </c>
      <c r="K2735" s="2" t="s">
        <v>1520</v>
      </c>
      <c r="L2735" s="5" t="s">
        <v>1519</v>
      </c>
      <c r="M2735" s="2" t="s">
        <v>1520</v>
      </c>
      <c r="N2735" s="5" t="s">
        <v>1521</v>
      </c>
      <c r="O2735" s="5" t="s">
        <v>38</v>
      </c>
      <c r="P2735" s="5" t="s">
        <v>39</v>
      </c>
      <c r="Q2735" s="5" t="s">
        <v>40</v>
      </c>
      <c r="R2735" s="5" t="s">
        <v>1522</v>
      </c>
      <c r="S2735" s="5" t="s">
        <v>1523</v>
      </c>
      <c r="T2735" s="5" t="s">
        <v>42</v>
      </c>
      <c r="U2735" s="2">
        <v>1.528</v>
      </c>
      <c r="V2735" s="2">
        <v>1.1739999999999999</v>
      </c>
      <c r="W2735" s="2">
        <v>8.0000000000000002E-3</v>
      </c>
      <c r="X2735" s="2">
        <v>99.1</v>
      </c>
      <c r="Y2735" s="2">
        <v>7.6</v>
      </c>
      <c r="Z2735" s="2">
        <v>10.6</v>
      </c>
      <c r="AA2735" s="5"/>
      <c r="AB2735" s="5" t="s">
        <v>43</v>
      </c>
      <c r="AC2735" s="5" t="s">
        <v>44</v>
      </c>
      <c r="AD2735" s="2"/>
      <c r="AE2735" s="1"/>
    </row>
    <row r="2736" spans="1:31" ht="14.45">
      <c r="A2736" s="11"/>
      <c r="B2736" s="20"/>
      <c r="C2736" s="2" t="s">
        <v>8661</v>
      </c>
      <c r="D2736" s="14" t="s">
        <v>8662</v>
      </c>
      <c r="E2736" s="2" t="s">
        <v>8663</v>
      </c>
      <c r="F2736" s="2" t="s">
        <v>1827</v>
      </c>
      <c r="G2736" s="8">
        <v>114</v>
      </c>
      <c r="H2736" s="5">
        <v>8</v>
      </c>
      <c r="I2736" s="5" t="s">
        <v>1518</v>
      </c>
      <c r="J2736" s="5" t="s">
        <v>1519</v>
      </c>
      <c r="K2736" s="2" t="s">
        <v>1520</v>
      </c>
      <c r="L2736" s="5" t="s">
        <v>1519</v>
      </c>
      <c r="M2736" s="2" t="s">
        <v>1520</v>
      </c>
      <c r="N2736" s="5" t="s">
        <v>1521</v>
      </c>
      <c r="O2736" s="5" t="s">
        <v>38</v>
      </c>
      <c r="P2736" s="5" t="s">
        <v>39</v>
      </c>
      <c r="Q2736" s="5" t="s">
        <v>40</v>
      </c>
      <c r="R2736" s="5" t="s">
        <v>1522</v>
      </c>
      <c r="S2736" s="5" t="s">
        <v>1523</v>
      </c>
      <c r="T2736" s="5" t="s">
        <v>42</v>
      </c>
      <c r="U2736" s="2">
        <v>1.5640000000000001</v>
      </c>
      <c r="V2736" s="2">
        <v>1.21</v>
      </c>
      <c r="W2736" s="2">
        <v>8.0000000000000002E-3</v>
      </c>
      <c r="X2736" s="2">
        <v>99.1</v>
      </c>
      <c r="Y2736" s="2">
        <v>7.6</v>
      </c>
      <c r="Z2736" s="2">
        <v>10.6</v>
      </c>
      <c r="AA2736" s="5"/>
      <c r="AB2736" s="5" t="s">
        <v>43</v>
      </c>
      <c r="AC2736" s="5" t="s">
        <v>44</v>
      </c>
      <c r="AD2736" s="2"/>
      <c r="AE2736" s="1"/>
    </row>
    <row r="2737" spans="1:31" ht="14.45">
      <c r="A2737" s="11"/>
      <c r="B2737" s="20"/>
      <c r="C2737" s="2" t="s">
        <v>8664</v>
      </c>
      <c r="D2737" s="14" t="s">
        <v>8665</v>
      </c>
      <c r="E2737" s="2" t="s">
        <v>8666</v>
      </c>
      <c r="F2737" s="2" t="s">
        <v>1973</v>
      </c>
      <c r="G2737" s="8">
        <v>114</v>
      </c>
      <c r="H2737" s="5">
        <v>13</v>
      </c>
      <c r="I2737" s="5" t="s">
        <v>1518</v>
      </c>
      <c r="J2737" s="5" t="s">
        <v>1519</v>
      </c>
      <c r="K2737" s="2" t="s">
        <v>1520</v>
      </c>
      <c r="L2737" s="5" t="s">
        <v>1519</v>
      </c>
      <c r="M2737" s="2" t="s">
        <v>1520</v>
      </c>
      <c r="N2737" s="5" t="s">
        <v>1521</v>
      </c>
      <c r="O2737" s="5" t="s">
        <v>38</v>
      </c>
      <c r="P2737" s="5" t="s">
        <v>39</v>
      </c>
      <c r="Q2737" s="5" t="s">
        <v>40</v>
      </c>
      <c r="R2737" s="5" t="s">
        <v>1522</v>
      </c>
      <c r="S2737" s="5" t="s">
        <v>1523</v>
      </c>
      <c r="T2737" s="5" t="s">
        <v>42</v>
      </c>
      <c r="U2737" s="2">
        <v>1.552</v>
      </c>
      <c r="V2737" s="2">
        <v>1.198</v>
      </c>
      <c r="W2737" s="2">
        <v>8.0000000000000002E-3</v>
      </c>
      <c r="X2737" s="2">
        <v>99.1</v>
      </c>
      <c r="Y2737" s="2">
        <v>7.6</v>
      </c>
      <c r="Z2737" s="2">
        <v>10.6</v>
      </c>
      <c r="AA2737" s="5"/>
      <c r="AB2737" s="5" t="s">
        <v>43</v>
      </c>
      <c r="AC2737" s="5" t="s">
        <v>44</v>
      </c>
      <c r="AD2737" s="2"/>
      <c r="AE2737" s="1"/>
    </row>
    <row r="2738" spans="1:31" ht="14.45">
      <c r="A2738" s="11"/>
      <c r="B2738" s="20"/>
      <c r="C2738" s="2" t="s">
        <v>8667</v>
      </c>
      <c r="D2738" s="14" t="s">
        <v>8668</v>
      </c>
      <c r="E2738" s="2" t="s">
        <v>8669</v>
      </c>
      <c r="F2738" s="2" t="s">
        <v>2348</v>
      </c>
      <c r="G2738" s="8">
        <v>114</v>
      </c>
      <c r="H2738" s="5">
        <v>13</v>
      </c>
      <c r="I2738" s="5" t="s">
        <v>1518</v>
      </c>
      <c r="J2738" s="5" t="s">
        <v>1519</v>
      </c>
      <c r="K2738" s="2" t="s">
        <v>1520</v>
      </c>
      <c r="L2738" s="5" t="s">
        <v>1519</v>
      </c>
      <c r="M2738" s="2" t="s">
        <v>1520</v>
      </c>
      <c r="N2738" s="5" t="s">
        <v>1521</v>
      </c>
      <c r="O2738" s="5" t="s">
        <v>38</v>
      </c>
      <c r="P2738" s="5" t="s">
        <v>39</v>
      </c>
      <c r="Q2738" s="5" t="s">
        <v>40</v>
      </c>
      <c r="R2738" s="5" t="s">
        <v>1522</v>
      </c>
      <c r="S2738" s="5" t="s">
        <v>1523</v>
      </c>
      <c r="T2738" s="5" t="s">
        <v>42</v>
      </c>
      <c r="U2738" s="2">
        <v>1.5880000000000001</v>
      </c>
      <c r="V2738" s="2">
        <v>1.234</v>
      </c>
      <c r="W2738" s="2">
        <v>8.0000000000000002E-3</v>
      </c>
      <c r="X2738" s="2">
        <v>99.1</v>
      </c>
      <c r="Y2738" s="2">
        <v>7.6</v>
      </c>
      <c r="Z2738" s="2">
        <v>10.6</v>
      </c>
      <c r="AA2738" s="5"/>
      <c r="AB2738" s="5" t="s">
        <v>43</v>
      </c>
      <c r="AC2738" s="5" t="s">
        <v>44</v>
      </c>
      <c r="AD2738" s="2"/>
      <c r="AE2738" s="1"/>
    </row>
    <row r="2739" spans="1:31" ht="14.45">
      <c r="A2739" s="11"/>
      <c r="B2739" s="20"/>
      <c r="C2739" s="2" t="s">
        <v>8670</v>
      </c>
      <c r="D2739" s="14" t="s">
        <v>8671</v>
      </c>
      <c r="E2739" s="2" t="s">
        <v>8672</v>
      </c>
      <c r="F2739" s="2" t="s">
        <v>2204</v>
      </c>
      <c r="G2739" s="8">
        <v>114</v>
      </c>
      <c r="H2739" s="5">
        <v>13</v>
      </c>
      <c r="I2739" s="5" t="s">
        <v>1518</v>
      </c>
      <c r="J2739" s="5" t="s">
        <v>1519</v>
      </c>
      <c r="K2739" s="2" t="s">
        <v>1520</v>
      </c>
      <c r="L2739" s="5" t="s">
        <v>1519</v>
      </c>
      <c r="M2739" s="2" t="s">
        <v>1520</v>
      </c>
      <c r="N2739" s="5" t="s">
        <v>1521</v>
      </c>
      <c r="O2739" s="5" t="s">
        <v>38</v>
      </c>
      <c r="P2739" s="5" t="s">
        <v>39</v>
      </c>
      <c r="Q2739" s="5" t="s">
        <v>40</v>
      </c>
      <c r="R2739" s="5" t="s">
        <v>1522</v>
      </c>
      <c r="S2739" s="5" t="s">
        <v>1523</v>
      </c>
      <c r="T2739" s="5" t="s">
        <v>42</v>
      </c>
      <c r="U2739" s="2">
        <v>1.552</v>
      </c>
      <c r="V2739" s="2">
        <v>1.198</v>
      </c>
      <c r="W2739" s="2">
        <v>8.0000000000000002E-3</v>
      </c>
      <c r="X2739" s="2">
        <v>99.1</v>
      </c>
      <c r="Y2739" s="2">
        <v>7.6</v>
      </c>
      <c r="Z2739" s="2">
        <v>10.6</v>
      </c>
      <c r="AA2739" s="5"/>
      <c r="AB2739" s="5" t="s">
        <v>43</v>
      </c>
      <c r="AC2739" s="5" t="s">
        <v>44</v>
      </c>
      <c r="AD2739" s="2"/>
      <c r="AE2739" s="1"/>
    </row>
    <row r="2740" spans="1:31" ht="14.45">
      <c r="A2740" s="11"/>
      <c r="B2740" s="20"/>
      <c r="C2740" s="2" t="s">
        <v>8673</v>
      </c>
      <c r="D2740" s="14" t="s">
        <v>8674</v>
      </c>
      <c r="E2740" s="2" t="s">
        <v>8675</v>
      </c>
      <c r="F2740" s="2" t="s">
        <v>2724</v>
      </c>
      <c r="G2740" s="8">
        <v>114</v>
      </c>
      <c r="H2740" s="5">
        <v>13</v>
      </c>
      <c r="I2740" s="5" t="s">
        <v>1518</v>
      </c>
      <c r="J2740" s="5" t="s">
        <v>1519</v>
      </c>
      <c r="K2740" s="2" t="s">
        <v>1520</v>
      </c>
      <c r="L2740" s="5" t="s">
        <v>1519</v>
      </c>
      <c r="M2740" s="2" t="s">
        <v>1520</v>
      </c>
      <c r="N2740" s="5" t="s">
        <v>1521</v>
      </c>
      <c r="O2740" s="5" t="s">
        <v>38</v>
      </c>
      <c r="P2740" s="5" t="s">
        <v>39</v>
      </c>
      <c r="Q2740" s="5" t="s">
        <v>40</v>
      </c>
      <c r="R2740" s="5" t="s">
        <v>1522</v>
      </c>
      <c r="S2740" s="5" t="s">
        <v>1523</v>
      </c>
      <c r="T2740" s="5" t="s">
        <v>42</v>
      </c>
      <c r="U2740" s="2">
        <v>1.5880000000000001</v>
      </c>
      <c r="V2740" s="2">
        <v>1.234</v>
      </c>
      <c r="W2740" s="2">
        <v>8.0000000000000002E-3</v>
      </c>
      <c r="X2740" s="2">
        <v>99.1</v>
      </c>
      <c r="Y2740" s="2">
        <v>7.6</v>
      </c>
      <c r="Z2740" s="2">
        <v>10.6</v>
      </c>
      <c r="AA2740" s="5"/>
      <c r="AB2740" s="5" t="s">
        <v>43</v>
      </c>
      <c r="AC2740" s="5" t="s">
        <v>44</v>
      </c>
      <c r="AD2740" s="2"/>
      <c r="AE2740" s="1"/>
    </row>
    <row r="2741" spans="1:31" ht="14.45">
      <c r="A2741" s="11"/>
      <c r="B2741" s="20"/>
      <c r="C2741" s="2" t="s">
        <v>8676</v>
      </c>
      <c r="D2741" s="14" t="s">
        <v>8677</v>
      </c>
      <c r="E2741" s="2" t="s">
        <v>8678</v>
      </c>
      <c r="F2741" s="2" t="s">
        <v>2208</v>
      </c>
      <c r="G2741" s="8">
        <v>114</v>
      </c>
      <c r="H2741" s="5">
        <v>13</v>
      </c>
      <c r="I2741" s="5" t="s">
        <v>1518</v>
      </c>
      <c r="J2741" s="5" t="s">
        <v>1519</v>
      </c>
      <c r="K2741" s="2" t="s">
        <v>1520</v>
      </c>
      <c r="L2741" s="5" t="s">
        <v>1519</v>
      </c>
      <c r="M2741" s="2" t="s">
        <v>1520</v>
      </c>
      <c r="N2741" s="5" t="s">
        <v>1521</v>
      </c>
      <c r="O2741" s="5" t="s">
        <v>38</v>
      </c>
      <c r="P2741" s="5" t="s">
        <v>39</v>
      </c>
      <c r="Q2741" s="5" t="s">
        <v>40</v>
      </c>
      <c r="R2741" s="5" t="s">
        <v>1522</v>
      </c>
      <c r="S2741" s="5" t="s">
        <v>1523</v>
      </c>
      <c r="T2741" s="5" t="s">
        <v>42</v>
      </c>
      <c r="U2741" s="2">
        <v>1.552</v>
      </c>
      <c r="V2741" s="2">
        <v>1.198</v>
      </c>
      <c r="W2741" s="2">
        <v>8.0000000000000002E-3</v>
      </c>
      <c r="X2741" s="2">
        <v>99.1</v>
      </c>
      <c r="Y2741" s="2">
        <v>7.6</v>
      </c>
      <c r="Z2741" s="2">
        <v>10.6</v>
      </c>
      <c r="AA2741" s="5"/>
      <c r="AB2741" s="5" t="s">
        <v>43</v>
      </c>
      <c r="AC2741" s="5" t="s">
        <v>44</v>
      </c>
      <c r="AD2741" s="2"/>
      <c r="AE2741" s="1"/>
    </row>
    <row r="2742" spans="1:31" ht="14.45">
      <c r="A2742" s="11"/>
      <c r="B2742" s="20"/>
      <c r="C2742" s="2" t="s">
        <v>8679</v>
      </c>
      <c r="D2742" s="14" t="s">
        <v>8680</v>
      </c>
      <c r="E2742" s="2" t="s">
        <v>8681</v>
      </c>
      <c r="F2742" s="2" t="s">
        <v>2212</v>
      </c>
      <c r="G2742" s="8">
        <v>114</v>
      </c>
      <c r="H2742" s="5">
        <v>13</v>
      </c>
      <c r="I2742" s="5" t="s">
        <v>1518</v>
      </c>
      <c r="J2742" s="5" t="s">
        <v>1519</v>
      </c>
      <c r="K2742" s="2" t="s">
        <v>1520</v>
      </c>
      <c r="L2742" s="5" t="s">
        <v>1519</v>
      </c>
      <c r="M2742" s="2" t="s">
        <v>1520</v>
      </c>
      <c r="N2742" s="5" t="s">
        <v>1521</v>
      </c>
      <c r="O2742" s="5" t="s">
        <v>38</v>
      </c>
      <c r="P2742" s="5" t="s">
        <v>39</v>
      </c>
      <c r="Q2742" s="5" t="s">
        <v>40</v>
      </c>
      <c r="R2742" s="5" t="s">
        <v>1522</v>
      </c>
      <c r="S2742" s="5" t="s">
        <v>1523</v>
      </c>
      <c r="T2742" s="5" t="s">
        <v>42</v>
      </c>
      <c r="U2742" s="2">
        <v>1.5880000000000001</v>
      </c>
      <c r="V2742" s="2">
        <v>1.234</v>
      </c>
      <c r="W2742" s="2">
        <v>8.0000000000000002E-3</v>
      </c>
      <c r="X2742" s="2">
        <v>99.1</v>
      </c>
      <c r="Y2742" s="2">
        <v>7.6</v>
      </c>
      <c r="Z2742" s="2">
        <v>10.6</v>
      </c>
      <c r="AA2742" s="5"/>
      <c r="AB2742" s="5" t="s">
        <v>43</v>
      </c>
      <c r="AC2742" s="5" t="s">
        <v>44</v>
      </c>
      <c r="AD2742" s="2"/>
      <c r="AE2742" s="1"/>
    </row>
    <row r="2743" spans="1:31" ht="14.45">
      <c r="A2743" s="11"/>
      <c r="B2743" s="20"/>
      <c r="C2743" s="2" t="s">
        <v>8682</v>
      </c>
      <c r="D2743" s="14" t="s">
        <v>8683</v>
      </c>
      <c r="E2743" s="2" t="s">
        <v>8684</v>
      </c>
      <c r="F2743" s="2" t="s">
        <v>1831</v>
      </c>
      <c r="G2743" s="8">
        <v>114</v>
      </c>
      <c r="H2743" s="5">
        <v>13</v>
      </c>
      <c r="I2743" s="5" t="s">
        <v>1518</v>
      </c>
      <c r="J2743" s="5" t="s">
        <v>1519</v>
      </c>
      <c r="K2743" s="2" t="s">
        <v>1520</v>
      </c>
      <c r="L2743" s="5" t="s">
        <v>1519</v>
      </c>
      <c r="M2743" s="2" t="s">
        <v>1520</v>
      </c>
      <c r="N2743" s="5" t="s">
        <v>1521</v>
      </c>
      <c r="O2743" s="5" t="s">
        <v>38</v>
      </c>
      <c r="P2743" s="5" t="s">
        <v>39</v>
      </c>
      <c r="Q2743" s="5" t="s">
        <v>40</v>
      </c>
      <c r="R2743" s="5" t="s">
        <v>1522</v>
      </c>
      <c r="S2743" s="5" t="s">
        <v>1523</v>
      </c>
      <c r="T2743" s="5" t="s">
        <v>42</v>
      </c>
      <c r="U2743" s="2">
        <v>1.552</v>
      </c>
      <c r="V2743" s="2">
        <v>1.198</v>
      </c>
      <c r="W2743" s="2">
        <v>8.0000000000000002E-3</v>
      </c>
      <c r="X2743" s="2">
        <v>99.1</v>
      </c>
      <c r="Y2743" s="2">
        <v>7.6</v>
      </c>
      <c r="Z2743" s="2">
        <v>10.6</v>
      </c>
      <c r="AA2743" s="5"/>
      <c r="AB2743" s="5" t="s">
        <v>43</v>
      </c>
      <c r="AC2743" s="5" t="s">
        <v>44</v>
      </c>
      <c r="AD2743" s="2"/>
      <c r="AE2743" s="1"/>
    </row>
    <row r="2744" spans="1:31" ht="14.45">
      <c r="A2744" s="11"/>
      <c r="B2744" s="20"/>
      <c r="C2744" s="2" t="s">
        <v>8685</v>
      </c>
      <c r="D2744" s="14" t="s">
        <v>8686</v>
      </c>
      <c r="E2744" s="2" t="s">
        <v>8687</v>
      </c>
      <c r="F2744" s="2" t="s">
        <v>1835</v>
      </c>
      <c r="G2744" s="8">
        <v>114</v>
      </c>
      <c r="H2744" s="5">
        <v>13</v>
      </c>
      <c r="I2744" s="5" t="s">
        <v>1518</v>
      </c>
      <c r="J2744" s="5" t="s">
        <v>1519</v>
      </c>
      <c r="K2744" s="2" t="s">
        <v>1520</v>
      </c>
      <c r="L2744" s="5" t="s">
        <v>1519</v>
      </c>
      <c r="M2744" s="2" t="s">
        <v>1520</v>
      </c>
      <c r="N2744" s="5" t="s">
        <v>1521</v>
      </c>
      <c r="O2744" s="5" t="s">
        <v>38</v>
      </c>
      <c r="P2744" s="5" t="s">
        <v>39</v>
      </c>
      <c r="Q2744" s="5" t="s">
        <v>40</v>
      </c>
      <c r="R2744" s="5" t="s">
        <v>1522</v>
      </c>
      <c r="S2744" s="5" t="s">
        <v>1523</v>
      </c>
      <c r="T2744" s="5" t="s">
        <v>42</v>
      </c>
      <c r="U2744" s="2">
        <v>1.5880000000000001</v>
      </c>
      <c r="V2744" s="2">
        <v>1.234</v>
      </c>
      <c r="W2744" s="2">
        <v>8.0000000000000002E-3</v>
      </c>
      <c r="X2744" s="2">
        <v>99.1</v>
      </c>
      <c r="Y2744" s="2">
        <v>7.6</v>
      </c>
      <c r="Z2744" s="2">
        <v>10.6</v>
      </c>
      <c r="AA2744" s="5"/>
      <c r="AB2744" s="5" t="s">
        <v>43</v>
      </c>
      <c r="AC2744" s="5" t="s">
        <v>44</v>
      </c>
      <c r="AD2744" s="2"/>
      <c r="AE2744" s="1"/>
    </row>
    <row r="2745" spans="1:31" ht="14.45">
      <c r="A2745" s="11"/>
      <c r="B2745" s="20"/>
      <c r="C2745" s="2" t="s">
        <v>8688</v>
      </c>
      <c r="D2745" s="14" t="s">
        <v>8689</v>
      </c>
      <c r="E2745" s="2" t="s">
        <v>8690</v>
      </c>
      <c r="F2745" s="2" t="s">
        <v>1839</v>
      </c>
      <c r="G2745" s="8">
        <v>114</v>
      </c>
      <c r="H2745" s="5">
        <v>13</v>
      </c>
      <c r="I2745" s="5" t="s">
        <v>1518</v>
      </c>
      <c r="J2745" s="5" t="s">
        <v>1519</v>
      </c>
      <c r="K2745" s="2" t="s">
        <v>1520</v>
      </c>
      <c r="L2745" s="5" t="s">
        <v>1519</v>
      </c>
      <c r="M2745" s="2" t="s">
        <v>1520</v>
      </c>
      <c r="N2745" s="5" t="s">
        <v>1521</v>
      </c>
      <c r="O2745" s="5" t="s">
        <v>38</v>
      </c>
      <c r="P2745" s="5" t="s">
        <v>39</v>
      </c>
      <c r="Q2745" s="5" t="s">
        <v>40</v>
      </c>
      <c r="R2745" s="5" t="s">
        <v>1522</v>
      </c>
      <c r="S2745" s="5" t="s">
        <v>1523</v>
      </c>
      <c r="T2745" s="5" t="s">
        <v>42</v>
      </c>
      <c r="U2745" s="2">
        <v>1.552</v>
      </c>
      <c r="V2745" s="2">
        <v>1.198</v>
      </c>
      <c r="W2745" s="2">
        <v>8.0000000000000002E-3</v>
      </c>
      <c r="X2745" s="2">
        <v>99.1</v>
      </c>
      <c r="Y2745" s="2">
        <v>7.6</v>
      </c>
      <c r="Z2745" s="2">
        <v>10.6</v>
      </c>
      <c r="AA2745" s="5"/>
      <c r="AB2745" s="5" t="s">
        <v>43</v>
      </c>
      <c r="AC2745" s="5" t="s">
        <v>44</v>
      </c>
      <c r="AD2745" s="2"/>
      <c r="AE2745" s="1"/>
    </row>
    <row r="2746" spans="1:31" ht="14.45">
      <c r="A2746" s="11"/>
      <c r="B2746" s="20"/>
      <c r="C2746" s="2" t="s">
        <v>8691</v>
      </c>
      <c r="D2746" s="14" t="s">
        <v>8692</v>
      </c>
      <c r="E2746" s="2" t="s">
        <v>8693</v>
      </c>
      <c r="F2746" s="2" t="s">
        <v>1986</v>
      </c>
      <c r="G2746" s="8">
        <v>114</v>
      </c>
      <c r="H2746" s="5">
        <v>13</v>
      </c>
      <c r="I2746" s="5" t="s">
        <v>1518</v>
      </c>
      <c r="J2746" s="5" t="s">
        <v>1519</v>
      </c>
      <c r="K2746" s="2" t="s">
        <v>1520</v>
      </c>
      <c r="L2746" s="5" t="s">
        <v>1519</v>
      </c>
      <c r="M2746" s="2" t="s">
        <v>1520</v>
      </c>
      <c r="N2746" s="5" t="s">
        <v>1521</v>
      </c>
      <c r="O2746" s="5" t="s">
        <v>38</v>
      </c>
      <c r="P2746" s="5" t="s">
        <v>39</v>
      </c>
      <c r="Q2746" s="5" t="s">
        <v>40</v>
      </c>
      <c r="R2746" s="5" t="s">
        <v>1522</v>
      </c>
      <c r="S2746" s="5" t="s">
        <v>1523</v>
      </c>
      <c r="T2746" s="5" t="s">
        <v>42</v>
      </c>
      <c r="U2746" s="2">
        <v>1.5880000000000001</v>
      </c>
      <c r="V2746" s="2">
        <v>1.234</v>
      </c>
      <c r="W2746" s="2">
        <v>8.0000000000000002E-3</v>
      </c>
      <c r="X2746" s="2">
        <v>99.1</v>
      </c>
      <c r="Y2746" s="2">
        <v>7.6</v>
      </c>
      <c r="Z2746" s="2">
        <v>10.6</v>
      </c>
      <c r="AA2746" s="5"/>
      <c r="AB2746" s="5" t="s">
        <v>43</v>
      </c>
      <c r="AC2746" s="5" t="s">
        <v>44</v>
      </c>
      <c r="AD2746" s="2"/>
      <c r="AE2746" s="1"/>
    </row>
    <row r="2747" spans="1:31" ht="14.45">
      <c r="A2747" s="11"/>
      <c r="B2747" s="20"/>
      <c r="C2747" s="2" t="s">
        <v>8694</v>
      </c>
      <c r="D2747" s="14" t="s">
        <v>8695</v>
      </c>
      <c r="E2747" s="2" t="s">
        <v>8696</v>
      </c>
      <c r="F2747" s="2" t="s">
        <v>1843</v>
      </c>
      <c r="G2747" s="8">
        <v>114</v>
      </c>
      <c r="H2747" s="5">
        <v>13</v>
      </c>
      <c r="I2747" s="5" t="s">
        <v>1518</v>
      </c>
      <c r="J2747" s="5" t="s">
        <v>1519</v>
      </c>
      <c r="K2747" s="2" t="s">
        <v>1520</v>
      </c>
      <c r="L2747" s="5" t="s">
        <v>1519</v>
      </c>
      <c r="M2747" s="2" t="s">
        <v>1520</v>
      </c>
      <c r="N2747" s="5" t="s">
        <v>1521</v>
      </c>
      <c r="O2747" s="5" t="s">
        <v>38</v>
      </c>
      <c r="P2747" s="5" t="s">
        <v>39</v>
      </c>
      <c r="Q2747" s="5" t="s">
        <v>40</v>
      </c>
      <c r="R2747" s="5" t="s">
        <v>1522</v>
      </c>
      <c r="S2747" s="5" t="s">
        <v>1523</v>
      </c>
      <c r="T2747" s="5" t="s">
        <v>42</v>
      </c>
      <c r="U2747" s="2">
        <v>1.552</v>
      </c>
      <c r="V2747" s="2">
        <v>1.198</v>
      </c>
      <c r="W2747" s="2">
        <v>8.0000000000000002E-3</v>
      </c>
      <c r="X2747" s="2">
        <v>99.1</v>
      </c>
      <c r="Y2747" s="2">
        <v>7.6</v>
      </c>
      <c r="Z2747" s="2">
        <v>10.6</v>
      </c>
      <c r="AA2747" s="5"/>
      <c r="AB2747" s="5" t="s">
        <v>43</v>
      </c>
      <c r="AC2747" s="5" t="s">
        <v>44</v>
      </c>
      <c r="AD2747" s="2"/>
      <c r="AE2747" s="1"/>
    </row>
    <row r="2748" spans="1:31" ht="14.45">
      <c r="A2748" s="11"/>
      <c r="B2748" s="20"/>
      <c r="C2748" s="2" t="s">
        <v>8697</v>
      </c>
      <c r="D2748" s="14" t="s">
        <v>8698</v>
      </c>
      <c r="E2748" s="2" t="s">
        <v>8699</v>
      </c>
      <c r="F2748" s="2" t="s">
        <v>1847</v>
      </c>
      <c r="G2748" s="8">
        <v>114</v>
      </c>
      <c r="H2748" s="5">
        <v>13</v>
      </c>
      <c r="I2748" s="5" t="s">
        <v>1518</v>
      </c>
      <c r="J2748" s="5" t="s">
        <v>1519</v>
      </c>
      <c r="K2748" s="2" t="s">
        <v>1520</v>
      </c>
      <c r="L2748" s="5" t="s">
        <v>1519</v>
      </c>
      <c r="M2748" s="2" t="s">
        <v>1520</v>
      </c>
      <c r="N2748" s="5" t="s">
        <v>1521</v>
      </c>
      <c r="O2748" s="5" t="s">
        <v>38</v>
      </c>
      <c r="P2748" s="5" t="s">
        <v>39</v>
      </c>
      <c r="Q2748" s="5" t="s">
        <v>40</v>
      </c>
      <c r="R2748" s="5" t="s">
        <v>1522</v>
      </c>
      <c r="S2748" s="5" t="s">
        <v>1523</v>
      </c>
      <c r="T2748" s="5" t="s">
        <v>42</v>
      </c>
      <c r="U2748" s="2">
        <v>1.5880000000000001</v>
      </c>
      <c r="V2748" s="2">
        <v>1.234</v>
      </c>
      <c r="W2748" s="2">
        <v>8.0000000000000002E-3</v>
      </c>
      <c r="X2748" s="2">
        <v>99.1</v>
      </c>
      <c r="Y2748" s="2">
        <v>7.6</v>
      </c>
      <c r="Z2748" s="2">
        <v>10.6</v>
      </c>
      <c r="AA2748" s="5"/>
      <c r="AB2748" s="5" t="s">
        <v>43</v>
      </c>
      <c r="AC2748" s="5" t="s">
        <v>44</v>
      </c>
      <c r="AD2748" s="2"/>
      <c r="AE2748" s="1"/>
    </row>
    <row r="2749" spans="1:31" ht="14.45">
      <c r="A2749" s="11"/>
      <c r="B2749" s="20"/>
      <c r="C2749" s="2" t="s">
        <v>8700</v>
      </c>
      <c r="D2749" s="14" t="s">
        <v>8701</v>
      </c>
      <c r="E2749" s="2" t="s">
        <v>8702</v>
      </c>
      <c r="F2749" s="2" t="s">
        <v>1851</v>
      </c>
      <c r="G2749" s="8">
        <v>114</v>
      </c>
      <c r="H2749" s="5">
        <v>13</v>
      </c>
      <c r="I2749" s="5" t="s">
        <v>1518</v>
      </c>
      <c r="J2749" s="5" t="s">
        <v>1519</v>
      </c>
      <c r="K2749" s="2" t="s">
        <v>1520</v>
      </c>
      <c r="L2749" s="5" t="s">
        <v>1519</v>
      </c>
      <c r="M2749" s="2" t="s">
        <v>1520</v>
      </c>
      <c r="N2749" s="5" t="s">
        <v>1521</v>
      </c>
      <c r="O2749" s="5" t="s">
        <v>38</v>
      </c>
      <c r="P2749" s="5" t="s">
        <v>39</v>
      </c>
      <c r="Q2749" s="5" t="s">
        <v>40</v>
      </c>
      <c r="R2749" s="5" t="s">
        <v>1522</v>
      </c>
      <c r="S2749" s="5" t="s">
        <v>1523</v>
      </c>
      <c r="T2749" s="5" t="s">
        <v>42</v>
      </c>
      <c r="U2749" s="2">
        <v>1.552</v>
      </c>
      <c r="V2749" s="2">
        <v>1.198</v>
      </c>
      <c r="W2749" s="2">
        <v>8.0000000000000002E-3</v>
      </c>
      <c r="X2749" s="2">
        <v>99.1</v>
      </c>
      <c r="Y2749" s="2">
        <v>7.6</v>
      </c>
      <c r="Z2749" s="2">
        <v>10.6</v>
      </c>
      <c r="AA2749" s="5"/>
      <c r="AB2749" s="5" t="s">
        <v>43</v>
      </c>
      <c r="AC2749" s="5" t="s">
        <v>44</v>
      </c>
      <c r="AD2749" s="2"/>
      <c r="AE2749" s="1"/>
    </row>
    <row r="2750" spans="1:31" ht="14.45">
      <c r="A2750" s="11"/>
      <c r="B2750" s="20"/>
      <c r="C2750" s="2" t="s">
        <v>8703</v>
      </c>
      <c r="D2750" s="14" t="s">
        <v>8704</v>
      </c>
      <c r="E2750" s="2" t="s">
        <v>8705</v>
      </c>
      <c r="F2750" s="2" t="s">
        <v>1999</v>
      </c>
      <c r="G2750" s="8">
        <v>114</v>
      </c>
      <c r="H2750" s="5">
        <v>13</v>
      </c>
      <c r="I2750" s="5" t="s">
        <v>1518</v>
      </c>
      <c r="J2750" s="5" t="s">
        <v>1519</v>
      </c>
      <c r="K2750" s="2" t="s">
        <v>1520</v>
      </c>
      <c r="L2750" s="5" t="s">
        <v>1519</v>
      </c>
      <c r="M2750" s="2" t="s">
        <v>1520</v>
      </c>
      <c r="N2750" s="5" t="s">
        <v>1521</v>
      </c>
      <c r="O2750" s="5" t="s">
        <v>38</v>
      </c>
      <c r="P2750" s="5" t="s">
        <v>39</v>
      </c>
      <c r="Q2750" s="5" t="s">
        <v>40</v>
      </c>
      <c r="R2750" s="5" t="s">
        <v>1522</v>
      </c>
      <c r="S2750" s="5" t="s">
        <v>1523</v>
      </c>
      <c r="T2750" s="5" t="s">
        <v>42</v>
      </c>
      <c r="U2750" s="2">
        <v>1.5880000000000001</v>
      </c>
      <c r="V2750" s="2">
        <v>1.234</v>
      </c>
      <c r="W2750" s="2">
        <v>8.0000000000000002E-3</v>
      </c>
      <c r="X2750" s="2">
        <v>99.1</v>
      </c>
      <c r="Y2750" s="2">
        <v>7.6</v>
      </c>
      <c r="Z2750" s="2">
        <v>10.6</v>
      </c>
      <c r="AA2750" s="5"/>
      <c r="AB2750" s="5" t="s">
        <v>43</v>
      </c>
      <c r="AC2750" s="5" t="s">
        <v>44</v>
      </c>
      <c r="AD2750" s="2"/>
      <c r="AE2750" s="1"/>
    </row>
    <row r="2751" spans="1:31" ht="14.45">
      <c r="A2751" s="11"/>
      <c r="B2751" s="20"/>
      <c r="C2751" s="2" t="s">
        <v>8706</v>
      </c>
      <c r="D2751" s="14" t="s">
        <v>8707</v>
      </c>
      <c r="E2751" s="2" t="s">
        <v>8708</v>
      </c>
      <c r="F2751" s="2" t="s">
        <v>1855</v>
      </c>
      <c r="G2751" s="8">
        <v>114</v>
      </c>
      <c r="H2751" s="5">
        <v>13</v>
      </c>
      <c r="I2751" s="5" t="s">
        <v>1518</v>
      </c>
      <c r="J2751" s="5" t="s">
        <v>1519</v>
      </c>
      <c r="K2751" s="2" t="s">
        <v>1520</v>
      </c>
      <c r="L2751" s="5" t="s">
        <v>1519</v>
      </c>
      <c r="M2751" s="2" t="s">
        <v>1520</v>
      </c>
      <c r="N2751" s="5" t="s">
        <v>1521</v>
      </c>
      <c r="O2751" s="5" t="s">
        <v>38</v>
      </c>
      <c r="P2751" s="5" t="s">
        <v>39</v>
      </c>
      <c r="Q2751" s="5" t="s">
        <v>40</v>
      </c>
      <c r="R2751" s="5" t="s">
        <v>1522</v>
      </c>
      <c r="S2751" s="5" t="s">
        <v>1523</v>
      </c>
      <c r="T2751" s="5" t="s">
        <v>42</v>
      </c>
      <c r="U2751" s="2">
        <v>1.552</v>
      </c>
      <c r="V2751" s="2">
        <v>1.198</v>
      </c>
      <c r="W2751" s="2">
        <v>8.0000000000000002E-3</v>
      </c>
      <c r="X2751" s="2">
        <v>99.1</v>
      </c>
      <c r="Y2751" s="2">
        <v>7.6</v>
      </c>
      <c r="Z2751" s="2">
        <v>10.6</v>
      </c>
      <c r="AA2751" s="5"/>
      <c r="AB2751" s="5" t="s">
        <v>43</v>
      </c>
      <c r="AC2751" s="5" t="s">
        <v>44</v>
      </c>
      <c r="AD2751" s="2"/>
      <c r="AE2751" s="1"/>
    </row>
    <row r="2752" spans="1:31" ht="14.45">
      <c r="A2752" s="11"/>
      <c r="B2752" s="20"/>
      <c r="C2752" s="2" t="s">
        <v>8709</v>
      </c>
      <c r="D2752" s="14" t="s">
        <v>8710</v>
      </c>
      <c r="E2752" s="2" t="s">
        <v>8711</v>
      </c>
      <c r="F2752" s="2" t="s">
        <v>1859</v>
      </c>
      <c r="G2752" s="8">
        <v>114</v>
      </c>
      <c r="H2752" s="5">
        <v>13</v>
      </c>
      <c r="I2752" s="5" t="s">
        <v>1518</v>
      </c>
      <c r="J2752" s="5" t="s">
        <v>1519</v>
      </c>
      <c r="K2752" s="2" t="s">
        <v>1520</v>
      </c>
      <c r="L2752" s="5" t="s">
        <v>1519</v>
      </c>
      <c r="M2752" s="2" t="s">
        <v>1520</v>
      </c>
      <c r="N2752" s="5" t="s">
        <v>1521</v>
      </c>
      <c r="O2752" s="5" t="s">
        <v>38</v>
      </c>
      <c r="P2752" s="5" t="s">
        <v>39</v>
      </c>
      <c r="Q2752" s="5" t="s">
        <v>40</v>
      </c>
      <c r="R2752" s="5" t="s">
        <v>1522</v>
      </c>
      <c r="S2752" s="5" t="s">
        <v>1523</v>
      </c>
      <c r="T2752" s="5" t="s">
        <v>42</v>
      </c>
      <c r="U2752" s="2">
        <v>1.5880000000000001</v>
      </c>
      <c r="V2752" s="2">
        <v>1.234</v>
      </c>
      <c r="W2752" s="2">
        <v>8.0000000000000002E-3</v>
      </c>
      <c r="X2752" s="2">
        <v>99.1</v>
      </c>
      <c r="Y2752" s="2">
        <v>7.6</v>
      </c>
      <c r="Z2752" s="2">
        <v>10.6</v>
      </c>
      <c r="AA2752" s="5"/>
      <c r="AB2752" s="5" t="s">
        <v>43</v>
      </c>
      <c r="AC2752" s="5" t="s">
        <v>44</v>
      </c>
      <c r="AD2752" s="2"/>
      <c r="AE2752" s="1"/>
    </row>
    <row r="2753" spans="1:31" ht="14.45">
      <c r="A2753" s="11"/>
      <c r="B2753" s="20"/>
      <c r="C2753" s="2" t="s">
        <v>8712</v>
      </c>
      <c r="D2753" s="14" t="s">
        <v>8713</v>
      </c>
      <c r="E2753" s="2" t="s">
        <v>8714</v>
      </c>
      <c r="F2753" s="2" t="s">
        <v>1863</v>
      </c>
      <c r="G2753" s="8">
        <v>114</v>
      </c>
      <c r="H2753" s="5">
        <v>11</v>
      </c>
      <c r="I2753" s="5" t="s">
        <v>1518</v>
      </c>
      <c r="J2753" s="5" t="s">
        <v>1519</v>
      </c>
      <c r="K2753" s="2" t="s">
        <v>1520</v>
      </c>
      <c r="L2753" s="5" t="s">
        <v>1519</v>
      </c>
      <c r="M2753" s="2" t="s">
        <v>1520</v>
      </c>
      <c r="N2753" s="5" t="s">
        <v>1521</v>
      </c>
      <c r="O2753" s="5" t="s">
        <v>38</v>
      </c>
      <c r="P2753" s="5" t="s">
        <v>39</v>
      </c>
      <c r="Q2753" s="5" t="s">
        <v>40</v>
      </c>
      <c r="R2753" s="5" t="s">
        <v>1522</v>
      </c>
      <c r="S2753" s="5" t="s">
        <v>1523</v>
      </c>
      <c r="T2753" s="5" t="s">
        <v>42</v>
      </c>
      <c r="U2753" s="2">
        <v>1.5089999999999999</v>
      </c>
      <c r="V2753" s="2">
        <v>1.153</v>
      </c>
      <c r="W2753" s="2">
        <v>8.0000000000000002E-3</v>
      </c>
      <c r="X2753" s="2">
        <v>99.1</v>
      </c>
      <c r="Y2753" s="2">
        <v>7.6</v>
      </c>
      <c r="Z2753" s="2">
        <v>10.6</v>
      </c>
      <c r="AA2753" s="5"/>
      <c r="AB2753" s="5" t="s">
        <v>43</v>
      </c>
      <c r="AC2753" s="5" t="s">
        <v>44</v>
      </c>
      <c r="AD2753" s="2"/>
      <c r="AE2753" s="1"/>
    </row>
    <row r="2754" spans="1:31" ht="14.45">
      <c r="A2754" s="11"/>
      <c r="B2754" s="20"/>
      <c r="C2754" s="2" t="s">
        <v>8715</v>
      </c>
      <c r="D2754" s="14" t="s">
        <v>8716</v>
      </c>
      <c r="E2754" s="2" t="s">
        <v>8717</v>
      </c>
      <c r="F2754" s="2" t="s">
        <v>1867</v>
      </c>
      <c r="G2754" s="8">
        <v>114</v>
      </c>
      <c r="H2754" s="5">
        <v>11</v>
      </c>
      <c r="I2754" s="5" t="s">
        <v>1518</v>
      </c>
      <c r="J2754" s="5" t="s">
        <v>1519</v>
      </c>
      <c r="K2754" s="2" t="s">
        <v>1520</v>
      </c>
      <c r="L2754" s="5" t="s">
        <v>1519</v>
      </c>
      <c r="M2754" s="2" t="s">
        <v>1520</v>
      </c>
      <c r="N2754" s="5" t="s">
        <v>1521</v>
      </c>
      <c r="O2754" s="5" t="s">
        <v>38</v>
      </c>
      <c r="P2754" s="5" t="s">
        <v>39</v>
      </c>
      <c r="Q2754" s="5" t="s">
        <v>40</v>
      </c>
      <c r="R2754" s="5" t="s">
        <v>1522</v>
      </c>
      <c r="S2754" s="5" t="s">
        <v>1523</v>
      </c>
      <c r="T2754" s="5" t="s">
        <v>42</v>
      </c>
      <c r="U2754" s="2">
        <v>1.5449999999999999</v>
      </c>
      <c r="V2754" s="2">
        <v>1.1890000000000001</v>
      </c>
      <c r="W2754" s="2">
        <v>8.0000000000000002E-3</v>
      </c>
      <c r="X2754" s="2">
        <v>99.1</v>
      </c>
      <c r="Y2754" s="2">
        <v>7.6</v>
      </c>
      <c r="Z2754" s="2">
        <v>10.6</v>
      </c>
      <c r="AA2754" s="5"/>
      <c r="AB2754" s="5" t="s">
        <v>43</v>
      </c>
      <c r="AC2754" s="5" t="s">
        <v>44</v>
      </c>
      <c r="AD2754" s="2"/>
      <c r="AE2754" s="1"/>
    </row>
    <row r="2755" spans="1:31" ht="14.45">
      <c r="A2755" s="11"/>
      <c r="B2755" s="20"/>
      <c r="C2755" s="2" t="s">
        <v>8718</v>
      </c>
      <c r="D2755" s="14" t="s">
        <v>8719</v>
      </c>
      <c r="E2755" s="2" t="s">
        <v>8720</v>
      </c>
      <c r="F2755" s="2" t="s">
        <v>7396</v>
      </c>
      <c r="G2755" s="8">
        <v>103</v>
      </c>
      <c r="H2755" s="5">
        <v>5</v>
      </c>
      <c r="I2755" s="5" t="s">
        <v>1518</v>
      </c>
      <c r="J2755" s="5" t="s">
        <v>1519</v>
      </c>
      <c r="K2755" s="2" t="s">
        <v>1520</v>
      </c>
      <c r="L2755" s="5" t="s">
        <v>1519</v>
      </c>
      <c r="M2755" s="2" t="s">
        <v>1520</v>
      </c>
      <c r="N2755" s="5" t="s">
        <v>1521</v>
      </c>
      <c r="O2755" s="5" t="s">
        <v>38</v>
      </c>
      <c r="P2755" s="5" t="s">
        <v>39</v>
      </c>
      <c r="Q2755" s="5" t="s">
        <v>40</v>
      </c>
      <c r="R2755" s="5" t="s">
        <v>1522</v>
      </c>
      <c r="S2755" s="5" t="s">
        <v>1523</v>
      </c>
      <c r="T2755" s="5" t="s">
        <v>42</v>
      </c>
      <c r="U2755" s="2">
        <v>1.641</v>
      </c>
      <c r="V2755" s="2">
        <v>1.2809999999999999</v>
      </c>
      <c r="W2755" s="2">
        <v>0.01</v>
      </c>
      <c r="X2755" s="2">
        <v>118.9</v>
      </c>
      <c r="Y2755" s="2">
        <v>7.6</v>
      </c>
      <c r="Z2755" s="2">
        <v>10.6</v>
      </c>
      <c r="AA2755" s="5"/>
      <c r="AB2755" s="5" t="s">
        <v>43</v>
      </c>
      <c r="AC2755" s="5" t="s">
        <v>44</v>
      </c>
      <c r="AD2755" s="2"/>
      <c r="AE2755" s="1"/>
    </row>
    <row r="2756" spans="1:31" ht="14.45">
      <c r="A2756" s="11"/>
      <c r="B2756" s="20"/>
      <c r="C2756" s="2" t="s">
        <v>8721</v>
      </c>
      <c r="D2756" s="14" t="s">
        <v>8722</v>
      </c>
      <c r="E2756" s="2" t="s">
        <v>8723</v>
      </c>
      <c r="F2756" s="2" t="s">
        <v>7507</v>
      </c>
      <c r="G2756" s="8">
        <v>103</v>
      </c>
      <c r="H2756" s="5">
        <v>5</v>
      </c>
      <c r="I2756" s="5" t="s">
        <v>1518</v>
      </c>
      <c r="J2756" s="5" t="s">
        <v>1519</v>
      </c>
      <c r="K2756" s="2" t="s">
        <v>1520</v>
      </c>
      <c r="L2756" s="5" t="s">
        <v>1519</v>
      </c>
      <c r="M2756" s="2" t="s">
        <v>1520</v>
      </c>
      <c r="N2756" s="5" t="s">
        <v>1521</v>
      </c>
      <c r="O2756" s="5" t="s">
        <v>38</v>
      </c>
      <c r="P2756" s="5" t="s">
        <v>39</v>
      </c>
      <c r="Q2756" s="5" t="s">
        <v>40</v>
      </c>
      <c r="R2756" s="5" t="s">
        <v>1522</v>
      </c>
      <c r="S2756" s="5" t="s">
        <v>1523</v>
      </c>
      <c r="T2756" s="5" t="s">
        <v>42</v>
      </c>
      <c r="U2756" s="2">
        <v>1.681</v>
      </c>
      <c r="V2756" s="2">
        <v>1.321</v>
      </c>
      <c r="W2756" s="2">
        <v>0.01</v>
      </c>
      <c r="X2756" s="2">
        <v>118.9</v>
      </c>
      <c r="Y2756" s="2">
        <v>7.6</v>
      </c>
      <c r="Z2756" s="2">
        <v>10.6</v>
      </c>
      <c r="AA2756" s="5"/>
      <c r="AB2756" s="5" t="s">
        <v>43</v>
      </c>
      <c r="AC2756" s="5" t="s">
        <v>44</v>
      </c>
      <c r="AD2756" s="2"/>
      <c r="AE2756" s="1"/>
    </row>
    <row r="2757" spans="1:31" ht="14.45">
      <c r="A2757" s="11"/>
      <c r="B2757" s="20"/>
      <c r="C2757" s="2" t="s">
        <v>8724</v>
      </c>
      <c r="D2757" s="14" t="s">
        <v>8725</v>
      </c>
      <c r="E2757" s="2" t="s">
        <v>8726</v>
      </c>
      <c r="F2757" s="2" t="s">
        <v>7204</v>
      </c>
      <c r="G2757" s="8">
        <v>103</v>
      </c>
      <c r="H2757" s="5">
        <v>5</v>
      </c>
      <c r="I2757" s="5" t="s">
        <v>1518</v>
      </c>
      <c r="J2757" s="5" t="s">
        <v>1519</v>
      </c>
      <c r="K2757" s="2" t="s">
        <v>1520</v>
      </c>
      <c r="L2757" s="5" t="s">
        <v>1519</v>
      </c>
      <c r="M2757" s="2" t="s">
        <v>1520</v>
      </c>
      <c r="N2757" s="5" t="s">
        <v>1521</v>
      </c>
      <c r="O2757" s="5" t="s">
        <v>38</v>
      </c>
      <c r="P2757" s="5" t="s">
        <v>39</v>
      </c>
      <c r="Q2757" s="5" t="s">
        <v>40</v>
      </c>
      <c r="R2757" s="5" t="s">
        <v>1522</v>
      </c>
      <c r="S2757" s="5" t="s">
        <v>1523</v>
      </c>
      <c r="T2757" s="5" t="s">
        <v>42</v>
      </c>
      <c r="U2757" s="2">
        <v>1.647</v>
      </c>
      <c r="V2757" s="2">
        <v>1.2869999999999999</v>
      </c>
      <c r="W2757" s="2">
        <v>0.01</v>
      </c>
      <c r="X2757" s="2">
        <v>118.9</v>
      </c>
      <c r="Y2757" s="2">
        <v>7.6</v>
      </c>
      <c r="Z2757" s="2">
        <v>10.6</v>
      </c>
      <c r="AA2757" s="5"/>
      <c r="AB2757" s="5" t="s">
        <v>43</v>
      </c>
      <c r="AC2757" s="5" t="s">
        <v>44</v>
      </c>
      <c r="AD2757" s="2"/>
      <c r="AE2757" s="1"/>
    </row>
    <row r="2758" spans="1:31" ht="14.45">
      <c r="A2758" s="11"/>
      <c r="B2758" s="20"/>
      <c r="C2758" s="2" t="s">
        <v>8727</v>
      </c>
      <c r="D2758" s="14" t="s">
        <v>8728</v>
      </c>
      <c r="E2758" s="2" t="s">
        <v>8729</v>
      </c>
      <c r="F2758" s="2" t="s">
        <v>7514</v>
      </c>
      <c r="G2758" s="8">
        <v>103</v>
      </c>
      <c r="H2758" s="5">
        <v>5</v>
      </c>
      <c r="I2758" s="5" t="s">
        <v>1518</v>
      </c>
      <c r="J2758" s="5" t="s">
        <v>1519</v>
      </c>
      <c r="K2758" s="2" t="s">
        <v>1520</v>
      </c>
      <c r="L2758" s="5" t="s">
        <v>1519</v>
      </c>
      <c r="M2758" s="2" t="s">
        <v>1520</v>
      </c>
      <c r="N2758" s="5" t="s">
        <v>1521</v>
      </c>
      <c r="O2758" s="5" t="s">
        <v>38</v>
      </c>
      <c r="P2758" s="5" t="s">
        <v>39</v>
      </c>
      <c r="Q2758" s="5" t="s">
        <v>40</v>
      </c>
      <c r="R2758" s="5" t="s">
        <v>1522</v>
      </c>
      <c r="S2758" s="5" t="s">
        <v>1523</v>
      </c>
      <c r="T2758" s="5" t="s">
        <v>42</v>
      </c>
      <c r="U2758" s="2">
        <v>1.6870000000000001</v>
      </c>
      <c r="V2758" s="2">
        <v>1.327</v>
      </c>
      <c r="W2758" s="2">
        <v>0.01</v>
      </c>
      <c r="X2758" s="2">
        <v>118.9</v>
      </c>
      <c r="Y2758" s="2">
        <v>7.6</v>
      </c>
      <c r="Z2758" s="2">
        <v>10.6</v>
      </c>
      <c r="AA2758" s="5"/>
      <c r="AB2758" s="5" t="s">
        <v>43</v>
      </c>
      <c r="AC2758" s="5" t="s">
        <v>44</v>
      </c>
      <c r="AD2758" s="2"/>
      <c r="AE2758" s="1"/>
    </row>
    <row r="2759" spans="1:31" ht="14.45">
      <c r="A2759" s="11"/>
      <c r="B2759" s="20"/>
      <c r="C2759" s="2" t="s">
        <v>8730</v>
      </c>
      <c r="D2759" s="14" t="s">
        <v>8731</v>
      </c>
      <c r="E2759" s="2" t="s">
        <v>8732</v>
      </c>
      <c r="F2759" s="2" t="s">
        <v>7208</v>
      </c>
      <c r="G2759" s="8">
        <v>103</v>
      </c>
      <c r="H2759" s="5">
        <v>5</v>
      </c>
      <c r="I2759" s="5" t="s">
        <v>1518</v>
      </c>
      <c r="J2759" s="5" t="s">
        <v>1519</v>
      </c>
      <c r="K2759" s="2" t="s">
        <v>1520</v>
      </c>
      <c r="L2759" s="5" t="s">
        <v>1519</v>
      </c>
      <c r="M2759" s="2" t="s">
        <v>1520</v>
      </c>
      <c r="N2759" s="5" t="s">
        <v>1521</v>
      </c>
      <c r="O2759" s="5" t="s">
        <v>38</v>
      </c>
      <c r="P2759" s="5" t="s">
        <v>39</v>
      </c>
      <c r="Q2759" s="5" t="s">
        <v>40</v>
      </c>
      <c r="R2759" s="5" t="s">
        <v>1522</v>
      </c>
      <c r="S2759" s="5" t="s">
        <v>1523</v>
      </c>
      <c r="T2759" s="5" t="s">
        <v>42</v>
      </c>
      <c r="U2759" s="2">
        <v>1.647</v>
      </c>
      <c r="V2759" s="2">
        <v>1.2869999999999999</v>
      </c>
      <c r="W2759" s="2">
        <v>0.01</v>
      </c>
      <c r="X2759" s="2">
        <v>118.9</v>
      </c>
      <c r="Y2759" s="2">
        <v>7.6</v>
      </c>
      <c r="Z2759" s="2">
        <v>10.6</v>
      </c>
      <c r="AA2759" s="5"/>
      <c r="AB2759" s="5" t="s">
        <v>43</v>
      </c>
      <c r="AC2759" s="5" t="s">
        <v>44</v>
      </c>
      <c r="AD2759" s="2"/>
      <c r="AE2759" s="1"/>
    </row>
    <row r="2760" spans="1:31" ht="14.45">
      <c r="A2760" s="11"/>
      <c r="B2760" s="20"/>
      <c r="C2760" s="2" t="s">
        <v>8733</v>
      </c>
      <c r="D2760" s="14" t="s">
        <v>8734</v>
      </c>
      <c r="E2760" s="2" t="s">
        <v>8735</v>
      </c>
      <c r="F2760" s="2" t="s">
        <v>7521</v>
      </c>
      <c r="G2760" s="8">
        <v>103</v>
      </c>
      <c r="H2760" s="5">
        <v>5</v>
      </c>
      <c r="I2760" s="5" t="s">
        <v>1518</v>
      </c>
      <c r="J2760" s="5" t="s">
        <v>1519</v>
      </c>
      <c r="K2760" s="2" t="s">
        <v>1520</v>
      </c>
      <c r="L2760" s="5" t="s">
        <v>1519</v>
      </c>
      <c r="M2760" s="2" t="s">
        <v>1520</v>
      </c>
      <c r="N2760" s="5" t="s">
        <v>1521</v>
      </c>
      <c r="O2760" s="5" t="s">
        <v>38</v>
      </c>
      <c r="P2760" s="5" t="s">
        <v>39</v>
      </c>
      <c r="Q2760" s="5" t="s">
        <v>40</v>
      </c>
      <c r="R2760" s="5" t="s">
        <v>1522</v>
      </c>
      <c r="S2760" s="5" t="s">
        <v>1523</v>
      </c>
      <c r="T2760" s="5" t="s">
        <v>42</v>
      </c>
      <c r="U2760" s="2">
        <v>1.6870000000000001</v>
      </c>
      <c r="V2760" s="2">
        <v>1.327</v>
      </c>
      <c r="W2760" s="2">
        <v>0.01</v>
      </c>
      <c r="X2760" s="2">
        <v>118.9</v>
      </c>
      <c r="Y2760" s="2">
        <v>7.6</v>
      </c>
      <c r="Z2760" s="2">
        <v>10.6</v>
      </c>
      <c r="AA2760" s="5"/>
      <c r="AB2760" s="5" t="s">
        <v>43</v>
      </c>
      <c r="AC2760" s="5" t="s">
        <v>44</v>
      </c>
      <c r="AD2760" s="2"/>
      <c r="AE2760" s="1"/>
    </row>
    <row r="2761" spans="1:31" ht="14.45">
      <c r="A2761" s="11"/>
      <c r="B2761" s="20"/>
      <c r="C2761" s="2" t="s">
        <v>8736</v>
      </c>
      <c r="D2761" s="14" t="s">
        <v>8737</v>
      </c>
      <c r="E2761" s="2" t="s">
        <v>8738</v>
      </c>
      <c r="F2761" s="2" t="s">
        <v>7212</v>
      </c>
      <c r="G2761" s="8">
        <v>103</v>
      </c>
      <c r="H2761" s="5">
        <v>5</v>
      </c>
      <c r="I2761" s="5" t="s">
        <v>1518</v>
      </c>
      <c r="J2761" s="5" t="s">
        <v>1519</v>
      </c>
      <c r="K2761" s="2" t="s">
        <v>1520</v>
      </c>
      <c r="L2761" s="5" t="s">
        <v>1519</v>
      </c>
      <c r="M2761" s="2" t="s">
        <v>1520</v>
      </c>
      <c r="N2761" s="5" t="s">
        <v>1521</v>
      </c>
      <c r="O2761" s="5" t="s">
        <v>38</v>
      </c>
      <c r="P2761" s="5" t="s">
        <v>39</v>
      </c>
      <c r="Q2761" s="5" t="s">
        <v>40</v>
      </c>
      <c r="R2761" s="5" t="s">
        <v>1522</v>
      </c>
      <c r="S2761" s="5" t="s">
        <v>1523</v>
      </c>
      <c r="T2761" s="5" t="s">
        <v>42</v>
      </c>
      <c r="U2761" s="2">
        <v>1.629</v>
      </c>
      <c r="V2761" s="2">
        <v>1.2689999999999999</v>
      </c>
      <c r="W2761" s="2">
        <v>0.01</v>
      </c>
      <c r="X2761" s="2">
        <v>118.9</v>
      </c>
      <c r="Y2761" s="2">
        <v>7.6</v>
      </c>
      <c r="Z2761" s="2">
        <v>10.6</v>
      </c>
      <c r="AA2761" s="5"/>
      <c r="AB2761" s="5" t="s">
        <v>43</v>
      </c>
      <c r="AC2761" s="5" t="s">
        <v>44</v>
      </c>
      <c r="AD2761" s="2"/>
      <c r="AE2761" s="1"/>
    </row>
    <row r="2762" spans="1:31" ht="14.45">
      <c r="A2762" s="11"/>
      <c r="B2762" s="20"/>
      <c r="C2762" s="2" t="s">
        <v>8739</v>
      </c>
      <c r="D2762" s="14" t="s">
        <v>8740</v>
      </c>
      <c r="E2762" s="2" t="s">
        <v>8741</v>
      </c>
      <c r="F2762" s="2" t="s">
        <v>7528</v>
      </c>
      <c r="G2762" s="8">
        <v>103</v>
      </c>
      <c r="H2762" s="5">
        <v>5</v>
      </c>
      <c r="I2762" s="5" t="s">
        <v>1518</v>
      </c>
      <c r="J2762" s="5" t="s">
        <v>1519</v>
      </c>
      <c r="K2762" s="2" t="s">
        <v>1520</v>
      </c>
      <c r="L2762" s="5" t="s">
        <v>1519</v>
      </c>
      <c r="M2762" s="2" t="s">
        <v>1520</v>
      </c>
      <c r="N2762" s="5" t="s">
        <v>1521</v>
      </c>
      <c r="O2762" s="5" t="s">
        <v>38</v>
      </c>
      <c r="P2762" s="5" t="s">
        <v>39</v>
      </c>
      <c r="Q2762" s="5" t="s">
        <v>40</v>
      </c>
      <c r="R2762" s="5" t="s">
        <v>1522</v>
      </c>
      <c r="S2762" s="5" t="s">
        <v>1523</v>
      </c>
      <c r="T2762" s="5" t="s">
        <v>42</v>
      </c>
      <c r="U2762" s="2">
        <v>1.669</v>
      </c>
      <c r="V2762" s="2">
        <v>1.3089999999999999</v>
      </c>
      <c r="W2762" s="2">
        <v>0.01</v>
      </c>
      <c r="X2762" s="2">
        <v>118.9</v>
      </c>
      <c r="Y2762" s="2">
        <v>7.6</v>
      </c>
      <c r="Z2762" s="2">
        <v>10.6</v>
      </c>
      <c r="AA2762" s="5"/>
      <c r="AB2762" s="5" t="s">
        <v>43</v>
      </c>
      <c r="AC2762" s="5" t="s">
        <v>44</v>
      </c>
      <c r="AD2762" s="2"/>
      <c r="AE2762" s="1"/>
    </row>
    <row r="2763" spans="1:31" ht="14.45">
      <c r="A2763" s="11"/>
      <c r="B2763" s="20"/>
      <c r="C2763" s="2" t="s">
        <v>8742</v>
      </c>
      <c r="D2763" s="14" t="s">
        <v>8743</v>
      </c>
      <c r="E2763" s="2" t="s">
        <v>8744</v>
      </c>
      <c r="F2763" s="2" t="s">
        <v>7406</v>
      </c>
      <c r="G2763" s="8">
        <v>118</v>
      </c>
      <c r="H2763" s="5">
        <v>6</v>
      </c>
      <c r="I2763" s="5" t="s">
        <v>1518</v>
      </c>
      <c r="J2763" s="5" t="s">
        <v>1519</v>
      </c>
      <c r="K2763" s="2" t="s">
        <v>1520</v>
      </c>
      <c r="L2763" s="5" t="s">
        <v>1519</v>
      </c>
      <c r="M2763" s="2" t="s">
        <v>1520</v>
      </c>
      <c r="N2763" s="5" t="s">
        <v>1521</v>
      </c>
      <c r="O2763" s="5" t="s">
        <v>38</v>
      </c>
      <c r="P2763" s="5" t="s">
        <v>39</v>
      </c>
      <c r="Q2763" s="5" t="s">
        <v>40</v>
      </c>
      <c r="R2763" s="5" t="s">
        <v>1522</v>
      </c>
      <c r="S2763" s="5" t="s">
        <v>1523</v>
      </c>
      <c r="T2763" s="5" t="s">
        <v>42</v>
      </c>
      <c r="U2763" s="2">
        <v>1.629</v>
      </c>
      <c r="V2763" s="2">
        <v>1.2689999999999999</v>
      </c>
      <c r="W2763" s="2">
        <v>0.01</v>
      </c>
      <c r="X2763" s="2">
        <v>118.9</v>
      </c>
      <c r="Y2763" s="2">
        <v>7.6</v>
      </c>
      <c r="Z2763" s="2">
        <v>10.6</v>
      </c>
      <c r="AA2763" s="5"/>
      <c r="AB2763" s="5" t="s">
        <v>43</v>
      </c>
      <c r="AC2763" s="5" t="s">
        <v>44</v>
      </c>
      <c r="AD2763" s="2"/>
      <c r="AE2763" s="1"/>
    </row>
    <row r="2764" spans="1:31" ht="14.45">
      <c r="A2764" s="11"/>
      <c r="B2764" s="20"/>
      <c r="C2764" s="2" t="s">
        <v>8745</v>
      </c>
      <c r="D2764" s="14" t="s">
        <v>8746</v>
      </c>
      <c r="E2764" s="2" t="s">
        <v>8747</v>
      </c>
      <c r="F2764" s="2" t="s">
        <v>7535</v>
      </c>
      <c r="G2764" s="8">
        <v>118</v>
      </c>
      <c r="H2764" s="5">
        <v>6</v>
      </c>
      <c r="I2764" s="5" t="s">
        <v>1518</v>
      </c>
      <c r="J2764" s="5" t="s">
        <v>1519</v>
      </c>
      <c r="K2764" s="2" t="s">
        <v>1520</v>
      </c>
      <c r="L2764" s="5" t="s">
        <v>1519</v>
      </c>
      <c r="M2764" s="2" t="s">
        <v>1520</v>
      </c>
      <c r="N2764" s="5" t="s">
        <v>1521</v>
      </c>
      <c r="O2764" s="5" t="s">
        <v>38</v>
      </c>
      <c r="P2764" s="5" t="s">
        <v>39</v>
      </c>
      <c r="Q2764" s="5" t="s">
        <v>40</v>
      </c>
      <c r="R2764" s="5" t="s">
        <v>1522</v>
      </c>
      <c r="S2764" s="5" t="s">
        <v>1523</v>
      </c>
      <c r="T2764" s="5" t="s">
        <v>42</v>
      </c>
      <c r="U2764" s="2">
        <v>1.669</v>
      </c>
      <c r="V2764" s="2">
        <v>1.3089999999999999</v>
      </c>
      <c r="W2764" s="2">
        <v>0.01</v>
      </c>
      <c r="X2764" s="2">
        <v>118.9</v>
      </c>
      <c r="Y2764" s="2">
        <v>7.6</v>
      </c>
      <c r="Z2764" s="2">
        <v>10.6</v>
      </c>
      <c r="AA2764" s="5"/>
      <c r="AB2764" s="5" t="s">
        <v>43</v>
      </c>
      <c r="AC2764" s="5" t="s">
        <v>44</v>
      </c>
      <c r="AD2764" s="2"/>
      <c r="AE2764" s="1"/>
    </row>
    <row r="2765" spans="1:31" ht="14.45">
      <c r="A2765" s="11"/>
      <c r="B2765" s="20"/>
      <c r="C2765" s="2" t="s">
        <v>8748</v>
      </c>
      <c r="D2765" s="14" t="s">
        <v>8749</v>
      </c>
      <c r="E2765" s="2" t="s">
        <v>8750</v>
      </c>
      <c r="F2765" s="2" t="s">
        <v>7539</v>
      </c>
      <c r="G2765" s="8">
        <v>118</v>
      </c>
      <c r="H2765" s="5">
        <v>6</v>
      </c>
      <c r="I2765" s="5" t="s">
        <v>1518</v>
      </c>
      <c r="J2765" s="5" t="s">
        <v>1519</v>
      </c>
      <c r="K2765" s="2" t="s">
        <v>1520</v>
      </c>
      <c r="L2765" s="5" t="s">
        <v>1519</v>
      </c>
      <c r="M2765" s="2" t="s">
        <v>1520</v>
      </c>
      <c r="N2765" s="5" t="s">
        <v>1521</v>
      </c>
      <c r="O2765" s="5" t="s">
        <v>38</v>
      </c>
      <c r="P2765" s="5" t="s">
        <v>39</v>
      </c>
      <c r="Q2765" s="5" t="s">
        <v>40</v>
      </c>
      <c r="R2765" s="5" t="s">
        <v>1522</v>
      </c>
      <c r="S2765" s="5" t="s">
        <v>1523</v>
      </c>
      <c r="T2765" s="5" t="s">
        <v>42</v>
      </c>
      <c r="U2765" s="2">
        <v>1.647</v>
      </c>
      <c r="V2765" s="2">
        <v>1.2869999999999999</v>
      </c>
      <c r="W2765" s="2">
        <v>0.01</v>
      </c>
      <c r="X2765" s="2">
        <v>118.9</v>
      </c>
      <c r="Y2765" s="2">
        <v>7.6</v>
      </c>
      <c r="Z2765" s="2">
        <v>10.6</v>
      </c>
      <c r="AA2765" s="5"/>
      <c r="AB2765" s="5" t="s">
        <v>43</v>
      </c>
      <c r="AC2765" s="5" t="s">
        <v>44</v>
      </c>
      <c r="AD2765" s="2"/>
      <c r="AE2765" s="1"/>
    </row>
    <row r="2766" spans="1:31" ht="14.45">
      <c r="A2766" s="11"/>
      <c r="B2766" s="20"/>
      <c r="C2766" s="2" t="s">
        <v>8751</v>
      </c>
      <c r="D2766" s="14" t="s">
        <v>8752</v>
      </c>
      <c r="E2766" s="2" t="s">
        <v>8753</v>
      </c>
      <c r="F2766" s="2" t="s">
        <v>7543</v>
      </c>
      <c r="G2766" s="8">
        <v>118</v>
      </c>
      <c r="H2766" s="5">
        <v>6</v>
      </c>
      <c r="I2766" s="5" t="s">
        <v>1518</v>
      </c>
      <c r="J2766" s="5" t="s">
        <v>1519</v>
      </c>
      <c r="K2766" s="2" t="s">
        <v>1520</v>
      </c>
      <c r="L2766" s="5" t="s">
        <v>1519</v>
      </c>
      <c r="M2766" s="2" t="s">
        <v>1520</v>
      </c>
      <c r="N2766" s="5" t="s">
        <v>1521</v>
      </c>
      <c r="O2766" s="5" t="s">
        <v>38</v>
      </c>
      <c r="P2766" s="5" t="s">
        <v>39</v>
      </c>
      <c r="Q2766" s="5" t="s">
        <v>40</v>
      </c>
      <c r="R2766" s="5" t="s">
        <v>1522</v>
      </c>
      <c r="S2766" s="5" t="s">
        <v>1523</v>
      </c>
      <c r="T2766" s="5" t="s">
        <v>42</v>
      </c>
      <c r="U2766" s="2">
        <v>1.6870000000000001</v>
      </c>
      <c r="V2766" s="2">
        <v>1.327</v>
      </c>
      <c r="W2766" s="2">
        <v>0.01</v>
      </c>
      <c r="X2766" s="2">
        <v>118.9</v>
      </c>
      <c r="Y2766" s="2">
        <v>7.6</v>
      </c>
      <c r="Z2766" s="2">
        <v>10.6</v>
      </c>
      <c r="AA2766" s="5"/>
      <c r="AB2766" s="5" t="s">
        <v>43</v>
      </c>
      <c r="AC2766" s="5" t="s">
        <v>44</v>
      </c>
      <c r="AD2766" s="2"/>
      <c r="AE2766" s="1"/>
    </row>
    <row r="2767" spans="1:31" ht="14.45">
      <c r="A2767" s="11"/>
      <c r="B2767" s="20"/>
      <c r="C2767" s="2" t="s">
        <v>8754</v>
      </c>
      <c r="D2767" s="14" t="s">
        <v>8755</v>
      </c>
      <c r="E2767" s="2" t="s">
        <v>8756</v>
      </c>
      <c r="F2767" s="2" t="s">
        <v>7547</v>
      </c>
      <c r="G2767" s="8">
        <v>118</v>
      </c>
      <c r="H2767" s="5">
        <v>6</v>
      </c>
      <c r="I2767" s="5" t="s">
        <v>1518</v>
      </c>
      <c r="J2767" s="5" t="s">
        <v>1519</v>
      </c>
      <c r="K2767" s="2" t="s">
        <v>1520</v>
      </c>
      <c r="L2767" s="5" t="s">
        <v>1519</v>
      </c>
      <c r="M2767" s="2" t="s">
        <v>1520</v>
      </c>
      <c r="N2767" s="5" t="s">
        <v>1521</v>
      </c>
      <c r="O2767" s="5" t="s">
        <v>38</v>
      </c>
      <c r="P2767" s="5" t="s">
        <v>39</v>
      </c>
      <c r="Q2767" s="5" t="s">
        <v>40</v>
      </c>
      <c r="R2767" s="5" t="s">
        <v>1522</v>
      </c>
      <c r="S2767" s="5" t="s">
        <v>1523</v>
      </c>
      <c r="T2767" s="5" t="s">
        <v>42</v>
      </c>
      <c r="U2767" s="2">
        <v>1.629</v>
      </c>
      <c r="V2767" s="2">
        <v>1.2689999999999999</v>
      </c>
      <c r="W2767" s="2">
        <v>0.01</v>
      </c>
      <c r="X2767" s="2">
        <v>118.9</v>
      </c>
      <c r="Y2767" s="2">
        <v>7.6</v>
      </c>
      <c r="Z2767" s="2">
        <v>10.6</v>
      </c>
      <c r="AA2767" s="5"/>
      <c r="AB2767" s="5" t="s">
        <v>43</v>
      </c>
      <c r="AC2767" s="5" t="s">
        <v>44</v>
      </c>
      <c r="AD2767" s="2"/>
      <c r="AE2767" s="1"/>
    </row>
    <row r="2768" spans="1:31" ht="14.45">
      <c r="A2768" s="11"/>
      <c r="B2768" s="20"/>
      <c r="C2768" s="2" t="s">
        <v>8757</v>
      </c>
      <c r="D2768" s="14" t="s">
        <v>8758</v>
      </c>
      <c r="E2768" s="2" t="s">
        <v>8759</v>
      </c>
      <c r="F2768" s="2" t="s">
        <v>7551</v>
      </c>
      <c r="G2768" s="8">
        <v>118</v>
      </c>
      <c r="H2768" s="5">
        <v>6</v>
      </c>
      <c r="I2768" s="5" t="s">
        <v>1518</v>
      </c>
      <c r="J2768" s="5" t="s">
        <v>1519</v>
      </c>
      <c r="K2768" s="2" t="s">
        <v>1520</v>
      </c>
      <c r="L2768" s="5" t="s">
        <v>1519</v>
      </c>
      <c r="M2768" s="2" t="s">
        <v>1520</v>
      </c>
      <c r="N2768" s="5" t="s">
        <v>1521</v>
      </c>
      <c r="O2768" s="5" t="s">
        <v>38</v>
      </c>
      <c r="P2768" s="5" t="s">
        <v>39</v>
      </c>
      <c r="Q2768" s="5" t="s">
        <v>40</v>
      </c>
      <c r="R2768" s="5" t="s">
        <v>1522</v>
      </c>
      <c r="S2768" s="5" t="s">
        <v>1523</v>
      </c>
      <c r="T2768" s="5" t="s">
        <v>42</v>
      </c>
      <c r="U2768" s="2">
        <v>1.669</v>
      </c>
      <c r="V2768" s="2">
        <v>1.3089999999999999</v>
      </c>
      <c r="W2768" s="2">
        <v>0.01</v>
      </c>
      <c r="X2768" s="2">
        <v>118.9</v>
      </c>
      <c r="Y2768" s="2">
        <v>7.6</v>
      </c>
      <c r="Z2768" s="2">
        <v>10.6</v>
      </c>
      <c r="AA2768" s="5"/>
      <c r="AB2768" s="5" t="s">
        <v>43</v>
      </c>
      <c r="AC2768" s="5" t="s">
        <v>44</v>
      </c>
      <c r="AD2768" s="2"/>
      <c r="AE2768" s="1"/>
    </row>
    <row r="2769" spans="1:31" ht="14.45">
      <c r="A2769" s="11"/>
      <c r="B2769" s="20"/>
      <c r="C2769" s="2" t="s">
        <v>8760</v>
      </c>
      <c r="D2769" s="14" t="s">
        <v>8761</v>
      </c>
      <c r="E2769" s="2" t="s">
        <v>8762</v>
      </c>
      <c r="F2769" s="2" t="s">
        <v>7555</v>
      </c>
      <c r="G2769" s="8">
        <v>118</v>
      </c>
      <c r="H2769" s="5">
        <v>6</v>
      </c>
      <c r="I2769" s="5" t="s">
        <v>1518</v>
      </c>
      <c r="J2769" s="5" t="s">
        <v>1519</v>
      </c>
      <c r="K2769" s="2" t="s">
        <v>1520</v>
      </c>
      <c r="L2769" s="5" t="s">
        <v>1519</v>
      </c>
      <c r="M2769" s="2" t="s">
        <v>1520</v>
      </c>
      <c r="N2769" s="5" t="s">
        <v>1521</v>
      </c>
      <c r="O2769" s="5" t="s">
        <v>38</v>
      </c>
      <c r="P2769" s="5" t="s">
        <v>39</v>
      </c>
      <c r="Q2769" s="5" t="s">
        <v>40</v>
      </c>
      <c r="R2769" s="5" t="s">
        <v>1522</v>
      </c>
      <c r="S2769" s="5" t="s">
        <v>1523</v>
      </c>
      <c r="T2769" s="5" t="s">
        <v>42</v>
      </c>
      <c r="U2769" s="2">
        <v>1.629</v>
      </c>
      <c r="V2769" s="2">
        <v>1.2689999999999999</v>
      </c>
      <c r="W2769" s="2">
        <v>0.01</v>
      </c>
      <c r="X2769" s="2">
        <v>118.9</v>
      </c>
      <c r="Y2769" s="2">
        <v>7.6</v>
      </c>
      <c r="Z2769" s="2">
        <v>10.6</v>
      </c>
      <c r="AA2769" s="5"/>
      <c r="AB2769" s="5" t="s">
        <v>43</v>
      </c>
      <c r="AC2769" s="5" t="s">
        <v>44</v>
      </c>
      <c r="AD2769" s="2"/>
      <c r="AE2769" s="1"/>
    </row>
    <row r="2770" spans="1:31" ht="14.45">
      <c r="A2770" s="11"/>
      <c r="B2770" s="20"/>
      <c r="C2770" s="2" t="s">
        <v>8763</v>
      </c>
      <c r="D2770" s="14" t="s">
        <v>8764</v>
      </c>
      <c r="E2770" s="2" t="s">
        <v>8765</v>
      </c>
      <c r="F2770" s="2" t="s">
        <v>7559</v>
      </c>
      <c r="G2770" s="8">
        <v>118</v>
      </c>
      <c r="H2770" s="5">
        <v>6</v>
      </c>
      <c r="I2770" s="5" t="s">
        <v>1518</v>
      </c>
      <c r="J2770" s="5" t="s">
        <v>1519</v>
      </c>
      <c r="K2770" s="2" t="s">
        <v>1520</v>
      </c>
      <c r="L2770" s="5" t="s">
        <v>1519</v>
      </c>
      <c r="M2770" s="2" t="s">
        <v>1520</v>
      </c>
      <c r="N2770" s="5" t="s">
        <v>1521</v>
      </c>
      <c r="O2770" s="5" t="s">
        <v>38</v>
      </c>
      <c r="P2770" s="5" t="s">
        <v>39</v>
      </c>
      <c r="Q2770" s="5" t="s">
        <v>40</v>
      </c>
      <c r="R2770" s="5" t="s">
        <v>1522</v>
      </c>
      <c r="S2770" s="5" t="s">
        <v>1523</v>
      </c>
      <c r="T2770" s="5" t="s">
        <v>42</v>
      </c>
      <c r="U2770" s="2">
        <v>1.669</v>
      </c>
      <c r="V2770" s="2">
        <v>1.3089999999999999</v>
      </c>
      <c r="W2770" s="2">
        <v>0.01</v>
      </c>
      <c r="X2770" s="2">
        <v>118.9</v>
      </c>
      <c r="Y2770" s="2">
        <v>7.6</v>
      </c>
      <c r="Z2770" s="2">
        <v>10.6</v>
      </c>
      <c r="AA2770" s="5"/>
      <c r="AB2770" s="5" t="s">
        <v>43</v>
      </c>
      <c r="AC2770" s="5" t="s">
        <v>44</v>
      </c>
      <c r="AD2770" s="2"/>
      <c r="AE2770" s="1"/>
    </row>
    <row r="2771" spans="1:31" ht="14.45">
      <c r="A2771" s="11"/>
      <c r="B2771" s="20"/>
      <c r="C2771" s="2" t="s">
        <v>8766</v>
      </c>
      <c r="D2771" s="14" t="s">
        <v>8767</v>
      </c>
      <c r="E2771" s="2" t="s">
        <v>8768</v>
      </c>
      <c r="F2771" s="2" t="s">
        <v>7563</v>
      </c>
      <c r="G2771" s="8">
        <v>118</v>
      </c>
      <c r="H2771" s="5">
        <v>6</v>
      </c>
      <c r="I2771" s="5" t="s">
        <v>1518</v>
      </c>
      <c r="J2771" s="5" t="s">
        <v>1519</v>
      </c>
      <c r="K2771" s="2" t="s">
        <v>1520</v>
      </c>
      <c r="L2771" s="5" t="s">
        <v>1519</v>
      </c>
      <c r="M2771" s="2" t="s">
        <v>1520</v>
      </c>
      <c r="N2771" s="5" t="s">
        <v>1521</v>
      </c>
      <c r="O2771" s="5" t="s">
        <v>38</v>
      </c>
      <c r="P2771" s="5" t="s">
        <v>39</v>
      </c>
      <c r="Q2771" s="5" t="s">
        <v>40</v>
      </c>
      <c r="R2771" s="5" t="s">
        <v>1522</v>
      </c>
      <c r="S2771" s="5" t="s">
        <v>1523</v>
      </c>
      <c r="T2771" s="5" t="s">
        <v>42</v>
      </c>
      <c r="U2771" s="2">
        <v>1.647</v>
      </c>
      <c r="V2771" s="2">
        <v>1.2869999999999999</v>
      </c>
      <c r="W2771" s="2">
        <v>0.01</v>
      </c>
      <c r="X2771" s="2">
        <v>118.9</v>
      </c>
      <c r="Y2771" s="2">
        <v>7.6</v>
      </c>
      <c r="Z2771" s="2">
        <v>10.6</v>
      </c>
      <c r="AA2771" s="5"/>
      <c r="AB2771" s="5" t="s">
        <v>43</v>
      </c>
      <c r="AC2771" s="5" t="s">
        <v>44</v>
      </c>
      <c r="AD2771" s="2"/>
      <c r="AE2771" s="1"/>
    </row>
    <row r="2772" spans="1:31" ht="14.45">
      <c r="A2772" s="11"/>
      <c r="B2772" s="20"/>
      <c r="C2772" s="2" t="s">
        <v>8769</v>
      </c>
      <c r="D2772" s="14" t="s">
        <v>8770</v>
      </c>
      <c r="E2772" s="2" t="s">
        <v>8771</v>
      </c>
      <c r="F2772" s="2" t="s">
        <v>7567</v>
      </c>
      <c r="G2772" s="8">
        <v>118</v>
      </c>
      <c r="H2772" s="5">
        <v>6</v>
      </c>
      <c r="I2772" s="5" t="s">
        <v>1518</v>
      </c>
      <c r="J2772" s="5" t="s">
        <v>1519</v>
      </c>
      <c r="K2772" s="2" t="s">
        <v>1520</v>
      </c>
      <c r="L2772" s="5" t="s">
        <v>1519</v>
      </c>
      <c r="M2772" s="2" t="s">
        <v>1520</v>
      </c>
      <c r="N2772" s="5" t="s">
        <v>1521</v>
      </c>
      <c r="O2772" s="5" t="s">
        <v>38</v>
      </c>
      <c r="P2772" s="5" t="s">
        <v>39</v>
      </c>
      <c r="Q2772" s="5" t="s">
        <v>40</v>
      </c>
      <c r="R2772" s="5" t="s">
        <v>1522</v>
      </c>
      <c r="S2772" s="5" t="s">
        <v>1523</v>
      </c>
      <c r="T2772" s="5" t="s">
        <v>42</v>
      </c>
      <c r="U2772" s="2">
        <v>1.6870000000000001</v>
      </c>
      <c r="V2772" s="2">
        <v>1.327</v>
      </c>
      <c r="W2772" s="2">
        <v>0.01</v>
      </c>
      <c r="X2772" s="2">
        <v>118.9</v>
      </c>
      <c r="Y2772" s="2">
        <v>7.6</v>
      </c>
      <c r="Z2772" s="2">
        <v>10.6</v>
      </c>
      <c r="AA2772" s="5"/>
      <c r="AB2772" s="5" t="s">
        <v>43</v>
      </c>
      <c r="AC2772" s="5" t="s">
        <v>44</v>
      </c>
      <c r="AD2772" s="2"/>
      <c r="AE2772" s="1"/>
    </row>
    <row r="2773" spans="1:31" ht="14.45">
      <c r="A2773" s="11"/>
      <c r="B2773" s="20"/>
      <c r="C2773" s="2" t="s">
        <v>8772</v>
      </c>
      <c r="D2773" s="14" t="s">
        <v>8773</v>
      </c>
      <c r="E2773" s="2" t="s">
        <v>8774</v>
      </c>
      <c r="F2773" s="2" t="s">
        <v>7429</v>
      </c>
      <c r="G2773" s="8">
        <v>118</v>
      </c>
      <c r="H2773" s="5">
        <v>6</v>
      </c>
      <c r="I2773" s="5" t="s">
        <v>1518</v>
      </c>
      <c r="J2773" s="5" t="s">
        <v>1519</v>
      </c>
      <c r="K2773" s="2" t="s">
        <v>1520</v>
      </c>
      <c r="L2773" s="5" t="s">
        <v>1519</v>
      </c>
      <c r="M2773" s="2" t="s">
        <v>1520</v>
      </c>
      <c r="N2773" s="5" t="s">
        <v>1521</v>
      </c>
      <c r="O2773" s="5" t="s">
        <v>38</v>
      </c>
      <c r="P2773" s="5" t="s">
        <v>39</v>
      </c>
      <c r="Q2773" s="5" t="s">
        <v>40</v>
      </c>
      <c r="R2773" s="5" t="s">
        <v>1522</v>
      </c>
      <c r="S2773" s="5" t="s">
        <v>1523</v>
      </c>
      <c r="T2773" s="5" t="s">
        <v>42</v>
      </c>
      <c r="U2773" s="2">
        <v>1.647</v>
      </c>
      <c r="V2773" s="2">
        <v>1.2869999999999999</v>
      </c>
      <c r="W2773" s="2">
        <v>0.01</v>
      </c>
      <c r="X2773" s="2">
        <v>118.9</v>
      </c>
      <c r="Y2773" s="2">
        <v>7.6</v>
      </c>
      <c r="Z2773" s="2">
        <v>10.6</v>
      </c>
      <c r="AA2773" s="5"/>
      <c r="AB2773" s="5" t="s">
        <v>43</v>
      </c>
      <c r="AC2773" s="5" t="s">
        <v>44</v>
      </c>
      <c r="AD2773" s="2"/>
      <c r="AE2773" s="1"/>
    </row>
    <row r="2774" spans="1:31" ht="14.45">
      <c r="A2774" s="11"/>
      <c r="B2774" s="20"/>
      <c r="C2774" s="2" t="s">
        <v>8775</v>
      </c>
      <c r="D2774" s="14" t="s">
        <v>8776</v>
      </c>
      <c r="E2774" s="2" t="s">
        <v>8777</v>
      </c>
      <c r="F2774" s="2" t="s">
        <v>7574</v>
      </c>
      <c r="G2774" s="8">
        <v>118</v>
      </c>
      <c r="H2774" s="5">
        <v>6</v>
      </c>
      <c r="I2774" s="5" t="s">
        <v>1518</v>
      </c>
      <c r="J2774" s="5" t="s">
        <v>1519</v>
      </c>
      <c r="K2774" s="2" t="s">
        <v>1520</v>
      </c>
      <c r="L2774" s="5" t="s">
        <v>1519</v>
      </c>
      <c r="M2774" s="2" t="s">
        <v>1520</v>
      </c>
      <c r="N2774" s="5" t="s">
        <v>1521</v>
      </c>
      <c r="O2774" s="5" t="s">
        <v>38</v>
      </c>
      <c r="P2774" s="5" t="s">
        <v>39</v>
      </c>
      <c r="Q2774" s="5" t="s">
        <v>40</v>
      </c>
      <c r="R2774" s="5" t="s">
        <v>1522</v>
      </c>
      <c r="S2774" s="5" t="s">
        <v>1523</v>
      </c>
      <c r="T2774" s="5" t="s">
        <v>42</v>
      </c>
      <c r="U2774" s="2">
        <v>1.6870000000000001</v>
      </c>
      <c r="V2774" s="2">
        <v>1.327</v>
      </c>
      <c r="W2774" s="2">
        <v>0.01</v>
      </c>
      <c r="X2774" s="2">
        <v>118.9</v>
      </c>
      <c r="Y2774" s="2">
        <v>7.6</v>
      </c>
      <c r="Z2774" s="2">
        <v>10.6</v>
      </c>
      <c r="AA2774" s="5"/>
      <c r="AB2774" s="5" t="s">
        <v>43</v>
      </c>
      <c r="AC2774" s="5" t="s">
        <v>44</v>
      </c>
      <c r="AD2774" s="2"/>
      <c r="AE2774" s="1"/>
    </row>
    <row r="2775" spans="1:31" ht="14.45">
      <c r="A2775" s="11"/>
      <c r="B2775" s="20"/>
      <c r="C2775" s="2" t="s">
        <v>8778</v>
      </c>
      <c r="D2775" s="14" t="s">
        <v>8779</v>
      </c>
      <c r="E2775" s="2" t="s">
        <v>8780</v>
      </c>
      <c r="F2775" s="2" t="s">
        <v>7449</v>
      </c>
      <c r="G2775" s="8">
        <v>118</v>
      </c>
      <c r="H2775" s="5">
        <v>6</v>
      </c>
      <c r="I2775" s="5" t="s">
        <v>1518</v>
      </c>
      <c r="J2775" s="5" t="s">
        <v>1519</v>
      </c>
      <c r="K2775" s="2" t="s">
        <v>1520</v>
      </c>
      <c r="L2775" s="5" t="s">
        <v>1519</v>
      </c>
      <c r="M2775" s="2" t="s">
        <v>1520</v>
      </c>
      <c r="N2775" s="5" t="s">
        <v>1521</v>
      </c>
      <c r="O2775" s="5" t="s">
        <v>38</v>
      </c>
      <c r="P2775" s="5" t="s">
        <v>39</v>
      </c>
      <c r="Q2775" s="5" t="s">
        <v>40</v>
      </c>
      <c r="R2775" s="5" t="s">
        <v>1522</v>
      </c>
      <c r="S2775" s="5" t="s">
        <v>1523</v>
      </c>
      <c r="T2775" s="5" t="s">
        <v>42</v>
      </c>
      <c r="U2775" s="2">
        <v>1.647</v>
      </c>
      <c r="V2775" s="2">
        <v>1.2869999999999999</v>
      </c>
      <c r="W2775" s="2">
        <v>0.01</v>
      </c>
      <c r="X2775" s="2">
        <v>118.9</v>
      </c>
      <c r="Y2775" s="2">
        <v>7.6</v>
      </c>
      <c r="Z2775" s="2">
        <v>10.6</v>
      </c>
      <c r="AA2775" s="5"/>
      <c r="AB2775" s="5" t="s">
        <v>43</v>
      </c>
      <c r="AC2775" s="5" t="s">
        <v>44</v>
      </c>
      <c r="AD2775" s="2"/>
      <c r="AE2775" s="1"/>
    </row>
    <row r="2776" spans="1:31" ht="14.45">
      <c r="A2776" s="11"/>
      <c r="B2776" s="20"/>
      <c r="C2776" s="2" t="s">
        <v>8781</v>
      </c>
      <c r="D2776" s="14" t="s">
        <v>8782</v>
      </c>
      <c r="E2776" s="2" t="s">
        <v>8783</v>
      </c>
      <c r="F2776" s="2" t="s">
        <v>7581</v>
      </c>
      <c r="G2776" s="8">
        <v>118</v>
      </c>
      <c r="H2776" s="5">
        <v>6</v>
      </c>
      <c r="I2776" s="5" t="s">
        <v>1518</v>
      </c>
      <c r="J2776" s="5" t="s">
        <v>1519</v>
      </c>
      <c r="K2776" s="2" t="s">
        <v>1520</v>
      </c>
      <c r="L2776" s="5" t="s">
        <v>1519</v>
      </c>
      <c r="M2776" s="2" t="s">
        <v>1520</v>
      </c>
      <c r="N2776" s="5" t="s">
        <v>1521</v>
      </c>
      <c r="O2776" s="5" t="s">
        <v>38</v>
      </c>
      <c r="P2776" s="5" t="s">
        <v>39</v>
      </c>
      <c r="Q2776" s="5" t="s">
        <v>40</v>
      </c>
      <c r="R2776" s="5" t="s">
        <v>1522</v>
      </c>
      <c r="S2776" s="5" t="s">
        <v>1523</v>
      </c>
      <c r="T2776" s="5" t="s">
        <v>42</v>
      </c>
      <c r="U2776" s="2">
        <v>1.6870000000000001</v>
      </c>
      <c r="V2776" s="2">
        <v>1.327</v>
      </c>
      <c r="W2776" s="2">
        <v>0.01</v>
      </c>
      <c r="X2776" s="2">
        <v>118.9</v>
      </c>
      <c r="Y2776" s="2">
        <v>7.6</v>
      </c>
      <c r="Z2776" s="2">
        <v>10.6</v>
      </c>
      <c r="AA2776" s="5"/>
      <c r="AB2776" s="5" t="s">
        <v>43</v>
      </c>
      <c r="AC2776" s="5" t="s">
        <v>44</v>
      </c>
      <c r="AD2776" s="2"/>
      <c r="AE2776" s="1"/>
    </row>
    <row r="2777" spans="1:31" ht="14.45">
      <c r="A2777" s="11"/>
      <c r="B2777" s="20"/>
      <c r="C2777" s="2" t="s">
        <v>8784</v>
      </c>
      <c r="D2777" s="14" t="s">
        <v>8785</v>
      </c>
      <c r="E2777" s="2" t="s">
        <v>8786</v>
      </c>
      <c r="F2777" s="2" t="s">
        <v>7585</v>
      </c>
      <c r="G2777" s="8">
        <v>118</v>
      </c>
      <c r="H2777" s="5">
        <v>6</v>
      </c>
      <c r="I2777" s="5" t="s">
        <v>1518</v>
      </c>
      <c r="J2777" s="5" t="s">
        <v>1519</v>
      </c>
      <c r="K2777" s="2" t="s">
        <v>1520</v>
      </c>
      <c r="L2777" s="5" t="s">
        <v>1519</v>
      </c>
      <c r="M2777" s="2" t="s">
        <v>1520</v>
      </c>
      <c r="N2777" s="5" t="s">
        <v>1521</v>
      </c>
      <c r="O2777" s="5" t="s">
        <v>38</v>
      </c>
      <c r="P2777" s="5" t="s">
        <v>39</v>
      </c>
      <c r="Q2777" s="5" t="s">
        <v>40</v>
      </c>
      <c r="R2777" s="5" t="s">
        <v>1522</v>
      </c>
      <c r="S2777" s="5" t="s">
        <v>1523</v>
      </c>
      <c r="T2777" s="5" t="s">
        <v>42</v>
      </c>
      <c r="U2777" s="2">
        <v>1.629</v>
      </c>
      <c r="V2777" s="2">
        <v>1.2689999999999999</v>
      </c>
      <c r="W2777" s="2">
        <v>0.01</v>
      </c>
      <c r="X2777" s="2">
        <v>118.9</v>
      </c>
      <c r="Y2777" s="2">
        <v>7.6</v>
      </c>
      <c r="Z2777" s="2">
        <v>10.6</v>
      </c>
      <c r="AA2777" s="5"/>
      <c r="AB2777" s="5" t="s">
        <v>43</v>
      </c>
      <c r="AC2777" s="5" t="s">
        <v>44</v>
      </c>
      <c r="AD2777" s="2"/>
      <c r="AE2777" s="1"/>
    </row>
    <row r="2778" spans="1:31" ht="14.45">
      <c r="A2778" s="11"/>
      <c r="B2778" s="20"/>
      <c r="C2778" s="2" t="s">
        <v>8787</v>
      </c>
      <c r="D2778" s="14" t="s">
        <v>8788</v>
      </c>
      <c r="E2778" s="2" t="s">
        <v>8789</v>
      </c>
      <c r="F2778" s="2" t="s">
        <v>7589</v>
      </c>
      <c r="G2778" s="8">
        <v>118</v>
      </c>
      <c r="H2778" s="5">
        <v>6</v>
      </c>
      <c r="I2778" s="5" t="s">
        <v>1518</v>
      </c>
      <c r="J2778" s="5" t="s">
        <v>1519</v>
      </c>
      <c r="K2778" s="2" t="s">
        <v>1520</v>
      </c>
      <c r="L2778" s="5" t="s">
        <v>1519</v>
      </c>
      <c r="M2778" s="2" t="s">
        <v>1520</v>
      </c>
      <c r="N2778" s="5" t="s">
        <v>1521</v>
      </c>
      <c r="O2778" s="5" t="s">
        <v>38</v>
      </c>
      <c r="P2778" s="5" t="s">
        <v>39</v>
      </c>
      <c r="Q2778" s="5" t="s">
        <v>40</v>
      </c>
      <c r="R2778" s="5" t="s">
        <v>1522</v>
      </c>
      <c r="S2778" s="5" t="s">
        <v>1523</v>
      </c>
      <c r="T2778" s="5" t="s">
        <v>42</v>
      </c>
      <c r="U2778" s="2">
        <v>1.669</v>
      </c>
      <c r="V2778" s="2">
        <v>1.3089999999999999</v>
      </c>
      <c r="W2778" s="2">
        <v>0.01</v>
      </c>
      <c r="X2778" s="2">
        <v>118.9</v>
      </c>
      <c r="Y2778" s="2">
        <v>7.6</v>
      </c>
      <c r="Z2778" s="2">
        <v>10.6</v>
      </c>
      <c r="AA2778" s="5"/>
      <c r="AB2778" s="5" t="s">
        <v>43</v>
      </c>
      <c r="AC2778" s="5" t="s">
        <v>44</v>
      </c>
      <c r="AD2778" s="2"/>
      <c r="AE2778" s="1"/>
    </row>
    <row r="2779" spans="1:31" ht="14.45">
      <c r="A2779" s="11"/>
      <c r="B2779" s="20"/>
      <c r="C2779" s="2" t="s">
        <v>8790</v>
      </c>
      <c r="D2779" s="14" t="s">
        <v>8791</v>
      </c>
      <c r="E2779" s="2" t="s">
        <v>8792</v>
      </c>
      <c r="F2779" s="2" t="s">
        <v>7593</v>
      </c>
      <c r="G2779" s="8">
        <v>118</v>
      </c>
      <c r="H2779" s="5">
        <v>6</v>
      </c>
      <c r="I2779" s="5" t="s">
        <v>1518</v>
      </c>
      <c r="J2779" s="5" t="s">
        <v>1519</v>
      </c>
      <c r="K2779" s="2" t="s">
        <v>1520</v>
      </c>
      <c r="L2779" s="5" t="s">
        <v>1519</v>
      </c>
      <c r="M2779" s="2" t="s">
        <v>1520</v>
      </c>
      <c r="N2779" s="5" t="s">
        <v>1521</v>
      </c>
      <c r="O2779" s="5" t="s">
        <v>38</v>
      </c>
      <c r="P2779" s="5" t="s">
        <v>39</v>
      </c>
      <c r="Q2779" s="5" t="s">
        <v>40</v>
      </c>
      <c r="R2779" s="5" t="s">
        <v>1522</v>
      </c>
      <c r="S2779" s="5" t="s">
        <v>1523</v>
      </c>
      <c r="T2779" s="5" t="s">
        <v>42</v>
      </c>
      <c r="U2779" s="2">
        <v>1.647</v>
      </c>
      <c r="V2779" s="2">
        <v>1.2869999999999999</v>
      </c>
      <c r="W2779" s="2">
        <v>0.01</v>
      </c>
      <c r="X2779" s="2">
        <v>118.9</v>
      </c>
      <c r="Y2779" s="2">
        <v>7.6</v>
      </c>
      <c r="Z2779" s="2">
        <v>10.6</v>
      </c>
      <c r="AA2779" s="5"/>
      <c r="AB2779" s="5" t="s">
        <v>43</v>
      </c>
      <c r="AC2779" s="5" t="s">
        <v>44</v>
      </c>
      <c r="AD2779" s="2"/>
      <c r="AE2779" s="1"/>
    </row>
    <row r="2780" spans="1:31" ht="14.45">
      <c r="A2780" s="11"/>
      <c r="B2780" s="20"/>
      <c r="C2780" s="2" t="s">
        <v>8793</v>
      </c>
      <c r="D2780" s="14" t="s">
        <v>8794</v>
      </c>
      <c r="E2780" s="2" t="s">
        <v>8795</v>
      </c>
      <c r="F2780" s="2" t="s">
        <v>7597</v>
      </c>
      <c r="G2780" s="8">
        <v>118</v>
      </c>
      <c r="H2780" s="5">
        <v>6</v>
      </c>
      <c r="I2780" s="5" t="s">
        <v>1518</v>
      </c>
      <c r="J2780" s="5" t="s">
        <v>1519</v>
      </c>
      <c r="K2780" s="2" t="s">
        <v>1520</v>
      </c>
      <c r="L2780" s="5" t="s">
        <v>1519</v>
      </c>
      <c r="M2780" s="2" t="s">
        <v>1520</v>
      </c>
      <c r="N2780" s="5" t="s">
        <v>1521</v>
      </c>
      <c r="O2780" s="5" t="s">
        <v>38</v>
      </c>
      <c r="P2780" s="5" t="s">
        <v>39</v>
      </c>
      <c r="Q2780" s="5" t="s">
        <v>40</v>
      </c>
      <c r="R2780" s="5" t="s">
        <v>1522</v>
      </c>
      <c r="S2780" s="5" t="s">
        <v>1523</v>
      </c>
      <c r="T2780" s="5" t="s">
        <v>42</v>
      </c>
      <c r="U2780" s="2">
        <v>1.6870000000000001</v>
      </c>
      <c r="V2780" s="2">
        <v>1.327</v>
      </c>
      <c r="W2780" s="2">
        <v>0.01</v>
      </c>
      <c r="X2780" s="2">
        <v>118.9</v>
      </c>
      <c r="Y2780" s="2">
        <v>7.6</v>
      </c>
      <c r="Z2780" s="2">
        <v>10.6</v>
      </c>
      <c r="AA2780" s="5"/>
      <c r="AB2780" s="5" t="s">
        <v>43</v>
      </c>
      <c r="AC2780" s="5" t="s">
        <v>44</v>
      </c>
      <c r="AD2780" s="2"/>
      <c r="AE2780" s="1"/>
    </row>
    <row r="2781" spans="1:31" ht="14.45">
      <c r="A2781" s="11"/>
      <c r="B2781" s="20"/>
      <c r="C2781" s="2" t="s">
        <v>8796</v>
      </c>
      <c r="D2781" s="14" t="s">
        <v>8797</v>
      </c>
      <c r="E2781" s="2" t="s">
        <v>8798</v>
      </c>
      <c r="F2781" s="2" t="s">
        <v>7410</v>
      </c>
      <c r="G2781" s="8">
        <v>118</v>
      </c>
      <c r="H2781" s="5">
        <v>6</v>
      </c>
      <c r="I2781" s="5" t="s">
        <v>1518</v>
      </c>
      <c r="J2781" s="5" t="s">
        <v>1519</v>
      </c>
      <c r="K2781" s="2" t="s">
        <v>1520</v>
      </c>
      <c r="L2781" s="5" t="s">
        <v>1519</v>
      </c>
      <c r="M2781" s="2" t="s">
        <v>1520</v>
      </c>
      <c r="N2781" s="5" t="s">
        <v>1521</v>
      </c>
      <c r="O2781" s="5" t="s">
        <v>38</v>
      </c>
      <c r="P2781" s="5" t="s">
        <v>39</v>
      </c>
      <c r="Q2781" s="5" t="s">
        <v>40</v>
      </c>
      <c r="R2781" s="5" t="s">
        <v>1522</v>
      </c>
      <c r="S2781" s="5" t="s">
        <v>1523</v>
      </c>
      <c r="T2781" s="5" t="s">
        <v>42</v>
      </c>
      <c r="U2781" s="2">
        <v>1.647</v>
      </c>
      <c r="V2781" s="2">
        <v>1.2869999999999999</v>
      </c>
      <c r="W2781" s="2">
        <v>0.01</v>
      </c>
      <c r="X2781" s="2">
        <v>118.9</v>
      </c>
      <c r="Y2781" s="2">
        <v>7.6</v>
      </c>
      <c r="Z2781" s="2">
        <v>10.6</v>
      </c>
      <c r="AA2781" s="5"/>
      <c r="AB2781" s="5" t="s">
        <v>43</v>
      </c>
      <c r="AC2781" s="5" t="s">
        <v>44</v>
      </c>
      <c r="AD2781" s="2"/>
      <c r="AE2781" s="1"/>
    </row>
    <row r="2782" spans="1:31" ht="14.45">
      <c r="A2782" s="11"/>
      <c r="B2782" s="20"/>
      <c r="C2782" s="2" t="s">
        <v>8799</v>
      </c>
      <c r="D2782" s="14" t="s">
        <v>8800</v>
      </c>
      <c r="E2782" s="2" t="s">
        <v>8801</v>
      </c>
      <c r="F2782" s="2" t="s">
        <v>7604</v>
      </c>
      <c r="G2782" s="8">
        <v>118</v>
      </c>
      <c r="H2782" s="5">
        <v>6</v>
      </c>
      <c r="I2782" s="5" t="s">
        <v>1518</v>
      </c>
      <c r="J2782" s="5" t="s">
        <v>1519</v>
      </c>
      <c r="K2782" s="2" t="s">
        <v>1520</v>
      </c>
      <c r="L2782" s="5" t="s">
        <v>1519</v>
      </c>
      <c r="M2782" s="2" t="s">
        <v>1520</v>
      </c>
      <c r="N2782" s="5" t="s">
        <v>1521</v>
      </c>
      <c r="O2782" s="5" t="s">
        <v>38</v>
      </c>
      <c r="P2782" s="5" t="s">
        <v>39</v>
      </c>
      <c r="Q2782" s="5" t="s">
        <v>40</v>
      </c>
      <c r="R2782" s="5" t="s">
        <v>1522</v>
      </c>
      <c r="S2782" s="5" t="s">
        <v>1523</v>
      </c>
      <c r="T2782" s="5" t="s">
        <v>42</v>
      </c>
      <c r="U2782" s="2">
        <v>1.6870000000000001</v>
      </c>
      <c r="V2782" s="2">
        <v>1.327</v>
      </c>
      <c r="W2782" s="2">
        <v>0.01</v>
      </c>
      <c r="X2782" s="2">
        <v>118.9</v>
      </c>
      <c r="Y2782" s="2">
        <v>7.6</v>
      </c>
      <c r="Z2782" s="2">
        <v>10.6</v>
      </c>
      <c r="AA2782" s="5"/>
      <c r="AB2782" s="5" t="s">
        <v>43</v>
      </c>
      <c r="AC2782" s="5" t="s">
        <v>44</v>
      </c>
      <c r="AD2782" s="2"/>
      <c r="AE2782" s="1"/>
    </row>
    <row r="2783" spans="1:31" ht="14.45">
      <c r="A2783" s="11"/>
      <c r="B2783" s="20"/>
      <c r="C2783" s="2" t="s">
        <v>8802</v>
      </c>
      <c r="D2783" s="14" t="s">
        <v>8803</v>
      </c>
      <c r="E2783" s="2" t="s">
        <v>8804</v>
      </c>
      <c r="F2783" s="2" t="s">
        <v>7433</v>
      </c>
      <c r="G2783" s="8">
        <v>118</v>
      </c>
      <c r="H2783" s="5">
        <v>6</v>
      </c>
      <c r="I2783" s="5" t="s">
        <v>1518</v>
      </c>
      <c r="J2783" s="5" t="s">
        <v>1519</v>
      </c>
      <c r="K2783" s="2" t="s">
        <v>1520</v>
      </c>
      <c r="L2783" s="5" t="s">
        <v>1519</v>
      </c>
      <c r="M2783" s="2" t="s">
        <v>1520</v>
      </c>
      <c r="N2783" s="5" t="s">
        <v>1521</v>
      </c>
      <c r="O2783" s="5" t="s">
        <v>38</v>
      </c>
      <c r="P2783" s="5" t="s">
        <v>39</v>
      </c>
      <c r="Q2783" s="5" t="s">
        <v>40</v>
      </c>
      <c r="R2783" s="5" t="s">
        <v>1522</v>
      </c>
      <c r="S2783" s="5" t="s">
        <v>1523</v>
      </c>
      <c r="T2783" s="5" t="s">
        <v>42</v>
      </c>
      <c r="U2783" s="2">
        <v>1.647</v>
      </c>
      <c r="V2783" s="2">
        <v>1.2869999999999999</v>
      </c>
      <c r="W2783" s="2">
        <v>0.01</v>
      </c>
      <c r="X2783" s="2">
        <v>118.9</v>
      </c>
      <c r="Y2783" s="2">
        <v>7.6</v>
      </c>
      <c r="Z2783" s="2">
        <v>10.6</v>
      </c>
      <c r="AA2783" s="5"/>
      <c r="AB2783" s="5" t="s">
        <v>43</v>
      </c>
      <c r="AC2783" s="5" t="s">
        <v>44</v>
      </c>
      <c r="AD2783" s="2"/>
      <c r="AE2783" s="1"/>
    </row>
    <row r="2784" spans="1:31" ht="14.45">
      <c r="A2784" s="11"/>
      <c r="B2784" s="20"/>
      <c r="C2784" s="2" t="s">
        <v>8805</v>
      </c>
      <c r="D2784" s="14" t="s">
        <v>8806</v>
      </c>
      <c r="E2784" s="2" t="s">
        <v>8807</v>
      </c>
      <c r="F2784" s="2" t="s">
        <v>7611</v>
      </c>
      <c r="G2784" s="8">
        <v>118</v>
      </c>
      <c r="H2784" s="5">
        <v>6</v>
      </c>
      <c r="I2784" s="5" t="s">
        <v>1518</v>
      </c>
      <c r="J2784" s="5" t="s">
        <v>1519</v>
      </c>
      <c r="K2784" s="2" t="s">
        <v>1520</v>
      </c>
      <c r="L2784" s="5" t="s">
        <v>1519</v>
      </c>
      <c r="M2784" s="2" t="s">
        <v>1520</v>
      </c>
      <c r="N2784" s="5" t="s">
        <v>1521</v>
      </c>
      <c r="O2784" s="5" t="s">
        <v>38</v>
      </c>
      <c r="P2784" s="5" t="s">
        <v>39</v>
      </c>
      <c r="Q2784" s="5" t="s">
        <v>40</v>
      </c>
      <c r="R2784" s="5" t="s">
        <v>1522</v>
      </c>
      <c r="S2784" s="5" t="s">
        <v>1523</v>
      </c>
      <c r="T2784" s="5" t="s">
        <v>42</v>
      </c>
      <c r="U2784" s="2">
        <v>1.6870000000000001</v>
      </c>
      <c r="V2784" s="2">
        <v>1.327</v>
      </c>
      <c r="W2784" s="2">
        <v>0.01</v>
      </c>
      <c r="X2784" s="2">
        <v>118.9</v>
      </c>
      <c r="Y2784" s="2">
        <v>7.6</v>
      </c>
      <c r="Z2784" s="2">
        <v>10.6</v>
      </c>
      <c r="AA2784" s="5"/>
      <c r="AB2784" s="5" t="s">
        <v>43</v>
      </c>
      <c r="AC2784" s="5" t="s">
        <v>44</v>
      </c>
      <c r="AD2784" s="2"/>
      <c r="AE2784" s="1"/>
    </row>
    <row r="2785" spans="1:31" ht="14.45">
      <c r="A2785" s="11"/>
      <c r="B2785" s="20"/>
      <c r="C2785" s="2" t="s">
        <v>8808</v>
      </c>
      <c r="D2785" s="14" t="s">
        <v>8809</v>
      </c>
      <c r="E2785" s="2" t="s">
        <v>8810</v>
      </c>
      <c r="F2785" s="2" t="s">
        <v>7615</v>
      </c>
      <c r="G2785" s="8">
        <v>118</v>
      </c>
      <c r="H2785" s="5">
        <v>6</v>
      </c>
      <c r="I2785" s="5" t="s">
        <v>1518</v>
      </c>
      <c r="J2785" s="5" t="s">
        <v>1519</v>
      </c>
      <c r="K2785" s="2" t="s">
        <v>1520</v>
      </c>
      <c r="L2785" s="5" t="s">
        <v>1519</v>
      </c>
      <c r="M2785" s="2" t="s">
        <v>1520</v>
      </c>
      <c r="N2785" s="5" t="s">
        <v>1521</v>
      </c>
      <c r="O2785" s="5" t="s">
        <v>38</v>
      </c>
      <c r="P2785" s="5" t="s">
        <v>39</v>
      </c>
      <c r="Q2785" s="5" t="s">
        <v>40</v>
      </c>
      <c r="R2785" s="5" t="s">
        <v>1522</v>
      </c>
      <c r="S2785" s="5" t="s">
        <v>1523</v>
      </c>
      <c r="T2785" s="5" t="s">
        <v>42</v>
      </c>
      <c r="U2785" s="2">
        <v>1.629</v>
      </c>
      <c r="V2785" s="2">
        <v>1.2689999999999999</v>
      </c>
      <c r="W2785" s="2">
        <v>0.01</v>
      </c>
      <c r="X2785" s="2">
        <v>118.9</v>
      </c>
      <c r="Y2785" s="2">
        <v>7.6</v>
      </c>
      <c r="Z2785" s="2">
        <v>10.6</v>
      </c>
      <c r="AA2785" s="5"/>
      <c r="AB2785" s="5" t="s">
        <v>43</v>
      </c>
      <c r="AC2785" s="5" t="s">
        <v>44</v>
      </c>
      <c r="AD2785" s="2"/>
      <c r="AE2785" s="1"/>
    </row>
    <row r="2786" spans="1:31" ht="14.45">
      <c r="A2786" s="11"/>
      <c r="B2786" s="20"/>
      <c r="C2786" s="2" t="s">
        <v>8811</v>
      </c>
      <c r="D2786" s="14" t="s">
        <v>8812</v>
      </c>
      <c r="E2786" s="2" t="s">
        <v>8813</v>
      </c>
      <c r="F2786" s="2" t="s">
        <v>7619</v>
      </c>
      <c r="G2786" s="8">
        <v>118</v>
      </c>
      <c r="H2786" s="5">
        <v>6</v>
      </c>
      <c r="I2786" s="5" t="s">
        <v>1518</v>
      </c>
      <c r="J2786" s="5" t="s">
        <v>1519</v>
      </c>
      <c r="K2786" s="2" t="s">
        <v>1520</v>
      </c>
      <c r="L2786" s="5" t="s">
        <v>1519</v>
      </c>
      <c r="M2786" s="2" t="s">
        <v>1520</v>
      </c>
      <c r="N2786" s="5" t="s">
        <v>1521</v>
      </c>
      <c r="O2786" s="5" t="s">
        <v>38</v>
      </c>
      <c r="P2786" s="5" t="s">
        <v>39</v>
      </c>
      <c r="Q2786" s="5" t="s">
        <v>40</v>
      </c>
      <c r="R2786" s="5" t="s">
        <v>1522</v>
      </c>
      <c r="S2786" s="5" t="s">
        <v>1523</v>
      </c>
      <c r="T2786" s="5" t="s">
        <v>42</v>
      </c>
      <c r="U2786" s="2">
        <v>1.669</v>
      </c>
      <c r="V2786" s="2">
        <v>1.3089999999999999</v>
      </c>
      <c r="W2786" s="2">
        <v>0.01</v>
      </c>
      <c r="X2786" s="2">
        <v>118.9</v>
      </c>
      <c r="Y2786" s="2">
        <v>7.6</v>
      </c>
      <c r="Z2786" s="2">
        <v>10.6</v>
      </c>
      <c r="AA2786" s="5"/>
      <c r="AB2786" s="5" t="s">
        <v>43</v>
      </c>
      <c r="AC2786" s="5" t="s">
        <v>44</v>
      </c>
      <c r="AD2786" s="2"/>
      <c r="AE2786" s="1"/>
    </row>
    <row r="2787" spans="1:31" ht="14.45">
      <c r="A2787" s="11"/>
      <c r="B2787" s="20"/>
      <c r="C2787" s="2" t="s">
        <v>8814</v>
      </c>
      <c r="D2787" s="14" t="s">
        <v>8815</v>
      </c>
      <c r="E2787" s="2" t="s">
        <v>8816</v>
      </c>
      <c r="F2787" s="2" t="s">
        <v>1823</v>
      </c>
      <c r="G2787" s="8">
        <v>118</v>
      </c>
      <c r="H2787" s="5">
        <v>8</v>
      </c>
      <c r="I2787" s="5" t="s">
        <v>1518</v>
      </c>
      <c r="J2787" s="5" t="s">
        <v>1519</v>
      </c>
      <c r="K2787" s="2" t="s">
        <v>1520</v>
      </c>
      <c r="L2787" s="5" t="s">
        <v>1519</v>
      </c>
      <c r="M2787" s="2" t="s">
        <v>1520</v>
      </c>
      <c r="N2787" s="5" t="s">
        <v>1521</v>
      </c>
      <c r="O2787" s="5" t="s">
        <v>38</v>
      </c>
      <c r="P2787" s="5" t="s">
        <v>39</v>
      </c>
      <c r="Q2787" s="5" t="s">
        <v>40</v>
      </c>
      <c r="R2787" s="5" t="s">
        <v>1522</v>
      </c>
      <c r="S2787" s="5" t="s">
        <v>1523</v>
      </c>
      <c r="T2787" s="5" t="s">
        <v>42</v>
      </c>
      <c r="U2787" s="2">
        <v>1.66</v>
      </c>
      <c r="V2787" s="2">
        <v>1.3</v>
      </c>
      <c r="W2787" s="2">
        <v>0.01</v>
      </c>
      <c r="X2787" s="2">
        <v>118.9</v>
      </c>
      <c r="Y2787" s="2">
        <v>7.6</v>
      </c>
      <c r="Z2787" s="2">
        <v>10.6</v>
      </c>
      <c r="AA2787" s="5"/>
      <c r="AB2787" s="5" t="s">
        <v>43</v>
      </c>
      <c r="AC2787" s="5" t="s">
        <v>44</v>
      </c>
      <c r="AD2787" s="2"/>
      <c r="AE2787" s="1"/>
    </row>
    <row r="2788" spans="1:31" ht="14.45">
      <c r="A2788" s="11"/>
      <c r="B2788" s="20"/>
      <c r="C2788" s="2" t="s">
        <v>8817</v>
      </c>
      <c r="D2788" s="14" t="s">
        <v>8818</v>
      </c>
      <c r="E2788" s="2" t="s">
        <v>8819</v>
      </c>
      <c r="F2788" s="2" t="s">
        <v>1827</v>
      </c>
      <c r="G2788" s="8">
        <v>118</v>
      </c>
      <c r="H2788" s="5">
        <v>8</v>
      </c>
      <c r="I2788" s="5" t="s">
        <v>1518</v>
      </c>
      <c r="J2788" s="5" t="s">
        <v>1519</v>
      </c>
      <c r="K2788" s="2" t="s">
        <v>1520</v>
      </c>
      <c r="L2788" s="5" t="s">
        <v>1519</v>
      </c>
      <c r="M2788" s="2" t="s">
        <v>1520</v>
      </c>
      <c r="N2788" s="5" t="s">
        <v>1521</v>
      </c>
      <c r="O2788" s="5" t="s">
        <v>38</v>
      </c>
      <c r="P2788" s="5" t="s">
        <v>39</v>
      </c>
      <c r="Q2788" s="5" t="s">
        <v>40</v>
      </c>
      <c r="R2788" s="5" t="s">
        <v>1522</v>
      </c>
      <c r="S2788" s="5" t="s">
        <v>1523</v>
      </c>
      <c r="T2788" s="5" t="s">
        <v>42</v>
      </c>
      <c r="U2788" s="2">
        <v>1.7</v>
      </c>
      <c r="V2788" s="2">
        <v>1.34</v>
      </c>
      <c r="W2788" s="2">
        <v>0.01</v>
      </c>
      <c r="X2788" s="2">
        <v>118.9</v>
      </c>
      <c r="Y2788" s="2">
        <v>7.6</v>
      </c>
      <c r="Z2788" s="2">
        <v>10.6</v>
      </c>
      <c r="AA2788" s="5"/>
      <c r="AB2788" s="5" t="s">
        <v>43</v>
      </c>
      <c r="AC2788" s="5" t="s">
        <v>44</v>
      </c>
      <c r="AD2788" s="2"/>
      <c r="AE2788" s="1"/>
    </row>
    <row r="2789" spans="1:31" ht="14.45">
      <c r="A2789" s="11"/>
      <c r="B2789" s="20"/>
      <c r="C2789" s="2" t="s">
        <v>8820</v>
      </c>
      <c r="D2789" s="14" t="s">
        <v>8821</v>
      </c>
      <c r="E2789" s="2" t="s">
        <v>8822</v>
      </c>
      <c r="F2789" s="2" t="s">
        <v>2348</v>
      </c>
      <c r="G2789" s="8">
        <v>118</v>
      </c>
      <c r="H2789" s="5">
        <v>13</v>
      </c>
      <c r="I2789" s="5" t="s">
        <v>1518</v>
      </c>
      <c r="J2789" s="5" t="s">
        <v>1519</v>
      </c>
      <c r="K2789" s="2" t="s">
        <v>1520</v>
      </c>
      <c r="L2789" s="5" t="s">
        <v>1519</v>
      </c>
      <c r="M2789" s="2" t="s">
        <v>1520</v>
      </c>
      <c r="N2789" s="5" t="s">
        <v>1521</v>
      </c>
      <c r="O2789" s="5" t="s">
        <v>38</v>
      </c>
      <c r="P2789" s="5" t="s">
        <v>39</v>
      </c>
      <c r="Q2789" s="5" t="s">
        <v>40</v>
      </c>
      <c r="R2789" s="5" t="s">
        <v>1522</v>
      </c>
      <c r="S2789" s="5" t="s">
        <v>1523</v>
      </c>
      <c r="T2789" s="5" t="s">
        <v>42</v>
      </c>
      <c r="U2789" s="2">
        <v>1.7230000000000001</v>
      </c>
      <c r="V2789" s="2">
        <v>1.363</v>
      </c>
      <c r="W2789" s="2">
        <v>0.01</v>
      </c>
      <c r="X2789" s="2">
        <v>118.9</v>
      </c>
      <c r="Y2789" s="2">
        <v>7.6</v>
      </c>
      <c r="Z2789" s="2">
        <v>10.6</v>
      </c>
      <c r="AA2789" s="5"/>
      <c r="AB2789" s="5" t="s">
        <v>43</v>
      </c>
      <c r="AC2789" s="5" t="s">
        <v>44</v>
      </c>
      <c r="AD2789" s="2"/>
      <c r="AE2789" s="1"/>
    </row>
    <row r="2790" spans="1:31" ht="14.45">
      <c r="A2790" s="11"/>
      <c r="B2790" s="20"/>
      <c r="C2790" s="2" t="s">
        <v>8823</v>
      </c>
      <c r="D2790" s="14" t="s">
        <v>8824</v>
      </c>
      <c r="E2790" s="2" t="s">
        <v>8825</v>
      </c>
      <c r="F2790" s="2" t="s">
        <v>2208</v>
      </c>
      <c r="G2790" s="8">
        <v>118</v>
      </c>
      <c r="H2790" s="5">
        <v>13</v>
      </c>
      <c r="I2790" s="5" t="s">
        <v>1518</v>
      </c>
      <c r="J2790" s="5" t="s">
        <v>1519</v>
      </c>
      <c r="K2790" s="2" t="s">
        <v>1520</v>
      </c>
      <c r="L2790" s="5" t="s">
        <v>1519</v>
      </c>
      <c r="M2790" s="2" t="s">
        <v>1520</v>
      </c>
      <c r="N2790" s="5" t="s">
        <v>1521</v>
      </c>
      <c r="O2790" s="5" t="s">
        <v>38</v>
      </c>
      <c r="P2790" s="5" t="s">
        <v>39</v>
      </c>
      <c r="Q2790" s="5" t="s">
        <v>40</v>
      </c>
      <c r="R2790" s="5" t="s">
        <v>1522</v>
      </c>
      <c r="S2790" s="5" t="s">
        <v>1523</v>
      </c>
      <c r="T2790" s="5" t="s">
        <v>42</v>
      </c>
      <c r="U2790" s="2">
        <v>1.6830000000000001</v>
      </c>
      <c r="V2790" s="2">
        <v>1.323</v>
      </c>
      <c r="W2790" s="2">
        <v>0.01</v>
      </c>
      <c r="X2790" s="2">
        <v>118.9</v>
      </c>
      <c r="Y2790" s="2">
        <v>7.6</v>
      </c>
      <c r="Z2790" s="2">
        <v>10.6</v>
      </c>
      <c r="AA2790" s="5"/>
      <c r="AB2790" s="5" t="s">
        <v>43</v>
      </c>
      <c r="AC2790" s="5" t="s">
        <v>44</v>
      </c>
      <c r="AD2790" s="2"/>
      <c r="AE2790" s="1"/>
    </row>
    <row r="2791" spans="1:31" ht="14.45">
      <c r="A2791" s="11"/>
      <c r="B2791" s="20"/>
      <c r="C2791" s="2" t="s">
        <v>8826</v>
      </c>
      <c r="D2791" s="14" t="s">
        <v>8827</v>
      </c>
      <c r="E2791" s="2" t="s">
        <v>8828</v>
      </c>
      <c r="F2791" s="2" t="s">
        <v>2212</v>
      </c>
      <c r="G2791" s="8">
        <v>118</v>
      </c>
      <c r="H2791" s="5">
        <v>13</v>
      </c>
      <c r="I2791" s="5" t="s">
        <v>1518</v>
      </c>
      <c r="J2791" s="5" t="s">
        <v>1519</v>
      </c>
      <c r="K2791" s="2" t="s">
        <v>1520</v>
      </c>
      <c r="L2791" s="5" t="s">
        <v>1519</v>
      </c>
      <c r="M2791" s="2" t="s">
        <v>1520</v>
      </c>
      <c r="N2791" s="5" t="s">
        <v>1521</v>
      </c>
      <c r="O2791" s="5" t="s">
        <v>38</v>
      </c>
      <c r="P2791" s="5" t="s">
        <v>39</v>
      </c>
      <c r="Q2791" s="5" t="s">
        <v>40</v>
      </c>
      <c r="R2791" s="5" t="s">
        <v>1522</v>
      </c>
      <c r="S2791" s="5" t="s">
        <v>1523</v>
      </c>
      <c r="T2791" s="5" t="s">
        <v>42</v>
      </c>
      <c r="U2791" s="2">
        <v>1.7230000000000001</v>
      </c>
      <c r="V2791" s="2">
        <v>1.363</v>
      </c>
      <c r="W2791" s="2">
        <v>0.01</v>
      </c>
      <c r="X2791" s="2">
        <v>118.9</v>
      </c>
      <c r="Y2791" s="2">
        <v>7.6</v>
      </c>
      <c r="Z2791" s="2">
        <v>10.6</v>
      </c>
      <c r="AA2791" s="5"/>
      <c r="AB2791" s="5" t="s">
        <v>43</v>
      </c>
      <c r="AC2791" s="5" t="s">
        <v>44</v>
      </c>
      <c r="AD2791" s="2"/>
      <c r="AE2791" s="1"/>
    </row>
    <row r="2792" spans="1:31" ht="14.45">
      <c r="A2792" s="11"/>
      <c r="B2792" s="20"/>
      <c r="C2792" s="2" t="s">
        <v>8829</v>
      </c>
      <c r="D2792" s="14" t="s">
        <v>8830</v>
      </c>
      <c r="E2792" s="2" t="s">
        <v>8831</v>
      </c>
      <c r="F2792" s="2" t="s">
        <v>1831</v>
      </c>
      <c r="G2792" s="8">
        <v>118</v>
      </c>
      <c r="H2792" s="5">
        <v>13</v>
      </c>
      <c r="I2792" s="5" t="s">
        <v>1518</v>
      </c>
      <c r="J2792" s="5" t="s">
        <v>1519</v>
      </c>
      <c r="K2792" s="2" t="s">
        <v>1520</v>
      </c>
      <c r="L2792" s="5" t="s">
        <v>1519</v>
      </c>
      <c r="M2792" s="2" t="s">
        <v>1520</v>
      </c>
      <c r="N2792" s="5" t="s">
        <v>1521</v>
      </c>
      <c r="O2792" s="5" t="s">
        <v>38</v>
      </c>
      <c r="P2792" s="5" t="s">
        <v>39</v>
      </c>
      <c r="Q2792" s="5" t="s">
        <v>40</v>
      </c>
      <c r="R2792" s="5" t="s">
        <v>1522</v>
      </c>
      <c r="S2792" s="5" t="s">
        <v>1523</v>
      </c>
      <c r="T2792" s="5" t="s">
        <v>42</v>
      </c>
      <c r="U2792" s="2">
        <v>1.6830000000000001</v>
      </c>
      <c r="V2792" s="2">
        <v>1.323</v>
      </c>
      <c r="W2792" s="2">
        <v>0.01</v>
      </c>
      <c r="X2792" s="2">
        <v>118.9</v>
      </c>
      <c r="Y2792" s="2">
        <v>7.6</v>
      </c>
      <c r="Z2792" s="2">
        <v>10.6</v>
      </c>
      <c r="AA2792" s="5"/>
      <c r="AB2792" s="5" t="s">
        <v>43</v>
      </c>
      <c r="AC2792" s="5" t="s">
        <v>44</v>
      </c>
      <c r="AD2792" s="2"/>
      <c r="AE2792" s="1"/>
    </row>
    <row r="2793" spans="1:31" ht="14.45">
      <c r="A2793" s="11"/>
      <c r="B2793" s="20"/>
      <c r="C2793" s="2" t="s">
        <v>8832</v>
      </c>
      <c r="D2793" s="14" t="s">
        <v>8833</v>
      </c>
      <c r="E2793" s="2" t="s">
        <v>8834</v>
      </c>
      <c r="F2793" s="2" t="s">
        <v>1835</v>
      </c>
      <c r="G2793" s="8">
        <v>118</v>
      </c>
      <c r="H2793" s="5">
        <v>13</v>
      </c>
      <c r="I2793" s="5" t="s">
        <v>1518</v>
      </c>
      <c r="J2793" s="5" t="s">
        <v>1519</v>
      </c>
      <c r="K2793" s="2" t="s">
        <v>1520</v>
      </c>
      <c r="L2793" s="5" t="s">
        <v>1519</v>
      </c>
      <c r="M2793" s="2" t="s">
        <v>1520</v>
      </c>
      <c r="N2793" s="5" t="s">
        <v>1521</v>
      </c>
      <c r="O2793" s="5" t="s">
        <v>38</v>
      </c>
      <c r="P2793" s="5" t="s">
        <v>39</v>
      </c>
      <c r="Q2793" s="5" t="s">
        <v>40</v>
      </c>
      <c r="R2793" s="5" t="s">
        <v>1522</v>
      </c>
      <c r="S2793" s="5" t="s">
        <v>1523</v>
      </c>
      <c r="T2793" s="5" t="s">
        <v>42</v>
      </c>
      <c r="U2793" s="2">
        <v>1.7230000000000001</v>
      </c>
      <c r="V2793" s="2">
        <v>1.363</v>
      </c>
      <c r="W2793" s="2">
        <v>0.01</v>
      </c>
      <c r="X2793" s="2">
        <v>118.9</v>
      </c>
      <c r="Y2793" s="2">
        <v>7.6</v>
      </c>
      <c r="Z2793" s="2">
        <v>10.6</v>
      </c>
      <c r="AA2793" s="5"/>
      <c r="AB2793" s="5" t="s">
        <v>43</v>
      </c>
      <c r="AC2793" s="5" t="s">
        <v>44</v>
      </c>
      <c r="AD2793" s="2"/>
      <c r="AE2793" s="1"/>
    </row>
    <row r="2794" spans="1:31" ht="14.45">
      <c r="A2794" s="11"/>
      <c r="B2794" s="20"/>
      <c r="C2794" s="2" t="s">
        <v>8835</v>
      </c>
      <c r="D2794" s="14" t="s">
        <v>8836</v>
      </c>
      <c r="E2794" s="2" t="s">
        <v>8837</v>
      </c>
      <c r="F2794" s="2" t="s">
        <v>1839</v>
      </c>
      <c r="G2794" s="8">
        <v>118</v>
      </c>
      <c r="H2794" s="5">
        <v>13</v>
      </c>
      <c r="I2794" s="5" t="s">
        <v>1518</v>
      </c>
      <c r="J2794" s="5" t="s">
        <v>1519</v>
      </c>
      <c r="K2794" s="2" t="s">
        <v>1520</v>
      </c>
      <c r="L2794" s="5" t="s">
        <v>1519</v>
      </c>
      <c r="M2794" s="2" t="s">
        <v>1520</v>
      </c>
      <c r="N2794" s="5" t="s">
        <v>1521</v>
      </c>
      <c r="O2794" s="5" t="s">
        <v>38</v>
      </c>
      <c r="P2794" s="5" t="s">
        <v>39</v>
      </c>
      <c r="Q2794" s="5" t="s">
        <v>40</v>
      </c>
      <c r="R2794" s="5" t="s">
        <v>1522</v>
      </c>
      <c r="S2794" s="5" t="s">
        <v>1523</v>
      </c>
      <c r="T2794" s="5" t="s">
        <v>42</v>
      </c>
      <c r="U2794" s="2">
        <v>1.6830000000000001</v>
      </c>
      <c r="V2794" s="2">
        <v>1.323</v>
      </c>
      <c r="W2794" s="2">
        <v>0.01</v>
      </c>
      <c r="X2794" s="2">
        <v>118.9</v>
      </c>
      <c r="Y2794" s="2">
        <v>7.6</v>
      </c>
      <c r="Z2794" s="2">
        <v>10.6</v>
      </c>
      <c r="AA2794" s="5"/>
      <c r="AB2794" s="5" t="s">
        <v>43</v>
      </c>
      <c r="AC2794" s="5" t="s">
        <v>44</v>
      </c>
      <c r="AD2794" s="2"/>
      <c r="AE2794" s="1"/>
    </row>
    <row r="2795" spans="1:31" ht="14.45">
      <c r="A2795" s="11"/>
      <c r="B2795" s="20"/>
      <c r="C2795" s="2" t="s">
        <v>8838</v>
      </c>
      <c r="D2795" s="14" t="s">
        <v>8839</v>
      </c>
      <c r="E2795" s="2" t="s">
        <v>8840</v>
      </c>
      <c r="F2795" s="2" t="s">
        <v>1986</v>
      </c>
      <c r="G2795" s="8">
        <v>118</v>
      </c>
      <c r="H2795" s="5">
        <v>13</v>
      </c>
      <c r="I2795" s="5" t="s">
        <v>1518</v>
      </c>
      <c r="J2795" s="5" t="s">
        <v>1519</v>
      </c>
      <c r="K2795" s="2" t="s">
        <v>1520</v>
      </c>
      <c r="L2795" s="5" t="s">
        <v>1519</v>
      </c>
      <c r="M2795" s="2" t="s">
        <v>1520</v>
      </c>
      <c r="N2795" s="5" t="s">
        <v>1521</v>
      </c>
      <c r="O2795" s="5" t="s">
        <v>38</v>
      </c>
      <c r="P2795" s="5" t="s">
        <v>39</v>
      </c>
      <c r="Q2795" s="5" t="s">
        <v>40</v>
      </c>
      <c r="R2795" s="5" t="s">
        <v>1522</v>
      </c>
      <c r="S2795" s="5" t="s">
        <v>1523</v>
      </c>
      <c r="T2795" s="5" t="s">
        <v>42</v>
      </c>
      <c r="U2795" s="2">
        <v>1.7230000000000001</v>
      </c>
      <c r="V2795" s="2">
        <v>1.363</v>
      </c>
      <c r="W2795" s="2">
        <v>0.01</v>
      </c>
      <c r="X2795" s="2">
        <v>118.9</v>
      </c>
      <c r="Y2795" s="2">
        <v>7.6</v>
      </c>
      <c r="Z2795" s="2">
        <v>10.6</v>
      </c>
      <c r="AA2795" s="5"/>
      <c r="AB2795" s="5" t="s">
        <v>43</v>
      </c>
      <c r="AC2795" s="5" t="s">
        <v>44</v>
      </c>
      <c r="AD2795" s="2"/>
      <c r="AE2795" s="1"/>
    </row>
    <row r="2796" spans="1:31" ht="14.45">
      <c r="A2796" s="11"/>
      <c r="B2796" s="20"/>
      <c r="C2796" s="2" t="s">
        <v>8841</v>
      </c>
      <c r="D2796" s="14" t="s">
        <v>8842</v>
      </c>
      <c r="E2796" s="2" t="s">
        <v>8843</v>
      </c>
      <c r="F2796" s="2" t="s">
        <v>1843</v>
      </c>
      <c r="G2796" s="8">
        <v>118</v>
      </c>
      <c r="H2796" s="5">
        <v>13</v>
      </c>
      <c r="I2796" s="5" t="s">
        <v>1518</v>
      </c>
      <c r="J2796" s="5" t="s">
        <v>1519</v>
      </c>
      <c r="K2796" s="2" t="s">
        <v>1520</v>
      </c>
      <c r="L2796" s="5" t="s">
        <v>1519</v>
      </c>
      <c r="M2796" s="2" t="s">
        <v>1520</v>
      </c>
      <c r="N2796" s="5" t="s">
        <v>1521</v>
      </c>
      <c r="O2796" s="5" t="s">
        <v>38</v>
      </c>
      <c r="P2796" s="5" t="s">
        <v>39</v>
      </c>
      <c r="Q2796" s="5" t="s">
        <v>40</v>
      </c>
      <c r="R2796" s="5" t="s">
        <v>1522</v>
      </c>
      <c r="S2796" s="5" t="s">
        <v>1523</v>
      </c>
      <c r="T2796" s="5" t="s">
        <v>42</v>
      </c>
      <c r="U2796" s="2">
        <v>1.6830000000000001</v>
      </c>
      <c r="V2796" s="2">
        <v>1.323</v>
      </c>
      <c r="W2796" s="2">
        <v>0.01</v>
      </c>
      <c r="X2796" s="2">
        <v>118.9</v>
      </c>
      <c r="Y2796" s="2">
        <v>7.6</v>
      </c>
      <c r="Z2796" s="2">
        <v>10.6</v>
      </c>
      <c r="AA2796" s="5"/>
      <c r="AB2796" s="5" t="s">
        <v>43</v>
      </c>
      <c r="AC2796" s="5" t="s">
        <v>44</v>
      </c>
      <c r="AD2796" s="2"/>
      <c r="AE2796" s="1"/>
    </row>
    <row r="2797" spans="1:31" ht="14.45">
      <c r="A2797" s="11"/>
      <c r="B2797" s="20"/>
      <c r="C2797" s="2" t="s">
        <v>8844</v>
      </c>
      <c r="D2797" s="14" t="s">
        <v>8845</v>
      </c>
      <c r="E2797" s="2" t="s">
        <v>8846</v>
      </c>
      <c r="F2797" s="2" t="s">
        <v>1847</v>
      </c>
      <c r="G2797" s="8">
        <v>118</v>
      </c>
      <c r="H2797" s="5">
        <v>13</v>
      </c>
      <c r="I2797" s="5" t="s">
        <v>1518</v>
      </c>
      <c r="J2797" s="5" t="s">
        <v>1519</v>
      </c>
      <c r="K2797" s="2" t="s">
        <v>1520</v>
      </c>
      <c r="L2797" s="5" t="s">
        <v>1519</v>
      </c>
      <c r="M2797" s="2" t="s">
        <v>1520</v>
      </c>
      <c r="N2797" s="5" t="s">
        <v>1521</v>
      </c>
      <c r="O2797" s="5" t="s">
        <v>38</v>
      </c>
      <c r="P2797" s="5" t="s">
        <v>39</v>
      </c>
      <c r="Q2797" s="5" t="s">
        <v>40</v>
      </c>
      <c r="R2797" s="5" t="s">
        <v>1522</v>
      </c>
      <c r="S2797" s="5" t="s">
        <v>1523</v>
      </c>
      <c r="T2797" s="5" t="s">
        <v>42</v>
      </c>
      <c r="U2797" s="2">
        <v>1.7230000000000001</v>
      </c>
      <c r="V2797" s="2">
        <v>1.363</v>
      </c>
      <c r="W2797" s="2">
        <v>0.01</v>
      </c>
      <c r="X2797" s="2">
        <v>118.9</v>
      </c>
      <c r="Y2797" s="2">
        <v>7.6</v>
      </c>
      <c r="Z2797" s="2">
        <v>10.6</v>
      </c>
      <c r="AA2797" s="5"/>
      <c r="AB2797" s="5" t="s">
        <v>43</v>
      </c>
      <c r="AC2797" s="5" t="s">
        <v>44</v>
      </c>
      <c r="AD2797" s="2"/>
      <c r="AE2797" s="1"/>
    </row>
    <row r="2798" spans="1:31" ht="14.45">
      <c r="A2798" s="11"/>
      <c r="B2798" s="20"/>
      <c r="C2798" s="2" t="s">
        <v>8847</v>
      </c>
      <c r="D2798" s="14" t="s">
        <v>8848</v>
      </c>
      <c r="E2798" s="2" t="s">
        <v>8849</v>
      </c>
      <c r="F2798" s="2" t="s">
        <v>1851</v>
      </c>
      <c r="G2798" s="8">
        <v>118</v>
      </c>
      <c r="H2798" s="5">
        <v>13</v>
      </c>
      <c r="I2798" s="5" t="s">
        <v>1518</v>
      </c>
      <c r="J2798" s="5" t="s">
        <v>1519</v>
      </c>
      <c r="K2798" s="2" t="s">
        <v>1520</v>
      </c>
      <c r="L2798" s="5" t="s">
        <v>1519</v>
      </c>
      <c r="M2798" s="2" t="s">
        <v>1520</v>
      </c>
      <c r="N2798" s="5" t="s">
        <v>1521</v>
      </c>
      <c r="O2798" s="5" t="s">
        <v>38</v>
      </c>
      <c r="P2798" s="5" t="s">
        <v>39</v>
      </c>
      <c r="Q2798" s="5" t="s">
        <v>40</v>
      </c>
      <c r="R2798" s="5" t="s">
        <v>1522</v>
      </c>
      <c r="S2798" s="5" t="s">
        <v>1523</v>
      </c>
      <c r="T2798" s="5" t="s">
        <v>42</v>
      </c>
      <c r="U2798" s="2">
        <v>1.6830000000000001</v>
      </c>
      <c r="V2798" s="2">
        <v>1.323</v>
      </c>
      <c r="W2798" s="2">
        <v>0.01</v>
      </c>
      <c r="X2798" s="2">
        <v>118.9</v>
      </c>
      <c r="Y2798" s="2">
        <v>7.6</v>
      </c>
      <c r="Z2798" s="2">
        <v>10.6</v>
      </c>
      <c r="AA2798" s="5"/>
      <c r="AB2798" s="5" t="s">
        <v>43</v>
      </c>
      <c r="AC2798" s="5" t="s">
        <v>44</v>
      </c>
      <c r="AD2798" s="2"/>
      <c r="AE2798" s="1"/>
    </row>
    <row r="2799" spans="1:31" ht="14.45">
      <c r="A2799" s="11"/>
      <c r="B2799" s="20"/>
      <c r="C2799" s="2" t="s">
        <v>8850</v>
      </c>
      <c r="D2799" s="14" t="s">
        <v>8851</v>
      </c>
      <c r="E2799" s="2" t="s">
        <v>8852</v>
      </c>
      <c r="F2799" s="2" t="s">
        <v>1999</v>
      </c>
      <c r="G2799" s="8">
        <v>118</v>
      </c>
      <c r="H2799" s="5">
        <v>13</v>
      </c>
      <c r="I2799" s="5" t="s">
        <v>1518</v>
      </c>
      <c r="J2799" s="5" t="s">
        <v>1519</v>
      </c>
      <c r="K2799" s="2" t="s">
        <v>1520</v>
      </c>
      <c r="L2799" s="5" t="s">
        <v>1519</v>
      </c>
      <c r="M2799" s="2" t="s">
        <v>1520</v>
      </c>
      <c r="N2799" s="5" t="s">
        <v>1521</v>
      </c>
      <c r="O2799" s="5" t="s">
        <v>38</v>
      </c>
      <c r="P2799" s="5" t="s">
        <v>39</v>
      </c>
      <c r="Q2799" s="5" t="s">
        <v>40</v>
      </c>
      <c r="R2799" s="5" t="s">
        <v>1522</v>
      </c>
      <c r="S2799" s="5" t="s">
        <v>1523</v>
      </c>
      <c r="T2799" s="5" t="s">
        <v>42</v>
      </c>
      <c r="U2799" s="2">
        <v>1.7230000000000001</v>
      </c>
      <c r="V2799" s="2">
        <v>1.363</v>
      </c>
      <c r="W2799" s="2">
        <v>0.01</v>
      </c>
      <c r="X2799" s="2">
        <v>118.9</v>
      </c>
      <c r="Y2799" s="2">
        <v>7.6</v>
      </c>
      <c r="Z2799" s="2">
        <v>10.6</v>
      </c>
      <c r="AA2799" s="5"/>
      <c r="AB2799" s="5" t="s">
        <v>43</v>
      </c>
      <c r="AC2799" s="5" t="s">
        <v>44</v>
      </c>
      <c r="AD2799" s="2"/>
      <c r="AE2799" s="1"/>
    </row>
    <row r="2800" spans="1:31" ht="14.45">
      <c r="A2800" s="11"/>
      <c r="B2800" s="20"/>
      <c r="C2800" s="2" t="s">
        <v>8853</v>
      </c>
      <c r="D2800" s="14" t="s">
        <v>8854</v>
      </c>
      <c r="E2800" s="2" t="s">
        <v>8855</v>
      </c>
      <c r="F2800" s="2" t="s">
        <v>1859</v>
      </c>
      <c r="G2800" s="8">
        <v>118</v>
      </c>
      <c r="H2800" s="5">
        <v>13</v>
      </c>
      <c r="I2800" s="5" t="s">
        <v>1518</v>
      </c>
      <c r="J2800" s="5" t="s">
        <v>1519</v>
      </c>
      <c r="K2800" s="2" t="s">
        <v>1520</v>
      </c>
      <c r="L2800" s="5" t="s">
        <v>1519</v>
      </c>
      <c r="M2800" s="2" t="s">
        <v>1520</v>
      </c>
      <c r="N2800" s="5" t="s">
        <v>1521</v>
      </c>
      <c r="O2800" s="5" t="s">
        <v>38</v>
      </c>
      <c r="P2800" s="5" t="s">
        <v>39</v>
      </c>
      <c r="Q2800" s="5" t="s">
        <v>40</v>
      </c>
      <c r="R2800" s="5" t="s">
        <v>1522</v>
      </c>
      <c r="S2800" s="5" t="s">
        <v>1523</v>
      </c>
      <c r="T2800" s="5" t="s">
        <v>42</v>
      </c>
      <c r="U2800" s="2">
        <v>1.7230000000000001</v>
      </c>
      <c r="V2800" s="2">
        <v>1.363</v>
      </c>
      <c r="W2800" s="2">
        <v>0.01</v>
      </c>
      <c r="X2800" s="2">
        <v>118.9</v>
      </c>
      <c r="Y2800" s="2">
        <v>7.6</v>
      </c>
      <c r="Z2800" s="2">
        <v>10.6</v>
      </c>
      <c r="AA2800" s="5"/>
      <c r="AB2800" s="5" t="s">
        <v>43</v>
      </c>
      <c r="AC2800" s="5" t="s">
        <v>44</v>
      </c>
      <c r="AD2800" s="2"/>
      <c r="AE2800" s="1"/>
    </row>
    <row r="2801" spans="1:31" ht="14.45">
      <c r="A2801" s="11"/>
      <c r="B2801" s="20"/>
      <c r="C2801" s="2" t="s">
        <v>8856</v>
      </c>
      <c r="D2801" s="14" t="s">
        <v>8857</v>
      </c>
      <c r="E2801" s="2" t="s">
        <v>8858</v>
      </c>
      <c r="F2801" s="2" t="s">
        <v>1863</v>
      </c>
      <c r="G2801" s="8">
        <v>118</v>
      </c>
      <c r="H2801" s="5">
        <v>11</v>
      </c>
      <c r="I2801" s="5" t="s">
        <v>1518</v>
      </c>
      <c r="J2801" s="5" t="s">
        <v>1519</v>
      </c>
      <c r="K2801" s="2" t="s">
        <v>1520</v>
      </c>
      <c r="L2801" s="5" t="s">
        <v>1519</v>
      </c>
      <c r="M2801" s="2" t="s">
        <v>1520</v>
      </c>
      <c r="N2801" s="5" t="s">
        <v>1521</v>
      </c>
      <c r="O2801" s="5" t="s">
        <v>38</v>
      </c>
      <c r="P2801" s="5" t="s">
        <v>39</v>
      </c>
      <c r="Q2801" s="5" t="s">
        <v>40</v>
      </c>
      <c r="R2801" s="5" t="s">
        <v>1522</v>
      </c>
      <c r="S2801" s="5" t="s">
        <v>1523</v>
      </c>
      <c r="T2801" s="5" t="s">
        <v>42</v>
      </c>
      <c r="U2801" s="2">
        <v>1.6359999999999999</v>
      </c>
      <c r="V2801" s="2">
        <v>1.274</v>
      </c>
      <c r="W2801" s="2">
        <v>0.01</v>
      </c>
      <c r="X2801" s="2">
        <v>118.9</v>
      </c>
      <c r="Y2801" s="2">
        <v>7.6</v>
      </c>
      <c r="Z2801" s="2">
        <v>10.6</v>
      </c>
      <c r="AA2801" s="5"/>
      <c r="AB2801" s="5" t="s">
        <v>43</v>
      </c>
      <c r="AC2801" s="5" t="s">
        <v>44</v>
      </c>
      <c r="AD2801" s="2"/>
      <c r="AE2801" s="1"/>
    </row>
    <row r="2802" spans="1:31" ht="14.45">
      <c r="A2802" s="11"/>
      <c r="B2802" s="20"/>
      <c r="C2802" s="2" t="s">
        <v>8859</v>
      </c>
      <c r="D2802" s="14" t="s">
        <v>8860</v>
      </c>
      <c r="E2802" s="2" t="s">
        <v>8861</v>
      </c>
      <c r="F2802" s="2" t="s">
        <v>1867</v>
      </c>
      <c r="G2802" s="8">
        <v>118</v>
      </c>
      <c r="H2802" s="5">
        <v>11</v>
      </c>
      <c r="I2802" s="5" t="s">
        <v>1518</v>
      </c>
      <c r="J2802" s="5" t="s">
        <v>1519</v>
      </c>
      <c r="K2802" s="2" t="s">
        <v>1520</v>
      </c>
      <c r="L2802" s="5" t="s">
        <v>1519</v>
      </c>
      <c r="M2802" s="2" t="s">
        <v>1520</v>
      </c>
      <c r="N2802" s="5" t="s">
        <v>1521</v>
      </c>
      <c r="O2802" s="5" t="s">
        <v>38</v>
      </c>
      <c r="P2802" s="5" t="s">
        <v>39</v>
      </c>
      <c r="Q2802" s="5" t="s">
        <v>40</v>
      </c>
      <c r="R2802" s="5" t="s">
        <v>1522</v>
      </c>
      <c r="S2802" s="5" t="s">
        <v>1523</v>
      </c>
      <c r="T2802" s="5" t="s">
        <v>42</v>
      </c>
      <c r="U2802" s="2">
        <v>1.6759999999999999</v>
      </c>
      <c r="V2802" s="2">
        <v>1.3140000000000001</v>
      </c>
      <c r="W2802" s="2">
        <v>0.01</v>
      </c>
      <c r="X2802" s="2">
        <v>118.9</v>
      </c>
      <c r="Y2802" s="2">
        <v>7.6</v>
      </c>
      <c r="Z2802" s="2">
        <v>10.6</v>
      </c>
      <c r="AA2802" s="5"/>
      <c r="AB2802" s="5" t="s">
        <v>43</v>
      </c>
      <c r="AC2802" s="5" t="s">
        <v>44</v>
      </c>
      <c r="AD2802" s="2"/>
      <c r="AE2802" s="1"/>
    </row>
    <row r="2803" spans="1:31" ht="14.45">
      <c r="A2803" s="11"/>
      <c r="B2803" s="20"/>
      <c r="C2803" s="2" t="s">
        <v>8862</v>
      </c>
      <c r="D2803" s="14" t="s">
        <v>8863</v>
      </c>
      <c r="E2803" s="2" t="s">
        <v>8864</v>
      </c>
      <c r="F2803" s="2" t="s">
        <v>7396</v>
      </c>
      <c r="G2803" s="8">
        <v>100</v>
      </c>
      <c r="H2803" s="5">
        <v>5</v>
      </c>
      <c r="I2803" s="5" t="s">
        <v>1518</v>
      </c>
      <c r="J2803" s="5" t="s">
        <v>1519</v>
      </c>
      <c r="K2803" s="2" t="s">
        <v>1520</v>
      </c>
      <c r="L2803" s="5" t="s">
        <v>1519</v>
      </c>
      <c r="M2803" s="2" t="s">
        <v>1520</v>
      </c>
      <c r="N2803" s="5" t="s">
        <v>1521</v>
      </c>
      <c r="O2803" s="5" t="s">
        <v>38</v>
      </c>
      <c r="P2803" s="5" t="s">
        <v>39</v>
      </c>
      <c r="Q2803" s="5" t="s">
        <v>40</v>
      </c>
      <c r="R2803" s="5" t="s">
        <v>1522</v>
      </c>
      <c r="S2803" s="5" t="s">
        <v>1523</v>
      </c>
      <c r="T2803" s="5" t="s">
        <v>42</v>
      </c>
      <c r="U2803" s="2">
        <v>1.38</v>
      </c>
      <c r="V2803" s="2">
        <v>1.0780000000000001</v>
      </c>
      <c r="W2803" s="2">
        <v>7.0000000000000001E-3</v>
      </c>
      <c r="X2803" s="2">
        <v>82.9</v>
      </c>
      <c r="Y2803" s="2">
        <v>7.6</v>
      </c>
      <c r="Z2803" s="2">
        <v>10.6</v>
      </c>
      <c r="AA2803" s="5"/>
      <c r="AB2803" s="5" t="s">
        <v>43</v>
      </c>
      <c r="AC2803" s="5" t="s">
        <v>44</v>
      </c>
      <c r="AD2803" s="2"/>
      <c r="AE2803" s="1"/>
    </row>
    <row r="2804" spans="1:31" ht="14.45">
      <c r="A2804" s="11"/>
      <c r="B2804" s="20"/>
      <c r="C2804" s="2" t="s">
        <v>8865</v>
      </c>
      <c r="D2804" s="14" t="s">
        <v>8866</v>
      </c>
      <c r="E2804" s="2" t="s">
        <v>8867</v>
      </c>
      <c r="F2804" s="2" t="s">
        <v>7507</v>
      </c>
      <c r="G2804" s="8">
        <v>100</v>
      </c>
      <c r="H2804" s="5">
        <v>5</v>
      </c>
      <c r="I2804" s="5" t="s">
        <v>1518</v>
      </c>
      <c r="J2804" s="5" t="s">
        <v>1519</v>
      </c>
      <c r="K2804" s="2" t="s">
        <v>1520</v>
      </c>
      <c r="L2804" s="5" t="s">
        <v>1519</v>
      </c>
      <c r="M2804" s="2" t="s">
        <v>1520</v>
      </c>
      <c r="N2804" s="5" t="s">
        <v>1521</v>
      </c>
      <c r="O2804" s="5" t="s">
        <v>38</v>
      </c>
      <c r="P2804" s="5" t="s">
        <v>39</v>
      </c>
      <c r="Q2804" s="5" t="s">
        <v>40</v>
      </c>
      <c r="R2804" s="5" t="s">
        <v>1522</v>
      </c>
      <c r="S2804" s="5" t="s">
        <v>1523</v>
      </c>
      <c r="T2804" s="5" t="s">
        <v>42</v>
      </c>
      <c r="U2804" s="2">
        <v>1.413</v>
      </c>
      <c r="V2804" s="2">
        <v>1.111</v>
      </c>
      <c r="W2804" s="2">
        <v>7.0000000000000001E-3</v>
      </c>
      <c r="X2804" s="2">
        <v>82.9</v>
      </c>
      <c r="Y2804" s="2">
        <v>7.6</v>
      </c>
      <c r="Z2804" s="2">
        <v>10.6</v>
      </c>
      <c r="AA2804" s="5"/>
      <c r="AB2804" s="5" t="s">
        <v>43</v>
      </c>
      <c r="AC2804" s="5" t="s">
        <v>44</v>
      </c>
      <c r="AD2804" s="2"/>
      <c r="AE2804" s="1"/>
    </row>
    <row r="2805" spans="1:31" ht="14.45">
      <c r="A2805" s="11"/>
      <c r="B2805" s="20"/>
      <c r="C2805" s="2" t="s">
        <v>8868</v>
      </c>
      <c r="D2805" s="14" t="s">
        <v>8869</v>
      </c>
      <c r="E2805" s="2" t="s">
        <v>8870</v>
      </c>
      <c r="F2805" s="2" t="s">
        <v>7204</v>
      </c>
      <c r="G2805" s="8">
        <v>100</v>
      </c>
      <c r="H2805" s="5">
        <v>5</v>
      </c>
      <c r="I2805" s="5" t="s">
        <v>1518</v>
      </c>
      <c r="J2805" s="5" t="s">
        <v>1519</v>
      </c>
      <c r="K2805" s="2" t="s">
        <v>1520</v>
      </c>
      <c r="L2805" s="5" t="s">
        <v>1519</v>
      </c>
      <c r="M2805" s="2" t="s">
        <v>1520</v>
      </c>
      <c r="N2805" s="5" t="s">
        <v>1521</v>
      </c>
      <c r="O2805" s="5" t="s">
        <v>38</v>
      </c>
      <c r="P2805" s="5" t="s">
        <v>39</v>
      </c>
      <c r="Q2805" s="5" t="s">
        <v>40</v>
      </c>
      <c r="R2805" s="5" t="s">
        <v>1522</v>
      </c>
      <c r="S2805" s="5" t="s">
        <v>1523</v>
      </c>
      <c r="T2805" s="5" t="s">
        <v>42</v>
      </c>
      <c r="U2805" s="2">
        <v>1.385</v>
      </c>
      <c r="V2805" s="2">
        <v>1.083</v>
      </c>
      <c r="W2805" s="2">
        <v>7.0000000000000001E-3</v>
      </c>
      <c r="X2805" s="2">
        <v>82.9</v>
      </c>
      <c r="Y2805" s="2">
        <v>7.6</v>
      </c>
      <c r="Z2805" s="2">
        <v>10.6</v>
      </c>
      <c r="AA2805" s="5"/>
      <c r="AB2805" s="5" t="s">
        <v>43</v>
      </c>
      <c r="AC2805" s="5" t="s">
        <v>44</v>
      </c>
      <c r="AD2805" s="2"/>
      <c r="AE2805" s="1"/>
    </row>
    <row r="2806" spans="1:31" ht="14.45">
      <c r="A2806" s="11"/>
      <c r="B2806" s="20"/>
      <c r="C2806" s="2" t="s">
        <v>8871</v>
      </c>
      <c r="D2806" s="14" t="s">
        <v>8872</v>
      </c>
      <c r="E2806" s="2" t="s">
        <v>8873</v>
      </c>
      <c r="F2806" s="2" t="s">
        <v>7514</v>
      </c>
      <c r="G2806" s="8">
        <v>100</v>
      </c>
      <c r="H2806" s="5">
        <v>5</v>
      </c>
      <c r="I2806" s="5" t="s">
        <v>1518</v>
      </c>
      <c r="J2806" s="5" t="s">
        <v>1519</v>
      </c>
      <c r="K2806" s="2" t="s">
        <v>1520</v>
      </c>
      <c r="L2806" s="5" t="s">
        <v>1519</v>
      </c>
      <c r="M2806" s="2" t="s">
        <v>1520</v>
      </c>
      <c r="N2806" s="5" t="s">
        <v>1521</v>
      </c>
      <c r="O2806" s="5" t="s">
        <v>38</v>
      </c>
      <c r="P2806" s="5" t="s">
        <v>39</v>
      </c>
      <c r="Q2806" s="5" t="s">
        <v>40</v>
      </c>
      <c r="R2806" s="5" t="s">
        <v>1522</v>
      </c>
      <c r="S2806" s="5" t="s">
        <v>1523</v>
      </c>
      <c r="T2806" s="5" t="s">
        <v>42</v>
      </c>
      <c r="U2806" s="2">
        <v>1.417</v>
      </c>
      <c r="V2806" s="2">
        <v>1.115</v>
      </c>
      <c r="W2806" s="2">
        <v>7.0000000000000001E-3</v>
      </c>
      <c r="X2806" s="2">
        <v>82.9</v>
      </c>
      <c r="Y2806" s="2">
        <v>7.6</v>
      </c>
      <c r="Z2806" s="2">
        <v>10.6</v>
      </c>
      <c r="AA2806" s="5"/>
      <c r="AB2806" s="5" t="s">
        <v>43</v>
      </c>
      <c r="AC2806" s="5" t="s">
        <v>44</v>
      </c>
      <c r="AD2806" s="2"/>
      <c r="AE2806" s="1"/>
    </row>
    <row r="2807" spans="1:31" ht="14.45">
      <c r="A2807" s="11"/>
      <c r="B2807" s="20"/>
      <c r="C2807" s="2" t="s">
        <v>8874</v>
      </c>
      <c r="D2807" s="14" t="s">
        <v>8875</v>
      </c>
      <c r="E2807" s="2" t="s">
        <v>8876</v>
      </c>
      <c r="F2807" s="2" t="s">
        <v>7208</v>
      </c>
      <c r="G2807" s="8">
        <v>100</v>
      </c>
      <c r="H2807" s="5">
        <v>5</v>
      </c>
      <c r="I2807" s="5" t="s">
        <v>1518</v>
      </c>
      <c r="J2807" s="5" t="s">
        <v>1519</v>
      </c>
      <c r="K2807" s="2" t="s">
        <v>1520</v>
      </c>
      <c r="L2807" s="5" t="s">
        <v>1519</v>
      </c>
      <c r="M2807" s="2" t="s">
        <v>1520</v>
      </c>
      <c r="N2807" s="5" t="s">
        <v>1521</v>
      </c>
      <c r="O2807" s="5" t="s">
        <v>38</v>
      </c>
      <c r="P2807" s="5" t="s">
        <v>39</v>
      </c>
      <c r="Q2807" s="5" t="s">
        <v>40</v>
      </c>
      <c r="R2807" s="5" t="s">
        <v>1522</v>
      </c>
      <c r="S2807" s="5" t="s">
        <v>1523</v>
      </c>
      <c r="T2807" s="5" t="s">
        <v>42</v>
      </c>
      <c r="U2807" s="2">
        <v>1.385</v>
      </c>
      <c r="V2807" s="2">
        <v>1.083</v>
      </c>
      <c r="W2807" s="2">
        <v>7.0000000000000001E-3</v>
      </c>
      <c r="X2807" s="2">
        <v>82.9</v>
      </c>
      <c r="Y2807" s="2">
        <v>7.6</v>
      </c>
      <c r="Z2807" s="2">
        <v>10.6</v>
      </c>
      <c r="AA2807" s="5"/>
      <c r="AB2807" s="5" t="s">
        <v>43</v>
      </c>
      <c r="AC2807" s="5" t="s">
        <v>44</v>
      </c>
      <c r="AD2807" s="2"/>
      <c r="AE2807" s="1"/>
    </row>
    <row r="2808" spans="1:31" ht="14.45">
      <c r="A2808" s="11"/>
      <c r="B2808" s="20"/>
      <c r="C2808" s="2" t="s">
        <v>8877</v>
      </c>
      <c r="D2808" s="14" t="s">
        <v>8878</v>
      </c>
      <c r="E2808" s="2" t="s">
        <v>8879</v>
      </c>
      <c r="F2808" s="2" t="s">
        <v>7521</v>
      </c>
      <c r="G2808" s="8">
        <v>100</v>
      </c>
      <c r="H2808" s="5">
        <v>5</v>
      </c>
      <c r="I2808" s="5" t="s">
        <v>1518</v>
      </c>
      <c r="J2808" s="5" t="s">
        <v>1519</v>
      </c>
      <c r="K2808" s="2" t="s">
        <v>1520</v>
      </c>
      <c r="L2808" s="5" t="s">
        <v>1519</v>
      </c>
      <c r="M2808" s="2" t="s">
        <v>1520</v>
      </c>
      <c r="N2808" s="5" t="s">
        <v>1521</v>
      </c>
      <c r="O2808" s="5" t="s">
        <v>38</v>
      </c>
      <c r="P2808" s="5" t="s">
        <v>39</v>
      </c>
      <c r="Q2808" s="5" t="s">
        <v>40</v>
      </c>
      <c r="R2808" s="5" t="s">
        <v>1522</v>
      </c>
      <c r="S2808" s="5" t="s">
        <v>1523</v>
      </c>
      <c r="T2808" s="5" t="s">
        <v>42</v>
      </c>
      <c r="U2808" s="2">
        <v>1.4179999999999999</v>
      </c>
      <c r="V2808" s="2">
        <v>1.1160000000000001</v>
      </c>
      <c r="W2808" s="2">
        <v>7.0000000000000001E-3</v>
      </c>
      <c r="X2808" s="2">
        <v>82.9</v>
      </c>
      <c r="Y2808" s="2">
        <v>7.6</v>
      </c>
      <c r="Z2808" s="2">
        <v>10.6</v>
      </c>
      <c r="AA2808" s="5"/>
      <c r="AB2808" s="5" t="s">
        <v>43</v>
      </c>
      <c r="AC2808" s="5" t="s">
        <v>44</v>
      </c>
      <c r="AD2808" s="2"/>
      <c r="AE2808" s="1"/>
    </row>
    <row r="2809" spans="1:31" ht="14.45">
      <c r="A2809" s="11"/>
      <c r="B2809" s="20"/>
      <c r="C2809" s="2" t="s">
        <v>8880</v>
      </c>
      <c r="D2809" s="14" t="s">
        <v>8881</v>
      </c>
      <c r="E2809" s="2" t="s">
        <v>8882</v>
      </c>
      <c r="F2809" s="2" t="s">
        <v>7212</v>
      </c>
      <c r="G2809" s="8">
        <v>100</v>
      </c>
      <c r="H2809" s="5">
        <v>5</v>
      </c>
      <c r="I2809" s="5" t="s">
        <v>1518</v>
      </c>
      <c r="J2809" s="5" t="s">
        <v>1519</v>
      </c>
      <c r="K2809" s="2" t="s">
        <v>1520</v>
      </c>
      <c r="L2809" s="5" t="s">
        <v>1519</v>
      </c>
      <c r="M2809" s="2" t="s">
        <v>1520</v>
      </c>
      <c r="N2809" s="5" t="s">
        <v>1521</v>
      </c>
      <c r="O2809" s="5" t="s">
        <v>38</v>
      </c>
      <c r="P2809" s="5" t="s">
        <v>39</v>
      </c>
      <c r="Q2809" s="5" t="s">
        <v>40</v>
      </c>
      <c r="R2809" s="5" t="s">
        <v>1522</v>
      </c>
      <c r="S2809" s="5" t="s">
        <v>1523</v>
      </c>
      <c r="T2809" s="5" t="s">
        <v>42</v>
      </c>
      <c r="U2809" s="2">
        <v>1.3720000000000001</v>
      </c>
      <c r="V2809" s="2">
        <v>1.07</v>
      </c>
      <c r="W2809" s="2">
        <v>7.0000000000000001E-3</v>
      </c>
      <c r="X2809" s="2">
        <v>82.9</v>
      </c>
      <c r="Y2809" s="2">
        <v>7.6</v>
      </c>
      <c r="Z2809" s="2">
        <v>10.6</v>
      </c>
      <c r="AA2809" s="5"/>
      <c r="AB2809" s="5" t="s">
        <v>43</v>
      </c>
      <c r="AC2809" s="5" t="s">
        <v>44</v>
      </c>
      <c r="AD2809" s="2"/>
      <c r="AE2809" s="1"/>
    </row>
    <row r="2810" spans="1:31" ht="14.45">
      <c r="A2810" s="11"/>
      <c r="B2810" s="20"/>
      <c r="C2810" s="2" t="s">
        <v>8883</v>
      </c>
      <c r="D2810" s="14" t="s">
        <v>8884</v>
      </c>
      <c r="E2810" s="2" t="s">
        <v>8885</v>
      </c>
      <c r="F2810" s="2" t="s">
        <v>7528</v>
      </c>
      <c r="G2810" s="8">
        <v>100</v>
      </c>
      <c r="H2810" s="5">
        <v>5</v>
      </c>
      <c r="I2810" s="5" t="s">
        <v>1518</v>
      </c>
      <c r="J2810" s="5" t="s">
        <v>1519</v>
      </c>
      <c r="K2810" s="2" t="s">
        <v>1520</v>
      </c>
      <c r="L2810" s="5" t="s">
        <v>1519</v>
      </c>
      <c r="M2810" s="2" t="s">
        <v>1520</v>
      </c>
      <c r="N2810" s="5" t="s">
        <v>1521</v>
      </c>
      <c r="O2810" s="5" t="s">
        <v>38</v>
      </c>
      <c r="P2810" s="5" t="s">
        <v>39</v>
      </c>
      <c r="Q2810" s="5" t="s">
        <v>40</v>
      </c>
      <c r="R2810" s="5" t="s">
        <v>1522</v>
      </c>
      <c r="S2810" s="5" t="s">
        <v>1523</v>
      </c>
      <c r="T2810" s="5" t="s">
        <v>42</v>
      </c>
      <c r="U2810" s="2">
        <v>1.405</v>
      </c>
      <c r="V2810" s="2">
        <v>1.103</v>
      </c>
      <c r="W2810" s="2">
        <v>7.0000000000000001E-3</v>
      </c>
      <c r="X2810" s="2">
        <v>82.9</v>
      </c>
      <c r="Y2810" s="2">
        <v>7.6</v>
      </c>
      <c r="Z2810" s="2">
        <v>10.6</v>
      </c>
      <c r="AA2810" s="5"/>
      <c r="AB2810" s="5" t="s">
        <v>43</v>
      </c>
      <c r="AC2810" s="5" t="s">
        <v>44</v>
      </c>
      <c r="AD2810" s="2"/>
      <c r="AE2810" s="1"/>
    </row>
    <row r="2811" spans="1:31" ht="14.45">
      <c r="A2811" s="11"/>
      <c r="B2811" s="20"/>
      <c r="C2811" s="2" t="s">
        <v>8886</v>
      </c>
      <c r="D2811" s="14" t="s">
        <v>8887</v>
      </c>
      <c r="E2811" s="2" t="s">
        <v>8888</v>
      </c>
      <c r="F2811" s="2" t="s">
        <v>7406</v>
      </c>
      <c r="G2811" s="8">
        <v>115</v>
      </c>
      <c r="H2811" s="5">
        <v>6</v>
      </c>
      <c r="I2811" s="5" t="s">
        <v>1518</v>
      </c>
      <c r="J2811" s="5" t="s">
        <v>1519</v>
      </c>
      <c r="K2811" s="2" t="s">
        <v>1520</v>
      </c>
      <c r="L2811" s="5" t="s">
        <v>1519</v>
      </c>
      <c r="M2811" s="2" t="s">
        <v>1520</v>
      </c>
      <c r="N2811" s="5" t="s">
        <v>1521</v>
      </c>
      <c r="O2811" s="5" t="s">
        <v>38</v>
      </c>
      <c r="P2811" s="5" t="s">
        <v>39</v>
      </c>
      <c r="Q2811" s="5" t="s">
        <v>40</v>
      </c>
      <c r="R2811" s="5" t="s">
        <v>1522</v>
      </c>
      <c r="S2811" s="5" t="s">
        <v>1523</v>
      </c>
      <c r="T2811" s="5" t="s">
        <v>42</v>
      </c>
      <c r="U2811" s="2">
        <v>1.3720000000000001</v>
      </c>
      <c r="V2811" s="2">
        <v>1.07</v>
      </c>
      <c r="W2811" s="2">
        <v>7.0000000000000001E-3</v>
      </c>
      <c r="X2811" s="2">
        <v>82.9</v>
      </c>
      <c r="Y2811" s="2">
        <v>7.6</v>
      </c>
      <c r="Z2811" s="2">
        <v>10.6</v>
      </c>
      <c r="AA2811" s="5"/>
      <c r="AB2811" s="5" t="s">
        <v>43</v>
      </c>
      <c r="AC2811" s="5" t="s">
        <v>44</v>
      </c>
      <c r="AD2811" s="2"/>
      <c r="AE2811" s="1"/>
    </row>
    <row r="2812" spans="1:31" ht="14.45">
      <c r="A2812" s="11"/>
      <c r="B2812" s="20"/>
      <c r="C2812" s="2" t="s">
        <v>8889</v>
      </c>
      <c r="D2812" s="14" t="s">
        <v>8890</v>
      </c>
      <c r="E2812" s="2" t="s">
        <v>8891</v>
      </c>
      <c r="F2812" s="2" t="s">
        <v>7535</v>
      </c>
      <c r="G2812" s="8">
        <v>115</v>
      </c>
      <c r="H2812" s="5">
        <v>6</v>
      </c>
      <c r="I2812" s="5" t="s">
        <v>1518</v>
      </c>
      <c r="J2812" s="5" t="s">
        <v>1519</v>
      </c>
      <c r="K2812" s="2" t="s">
        <v>1520</v>
      </c>
      <c r="L2812" s="5" t="s">
        <v>1519</v>
      </c>
      <c r="M2812" s="2" t="s">
        <v>1520</v>
      </c>
      <c r="N2812" s="5" t="s">
        <v>1521</v>
      </c>
      <c r="O2812" s="5" t="s">
        <v>38</v>
      </c>
      <c r="P2812" s="5" t="s">
        <v>39</v>
      </c>
      <c r="Q2812" s="5" t="s">
        <v>40</v>
      </c>
      <c r="R2812" s="5" t="s">
        <v>1522</v>
      </c>
      <c r="S2812" s="5" t="s">
        <v>1523</v>
      </c>
      <c r="T2812" s="5" t="s">
        <v>42</v>
      </c>
      <c r="U2812" s="2">
        <v>1.405</v>
      </c>
      <c r="V2812" s="2">
        <v>1.103</v>
      </c>
      <c r="W2812" s="2">
        <v>7.0000000000000001E-3</v>
      </c>
      <c r="X2812" s="2">
        <v>82.9</v>
      </c>
      <c r="Y2812" s="2">
        <v>7.6</v>
      </c>
      <c r="Z2812" s="2">
        <v>10.6</v>
      </c>
      <c r="AA2812" s="5"/>
      <c r="AB2812" s="5" t="s">
        <v>43</v>
      </c>
      <c r="AC2812" s="5" t="s">
        <v>44</v>
      </c>
      <c r="AD2812" s="2"/>
      <c r="AE2812" s="1"/>
    </row>
    <row r="2813" spans="1:31" ht="14.45">
      <c r="A2813" s="11"/>
      <c r="B2813" s="20"/>
      <c r="C2813" s="2" t="s">
        <v>8892</v>
      </c>
      <c r="D2813" s="14" t="s">
        <v>8893</v>
      </c>
      <c r="E2813" s="2" t="s">
        <v>8894</v>
      </c>
      <c r="F2813" s="2" t="s">
        <v>7539</v>
      </c>
      <c r="G2813" s="8">
        <v>115</v>
      </c>
      <c r="H2813" s="5">
        <v>6</v>
      </c>
      <c r="I2813" s="5" t="s">
        <v>1518</v>
      </c>
      <c r="J2813" s="5" t="s">
        <v>1519</v>
      </c>
      <c r="K2813" s="2" t="s">
        <v>1520</v>
      </c>
      <c r="L2813" s="5" t="s">
        <v>1519</v>
      </c>
      <c r="M2813" s="2" t="s">
        <v>1520</v>
      </c>
      <c r="N2813" s="5" t="s">
        <v>1521</v>
      </c>
      <c r="O2813" s="5" t="s">
        <v>38</v>
      </c>
      <c r="P2813" s="5" t="s">
        <v>39</v>
      </c>
      <c r="Q2813" s="5" t="s">
        <v>40</v>
      </c>
      <c r="R2813" s="5" t="s">
        <v>1522</v>
      </c>
      <c r="S2813" s="5" t="s">
        <v>1523</v>
      </c>
      <c r="T2813" s="5" t="s">
        <v>42</v>
      </c>
      <c r="U2813" s="2">
        <v>1.385</v>
      </c>
      <c r="V2813" s="2">
        <v>1.083</v>
      </c>
      <c r="W2813" s="2">
        <v>7.0000000000000001E-3</v>
      </c>
      <c r="X2813" s="2">
        <v>82.9</v>
      </c>
      <c r="Y2813" s="2">
        <v>7.6</v>
      </c>
      <c r="Z2813" s="2">
        <v>10.6</v>
      </c>
      <c r="AA2813" s="5"/>
      <c r="AB2813" s="5" t="s">
        <v>43</v>
      </c>
      <c r="AC2813" s="5" t="s">
        <v>44</v>
      </c>
      <c r="AD2813" s="2"/>
      <c r="AE2813" s="1"/>
    </row>
    <row r="2814" spans="1:31" ht="14.45">
      <c r="A2814" s="11"/>
      <c r="B2814" s="20"/>
      <c r="C2814" s="2" t="s">
        <v>8895</v>
      </c>
      <c r="D2814" s="14" t="s">
        <v>8896</v>
      </c>
      <c r="E2814" s="2" t="s">
        <v>8897</v>
      </c>
      <c r="F2814" s="2" t="s">
        <v>7543</v>
      </c>
      <c r="G2814" s="8">
        <v>115</v>
      </c>
      <c r="H2814" s="5">
        <v>6</v>
      </c>
      <c r="I2814" s="5" t="s">
        <v>1518</v>
      </c>
      <c r="J2814" s="5" t="s">
        <v>1519</v>
      </c>
      <c r="K2814" s="2" t="s">
        <v>1520</v>
      </c>
      <c r="L2814" s="5" t="s">
        <v>1519</v>
      </c>
      <c r="M2814" s="2" t="s">
        <v>1520</v>
      </c>
      <c r="N2814" s="5" t="s">
        <v>1521</v>
      </c>
      <c r="O2814" s="5" t="s">
        <v>38</v>
      </c>
      <c r="P2814" s="5" t="s">
        <v>39</v>
      </c>
      <c r="Q2814" s="5" t="s">
        <v>40</v>
      </c>
      <c r="R2814" s="5" t="s">
        <v>1522</v>
      </c>
      <c r="S2814" s="5" t="s">
        <v>1523</v>
      </c>
      <c r="T2814" s="5" t="s">
        <v>42</v>
      </c>
      <c r="U2814" s="2">
        <v>1.4179999999999999</v>
      </c>
      <c r="V2814" s="2">
        <v>1.1160000000000001</v>
      </c>
      <c r="W2814" s="2">
        <v>7.0000000000000001E-3</v>
      </c>
      <c r="X2814" s="2">
        <v>82.9</v>
      </c>
      <c r="Y2814" s="2">
        <v>7.6</v>
      </c>
      <c r="Z2814" s="2">
        <v>10.6</v>
      </c>
      <c r="AA2814" s="5"/>
      <c r="AB2814" s="5" t="s">
        <v>43</v>
      </c>
      <c r="AC2814" s="5" t="s">
        <v>44</v>
      </c>
      <c r="AD2814" s="2"/>
      <c r="AE2814" s="1"/>
    </row>
    <row r="2815" spans="1:31" ht="14.45">
      <c r="A2815" s="11"/>
      <c r="B2815" s="20"/>
      <c r="C2815" s="2" t="s">
        <v>8898</v>
      </c>
      <c r="D2815" s="14" t="s">
        <v>8899</v>
      </c>
      <c r="E2815" s="2" t="s">
        <v>8900</v>
      </c>
      <c r="F2815" s="2" t="s">
        <v>7547</v>
      </c>
      <c r="G2815" s="8">
        <v>115</v>
      </c>
      <c r="H2815" s="5">
        <v>6</v>
      </c>
      <c r="I2815" s="5" t="s">
        <v>1518</v>
      </c>
      <c r="J2815" s="5" t="s">
        <v>1519</v>
      </c>
      <c r="K2815" s="2" t="s">
        <v>1520</v>
      </c>
      <c r="L2815" s="5" t="s">
        <v>1519</v>
      </c>
      <c r="M2815" s="2" t="s">
        <v>1520</v>
      </c>
      <c r="N2815" s="5" t="s">
        <v>1521</v>
      </c>
      <c r="O2815" s="5" t="s">
        <v>38</v>
      </c>
      <c r="P2815" s="5" t="s">
        <v>39</v>
      </c>
      <c r="Q2815" s="5" t="s">
        <v>40</v>
      </c>
      <c r="R2815" s="5" t="s">
        <v>1522</v>
      </c>
      <c r="S2815" s="5" t="s">
        <v>1523</v>
      </c>
      <c r="T2815" s="5" t="s">
        <v>42</v>
      </c>
      <c r="U2815" s="2">
        <v>1.3720000000000001</v>
      </c>
      <c r="V2815" s="2">
        <v>1.07</v>
      </c>
      <c r="W2815" s="2">
        <v>7.0000000000000001E-3</v>
      </c>
      <c r="X2815" s="2">
        <v>82.9</v>
      </c>
      <c r="Y2815" s="2">
        <v>7.6</v>
      </c>
      <c r="Z2815" s="2">
        <v>10.6</v>
      </c>
      <c r="AA2815" s="5"/>
      <c r="AB2815" s="5" t="s">
        <v>43</v>
      </c>
      <c r="AC2815" s="5" t="s">
        <v>44</v>
      </c>
      <c r="AD2815" s="2"/>
      <c r="AE2815" s="1"/>
    </row>
    <row r="2816" spans="1:31" ht="14.45">
      <c r="A2816" s="11"/>
      <c r="B2816" s="20"/>
      <c r="C2816" s="2" t="s">
        <v>8901</v>
      </c>
      <c r="D2816" s="14" t="s">
        <v>8902</v>
      </c>
      <c r="E2816" s="2" t="s">
        <v>8903</v>
      </c>
      <c r="F2816" s="2" t="s">
        <v>7551</v>
      </c>
      <c r="G2816" s="8">
        <v>115</v>
      </c>
      <c r="H2816" s="5">
        <v>6</v>
      </c>
      <c r="I2816" s="5" t="s">
        <v>1518</v>
      </c>
      <c r="J2816" s="5" t="s">
        <v>1519</v>
      </c>
      <c r="K2816" s="2" t="s">
        <v>1520</v>
      </c>
      <c r="L2816" s="5" t="s">
        <v>1519</v>
      </c>
      <c r="M2816" s="2" t="s">
        <v>1520</v>
      </c>
      <c r="N2816" s="5" t="s">
        <v>1521</v>
      </c>
      <c r="O2816" s="5" t="s">
        <v>38</v>
      </c>
      <c r="P2816" s="5" t="s">
        <v>39</v>
      </c>
      <c r="Q2816" s="5" t="s">
        <v>40</v>
      </c>
      <c r="R2816" s="5" t="s">
        <v>1522</v>
      </c>
      <c r="S2816" s="5" t="s">
        <v>1523</v>
      </c>
      <c r="T2816" s="5" t="s">
        <v>42</v>
      </c>
      <c r="U2816" s="2">
        <v>1.405</v>
      </c>
      <c r="V2816" s="2">
        <v>1.103</v>
      </c>
      <c r="W2816" s="2">
        <v>7.0000000000000001E-3</v>
      </c>
      <c r="X2816" s="2">
        <v>82.9</v>
      </c>
      <c r="Y2816" s="2">
        <v>7.6</v>
      </c>
      <c r="Z2816" s="2">
        <v>10.6</v>
      </c>
      <c r="AA2816" s="5"/>
      <c r="AB2816" s="5" t="s">
        <v>43</v>
      </c>
      <c r="AC2816" s="5" t="s">
        <v>44</v>
      </c>
      <c r="AD2816" s="2"/>
      <c r="AE2816" s="1"/>
    </row>
    <row r="2817" spans="1:31" ht="14.45">
      <c r="A2817" s="11"/>
      <c r="B2817" s="20"/>
      <c r="C2817" s="2" t="s">
        <v>8904</v>
      </c>
      <c r="D2817" s="14" t="s">
        <v>8905</v>
      </c>
      <c r="E2817" s="2" t="s">
        <v>8906</v>
      </c>
      <c r="F2817" s="2" t="s">
        <v>7555</v>
      </c>
      <c r="G2817" s="8">
        <v>115</v>
      </c>
      <c r="H2817" s="5">
        <v>6</v>
      </c>
      <c r="I2817" s="5" t="s">
        <v>1518</v>
      </c>
      <c r="J2817" s="5" t="s">
        <v>1519</v>
      </c>
      <c r="K2817" s="2" t="s">
        <v>1520</v>
      </c>
      <c r="L2817" s="5" t="s">
        <v>1519</v>
      </c>
      <c r="M2817" s="2" t="s">
        <v>1520</v>
      </c>
      <c r="N2817" s="5" t="s">
        <v>1521</v>
      </c>
      <c r="O2817" s="5" t="s">
        <v>38</v>
      </c>
      <c r="P2817" s="5" t="s">
        <v>39</v>
      </c>
      <c r="Q2817" s="5" t="s">
        <v>40</v>
      </c>
      <c r="R2817" s="5" t="s">
        <v>1522</v>
      </c>
      <c r="S2817" s="5" t="s">
        <v>1523</v>
      </c>
      <c r="T2817" s="5" t="s">
        <v>42</v>
      </c>
      <c r="U2817" s="2">
        <v>1.3720000000000001</v>
      </c>
      <c r="V2817" s="2">
        <v>1.07</v>
      </c>
      <c r="W2817" s="2">
        <v>7.0000000000000001E-3</v>
      </c>
      <c r="X2817" s="2">
        <v>82.9</v>
      </c>
      <c r="Y2817" s="2">
        <v>7.6</v>
      </c>
      <c r="Z2817" s="2">
        <v>10.6</v>
      </c>
      <c r="AA2817" s="5"/>
      <c r="AB2817" s="5" t="s">
        <v>43</v>
      </c>
      <c r="AC2817" s="5" t="s">
        <v>44</v>
      </c>
      <c r="AD2817" s="2"/>
      <c r="AE2817" s="1"/>
    </row>
    <row r="2818" spans="1:31" ht="14.45">
      <c r="A2818" s="11"/>
      <c r="B2818" s="20"/>
      <c r="C2818" s="2" t="s">
        <v>8907</v>
      </c>
      <c r="D2818" s="14" t="s">
        <v>8908</v>
      </c>
      <c r="E2818" s="2" t="s">
        <v>8909</v>
      </c>
      <c r="F2818" s="2" t="s">
        <v>7559</v>
      </c>
      <c r="G2818" s="8">
        <v>115</v>
      </c>
      <c r="H2818" s="5">
        <v>6</v>
      </c>
      <c r="I2818" s="5" t="s">
        <v>1518</v>
      </c>
      <c r="J2818" s="5" t="s">
        <v>1519</v>
      </c>
      <c r="K2818" s="2" t="s">
        <v>1520</v>
      </c>
      <c r="L2818" s="5" t="s">
        <v>1519</v>
      </c>
      <c r="M2818" s="2" t="s">
        <v>1520</v>
      </c>
      <c r="N2818" s="5" t="s">
        <v>1521</v>
      </c>
      <c r="O2818" s="5" t="s">
        <v>38</v>
      </c>
      <c r="P2818" s="5" t="s">
        <v>39</v>
      </c>
      <c r="Q2818" s="5" t="s">
        <v>40</v>
      </c>
      <c r="R2818" s="5" t="s">
        <v>1522</v>
      </c>
      <c r="S2818" s="5" t="s">
        <v>1523</v>
      </c>
      <c r="T2818" s="5" t="s">
        <v>42</v>
      </c>
      <c r="U2818" s="2">
        <v>1.405</v>
      </c>
      <c r="V2818" s="2">
        <v>1.103</v>
      </c>
      <c r="W2818" s="2">
        <v>7.0000000000000001E-3</v>
      </c>
      <c r="X2818" s="2">
        <v>82.9</v>
      </c>
      <c r="Y2818" s="2">
        <v>7.6</v>
      </c>
      <c r="Z2818" s="2">
        <v>10.6</v>
      </c>
      <c r="AA2818" s="5"/>
      <c r="AB2818" s="5" t="s">
        <v>43</v>
      </c>
      <c r="AC2818" s="5" t="s">
        <v>44</v>
      </c>
      <c r="AD2818" s="2"/>
      <c r="AE2818" s="1"/>
    </row>
    <row r="2819" spans="1:31" ht="14.45">
      <c r="A2819" s="11"/>
      <c r="B2819" s="20"/>
      <c r="C2819" s="2" t="s">
        <v>8910</v>
      </c>
      <c r="D2819" s="14" t="s">
        <v>8911</v>
      </c>
      <c r="E2819" s="2" t="s">
        <v>8912</v>
      </c>
      <c r="F2819" s="2" t="s">
        <v>7563</v>
      </c>
      <c r="G2819" s="8">
        <v>115</v>
      </c>
      <c r="H2819" s="5">
        <v>6</v>
      </c>
      <c r="I2819" s="5" t="s">
        <v>1518</v>
      </c>
      <c r="J2819" s="5" t="s">
        <v>1519</v>
      </c>
      <c r="K2819" s="2" t="s">
        <v>1520</v>
      </c>
      <c r="L2819" s="5" t="s">
        <v>1519</v>
      </c>
      <c r="M2819" s="2" t="s">
        <v>1520</v>
      </c>
      <c r="N2819" s="5" t="s">
        <v>1521</v>
      </c>
      <c r="O2819" s="5" t="s">
        <v>38</v>
      </c>
      <c r="P2819" s="5" t="s">
        <v>39</v>
      </c>
      <c r="Q2819" s="5" t="s">
        <v>40</v>
      </c>
      <c r="R2819" s="5" t="s">
        <v>1522</v>
      </c>
      <c r="S2819" s="5" t="s">
        <v>1523</v>
      </c>
      <c r="T2819" s="5" t="s">
        <v>42</v>
      </c>
      <c r="U2819" s="2">
        <v>1.385</v>
      </c>
      <c r="V2819" s="2">
        <v>1.083</v>
      </c>
      <c r="W2819" s="2">
        <v>7.0000000000000001E-3</v>
      </c>
      <c r="X2819" s="2">
        <v>82.9</v>
      </c>
      <c r="Y2819" s="2">
        <v>7.6</v>
      </c>
      <c r="Z2819" s="2">
        <v>10.6</v>
      </c>
      <c r="AA2819" s="5"/>
      <c r="AB2819" s="5" t="s">
        <v>43</v>
      </c>
      <c r="AC2819" s="5" t="s">
        <v>44</v>
      </c>
      <c r="AD2819" s="2"/>
      <c r="AE2819" s="1"/>
    </row>
    <row r="2820" spans="1:31" ht="14.45">
      <c r="A2820" s="11"/>
      <c r="B2820" s="20"/>
      <c r="C2820" s="2" t="s">
        <v>8913</v>
      </c>
      <c r="D2820" s="14" t="s">
        <v>8914</v>
      </c>
      <c r="E2820" s="2" t="s">
        <v>8915</v>
      </c>
      <c r="F2820" s="2" t="s">
        <v>7567</v>
      </c>
      <c r="G2820" s="8">
        <v>115</v>
      </c>
      <c r="H2820" s="5">
        <v>6</v>
      </c>
      <c r="I2820" s="5" t="s">
        <v>1518</v>
      </c>
      <c r="J2820" s="5" t="s">
        <v>1519</v>
      </c>
      <c r="K2820" s="2" t="s">
        <v>1520</v>
      </c>
      <c r="L2820" s="5" t="s">
        <v>1519</v>
      </c>
      <c r="M2820" s="2" t="s">
        <v>1520</v>
      </c>
      <c r="N2820" s="5" t="s">
        <v>1521</v>
      </c>
      <c r="O2820" s="5" t="s">
        <v>38</v>
      </c>
      <c r="P2820" s="5" t="s">
        <v>39</v>
      </c>
      <c r="Q2820" s="5" t="s">
        <v>40</v>
      </c>
      <c r="R2820" s="5" t="s">
        <v>1522</v>
      </c>
      <c r="S2820" s="5" t="s">
        <v>1523</v>
      </c>
      <c r="T2820" s="5" t="s">
        <v>42</v>
      </c>
      <c r="U2820" s="2">
        <v>1.4179999999999999</v>
      </c>
      <c r="V2820" s="2">
        <v>1.1160000000000001</v>
      </c>
      <c r="W2820" s="2">
        <v>7.0000000000000001E-3</v>
      </c>
      <c r="X2820" s="2">
        <v>82.9</v>
      </c>
      <c r="Y2820" s="2">
        <v>7.6</v>
      </c>
      <c r="Z2820" s="2">
        <v>10.6</v>
      </c>
      <c r="AA2820" s="5"/>
      <c r="AB2820" s="5" t="s">
        <v>43</v>
      </c>
      <c r="AC2820" s="5" t="s">
        <v>44</v>
      </c>
      <c r="AD2820" s="2"/>
      <c r="AE2820" s="1"/>
    </row>
    <row r="2821" spans="1:31" ht="14.45">
      <c r="A2821" s="11"/>
      <c r="B2821" s="20"/>
      <c r="C2821" s="2" t="s">
        <v>8916</v>
      </c>
      <c r="D2821" s="14" t="s">
        <v>8917</v>
      </c>
      <c r="E2821" s="2" t="s">
        <v>8918</v>
      </c>
      <c r="F2821" s="2" t="s">
        <v>7429</v>
      </c>
      <c r="G2821" s="8">
        <v>115</v>
      </c>
      <c r="H2821" s="5">
        <v>6</v>
      </c>
      <c r="I2821" s="5" t="s">
        <v>1518</v>
      </c>
      <c r="J2821" s="5" t="s">
        <v>1519</v>
      </c>
      <c r="K2821" s="2" t="s">
        <v>1520</v>
      </c>
      <c r="L2821" s="5" t="s">
        <v>1519</v>
      </c>
      <c r="M2821" s="2" t="s">
        <v>1520</v>
      </c>
      <c r="N2821" s="5" t="s">
        <v>1521</v>
      </c>
      <c r="O2821" s="5" t="s">
        <v>38</v>
      </c>
      <c r="P2821" s="5" t="s">
        <v>39</v>
      </c>
      <c r="Q2821" s="5" t="s">
        <v>40</v>
      </c>
      <c r="R2821" s="5" t="s">
        <v>1522</v>
      </c>
      <c r="S2821" s="5" t="s">
        <v>1523</v>
      </c>
      <c r="T2821" s="5" t="s">
        <v>42</v>
      </c>
      <c r="U2821" s="2">
        <v>1.385</v>
      </c>
      <c r="V2821" s="2">
        <v>1.083</v>
      </c>
      <c r="W2821" s="2">
        <v>7.0000000000000001E-3</v>
      </c>
      <c r="X2821" s="2">
        <v>82.9</v>
      </c>
      <c r="Y2821" s="2">
        <v>7.6</v>
      </c>
      <c r="Z2821" s="2">
        <v>10.6</v>
      </c>
      <c r="AA2821" s="5"/>
      <c r="AB2821" s="5" t="s">
        <v>43</v>
      </c>
      <c r="AC2821" s="5" t="s">
        <v>44</v>
      </c>
      <c r="AD2821" s="2"/>
      <c r="AE2821" s="1"/>
    </row>
    <row r="2822" spans="1:31" ht="14.45">
      <c r="A2822" s="11"/>
      <c r="B2822" s="20"/>
      <c r="C2822" s="2" t="s">
        <v>8919</v>
      </c>
      <c r="D2822" s="14" t="s">
        <v>8920</v>
      </c>
      <c r="E2822" s="2" t="s">
        <v>8921</v>
      </c>
      <c r="F2822" s="2" t="s">
        <v>7574</v>
      </c>
      <c r="G2822" s="8">
        <v>115</v>
      </c>
      <c r="H2822" s="5">
        <v>6</v>
      </c>
      <c r="I2822" s="5" t="s">
        <v>1518</v>
      </c>
      <c r="J2822" s="5" t="s">
        <v>1519</v>
      </c>
      <c r="K2822" s="2" t="s">
        <v>1520</v>
      </c>
      <c r="L2822" s="5" t="s">
        <v>1519</v>
      </c>
      <c r="M2822" s="2" t="s">
        <v>1520</v>
      </c>
      <c r="N2822" s="5" t="s">
        <v>1521</v>
      </c>
      <c r="O2822" s="5" t="s">
        <v>38</v>
      </c>
      <c r="P2822" s="5" t="s">
        <v>39</v>
      </c>
      <c r="Q2822" s="5" t="s">
        <v>40</v>
      </c>
      <c r="R2822" s="5" t="s">
        <v>1522</v>
      </c>
      <c r="S2822" s="5" t="s">
        <v>1523</v>
      </c>
      <c r="T2822" s="5" t="s">
        <v>42</v>
      </c>
      <c r="U2822" s="2">
        <v>1.4179999999999999</v>
      </c>
      <c r="V2822" s="2">
        <v>1.1160000000000001</v>
      </c>
      <c r="W2822" s="2">
        <v>7.0000000000000001E-3</v>
      </c>
      <c r="X2822" s="2">
        <v>82.9</v>
      </c>
      <c r="Y2822" s="2">
        <v>7.6</v>
      </c>
      <c r="Z2822" s="2">
        <v>10.6</v>
      </c>
      <c r="AA2822" s="5"/>
      <c r="AB2822" s="5" t="s">
        <v>43</v>
      </c>
      <c r="AC2822" s="5" t="s">
        <v>44</v>
      </c>
      <c r="AD2822" s="2"/>
      <c r="AE2822" s="1"/>
    </row>
    <row r="2823" spans="1:31" ht="14.45">
      <c r="A2823" s="11"/>
      <c r="B2823" s="20"/>
      <c r="C2823" s="2" t="s">
        <v>8922</v>
      </c>
      <c r="D2823" s="14" t="s">
        <v>8923</v>
      </c>
      <c r="E2823" s="2" t="s">
        <v>8924</v>
      </c>
      <c r="F2823" s="2" t="s">
        <v>7449</v>
      </c>
      <c r="G2823" s="8">
        <v>115</v>
      </c>
      <c r="H2823" s="5">
        <v>6</v>
      </c>
      <c r="I2823" s="5" t="s">
        <v>1518</v>
      </c>
      <c r="J2823" s="5" t="s">
        <v>1519</v>
      </c>
      <c r="K2823" s="2" t="s">
        <v>1520</v>
      </c>
      <c r="L2823" s="5" t="s">
        <v>1519</v>
      </c>
      <c r="M2823" s="2" t="s">
        <v>1520</v>
      </c>
      <c r="N2823" s="5" t="s">
        <v>1521</v>
      </c>
      <c r="O2823" s="5" t="s">
        <v>38</v>
      </c>
      <c r="P2823" s="5" t="s">
        <v>39</v>
      </c>
      <c r="Q2823" s="5" t="s">
        <v>40</v>
      </c>
      <c r="R2823" s="5" t="s">
        <v>1522</v>
      </c>
      <c r="S2823" s="5" t="s">
        <v>1523</v>
      </c>
      <c r="T2823" s="5" t="s">
        <v>42</v>
      </c>
      <c r="U2823" s="2">
        <v>1.385</v>
      </c>
      <c r="V2823" s="2">
        <v>1.083</v>
      </c>
      <c r="W2823" s="2">
        <v>7.0000000000000001E-3</v>
      </c>
      <c r="X2823" s="2">
        <v>82.9</v>
      </c>
      <c r="Y2823" s="2">
        <v>7.6</v>
      </c>
      <c r="Z2823" s="2">
        <v>10.6</v>
      </c>
      <c r="AA2823" s="5"/>
      <c r="AB2823" s="5" t="s">
        <v>43</v>
      </c>
      <c r="AC2823" s="5" t="s">
        <v>44</v>
      </c>
      <c r="AD2823" s="2"/>
      <c r="AE2823" s="1"/>
    </row>
    <row r="2824" spans="1:31" ht="14.45">
      <c r="A2824" s="11"/>
      <c r="B2824" s="20"/>
      <c r="C2824" s="2" t="s">
        <v>8925</v>
      </c>
      <c r="D2824" s="14" t="s">
        <v>8926</v>
      </c>
      <c r="E2824" s="2" t="s">
        <v>8927</v>
      </c>
      <c r="F2824" s="2" t="s">
        <v>7581</v>
      </c>
      <c r="G2824" s="8">
        <v>115</v>
      </c>
      <c r="H2824" s="5">
        <v>6</v>
      </c>
      <c r="I2824" s="5" t="s">
        <v>1518</v>
      </c>
      <c r="J2824" s="5" t="s">
        <v>1519</v>
      </c>
      <c r="K2824" s="2" t="s">
        <v>1520</v>
      </c>
      <c r="L2824" s="5" t="s">
        <v>1519</v>
      </c>
      <c r="M2824" s="2" t="s">
        <v>1520</v>
      </c>
      <c r="N2824" s="5" t="s">
        <v>1521</v>
      </c>
      <c r="O2824" s="5" t="s">
        <v>38</v>
      </c>
      <c r="P2824" s="5" t="s">
        <v>39</v>
      </c>
      <c r="Q2824" s="5" t="s">
        <v>40</v>
      </c>
      <c r="R2824" s="5" t="s">
        <v>1522</v>
      </c>
      <c r="S2824" s="5" t="s">
        <v>1523</v>
      </c>
      <c r="T2824" s="5" t="s">
        <v>42</v>
      </c>
      <c r="U2824" s="2">
        <v>1.4179999999999999</v>
      </c>
      <c r="V2824" s="2">
        <v>1.1160000000000001</v>
      </c>
      <c r="W2824" s="2">
        <v>7.0000000000000001E-3</v>
      </c>
      <c r="X2824" s="2">
        <v>82.9</v>
      </c>
      <c r="Y2824" s="2">
        <v>7.6</v>
      </c>
      <c r="Z2824" s="2">
        <v>10.6</v>
      </c>
      <c r="AA2824" s="5"/>
      <c r="AB2824" s="5" t="s">
        <v>43</v>
      </c>
      <c r="AC2824" s="5" t="s">
        <v>44</v>
      </c>
      <c r="AD2824" s="2"/>
      <c r="AE2824" s="1"/>
    </row>
    <row r="2825" spans="1:31" ht="14.45">
      <c r="A2825" s="11"/>
      <c r="B2825" s="20"/>
      <c r="C2825" s="2" t="s">
        <v>8928</v>
      </c>
      <c r="D2825" s="14" t="s">
        <v>8929</v>
      </c>
      <c r="E2825" s="2" t="s">
        <v>8930</v>
      </c>
      <c r="F2825" s="2" t="s">
        <v>7585</v>
      </c>
      <c r="G2825" s="8">
        <v>115</v>
      </c>
      <c r="H2825" s="5">
        <v>6</v>
      </c>
      <c r="I2825" s="5" t="s">
        <v>1518</v>
      </c>
      <c r="J2825" s="5" t="s">
        <v>1519</v>
      </c>
      <c r="K2825" s="2" t="s">
        <v>1520</v>
      </c>
      <c r="L2825" s="5" t="s">
        <v>1519</v>
      </c>
      <c r="M2825" s="2" t="s">
        <v>1520</v>
      </c>
      <c r="N2825" s="5" t="s">
        <v>1521</v>
      </c>
      <c r="O2825" s="5" t="s">
        <v>38</v>
      </c>
      <c r="P2825" s="5" t="s">
        <v>39</v>
      </c>
      <c r="Q2825" s="5" t="s">
        <v>40</v>
      </c>
      <c r="R2825" s="5" t="s">
        <v>1522</v>
      </c>
      <c r="S2825" s="5" t="s">
        <v>1523</v>
      </c>
      <c r="T2825" s="5" t="s">
        <v>42</v>
      </c>
      <c r="U2825" s="2">
        <v>1.3720000000000001</v>
      </c>
      <c r="V2825" s="2">
        <v>1.07</v>
      </c>
      <c r="W2825" s="2">
        <v>7.0000000000000001E-3</v>
      </c>
      <c r="X2825" s="2">
        <v>82.9</v>
      </c>
      <c r="Y2825" s="2">
        <v>7.6</v>
      </c>
      <c r="Z2825" s="2">
        <v>10.6</v>
      </c>
      <c r="AA2825" s="5"/>
      <c r="AB2825" s="5" t="s">
        <v>43</v>
      </c>
      <c r="AC2825" s="5" t="s">
        <v>44</v>
      </c>
      <c r="AD2825" s="2"/>
      <c r="AE2825" s="1"/>
    </row>
    <row r="2826" spans="1:31" ht="14.45">
      <c r="A2826" s="11"/>
      <c r="B2826" s="20"/>
      <c r="C2826" s="2" t="s">
        <v>8931</v>
      </c>
      <c r="D2826" s="14" t="s">
        <v>8932</v>
      </c>
      <c r="E2826" s="2" t="s">
        <v>8933</v>
      </c>
      <c r="F2826" s="2" t="s">
        <v>7589</v>
      </c>
      <c r="G2826" s="8">
        <v>115</v>
      </c>
      <c r="H2826" s="5">
        <v>6</v>
      </c>
      <c r="I2826" s="5" t="s">
        <v>1518</v>
      </c>
      <c r="J2826" s="5" t="s">
        <v>1519</v>
      </c>
      <c r="K2826" s="2" t="s">
        <v>1520</v>
      </c>
      <c r="L2826" s="5" t="s">
        <v>1519</v>
      </c>
      <c r="M2826" s="2" t="s">
        <v>1520</v>
      </c>
      <c r="N2826" s="5" t="s">
        <v>1521</v>
      </c>
      <c r="O2826" s="5" t="s">
        <v>38</v>
      </c>
      <c r="P2826" s="5" t="s">
        <v>39</v>
      </c>
      <c r="Q2826" s="5" t="s">
        <v>40</v>
      </c>
      <c r="R2826" s="5" t="s">
        <v>1522</v>
      </c>
      <c r="S2826" s="5" t="s">
        <v>1523</v>
      </c>
      <c r="T2826" s="5" t="s">
        <v>42</v>
      </c>
      <c r="U2826" s="2">
        <v>1.405</v>
      </c>
      <c r="V2826" s="2">
        <v>1.103</v>
      </c>
      <c r="W2826" s="2">
        <v>7.0000000000000001E-3</v>
      </c>
      <c r="X2826" s="2">
        <v>82.9</v>
      </c>
      <c r="Y2826" s="2">
        <v>7.6</v>
      </c>
      <c r="Z2826" s="2">
        <v>10.6</v>
      </c>
      <c r="AA2826" s="5"/>
      <c r="AB2826" s="5" t="s">
        <v>43</v>
      </c>
      <c r="AC2826" s="5" t="s">
        <v>44</v>
      </c>
      <c r="AD2826" s="2"/>
      <c r="AE2826" s="1"/>
    </row>
    <row r="2827" spans="1:31" ht="14.45">
      <c r="A2827" s="11"/>
      <c r="B2827" s="20"/>
      <c r="C2827" s="2" t="s">
        <v>8934</v>
      </c>
      <c r="D2827" s="14" t="s">
        <v>8935</v>
      </c>
      <c r="E2827" s="2" t="s">
        <v>8936</v>
      </c>
      <c r="F2827" s="2" t="s">
        <v>7593</v>
      </c>
      <c r="G2827" s="8">
        <v>115</v>
      </c>
      <c r="H2827" s="5">
        <v>6</v>
      </c>
      <c r="I2827" s="5" t="s">
        <v>1518</v>
      </c>
      <c r="J2827" s="5" t="s">
        <v>1519</v>
      </c>
      <c r="K2827" s="2" t="s">
        <v>1520</v>
      </c>
      <c r="L2827" s="5" t="s">
        <v>1519</v>
      </c>
      <c r="M2827" s="2" t="s">
        <v>1520</v>
      </c>
      <c r="N2827" s="5" t="s">
        <v>1521</v>
      </c>
      <c r="O2827" s="5" t="s">
        <v>38</v>
      </c>
      <c r="P2827" s="5" t="s">
        <v>39</v>
      </c>
      <c r="Q2827" s="5" t="s">
        <v>40</v>
      </c>
      <c r="R2827" s="5" t="s">
        <v>1522</v>
      </c>
      <c r="S2827" s="5" t="s">
        <v>1523</v>
      </c>
      <c r="T2827" s="5" t="s">
        <v>42</v>
      </c>
      <c r="U2827" s="2">
        <v>1.385</v>
      </c>
      <c r="V2827" s="2">
        <v>1.083</v>
      </c>
      <c r="W2827" s="2">
        <v>7.0000000000000001E-3</v>
      </c>
      <c r="X2827" s="2">
        <v>82.9</v>
      </c>
      <c r="Y2827" s="2">
        <v>7.6</v>
      </c>
      <c r="Z2827" s="2">
        <v>10.6</v>
      </c>
      <c r="AA2827" s="5"/>
      <c r="AB2827" s="5" t="s">
        <v>43</v>
      </c>
      <c r="AC2827" s="5" t="s">
        <v>44</v>
      </c>
      <c r="AD2827" s="2"/>
      <c r="AE2827" s="1"/>
    </row>
    <row r="2828" spans="1:31" ht="14.45">
      <c r="A2828" s="11"/>
      <c r="B2828" s="20"/>
      <c r="C2828" s="2" t="s">
        <v>8937</v>
      </c>
      <c r="D2828" s="14" t="s">
        <v>8938</v>
      </c>
      <c r="E2828" s="2" t="s">
        <v>8939</v>
      </c>
      <c r="F2828" s="2" t="s">
        <v>7597</v>
      </c>
      <c r="G2828" s="8">
        <v>115</v>
      </c>
      <c r="H2828" s="5">
        <v>6</v>
      </c>
      <c r="I2828" s="5" t="s">
        <v>1518</v>
      </c>
      <c r="J2828" s="5" t="s">
        <v>1519</v>
      </c>
      <c r="K2828" s="2" t="s">
        <v>1520</v>
      </c>
      <c r="L2828" s="5" t="s">
        <v>1519</v>
      </c>
      <c r="M2828" s="2" t="s">
        <v>1520</v>
      </c>
      <c r="N2828" s="5" t="s">
        <v>1521</v>
      </c>
      <c r="O2828" s="5" t="s">
        <v>38</v>
      </c>
      <c r="P2828" s="5" t="s">
        <v>39</v>
      </c>
      <c r="Q2828" s="5" t="s">
        <v>40</v>
      </c>
      <c r="R2828" s="5" t="s">
        <v>1522</v>
      </c>
      <c r="S2828" s="5" t="s">
        <v>1523</v>
      </c>
      <c r="T2828" s="5" t="s">
        <v>42</v>
      </c>
      <c r="U2828" s="2">
        <v>1.4179999999999999</v>
      </c>
      <c r="V2828" s="2">
        <v>1.1160000000000001</v>
      </c>
      <c r="W2828" s="2">
        <v>7.0000000000000001E-3</v>
      </c>
      <c r="X2828" s="2">
        <v>82.9</v>
      </c>
      <c r="Y2828" s="2">
        <v>7.6</v>
      </c>
      <c r="Z2828" s="2">
        <v>10.6</v>
      </c>
      <c r="AA2828" s="5"/>
      <c r="AB2828" s="5" t="s">
        <v>43</v>
      </c>
      <c r="AC2828" s="5" t="s">
        <v>44</v>
      </c>
      <c r="AD2828" s="2"/>
      <c r="AE2828" s="1"/>
    </row>
    <row r="2829" spans="1:31" ht="14.45">
      <c r="A2829" s="11"/>
      <c r="B2829" s="20"/>
      <c r="C2829" s="2" t="s">
        <v>8940</v>
      </c>
      <c r="D2829" s="14" t="s">
        <v>8941</v>
      </c>
      <c r="E2829" s="2" t="s">
        <v>8942</v>
      </c>
      <c r="F2829" s="2" t="s">
        <v>7410</v>
      </c>
      <c r="G2829" s="8">
        <v>115</v>
      </c>
      <c r="H2829" s="5">
        <v>6</v>
      </c>
      <c r="I2829" s="5" t="s">
        <v>1518</v>
      </c>
      <c r="J2829" s="5" t="s">
        <v>1519</v>
      </c>
      <c r="K2829" s="2" t="s">
        <v>1520</v>
      </c>
      <c r="L2829" s="5" t="s">
        <v>1519</v>
      </c>
      <c r="M2829" s="2" t="s">
        <v>1520</v>
      </c>
      <c r="N2829" s="5" t="s">
        <v>1521</v>
      </c>
      <c r="O2829" s="5" t="s">
        <v>38</v>
      </c>
      <c r="P2829" s="5" t="s">
        <v>39</v>
      </c>
      <c r="Q2829" s="5" t="s">
        <v>40</v>
      </c>
      <c r="R2829" s="5" t="s">
        <v>1522</v>
      </c>
      <c r="S2829" s="5" t="s">
        <v>1523</v>
      </c>
      <c r="T2829" s="5" t="s">
        <v>42</v>
      </c>
      <c r="U2829" s="2">
        <v>1.385</v>
      </c>
      <c r="V2829" s="2">
        <v>1.083</v>
      </c>
      <c r="W2829" s="2">
        <v>7.0000000000000001E-3</v>
      </c>
      <c r="X2829" s="2">
        <v>82.9</v>
      </c>
      <c r="Y2829" s="2">
        <v>7.6</v>
      </c>
      <c r="Z2829" s="2">
        <v>10.6</v>
      </c>
      <c r="AA2829" s="5"/>
      <c r="AB2829" s="5" t="s">
        <v>43</v>
      </c>
      <c r="AC2829" s="5" t="s">
        <v>44</v>
      </c>
      <c r="AD2829" s="2"/>
      <c r="AE2829" s="1"/>
    </row>
    <row r="2830" spans="1:31" ht="14.45">
      <c r="A2830" s="11"/>
      <c r="B2830" s="20"/>
      <c r="C2830" s="2" t="s">
        <v>8943</v>
      </c>
      <c r="D2830" s="14" t="s">
        <v>8944</v>
      </c>
      <c r="E2830" s="2" t="s">
        <v>8945</v>
      </c>
      <c r="F2830" s="2" t="s">
        <v>7604</v>
      </c>
      <c r="G2830" s="8">
        <v>115</v>
      </c>
      <c r="H2830" s="5">
        <v>6</v>
      </c>
      <c r="I2830" s="5" t="s">
        <v>1518</v>
      </c>
      <c r="J2830" s="5" t="s">
        <v>1519</v>
      </c>
      <c r="K2830" s="2" t="s">
        <v>1520</v>
      </c>
      <c r="L2830" s="5" t="s">
        <v>1519</v>
      </c>
      <c r="M2830" s="2" t="s">
        <v>1520</v>
      </c>
      <c r="N2830" s="5" t="s">
        <v>1521</v>
      </c>
      <c r="O2830" s="5" t="s">
        <v>38</v>
      </c>
      <c r="P2830" s="5" t="s">
        <v>39</v>
      </c>
      <c r="Q2830" s="5" t="s">
        <v>40</v>
      </c>
      <c r="R2830" s="5" t="s">
        <v>1522</v>
      </c>
      <c r="S2830" s="5" t="s">
        <v>1523</v>
      </c>
      <c r="T2830" s="5" t="s">
        <v>42</v>
      </c>
      <c r="U2830" s="2">
        <v>1.4179999999999999</v>
      </c>
      <c r="V2830" s="2">
        <v>1.1160000000000001</v>
      </c>
      <c r="W2830" s="2">
        <v>7.0000000000000001E-3</v>
      </c>
      <c r="X2830" s="2">
        <v>82.9</v>
      </c>
      <c r="Y2830" s="2">
        <v>7.6</v>
      </c>
      <c r="Z2830" s="2">
        <v>10.6</v>
      </c>
      <c r="AA2830" s="5"/>
      <c r="AB2830" s="5" t="s">
        <v>43</v>
      </c>
      <c r="AC2830" s="5" t="s">
        <v>44</v>
      </c>
      <c r="AD2830" s="2"/>
      <c r="AE2830" s="1"/>
    </row>
    <row r="2831" spans="1:31" ht="14.45">
      <c r="A2831" s="11"/>
      <c r="B2831" s="20"/>
      <c r="C2831" s="2" t="s">
        <v>8946</v>
      </c>
      <c r="D2831" s="14" t="s">
        <v>8947</v>
      </c>
      <c r="E2831" s="2" t="s">
        <v>8948</v>
      </c>
      <c r="F2831" s="2" t="s">
        <v>7433</v>
      </c>
      <c r="G2831" s="8">
        <v>115</v>
      </c>
      <c r="H2831" s="5">
        <v>6</v>
      </c>
      <c r="I2831" s="5" t="s">
        <v>1518</v>
      </c>
      <c r="J2831" s="5" t="s">
        <v>1519</v>
      </c>
      <c r="K2831" s="2" t="s">
        <v>1520</v>
      </c>
      <c r="L2831" s="5" t="s">
        <v>1519</v>
      </c>
      <c r="M2831" s="2" t="s">
        <v>1520</v>
      </c>
      <c r="N2831" s="5" t="s">
        <v>1521</v>
      </c>
      <c r="O2831" s="5" t="s">
        <v>38</v>
      </c>
      <c r="P2831" s="5" t="s">
        <v>39</v>
      </c>
      <c r="Q2831" s="5" t="s">
        <v>40</v>
      </c>
      <c r="R2831" s="5" t="s">
        <v>1522</v>
      </c>
      <c r="S2831" s="5" t="s">
        <v>1523</v>
      </c>
      <c r="T2831" s="5" t="s">
        <v>42</v>
      </c>
      <c r="U2831" s="2">
        <v>1.385</v>
      </c>
      <c r="V2831" s="2">
        <v>1.083</v>
      </c>
      <c r="W2831" s="2">
        <v>7.0000000000000001E-3</v>
      </c>
      <c r="X2831" s="2">
        <v>82.9</v>
      </c>
      <c r="Y2831" s="2">
        <v>7.6</v>
      </c>
      <c r="Z2831" s="2">
        <v>10.6</v>
      </c>
      <c r="AA2831" s="5"/>
      <c r="AB2831" s="5" t="s">
        <v>43</v>
      </c>
      <c r="AC2831" s="5" t="s">
        <v>44</v>
      </c>
      <c r="AD2831" s="2"/>
      <c r="AE2831" s="1"/>
    </row>
    <row r="2832" spans="1:31" ht="14.45">
      <c r="A2832" s="11"/>
      <c r="B2832" s="20"/>
      <c r="C2832" s="2" t="s">
        <v>8949</v>
      </c>
      <c r="D2832" s="14" t="s">
        <v>8950</v>
      </c>
      <c r="E2832" s="2" t="s">
        <v>8951</v>
      </c>
      <c r="F2832" s="2" t="s">
        <v>7611</v>
      </c>
      <c r="G2832" s="8">
        <v>115</v>
      </c>
      <c r="H2832" s="5">
        <v>6</v>
      </c>
      <c r="I2832" s="5" t="s">
        <v>1518</v>
      </c>
      <c r="J2832" s="5" t="s">
        <v>1519</v>
      </c>
      <c r="K2832" s="2" t="s">
        <v>1520</v>
      </c>
      <c r="L2832" s="5" t="s">
        <v>1519</v>
      </c>
      <c r="M2832" s="2" t="s">
        <v>1520</v>
      </c>
      <c r="N2832" s="5" t="s">
        <v>1521</v>
      </c>
      <c r="O2832" s="5" t="s">
        <v>38</v>
      </c>
      <c r="P2832" s="5" t="s">
        <v>39</v>
      </c>
      <c r="Q2832" s="5" t="s">
        <v>40</v>
      </c>
      <c r="R2832" s="5" t="s">
        <v>1522</v>
      </c>
      <c r="S2832" s="5" t="s">
        <v>1523</v>
      </c>
      <c r="T2832" s="5" t="s">
        <v>42</v>
      </c>
      <c r="U2832" s="2">
        <v>1.4179999999999999</v>
      </c>
      <c r="V2832" s="2">
        <v>1.1160000000000001</v>
      </c>
      <c r="W2832" s="2">
        <v>7.0000000000000001E-3</v>
      </c>
      <c r="X2832" s="2">
        <v>82.9</v>
      </c>
      <c r="Y2832" s="2">
        <v>7.6</v>
      </c>
      <c r="Z2832" s="2">
        <v>10.6</v>
      </c>
      <c r="AA2832" s="5"/>
      <c r="AB2832" s="5" t="s">
        <v>43</v>
      </c>
      <c r="AC2832" s="5" t="s">
        <v>44</v>
      </c>
      <c r="AD2832" s="2"/>
      <c r="AE2832" s="1"/>
    </row>
    <row r="2833" spans="1:31" ht="14.45">
      <c r="A2833" s="11"/>
      <c r="B2833" s="20"/>
      <c r="C2833" s="2" t="s">
        <v>8952</v>
      </c>
      <c r="D2833" s="14" t="s">
        <v>8953</v>
      </c>
      <c r="E2833" s="2" t="s">
        <v>8954</v>
      </c>
      <c r="F2833" s="2" t="s">
        <v>7615</v>
      </c>
      <c r="G2833" s="8">
        <v>115</v>
      </c>
      <c r="H2833" s="5">
        <v>6</v>
      </c>
      <c r="I2833" s="5" t="s">
        <v>1518</v>
      </c>
      <c r="J2833" s="5" t="s">
        <v>1519</v>
      </c>
      <c r="K2833" s="2" t="s">
        <v>1520</v>
      </c>
      <c r="L2833" s="5" t="s">
        <v>1519</v>
      </c>
      <c r="M2833" s="2" t="s">
        <v>1520</v>
      </c>
      <c r="N2833" s="5" t="s">
        <v>1521</v>
      </c>
      <c r="O2833" s="5" t="s">
        <v>38</v>
      </c>
      <c r="P2833" s="5" t="s">
        <v>39</v>
      </c>
      <c r="Q2833" s="5" t="s">
        <v>40</v>
      </c>
      <c r="R2833" s="5" t="s">
        <v>1522</v>
      </c>
      <c r="S2833" s="5" t="s">
        <v>1523</v>
      </c>
      <c r="T2833" s="5" t="s">
        <v>42</v>
      </c>
      <c r="U2833" s="2">
        <v>1.3720000000000001</v>
      </c>
      <c r="V2833" s="2">
        <v>1.07</v>
      </c>
      <c r="W2833" s="2">
        <v>7.0000000000000001E-3</v>
      </c>
      <c r="X2833" s="2">
        <v>82.9</v>
      </c>
      <c r="Y2833" s="2">
        <v>7.6</v>
      </c>
      <c r="Z2833" s="2">
        <v>10.6</v>
      </c>
      <c r="AA2833" s="5"/>
      <c r="AB2833" s="5" t="s">
        <v>43</v>
      </c>
      <c r="AC2833" s="5" t="s">
        <v>44</v>
      </c>
      <c r="AD2833" s="2"/>
      <c r="AE2833" s="1"/>
    </row>
    <row r="2834" spans="1:31" ht="14.45">
      <c r="A2834" s="11"/>
      <c r="B2834" s="20"/>
      <c r="C2834" s="2" t="s">
        <v>8955</v>
      </c>
      <c r="D2834" s="14" t="s">
        <v>8956</v>
      </c>
      <c r="E2834" s="2" t="s">
        <v>8957</v>
      </c>
      <c r="F2834" s="2" t="s">
        <v>7619</v>
      </c>
      <c r="G2834" s="8">
        <v>115</v>
      </c>
      <c r="H2834" s="5">
        <v>6</v>
      </c>
      <c r="I2834" s="5" t="s">
        <v>1518</v>
      </c>
      <c r="J2834" s="5" t="s">
        <v>1519</v>
      </c>
      <c r="K2834" s="2" t="s">
        <v>1520</v>
      </c>
      <c r="L2834" s="5" t="s">
        <v>1519</v>
      </c>
      <c r="M2834" s="2" t="s">
        <v>1520</v>
      </c>
      <c r="N2834" s="5" t="s">
        <v>1521</v>
      </c>
      <c r="O2834" s="5" t="s">
        <v>38</v>
      </c>
      <c r="P2834" s="5" t="s">
        <v>39</v>
      </c>
      <c r="Q2834" s="5" t="s">
        <v>40</v>
      </c>
      <c r="R2834" s="5" t="s">
        <v>1522</v>
      </c>
      <c r="S2834" s="5" t="s">
        <v>1523</v>
      </c>
      <c r="T2834" s="5" t="s">
        <v>42</v>
      </c>
      <c r="U2834" s="2">
        <v>1.405</v>
      </c>
      <c r="V2834" s="2">
        <v>1.103</v>
      </c>
      <c r="W2834" s="2">
        <v>7.0000000000000001E-3</v>
      </c>
      <c r="X2834" s="2">
        <v>82.9</v>
      </c>
      <c r="Y2834" s="2">
        <v>7.6</v>
      </c>
      <c r="Z2834" s="2">
        <v>10.6</v>
      </c>
      <c r="AA2834" s="5"/>
      <c r="AB2834" s="5" t="s">
        <v>43</v>
      </c>
      <c r="AC2834" s="5" t="s">
        <v>44</v>
      </c>
      <c r="AD2834" s="2"/>
      <c r="AE2834" s="1"/>
    </row>
    <row r="2835" spans="1:31" ht="14.45">
      <c r="A2835" s="11"/>
      <c r="B2835" s="20"/>
      <c r="C2835" s="2" t="s">
        <v>8958</v>
      </c>
      <c r="D2835" s="14" t="s">
        <v>8959</v>
      </c>
      <c r="E2835" s="2" t="s">
        <v>8960</v>
      </c>
      <c r="F2835" s="2" t="s">
        <v>1823</v>
      </c>
      <c r="G2835" s="8">
        <v>115</v>
      </c>
      <c r="H2835" s="5">
        <v>8</v>
      </c>
      <c r="I2835" s="5" t="s">
        <v>1518</v>
      </c>
      <c r="J2835" s="5" t="s">
        <v>1519</v>
      </c>
      <c r="K2835" s="2" t="s">
        <v>1520</v>
      </c>
      <c r="L2835" s="5" t="s">
        <v>1519</v>
      </c>
      <c r="M2835" s="2" t="s">
        <v>1520</v>
      </c>
      <c r="N2835" s="5" t="s">
        <v>1521</v>
      </c>
      <c r="O2835" s="5" t="s">
        <v>38</v>
      </c>
      <c r="P2835" s="5" t="s">
        <v>39</v>
      </c>
      <c r="Q2835" s="5" t="s">
        <v>40</v>
      </c>
      <c r="R2835" s="5" t="s">
        <v>1522</v>
      </c>
      <c r="S2835" s="5" t="s">
        <v>1523</v>
      </c>
      <c r="T2835" s="5" t="s">
        <v>42</v>
      </c>
      <c r="U2835" s="2">
        <v>1.3939999999999999</v>
      </c>
      <c r="V2835" s="2">
        <v>1.0920000000000001</v>
      </c>
      <c r="W2835" s="2">
        <v>7.0000000000000001E-3</v>
      </c>
      <c r="X2835" s="2">
        <v>82.9</v>
      </c>
      <c r="Y2835" s="2">
        <v>7.6</v>
      </c>
      <c r="Z2835" s="2">
        <v>10.6</v>
      </c>
      <c r="AA2835" s="5"/>
      <c r="AB2835" s="5" t="s">
        <v>43</v>
      </c>
      <c r="AC2835" s="5" t="s">
        <v>44</v>
      </c>
      <c r="AD2835" s="2"/>
      <c r="AE2835" s="1"/>
    </row>
    <row r="2836" spans="1:31" ht="14.45">
      <c r="A2836" s="11"/>
      <c r="B2836" s="20"/>
      <c r="C2836" s="2" t="s">
        <v>8961</v>
      </c>
      <c r="D2836" s="14" t="s">
        <v>8962</v>
      </c>
      <c r="E2836" s="2" t="s">
        <v>8963</v>
      </c>
      <c r="F2836" s="2" t="s">
        <v>1827</v>
      </c>
      <c r="G2836" s="8">
        <v>115</v>
      </c>
      <c r="H2836" s="5">
        <v>8</v>
      </c>
      <c r="I2836" s="5" t="s">
        <v>1518</v>
      </c>
      <c r="J2836" s="5" t="s">
        <v>1519</v>
      </c>
      <c r="K2836" s="2" t="s">
        <v>1520</v>
      </c>
      <c r="L2836" s="5" t="s">
        <v>1519</v>
      </c>
      <c r="M2836" s="2" t="s">
        <v>1520</v>
      </c>
      <c r="N2836" s="5" t="s">
        <v>1521</v>
      </c>
      <c r="O2836" s="5" t="s">
        <v>38</v>
      </c>
      <c r="P2836" s="5" t="s">
        <v>39</v>
      </c>
      <c r="Q2836" s="5" t="s">
        <v>40</v>
      </c>
      <c r="R2836" s="5" t="s">
        <v>1522</v>
      </c>
      <c r="S2836" s="5" t="s">
        <v>1523</v>
      </c>
      <c r="T2836" s="5" t="s">
        <v>42</v>
      </c>
      <c r="U2836" s="2">
        <v>1.427</v>
      </c>
      <c r="V2836" s="2">
        <v>1.125</v>
      </c>
      <c r="W2836" s="2">
        <v>7.0000000000000001E-3</v>
      </c>
      <c r="X2836" s="2">
        <v>82.9</v>
      </c>
      <c r="Y2836" s="2">
        <v>7.6</v>
      </c>
      <c r="Z2836" s="2">
        <v>10.6</v>
      </c>
      <c r="AA2836" s="5"/>
      <c r="AB2836" s="5" t="s">
        <v>43</v>
      </c>
      <c r="AC2836" s="5" t="s">
        <v>44</v>
      </c>
      <c r="AD2836" s="2"/>
      <c r="AE2836" s="1"/>
    </row>
    <row r="2837" spans="1:31" ht="14.45">
      <c r="A2837" s="11"/>
      <c r="B2837" s="20"/>
      <c r="C2837" s="2" t="s">
        <v>8964</v>
      </c>
      <c r="D2837" s="14" t="s">
        <v>8965</v>
      </c>
      <c r="E2837" s="2" t="s">
        <v>8966</v>
      </c>
      <c r="F2837" s="2" t="s">
        <v>1973</v>
      </c>
      <c r="G2837" s="8">
        <v>115</v>
      </c>
      <c r="H2837" s="5">
        <v>13</v>
      </c>
      <c r="I2837" s="5" t="s">
        <v>1518</v>
      </c>
      <c r="J2837" s="5" t="s">
        <v>1519</v>
      </c>
      <c r="K2837" s="2" t="s">
        <v>1520</v>
      </c>
      <c r="L2837" s="5" t="s">
        <v>1519</v>
      </c>
      <c r="M2837" s="2" t="s">
        <v>1520</v>
      </c>
      <c r="N2837" s="5" t="s">
        <v>1521</v>
      </c>
      <c r="O2837" s="5" t="s">
        <v>38</v>
      </c>
      <c r="P2837" s="5" t="s">
        <v>39</v>
      </c>
      <c r="Q2837" s="5" t="s">
        <v>40</v>
      </c>
      <c r="R2837" s="5" t="s">
        <v>1522</v>
      </c>
      <c r="S2837" s="5" t="s">
        <v>1523</v>
      </c>
      <c r="T2837" s="5" t="s">
        <v>42</v>
      </c>
      <c r="U2837" s="2">
        <v>1.413</v>
      </c>
      <c r="V2837" s="2">
        <v>1.111</v>
      </c>
      <c r="W2837" s="2">
        <v>7.0000000000000001E-3</v>
      </c>
      <c r="X2837" s="2">
        <v>82.9</v>
      </c>
      <c r="Y2837" s="2">
        <v>7.6</v>
      </c>
      <c r="Z2837" s="2">
        <v>10.6</v>
      </c>
      <c r="AA2837" s="5"/>
      <c r="AB2837" s="5" t="s">
        <v>43</v>
      </c>
      <c r="AC2837" s="5" t="s">
        <v>44</v>
      </c>
      <c r="AD2837" s="2"/>
      <c r="AE2837" s="1"/>
    </row>
    <row r="2838" spans="1:31" ht="14.45">
      <c r="A2838" s="11"/>
      <c r="B2838" s="20"/>
      <c r="C2838" s="2" t="s">
        <v>8967</v>
      </c>
      <c r="D2838" s="14" t="s">
        <v>8968</v>
      </c>
      <c r="E2838" s="2" t="s">
        <v>8969</v>
      </c>
      <c r="F2838" s="2" t="s">
        <v>2348</v>
      </c>
      <c r="G2838" s="8">
        <v>115</v>
      </c>
      <c r="H2838" s="5">
        <v>13</v>
      </c>
      <c r="I2838" s="5" t="s">
        <v>1518</v>
      </c>
      <c r="J2838" s="5" t="s">
        <v>1519</v>
      </c>
      <c r="K2838" s="2" t="s">
        <v>1520</v>
      </c>
      <c r="L2838" s="5" t="s">
        <v>1519</v>
      </c>
      <c r="M2838" s="2" t="s">
        <v>1520</v>
      </c>
      <c r="N2838" s="5" t="s">
        <v>1521</v>
      </c>
      <c r="O2838" s="5" t="s">
        <v>38</v>
      </c>
      <c r="P2838" s="5" t="s">
        <v>39</v>
      </c>
      <c r="Q2838" s="5" t="s">
        <v>40</v>
      </c>
      <c r="R2838" s="5" t="s">
        <v>1522</v>
      </c>
      <c r="S2838" s="5" t="s">
        <v>1523</v>
      </c>
      <c r="T2838" s="5" t="s">
        <v>42</v>
      </c>
      <c r="U2838" s="2">
        <v>1.446</v>
      </c>
      <c r="V2838" s="2">
        <v>1.1439999999999999</v>
      </c>
      <c r="W2838" s="2">
        <v>7.0000000000000001E-3</v>
      </c>
      <c r="X2838" s="2">
        <v>82.9</v>
      </c>
      <c r="Y2838" s="2">
        <v>7.6</v>
      </c>
      <c r="Z2838" s="2">
        <v>10.6</v>
      </c>
      <c r="AA2838" s="5"/>
      <c r="AB2838" s="5" t="s">
        <v>43</v>
      </c>
      <c r="AC2838" s="5" t="s">
        <v>44</v>
      </c>
      <c r="AD2838" s="2"/>
      <c r="AE2838" s="1"/>
    </row>
    <row r="2839" spans="1:31" ht="14.45">
      <c r="A2839" s="11"/>
      <c r="B2839" s="20"/>
      <c r="C2839" s="2" t="s">
        <v>8970</v>
      </c>
      <c r="D2839" s="14" t="s">
        <v>8971</v>
      </c>
      <c r="E2839" s="2" t="s">
        <v>8972</v>
      </c>
      <c r="F2839" s="2" t="s">
        <v>2724</v>
      </c>
      <c r="G2839" s="8">
        <v>115</v>
      </c>
      <c r="H2839" s="5">
        <v>13</v>
      </c>
      <c r="I2839" s="5" t="s">
        <v>1518</v>
      </c>
      <c r="J2839" s="5" t="s">
        <v>1519</v>
      </c>
      <c r="K2839" s="2" t="s">
        <v>1520</v>
      </c>
      <c r="L2839" s="5" t="s">
        <v>1519</v>
      </c>
      <c r="M2839" s="2" t="s">
        <v>1520</v>
      </c>
      <c r="N2839" s="5" t="s">
        <v>1521</v>
      </c>
      <c r="O2839" s="5" t="s">
        <v>38</v>
      </c>
      <c r="P2839" s="5" t="s">
        <v>39</v>
      </c>
      <c r="Q2839" s="5" t="s">
        <v>40</v>
      </c>
      <c r="R2839" s="5" t="s">
        <v>1522</v>
      </c>
      <c r="S2839" s="5" t="s">
        <v>1523</v>
      </c>
      <c r="T2839" s="5" t="s">
        <v>42</v>
      </c>
      <c r="U2839" s="2">
        <v>1.446</v>
      </c>
      <c r="V2839" s="2">
        <v>1.1439999999999999</v>
      </c>
      <c r="W2839" s="2">
        <v>7.0000000000000001E-3</v>
      </c>
      <c r="X2839" s="2">
        <v>82.9</v>
      </c>
      <c r="Y2839" s="2">
        <v>7.6</v>
      </c>
      <c r="Z2839" s="2">
        <v>10.6</v>
      </c>
      <c r="AA2839" s="5"/>
      <c r="AB2839" s="5" t="s">
        <v>43</v>
      </c>
      <c r="AC2839" s="5" t="s">
        <v>44</v>
      </c>
      <c r="AD2839" s="2"/>
      <c r="AE2839" s="1"/>
    </row>
    <row r="2840" spans="1:31" ht="14.45">
      <c r="A2840" s="11"/>
      <c r="B2840" s="20"/>
      <c r="C2840" s="2" t="s">
        <v>8973</v>
      </c>
      <c r="D2840" s="14" t="s">
        <v>8974</v>
      </c>
      <c r="E2840" s="2" t="s">
        <v>8975</v>
      </c>
      <c r="F2840" s="2" t="s">
        <v>2208</v>
      </c>
      <c r="G2840" s="8">
        <v>115</v>
      </c>
      <c r="H2840" s="5">
        <v>13</v>
      </c>
      <c r="I2840" s="5" t="s">
        <v>1518</v>
      </c>
      <c r="J2840" s="5" t="s">
        <v>1519</v>
      </c>
      <c r="K2840" s="2" t="s">
        <v>1520</v>
      </c>
      <c r="L2840" s="5" t="s">
        <v>1519</v>
      </c>
      <c r="M2840" s="2" t="s">
        <v>1520</v>
      </c>
      <c r="N2840" s="5" t="s">
        <v>1521</v>
      </c>
      <c r="O2840" s="5" t="s">
        <v>38</v>
      </c>
      <c r="P2840" s="5" t="s">
        <v>39</v>
      </c>
      <c r="Q2840" s="5" t="s">
        <v>40</v>
      </c>
      <c r="R2840" s="5" t="s">
        <v>1522</v>
      </c>
      <c r="S2840" s="5" t="s">
        <v>1523</v>
      </c>
      <c r="T2840" s="5" t="s">
        <v>42</v>
      </c>
      <c r="U2840" s="2">
        <v>1.413</v>
      </c>
      <c r="V2840" s="2">
        <v>1.111</v>
      </c>
      <c r="W2840" s="2">
        <v>7.0000000000000001E-3</v>
      </c>
      <c r="X2840" s="2">
        <v>82.9</v>
      </c>
      <c r="Y2840" s="2">
        <v>7.6</v>
      </c>
      <c r="Z2840" s="2">
        <v>10.6</v>
      </c>
      <c r="AA2840" s="5"/>
      <c r="AB2840" s="5" t="s">
        <v>43</v>
      </c>
      <c r="AC2840" s="5" t="s">
        <v>44</v>
      </c>
      <c r="AD2840" s="2"/>
      <c r="AE2840" s="1"/>
    </row>
    <row r="2841" spans="1:31" ht="14.45">
      <c r="A2841" s="11"/>
      <c r="B2841" s="20"/>
      <c r="C2841" s="2" t="s">
        <v>8976</v>
      </c>
      <c r="D2841" s="14" t="s">
        <v>8977</v>
      </c>
      <c r="E2841" s="2" t="s">
        <v>8978</v>
      </c>
      <c r="F2841" s="2" t="s">
        <v>2212</v>
      </c>
      <c r="G2841" s="8">
        <v>115</v>
      </c>
      <c r="H2841" s="5">
        <v>13</v>
      </c>
      <c r="I2841" s="5" t="s">
        <v>1518</v>
      </c>
      <c r="J2841" s="5" t="s">
        <v>1519</v>
      </c>
      <c r="K2841" s="2" t="s">
        <v>1520</v>
      </c>
      <c r="L2841" s="5" t="s">
        <v>1519</v>
      </c>
      <c r="M2841" s="2" t="s">
        <v>1520</v>
      </c>
      <c r="N2841" s="5" t="s">
        <v>1521</v>
      </c>
      <c r="O2841" s="5" t="s">
        <v>38</v>
      </c>
      <c r="P2841" s="5" t="s">
        <v>39</v>
      </c>
      <c r="Q2841" s="5" t="s">
        <v>40</v>
      </c>
      <c r="R2841" s="5" t="s">
        <v>1522</v>
      </c>
      <c r="S2841" s="5" t="s">
        <v>1523</v>
      </c>
      <c r="T2841" s="5" t="s">
        <v>42</v>
      </c>
      <c r="U2841" s="2">
        <v>1.446</v>
      </c>
      <c r="V2841" s="2">
        <v>1.1439999999999999</v>
      </c>
      <c r="W2841" s="2">
        <v>7.0000000000000001E-3</v>
      </c>
      <c r="X2841" s="2">
        <v>82.9</v>
      </c>
      <c r="Y2841" s="2">
        <v>7.6</v>
      </c>
      <c r="Z2841" s="2">
        <v>10.6</v>
      </c>
      <c r="AA2841" s="5"/>
      <c r="AB2841" s="5" t="s">
        <v>43</v>
      </c>
      <c r="AC2841" s="5" t="s">
        <v>44</v>
      </c>
      <c r="AD2841" s="2"/>
      <c r="AE2841" s="1"/>
    </row>
    <row r="2842" spans="1:31" ht="14.45">
      <c r="A2842" s="11"/>
      <c r="B2842" s="20"/>
      <c r="C2842" s="2" t="s">
        <v>8979</v>
      </c>
      <c r="D2842" s="14" t="s">
        <v>8980</v>
      </c>
      <c r="E2842" s="2" t="s">
        <v>8981</v>
      </c>
      <c r="F2842" s="2" t="s">
        <v>1831</v>
      </c>
      <c r="G2842" s="8">
        <v>115</v>
      </c>
      <c r="H2842" s="5">
        <v>13</v>
      </c>
      <c r="I2842" s="5" t="s">
        <v>1518</v>
      </c>
      <c r="J2842" s="5" t="s">
        <v>1519</v>
      </c>
      <c r="K2842" s="2" t="s">
        <v>1520</v>
      </c>
      <c r="L2842" s="5" t="s">
        <v>1519</v>
      </c>
      <c r="M2842" s="2" t="s">
        <v>1520</v>
      </c>
      <c r="N2842" s="5" t="s">
        <v>1521</v>
      </c>
      <c r="O2842" s="5" t="s">
        <v>38</v>
      </c>
      <c r="P2842" s="5" t="s">
        <v>39</v>
      </c>
      <c r="Q2842" s="5" t="s">
        <v>40</v>
      </c>
      <c r="R2842" s="5" t="s">
        <v>1522</v>
      </c>
      <c r="S2842" s="5" t="s">
        <v>1523</v>
      </c>
      <c r="T2842" s="5" t="s">
        <v>42</v>
      </c>
      <c r="U2842" s="2">
        <v>1.413</v>
      </c>
      <c r="V2842" s="2">
        <v>1.111</v>
      </c>
      <c r="W2842" s="2">
        <v>7.0000000000000001E-3</v>
      </c>
      <c r="X2842" s="2">
        <v>82.9</v>
      </c>
      <c r="Y2842" s="2">
        <v>7.6</v>
      </c>
      <c r="Z2842" s="2">
        <v>10.6</v>
      </c>
      <c r="AA2842" s="5"/>
      <c r="AB2842" s="5" t="s">
        <v>43</v>
      </c>
      <c r="AC2842" s="5" t="s">
        <v>44</v>
      </c>
      <c r="AD2842" s="2"/>
      <c r="AE2842" s="1"/>
    </row>
    <row r="2843" spans="1:31" ht="14.45">
      <c r="A2843" s="11"/>
      <c r="B2843" s="20"/>
      <c r="C2843" s="2" t="s">
        <v>8982</v>
      </c>
      <c r="D2843" s="14" t="s">
        <v>8983</v>
      </c>
      <c r="E2843" s="2" t="s">
        <v>8984</v>
      </c>
      <c r="F2843" s="2" t="s">
        <v>1835</v>
      </c>
      <c r="G2843" s="8">
        <v>115</v>
      </c>
      <c r="H2843" s="5">
        <v>13</v>
      </c>
      <c r="I2843" s="5" t="s">
        <v>1518</v>
      </c>
      <c r="J2843" s="5" t="s">
        <v>1519</v>
      </c>
      <c r="K2843" s="2" t="s">
        <v>1520</v>
      </c>
      <c r="L2843" s="5" t="s">
        <v>1519</v>
      </c>
      <c r="M2843" s="2" t="s">
        <v>1520</v>
      </c>
      <c r="N2843" s="5" t="s">
        <v>1521</v>
      </c>
      <c r="O2843" s="5" t="s">
        <v>38</v>
      </c>
      <c r="P2843" s="5" t="s">
        <v>39</v>
      </c>
      <c r="Q2843" s="5" t="s">
        <v>40</v>
      </c>
      <c r="R2843" s="5" t="s">
        <v>1522</v>
      </c>
      <c r="S2843" s="5" t="s">
        <v>1523</v>
      </c>
      <c r="T2843" s="5" t="s">
        <v>42</v>
      </c>
      <c r="U2843" s="2">
        <v>1.446</v>
      </c>
      <c r="V2843" s="2">
        <v>1.1439999999999999</v>
      </c>
      <c r="W2843" s="2">
        <v>7.0000000000000001E-3</v>
      </c>
      <c r="X2843" s="2">
        <v>82.9</v>
      </c>
      <c r="Y2843" s="2">
        <v>7.6</v>
      </c>
      <c r="Z2843" s="2">
        <v>10.6</v>
      </c>
      <c r="AA2843" s="5"/>
      <c r="AB2843" s="5" t="s">
        <v>43</v>
      </c>
      <c r="AC2843" s="5" t="s">
        <v>44</v>
      </c>
      <c r="AD2843" s="2"/>
      <c r="AE2843" s="1"/>
    </row>
    <row r="2844" spans="1:31" ht="14.45">
      <c r="A2844" s="11"/>
      <c r="B2844" s="20"/>
      <c r="C2844" s="2" t="s">
        <v>8985</v>
      </c>
      <c r="D2844" s="14" t="s">
        <v>8986</v>
      </c>
      <c r="E2844" s="2" t="s">
        <v>8987</v>
      </c>
      <c r="F2844" s="2" t="s">
        <v>1986</v>
      </c>
      <c r="G2844" s="8">
        <v>115</v>
      </c>
      <c r="H2844" s="5">
        <v>13</v>
      </c>
      <c r="I2844" s="5" t="s">
        <v>1518</v>
      </c>
      <c r="J2844" s="5" t="s">
        <v>1519</v>
      </c>
      <c r="K2844" s="2" t="s">
        <v>1520</v>
      </c>
      <c r="L2844" s="5" t="s">
        <v>1519</v>
      </c>
      <c r="M2844" s="2" t="s">
        <v>1520</v>
      </c>
      <c r="N2844" s="5" t="s">
        <v>1521</v>
      </c>
      <c r="O2844" s="5" t="s">
        <v>38</v>
      </c>
      <c r="P2844" s="5" t="s">
        <v>39</v>
      </c>
      <c r="Q2844" s="5" t="s">
        <v>40</v>
      </c>
      <c r="R2844" s="5" t="s">
        <v>1522</v>
      </c>
      <c r="S2844" s="5" t="s">
        <v>1523</v>
      </c>
      <c r="T2844" s="5" t="s">
        <v>42</v>
      </c>
      <c r="U2844" s="2">
        <v>1.446</v>
      </c>
      <c r="V2844" s="2">
        <v>1.1439999999999999</v>
      </c>
      <c r="W2844" s="2">
        <v>7.0000000000000001E-3</v>
      </c>
      <c r="X2844" s="2">
        <v>82.9</v>
      </c>
      <c r="Y2844" s="2">
        <v>7.6</v>
      </c>
      <c r="Z2844" s="2">
        <v>10.6</v>
      </c>
      <c r="AA2844" s="5"/>
      <c r="AB2844" s="5" t="s">
        <v>43</v>
      </c>
      <c r="AC2844" s="5" t="s">
        <v>44</v>
      </c>
      <c r="AD2844" s="2"/>
      <c r="AE2844" s="1"/>
    </row>
    <row r="2845" spans="1:31" ht="14.45">
      <c r="A2845" s="11"/>
      <c r="B2845" s="20"/>
      <c r="C2845" s="2" t="s">
        <v>8988</v>
      </c>
      <c r="D2845" s="14" t="s">
        <v>8989</v>
      </c>
      <c r="E2845" s="2" t="s">
        <v>8990</v>
      </c>
      <c r="F2845" s="2" t="s">
        <v>1843</v>
      </c>
      <c r="G2845" s="8">
        <v>115</v>
      </c>
      <c r="H2845" s="5">
        <v>13</v>
      </c>
      <c r="I2845" s="5" t="s">
        <v>1518</v>
      </c>
      <c r="J2845" s="5" t="s">
        <v>1519</v>
      </c>
      <c r="K2845" s="2" t="s">
        <v>1520</v>
      </c>
      <c r="L2845" s="5" t="s">
        <v>1519</v>
      </c>
      <c r="M2845" s="2" t="s">
        <v>1520</v>
      </c>
      <c r="N2845" s="5" t="s">
        <v>1521</v>
      </c>
      <c r="O2845" s="5" t="s">
        <v>38</v>
      </c>
      <c r="P2845" s="5" t="s">
        <v>39</v>
      </c>
      <c r="Q2845" s="5" t="s">
        <v>40</v>
      </c>
      <c r="R2845" s="5" t="s">
        <v>1522</v>
      </c>
      <c r="S2845" s="5" t="s">
        <v>1523</v>
      </c>
      <c r="T2845" s="5" t="s">
        <v>42</v>
      </c>
      <c r="U2845" s="2">
        <v>1.413</v>
      </c>
      <c r="V2845" s="2">
        <v>1.111</v>
      </c>
      <c r="W2845" s="2">
        <v>7.0000000000000001E-3</v>
      </c>
      <c r="X2845" s="2">
        <v>82.9</v>
      </c>
      <c r="Y2845" s="2">
        <v>7.6</v>
      </c>
      <c r="Z2845" s="2">
        <v>10.6</v>
      </c>
      <c r="AA2845" s="5"/>
      <c r="AB2845" s="5" t="s">
        <v>43</v>
      </c>
      <c r="AC2845" s="5" t="s">
        <v>44</v>
      </c>
      <c r="AD2845" s="2"/>
      <c r="AE2845" s="1"/>
    </row>
    <row r="2846" spans="1:31" ht="14.45">
      <c r="A2846" s="11"/>
      <c r="B2846" s="20"/>
      <c r="C2846" s="2" t="s">
        <v>8991</v>
      </c>
      <c r="D2846" s="14" t="s">
        <v>8992</v>
      </c>
      <c r="E2846" s="2" t="s">
        <v>8993</v>
      </c>
      <c r="F2846" s="2" t="s">
        <v>1847</v>
      </c>
      <c r="G2846" s="8">
        <v>115</v>
      </c>
      <c r="H2846" s="5">
        <v>13</v>
      </c>
      <c r="I2846" s="5" t="s">
        <v>1518</v>
      </c>
      <c r="J2846" s="5" t="s">
        <v>1519</v>
      </c>
      <c r="K2846" s="2" t="s">
        <v>1520</v>
      </c>
      <c r="L2846" s="5" t="s">
        <v>1519</v>
      </c>
      <c r="M2846" s="2" t="s">
        <v>1520</v>
      </c>
      <c r="N2846" s="5" t="s">
        <v>1521</v>
      </c>
      <c r="O2846" s="5" t="s">
        <v>38</v>
      </c>
      <c r="P2846" s="5" t="s">
        <v>39</v>
      </c>
      <c r="Q2846" s="5" t="s">
        <v>40</v>
      </c>
      <c r="R2846" s="5" t="s">
        <v>1522</v>
      </c>
      <c r="S2846" s="5" t="s">
        <v>1523</v>
      </c>
      <c r="T2846" s="5" t="s">
        <v>42</v>
      </c>
      <c r="U2846" s="2">
        <v>1.446</v>
      </c>
      <c r="V2846" s="2">
        <v>1.1439999999999999</v>
      </c>
      <c r="W2846" s="2">
        <v>7.0000000000000001E-3</v>
      </c>
      <c r="X2846" s="2">
        <v>82.9</v>
      </c>
      <c r="Y2846" s="2">
        <v>7.6</v>
      </c>
      <c r="Z2846" s="2">
        <v>10.6</v>
      </c>
      <c r="AA2846" s="5"/>
      <c r="AB2846" s="5" t="s">
        <v>43</v>
      </c>
      <c r="AC2846" s="5" t="s">
        <v>44</v>
      </c>
      <c r="AD2846" s="2"/>
      <c r="AE2846" s="1"/>
    </row>
    <row r="2847" spans="1:31" ht="14.45">
      <c r="A2847" s="11"/>
      <c r="B2847" s="20"/>
      <c r="C2847" s="2" t="s">
        <v>8994</v>
      </c>
      <c r="D2847" s="14" t="s">
        <v>8995</v>
      </c>
      <c r="E2847" s="2" t="s">
        <v>8996</v>
      </c>
      <c r="F2847" s="2" t="s">
        <v>1851</v>
      </c>
      <c r="G2847" s="8">
        <v>115</v>
      </c>
      <c r="H2847" s="5">
        <v>13</v>
      </c>
      <c r="I2847" s="5" t="s">
        <v>1518</v>
      </c>
      <c r="J2847" s="5" t="s">
        <v>1519</v>
      </c>
      <c r="K2847" s="2" t="s">
        <v>1520</v>
      </c>
      <c r="L2847" s="5" t="s">
        <v>1519</v>
      </c>
      <c r="M2847" s="2" t="s">
        <v>1520</v>
      </c>
      <c r="N2847" s="5" t="s">
        <v>1521</v>
      </c>
      <c r="O2847" s="5" t="s">
        <v>38</v>
      </c>
      <c r="P2847" s="5" t="s">
        <v>39</v>
      </c>
      <c r="Q2847" s="5" t="s">
        <v>40</v>
      </c>
      <c r="R2847" s="5" t="s">
        <v>1522</v>
      </c>
      <c r="S2847" s="5" t="s">
        <v>1523</v>
      </c>
      <c r="T2847" s="5" t="s">
        <v>42</v>
      </c>
      <c r="U2847" s="2">
        <v>1.413</v>
      </c>
      <c r="V2847" s="2">
        <v>1.111</v>
      </c>
      <c r="W2847" s="2">
        <v>7.0000000000000001E-3</v>
      </c>
      <c r="X2847" s="2">
        <v>82.9</v>
      </c>
      <c r="Y2847" s="2">
        <v>7.6</v>
      </c>
      <c r="Z2847" s="2">
        <v>10.6</v>
      </c>
      <c r="AA2847" s="5"/>
      <c r="AB2847" s="5" t="s">
        <v>43</v>
      </c>
      <c r="AC2847" s="5" t="s">
        <v>44</v>
      </c>
      <c r="AD2847" s="2"/>
      <c r="AE2847" s="1"/>
    </row>
    <row r="2848" spans="1:31" ht="14.45">
      <c r="A2848" s="11"/>
      <c r="B2848" s="20"/>
      <c r="C2848" s="2" t="s">
        <v>8997</v>
      </c>
      <c r="D2848" s="14" t="s">
        <v>8998</v>
      </c>
      <c r="E2848" s="2" t="s">
        <v>8999</v>
      </c>
      <c r="F2848" s="2" t="s">
        <v>1999</v>
      </c>
      <c r="G2848" s="8">
        <v>115</v>
      </c>
      <c r="H2848" s="5">
        <v>13</v>
      </c>
      <c r="I2848" s="5" t="s">
        <v>1518</v>
      </c>
      <c r="J2848" s="5" t="s">
        <v>1519</v>
      </c>
      <c r="K2848" s="2" t="s">
        <v>1520</v>
      </c>
      <c r="L2848" s="5" t="s">
        <v>1519</v>
      </c>
      <c r="M2848" s="2" t="s">
        <v>1520</v>
      </c>
      <c r="N2848" s="5" t="s">
        <v>1521</v>
      </c>
      <c r="O2848" s="5" t="s">
        <v>38</v>
      </c>
      <c r="P2848" s="5" t="s">
        <v>39</v>
      </c>
      <c r="Q2848" s="5" t="s">
        <v>40</v>
      </c>
      <c r="R2848" s="5" t="s">
        <v>1522</v>
      </c>
      <c r="S2848" s="5" t="s">
        <v>1523</v>
      </c>
      <c r="T2848" s="5" t="s">
        <v>42</v>
      </c>
      <c r="U2848" s="2">
        <v>1.446</v>
      </c>
      <c r="V2848" s="2">
        <v>1.1439999999999999</v>
      </c>
      <c r="W2848" s="2">
        <v>7.0000000000000001E-3</v>
      </c>
      <c r="X2848" s="2">
        <v>82.9</v>
      </c>
      <c r="Y2848" s="2">
        <v>7.6</v>
      </c>
      <c r="Z2848" s="2">
        <v>10.6</v>
      </c>
      <c r="AA2848" s="5"/>
      <c r="AB2848" s="5" t="s">
        <v>43</v>
      </c>
      <c r="AC2848" s="5" t="s">
        <v>44</v>
      </c>
      <c r="AD2848" s="2"/>
      <c r="AE2848" s="1"/>
    </row>
    <row r="2849" spans="1:31" ht="14.45">
      <c r="A2849" s="11"/>
      <c r="B2849" s="20"/>
      <c r="C2849" s="2" t="s">
        <v>9000</v>
      </c>
      <c r="D2849" s="14" t="s">
        <v>9001</v>
      </c>
      <c r="E2849" s="2" t="s">
        <v>9002</v>
      </c>
      <c r="F2849" s="2" t="s">
        <v>1855</v>
      </c>
      <c r="G2849" s="8">
        <v>115</v>
      </c>
      <c r="H2849" s="5">
        <v>13</v>
      </c>
      <c r="I2849" s="5" t="s">
        <v>1518</v>
      </c>
      <c r="J2849" s="5" t="s">
        <v>1519</v>
      </c>
      <c r="K2849" s="2" t="s">
        <v>1520</v>
      </c>
      <c r="L2849" s="5" t="s">
        <v>1519</v>
      </c>
      <c r="M2849" s="2" t="s">
        <v>1520</v>
      </c>
      <c r="N2849" s="5" t="s">
        <v>1521</v>
      </c>
      <c r="O2849" s="5" t="s">
        <v>38</v>
      </c>
      <c r="P2849" s="5" t="s">
        <v>39</v>
      </c>
      <c r="Q2849" s="5" t="s">
        <v>40</v>
      </c>
      <c r="R2849" s="5" t="s">
        <v>1522</v>
      </c>
      <c r="S2849" s="5" t="s">
        <v>1523</v>
      </c>
      <c r="T2849" s="5" t="s">
        <v>42</v>
      </c>
      <c r="U2849" s="2">
        <v>1.413</v>
      </c>
      <c r="V2849" s="2">
        <v>1.111</v>
      </c>
      <c r="W2849" s="2">
        <v>7.0000000000000001E-3</v>
      </c>
      <c r="X2849" s="2">
        <v>82.9</v>
      </c>
      <c r="Y2849" s="2">
        <v>7.6</v>
      </c>
      <c r="Z2849" s="2">
        <v>10.6</v>
      </c>
      <c r="AA2849" s="5"/>
      <c r="AB2849" s="5" t="s">
        <v>43</v>
      </c>
      <c r="AC2849" s="5" t="s">
        <v>44</v>
      </c>
      <c r="AD2849" s="2"/>
      <c r="AE2849" s="1"/>
    </row>
    <row r="2850" spans="1:31" ht="14.45">
      <c r="A2850" s="11"/>
      <c r="B2850" s="20"/>
      <c r="C2850" s="2" t="s">
        <v>9003</v>
      </c>
      <c r="D2850" s="14" t="s">
        <v>9004</v>
      </c>
      <c r="E2850" s="2" t="s">
        <v>9005</v>
      </c>
      <c r="F2850" s="2" t="s">
        <v>1859</v>
      </c>
      <c r="G2850" s="8">
        <v>115</v>
      </c>
      <c r="H2850" s="5">
        <v>13</v>
      </c>
      <c r="I2850" s="5" t="s">
        <v>1518</v>
      </c>
      <c r="J2850" s="5" t="s">
        <v>1519</v>
      </c>
      <c r="K2850" s="2" t="s">
        <v>1520</v>
      </c>
      <c r="L2850" s="5" t="s">
        <v>1519</v>
      </c>
      <c r="M2850" s="2" t="s">
        <v>1520</v>
      </c>
      <c r="N2850" s="5" t="s">
        <v>1521</v>
      </c>
      <c r="O2850" s="5" t="s">
        <v>38</v>
      </c>
      <c r="P2850" s="5" t="s">
        <v>39</v>
      </c>
      <c r="Q2850" s="5" t="s">
        <v>40</v>
      </c>
      <c r="R2850" s="5" t="s">
        <v>1522</v>
      </c>
      <c r="S2850" s="5" t="s">
        <v>1523</v>
      </c>
      <c r="T2850" s="5" t="s">
        <v>42</v>
      </c>
      <c r="U2850" s="2">
        <v>1.446</v>
      </c>
      <c r="V2850" s="2">
        <v>1.1439999999999999</v>
      </c>
      <c r="W2850" s="2">
        <v>7.0000000000000001E-3</v>
      </c>
      <c r="X2850" s="2">
        <v>82.9</v>
      </c>
      <c r="Y2850" s="2">
        <v>7.6</v>
      </c>
      <c r="Z2850" s="2">
        <v>10.6</v>
      </c>
      <c r="AA2850" s="5"/>
      <c r="AB2850" s="5" t="s">
        <v>43</v>
      </c>
      <c r="AC2850" s="5" t="s">
        <v>44</v>
      </c>
      <c r="AD2850" s="2"/>
      <c r="AE2850" s="1"/>
    </row>
    <row r="2851" spans="1:31" ht="14.45">
      <c r="A2851" s="11"/>
      <c r="B2851" s="20"/>
      <c r="C2851" s="2" t="s">
        <v>9006</v>
      </c>
      <c r="D2851" s="14" t="s">
        <v>9007</v>
      </c>
      <c r="E2851" s="2" t="s">
        <v>9008</v>
      </c>
      <c r="F2851" s="2" t="s">
        <v>1863</v>
      </c>
      <c r="G2851" s="8">
        <v>115</v>
      </c>
      <c r="H2851" s="5">
        <v>11</v>
      </c>
      <c r="I2851" s="5" t="s">
        <v>1518</v>
      </c>
      <c r="J2851" s="5" t="s">
        <v>1519</v>
      </c>
      <c r="K2851" s="2" t="s">
        <v>1520</v>
      </c>
      <c r="L2851" s="5" t="s">
        <v>1519</v>
      </c>
      <c r="M2851" s="2" t="s">
        <v>1520</v>
      </c>
      <c r="N2851" s="5" t="s">
        <v>1521</v>
      </c>
      <c r="O2851" s="5" t="s">
        <v>38</v>
      </c>
      <c r="P2851" s="5" t="s">
        <v>39</v>
      </c>
      <c r="Q2851" s="5" t="s">
        <v>40</v>
      </c>
      <c r="R2851" s="5" t="s">
        <v>1522</v>
      </c>
      <c r="S2851" s="5" t="s">
        <v>1523</v>
      </c>
      <c r="T2851" s="5" t="s">
        <v>42</v>
      </c>
      <c r="U2851" s="2">
        <v>1.3779999999999999</v>
      </c>
      <c r="V2851" s="2">
        <v>1.0740000000000001</v>
      </c>
      <c r="W2851" s="2">
        <v>7.0000000000000001E-3</v>
      </c>
      <c r="X2851" s="2">
        <v>82.9</v>
      </c>
      <c r="Y2851" s="2">
        <v>7.6</v>
      </c>
      <c r="Z2851" s="2">
        <v>10.6</v>
      </c>
      <c r="AA2851" s="5"/>
      <c r="AB2851" s="5" t="s">
        <v>43</v>
      </c>
      <c r="AC2851" s="5" t="s">
        <v>44</v>
      </c>
      <c r="AD2851" s="2"/>
      <c r="AE2851" s="1"/>
    </row>
    <row r="2852" spans="1:31" ht="14.45">
      <c r="A2852" s="11"/>
      <c r="B2852" s="20"/>
      <c r="C2852" s="2" t="s">
        <v>9009</v>
      </c>
      <c r="D2852" s="14" t="s">
        <v>9010</v>
      </c>
      <c r="E2852" s="2" t="s">
        <v>9011</v>
      </c>
      <c r="F2852" s="2" t="s">
        <v>1867</v>
      </c>
      <c r="G2852" s="8">
        <v>115</v>
      </c>
      <c r="H2852" s="5">
        <v>11</v>
      </c>
      <c r="I2852" s="5" t="s">
        <v>1518</v>
      </c>
      <c r="J2852" s="5" t="s">
        <v>1519</v>
      </c>
      <c r="K2852" s="2" t="s">
        <v>1520</v>
      </c>
      <c r="L2852" s="5" t="s">
        <v>1519</v>
      </c>
      <c r="M2852" s="2" t="s">
        <v>1520</v>
      </c>
      <c r="N2852" s="5" t="s">
        <v>1521</v>
      </c>
      <c r="O2852" s="5" t="s">
        <v>38</v>
      </c>
      <c r="P2852" s="5" t="s">
        <v>39</v>
      </c>
      <c r="Q2852" s="5" t="s">
        <v>40</v>
      </c>
      <c r="R2852" s="5" t="s">
        <v>1522</v>
      </c>
      <c r="S2852" s="5" t="s">
        <v>1523</v>
      </c>
      <c r="T2852" s="5" t="s">
        <v>42</v>
      </c>
      <c r="U2852" s="2">
        <v>1.411</v>
      </c>
      <c r="V2852" s="2">
        <v>1.107</v>
      </c>
      <c r="W2852" s="2">
        <v>7.0000000000000001E-3</v>
      </c>
      <c r="X2852" s="2">
        <v>82.9</v>
      </c>
      <c r="Y2852" s="2">
        <v>7.6</v>
      </c>
      <c r="Z2852" s="2">
        <v>10.6</v>
      </c>
      <c r="AA2852" s="5"/>
      <c r="AB2852" s="5" t="s">
        <v>43</v>
      </c>
      <c r="AC2852" s="5" t="s">
        <v>44</v>
      </c>
      <c r="AD2852" s="2"/>
      <c r="AE2852" s="1"/>
    </row>
    <row r="2853" spans="1:31" ht="14.45">
      <c r="A2853" s="11"/>
      <c r="B2853" s="20"/>
      <c r="C2853" s="2" t="s">
        <v>9012</v>
      </c>
      <c r="D2853" s="14" t="s">
        <v>9013</v>
      </c>
      <c r="E2853" s="2" t="s">
        <v>9014</v>
      </c>
      <c r="F2853" s="2" t="s">
        <v>7396</v>
      </c>
      <c r="G2853" s="8">
        <v>111</v>
      </c>
      <c r="H2853" s="5">
        <v>5</v>
      </c>
      <c r="I2853" s="5" t="s">
        <v>1518</v>
      </c>
      <c r="J2853" s="5" t="s">
        <v>1519</v>
      </c>
      <c r="K2853" s="2" t="s">
        <v>1520</v>
      </c>
      <c r="L2853" s="5" t="s">
        <v>1519</v>
      </c>
      <c r="M2853" s="2" t="s">
        <v>1520</v>
      </c>
      <c r="N2853" s="5" t="s">
        <v>1521</v>
      </c>
      <c r="O2853" s="5" t="s">
        <v>38</v>
      </c>
      <c r="P2853" s="5" t="s">
        <v>39</v>
      </c>
      <c r="Q2853" s="5" t="s">
        <v>40</v>
      </c>
      <c r="R2853" s="5" t="s">
        <v>1522</v>
      </c>
      <c r="S2853" s="5" t="s">
        <v>1523</v>
      </c>
      <c r="T2853" s="5" t="s">
        <v>42</v>
      </c>
      <c r="U2853" s="2">
        <v>1.55</v>
      </c>
      <c r="V2853" s="2">
        <v>1.19</v>
      </c>
      <c r="W2853" s="2">
        <v>0.01</v>
      </c>
      <c r="X2853" s="2">
        <v>118.9</v>
      </c>
      <c r="Y2853" s="2">
        <v>7.6</v>
      </c>
      <c r="Z2853" s="2">
        <v>10.6</v>
      </c>
      <c r="AA2853" s="5"/>
      <c r="AB2853" s="5" t="s">
        <v>43</v>
      </c>
      <c r="AC2853" s="5" t="s">
        <v>44</v>
      </c>
      <c r="AD2853" s="2"/>
      <c r="AE2853" s="1"/>
    </row>
    <row r="2854" spans="1:31" ht="14.45">
      <c r="A2854" s="11"/>
      <c r="B2854" s="20"/>
      <c r="C2854" s="2" t="s">
        <v>9015</v>
      </c>
      <c r="D2854" s="14" t="s">
        <v>9016</v>
      </c>
      <c r="E2854" s="2" t="s">
        <v>9017</v>
      </c>
      <c r="F2854" s="2" t="s">
        <v>7507</v>
      </c>
      <c r="G2854" s="8">
        <v>111</v>
      </c>
      <c r="H2854" s="5">
        <v>5</v>
      </c>
      <c r="I2854" s="5" t="s">
        <v>1518</v>
      </c>
      <c r="J2854" s="5" t="s">
        <v>1519</v>
      </c>
      <c r="K2854" s="2" t="s">
        <v>1520</v>
      </c>
      <c r="L2854" s="5" t="s">
        <v>1519</v>
      </c>
      <c r="M2854" s="2" t="s">
        <v>1520</v>
      </c>
      <c r="N2854" s="5" t="s">
        <v>1521</v>
      </c>
      <c r="O2854" s="5" t="s">
        <v>38</v>
      </c>
      <c r="P2854" s="5" t="s">
        <v>39</v>
      </c>
      <c r="Q2854" s="5" t="s">
        <v>40</v>
      </c>
      <c r="R2854" s="5" t="s">
        <v>1522</v>
      </c>
      <c r="S2854" s="5" t="s">
        <v>1523</v>
      </c>
      <c r="T2854" s="5" t="s">
        <v>42</v>
      </c>
      <c r="U2854" s="2">
        <v>1.587</v>
      </c>
      <c r="V2854" s="2">
        <v>1.2270000000000001</v>
      </c>
      <c r="W2854" s="2">
        <v>0.01</v>
      </c>
      <c r="X2854" s="2">
        <v>118.9</v>
      </c>
      <c r="Y2854" s="2">
        <v>7.6</v>
      </c>
      <c r="Z2854" s="2">
        <v>10.6</v>
      </c>
      <c r="AA2854" s="5"/>
      <c r="AB2854" s="5" t="s">
        <v>43</v>
      </c>
      <c r="AC2854" s="5" t="s">
        <v>44</v>
      </c>
      <c r="AD2854" s="2"/>
      <c r="AE2854" s="1"/>
    </row>
    <row r="2855" spans="1:31" ht="14.45">
      <c r="A2855" s="11"/>
      <c r="B2855" s="20"/>
      <c r="C2855" s="2" t="s">
        <v>9018</v>
      </c>
      <c r="D2855" s="14" t="s">
        <v>9019</v>
      </c>
      <c r="E2855" s="2" t="s">
        <v>9020</v>
      </c>
      <c r="F2855" s="2" t="s">
        <v>7204</v>
      </c>
      <c r="G2855" s="8">
        <v>111</v>
      </c>
      <c r="H2855" s="5">
        <v>5</v>
      </c>
      <c r="I2855" s="5" t="s">
        <v>1518</v>
      </c>
      <c r="J2855" s="5" t="s">
        <v>1519</v>
      </c>
      <c r="K2855" s="2" t="s">
        <v>1520</v>
      </c>
      <c r="L2855" s="5" t="s">
        <v>1519</v>
      </c>
      <c r="M2855" s="2" t="s">
        <v>1520</v>
      </c>
      <c r="N2855" s="5" t="s">
        <v>1521</v>
      </c>
      <c r="O2855" s="5" t="s">
        <v>38</v>
      </c>
      <c r="P2855" s="5" t="s">
        <v>39</v>
      </c>
      <c r="Q2855" s="5" t="s">
        <v>40</v>
      </c>
      <c r="R2855" s="5" t="s">
        <v>1522</v>
      </c>
      <c r="S2855" s="5" t="s">
        <v>1523</v>
      </c>
      <c r="T2855" s="5" t="s">
        <v>42</v>
      </c>
      <c r="U2855" s="2">
        <v>1.5549999999999999</v>
      </c>
      <c r="V2855" s="2">
        <v>1.1950000000000001</v>
      </c>
      <c r="W2855" s="2">
        <v>0.01</v>
      </c>
      <c r="X2855" s="2">
        <v>118.9</v>
      </c>
      <c r="Y2855" s="2">
        <v>7.6</v>
      </c>
      <c r="Z2855" s="2">
        <v>10.6</v>
      </c>
      <c r="AA2855" s="5"/>
      <c r="AB2855" s="5" t="s">
        <v>43</v>
      </c>
      <c r="AC2855" s="5" t="s">
        <v>44</v>
      </c>
      <c r="AD2855" s="2"/>
      <c r="AE2855" s="1"/>
    </row>
    <row r="2856" spans="1:31" ht="14.45">
      <c r="A2856" s="11"/>
      <c r="B2856" s="20"/>
      <c r="C2856" s="2" t="s">
        <v>9021</v>
      </c>
      <c r="D2856" s="14" t="s">
        <v>9022</v>
      </c>
      <c r="E2856" s="2" t="s">
        <v>9023</v>
      </c>
      <c r="F2856" s="2" t="s">
        <v>7514</v>
      </c>
      <c r="G2856" s="8">
        <v>111</v>
      </c>
      <c r="H2856" s="5">
        <v>5</v>
      </c>
      <c r="I2856" s="5" t="s">
        <v>1518</v>
      </c>
      <c r="J2856" s="5" t="s">
        <v>1519</v>
      </c>
      <c r="K2856" s="2" t="s">
        <v>1520</v>
      </c>
      <c r="L2856" s="5" t="s">
        <v>1519</v>
      </c>
      <c r="M2856" s="2" t="s">
        <v>1520</v>
      </c>
      <c r="N2856" s="5" t="s">
        <v>1521</v>
      </c>
      <c r="O2856" s="5" t="s">
        <v>38</v>
      </c>
      <c r="P2856" s="5" t="s">
        <v>39</v>
      </c>
      <c r="Q2856" s="5" t="s">
        <v>40</v>
      </c>
      <c r="R2856" s="5" t="s">
        <v>1522</v>
      </c>
      <c r="S2856" s="5" t="s">
        <v>1523</v>
      </c>
      <c r="T2856" s="5" t="s">
        <v>42</v>
      </c>
      <c r="U2856" s="2">
        <v>1.5920000000000001</v>
      </c>
      <c r="V2856" s="2">
        <v>1.232</v>
      </c>
      <c r="W2856" s="2">
        <v>0.01</v>
      </c>
      <c r="X2856" s="2">
        <v>118.9</v>
      </c>
      <c r="Y2856" s="2">
        <v>7.6</v>
      </c>
      <c r="Z2856" s="2">
        <v>10.6</v>
      </c>
      <c r="AA2856" s="5"/>
      <c r="AB2856" s="5" t="s">
        <v>43</v>
      </c>
      <c r="AC2856" s="5" t="s">
        <v>44</v>
      </c>
      <c r="AD2856" s="2"/>
      <c r="AE2856" s="1"/>
    </row>
    <row r="2857" spans="1:31" ht="14.45">
      <c r="A2857" s="11"/>
      <c r="B2857" s="20"/>
      <c r="C2857" s="2" t="s">
        <v>9024</v>
      </c>
      <c r="D2857" s="14" t="s">
        <v>9025</v>
      </c>
      <c r="E2857" s="2" t="s">
        <v>9026</v>
      </c>
      <c r="F2857" s="2" t="s">
        <v>7208</v>
      </c>
      <c r="G2857" s="8">
        <v>111</v>
      </c>
      <c r="H2857" s="5">
        <v>5</v>
      </c>
      <c r="I2857" s="5" t="s">
        <v>1518</v>
      </c>
      <c r="J2857" s="5" t="s">
        <v>1519</v>
      </c>
      <c r="K2857" s="2" t="s">
        <v>1520</v>
      </c>
      <c r="L2857" s="5" t="s">
        <v>1519</v>
      </c>
      <c r="M2857" s="2" t="s">
        <v>1520</v>
      </c>
      <c r="N2857" s="5" t="s">
        <v>1521</v>
      </c>
      <c r="O2857" s="5" t="s">
        <v>38</v>
      </c>
      <c r="P2857" s="5" t="s">
        <v>39</v>
      </c>
      <c r="Q2857" s="5" t="s">
        <v>40</v>
      </c>
      <c r="R2857" s="5" t="s">
        <v>1522</v>
      </c>
      <c r="S2857" s="5" t="s">
        <v>1523</v>
      </c>
      <c r="T2857" s="5" t="s">
        <v>42</v>
      </c>
      <c r="U2857" s="2">
        <v>1.5549999999999999</v>
      </c>
      <c r="V2857" s="2">
        <v>1.1950000000000001</v>
      </c>
      <c r="W2857" s="2">
        <v>0.01</v>
      </c>
      <c r="X2857" s="2">
        <v>118.9</v>
      </c>
      <c r="Y2857" s="2">
        <v>7.6</v>
      </c>
      <c r="Z2857" s="2">
        <v>10.6</v>
      </c>
      <c r="AA2857" s="5"/>
      <c r="AB2857" s="5" t="s">
        <v>43</v>
      </c>
      <c r="AC2857" s="5" t="s">
        <v>44</v>
      </c>
      <c r="AD2857" s="2"/>
      <c r="AE2857" s="1"/>
    </row>
    <row r="2858" spans="1:31" ht="14.45">
      <c r="A2858" s="11"/>
      <c r="B2858" s="20"/>
      <c r="C2858" s="2" t="s">
        <v>9027</v>
      </c>
      <c r="D2858" s="14" t="s">
        <v>9028</v>
      </c>
      <c r="E2858" s="2" t="s">
        <v>9029</v>
      </c>
      <c r="F2858" s="2" t="s">
        <v>7521</v>
      </c>
      <c r="G2858" s="8">
        <v>111</v>
      </c>
      <c r="H2858" s="5">
        <v>5</v>
      </c>
      <c r="I2858" s="5" t="s">
        <v>1518</v>
      </c>
      <c r="J2858" s="5" t="s">
        <v>1519</v>
      </c>
      <c r="K2858" s="2" t="s">
        <v>1520</v>
      </c>
      <c r="L2858" s="5" t="s">
        <v>1519</v>
      </c>
      <c r="M2858" s="2" t="s">
        <v>1520</v>
      </c>
      <c r="N2858" s="5" t="s">
        <v>1521</v>
      </c>
      <c r="O2858" s="5" t="s">
        <v>38</v>
      </c>
      <c r="P2858" s="5" t="s">
        <v>39</v>
      </c>
      <c r="Q2858" s="5" t="s">
        <v>40</v>
      </c>
      <c r="R2858" s="5" t="s">
        <v>1522</v>
      </c>
      <c r="S2858" s="5" t="s">
        <v>1523</v>
      </c>
      <c r="T2858" s="5" t="s">
        <v>42</v>
      </c>
      <c r="U2858" s="2">
        <v>1.5920000000000001</v>
      </c>
      <c r="V2858" s="2">
        <v>1.232</v>
      </c>
      <c r="W2858" s="2">
        <v>0.01</v>
      </c>
      <c r="X2858" s="2">
        <v>118.9</v>
      </c>
      <c r="Y2858" s="2">
        <v>7.6</v>
      </c>
      <c r="Z2858" s="2">
        <v>10.6</v>
      </c>
      <c r="AA2858" s="5"/>
      <c r="AB2858" s="5" t="s">
        <v>43</v>
      </c>
      <c r="AC2858" s="5" t="s">
        <v>44</v>
      </c>
      <c r="AD2858" s="2"/>
      <c r="AE2858" s="1"/>
    </row>
    <row r="2859" spans="1:31" ht="14.45">
      <c r="A2859" s="11"/>
      <c r="B2859" s="20"/>
      <c r="C2859" s="2" t="s">
        <v>9030</v>
      </c>
      <c r="D2859" s="14" t="s">
        <v>9031</v>
      </c>
      <c r="E2859" s="2" t="s">
        <v>9032</v>
      </c>
      <c r="F2859" s="2" t="s">
        <v>7212</v>
      </c>
      <c r="G2859" s="8">
        <v>111</v>
      </c>
      <c r="H2859" s="5">
        <v>5</v>
      </c>
      <c r="I2859" s="5" t="s">
        <v>1518</v>
      </c>
      <c r="J2859" s="5" t="s">
        <v>1519</v>
      </c>
      <c r="K2859" s="2" t="s">
        <v>1520</v>
      </c>
      <c r="L2859" s="5" t="s">
        <v>1519</v>
      </c>
      <c r="M2859" s="2" t="s">
        <v>1520</v>
      </c>
      <c r="N2859" s="5" t="s">
        <v>1521</v>
      </c>
      <c r="O2859" s="5" t="s">
        <v>38</v>
      </c>
      <c r="P2859" s="5" t="s">
        <v>39</v>
      </c>
      <c r="Q2859" s="5" t="s">
        <v>40</v>
      </c>
      <c r="R2859" s="5" t="s">
        <v>1522</v>
      </c>
      <c r="S2859" s="5" t="s">
        <v>1523</v>
      </c>
      <c r="T2859" s="5" t="s">
        <v>42</v>
      </c>
      <c r="U2859" s="2">
        <v>1.5389999999999999</v>
      </c>
      <c r="V2859" s="2">
        <v>1.179</v>
      </c>
      <c r="W2859" s="2">
        <v>0.01</v>
      </c>
      <c r="X2859" s="2">
        <v>118.9</v>
      </c>
      <c r="Y2859" s="2">
        <v>7.6</v>
      </c>
      <c r="Z2859" s="2">
        <v>10.6</v>
      </c>
      <c r="AA2859" s="5"/>
      <c r="AB2859" s="5" t="s">
        <v>43</v>
      </c>
      <c r="AC2859" s="5" t="s">
        <v>44</v>
      </c>
      <c r="AD2859" s="2"/>
      <c r="AE2859" s="1"/>
    </row>
    <row r="2860" spans="1:31" ht="14.45">
      <c r="A2860" s="11"/>
      <c r="B2860" s="20"/>
      <c r="C2860" s="2" t="s">
        <v>9033</v>
      </c>
      <c r="D2860" s="14" t="s">
        <v>9034</v>
      </c>
      <c r="E2860" s="2" t="s">
        <v>9035</v>
      </c>
      <c r="F2860" s="2" t="s">
        <v>7528</v>
      </c>
      <c r="G2860" s="8">
        <v>111</v>
      </c>
      <c r="H2860" s="5">
        <v>5</v>
      </c>
      <c r="I2860" s="5" t="s">
        <v>1518</v>
      </c>
      <c r="J2860" s="5" t="s">
        <v>1519</v>
      </c>
      <c r="K2860" s="2" t="s">
        <v>1520</v>
      </c>
      <c r="L2860" s="5" t="s">
        <v>1519</v>
      </c>
      <c r="M2860" s="2" t="s">
        <v>1520</v>
      </c>
      <c r="N2860" s="5" t="s">
        <v>1521</v>
      </c>
      <c r="O2860" s="5" t="s">
        <v>38</v>
      </c>
      <c r="P2860" s="5" t="s">
        <v>39</v>
      </c>
      <c r="Q2860" s="5" t="s">
        <v>40</v>
      </c>
      <c r="R2860" s="5" t="s">
        <v>1522</v>
      </c>
      <c r="S2860" s="5" t="s">
        <v>1523</v>
      </c>
      <c r="T2860" s="5" t="s">
        <v>42</v>
      </c>
      <c r="U2860" s="2">
        <v>1.5760000000000001</v>
      </c>
      <c r="V2860" s="2">
        <v>1.216</v>
      </c>
      <c r="W2860" s="2">
        <v>0.01</v>
      </c>
      <c r="X2860" s="2">
        <v>118.9</v>
      </c>
      <c r="Y2860" s="2">
        <v>7.6</v>
      </c>
      <c r="Z2860" s="2">
        <v>10.6</v>
      </c>
      <c r="AA2860" s="5"/>
      <c r="AB2860" s="5" t="s">
        <v>43</v>
      </c>
      <c r="AC2860" s="5" t="s">
        <v>44</v>
      </c>
      <c r="AD2860" s="2"/>
      <c r="AE2860" s="1"/>
    </row>
    <row r="2861" spans="1:31" ht="14.45">
      <c r="A2861" s="11"/>
      <c r="B2861" s="20"/>
      <c r="C2861" s="2" t="s">
        <v>9036</v>
      </c>
      <c r="D2861" s="14" t="s">
        <v>9037</v>
      </c>
      <c r="E2861" s="2" t="s">
        <v>9038</v>
      </c>
      <c r="F2861" s="2" t="s">
        <v>7406</v>
      </c>
      <c r="G2861" s="8">
        <v>127</v>
      </c>
      <c r="H2861" s="5">
        <v>6</v>
      </c>
      <c r="I2861" s="5" t="s">
        <v>1518</v>
      </c>
      <c r="J2861" s="5" t="s">
        <v>1519</v>
      </c>
      <c r="K2861" s="2" t="s">
        <v>1520</v>
      </c>
      <c r="L2861" s="5" t="s">
        <v>1519</v>
      </c>
      <c r="M2861" s="2" t="s">
        <v>1520</v>
      </c>
      <c r="N2861" s="5" t="s">
        <v>1521</v>
      </c>
      <c r="O2861" s="5" t="s">
        <v>38</v>
      </c>
      <c r="P2861" s="5" t="s">
        <v>39</v>
      </c>
      <c r="Q2861" s="5" t="s">
        <v>40</v>
      </c>
      <c r="R2861" s="5" t="s">
        <v>1522</v>
      </c>
      <c r="S2861" s="5" t="s">
        <v>1523</v>
      </c>
      <c r="T2861" s="5" t="s">
        <v>42</v>
      </c>
      <c r="U2861" s="2">
        <v>1.54</v>
      </c>
      <c r="V2861" s="2">
        <v>1.18</v>
      </c>
      <c r="W2861" s="2">
        <v>0.01</v>
      </c>
      <c r="X2861" s="2">
        <v>118.9</v>
      </c>
      <c r="Y2861" s="2">
        <v>7.6</v>
      </c>
      <c r="Z2861" s="2">
        <v>10.6</v>
      </c>
      <c r="AA2861" s="5"/>
      <c r="AB2861" s="5" t="s">
        <v>43</v>
      </c>
      <c r="AC2861" s="5" t="s">
        <v>44</v>
      </c>
      <c r="AD2861" s="2"/>
      <c r="AE2861" s="1"/>
    </row>
    <row r="2862" spans="1:31" ht="14.45">
      <c r="A2862" s="11"/>
      <c r="B2862" s="20"/>
      <c r="C2862" s="2" t="s">
        <v>9039</v>
      </c>
      <c r="D2862" s="14" t="s">
        <v>9040</v>
      </c>
      <c r="E2862" s="2" t="s">
        <v>9041</v>
      </c>
      <c r="F2862" s="2" t="s">
        <v>7535</v>
      </c>
      <c r="G2862" s="8">
        <v>127</v>
      </c>
      <c r="H2862" s="5">
        <v>6</v>
      </c>
      <c r="I2862" s="5" t="s">
        <v>1518</v>
      </c>
      <c r="J2862" s="5" t="s">
        <v>1519</v>
      </c>
      <c r="K2862" s="2" t="s">
        <v>1520</v>
      </c>
      <c r="L2862" s="5" t="s">
        <v>1519</v>
      </c>
      <c r="M2862" s="2" t="s">
        <v>1520</v>
      </c>
      <c r="N2862" s="5" t="s">
        <v>1521</v>
      </c>
      <c r="O2862" s="5" t="s">
        <v>38</v>
      </c>
      <c r="P2862" s="5" t="s">
        <v>39</v>
      </c>
      <c r="Q2862" s="5" t="s">
        <v>40</v>
      </c>
      <c r="R2862" s="5" t="s">
        <v>1522</v>
      </c>
      <c r="S2862" s="5" t="s">
        <v>1523</v>
      </c>
      <c r="T2862" s="5" t="s">
        <v>42</v>
      </c>
      <c r="U2862" s="2">
        <v>1.577</v>
      </c>
      <c r="V2862" s="2">
        <v>1.2170000000000001</v>
      </c>
      <c r="W2862" s="2">
        <v>0.01</v>
      </c>
      <c r="X2862" s="2">
        <v>118.9</v>
      </c>
      <c r="Y2862" s="2">
        <v>7.6</v>
      </c>
      <c r="Z2862" s="2">
        <v>10.6</v>
      </c>
      <c r="AA2862" s="5"/>
      <c r="AB2862" s="5" t="s">
        <v>43</v>
      </c>
      <c r="AC2862" s="5" t="s">
        <v>44</v>
      </c>
      <c r="AD2862" s="2"/>
      <c r="AE2862" s="1"/>
    </row>
    <row r="2863" spans="1:31" ht="14.45">
      <c r="A2863" s="11"/>
      <c r="B2863" s="20"/>
      <c r="C2863" s="2" t="s">
        <v>9042</v>
      </c>
      <c r="D2863" s="14" t="s">
        <v>9043</v>
      </c>
      <c r="E2863" s="2" t="s">
        <v>9044</v>
      </c>
      <c r="F2863" s="2" t="s">
        <v>7539</v>
      </c>
      <c r="G2863" s="8">
        <v>127</v>
      </c>
      <c r="H2863" s="5">
        <v>6</v>
      </c>
      <c r="I2863" s="5" t="s">
        <v>1518</v>
      </c>
      <c r="J2863" s="5" t="s">
        <v>1519</v>
      </c>
      <c r="K2863" s="2" t="s">
        <v>1520</v>
      </c>
      <c r="L2863" s="5" t="s">
        <v>1519</v>
      </c>
      <c r="M2863" s="2" t="s">
        <v>1520</v>
      </c>
      <c r="N2863" s="5" t="s">
        <v>1521</v>
      </c>
      <c r="O2863" s="5" t="s">
        <v>38</v>
      </c>
      <c r="P2863" s="5" t="s">
        <v>39</v>
      </c>
      <c r="Q2863" s="5" t="s">
        <v>40</v>
      </c>
      <c r="R2863" s="5" t="s">
        <v>1522</v>
      </c>
      <c r="S2863" s="5" t="s">
        <v>1523</v>
      </c>
      <c r="T2863" s="5" t="s">
        <v>42</v>
      </c>
      <c r="U2863" s="2">
        <v>1.5549999999999999</v>
      </c>
      <c r="V2863" s="2">
        <v>1.1950000000000001</v>
      </c>
      <c r="W2863" s="2">
        <v>0.01</v>
      </c>
      <c r="X2863" s="2">
        <v>118.9</v>
      </c>
      <c r="Y2863" s="2">
        <v>7.6</v>
      </c>
      <c r="Z2863" s="2">
        <v>10.6</v>
      </c>
      <c r="AA2863" s="5"/>
      <c r="AB2863" s="5" t="s">
        <v>43</v>
      </c>
      <c r="AC2863" s="5" t="s">
        <v>44</v>
      </c>
      <c r="AD2863" s="2"/>
      <c r="AE2863" s="1"/>
    </row>
    <row r="2864" spans="1:31" ht="14.45">
      <c r="A2864" s="11"/>
      <c r="B2864" s="20"/>
      <c r="C2864" s="2" t="s">
        <v>9045</v>
      </c>
      <c r="D2864" s="14" t="s">
        <v>9046</v>
      </c>
      <c r="E2864" s="2" t="s">
        <v>9047</v>
      </c>
      <c r="F2864" s="2" t="s">
        <v>7543</v>
      </c>
      <c r="G2864" s="8">
        <v>127</v>
      </c>
      <c r="H2864" s="5">
        <v>6</v>
      </c>
      <c r="I2864" s="5" t="s">
        <v>1518</v>
      </c>
      <c r="J2864" s="5" t="s">
        <v>1519</v>
      </c>
      <c r="K2864" s="2" t="s">
        <v>1520</v>
      </c>
      <c r="L2864" s="5" t="s">
        <v>1519</v>
      </c>
      <c r="M2864" s="2" t="s">
        <v>1520</v>
      </c>
      <c r="N2864" s="5" t="s">
        <v>1521</v>
      </c>
      <c r="O2864" s="5" t="s">
        <v>38</v>
      </c>
      <c r="P2864" s="5" t="s">
        <v>39</v>
      </c>
      <c r="Q2864" s="5" t="s">
        <v>40</v>
      </c>
      <c r="R2864" s="5" t="s">
        <v>1522</v>
      </c>
      <c r="S2864" s="5" t="s">
        <v>1523</v>
      </c>
      <c r="T2864" s="5" t="s">
        <v>42</v>
      </c>
      <c r="U2864" s="2">
        <v>1.5920000000000001</v>
      </c>
      <c r="V2864" s="2">
        <v>1.232</v>
      </c>
      <c r="W2864" s="2">
        <v>0.01</v>
      </c>
      <c r="X2864" s="2">
        <v>118.9</v>
      </c>
      <c r="Y2864" s="2">
        <v>7.6</v>
      </c>
      <c r="Z2864" s="2">
        <v>10.6</v>
      </c>
      <c r="AA2864" s="5"/>
      <c r="AB2864" s="5" t="s">
        <v>43</v>
      </c>
      <c r="AC2864" s="5" t="s">
        <v>44</v>
      </c>
      <c r="AD2864" s="2"/>
      <c r="AE2864" s="1"/>
    </row>
    <row r="2865" spans="1:31" ht="14.45">
      <c r="A2865" s="11"/>
      <c r="B2865" s="20"/>
      <c r="C2865" s="2" t="s">
        <v>9048</v>
      </c>
      <c r="D2865" s="14" t="s">
        <v>9049</v>
      </c>
      <c r="E2865" s="2" t="s">
        <v>9050</v>
      </c>
      <c r="F2865" s="2" t="s">
        <v>7547</v>
      </c>
      <c r="G2865" s="8">
        <v>127</v>
      </c>
      <c r="H2865" s="5">
        <v>6</v>
      </c>
      <c r="I2865" s="5" t="s">
        <v>1518</v>
      </c>
      <c r="J2865" s="5" t="s">
        <v>1519</v>
      </c>
      <c r="K2865" s="2" t="s">
        <v>1520</v>
      </c>
      <c r="L2865" s="5" t="s">
        <v>1519</v>
      </c>
      <c r="M2865" s="2" t="s">
        <v>1520</v>
      </c>
      <c r="N2865" s="5" t="s">
        <v>1521</v>
      </c>
      <c r="O2865" s="5" t="s">
        <v>38</v>
      </c>
      <c r="P2865" s="5" t="s">
        <v>39</v>
      </c>
      <c r="Q2865" s="5" t="s">
        <v>40</v>
      </c>
      <c r="R2865" s="5" t="s">
        <v>1522</v>
      </c>
      <c r="S2865" s="5" t="s">
        <v>1523</v>
      </c>
      <c r="T2865" s="5" t="s">
        <v>42</v>
      </c>
      <c r="U2865" s="2">
        <v>1.54</v>
      </c>
      <c r="V2865" s="2">
        <v>1.18</v>
      </c>
      <c r="W2865" s="2">
        <v>0.01</v>
      </c>
      <c r="X2865" s="2">
        <v>118.9</v>
      </c>
      <c r="Y2865" s="2">
        <v>7.6</v>
      </c>
      <c r="Z2865" s="2">
        <v>10.6</v>
      </c>
      <c r="AA2865" s="5"/>
      <c r="AB2865" s="5" t="s">
        <v>43</v>
      </c>
      <c r="AC2865" s="5" t="s">
        <v>44</v>
      </c>
      <c r="AD2865" s="2"/>
      <c r="AE2865" s="1"/>
    </row>
    <row r="2866" spans="1:31" ht="14.45">
      <c r="A2866" s="11"/>
      <c r="B2866" s="20"/>
      <c r="C2866" s="2" t="s">
        <v>9051</v>
      </c>
      <c r="D2866" s="14" t="s">
        <v>9052</v>
      </c>
      <c r="E2866" s="2" t="s">
        <v>9053</v>
      </c>
      <c r="F2866" s="2" t="s">
        <v>7551</v>
      </c>
      <c r="G2866" s="8">
        <v>127</v>
      </c>
      <c r="H2866" s="5">
        <v>6</v>
      </c>
      <c r="I2866" s="5" t="s">
        <v>1518</v>
      </c>
      <c r="J2866" s="5" t="s">
        <v>1519</v>
      </c>
      <c r="K2866" s="2" t="s">
        <v>1520</v>
      </c>
      <c r="L2866" s="5" t="s">
        <v>1519</v>
      </c>
      <c r="M2866" s="2" t="s">
        <v>1520</v>
      </c>
      <c r="N2866" s="5" t="s">
        <v>1521</v>
      </c>
      <c r="O2866" s="5" t="s">
        <v>38</v>
      </c>
      <c r="P2866" s="5" t="s">
        <v>39</v>
      </c>
      <c r="Q2866" s="5" t="s">
        <v>40</v>
      </c>
      <c r="R2866" s="5" t="s">
        <v>1522</v>
      </c>
      <c r="S2866" s="5" t="s">
        <v>1523</v>
      </c>
      <c r="T2866" s="5" t="s">
        <v>42</v>
      </c>
      <c r="U2866" s="2">
        <v>1.577</v>
      </c>
      <c r="V2866" s="2">
        <v>1.2170000000000001</v>
      </c>
      <c r="W2866" s="2">
        <v>0.01</v>
      </c>
      <c r="X2866" s="2">
        <v>118.9</v>
      </c>
      <c r="Y2866" s="2">
        <v>7.6</v>
      </c>
      <c r="Z2866" s="2">
        <v>10.6</v>
      </c>
      <c r="AA2866" s="5"/>
      <c r="AB2866" s="5" t="s">
        <v>43</v>
      </c>
      <c r="AC2866" s="5" t="s">
        <v>44</v>
      </c>
      <c r="AD2866" s="2"/>
      <c r="AE2866" s="1"/>
    </row>
    <row r="2867" spans="1:31" ht="14.45">
      <c r="A2867" s="11"/>
      <c r="B2867" s="20"/>
      <c r="C2867" s="2" t="s">
        <v>9054</v>
      </c>
      <c r="D2867" s="14" t="s">
        <v>9055</v>
      </c>
      <c r="E2867" s="2" t="s">
        <v>9056</v>
      </c>
      <c r="F2867" s="2" t="s">
        <v>7555</v>
      </c>
      <c r="G2867" s="8">
        <v>127</v>
      </c>
      <c r="H2867" s="5">
        <v>6</v>
      </c>
      <c r="I2867" s="5" t="s">
        <v>1518</v>
      </c>
      <c r="J2867" s="5" t="s">
        <v>1519</v>
      </c>
      <c r="K2867" s="2" t="s">
        <v>1520</v>
      </c>
      <c r="L2867" s="5" t="s">
        <v>1519</v>
      </c>
      <c r="M2867" s="2" t="s">
        <v>1520</v>
      </c>
      <c r="N2867" s="5" t="s">
        <v>1521</v>
      </c>
      <c r="O2867" s="5" t="s">
        <v>38</v>
      </c>
      <c r="P2867" s="5" t="s">
        <v>39</v>
      </c>
      <c r="Q2867" s="5" t="s">
        <v>40</v>
      </c>
      <c r="R2867" s="5" t="s">
        <v>1522</v>
      </c>
      <c r="S2867" s="5" t="s">
        <v>1523</v>
      </c>
      <c r="T2867" s="5" t="s">
        <v>42</v>
      </c>
      <c r="U2867" s="2">
        <v>1.54</v>
      </c>
      <c r="V2867" s="2">
        <v>1.18</v>
      </c>
      <c r="W2867" s="2">
        <v>0.01</v>
      </c>
      <c r="X2867" s="2">
        <v>118.9</v>
      </c>
      <c r="Y2867" s="2">
        <v>7.6</v>
      </c>
      <c r="Z2867" s="2">
        <v>10.6</v>
      </c>
      <c r="AA2867" s="5"/>
      <c r="AB2867" s="5" t="s">
        <v>43</v>
      </c>
      <c r="AC2867" s="5" t="s">
        <v>44</v>
      </c>
      <c r="AD2867" s="2"/>
      <c r="AE2867" s="1"/>
    </row>
    <row r="2868" spans="1:31" ht="14.45">
      <c r="A2868" s="11"/>
      <c r="B2868" s="20"/>
      <c r="C2868" s="2" t="s">
        <v>9057</v>
      </c>
      <c r="D2868" s="14" t="s">
        <v>9058</v>
      </c>
      <c r="E2868" s="2" t="s">
        <v>9059</v>
      </c>
      <c r="F2868" s="2" t="s">
        <v>7559</v>
      </c>
      <c r="G2868" s="8">
        <v>127</v>
      </c>
      <c r="H2868" s="5">
        <v>6</v>
      </c>
      <c r="I2868" s="5" t="s">
        <v>1518</v>
      </c>
      <c r="J2868" s="5" t="s">
        <v>1519</v>
      </c>
      <c r="K2868" s="2" t="s">
        <v>1520</v>
      </c>
      <c r="L2868" s="5" t="s">
        <v>1519</v>
      </c>
      <c r="M2868" s="2" t="s">
        <v>1520</v>
      </c>
      <c r="N2868" s="5" t="s">
        <v>1521</v>
      </c>
      <c r="O2868" s="5" t="s">
        <v>38</v>
      </c>
      <c r="P2868" s="5" t="s">
        <v>39</v>
      </c>
      <c r="Q2868" s="5" t="s">
        <v>40</v>
      </c>
      <c r="R2868" s="5" t="s">
        <v>1522</v>
      </c>
      <c r="S2868" s="5" t="s">
        <v>1523</v>
      </c>
      <c r="T2868" s="5" t="s">
        <v>42</v>
      </c>
      <c r="U2868" s="2">
        <v>1.577</v>
      </c>
      <c r="V2868" s="2">
        <v>1.2170000000000001</v>
      </c>
      <c r="W2868" s="2">
        <v>0.01</v>
      </c>
      <c r="X2868" s="2">
        <v>118.9</v>
      </c>
      <c r="Y2868" s="2">
        <v>7.6</v>
      </c>
      <c r="Z2868" s="2">
        <v>10.6</v>
      </c>
      <c r="AA2868" s="5"/>
      <c r="AB2868" s="5" t="s">
        <v>43</v>
      </c>
      <c r="AC2868" s="5" t="s">
        <v>44</v>
      </c>
      <c r="AD2868" s="2"/>
      <c r="AE2868" s="1"/>
    </row>
    <row r="2869" spans="1:31" ht="14.45">
      <c r="A2869" s="11"/>
      <c r="B2869" s="20"/>
      <c r="C2869" s="2" t="s">
        <v>9060</v>
      </c>
      <c r="D2869" s="14" t="s">
        <v>9061</v>
      </c>
      <c r="E2869" s="2" t="s">
        <v>9062</v>
      </c>
      <c r="F2869" s="2" t="s">
        <v>7563</v>
      </c>
      <c r="G2869" s="8">
        <v>127</v>
      </c>
      <c r="H2869" s="5">
        <v>6</v>
      </c>
      <c r="I2869" s="5" t="s">
        <v>1518</v>
      </c>
      <c r="J2869" s="5" t="s">
        <v>1519</v>
      </c>
      <c r="K2869" s="2" t="s">
        <v>1520</v>
      </c>
      <c r="L2869" s="5" t="s">
        <v>1519</v>
      </c>
      <c r="M2869" s="2" t="s">
        <v>1520</v>
      </c>
      <c r="N2869" s="5" t="s">
        <v>1521</v>
      </c>
      <c r="O2869" s="5" t="s">
        <v>38</v>
      </c>
      <c r="P2869" s="5" t="s">
        <v>39</v>
      </c>
      <c r="Q2869" s="5" t="s">
        <v>40</v>
      </c>
      <c r="R2869" s="5" t="s">
        <v>1522</v>
      </c>
      <c r="S2869" s="5" t="s">
        <v>1523</v>
      </c>
      <c r="T2869" s="5" t="s">
        <v>42</v>
      </c>
      <c r="U2869" s="2">
        <v>1.5549999999999999</v>
      </c>
      <c r="V2869" s="2">
        <v>1.1950000000000001</v>
      </c>
      <c r="W2869" s="2">
        <v>0.01</v>
      </c>
      <c r="X2869" s="2">
        <v>118.9</v>
      </c>
      <c r="Y2869" s="2">
        <v>7.6</v>
      </c>
      <c r="Z2869" s="2">
        <v>10.6</v>
      </c>
      <c r="AA2869" s="5"/>
      <c r="AB2869" s="5" t="s">
        <v>43</v>
      </c>
      <c r="AC2869" s="5" t="s">
        <v>44</v>
      </c>
      <c r="AD2869" s="2"/>
      <c r="AE2869" s="1"/>
    </row>
    <row r="2870" spans="1:31" ht="14.45">
      <c r="A2870" s="11"/>
      <c r="B2870" s="20"/>
      <c r="C2870" s="2" t="s">
        <v>9063</v>
      </c>
      <c r="D2870" s="14" t="s">
        <v>9064</v>
      </c>
      <c r="E2870" s="2" t="s">
        <v>9065</v>
      </c>
      <c r="F2870" s="2" t="s">
        <v>7567</v>
      </c>
      <c r="G2870" s="8">
        <v>127</v>
      </c>
      <c r="H2870" s="5">
        <v>6</v>
      </c>
      <c r="I2870" s="5" t="s">
        <v>1518</v>
      </c>
      <c r="J2870" s="5" t="s">
        <v>1519</v>
      </c>
      <c r="K2870" s="2" t="s">
        <v>1520</v>
      </c>
      <c r="L2870" s="5" t="s">
        <v>1519</v>
      </c>
      <c r="M2870" s="2" t="s">
        <v>1520</v>
      </c>
      <c r="N2870" s="5" t="s">
        <v>1521</v>
      </c>
      <c r="O2870" s="5" t="s">
        <v>38</v>
      </c>
      <c r="P2870" s="5" t="s">
        <v>39</v>
      </c>
      <c r="Q2870" s="5" t="s">
        <v>40</v>
      </c>
      <c r="R2870" s="5" t="s">
        <v>1522</v>
      </c>
      <c r="S2870" s="5" t="s">
        <v>1523</v>
      </c>
      <c r="T2870" s="5" t="s">
        <v>42</v>
      </c>
      <c r="U2870" s="2">
        <v>1.5920000000000001</v>
      </c>
      <c r="V2870" s="2">
        <v>1.232</v>
      </c>
      <c r="W2870" s="2">
        <v>0.01</v>
      </c>
      <c r="X2870" s="2">
        <v>118.9</v>
      </c>
      <c r="Y2870" s="2">
        <v>7.6</v>
      </c>
      <c r="Z2870" s="2">
        <v>10.6</v>
      </c>
      <c r="AA2870" s="5"/>
      <c r="AB2870" s="5" t="s">
        <v>43</v>
      </c>
      <c r="AC2870" s="5" t="s">
        <v>44</v>
      </c>
      <c r="AD2870" s="2"/>
      <c r="AE2870" s="1"/>
    </row>
    <row r="2871" spans="1:31" ht="14.45">
      <c r="A2871" s="11"/>
      <c r="B2871" s="20"/>
      <c r="C2871" s="2" t="s">
        <v>9066</v>
      </c>
      <c r="D2871" s="14" t="s">
        <v>9067</v>
      </c>
      <c r="E2871" s="2" t="s">
        <v>9068</v>
      </c>
      <c r="F2871" s="2" t="s">
        <v>7429</v>
      </c>
      <c r="G2871" s="8">
        <v>127</v>
      </c>
      <c r="H2871" s="5">
        <v>6</v>
      </c>
      <c r="I2871" s="5" t="s">
        <v>1518</v>
      </c>
      <c r="J2871" s="5" t="s">
        <v>1519</v>
      </c>
      <c r="K2871" s="2" t="s">
        <v>1520</v>
      </c>
      <c r="L2871" s="5" t="s">
        <v>1519</v>
      </c>
      <c r="M2871" s="2" t="s">
        <v>1520</v>
      </c>
      <c r="N2871" s="5" t="s">
        <v>1521</v>
      </c>
      <c r="O2871" s="5" t="s">
        <v>38</v>
      </c>
      <c r="P2871" s="5" t="s">
        <v>39</v>
      </c>
      <c r="Q2871" s="5" t="s">
        <v>40</v>
      </c>
      <c r="R2871" s="5" t="s">
        <v>1522</v>
      </c>
      <c r="S2871" s="5" t="s">
        <v>1523</v>
      </c>
      <c r="T2871" s="5" t="s">
        <v>42</v>
      </c>
      <c r="U2871" s="2">
        <v>1.5549999999999999</v>
      </c>
      <c r="V2871" s="2">
        <v>1.1950000000000001</v>
      </c>
      <c r="W2871" s="2">
        <v>0.01</v>
      </c>
      <c r="X2871" s="2">
        <v>118.9</v>
      </c>
      <c r="Y2871" s="2">
        <v>7.6</v>
      </c>
      <c r="Z2871" s="2">
        <v>10.6</v>
      </c>
      <c r="AA2871" s="5"/>
      <c r="AB2871" s="5" t="s">
        <v>43</v>
      </c>
      <c r="AC2871" s="5" t="s">
        <v>44</v>
      </c>
      <c r="AD2871" s="2"/>
      <c r="AE2871" s="1"/>
    </row>
    <row r="2872" spans="1:31" ht="14.45">
      <c r="A2872" s="11"/>
      <c r="B2872" s="20"/>
      <c r="C2872" s="2" t="s">
        <v>9069</v>
      </c>
      <c r="D2872" s="14" t="s">
        <v>9070</v>
      </c>
      <c r="E2872" s="2" t="s">
        <v>9071</v>
      </c>
      <c r="F2872" s="2" t="s">
        <v>7574</v>
      </c>
      <c r="G2872" s="8">
        <v>127</v>
      </c>
      <c r="H2872" s="5">
        <v>6</v>
      </c>
      <c r="I2872" s="5" t="s">
        <v>1518</v>
      </c>
      <c r="J2872" s="5" t="s">
        <v>1519</v>
      </c>
      <c r="K2872" s="2" t="s">
        <v>1520</v>
      </c>
      <c r="L2872" s="5" t="s">
        <v>1519</v>
      </c>
      <c r="M2872" s="2" t="s">
        <v>1520</v>
      </c>
      <c r="N2872" s="5" t="s">
        <v>1521</v>
      </c>
      <c r="O2872" s="5" t="s">
        <v>38</v>
      </c>
      <c r="P2872" s="5" t="s">
        <v>39</v>
      </c>
      <c r="Q2872" s="5" t="s">
        <v>40</v>
      </c>
      <c r="R2872" s="5" t="s">
        <v>1522</v>
      </c>
      <c r="S2872" s="5" t="s">
        <v>1523</v>
      </c>
      <c r="T2872" s="5" t="s">
        <v>42</v>
      </c>
      <c r="U2872" s="2">
        <v>1.5920000000000001</v>
      </c>
      <c r="V2872" s="2">
        <v>1.232</v>
      </c>
      <c r="W2872" s="2">
        <v>0.01</v>
      </c>
      <c r="X2872" s="2">
        <v>118.9</v>
      </c>
      <c r="Y2872" s="2">
        <v>7.6</v>
      </c>
      <c r="Z2872" s="2">
        <v>10.6</v>
      </c>
      <c r="AA2872" s="5"/>
      <c r="AB2872" s="5" t="s">
        <v>43</v>
      </c>
      <c r="AC2872" s="5" t="s">
        <v>44</v>
      </c>
      <c r="AD2872" s="2"/>
      <c r="AE2872" s="1"/>
    </row>
    <row r="2873" spans="1:31" ht="14.45">
      <c r="A2873" s="11"/>
      <c r="B2873" s="20"/>
      <c r="C2873" s="2" t="s">
        <v>9072</v>
      </c>
      <c r="D2873" s="14" t="s">
        <v>9073</v>
      </c>
      <c r="E2873" s="2" t="s">
        <v>9074</v>
      </c>
      <c r="F2873" s="2" t="s">
        <v>7449</v>
      </c>
      <c r="G2873" s="8">
        <v>127</v>
      </c>
      <c r="H2873" s="5">
        <v>6</v>
      </c>
      <c r="I2873" s="5" t="s">
        <v>1518</v>
      </c>
      <c r="J2873" s="5" t="s">
        <v>1519</v>
      </c>
      <c r="K2873" s="2" t="s">
        <v>1520</v>
      </c>
      <c r="L2873" s="5" t="s">
        <v>1519</v>
      </c>
      <c r="M2873" s="2" t="s">
        <v>1520</v>
      </c>
      <c r="N2873" s="5" t="s">
        <v>1521</v>
      </c>
      <c r="O2873" s="5" t="s">
        <v>38</v>
      </c>
      <c r="P2873" s="5" t="s">
        <v>39</v>
      </c>
      <c r="Q2873" s="5" t="s">
        <v>40</v>
      </c>
      <c r="R2873" s="5" t="s">
        <v>1522</v>
      </c>
      <c r="S2873" s="5" t="s">
        <v>1523</v>
      </c>
      <c r="T2873" s="5" t="s">
        <v>42</v>
      </c>
      <c r="U2873" s="2">
        <v>1.5549999999999999</v>
      </c>
      <c r="V2873" s="2">
        <v>1.1950000000000001</v>
      </c>
      <c r="W2873" s="2">
        <v>0.01</v>
      </c>
      <c r="X2873" s="2">
        <v>118.9</v>
      </c>
      <c r="Y2873" s="2">
        <v>7.6</v>
      </c>
      <c r="Z2873" s="2">
        <v>10.6</v>
      </c>
      <c r="AA2873" s="5"/>
      <c r="AB2873" s="5" t="s">
        <v>43</v>
      </c>
      <c r="AC2873" s="5" t="s">
        <v>44</v>
      </c>
      <c r="AD2873" s="2"/>
      <c r="AE2873" s="1"/>
    </row>
    <row r="2874" spans="1:31" ht="14.45">
      <c r="A2874" s="11"/>
      <c r="B2874" s="20"/>
      <c r="C2874" s="2" t="s">
        <v>9075</v>
      </c>
      <c r="D2874" s="14" t="s">
        <v>9076</v>
      </c>
      <c r="E2874" s="2" t="s">
        <v>9077</v>
      </c>
      <c r="F2874" s="2" t="s">
        <v>7581</v>
      </c>
      <c r="G2874" s="8">
        <v>127</v>
      </c>
      <c r="H2874" s="5">
        <v>6</v>
      </c>
      <c r="I2874" s="5" t="s">
        <v>1518</v>
      </c>
      <c r="J2874" s="5" t="s">
        <v>1519</v>
      </c>
      <c r="K2874" s="2" t="s">
        <v>1520</v>
      </c>
      <c r="L2874" s="5" t="s">
        <v>1519</v>
      </c>
      <c r="M2874" s="2" t="s">
        <v>1520</v>
      </c>
      <c r="N2874" s="5" t="s">
        <v>1521</v>
      </c>
      <c r="O2874" s="5" t="s">
        <v>38</v>
      </c>
      <c r="P2874" s="5" t="s">
        <v>39</v>
      </c>
      <c r="Q2874" s="5" t="s">
        <v>40</v>
      </c>
      <c r="R2874" s="5" t="s">
        <v>1522</v>
      </c>
      <c r="S2874" s="5" t="s">
        <v>1523</v>
      </c>
      <c r="T2874" s="5" t="s">
        <v>42</v>
      </c>
      <c r="U2874" s="2">
        <v>1.5920000000000001</v>
      </c>
      <c r="V2874" s="2">
        <v>1.232</v>
      </c>
      <c r="W2874" s="2">
        <v>0.01</v>
      </c>
      <c r="X2874" s="2">
        <v>118.9</v>
      </c>
      <c r="Y2874" s="2">
        <v>7.6</v>
      </c>
      <c r="Z2874" s="2">
        <v>10.6</v>
      </c>
      <c r="AA2874" s="5"/>
      <c r="AB2874" s="5" t="s">
        <v>43</v>
      </c>
      <c r="AC2874" s="5" t="s">
        <v>44</v>
      </c>
      <c r="AD2874" s="2"/>
      <c r="AE2874" s="1"/>
    </row>
    <row r="2875" spans="1:31" ht="14.45">
      <c r="A2875" s="11"/>
      <c r="B2875" s="20"/>
      <c r="C2875" s="2" t="s">
        <v>9078</v>
      </c>
      <c r="D2875" s="14" t="s">
        <v>9079</v>
      </c>
      <c r="E2875" s="2" t="s">
        <v>9080</v>
      </c>
      <c r="F2875" s="2" t="s">
        <v>7585</v>
      </c>
      <c r="G2875" s="8">
        <v>127</v>
      </c>
      <c r="H2875" s="5">
        <v>6</v>
      </c>
      <c r="I2875" s="5" t="s">
        <v>1518</v>
      </c>
      <c r="J2875" s="5" t="s">
        <v>1519</v>
      </c>
      <c r="K2875" s="2" t="s">
        <v>1520</v>
      </c>
      <c r="L2875" s="5" t="s">
        <v>1519</v>
      </c>
      <c r="M2875" s="2" t="s">
        <v>1520</v>
      </c>
      <c r="N2875" s="5" t="s">
        <v>1521</v>
      </c>
      <c r="O2875" s="5" t="s">
        <v>38</v>
      </c>
      <c r="P2875" s="5" t="s">
        <v>39</v>
      </c>
      <c r="Q2875" s="5" t="s">
        <v>40</v>
      </c>
      <c r="R2875" s="5" t="s">
        <v>1522</v>
      </c>
      <c r="S2875" s="5" t="s">
        <v>1523</v>
      </c>
      <c r="T2875" s="5" t="s">
        <v>42</v>
      </c>
      <c r="U2875" s="2">
        <v>1.54</v>
      </c>
      <c r="V2875" s="2">
        <v>1.18</v>
      </c>
      <c r="W2875" s="2">
        <v>0.01</v>
      </c>
      <c r="X2875" s="2">
        <v>118.9</v>
      </c>
      <c r="Y2875" s="2">
        <v>7.6</v>
      </c>
      <c r="Z2875" s="2">
        <v>10.6</v>
      </c>
      <c r="AA2875" s="5"/>
      <c r="AB2875" s="5" t="s">
        <v>43</v>
      </c>
      <c r="AC2875" s="5" t="s">
        <v>44</v>
      </c>
      <c r="AD2875" s="2"/>
      <c r="AE2875" s="1"/>
    </row>
    <row r="2876" spans="1:31" ht="14.45">
      <c r="A2876" s="11"/>
      <c r="B2876" s="20"/>
      <c r="C2876" s="2" t="s">
        <v>9081</v>
      </c>
      <c r="D2876" s="14" t="s">
        <v>9082</v>
      </c>
      <c r="E2876" s="2" t="s">
        <v>9083</v>
      </c>
      <c r="F2876" s="2" t="s">
        <v>7589</v>
      </c>
      <c r="G2876" s="8">
        <v>127</v>
      </c>
      <c r="H2876" s="5">
        <v>6</v>
      </c>
      <c r="I2876" s="5" t="s">
        <v>1518</v>
      </c>
      <c r="J2876" s="5" t="s">
        <v>1519</v>
      </c>
      <c r="K2876" s="2" t="s">
        <v>1520</v>
      </c>
      <c r="L2876" s="5" t="s">
        <v>1519</v>
      </c>
      <c r="M2876" s="2" t="s">
        <v>1520</v>
      </c>
      <c r="N2876" s="5" t="s">
        <v>1521</v>
      </c>
      <c r="O2876" s="5" t="s">
        <v>38</v>
      </c>
      <c r="P2876" s="5" t="s">
        <v>39</v>
      </c>
      <c r="Q2876" s="5" t="s">
        <v>40</v>
      </c>
      <c r="R2876" s="5" t="s">
        <v>1522</v>
      </c>
      <c r="S2876" s="5" t="s">
        <v>1523</v>
      </c>
      <c r="T2876" s="5" t="s">
        <v>42</v>
      </c>
      <c r="U2876" s="2">
        <v>1.577</v>
      </c>
      <c r="V2876" s="2">
        <v>1.2170000000000001</v>
      </c>
      <c r="W2876" s="2">
        <v>0.01</v>
      </c>
      <c r="X2876" s="2">
        <v>118.9</v>
      </c>
      <c r="Y2876" s="2">
        <v>7.6</v>
      </c>
      <c r="Z2876" s="2">
        <v>10.6</v>
      </c>
      <c r="AA2876" s="5"/>
      <c r="AB2876" s="5" t="s">
        <v>43</v>
      </c>
      <c r="AC2876" s="5" t="s">
        <v>44</v>
      </c>
      <c r="AD2876" s="2"/>
      <c r="AE2876" s="1"/>
    </row>
    <row r="2877" spans="1:31" ht="14.45">
      <c r="A2877" s="11"/>
      <c r="B2877" s="20"/>
      <c r="C2877" s="2" t="s">
        <v>9084</v>
      </c>
      <c r="D2877" s="14" t="s">
        <v>9085</v>
      </c>
      <c r="E2877" s="2" t="s">
        <v>9086</v>
      </c>
      <c r="F2877" s="2" t="s">
        <v>7593</v>
      </c>
      <c r="G2877" s="8">
        <v>127</v>
      </c>
      <c r="H2877" s="5">
        <v>6</v>
      </c>
      <c r="I2877" s="5" t="s">
        <v>1518</v>
      </c>
      <c r="J2877" s="5" t="s">
        <v>1519</v>
      </c>
      <c r="K2877" s="2" t="s">
        <v>1520</v>
      </c>
      <c r="L2877" s="5" t="s">
        <v>1519</v>
      </c>
      <c r="M2877" s="2" t="s">
        <v>1520</v>
      </c>
      <c r="N2877" s="5" t="s">
        <v>1521</v>
      </c>
      <c r="O2877" s="5" t="s">
        <v>38</v>
      </c>
      <c r="P2877" s="5" t="s">
        <v>39</v>
      </c>
      <c r="Q2877" s="5" t="s">
        <v>40</v>
      </c>
      <c r="R2877" s="5" t="s">
        <v>1522</v>
      </c>
      <c r="S2877" s="5" t="s">
        <v>1523</v>
      </c>
      <c r="T2877" s="5" t="s">
        <v>42</v>
      </c>
      <c r="U2877" s="2">
        <v>1.5549999999999999</v>
      </c>
      <c r="V2877" s="2">
        <v>1.1950000000000001</v>
      </c>
      <c r="W2877" s="2">
        <v>0.01</v>
      </c>
      <c r="X2877" s="2">
        <v>118.9</v>
      </c>
      <c r="Y2877" s="2">
        <v>7.6</v>
      </c>
      <c r="Z2877" s="2">
        <v>10.6</v>
      </c>
      <c r="AA2877" s="5"/>
      <c r="AB2877" s="5" t="s">
        <v>43</v>
      </c>
      <c r="AC2877" s="5" t="s">
        <v>44</v>
      </c>
      <c r="AD2877" s="2"/>
      <c r="AE2877" s="1"/>
    </row>
    <row r="2878" spans="1:31" ht="14.45">
      <c r="A2878" s="11"/>
      <c r="B2878" s="20"/>
      <c r="C2878" s="2" t="s">
        <v>9087</v>
      </c>
      <c r="D2878" s="14" t="s">
        <v>9088</v>
      </c>
      <c r="E2878" s="2" t="s">
        <v>9089</v>
      </c>
      <c r="F2878" s="2" t="s">
        <v>7597</v>
      </c>
      <c r="G2878" s="8">
        <v>127</v>
      </c>
      <c r="H2878" s="5">
        <v>6</v>
      </c>
      <c r="I2878" s="5" t="s">
        <v>1518</v>
      </c>
      <c r="J2878" s="5" t="s">
        <v>1519</v>
      </c>
      <c r="K2878" s="2" t="s">
        <v>1520</v>
      </c>
      <c r="L2878" s="5" t="s">
        <v>1519</v>
      </c>
      <c r="M2878" s="2" t="s">
        <v>1520</v>
      </c>
      <c r="N2878" s="5" t="s">
        <v>1521</v>
      </c>
      <c r="O2878" s="5" t="s">
        <v>38</v>
      </c>
      <c r="P2878" s="5" t="s">
        <v>39</v>
      </c>
      <c r="Q2878" s="5" t="s">
        <v>40</v>
      </c>
      <c r="R2878" s="5" t="s">
        <v>1522</v>
      </c>
      <c r="S2878" s="5" t="s">
        <v>1523</v>
      </c>
      <c r="T2878" s="5" t="s">
        <v>42</v>
      </c>
      <c r="U2878" s="2">
        <v>1.5920000000000001</v>
      </c>
      <c r="V2878" s="2">
        <v>1.232</v>
      </c>
      <c r="W2878" s="2">
        <v>0.01</v>
      </c>
      <c r="X2878" s="2">
        <v>118.9</v>
      </c>
      <c r="Y2878" s="2">
        <v>7.6</v>
      </c>
      <c r="Z2878" s="2">
        <v>10.6</v>
      </c>
      <c r="AA2878" s="5"/>
      <c r="AB2878" s="5" t="s">
        <v>43</v>
      </c>
      <c r="AC2878" s="5" t="s">
        <v>44</v>
      </c>
      <c r="AD2878" s="2"/>
      <c r="AE2878" s="1"/>
    </row>
    <row r="2879" spans="1:31" ht="14.45">
      <c r="A2879" s="11"/>
      <c r="B2879" s="20"/>
      <c r="C2879" s="2" t="s">
        <v>9090</v>
      </c>
      <c r="D2879" s="14" t="s">
        <v>9091</v>
      </c>
      <c r="E2879" s="2" t="s">
        <v>9092</v>
      </c>
      <c r="F2879" s="2" t="s">
        <v>7410</v>
      </c>
      <c r="G2879" s="8">
        <v>127</v>
      </c>
      <c r="H2879" s="5">
        <v>6</v>
      </c>
      <c r="I2879" s="5" t="s">
        <v>1518</v>
      </c>
      <c r="J2879" s="5" t="s">
        <v>1519</v>
      </c>
      <c r="K2879" s="2" t="s">
        <v>1520</v>
      </c>
      <c r="L2879" s="5" t="s">
        <v>1519</v>
      </c>
      <c r="M2879" s="2" t="s">
        <v>1520</v>
      </c>
      <c r="N2879" s="5" t="s">
        <v>1521</v>
      </c>
      <c r="O2879" s="5" t="s">
        <v>38</v>
      </c>
      <c r="P2879" s="5" t="s">
        <v>39</v>
      </c>
      <c r="Q2879" s="5" t="s">
        <v>40</v>
      </c>
      <c r="R2879" s="5" t="s">
        <v>1522</v>
      </c>
      <c r="S2879" s="5" t="s">
        <v>1523</v>
      </c>
      <c r="T2879" s="5" t="s">
        <v>42</v>
      </c>
      <c r="U2879" s="2">
        <v>1.5549999999999999</v>
      </c>
      <c r="V2879" s="2">
        <v>1.1950000000000001</v>
      </c>
      <c r="W2879" s="2">
        <v>0.01</v>
      </c>
      <c r="X2879" s="2">
        <v>118.9</v>
      </c>
      <c r="Y2879" s="2">
        <v>7.6</v>
      </c>
      <c r="Z2879" s="2">
        <v>10.6</v>
      </c>
      <c r="AA2879" s="5"/>
      <c r="AB2879" s="5" t="s">
        <v>43</v>
      </c>
      <c r="AC2879" s="5" t="s">
        <v>44</v>
      </c>
      <c r="AD2879" s="2"/>
      <c r="AE2879" s="1"/>
    </row>
    <row r="2880" spans="1:31" ht="14.45">
      <c r="A2880" s="11"/>
      <c r="B2880" s="20"/>
      <c r="C2880" s="2" t="s">
        <v>9093</v>
      </c>
      <c r="D2880" s="14" t="s">
        <v>9094</v>
      </c>
      <c r="E2880" s="2" t="s">
        <v>9095</v>
      </c>
      <c r="F2880" s="2" t="s">
        <v>7604</v>
      </c>
      <c r="G2880" s="8">
        <v>127</v>
      </c>
      <c r="H2880" s="5">
        <v>6</v>
      </c>
      <c r="I2880" s="5" t="s">
        <v>1518</v>
      </c>
      <c r="J2880" s="5" t="s">
        <v>1519</v>
      </c>
      <c r="K2880" s="2" t="s">
        <v>1520</v>
      </c>
      <c r="L2880" s="5" t="s">
        <v>1519</v>
      </c>
      <c r="M2880" s="2" t="s">
        <v>1520</v>
      </c>
      <c r="N2880" s="5" t="s">
        <v>1521</v>
      </c>
      <c r="O2880" s="5" t="s">
        <v>38</v>
      </c>
      <c r="P2880" s="5" t="s">
        <v>39</v>
      </c>
      <c r="Q2880" s="5" t="s">
        <v>40</v>
      </c>
      <c r="R2880" s="5" t="s">
        <v>1522</v>
      </c>
      <c r="S2880" s="5" t="s">
        <v>1523</v>
      </c>
      <c r="T2880" s="5" t="s">
        <v>42</v>
      </c>
      <c r="U2880" s="2">
        <v>1.5920000000000001</v>
      </c>
      <c r="V2880" s="2">
        <v>1.232</v>
      </c>
      <c r="W2880" s="2">
        <v>0.01</v>
      </c>
      <c r="X2880" s="2">
        <v>118.9</v>
      </c>
      <c r="Y2880" s="2">
        <v>7.6</v>
      </c>
      <c r="Z2880" s="2">
        <v>10.6</v>
      </c>
      <c r="AA2880" s="5"/>
      <c r="AB2880" s="5" t="s">
        <v>43</v>
      </c>
      <c r="AC2880" s="5" t="s">
        <v>44</v>
      </c>
      <c r="AD2880" s="2"/>
      <c r="AE2880" s="1"/>
    </row>
    <row r="2881" spans="1:31" ht="14.45">
      <c r="A2881" s="11"/>
      <c r="B2881" s="20"/>
      <c r="C2881" s="2" t="s">
        <v>9096</v>
      </c>
      <c r="D2881" s="14" t="s">
        <v>9097</v>
      </c>
      <c r="E2881" s="2" t="s">
        <v>9098</v>
      </c>
      <c r="F2881" s="2" t="s">
        <v>7433</v>
      </c>
      <c r="G2881" s="8">
        <v>127</v>
      </c>
      <c r="H2881" s="5">
        <v>6</v>
      </c>
      <c r="I2881" s="5" t="s">
        <v>1518</v>
      </c>
      <c r="J2881" s="5" t="s">
        <v>1519</v>
      </c>
      <c r="K2881" s="2" t="s">
        <v>1520</v>
      </c>
      <c r="L2881" s="5" t="s">
        <v>1519</v>
      </c>
      <c r="M2881" s="2" t="s">
        <v>1520</v>
      </c>
      <c r="N2881" s="5" t="s">
        <v>1521</v>
      </c>
      <c r="O2881" s="5" t="s">
        <v>38</v>
      </c>
      <c r="P2881" s="5" t="s">
        <v>39</v>
      </c>
      <c r="Q2881" s="5" t="s">
        <v>40</v>
      </c>
      <c r="R2881" s="5" t="s">
        <v>1522</v>
      </c>
      <c r="S2881" s="5" t="s">
        <v>1523</v>
      </c>
      <c r="T2881" s="5" t="s">
        <v>42</v>
      </c>
      <c r="U2881" s="2">
        <v>1.5549999999999999</v>
      </c>
      <c r="V2881" s="2">
        <v>1.1950000000000001</v>
      </c>
      <c r="W2881" s="2">
        <v>0.01</v>
      </c>
      <c r="X2881" s="2">
        <v>118.9</v>
      </c>
      <c r="Y2881" s="2">
        <v>7.6</v>
      </c>
      <c r="Z2881" s="2">
        <v>10.6</v>
      </c>
      <c r="AA2881" s="5"/>
      <c r="AB2881" s="5" t="s">
        <v>43</v>
      </c>
      <c r="AC2881" s="5" t="s">
        <v>44</v>
      </c>
      <c r="AD2881" s="2"/>
      <c r="AE2881" s="1"/>
    </row>
    <row r="2882" spans="1:31" ht="14.45">
      <c r="A2882" s="11"/>
      <c r="B2882" s="20"/>
      <c r="C2882" s="2" t="s">
        <v>9099</v>
      </c>
      <c r="D2882" s="14" t="s">
        <v>9100</v>
      </c>
      <c r="E2882" s="2" t="s">
        <v>9101</v>
      </c>
      <c r="F2882" s="2" t="s">
        <v>7611</v>
      </c>
      <c r="G2882" s="8">
        <v>127</v>
      </c>
      <c r="H2882" s="5">
        <v>6</v>
      </c>
      <c r="I2882" s="5" t="s">
        <v>1518</v>
      </c>
      <c r="J2882" s="5" t="s">
        <v>1519</v>
      </c>
      <c r="K2882" s="2" t="s">
        <v>1520</v>
      </c>
      <c r="L2882" s="5" t="s">
        <v>1519</v>
      </c>
      <c r="M2882" s="2" t="s">
        <v>1520</v>
      </c>
      <c r="N2882" s="5" t="s">
        <v>1521</v>
      </c>
      <c r="O2882" s="5" t="s">
        <v>38</v>
      </c>
      <c r="P2882" s="5" t="s">
        <v>39</v>
      </c>
      <c r="Q2882" s="5" t="s">
        <v>40</v>
      </c>
      <c r="R2882" s="5" t="s">
        <v>1522</v>
      </c>
      <c r="S2882" s="5" t="s">
        <v>1523</v>
      </c>
      <c r="T2882" s="5" t="s">
        <v>42</v>
      </c>
      <c r="U2882" s="2">
        <v>1.5920000000000001</v>
      </c>
      <c r="V2882" s="2">
        <v>1.232</v>
      </c>
      <c r="W2882" s="2">
        <v>0.01</v>
      </c>
      <c r="X2882" s="2">
        <v>118.9</v>
      </c>
      <c r="Y2882" s="2">
        <v>7.6</v>
      </c>
      <c r="Z2882" s="2">
        <v>10.6</v>
      </c>
      <c r="AA2882" s="5"/>
      <c r="AB2882" s="5" t="s">
        <v>43</v>
      </c>
      <c r="AC2882" s="5" t="s">
        <v>44</v>
      </c>
      <c r="AD2882" s="2"/>
      <c r="AE2882" s="1"/>
    </row>
    <row r="2883" spans="1:31" ht="14.45">
      <c r="A2883" s="11"/>
      <c r="B2883" s="20"/>
      <c r="C2883" s="2" t="s">
        <v>9102</v>
      </c>
      <c r="D2883" s="14" t="s">
        <v>9103</v>
      </c>
      <c r="E2883" s="2" t="s">
        <v>9104</v>
      </c>
      <c r="F2883" s="2" t="s">
        <v>7615</v>
      </c>
      <c r="G2883" s="8">
        <v>127</v>
      </c>
      <c r="H2883" s="5">
        <v>6</v>
      </c>
      <c r="I2883" s="5" t="s">
        <v>1518</v>
      </c>
      <c r="J2883" s="5" t="s">
        <v>1519</v>
      </c>
      <c r="K2883" s="2" t="s">
        <v>1520</v>
      </c>
      <c r="L2883" s="5" t="s">
        <v>1519</v>
      </c>
      <c r="M2883" s="2" t="s">
        <v>1520</v>
      </c>
      <c r="N2883" s="5" t="s">
        <v>1521</v>
      </c>
      <c r="O2883" s="5" t="s">
        <v>38</v>
      </c>
      <c r="P2883" s="5" t="s">
        <v>39</v>
      </c>
      <c r="Q2883" s="5" t="s">
        <v>40</v>
      </c>
      <c r="R2883" s="5" t="s">
        <v>1522</v>
      </c>
      <c r="S2883" s="5" t="s">
        <v>1523</v>
      </c>
      <c r="T2883" s="5" t="s">
        <v>42</v>
      </c>
      <c r="U2883" s="2">
        <v>1.54</v>
      </c>
      <c r="V2883" s="2">
        <v>1.18</v>
      </c>
      <c r="W2883" s="2">
        <v>0.01</v>
      </c>
      <c r="X2883" s="2">
        <v>118.9</v>
      </c>
      <c r="Y2883" s="2">
        <v>7.6</v>
      </c>
      <c r="Z2883" s="2">
        <v>10.6</v>
      </c>
      <c r="AA2883" s="5"/>
      <c r="AB2883" s="5" t="s">
        <v>43</v>
      </c>
      <c r="AC2883" s="5" t="s">
        <v>44</v>
      </c>
      <c r="AD2883" s="2"/>
      <c r="AE2883" s="1"/>
    </row>
    <row r="2884" spans="1:31" ht="14.45">
      <c r="A2884" s="11"/>
      <c r="B2884" s="20"/>
      <c r="C2884" s="2" t="s">
        <v>9105</v>
      </c>
      <c r="D2884" s="14" t="s">
        <v>9106</v>
      </c>
      <c r="E2884" s="2" t="s">
        <v>9107</v>
      </c>
      <c r="F2884" s="2" t="s">
        <v>7619</v>
      </c>
      <c r="G2884" s="8">
        <v>127</v>
      </c>
      <c r="H2884" s="5">
        <v>6</v>
      </c>
      <c r="I2884" s="5" t="s">
        <v>1518</v>
      </c>
      <c r="J2884" s="5" t="s">
        <v>1519</v>
      </c>
      <c r="K2884" s="2" t="s">
        <v>1520</v>
      </c>
      <c r="L2884" s="5" t="s">
        <v>1519</v>
      </c>
      <c r="M2884" s="2" t="s">
        <v>1520</v>
      </c>
      <c r="N2884" s="5" t="s">
        <v>1521</v>
      </c>
      <c r="O2884" s="5" t="s">
        <v>38</v>
      </c>
      <c r="P2884" s="5" t="s">
        <v>39</v>
      </c>
      <c r="Q2884" s="5" t="s">
        <v>40</v>
      </c>
      <c r="R2884" s="5" t="s">
        <v>1522</v>
      </c>
      <c r="S2884" s="5" t="s">
        <v>1523</v>
      </c>
      <c r="T2884" s="5" t="s">
        <v>42</v>
      </c>
      <c r="U2884" s="2">
        <v>1.577</v>
      </c>
      <c r="V2884" s="2">
        <v>1.2170000000000001</v>
      </c>
      <c r="W2884" s="2">
        <v>0.01</v>
      </c>
      <c r="X2884" s="2">
        <v>118.9</v>
      </c>
      <c r="Y2884" s="2">
        <v>7.6</v>
      </c>
      <c r="Z2884" s="2">
        <v>10.6</v>
      </c>
      <c r="AA2884" s="5"/>
      <c r="AB2884" s="5" t="s">
        <v>43</v>
      </c>
      <c r="AC2884" s="5" t="s">
        <v>44</v>
      </c>
      <c r="AD2884" s="2"/>
      <c r="AE2884" s="1"/>
    </row>
    <row r="2885" spans="1:31" ht="14.45">
      <c r="A2885" s="11"/>
      <c r="B2885" s="20"/>
      <c r="C2885" s="2" t="s">
        <v>9108</v>
      </c>
      <c r="D2885" s="14" t="s">
        <v>9109</v>
      </c>
      <c r="E2885" s="2" t="s">
        <v>9110</v>
      </c>
      <c r="F2885" s="2" t="s">
        <v>1823</v>
      </c>
      <c r="G2885" s="8">
        <v>127</v>
      </c>
      <c r="H2885" s="5">
        <v>8</v>
      </c>
      <c r="I2885" s="5" t="s">
        <v>1518</v>
      </c>
      <c r="J2885" s="5" t="s">
        <v>1519</v>
      </c>
      <c r="K2885" s="2" t="s">
        <v>1520</v>
      </c>
      <c r="L2885" s="5" t="s">
        <v>1519</v>
      </c>
      <c r="M2885" s="2" t="s">
        <v>1520</v>
      </c>
      <c r="N2885" s="5" t="s">
        <v>1521</v>
      </c>
      <c r="O2885" s="5" t="s">
        <v>38</v>
      </c>
      <c r="P2885" s="5" t="s">
        <v>39</v>
      </c>
      <c r="Q2885" s="5" t="s">
        <v>40</v>
      </c>
      <c r="R2885" s="5" t="s">
        <v>1522</v>
      </c>
      <c r="S2885" s="5" t="s">
        <v>1523</v>
      </c>
      <c r="T2885" s="5" t="s">
        <v>42</v>
      </c>
      <c r="U2885" s="2">
        <v>1.5660000000000001</v>
      </c>
      <c r="V2885" s="2">
        <v>1.206</v>
      </c>
      <c r="W2885" s="2">
        <v>0.01</v>
      </c>
      <c r="X2885" s="2">
        <v>118.9</v>
      </c>
      <c r="Y2885" s="2">
        <v>7.6</v>
      </c>
      <c r="Z2885" s="2">
        <v>10.6</v>
      </c>
      <c r="AA2885" s="5"/>
      <c r="AB2885" s="5" t="s">
        <v>43</v>
      </c>
      <c r="AC2885" s="5" t="s">
        <v>44</v>
      </c>
      <c r="AD2885" s="2"/>
      <c r="AE2885" s="1"/>
    </row>
    <row r="2886" spans="1:31" ht="14.45">
      <c r="A2886" s="11"/>
      <c r="B2886" s="20"/>
      <c r="C2886" s="2" t="s">
        <v>9111</v>
      </c>
      <c r="D2886" s="14" t="s">
        <v>9112</v>
      </c>
      <c r="E2886" s="2" t="s">
        <v>9113</v>
      </c>
      <c r="F2886" s="2" t="s">
        <v>1827</v>
      </c>
      <c r="G2886" s="8">
        <v>127</v>
      </c>
      <c r="H2886" s="5">
        <v>8</v>
      </c>
      <c r="I2886" s="5" t="s">
        <v>1518</v>
      </c>
      <c r="J2886" s="5" t="s">
        <v>1519</v>
      </c>
      <c r="K2886" s="2" t="s">
        <v>1520</v>
      </c>
      <c r="L2886" s="5" t="s">
        <v>1519</v>
      </c>
      <c r="M2886" s="2" t="s">
        <v>1520</v>
      </c>
      <c r="N2886" s="5" t="s">
        <v>1521</v>
      </c>
      <c r="O2886" s="5" t="s">
        <v>38</v>
      </c>
      <c r="P2886" s="5" t="s">
        <v>39</v>
      </c>
      <c r="Q2886" s="5" t="s">
        <v>40</v>
      </c>
      <c r="R2886" s="5" t="s">
        <v>1522</v>
      </c>
      <c r="S2886" s="5" t="s">
        <v>1523</v>
      </c>
      <c r="T2886" s="5" t="s">
        <v>42</v>
      </c>
      <c r="U2886" s="2">
        <v>1.603</v>
      </c>
      <c r="V2886" s="2">
        <v>1.2430000000000001</v>
      </c>
      <c r="W2886" s="2">
        <v>0.01</v>
      </c>
      <c r="X2886" s="2">
        <v>118.9</v>
      </c>
      <c r="Y2886" s="2">
        <v>7.6</v>
      </c>
      <c r="Z2886" s="2">
        <v>10.6</v>
      </c>
      <c r="AA2886" s="5"/>
      <c r="AB2886" s="5" t="s">
        <v>43</v>
      </c>
      <c r="AC2886" s="5" t="s">
        <v>44</v>
      </c>
      <c r="AD2886" s="2"/>
      <c r="AE2886" s="1"/>
    </row>
    <row r="2887" spans="1:31" ht="14.45">
      <c r="A2887" s="11"/>
      <c r="B2887" s="20"/>
      <c r="C2887" s="2" t="s">
        <v>9114</v>
      </c>
      <c r="D2887" s="14" t="s">
        <v>9115</v>
      </c>
      <c r="E2887" s="2" t="s">
        <v>9116</v>
      </c>
      <c r="F2887" s="2" t="s">
        <v>1973</v>
      </c>
      <c r="G2887" s="8">
        <v>127</v>
      </c>
      <c r="H2887" s="5">
        <v>13</v>
      </c>
      <c r="I2887" s="5" t="s">
        <v>1518</v>
      </c>
      <c r="J2887" s="5" t="s">
        <v>1519</v>
      </c>
      <c r="K2887" s="2" t="s">
        <v>1520</v>
      </c>
      <c r="L2887" s="5" t="s">
        <v>1519</v>
      </c>
      <c r="M2887" s="2" t="s">
        <v>1520</v>
      </c>
      <c r="N2887" s="5" t="s">
        <v>1521</v>
      </c>
      <c r="O2887" s="5" t="s">
        <v>38</v>
      </c>
      <c r="P2887" s="5" t="s">
        <v>39</v>
      </c>
      <c r="Q2887" s="5" t="s">
        <v>40</v>
      </c>
      <c r="R2887" s="5" t="s">
        <v>1522</v>
      </c>
      <c r="S2887" s="5" t="s">
        <v>1523</v>
      </c>
      <c r="T2887" s="5" t="s">
        <v>42</v>
      </c>
      <c r="U2887" s="2">
        <v>1.5840000000000001</v>
      </c>
      <c r="V2887" s="2">
        <v>1.224</v>
      </c>
      <c r="W2887" s="2">
        <v>0.01</v>
      </c>
      <c r="X2887" s="2">
        <v>118.9</v>
      </c>
      <c r="Y2887" s="2">
        <v>7.6</v>
      </c>
      <c r="Z2887" s="2">
        <v>10.6</v>
      </c>
      <c r="AA2887" s="5"/>
      <c r="AB2887" s="5" t="s">
        <v>43</v>
      </c>
      <c r="AC2887" s="5" t="s">
        <v>44</v>
      </c>
      <c r="AD2887" s="2"/>
      <c r="AE2887" s="1"/>
    </row>
    <row r="2888" spans="1:31" ht="14.45">
      <c r="A2888" s="11"/>
      <c r="B2888" s="20"/>
      <c r="C2888" s="2" t="s">
        <v>9117</v>
      </c>
      <c r="D2888" s="14" t="s">
        <v>9118</v>
      </c>
      <c r="E2888" s="2" t="s">
        <v>9119</v>
      </c>
      <c r="F2888" s="2" t="s">
        <v>2348</v>
      </c>
      <c r="G2888" s="8">
        <v>127</v>
      </c>
      <c r="H2888" s="5">
        <v>13</v>
      </c>
      <c r="I2888" s="5" t="s">
        <v>1518</v>
      </c>
      <c r="J2888" s="5" t="s">
        <v>1519</v>
      </c>
      <c r="K2888" s="2" t="s">
        <v>1520</v>
      </c>
      <c r="L2888" s="5" t="s">
        <v>1519</v>
      </c>
      <c r="M2888" s="2" t="s">
        <v>1520</v>
      </c>
      <c r="N2888" s="5" t="s">
        <v>1521</v>
      </c>
      <c r="O2888" s="5" t="s">
        <v>38</v>
      </c>
      <c r="P2888" s="5" t="s">
        <v>39</v>
      </c>
      <c r="Q2888" s="5" t="s">
        <v>40</v>
      </c>
      <c r="R2888" s="5" t="s">
        <v>1522</v>
      </c>
      <c r="S2888" s="5" t="s">
        <v>1523</v>
      </c>
      <c r="T2888" s="5" t="s">
        <v>42</v>
      </c>
      <c r="U2888" s="2">
        <v>1.621</v>
      </c>
      <c r="V2888" s="2">
        <v>1.2609999999999999</v>
      </c>
      <c r="W2888" s="2">
        <v>0.01</v>
      </c>
      <c r="X2888" s="2">
        <v>118.9</v>
      </c>
      <c r="Y2888" s="2">
        <v>7.6</v>
      </c>
      <c r="Z2888" s="2">
        <v>10.6</v>
      </c>
      <c r="AA2888" s="5"/>
      <c r="AB2888" s="5" t="s">
        <v>43</v>
      </c>
      <c r="AC2888" s="5" t="s">
        <v>44</v>
      </c>
      <c r="AD2888" s="2"/>
      <c r="AE2888" s="1"/>
    </row>
    <row r="2889" spans="1:31" ht="14.45">
      <c r="A2889" s="11"/>
      <c r="B2889" s="20"/>
      <c r="C2889" s="2" t="s">
        <v>9120</v>
      </c>
      <c r="D2889" s="14" t="s">
        <v>9121</v>
      </c>
      <c r="E2889" s="2" t="s">
        <v>9122</v>
      </c>
      <c r="F2889" s="2" t="s">
        <v>2204</v>
      </c>
      <c r="G2889" s="8">
        <v>127</v>
      </c>
      <c r="H2889" s="5">
        <v>13</v>
      </c>
      <c r="I2889" s="5" t="s">
        <v>1518</v>
      </c>
      <c r="J2889" s="5" t="s">
        <v>1519</v>
      </c>
      <c r="K2889" s="2" t="s">
        <v>1520</v>
      </c>
      <c r="L2889" s="5" t="s">
        <v>1519</v>
      </c>
      <c r="M2889" s="2" t="s">
        <v>1520</v>
      </c>
      <c r="N2889" s="5" t="s">
        <v>1521</v>
      </c>
      <c r="O2889" s="5" t="s">
        <v>38</v>
      </c>
      <c r="P2889" s="5" t="s">
        <v>39</v>
      </c>
      <c r="Q2889" s="5" t="s">
        <v>40</v>
      </c>
      <c r="R2889" s="5" t="s">
        <v>1522</v>
      </c>
      <c r="S2889" s="5" t="s">
        <v>1523</v>
      </c>
      <c r="T2889" s="5" t="s">
        <v>42</v>
      </c>
      <c r="U2889" s="2">
        <v>1.5840000000000001</v>
      </c>
      <c r="V2889" s="2">
        <v>1.224</v>
      </c>
      <c r="W2889" s="2">
        <v>0.01</v>
      </c>
      <c r="X2889" s="2">
        <v>118.9</v>
      </c>
      <c r="Y2889" s="2">
        <v>7.6</v>
      </c>
      <c r="Z2889" s="2">
        <v>10.6</v>
      </c>
      <c r="AA2889" s="5"/>
      <c r="AB2889" s="5" t="s">
        <v>43</v>
      </c>
      <c r="AC2889" s="5" t="s">
        <v>44</v>
      </c>
      <c r="AD2889" s="2"/>
      <c r="AE2889" s="1"/>
    </row>
    <row r="2890" spans="1:31" ht="14.45">
      <c r="A2890" s="11"/>
      <c r="B2890" s="20"/>
      <c r="C2890" s="2" t="s">
        <v>9123</v>
      </c>
      <c r="D2890" s="14" t="s">
        <v>9124</v>
      </c>
      <c r="E2890" s="2" t="s">
        <v>9125</v>
      </c>
      <c r="F2890" s="2" t="s">
        <v>2724</v>
      </c>
      <c r="G2890" s="8">
        <v>127</v>
      </c>
      <c r="H2890" s="5">
        <v>13</v>
      </c>
      <c r="I2890" s="5" t="s">
        <v>1518</v>
      </c>
      <c r="J2890" s="5" t="s">
        <v>1519</v>
      </c>
      <c r="K2890" s="2" t="s">
        <v>1520</v>
      </c>
      <c r="L2890" s="5" t="s">
        <v>1519</v>
      </c>
      <c r="M2890" s="2" t="s">
        <v>1520</v>
      </c>
      <c r="N2890" s="5" t="s">
        <v>1521</v>
      </c>
      <c r="O2890" s="5" t="s">
        <v>38</v>
      </c>
      <c r="P2890" s="5" t="s">
        <v>39</v>
      </c>
      <c r="Q2890" s="5" t="s">
        <v>40</v>
      </c>
      <c r="R2890" s="5" t="s">
        <v>1522</v>
      </c>
      <c r="S2890" s="5" t="s">
        <v>1523</v>
      </c>
      <c r="T2890" s="5" t="s">
        <v>42</v>
      </c>
      <c r="U2890" s="2">
        <v>1.621</v>
      </c>
      <c r="V2890" s="2">
        <v>1.2609999999999999</v>
      </c>
      <c r="W2890" s="2">
        <v>0.01</v>
      </c>
      <c r="X2890" s="2">
        <v>118.9</v>
      </c>
      <c r="Y2890" s="2">
        <v>7.6</v>
      </c>
      <c r="Z2890" s="2">
        <v>10.6</v>
      </c>
      <c r="AA2890" s="5"/>
      <c r="AB2890" s="5" t="s">
        <v>43</v>
      </c>
      <c r="AC2890" s="5" t="s">
        <v>44</v>
      </c>
      <c r="AD2890" s="2"/>
      <c r="AE2890" s="1"/>
    </row>
    <row r="2891" spans="1:31" ht="14.45">
      <c r="A2891" s="11"/>
      <c r="B2891" s="20"/>
      <c r="C2891" s="2" t="s">
        <v>9126</v>
      </c>
      <c r="D2891" s="14" t="s">
        <v>9127</v>
      </c>
      <c r="E2891" s="2" t="s">
        <v>9128</v>
      </c>
      <c r="F2891" s="2" t="s">
        <v>2208</v>
      </c>
      <c r="G2891" s="8">
        <v>127</v>
      </c>
      <c r="H2891" s="5">
        <v>13</v>
      </c>
      <c r="I2891" s="5" t="s">
        <v>1518</v>
      </c>
      <c r="J2891" s="5" t="s">
        <v>1519</v>
      </c>
      <c r="K2891" s="2" t="s">
        <v>1520</v>
      </c>
      <c r="L2891" s="5" t="s">
        <v>1519</v>
      </c>
      <c r="M2891" s="2" t="s">
        <v>1520</v>
      </c>
      <c r="N2891" s="5" t="s">
        <v>1521</v>
      </c>
      <c r="O2891" s="5" t="s">
        <v>38</v>
      </c>
      <c r="P2891" s="5" t="s">
        <v>39</v>
      </c>
      <c r="Q2891" s="5" t="s">
        <v>40</v>
      </c>
      <c r="R2891" s="5" t="s">
        <v>1522</v>
      </c>
      <c r="S2891" s="5" t="s">
        <v>1523</v>
      </c>
      <c r="T2891" s="5" t="s">
        <v>42</v>
      </c>
      <c r="U2891" s="2">
        <v>1.5840000000000001</v>
      </c>
      <c r="V2891" s="2">
        <v>1.224</v>
      </c>
      <c r="W2891" s="2">
        <v>0.01</v>
      </c>
      <c r="X2891" s="2">
        <v>118.9</v>
      </c>
      <c r="Y2891" s="2">
        <v>7.6</v>
      </c>
      <c r="Z2891" s="2">
        <v>10.6</v>
      </c>
      <c r="AA2891" s="5"/>
      <c r="AB2891" s="5" t="s">
        <v>43</v>
      </c>
      <c r="AC2891" s="5" t="s">
        <v>44</v>
      </c>
      <c r="AD2891" s="2"/>
      <c r="AE2891" s="1"/>
    </row>
    <row r="2892" spans="1:31" ht="14.45">
      <c r="A2892" s="11"/>
      <c r="B2892" s="20"/>
      <c r="C2892" s="2" t="s">
        <v>9129</v>
      </c>
      <c r="D2892" s="14" t="s">
        <v>9130</v>
      </c>
      <c r="E2892" s="2" t="s">
        <v>9131</v>
      </c>
      <c r="F2892" s="2" t="s">
        <v>2212</v>
      </c>
      <c r="G2892" s="8">
        <v>127</v>
      </c>
      <c r="H2892" s="5">
        <v>13</v>
      </c>
      <c r="I2892" s="5" t="s">
        <v>1518</v>
      </c>
      <c r="J2892" s="5" t="s">
        <v>1519</v>
      </c>
      <c r="K2892" s="2" t="s">
        <v>1520</v>
      </c>
      <c r="L2892" s="5" t="s">
        <v>1519</v>
      </c>
      <c r="M2892" s="2" t="s">
        <v>1520</v>
      </c>
      <c r="N2892" s="5" t="s">
        <v>1521</v>
      </c>
      <c r="O2892" s="5" t="s">
        <v>38</v>
      </c>
      <c r="P2892" s="5" t="s">
        <v>39</v>
      </c>
      <c r="Q2892" s="5" t="s">
        <v>40</v>
      </c>
      <c r="R2892" s="5" t="s">
        <v>1522</v>
      </c>
      <c r="S2892" s="5" t="s">
        <v>1523</v>
      </c>
      <c r="T2892" s="5" t="s">
        <v>42</v>
      </c>
      <c r="U2892" s="2">
        <v>1.621</v>
      </c>
      <c r="V2892" s="2">
        <v>1.2609999999999999</v>
      </c>
      <c r="W2892" s="2">
        <v>0.01</v>
      </c>
      <c r="X2892" s="2">
        <v>118.9</v>
      </c>
      <c r="Y2892" s="2">
        <v>7.6</v>
      </c>
      <c r="Z2892" s="2">
        <v>10.6</v>
      </c>
      <c r="AA2892" s="5"/>
      <c r="AB2892" s="5" t="s">
        <v>43</v>
      </c>
      <c r="AC2892" s="5" t="s">
        <v>44</v>
      </c>
      <c r="AD2892" s="2"/>
      <c r="AE2892" s="1"/>
    </row>
    <row r="2893" spans="1:31" ht="14.45">
      <c r="A2893" s="11"/>
      <c r="B2893" s="20"/>
      <c r="C2893" s="2" t="s">
        <v>9132</v>
      </c>
      <c r="D2893" s="14" t="s">
        <v>9133</v>
      </c>
      <c r="E2893" s="2" t="s">
        <v>9134</v>
      </c>
      <c r="F2893" s="2" t="s">
        <v>1831</v>
      </c>
      <c r="G2893" s="8">
        <v>127</v>
      </c>
      <c r="H2893" s="5">
        <v>13</v>
      </c>
      <c r="I2893" s="5" t="s">
        <v>1518</v>
      </c>
      <c r="J2893" s="5" t="s">
        <v>1519</v>
      </c>
      <c r="K2893" s="2" t="s">
        <v>1520</v>
      </c>
      <c r="L2893" s="5" t="s">
        <v>1519</v>
      </c>
      <c r="M2893" s="2" t="s">
        <v>1520</v>
      </c>
      <c r="N2893" s="5" t="s">
        <v>1521</v>
      </c>
      <c r="O2893" s="5" t="s">
        <v>38</v>
      </c>
      <c r="P2893" s="5" t="s">
        <v>39</v>
      </c>
      <c r="Q2893" s="5" t="s">
        <v>40</v>
      </c>
      <c r="R2893" s="5" t="s">
        <v>1522</v>
      </c>
      <c r="S2893" s="5" t="s">
        <v>1523</v>
      </c>
      <c r="T2893" s="5" t="s">
        <v>42</v>
      </c>
      <c r="U2893" s="2">
        <v>1.5840000000000001</v>
      </c>
      <c r="V2893" s="2">
        <v>1.224</v>
      </c>
      <c r="W2893" s="2">
        <v>0.01</v>
      </c>
      <c r="X2893" s="2">
        <v>118.9</v>
      </c>
      <c r="Y2893" s="2">
        <v>7.6</v>
      </c>
      <c r="Z2893" s="2">
        <v>10.6</v>
      </c>
      <c r="AA2893" s="5"/>
      <c r="AB2893" s="5" t="s">
        <v>43</v>
      </c>
      <c r="AC2893" s="5" t="s">
        <v>44</v>
      </c>
      <c r="AD2893" s="2"/>
      <c r="AE2893" s="1"/>
    </row>
    <row r="2894" spans="1:31" ht="14.45">
      <c r="A2894" s="11"/>
      <c r="B2894" s="20"/>
      <c r="C2894" s="2" t="s">
        <v>9135</v>
      </c>
      <c r="D2894" s="14" t="s">
        <v>9136</v>
      </c>
      <c r="E2894" s="2" t="s">
        <v>9137</v>
      </c>
      <c r="F2894" s="2" t="s">
        <v>1835</v>
      </c>
      <c r="G2894" s="8">
        <v>127</v>
      </c>
      <c r="H2894" s="5">
        <v>13</v>
      </c>
      <c r="I2894" s="5" t="s">
        <v>1518</v>
      </c>
      <c r="J2894" s="5" t="s">
        <v>1519</v>
      </c>
      <c r="K2894" s="2" t="s">
        <v>1520</v>
      </c>
      <c r="L2894" s="5" t="s">
        <v>1519</v>
      </c>
      <c r="M2894" s="2" t="s">
        <v>1520</v>
      </c>
      <c r="N2894" s="5" t="s">
        <v>1521</v>
      </c>
      <c r="O2894" s="5" t="s">
        <v>38</v>
      </c>
      <c r="P2894" s="5" t="s">
        <v>39</v>
      </c>
      <c r="Q2894" s="5" t="s">
        <v>40</v>
      </c>
      <c r="R2894" s="5" t="s">
        <v>1522</v>
      </c>
      <c r="S2894" s="5" t="s">
        <v>1523</v>
      </c>
      <c r="T2894" s="5" t="s">
        <v>42</v>
      </c>
      <c r="U2894" s="2">
        <v>1.621</v>
      </c>
      <c r="V2894" s="2">
        <v>1.2609999999999999</v>
      </c>
      <c r="W2894" s="2">
        <v>0.01</v>
      </c>
      <c r="X2894" s="2">
        <v>118.9</v>
      </c>
      <c r="Y2894" s="2">
        <v>7.6</v>
      </c>
      <c r="Z2894" s="2">
        <v>10.6</v>
      </c>
      <c r="AA2894" s="5"/>
      <c r="AB2894" s="5" t="s">
        <v>43</v>
      </c>
      <c r="AC2894" s="5" t="s">
        <v>44</v>
      </c>
      <c r="AD2894" s="2"/>
      <c r="AE2894" s="1"/>
    </row>
    <row r="2895" spans="1:31" ht="14.45">
      <c r="A2895" s="11"/>
      <c r="B2895" s="20"/>
      <c r="C2895" s="2" t="s">
        <v>9138</v>
      </c>
      <c r="D2895" s="14" t="s">
        <v>9139</v>
      </c>
      <c r="E2895" s="2" t="s">
        <v>9140</v>
      </c>
      <c r="F2895" s="2" t="s">
        <v>1839</v>
      </c>
      <c r="G2895" s="8">
        <v>127</v>
      </c>
      <c r="H2895" s="5">
        <v>13</v>
      </c>
      <c r="I2895" s="5" t="s">
        <v>1518</v>
      </c>
      <c r="J2895" s="5" t="s">
        <v>1519</v>
      </c>
      <c r="K2895" s="2" t="s">
        <v>1520</v>
      </c>
      <c r="L2895" s="5" t="s">
        <v>1519</v>
      </c>
      <c r="M2895" s="2" t="s">
        <v>1520</v>
      </c>
      <c r="N2895" s="5" t="s">
        <v>1521</v>
      </c>
      <c r="O2895" s="5" t="s">
        <v>38</v>
      </c>
      <c r="P2895" s="5" t="s">
        <v>39</v>
      </c>
      <c r="Q2895" s="5" t="s">
        <v>40</v>
      </c>
      <c r="R2895" s="5" t="s">
        <v>1522</v>
      </c>
      <c r="S2895" s="5" t="s">
        <v>1523</v>
      </c>
      <c r="T2895" s="5" t="s">
        <v>42</v>
      </c>
      <c r="U2895" s="2">
        <v>1.5840000000000001</v>
      </c>
      <c r="V2895" s="2">
        <v>1.224</v>
      </c>
      <c r="W2895" s="2">
        <v>0.01</v>
      </c>
      <c r="X2895" s="2">
        <v>118.9</v>
      </c>
      <c r="Y2895" s="2">
        <v>7.6</v>
      </c>
      <c r="Z2895" s="2">
        <v>10.6</v>
      </c>
      <c r="AA2895" s="5"/>
      <c r="AB2895" s="5" t="s">
        <v>43</v>
      </c>
      <c r="AC2895" s="5" t="s">
        <v>44</v>
      </c>
      <c r="AD2895" s="2"/>
      <c r="AE2895" s="1"/>
    </row>
    <row r="2896" spans="1:31" ht="14.45">
      <c r="A2896" s="11"/>
      <c r="B2896" s="20"/>
      <c r="C2896" s="2" t="s">
        <v>9141</v>
      </c>
      <c r="D2896" s="14" t="s">
        <v>9142</v>
      </c>
      <c r="E2896" s="2" t="s">
        <v>9143</v>
      </c>
      <c r="F2896" s="2" t="s">
        <v>1986</v>
      </c>
      <c r="G2896" s="8">
        <v>127</v>
      </c>
      <c r="H2896" s="5">
        <v>13</v>
      </c>
      <c r="I2896" s="5" t="s">
        <v>1518</v>
      </c>
      <c r="J2896" s="5" t="s">
        <v>1519</v>
      </c>
      <c r="K2896" s="2" t="s">
        <v>1520</v>
      </c>
      <c r="L2896" s="5" t="s">
        <v>1519</v>
      </c>
      <c r="M2896" s="2" t="s">
        <v>1520</v>
      </c>
      <c r="N2896" s="5" t="s">
        <v>1521</v>
      </c>
      <c r="O2896" s="5" t="s">
        <v>38</v>
      </c>
      <c r="P2896" s="5" t="s">
        <v>39</v>
      </c>
      <c r="Q2896" s="5" t="s">
        <v>40</v>
      </c>
      <c r="R2896" s="5" t="s">
        <v>1522</v>
      </c>
      <c r="S2896" s="5" t="s">
        <v>1523</v>
      </c>
      <c r="T2896" s="5" t="s">
        <v>42</v>
      </c>
      <c r="U2896" s="2">
        <v>1.621</v>
      </c>
      <c r="V2896" s="2">
        <v>1.2609999999999999</v>
      </c>
      <c r="W2896" s="2">
        <v>0.01</v>
      </c>
      <c r="X2896" s="2">
        <v>118.9</v>
      </c>
      <c r="Y2896" s="2">
        <v>7.6</v>
      </c>
      <c r="Z2896" s="2">
        <v>10.6</v>
      </c>
      <c r="AA2896" s="5"/>
      <c r="AB2896" s="5" t="s">
        <v>43</v>
      </c>
      <c r="AC2896" s="5" t="s">
        <v>44</v>
      </c>
      <c r="AD2896" s="2"/>
      <c r="AE2896" s="1"/>
    </row>
    <row r="2897" spans="1:31" ht="14.45">
      <c r="A2897" s="11"/>
      <c r="B2897" s="20"/>
      <c r="C2897" s="2" t="s">
        <v>9144</v>
      </c>
      <c r="D2897" s="14" t="s">
        <v>9145</v>
      </c>
      <c r="E2897" s="2" t="s">
        <v>9146</v>
      </c>
      <c r="F2897" s="2" t="s">
        <v>1843</v>
      </c>
      <c r="G2897" s="8">
        <v>127</v>
      </c>
      <c r="H2897" s="5">
        <v>13</v>
      </c>
      <c r="I2897" s="5" t="s">
        <v>1518</v>
      </c>
      <c r="J2897" s="5" t="s">
        <v>1519</v>
      </c>
      <c r="K2897" s="2" t="s">
        <v>1520</v>
      </c>
      <c r="L2897" s="5" t="s">
        <v>1519</v>
      </c>
      <c r="M2897" s="2" t="s">
        <v>1520</v>
      </c>
      <c r="N2897" s="5" t="s">
        <v>1521</v>
      </c>
      <c r="O2897" s="5" t="s">
        <v>38</v>
      </c>
      <c r="P2897" s="5" t="s">
        <v>39</v>
      </c>
      <c r="Q2897" s="5" t="s">
        <v>40</v>
      </c>
      <c r="R2897" s="5" t="s">
        <v>1522</v>
      </c>
      <c r="S2897" s="5" t="s">
        <v>1523</v>
      </c>
      <c r="T2897" s="5" t="s">
        <v>42</v>
      </c>
      <c r="U2897" s="2">
        <v>1.5840000000000001</v>
      </c>
      <c r="V2897" s="2">
        <v>1.224</v>
      </c>
      <c r="W2897" s="2">
        <v>0.01</v>
      </c>
      <c r="X2897" s="2">
        <v>118.9</v>
      </c>
      <c r="Y2897" s="2">
        <v>7.6</v>
      </c>
      <c r="Z2897" s="2">
        <v>10.6</v>
      </c>
      <c r="AA2897" s="5"/>
      <c r="AB2897" s="5" t="s">
        <v>43</v>
      </c>
      <c r="AC2897" s="5" t="s">
        <v>44</v>
      </c>
      <c r="AD2897" s="2"/>
      <c r="AE2897" s="1"/>
    </row>
    <row r="2898" spans="1:31" ht="14.45">
      <c r="A2898" s="11"/>
      <c r="B2898" s="20"/>
      <c r="C2898" s="2" t="s">
        <v>9147</v>
      </c>
      <c r="D2898" s="14" t="s">
        <v>9148</v>
      </c>
      <c r="E2898" s="2" t="s">
        <v>9149</v>
      </c>
      <c r="F2898" s="2" t="s">
        <v>1847</v>
      </c>
      <c r="G2898" s="8">
        <v>127</v>
      </c>
      <c r="H2898" s="5">
        <v>13</v>
      </c>
      <c r="I2898" s="5" t="s">
        <v>1518</v>
      </c>
      <c r="J2898" s="5" t="s">
        <v>1519</v>
      </c>
      <c r="K2898" s="2" t="s">
        <v>1520</v>
      </c>
      <c r="L2898" s="5" t="s">
        <v>1519</v>
      </c>
      <c r="M2898" s="2" t="s">
        <v>1520</v>
      </c>
      <c r="N2898" s="5" t="s">
        <v>1521</v>
      </c>
      <c r="O2898" s="5" t="s">
        <v>38</v>
      </c>
      <c r="P2898" s="5" t="s">
        <v>39</v>
      </c>
      <c r="Q2898" s="5" t="s">
        <v>40</v>
      </c>
      <c r="R2898" s="5" t="s">
        <v>1522</v>
      </c>
      <c r="S2898" s="5" t="s">
        <v>1523</v>
      </c>
      <c r="T2898" s="5" t="s">
        <v>42</v>
      </c>
      <c r="U2898" s="2">
        <v>1.621</v>
      </c>
      <c r="V2898" s="2">
        <v>1.2609999999999999</v>
      </c>
      <c r="W2898" s="2">
        <v>0.01</v>
      </c>
      <c r="X2898" s="2">
        <v>118.9</v>
      </c>
      <c r="Y2898" s="2">
        <v>7.6</v>
      </c>
      <c r="Z2898" s="2">
        <v>10.6</v>
      </c>
      <c r="AA2898" s="5"/>
      <c r="AB2898" s="5" t="s">
        <v>43</v>
      </c>
      <c r="AC2898" s="5" t="s">
        <v>44</v>
      </c>
      <c r="AD2898" s="2"/>
      <c r="AE2898" s="1"/>
    </row>
    <row r="2899" spans="1:31" ht="14.45">
      <c r="A2899" s="11"/>
      <c r="B2899" s="20"/>
      <c r="C2899" s="2" t="s">
        <v>9150</v>
      </c>
      <c r="D2899" s="14" t="s">
        <v>9151</v>
      </c>
      <c r="E2899" s="2" t="s">
        <v>9152</v>
      </c>
      <c r="F2899" s="2" t="s">
        <v>1851</v>
      </c>
      <c r="G2899" s="8">
        <v>127</v>
      </c>
      <c r="H2899" s="5">
        <v>13</v>
      </c>
      <c r="I2899" s="5" t="s">
        <v>1518</v>
      </c>
      <c r="J2899" s="5" t="s">
        <v>1519</v>
      </c>
      <c r="K2899" s="2" t="s">
        <v>1520</v>
      </c>
      <c r="L2899" s="5" t="s">
        <v>1519</v>
      </c>
      <c r="M2899" s="2" t="s">
        <v>1520</v>
      </c>
      <c r="N2899" s="5" t="s">
        <v>1521</v>
      </c>
      <c r="O2899" s="5" t="s">
        <v>38</v>
      </c>
      <c r="P2899" s="5" t="s">
        <v>39</v>
      </c>
      <c r="Q2899" s="5" t="s">
        <v>40</v>
      </c>
      <c r="R2899" s="5" t="s">
        <v>1522</v>
      </c>
      <c r="S2899" s="5" t="s">
        <v>1523</v>
      </c>
      <c r="T2899" s="5" t="s">
        <v>42</v>
      </c>
      <c r="U2899" s="2">
        <v>1.5840000000000001</v>
      </c>
      <c r="V2899" s="2">
        <v>1.224</v>
      </c>
      <c r="W2899" s="2">
        <v>0.01</v>
      </c>
      <c r="X2899" s="2">
        <v>118.9</v>
      </c>
      <c r="Y2899" s="2">
        <v>7.6</v>
      </c>
      <c r="Z2899" s="2">
        <v>10.6</v>
      </c>
      <c r="AA2899" s="5"/>
      <c r="AB2899" s="5" t="s">
        <v>43</v>
      </c>
      <c r="AC2899" s="5" t="s">
        <v>44</v>
      </c>
      <c r="AD2899" s="2"/>
      <c r="AE2899" s="1"/>
    </row>
    <row r="2900" spans="1:31" ht="14.45">
      <c r="A2900" s="11"/>
      <c r="B2900" s="20"/>
      <c r="C2900" s="2" t="s">
        <v>9153</v>
      </c>
      <c r="D2900" s="14" t="s">
        <v>9154</v>
      </c>
      <c r="E2900" s="2" t="s">
        <v>9155</v>
      </c>
      <c r="F2900" s="2" t="s">
        <v>1999</v>
      </c>
      <c r="G2900" s="8">
        <v>127</v>
      </c>
      <c r="H2900" s="5">
        <v>13</v>
      </c>
      <c r="I2900" s="5" t="s">
        <v>1518</v>
      </c>
      <c r="J2900" s="5" t="s">
        <v>1519</v>
      </c>
      <c r="K2900" s="2" t="s">
        <v>1520</v>
      </c>
      <c r="L2900" s="5" t="s">
        <v>1519</v>
      </c>
      <c r="M2900" s="2" t="s">
        <v>1520</v>
      </c>
      <c r="N2900" s="5" t="s">
        <v>1521</v>
      </c>
      <c r="O2900" s="5" t="s">
        <v>38</v>
      </c>
      <c r="P2900" s="5" t="s">
        <v>39</v>
      </c>
      <c r="Q2900" s="5" t="s">
        <v>40</v>
      </c>
      <c r="R2900" s="5" t="s">
        <v>1522</v>
      </c>
      <c r="S2900" s="5" t="s">
        <v>1523</v>
      </c>
      <c r="T2900" s="5" t="s">
        <v>42</v>
      </c>
      <c r="U2900" s="2">
        <v>1.621</v>
      </c>
      <c r="V2900" s="2">
        <v>1.2609999999999999</v>
      </c>
      <c r="W2900" s="2">
        <v>0.01</v>
      </c>
      <c r="X2900" s="2">
        <v>118.9</v>
      </c>
      <c r="Y2900" s="2">
        <v>7.6</v>
      </c>
      <c r="Z2900" s="2">
        <v>10.6</v>
      </c>
      <c r="AA2900" s="5"/>
      <c r="AB2900" s="5" t="s">
        <v>43</v>
      </c>
      <c r="AC2900" s="5" t="s">
        <v>44</v>
      </c>
      <c r="AD2900" s="2"/>
      <c r="AE2900" s="1"/>
    </row>
    <row r="2901" spans="1:31" ht="14.45">
      <c r="A2901" s="11"/>
      <c r="B2901" s="20"/>
      <c r="C2901" s="2" t="s">
        <v>9156</v>
      </c>
      <c r="D2901" s="14" t="s">
        <v>9157</v>
      </c>
      <c r="E2901" s="2" t="s">
        <v>9158</v>
      </c>
      <c r="F2901" s="2" t="s">
        <v>1855</v>
      </c>
      <c r="G2901" s="8">
        <v>127</v>
      </c>
      <c r="H2901" s="5">
        <v>13</v>
      </c>
      <c r="I2901" s="5" t="s">
        <v>1518</v>
      </c>
      <c r="J2901" s="5" t="s">
        <v>1519</v>
      </c>
      <c r="K2901" s="2" t="s">
        <v>1520</v>
      </c>
      <c r="L2901" s="5" t="s">
        <v>1519</v>
      </c>
      <c r="M2901" s="2" t="s">
        <v>1520</v>
      </c>
      <c r="N2901" s="5" t="s">
        <v>1521</v>
      </c>
      <c r="O2901" s="5" t="s">
        <v>38</v>
      </c>
      <c r="P2901" s="5" t="s">
        <v>39</v>
      </c>
      <c r="Q2901" s="5" t="s">
        <v>40</v>
      </c>
      <c r="R2901" s="5" t="s">
        <v>1522</v>
      </c>
      <c r="S2901" s="5" t="s">
        <v>1523</v>
      </c>
      <c r="T2901" s="5" t="s">
        <v>42</v>
      </c>
      <c r="U2901" s="2">
        <v>1.5840000000000001</v>
      </c>
      <c r="V2901" s="2">
        <v>1.224</v>
      </c>
      <c r="W2901" s="2">
        <v>0.01</v>
      </c>
      <c r="X2901" s="2">
        <v>118.9</v>
      </c>
      <c r="Y2901" s="2">
        <v>7.6</v>
      </c>
      <c r="Z2901" s="2">
        <v>10.6</v>
      </c>
      <c r="AA2901" s="5"/>
      <c r="AB2901" s="5" t="s">
        <v>43</v>
      </c>
      <c r="AC2901" s="5" t="s">
        <v>44</v>
      </c>
      <c r="AD2901" s="2"/>
      <c r="AE2901" s="1"/>
    </row>
    <row r="2902" spans="1:31" ht="14.45">
      <c r="A2902" s="11"/>
      <c r="B2902" s="20"/>
      <c r="C2902" s="2" t="s">
        <v>9159</v>
      </c>
      <c r="D2902" s="14" t="s">
        <v>9160</v>
      </c>
      <c r="E2902" s="2" t="s">
        <v>9161</v>
      </c>
      <c r="F2902" s="2" t="s">
        <v>1859</v>
      </c>
      <c r="G2902" s="8">
        <v>127</v>
      </c>
      <c r="H2902" s="5">
        <v>13</v>
      </c>
      <c r="I2902" s="5" t="s">
        <v>1518</v>
      </c>
      <c r="J2902" s="5" t="s">
        <v>1519</v>
      </c>
      <c r="K2902" s="2" t="s">
        <v>1520</v>
      </c>
      <c r="L2902" s="5" t="s">
        <v>1519</v>
      </c>
      <c r="M2902" s="2" t="s">
        <v>1520</v>
      </c>
      <c r="N2902" s="5" t="s">
        <v>1521</v>
      </c>
      <c r="O2902" s="5" t="s">
        <v>38</v>
      </c>
      <c r="P2902" s="5" t="s">
        <v>39</v>
      </c>
      <c r="Q2902" s="5" t="s">
        <v>40</v>
      </c>
      <c r="R2902" s="5" t="s">
        <v>1522</v>
      </c>
      <c r="S2902" s="5" t="s">
        <v>1523</v>
      </c>
      <c r="T2902" s="5" t="s">
        <v>42</v>
      </c>
      <c r="U2902" s="2">
        <v>1.621</v>
      </c>
      <c r="V2902" s="2">
        <v>1.2609999999999999</v>
      </c>
      <c r="W2902" s="2">
        <v>0.01</v>
      </c>
      <c r="X2902" s="2">
        <v>118.9</v>
      </c>
      <c r="Y2902" s="2">
        <v>7.6</v>
      </c>
      <c r="Z2902" s="2">
        <v>10.6</v>
      </c>
      <c r="AA2902" s="5"/>
      <c r="AB2902" s="5" t="s">
        <v>43</v>
      </c>
      <c r="AC2902" s="5" t="s">
        <v>44</v>
      </c>
      <c r="AD2902" s="2"/>
      <c r="AE2902" s="1"/>
    </row>
    <row r="2903" spans="1:31" ht="14.45">
      <c r="A2903" s="11"/>
      <c r="B2903" s="20"/>
      <c r="C2903" s="2" t="s">
        <v>9162</v>
      </c>
      <c r="D2903" s="14" t="s">
        <v>9163</v>
      </c>
      <c r="E2903" s="2" t="s">
        <v>9164</v>
      </c>
      <c r="F2903" s="2" t="s">
        <v>1863</v>
      </c>
      <c r="G2903" s="8">
        <v>127</v>
      </c>
      <c r="H2903" s="5">
        <v>11</v>
      </c>
      <c r="I2903" s="5" t="s">
        <v>1518</v>
      </c>
      <c r="J2903" s="5" t="s">
        <v>1519</v>
      </c>
      <c r="K2903" s="2" t="s">
        <v>1520</v>
      </c>
      <c r="L2903" s="5" t="s">
        <v>1519</v>
      </c>
      <c r="M2903" s="2" t="s">
        <v>1520</v>
      </c>
      <c r="N2903" s="5" t="s">
        <v>1521</v>
      </c>
      <c r="O2903" s="5" t="s">
        <v>38</v>
      </c>
      <c r="P2903" s="5" t="s">
        <v>39</v>
      </c>
      <c r="Q2903" s="5" t="s">
        <v>40</v>
      </c>
      <c r="R2903" s="5" t="s">
        <v>1522</v>
      </c>
      <c r="S2903" s="5" t="s">
        <v>1523</v>
      </c>
      <c r="T2903" s="5" t="s">
        <v>42</v>
      </c>
      <c r="U2903" s="2">
        <v>1.546</v>
      </c>
      <c r="V2903" s="2">
        <v>1.1839999999999999</v>
      </c>
      <c r="W2903" s="2">
        <v>0.01</v>
      </c>
      <c r="X2903" s="2">
        <v>118.9</v>
      </c>
      <c r="Y2903" s="2">
        <v>7.6</v>
      </c>
      <c r="Z2903" s="2">
        <v>10.6</v>
      </c>
      <c r="AA2903" s="5"/>
      <c r="AB2903" s="5" t="s">
        <v>43</v>
      </c>
      <c r="AC2903" s="5" t="s">
        <v>44</v>
      </c>
      <c r="AD2903" s="2"/>
      <c r="AE2903" s="1"/>
    </row>
    <row r="2904" spans="1:31" ht="14.45">
      <c r="A2904" s="11"/>
      <c r="B2904" s="20"/>
      <c r="C2904" s="2" t="s">
        <v>9165</v>
      </c>
      <c r="D2904" s="14" t="s">
        <v>9166</v>
      </c>
      <c r="E2904" s="2" t="s">
        <v>9167</v>
      </c>
      <c r="F2904" s="2" t="s">
        <v>1867</v>
      </c>
      <c r="G2904" s="8">
        <v>127</v>
      </c>
      <c r="H2904" s="5">
        <v>11</v>
      </c>
      <c r="I2904" s="5" t="s">
        <v>1518</v>
      </c>
      <c r="J2904" s="5" t="s">
        <v>1519</v>
      </c>
      <c r="K2904" s="2" t="s">
        <v>1520</v>
      </c>
      <c r="L2904" s="5" t="s">
        <v>1519</v>
      </c>
      <c r="M2904" s="2" t="s">
        <v>1520</v>
      </c>
      <c r="N2904" s="5" t="s">
        <v>1521</v>
      </c>
      <c r="O2904" s="5" t="s">
        <v>38</v>
      </c>
      <c r="P2904" s="5" t="s">
        <v>39</v>
      </c>
      <c r="Q2904" s="5" t="s">
        <v>40</v>
      </c>
      <c r="R2904" s="5" t="s">
        <v>1522</v>
      </c>
      <c r="S2904" s="5" t="s">
        <v>1523</v>
      </c>
      <c r="T2904" s="5" t="s">
        <v>42</v>
      </c>
      <c r="U2904" s="2">
        <v>1.583</v>
      </c>
      <c r="V2904" s="2">
        <v>1.2210000000000001</v>
      </c>
      <c r="W2904" s="2">
        <v>0.01</v>
      </c>
      <c r="X2904" s="2">
        <v>118.9</v>
      </c>
      <c r="Y2904" s="2">
        <v>7.6</v>
      </c>
      <c r="Z2904" s="2">
        <v>10.6</v>
      </c>
      <c r="AA2904" s="5"/>
      <c r="AB2904" s="5" t="s">
        <v>43</v>
      </c>
      <c r="AC2904" s="5" t="s">
        <v>44</v>
      </c>
      <c r="AD2904" s="2"/>
      <c r="AE2904" s="1"/>
    </row>
    <row r="2905" spans="1:31" ht="14.45">
      <c r="A2905" s="11"/>
      <c r="B2905" s="20"/>
      <c r="C2905" s="2" t="s">
        <v>9168</v>
      </c>
      <c r="D2905" s="14" t="s">
        <v>9169</v>
      </c>
      <c r="E2905" s="2" t="s">
        <v>9170</v>
      </c>
      <c r="F2905" s="2" t="s">
        <v>7396</v>
      </c>
      <c r="G2905" s="8">
        <v>114</v>
      </c>
      <c r="H2905" s="5">
        <v>5</v>
      </c>
      <c r="I2905" s="5" t="s">
        <v>1518</v>
      </c>
      <c r="J2905" s="5" t="s">
        <v>1519</v>
      </c>
      <c r="K2905" s="2" t="s">
        <v>1520</v>
      </c>
      <c r="L2905" s="5" t="s">
        <v>1519</v>
      </c>
      <c r="M2905" s="2" t="s">
        <v>1520</v>
      </c>
      <c r="N2905" s="5" t="s">
        <v>1521</v>
      </c>
      <c r="O2905" s="5" t="s">
        <v>38</v>
      </c>
      <c r="P2905" s="5" t="s">
        <v>39</v>
      </c>
      <c r="Q2905" s="5" t="s">
        <v>40</v>
      </c>
      <c r="R2905" s="5" t="s">
        <v>1522</v>
      </c>
      <c r="S2905" s="5" t="s">
        <v>1523</v>
      </c>
      <c r="T2905" s="5" t="s">
        <v>42</v>
      </c>
      <c r="U2905" s="2">
        <v>1.722</v>
      </c>
      <c r="V2905" s="2">
        <v>1.31</v>
      </c>
      <c r="W2905" s="2">
        <v>1.0999999999999999E-2</v>
      </c>
      <c r="X2905" s="2">
        <v>139.1</v>
      </c>
      <c r="Y2905" s="2">
        <v>7.6</v>
      </c>
      <c r="Z2905" s="2">
        <v>10.6</v>
      </c>
      <c r="AA2905" s="5"/>
      <c r="AB2905" s="5" t="s">
        <v>43</v>
      </c>
      <c r="AC2905" s="5" t="s">
        <v>44</v>
      </c>
      <c r="AD2905" s="2"/>
      <c r="AE2905" s="1"/>
    </row>
    <row r="2906" spans="1:31" ht="14.45">
      <c r="A2906" s="11"/>
      <c r="B2906" s="20"/>
      <c r="C2906" s="2" t="s">
        <v>9171</v>
      </c>
      <c r="D2906" s="14" t="s">
        <v>9172</v>
      </c>
      <c r="E2906" s="2" t="s">
        <v>9173</v>
      </c>
      <c r="F2906" s="2" t="s">
        <v>7507</v>
      </c>
      <c r="G2906" s="8">
        <v>114</v>
      </c>
      <c r="H2906" s="5">
        <v>5</v>
      </c>
      <c r="I2906" s="5" t="s">
        <v>1518</v>
      </c>
      <c r="J2906" s="5" t="s">
        <v>1519</v>
      </c>
      <c r="K2906" s="2" t="s">
        <v>1520</v>
      </c>
      <c r="L2906" s="5" t="s">
        <v>1519</v>
      </c>
      <c r="M2906" s="2" t="s">
        <v>1520</v>
      </c>
      <c r="N2906" s="5" t="s">
        <v>1521</v>
      </c>
      <c r="O2906" s="5" t="s">
        <v>38</v>
      </c>
      <c r="P2906" s="5" t="s">
        <v>39</v>
      </c>
      <c r="Q2906" s="5" t="s">
        <v>40</v>
      </c>
      <c r="R2906" s="5" t="s">
        <v>1522</v>
      </c>
      <c r="S2906" s="5" t="s">
        <v>1523</v>
      </c>
      <c r="T2906" s="5" t="s">
        <v>42</v>
      </c>
      <c r="U2906" s="2">
        <v>1.764</v>
      </c>
      <c r="V2906" s="2">
        <v>1.3520000000000001</v>
      </c>
      <c r="W2906" s="2">
        <v>1.0999999999999999E-2</v>
      </c>
      <c r="X2906" s="2">
        <v>139.1</v>
      </c>
      <c r="Y2906" s="2">
        <v>7.6</v>
      </c>
      <c r="Z2906" s="2">
        <v>10.6</v>
      </c>
      <c r="AA2906" s="5"/>
      <c r="AB2906" s="5" t="s">
        <v>43</v>
      </c>
      <c r="AC2906" s="5" t="s">
        <v>44</v>
      </c>
      <c r="AD2906" s="2"/>
      <c r="AE2906" s="1"/>
    </row>
    <row r="2907" spans="1:31" ht="14.45">
      <c r="A2907" s="11"/>
      <c r="B2907" s="20"/>
      <c r="C2907" s="2" t="s">
        <v>9174</v>
      </c>
      <c r="D2907" s="14" t="s">
        <v>9175</v>
      </c>
      <c r="E2907" s="2" t="s">
        <v>9176</v>
      </c>
      <c r="F2907" s="2" t="s">
        <v>7204</v>
      </c>
      <c r="G2907" s="8">
        <v>114</v>
      </c>
      <c r="H2907" s="5">
        <v>5</v>
      </c>
      <c r="I2907" s="5" t="s">
        <v>1518</v>
      </c>
      <c r="J2907" s="5" t="s">
        <v>1519</v>
      </c>
      <c r="K2907" s="2" t="s">
        <v>1520</v>
      </c>
      <c r="L2907" s="5" t="s">
        <v>1519</v>
      </c>
      <c r="M2907" s="2" t="s">
        <v>1520</v>
      </c>
      <c r="N2907" s="5" t="s">
        <v>1521</v>
      </c>
      <c r="O2907" s="5" t="s">
        <v>38</v>
      </c>
      <c r="P2907" s="5" t="s">
        <v>39</v>
      </c>
      <c r="Q2907" s="5" t="s">
        <v>40</v>
      </c>
      <c r="R2907" s="5" t="s">
        <v>1522</v>
      </c>
      <c r="S2907" s="5" t="s">
        <v>1523</v>
      </c>
      <c r="T2907" s="5" t="s">
        <v>42</v>
      </c>
      <c r="U2907" s="2">
        <v>1.728</v>
      </c>
      <c r="V2907" s="2">
        <v>1.3160000000000001</v>
      </c>
      <c r="W2907" s="2">
        <v>1.0999999999999999E-2</v>
      </c>
      <c r="X2907" s="2">
        <v>139.1</v>
      </c>
      <c r="Y2907" s="2">
        <v>7.6</v>
      </c>
      <c r="Z2907" s="2">
        <v>10.6</v>
      </c>
      <c r="AA2907" s="5"/>
      <c r="AB2907" s="5" t="s">
        <v>43</v>
      </c>
      <c r="AC2907" s="5" t="s">
        <v>44</v>
      </c>
      <c r="AD2907" s="2"/>
      <c r="AE2907" s="1"/>
    </row>
    <row r="2908" spans="1:31" ht="14.45">
      <c r="A2908" s="11"/>
      <c r="B2908" s="20"/>
      <c r="C2908" s="2" t="s">
        <v>9177</v>
      </c>
      <c r="D2908" s="14" t="s">
        <v>9178</v>
      </c>
      <c r="E2908" s="2" t="s">
        <v>9179</v>
      </c>
      <c r="F2908" s="2" t="s">
        <v>7514</v>
      </c>
      <c r="G2908" s="8">
        <v>114</v>
      </c>
      <c r="H2908" s="5">
        <v>5</v>
      </c>
      <c r="I2908" s="5" t="s">
        <v>1518</v>
      </c>
      <c r="J2908" s="5" t="s">
        <v>1519</v>
      </c>
      <c r="K2908" s="2" t="s">
        <v>1520</v>
      </c>
      <c r="L2908" s="5" t="s">
        <v>1519</v>
      </c>
      <c r="M2908" s="2" t="s">
        <v>1520</v>
      </c>
      <c r="N2908" s="5" t="s">
        <v>1521</v>
      </c>
      <c r="O2908" s="5" t="s">
        <v>38</v>
      </c>
      <c r="P2908" s="5" t="s">
        <v>39</v>
      </c>
      <c r="Q2908" s="5" t="s">
        <v>40</v>
      </c>
      <c r="R2908" s="5" t="s">
        <v>1522</v>
      </c>
      <c r="S2908" s="5" t="s">
        <v>1523</v>
      </c>
      <c r="T2908" s="5" t="s">
        <v>42</v>
      </c>
      <c r="U2908" s="2">
        <v>1.77</v>
      </c>
      <c r="V2908" s="2">
        <v>1.3580000000000001</v>
      </c>
      <c r="W2908" s="2">
        <v>1.0999999999999999E-2</v>
      </c>
      <c r="X2908" s="2">
        <v>139.1</v>
      </c>
      <c r="Y2908" s="2">
        <v>7.6</v>
      </c>
      <c r="Z2908" s="2">
        <v>10.6</v>
      </c>
      <c r="AA2908" s="5"/>
      <c r="AB2908" s="5" t="s">
        <v>43</v>
      </c>
      <c r="AC2908" s="5" t="s">
        <v>44</v>
      </c>
      <c r="AD2908" s="2"/>
      <c r="AE2908" s="1"/>
    </row>
    <row r="2909" spans="1:31" ht="14.45">
      <c r="A2909" s="11"/>
      <c r="B2909" s="20"/>
      <c r="C2909" s="2" t="s">
        <v>9180</v>
      </c>
      <c r="D2909" s="14" t="s">
        <v>9181</v>
      </c>
      <c r="E2909" s="2" t="s">
        <v>9182</v>
      </c>
      <c r="F2909" s="2" t="s">
        <v>7208</v>
      </c>
      <c r="G2909" s="8">
        <v>114</v>
      </c>
      <c r="H2909" s="5">
        <v>5</v>
      </c>
      <c r="I2909" s="5" t="s">
        <v>1518</v>
      </c>
      <c r="J2909" s="5" t="s">
        <v>1519</v>
      </c>
      <c r="K2909" s="2" t="s">
        <v>1520</v>
      </c>
      <c r="L2909" s="5" t="s">
        <v>1519</v>
      </c>
      <c r="M2909" s="2" t="s">
        <v>1520</v>
      </c>
      <c r="N2909" s="5" t="s">
        <v>1521</v>
      </c>
      <c r="O2909" s="5" t="s">
        <v>38</v>
      </c>
      <c r="P2909" s="5" t="s">
        <v>39</v>
      </c>
      <c r="Q2909" s="5" t="s">
        <v>40</v>
      </c>
      <c r="R2909" s="5" t="s">
        <v>1522</v>
      </c>
      <c r="S2909" s="5" t="s">
        <v>1523</v>
      </c>
      <c r="T2909" s="5" t="s">
        <v>42</v>
      </c>
      <c r="U2909" s="2">
        <v>1.728</v>
      </c>
      <c r="V2909" s="2">
        <v>1.3160000000000001</v>
      </c>
      <c r="W2909" s="2">
        <v>1.0999999999999999E-2</v>
      </c>
      <c r="X2909" s="2">
        <v>139.1</v>
      </c>
      <c r="Y2909" s="2">
        <v>7.6</v>
      </c>
      <c r="Z2909" s="2">
        <v>10.6</v>
      </c>
      <c r="AA2909" s="5"/>
      <c r="AB2909" s="5" t="s">
        <v>43</v>
      </c>
      <c r="AC2909" s="5" t="s">
        <v>44</v>
      </c>
      <c r="AD2909" s="2"/>
      <c r="AE2909" s="1"/>
    </row>
    <row r="2910" spans="1:31" ht="14.45">
      <c r="A2910" s="11"/>
      <c r="B2910" s="20"/>
      <c r="C2910" s="2" t="s">
        <v>9183</v>
      </c>
      <c r="D2910" s="14" t="s">
        <v>9184</v>
      </c>
      <c r="E2910" s="2" t="s">
        <v>9185</v>
      </c>
      <c r="F2910" s="2" t="s">
        <v>7521</v>
      </c>
      <c r="G2910" s="8">
        <v>114</v>
      </c>
      <c r="H2910" s="5">
        <v>5</v>
      </c>
      <c r="I2910" s="5" t="s">
        <v>1518</v>
      </c>
      <c r="J2910" s="5" t="s">
        <v>1519</v>
      </c>
      <c r="K2910" s="2" t="s">
        <v>1520</v>
      </c>
      <c r="L2910" s="5" t="s">
        <v>1519</v>
      </c>
      <c r="M2910" s="2" t="s">
        <v>1520</v>
      </c>
      <c r="N2910" s="5" t="s">
        <v>1521</v>
      </c>
      <c r="O2910" s="5" t="s">
        <v>38</v>
      </c>
      <c r="P2910" s="5" t="s">
        <v>39</v>
      </c>
      <c r="Q2910" s="5" t="s">
        <v>40</v>
      </c>
      <c r="R2910" s="5" t="s">
        <v>1522</v>
      </c>
      <c r="S2910" s="5" t="s">
        <v>1523</v>
      </c>
      <c r="T2910" s="5" t="s">
        <v>42</v>
      </c>
      <c r="U2910" s="2">
        <v>1.77</v>
      </c>
      <c r="V2910" s="2">
        <v>1.3580000000000001</v>
      </c>
      <c r="W2910" s="2">
        <v>1.0999999999999999E-2</v>
      </c>
      <c r="X2910" s="2">
        <v>139.1</v>
      </c>
      <c r="Y2910" s="2">
        <v>7.6</v>
      </c>
      <c r="Z2910" s="2">
        <v>10.6</v>
      </c>
      <c r="AA2910" s="5"/>
      <c r="AB2910" s="5" t="s">
        <v>43</v>
      </c>
      <c r="AC2910" s="5" t="s">
        <v>44</v>
      </c>
      <c r="AD2910" s="2"/>
      <c r="AE2910" s="1"/>
    </row>
    <row r="2911" spans="1:31" ht="14.45">
      <c r="A2911" s="11"/>
      <c r="B2911" s="20"/>
      <c r="C2911" s="2" t="s">
        <v>9186</v>
      </c>
      <c r="D2911" s="14" t="s">
        <v>9187</v>
      </c>
      <c r="E2911" s="2" t="s">
        <v>9188</v>
      </c>
      <c r="F2911" s="2" t="s">
        <v>7212</v>
      </c>
      <c r="G2911" s="8">
        <v>114</v>
      </c>
      <c r="H2911" s="5">
        <v>5</v>
      </c>
      <c r="I2911" s="5" t="s">
        <v>1518</v>
      </c>
      <c r="J2911" s="5" t="s">
        <v>1519</v>
      </c>
      <c r="K2911" s="2" t="s">
        <v>1520</v>
      </c>
      <c r="L2911" s="5" t="s">
        <v>1519</v>
      </c>
      <c r="M2911" s="2" t="s">
        <v>1520</v>
      </c>
      <c r="N2911" s="5" t="s">
        <v>1521</v>
      </c>
      <c r="O2911" s="5" t="s">
        <v>38</v>
      </c>
      <c r="P2911" s="5" t="s">
        <v>39</v>
      </c>
      <c r="Q2911" s="5" t="s">
        <v>40</v>
      </c>
      <c r="R2911" s="5" t="s">
        <v>1522</v>
      </c>
      <c r="S2911" s="5" t="s">
        <v>1523</v>
      </c>
      <c r="T2911" s="5" t="s">
        <v>42</v>
      </c>
      <c r="U2911" s="2">
        <v>1.71</v>
      </c>
      <c r="V2911" s="2">
        <v>1.298</v>
      </c>
      <c r="W2911" s="2">
        <v>1.0999999999999999E-2</v>
      </c>
      <c r="X2911" s="2">
        <v>139.1</v>
      </c>
      <c r="Y2911" s="2">
        <v>7.6</v>
      </c>
      <c r="Z2911" s="2">
        <v>10.6</v>
      </c>
      <c r="AA2911" s="5"/>
      <c r="AB2911" s="5" t="s">
        <v>43</v>
      </c>
      <c r="AC2911" s="5" t="s">
        <v>44</v>
      </c>
      <c r="AD2911" s="2"/>
      <c r="AE2911" s="1"/>
    </row>
    <row r="2912" spans="1:31" ht="14.45">
      <c r="A2912" s="11"/>
      <c r="B2912" s="20"/>
      <c r="C2912" s="2" t="s">
        <v>9189</v>
      </c>
      <c r="D2912" s="14" t="s">
        <v>9190</v>
      </c>
      <c r="E2912" s="2" t="s">
        <v>9191</v>
      </c>
      <c r="F2912" s="2" t="s">
        <v>7528</v>
      </c>
      <c r="G2912" s="8">
        <v>114</v>
      </c>
      <c r="H2912" s="5">
        <v>5</v>
      </c>
      <c r="I2912" s="5" t="s">
        <v>1518</v>
      </c>
      <c r="J2912" s="5" t="s">
        <v>1519</v>
      </c>
      <c r="K2912" s="2" t="s">
        <v>1520</v>
      </c>
      <c r="L2912" s="5" t="s">
        <v>1519</v>
      </c>
      <c r="M2912" s="2" t="s">
        <v>1520</v>
      </c>
      <c r="N2912" s="5" t="s">
        <v>1521</v>
      </c>
      <c r="O2912" s="5" t="s">
        <v>38</v>
      </c>
      <c r="P2912" s="5" t="s">
        <v>39</v>
      </c>
      <c r="Q2912" s="5" t="s">
        <v>40</v>
      </c>
      <c r="R2912" s="5" t="s">
        <v>1522</v>
      </c>
      <c r="S2912" s="5" t="s">
        <v>1523</v>
      </c>
      <c r="T2912" s="5" t="s">
        <v>42</v>
      </c>
      <c r="U2912" s="2">
        <v>1.752</v>
      </c>
      <c r="V2912" s="2">
        <v>1.34</v>
      </c>
      <c r="W2912" s="2">
        <v>1.0999999999999999E-2</v>
      </c>
      <c r="X2912" s="2">
        <v>139.1</v>
      </c>
      <c r="Y2912" s="2">
        <v>7.6</v>
      </c>
      <c r="Z2912" s="2">
        <v>10.6</v>
      </c>
      <c r="AA2912" s="5"/>
      <c r="AB2912" s="5" t="s">
        <v>43</v>
      </c>
      <c r="AC2912" s="5" t="s">
        <v>44</v>
      </c>
      <c r="AD2912" s="2"/>
      <c r="AE2912" s="1"/>
    </row>
    <row r="2913" spans="1:31" ht="14.45">
      <c r="A2913" s="11"/>
      <c r="B2913" s="20"/>
      <c r="C2913" s="2" t="s">
        <v>9192</v>
      </c>
      <c r="D2913" s="14" t="s">
        <v>9193</v>
      </c>
      <c r="E2913" s="2" t="s">
        <v>9194</v>
      </c>
      <c r="F2913" s="2" t="s">
        <v>7406</v>
      </c>
      <c r="G2913" s="8">
        <v>131</v>
      </c>
      <c r="H2913" s="5">
        <v>6</v>
      </c>
      <c r="I2913" s="5" t="s">
        <v>1518</v>
      </c>
      <c r="J2913" s="5" t="s">
        <v>1519</v>
      </c>
      <c r="K2913" s="2" t="s">
        <v>1520</v>
      </c>
      <c r="L2913" s="5" t="s">
        <v>1519</v>
      </c>
      <c r="M2913" s="2" t="s">
        <v>1520</v>
      </c>
      <c r="N2913" s="5" t="s">
        <v>1521</v>
      </c>
      <c r="O2913" s="5" t="s">
        <v>38</v>
      </c>
      <c r="P2913" s="5" t="s">
        <v>39</v>
      </c>
      <c r="Q2913" s="5" t="s">
        <v>40</v>
      </c>
      <c r="R2913" s="5" t="s">
        <v>1522</v>
      </c>
      <c r="S2913" s="5" t="s">
        <v>1523</v>
      </c>
      <c r="T2913" s="5" t="s">
        <v>42</v>
      </c>
      <c r="U2913" s="2">
        <v>1.71</v>
      </c>
      <c r="V2913" s="2">
        <v>1.298</v>
      </c>
      <c r="W2913" s="2">
        <v>1.0999999999999999E-2</v>
      </c>
      <c r="X2913" s="2">
        <v>139.1</v>
      </c>
      <c r="Y2913" s="2">
        <v>7.6</v>
      </c>
      <c r="Z2913" s="2">
        <v>10.6</v>
      </c>
      <c r="AA2913" s="5"/>
      <c r="AB2913" s="5" t="s">
        <v>43</v>
      </c>
      <c r="AC2913" s="5" t="s">
        <v>44</v>
      </c>
      <c r="AD2913" s="2"/>
      <c r="AE2913" s="1"/>
    </row>
    <row r="2914" spans="1:31" ht="14.45">
      <c r="A2914" s="11"/>
      <c r="B2914" s="20"/>
      <c r="C2914" s="2" t="s">
        <v>9195</v>
      </c>
      <c r="D2914" s="14" t="s">
        <v>9196</v>
      </c>
      <c r="E2914" s="2" t="s">
        <v>9197</v>
      </c>
      <c r="F2914" s="2" t="s">
        <v>7535</v>
      </c>
      <c r="G2914" s="8">
        <v>131</v>
      </c>
      <c r="H2914" s="5">
        <v>6</v>
      </c>
      <c r="I2914" s="5" t="s">
        <v>1518</v>
      </c>
      <c r="J2914" s="5" t="s">
        <v>1519</v>
      </c>
      <c r="K2914" s="2" t="s">
        <v>1520</v>
      </c>
      <c r="L2914" s="5" t="s">
        <v>1519</v>
      </c>
      <c r="M2914" s="2" t="s">
        <v>1520</v>
      </c>
      <c r="N2914" s="5" t="s">
        <v>1521</v>
      </c>
      <c r="O2914" s="5" t="s">
        <v>38</v>
      </c>
      <c r="P2914" s="5" t="s">
        <v>39</v>
      </c>
      <c r="Q2914" s="5" t="s">
        <v>40</v>
      </c>
      <c r="R2914" s="5" t="s">
        <v>1522</v>
      </c>
      <c r="S2914" s="5" t="s">
        <v>1523</v>
      </c>
      <c r="T2914" s="5" t="s">
        <v>42</v>
      </c>
      <c r="U2914" s="2">
        <v>1.752</v>
      </c>
      <c r="V2914" s="2">
        <v>1.34</v>
      </c>
      <c r="W2914" s="2">
        <v>1.0999999999999999E-2</v>
      </c>
      <c r="X2914" s="2">
        <v>139.1</v>
      </c>
      <c r="Y2914" s="2">
        <v>7.6</v>
      </c>
      <c r="Z2914" s="2">
        <v>10.6</v>
      </c>
      <c r="AA2914" s="5"/>
      <c r="AB2914" s="5" t="s">
        <v>43</v>
      </c>
      <c r="AC2914" s="5" t="s">
        <v>44</v>
      </c>
      <c r="AD2914" s="2"/>
      <c r="AE2914" s="1"/>
    </row>
    <row r="2915" spans="1:31" ht="14.45">
      <c r="A2915" s="11"/>
      <c r="B2915" s="20"/>
      <c r="C2915" s="2" t="s">
        <v>9198</v>
      </c>
      <c r="D2915" s="14" t="s">
        <v>9199</v>
      </c>
      <c r="E2915" s="2" t="s">
        <v>9200</v>
      </c>
      <c r="F2915" s="2" t="s">
        <v>7539</v>
      </c>
      <c r="G2915" s="8">
        <v>131</v>
      </c>
      <c r="H2915" s="5">
        <v>6</v>
      </c>
      <c r="I2915" s="5" t="s">
        <v>1518</v>
      </c>
      <c r="J2915" s="5" t="s">
        <v>1519</v>
      </c>
      <c r="K2915" s="2" t="s">
        <v>1520</v>
      </c>
      <c r="L2915" s="5" t="s">
        <v>1519</v>
      </c>
      <c r="M2915" s="2" t="s">
        <v>1520</v>
      </c>
      <c r="N2915" s="5" t="s">
        <v>1521</v>
      </c>
      <c r="O2915" s="5" t="s">
        <v>38</v>
      </c>
      <c r="P2915" s="5" t="s">
        <v>39</v>
      </c>
      <c r="Q2915" s="5" t="s">
        <v>40</v>
      </c>
      <c r="R2915" s="5" t="s">
        <v>1522</v>
      </c>
      <c r="S2915" s="5" t="s">
        <v>1523</v>
      </c>
      <c r="T2915" s="5" t="s">
        <v>42</v>
      </c>
      <c r="U2915" s="2">
        <v>1.728</v>
      </c>
      <c r="V2915" s="2">
        <v>1.3160000000000001</v>
      </c>
      <c r="W2915" s="2">
        <v>1.0999999999999999E-2</v>
      </c>
      <c r="X2915" s="2">
        <v>139.1</v>
      </c>
      <c r="Y2915" s="2">
        <v>7.6</v>
      </c>
      <c r="Z2915" s="2">
        <v>10.6</v>
      </c>
      <c r="AA2915" s="5"/>
      <c r="AB2915" s="5" t="s">
        <v>43</v>
      </c>
      <c r="AC2915" s="5" t="s">
        <v>44</v>
      </c>
      <c r="AD2915" s="2"/>
      <c r="AE2915" s="1"/>
    </row>
    <row r="2916" spans="1:31" ht="14.45">
      <c r="A2916" s="11"/>
      <c r="B2916" s="20"/>
      <c r="C2916" s="2" t="s">
        <v>9201</v>
      </c>
      <c r="D2916" s="14" t="s">
        <v>9202</v>
      </c>
      <c r="E2916" s="2" t="s">
        <v>9203</v>
      </c>
      <c r="F2916" s="2" t="s">
        <v>7543</v>
      </c>
      <c r="G2916" s="8">
        <v>131</v>
      </c>
      <c r="H2916" s="5">
        <v>6</v>
      </c>
      <c r="I2916" s="5" t="s">
        <v>1518</v>
      </c>
      <c r="J2916" s="5" t="s">
        <v>1519</v>
      </c>
      <c r="K2916" s="2" t="s">
        <v>1520</v>
      </c>
      <c r="L2916" s="5" t="s">
        <v>1519</v>
      </c>
      <c r="M2916" s="2" t="s">
        <v>1520</v>
      </c>
      <c r="N2916" s="5" t="s">
        <v>1521</v>
      </c>
      <c r="O2916" s="5" t="s">
        <v>38</v>
      </c>
      <c r="P2916" s="5" t="s">
        <v>39</v>
      </c>
      <c r="Q2916" s="5" t="s">
        <v>40</v>
      </c>
      <c r="R2916" s="5" t="s">
        <v>1522</v>
      </c>
      <c r="S2916" s="5" t="s">
        <v>1523</v>
      </c>
      <c r="T2916" s="5" t="s">
        <v>42</v>
      </c>
      <c r="U2916" s="2">
        <v>1.77</v>
      </c>
      <c r="V2916" s="2">
        <v>1.3580000000000001</v>
      </c>
      <c r="W2916" s="2">
        <v>1.0999999999999999E-2</v>
      </c>
      <c r="X2916" s="2">
        <v>139.1</v>
      </c>
      <c r="Y2916" s="2">
        <v>7.6</v>
      </c>
      <c r="Z2916" s="2">
        <v>10.6</v>
      </c>
      <c r="AA2916" s="5"/>
      <c r="AB2916" s="5" t="s">
        <v>43</v>
      </c>
      <c r="AC2916" s="5" t="s">
        <v>44</v>
      </c>
      <c r="AD2916" s="2"/>
      <c r="AE2916" s="1"/>
    </row>
    <row r="2917" spans="1:31" ht="14.45">
      <c r="A2917" s="11"/>
      <c r="B2917" s="20"/>
      <c r="C2917" s="2" t="s">
        <v>9204</v>
      </c>
      <c r="D2917" s="14" t="s">
        <v>9205</v>
      </c>
      <c r="E2917" s="2" t="s">
        <v>9206</v>
      </c>
      <c r="F2917" s="2" t="s">
        <v>7547</v>
      </c>
      <c r="G2917" s="8">
        <v>131</v>
      </c>
      <c r="H2917" s="5">
        <v>6</v>
      </c>
      <c r="I2917" s="5" t="s">
        <v>1518</v>
      </c>
      <c r="J2917" s="5" t="s">
        <v>1519</v>
      </c>
      <c r="K2917" s="2" t="s">
        <v>1520</v>
      </c>
      <c r="L2917" s="5" t="s">
        <v>1519</v>
      </c>
      <c r="M2917" s="2" t="s">
        <v>1520</v>
      </c>
      <c r="N2917" s="5" t="s">
        <v>1521</v>
      </c>
      <c r="O2917" s="5" t="s">
        <v>38</v>
      </c>
      <c r="P2917" s="5" t="s">
        <v>39</v>
      </c>
      <c r="Q2917" s="5" t="s">
        <v>40</v>
      </c>
      <c r="R2917" s="5" t="s">
        <v>1522</v>
      </c>
      <c r="S2917" s="5" t="s">
        <v>1523</v>
      </c>
      <c r="T2917" s="5" t="s">
        <v>42</v>
      </c>
      <c r="U2917" s="2">
        <v>1.71</v>
      </c>
      <c r="V2917" s="2">
        <v>1.298</v>
      </c>
      <c r="W2917" s="2">
        <v>1.0999999999999999E-2</v>
      </c>
      <c r="X2917" s="2">
        <v>139.1</v>
      </c>
      <c r="Y2917" s="2">
        <v>7.6</v>
      </c>
      <c r="Z2917" s="2">
        <v>10.6</v>
      </c>
      <c r="AA2917" s="5"/>
      <c r="AB2917" s="5" t="s">
        <v>43</v>
      </c>
      <c r="AC2917" s="5" t="s">
        <v>44</v>
      </c>
      <c r="AD2917" s="2"/>
      <c r="AE2917" s="1"/>
    </row>
    <row r="2918" spans="1:31" ht="14.45">
      <c r="A2918" s="11"/>
      <c r="B2918" s="20"/>
      <c r="C2918" s="2" t="s">
        <v>9207</v>
      </c>
      <c r="D2918" s="14" t="s">
        <v>9208</v>
      </c>
      <c r="E2918" s="2" t="s">
        <v>9209</v>
      </c>
      <c r="F2918" s="2" t="s">
        <v>7551</v>
      </c>
      <c r="G2918" s="8">
        <v>131</v>
      </c>
      <c r="H2918" s="5">
        <v>6</v>
      </c>
      <c r="I2918" s="5" t="s">
        <v>1518</v>
      </c>
      <c r="J2918" s="5" t="s">
        <v>1519</v>
      </c>
      <c r="K2918" s="2" t="s">
        <v>1520</v>
      </c>
      <c r="L2918" s="5" t="s">
        <v>1519</v>
      </c>
      <c r="M2918" s="2" t="s">
        <v>1520</v>
      </c>
      <c r="N2918" s="5" t="s">
        <v>1521</v>
      </c>
      <c r="O2918" s="5" t="s">
        <v>38</v>
      </c>
      <c r="P2918" s="5" t="s">
        <v>39</v>
      </c>
      <c r="Q2918" s="5" t="s">
        <v>40</v>
      </c>
      <c r="R2918" s="5" t="s">
        <v>1522</v>
      </c>
      <c r="S2918" s="5" t="s">
        <v>1523</v>
      </c>
      <c r="T2918" s="5" t="s">
        <v>42</v>
      </c>
      <c r="U2918" s="2">
        <v>1.752</v>
      </c>
      <c r="V2918" s="2">
        <v>1.34</v>
      </c>
      <c r="W2918" s="2">
        <v>1.0999999999999999E-2</v>
      </c>
      <c r="X2918" s="2">
        <v>139.1</v>
      </c>
      <c r="Y2918" s="2">
        <v>7.6</v>
      </c>
      <c r="Z2918" s="2">
        <v>10.6</v>
      </c>
      <c r="AA2918" s="5"/>
      <c r="AB2918" s="5" t="s">
        <v>43</v>
      </c>
      <c r="AC2918" s="5" t="s">
        <v>44</v>
      </c>
      <c r="AD2918" s="2"/>
      <c r="AE2918" s="1"/>
    </row>
    <row r="2919" spans="1:31" ht="14.45">
      <c r="A2919" s="11"/>
      <c r="B2919" s="20"/>
      <c r="C2919" s="2" t="s">
        <v>9210</v>
      </c>
      <c r="D2919" s="14" t="s">
        <v>9211</v>
      </c>
      <c r="E2919" s="2" t="s">
        <v>9212</v>
      </c>
      <c r="F2919" s="2" t="s">
        <v>7555</v>
      </c>
      <c r="G2919" s="8">
        <v>131</v>
      </c>
      <c r="H2919" s="5">
        <v>6</v>
      </c>
      <c r="I2919" s="5" t="s">
        <v>1518</v>
      </c>
      <c r="J2919" s="5" t="s">
        <v>1519</v>
      </c>
      <c r="K2919" s="2" t="s">
        <v>1520</v>
      </c>
      <c r="L2919" s="5" t="s">
        <v>1519</v>
      </c>
      <c r="M2919" s="2" t="s">
        <v>1520</v>
      </c>
      <c r="N2919" s="5" t="s">
        <v>1521</v>
      </c>
      <c r="O2919" s="5" t="s">
        <v>38</v>
      </c>
      <c r="P2919" s="5" t="s">
        <v>39</v>
      </c>
      <c r="Q2919" s="5" t="s">
        <v>40</v>
      </c>
      <c r="R2919" s="5" t="s">
        <v>1522</v>
      </c>
      <c r="S2919" s="5" t="s">
        <v>1523</v>
      </c>
      <c r="T2919" s="5" t="s">
        <v>42</v>
      </c>
      <c r="U2919" s="2">
        <v>1.71</v>
      </c>
      <c r="V2919" s="2">
        <v>1.298</v>
      </c>
      <c r="W2919" s="2">
        <v>1.0999999999999999E-2</v>
      </c>
      <c r="X2919" s="2">
        <v>139.1</v>
      </c>
      <c r="Y2919" s="2">
        <v>7.6</v>
      </c>
      <c r="Z2919" s="2">
        <v>10.6</v>
      </c>
      <c r="AA2919" s="5"/>
      <c r="AB2919" s="5" t="s">
        <v>43</v>
      </c>
      <c r="AC2919" s="5" t="s">
        <v>44</v>
      </c>
      <c r="AD2919" s="2"/>
      <c r="AE2919" s="1"/>
    </row>
    <row r="2920" spans="1:31" ht="14.45">
      <c r="A2920" s="11"/>
      <c r="B2920" s="20"/>
      <c r="C2920" s="2" t="s">
        <v>9213</v>
      </c>
      <c r="D2920" s="14" t="s">
        <v>9214</v>
      </c>
      <c r="E2920" s="2" t="s">
        <v>9215</v>
      </c>
      <c r="F2920" s="2" t="s">
        <v>7559</v>
      </c>
      <c r="G2920" s="8">
        <v>131</v>
      </c>
      <c r="H2920" s="5">
        <v>6</v>
      </c>
      <c r="I2920" s="5" t="s">
        <v>1518</v>
      </c>
      <c r="J2920" s="5" t="s">
        <v>1519</v>
      </c>
      <c r="K2920" s="2" t="s">
        <v>1520</v>
      </c>
      <c r="L2920" s="5" t="s">
        <v>1519</v>
      </c>
      <c r="M2920" s="2" t="s">
        <v>1520</v>
      </c>
      <c r="N2920" s="5" t="s">
        <v>1521</v>
      </c>
      <c r="O2920" s="5" t="s">
        <v>38</v>
      </c>
      <c r="P2920" s="5" t="s">
        <v>39</v>
      </c>
      <c r="Q2920" s="5" t="s">
        <v>40</v>
      </c>
      <c r="R2920" s="5" t="s">
        <v>1522</v>
      </c>
      <c r="S2920" s="5" t="s">
        <v>1523</v>
      </c>
      <c r="T2920" s="5" t="s">
        <v>42</v>
      </c>
      <c r="U2920" s="2">
        <v>1.752</v>
      </c>
      <c r="V2920" s="2">
        <v>1.34</v>
      </c>
      <c r="W2920" s="2">
        <v>1.0999999999999999E-2</v>
      </c>
      <c r="X2920" s="2">
        <v>139.1</v>
      </c>
      <c r="Y2920" s="2">
        <v>7.6</v>
      </c>
      <c r="Z2920" s="2">
        <v>10.6</v>
      </c>
      <c r="AA2920" s="5"/>
      <c r="AB2920" s="5" t="s">
        <v>43</v>
      </c>
      <c r="AC2920" s="5" t="s">
        <v>44</v>
      </c>
      <c r="AD2920" s="2"/>
      <c r="AE2920" s="1"/>
    </row>
    <row r="2921" spans="1:31" ht="14.45">
      <c r="A2921" s="11"/>
      <c r="B2921" s="20"/>
      <c r="C2921" s="2" t="s">
        <v>9216</v>
      </c>
      <c r="D2921" s="14" t="s">
        <v>9217</v>
      </c>
      <c r="E2921" s="2" t="s">
        <v>9218</v>
      </c>
      <c r="F2921" s="2" t="s">
        <v>7563</v>
      </c>
      <c r="G2921" s="8">
        <v>131</v>
      </c>
      <c r="H2921" s="5">
        <v>6</v>
      </c>
      <c r="I2921" s="5" t="s">
        <v>1518</v>
      </c>
      <c r="J2921" s="5" t="s">
        <v>1519</v>
      </c>
      <c r="K2921" s="2" t="s">
        <v>1520</v>
      </c>
      <c r="L2921" s="5" t="s">
        <v>1519</v>
      </c>
      <c r="M2921" s="2" t="s">
        <v>1520</v>
      </c>
      <c r="N2921" s="5" t="s">
        <v>1521</v>
      </c>
      <c r="O2921" s="5" t="s">
        <v>38</v>
      </c>
      <c r="P2921" s="5" t="s">
        <v>39</v>
      </c>
      <c r="Q2921" s="5" t="s">
        <v>40</v>
      </c>
      <c r="R2921" s="5" t="s">
        <v>1522</v>
      </c>
      <c r="S2921" s="5" t="s">
        <v>1523</v>
      </c>
      <c r="T2921" s="5" t="s">
        <v>42</v>
      </c>
      <c r="U2921" s="2">
        <v>1.728</v>
      </c>
      <c r="V2921" s="2">
        <v>1.3160000000000001</v>
      </c>
      <c r="W2921" s="2">
        <v>1.0999999999999999E-2</v>
      </c>
      <c r="X2921" s="2">
        <v>139.1</v>
      </c>
      <c r="Y2921" s="2">
        <v>7.6</v>
      </c>
      <c r="Z2921" s="2">
        <v>10.6</v>
      </c>
      <c r="AA2921" s="5"/>
      <c r="AB2921" s="5" t="s">
        <v>43</v>
      </c>
      <c r="AC2921" s="5" t="s">
        <v>44</v>
      </c>
      <c r="AD2921" s="2"/>
      <c r="AE2921" s="1"/>
    </row>
    <row r="2922" spans="1:31" ht="14.45">
      <c r="A2922" s="11"/>
      <c r="B2922" s="20"/>
      <c r="C2922" s="2" t="s">
        <v>9219</v>
      </c>
      <c r="D2922" s="14" t="s">
        <v>9220</v>
      </c>
      <c r="E2922" s="2" t="s">
        <v>9221</v>
      </c>
      <c r="F2922" s="2" t="s">
        <v>7567</v>
      </c>
      <c r="G2922" s="8">
        <v>131</v>
      </c>
      <c r="H2922" s="5">
        <v>6</v>
      </c>
      <c r="I2922" s="5" t="s">
        <v>1518</v>
      </c>
      <c r="J2922" s="5" t="s">
        <v>1519</v>
      </c>
      <c r="K2922" s="2" t="s">
        <v>1520</v>
      </c>
      <c r="L2922" s="5" t="s">
        <v>1519</v>
      </c>
      <c r="M2922" s="2" t="s">
        <v>1520</v>
      </c>
      <c r="N2922" s="5" t="s">
        <v>1521</v>
      </c>
      <c r="O2922" s="5" t="s">
        <v>38</v>
      </c>
      <c r="P2922" s="5" t="s">
        <v>39</v>
      </c>
      <c r="Q2922" s="5" t="s">
        <v>40</v>
      </c>
      <c r="R2922" s="5" t="s">
        <v>1522</v>
      </c>
      <c r="S2922" s="5" t="s">
        <v>1523</v>
      </c>
      <c r="T2922" s="5" t="s">
        <v>42</v>
      </c>
      <c r="U2922" s="2">
        <v>1.77</v>
      </c>
      <c r="V2922" s="2">
        <v>1.3580000000000001</v>
      </c>
      <c r="W2922" s="2">
        <v>1.0999999999999999E-2</v>
      </c>
      <c r="X2922" s="2">
        <v>139.1</v>
      </c>
      <c r="Y2922" s="2">
        <v>7.6</v>
      </c>
      <c r="Z2922" s="2">
        <v>10.6</v>
      </c>
      <c r="AA2922" s="5"/>
      <c r="AB2922" s="5" t="s">
        <v>43</v>
      </c>
      <c r="AC2922" s="5" t="s">
        <v>44</v>
      </c>
      <c r="AD2922" s="2"/>
      <c r="AE2922" s="1"/>
    </row>
    <row r="2923" spans="1:31" ht="14.45">
      <c r="A2923" s="11"/>
      <c r="B2923" s="20"/>
      <c r="C2923" s="2" t="s">
        <v>9222</v>
      </c>
      <c r="D2923" s="14" t="s">
        <v>9223</v>
      </c>
      <c r="E2923" s="2" t="s">
        <v>9224</v>
      </c>
      <c r="F2923" s="2" t="s">
        <v>7429</v>
      </c>
      <c r="G2923" s="8">
        <v>131</v>
      </c>
      <c r="H2923" s="5">
        <v>6</v>
      </c>
      <c r="I2923" s="5" t="s">
        <v>1518</v>
      </c>
      <c r="J2923" s="5" t="s">
        <v>1519</v>
      </c>
      <c r="K2923" s="2" t="s">
        <v>1520</v>
      </c>
      <c r="L2923" s="5" t="s">
        <v>1519</v>
      </c>
      <c r="M2923" s="2" t="s">
        <v>1520</v>
      </c>
      <c r="N2923" s="5" t="s">
        <v>1521</v>
      </c>
      <c r="O2923" s="5" t="s">
        <v>38</v>
      </c>
      <c r="P2923" s="5" t="s">
        <v>39</v>
      </c>
      <c r="Q2923" s="5" t="s">
        <v>40</v>
      </c>
      <c r="R2923" s="5" t="s">
        <v>1522</v>
      </c>
      <c r="S2923" s="5" t="s">
        <v>1523</v>
      </c>
      <c r="T2923" s="5" t="s">
        <v>42</v>
      </c>
      <c r="U2923" s="2">
        <v>1.728</v>
      </c>
      <c r="V2923" s="2">
        <v>1.3160000000000001</v>
      </c>
      <c r="W2923" s="2">
        <v>1.0999999999999999E-2</v>
      </c>
      <c r="X2923" s="2">
        <v>139.1</v>
      </c>
      <c r="Y2923" s="2">
        <v>7.6</v>
      </c>
      <c r="Z2923" s="2">
        <v>10.6</v>
      </c>
      <c r="AA2923" s="5"/>
      <c r="AB2923" s="5" t="s">
        <v>43</v>
      </c>
      <c r="AC2923" s="5" t="s">
        <v>44</v>
      </c>
      <c r="AD2923" s="2"/>
      <c r="AE2923" s="1"/>
    </row>
    <row r="2924" spans="1:31" ht="14.45">
      <c r="A2924" s="11"/>
      <c r="B2924" s="20"/>
      <c r="C2924" s="2" t="s">
        <v>9225</v>
      </c>
      <c r="D2924" s="14" t="s">
        <v>9226</v>
      </c>
      <c r="E2924" s="2" t="s">
        <v>9227</v>
      </c>
      <c r="F2924" s="2" t="s">
        <v>7574</v>
      </c>
      <c r="G2924" s="8">
        <v>131</v>
      </c>
      <c r="H2924" s="5">
        <v>6</v>
      </c>
      <c r="I2924" s="5" t="s">
        <v>1518</v>
      </c>
      <c r="J2924" s="5" t="s">
        <v>1519</v>
      </c>
      <c r="K2924" s="2" t="s">
        <v>1520</v>
      </c>
      <c r="L2924" s="5" t="s">
        <v>1519</v>
      </c>
      <c r="M2924" s="2" t="s">
        <v>1520</v>
      </c>
      <c r="N2924" s="5" t="s">
        <v>1521</v>
      </c>
      <c r="O2924" s="5" t="s">
        <v>38</v>
      </c>
      <c r="P2924" s="5" t="s">
        <v>39</v>
      </c>
      <c r="Q2924" s="5" t="s">
        <v>40</v>
      </c>
      <c r="R2924" s="5" t="s">
        <v>1522</v>
      </c>
      <c r="S2924" s="5" t="s">
        <v>1523</v>
      </c>
      <c r="T2924" s="5" t="s">
        <v>42</v>
      </c>
      <c r="U2924" s="2">
        <v>1.77</v>
      </c>
      <c r="V2924" s="2">
        <v>1.3580000000000001</v>
      </c>
      <c r="W2924" s="2">
        <v>1.0999999999999999E-2</v>
      </c>
      <c r="X2924" s="2">
        <v>139.1</v>
      </c>
      <c r="Y2924" s="2">
        <v>7.6</v>
      </c>
      <c r="Z2924" s="2">
        <v>10.6</v>
      </c>
      <c r="AA2924" s="5"/>
      <c r="AB2924" s="5" t="s">
        <v>43</v>
      </c>
      <c r="AC2924" s="5" t="s">
        <v>44</v>
      </c>
      <c r="AD2924" s="2"/>
      <c r="AE2924" s="1"/>
    </row>
    <row r="2925" spans="1:31" ht="14.45">
      <c r="A2925" s="11"/>
      <c r="B2925" s="20"/>
      <c r="C2925" s="2" t="s">
        <v>9228</v>
      </c>
      <c r="D2925" s="14" t="s">
        <v>9229</v>
      </c>
      <c r="E2925" s="2" t="s">
        <v>9230</v>
      </c>
      <c r="F2925" s="2" t="s">
        <v>7449</v>
      </c>
      <c r="G2925" s="8">
        <v>131</v>
      </c>
      <c r="H2925" s="5">
        <v>6</v>
      </c>
      <c r="I2925" s="5" t="s">
        <v>1518</v>
      </c>
      <c r="J2925" s="5" t="s">
        <v>1519</v>
      </c>
      <c r="K2925" s="2" t="s">
        <v>1520</v>
      </c>
      <c r="L2925" s="5" t="s">
        <v>1519</v>
      </c>
      <c r="M2925" s="2" t="s">
        <v>1520</v>
      </c>
      <c r="N2925" s="5" t="s">
        <v>1521</v>
      </c>
      <c r="O2925" s="5" t="s">
        <v>38</v>
      </c>
      <c r="P2925" s="5" t="s">
        <v>39</v>
      </c>
      <c r="Q2925" s="5" t="s">
        <v>40</v>
      </c>
      <c r="R2925" s="5" t="s">
        <v>1522</v>
      </c>
      <c r="S2925" s="5" t="s">
        <v>1523</v>
      </c>
      <c r="T2925" s="5" t="s">
        <v>42</v>
      </c>
      <c r="U2925" s="2">
        <v>1.728</v>
      </c>
      <c r="V2925" s="2">
        <v>1.3160000000000001</v>
      </c>
      <c r="W2925" s="2">
        <v>1.0999999999999999E-2</v>
      </c>
      <c r="X2925" s="2">
        <v>139.1</v>
      </c>
      <c r="Y2925" s="2">
        <v>7.6</v>
      </c>
      <c r="Z2925" s="2">
        <v>10.6</v>
      </c>
      <c r="AA2925" s="5"/>
      <c r="AB2925" s="5" t="s">
        <v>43</v>
      </c>
      <c r="AC2925" s="5" t="s">
        <v>44</v>
      </c>
      <c r="AD2925" s="2"/>
      <c r="AE2925" s="1"/>
    </row>
    <row r="2926" spans="1:31" ht="14.45">
      <c r="A2926" s="11"/>
      <c r="B2926" s="20"/>
      <c r="C2926" s="2" t="s">
        <v>9231</v>
      </c>
      <c r="D2926" s="14" t="s">
        <v>9232</v>
      </c>
      <c r="E2926" s="2" t="s">
        <v>9233</v>
      </c>
      <c r="F2926" s="2" t="s">
        <v>7581</v>
      </c>
      <c r="G2926" s="8">
        <v>131</v>
      </c>
      <c r="H2926" s="5">
        <v>6</v>
      </c>
      <c r="I2926" s="5" t="s">
        <v>1518</v>
      </c>
      <c r="J2926" s="5" t="s">
        <v>1519</v>
      </c>
      <c r="K2926" s="2" t="s">
        <v>1520</v>
      </c>
      <c r="L2926" s="5" t="s">
        <v>1519</v>
      </c>
      <c r="M2926" s="2" t="s">
        <v>1520</v>
      </c>
      <c r="N2926" s="5" t="s">
        <v>1521</v>
      </c>
      <c r="O2926" s="5" t="s">
        <v>38</v>
      </c>
      <c r="P2926" s="5" t="s">
        <v>39</v>
      </c>
      <c r="Q2926" s="5" t="s">
        <v>40</v>
      </c>
      <c r="R2926" s="5" t="s">
        <v>1522</v>
      </c>
      <c r="S2926" s="5" t="s">
        <v>1523</v>
      </c>
      <c r="T2926" s="5" t="s">
        <v>42</v>
      </c>
      <c r="U2926" s="2">
        <v>1.77</v>
      </c>
      <c r="V2926" s="2">
        <v>1.3580000000000001</v>
      </c>
      <c r="W2926" s="2">
        <v>1.0999999999999999E-2</v>
      </c>
      <c r="X2926" s="2">
        <v>139.1</v>
      </c>
      <c r="Y2926" s="2">
        <v>7.6</v>
      </c>
      <c r="Z2926" s="2">
        <v>10.6</v>
      </c>
      <c r="AA2926" s="5"/>
      <c r="AB2926" s="5" t="s">
        <v>43</v>
      </c>
      <c r="AC2926" s="5" t="s">
        <v>44</v>
      </c>
      <c r="AD2926" s="2"/>
      <c r="AE2926" s="1"/>
    </row>
    <row r="2927" spans="1:31" ht="14.45">
      <c r="A2927" s="11"/>
      <c r="B2927" s="20"/>
      <c r="C2927" s="2" t="s">
        <v>9234</v>
      </c>
      <c r="D2927" s="14" t="s">
        <v>9235</v>
      </c>
      <c r="E2927" s="2" t="s">
        <v>9236</v>
      </c>
      <c r="F2927" s="2" t="s">
        <v>7585</v>
      </c>
      <c r="G2927" s="8">
        <v>131</v>
      </c>
      <c r="H2927" s="5">
        <v>6</v>
      </c>
      <c r="I2927" s="5" t="s">
        <v>1518</v>
      </c>
      <c r="J2927" s="5" t="s">
        <v>1519</v>
      </c>
      <c r="K2927" s="2" t="s">
        <v>1520</v>
      </c>
      <c r="L2927" s="5" t="s">
        <v>1519</v>
      </c>
      <c r="M2927" s="2" t="s">
        <v>1520</v>
      </c>
      <c r="N2927" s="5" t="s">
        <v>1521</v>
      </c>
      <c r="O2927" s="5" t="s">
        <v>38</v>
      </c>
      <c r="P2927" s="5" t="s">
        <v>39</v>
      </c>
      <c r="Q2927" s="5" t="s">
        <v>40</v>
      </c>
      <c r="R2927" s="5" t="s">
        <v>1522</v>
      </c>
      <c r="S2927" s="5" t="s">
        <v>1523</v>
      </c>
      <c r="T2927" s="5" t="s">
        <v>42</v>
      </c>
      <c r="U2927" s="2">
        <v>1.71</v>
      </c>
      <c r="V2927" s="2">
        <v>1.298</v>
      </c>
      <c r="W2927" s="2">
        <v>1.0999999999999999E-2</v>
      </c>
      <c r="X2927" s="2">
        <v>139.1</v>
      </c>
      <c r="Y2927" s="2">
        <v>7.6</v>
      </c>
      <c r="Z2927" s="2">
        <v>10.6</v>
      </c>
      <c r="AA2927" s="5"/>
      <c r="AB2927" s="5" t="s">
        <v>43</v>
      </c>
      <c r="AC2927" s="5" t="s">
        <v>44</v>
      </c>
      <c r="AD2927" s="2"/>
      <c r="AE2927" s="1"/>
    </row>
    <row r="2928" spans="1:31" ht="14.45">
      <c r="A2928" s="11"/>
      <c r="B2928" s="20"/>
      <c r="C2928" s="2" t="s">
        <v>9237</v>
      </c>
      <c r="D2928" s="14" t="s">
        <v>9238</v>
      </c>
      <c r="E2928" s="2" t="s">
        <v>9239</v>
      </c>
      <c r="F2928" s="2" t="s">
        <v>7589</v>
      </c>
      <c r="G2928" s="8">
        <v>131</v>
      </c>
      <c r="H2928" s="5">
        <v>6</v>
      </c>
      <c r="I2928" s="5" t="s">
        <v>1518</v>
      </c>
      <c r="J2928" s="5" t="s">
        <v>1519</v>
      </c>
      <c r="K2928" s="2" t="s">
        <v>1520</v>
      </c>
      <c r="L2928" s="5" t="s">
        <v>1519</v>
      </c>
      <c r="M2928" s="2" t="s">
        <v>1520</v>
      </c>
      <c r="N2928" s="5" t="s">
        <v>1521</v>
      </c>
      <c r="O2928" s="5" t="s">
        <v>38</v>
      </c>
      <c r="P2928" s="5" t="s">
        <v>39</v>
      </c>
      <c r="Q2928" s="5" t="s">
        <v>40</v>
      </c>
      <c r="R2928" s="5" t="s">
        <v>1522</v>
      </c>
      <c r="S2928" s="5" t="s">
        <v>1523</v>
      </c>
      <c r="T2928" s="5" t="s">
        <v>42</v>
      </c>
      <c r="U2928" s="2">
        <v>1.752</v>
      </c>
      <c r="V2928" s="2">
        <v>1.34</v>
      </c>
      <c r="W2928" s="2">
        <v>1.0999999999999999E-2</v>
      </c>
      <c r="X2928" s="2">
        <v>139.1</v>
      </c>
      <c r="Y2928" s="2">
        <v>7.6</v>
      </c>
      <c r="Z2928" s="2">
        <v>10.6</v>
      </c>
      <c r="AA2928" s="5"/>
      <c r="AB2928" s="5" t="s">
        <v>43</v>
      </c>
      <c r="AC2928" s="5" t="s">
        <v>44</v>
      </c>
      <c r="AD2928" s="2"/>
      <c r="AE2928" s="1"/>
    </row>
    <row r="2929" spans="1:31" ht="14.45">
      <c r="A2929" s="11"/>
      <c r="B2929" s="20"/>
      <c r="C2929" s="2" t="s">
        <v>9240</v>
      </c>
      <c r="D2929" s="14" t="s">
        <v>9241</v>
      </c>
      <c r="E2929" s="2" t="s">
        <v>9242</v>
      </c>
      <c r="F2929" s="2" t="s">
        <v>7593</v>
      </c>
      <c r="G2929" s="8">
        <v>131</v>
      </c>
      <c r="H2929" s="5">
        <v>6</v>
      </c>
      <c r="I2929" s="5" t="s">
        <v>1518</v>
      </c>
      <c r="J2929" s="5" t="s">
        <v>1519</v>
      </c>
      <c r="K2929" s="2" t="s">
        <v>1520</v>
      </c>
      <c r="L2929" s="5" t="s">
        <v>1519</v>
      </c>
      <c r="M2929" s="2" t="s">
        <v>1520</v>
      </c>
      <c r="N2929" s="5" t="s">
        <v>1521</v>
      </c>
      <c r="O2929" s="5" t="s">
        <v>38</v>
      </c>
      <c r="P2929" s="5" t="s">
        <v>39</v>
      </c>
      <c r="Q2929" s="5" t="s">
        <v>40</v>
      </c>
      <c r="R2929" s="5" t="s">
        <v>1522</v>
      </c>
      <c r="S2929" s="5" t="s">
        <v>1523</v>
      </c>
      <c r="T2929" s="5" t="s">
        <v>42</v>
      </c>
      <c r="U2929" s="2">
        <v>1.728</v>
      </c>
      <c r="V2929" s="2">
        <v>1.3160000000000001</v>
      </c>
      <c r="W2929" s="2">
        <v>1.0999999999999999E-2</v>
      </c>
      <c r="X2929" s="2">
        <v>139.1</v>
      </c>
      <c r="Y2929" s="2">
        <v>7.6</v>
      </c>
      <c r="Z2929" s="2">
        <v>10.6</v>
      </c>
      <c r="AA2929" s="5"/>
      <c r="AB2929" s="5" t="s">
        <v>43</v>
      </c>
      <c r="AC2929" s="5" t="s">
        <v>44</v>
      </c>
      <c r="AD2929" s="2"/>
      <c r="AE2929" s="1"/>
    </row>
    <row r="2930" spans="1:31" ht="14.45">
      <c r="A2930" s="11"/>
      <c r="B2930" s="20"/>
      <c r="C2930" s="2" t="s">
        <v>9243</v>
      </c>
      <c r="D2930" s="14" t="s">
        <v>9244</v>
      </c>
      <c r="E2930" s="2" t="s">
        <v>9245</v>
      </c>
      <c r="F2930" s="2" t="s">
        <v>7597</v>
      </c>
      <c r="G2930" s="8">
        <v>131</v>
      </c>
      <c r="H2930" s="5">
        <v>6</v>
      </c>
      <c r="I2930" s="5" t="s">
        <v>1518</v>
      </c>
      <c r="J2930" s="5" t="s">
        <v>1519</v>
      </c>
      <c r="K2930" s="2" t="s">
        <v>1520</v>
      </c>
      <c r="L2930" s="5" t="s">
        <v>1519</v>
      </c>
      <c r="M2930" s="2" t="s">
        <v>1520</v>
      </c>
      <c r="N2930" s="5" t="s">
        <v>1521</v>
      </c>
      <c r="O2930" s="5" t="s">
        <v>38</v>
      </c>
      <c r="P2930" s="5" t="s">
        <v>39</v>
      </c>
      <c r="Q2930" s="5" t="s">
        <v>40</v>
      </c>
      <c r="R2930" s="5" t="s">
        <v>1522</v>
      </c>
      <c r="S2930" s="5" t="s">
        <v>1523</v>
      </c>
      <c r="T2930" s="5" t="s">
        <v>42</v>
      </c>
      <c r="U2930" s="2">
        <v>1.77</v>
      </c>
      <c r="V2930" s="2">
        <v>1.3580000000000001</v>
      </c>
      <c r="W2930" s="2">
        <v>1.0999999999999999E-2</v>
      </c>
      <c r="X2930" s="2">
        <v>139.1</v>
      </c>
      <c r="Y2930" s="2">
        <v>7.6</v>
      </c>
      <c r="Z2930" s="2">
        <v>10.6</v>
      </c>
      <c r="AA2930" s="5"/>
      <c r="AB2930" s="5" t="s">
        <v>43</v>
      </c>
      <c r="AC2930" s="5" t="s">
        <v>44</v>
      </c>
      <c r="AD2930" s="2"/>
      <c r="AE2930" s="1"/>
    </row>
    <row r="2931" spans="1:31" ht="14.45">
      <c r="A2931" s="11"/>
      <c r="B2931" s="20"/>
      <c r="C2931" s="2" t="s">
        <v>9246</v>
      </c>
      <c r="D2931" s="14" t="s">
        <v>9247</v>
      </c>
      <c r="E2931" s="2" t="s">
        <v>9248</v>
      </c>
      <c r="F2931" s="2" t="s">
        <v>7410</v>
      </c>
      <c r="G2931" s="8">
        <v>131</v>
      </c>
      <c r="H2931" s="5">
        <v>6</v>
      </c>
      <c r="I2931" s="5" t="s">
        <v>1518</v>
      </c>
      <c r="J2931" s="5" t="s">
        <v>1519</v>
      </c>
      <c r="K2931" s="2" t="s">
        <v>1520</v>
      </c>
      <c r="L2931" s="5" t="s">
        <v>1519</v>
      </c>
      <c r="M2931" s="2" t="s">
        <v>1520</v>
      </c>
      <c r="N2931" s="5" t="s">
        <v>1521</v>
      </c>
      <c r="O2931" s="5" t="s">
        <v>38</v>
      </c>
      <c r="P2931" s="5" t="s">
        <v>39</v>
      </c>
      <c r="Q2931" s="5" t="s">
        <v>40</v>
      </c>
      <c r="R2931" s="5" t="s">
        <v>1522</v>
      </c>
      <c r="S2931" s="5" t="s">
        <v>1523</v>
      </c>
      <c r="T2931" s="5" t="s">
        <v>42</v>
      </c>
      <c r="U2931" s="2">
        <v>1.728</v>
      </c>
      <c r="V2931" s="2">
        <v>1.3160000000000001</v>
      </c>
      <c r="W2931" s="2">
        <v>1.0999999999999999E-2</v>
      </c>
      <c r="X2931" s="2">
        <v>139.1</v>
      </c>
      <c r="Y2931" s="2">
        <v>7.6</v>
      </c>
      <c r="Z2931" s="2">
        <v>10.6</v>
      </c>
      <c r="AA2931" s="5"/>
      <c r="AB2931" s="5" t="s">
        <v>43</v>
      </c>
      <c r="AC2931" s="5" t="s">
        <v>44</v>
      </c>
      <c r="AD2931" s="2"/>
      <c r="AE2931" s="1"/>
    </row>
    <row r="2932" spans="1:31" ht="14.45">
      <c r="A2932" s="11"/>
      <c r="B2932" s="20"/>
      <c r="C2932" s="2" t="s">
        <v>9249</v>
      </c>
      <c r="D2932" s="14" t="s">
        <v>9250</v>
      </c>
      <c r="E2932" s="2" t="s">
        <v>9251</v>
      </c>
      <c r="F2932" s="2" t="s">
        <v>7604</v>
      </c>
      <c r="G2932" s="8">
        <v>131</v>
      </c>
      <c r="H2932" s="5">
        <v>6</v>
      </c>
      <c r="I2932" s="5" t="s">
        <v>1518</v>
      </c>
      <c r="J2932" s="5" t="s">
        <v>1519</v>
      </c>
      <c r="K2932" s="2" t="s">
        <v>1520</v>
      </c>
      <c r="L2932" s="5" t="s">
        <v>1519</v>
      </c>
      <c r="M2932" s="2" t="s">
        <v>1520</v>
      </c>
      <c r="N2932" s="5" t="s">
        <v>1521</v>
      </c>
      <c r="O2932" s="5" t="s">
        <v>38</v>
      </c>
      <c r="P2932" s="5" t="s">
        <v>39</v>
      </c>
      <c r="Q2932" s="5" t="s">
        <v>40</v>
      </c>
      <c r="R2932" s="5" t="s">
        <v>1522</v>
      </c>
      <c r="S2932" s="5" t="s">
        <v>1523</v>
      </c>
      <c r="T2932" s="5" t="s">
        <v>42</v>
      </c>
      <c r="U2932" s="2">
        <v>1.77</v>
      </c>
      <c r="V2932" s="2">
        <v>1.3580000000000001</v>
      </c>
      <c r="W2932" s="2">
        <v>1.0999999999999999E-2</v>
      </c>
      <c r="X2932" s="2">
        <v>139.1</v>
      </c>
      <c r="Y2932" s="2">
        <v>7.6</v>
      </c>
      <c r="Z2932" s="2">
        <v>10.6</v>
      </c>
      <c r="AA2932" s="5"/>
      <c r="AB2932" s="5" t="s">
        <v>43</v>
      </c>
      <c r="AC2932" s="5" t="s">
        <v>44</v>
      </c>
      <c r="AD2932" s="2"/>
      <c r="AE2932" s="1"/>
    </row>
    <row r="2933" spans="1:31" ht="14.45">
      <c r="A2933" s="11"/>
      <c r="B2933" s="20"/>
      <c r="C2933" s="2" t="s">
        <v>9252</v>
      </c>
      <c r="D2933" s="14" t="s">
        <v>9253</v>
      </c>
      <c r="E2933" s="2" t="s">
        <v>9254</v>
      </c>
      <c r="F2933" s="2" t="s">
        <v>7433</v>
      </c>
      <c r="G2933" s="8">
        <v>131</v>
      </c>
      <c r="H2933" s="5">
        <v>6</v>
      </c>
      <c r="I2933" s="5" t="s">
        <v>1518</v>
      </c>
      <c r="J2933" s="5" t="s">
        <v>1519</v>
      </c>
      <c r="K2933" s="2" t="s">
        <v>1520</v>
      </c>
      <c r="L2933" s="5" t="s">
        <v>1519</v>
      </c>
      <c r="M2933" s="2" t="s">
        <v>1520</v>
      </c>
      <c r="N2933" s="5" t="s">
        <v>1521</v>
      </c>
      <c r="O2933" s="5" t="s">
        <v>38</v>
      </c>
      <c r="P2933" s="5" t="s">
        <v>39</v>
      </c>
      <c r="Q2933" s="5" t="s">
        <v>40</v>
      </c>
      <c r="R2933" s="5" t="s">
        <v>1522</v>
      </c>
      <c r="S2933" s="5" t="s">
        <v>1523</v>
      </c>
      <c r="T2933" s="5" t="s">
        <v>42</v>
      </c>
      <c r="U2933" s="2">
        <v>1.728</v>
      </c>
      <c r="V2933" s="2">
        <v>1.3160000000000001</v>
      </c>
      <c r="W2933" s="2">
        <v>1.0999999999999999E-2</v>
      </c>
      <c r="X2933" s="2">
        <v>139.1</v>
      </c>
      <c r="Y2933" s="2">
        <v>7.6</v>
      </c>
      <c r="Z2933" s="2">
        <v>10.6</v>
      </c>
      <c r="AA2933" s="5"/>
      <c r="AB2933" s="5" t="s">
        <v>43</v>
      </c>
      <c r="AC2933" s="5" t="s">
        <v>44</v>
      </c>
      <c r="AD2933" s="2"/>
      <c r="AE2933" s="1"/>
    </row>
    <row r="2934" spans="1:31" ht="14.45">
      <c r="A2934" s="11"/>
      <c r="B2934" s="20"/>
      <c r="C2934" s="2" t="s">
        <v>9255</v>
      </c>
      <c r="D2934" s="14" t="s">
        <v>9256</v>
      </c>
      <c r="E2934" s="2" t="s">
        <v>9257</v>
      </c>
      <c r="F2934" s="2" t="s">
        <v>7611</v>
      </c>
      <c r="G2934" s="8">
        <v>131</v>
      </c>
      <c r="H2934" s="5">
        <v>6</v>
      </c>
      <c r="I2934" s="5" t="s">
        <v>1518</v>
      </c>
      <c r="J2934" s="5" t="s">
        <v>1519</v>
      </c>
      <c r="K2934" s="2" t="s">
        <v>1520</v>
      </c>
      <c r="L2934" s="5" t="s">
        <v>1519</v>
      </c>
      <c r="M2934" s="2" t="s">
        <v>1520</v>
      </c>
      <c r="N2934" s="5" t="s">
        <v>1521</v>
      </c>
      <c r="O2934" s="5" t="s">
        <v>38</v>
      </c>
      <c r="P2934" s="5" t="s">
        <v>39</v>
      </c>
      <c r="Q2934" s="5" t="s">
        <v>40</v>
      </c>
      <c r="R2934" s="5" t="s">
        <v>1522</v>
      </c>
      <c r="S2934" s="5" t="s">
        <v>1523</v>
      </c>
      <c r="T2934" s="5" t="s">
        <v>42</v>
      </c>
      <c r="U2934" s="2">
        <v>1.77</v>
      </c>
      <c r="V2934" s="2">
        <v>1.3580000000000001</v>
      </c>
      <c r="W2934" s="2">
        <v>1.0999999999999999E-2</v>
      </c>
      <c r="X2934" s="2">
        <v>139.1</v>
      </c>
      <c r="Y2934" s="2">
        <v>7.6</v>
      </c>
      <c r="Z2934" s="2">
        <v>10.6</v>
      </c>
      <c r="AA2934" s="5"/>
      <c r="AB2934" s="5" t="s">
        <v>43</v>
      </c>
      <c r="AC2934" s="5" t="s">
        <v>44</v>
      </c>
      <c r="AD2934" s="2"/>
      <c r="AE2934" s="1"/>
    </row>
    <row r="2935" spans="1:31" ht="14.45">
      <c r="A2935" s="11"/>
      <c r="B2935" s="20"/>
      <c r="C2935" s="2" t="s">
        <v>9258</v>
      </c>
      <c r="D2935" s="14" t="s">
        <v>9259</v>
      </c>
      <c r="E2935" s="2" t="s">
        <v>9260</v>
      </c>
      <c r="F2935" s="2" t="s">
        <v>7615</v>
      </c>
      <c r="G2935" s="8">
        <v>131</v>
      </c>
      <c r="H2935" s="5">
        <v>6</v>
      </c>
      <c r="I2935" s="5" t="s">
        <v>1518</v>
      </c>
      <c r="J2935" s="5" t="s">
        <v>1519</v>
      </c>
      <c r="K2935" s="2" t="s">
        <v>1520</v>
      </c>
      <c r="L2935" s="5" t="s">
        <v>1519</v>
      </c>
      <c r="M2935" s="2" t="s">
        <v>1520</v>
      </c>
      <c r="N2935" s="5" t="s">
        <v>1521</v>
      </c>
      <c r="O2935" s="5" t="s">
        <v>38</v>
      </c>
      <c r="P2935" s="5" t="s">
        <v>39</v>
      </c>
      <c r="Q2935" s="5" t="s">
        <v>40</v>
      </c>
      <c r="R2935" s="5" t="s">
        <v>1522</v>
      </c>
      <c r="S2935" s="5" t="s">
        <v>1523</v>
      </c>
      <c r="T2935" s="5" t="s">
        <v>42</v>
      </c>
      <c r="U2935" s="2">
        <v>1.71</v>
      </c>
      <c r="V2935" s="2">
        <v>1.298</v>
      </c>
      <c r="W2935" s="2">
        <v>1.0999999999999999E-2</v>
      </c>
      <c r="X2935" s="2">
        <v>139.1</v>
      </c>
      <c r="Y2935" s="2">
        <v>7.6</v>
      </c>
      <c r="Z2935" s="2">
        <v>10.6</v>
      </c>
      <c r="AA2935" s="5"/>
      <c r="AB2935" s="5" t="s">
        <v>43</v>
      </c>
      <c r="AC2935" s="5" t="s">
        <v>44</v>
      </c>
      <c r="AD2935" s="2"/>
      <c r="AE2935" s="1"/>
    </row>
    <row r="2936" spans="1:31" ht="14.45">
      <c r="A2936" s="11"/>
      <c r="B2936" s="20"/>
      <c r="C2936" s="2" t="s">
        <v>9261</v>
      </c>
      <c r="D2936" s="14" t="s">
        <v>9262</v>
      </c>
      <c r="E2936" s="2" t="s">
        <v>9263</v>
      </c>
      <c r="F2936" s="2" t="s">
        <v>7619</v>
      </c>
      <c r="G2936" s="8">
        <v>131</v>
      </c>
      <c r="H2936" s="5">
        <v>6</v>
      </c>
      <c r="I2936" s="5" t="s">
        <v>1518</v>
      </c>
      <c r="J2936" s="5" t="s">
        <v>1519</v>
      </c>
      <c r="K2936" s="2" t="s">
        <v>1520</v>
      </c>
      <c r="L2936" s="5" t="s">
        <v>1519</v>
      </c>
      <c r="M2936" s="2" t="s">
        <v>1520</v>
      </c>
      <c r="N2936" s="5" t="s">
        <v>1521</v>
      </c>
      <c r="O2936" s="5" t="s">
        <v>38</v>
      </c>
      <c r="P2936" s="5" t="s">
        <v>39</v>
      </c>
      <c r="Q2936" s="5" t="s">
        <v>40</v>
      </c>
      <c r="R2936" s="5" t="s">
        <v>1522</v>
      </c>
      <c r="S2936" s="5" t="s">
        <v>1523</v>
      </c>
      <c r="T2936" s="5" t="s">
        <v>42</v>
      </c>
      <c r="U2936" s="2">
        <v>1.752</v>
      </c>
      <c r="V2936" s="2">
        <v>1.34</v>
      </c>
      <c r="W2936" s="2">
        <v>1.0999999999999999E-2</v>
      </c>
      <c r="X2936" s="2">
        <v>139.1</v>
      </c>
      <c r="Y2936" s="2">
        <v>7.6</v>
      </c>
      <c r="Z2936" s="2">
        <v>10.6</v>
      </c>
      <c r="AA2936" s="5"/>
      <c r="AB2936" s="5" t="s">
        <v>43</v>
      </c>
      <c r="AC2936" s="5" t="s">
        <v>44</v>
      </c>
      <c r="AD2936" s="2"/>
      <c r="AE2936" s="1"/>
    </row>
    <row r="2937" spans="1:31" ht="14.45">
      <c r="A2937" s="11"/>
      <c r="B2937" s="20"/>
      <c r="C2937" s="2" t="s">
        <v>9264</v>
      </c>
      <c r="D2937" s="14" t="s">
        <v>9265</v>
      </c>
      <c r="E2937" s="2" t="s">
        <v>9266</v>
      </c>
      <c r="F2937" s="2" t="s">
        <v>1823</v>
      </c>
      <c r="G2937" s="8">
        <v>131</v>
      </c>
      <c r="H2937" s="5">
        <v>8</v>
      </c>
      <c r="I2937" s="5" t="s">
        <v>1518</v>
      </c>
      <c r="J2937" s="5" t="s">
        <v>1519</v>
      </c>
      <c r="K2937" s="2" t="s">
        <v>1520</v>
      </c>
      <c r="L2937" s="5" t="s">
        <v>1519</v>
      </c>
      <c r="M2937" s="2" t="s">
        <v>1520</v>
      </c>
      <c r="N2937" s="5" t="s">
        <v>1521</v>
      </c>
      <c r="O2937" s="5" t="s">
        <v>38</v>
      </c>
      <c r="P2937" s="5" t="s">
        <v>39</v>
      </c>
      <c r="Q2937" s="5" t="s">
        <v>40</v>
      </c>
      <c r="R2937" s="5" t="s">
        <v>1522</v>
      </c>
      <c r="S2937" s="5" t="s">
        <v>1523</v>
      </c>
      <c r="T2937" s="5" t="s">
        <v>42</v>
      </c>
      <c r="U2937" s="2">
        <v>1.7410000000000001</v>
      </c>
      <c r="V2937" s="2">
        <v>1.329</v>
      </c>
      <c r="W2937" s="2">
        <v>1.0999999999999999E-2</v>
      </c>
      <c r="X2937" s="2">
        <v>139.1</v>
      </c>
      <c r="Y2937" s="2">
        <v>7.6</v>
      </c>
      <c r="Z2937" s="2">
        <v>10.6</v>
      </c>
      <c r="AA2937" s="5"/>
      <c r="AB2937" s="5" t="s">
        <v>43</v>
      </c>
      <c r="AC2937" s="5" t="s">
        <v>44</v>
      </c>
      <c r="AD2937" s="2"/>
      <c r="AE2937" s="1"/>
    </row>
    <row r="2938" spans="1:31" ht="14.45">
      <c r="A2938" s="11"/>
      <c r="B2938" s="20"/>
      <c r="C2938" s="2" t="s">
        <v>9267</v>
      </c>
      <c r="D2938" s="14" t="s">
        <v>9268</v>
      </c>
      <c r="E2938" s="2" t="s">
        <v>9269</v>
      </c>
      <c r="F2938" s="2" t="s">
        <v>1827</v>
      </c>
      <c r="G2938" s="8">
        <v>131</v>
      </c>
      <c r="H2938" s="5">
        <v>8</v>
      </c>
      <c r="I2938" s="5" t="s">
        <v>1518</v>
      </c>
      <c r="J2938" s="5" t="s">
        <v>1519</v>
      </c>
      <c r="K2938" s="2" t="s">
        <v>1520</v>
      </c>
      <c r="L2938" s="5" t="s">
        <v>1519</v>
      </c>
      <c r="M2938" s="2" t="s">
        <v>1520</v>
      </c>
      <c r="N2938" s="5" t="s">
        <v>1521</v>
      </c>
      <c r="O2938" s="5" t="s">
        <v>38</v>
      </c>
      <c r="P2938" s="5" t="s">
        <v>39</v>
      </c>
      <c r="Q2938" s="5" t="s">
        <v>40</v>
      </c>
      <c r="R2938" s="5" t="s">
        <v>1522</v>
      </c>
      <c r="S2938" s="5" t="s">
        <v>1523</v>
      </c>
      <c r="T2938" s="5" t="s">
        <v>42</v>
      </c>
      <c r="U2938" s="2">
        <v>1.7829999999999999</v>
      </c>
      <c r="V2938" s="2">
        <v>1.371</v>
      </c>
      <c r="W2938" s="2">
        <v>1.0999999999999999E-2</v>
      </c>
      <c r="X2938" s="2">
        <v>139.1</v>
      </c>
      <c r="Y2938" s="2">
        <v>7.6</v>
      </c>
      <c r="Z2938" s="2">
        <v>10.6</v>
      </c>
      <c r="AA2938" s="5"/>
      <c r="AB2938" s="5" t="s">
        <v>43</v>
      </c>
      <c r="AC2938" s="5" t="s">
        <v>44</v>
      </c>
      <c r="AD2938" s="2"/>
      <c r="AE2938" s="1"/>
    </row>
    <row r="2939" spans="1:31" ht="14.45">
      <c r="A2939" s="11"/>
      <c r="B2939" s="20"/>
      <c r="C2939" s="2" t="s">
        <v>9270</v>
      </c>
      <c r="D2939" s="14" t="s">
        <v>9271</v>
      </c>
      <c r="E2939" s="2" t="s">
        <v>9272</v>
      </c>
      <c r="F2939" s="2" t="s">
        <v>1973</v>
      </c>
      <c r="G2939" s="8">
        <v>131</v>
      </c>
      <c r="H2939" s="5">
        <v>13</v>
      </c>
      <c r="I2939" s="5" t="s">
        <v>1518</v>
      </c>
      <c r="J2939" s="5" t="s">
        <v>1519</v>
      </c>
      <c r="K2939" s="2" t="s">
        <v>1520</v>
      </c>
      <c r="L2939" s="5" t="s">
        <v>1519</v>
      </c>
      <c r="M2939" s="2" t="s">
        <v>1520</v>
      </c>
      <c r="N2939" s="5" t="s">
        <v>1521</v>
      </c>
      <c r="O2939" s="5" t="s">
        <v>38</v>
      </c>
      <c r="P2939" s="5" t="s">
        <v>39</v>
      </c>
      <c r="Q2939" s="5" t="s">
        <v>40</v>
      </c>
      <c r="R2939" s="5" t="s">
        <v>1522</v>
      </c>
      <c r="S2939" s="5" t="s">
        <v>1523</v>
      </c>
      <c r="T2939" s="5" t="s">
        <v>42</v>
      </c>
      <c r="U2939" s="2">
        <v>1.758</v>
      </c>
      <c r="V2939" s="2">
        <v>1.3460000000000001</v>
      </c>
      <c r="W2939" s="2">
        <v>1.0999999999999999E-2</v>
      </c>
      <c r="X2939" s="2">
        <v>139.1</v>
      </c>
      <c r="Y2939" s="2">
        <v>7.6</v>
      </c>
      <c r="Z2939" s="2">
        <v>10.6</v>
      </c>
      <c r="AA2939" s="5"/>
      <c r="AB2939" s="5" t="s">
        <v>43</v>
      </c>
      <c r="AC2939" s="5" t="s">
        <v>44</v>
      </c>
      <c r="AD2939" s="2"/>
      <c r="AE2939" s="1"/>
    </row>
    <row r="2940" spans="1:31" ht="14.45">
      <c r="A2940" s="11"/>
      <c r="B2940" s="20"/>
      <c r="C2940" s="2" t="s">
        <v>9273</v>
      </c>
      <c r="D2940" s="14" t="s">
        <v>9274</v>
      </c>
      <c r="E2940" s="2" t="s">
        <v>9275</v>
      </c>
      <c r="F2940" s="2" t="s">
        <v>2348</v>
      </c>
      <c r="G2940" s="8">
        <v>131</v>
      </c>
      <c r="H2940" s="5">
        <v>13</v>
      </c>
      <c r="I2940" s="5" t="s">
        <v>1518</v>
      </c>
      <c r="J2940" s="5" t="s">
        <v>1519</v>
      </c>
      <c r="K2940" s="2" t="s">
        <v>1520</v>
      </c>
      <c r="L2940" s="5" t="s">
        <v>1519</v>
      </c>
      <c r="M2940" s="2" t="s">
        <v>1520</v>
      </c>
      <c r="N2940" s="5" t="s">
        <v>1521</v>
      </c>
      <c r="O2940" s="5" t="s">
        <v>38</v>
      </c>
      <c r="P2940" s="5" t="s">
        <v>39</v>
      </c>
      <c r="Q2940" s="5" t="s">
        <v>40</v>
      </c>
      <c r="R2940" s="5" t="s">
        <v>1522</v>
      </c>
      <c r="S2940" s="5" t="s">
        <v>1523</v>
      </c>
      <c r="T2940" s="5" t="s">
        <v>42</v>
      </c>
      <c r="U2940" s="2">
        <v>1.8</v>
      </c>
      <c r="V2940" s="2">
        <v>1.3879999999999999</v>
      </c>
      <c r="W2940" s="2">
        <v>1.0999999999999999E-2</v>
      </c>
      <c r="X2940" s="2">
        <v>139.1</v>
      </c>
      <c r="Y2940" s="2">
        <v>7.6</v>
      </c>
      <c r="Z2940" s="2">
        <v>10.6</v>
      </c>
      <c r="AA2940" s="5"/>
      <c r="AB2940" s="5" t="s">
        <v>43</v>
      </c>
      <c r="AC2940" s="5" t="s">
        <v>44</v>
      </c>
      <c r="AD2940" s="2"/>
      <c r="AE2940" s="1"/>
    </row>
    <row r="2941" spans="1:31" ht="14.45">
      <c r="A2941" s="11"/>
      <c r="B2941" s="20"/>
      <c r="C2941" s="2" t="s">
        <v>9276</v>
      </c>
      <c r="D2941" s="14" t="s">
        <v>9277</v>
      </c>
      <c r="E2941" s="2" t="s">
        <v>9278</v>
      </c>
      <c r="F2941" s="2" t="s">
        <v>2208</v>
      </c>
      <c r="G2941" s="8">
        <v>131</v>
      </c>
      <c r="H2941" s="5">
        <v>13</v>
      </c>
      <c r="I2941" s="5" t="s">
        <v>1518</v>
      </c>
      <c r="J2941" s="5" t="s">
        <v>1519</v>
      </c>
      <c r="K2941" s="2" t="s">
        <v>1520</v>
      </c>
      <c r="L2941" s="5" t="s">
        <v>1519</v>
      </c>
      <c r="M2941" s="2" t="s">
        <v>1520</v>
      </c>
      <c r="N2941" s="5" t="s">
        <v>1521</v>
      </c>
      <c r="O2941" s="5" t="s">
        <v>38</v>
      </c>
      <c r="P2941" s="5" t="s">
        <v>39</v>
      </c>
      <c r="Q2941" s="5" t="s">
        <v>40</v>
      </c>
      <c r="R2941" s="5" t="s">
        <v>1522</v>
      </c>
      <c r="S2941" s="5" t="s">
        <v>1523</v>
      </c>
      <c r="T2941" s="5" t="s">
        <v>42</v>
      </c>
      <c r="U2941" s="2">
        <v>1.758</v>
      </c>
      <c r="V2941" s="2">
        <v>1.3460000000000001</v>
      </c>
      <c r="W2941" s="2">
        <v>1.0999999999999999E-2</v>
      </c>
      <c r="X2941" s="2">
        <v>139.1</v>
      </c>
      <c r="Y2941" s="2">
        <v>7.6</v>
      </c>
      <c r="Z2941" s="2">
        <v>10.6</v>
      </c>
      <c r="AA2941" s="5"/>
      <c r="AB2941" s="5" t="s">
        <v>43</v>
      </c>
      <c r="AC2941" s="5" t="s">
        <v>44</v>
      </c>
      <c r="AD2941" s="2"/>
      <c r="AE2941" s="1"/>
    </row>
    <row r="2942" spans="1:31" ht="14.45">
      <c r="A2942" s="11"/>
      <c r="B2942" s="20"/>
      <c r="C2942" s="2" t="s">
        <v>9279</v>
      </c>
      <c r="D2942" s="14" t="s">
        <v>9280</v>
      </c>
      <c r="E2942" s="2" t="s">
        <v>9281</v>
      </c>
      <c r="F2942" s="2" t="s">
        <v>2212</v>
      </c>
      <c r="G2942" s="8">
        <v>131</v>
      </c>
      <c r="H2942" s="5">
        <v>13</v>
      </c>
      <c r="I2942" s="5" t="s">
        <v>1518</v>
      </c>
      <c r="J2942" s="5" t="s">
        <v>1519</v>
      </c>
      <c r="K2942" s="2" t="s">
        <v>1520</v>
      </c>
      <c r="L2942" s="5" t="s">
        <v>1519</v>
      </c>
      <c r="M2942" s="2" t="s">
        <v>1520</v>
      </c>
      <c r="N2942" s="5" t="s">
        <v>1521</v>
      </c>
      <c r="O2942" s="5" t="s">
        <v>38</v>
      </c>
      <c r="P2942" s="5" t="s">
        <v>39</v>
      </c>
      <c r="Q2942" s="5" t="s">
        <v>40</v>
      </c>
      <c r="R2942" s="5" t="s">
        <v>1522</v>
      </c>
      <c r="S2942" s="5" t="s">
        <v>1523</v>
      </c>
      <c r="T2942" s="5" t="s">
        <v>42</v>
      </c>
      <c r="U2942" s="2">
        <v>1.8</v>
      </c>
      <c r="V2942" s="2">
        <v>1.3879999999999999</v>
      </c>
      <c r="W2942" s="2">
        <v>1.0999999999999999E-2</v>
      </c>
      <c r="X2942" s="2">
        <v>139.1</v>
      </c>
      <c r="Y2942" s="2">
        <v>7.6</v>
      </c>
      <c r="Z2942" s="2">
        <v>10.6</v>
      </c>
      <c r="AA2942" s="5"/>
      <c r="AB2942" s="5" t="s">
        <v>43</v>
      </c>
      <c r="AC2942" s="5" t="s">
        <v>44</v>
      </c>
      <c r="AD2942" s="2"/>
      <c r="AE2942" s="1"/>
    </row>
    <row r="2943" spans="1:31" ht="14.45">
      <c r="A2943" s="11"/>
      <c r="B2943" s="20"/>
      <c r="C2943" s="2" t="s">
        <v>9282</v>
      </c>
      <c r="D2943" s="14" t="s">
        <v>9283</v>
      </c>
      <c r="E2943" s="2" t="s">
        <v>9284</v>
      </c>
      <c r="F2943" s="2" t="s">
        <v>1831</v>
      </c>
      <c r="G2943" s="8">
        <v>131</v>
      </c>
      <c r="H2943" s="5">
        <v>13</v>
      </c>
      <c r="I2943" s="5" t="s">
        <v>1518</v>
      </c>
      <c r="J2943" s="5" t="s">
        <v>1519</v>
      </c>
      <c r="K2943" s="2" t="s">
        <v>1520</v>
      </c>
      <c r="L2943" s="5" t="s">
        <v>1519</v>
      </c>
      <c r="M2943" s="2" t="s">
        <v>1520</v>
      </c>
      <c r="N2943" s="5" t="s">
        <v>1521</v>
      </c>
      <c r="O2943" s="5" t="s">
        <v>38</v>
      </c>
      <c r="P2943" s="5" t="s">
        <v>39</v>
      </c>
      <c r="Q2943" s="5" t="s">
        <v>40</v>
      </c>
      <c r="R2943" s="5" t="s">
        <v>1522</v>
      </c>
      <c r="S2943" s="5" t="s">
        <v>1523</v>
      </c>
      <c r="T2943" s="5" t="s">
        <v>42</v>
      </c>
      <c r="U2943" s="2">
        <v>1.758</v>
      </c>
      <c r="V2943" s="2">
        <v>1.3460000000000001</v>
      </c>
      <c r="W2943" s="2">
        <v>1.0999999999999999E-2</v>
      </c>
      <c r="X2943" s="2">
        <v>139.1</v>
      </c>
      <c r="Y2943" s="2">
        <v>7.6</v>
      </c>
      <c r="Z2943" s="2">
        <v>10.6</v>
      </c>
      <c r="AA2943" s="5"/>
      <c r="AB2943" s="5" t="s">
        <v>43</v>
      </c>
      <c r="AC2943" s="5" t="s">
        <v>44</v>
      </c>
      <c r="AD2943" s="2"/>
      <c r="AE2943" s="1"/>
    </row>
    <row r="2944" spans="1:31" ht="14.45">
      <c r="A2944" s="11"/>
      <c r="B2944" s="20"/>
      <c r="C2944" s="2" t="s">
        <v>9285</v>
      </c>
      <c r="D2944" s="14" t="s">
        <v>9286</v>
      </c>
      <c r="E2944" s="2" t="s">
        <v>9287</v>
      </c>
      <c r="F2944" s="2" t="s">
        <v>1835</v>
      </c>
      <c r="G2944" s="8">
        <v>131</v>
      </c>
      <c r="H2944" s="5">
        <v>13</v>
      </c>
      <c r="I2944" s="5" t="s">
        <v>1518</v>
      </c>
      <c r="J2944" s="5" t="s">
        <v>1519</v>
      </c>
      <c r="K2944" s="2" t="s">
        <v>1520</v>
      </c>
      <c r="L2944" s="5" t="s">
        <v>1519</v>
      </c>
      <c r="M2944" s="2" t="s">
        <v>1520</v>
      </c>
      <c r="N2944" s="5" t="s">
        <v>1521</v>
      </c>
      <c r="O2944" s="5" t="s">
        <v>38</v>
      </c>
      <c r="P2944" s="5" t="s">
        <v>39</v>
      </c>
      <c r="Q2944" s="5" t="s">
        <v>40</v>
      </c>
      <c r="R2944" s="5" t="s">
        <v>1522</v>
      </c>
      <c r="S2944" s="5" t="s">
        <v>1523</v>
      </c>
      <c r="T2944" s="5" t="s">
        <v>42</v>
      </c>
      <c r="U2944" s="2">
        <v>1.8</v>
      </c>
      <c r="V2944" s="2">
        <v>1.3879999999999999</v>
      </c>
      <c r="W2944" s="2">
        <v>1.0999999999999999E-2</v>
      </c>
      <c r="X2944" s="2">
        <v>139.1</v>
      </c>
      <c r="Y2944" s="2">
        <v>7.6</v>
      </c>
      <c r="Z2944" s="2">
        <v>10.6</v>
      </c>
      <c r="AA2944" s="5"/>
      <c r="AB2944" s="5" t="s">
        <v>43</v>
      </c>
      <c r="AC2944" s="5" t="s">
        <v>44</v>
      </c>
      <c r="AD2944" s="2"/>
      <c r="AE2944" s="1"/>
    </row>
    <row r="2945" spans="1:31" ht="14.45">
      <c r="A2945" s="11"/>
      <c r="B2945" s="20"/>
      <c r="C2945" s="2" t="s">
        <v>9288</v>
      </c>
      <c r="D2945" s="14" t="s">
        <v>9289</v>
      </c>
      <c r="E2945" s="2" t="s">
        <v>9290</v>
      </c>
      <c r="F2945" s="2" t="s">
        <v>1839</v>
      </c>
      <c r="G2945" s="8">
        <v>131</v>
      </c>
      <c r="H2945" s="5">
        <v>13</v>
      </c>
      <c r="I2945" s="5" t="s">
        <v>1518</v>
      </c>
      <c r="J2945" s="5" t="s">
        <v>1519</v>
      </c>
      <c r="K2945" s="2" t="s">
        <v>1520</v>
      </c>
      <c r="L2945" s="5" t="s">
        <v>1519</v>
      </c>
      <c r="M2945" s="2" t="s">
        <v>1520</v>
      </c>
      <c r="N2945" s="5" t="s">
        <v>1521</v>
      </c>
      <c r="O2945" s="5" t="s">
        <v>38</v>
      </c>
      <c r="P2945" s="5" t="s">
        <v>39</v>
      </c>
      <c r="Q2945" s="5" t="s">
        <v>40</v>
      </c>
      <c r="R2945" s="5" t="s">
        <v>1522</v>
      </c>
      <c r="S2945" s="5" t="s">
        <v>1523</v>
      </c>
      <c r="T2945" s="5" t="s">
        <v>42</v>
      </c>
      <c r="U2945" s="2">
        <v>1.758</v>
      </c>
      <c r="V2945" s="2">
        <v>1.3460000000000001</v>
      </c>
      <c r="W2945" s="2">
        <v>1.0999999999999999E-2</v>
      </c>
      <c r="X2945" s="2">
        <v>139.1</v>
      </c>
      <c r="Y2945" s="2">
        <v>7.6</v>
      </c>
      <c r="Z2945" s="2">
        <v>10.6</v>
      </c>
      <c r="AA2945" s="5"/>
      <c r="AB2945" s="5" t="s">
        <v>43</v>
      </c>
      <c r="AC2945" s="5" t="s">
        <v>44</v>
      </c>
      <c r="AD2945" s="2"/>
      <c r="AE2945" s="1"/>
    </row>
    <row r="2946" spans="1:31" ht="14.45">
      <c r="A2946" s="11"/>
      <c r="B2946" s="20"/>
      <c r="C2946" s="2" t="s">
        <v>9291</v>
      </c>
      <c r="D2946" s="14" t="s">
        <v>9292</v>
      </c>
      <c r="E2946" s="2" t="s">
        <v>9293</v>
      </c>
      <c r="F2946" s="2" t="s">
        <v>1986</v>
      </c>
      <c r="G2946" s="8">
        <v>131</v>
      </c>
      <c r="H2946" s="5">
        <v>13</v>
      </c>
      <c r="I2946" s="5" t="s">
        <v>1518</v>
      </c>
      <c r="J2946" s="5" t="s">
        <v>1519</v>
      </c>
      <c r="K2946" s="2" t="s">
        <v>1520</v>
      </c>
      <c r="L2946" s="5" t="s">
        <v>1519</v>
      </c>
      <c r="M2946" s="2" t="s">
        <v>1520</v>
      </c>
      <c r="N2946" s="5" t="s">
        <v>1521</v>
      </c>
      <c r="O2946" s="5" t="s">
        <v>38</v>
      </c>
      <c r="P2946" s="5" t="s">
        <v>39</v>
      </c>
      <c r="Q2946" s="5" t="s">
        <v>40</v>
      </c>
      <c r="R2946" s="5" t="s">
        <v>1522</v>
      </c>
      <c r="S2946" s="5" t="s">
        <v>1523</v>
      </c>
      <c r="T2946" s="5" t="s">
        <v>42</v>
      </c>
      <c r="U2946" s="2">
        <v>1.8</v>
      </c>
      <c r="V2946" s="2">
        <v>1.3879999999999999</v>
      </c>
      <c r="W2946" s="2">
        <v>1.0999999999999999E-2</v>
      </c>
      <c r="X2946" s="2">
        <v>139.1</v>
      </c>
      <c r="Y2946" s="2">
        <v>7.6</v>
      </c>
      <c r="Z2946" s="2">
        <v>10.6</v>
      </c>
      <c r="AA2946" s="5"/>
      <c r="AB2946" s="5" t="s">
        <v>43</v>
      </c>
      <c r="AC2946" s="5" t="s">
        <v>44</v>
      </c>
      <c r="AD2946" s="2"/>
      <c r="AE2946" s="1"/>
    </row>
    <row r="2947" spans="1:31" ht="14.45">
      <c r="A2947" s="11"/>
      <c r="B2947" s="20"/>
      <c r="C2947" s="2" t="s">
        <v>9294</v>
      </c>
      <c r="D2947" s="14" t="s">
        <v>9295</v>
      </c>
      <c r="E2947" s="2" t="s">
        <v>9296</v>
      </c>
      <c r="F2947" s="2" t="s">
        <v>1843</v>
      </c>
      <c r="G2947" s="8">
        <v>131</v>
      </c>
      <c r="H2947" s="5">
        <v>13</v>
      </c>
      <c r="I2947" s="5" t="s">
        <v>1518</v>
      </c>
      <c r="J2947" s="5" t="s">
        <v>1519</v>
      </c>
      <c r="K2947" s="2" t="s">
        <v>1520</v>
      </c>
      <c r="L2947" s="5" t="s">
        <v>1519</v>
      </c>
      <c r="M2947" s="2" t="s">
        <v>1520</v>
      </c>
      <c r="N2947" s="5" t="s">
        <v>1521</v>
      </c>
      <c r="O2947" s="5" t="s">
        <v>38</v>
      </c>
      <c r="P2947" s="5" t="s">
        <v>39</v>
      </c>
      <c r="Q2947" s="5" t="s">
        <v>40</v>
      </c>
      <c r="R2947" s="5" t="s">
        <v>1522</v>
      </c>
      <c r="S2947" s="5" t="s">
        <v>1523</v>
      </c>
      <c r="T2947" s="5" t="s">
        <v>42</v>
      </c>
      <c r="U2947" s="2">
        <v>1.758</v>
      </c>
      <c r="V2947" s="2">
        <v>1.3460000000000001</v>
      </c>
      <c r="W2947" s="2">
        <v>1.0999999999999999E-2</v>
      </c>
      <c r="X2947" s="2">
        <v>139.1</v>
      </c>
      <c r="Y2947" s="2">
        <v>7.6</v>
      </c>
      <c r="Z2947" s="2">
        <v>10.6</v>
      </c>
      <c r="AA2947" s="5"/>
      <c r="AB2947" s="5" t="s">
        <v>43</v>
      </c>
      <c r="AC2947" s="5" t="s">
        <v>44</v>
      </c>
      <c r="AD2947" s="2"/>
      <c r="AE2947" s="1"/>
    </row>
    <row r="2948" spans="1:31" ht="14.45">
      <c r="A2948" s="11"/>
      <c r="B2948" s="20"/>
      <c r="C2948" s="2" t="s">
        <v>9297</v>
      </c>
      <c r="D2948" s="14" t="s">
        <v>9298</v>
      </c>
      <c r="E2948" s="2" t="s">
        <v>9299</v>
      </c>
      <c r="F2948" s="2" t="s">
        <v>1847</v>
      </c>
      <c r="G2948" s="8">
        <v>131</v>
      </c>
      <c r="H2948" s="5">
        <v>13</v>
      </c>
      <c r="I2948" s="5" t="s">
        <v>1518</v>
      </c>
      <c r="J2948" s="5" t="s">
        <v>1519</v>
      </c>
      <c r="K2948" s="2" t="s">
        <v>1520</v>
      </c>
      <c r="L2948" s="5" t="s">
        <v>1519</v>
      </c>
      <c r="M2948" s="2" t="s">
        <v>1520</v>
      </c>
      <c r="N2948" s="5" t="s">
        <v>1521</v>
      </c>
      <c r="O2948" s="5" t="s">
        <v>38</v>
      </c>
      <c r="P2948" s="5" t="s">
        <v>39</v>
      </c>
      <c r="Q2948" s="5" t="s">
        <v>40</v>
      </c>
      <c r="R2948" s="5" t="s">
        <v>1522</v>
      </c>
      <c r="S2948" s="5" t="s">
        <v>1523</v>
      </c>
      <c r="T2948" s="5" t="s">
        <v>42</v>
      </c>
      <c r="U2948" s="2">
        <v>1.8</v>
      </c>
      <c r="V2948" s="2">
        <v>1.3879999999999999</v>
      </c>
      <c r="W2948" s="2">
        <v>1.0999999999999999E-2</v>
      </c>
      <c r="X2948" s="2">
        <v>139.1</v>
      </c>
      <c r="Y2948" s="2">
        <v>7.6</v>
      </c>
      <c r="Z2948" s="2">
        <v>10.6</v>
      </c>
      <c r="AA2948" s="5"/>
      <c r="AB2948" s="5" t="s">
        <v>43</v>
      </c>
      <c r="AC2948" s="5" t="s">
        <v>44</v>
      </c>
      <c r="AD2948" s="2"/>
      <c r="AE2948" s="1"/>
    </row>
    <row r="2949" spans="1:31" ht="14.45">
      <c r="A2949" s="11"/>
      <c r="B2949" s="20"/>
      <c r="C2949" s="2" t="s">
        <v>9300</v>
      </c>
      <c r="D2949" s="14" t="s">
        <v>9301</v>
      </c>
      <c r="E2949" s="2" t="s">
        <v>9302</v>
      </c>
      <c r="F2949" s="2" t="s">
        <v>1851</v>
      </c>
      <c r="G2949" s="8">
        <v>131</v>
      </c>
      <c r="H2949" s="5">
        <v>13</v>
      </c>
      <c r="I2949" s="5" t="s">
        <v>1518</v>
      </c>
      <c r="J2949" s="5" t="s">
        <v>1519</v>
      </c>
      <c r="K2949" s="2" t="s">
        <v>1520</v>
      </c>
      <c r="L2949" s="5" t="s">
        <v>1519</v>
      </c>
      <c r="M2949" s="2" t="s">
        <v>1520</v>
      </c>
      <c r="N2949" s="5" t="s">
        <v>1521</v>
      </c>
      <c r="O2949" s="5" t="s">
        <v>38</v>
      </c>
      <c r="P2949" s="5" t="s">
        <v>39</v>
      </c>
      <c r="Q2949" s="5" t="s">
        <v>40</v>
      </c>
      <c r="R2949" s="5" t="s">
        <v>1522</v>
      </c>
      <c r="S2949" s="5" t="s">
        <v>1523</v>
      </c>
      <c r="T2949" s="5" t="s">
        <v>42</v>
      </c>
      <c r="U2949" s="2">
        <v>1.758</v>
      </c>
      <c r="V2949" s="2">
        <v>1.3460000000000001</v>
      </c>
      <c r="W2949" s="2">
        <v>1.0999999999999999E-2</v>
      </c>
      <c r="X2949" s="2">
        <v>139.1</v>
      </c>
      <c r="Y2949" s="2">
        <v>7.6</v>
      </c>
      <c r="Z2949" s="2">
        <v>10.6</v>
      </c>
      <c r="AA2949" s="5"/>
      <c r="AB2949" s="5" t="s">
        <v>43</v>
      </c>
      <c r="AC2949" s="5" t="s">
        <v>44</v>
      </c>
      <c r="AD2949" s="2"/>
      <c r="AE2949" s="1"/>
    </row>
    <row r="2950" spans="1:31" ht="14.45">
      <c r="A2950" s="11"/>
      <c r="B2950" s="20"/>
      <c r="C2950" s="2" t="s">
        <v>9303</v>
      </c>
      <c r="D2950" s="14" t="s">
        <v>9304</v>
      </c>
      <c r="E2950" s="2" t="s">
        <v>9305</v>
      </c>
      <c r="F2950" s="2" t="s">
        <v>1999</v>
      </c>
      <c r="G2950" s="8">
        <v>131</v>
      </c>
      <c r="H2950" s="5">
        <v>13</v>
      </c>
      <c r="I2950" s="5" t="s">
        <v>1518</v>
      </c>
      <c r="J2950" s="5" t="s">
        <v>1519</v>
      </c>
      <c r="K2950" s="2" t="s">
        <v>1520</v>
      </c>
      <c r="L2950" s="5" t="s">
        <v>1519</v>
      </c>
      <c r="M2950" s="2" t="s">
        <v>1520</v>
      </c>
      <c r="N2950" s="5" t="s">
        <v>1521</v>
      </c>
      <c r="O2950" s="5" t="s">
        <v>38</v>
      </c>
      <c r="P2950" s="5" t="s">
        <v>39</v>
      </c>
      <c r="Q2950" s="5" t="s">
        <v>40</v>
      </c>
      <c r="R2950" s="5" t="s">
        <v>1522</v>
      </c>
      <c r="S2950" s="5" t="s">
        <v>1523</v>
      </c>
      <c r="T2950" s="5" t="s">
        <v>42</v>
      </c>
      <c r="U2950" s="2">
        <v>1.8</v>
      </c>
      <c r="V2950" s="2">
        <v>1.3879999999999999</v>
      </c>
      <c r="W2950" s="2">
        <v>1.0999999999999999E-2</v>
      </c>
      <c r="X2950" s="2">
        <v>139.1</v>
      </c>
      <c r="Y2950" s="2">
        <v>7.6</v>
      </c>
      <c r="Z2950" s="2">
        <v>10.6</v>
      </c>
      <c r="AA2950" s="5"/>
      <c r="AB2950" s="5" t="s">
        <v>43</v>
      </c>
      <c r="AC2950" s="5" t="s">
        <v>44</v>
      </c>
      <c r="AD2950" s="2"/>
      <c r="AE2950" s="1"/>
    </row>
    <row r="2951" spans="1:31" ht="14.45">
      <c r="A2951" s="11"/>
      <c r="B2951" s="20"/>
      <c r="C2951" s="2" t="s">
        <v>9306</v>
      </c>
      <c r="D2951" s="14" t="s">
        <v>9307</v>
      </c>
      <c r="E2951" s="2" t="s">
        <v>9308</v>
      </c>
      <c r="F2951" s="2" t="s">
        <v>1855</v>
      </c>
      <c r="G2951" s="8">
        <v>131</v>
      </c>
      <c r="H2951" s="5">
        <v>13</v>
      </c>
      <c r="I2951" s="5" t="s">
        <v>1518</v>
      </c>
      <c r="J2951" s="5" t="s">
        <v>1519</v>
      </c>
      <c r="K2951" s="2" t="s">
        <v>1520</v>
      </c>
      <c r="L2951" s="5" t="s">
        <v>1519</v>
      </c>
      <c r="M2951" s="2" t="s">
        <v>1520</v>
      </c>
      <c r="N2951" s="5" t="s">
        <v>1521</v>
      </c>
      <c r="O2951" s="5" t="s">
        <v>38</v>
      </c>
      <c r="P2951" s="5" t="s">
        <v>39</v>
      </c>
      <c r="Q2951" s="5" t="s">
        <v>40</v>
      </c>
      <c r="R2951" s="5" t="s">
        <v>1522</v>
      </c>
      <c r="S2951" s="5" t="s">
        <v>1523</v>
      </c>
      <c r="T2951" s="5" t="s">
        <v>42</v>
      </c>
      <c r="U2951" s="2">
        <v>1.758</v>
      </c>
      <c r="V2951" s="2">
        <v>1.3460000000000001</v>
      </c>
      <c r="W2951" s="2">
        <v>1.0999999999999999E-2</v>
      </c>
      <c r="X2951" s="2">
        <v>139.1</v>
      </c>
      <c r="Y2951" s="2">
        <v>7.6</v>
      </c>
      <c r="Z2951" s="2">
        <v>10.6</v>
      </c>
      <c r="AA2951" s="5"/>
      <c r="AB2951" s="5" t="s">
        <v>43</v>
      </c>
      <c r="AC2951" s="5" t="s">
        <v>44</v>
      </c>
      <c r="AD2951" s="2"/>
      <c r="AE2951" s="1"/>
    </row>
    <row r="2952" spans="1:31" ht="14.45">
      <c r="A2952" s="11"/>
      <c r="B2952" s="20"/>
      <c r="C2952" s="2" t="s">
        <v>9309</v>
      </c>
      <c r="D2952" s="14" t="s">
        <v>9310</v>
      </c>
      <c r="E2952" s="2" t="s">
        <v>9311</v>
      </c>
      <c r="F2952" s="2" t="s">
        <v>1859</v>
      </c>
      <c r="G2952" s="8">
        <v>131</v>
      </c>
      <c r="H2952" s="5">
        <v>13</v>
      </c>
      <c r="I2952" s="5" t="s">
        <v>1518</v>
      </c>
      <c r="J2952" s="5" t="s">
        <v>1519</v>
      </c>
      <c r="K2952" s="2" t="s">
        <v>1520</v>
      </c>
      <c r="L2952" s="5" t="s">
        <v>1519</v>
      </c>
      <c r="M2952" s="2" t="s">
        <v>1520</v>
      </c>
      <c r="N2952" s="5" t="s">
        <v>1521</v>
      </c>
      <c r="O2952" s="5" t="s">
        <v>38</v>
      </c>
      <c r="P2952" s="5" t="s">
        <v>39</v>
      </c>
      <c r="Q2952" s="5" t="s">
        <v>40</v>
      </c>
      <c r="R2952" s="5" t="s">
        <v>1522</v>
      </c>
      <c r="S2952" s="5" t="s">
        <v>1523</v>
      </c>
      <c r="T2952" s="5" t="s">
        <v>42</v>
      </c>
      <c r="U2952" s="2">
        <v>1.8</v>
      </c>
      <c r="V2952" s="2">
        <v>1.3879999999999999</v>
      </c>
      <c r="W2952" s="2">
        <v>1.0999999999999999E-2</v>
      </c>
      <c r="X2952" s="2">
        <v>139.1</v>
      </c>
      <c r="Y2952" s="2">
        <v>7.6</v>
      </c>
      <c r="Z2952" s="2">
        <v>10.6</v>
      </c>
      <c r="AA2952" s="5"/>
      <c r="AB2952" s="5" t="s">
        <v>43</v>
      </c>
      <c r="AC2952" s="5" t="s">
        <v>44</v>
      </c>
      <c r="AD2952" s="2"/>
      <c r="AE2952" s="1"/>
    </row>
    <row r="2953" spans="1:31" ht="14.45">
      <c r="A2953" s="11"/>
      <c r="B2953" s="20"/>
      <c r="C2953" s="2" t="s">
        <v>9312</v>
      </c>
      <c r="D2953" s="14" t="s">
        <v>9313</v>
      </c>
      <c r="E2953" s="2" t="s">
        <v>9314</v>
      </c>
      <c r="F2953" s="2" t="s">
        <v>1863</v>
      </c>
      <c r="G2953" s="8">
        <v>131</v>
      </c>
      <c r="H2953" s="5">
        <v>11</v>
      </c>
      <c r="I2953" s="5" t="s">
        <v>1518</v>
      </c>
      <c r="J2953" s="5" t="s">
        <v>1519</v>
      </c>
      <c r="K2953" s="2" t="s">
        <v>1520</v>
      </c>
      <c r="L2953" s="5" t="s">
        <v>1519</v>
      </c>
      <c r="M2953" s="2" t="s">
        <v>1520</v>
      </c>
      <c r="N2953" s="5" t="s">
        <v>1521</v>
      </c>
      <c r="O2953" s="5" t="s">
        <v>38</v>
      </c>
      <c r="P2953" s="5" t="s">
        <v>39</v>
      </c>
      <c r="Q2953" s="5" t="s">
        <v>40</v>
      </c>
      <c r="R2953" s="5" t="s">
        <v>1522</v>
      </c>
      <c r="S2953" s="5" t="s">
        <v>1523</v>
      </c>
      <c r="T2953" s="5" t="s">
        <v>42</v>
      </c>
      <c r="U2953" s="2">
        <v>1.716</v>
      </c>
      <c r="V2953" s="2">
        <v>1.302</v>
      </c>
      <c r="W2953" s="2">
        <v>1.0999999999999999E-2</v>
      </c>
      <c r="X2953" s="2">
        <v>139.1</v>
      </c>
      <c r="Y2953" s="2">
        <v>7.6</v>
      </c>
      <c r="Z2953" s="2">
        <v>10.6</v>
      </c>
      <c r="AA2953" s="5"/>
      <c r="AB2953" s="5" t="s">
        <v>43</v>
      </c>
      <c r="AC2953" s="5" t="s">
        <v>44</v>
      </c>
      <c r="AD2953" s="2"/>
      <c r="AE2953" s="1"/>
    </row>
    <row r="2954" spans="1:31" ht="14.45">
      <c r="A2954" s="11"/>
      <c r="B2954" s="20"/>
      <c r="C2954" s="2" t="s">
        <v>9315</v>
      </c>
      <c r="D2954" s="14" t="s">
        <v>9316</v>
      </c>
      <c r="E2954" s="2" t="s">
        <v>9317</v>
      </c>
      <c r="F2954" s="2" t="s">
        <v>1867</v>
      </c>
      <c r="G2954" s="8">
        <v>131</v>
      </c>
      <c r="H2954" s="5">
        <v>11</v>
      </c>
      <c r="I2954" s="5" t="s">
        <v>1518</v>
      </c>
      <c r="J2954" s="5" t="s">
        <v>1519</v>
      </c>
      <c r="K2954" s="2" t="s">
        <v>1520</v>
      </c>
      <c r="L2954" s="5" t="s">
        <v>1519</v>
      </c>
      <c r="M2954" s="2" t="s">
        <v>1520</v>
      </c>
      <c r="N2954" s="5" t="s">
        <v>1521</v>
      </c>
      <c r="O2954" s="5" t="s">
        <v>38</v>
      </c>
      <c r="P2954" s="5" t="s">
        <v>39</v>
      </c>
      <c r="Q2954" s="5" t="s">
        <v>40</v>
      </c>
      <c r="R2954" s="5" t="s">
        <v>1522</v>
      </c>
      <c r="S2954" s="5" t="s">
        <v>1523</v>
      </c>
      <c r="T2954" s="5" t="s">
        <v>42</v>
      </c>
      <c r="U2954" s="2">
        <v>1.758</v>
      </c>
      <c r="V2954" s="2">
        <v>1.3440000000000001</v>
      </c>
      <c r="W2954" s="2">
        <v>1.0999999999999999E-2</v>
      </c>
      <c r="X2954" s="2">
        <v>139.1</v>
      </c>
      <c r="Y2954" s="2">
        <v>7.6</v>
      </c>
      <c r="Z2954" s="2">
        <v>10.6</v>
      </c>
      <c r="AA2954" s="5"/>
      <c r="AB2954" s="5" t="s">
        <v>43</v>
      </c>
      <c r="AC2954" s="5" t="s">
        <v>44</v>
      </c>
      <c r="AD2954" s="2"/>
      <c r="AE2954" s="1"/>
    </row>
    <row r="2955" spans="1:31" ht="14.45">
      <c r="A2955" s="11"/>
      <c r="B2955" s="20"/>
      <c r="C2955" s="2" t="s">
        <v>9318</v>
      </c>
      <c r="D2955" s="14" t="s">
        <v>9319</v>
      </c>
      <c r="E2955" s="2" t="s">
        <v>9320</v>
      </c>
      <c r="F2955" s="2" t="s">
        <v>7396</v>
      </c>
      <c r="G2955" s="8">
        <v>94</v>
      </c>
      <c r="H2955" s="5">
        <v>5</v>
      </c>
      <c r="I2955" s="5" t="s">
        <v>1518</v>
      </c>
      <c r="J2955" s="5" t="s">
        <v>1519</v>
      </c>
      <c r="K2955" s="2" t="s">
        <v>1520</v>
      </c>
      <c r="L2955" s="5" t="s">
        <v>1519</v>
      </c>
      <c r="M2955" s="2" t="s">
        <v>1520</v>
      </c>
      <c r="N2955" s="5" t="s">
        <v>1521</v>
      </c>
      <c r="O2955" s="5" t="s">
        <v>38</v>
      </c>
      <c r="P2955" s="5" t="s">
        <v>39</v>
      </c>
      <c r="Q2955" s="5" t="s">
        <v>40</v>
      </c>
      <c r="R2955" s="5" t="s">
        <v>1522</v>
      </c>
      <c r="S2955" s="5" t="s">
        <v>1523</v>
      </c>
      <c r="T2955" s="5" t="s">
        <v>42</v>
      </c>
      <c r="U2955" s="2">
        <v>1.49</v>
      </c>
      <c r="V2955" s="2">
        <v>1.1970000000000001</v>
      </c>
      <c r="W2955" s="2">
        <v>7.0000000000000001E-3</v>
      </c>
      <c r="X2955" s="2">
        <v>82.9</v>
      </c>
      <c r="Y2955" s="2">
        <v>7.6</v>
      </c>
      <c r="Z2955" s="2">
        <v>10.6</v>
      </c>
      <c r="AA2955" s="5"/>
      <c r="AB2955" s="5" t="s">
        <v>43</v>
      </c>
      <c r="AC2955" s="5" t="s">
        <v>44</v>
      </c>
      <c r="AD2955" s="2"/>
      <c r="AE2955" s="1"/>
    </row>
    <row r="2956" spans="1:31" ht="14.45">
      <c r="A2956" s="11"/>
      <c r="B2956" s="20"/>
      <c r="C2956" s="2" t="s">
        <v>9321</v>
      </c>
      <c r="D2956" s="14" t="s">
        <v>9322</v>
      </c>
      <c r="E2956" s="2" t="s">
        <v>9323</v>
      </c>
      <c r="F2956" s="2" t="s">
        <v>7507</v>
      </c>
      <c r="G2956" s="8">
        <v>94</v>
      </c>
      <c r="H2956" s="2">
        <v>5</v>
      </c>
      <c r="I2956" s="2" t="s">
        <v>1518</v>
      </c>
      <c r="J2956" s="2" t="s">
        <v>1519</v>
      </c>
      <c r="K2956" s="2" t="s">
        <v>1520</v>
      </c>
      <c r="L2956" s="2" t="s">
        <v>1519</v>
      </c>
      <c r="M2956" s="2" t="s">
        <v>1520</v>
      </c>
      <c r="N2956" s="2" t="s">
        <v>1521</v>
      </c>
      <c r="O2956" s="2" t="s">
        <v>38</v>
      </c>
      <c r="P2956" s="2" t="s">
        <v>39</v>
      </c>
      <c r="Q2956" s="2" t="s">
        <v>40</v>
      </c>
      <c r="R2956" s="2" t="s">
        <v>1522</v>
      </c>
      <c r="S2956" s="12" t="s">
        <v>1523</v>
      </c>
      <c r="T2956" s="12" t="s">
        <v>42</v>
      </c>
      <c r="U2956" s="2">
        <v>1.5249999999999999</v>
      </c>
      <c r="V2956" s="2">
        <v>1.2310000000000001</v>
      </c>
      <c r="W2956" s="2">
        <v>7.0000000000000001E-3</v>
      </c>
      <c r="X2956" s="2">
        <v>82.9</v>
      </c>
      <c r="Y2956" s="2">
        <v>7.6</v>
      </c>
      <c r="Z2956" s="2">
        <v>10.6</v>
      </c>
      <c r="AA2956" s="12"/>
      <c r="AB2956" s="12" t="s">
        <v>43</v>
      </c>
      <c r="AC2956" s="12" t="s">
        <v>44</v>
      </c>
      <c r="AD2956" s="2"/>
      <c r="AE2956" s="1"/>
    </row>
    <row r="2957" spans="1:31" ht="14.45">
      <c r="A2957" s="11"/>
      <c r="B2957" s="20"/>
      <c r="C2957" s="2" t="s">
        <v>9324</v>
      </c>
      <c r="D2957" s="14" t="s">
        <v>9325</v>
      </c>
      <c r="E2957" s="2" t="s">
        <v>9326</v>
      </c>
      <c r="F2957" s="2" t="s">
        <v>7204</v>
      </c>
      <c r="G2957" s="8">
        <v>94</v>
      </c>
      <c r="H2957" s="5">
        <v>5</v>
      </c>
      <c r="I2957" s="5" t="s">
        <v>1518</v>
      </c>
      <c r="J2957" s="5" t="s">
        <v>1519</v>
      </c>
      <c r="K2957" s="2" t="s">
        <v>1520</v>
      </c>
      <c r="L2957" s="5" t="s">
        <v>1519</v>
      </c>
      <c r="M2957" s="2" t="s">
        <v>1520</v>
      </c>
      <c r="N2957" s="5" t="s">
        <v>1521</v>
      </c>
      <c r="O2957" s="5" t="s">
        <v>38</v>
      </c>
      <c r="P2957" s="5" t="s">
        <v>39</v>
      </c>
      <c r="Q2957" s="5" t="s">
        <v>40</v>
      </c>
      <c r="R2957" s="5" t="s">
        <v>1522</v>
      </c>
      <c r="S2957" s="5" t="s">
        <v>1523</v>
      </c>
      <c r="T2957" s="5" t="s">
        <v>42</v>
      </c>
      <c r="U2957" s="2">
        <v>1.4950000000000001</v>
      </c>
      <c r="V2957" s="2">
        <v>1.202</v>
      </c>
      <c r="W2957" s="2">
        <v>7.0000000000000001E-3</v>
      </c>
      <c r="X2957" s="2">
        <v>82.9</v>
      </c>
      <c r="Y2957" s="2">
        <v>7.6</v>
      </c>
      <c r="Z2957" s="2">
        <v>10.6</v>
      </c>
      <c r="AA2957" s="5"/>
      <c r="AB2957" s="5" t="s">
        <v>43</v>
      </c>
      <c r="AC2957" s="5" t="s">
        <v>44</v>
      </c>
      <c r="AD2957" s="2"/>
      <c r="AE2957" s="1"/>
    </row>
    <row r="2958" spans="1:31" ht="14.45">
      <c r="A2958" s="11"/>
      <c r="B2958" s="20"/>
      <c r="C2958" s="2" t="s">
        <v>9327</v>
      </c>
      <c r="D2958" s="14" t="s">
        <v>9328</v>
      </c>
      <c r="E2958" s="2" t="s">
        <v>9329</v>
      </c>
      <c r="F2958" s="2" t="s">
        <v>7514</v>
      </c>
      <c r="G2958" s="8">
        <v>94</v>
      </c>
      <c r="H2958" s="2">
        <v>5</v>
      </c>
      <c r="I2958" s="2" t="s">
        <v>1518</v>
      </c>
      <c r="J2958" s="2" t="s">
        <v>1519</v>
      </c>
      <c r="K2958" s="2" t="s">
        <v>1520</v>
      </c>
      <c r="L2958" s="2" t="s">
        <v>1519</v>
      </c>
      <c r="M2958" s="2" t="s">
        <v>1520</v>
      </c>
      <c r="N2958" s="2" t="s">
        <v>1521</v>
      </c>
      <c r="O2958" s="2" t="s">
        <v>38</v>
      </c>
      <c r="P2958" s="2" t="s">
        <v>39</v>
      </c>
      <c r="Q2958" s="2" t="s">
        <v>40</v>
      </c>
      <c r="R2958" s="2" t="s">
        <v>1522</v>
      </c>
      <c r="S2958" s="12" t="s">
        <v>1523</v>
      </c>
      <c r="T2958" s="12" t="s">
        <v>42</v>
      </c>
      <c r="U2958" s="2">
        <v>1.53</v>
      </c>
      <c r="V2958" s="2">
        <v>1.236</v>
      </c>
      <c r="W2958" s="2">
        <v>7.0000000000000001E-3</v>
      </c>
      <c r="X2958" s="2">
        <v>82.9</v>
      </c>
      <c r="Y2958" s="2">
        <v>7.6</v>
      </c>
      <c r="Z2958" s="2">
        <v>10.6</v>
      </c>
      <c r="AA2958" s="12"/>
      <c r="AB2958" s="12" t="s">
        <v>43</v>
      </c>
      <c r="AC2958" s="12" t="s">
        <v>44</v>
      </c>
      <c r="AD2958" s="2"/>
      <c r="AE2958" s="1"/>
    </row>
    <row r="2959" spans="1:31" ht="14.45">
      <c r="A2959" s="11"/>
      <c r="B2959" s="20"/>
      <c r="C2959" s="2" t="s">
        <v>9330</v>
      </c>
      <c r="D2959" s="14" t="s">
        <v>9331</v>
      </c>
      <c r="E2959" s="2" t="s">
        <v>9332</v>
      </c>
      <c r="F2959" s="2" t="s">
        <v>7208</v>
      </c>
      <c r="G2959" s="8">
        <v>94</v>
      </c>
      <c r="H2959" s="2">
        <v>5</v>
      </c>
      <c r="I2959" s="2" t="s">
        <v>1518</v>
      </c>
      <c r="J2959" s="2" t="s">
        <v>1519</v>
      </c>
      <c r="K2959" s="2" t="s">
        <v>1520</v>
      </c>
      <c r="L2959" s="2" t="s">
        <v>1519</v>
      </c>
      <c r="M2959" s="2" t="s">
        <v>1520</v>
      </c>
      <c r="N2959" s="2" t="s">
        <v>1521</v>
      </c>
      <c r="O2959" s="2" t="s">
        <v>38</v>
      </c>
      <c r="P2959" s="2" t="s">
        <v>39</v>
      </c>
      <c r="Q2959" s="2" t="s">
        <v>40</v>
      </c>
      <c r="R2959" s="2" t="s">
        <v>1522</v>
      </c>
      <c r="S2959" s="12" t="s">
        <v>1523</v>
      </c>
      <c r="T2959" s="12" t="s">
        <v>42</v>
      </c>
      <c r="U2959" s="2">
        <v>1.496</v>
      </c>
      <c r="V2959" s="2">
        <v>1.202</v>
      </c>
      <c r="W2959" s="2">
        <v>7.0000000000000001E-3</v>
      </c>
      <c r="X2959" s="2">
        <v>82.9</v>
      </c>
      <c r="Y2959" s="2">
        <v>7.6</v>
      </c>
      <c r="Z2959" s="2">
        <v>10.6</v>
      </c>
      <c r="AA2959" s="12"/>
      <c r="AB2959" s="12" t="s">
        <v>43</v>
      </c>
      <c r="AC2959" s="12" t="s">
        <v>44</v>
      </c>
      <c r="AD2959" s="2"/>
      <c r="AE2959" s="1"/>
    </row>
    <row r="2960" spans="1:31" ht="14.45">
      <c r="A2960" s="11"/>
      <c r="B2960" s="20"/>
      <c r="C2960" s="2" t="s">
        <v>9333</v>
      </c>
      <c r="D2960" s="14" t="s">
        <v>9334</v>
      </c>
      <c r="E2960" s="2" t="s">
        <v>9335</v>
      </c>
      <c r="F2960" s="2" t="s">
        <v>7521</v>
      </c>
      <c r="G2960" s="8">
        <v>94</v>
      </c>
      <c r="H2960" s="2">
        <v>5</v>
      </c>
      <c r="I2960" s="2" t="s">
        <v>1518</v>
      </c>
      <c r="J2960" s="2" t="s">
        <v>1519</v>
      </c>
      <c r="K2960" s="2" t="s">
        <v>1520</v>
      </c>
      <c r="L2960" s="2" t="s">
        <v>1519</v>
      </c>
      <c r="M2960" s="2" t="s">
        <v>1520</v>
      </c>
      <c r="N2960" s="2" t="s">
        <v>1521</v>
      </c>
      <c r="O2960" s="2" t="s">
        <v>38</v>
      </c>
      <c r="P2960" s="2" t="s">
        <v>39</v>
      </c>
      <c r="Q2960" s="2" t="s">
        <v>40</v>
      </c>
      <c r="R2960" s="2" t="s">
        <v>1522</v>
      </c>
      <c r="S2960" s="12" t="s">
        <v>1523</v>
      </c>
      <c r="T2960" s="12" t="s">
        <v>42</v>
      </c>
      <c r="U2960" s="2">
        <v>1.53</v>
      </c>
      <c r="V2960" s="2">
        <v>1.236</v>
      </c>
      <c r="W2960" s="2">
        <v>7.0000000000000001E-3</v>
      </c>
      <c r="X2960" s="2">
        <v>82.9</v>
      </c>
      <c r="Y2960" s="2">
        <v>7.6</v>
      </c>
      <c r="Z2960" s="2">
        <v>10.6</v>
      </c>
      <c r="AA2960" s="12"/>
      <c r="AB2960" s="12" t="s">
        <v>43</v>
      </c>
      <c r="AC2960" s="12" t="s">
        <v>44</v>
      </c>
      <c r="AD2960" s="2"/>
      <c r="AE2960" s="1"/>
    </row>
    <row r="2961" spans="1:31" ht="14.45">
      <c r="A2961" s="11"/>
      <c r="B2961" s="20"/>
      <c r="C2961" s="2" t="s">
        <v>9336</v>
      </c>
      <c r="D2961" s="14" t="s">
        <v>9337</v>
      </c>
      <c r="E2961" s="2" t="s">
        <v>9338</v>
      </c>
      <c r="F2961" s="2" t="s">
        <v>7212</v>
      </c>
      <c r="G2961" s="8">
        <v>94</v>
      </c>
      <c r="H2961" s="2">
        <v>5</v>
      </c>
      <c r="I2961" s="2" t="s">
        <v>1518</v>
      </c>
      <c r="J2961" s="2" t="s">
        <v>1519</v>
      </c>
      <c r="K2961" s="2" t="s">
        <v>1520</v>
      </c>
      <c r="L2961" s="2" t="s">
        <v>1519</v>
      </c>
      <c r="M2961" s="2" t="s">
        <v>1520</v>
      </c>
      <c r="N2961" s="2" t="s">
        <v>1521</v>
      </c>
      <c r="O2961" s="2" t="s">
        <v>38</v>
      </c>
      <c r="P2961" s="2" t="s">
        <v>39</v>
      </c>
      <c r="Q2961" s="2" t="s">
        <v>40</v>
      </c>
      <c r="R2961" s="2" t="s">
        <v>1522</v>
      </c>
      <c r="S2961" s="12" t="s">
        <v>1523</v>
      </c>
      <c r="T2961" s="12" t="s">
        <v>42</v>
      </c>
      <c r="U2961" s="2">
        <v>1.4810000000000001</v>
      </c>
      <c r="V2961" s="2">
        <v>1.1870000000000001</v>
      </c>
      <c r="W2961" s="2">
        <v>7.0000000000000001E-3</v>
      </c>
      <c r="X2961" s="2">
        <v>82.9</v>
      </c>
      <c r="Y2961" s="2">
        <v>7.6</v>
      </c>
      <c r="Z2961" s="2">
        <v>10.6</v>
      </c>
      <c r="AA2961" s="12"/>
      <c r="AB2961" s="12" t="s">
        <v>43</v>
      </c>
      <c r="AC2961" s="12" t="s">
        <v>44</v>
      </c>
      <c r="AD2961" s="2"/>
      <c r="AE2961" s="1"/>
    </row>
    <row r="2962" spans="1:31" ht="14.45">
      <c r="A2962" s="11"/>
      <c r="B2962" s="20"/>
      <c r="C2962" s="2" t="s">
        <v>9339</v>
      </c>
      <c r="D2962" s="14" t="s">
        <v>9340</v>
      </c>
      <c r="E2962" s="2" t="s">
        <v>9341</v>
      </c>
      <c r="F2962" s="2" t="s">
        <v>7528</v>
      </c>
      <c r="G2962" s="8">
        <v>94</v>
      </c>
      <c r="H2962" s="2">
        <v>5</v>
      </c>
      <c r="I2962" s="2" t="s">
        <v>1518</v>
      </c>
      <c r="J2962" s="2" t="s">
        <v>1519</v>
      </c>
      <c r="K2962" s="2" t="s">
        <v>1520</v>
      </c>
      <c r="L2962" s="2" t="s">
        <v>1519</v>
      </c>
      <c r="M2962" s="2" t="s">
        <v>1520</v>
      </c>
      <c r="N2962" s="2" t="s">
        <v>1521</v>
      </c>
      <c r="O2962" s="2" t="s">
        <v>38</v>
      </c>
      <c r="P2962" s="2" t="s">
        <v>39</v>
      </c>
      <c r="Q2962" s="2" t="s">
        <v>40</v>
      </c>
      <c r="R2962" s="2" t="s">
        <v>1522</v>
      </c>
      <c r="S2962" s="12" t="s">
        <v>1523</v>
      </c>
      <c r="T2962" s="12" t="s">
        <v>42</v>
      </c>
      <c r="U2962" s="2">
        <v>1.5149999999999999</v>
      </c>
      <c r="V2962" s="2">
        <v>1.2210000000000001</v>
      </c>
      <c r="W2962" s="2">
        <v>7.0000000000000001E-3</v>
      </c>
      <c r="X2962" s="2">
        <v>82.9</v>
      </c>
      <c r="Y2962" s="2">
        <v>7.6</v>
      </c>
      <c r="Z2962" s="2">
        <v>10.6</v>
      </c>
      <c r="AA2962" s="12"/>
      <c r="AB2962" s="12" t="s">
        <v>43</v>
      </c>
      <c r="AC2962" s="12" t="s">
        <v>44</v>
      </c>
      <c r="AD2962" s="2"/>
      <c r="AE2962" s="1"/>
    </row>
    <row r="2963" spans="1:31" ht="14.45">
      <c r="A2963" s="11"/>
      <c r="B2963" s="20"/>
      <c r="C2963" s="2" t="s">
        <v>9342</v>
      </c>
      <c r="D2963" s="14" t="s">
        <v>9343</v>
      </c>
      <c r="E2963" s="2" t="s">
        <v>9344</v>
      </c>
      <c r="F2963" s="2" t="s">
        <v>7406</v>
      </c>
      <c r="G2963" s="8">
        <v>109</v>
      </c>
      <c r="H2963" s="5">
        <v>5</v>
      </c>
      <c r="I2963" s="5" t="s">
        <v>1518</v>
      </c>
      <c r="J2963" s="5" t="s">
        <v>1519</v>
      </c>
      <c r="K2963" s="2" t="s">
        <v>1520</v>
      </c>
      <c r="L2963" s="5" t="s">
        <v>1519</v>
      </c>
      <c r="M2963" s="2" t="s">
        <v>1520</v>
      </c>
      <c r="N2963" s="5" t="s">
        <v>1521</v>
      </c>
      <c r="O2963" s="5" t="s">
        <v>38</v>
      </c>
      <c r="P2963" s="5" t="s">
        <v>39</v>
      </c>
      <c r="Q2963" s="5" t="s">
        <v>40</v>
      </c>
      <c r="R2963" s="5" t="s">
        <v>1522</v>
      </c>
      <c r="S2963" s="5" t="s">
        <v>1523</v>
      </c>
      <c r="T2963" s="5" t="s">
        <v>42</v>
      </c>
      <c r="U2963" s="2">
        <v>1.48</v>
      </c>
      <c r="V2963" s="2">
        <v>1.1870000000000001</v>
      </c>
      <c r="W2963" s="2">
        <v>7.0000000000000001E-3</v>
      </c>
      <c r="X2963" s="2">
        <v>82.9</v>
      </c>
      <c r="Y2963" s="2">
        <v>7.6</v>
      </c>
      <c r="Z2963" s="2">
        <v>10.6</v>
      </c>
      <c r="AA2963" s="5"/>
      <c r="AB2963" s="5" t="s">
        <v>43</v>
      </c>
      <c r="AC2963" s="5" t="s">
        <v>44</v>
      </c>
      <c r="AD2963" s="2"/>
      <c r="AE2963" s="1"/>
    </row>
    <row r="2964" spans="1:31" ht="14.45">
      <c r="A2964" s="11"/>
      <c r="B2964" s="20"/>
      <c r="C2964" s="2" t="s">
        <v>9345</v>
      </c>
      <c r="D2964" s="14" t="s">
        <v>9346</v>
      </c>
      <c r="E2964" s="2" t="s">
        <v>9347</v>
      </c>
      <c r="F2964" s="2" t="s">
        <v>7535</v>
      </c>
      <c r="G2964" s="8">
        <v>109</v>
      </c>
      <c r="H2964" s="5">
        <v>5</v>
      </c>
      <c r="I2964" s="5" t="s">
        <v>1518</v>
      </c>
      <c r="J2964" s="5" t="s">
        <v>1519</v>
      </c>
      <c r="K2964" s="2" t="s">
        <v>1520</v>
      </c>
      <c r="L2964" s="5" t="s">
        <v>1519</v>
      </c>
      <c r="M2964" s="2" t="s">
        <v>1520</v>
      </c>
      <c r="N2964" s="5" t="s">
        <v>1521</v>
      </c>
      <c r="O2964" s="5" t="s">
        <v>38</v>
      </c>
      <c r="P2964" s="5" t="s">
        <v>39</v>
      </c>
      <c r="Q2964" s="5" t="s">
        <v>40</v>
      </c>
      <c r="R2964" s="5" t="s">
        <v>1522</v>
      </c>
      <c r="S2964" s="5" t="s">
        <v>1523</v>
      </c>
      <c r="T2964" s="5" t="s">
        <v>42</v>
      </c>
      <c r="U2964" s="2">
        <v>1.514</v>
      </c>
      <c r="V2964" s="2">
        <v>1.2210000000000001</v>
      </c>
      <c r="W2964" s="2">
        <v>7.0000000000000001E-3</v>
      </c>
      <c r="X2964" s="2">
        <v>82.9</v>
      </c>
      <c r="Y2964" s="2">
        <v>7.6</v>
      </c>
      <c r="Z2964" s="2">
        <v>10.6</v>
      </c>
      <c r="AA2964" s="5"/>
      <c r="AB2964" s="5" t="s">
        <v>43</v>
      </c>
      <c r="AC2964" s="5" t="s">
        <v>44</v>
      </c>
      <c r="AD2964" s="2"/>
      <c r="AE2964" s="1"/>
    </row>
    <row r="2965" spans="1:31" ht="14.45">
      <c r="A2965" s="11"/>
      <c r="B2965" s="20"/>
      <c r="C2965" s="2" t="s">
        <v>9348</v>
      </c>
      <c r="D2965" s="14" t="s">
        <v>9349</v>
      </c>
      <c r="E2965" s="2" t="s">
        <v>9350</v>
      </c>
      <c r="F2965" s="2" t="s">
        <v>7539</v>
      </c>
      <c r="G2965" s="8">
        <v>109</v>
      </c>
      <c r="H2965" s="5">
        <v>5</v>
      </c>
      <c r="I2965" s="5" t="s">
        <v>1518</v>
      </c>
      <c r="J2965" s="5" t="s">
        <v>1519</v>
      </c>
      <c r="K2965" s="2" t="s">
        <v>1520</v>
      </c>
      <c r="L2965" s="5" t="s">
        <v>1519</v>
      </c>
      <c r="M2965" s="2" t="s">
        <v>1520</v>
      </c>
      <c r="N2965" s="5" t="s">
        <v>1521</v>
      </c>
      <c r="O2965" s="5" t="s">
        <v>38</v>
      </c>
      <c r="P2965" s="5" t="s">
        <v>39</v>
      </c>
      <c r="Q2965" s="5" t="s">
        <v>40</v>
      </c>
      <c r="R2965" s="5" t="s">
        <v>1522</v>
      </c>
      <c r="S2965" s="5" t="s">
        <v>1523</v>
      </c>
      <c r="T2965" s="5" t="s">
        <v>42</v>
      </c>
      <c r="U2965" s="2">
        <v>1.4950000000000001</v>
      </c>
      <c r="V2965" s="2">
        <v>1.202</v>
      </c>
      <c r="W2965" s="2">
        <v>7.0000000000000001E-3</v>
      </c>
      <c r="X2965" s="2">
        <v>82.9</v>
      </c>
      <c r="Y2965" s="2">
        <v>7.6</v>
      </c>
      <c r="Z2965" s="2">
        <v>10.6</v>
      </c>
      <c r="AA2965" s="5"/>
      <c r="AB2965" s="5" t="s">
        <v>43</v>
      </c>
      <c r="AC2965" s="5" t="s">
        <v>44</v>
      </c>
      <c r="AD2965" s="2"/>
      <c r="AE2965" s="1"/>
    </row>
    <row r="2966" spans="1:31" ht="14.45">
      <c r="A2966" s="11"/>
      <c r="B2966" s="20"/>
      <c r="C2966" s="2" t="s">
        <v>9351</v>
      </c>
      <c r="D2966" s="14" t="s">
        <v>9352</v>
      </c>
      <c r="E2966" s="2" t="s">
        <v>9353</v>
      </c>
      <c r="F2966" s="2" t="s">
        <v>7543</v>
      </c>
      <c r="G2966" s="8">
        <v>109</v>
      </c>
      <c r="H2966" s="5">
        <v>6</v>
      </c>
      <c r="I2966" s="5" t="s">
        <v>1518</v>
      </c>
      <c r="J2966" s="5" t="s">
        <v>1519</v>
      </c>
      <c r="K2966" s="2" t="s">
        <v>1520</v>
      </c>
      <c r="L2966" s="5" t="s">
        <v>1519</v>
      </c>
      <c r="M2966" s="2" t="s">
        <v>1520</v>
      </c>
      <c r="N2966" s="5" t="s">
        <v>1521</v>
      </c>
      <c r="O2966" s="5" t="s">
        <v>38</v>
      </c>
      <c r="P2966" s="5" t="s">
        <v>39</v>
      </c>
      <c r="Q2966" s="5" t="s">
        <v>40</v>
      </c>
      <c r="R2966" s="5" t="s">
        <v>1522</v>
      </c>
      <c r="S2966" s="5" t="s">
        <v>1523</v>
      </c>
      <c r="T2966" s="5" t="s">
        <v>42</v>
      </c>
      <c r="U2966" s="2">
        <v>1.5289999999999999</v>
      </c>
      <c r="V2966" s="2">
        <v>1.236</v>
      </c>
      <c r="W2966" s="2">
        <v>7.0000000000000001E-3</v>
      </c>
      <c r="X2966" s="2">
        <v>82.9</v>
      </c>
      <c r="Y2966" s="2">
        <v>7.6</v>
      </c>
      <c r="Z2966" s="2">
        <v>10.6</v>
      </c>
      <c r="AA2966" s="5"/>
      <c r="AB2966" s="5" t="s">
        <v>43</v>
      </c>
      <c r="AC2966" s="5" t="s">
        <v>44</v>
      </c>
      <c r="AD2966" s="2"/>
      <c r="AE2966" s="1"/>
    </row>
    <row r="2967" spans="1:31" ht="14.45">
      <c r="A2967" s="11"/>
      <c r="B2967" s="20"/>
      <c r="C2967" s="2" t="s">
        <v>9354</v>
      </c>
      <c r="D2967" s="14" t="s">
        <v>9355</v>
      </c>
      <c r="E2967" s="2" t="s">
        <v>9356</v>
      </c>
      <c r="F2967" s="2" t="s">
        <v>7547</v>
      </c>
      <c r="G2967" s="8">
        <v>109</v>
      </c>
      <c r="H2967" s="5">
        <v>6</v>
      </c>
      <c r="I2967" s="5" t="s">
        <v>1518</v>
      </c>
      <c r="J2967" s="5" t="s">
        <v>1519</v>
      </c>
      <c r="K2967" s="2" t="s">
        <v>1520</v>
      </c>
      <c r="L2967" s="5" t="s">
        <v>1519</v>
      </c>
      <c r="M2967" s="2" t="s">
        <v>1520</v>
      </c>
      <c r="N2967" s="5" t="s">
        <v>1521</v>
      </c>
      <c r="O2967" s="5" t="s">
        <v>38</v>
      </c>
      <c r="P2967" s="5" t="s">
        <v>39</v>
      </c>
      <c r="Q2967" s="5" t="s">
        <v>40</v>
      </c>
      <c r="R2967" s="5" t="s">
        <v>1522</v>
      </c>
      <c r="S2967" s="5" t="s">
        <v>1523</v>
      </c>
      <c r="T2967" s="5" t="s">
        <v>42</v>
      </c>
      <c r="U2967" s="2">
        <v>1.48</v>
      </c>
      <c r="V2967" s="2">
        <v>1.1870000000000001</v>
      </c>
      <c r="W2967" s="2">
        <v>7.0000000000000001E-3</v>
      </c>
      <c r="X2967" s="2">
        <v>82.9</v>
      </c>
      <c r="Y2967" s="2">
        <v>7.6</v>
      </c>
      <c r="Z2967" s="2">
        <v>10.6</v>
      </c>
      <c r="AA2967" s="5"/>
      <c r="AB2967" s="5" t="s">
        <v>43</v>
      </c>
      <c r="AC2967" s="5" t="s">
        <v>44</v>
      </c>
      <c r="AD2967" s="2"/>
      <c r="AE2967" s="1"/>
    </row>
    <row r="2968" spans="1:31" ht="14.45">
      <c r="A2968" s="11"/>
      <c r="B2968" s="20"/>
      <c r="C2968" s="2" t="s">
        <v>9357</v>
      </c>
      <c r="D2968" s="14" t="s">
        <v>9358</v>
      </c>
      <c r="E2968" s="2" t="s">
        <v>9359</v>
      </c>
      <c r="F2968" s="2" t="s">
        <v>7551</v>
      </c>
      <c r="G2968" s="8">
        <v>109</v>
      </c>
      <c r="H2968" s="5">
        <v>6</v>
      </c>
      <c r="I2968" s="5" t="s">
        <v>1518</v>
      </c>
      <c r="J2968" s="5" t="s">
        <v>1519</v>
      </c>
      <c r="K2968" s="2" t="s">
        <v>1520</v>
      </c>
      <c r="L2968" s="5" t="s">
        <v>1519</v>
      </c>
      <c r="M2968" s="2" t="s">
        <v>1520</v>
      </c>
      <c r="N2968" s="5" t="s">
        <v>1521</v>
      </c>
      <c r="O2968" s="5" t="s">
        <v>38</v>
      </c>
      <c r="P2968" s="5" t="s">
        <v>39</v>
      </c>
      <c r="Q2968" s="5" t="s">
        <v>40</v>
      </c>
      <c r="R2968" s="5" t="s">
        <v>1522</v>
      </c>
      <c r="S2968" s="5" t="s">
        <v>1523</v>
      </c>
      <c r="T2968" s="5" t="s">
        <v>42</v>
      </c>
      <c r="U2968" s="2">
        <v>1.514</v>
      </c>
      <c r="V2968" s="2">
        <v>1.2210000000000001</v>
      </c>
      <c r="W2968" s="2">
        <v>7.0000000000000001E-3</v>
      </c>
      <c r="X2968" s="2">
        <v>82.9</v>
      </c>
      <c r="Y2968" s="2">
        <v>7.6</v>
      </c>
      <c r="Z2968" s="2">
        <v>10.6</v>
      </c>
      <c r="AA2968" s="5"/>
      <c r="AB2968" s="5" t="s">
        <v>43</v>
      </c>
      <c r="AC2968" s="5" t="s">
        <v>44</v>
      </c>
      <c r="AD2968" s="2"/>
      <c r="AE2968" s="1"/>
    </row>
    <row r="2969" spans="1:31" ht="14.45">
      <c r="A2969" s="11"/>
      <c r="B2969" s="20"/>
      <c r="C2969" s="2" t="s">
        <v>9360</v>
      </c>
      <c r="D2969" s="14" t="s">
        <v>9361</v>
      </c>
      <c r="E2969" s="2" t="s">
        <v>9362</v>
      </c>
      <c r="F2969" s="2" t="s">
        <v>7555</v>
      </c>
      <c r="G2969" s="8">
        <v>109</v>
      </c>
      <c r="H2969" s="5">
        <v>6</v>
      </c>
      <c r="I2969" s="5" t="s">
        <v>1518</v>
      </c>
      <c r="J2969" s="5" t="s">
        <v>1519</v>
      </c>
      <c r="K2969" s="2" t="s">
        <v>1520</v>
      </c>
      <c r="L2969" s="5" t="s">
        <v>1519</v>
      </c>
      <c r="M2969" s="2" t="s">
        <v>1520</v>
      </c>
      <c r="N2969" s="5" t="s">
        <v>1521</v>
      </c>
      <c r="O2969" s="5" t="s">
        <v>38</v>
      </c>
      <c r="P2969" s="5" t="s">
        <v>39</v>
      </c>
      <c r="Q2969" s="5" t="s">
        <v>40</v>
      </c>
      <c r="R2969" s="5" t="s">
        <v>1522</v>
      </c>
      <c r="S2969" s="5" t="s">
        <v>1523</v>
      </c>
      <c r="T2969" s="5" t="s">
        <v>42</v>
      </c>
      <c r="U2969" s="2">
        <v>1.48</v>
      </c>
      <c r="V2969" s="2">
        <v>1.1870000000000001</v>
      </c>
      <c r="W2969" s="2">
        <v>7.0000000000000001E-3</v>
      </c>
      <c r="X2969" s="2">
        <v>82.9</v>
      </c>
      <c r="Y2969" s="2">
        <v>7.6</v>
      </c>
      <c r="Z2969" s="2">
        <v>10.6</v>
      </c>
      <c r="AA2969" s="5"/>
      <c r="AB2969" s="5" t="s">
        <v>43</v>
      </c>
      <c r="AC2969" s="5" t="s">
        <v>44</v>
      </c>
      <c r="AD2969" s="2"/>
      <c r="AE2969" s="1"/>
    </row>
    <row r="2970" spans="1:31" ht="14.45">
      <c r="A2970" s="11"/>
      <c r="B2970" s="20"/>
      <c r="C2970" s="2" t="s">
        <v>9363</v>
      </c>
      <c r="D2970" s="14" t="s">
        <v>9364</v>
      </c>
      <c r="E2970" s="2" t="s">
        <v>9365</v>
      </c>
      <c r="F2970" s="2" t="s">
        <v>7559</v>
      </c>
      <c r="G2970" s="8">
        <v>109</v>
      </c>
      <c r="H2970" s="5">
        <v>6</v>
      </c>
      <c r="I2970" s="5" t="s">
        <v>1518</v>
      </c>
      <c r="J2970" s="5" t="s">
        <v>1519</v>
      </c>
      <c r="K2970" s="2" t="s">
        <v>1520</v>
      </c>
      <c r="L2970" s="5" t="s">
        <v>1519</v>
      </c>
      <c r="M2970" s="2" t="s">
        <v>1520</v>
      </c>
      <c r="N2970" s="5" t="s">
        <v>1521</v>
      </c>
      <c r="O2970" s="5" t="s">
        <v>38</v>
      </c>
      <c r="P2970" s="5" t="s">
        <v>39</v>
      </c>
      <c r="Q2970" s="5" t="s">
        <v>40</v>
      </c>
      <c r="R2970" s="5" t="s">
        <v>1522</v>
      </c>
      <c r="S2970" s="5" t="s">
        <v>1523</v>
      </c>
      <c r="T2970" s="5" t="s">
        <v>42</v>
      </c>
      <c r="U2970" s="2">
        <v>1.514</v>
      </c>
      <c r="V2970" s="2">
        <v>1.2210000000000001</v>
      </c>
      <c r="W2970" s="2">
        <v>7.0000000000000001E-3</v>
      </c>
      <c r="X2970" s="2">
        <v>82.9</v>
      </c>
      <c r="Y2970" s="2">
        <v>7.6</v>
      </c>
      <c r="Z2970" s="2">
        <v>10.6</v>
      </c>
      <c r="AA2970" s="5"/>
      <c r="AB2970" s="5" t="s">
        <v>43</v>
      </c>
      <c r="AC2970" s="5" t="s">
        <v>44</v>
      </c>
      <c r="AD2970" s="2"/>
      <c r="AE2970" s="1"/>
    </row>
    <row r="2971" spans="1:31" ht="14.45">
      <c r="A2971" s="11"/>
      <c r="B2971" s="20"/>
      <c r="C2971" s="2" t="s">
        <v>9366</v>
      </c>
      <c r="D2971" s="14" t="s">
        <v>9367</v>
      </c>
      <c r="E2971" s="2" t="s">
        <v>9368</v>
      </c>
      <c r="F2971" s="2" t="s">
        <v>7563</v>
      </c>
      <c r="G2971" s="8">
        <v>109</v>
      </c>
      <c r="H2971" s="5">
        <v>6</v>
      </c>
      <c r="I2971" s="5" t="s">
        <v>1518</v>
      </c>
      <c r="J2971" s="5" t="s">
        <v>1519</v>
      </c>
      <c r="K2971" s="2" t="s">
        <v>1520</v>
      </c>
      <c r="L2971" s="5" t="s">
        <v>1519</v>
      </c>
      <c r="M2971" s="2" t="s">
        <v>1520</v>
      </c>
      <c r="N2971" s="5" t="s">
        <v>1521</v>
      </c>
      <c r="O2971" s="5" t="s">
        <v>38</v>
      </c>
      <c r="P2971" s="5" t="s">
        <v>39</v>
      </c>
      <c r="Q2971" s="5" t="s">
        <v>40</v>
      </c>
      <c r="R2971" s="5" t="s">
        <v>1522</v>
      </c>
      <c r="S2971" s="5" t="s">
        <v>1523</v>
      </c>
      <c r="T2971" s="5" t="s">
        <v>42</v>
      </c>
      <c r="U2971" s="2">
        <v>1.4950000000000001</v>
      </c>
      <c r="V2971" s="2">
        <v>1.202</v>
      </c>
      <c r="W2971" s="2">
        <v>7.0000000000000001E-3</v>
      </c>
      <c r="X2971" s="2">
        <v>82.9</v>
      </c>
      <c r="Y2971" s="2">
        <v>7.6</v>
      </c>
      <c r="Z2971" s="2">
        <v>10.6</v>
      </c>
      <c r="AA2971" s="5"/>
      <c r="AB2971" s="5" t="s">
        <v>43</v>
      </c>
      <c r="AC2971" s="5" t="s">
        <v>44</v>
      </c>
      <c r="AD2971" s="2"/>
      <c r="AE2971" s="1"/>
    </row>
    <row r="2972" spans="1:31" ht="14.45">
      <c r="A2972" s="11"/>
      <c r="B2972" s="20"/>
      <c r="C2972" s="2" t="s">
        <v>9369</v>
      </c>
      <c r="D2972" s="14" t="s">
        <v>9370</v>
      </c>
      <c r="E2972" s="2" t="s">
        <v>9371</v>
      </c>
      <c r="F2972" s="2" t="s">
        <v>7567</v>
      </c>
      <c r="G2972" s="8">
        <v>109</v>
      </c>
      <c r="H2972" s="5">
        <v>6</v>
      </c>
      <c r="I2972" s="5" t="s">
        <v>1518</v>
      </c>
      <c r="J2972" s="5" t="s">
        <v>1519</v>
      </c>
      <c r="K2972" s="2" t="s">
        <v>1520</v>
      </c>
      <c r="L2972" s="5" t="s">
        <v>1519</v>
      </c>
      <c r="M2972" s="2" t="s">
        <v>1520</v>
      </c>
      <c r="N2972" s="5" t="s">
        <v>1521</v>
      </c>
      <c r="O2972" s="5" t="s">
        <v>38</v>
      </c>
      <c r="P2972" s="5" t="s">
        <v>39</v>
      </c>
      <c r="Q2972" s="5" t="s">
        <v>40</v>
      </c>
      <c r="R2972" s="5" t="s">
        <v>1522</v>
      </c>
      <c r="S2972" s="5" t="s">
        <v>1523</v>
      </c>
      <c r="T2972" s="5" t="s">
        <v>42</v>
      </c>
      <c r="U2972" s="2">
        <v>1.5289999999999999</v>
      </c>
      <c r="V2972" s="2">
        <v>1.236</v>
      </c>
      <c r="W2972" s="2">
        <v>7.0000000000000001E-3</v>
      </c>
      <c r="X2972" s="2">
        <v>82.9</v>
      </c>
      <c r="Y2972" s="2">
        <v>7.6</v>
      </c>
      <c r="Z2972" s="2">
        <v>10.6</v>
      </c>
      <c r="AA2972" s="5"/>
      <c r="AB2972" s="5" t="s">
        <v>43</v>
      </c>
      <c r="AC2972" s="5" t="s">
        <v>44</v>
      </c>
      <c r="AD2972" s="2"/>
      <c r="AE2972" s="1"/>
    </row>
    <row r="2973" spans="1:31" ht="14.45">
      <c r="A2973" s="11"/>
      <c r="B2973" s="20"/>
      <c r="C2973" s="2" t="s">
        <v>9372</v>
      </c>
      <c r="D2973" s="14" t="s">
        <v>9373</v>
      </c>
      <c r="E2973" s="2" t="s">
        <v>9374</v>
      </c>
      <c r="F2973" s="2" t="s">
        <v>7429</v>
      </c>
      <c r="G2973" s="8">
        <v>109</v>
      </c>
      <c r="H2973" s="5">
        <v>6</v>
      </c>
      <c r="I2973" s="5" t="s">
        <v>1518</v>
      </c>
      <c r="J2973" s="5" t="s">
        <v>1519</v>
      </c>
      <c r="K2973" s="2" t="s">
        <v>1520</v>
      </c>
      <c r="L2973" s="5" t="s">
        <v>1519</v>
      </c>
      <c r="M2973" s="2" t="s">
        <v>1520</v>
      </c>
      <c r="N2973" s="5" t="s">
        <v>1521</v>
      </c>
      <c r="O2973" s="5" t="s">
        <v>38</v>
      </c>
      <c r="P2973" s="5" t="s">
        <v>39</v>
      </c>
      <c r="Q2973" s="5" t="s">
        <v>40</v>
      </c>
      <c r="R2973" s="5" t="s">
        <v>1522</v>
      </c>
      <c r="S2973" s="5" t="s">
        <v>1523</v>
      </c>
      <c r="T2973" s="5" t="s">
        <v>42</v>
      </c>
      <c r="U2973" s="2">
        <v>1.4950000000000001</v>
      </c>
      <c r="V2973" s="2">
        <v>1.202</v>
      </c>
      <c r="W2973" s="2">
        <v>7.0000000000000001E-3</v>
      </c>
      <c r="X2973" s="2">
        <v>82.9</v>
      </c>
      <c r="Y2973" s="2">
        <v>7.6</v>
      </c>
      <c r="Z2973" s="2">
        <v>10.6</v>
      </c>
      <c r="AA2973" s="5"/>
      <c r="AB2973" s="5" t="s">
        <v>43</v>
      </c>
      <c r="AC2973" s="5" t="s">
        <v>44</v>
      </c>
      <c r="AD2973" s="2"/>
      <c r="AE2973" s="1"/>
    </row>
    <row r="2974" spans="1:31" ht="14.45">
      <c r="A2974" s="11"/>
      <c r="B2974" s="20"/>
      <c r="C2974" s="2" t="s">
        <v>9375</v>
      </c>
      <c r="D2974" s="14" t="s">
        <v>9376</v>
      </c>
      <c r="E2974" s="2" t="s">
        <v>9377</v>
      </c>
      <c r="F2974" s="2" t="s">
        <v>7574</v>
      </c>
      <c r="G2974" s="8">
        <v>109</v>
      </c>
      <c r="H2974" s="5">
        <v>6</v>
      </c>
      <c r="I2974" s="5" t="s">
        <v>1518</v>
      </c>
      <c r="J2974" s="5" t="s">
        <v>1519</v>
      </c>
      <c r="K2974" s="2" t="s">
        <v>1520</v>
      </c>
      <c r="L2974" s="5" t="s">
        <v>1519</v>
      </c>
      <c r="M2974" s="2" t="s">
        <v>1520</v>
      </c>
      <c r="N2974" s="5" t="s">
        <v>1521</v>
      </c>
      <c r="O2974" s="5" t="s">
        <v>38</v>
      </c>
      <c r="P2974" s="5" t="s">
        <v>39</v>
      </c>
      <c r="Q2974" s="5" t="s">
        <v>40</v>
      </c>
      <c r="R2974" s="5" t="s">
        <v>1522</v>
      </c>
      <c r="S2974" s="5" t="s">
        <v>1523</v>
      </c>
      <c r="T2974" s="5" t="s">
        <v>42</v>
      </c>
      <c r="U2974" s="2">
        <v>1.5289999999999999</v>
      </c>
      <c r="V2974" s="2">
        <v>1.236</v>
      </c>
      <c r="W2974" s="2">
        <v>7.0000000000000001E-3</v>
      </c>
      <c r="X2974" s="2">
        <v>82.9</v>
      </c>
      <c r="Y2974" s="2">
        <v>7.6</v>
      </c>
      <c r="Z2974" s="2">
        <v>10.6</v>
      </c>
      <c r="AA2974" s="5"/>
      <c r="AB2974" s="5" t="s">
        <v>43</v>
      </c>
      <c r="AC2974" s="5" t="s">
        <v>44</v>
      </c>
      <c r="AD2974" s="2"/>
      <c r="AE2974" s="1"/>
    </row>
    <row r="2975" spans="1:31" ht="14.45">
      <c r="A2975" s="11"/>
      <c r="B2975" s="20"/>
      <c r="C2975" s="2" t="s">
        <v>9378</v>
      </c>
      <c r="D2975" s="14" t="s">
        <v>9379</v>
      </c>
      <c r="E2975" s="2" t="s">
        <v>9380</v>
      </c>
      <c r="F2975" s="2" t="s">
        <v>7449</v>
      </c>
      <c r="G2975" s="8">
        <v>109</v>
      </c>
      <c r="H2975" s="5">
        <v>6</v>
      </c>
      <c r="I2975" s="5" t="s">
        <v>1518</v>
      </c>
      <c r="J2975" s="5" t="s">
        <v>1519</v>
      </c>
      <c r="K2975" s="2" t="s">
        <v>1520</v>
      </c>
      <c r="L2975" s="5" t="s">
        <v>1519</v>
      </c>
      <c r="M2975" s="2" t="s">
        <v>1520</v>
      </c>
      <c r="N2975" s="5" t="s">
        <v>1521</v>
      </c>
      <c r="O2975" s="5" t="s">
        <v>38</v>
      </c>
      <c r="P2975" s="5" t="s">
        <v>39</v>
      </c>
      <c r="Q2975" s="5" t="s">
        <v>40</v>
      </c>
      <c r="R2975" s="5" t="s">
        <v>1522</v>
      </c>
      <c r="S2975" s="5" t="s">
        <v>1523</v>
      </c>
      <c r="T2975" s="5" t="s">
        <v>42</v>
      </c>
      <c r="U2975" s="2">
        <v>1.4950000000000001</v>
      </c>
      <c r="V2975" s="2">
        <v>1.202</v>
      </c>
      <c r="W2975" s="2">
        <v>7.0000000000000001E-3</v>
      </c>
      <c r="X2975" s="2">
        <v>82.9</v>
      </c>
      <c r="Y2975" s="2">
        <v>7.6</v>
      </c>
      <c r="Z2975" s="2">
        <v>10.6</v>
      </c>
      <c r="AA2975" s="5"/>
      <c r="AB2975" s="5" t="s">
        <v>43</v>
      </c>
      <c r="AC2975" s="5" t="s">
        <v>44</v>
      </c>
      <c r="AD2975" s="2"/>
      <c r="AE2975" s="1"/>
    </row>
    <row r="2976" spans="1:31" ht="14.45">
      <c r="A2976" s="11"/>
      <c r="B2976" s="20"/>
      <c r="C2976" s="2" t="s">
        <v>9381</v>
      </c>
      <c r="D2976" s="14" t="s">
        <v>9382</v>
      </c>
      <c r="E2976" s="2" t="s">
        <v>9383</v>
      </c>
      <c r="F2976" s="2" t="s">
        <v>7581</v>
      </c>
      <c r="G2976" s="8">
        <v>109</v>
      </c>
      <c r="H2976" s="5">
        <v>6</v>
      </c>
      <c r="I2976" s="5" t="s">
        <v>1518</v>
      </c>
      <c r="J2976" s="5" t="s">
        <v>1519</v>
      </c>
      <c r="K2976" s="2" t="s">
        <v>1520</v>
      </c>
      <c r="L2976" s="5" t="s">
        <v>1519</v>
      </c>
      <c r="M2976" s="2" t="s">
        <v>1520</v>
      </c>
      <c r="N2976" s="5" t="s">
        <v>1521</v>
      </c>
      <c r="O2976" s="5" t="s">
        <v>38</v>
      </c>
      <c r="P2976" s="5" t="s">
        <v>39</v>
      </c>
      <c r="Q2976" s="5" t="s">
        <v>40</v>
      </c>
      <c r="R2976" s="5" t="s">
        <v>1522</v>
      </c>
      <c r="S2976" s="5" t="s">
        <v>1523</v>
      </c>
      <c r="T2976" s="5" t="s">
        <v>42</v>
      </c>
      <c r="U2976" s="2">
        <v>1.5289999999999999</v>
      </c>
      <c r="V2976" s="2">
        <v>1.236</v>
      </c>
      <c r="W2976" s="2">
        <v>7.0000000000000001E-3</v>
      </c>
      <c r="X2976" s="2">
        <v>82.9</v>
      </c>
      <c r="Y2976" s="2">
        <v>7.6</v>
      </c>
      <c r="Z2976" s="2">
        <v>10.6</v>
      </c>
      <c r="AA2976" s="5"/>
      <c r="AB2976" s="5" t="s">
        <v>43</v>
      </c>
      <c r="AC2976" s="5" t="s">
        <v>44</v>
      </c>
      <c r="AD2976" s="2"/>
      <c r="AE2976" s="1"/>
    </row>
    <row r="2977" spans="1:31" ht="14.45">
      <c r="A2977" s="11"/>
      <c r="B2977" s="20"/>
      <c r="C2977" s="2" t="s">
        <v>9384</v>
      </c>
      <c r="D2977" s="14" t="s">
        <v>9385</v>
      </c>
      <c r="E2977" s="2" t="s">
        <v>9386</v>
      </c>
      <c r="F2977" s="2" t="s">
        <v>7585</v>
      </c>
      <c r="G2977" s="8">
        <v>109</v>
      </c>
      <c r="H2977" s="5">
        <v>6</v>
      </c>
      <c r="I2977" s="5" t="s">
        <v>1518</v>
      </c>
      <c r="J2977" s="5" t="s">
        <v>1519</v>
      </c>
      <c r="K2977" s="2" t="s">
        <v>1520</v>
      </c>
      <c r="L2977" s="5" t="s">
        <v>1519</v>
      </c>
      <c r="M2977" s="2" t="s">
        <v>1520</v>
      </c>
      <c r="N2977" s="5" t="s">
        <v>1521</v>
      </c>
      <c r="O2977" s="5" t="s">
        <v>38</v>
      </c>
      <c r="P2977" s="5" t="s">
        <v>39</v>
      </c>
      <c r="Q2977" s="5" t="s">
        <v>40</v>
      </c>
      <c r="R2977" s="5" t="s">
        <v>1522</v>
      </c>
      <c r="S2977" s="5" t="s">
        <v>1523</v>
      </c>
      <c r="T2977" s="5" t="s">
        <v>42</v>
      </c>
      <c r="U2977" s="2">
        <v>1.48</v>
      </c>
      <c r="V2977" s="2">
        <v>1.1870000000000001</v>
      </c>
      <c r="W2977" s="2">
        <v>7.0000000000000001E-3</v>
      </c>
      <c r="X2977" s="2">
        <v>82.9</v>
      </c>
      <c r="Y2977" s="2">
        <v>7.6</v>
      </c>
      <c r="Z2977" s="2">
        <v>10.6</v>
      </c>
      <c r="AA2977" s="5"/>
      <c r="AB2977" s="5" t="s">
        <v>43</v>
      </c>
      <c r="AC2977" s="5" t="s">
        <v>44</v>
      </c>
      <c r="AD2977" s="2"/>
      <c r="AE2977" s="1"/>
    </row>
    <row r="2978" spans="1:31" ht="14.45">
      <c r="A2978" s="11"/>
      <c r="B2978" s="20"/>
      <c r="C2978" s="2" t="s">
        <v>9387</v>
      </c>
      <c r="D2978" s="14" t="s">
        <v>9388</v>
      </c>
      <c r="E2978" s="2" t="s">
        <v>9389</v>
      </c>
      <c r="F2978" s="2" t="s">
        <v>7589</v>
      </c>
      <c r="G2978" s="8">
        <v>109</v>
      </c>
      <c r="H2978" s="5">
        <v>6</v>
      </c>
      <c r="I2978" s="5" t="s">
        <v>1518</v>
      </c>
      <c r="J2978" s="5" t="s">
        <v>1519</v>
      </c>
      <c r="K2978" s="2" t="s">
        <v>1520</v>
      </c>
      <c r="L2978" s="5" t="s">
        <v>1519</v>
      </c>
      <c r="M2978" s="2" t="s">
        <v>1520</v>
      </c>
      <c r="N2978" s="5" t="s">
        <v>1521</v>
      </c>
      <c r="O2978" s="5" t="s">
        <v>38</v>
      </c>
      <c r="P2978" s="5" t="s">
        <v>39</v>
      </c>
      <c r="Q2978" s="5" t="s">
        <v>40</v>
      </c>
      <c r="R2978" s="5" t="s">
        <v>1522</v>
      </c>
      <c r="S2978" s="5" t="s">
        <v>1523</v>
      </c>
      <c r="T2978" s="5" t="s">
        <v>42</v>
      </c>
      <c r="U2978" s="2">
        <v>1.514</v>
      </c>
      <c r="V2978" s="2">
        <v>1.2210000000000001</v>
      </c>
      <c r="W2978" s="2">
        <v>7.0000000000000001E-3</v>
      </c>
      <c r="X2978" s="2">
        <v>82.9</v>
      </c>
      <c r="Y2978" s="2">
        <v>7.6</v>
      </c>
      <c r="Z2978" s="2">
        <v>10.6</v>
      </c>
      <c r="AA2978" s="5"/>
      <c r="AB2978" s="5" t="s">
        <v>43</v>
      </c>
      <c r="AC2978" s="5" t="s">
        <v>44</v>
      </c>
      <c r="AD2978" s="2"/>
      <c r="AE2978" s="1"/>
    </row>
    <row r="2979" spans="1:31" ht="14.45">
      <c r="A2979" s="11"/>
      <c r="B2979" s="20"/>
      <c r="C2979" s="2" t="s">
        <v>9390</v>
      </c>
      <c r="D2979" s="14" t="s">
        <v>9391</v>
      </c>
      <c r="E2979" s="2" t="s">
        <v>9392</v>
      </c>
      <c r="F2979" s="2" t="s">
        <v>7593</v>
      </c>
      <c r="G2979" s="8">
        <v>109</v>
      </c>
      <c r="H2979" s="5">
        <v>6</v>
      </c>
      <c r="I2979" s="5" t="s">
        <v>1518</v>
      </c>
      <c r="J2979" s="5" t="s">
        <v>1519</v>
      </c>
      <c r="K2979" s="2" t="s">
        <v>1520</v>
      </c>
      <c r="L2979" s="5" t="s">
        <v>1519</v>
      </c>
      <c r="M2979" s="2" t="s">
        <v>1520</v>
      </c>
      <c r="N2979" s="5" t="s">
        <v>1521</v>
      </c>
      <c r="O2979" s="5" t="s">
        <v>38</v>
      </c>
      <c r="P2979" s="5" t="s">
        <v>39</v>
      </c>
      <c r="Q2979" s="5" t="s">
        <v>40</v>
      </c>
      <c r="R2979" s="5" t="s">
        <v>1522</v>
      </c>
      <c r="S2979" s="5" t="s">
        <v>1523</v>
      </c>
      <c r="T2979" s="5" t="s">
        <v>42</v>
      </c>
      <c r="U2979" s="2">
        <v>1.4950000000000001</v>
      </c>
      <c r="V2979" s="2">
        <v>1.202</v>
      </c>
      <c r="W2979" s="2">
        <v>7.0000000000000001E-3</v>
      </c>
      <c r="X2979" s="2">
        <v>82.9</v>
      </c>
      <c r="Y2979" s="2">
        <v>7.6</v>
      </c>
      <c r="Z2979" s="2">
        <v>10.6</v>
      </c>
      <c r="AA2979" s="5"/>
      <c r="AB2979" s="5" t="s">
        <v>43</v>
      </c>
      <c r="AC2979" s="5" t="s">
        <v>44</v>
      </c>
      <c r="AD2979" s="2"/>
      <c r="AE2979" s="1"/>
    </row>
    <row r="2980" spans="1:31" ht="14.45">
      <c r="A2980" s="11"/>
      <c r="B2980" s="20"/>
      <c r="C2980" s="2" t="s">
        <v>9393</v>
      </c>
      <c r="D2980" s="14" t="s">
        <v>9394</v>
      </c>
      <c r="E2980" s="2" t="s">
        <v>9395</v>
      </c>
      <c r="F2980" s="2" t="s">
        <v>7597</v>
      </c>
      <c r="G2980" s="8">
        <v>109</v>
      </c>
      <c r="H2980" s="5">
        <v>6</v>
      </c>
      <c r="I2980" s="5" t="s">
        <v>1518</v>
      </c>
      <c r="J2980" s="5" t="s">
        <v>1519</v>
      </c>
      <c r="K2980" s="2" t="s">
        <v>1520</v>
      </c>
      <c r="L2980" s="5" t="s">
        <v>1519</v>
      </c>
      <c r="M2980" s="2" t="s">
        <v>1520</v>
      </c>
      <c r="N2980" s="5" t="s">
        <v>1521</v>
      </c>
      <c r="O2980" s="5" t="s">
        <v>38</v>
      </c>
      <c r="P2980" s="5" t="s">
        <v>39</v>
      </c>
      <c r="Q2980" s="5" t="s">
        <v>40</v>
      </c>
      <c r="R2980" s="5" t="s">
        <v>1522</v>
      </c>
      <c r="S2980" s="5" t="s">
        <v>1523</v>
      </c>
      <c r="T2980" s="5" t="s">
        <v>42</v>
      </c>
      <c r="U2980" s="2">
        <v>1.5289999999999999</v>
      </c>
      <c r="V2980" s="2">
        <v>1.236</v>
      </c>
      <c r="W2980" s="2">
        <v>7.0000000000000001E-3</v>
      </c>
      <c r="X2980" s="2">
        <v>82.9</v>
      </c>
      <c r="Y2980" s="2">
        <v>7.6</v>
      </c>
      <c r="Z2980" s="2">
        <v>10.6</v>
      </c>
      <c r="AA2980" s="5"/>
      <c r="AB2980" s="5" t="s">
        <v>43</v>
      </c>
      <c r="AC2980" s="5" t="s">
        <v>44</v>
      </c>
      <c r="AD2980" s="2"/>
      <c r="AE2980" s="1"/>
    </row>
    <row r="2981" spans="1:31" ht="14.45">
      <c r="A2981" s="11"/>
      <c r="B2981" s="20"/>
      <c r="C2981" s="2" t="s">
        <v>9396</v>
      </c>
      <c r="D2981" s="14" t="s">
        <v>9397</v>
      </c>
      <c r="E2981" s="2" t="s">
        <v>9398</v>
      </c>
      <c r="F2981" s="2" t="s">
        <v>7410</v>
      </c>
      <c r="G2981" s="8">
        <v>109</v>
      </c>
      <c r="H2981" s="5">
        <v>6</v>
      </c>
      <c r="I2981" s="5" t="s">
        <v>1518</v>
      </c>
      <c r="J2981" s="5" t="s">
        <v>1519</v>
      </c>
      <c r="K2981" s="2" t="s">
        <v>1520</v>
      </c>
      <c r="L2981" s="5" t="s">
        <v>1519</v>
      </c>
      <c r="M2981" s="2" t="s">
        <v>1520</v>
      </c>
      <c r="N2981" s="5" t="s">
        <v>1521</v>
      </c>
      <c r="O2981" s="5" t="s">
        <v>38</v>
      </c>
      <c r="P2981" s="5" t="s">
        <v>39</v>
      </c>
      <c r="Q2981" s="5" t="s">
        <v>40</v>
      </c>
      <c r="R2981" s="5" t="s">
        <v>1522</v>
      </c>
      <c r="S2981" s="5" t="s">
        <v>1523</v>
      </c>
      <c r="T2981" s="5" t="s">
        <v>42</v>
      </c>
      <c r="U2981" s="2">
        <v>1.4950000000000001</v>
      </c>
      <c r="V2981" s="2">
        <v>1.202</v>
      </c>
      <c r="W2981" s="2">
        <v>7.0000000000000001E-3</v>
      </c>
      <c r="X2981" s="2">
        <v>82.9</v>
      </c>
      <c r="Y2981" s="2">
        <v>7.6</v>
      </c>
      <c r="Z2981" s="2">
        <v>10.6</v>
      </c>
      <c r="AA2981" s="5"/>
      <c r="AB2981" s="5" t="s">
        <v>43</v>
      </c>
      <c r="AC2981" s="5" t="s">
        <v>44</v>
      </c>
      <c r="AD2981" s="2"/>
      <c r="AE2981" s="1"/>
    </row>
    <row r="2982" spans="1:31" ht="14.45">
      <c r="A2982" s="11"/>
      <c r="B2982" s="20"/>
      <c r="C2982" s="2" t="s">
        <v>9399</v>
      </c>
      <c r="D2982" s="14" t="s">
        <v>9400</v>
      </c>
      <c r="E2982" s="2" t="s">
        <v>9401</v>
      </c>
      <c r="F2982" s="2" t="s">
        <v>7604</v>
      </c>
      <c r="G2982" s="8">
        <v>109</v>
      </c>
      <c r="H2982" s="5">
        <v>6</v>
      </c>
      <c r="I2982" s="5" t="s">
        <v>1518</v>
      </c>
      <c r="J2982" s="5" t="s">
        <v>1519</v>
      </c>
      <c r="K2982" s="2" t="s">
        <v>1520</v>
      </c>
      <c r="L2982" s="5" t="s">
        <v>1519</v>
      </c>
      <c r="M2982" s="2" t="s">
        <v>1520</v>
      </c>
      <c r="N2982" s="5" t="s">
        <v>1521</v>
      </c>
      <c r="O2982" s="5" t="s">
        <v>38</v>
      </c>
      <c r="P2982" s="5" t="s">
        <v>39</v>
      </c>
      <c r="Q2982" s="5" t="s">
        <v>40</v>
      </c>
      <c r="R2982" s="5" t="s">
        <v>1522</v>
      </c>
      <c r="S2982" s="5" t="s">
        <v>1523</v>
      </c>
      <c r="T2982" s="5" t="s">
        <v>42</v>
      </c>
      <c r="U2982" s="2">
        <v>1.5289999999999999</v>
      </c>
      <c r="V2982" s="2">
        <v>1.236</v>
      </c>
      <c r="W2982" s="2">
        <v>7.0000000000000001E-3</v>
      </c>
      <c r="X2982" s="2">
        <v>82.9</v>
      </c>
      <c r="Y2982" s="2">
        <v>7.6</v>
      </c>
      <c r="Z2982" s="2">
        <v>10.6</v>
      </c>
      <c r="AA2982" s="5"/>
      <c r="AB2982" s="5" t="s">
        <v>43</v>
      </c>
      <c r="AC2982" s="5" t="s">
        <v>44</v>
      </c>
      <c r="AD2982" s="2"/>
      <c r="AE2982" s="1"/>
    </row>
    <row r="2983" spans="1:31" ht="14.45">
      <c r="A2983" s="11"/>
      <c r="B2983" s="20"/>
      <c r="C2983" s="2" t="s">
        <v>9402</v>
      </c>
      <c r="D2983" s="14" t="s">
        <v>9403</v>
      </c>
      <c r="E2983" s="2" t="s">
        <v>9404</v>
      </c>
      <c r="F2983" s="2" t="s">
        <v>7433</v>
      </c>
      <c r="G2983" s="8">
        <v>109</v>
      </c>
      <c r="H2983" s="5">
        <v>6</v>
      </c>
      <c r="I2983" s="5" t="s">
        <v>1518</v>
      </c>
      <c r="J2983" s="5" t="s">
        <v>1519</v>
      </c>
      <c r="K2983" s="2" t="s">
        <v>1520</v>
      </c>
      <c r="L2983" s="5" t="s">
        <v>1519</v>
      </c>
      <c r="M2983" s="2" t="s">
        <v>1520</v>
      </c>
      <c r="N2983" s="5" t="s">
        <v>1521</v>
      </c>
      <c r="O2983" s="5" t="s">
        <v>38</v>
      </c>
      <c r="P2983" s="5" t="s">
        <v>39</v>
      </c>
      <c r="Q2983" s="5" t="s">
        <v>40</v>
      </c>
      <c r="R2983" s="5" t="s">
        <v>1522</v>
      </c>
      <c r="S2983" s="5" t="s">
        <v>1523</v>
      </c>
      <c r="T2983" s="5" t="s">
        <v>42</v>
      </c>
      <c r="U2983" s="2">
        <v>1.4950000000000001</v>
      </c>
      <c r="V2983" s="2">
        <v>1.202</v>
      </c>
      <c r="W2983" s="2">
        <v>7.0000000000000001E-3</v>
      </c>
      <c r="X2983" s="2">
        <v>82.9</v>
      </c>
      <c r="Y2983" s="2">
        <v>7.6</v>
      </c>
      <c r="Z2983" s="2">
        <v>10.6</v>
      </c>
      <c r="AA2983" s="5"/>
      <c r="AB2983" s="5" t="s">
        <v>43</v>
      </c>
      <c r="AC2983" s="5" t="s">
        <v>44</v>
      </c>
      <c r="AD2983" s="2"/>
      <c r="AE2983" s="1"/>
    </row>
    <row r="2984" spans="1:31" ht="14.45">
      <c r="A2984" s="11"/>
      <c r="B2984" s="20"/>
      <c r="C2984" s="2" t="s">
        <v>9405</v>
      </c>
      <c r="D2984" s="14" t="s">
        <v>9406</v>
      </c>
      <c r="E2984" s="2" t="s">
        <v>9407</v>
      </c>
      <c r="F2984" s="2" t="s">
        <v>7611</v>
      </c>
      <c r="G2984" s="8">
        <v>109</v>
      </c>
      <c r="H2984" s="5">
        <v>6</v>
      </c>
      <c r="I2984" s="5" t="s">
        <v>1518</v>
      </c>
      <c r="J2984" s="5" t="s">
        <v>1519</v>
      </c>
      <c r="K2984" s="2" t="s">
        <v>1520</v>
      </c>
      <c r="L2984" s="5" t="s">
        <v>1519</v>
      </c>
      <c r="M2984" s="2" t="s">
        <v>1520</v>
      </c>
      <c r="N2984" s="5" t="s">
        <v>1521</v>
      </c>
      <c r="O2984" s="5" t="s">
        <v>38</v>
      </c>
      <c r="P2984" s="5" t="s">
        <v>39</v>
      </c>
      <c r="Q2984" s="5" t="s">
        <v>40</v>
      </c>
      <c r="R2984" s="5" t="s">
        <v>1522</v>
      </c>
      <c r="S2984" s="5" t="s">
        <v>1523</v>
      </c>
      <c r="T2984" s="5" t="s">
        <v>42</v>
      </c>
      <c r="U2984" s="2">
        <v>1.5289999999999999</v>
      </c>
      <c r="V2984" s="2">
        <v>1.236</v>
      </c>
      <c r="W2984" s="2">
        <v>7.0000000000000001E-3</v>
      </c>
      <c r="X2984" s="2">
        <v>82.9</v>
      </c>
      <c r="Y2984" s="2">
        <v>7.6</v>
      </c>
      <c r="Z2984" s="2">
        <v>10.6</v>
      </c>
      <c r="AA2984" s="5"/>
      <c r="AB2984" s="5" t="s">
        <v>43</v>
      </c>
      <c r="AC2984" s="5" t="s">
        <v>44</v>
      </c>
      <c r="AD2984" s="2"/>
      <c r="AE2984" s="1"/>
    </row>
    <row r="2985" spans="1:31" ht="14.45">
      <c r="A2985" s="11"/>
      <c r="B2985" s="20"/>
      <c r="C2985" s="2" t="s">
        <v>9408</v>
      </c>
      <c r="D2985" s="14" t="s">
        <v>9409</v>
      </c>
      <c r="E2985" s="2" t="s">
        <v>9410</v>
      </c>
      <c r="F2985" s="2" t="s">
        <v>7615</v>
      </c>
      <c r="G2985" s="8">
        <v>109</v>
      </c>
      <c r="H2985" s="5">
        <v>6</v>
      </c>
      <c r="I2985" s="5" t="s">
        <v>1518</v>
      </c>
      <c r="J2985" s="5" t="s">
        <v>1519</v>
      </c>
      <c r="K2985" s="2" t="s">
        <v>1520</v>
      </c>
      <c r="L2985" s="5" t="s">
        <v>1519</v>
      </c>
      <c r="M2985" s="2" t="s">
        <v>1520</v>
      </c>
      <c r="N2985" s="5" t="s">
        <v>1521</v>
      </c>
      <c r="O2985" s="5" t="s">
        <v>38</v>
      </c>
      <c r="P2985" s="5" t="s">
        <v>39</v>
      </c>
      <c r="Q2985" s="5" t="s">
        <v>40</v>
      </c>
      <c r="R2985" s="5" t="s">
        <v>1522</v>
      </c>
      <c r="S2985" s="5" t="s">
        <v>1523</v>
      </c>
      <c r="T2985" s="5" t="s">
        <v>42</v>
      </c>
      <c r="U2985" s="2">
        <v>1.48</v>
      </c>
      <c r="V2985" s="2">
        <v>1.1870000000000001</v>
      </c>
      <c r="W2985" s="2">
        <v>7.0000000000000001E-3</v>
      </c>
      <c r="X2985" s="2">
        <v>82.9</v>
      </c>
      <c r="Y2985" s="2">
        <v>7.6</v>
      </c>
      <c r="Z2985" s="2">
        <v>10.6</v>
      </c>
      <c r="AA2985" s="5"/>
      <c r="AB2985" s="5" t="s">
        <v>43</v>
      </c>
      <c r="AC2985" s="5" t="s">
        <v>44</v>
      </c>
      <c r="AD2985" s="2"/>
      <c r="AE2985" s="1"/>
    </row>
    <row r="2986" spans="1:31" ht="14.45">
      <c r="A2986" s="11"/>
      <c r="B2986" s="20"/>
      <c r="C2986" s="2" t="s">
        <v>9411</v>
      </c>
      <c r="D2986" s="14" t="s">
        <v>9412</v>
      </c>
      <c r="E2986" s="2" t="s">
        <v>9413</v>
      </c>
      <c r="F2986" s="2" t="s">
        <v>7619</v>
      </c>
      <c r="G2986" s="8">
        <v>109</v>
      </c>
      <c r="H2986" s="5">
        <v>6</v>
      </c>
      <c r="I2986" s="5" t="s">
        <v>1518</v>
      </c>
      <c r="J2986" s="5" t="s">
        <v>1519</v>
      </c>
      <c r="K2986" s="2" t="s">
        <v>1520</v>
      </c>
      <c r="L2986" s="5" t="s">
        <v>1519</v>
      </c>
      <c r="M2986" s="2" t="s">
        <v>1520</v>
      </c>
      <c r="N2986" s="5" t="s">
        <v>1521</v>
      </c>
      <c r="O2986" s="5" t="s">
        <v>38</v>
      </c>
      <c r="P2986" s="5" t="s">
        <v>39</v>
      </c>
      <c r="Q2986" s="5" t="s">
        <v>40</v>
      </c>
      <c r="R2986" s="5" t="s">
        <v>1522</v>
      </c>
      <c r="S2986" s="5" t="s">
        <v>1523</v>
      </c>
      <c r="T2986" s="5" t="s">
        <v>42</v>
      </c>
      <c r="U2986" s="2">
        <v>1.514</v>
      </c>
      <c r="V2986" s="2">
        <v>1.2210000000000001</v>
      </c>
      <c r="W2986" s="2">
        <v>7.0000000000000001E-3</v>
      </c>
      <c r="X2986" s="2">
        <v>82.9</v>
      </c>
      <c r="Y2986" s="2">
        <v>7.6</v>
      </c>
      <c r="Z2986" s="2">
        <v>10.6</v>
      </c>
      <c r="AA2986" s="5"/>
      <c r="AB2986" s="5" t="s">
        <v>43</v>
      </c>
      <c r="AC2986" s="5" t="s">
        <v>44</v>
      </c>
      <c r="AD2986" s="2"/>
      <c r="AE2986" s="1"/>
    </row>
    <row r="2987" spans="1:31" ht="14.45">
      <c r="A2987" s="11"/>
      <c r="B2987" s="20"/>
      <c r="C2987" s="2" t="s">
        <v>9414</v>
      </c>
      <c r="D2987" s="14" t="s">
        <v>9415</v>
      </c>
      <c r="E2987" s="2" t="s">
        <v>9416</v>
      </c>
      <c r="F2987" s="2" t="s">
        <v>1823</v>
      </c>
      <c r="G2987" s="8">
        <v>109</v>
      </c>
      <c r="H2987" s="5">
        <v>8</v>
      </c>
      <c r="I2987" s="5" t="s">
        <v>1518</v>
      </c>
      <c r="J2987" s="5" t="s">
        <v>1519</v>
      </c>
      <c r="K2987" s="2" t="s">
        <v>1520</v>
      </c>
      <c r="L2987" s="5" t="s">
        <v>1519</v>
      </c>
      <c r="M2987" s="2" t="s">
        <v>1520</v>
      </c>
      <c r="N2987" s="5" t="s">
        <v>1521</v>
      </c>
      <c r="O2987" s="5" t="s">
        <v>38</v>
      </c>
      <c r="P2987" s="5" t="s">
        <v>39</v>
      </c>
      <c r="Q2987" s="5" t="s">
        <v>40</v>
      </c>
      <c r="R2987" s="5" t="s">
        <v>1522</v>
      </c>
      <c r="S2987" s="5" t="s">
        <v>1523</v>
      </c>
      <c r="T2987" s="5" t="s">
        <v>42</v>
      </c>
      <c r="U2987" s="2">
        <v>1.506</v>
      </c>
      <c r="V2987" s="2">
        <v>1.2130000000000001</v>
      </c>
      <c r="W2987" s="2">
        <v>7.0000000000000001E-3</v>
      </c>
      <c r="X2987" s="2">
        <v>82.9</v>
      </c>
      <c r="Y2987" s="2">
        <v>7.6</v>
      </c>
      <c r="Z2987" s="2">
        <v>10.6</v>
      </c>
      <c r="AA2987" s="5"/>
      <c r="AB2987" s="5" t="s">
        <v>43</v>
      </c>
      <c r="AC2987" s="5" t="s">
        <v>44</v>
      </c>
      <c r="AD2987" s="2"/>
      <c r="AE2987" s="1"/>
    </row>
    <row r="2988" spans="1:31" ht="14.45">
      <c r="A2988" s="11"/>
      <c r="B2988" s="20"/>
      <c r="C2988" s="2" t="s">
        <v>9417</v>
      </c>
      <c r="D2988" s="14" t="s">
        <v>9418</v>
      </c>
      <c r="E2988" s="2" t="s">
        <v>9419</v>
      </c>
      <c r="F2988" s="2" t="s">
        <v>1827</v>
      </c>
      <c r="G2988" s="8">
        <v>109</v>
      </c>
      <c r="H2988" s="5">
        <v>8</v>
      </c>
      <c r="I2988" s="5" t="s">
        <v>1518</v>
      </c>
      <c r="J2988" s="5" t="s">
        <v>1519</v>
      </c>
      <c r="K2988" s="2" t="s">
        <v>1520</v>
      </c>
      <c r="L2988" s="5" t="s">
        <v>1519</v>
      </c>
      <c r="M2988" s="2" t="s">
        <v>1520</v>
      </c>
      <c r="N2988" s="5" t="s">
        <v>1521</v>
      </c>
      <c r="O2988" s="5" t="s">
        <v>38</v>
      </c>
      <c r="P2988" s="5" t="s">
        <v>39</v>
      </c>
      <c r="Q2988" s="5" t="s">
        <v>40</v>
      </c>
      <c r="R2988" s="5" t="s">
        <v>1522</v>
      </c>
      <c r="S2988" s="5" t="s">
        <v>1523</v>
      </c>
      <c r="T2988" s="5" t="s">
        <v>42</v>
      </c>
      <c r="U2988" s="2">
        <v>1.54</v>
      </c>
      <c r="V2988" s="2">
        <v>1.2470000000000001</v>
      </c>
      <c r="W2988" s="2">
        <v>7.0000000000000001E-3</v>
      </c>
      <c r="X2988" s="2">
        <v>82.9</v>
      </c>
      <c r="Y2988" s="2">
        <v>7.6</v>
      </c>
      <c r="Z2988" s="2">
        <v>10.6</v>
      </c>
      <c r="AA2988" s="5"/>
      <c r="AB2988" s="5" t="s">
        <v>43</v>
      </c>
      <c r="AC2988" s="5" t="s">
        <v>44</v>
      </c>
      <c r="AD2988" s="2"/>
      <c r="AE2988" s="1"/>
    </row>
    <row r="2989" spans="1:31" ht="14.45">
      <c r="A2989" s="11"/>
      <c r="B2989" s="20"/>
      <c r="C2989" s="2" t="s">
        <v>9420</v>
      </c>
      <c r="D2989" s="14" t="s">
        <v>9421</v>
      </c>
      <c r="E2989" s="2" t="s">
        <v>9422</v>
      </c>
      <c r="F2989" s="2" t="s">
        <v>1973</v>
      </c>
      <c r="G2989" s="8">
        <v>109</v>
      </c>
      <c r="H2989" s="5">
        <v>13</v>
      </c>
      <c r="I2989" s="5" t="s">
        <v>1518</v>
      </c>
      <c r="J2989" s="5" t="s">
        <v>1519</v>
      </c>
      <c r="K2989" s="2" t="s">
        <v>1520</v>
      </c>
      <c r="L2989" s="5" t="s">
        <v>1519</v>
      </c>
      <c r="M2989" s="2" t="s">
        <v>1520</v>
      </c>
      <c r="N2989" s="5" t="s">
        <v>1521</v>
      </c>
      <c r="O2989" s="5" t="s">
        <v>38</v>
      </c>
      <c r="P2989" s="5" t="s">
        <v>39</v>
      </c>
      <c r="Q2989" s="5" t="s">
        <v>40</v>
      </c>
      <c r="R2989" s="5" t="s">
        <v>1522</v>
      </c>
      <c r="S2989" s="5" t="s">
        <v>1523</v>
      </c>
      <c r="T2989" s="5" t="s">
        <v>42</v>
      </c>
      <c r="U2989" s="2">
        <v>1.532</v>
      </c>
      <c r="V2989" s="2">
        <v>1.2390000000000001</v>
      </c>
      <c r="W2989" s="2">
        <v>7.0000000000000001E-3</v>
      </c>
      <c r="X2989" s="2">
        <v>82.9</v>
      </c>
      <c r="Y2989" s="2">
        <v>7.6</v>
      </c>
      <c r="Z2989" s="2">
        <v>10.6</v>
      </c>
      <c r="AA2989" s="5"/>
      <c r="AB2989" s="5" t="s">
        <v>43</v>
      </c>
      <c r="AC2989" s="5" t="s">
        <v>44</v>
      </c>
      <c r="AD2989" s="2"/>
      <c r="AE2989" s="1"/>
    </row>
    <row r="2990" spans="1:31" ht="14.45">
      <c r="A2990" s="11"/>
      <c r="B2990" s="20"/>
      <c r="C2990" s="2" t="s">
        <v>9423</v>
      </c>
      <c r="D2990" s="14" t="s">
        <v>9424</v>
      </c>
      <c r="E2990" s="2" t="s">
        <v>9425</v>
      </c>
      <c r="F2990" s="2" t="s">
        <v>2348</v>
      </c>
      <c r="G2990" s="8">
        <v>109</v>
      </c>
      <c r="H2990" s="5">
        <v>13</v>
      </c>
      <c r="I2990" s="5" t="s">
        <v>1518</v>
      </c>
      <c r="J2990" s="5" t="s">
        <v>1519</v>
      </c>
      <c r="K2990" s="2" t="s">
        <v>1520</v>
      </c>
      <c r="L2990" s="5" t="s">
        <v>1519</v>
      </c>
      <c r="M2990" s="2" t="s">
        <v>1520</v>
      </c>
      <c r="N2990" s="5" t="s">
        <v>1521</v>
      </c>
      <c r="O2990" s="5" t="s">
        <v>38</v>
      </c>
      <c r="P2990" s="5" t="s">
        <v>39</v>
      </c>
      <c r="Q2990" s="5" t="s">
        <v>40</v>
      </c>
      <c r="R2990" s="5" t="s">
        <v>1522</v>
      </c>
      <c r="S2990" s="5" t="s">
        <v>1523</v>
      </c>
      <c r="T2990" s="5" t="s">
        <v>42</v>
      </c>
      <c r="U2990" s="2">
        <v>1.5660000000000001</v>
      </c>
      <c r="V2990" s="2">
        <v>1.2729999999999999</v>
      </c>
      <c r="W2990" s="2">
        <v>7.0000000000000001E-3</v>
      </c>
      <c r="X2990" s="2">
        <v>82.9</v>
      </c>
      <c r="Y2990" s="2">
        <v>7.6</v>
      </c>
      <c r="Z2990" s="2">
        <v>10.6</v>
      </c>
      <c r="AA2990" s="5"/>
      <c r="AB2990" s="5" t="s">
        <v>43</v>
      </c>
      <c r="AC2990" s="5" t="s">
        <v>44</v>
      </c>
      <c r="AD2990" s="2"/>
      <c r="AE2990" s="1"/>
    </row>
    <row r="2991" spans="1:31" ht="14.45">
      <c r="A2991" s="11"/>
      <c r="B2991" s="20"/>
      <c r="C2991" s="2" t="s">
        <v>9426</v>
      </c>
      <c r="D2991" s="14" t="s">
        <v>9427</v>
      </c>
      <c r="E2991" s="2" t="s">
        <v>9428</v>
      </c>
      <c r="F2991" s="2" t="s">
        <v>2204</v>
      </c>
      <c r="G2991" s="8">
        <v>109</v>
      </c>
      <c r="H2991" s="5">
        <v>13</v>
      </c>
      <c r="I2991" s="5" t="s">
        <v>1518</v>
      </c>
      <c r="J2991" s="5" t="s">
        <v>1519</v>
      </c>
      <c r="K2991" s="2" t="s">
        <v>1520</v>
      </c>
      <c r="L2991" s="5" t="s">
        <v>1519</v>
      </c>
      <c r="M2991" s="2" t="s">
        <v>1520</v>
      </c>
      <c r="N2991" s="5" t="s">
        <v>1521</v>
      </c>
      <c r="O2991" s="5" t="s">
        <v>38</v>
      </c>
      <c r="P2991" s="5" t="s">
        <v>39</v>
      </c>
      <c r="Q2991" s="5" t="s">
        <v>40</v>
      </c>
      <c r="R2991" s="5" t="s">
        <v>1522</v>
      </c>
      <c r="S2991" s="5" t="s">
        <v>1523</v>
      </c>
      <c r="T2991" s="5" t="s">
        <v>42</v>
      </c>
      <c r="U2991" s="2">
        <v>1.532</v>
      </c>
      <c r="V2991" s="2">
        <v>1.2390000000000001</v>
      </c>
      <c r="W2991" s="2">
        <v>7.0000000000000001E-3</v>
      </c>
      <c r="X2991" s="2">
        <v>82.9</v>
      </c>
      <c r="Y2991" s="2">
        <v>7.6</v>
      </c>
      <c r="Z2991" s="2">
        <v>10.6</v>
      </c>
      <c r="AA2991" s="5"/>
      <c r="AB2991" s="5" t="s">
        <v>43</v>
      </c>
      <c r="AC2991" s="5" t="s">
        <v>44</v>
      </c>
      <c r="AD2991" s="2"/>
      <c r="AE2991" s="1"/>
    </row>
    <row r="2992" spans="1:31" ht="14.45">
      <c r="A2992" s="11"/>
      <c r="B2992" s="20"/>
      <c r="C2992" s="2" t="s">
        <v>9429</v>
      </c>
      <c r="D2992" s="14" t="s">
        <v>9430</v>
      </c>
      <c r="E2992" s="2" t="s">
        <v>9431</v>
      </c>
      <c r="F2992" s="2" t="s">
        <v>2724</v>
      </c>
      <c r="G2992" s="8">
        <v>109</v>
      </c>
      <c r="H2992" s="5">
        <v>13</v>
      </c>
      <c r="I2992" s="5" t="s">
        <v>1518</v>
      </c>
      <c r="J2992" s="5" t="s">
        <v>1519</v>
      </c>
      <c r="K2992" s="2" t="s">
        <v>1520</v>
      </c>
      <c r="L2992" s="5" t="s">
        <v>1519</v>
      </c>
      <c r="M2992" s="2" t="s">
        <v>1520</v>
      </c>
      <c r="N2992" s="5" t="s">
        <v>1521</v>
      </c>
      <c r="O2992" s="5" t="s">
        <v>38</v>
      </c>
      <c r="P2992" s="5" t="s">
        <v>39</v>
      </c>
      <c r="Q2992" s="5" t="s">
        <v>40</v>
      </c>
      <c r="R2992" s="5" t="s">
        <v>1522</v>
      </c>
      <c r="S2992" s="5" t="s">
        <v>1523</v>
      </c>
      <c r="T2992" s="5" t="s">
        <v>42</v>
      </c>
      <c r="U2992" s="2">
        <v>1.5660000000000001</v>
      </c>
      <c r="V2992" s="2">
        <v>1.2729999999999999</v>
      </c>
      <c r="W2992" s="2">
        <v>7.0000000000000001E-3</v>
      </c>
      <c r="X2992" s="2">
        <v>82.9</v>
      </c>
      <c r="Y2992" s="2">
        <v>7.6</v>
      </c>
      <c r="Z2992" s="2">
        <v>10.6</v>
      </c>
      <c r="AA2992" s="5"/>
      <c r="AB2992" s="5" t="s">
        <v>43</v>
      </c>
      <c r="AC2992" s="5" t="s">
        <v>44</v>
      </c>
      <c r="AD2992" s="2"/>
      <c r="AE2992" s="1"/>
    </row>
    <row r="2993" spans="1:31" ht="14.45">
      <c r="A2993" s="11"/>
      <c r="B2993" s="20"/>
      <c r="C2993" s="2" t="s">
        <v>9432</v>
      </c>
      <c r="D2993" s="14" t="s">
        <v>9433</v>
      </c>
      <c r="E2993" s="2" t="s">
        <v>9434</v>
      </c>
      <c r="F2993" s="2" t="s">
        <v>2208</v>
      </c>
      <c r="G2993" s="8">
        <v>109</v>
      </c>
      <c r="H2993" s="5">
        <v>13</v>
      </c>
      <c r="I2993" s="5" t="s">
        <v>1518</v>
      </c>
      <c r="J2993" s="5" t="s">
        <v>1519</v>
      </c>
      <c r="K2993" s="2" t="s">
        <v>1520</v>
      </c>
      <c r="L2993" s="5" t="s">
        <v>1519</v>
      </c>
      <c r="M2993" s="2" t="s">
        <v>1520</v>
      </c>
      <c r="N2993" s="5" t="s">
        <v>1521</v>
      </c>
      <c r="O2993" s="5" t="s">
        <v>38</v>
      </c>
      <c r="P2993" s="5" t="s">
        <v>39</v>
      </c>
      <c r="Q2993" s="5" t="s">
        <v>40</v>
      </c>
      <c r="R2993" s="5" t="s">
        <v>1522</v>
      </c>
      <c r="S2993" s="5" t="s">
        <v>1523</v>
      </c>
      <c r="T2993" s="5" t="s">
        <v>42</v>
      </c>
      <c r="U2993" s="2">
        <v>1.532</v>
      </c>
      <c r="V2993" s="2">
        <v>1.2390000000000001</v>
      </c>
      <c r="W2993" s="2">
        <v>7.0000000000000001E-3</v>
      </c>
      <c r="X2993" s="2">
        <v>82.9</v>
      </c>
      <c r="Y2993" s="2">
        <v>7.6</v>
      </c>
      <c r="Z2993" s="2">
        <v>10.6</v>
      </c>
      <c r="AA2993" s="5"/>
      <c r="AB2993" s="5" t="s">
        <v>43</v>
      </c>
      <c r="AC2993" s="5" t="s">
        <v>44</v>
      </c>
      <c r="AD2993" s="2"/>
      <c r="AE2993" s="1"/>
    </row>
    <row r="2994" spans="1:31" ht="14.45">
      <c r="A2994" s="11"/>
      <c r="B2994" s="20"/>
      <c r="C2994" s="2" t="s">
        <v>9435</v>
      </c>
      <c r="D2994" s="14" t="s">
        <v>9436</v>
      </c>
      <c r="E2994" s="2" t="s">
        <v>9437</v>
      </c>
      <c r="F2994" s="2" t="s">
        <v>2212</v>
      </c>
      <c r="G2994" s="8">
        <v>109</v>
      </c>
      <c r="H2994" s="5">
        <v>13</v>
      </c>
      <c r="I2994" s="5" t="s">
        <v>1518</v>
      </c>
      <c r="J2994" s="5" t="s">
        <v>1519</v>
      </c>
      <c r="K2994" s="2" t="s">
        <v>1520</v>
      </c>
      <c r="L2994" s="5" t="s">
        <v>1519</v>
      </c>
      <c r="M2994" s="2" t="s">
        <v>1520</v>
      </c>
      <c r="N2994" s="5" t="s">
        <v>1521</v>
      </c>
      <c r="O2994" s="5" t="s">
        <v>38</v>
      </c>
      <c r="P2994" s="5" t="s">
        <v>39</v>
      </c>
      <c r="Q2994" s="5" t="s">
        <v>40</v>
      </c>
      <c r="R2994" s="5" t="s">
        <v>1522</v>
      </c>
      <c r="S2994" s="5" t="s">
        <v>1523</v>
      </c>
      <c r="T2994" s="5" t="s">
        <v>42</v>
      </c>
      <c r="U2994" s="2">
        <v>1.5660000000000001</v>
      </c>
      <c r="V2994" s="2">
        <v>1.2729999999999999</v>
      </c>
      <c r="W2994" s="2">
        <v>7.0000000000000001E-3</v>
      </c>
      <c r="X2994" s="2">
        <v>82.9</v>
      </c>
      <c r="Y2994" s="2">
        <v>7.6</v>
      </c>
      <c r="Z2994" s="2">
        <v>10.6</v>
      </c>
      <c r="AA2994" s="5"/>
      <c r="AB2994" s="5" t="s">
        <v>43</v>
      </c>
      <c r="AC2994" s="5" t="s">
        <v>44</v>
      </c>
      <c r="AD2994" s="2"/>
      <c r="AE2994" s="1"/>
    </row>
    <row r="2995" spans="1:31" ht="14.45">
      <c r="A2995" s="11"/>
      <c r="B2995" s="20"/>
      <c r="C2995" s="2" t="s">
        <v>9438</v>
      </c>
      <c r="D2995" s="14" t="s">
        <v>9439</v>
      </c>
      <c r="E2995" s="2" t="s">
        <v>9440</v>
      </c>
      <c r="F2995" s="2" t="s">
        <v>1831</v>
      </c>
      <c r="G2995" s="8">
        <v>109</v>
      </c>
      <c r="H2995" s="5">
        <v>13</v>
      </c>
      <c r="I2995" s="5" t="s">
        <v>1518</v>
      </c>
      <c r="J2995" s="5" t="s">
        <v>1519</v>
      </c>
      <c r="K2995" s="2" t="s">
        <v>1520</v>
      </c>
      <c r="L2995" s="5" t="s">
        <v>1519</v>
      </c>
      <c r="M2995" s="2" t="s">
        <v>1520</v>
      </c>
      <c r="N2995" s="5" t="s">
        <v>1521</v>
      </c>
      <c r="O2995" s="5" t="s">
        <v>38</v>
      </c>
      <c r="P2995" s="5" t="s">
        <v>39</v>
      </c>
      <c r="Q2995" s="5" t="s">
        <v>40</v>
      </c>
      <c r="R2995" s="5" t="s">
        <v>1522</v>
      </c>
      <c r="S2995" s="5" t="s">
        <v>1523</v>
      </c>
      <c r="T2995" s="5" t="s">
        <v>42</v>
      </c>
      <c r="U2995" s="2">
        <v>1.532</v>
      </c>
      <c r="V2995" s="2">
        <v>1.2390000000000001</v>
      </c>
      <c r="W2995" s="2">
        <v>7.0000000000000001E-3</v>
      </c>
      <c r="X2995" s="2">
        <v>82.9</v>
      </c>
      <c r="Y2995" s="2">
        <v>7.6</v>
      </c>
      <c r="Z2995" s="2">
        <v>10.6</v>
      </c>
      <c r="AA2995" s="5"/>
      <c r="AB2995" s="5" t="s">
        <v>43</v>
      </c>
      <c r="AC2995" s="5" t="s">
        <v>44</v>
      </c>
      <c r="AD2995" s="2"/>
      <c r="AE2995" s="1"/>
    </row>
    <row r="2996" spans="1:31" ht="14.45">
      <c r="A2996" s="11"/>
      <c r="B2996" s="20"/>
      <c r="C2996" s="2" t="s">
        <v>9441</v>
      </c>
      <c r="D2996" s="14" t="s">
        <v>9442</v>
      </c>
      <c r="E2996" s="2" t="s">
        <v>9443</v>
      </c>
      <c r="F2996" s="2" t="s">
        <v>1835</v>
      </c>
      <c r="G2996" s="8">
        <v>109</v>
      </c>
      <c r="H2996" s="5">
        <v>13</v>
      </c>
      <c r="I2996" s="5" t="s">
        <v>1518</v>
      </c>
      <c r="J2996" s="5" t="s">
        <v>1519</v>
      </c>
      <c r="K2996" s="2" t="s">
        <v>1520</v>
      </c>
      <c r="L2996" s="5" t="s">
        <v>1519</v>
      </c>
      <c r="M2996" s="2" t="s">
        <v>1520</v>
      </c>
      <c r="N2996" s="5" t="s">
        <v>1521</v>
      </c>
      <c r="O2996" s="5" t="s">
        <v>38</v>
      </c>
      <c r="P2996" s="5" t="s">
        <v>39</v>
      </c>
      <c r="Q2996" s="5" t="s">
        <v>40</v>
      </c>
      <c r="R2996" s="5" t="s">
        <v>1522</v>
      </c>
      <c r="S2996" s="5" t="s">
        <v>1523</v>
      </c>
      <c r="T2996" s="5" t="s">
        <v>42</v>
      </c>
      <c r="U2996" s="2">
        <v>1.5660000000000001</v>
      </c>
      <c r="V2996" s="2">
        <v>1.2729999999999999</v>
      </c>
      <c r="W2996" s="2">
        <v>7.0000000000000001E-3</v>
      </c>
      <c r="X2996" s="2">
        <v>82.9</v>
      </c>
      <c r="Y2996" s="2">
        <v>7.6</v>
      </c>
      <c r="Z2996" s="2">
        <v>10.6</v>
      </c>
      <c r="AA2996" s="5"/>
      <c r="AB2996" s="5" t="s">
        <v>43</v>
      </c>
      <c r="AC2996" s="5" t="s">
        <v>44</v>
      </c>
      <c r="AD2996" s="2"/>
      <c r="AE2996" s="1"/>
    </row>
    <row r="2997" spans="1:31" ht="14.45">
      <c r="A2997" s="11"/>
      <c r="B2997" s="20"/>
      <c r="C2997" s="2" t="s">
        <v>9444</v>
      </c>
      <c r="D2997" s="14" t="s">
        <v>9445</v>
      </c>
      <c r="E2997" s="2" t="s">
        <v>9446</v>
      </c>
      <c r="F2997" s="2" t="s">
        <v>1839</v>
      </c>
      <c r="G2997" s="8">
        <v>109</v>
      </c>
      <c r="H2997" s="5">
        <v>13</v>
      </c>
      <c r="I2997" s="5" t="s">
        <v>1518</v>
      </c>
      <c r="J2997" s="5" t="s">
        <v>1519</v>
      </c>
      <c r="K2997" s="2" t="s">
        <v>1520</v>
      </c>
      <c r="L2997" s="5" t="s">
        <v>1519</v>
      </c>
      <c r="M2997" s="2" t="s">
        <v>1520</v>
      </c>
      <c r="N2997" s="5" t="s">
        <v>1521</v>
      </c>
      <c r="O2997" s="5" t="s">
        <v>38</v>
      </c>
      <c r="P2997" s="5" t="s">
        <v>39</v>
      </c>
      <c r="Q2997" s="5" t="s">
        <v>40</v>
      </c>
      <c r="R2997" s="5" t="s">
        <v>1522</v>
      </c>
      <c r="S2997" s="5" t="s">
        <v>1523</v>
      </c>
      <c r="T2997" s="5" t="s">
        <v>42</v>
      </c>
      <c r="U2997" s="2">
        <v>1.532</v>
      </c>
      <c r="V2997" s="2">
        <v>1.2390000000000001</v>
      </c>
      <c r="W2997" s="2">
        <v>7.0000000000000001E-3</v>
      </c>
      <c r="X2997" s="2">
        <v>82.9</v>
      </c>
      <c r="Y2997" s="2">
        <v>7.6</v>
      </c>
      <c r="Z2997" s="2">
        <v>10.6</v>
      </c>
      <c r="AA2997" s="5"/>
      <c r="AB2997" s="5" t="s">
        <v>43</v>
      </c>
      <c r="AC2997" s="5" t="s">
        <v>44</v>
      </c>
      <c r="AD2997" s="2"/>
      <c r="AE2997" s="1"/>
    </row>
    <row r="2998" spans="1:31" ht="14.45">
      <c r="A2998" s="11"/>
      <c r="B2998" s="20"/>
      <c r="C2998" s="2" t="s">
        <v>9447</v>
      </c>
      <c r="D2998" s="14" t="s">
        <v>9448</v>
      </c>
      <c r="E2998" s="2" t="s">
        <v>9449</v>
      </c>
      <c r="F2998" s="2" t="s">
        <v>1986</v>
      </c>
      <c r="G2998" s="8">
        <v>109</v>
      </c>
      <c r="H2998" s="5">
        <v>13</v>
      </c>
      <c r="I2998" s="5" t="s">
        <v>1518</v>
      </c>
      <c r="J2998" s="5" t="s">
        <v>1519</v>
      </c>
      <c r="K2998" s="2" t="s">
        <v>1520</v>
      </c>
      <c r="L2998" s="5" t="s">
        <v>1519</v>
      </c>
      <c r="M2998" s="2" t="s">
        <v>1520</v>
      </c>
      <c r="N2998" s="5" t="s">
        <v>1521</v>
      </c>
      <c r="O2998" s="5" t="s">
        <v>38</v>
      </c>
      <c r="P2998" s="5" t="s">
        <v>39</v>
      </c>
      <c r="Q2998" s="5" t="s">
        <v>40</v>
      </c>
      <c r="R2998" s="5" t="s">
        <v>1522</v>
      </c>
      <c r="S2998" s="5" t="s">
        <v>1523</v>
      </c>
      <c r="T2998" s="5" t="s">
        <v>42</v>
      </c>
      <c r="U2998" s="2">
        <v>1.5660000000000001</v>
      </c>
      <c r="V2998" s="2">
        <v>1.2729999999999999</v>
      </c>
      <c r="W2998" s="2">
        <v>7.0000000000000001E-3</v>
      </c>
      <c r="X2998" s="2">
        <v>82.9</v>
      </c>
      <c r="Y2998" s="2">
        <v>7.6</v>
      </c>
      <c r="Z2998" s="2">
        <v>10.6</v>
      </c>
      <c r="AA2998" s="5"/>
      <c r="AB2998" s="5" t="s">
        <v>43</v>
      </c>
      <c r="AC2998" s="5" t="s">
        <v>44</v>
      </c>
      <c r="AD2998" s="2"/>
      <c r="AE2998" s="1"/>
    </row>
    <row r="2999" spans="1:31" ht="14.45">
      <c r="A2999" s="11"/>
      <c r="B2999" s="20"/>
      <c r="C2999" s="2" t="s">
        <v>9450</v>
      </c>
      <c r="D2999" s="14" t="s">
        <v>9451</v>
      </c>
      <c r="E2999" s="2" t="s">
        <v>9452</v>
      </c>
      <c r="F2999" s="2" t="s">
        <v>1843</v>
      </c>
      <c r="G2999" s="8">
        <v>109</v>
      </c>
      <c r="H2999" s="5">
        <v>13</v>
      </c>
      <c r="I2999" s="5" t="s">
        <v>1518</v>
      </c>
      <c r="J2999" s="5" t="s">
        <v>1519</v>
      </c>
      <c r="K2999" s="2" t="s">
        <v>1520</v>
      </c>
      <c r="L2999" s="5" t="s">
        <v>1519</v>
      </c>
      <c r="M2999" s="2" t="s">
        <v>1520</v>
      </c>
      <c r="N2999" s="5" t="s">
        <v>1521</v>
      </c>
      <c r="O2999" s="5" t="s">
        <v>38</v>
      </c>
      <c r="P2999" s="5" t="s">
        <v>39</v>
      </c>
      <c r="Q2999" s="5" t="s">
        <v>40</v>
      </c>
      <c r="R2999" s="5" t="s">
        <v>1522</v>
      </c>
      <c r="S2999" s="5" t="s">
        <v>1523</v>
      </c>
      <c r="T2999" s="5" t="s">
        <v>42</v>
      </c>
      <c r="U2999" s="2">
        <v>1.532</v>
      </c>
      <c r="V2999" s="2">
        <v>1.2390000000000001</v>
      </c>
      <c r="W2999" s="2">
        <v>7.0000000000000001E-3</v>
      </c>
      <c r="X2999" s="2">
        <v>82.9</v>
      </c>
      <c r="Y2999" s="2">
        <v>7.6</v>
      </c>
      <c r="Z2999" s="2">
        <v>10.6</v>
      </c>
      <c r="AA2999" s="5"/>
      <c r="AB2999" s="5" t="s">
        <v>43</v>
      </c>
      <c r="AC2999" s="5" t="s">
        <v>44</v>
      </c>
      <c r="AD2999" s="2"/>
      <c r="AE2999" s="1"/>
    </row>
    <row r="3000" spans="1:31" ht="14.45">
      <c r="A3000" s="11"/>
      <c r="B3000" s="20"/>
      <c r="C3000" s="2" t="s">
        <v>9453</v>
      </c>
      <c r="D3000" s="14" t="s">
        <v>9454</v>
      </c>
      <c r="E3000" s="2" t="s">
        <v>9455</v>
      </c>
      <c r="F3000" s="2" t="s">
        <v>1847</v>
      </c>
      <c r="G3000" s="8">
        <v>109</v>
      </c>
      <c r="H3000" s="5">
        <v>13</v>
      </c>
      <c r="I3000" s="5" t="s">
        <v>1518</v>
      </c>
      <c r="J3000" s="5" t="s">
        <v>1519</v>
      </c>
      <c r="K3000" s="2" t="s">
        <v>1520</v>
      </c>
      <c r="L3000" s="5" t="s">
        <v>1519</v>
      </c>
      <c r="M3000" s="2" t="s">
        <v>1520</v>
      </c>
      <c r="N3000" s="5" t="s">
        <v>1521</v>
      </c>
      <c r="O3000" s="5" t="s">
        <v>38</v>
      </c>
      <c r="P3000" s="5" t="s">
        <v>39</v>
      </c>
      <c r="Q3000" s="5" t="s">
        <v>40</v>
      </c>
      <c r="R3000" s="5" t="s">
        <v>1522</v>
      </c>
      <c r="S3000" s="5" t="s">
        <v>1523</v>
      </c>
      <c r="T3000" s="5" t="s">
        <v>42</v>
      </c>
      <c r="U3000" s="2">
        <v>1.5660000000000001</v>
      </c>
      <c r="V3000" s="2">
        <v>1.2729999999999999</v>
      </c>
      <c r="W3000" s="2">
        <v>7.0000000000000001E-3</v>
      </c>
      <c r="X3000" s="2">
        <v>82.9</v>
      </c>
      <c r="Y3000" s="2">
        <v>7.6</v>
      </c>
      <c r="Z3000" s="2">
        <v>10.6</v>
      </c>
      <c r="AA3000" s="5"/>
      <c r="AB3000" s="5" t="s">
        <v>43</v>
      </c>
      <c r="AC3000" s="5" t="s">
        <v>44</v>
      </c>
      <c r="AD3000" s="2"/>
      <c r="AE3000" s="1"/>
    </row>
    <row r="3001" spans="1:31" ht="14.45">
      <c r="A3001" s="11"/>
      <c r="B3001" s="20"/>
      <c r="C3001" s="2" t="s">
        <v>9456</v>
      </c>
      <c r="D3001" s="14" t="s">
        <v>9457</v>
      </c>
      <c r="E3001" s="2" t="s">
        <v>9458</v>
      </c>
      <c r="F3001" s="2" t="s">
        <v>1851</v>
      </c>
      <c r="G3001" s="8">
        <v>109</v>
      </c>
      <c r="H3001" s="5">
        <v>13</v>
      </c>
      <c r="I3001" s="5" t="s">
        <v>1518</v>
      </c>
      <c r="J3001" s="5" t="s">
        <v>1519</v>
      </c>
      <c r="K3001" s="2" t="s">
        <v>1520</v>
      </c>
      <c r="L3001" s="5" t="s">
        <v>1519</v>
      </c>
      <c r="M3001" s="2" t="s">
        <v>1520</v>
      </c>
      <c r="N3001" s="5" t="s">
        <v>1521</v>
      </c>
      <c r="O3001" s="5" t="s">
        <v>38</v>
      </c>
      <c r="P3001" s="5" t="s">
        <v>39</v>
      </c>
      <c r="Q3001" s="5" t="s">
        <v>40</v>
      </c>
      <c r="R3001" s="5" t="s">
        <v>1522</v>
      </c>
      <c r="S3001" s="5" t="s">
        <v>1523</v>
      </c>
      <c r="T3001" s="5" t="s">
        <v>42</v>
      </c>
      <c r="U3001" s="2">
        <v>1.532</v>
      </c>
      <c r="V3001" s="2">
        <v>1.2390000000000001</v>
      </c>
      <c r="W3001" s="2">
        <v>7.0000000000000001E-3</v>
      </c>
      <c r="X3001" s="2">
        <v>82.9</v>
      </c>
      <c r="Y3001" s="2">
        <v>7.6</v>
      </c>
      <c r="Z3001" s="2">
        <v>10.6</v>
      </c>
      <c r="AA3001" s="5"/>
      <c r="AB3001" s="5" t="s">
        <v>43</v>
      </c>
      <c r="AC3001" s="5" t="s">
        <v>44</v>
      </c>
      <c r="AD3001" s="2"/>
      <c r="AE3001" s="1"/>
    </row>
    <row r="3002" spans="1:31" ht="14.45">
      <c r="A3002" s="11"/>
      <c r="B3002" s="20"/>
      <c r="C3002" s="2" t="s">
        <v>9459</v>
      </c>
      <c r="D3002" s="14" t="s">
        <v>9460</v>
      </c>
      <c r="E3002" s="2" t="s">
        <v>9461</v>
      </c>
      <c r="F3002" s="2" t="s">
        <v>1999</v>
      </c>
      <c r="G3002" s="8">
        <v>109</v>
      </c>
      <c r="H3002" s="5">
        <v>13</v>
      </c>
      <c r="I3002" s="5" t="s">
        <v>1518</v>
      </c>
      <c r="J3002" s="5" t="s">
        <v>1519</v>
      </c>
      <c r="K3002" s="2" t="s">
        <v>1520</v>
      </c>
      <c r="L3002" s="5" t="s">
        <v>1519</v>
      </c>
      <c r="M3002" s="2" t="s">
        <v>1520</v>
      </c>
      <c r="N3002" s="5" t="s">
        <v>1521</v>
      </c>
      <c r="O3002" s="5" t="s">
        <v>38</v>
      </c>
      <c r="P3002" s="5" t="s">
        <v>39</v>
      </c>
      <c r="Q3002" s="5" t="s">
        <v>40</v>
      </c>
      <c r="R3002" s="5" t="s">
        <v>1522</v>
      </c>
      <c r="S3002" s="5" t="s">
        <v>1523</v>
      </c>
      <c r="T3002" s="5" t="s">
        <v>42</v>
      </c>
      <c r="U3002" s="2">
        <v>1.5660000000000001</v>
      </c>
      <c r="V3002" s="2">
        <v>1.2729999999999999</v>
      </c>
      <c r="W3002" s="2">
        <v>7.0000000000000001E-3</v>
      </c>
      <c r="X3002" s="2">
        <v>82.9</v>
      </c>
      <c r="Y3002" s="2">
        <v>7.6</v>
      </c>
      <c r="Z3002" s="2">
        <v>10.6</v>
      </c>
      <c r="AA3002" s="5"/>
      <c r="AB3002" s="5" t="s">
        <v>43</v>
      </c>
      <c r="AC3002" s="5" t="s">
        <v>44</v>
      </c>
      <c r="AD3002" s="2"/>
      <c r="AE3002" s="1"/>
    </row>
    <row r="3003" spans="1:31" ht="14.45">
      <c r="A3003" s="11"/>
      <c r="B3003" s="20"/>
      <c r="C3003" s="2" t="s">
        <v>9462</v>
      </c>
      <c r="D3003" s="14" t="s">
        <v>9463</v>
      </c>
      <c r="E3003" s="2" t="s">
        <v>9464</v>
      </c>
      <c r="F3003" s="2" t="s">
        <v>1855</v>
      </c>
      <c r="G3003" s="8">
        <v>109</v>
      </c>
      <c r="H3003" s="5">
        <v>13</v>
      </c>
      <c r="I3003" s="5" t="s">
        <v>1518</v>
      </c>
      <c r="J3003" s="5" t="s">
        <v>1519</v>
      </c>
      <c r="K3003" s="2" t="s">
        <v>1520</v>
      </c>
      <c r="L3003" s="5" t="s">
        <v>1519</v>
      </c>
      <c r="M3003" s="2" t="s">
        <v>1520</v>
      </c>
      <c r="N3003" s="5" t="s">
        <v>1521</v>
      </c>
      <c r="O3003" s="5" t="s">
        <v>38</v>
      </c>
      <c r="P3003" s="5" t="s">
        <v>39</v>
      </c>
      <c r="Q3003" s="5" t="s">
        <v>40</v>
      </c>
      <c r="R3003" s="5" t="s">
        <v>1522</v>
      </c>
      <c r="S3003" s="5" t="s">
        <v>1523</v>
      </c>
      <c r="T3003" s="5" t="s">
        <v>42</v>
      </c>
      <c r="U3003" s="2">
        <v>1.532</v>
      </c>
      <c r="V3003" s="2">
        <v>1.2390000000000001</v>
      </c>
      <c r="W3003" s="2">
        <v>7.0000000000000001E-3</v>
      </c>
      <c r="X3003" s="2">
        <v>82.9</v>
      </c>
      <c r="Y3003" s="2">
        <v>7.6</v>
      </c>
      <c r="Z3003" s="2">
        <v>10.6</v>
      </c>
      <c r="AA3003" s="5"/>
      <c r="AB3003" s="5" t="s">
        <v>43</v>
      </c>
      <c r="AC3003" s="5" t="s">
        <v>44</v>
      </c>
      <c r="AD3003" s="2"/>
      <c r="AE3003" s="1"/>
    </row>
    <row r="3004" spans="1:31" ht="14.45">
      <c r="A3004" s="11"/>
      <c r="B3004" s="20"/>
      <c r="C3004" s="2" t="s">
        <v>9465</v>
      </c>
      <c r="D3004" s="14" t="s">
        <v>9466</v>
      </c>
      <c r="E3004" s="2" t="s">
        <v>9467</v>
      </c>
      <c r="F3004" s="2" t="s">
        <v>1859</v>
      </c>
      <c r="G3004" s="8">
        <v>109</v>
      </c>
      <c r="H3004" s="5">
        <v>13</v>
      </c>
      <c r="I3004" s="5" t="s">
        <v>1518</v>
      </c>
      <c r="J3004" s="5" t="s">
        <v>1519</v>
      </c>
      <c r="K3004" s="2" t="s">
        <v>1520</v>
      </c>
      <c r="L3004" s="5" t="s">
        <v>1519</v>
      </c>
      <c r="M3004" s="2" t="s">
        <v>1520</v>
      </c>
      <c r="N3004" s="5" t="s">
        <v>1521</v>
      </c>
      <c r="O3004" s="5" t="s">
        <v>38</v>
      </c>
      <c r="P3004" s="5" t="s">
        <v>39</v>
      </c>
      <c r="Q3004" s="5" t="s">
        <v>40</v>
      </c>
      <c r="R3004" s="5" t="s">
        <v>1522</v>
      </c>
      <c r="S3004" s="5" t="s">
        <v>1523</v>
      </c>
      <c r="T3004" s="5" t="s">
        <v>42</v>
      </c>
      <c r="U3004" s="2">
        <v>1.5660000000000001</v>
      </c>
      <c r="V3004" s="2">
        <v>1.2729999999999999</v>
      </c>
      <c r="W3004" s="2">
        <v>7.0000000000000001E-3</v>
      </c>
      <c r="X3004" s="2">
        <v>82.9</v>
      </c>
      <c r="Y3004" s="2">
        <v>7.6</v>
      </c>
      <c r="Z3004" s="2">
        <v>10.6</v>
      </c>
      <c r="AA3004" s="5"/>
      <c r="AB3004" s="5" t="s">
        <v>43</v>
      </c>
      <c r="AC3004" s="5" t="s">
        <v>44</v>
      </c>
      <c r="AD3004" s="2"/>
      <c r="AE3004" s="1"/>
    </row>
    <row r="3005" spans="1:31" ht="14.45">
      <c r="A3005" s="11"/>
      <c r="B3005" s="20"/>
      <c r="C3005" s="2" t="s">
        <v>9468</v>
      </c>
      <c r="D3005" s="14" t="s">
        <v>9469</v>
      </c>
      <c r="E3005" s="2" t="s">
        <v>9470</v>
      </c>
      <c r="F3005" s="2" t="s">
        <v>1863</v>
      </c>
      <c r="G3005" s="8">
        <v>109</v>
      </c>
      <c r="H3005" s="5">
        <v>11</v>
      </c>
      <c r="I3005" s="5" t="s">
        <v>1518</v>
      </c>
      <c r="J3005" s="5" t="s">
        <v>1519</v>
      </c>
      <c r="K3005" s="2" t="s">
        <v>1520</v>
      </c>
      <c r="L3005" s="5" t="s">
        <v>1519</v>
      </c>
      <c r="M3005" s="2" t="s">
        <v>1520</v>
      </c>
      <c r="N3005" s="5" t="s">
        <v>1521</v>
      </c>
      <c r="O3005" s="5" t="s">
        <v>38</v>
      </c>
      <c r="P3005" s="5" t="s">
        <v>39</v>
      </c>
      <c r="Q3005" s="5" t="s">
        <v>40</v>
      </c>
      <c r="R3005" s="5" t="s">
        <v>1522</v>
      </c>
      <c r="S3005" s="5" t="s">
        <v>1523</v>
      </c>
      <c r="T3005" s="5" t="s">
        <v>42</v>
      </c>
      <c r="U3005" s="2">
        <v>1.4870000000000001</v>
      </c>
      <c r="V3005" s="2">
        <v>1.1919999999999999</v>
      </c>
      <c r="W3005" s="2">
        <v>7.0000000000000001E-3</v>
      </c>
      <c r="X3005" s="2">
        <v>82.9</v>
      </c>
      <c r="Y3005" s="2">
        <v>7.6</v>
      </c>
      <c r="Z3005" s="2">
        <v>10.6</v>
      </c>
      <c r="AA3005" s="5"/>
      <c r="AB3005" s="5" t="s">
        <v>43</v>
      </c>
      <c r="AC3005" s="5" t="s">
        <v>44</v>
      </c>
      <c r="AD3005" s="2"/>
      <c r="AE3005" s="1"/>
    </row>
    <row r="3006" spans="1:31" ht="14.45">
      <c r="A3006" s="11"/>
      <c r="B3006" s="20"/>
      <c r="C3006" s="2" t="s">
        <v>9471</v>
      </c>
      <c r="D3006" s="14" t="s">
        <v>9472</v>
      </c>
      <c r="E3006" s="2" t="s">
        <v>9473</v>
      </c>
      <c r="F3006" s="2" t="s">
        <v>1867</v>
      </c>
      <c r="G3006" s="8">
        <v>109</v>
      </c>
      <c r="H3006" s="5">
        <v>11</v>
      </c>
      <c r="I3006" s="5" t="s">
        <v>1518</v>
      </c>
      <c r="J3006" s="5" t="s">
        <v>1519</v>
      </c>
      <c r="K3006" s="2" t="s">
        <v>1520</v>
      </c>
      <c r="L3006" s="5" t="s">
        <v>1519</v>
      </c>
      <c r="M3006" s="2" t="s">
        <v>1520</v>
      </c>
      <c r="N3006" s="5" t="s">
        <v>1521</v>
      </c>
      <c r="O3006" s="5" t="s">
        <v>38</v>
      </c>
      <c r="P3006" s="5" t="s">
        <v>39</v>
      </c>
      <c r="Q3006" s="5" t="s">
        <v>40</v>
      </c>
      <c r="R3006" s="5" t="s">
        <v>1522</v>
      </c>
      <c r="S3006" s="5" t="s">
        <v>1523</v>
      </c>
      <c r="T3006" s="5" t="s">
        <v>42</v>
      </c>
      <c r="U3006" s="2">
        <v>1.5209999999999999</v>
      </c>
      <c r="V3006" s="2">
        <v>1.226</v>
      </c>
      <c r="W3006" s="2">
        <v>7.0000000000000001E-3</v>
      </c>
      <c r="X3006" s="2">
        <v>82.9</v>
      </c>
      <c r="Y3006" s="2">
        <v>7.6</v>
      </c>
      <c r="Z3006" s="2">
        <v>10.6</v>
      </c>
      <c r="AA3006" s="5"/>
      <c r="AB3006" s="5" t="s">
        <v>43</v>
      </c>
      <c r="AC3006" s="5" t="s">
        <v>44</v>
      </c>
      <c r="AD3006" s="2"/>
      <c r="AE3006" s="1"/>
    </row>
    <row r="3007" spans="1:31" ht="14.45">
      <c r="A3007" s="11"/>
      <c r="B3007" s="20"/>
      <c r="C3007" s="2" t="s">
        <v>9474</v>
      </c>
      <c r="D3007" s="14" t="s">
        <v>9475</v>
      </c>
      <c r="E3007" s="2" t="s">
        <v>9476</v>
      </c>
      <c r="F3007" s="2" t="s">
        <v>7396</v>
      </c>
      <c r="G3007" s="8">
        <v>103</v>
      </c>
      <c r="H3007" s="5">
        <v>5</v>
      </c>
      <c r="I3007" s="5" t="s">
        <v>1518</v>
      </c>
      <c r="J3007" s="5" t="s">
        <v>1519</v>
      </c>
      <c r="K3007" s="2" t="s">
        <v>1520</v>
      </c>
      <c r="L3007" s="5" t="s">
        <v>1519</v>
      </c>
      <c r="M3007" s="2" t="s">
        <v>1520</v>
      </c>
      <c r="N3007" s="5" t="s">
        <v>1521</v>
      </c>
      <c r="O3007" s="5" t="s">
        <v>38</v>
      </c>
      <c r="P3007" s="5" t="s">
        <v>39</v>
      </c>
      <c r="Q3007" s="5" t="s">
        <v>40</v>
      </c>
      <c r="R3007" s="5" t="s">
        <v>1522</v>
      </c>
      <c r="S3007" s="5" t="s">
        <v>1523</v>
      </c>
      <c r="T3007" s="5" t="s">
        <v>42</v>
      </c>
      <c r="U3007" s="2">
        <v>1.6579999999999999</v>
      </c>
      <c r="V3007" s="2">
        <v>1.3129999999999999</v>
      </c>
      <c r="W3007" s="2">
        <v>8.0000000000000002E-3</v>
      </c>
      <c r="X3007" s="2">
        <v>99.1</v>
      </c>
      <c r="Y3007" s="2">
        <v>7.6</v>
      </c>
      <c r="Z3007" s="2">
        <v>10.6</v>
      </c>
      <c r="AA3007" s="5"/>
      <c r="AB3007" s="5" t="s">
        <v>43</v>
      </c>
      <c r="AC3007" s="5" t="s">
        <v>44</v>
      </c>
      <c r="AD3007" s="2"/>
      <c r="AE3007" s="1"/>
    </row>
    <row r="3008" spans="1:31" ht="14.45">
      <c r="A3008" s="11"/>
      <c r="B3008" s="20"/>
      <c r="C3008" s="2" t="s">
        <v>9477</v>
      </c>
      <c r="D3008" s="14" t="s">
        <v>9478</v>
      </c>
      <c r="E3008" s="2" t="s">
        <v>9479</v>
      </c>
      <c r="F3008" s="2" t="s">
        <v>7507</v>
      </c>
      <c r="G3008" s="8">
        <v>103</v>
      </c>
      <c r="H3008" s="2">
        <v>5</v>
      </c>
      <c r="I3008" s="2" t="s">
        <v>1518</v>
      </c>
      <c r="J3008" s="2" t="s">
        <v>1519</v>
      </c>
      <c r="K3008" s="2" t="s">
        <v>1520</v>
      </c>
      <c r="L3008" s="2" t="s">
        <v>1519</v>
      </c>
      <c r="M3008" s="2" t="s">
        <v>1520</v>
      </c>
      <c r="N3008" s="2" t="s">
        <v>1521</v>
      </c>
      <c r="O3008" s="2" t="s">
        <v>38</v>
      </c>
      <c r="P3008" s="2" t="s">
        <v>39</v>
      </c>
      <c r="Q3008" s="2" t="s">
        <v>40</v>
      </c>
      <c r="R3008" s="2" t="s">
        <v>1522</v>
      </c>
      <c r="S3008" s="12" t="s">
        <v>1523</v>
      </c>
      <c r="T3008" s="12" t="s">
        <v>42</v>
      </c>
      <c r="U3008" s="2">
        <v>1.698</v>
      </c>
      <c r="V3008" s="2">
        <v>1.3520000000000001</v>
      </c>
      <c r="W3008" s="2">
        <v>8.0000000000000002E-3</v>
      </c>
      <c r="X3008" s="2">
        <v>99.1</v>
      </c>
      <c r="Y3008" s="2">
        <v>7.6</v>
      </c>
      <c r="Z3008" s="2">
        <v>10.6</v>
      </c>
      <c r="AA3008" s="12"/>
      <c r="AB3008" s="12" t="s">
        <v>43</v>
      </c>
      <c r="AC3008" s="12" t="s">
        <v>44</v>
      </c>
      <c r="AD3008" s="2"/>
      <c r="AE3008" s="1"/>
    </row>
    <row r="3009" spans="1:31" ht="14.45">
      <c r="A3009" s="11"/>
      <c r="B3009" s="20"/>
      <c r="C3009" s="2" t="s">
        <v>9480</v>
      </c>
      <c r="D3009" s="14" t="s">
        <v>9481</v>
      </c>
      <c r="E3009" s="2" t="s">
        <v>9482</v>
      </c>
      <c r="F3009" s="2" t="s">
        <v>7204</v>
      </c>
      <c r="G3009" s="8">
        <v>103</v>
      </c>
      <c r="H3009" s="2">
        <v>5</v>
      </c>
      <c r="I3009" s="2" t="s">
        <v>1518</v>
      </c>
      <c r="J3009" s="2" t="s">
        <v>1519</v>
      </c>
      <c r="K3009" s="2" t="s">
        <v>1520</v>
      </c>
      <c r="L3009" s="2" t="s">
        <v>1519</v>
      </c>
      <c r="M3009" s="2" t="s">
        <v>1520</v>
      </c>
      <c r="N3009" s="2" t="s">
        <v>1521</v>
      </c>
      <c r="O3009" s="2" t="s">
        <v>38</v>
      </c>
      <c r="P3009" s="2" t="s">
        <v>39</v>
      </c>
      <c r="Q3009" s="2" t="s">
        <v>40</v>
      </c>
      <c r="R3009" s="2" t="s">
        <v>1522</v>
      </c>
      <c r="S3009" s="12" t="s">
        <v>1523</v>
      </c>
      <c r="T3009" s="12" t="s">
        <v>42</v>
      </c>
      <c r="U3009" s="2">
        <v>1.665</v>
      </c>
      <c r="V3009" s="2">
        <v>1.319</v>
      </c>
      <c r="W3009" s="2">
        <v>8.0000000000000002E-3</v>
      </c>
      <c r="X3009" s="2">
        <v>99.1</v>
      </c>
      <c r="Y3009" s="2">
        <v>7.6</v>
      </c>
      <c r="Z3009" s="2">
        <v>10.6</v>
      </c>
      <c r="AA3009" s="12"/>
      <c r="AB3009" s="12" t="s">
        <v>43</v>
      </c>
      <c r="AC3009" s="12" t="s">
        <v>44</v>
      </c>
      <c r="AD3009" s="2"/>
      <c r="AE3009" s="1"/>
    </row>
    <row r="3010" spans="1:31" ht="14.45">
      <c r="A3010" s="11"/>
      <c r="B3010" s="20"/>
      <c r="C3010" s="2" t="s">
        <v>9483</v>
      </c>
      <c r="D3010" s="14" t="s">
        <v>9484</v>
      </c>
      <c r="E3010" s="2" t="s">
        <v>9485</v>
      </c>
      <c r="F3010" s="2" t="s">
        <v>7514</v>
      </c>
      <c r="G3010" s="8">
        <v>103</v>
      </c>
      <c r="H3010" s="2">
        <v>5</v>
      </c>
      <c r="I3010" s="2" t="s">
        <v>1518</v>
      </c>
      <c r="J3010" s="2" t="s">
        <v>1519</v>
      </c>
      <c r="K3010" s="2" t="s">
        <v>1520</v>
      </c>
      <c r="L3010" s="2" t="s">
        <v>1519</v>
      </c>
      <c r="M3010" s="2" t="s">
        <v>1520</v>
      </c>
      <c r="N3010" s="2" t="s">
        <v>1521</v>
      </c>
      <c r="O3010" s="2" t="s">
        <v>38</v>
      </c>
      <c r="P3010" s="2" t="s">
        <v>39</v>
      </c>
      <c r="Q3010" s="2" t="s">
        <v>40</v>
      </c>
      <c r="R3010" s="2" t="s">
        <v>1522</v>
      </c>
      <c r="S3010" s="12" t="s">
        <v>1523</v>
      </c>
      <c r="T3010" s="12" t="s">
        <v>42</v>
      </c>
      <c r="U3010" s="2">
        <v>1.704</v>
      </c>
      <c r="V3010" s="2">
        <v>1.3580000000000001</v>
      </c>
      <c r="W3010" s="2">
        <v>8.0000000000000002E-3</v>
      </c>
      <c r="X3010" s="2">
        <v>99.1</v>
      </c>
      <c r="Y3010" s="2">
        <v>7.6</v>
      </c>
      <c r="Z3010" s="2">
        <v>10.6</v>
      </c>
      <c r="AA3010" s="12"/>
      <c r="AB3010" s="12" t="s">
        <v>43</v>
      </c>
      <c r="AC3010" s="12" t="s">
        <v>44</v>
      </c>
      <c r="AD3010" s="2"/>
      <c r="AE3010" s="1"/>
    </row>
    <row r="3011" spans="1:31" ht="14.45">
      <c r="A3011" s="11"/>
      <c r="B3011" s="20"/>
      <c r="C3011" s="2" t="s">
        <v>9486</v>
      </c>
      <c r="D3011" s="14" t="s">
        <v>9487</v>
      </c>
      <c r="E3011" s="2" t="s">
        <v>9488</v>
      </c>
      <c r="F3011" s="2" t="s">
        <v>7208</v>
      </c>
      <c r="G3011" s="8">
        <v>103</v>
      </c>
      <c r="H3011" s="2">
        <v>5</v>
      </c>
      <c r="I3011" s="2" t="s">
        <v>1518</v>
      </c>
      <c r="J3011" s="2" t="s">
        <v>1519</v>
      </c>
      <c r="K3011" s="2" t="s">
        <v>1520</v>
      </c>
      <c r="L3011" s="2" t="s">
        <v>1519</v>
      </c>
      <c r="M3011" s="2" t="s">
        <v>1520</v>
      </c>
      <c r="N3011" s="2" t="s">
        <v>1521</v>
      </c>
      <c r="O3011" s="2" t="s">
        <v>38</v>
      </c>
      <c r="P3011" s="2" t="s">
        <v>39</v>
      </c>
      <c r="Q3011" s="2" t="s">
        <v>40</v>
      </c>
      <c r="R3011" s="2" t="s">
        <v>1522</v>
      </c>
      <c r="S3011" s="12" t="s">
        <v>1523</v>
      </c>
      <c r="T3011" s="12" t="s">
        <v>42</v>
      </c>
      <c r="U3011" s="2">
        <v>1.665</v>
      </c>
      <c r="V3011" s="2">
        <v>1.319</v>
      </c>
      <c r="W3011" s="2">
        <v>8.0000000000000002E-3</v>
      </c>
      <c r="X3011" s="2">
        <v>99.1</v>
      </c>
      <c r="Y3011" s="2">
        <v>7.6</v>
      </c>
      <c r="Z3011" s="2">
        <v>10.6</v>
      </c>
      <c r="AA3011" s="12"/>
      <c r="AB3011" s="12" t="s">
        <v>43</v>
      </c>
      <c r="AC3011" s="12" t="s">
        <v>44</v>
      </c>
      <c r="AD3011" s="2"/>
      <c r="AE3011" s="1"/>
    </row>
    <row r="3012" spans="1:31" ht="14.45">
      <c r="A3012" s="11"/>
      <c r="B3012" s="20"/>
      <c r="C3012" s="2" t="s">
        <v>9489</v>
      </c>
      <c r="D3012" s="14" t="s">
        <v>9490</v>
      </c>
      <c r="E3012" s="2" t="s">
        <v>9491</v>
      </c>
      <c r="F3012" s="2" t="s">
        <v>7521</v>
      </c>
      <c r="G3012" s="8">
        <v>103</v>
      </c>
      <c r="H3012" s="2">
        <v>5</v>
      </c>
      <c r="I3012" s="2" t="s">
        <v>1518</v>
      </c>
      <c r="J3012" s="2" t="s">
        <v>1519</v>
      </c>
      <c r="K3012" s="2" t="s">
        <v>1520</v>
      </c>
      <c r="L3012" s="2" t="s">
        <v>1519</v>
      </c>
      <c r="M3012" s="2" t="s">
        <v>1520</v>
      </c>
      <c r="N3012" s="2" t="s">
        <v>1521</v>
      </c>
      <c r="O3012" s="2" t="s">
        <v>38</v>
      </c>
      <c r="P3012" s="2" t="s">
        <v>39</v>
      </c>
      <c r="Q3012" s="2" t="s">
        <v>40</v>
      </c>
      <c r="R3012" s="2" t="s">
        <v>1522</v>
      </c>
      <c r="S3012" s="12" t="s">
        <v>1523</v>
      </c>
      <c r="T3012" s="12" t="s">
        <v>42</v>
      </c>
      <c r="U3012" s="2">
        <v>1.704</v>
      </c>
      <c r="V3012" s="2">
        <v>1.3580000000000001</v>
      </c>
      <c r="W3012" s="2">
        <v>8.0000000000000002E-3</v>
      </c>
      <c r="X3012" s="2">
        <v>99.1</v>
      </c>
      <c r="Y3012" s="2">
        <v>7.6</v>
      </c>
      <c r="Z3012" s="2">
        <v>10.6</v>
      </c>
      <c r="AA3012" s="12"/>
      <c r="AB3012" s="12" t="s">
        <v>43</v>
      </c>
      <c r="AC3012" s="12" t="s">
        <v>44</v>
      </c>
      <c r="AD3012" s="2"/>
      <c r="AE3012" s="1"/>
    </row>
    <row r="3013" spans="1:31" ht="14.45">
      <c r="A3013" s="11"/>
      <c r="B3013" s="20"/>
      <c r="C3013" s="2" t="s">
        <v>9492</v>
      </c>
      <c r="D3013" s="14" t="s">
        <v>9493</v>
      </c>
      <c r="E3013" s="2" t="s">
        <v>9494</v>
      </c>
      <c r="F3013" s="2" t="s">
        <v>7212</v>
      </c>
      <c r="G3013" s="8">
        <v>103</v>
      </c>
      <c r="H3013" s="2">
        <v>5</v>
      </c>
      <c r="I3013" s="2" t="s">
        <v>1518</v>
      </c>
      <c r="J3013" s="2" t="s">
        <v>1519</v>
      </c>
      <c r="K3013" s="2" t="s">
        <v>1520</v>
      </c>
      <c r="L3013" s="2" t="s">
        <v>1519</v>
      </c>
      <c r="M3013" s="2" t="s">
        <v>1520</v>
      </c>
      <c r="N3013" s="2" t="s">
        <v>1521</v>
      </c>
      <c r="O3013" s="2" t="s">
        <v>38</v>
      </c>
      <c r="P3013" s="2" t="s">
        <v>39</v>
      </c>
      <c r="Q3013" s="2" t="s">
        <v>40</v>
      </c>
      <c r="R3013" s="2" t="s">
        <v>1522</v>
      </c>
      <c r="S3013" s="12" t="s">
        <v>1523</v>
      </c>
      <c r="T3013" s="12" t="s">
        <v>42</v>
      </c>
      <c r="U3013" s="2">
        <v>1.647</v>
      </c>
      <c r="V3013" s="2">
        <v>1.3009999999999999</v>
      </c>
      <c r="W3013" s="2">
        <v>8.0000000000000002E-3</v>
      </c>
      <c r="X3013" s="2">
        <v>99.1</v>
      </c>
      <c r="Y3013" s="2">
        <v>7.6</v>
      </c>
      <c r="Z3013" s="2">
        <v>10.6</v>
      </c>
      <c r="AA3013" s="12"/>
      <c r="AB3013" s="12" t="s">
        <v>43</v>
      </c>
      <c r="AC3013" s="12" t="s">
        <v>44</v>
      </c>
      <c r="AD3013" s="2"/>
      <c r="AE3013" s="1"/>
    </row>
    <row r="3014" spans="1:31" ht="14.45">
      <c r="A3014" s="11"/>
      <c r="B3014" s="20"/>
      <c r="C3014" s="2" t="s">
        <v>9495</v>
      </c>
      <c r="D3014" s="14" t="s">
        <v>9496</v>
      </c>
      <c r="E3014" s="2" t="s">
        <v>9497</v>
      </c>
      <c r="F3014" s="2" t="s">
        <v>7528</v>
      </c>
      <c r="G3014" s="8">
        <v>103</v>
      </c>
      <c r="H3014" s="2">
        <v>5</v>
      </c>
      <c r="I3014" s="2" t="s">
        <v>1518</v>
      </c>
      <c r="J3014" s="2" t="s">
        <v>1519</v>
      </c>
      <c r="K3014" s="2" t="s">
        <v>1520</v>
      </c>
      <c r="L3014" s="2" t="s">
        <v>1519</v>
      </c>
      <c r="M3014" s="2" t="s">
        <v>1520</v>
      </c>
      <c r="N3014" s="2" t="s">
        <v>1521</v>
      </c>
      <c r="O3014" s="2" t="s">
        <v>38</v>
      </c>
      <c r="P3014" s="2" t="s">
        <v>39</v>
      </c>
      <c r="Q3014" s="2" t="s">
        <v>40</v>
      </c>
      <c r="R3014" s="2" t="s">
        <v>1522</v>
      </c>
      <c r="S3014" s="12" t="s">
        <v>1523</v>
      </c>
      <c r="T3014" s="12" t="s">
        <v>42</v>
      </c>
      <c r="U3014" s="2">
        <v>1.6859999999999999</v>
      </c>
      <c r="V3014" s="2">
        <v>1.34</v>
      </c>
      <c r="W3014" s="2">
        <v>8.0000000000000002E-3</v>
      </c>
      <c r="X3014" s="2">
        <v>99.1</v>
      </c>
      <c r="Y3014" s="2">
        <v>7.6</v>
      </c>
      <c r="Z3014" s="2">
        <v>10.6</v>
      </c>
      <c r="AA3014" s="12"/>
      <c r="AB3014" s="12" t="s">
        <v>43</v>
      </c>
      <c r="AC3014" s="12" t="s">
        <v>44</v>
      </c>
      <c r="AD3014" s="2"/>
      <c r="AE3014" s="1"/>
    </row>
    <row r="3015" spans="1:31" ht="14.45">
      <c r="A3015" s="11"/>
      <c r="B3015" s="20"/>
      <c r="C3015" s="2" t="s">
        <v>9498</v>
      </c>
      <c r="D3015" s="14" t="s">
        <v>9499</v>
      </c>
      <c r="E3015" s="2" t="s">
        <v>9500</v>
      </c>
      <c r="F3015" s="2" t="s">
        <v>7406</v>
      </c>
      <c r="G3015" s="8">
        <v>118</v>
      </c>
      <c r="H3015" s="5">
        <v>5</v>
      </c>
      <c r="I3015" s="5" t="s">
        <v>1518</v>
      </c>
      <c r="J3015" s="5" t="s">
        <v>1519</v>
      </c>
      <c r="K3015" s="2" t="s">
        <v>1520</v>
      </c>
      <c r="L3015" s="5" t="s">
        <v>1519</v>
      </c>
      <c r="M3015" s="2" t="s">
        <v>1520</v>
      </c>
      <c r="N3015" s="5" t="s">
        <v>1521</v>
      </c>
      <c r="O3015" s="5" t="s">
        <v>38</v>
      </c>
      <c r="P3015" s="5" t="s">
        <v>39</v>
      </c>
      <c r="Q3015" s="5" t="s">
        <v>40</v>
      </c>
      <c r="R3015" s="5" t="s">
        <v>1522</v>
      </c>
      <c r="S3015" s="5" t="s">
        <v>1523</v>
      </c>
      <c r="T3015" s="5" t="s">
        <v>42</v>
      </c>
      <c r="U3015" s="2">
        <v>1.6459999999999999</v>
      </c>
      <c r="V3015" s="2">
        <v>1.3009999999999999</v>
      </c>
      <c r="W3015" s="2">
        <v>8.0000000000000002E-3</v>
      </c>
      <c r="X3015" s="2">
        <v>99.1</v>
      </c>
      <c r="Y3015" s="2">
        <v>7.6</v>
      </c>
      <c r="Z3015" s="2">
        <v>10.6</v>
      </c>
      <c r="AA3015" s="5"/>
      <c r="AB3015" s="5" t="s">
        <v>43</v>
      </c>
      <c r="AC3015" s="5" t="s">
        <v>44</v>
      </c>
      <c r="AD3015" s="2"/>
      <c r="AE3015" s="1"/>
    </row>
    <row r="3016" spans="1:31" ht="14.45">
      <c r="A3016" s="11"/>
      <c r="B3016" s="20"/>
      <c r="C3016" s="2" t="s">
        <v>9501</v>
      </c>
      <c r="D3016" s="14" t="s">
        <v>9502</v>
      </c>
      <c r="E3016" s="2" t="s">
        <v>9503</v>
      </c>
      <c r="F3016" s="2" t="s">
        <v>7535</v>
      </c>
      <c r="G3016" s="8">
        <v>118</v>
      </c>
      <c r="H3016" s="5">
        <v>6</v>
      </c>
      <c r="I3016" s="5" t="s">
        <v>1518</v>
      </c>
      <c r="J3016" s="5" t="s">
        <v>1519</v>
      </c>
      <c r="K3016" s="2" t="s">
        <v>1520</v>
      </c>
      <c r="L3016" s="5" t="s">
        <v>1519</v>
      </c>
      <c r="M3016" s="2" t="s">
        <v>1520</v>
      </c>
      <c r="N3016" s="5" t="s">
        <v>1521</v>
      </c>
      <c r="O3016" s="5" t="s">
        <v>38</v>
      </c>
      <c r="P3016" s="5" t="s">
        <v>39</v>
      </c>
      <c r="Q3016" s="5" t="s">
        <v>40</v>
      </c>
      <c r="R3016" s="5" t="s">
        <v>1522</v>
      </c>
      <c r="S3016" s="5" t="s">
        <v>1523</v>
      </c>
      <c r="T3016" s="5" t="s">
        <v>42</v>
      </c>
      <c r="U3016" s="2">
        <v>1.6850000000000001</v>
      </c>
      <c r="V3016" s="2">
        <v>1.34</v>
      </c>
      <c r="W3016" s="2">
        <v>8.0000000000000002E-3</v>
      </c>
      <c r="X3016" s="2">
        <v>99.1</v>
      </c>
      <c r="Y3016" s="2">
        <v>7.6</v>
      </c>
      <c r="Z3016" s="2">
        <v>10.6</v>
      </c>
      <c r="AA3016" s="5"/>
      <c r="AB3016" s="5" t="s">
        <v>43</v>
      </c>
      <c r="AC3016" s="5" t="s">
        <v>44</v>
      </c>
      <c r="AD3016" s="2"/>
      <c r="AE3016" s="1"/>
    </row>
    <row r="3017" spans="1:31" ht="14.45">
      <c r="A3017" s="11"/>
      <c r="B3017" s="20"/>
      <c r="C3017" s="2" t="s">
        <v>9504</v>
      </c>
      <c r="D3017" s="14" t="s">
        <v>9505</v>
      </c>
      <c r="E3017" s="2" t="s">
        <v>9506</v>
      </c>
      <c r="F3017" s="2" t="s">
        <v>7539</v>
      </c>
      <c r="G3017" s="8">
        <v>118</v>
      </c>
      <c r="H3017" s="5">
        <v>5</v>
      </c>
      <c r="I3017" s="5" t="s">
        <v>1518</v>
      </c>
      <c r="J3017" s="5" t="s">
        <v>1519</v>
      </c>
      <c r="K3017" s="2" t="s">
        <v>1520</v>
      </c>
      <c r="L3017" s="5" t="s">
        <v>1519</v>
      </c>
      <c r="M3017" s="2" t="s">
        <v>1520</v>
      </c>
      <c r="N3017" s="5" t="s">
        <v>1521</v>
      </c>
      <c r="O3017" s="5" t="s">
        <v>38</v>
      </c>
      <c r="P3017" s="5" t="s">
        <v>39</v>
      </c>
      <c r="Q3017" s="5" t="s">
        <v>40</v>
      </c>
      <c r="R3017" s="5" t="s">
        <v>1522</v>
      </c>
      <c r="S3017" s="5" t="s">
        <v>1523</v>
      </c>
      <c r="T3017" s="5" t="s">
        <v>42</v>
      </c>
      <c r="U3017" s="2">
        <v>1.6639999999999999</v>
      </c>
      <c r="V3017" s="2">
        <v>1.319</v>
      </c>
      <c r="W3017" s="2">
        <v>8.0000000000000002E-3</v>
      </c>
      <c r="X3017" s="2">
        <v>99.1</v>
      </c>
      <c r="Y3017" s="2">
        <v>7.6</v>
      </c>
      <c r="Z3017" s="2">
        <v>10.6</v>
      </c>
      <c r="AA3017" s="5"/>
      <c r="AB3017" s="5" t="s">
        <v>43</v>
      </c>
      <c r="AC3017" s="5" t="s">
        <v>44</v>
      </c>
      <c r="AD3017" s="2"/>
      <c r="AE3017" s="1"/>
    </row>
    <row r="3018" spans="1:31" ht="14.45">
      <c r="A3018" s="11"/>
      <c r="B3018" s="20"/>
      <c r="C3018" s="2" t="s">
        <v>9507</v>
      </c>
      <c r="D3018" s="14" t="s">
        <v>9508</v>
      </c>
      <c r="E3018" s="2" t="s">
        <v>9509</v>
      </c>
      <c r="F3018" s="2" t="s">
        <v>7543</v>
      </c>
      <c r="G3018" s="8">
        <v>118</v>
      </c>
      <c r="H3018" s="5">
        <v>6</v>
      </c>
      <c r="I3018" s="5" t="s">
        <v>1518</v>
      </c>
      <c r="J3018" s="5" t="s">
        <v>1519</v>
      </c>
      <c r="K3018" s="2" t="s">
        <v>1520</v>
      </c>
      <c r="L3018" s="5" t="s">
        <v>1519</v>
      </c>
      <c r="M3018" s="2" t="s">
        <v>1520</v>
      </c>
      <c r="N3018" s="5" t="s">
        <v>1521</v>
      </c>
      <c r="O3018" s="5" t="s">
        <v>38</v>
      </c>
      <c r="P3018" s="5" t="s">
        <v>39</v>
      </c>
      <c r="Q3018" s="5" t="s">
        <v>40</v>
      </c>
      <c r="R3018" s="5" t="s">
        <v>1522</v>
      </c>
      <c r="S3018" s="5" t="s">
        <v>1523</v>
      </c>
      <c r="T3018" s="5" t="s">
        <v>42</v>
      </c>
      <c r="U3018" s="2">
        <v>1.704</v>
      </c>
      <c r="V3018" s="2">
        <v>1.359</v>
      </c>
      <c r="W3018" s="2">
        <v>8.0000000000000002E-3</v>
      </c>
      <c r="X3018" s="2">
        <v>99.1</v>
      </c>
      <c r="Y3018" s="2">
        <v>7.6</v>
      </c>
      <c r="Z3018" s="2">
        <v>10.6</v>
      </c>
      <c r="AA3018" s="5"/>
      <c r="AB3018" s="5" t="s">
        <v>43</v>
      </c>
      <c r="AC3018" s="5" t="s">
        <v>44</v>
      </c>
      <c r="AD3018" s="2"/>
      <c r="AE3018" s="1"/>
    </row>
    <row r="3019" spans="1:31" ht="14.45">
      <c r="A3019" s="11"/>
      <c r="B3019" s="20"/>
      <c r="C3019" s="2" t="s">
        <v>9510</v>
      </c>
      <c r="D3019" s="14" t="s">
        <v>9511</v>
      </c>
      <c r="E3019" s="2" t="s">
        <v>9512</v>
      </c>
      <c r="F3019" s="2" t="s">
        <v>7547</v>
      </c>
      <c r="G3019" s="8">
        <v>118</v>
      </c>
      <c r="H3019" s="5">
        <v>6</v>
      </c>
      <c r="I3019" s="5" t="s">
        <v>1518</v>
      </c>
      <c r="J3019" s="5" t="s">
        <v>1519</v>
      </c>
      <c r="K3019" s="2" t="s">
        <v>1520</v>
      </c>
      <c r="L3019" s="5" t="s">
        <v>1519</v>
      </c>
      <c r="M3019" s="2" t="s">
        <v>1520</v>
      </c>
      <c r="N3019" s="5" t="s">
        <v>1521</v>
      </c>
      <c r="O3019" s="5" t="s">
        <v>38</v>
      </c>
      <c r="P3019" s="5" t="s">
        <v>39</v>
      </c>
      <c r="Q3019" s="5" t="s">
        <v>40</v>
      </c>
      <c r="R3019" s="5" t="s">
        <v>1522</v>
      </c>
      <c r="S3019" s="5" t="s">
        <v>1523</v>
      </c>
      <c r="T3019" s="5" t="s">
        <v>42</v>
      </c>
      <c r="U3019" s="2">
        <v>1.6459999999999999</v>
      </c>
      <c r="V3019" s="2">
        <v>1.3009999999999999</v>
      </c>
      <c r="W3019" s="2">
        <v>8.0000000000000002E-3</v>
      </c>
      <c r="X3019" s="2">
        <v>99.1</v>
      </c>
      <c r="Y3019" s="2">
        <v>7.6</v>
      </c>
      <c r="Z3019" s="2">
        <v>10.6</v>
      </c>
      <c r="AA3019" s="5"/>
      <c r="AB3019" s="5" t="s">
        <v>43</v>
      </c>
      <c r="AC3019" s="5" t="s">
        <v>44</v>
      </c>
      <c r="AD3019" s="2"/>
      <c r="AE3019" s="1"/>
    </row>
    <row r="3020" spans="1:31" ht="14.45">
      <c r="A3020" s="11"/>
      <c r="B3020" s="20"/>
      <c r="C3020" s="2" t="s">
        <v>9513</v>
      </c>
      <c r="D3020" s="14" t="s">
        <v>9514</v>
      </c>
      <c r="E3020" s="2" t="s">
        <v>9515</v>
      </c>
      <c r="F3020" s="2" t="s">
        <v>7551</v>
      </c>
      <c r="G3020" s="8">
        <v>118</v>
      </c>
      <c r="H3020" s="5">
        <v>6</v>
      </c>
      <c r="I3020" s="5" t="s">
        <v>1518</v>
      </c>
      <c r="J3020" s="5" t="s">
        <v>1519</v>
      </c>
      <c r="K3020" s="2" t="s">
        <v>1520</v>
      </c>
      <c r="L3020" s="5" t="s">
        <v>1519</v>
      </c>
      <c r="M3020" s="2" t="s">
        <v>1520</v>
      </c>
      <c r="N3020" s="5" t="s">
        <v>1521</v>
      </c>
      <c r="O3020" s="5" t="s">
        <v>38</v>
      </c>
      <c r="P3020" s="5" t="s">
        <v>39</v>
      </c>
      <c r="Q3020" s="5" t="s">
        <v>40</v>
      </c>
      <c r="R3020" s="5" t="s">
        <v>1522</v>
      </c>
      <c r="S3020" s="5" t="s">
        <v>1523</v>
      </c>
      <c r="T3020" s="5" t="s">
        <v>42</v>
      </c>
      <c r="U3020" s="2">
        <v>1.6850000000000001</v>
      </c>
      <c r="V3020" s="2">
        <v>1.34</v>
      </c>
      <c r="W3020" s="2">
        <v>8.0000000000000002E-3</v>
      </c>
      <c r="X3020" s="2">
        <v>99.1</v>
      </c>
      <c r="Y3020" s="2">
        <v>7.6</v>
      </c>
      <c r="Z3020" s="2">
        <v>10.6</v>
      </c>
      <c r="AA3020" s="5"/>
      <c r="AB3020" s="5" t="s">
        <v>43</v>
      </c>
      <c r="AC3020" s="5" t="s">
        <v>44</v>
      </c>
      <c r="AD3020" s="2"/>
      <c r="AE3020" s="1"/>
    </row>
    <row r="3021" spans="1:31" ht="14.45">
      <c r="A3021" s="11"/>
      <c r="B3021" s="20"/>
      <c r="C3021" s="2" t="s">
        <v>9516</v>
      </c>
      <c r="D3021" s="14" t="s">
        <v>9517</v>
      </c>
      <c r="E3021" s="2" t="s">
        <v>9518</v>
      </c>
      <c r="F3021" s="2" t="s">
        <v>7555</v>
      </c>
      <c r="G3021" s="8">
        <v>118</v>
      </c>
      <c r="H3021" s="5">
        <v>6</v>
      </c>
      <c r="I3021" s="5" t="s">
        <v>1518</v>
      </c>
      <c r="J3021" s="5" t="s">
        <v>1519</v>
      </c>
      <c r="K3021" s="2" t="s">
        <v>1520</v>
      </c>
      <c r="L3021" s="5" t="s">
        <v>1519</v>
      </c>
      <c r="M3021" s="2" t="s">
        <v>1520</v>
      </c>
      <c r="N3021" s="5" t="s">
        <v>1521</v>
      </c>
      <c r="O3021" s="5" t="s">
        <v>38</v>
      </c>
      <c r="P3021" s="5" t="s">
        <v>39</v>
      </c>
      <c r="Q3021" s="5" t="s">
        <v>40</v>
      </c>
      <c r="R3021" s="5" t="s">
        <v>1522</v>
      </c>
      <c r="S3021" s="5" t="s">
        <v>1523</v>
      </c>
      <c r="T3021" s="5" t="s">
        <v>42</v>
      </c>
      <c r="U3021" s="2">
        <v>1.6459999999999999</v>
      </c>
      <c r="V3021" s="2">
        <v>1.3009999999999999</v>
      </c>
      <c r="W3021" s="2">
        <v>8.0000000000000002E-3</v>
      </c>
      <c r="X3021" s="2">
        <v>99.1</v>
      </c>
      <c r="Y3021" s="2">
        <v>7.6</v>
      </c>
      <c r="Z3021" s="2">
        <v>10.6</v>
      </c>
      <c r="AA3021" s="5"/>
      <c r="AB3021" s="5" t="s">
        <v>43</v>
      </c>
      <c r="AC3021" s="5" t="s">
        <v>44</v>
      </c>
      <c r="AD3021" s="2"/>
      <c r="AE3021" s="1"/>
    </row>
    <row r="3022" spans="1:31" ht="14.45">
      <c r="A3022" s="11"/>
      <c r="B3022" s="20"/>
      <c r="C3022" s="2" t="s">
        <v>9519</v>
      </c>
      <c r="D3022" s="14" t="s">
        <v>9520</v>
      </c>
      <c r="E3022" s="2" t="s">
        <v>9521</v>
      </c>
      <c r="F3022" s="2" t="s">
        <v>7559</v>
      </c>
      <c r="G3022" s="8">
        <v>118</v>
      </c>
      <c r="H3022" s="5">
        <v>6</v>
      </c>
      <c r="I3022" s="5" t="s">
        <v>1518</v>
      </c>
      <c r="J3022" s="5" t="s">
        <v>1519</v>
      </c>
      <c r="K3022" s="2" t="s">
        <v>1520</v>
      </c>
      <c r="L3022" s="5" t="s">
        <v>1519</v>
      </c>
      <c r="M3022" s="2" t="s">
        <v>1520</v>
      </c>
      <c r="N3022" s="5" t="s">
        <v>1521</v>
      </c>
      <c r="O3022" s="5" t="s">
        <v>38</v>
      </c>
      <c r="P3022" s="5" t="s">
        <v>39</v>
      </c>
      <c r="Q3022" s="5" t="s">
        <v>40</v>
      </c>
      <c r="R3022" s="5" t="s">
        <v>1522</v>
      </c>
      <c r="S3022" s="5" t="s">
        <v>1523</v>
      </c>
      <c r="T3022" s="5" t="s">
        <v>42</v>
      </c>
      <c r="U3022" s="2">
        <v>1.6850000000000001</v>
      </c>
      <c r="V3022" s="2">
        <v>1.34</v>
      </c>
      <c r="W3022" s="2">
        <v>8.0000000000000002E-3</v>
      </c>
      <c r="X3022" s="2">
        <v>99.1</v>
      </c>
      <c r="Y3022" s="2">
        <v>7.6</v>
      </c>
      <c r="Z3022" s="2">
        <v>10.6</v>
      </c>
      <c r="AA3022" s="5"/>
      <c r="AB3022" s="5" t="s">
        <v>43</v>
      </c>
      <c r="AC3022" s="5" t="s">
        <v>44</v>
      </c>
      <c r="AD3022" s="2"/>
      <c r="AE3022" s="1"/>
    </row>
    <row r="3023" spans="1:31" ht="14.45">
      <c r="A3023" s="11"/>
      <c r="B3023" s="20"/>
      <c r="C3023" s="2" t="s">
        <v>9522</v>
      </c>
      <c r="D3023" s="14" t="s">
        <v>9523</v>
      </c>
      <c r="E3023" s="2" t="s">
        <v>9524</v>
      </c>
      <c r="F3023" s="2" t="s">
        <v>7563</v>
      </c>
      <c r="G3023" s="8">
        <v>118</v>
      </c>
      <c r="H3023" s="5">
        <v>6</v>
      </c>
      <c r="I3023" s="5" t="s">
        <v>1518</v>
      </c>
      <c r="J3023" s="5" t="s">
        <v>1519</v>
      </c>
      <c r="K3023" s="2" t="s">
        <v>1520</v>
      </c>
      <c r="L3023" s="5" t="s">
        <v>1519</v>
      </c>
      <c r="M3023" s="2" t="s">
        <v>1520</v>
      </c>
      <c r="N3023" s="5" t="s">
        <v>1521</v>
      </c>
      <c r="O3023" s="5" t="s">
        <v>38</v>
      </c>
      <c r="P3023" s="5" t="s">
        <v>39</v>
      </c>
      <c r="Q3023" s="5" t="s">
        <v>40</v>
      </c>
      <c r="R3023" s="5" t="s">
        <v>1522</v>
      </c>
      <c r="S3023" s="5" t="s">
        <v>1523</v>
      </c>
      <c r="T3023" s="5" t="s">
        <v>42</v>
      </c>
      <c r="U3023" s="2">
        <v>1.665</v>
      </c>
      <c r="V3023" s="2">
        <v>1.32</v>
      </c>
      <c r="W3023" s="2">
        <v>8.0000000000000002E-3</v>
      </c>
      <c r="X3023" s="2">
        <v>99.1</v>
      </c>
      <c r="Y3023" s="2">
        <v>7.6</v>
      </c>
      <c r="Z3023" s="2">
        <v>10.6</v>
      </c>
      <c r="AA3023" s="5"/>
      <c r="AB3023" s="5" t="s">
        <v>43</v>
      </c>
      <c r="AC3023" s="5" t="s">
        <v>44</v>
      </c>
      <c r="AD3023" s="2"/>
      <c r="AE3023" s="1"/>
    </row>
    <row r="3024" spans="1:31" ht="14.45">
      <c r="A3024" s="11"/>
      <c r="B3024" s="20"/>
      <c r="C3024" s="2" t="s">
        <v>9525</v>
      </c>
      <c r="D3024" s="14" t="s">
        <v>9526</v>
      </c>
      <c r="E3024" s="2" t="s">
        <v>9527</v>
      </c>
      <c r="F3024" s="2" t="s">
        <v>7567</v>
      </c>
      <c r="G3024" s="8">
        <v>118</v>
      </c>
      <c r="H3024" s="5">
        <v>6</v>
      </c>
      <c r="I3024" s="5" t="s">
        <v>1518</v>
      </c>
      <c r="J3024" s="5" t="s">
        <v>1519</v>
      </c>
      <c r="K3024" s="2" t="s">
        <v>1520</v>
      </c>
      <c r="L3024" s="5" t="s">
        <v>1519</v>
      </c>
      <c r="M3024" s="2" t="s">
        <v>1520</v>
      </c>
      <c r="N3024" s="5" t="s">
        <v>1521</v>
      </c>
      <c r="O3024" s="5" t="s">
        <v>38</v>
      </c>
      <c r="P3024" s="5" t="s">
        <v>39</v>
      </c>
      <c r="Q3024" s="5" t="s">
        <v>40</v>
      </c>
      <c r="R3024" s="5" t="s">
        <v>1522</v>
      </c>
      <c r="S3024" s="5" t="s">
        <v>1523</v>
      </c>
      <c r="T3024" s="5" t="s">
        <v>42</v>
      </c>
      <c r="U3024" s="2">
        <v>1.704</v>
      </c>
      <c r="V3024" s="2">
        <v>1.359</v>
      </c>
      <c r="W3024" s="2">
        <v>8.0000000000000002E-3</v>
      </c>
      <c r="X3024" s="2">
        <v>99.1</v>
      </c>
      <c r="Y3024" s="2">
        <v>7.6</v>
      </c>
      <c r="Z3024" s="2">
        <v>10.6</v>
      </c>
      <c r="AA3024" s="5"/>
      <c r="AB3024" s="5" t="s">
        <v>43</v>
      </c>
      <c r="AC3024" s="5" t="s">
        <v>44</v>
      </c>
      <c r="AD3024" s="2"/>
      <c r="AE3024" s="1"/>
    </row>
    <row r="3025" spans="1:31" ht="14.45">
      <c r="A3025" s="11"/>
      <c r="B3025" s="20"/>
      <c r="C3025" s="2" t="s">
        <v>9528</v>
      </c>
      <c r="D3025" s="14" t="s">
        <v>9529</v>
      </c>
      <c r="E3025" s="2" t="s">
        <v>9530</v>
      </c>
      <c r="F3025" s="2" t="s">
        <v>7429</v>
      </c>
      <c r="G3025" s="8">
        <v>118</v>
      </c>
      <c r="H3025" s="5">
        <v>6</v>
      </c>
      <c r="I3025" s="5" t="s">
        <v>1518</v>
      </c>
      <c r="J3025" s="5" t="s">
        <v>1519</v>
      </c>
      <c r="K3025" s="2" t="s">
        <v>1520</v>
      </c>
      <c r="L3025" s="5" t="s">
        <v>1519</v>
      </c>
      <c r="M3025" s="2" t="s">
        <v>1520</v>
      </c>
      <c r="N3025" s="5" t="s">
        <v>1521</v>
      </c>
      <c r="O3025" s="5" t="s">
        <v>38</v>
      </c>
      <c r="P3025" s="5" t="s">
        <v>39</v>
      </c>
      <c r="Q3025" s="5" t="s">
        <v>40</v>
      </c>
      <c r="R3025" s="5" t="s">
        <v>1522</v>
      </c>
      <c r="S3025" s="5" t="s">
        <v>1523</v>
      </c>
      <c r="T3025" s="5" t="s">
        <v>42</v>
      </c>
      <c r="U3025" s="2">
        <v>1.665</v>
      </c>
      <c r="V3025" s="2">
        <v>1.32</v>
      </c>
      <c r="W3025" s="2">
        <v>8.0000000000000002E-3</v>
      </c>
      <c r="X3025" s="2">
        <v>99.1</v>
      </c>
      <c r="Y3025" s="2">
        <v>7.6</v>
      </c>
      <c r="Z3025" s="2">
        <v>10.6</v>
      </c>
      <c r="AA3025" s="5"/>
      <c r="AB3025" s="5" t="s">
        <v>43</v>
      </c>
      <c r="AC3025" s="5" t="s">
        <v>44</v>
      </c>
      <c r="AD3025" s="2"/>
      <c r="AE3025" s="1"/>
    </row>
    <row r="3026" spans="1:31" ht="14.45">
      <c r="A3026" s="11"/>
      <c r="B3026" s="20"/>
      <c r="C3026" s="2" t="s">
        <v>9531</v>
      </c>
      <c r="D3026" s="14" t="s">
        <v>9532</v>
      </c>
      <c r="E3026" s="2" t="s">
        <v>9533</v>
      </c>
      <c r="F3026" s="2" t="s">
        <v>7574</v>
      </c>
      <c r="G3026" s="8">
        <v>118</v>
      </c>
      <c r="H3026" s="5">
        <v>6</v>
      </c>
      <c r="I3026" s="5" t="s">
        <v>1518</v>
      </c>
      <c r="J3026" s="5" t="s">
        <v>1519</v>
      </c>
      <c r="K3026" s="2" t="s">
        <v>1520</v>
      </c>
      <c r="L3026" s="5" t="s">
        <v>1519</v>
      </c>
      <c r="M3026" s="2" t="s">
        <v>1520</v>
      </c>
      <c r="N3026" s="5" t="s">
        <v>1521</v>
      </c>
      <c r="O3026" s="5" t="s">
        <v>38</v>
      </c>
      <c r="P3026" s="5" t="s">
        <v>39</v>
      </c>
      <c r="Q3026" s="5" t="s">
        <v>40</v>
      </c>
      <c r="R3026" s="5" t="s">
        <v>1522</v>
      </c>
      <c r="S3026" s="5" t="s">
        <v>1523</v>
      </c>
      <c r="T3026" s="5" t="s">
        <v>42</v>
      </c>
      <c r="U3026" s="2">
        <v>1.704</v>
      </c>
      <c r="V3026" s="2">
        <v>1.359</v>
      </c>
      <c r="W3026" s="2">
        <v>8.0000000000000002E-3</v>
      </c>
      <c r="X3026" s="2">
        <v>99.1</v>
      </c>
      <c r="Y3026" s="2">
        <v>7.6</v>
      </c>
      <c r="Z3026" s="2">
        <v>10.6</v>
      </c>
      <c r="AA3026" s="5"/>
      <c r="AB3026" s="5" t="s">
        <v>43</v>
      </c>
      <c r="AC3026" s="5" t="s">
        <v>44</v>
      </c>
      <c r="AD3026" s="2"/>
      <c r="AE3026" s="1"/>
    </row>
    <row r="3027" spans="1:31" ht="14.45">
      <c r="A3027" s="11"/>
      <c r="B3027" s="20"/>
      <c r="C3027" s="2" t="s">
        <v>9534</v>
      </c>
      <c r="D3027" s="14" t="s">
        <v>9535</v>
      </c>
      <c r="E3027" s="2" t="s">
        <v>9536</v>
      </c>
      <c r="F3027" s="2" t="s">
        <v>7449</v>
      </c>
      <c r="G3027" s="8">
        <v>118</v>
      </c>
      <c r="H3027" s="5">
        <v>6</v>
      </c>
      <c r="I3027" s="5" t="s">
        <v>1518</v>
      </c>
      <c r="J3027" s="5" t="s">
        <v>1519</v>
      </c>
      <c r="K3027" s="2" t="s">
        <v>1520</v>
      </c>
      <c r="L3027" s="5" t="s">
        <v>1519</v>
      </c>
      <c r="M3027" s="2" t="s">
        <v>1520</v>
      </c>
      <c r="N3027" s="5" t="s">
        <v>1521</v>
      </c>
      <c r="O3027" s="5" t="s">
        <v>38</v>
      </c>
      <c r="P3027" s="5" t="s">
        <v>39</v>
      </c>
      <c r="Q3027" s="5" t="s">
        <v>40</v>
      </c>
      <c r="R3027" s="5" t="s">
        <v>1522</v>
      </c>
      <c r="S3027" s="5" t="s">
        <v>1523</v>
      </c>
      <c r="T3027" s="5" t="s">
        <v>42</v>
      </c>
      <c r="U3027" s="2">
        <v>1.665</v>
      </c>
      <c r="V3027" s="2">
        <v>1.32</v>
      </c>
      <c r="W3027" s="2">
        <v>8.0000000000000002E-3</v>
      </c>
      <c r="X3027" s="2">
        <v>99.1</v>
      </c>
      <c r="Y3027" s="2">
        <v>7.6</v>
      </c>
      <c r="Z3027" s="2">
        <v>10.6</v>
      </c>
      <c r="AA3027" s="5"/>
      <c r="AB3027" s="5" t="s">
        <v>43</v>
      </c>
      <c r="AC3027" s="5" t="s">
        <v>44</v>
      </c>
      <c r="AD3027" s="2"/>
      <c r="AE3027" s="1"/>
    </row>
    <row r="3028" spans="1:31" ht="14.45">
      <c r="A3028" s="11"/>
      <c r="B3028" s="20"/>
      <c r="C3028" s="2" t="s">
        <v>9537</v>
      </c>
      <c r="D3028" s="14" t="s">
        <v>9538</v>
      </c>
      <c r="E3028" s="2" t="s">
        <v>9539</v>
      </c>
      <c r="F3028" s="2" t="s">
        <v>7581</v>
      </c>
      <c r="G3028" s="8">
        <v>118</v>
      </c>
      <c r="H3028" s="5">
        <v>6</v>
      </c>
      <c r="I3028" s="5" t="s">
        <v>1518</v>
      </c>
      <c r="J3028" s="5" t="s">
        <v>1519</v>
      </c>
      <c r="K3028" s="2" t="s">
        <v>1520</v>
      </c>
      <c r="L3028" s="5" t="s">
        <v>1519</v>
      </c>
      <c r="M3028" s="2" t="s">
        <v>1520</v>
      </c>
      <c r="N3028" s="5" t="s">
        <v>1521</v>
      </c>
      <c r="O3028" s="5" t="s">
        <v>38</v>
      </c>
      <c r="P3028" s="5" t="s">
        <v>39</v>
      </c>
      <c r="Q3028" s="5" t="s">
        <v>40</v>
      </c>
      <c r="R3028" s="5" t="s">
        <v>1522</v>
      </c>
      <c r="S3028" s="5" t="s">
        <v>1523</v>
      </c>
      <c r="T3028" s="5" t="s">
        <v>42</v>
      </c>
      <c r="U3028" s="2">
        <v>1.704</v>
      </c>
      <c r="V3028" s="2">
        <v>1.359</v>
      </c>
      <c r="W3028" s="2">
        <v>8.0000000000000002E-3</v>
      </c>
      <c r="X3028" s="2">
        <v>99.1</v>
      </c>
      <c r="Y3028" s="2">
        <v>7.6</v>
      </c>
      <c r="Z3028" s="2">
        <v>10.6</v>
      </c>
      <c r="AA3028" s="5"/>
      <c r="AB3028" s="5" t="s">
        <v>43</v>
      </c>
      <c r="AC3028" s="5" t="s">
        <v>44</v>
      </c>
      <c r="AD3028" s="2"/>
      <c r="AE3028" s="1"/>
    </row>
    <row r="3029" spans="1:31" ht="14.45">
      <c r="A3029" s="11"/>
      <c r="B3029" s="20"/>
      <c r="C3029" s="2" t="s">
        <v>9540</v>
      </c>
      <c r="D3029" s="14" t="s">
        <v>9541</v>
      </c>
      <c r="E3029" s="2" t="s">
        <v>9542</v>
      </c>
      <c r="F3029" s="2" t="s">
        <v>7585</v>
      </c>
      <c r="G3029" s="8">
        <v>118</v>
      </c>
      <c r="H3029" s="5">
        <v>6</v>
      </c>
      <c r="I3029" s="5" t="s">
        <v>1518</v>
      </c>
      <c r="J3029" s="5" t="s">
        <v>1519</v>
      </c>
      <c r="K3029" s="2" t="s">
        <v>1520</v>
      </c>
      <c r="L3029" s="5" t="s">
        <v>1519</v>
      </c>
      <c r="M3029" s="2" t="s">
        <v>1520</v>
      </c>
      <c r="N3029" s="5" t="s">
        <v>1521</v>
      </c>
      <c r="O3029" s="5" t="s">
        <v>38</v>
      </c>
      <c r="P3029" s="5" t="s">
        <v>39</v>
      </c>
      <c r="Q3029" s="5" t="s">
        <v>40</v>
      </c>
      <c r="R3029" s="5" t="s">
        <v>1522</v>
      </c>
      <c r="S3029" s="5" t="s">
        <v>1523</v>
      </c>
      <c r="T3029" s="5" t="s">
        <v>42</v>
      </c>
      <c r="U3029" s="2">
        <v>1.6459999999999999</v>
      </c>
      <c r="V3029" s="2">
        <v>1.3009999999999999</v>
      </c>
      <c r="W3029" s="2">
        <v>8.0000000000000002E-3</v>
      </c>
      <c r="X3029" s="2">
        <v>99.1</v>
      </c>
      <c r="Y3029" s="2">
        <v>7.6</v>
      </c>
      <c r="Z3029" s="2">
        <v>10.6</v>
      </c>
      <c r="AA3029" s="5"/>
      <c r="AB3029" s="5" t="s">
        <v>43</v>
      </c>
      <c r="AC3029" s="5" t="s">
        <v>44</v>
      </c>
      <c r="AD3029" s="2"/>
      <c r="AE3029" s="1"/>
    </row>
    <row r="3030" spans="1:31" ht="14.45">
      <c r="A3030" s="11"/>
      <c r="B3030" s="20"/>
      <c r="C3030" s="2" t="s">
        <v>9543</v>
      </c>
      <c r="D3030" s="14" t="s">
        <v>9544</v>
      </c>
      <c r="E3030" s="2" t="s">
        <v>9545</v>
      </c>
      <c r="F3030" s="2" t="s">
        <v>7589</v>
      </c>
      <c r="G3030" s="8">
        <v>118</v>
      </c>
      <c r="H3030" s="5">
        <v>6</v>
      </c>
      <c r="I3030" s="5" t="s">
        <v>1518</v>
      </c>
      <c r="J3030" s="5" t="s">
        <v>1519</v>
      </c>
      <c r="K3030" s="2" t="s">
        <v>1520</v>
      </c>
      <c r="L3030" s="5" t="s">
        <v>1519</v>
      </c>
      <c r="M3030" s="2" t="s">
        <v>1520</v>
      </c>
      <c r="N3030" s="5" t="s">
        <v>1521</v>
      </c>
      <c r="O3030" s="5" t="s">
        <v>38</v>
      </c>
      <c r="P3030" s="5" t="s">
        <v>39</v>
      </c>
      <c r="Q3030" s="5" t="s">
        <v>40</v>
      </c>
      <c r="R3030" s="5" t="s">
        <v>1522</v>
      </c>
      <c r="S3030" s="5" t="s">
        <v>1523</v>
      </c>
      <c r="T3030" s="5" t="s">
        <v>42</v>
      </c>
      <c r="U3030" s="2">
        <v>1.6850000000000001</v>
      </c>
      <c r="V3030" s="2">
        <v>1.34</v>
      </c>
      <c r="W3030" s="2">
        <v>8.0000000000000002E-3</v>
      </c>
      <c r="X3030" s="2">
        <v>99.1</v>
      </c>
      <c r="Y3030" s="2">
        <v>7.6</v>
      </c>
      <c r="Z3030" s="2">
        <v>10.6</v>
      </c>
      <c r="AA3030" s="5"/>
      <c r="AB3030" s="5" t="s">
        <v>43</v>
      </c>
      <c r="AC3030" s="5" t="s">
        <v>44</v>
      </c>
      <c r="AD3030" s="2"/>
      <c r="AE3030" s="1"/>
    </row>
    <row r="3031" spans="1:31" ht="14.45">
      <c r="A3031" s="11"/>
      <c r="B3031" s="20"/>
      <c r="C3031" s="2" t="s">
        <v>9546</v>
      </c>
      <c r="D3031" s="14" t="s">
        <v>9547</v>
      </c>
      <c r="E3031" s="2" t="s">
        <v>9548</v>
      </c>
      <c r="F3031" s="2" t="s">
        <v>7593</v>
      </c>
      <c r="G3031" s="8">
        <v>118</v>
      </c>
      <c r="H3031" s="5">
        <v>6</v>
      </c>
      <c r="I3031" s="5" t="s">
        <v>1518</v>
      </c>
      <c r="J3031" s="5" t="s">
        <v>1519</v>
      </c>
      <c r="K3031" s="2" t="s">
        <v>1520</v>
      </c>
      <c r="L3031" s="5" t="s">
        <v>1519</v>
      </c>
      <c r="M3031" s="2" t="s">
        <v>1520</v>
      </c>
      <c r="N3031" s="5" t="s">
        <v>1521</v>
      </c>
      <c r="O3031" s="5" t="s">
        <v>38</v>
      </c>
      <c r="P3031" s="5" t="s">
        <v>39</v>
      </c>
      <c r="Q3031" s="5" t="s">
        <v>40</v>
      </c>
      <c r="R3031" s="5" t="s">
        <v>1522</v>
      </c>
      <c r="S3031" s="5" t="s">
        <v>1523</v>
      </c>
      <c r="T3031" s="5" t="s">
        <v>42</v>
      </c>
      <c r="U3031" s="2">
        <v>1.665</v>
      </c>
      <c r="V3031" s="2">
        <v>1.32</v>
      </c>
      <c r="W3031" s="2">
        <v>8.0000000000000002E-3</v>
      </c>
      <c r="X3031" s="2">
        <v>99.1</v>
      </c>
      <c r="Y3031" s="2">
        <v>7.6</v>
      </c>
      <c r="Z3031" s="2">
        <v>10.6</v>
      </c>
      <c r="AA3031" s="5"/>
      <c r="AB3031" s="5" t="s">
        <v>43</v>
      </c>
      <c r="AC3031" s="5" t="s">
        <v>44</v>
      </c>
      <c r="AD3031" s="2"/>
      <c r="AE3031" s="1"/>
    </row>
    <row r="3032" spans="1:31" ht="14.45">
      <c r="A3032" s="11"/>
      <c r="B3032" s="20"/>
      <c r="C3032" s="2" t="s">
        <v>9549</v>
      </c>
      <c r="D3032" s="14" t="s">
        <v>9550</v>
      </c>
      <c r="E3032" s="2" t="s">
        <v>9551</v>
      </c>
      <c r="F3032" s="2" t="s">
        <v>7597</v>
      </c>
      <c r="G3032" s="8">
        <v>118</v>
      </c>
      <c r="H3032" s="5">
        <v>6</v>
      </c>
      <c r="I3032" s="5" t="s">
        <v>1518</v>
      </c>
      <c r="J3032" s="5" t="s">
        <v>1519</v>
      </c>
      <c r="K3032" s="2" t="s">
        <v>1520</v>
      </c>
      <c r="L3032" s="5" t="s">
        <v>1519</v>
      </c>
      <c r="M3032" s="2" t="s">
        <v>1520</v>
      </c>
      <c r="N3032" s="5" t="s">
        <v>1521</v>
      </c>
      <c r="O3032" s="5" t="s">
        <v>38</v>
      </c>
      <c r="P3032" s="5" t="s">
        <v>39</v>
      </c>
      <c r="Q3032" s="5" t="s">
        <v>40</v>
      </c>
      <c r="R3032" s="5" t="s">
        <v>1522</v>
      </c>
      <c r="S3032" s="5" t="s">
        <v>1523</v>
      </c>
      <c r="T3032" s="5" t="s">
        <v>42</v>
      </c>
      <c r="U3032" s="2">
        <v>1.704</v>
      </c>
      <c r="V3032" s="2">
        <v>1.359</v>
      </c>
      <c r="W3032" s="2">
        <v>8.0000000000000002E-3</v>
      </c>
      <c r="X3032" s="2">
        <v>99.1</v>
      </c>
      <c r="Y3032" s="2">
        <v>7.6</v>
      </c>
      <c r="Z3032" s="2">
        <v>10.6</v>
      </c>
      <c r="AA3032" s="5"/>
      <c r="AB3032" s="5" t="s">
        <v>43</v>
      </c>
      <c r="AC3032" s="5" t="s">
        <v>44</v>
      </c>
      <c r="AD3032" s="2"/>
      <c r="AE3032" s="1"/>
    </row>
    <row r="3033" spans="1:31" ht="14.45">
      <c r="A3033" s="11"/>
      <c r="B3033" s="20"/>
      <c r="C3033" s="2" t="s">
        <v>9552</v>
      </c>
      <c r="D3033" s="14" t="s">
        <v>9553</v>
      </c>
      <c r="E3033" s="2" t="s">
        <v>9554</v>
      </c>
      <c r="F3033" s="2" t="s">
        <v>7410</v>
      </c>
      <c r="G3033" s="8">
        <v>118</v>
      </c>
      <c r="H3033" s="5">
        <v>6</v>
      </c>
      <c r="I3033" s="5" t="s">
        <v>1518</v>
      </c>
      <c r="J3033" s="5" t="s">
        <v>1519</v>
      </c>
      <c r="K3033" s="2" t="s">
        <v>1520</v>
      </c>
      <c r="L3033" s="5" t="s">
        <v>1519</v>
      </c>
      <c r="M3033" s="2" t="s">
        <v>1520</v>
      </c>
      <c r="N3033" s="5" t="s">
        <v>1521</v>
      </c>
      <c r="O3033" s="5" t="s">
        <v>38</v>
      </c>
      <c r="P3033" s="5" t="s">
        <v>39</v>
      </c>
      <c r="Q3033" s="5" t="s">
        <v>40</v>
      </c>
      <c r="R3033" s="5" t="s">
        <v>1522</v>
      </c>
      <c r="S3033" s="5" t="s">
        <v>1523</v>
      </c>
      <c r="T3033" s="5" t="s">
        <v>42</v>
      </c>
      <c r="U3033" s="2">
        <v>1.665</v>
      </c>
      <c r="V3033" s="2">
        <v>1.32</v>
      </c>
      <c r="W3033" s="2">
        <v>8.0000000000000002E-3</v>
      </c>
      <c r="X3033" s="2">
        <v>99.1</v>
      </c>
      <c r="Y3033" s="2">
        <v>7.6</v>
      </c>
      <c r="Z3033" s="2">
        <v>10.6</v>
      </c>
      <c r="AA3033" s="5"/>
      <c r="AB3033" s="5" t="s">
        <v>43</v>
      </c>
      <c r="AC3033" s="5" t="s">
        <v>44</v>
      </c>
      <c r="AD3033" s="2"/>
      <c r="AE3033" s="1"/>
    </row>
    <row r="3034" spans="1:31" ht="14.45">
      <c r="A3034" s="11"/>
      <c r="B3034" s="20"/>
      <c r="C3034" s="2" t="s">
        <v>9555</v>
      </c>
      <c r="D3034" s="14" t="s">
        <v>9556</v>
      </c>
      <c r="E3034" s="2" t="s">
        <v>9557</v>
      </c>
      <c r="F3034" s="2" t="s">
        <v>7604</v>
      </c>
      <c r="G3034" s="8">
        <v>118</v>
      </c>
      <c r="H3034" s="5">
        <v>6</v>
      </c>
      <c r="I3034" s="5" t="s">
        <v>1518</v>
      </c>
      <c r="J3034" s="5" t="s">
        <v>1519</v>
      </c>
      <c r="K3034" s="2" t="s">
        <v>1520</v>
      </c>
      <c r="L3034" s="5" t="s">
        <v>1519</v>
      </c>
      <c r="M3034" s="2" t="s">
        <v>1520</v>
      </c>
      <c r="N3034" s="5" t="s">
        <v>1521</v>
      </c>
      <c r="O3034" s="5" t="s">
        <v>38</v>
      </c>
      <c r="P3034" s="5" t="s">
        <v>39</v>
      </c>
      <c r="Q3034" s="5" t="s">
        <v>40</v>
      </c>
      <c r="R3034" s="5" t="s">
        <v>1522</v>
      </c>
      <c r="S3034" s="5" t="s">
        <v>1523</v>
      </c>
      <c r="T3034" s="5" t="s">
        <v>42</v>
      </c>
      <c r="U3034" s="2">
        <v>1.704</v>
      </c>
      <c r="V3034" s="2">
        <v>1.359</v>
      </c>
      <c r="W3034" s="2">
        <v>8.0000000000000002E-3</v>
      </c>
      <c r="X3034" s="2">
        <v>99.1</v>
      </c>
      <c r="Y3034" s="2">
        <v>7.6</v>
      </c>
      <c r="Z3034" s="2">
        <v>10.6</v>
      </c>
      <c r="AA3034" s="5"/>
      <c r="AB3034" s="5" t="s">
        <v>43</v>
      </c>
      <c r="AC3034" s="5" t="s">
        <v>44</v>
      </c>
      <c r="AD3034" s="2"/>
      <c r="AE3034" s="1"/>
    </row>
    <row r="3035" spans="1:31" ht="14.45">
      <c r="A3035" s="11"/>
      <c r="B3035" s="20"/>
      <c r="C3035" s="2" t="s">
        <v>9558</v>
      </c>
      <c r="D3035" s="14" t="s">
        <v>9559</v>
      </c>
      <c r="E3035" s="2" t="s">
        <v>9560</v>
      </c>
      <c r="F3035" s="2" t="s">
        <v>7433</v>
      </c>
      <c r="G3035" s="8">
        <v>118</v>
      </c>
      <c r="H3035" s="5">
        <v>6</v>
      </c>
      <c r="I3035" s="5" t="s">
        <v>1518</v>
      </c>
      <c r="J3035" s="5" t="s">
        <v>1519</v>
      </c>
      <c r="K3035" s="2" t="s">
        <v>1520</v>
      </c>
      <c r="L3035" s="5" t="s">
        <v>1519</v>
      </c>
      <c r="M3035" s="2" t="s">
        <v>1520</v>
      </c>
      <c r="N3035" s="5" t="s">
        <v>1521</v>
      </c>
      <c r="O3035" s="5" t="s">
        <v>38</v>
      </c>
      <c r="P3035" s="5" t="s">
        <v>39</v>
      </c>
      <c r="Q3035" s="5" t="s">
        <v>40</v>
      </c>
      <c r="R3035" s="5" t="s">
        <v>1522</v>
      </c>
      <c r="S3035" s="5" t="s">
        <v>1523</v>
      </c>
      <c r="T3035" s="5" t="s">
        <v>42</v>
      </c>
      <c r="U3035" s="2">
        <v>1.665</v>
      </c>
      <c r="V3035" s="2">
        <v>1.32</v>
      </c>
      <c r="W3035" s="2">
        <v>8.0000000000000002E-3</v>
      </c>
      <c r="X3035" s="2">
        <v>99.1</v>
      </c>
      <c r="Y3035" s="2">
        <v>7.6</v>
      </c>
      <c r="Z3035" s="2">
        <v>10.6</v>
      </c>
      <c r="AA3035" s="5"/>
      <c r="AB3035" s="5" t="s">
        <v>43</v>
      </c>
      <c r="AC3035" s="5" t="s">
        <v>44</v>
      </c>
      <c r="AD3035" s="2"/>
      <c r="AE3035" s="1"/>
    </row>
    <row r="3036" spans="1:31" ht="14.45">
      <c r="A3036" s="11"/>
      <c r="B3036" s="20"/>
      <c r="C3036" s="2" t="s">
        <v>9561</v>
      </c>
      <c r="D3036" s="14" t="s">
        <v>9562</v>
      </c>
      <c r="E3036" s="2" t="s">
        <v>9563</v>
      </c>
      <c r="F3036" s="2" t="s">
        <v>7611</v>
      </c>
      <c r="G3036" s="8">
        <v>118</v>
      </c>
      <c r="H3036" s="5">
        <v>6</v>
      </c>
      <c r="I3036" s="5" t="s">
        <v>1518</v>
      </c>
      <c r="J3036" s="5" t="s">
        <v>1519</v>
      </c>
      <c r="K3036" s="2" t="s">
        <v>1520</v>
      </c>
      <c r="L3036" s="5" t="s">
        <v>1519</v>
      </c>
      <c r="M3036" s="2" t="s">
        <v>1520</v>
      </c>
      <c r="N3036" s="5" t="s">
        <v>1521</v>
      </c>
      <c r="O3036" s="5" t="s">
        <v>38</v>
      </c>
      <c r="P3036" s="5" t="s">
        <v>39</v>
      </c>
      <c r="Q3036" s="5" t="s">
        <v>40</v>
      </c>
      <c r="R3036" s="5" t="s">
        <v>1522</v>
      </c>
      <c r="S3036" s="5" t="s">
        <v>1523</v>
      </c>
      <c r="T3036" s="5" t="s">
        <v>42</v>
      </c>
      <c r="U3036" s="2">
        <v>1.704</v>
      </c>
      <c r="V3036" s="2">
        <v>1.359</v>
      </c>
      <c r="W3036" s="2">
        <v>8.0000000000000002E-3</v>
      </c>
      <c r="X3036" s="2">
        <v>99.1</v>
      </c>
      <c r="Y3036" s="2">
        <v>7.6</v>
      </c>
      <c r="Z3036" s="2">
        <v>10.6</v>
      </c>
      <c r="AA3036" s="5"/>
      <c r="AB3036" s="5" t="s">
        <v>43</v>
      </c>
      <c r="AC3036" s="5" t="s">
        <v>44</v>
      </c>
      <c r="AD3036" s="2"/>
      <c r="AE3036" s="1"/>
    </row>
    <row r="3037" spans="1:31" ht="14.45">
      <c r="A3037" s="11"/>
      <c r="B3037" s="20"/>
      <c r="C3037" s="2" t="s">
        <v>9564</v>
      </c>
      <c r="D3037" s="14" t="s">
        <v>9565</v>
      </c>
      <c r="E3037" s="2" t="s">
        <v>9566</v>
      </c>
      <c r="F3037" s="2" t="s">
        <v>7615</v>
      </c>
      <c r="G3037" s="8">
        <v>118</v>
      </c>
      <c r="H3037" s="5">
        <v>6</v>
      </c>
      <c r="I3037" s="5" t="s">
        <v>1518</v>
      </c>
      <c r="J3037" s="5" t="s">
        <v>1519</v>
      </c>
      <c r="K3037" s="2" t="s">
        <v>1520</v>
      </c>
      <c r="L3037" s="5" t="s">
        <v>1519</v>
      </c>
      <c r="M3037" s="2" t="s">
        <v>1520</v>
      </c>
      <c r="N3037" s="5" t="s">
        <v>1521</v>
      </c>
      <c r="O3037" s="5" t="s">
        <v>38</v>
      </c>
      <c r="P3037" s="5" t="s">
        <v>39</v>
      </c>
      <c r="Q3037" s="5" t="s">
        <v>40</v>
      </c>
      <c r="R3037" s="5" t="s">
        <v>1522</v>
      </c>
      <c r="S3037" s="5" t="s">
        <v>1523</v>
      </c>
      <c r="T3037" s="5" t="s">
        <v>42</v>
      </c>
      <c r="U3037" s="2">
        <v>1.6459999999999999</v>
      </c>
      <c r="V3037" s="2">
        <v>1.3009999999999999</v>
      </c>
      <c r="W3037" s="2">
        <v>8.0000000000000002E-3</v>
      </c>
      <c r="X3037" s="2">
        <v>99.1</v>
      </c>
      <c r="Y3037" s="2">
        <v>7.6</v>
      </c>
      <c r="Z3037" s="2">
        <v>10.6</v>
      </c>
      <c r="AA3037" s="5"/>
      <c r="AB3037" s="5" t="s">
        <v>43</v>
      </c>
      <c r="AC3037" s="5" t="s">
        <v>44</v>
      </c>
      <c r="AD3037" s="2"/>
      <c r="AE3037" s="1"/>
    </row>
    <row r="3038" spans="1:31" ht="14.45">
      <c r="A3038" s="11"/>
      <c r="B3038" s="20"/>
      <c r="C3038" s="2" t="s">
        <v>9567</v>
      </c>
      <c r="D3038" s="14" t="s">
        <v>9568</v>
      </c>
      <c r="E3038" s="2" t="s">
        <v>9569</v>
      </c>
      <c r="F3038" s="2" t="s">
        <v>7619</v>
      </c>
      <c r="G3038" s="8">
        <v>118</v>
      </c>
      <c r="H3038" s="5">
        <v>6</v>
      </c>
      <c r="I3038" s="5" t="s">
        <v>1518</v>
      </c>
      <c r="J3038" s="5" t="s">
        <v>1519</v>
      </c>
      <c r="K3038" s="2" t="s">
        <v>1520</v>
      </c>
      <c r="L3038" s="5" t="s">
        <v>1519</v>
      </c>
      <c r="M3038" s="2" t="s">
        <v>1520</v>
      </c>
      <c r="N3038" s="5" t="s">
        <v>1521</v>
      </c>
      <c r="O3038" s="5" t="s">
        <v>38</v>
      </c>
      <c r="P3038" s="5" t="s">
        <v>39</v>
      </c>
      <c r="Q3038" s="5" t="s">
        <v>40</v>
      </c>
      <c r="R3038" s="5" t="s">
        <v>1522</v>
      </c>
      <c r="S3038" s="5" t="s">
        <v>1523</v>
      </c>
      <c r="T3038" s="5" t="s">
        <v>42</v>
      </c>
      <c r="U3038" s="2">
        <v>1.6850000000000001</v>
      </c>
      <c r="V3038" s="2">
        <v>1.34</v>
      </c>
      <c r="W3038" s="2">
        <v>8.0000000000000002E-3</v>
      </c>
      <c r="X3038" s="2">
        <v>99.1</v>
      </c>
      <c r="Y3038" s="2">
        <v>7.6</v>
      </c>
      <c r="Z3038" s="2">
        <v>10.6</v>
      </c>
      <c r="AA3038" s="5"/>
      <c r="AB3038" s="5" t="s">
        <v>43</v>
      </c>
      <c r="AC3038" s="5" t="s">
        <v>44</v>
      </c>
      <c r="AD3038" s="2"/>
      <c r="AE3038" s="1"/>
    </row>
    <row r="3039" spans="1:31" ht="14.45">
      <c r="A3039" s="11"/>
      <c r="B3039" s="20"/>
      <c r="C3039" s="2" t="s">
        <v>9570</v>
      </c>
      <c r="D3039" s="14" t="s">
        <v>9571</v>
      </c>
      <c r="E3039" s="2" t="s">
        <v>9572</v>
      </c>
      <c r="F3039" s="2" t="s">
        <v>1823</v>
      </c>
      <c r="G3039" s="8">
        <v>118</v>
      </c>
      <c r="H3039" s="5">
        <v>8</v>
      </c>
      <c r="I3039" s="5" t="s">
        <v>1518</v>
      </c>
      <c r="J3039" s="5" t="s">
        <v>1519</v>
      </c>
      <c r="K3039" s="2" t="s">
        <v>1520</v>
      </c>
      <c r="L3039" s="5" t="s">
        <v>1519</v>
      </c>
      <c r="M3039" s="2" t="s">
        <v>1520</v>
      </c>
      <c r="N3039" s="5" t="s">
        <v>1521</v>
      </c>
      <c r="O3039" s="5" t="s">
        <v>38</v>
      </c>
      <c r="P3039" s="5" t="s">
        <v>39</v>
      </c>
      <c r="Q3039" s="5" t="s">
        <v>40</v>
      </c>
      <c r="R3039" s="5" t="s">
        <v>1522</v>
      </c>
      <c r="S3039" s="5" t="s">
        <v>1523</v>
      </c>
      <c r="T3039" s="5" t="s">
        <v>42</v>
      </c>
      <c r="U3039" s="2">
        <v>1.6779999999999999</v>
      </c>
      <c r="V3039" s="2">
        <v>1.333</v>
      </c>
      <c r="W3039" s="2">
        <v>8.0000000000000002E-3</v>
      </c>
      <c r="X3039" s="2">
        <v>99.1</v>
      </c>
      <c r="Y3039" s="2">
        <v>7.6</v>
      </c>
      <c r="Z3039" s="2">
        <v>10.6</v>
      </c>
      <c r="AA3039" s="5"/>
      <c r="AB3039" s="5" t="s">
        <v>43</v>
      </c>
      <c r="AC3039" s="5" t="s">
        <v>44</v>
      </c>
      <c r="AD3039" s="2"/>
      <c r="AE3039" s="1"/>
    </row>
    <row r="3040" spans="1:31" ht="14.45">
      <c r="A3040" s="11"/>
      <c r="B3040" s="20"/>
      <c r="C3040" s="2" t="s">
        <v>9573</v>
      </c>
      <c r="D3040" s="14" t="s">
        <v>9574</v>
      </c>
      <c r="E3040" s="2" t="s">
        <v>9575</v>
      </c>
      <c r="F3040" s="2" t="s">
        <v>1827</v>
      </c>
      <c r="G3040" s="8">
        <v>118</v>
      </c>
      <c r="H3040" s="5">
        <v>8</v>
      </c>
      <c r="I3040" s="5" t="s">
        <v>1518</v>
      </c>
      <c r="J3040" s="5" t="s">
        <v>1519</v>
      </c>
      <c r="K3040" s="2" t="s">
        <v>1520</v>
      </c>
      <c r="L3040" s="5" t="s">
        <v>1519</v>
      </c>
      <c r="M3040" s="2" t="s">
        <v>1520</v>
      </c>
      <c r="N3040" s="5" t="s">
        <v>1521</v>
      </c>
      <c r="O3040" s="5" t="s">
        <v>38</v>
      </c>
      <c r="P3040" s="5" t="s">
        <v>39</v>
      </c>
      <c r="Q3040" s="5" t="s">
        <v>40</v>
      </c>
      <c r="R3040" s="5" t="s">
        <v>1522</v>
      </c>
      <c r="S3040" s="5" t="s">
        <v>1523</v>
      </c>
      <c r="T3040" s="5" t="s">
        <v>42</v>
      </c>
      <c r="U3040" s="2">
        <v>1.7170000000000001</v>
      </c>
      <c r="V3040" s="2">
        <v>1.3720000000000001</v>
      </c>
      <c r="W3040" s="2">
        <v>8.0000000000000002E-3</v>
      </c>
      <c r="X3040" s="2">
        <v>99.1</v>
      </c>
      <c r="Y3040" s="2">
        <v>7.6</v>
      </c>
      <c r="Z3040" s="2">
        <v>10.6</v>
      </c>
      <c r="AA3040" s="5"/>
      <c r="AB3040" s="5" t="s">
        <v>43</v>
      </c>
      <c r="AC3040" s="5" t="s">
        <v>44</v>
      </c>
      <c r="AD3040" s="2"/>
      <c r="AE3040" s="1"/>
    </row>
    <row r="3041" spans="1:31" ht="14.45">
      <c r="A3041" s="11"/>
      <c r="B3041" s="20"/>
      <c r="C3041" s="2" t="s">
        <v>9576</v>
      </c>
      <c r="D3041" s="14" t="s">
        <v>9577</v>
      </c>
      <c r="E3041" s="2" t="s">
        <v>9578</v>
      </c>
      <c r="F3041" s="2" t="s">
        <v>1973</v>
      </c>
      <c r="G3041" s="8">
        <v>118</v>
      </c>
      <c r="H3041" s="5">
        <v>13</v>
      </c>
      <c r="I3041" s="5" t="s">
        <v>1518</v>
      </c>
      <c r="J3041" s="5" t="s">
        <v>1519</v>
      </c>
      <c r="K3041" s="2" t="s">
        <v>1520</v>
      </c>
      <c r="L3041" s="5" t="s">
        <v>1519</v>
      </c>
      <c r="M3041" s="2" t="s">
        <v>1520</v>
      </c>
      <c r="N3041" s="5" t="s">
        <v>1521</v>
      </c>
      <c r="O3041" s="5" t="s">
        <v>38</v>
      </c>
      <c r="P3041" s="5" t="s">
        <v>39</v>
      </c>
      <c r="Q3041" s="5" t="s">
        <v>40</v>
      </c>
      <c r="R3041" s="5" t="s">
        <v>1522</v>
      </c>
      <c r="S3041" s="5" t="s">
        <v>1523</v>
      </c>
      <c r="T3041" s="5" t="s">
        <v>42</v>
      </c>
      <c r="U3041" s="2">
        <v>1.7030000000000001</v>
      </c>
      <c r="V3041" s="2">
        <v>1.3580000000000001</v>
      </c>
      <c r="W3041" s="2">
        <v>8.0000000000000002E-3</v>
      </c>
      <c r="X3041" s="2">
        <v>99.1</v>
      </c>
      <c r="Y3041" s="2">
        <v>7.6</v>
      </c>
      <c r="Z3041" s="2">
        <v>10.6</v>
      </c>
      <c r="AA3041" s="5"/>
      <c r="AB3041" s="5" t="s">
        <v>43</v>
      </c>
      <c r="AC3041" s="5" t="s">
        <v>44</v>
      </c>
      <c r="AD3041" s="2"/>
      <c r="AE3041" s="1"/>
    </row>
    <row r="3042" spans="1:31" ht="14.45">
      <c r="A3042" s="11"/>
      <c r="B3042" s="20"/>
      <c r="C3042" s="2" t="s">
        <v>9579</v>
      </c>
      <c r="D3042" s="14" t="s">
        <v>9580</v>
      </c>
      <c r="E3042" s="2" t="s">
        <v>9581</v>
      </c>
      <c r="F3042" s="2" t="s">
        <v>2348</v>
      </c>
      <c r="G3042" s="8">
        <v>118</v>
      </c>
      <c r="H3042" s="5">
        <v>13</v>
      </c>
      <c r="I3042" s="5" t="s">
        <v>1518</v>
      </c>
      <c r="J3042" s="5" t="s">
        <v>1519</v>
      </c>
      <c r="K3042" s="2" t="s">
        <v>1520</v>
      </c>
      <c r="L3042" s="5" t="s">
        <v>1519</v>
      </c>
      <c r="M3042" s="2" t="s">
        <v>1520</v>
      </c>
      <c r="N3042" s="5" t="s">
        <v>1521</v>
      </c>
      <c r="O3042" s="5" t="s">
        <v>38</v>
      </c>
      <c r="P3042" s="5" t="s">
        <v>39</v>
      </c>
      <c r="Q3042" s="5" t="s">
        <v>40</v>
      </c>
      <c r="R3042" s="5" t="s">
        <v>1522</v>
      </c>
      <c r="S3042" s="5" t="s">
        <v>1523</v>
      </c>
      <c r="T3042" s="5" t="s">
        <v>42</v>
      </c>
      <c r="U3042" s="2">
        <v>1.742</v>
      </c>
      <c r="V3042" s="2">
        <v>1.397</v>
      </c>
      <c r="W3042" s="2">
        <v>8.0000000000000002E-3</v>
      </c>
      <c r="X3042" s="2">
        <v>99.1</v>
      </c>
      <c r="Y3042" s="2">
        <v>7.6</v>
      </c>
      <c r="Z3042" s="2">
        <v>10.6</v>
      </c>
      <c r="AA3042" s="5"/>
      <c r="AB3042" s="5" t="s">
        <v>43</v>
      </c>
      <c r="AC3042" s="5" t="s">
        <v>44</v>
      </c>
      <c r="AD3042" s="2"/>
      <c r="AE3042" s="1"/>
    </row>
    <row r="3043" spans="1:31" ht="14.45">
      <c r="A3043" s="11"/>
      <c r="B3043" s="20"/>
      <c r="C3043" s="2" t="s">
        <v>9582</v>
      </c>
      <c r="D3043" s="14" t="s">
        <v>9583</v>
      </c>
      <c r="E3043" s="2" t="s">
        <v>9584</v>
      </c>
      <c r="F3043" s="2" t="s">
        <v>2204</v>
      </c>
      <c r="G3043" s="8">
        <v>118</v>
      </c>
      <c r="H3043" s="5">
        <v>13</v>
      </c>
      <c r="I3043" s="5" t="s">
        <v>1518</v>
      </c>
      <c r="J3043" s="5" t="s">
        <v>1519</v>
      </c>
      <c r="K3043" s="2" t="s">
        <v>1520</v>
      </c>
      <c r="L3043" s="5" t="s">
        <v>1519</v>
      </c>
      <c r="M3043" s="2" t="s">
        <v>1520</v>
      </c>
      <c r="N3043" s="5" t="s">
        <v>1521</v>
      </c>
      <c r="O3043" s="5" t="s">
        <v>38</v>
      </c>
      <c r="P3043" s="5" t="s">
        <v>39</v>
      </c>
      <c r="Q3043" s="5" t="s">
        <v>40</v>
      </c>
      <c r="R3043" s="5" t="s">
        <v>1522</v>
      </c>
      <c r="S3043" s="5" t="s">
        <v>1523</v>
      </c>
      <c r="T3043" s="5" t="s">
        <v>42</v>
      </c>
      <c r="U3043" s="2">
        <v>1.7030000000000001</v>
      </c>
      <c r="V3043" s="2">
        <v>1.3580000000000001</v>
      </c>
      <c r="W3043" s="2">
        <v>8.0000000000000002E-3</v>
      </c>
      <c r="X3043" s="2">
        <v>99.1</v>
      </c>
      <c r="Y3043" s="2">
        <v>7.6</v>
      </c>
      <c r="Z3043" s="2">
        <v>10.6</v>
      </c>
      <c r="AA3043" s="5"/>
      <c r="AB3043" s="5" t="s">
        <v>43</v>
      </c>
      <c r="AC3043" s="5" t="s">
        <v>44</v>
      </c>
      <c r="AD3043" s="2"/>
      <c r="AE3043" s="1"/>
    </row>
    <row r="3044" spans="1:31" ht="14.45">
      <c r="A3044" s="11"/>
      <c r="B3044" s="20"/>
      <c r="C3044" s="2" t="s">
        <v>9585</v>
      </c>
      <c r="D3044" s="14" t="s">
        <v>9586</v>
      </c>
      <c r="E3044" s="2" t="s">
        <v>9587</v>
      </c>
      <c r="F3044" s="2" t="s">
        <v>2724</v>
      </c>
      <c r="G3044" s="8">
        <v>118</v>
      </c>
      <c r="H3044" s="5">
        <v>13</v>
      </c>
      <c r="I3044" s="5" t="s">
        <v>1518</v>
      </c>
      <c r="J3044" s="5" t="s">
        <v>1519</v>
      </c>
      <c r="K3044" s="2" t="s">
        <v>1520</v>
      </c>
      <c r="L3044" s="5" t="s">
        <v>1519</v>
      </c>
      <c r="M3044" s="2" t="s">
        <v>1520</v>
      </c>
      <c r="N3044" s="5" t="s">
        <v>1521</v>
      </c>
      <c r="O3044" s="5" t="s">
        <v>38</v>
      </c>
      <c r="P3044" s="5" t="s">
        <v>39</v>
      </c>
      <c r="Q3044" s="5" t="s">
        <v>40</v>
      </c>
      <c r="R3044" s="5" t="s">
        <v>1522</v>
      </c>
      <c r="S3044" s="5" t="s">
        <v>1523</v>
      </c>
      <c r="T3044" s="5" t="s">
        <v>42</v>
      </c>
      <c r="U3044" s="2">
        <v>1.742</v>
      </c>
      <c r="V3044" s="2">
        <v>1.397</v>
      </c>
      <c r="W3044" s="2">
        <v>8.0000000000000002E-3</v>
      </c>
      <c r="X3044" s="2">
        <v>99.1</v>
      </c>
      <c r="Y3044" s="2">
        <v>7.6</v>
      </c>
      <c r="Z3044" s="2">
        <v>10.6</v>
      </c>
      <c r="AA3044" s="5"/>
      <c r="AB3044" s="5" t="s">
        <v>43</v>
      </c>
      <c r="AC3044" s="5" t="s">
        <v>44</v>
      </c>
      <c r="AD3044" s="2"/>
      <c r="AE3044" s="1"/>
    </row>
    <row r="3045" spans="1:31" ht="14.45">
      <c r="A3045" s="11"/>
      <c r="B3045" s="20"/>
      <c r="C3045" s="2" t="s">
        <v>9588</v>
      </c>
      <c r="D3045" s="14" t="s">
        <v>9589</v>
      </c>
      <c r="E3045" s="2" t="s">
        <v>9590</v>
      </c>
      <c r="F3045" s="2" t="s">
        <v>2208</v>
      </c>
      <c r="G3045" s="8">
        <v>118</v>
      </c>
      <c r="H3045" s="5">
        <v>13</v>
      </c>
      <c r="I3045" s="5" t="s">
        <v>1518</v>
      </c>
      <c r="J3045" s="5" t="s">
        <v>1519</v>
      </c>
      <c r="K3045" s="2" t="s">
        <v>1520</v>
      </c>
      <c r="L3045" s="5" t="s">
        <v>1519</v>
      </c>
      <c r="M3045" s="2" t="s">
        <v>1520</v>
      </c>
      <c r="N3045" s="5" t="s">
        <v>1521</v>
      </c>
      <c r="O3045" s="5" t="s">
        <v>38</v>
      </c>
      <c r="P3045" s="5" t="s">
        <v>39</v>
      </c>
      <c r="Q3045" s="5" t="s">
        <v>40</v>
      </c>
      <c r="R3045" s="5" t="s">
        <v>1522</v>
      </c>
      <c r="S3045" s="5" t="s">
        <v>1523</v>
      </c>
      <c r="T3045" s="5" t="s">
        <v>42</v>
      </c>
      <c r="U3045" s="2">
        <v>1.7030000000000001</v>
      </c>
      <c r="V3045" s="2">
        <v>1.3580000000000001</v>
      </c>
      <c r="W3045" s="2">
        <v>8.0000000000000002E-3</v>
      </c>
      <c r="X3045" s="2">
        <v>99.1</v>
      </c>
      <c r="Y3045" s="2">
        <v>7.6</v>
      </c>
      <c r="Z3045" s="2">
        <v>10.6</v>
      </c>
      <c r="AA3045" s="5"/>
      <c r="AB3045" s="5" t="s">
        <v>43</v>
      </c>
      <c r="AC3045" s="5" t="s">
        <v>44</v>
      </c>
      <c r="AD3045" s="2"/>
      <c r="AE3045" s="1"/>
    </row>
    <row r="3046" spans="1:31" ht="14.45">
      <c r="A3046" s="11"/>
      <c r="B3046" s="20"/>
      <c r="C3046" s="2" t="s">
        <v>9591</v>
      </c>
      <c r="D3046" s="14" t="s">
        <v>9592</v>
      </c>
      <c r="E3046" s="2" t="s">
        <v>9593</v>
      </c>
      <c r="F3046" s="2" t="s">
        <v>2212</v>
      </c>
      <c r="G3046" s="8">
        <v>118</v>
      </c>
      <c r="H3046" s="5">
        <v>13</v>
      </c>
      <c r="I3046" s="5" t="s">
        <v>1518</v>
      </c>
      <c r="J3046" s="5" t="s">
        <v>1519</v>
      </c>
      <c r="K3046" s="2" t="s">
        <v>1520</v>
      </c>
      <c r="L3046" s="5" t="s">
        <v>1519</v>
      </c>
      <c r="M3046" s="2" t="s">
        <v>1520</v>
      </c>
      <c r="N3046" s="5" t="s">
        <v>1521</v>
      </c>
      <c r="O3046" s="5" t="s">
        <v>38</v>
      </c>
      <c r="P3046" s="5" t="s">
        <v>39</v>
      </c>
      <c r="Q3046" s="5" t="s">
        <v>40</v>
      </c>
      <c r="R3046" s="5" t="s">
        <v>1522</v>
      </c>
      <c r="S3046" s="5" t="s">
        <v>1523</v>
      </c>
      <c r="T3046" s="5" t="s">
        <v>42</v>
      </c>
      <c r="U3046" s="2">
        <v>1.742</v>
      </c>
      <c r="V3046" s="2">
        <v>1.397</v>
      </c>
      <c r="W3046" s="2">
        <v>8.0000000000000002E-3</v>
      </c>
      <c r="X3046" s="2">
        <v>99.1</v>
      </c>
      <c r="Y3046" s="2">
        <v>7.6</v>
      </c>
      <c r="Z3046" s="2">
        <v>10.6</v>
      </c>
      <c r="AA3046" s="5"/>
      <c r="AB3046" s="5" t="s">
        <v>43</v>
      </c>
      <c r="AC3046" s="5" t="s">
        <v>44</v>
      </c>
      <c r="AD3046" s="2"/>
      <c r="AE3046" s="1"/>
    </row>
    <row r="3047" spans="1:31" ht="14.45">
      <c r="A3047" s="11"/>
      <c r="B3047" s="20"/>
      <c r="C3047" s="2" t="s">
        <v>9594</v>
      </c>
      <c r="D3047" s="14" t="s">
        <v>9595</v>
      </c>
      <c r="E3047" s="2" t="s">
        <v>9596</v>
      </c>
      <c r="F3047" s="2" t="s">
        <v>1831</v>
      </c>
      <c r="G3047" s="8">
        <v>118</v>
      </c>
      <c r="H3047" s="5">
        <v>13</v>
      </c>
      <c r="I3047" s="5" t="s">
        <v>1518</v>
      </c>
      <c r="J3047" s="5" t="s">
        <v>1519</v>
      </c>
      <c r="K3047" s="2" t="s">
        <v>1520</v>
      </c>
      <c r="L3047" s="5" t="s">
        <v>1519</v>
      </c>
      <c r="M3047" s="2" t="s">
        <v>1520</v>
      </c>
      <c r="N3047" s="5" t="s">
        <v>1521</v>
      </c>
      <c r="O3047" s="5" t="s">
        <v>38</v>
      </c>
      <c r="P3047" s="5" t="s">
        <v>39</v>
      </c>
      <c r="Q3047" s="5" t="s">
        <v>40</v>
      </c>
      <c r="R3047" s="5" t="s">
        <v>1522</v>
      </c>
      <c r="S3047" s="5" t="s">
        <v>1523</v>
      </c>
      <c r="T3047" s="5" t="s">
        <v>42</v>
      </c>
      <c r="U3047" s="2">
        <v>1.7030000000000001</v>
      </c>
      <c r="V3047" s="2">
        <v>1.3580000000000001</v>
      </c>
      <c r="W3047" s="2">
        <v>8.0000000000000002E-3</v>
      </c>
      <c r="X3047" s="2">
        <v>99.1</v>
      </c>
      <c r="Y3047" s="2">
        <v>7.6</v>
      </c>
      <c r="Z3047" s="2">
        <v>10.6</v>
      </c>
      <c r="AA3047" s="5"/>
      <c r="AB3047" s="5" t="s">
        <v>43</v>
      </c>
      <c r="AC3047" s="5" t="s">
        <v>44</v>
      </c>
      <c r="AD3047" s="2"/>
      <c r="AE3047" s="1"/>
    </row>
    <row r="3048" spans="1:31" ht="14.45">
      <c r="A3048" s="11"/>
      <c r="B3048" s="20"/>
      <c r="C3048" s="2" t="s">
        <v>9597</v>
      </c>
      <c r="D3048" s="14" t="s">
        <v>9598</v>
      </c>
      <c r="E3048" s="2" t="s">
        <v>9599</v>
      </c>
      <c r="F3048" s="2" t="s">
        <v>1835</v>
      </c>
      <c r="G3048" s="8">
        <v>118</v>
      </c>
      <c r="H3048" s="5">
        <v>13</v>
      </c>
      <c r="I3048" s="5" t="s">
        <v>1518</v>
      </c>
      <c r="J3048" s="5" t="s">
        <v>1519</v>
      </c>
      <c r="K3048" s="2" t="s">
        <v>1520</v>
      </c>
      <c r="L3048" s="5" t="s">
        <v>1519</v>
      </c>
      <c r="M3048" s="2" t="s">
        <v>1520</v>
      </c>
      <c r="N3048" s="5" t="s">
        <v>1521</v>
      </c>
      <c r="O3048" s="5" t="s">
        <v>38</v>
      </c>
      <c r="P3048" s="5" t="s">
        <v>39</v>
      </c>
      <c r="Q3048" s="5" t="s">
        <v>40</v>
      </c>
      <c r="R3048" s="5" t="s">
        <v>1522</v>
      </c>
      <c r="S3048" s="5" t="s">
        <v>1523</v>
      </c>
      <c r="T3048" s="5" t="s">
        <v>42</v>
      </c>
      <c r="U3048" s="2">
        <v>1.742</v>
      </c>
      <c r="V3048" s="2">
        <v>1.397</v>
      </c>
      <c r="W3048" s="2">
        <v>8.0000000000000002E-3</v>
      </c>
      <c r="X3048" s="2">
        <v>99.1</v>
      </c>
      <c r="Y3048" s="2">
        <v>7.6</v>
      </c>
      <c r="Z3048" s="2">
        <v>10.6</v>
      </c>
      <c r="AA3048" s="5"/>
      <c r="AB3048" s="5" t="s">
        <v>43</v>
      </c>
      <c r="AC3048" s="5" t="s">
        <v>44</v>
      </c>
      <c r="AD3048" s="2"/>
      <c r="AE3048" s="1"/>
    </row>
    <row r="3049" spans="1:31" ht="14.45">
      <c r="A3049" s="11"/>
      <c r="B3049" s="20"/>
      <c r="C3049" s="2" t="s">
        <v>9600</v>
      </c>
      <c r="D3049" s="14" t="s">
        <v>9601</v>
      </c>
      <c r="E3049" s="2" t="s">
        <v>9602</v>
      </c>
      <c r="F3049" s="2" t="s">
        <v>1839</v>
      </c>
      <c r="G3049" s="8">
        <v>118</v>
      </c>
      <c r="H3049" s="5">
        <v>13</v>
      </c>
      <c r="I3049" s="5" t="s">
        <v>1518</v>
      </c>
      <c r="J3049" s="5" t="s">
        <v>1519</v>
      </c>
      <c r="K3049" s="2" t="s">
        <v>1520</v>
      </c>
      <c r="L3049" s="5" t="s">
        <v>1519</v>
      </c>
      <c r="M3049" s="2" t="s">
        <v>1520</v>
      </c>
      <c r="N3049" s="5" t="s">
        <v>1521</v>
      </c>
      <c r="O3049" s="5" t="s">
        <v>38</v>
      </c>
      <c r="P3049" s="5" t="s">
        <v>39</v>
      </c>
      <c r="Q3049" s="5" t="s">
        <v>40</v>
      </c>
      <c r="R3049" s="5" t="s">
        <v>1522</v>
      </c>
      <c r="S3049" s="5" t="s">
        <v>1523</v>
      </c>
      <c r="T3049" s="5" t="s">
        <v>42</v>
      </c>
      <c r="U3049" s="2">
        <v>1.7030000000000001</v>
      </c>
      <c r="V3049" s="2">
        <v>1.3580000000000001</v>
      </c>
      <c r="W3049" s="2">
        <v>8.0000000000000002E-3</v>
      </c>
      <c r="X3049" s="2">
        <v>99.1</v>
      </c>
      <c r="Y3049" s="2">
        <v>7.6</v>
      </c>
      <c r="Z3049" s="2">
        <v>10.6</v>
      </c>
      <c r="AA3049" s="5"/>
      <c r="AB3049" s="5" t="s">
        <v>43</v>
      </c>
      <c r="AC3049" s="5" t="s">
        <v>44</v>
      </c>
      <c r="AD3049" s="2"/>
      <c r="AE3049" s="1"/>
    </row>
    <row r="3050" spans="1:31" ht="14.45">
      <c r="A3050" s="11"/>
      <c r="B3050" s="20"/>
      <c r="C3050" s="2" t="s">
        <v>9603</v>
      </c>
      <c r="D3050" s="14" t="s">
        <v>9604</v>
      </c>
      <c r="E3050" s="2" t="s">
        <v>9605</v>
      </c>
      <c r="F3050" s="2" t="s">
        <v>1986</v>
      </c>
      <c r="G3050" s="8">
        <v>118</v>
      </c>
      <c r="H3050" s="5">
        <v>13</v>
      </c>
      <c r="I3050" s="5" t="s">
        <v>1518</v>
      </c>
      <c r="J3050" s="5" t="s">
        <v>1519</v>
      </c>
      <c r="K3050" s="2" t="s">
        <v>1520</v>
      </c>
      <c r="L3050" s="5" t="s">
        <v>1519</v>
      </c>
      <c r="M3050" s="2" t="s">
        <v>1520</v>
      </c>
      <c r="N3050" s="5" t="s">
        <v>1521</v>
      </c>
      <c r="O3050" s="5" t="s">
        <v>38</v>
      </c>
      <c r="P3050" s="5" t="s">
        <v>39</v>
      </c>
      <c r="Q3050" s="5" t="s">
        <v>40</v>
      </c>
      <c r="R3050" s="5" t="s">
        <v>1522</v>
      </c>
      <c r="S3050" s="5" t="s">
        <v>1523</v>
      </c>
      <c r="T3050" s="5" t="s">
        <v>42</v>
      </c>
      <c r="U3050" s="2">
        <v>1.742</v>
      </c>
      <c r="V3050" s="2">
        <v>1.397</v>
      </c>
      <c r="W3050" s="2">
        <v>8.0000000000000002E-3</v>
      </c>
      <c r="X3050" s="2">
        <v>99.1</v>
      </c>
      <c r="Y3050" s="2">
        <v>7.6</v>
      </c>
      <c r="Z3050" s="2">
        <v>10.6</v>
      </c>
      <c r="AA3050" s="5"/>
      <c r="AB3050" s="5" t="s">
        <v>43</v>
      </c>
      <c r="AC3050" s="5" t="s">
        <v>44</v>
      </c>
      <c r="AD3050" s="2"/>
      <c r="AE3050" s="1"/>
    </row>
    <row r="3051" spans="1:31" ht="14.45">
      <c r="A3051" s="11"/>
      <c r="B3051" s="20"/>
      <c r="C3051" s="2" t="s">
        <v>9606</v>
      </c>
      <c r="D3051" s="14" t="s">
        <v>9607</v>
      </c>
      <c r="E3051" s="2" t="s">
        <v>9608</v>
      </c>
      <c r="F3051" s="2" t="s">
        <v>1843</v>
      </c>
      <c r="G3051" s="8">
        <v>118</v>
      </c>
      <c r="H3051" s="5">
        <v>13</v>
      </c>
      <c r="I3051" s="5" t="s">
        <v>1518</v>
      </c>
      <c r="J3051" s="5" t="s">
        <v>1519</v>
      </c>
      <c r="K3051" s="2" t="s">
        <v>1520</v>
      </c>
      <c r="L3051" s="5" t="s">
        <v>1519</v>
      </c>
      <c r="M3051" s="2" t="s">
        <v>1520</v>
      </c>
      <c r="N3051" s="5" t="s">
        <v>1521</v>
      </c>
      <c r="O3051" s="5" t="s">
        <v>38</v>
      </c>
      <c r="P3051" s="5" t="s">
        <v>39</v>
      </c>
      <c r="Q3051" s="5" t="s">
        <v>40</v>
      </c>
      <c r="R3051" s="5" t="s">
        <v>1522</v>
      </c>
      <c r="S3051" s="5" t="s">
        <v>1523</v>
      </c>
      <c r="T3051" s="5" t="s">
        <v>42</v>
      </c>
      <c r="U3051" s="2">
        <v>1.7030000000000001</v>
      </c>
      <c r="V3051" s="2">
        <v>1.3580000000000001</v>
      </c>
      <c r="W3051" s="2">
        <v>8.0000000000000002E-3</v>
      </c>
      <c r="X3051" s="2">
        <v>99.1</v>
      </c>
      <c r="Y3051" s="2">
        <v>7.6</v>
      </c>
      <c r="Z3051" s="2">
        <v>10.6</v>
      </c>
      <c r="AA3051" s="5"/>
      <c r="AB3051" s="5" t="s">
        <v>43</v>
      </c>
      <c r="AC3051" s="5" t="s">
        <v>44</v>
      </c>
      <c r="AD3051" s="2"/>
      <c r="AE3051" s="1"/>
    </row>
    <row r="3052" spans="1:31" ht="14.45">
      <c r="A3052" s="11"/>
      <c r="B3052" s="20"/>
      <c r="C3052" s="2" t="s">
        <v>9609</v>
      </c>
      <c r="D3052" s="14" t="s">
        <v>9610</v>
      </c>
      <c r="E3052" s="2" t="s">
        <v>9611</v>
      </c>
      <c r="F3052" s="2" t="s">
        <v>1847</v>
      </c>
      <c r="G3052" s="8">
        <v>118</v>
      </c>
      <c r="H3052" s="5">
        <v>13</v>
      </c>
      <c r="I3052" s="5" t="s">
        <v>1518</v>
      </c>
      <c r="J3052" s="5" t="s">
        <v>1519</v>
      </c>
      <c r="K3052" s="2" t="s">
        <v>1520</v>
      </c>
      <c r="L3052" s="5" t="s">
        <v>1519</v>
      </c>
      <c r="M3052" s="2" t="s">
        <v>1520</v>
      </c>
      <c r="N3052" s="5" t="s">
        <v>1521</v>
      </c>
      <c r="O3052" s="5" t="s">
        <v>38</v>
      </c>
      <c r="P3052" s="5" t="s">
        <v>39</v>
      </c>
      <c r="Q3052" s="5" t="s">
        <v>40</v>
      </c>
      <c r="R3052" s="5" t="s">
        <v>1522</v>
      </c>
      <c r="S3052" s="5" t="s">
        <v>1523</v>
      </c>
      <c r="T3052" s="5" t="s">
        <v>42</v>
      </c>
      <c r="U3052" s="2">
        <v>1.742</v>
      </c>
      <c r="V3052" s="2">
        <v>1.397</v>
      </c>
      <c r="W3052" s="2">
        <v>8.0000000000000002E-3</v>
      </c>
      <c r="X3052" s="2">
        <v>99.1</v>
      </c>
      <c r="Y3052" s="2">
        <v>7.6</v>
      </c>
      <c r="Z3052" s="2">
        <v>10.6</v>
      </c>
      <c r="AA3052" s="5"/>
      <c r="AB3052" s="5" t="s">
        <v>43</v>
      </c>
      <c r="AC3052" s="5" t="s">
        <v>44</v>
      </c>
      <c r="AD3052" s="2"/>
      <c r="AE3052" s="1"/>
    </row>
    <row r="3053" spans="1:31" ht="14.45">
      <c r="A3053" s="11"/>
      <c r="B3053" s="20"/>
      <c r="C3053" s="2" t="s">
        <v>9612</v>
      </c>
      <c r="D3053" s="14" t="s">
        <v>9613</v>
      </c>
      <c r="E3053" s="2" t="s">
        <v>9614</v>
      </c>
      <c r="F3053" s="2" t="s">
        <v>1851</v>
      </c>
      <c r="G3053" s="8">
        <v>118</v>
      </c>
      <c r="H3053" s="5">
        <v>13</v>
      </c>
      <c r="I3053" s="5" t="s">
        <v>1518</v>
      </c>
      <c r="J3053" s="5" t="s">
        <v>1519</v>
      </c>
      <c r="K3053" s="2" t="s">
        <v>1520</v>
      </c>
      <c r="L3053" s="5" t="s">
        <v>1519</v>
      </c>
      <c r="M3053" s="2" t="s">
        <v>1520</v>
      </c>
      <c r="N3053" s="5" t="s">
        <v>1521</v>
      </c>
      <c r="O3053" s="5" t="s">
        <v>38</v>
      </c>
      <c r="P3053" s="5" t="s">
        <v>39</v>
      </c>
      <c r="Q3053" s="5" t="s">
        <v>40</v>
      </c>
      <c r="R3053" s="5" t="s">
        <v>1522</v>
      </c>
      <c r="S3053" s="5" t="s">
        <v>1523</v>
      </c>
      <c r="T3053" s="5" t="s">
        <v>42</v>
      </c>
      <c r="U3053" s="2">
        <v>1.7030000000000001</v>
      </c>
      <c r="V3053" s="2">
        <v>1.3580000000000001</v>
      </c>
      <c r="W3053" s="2">
        <v>8.0000000000000002E-3</v>
      </c>
      <c r="X3053" s="2">
        <v>99.1</v>
      </c>
      <c r="Y3053" s="2">
        <v>7.6</v>
      </c>
      <c r="Z3053" s="2">
        <v>10.6</v>
      </c>
      <c r="AA3053" s="5"/>
      <c r="AB3053" s="5" t="s">
        <v>43</v>
      </c>
      <c r="AC3053" s="5" t="s">
        <v>44</v>
      </c>
      <c r="AD3053" s="2"/>
      <c r="AE3053" s="1"/>
    </row>
    <row r="3054" spans="1:31" ht="14.45">
      <c r="A3054" s="11"/>
      <c r="B3054" s="20"/>
      <c r="C3054" s="2" t="s">
        <v>9615</v>
      </c>
      <c r="D3054" s="14" t="s">
        <v>9616</v>
      </c>
      <c r="E3054" s="2" t="s">
        <v>9617</v>
      </c>
      <c r="F3054" s="2" t="s">
        <v>1999</v>
      </c>
      <c r="G3054" s="8">
        <v>118</v>
      </c>
      <c r="H3054" s="5">
        <v>13</v>
      </c>
      <c r="I3054" s="5" t="s">
        <v>1518</v>
      </c>
      <c r="J3054" s="5" t="s">
        <v>1519</v>
      </c>
      <c r="K3054" s="2" t="s">
        <v>1520</v>
      </c>
      <c r="L3054" s="5" t="s">
        <v>1519</v>
      </c>
      <c r="M3054" s="2" t="s">
        <v>1520</v>
      </c>
      <c r="N3054" s="5" t="s">
        <v>1521</v>
      </c>
      <c r="O3054" s="5" t="s">
        <v>38</v>
      </c>
      <c r="P3054" s="5" t="s">
        <v>39</v>
      </c>
      <c r="Q3054" s="5" t="s">
        <v>40</v>
      </c>
      <c r="R3054" s="5" t="s">
        <v>1522</v>
      </c>
      <c r="S3054" s="5" t="s">
        <v>1523</v>
      </c>
      <c r="T3054" s="5" t="s">
        <v>42</v>
      </c>
      <c r="U3054" s="2">
        <v>1.742</v>
      </c>
      <c r="V3054" s="2">
        <v>1.397</v>
      </c>
      <c r="W3054" s="2">
        <v>8.0000000000000002E-3</v>
      </c>
      <c r="X3054" s="2">
        <v>99.1</v>
      </c>
      <c r="Y3054" s="2">
        <v>7.6</v>
      </c>
      <c r="Z3054" s="2">
        <v>10.6</v>
      </c>
      <c r="AA3054" s="5"/>
      <c r="AB3054" s="5" t="s">
        <v>43</v>
      </c>
      <c r="AC3054" s="5" t="s">
        <v>44</v>
      </c>
      <c r="AD3054" s="2"/>
      <c r="AE3054" s="1"/>
    </row>
    <row r="3055" spans="1:31" ht="14.45">
      <c r="A3055" s="11"/>
      <c r="B3055" s="20"/>
      <c r="C3055" s="2" t="s">
        <v>9618</v>
      </c>
      <c r="D3055" s="14" t="s">
        <v>9619</v>
      </c>
      <c r="E3055" s="2" t="s">
        <v>9620</v>
      </c>
      <c r="F3055" s="2" t="s">
        <v>1855</v>
      </c>
      <c r="G3055" s="8">
        <v>118</v>
      </c>
      <c r="H3055" s="5">
        <v>13</v>
      </c>
      <c r="I3055" s="5" t="s">
        <v>1518</v>
      </c>
      <c r="J3055" s="5" t="s">
        <v>1519</v>
      </c>
      <c r="K3055" s="2" t="s">
        <v>1520</v>
      </c>
      <c r="L3055" s="5" t="s">
        <v>1519</v>
      </c>
      <c r="M3055" s="2" t="s">
        <v>1520</v>
      </c>
      <c r="N3055" s="5" t="s">
        <v>1521</v>
      </c>
      <c r="O3055" s="5" t="s">
        <v>38</v>
      </c>
      <c r="P3055" s="5" t="s">
        <v>39</v>
      </c>
      <c r="Q3055" s="5" t="s">
        <v>40</v>
      </c>
      <c r="R3055" s="5" t="s">
        <v>1522</v>
      </c>
      <c r="S3055" s="5" t="s">
        <v>1523</v>
      </c>
      <c r="T3055" s="5" t="s">
        <v>42</v>
      </c>
      <c r="U3055" s="2">
        <v>1.7030000000000001</v>
      </c>
      <c r="V3055" s="2">
        <v>1.3580000000000001</v>
      </c>
      <c r="W3055" s="2">
        <v>8.0000000000000002E-3</v>
      </c>
      <c r="X3055" s="2">
        <v>99.1</v>
      </c>
      <c r="Y3055" s="2">
        <v>7.6</v>
      </c>
      <c r="Z3055" s="2">
        <v>10.6</v>
      </c>
      <c r="AA3055" s="5"/>
      <c r="AB3055" s="5" t="s">
        <v>43</v>
      </c>
      <c r="AC3055" s="5" t="s">
        <v>44</v>
      </c>
      <c r="AD3055" s="2"/>
      <c r="AE3055" s="1"/>
    </row>
    <row r="3056" spans="1:31" ht="14.45">
      <c r="A3056" s="11"/>
      <c r="B3056" s="20"/>
      <c r="C3056" s="2" t="s">
        <v>9621</v>
      </c>
      <c r="D3056" s="14" t="s">
        <v>9622</v>
      </c>
      <c r="E3056" s="2" t="s">
        <v>9623</v>
      </c>
      <c r="F3056" s="2" t="s">
        <v>1859</v>
      </c>
      <c r="G3056" s="8">
        <v>118</v>
      </c>
      <c r="H3056" s="5">
        <v>13</v>
      </c>
      <c r="I3056" s="5" t="s">
        <v>1518</v>
      </c>
      <c r="J3056" s="5" t="s">
        <v>1519</v>
      </c>
      <c r="K3056" s="2" t="s">
        <v>1520</v>
      </c>
      <c r="L3056" s="5" t="s">
        <v>1519</v>
      </c>
      <c r="M3056" s="2" t="s">
        <v>1520</v>
      </c>
      <c r="N3056" s="5" t="s">
        <v>1521</v>
      </c>
      <c r="O3056" s="5" t="s">
        <v>38</v>
      </c>
      <c r="P3056" s="5" t="s">
        <v>39</v>
      </c>
      <c r="Q3056" s="5" t="s">
        <v>40</v>
      </c>
      <c r="R3056" s="5" t="s">
        <v>1522</v>
      </c>
      <c r="S3056" s="5" t="s">
        <v>1523</v>
      </c>
      <c r="T3056" s="5" t="s">
        <v>42</v>
      </c>
      <c r="U3056" s="2">
        <v>1.742</v>
      </c>
      <c r="V3056" s="2">
        <v>1.397</v>
      </c>
      <c r="W3056" s="2">
        <v>8.0000000000000002E-3</v>
      </c>
      <c r="X3056" s="2">
        <v>99.1</v>
      </c>
      <c r="Y3056" s="2">
        <v>7.6</v>
      </c>
      <c r="Z3056" s="2">
        <v>10.6</v>
      </c>
      <c r="AA3056" s="5"/>
      <c r="AB3056" s="5" t="s">
        <v>43</v>
      </c>
      <c r="AC3056" s="5" t="s">
        <v>44</v>
      </c>
      <c r="AD3056" s="2"/>
      <c r="AE3056" s="1"/>
    </row>
    <row r="3057" spans="1:31" ht="14.45">
      <c r="A3057" s="11"/>
      <c r="B3057" s="20"/>
      <c r="C3057" s="2" t="s">
        <v>9624</v>
      </c>
      <c r="D3057" s="14" t="s">
        <v>9625</v>
      </c>
      <c r="E3057" s="2" t="s">
        <v>9626</v>
      </c>
      <c r="F3057" s="2" t="s">
        <v>1863</v>
      </c>
      <c r="G3057" s="8">
        <v>118</v>
      </c>
      <c r="H3057" s="5">
        <v>11</v>
      </c>
      <c r="I3057" s="5" t="s">
        <v>1518</v>
      </c>
      <c r="J3057" s="5" t="s">
        <v>1519</v>
      </c>
      <c r="K3057" s="2" t="s">
        <v>1520</v>
      </c>
      <c r="L3057" s="5" t="s">
        <v>1519</v>
      </c>
      <c r="M3057" s="2" t="s">
        <v>1520</v>
      </c>
      <c r="N3057" s="5" t="s">
        <v>1521</v>
      </c>
      <c r="O3057" s="5" t="s">
        <v>38</v>
      </c>
      <c r="P3057" s="5" t="s">
        <v>39</v>
      </c>
      <c r="Q3057" s="5" t="s">
        <v>40</v>
      </c>
      <c r="R3057" s="5" t="s">
        <v>1522</v>
      </c>
      <c r="S3057" s="5" t="s">
        <v>1523</v>
      </c>
      <c r="T3057" s="5" t="s">
        <v>42</v>
      </c>
      <c r="U3057" s="2">
        <v>1.653</v>
      </c>
      <c r="V3057" s="2">
        <v>1.306</v>
      </c>
      <c r="W3057" s="2">
        <v>8.0000000000000002E-3</v>
      </c>
      <c r="X3057" s="2">
        <v>99.1</v>
      </c>
      <c r="Y3057" s="2">
        <v>7.6</v>
      </c>
      <c r="Z3057" s="2">
        <v>10.6</v>
      </c>
      <c r="AA3057" s="5"/>
      <c r="AB3057" s="5" t="s">
        <v>43</v>
      </c>
      <c r="AC3057" s="5" t="s">
        <v>44</v>
      </c>
      <c r="AD3057" s="2"/>
      <c r="AE3057" s="1"/>
    </row>
    <row r="3058" spans="1:31" ht="14.45">
      <c r="A3058" s="11"/>
      <c r="B3058" s="20"/>
      <c r="C3058" s="2" t="s">
        <v>9627</v>
      </c>
      <c r="D3058" s="14" t="s">
        <v>9628</v>
      </c>
      <c r="E3058" s="2" t="s">
        <v>9629</v>
      </c>
      <c r="F3058" s="2" t="s">
        <v>1867</v>
      </c>
      <c r="G3058" s="8">
        <v>118</v>
      </c>
      <c r="H3058" s="5">
        <v>11</v>
      </c>
      <c r="I3058" s="5" t="s">
        <v>1518</v>
      </c>
      <c r="J3058" s="5" t="s">
        <v>1519</v>
      </c>
      <c r="K3058" s="2" t="s">
        <v>1520</v>
      </c>
      <c r="L3058" s="5" t="s">
        <v>1519</v>
      </c>
      <c r="M3058" s="2" t="s">
        <v>1520</v>
      </c>
      <c r="N3058" s="5" t="s">
        <v>1521</v>
      </c>
      <c r="O3058" s="5" t="s">
        <v>38</v>
      </c>
      <c r="P3058" s="5" t="s">
        <v>39</v>
      </c>
      <c r="Q3058" s="5" t="s">
        <v>40</v>
      </c>
      <c r="R3058" s="5" t="s">
        <v>1522</v>
      </c>
      <c r="S3058" s="5" t="s">
        <v>1523</v>
      </c>
      <c r="T3058" s="5" t="s">
        <v>42</v>
      </c>
      <c r="U3058" s="2">
        <v>1.6919999999999999</v>
      </c>
      <c r="V3058" s="2">
        <v>1.345</v>
      </c>
      <c r="W3058" s="2">
        <v>8.0000000000000002E-3</v>
      </c>
      <c r="X3058" s="2">
        <v>99.1</v>
      </c>
      <c r="Y3058" s="2">
        <v>7.6</v>
      </c>
      <c r="Z3058" s="2">
        <v>10.6</v>
      </c>
      <c r="AA3058" s="5"/>
      <c r="AB3058" s="5" t="s">
        <v>43</v>
      </c>
      <c r="AC3058" s="5" t="s">
        <v>44</v>
      </c>
      <c r="AD3058" s="2"/>
      <c r="AE3058" s="1"/>
    </row>
    <row r="3059" spans="1:31" ht="14.45">
      <c r="A3059" s="11"/>
      <c r="B3059" s="20"/>
      <c r="C3059" s="2" t="s">
        <v>9630</v>
      </c>
      <c r="D3059" s="14" t="s">
        <v>9631</v>
      </c>
      <c r="E3059" s="2" t="s">
        <v>9632</v>
      </c>
      <c r="F3059" s="2" t="s">
        <v>7396</v>
      </c>
      <c r="G3059" s="8">
        <v>106</v>
      </c>
      <c r="H3059" s="5">
        <v>5</v>
      </c>
      <c r="I3059" s="5" t="s">
        <v>1518</v>
      </c>
      <c r="J3059" s="5" t="s">
        <v>1519</v>
      </c>
      <c r="K3059" s="2" t="s">
        <v>1520</v>
      </c>
      <c r="L3059" s="5" t="s">
        <v>1519</v>
      </c>
      <c r="M3059" s="2" t="s">
        <v>1520</v>
      </c>
      <c r="N3059" s="5" t="s">
        <v>1521</v>
      </c>
      <c r="O3059" s="5" t="s">
        <v>38</v>
      </c>
      <c r="P3059" s="5" t="s">
        <v>39</v>
      </c>
      <c r="Q3059" s="5" t="s">
        <v>40</v>
      </c>
      <c r="R3059" s="5" t="s">
        <v>1522</v>
      </c>
      <c r="S3059" s="5" t="s">
        <v>1523</v>
      </c>
      <c r="T3059" s="5" t="s">
        <v>42</v>
      </c>
      <c r="U3059" s="2">
        <v>1.792</v>
      </c>
      <c r="V3059" s="2">
        <v>1.4410000000000001</v>
      </c>
      <c r="W3059" s="2">
        <v>0.01</v>
      </c>
      <c r="X3059" s="2">
        <v>118.9</v>
      </c>
      <c r="Y3059" s="2">
        <v>7.6</v>
      </c>
      <c r="Z3059" s="2">
        <v>10.6</v>
      </c>
      <c r="AA3059" s="5"/>
      <c r="AB3059" s="5" t="s">
        <v>43</v>
      </c>
      <c r="AC3059" s="5" t="s">
        <v>44</v>
      </c>
      <c r="AD3059" s="2"/>
      <c r="AE3059" s="1"/>
    </row>
    <row r="3060" spans="1:31" ht="14.45">
      <c r="A3060" s="11"/>
      <c r="B3060" s="20"/>
      <c r="C3060" s="2" t="s">
        <v>9633</v>
      </c>
      <c r="D3060" s="14" t="s">
        <v>9634</v>
      </c>
      <c r="E3060" s="2" t="s">
        <v>9635</v>
      </c>
      <c r="F3060" s="2" t="s">
        <v>7507</v>
      </c>
      <c r="G3060" s="8">
        <v>106</v>
      </c>
      <c r="H3060" s="2">
        <v>5</v>
      </c>
      <c r="I3060" s="2" t="s">
        <v>1518</v>
      </c>
      <c r="J3060" s="2" t="s">
        <v>1519</v>
      </c>
      <c r="K3060" s="2" t="s">
        <v>1520</v>
      </c>
      <c r="L3060" s="2" t="s">
        <v>1519</v>
      </c>
      <c r="M3060" s="2" t="s">
        <v>1520</v>
      </c>
      <c r="N3060" s="2" t="s">
        <v>1521</v>
      </c>
      <c r="O3060" s="2" t="s">
        <v>38</v>
      </c>
      <c r="P3060" s="2" t="s">
        <v>39</v>
      </c>
      <c r="Q3060" s="2" t="s">
        <v>40</v>
      </c>
      <c r="R3060" s="2" t="s">
        <v>1522</v>
      </c>
      <c r="S3060" s="12" t="s">
        <v>1523</v>
      </c>
      <c r="T3060" s="12" t="s">
        <v>42</v>
      </c>
      <c r="U3060" s="2">
        <v>1.8360000000000001</v>
      </c>
      <c r="V3060" s="2">
        <v>1.484</v>
      </c>
      <c r="W3060" s="2">
        <v>0.01</v>
      </c>
      <c r="X3060" s="2">
        <v>118.9</v>
      </c>
      <c r="Y3060" s="2">
        <v>7.6</v>
      </c>
      <c r="Z3060" s="2">
        <v>10.6</v>
      </c>
      <c r="AA3060" s="12"/>
      <c r="AB3060" s="12" t="s">
        <v>43</v>
      </c>
      <c r="AC3060" s="12" t="s">
        <v>44</v>
      </c>
      <c r="AD3060" s="2"/>
      <c r="AE3060" s="1"/>
    </row>
    <row r="3061" spans="1:31" ht="14.45">
      <c r="A3061" s="11"/>
      <c r="B3061" s="20"/>
      <c r="C3061" s="2" t="s">
        <v>9636</v>
      </c>
      <c r="D3061" s="14" t="s">
        <v>9637</v>
      </c>
      <c r="E3061" s="2" t="s">
        <v>9638</v>
      </c>
      <c r="F3061" s="2" t="s">
        <v>7204</v>
      </c>
      <c r="G3061" s="8">
        <v>106</v>
      </c>
      <c r="H3061" s="2">
        <v>5</v>
      </c>
      <c r="I3061" s="2" t="s">
        <v>1518</v>
      </c>
      <c r="J3061" s="2" t="s">
        <v>1519</v>
      </c>
      <c r="K3061" s="2" t="s">
        <v>1520</v>
      </c>
      <c r="L3061" s="2" t="s">
        <v>1519</v>
      </c>
      <c r="M3061" s="2" t="s">
        <v>1520</v>
      </c>
      <c r="N3061" s="2" t="s">
        <v>1521</v>
      </c>
      <c r="O3061" s="2" t="s">
        <v>38</v>
      </c>
      <c r="P3061" s="2" t="s">
        <v>39</v>
      </c>
      <c r="Q3061" s="2" t="s">
        <v>40</v>
      </c>
      <c r="R3061" s="2" t="s">
        <v>1522</v>
      </c>
      <c r="S3061" s="12" t="s">
        <v>1523</v>
      </c>
      <c r="T3061" s="12" t="s">
        <v>42</v>
      </c>
      <c r="U3061" s="2">
        <v>1.8</v>
      </c>
      <c r="V3061" s="2">
        <v>1.448</v>
      </c>
      <c r="W3061" s="2">
        <v>0.01</v>
      </c>
      <c r="X3061" s="2">
        <v>118.9</v>
      </c>
      <c r="Y3061" s="2">
        <v>7.6</v>
      </c>
      <c r="Z3061" s="2">
        <v>10.6</v>
      </c>
      <c r="AA3061" s="12"/>
      <c r="AB3061" s="12" t="s">
        <v>43</v>
      </c>
      <c r="AC3061" s="12" t="s">
        <v>44</v>
      </c>
      <c r="AD3061" s="2"/>
      <c r="AE3061" s="1"/>
    </row>
    <row r="3062" spans="1:31" ht="14.45">
      <c r="A3062" s="11"/>
      <c r="B3062" s="20"/>
      <c r="C3062" s="2" t="s">
        <v>9639</v>
      </c>
      <c r="D3062" s="14" t="s">
        <v>9640</v>
      </c>
      <c r="E3062" s="2" t="s">
        <v>9641</v>
      </c>
      <c r="F3062" s="2" t="s">
        <v>7514</v>
      </c>
      <c r="G3062" s="8">
        <v>106</v>
      </c>
      <c r="H3062" s="5">
        <v>5</v>
      </c>
      <c r="I3062" s="5" t="s">
        <v>1518</v>
      </c>
      <c r="J3062" s="5" t="s">
        <v>1519</v>
      </c>
      <c r="K3062" s="2" t="s">
        <v>1520</v>
      </c>
      <c r="L3062" s="5" t="s">
        <v>1519</v>
      </c>
      <c r="M3062" s="2" t="s">
        <v>1520</v>
      </c>
      <c r="N3062" s="5" t="s">
        <v>1521</v>
      </c>
      <c r="O3062" s="5" t="s">
        <v>38</v>
      </c>
      <c r="P3062" s="5" t="s">
        <v>39</v>
      </c>
      <c r="Q3062" s="5" t="s">
        <v>40</v>
      </c>
      <c r="R3062" s="5" t="s">
        <v>1522</v>
      </c>
      <c r="S3062" s="5" t="s">
        <v>1523</v>
      </c>
      <c r="T3062" s="5" t="s">
        <v>42</v>
      </c>
      <c r="U3062" s="2">
        <v>1.843</v>
      </c>
      <c r="V3062" s="2">
        <v>1.4910000000000001</v>
      </c>
      <c r="W3062" s="2">
        <v>0.01</v>
      </c>
      <c r="X3062" s="2">
        <v>118.9</v>
      </c>
      <c r="Y3062" s="2">
        <v>7.6</v>
      </c>
      <c r="Z3062" s="2">
        <v>10.6</v>
      </c>
      <c r="AA3062" s="2"/>
      <c r="AB3062" s="5" t="s">
        <v>43</v>
      </c>
      <c r="AC3062" s="5" t="s">
        <v>44</v>
      </c>
      <c r="AD3062" s="2"/>
      <c r="AE3062" s="1"/>
    </row>
    <row r="3063" spans="1:31" ht="14.45">
      <c r="A3063" s="11"/>
      <c r="B3063" s="20"/>
      <c r="C3063" s="2" t="s">
        <v>9642</v>
      </c>
      <c r="D3063" s="14" t="s">
        <v>9643</v>
      </c>
      <c r="E3063" s="2" t="s">
        <v>9644</v>
      </c>
      <c r="F3063" s="2" t="s">
        <v>7208</v>
      </c>
      <c r="G3063" s="8">
        <v>106</v>
      </c>
      <c r="H3063" s="5">
        <v>5</v>
      </c>
      <c r="I3063" s="5" t="s">
        <v>1518</v>
      </c>
      <c r="J3063" s="5" t="s">
        <v>1519</v>
      </c>
      <c r="K3063" s="2" t="s">
        <v>1520</v>
      </c>
      <c r="L3063" s="5" t="s">
        <v>1519</v>
      </c>
      <c r="M3063" s="2" t="s">
        <v>1520</v>
      </c>
      <c r="N3063" s="5" t="s">
        <v>1521</v>
      </c>
      <c r="O3063" s="5" t="s">
        <v>38</v>
      </c>
      <c r="P3063" s="5" t="s">
        <v>39</v>
      </c>
      <c r="Q3063" s="5" t="s">
        <v>40</v>
      </c>
      <c r="R3063" s="5" t="s">
        <v>1522</v>
      </c>
      <c r="S3063" s="5" t="s">
        <v>1523</v>
      </c>
      <c r="T3063" s="5" t="s">
        <v>42</v>
      </c>
      <c r="U3063" s="2">
        <v>1.8</v>
      </c>
      <c r="V3063" s="2">
        <v>1.448</v>
      </c>
      <c r="W3063" s="2">
        <v>0.01</v>
      </c>
      <c r="X3063" s="2">
        <v>118.9</v>
      </c>
      <c r="Y3063" s="2">
        <v>7.6</v>
      </c>
      <c r="Z3063" s="2">
        <v>10.6</v>
      </c>
      <c r="AA3063" s="5"/>
      <c r="AB3063" s="5" t="s">
        <v>43</v>
      </c>
      <c r="AC3063" s="5" t="s">
        <v>44</v>
      </c>
      <c r="AD3063" s="2"/>
      <c r="AE3063" s="1"/>
    </row>
    <row r="3064" spans="1:31" ht="14.45">
      <c r="A3064" s="11"/>
      <c r="B3064" s="20"/>
      <c r="C3064" s="2" t="s">
        <v>9645</v>
      </c>
      <c r="D3064" s="14" t="s">
        <v>9646</v>
      </c>
      <c r="E3064" s="2" t="s">
        <v>9647</v>
      </c>
      <c r="F3064" s="2" t="s">
        <v>7521</v>
      </c>
      <c r="G3064" s="8">
        <v>106</v>
      </c>
      <c r="H3064" s="5">
        <v>5</v>
      </c>
      <c r="I3064" s="5" t="s">
        <v>1518</v>
      </c>
      <c r="J3064" s="5" t="s">
        <v>1519</v>
      </c>
      <c r="K3064" s="2" t="s">
        <v>1520</v>
      </c>
      <c r="L3064" s="5" t="s">
        <v>1519</v>
      </c>
      <c r="M3064" s="2" t="s">
        <v>1520</v>
      </c>
      <c r="N3064" s="5" t="s">
        <v>1521</v>
      </c>
      <c r="O3064" s="5" t="s">
        <v>38</v>
      </c>
      <c r="P3064" s="5" t="s">
        <v>39</v>
      </c>
      <c r="Q3064" s="5" t="s">
        <v>40</v>
      </c>
      <c r="R3064" s="5" t="s">
        <v>1522</v>
      </c>
      <c r="S3064" s="5" t="s">
        <v>1523</v>
      </c>
      <c r="T3064" s="5" t="s">
        <v>42</v>
      </c>
      <c r="U3064" s="2">
        <v>1.843</v>
      </c>
      <c r="V3064" s="2">
        <v>1.4910000000000001</v>
      </c>
      <c r="W3064" s="2">
        <v>0.01</v>
      </c>
      <c r="X3064" s="2">
        <v>118.9</v>
      </c>
      <c r="Y3064" s="2">
        <v>7.6</v>
      </c>
      <c r="Z3064" s="2">
        <v>10.6</v>
      </c>
      <c r="AA3064" s="5"/>
      <c r="AB3064" s="5" t="s">
        <v>43</v>
      </c>
      <c r="AC3064" s="5" t="s">
        <v>44</v>
      </c>
      <c r="AD3064" s="2"/>
      <c r="AE3064" s="1"/>
    </row>
    <row r="3065" spans="1:31" ht="14.45">
      <c r="A3065" s="11"/>
      <c r="B3065" s="20"/>
      <c r="C3065" s="2" t="s">
        <v>9648</v>
      </c>
      <c r="D3065" s="14" t="s">
        <v>9649</v>
      </c>
      <c r="E3065" s="2" t="s">
        <v>9650</v>
      </c>
      <c r="F3065" s="2" t="s">
        <v>7212</v>
      </c>
      <c r="G3065" s="8">
        <v>106</v>
      </c>
      <c r="H3065" s="5">
        <v>5</v>
      </c>
      <c r="I3065" s="5" t="s">
        <v>1518</v>
      </c>
      <c r="J3065" s="5" t="s">
        <v>1519</v>
      </c>
      <c r="K3065" s="2" t="s">
        <v>1520</v>
      </c>
      <c r="L3065" s="5" t="s">
        <v>1519</v>
      </c>
      <c r="M3065" s="2" t="s">
        <v>1520</v>
      </c>
      <c r="N3065" s="5" t="s">
        <v>1521</v>
      </c>
      <c r="O3065" s="5" t="s">
        <v>38</v>
      </c>
      <c r="P3065" s="5" t="s">
        <v>39</v>
      </c>
      <c r="Q3065" s="5" t="s">
        <v>40</v>
      </c>
      <c r="R3065" s="5" t="s">
        <v>1522</v>
      </c>
      <c r="S3065" s="5" t="s">
        <v>1523</v>
      </c>
      <c r="T3065" s="5" t="s">
        <v>42</v>
      </c>
      <c r="U3065" s="2">
        <v>1.778</v>
      </c>
      <c r="V3065" s="2">
        <v>1.4259999999999999</v>
      </c>
      <c r="W3065" s="2">
        <v>0.01</v>
      </c>
      <c r="X3065" s="2">
        <v>118.9</v>
      </c>
      <c r="Y3065" s="2">
        <v>7.6</v>
      </c>
      <c r="Z3065" s="2">
        <v>10.6</v>
      </c>
      <c r="AA3065" s="5"/>
      <c r="AB3065" s="5" t="s">
        <v>43</v>
      </c>
      <c r="AC3065" s="5" t="s">
        <v>44</v>
      </c>
      <c r="AD3065" s="2"/>
      <c r="AE3065" s="1"/>
    </row>
    <row r="3066" spans="1:31" ht="14.45">
      <c r="A3066" s="11"/>
      <c r="B3066" s="20"/>
      <c r="C3066" s="2" t="s">
        <v>9651</v>
      </c>
      <c r="D3066" s="14" t="s">
        <v>9652</v>
      </c>
      <c r="E3066" s="2" t="s">
        <v>9653</v>
      </c>
      <c r="F3066" s="2" t="s">
        <v>7528</v>
      </c>
      <c r="G3066" s="8">
        <v>106</v>
      </c>
      <c r="H3066" s="5">
        <v>5</v>
      </c>
      <c r="I3066" s="5" t="s">
        <v>1518</v>
      </c>
      <c r="J3066" s="5" t="s">
        <v>1519</v>
      </c>
      <c r="K3066" s="2" t="s">
        <v>1520</v>
      </c>
      <c r="L3066" s="5" t="s">
        <v>1519</v>
      </c>
      <c r="M3066" s="2" t="s">
        <v>1520</v>
      </c>
      <c r="N3066" s="5" t="s">
        <v>1521</v>
      </c>
      <c r="O3066" s="5" t="s">
        <v>38</v>
      </c>
      <c r="P3066" s="5" t="s">
        <v>39</v>
      </c>
      <c r="Q3066" s="5" t="s">
        <v>40</v>
      </c>
      <c r="R3066" s="5" t="s">
        <v>1522</v>
      </c>
      <c r="S3066" s="5" t="s">
        <v>1523</v>
      </c>
      <c r="T3066" s="5" t="s">
        <v>42</v>
      </c>
      <c r="U3066" s="2">
        <v>1.821</v>
      </c>
      <c r="V3066" s="2">
        <v>1.4690000000000001</v>
      </c>
      <c r="W3066" s="2">
        <v>0.01</v>
      </c>
      <c r="X3066" s="2">
        <v>118.9</v>
      </c>
      <c r="Y3066" s="2">
        <v>7.6</v>
      </c>
      <c r="Z3066" s="2">
        <v>10.6</v>
      </c>
      <c r="AA3066" s="5"/>
      <c r="AB3066" s="5" t="s">
        <v>43</v>
      </c>
      <c r="AC3066" s="5" t="s">
        <v>44</v>
      </c>
      <c r="AD3066" s="2"/>
      <c r="AE3066" s="1"/>
    </row>
    <row r="3067" spans="1:31" ht="14.45">
      <c r="A3067" s="11"/>
      <c r="B3067" s="20"/>
      <c r="C3067" s="2" t="s">
        <v>9654</v>
      </c>
      <c r="D3067" s="14" t="s">
        <v>9655</v>
      </c>
      <c r="E3067" s="2" t="s">
        <v>9656</v>
      </c>
      <c r="F3067" s="2" t="s">
        <v>7406</v>
      </c>
      <c r="G3067" s="8">
        <v>122</v>
      </c>
      <c r="H3067" s="5">
        <v>5</v>
      </c>
      <c r="I3067" s="5" t="s">
        <v>1518</v>
      </c>
      <c r="J3067" s="5" t="s">
        <v>1519</v>
      </c>
      <c r="K3067" s="2" t="s">
        <v>1520</v>
      </c>
      <c r="L3067" s="5" t="s">
        <v>1519</v>
      </c>
      <c r="M3067" s="2" t="s">
        <v>1520</v>
      </c>
      <c r="N3067" s="5" t="s">
        <v>1521</v>
      </c>
      <c r="O3067" s="5" t="s">
        <v>38</v>
      </c>
      <c r="P3067" s="5" t="s">
        <v>39</v>
      </c>
      <c r="Q3067" s="5" t="s">
        <v>40</v>
      </c>
      <c r="R3067" s="5" t="s">
        <v>1522</v>
      </c>
      <c r="S3067" s="5" t="s">
        <v>1523</v>
      </c>
      <c r="T3067" s="5" t="s">
        <v>42</v>
      </c>
      <c r="U3067" s="2">
        <v>1.7769999999999999</v>
      </c>
      <c r="V3067" s="2">
        <v>1.4259999999999999</v>
      </c>
      <c r="W3067" s="2">
        <v>0.01</v>
      </c>
      <c r="X3067" s="2">
        <v>118.9</v>
      </c>
      <c r="Y3067" s="2">
        <v>7.6</v>
      </c>
      <c r="Z3067" s="2">
        <v>10.6</v>
      </c>
      <c r="AA3067" s="5"/>
      <c r="AB3067" s="5" t="s">
        <v>43</v>
      </c>
      <c r="AC3067" s="5" t="s">
        <v>44</v>
      </c>
      <c r="AD3067" s="2"/>
      <c r="AE3067" s="1"/>
    </row>
    <row r="3068" spans="1:31" ht="14.45">
      <c r="A3068" s="11"/>
      <c r="B3068" s="20"/>
      <c r="C3068" s="2" t="s">
        <v>9657</v>
      </c>
      <c r="D3068" s="14" t="s">
        <v>9658</v>
      </c>
      <c r="E3068" s="2" t="s">
        <v>9659</v>
      </c>
      <c r="F3068" s="2" t="s">
        <v>7535</v>
      </c>
      <c r="G3068" s="8">
        <v>122</v>
      </c>
      <c r="H3068" s="5">
        <v>6</v>
      </c>
      <c r="I3068" s="5" t="s">
        <v>1518</v>
      </c>
      <c r="J3068" s="5" t="s">
        <v>1519</v>
      </c>
      <c r="K3068" s="2" t="s">
        <v>1520</v>
      </c>
      <c r="L3068" s="5" t="s">
        <v>1519</v>
      </c>
      <c r="M3068" s="2" t="s">
        <v>1520</v>
      </c>
      <c r="N3068" s="5" t="s">
        <v>1521</v>
      </c>
      <c r="O3068" s="5" t="s">
        <v>38</v>
      </c>
      <c r="P3068" s="5" t="s">
        <v>39</v>
      </c>
      <c r="Q3068" s="5" t="s">
        <v>40</v>
      </c>
      <c r="R3068" s="5" t="s">
        <v>1522</v>
      </c>
      <c r="S3068" s="5" t="s">
        <v>1523</v>
      </c>
      <c r="T3068" s="5" t="s">
        <v>42</v>
      </c>
      <c r="U3068" s="2">
        <v>1.819</v>
      </c>
      <c r="V3068" s="2">
        <v>1.468</v>
      </c>
      <c r="W3068" s="2">
        <v>0.01</v>
      </c>
      <c r="X3068" s="2">
        <v>118.9</v>
      </c>
      <c r="Y3068" s="2">
        <v>7.6</v>
      </c>
      <c r="Z3068" s="2">
        <v>10.6</v>
      </c>
      <c r="AA3068" s="5"/>
      <c r="AB3068" s="5" t="s">
        <v>43</v>
      </c>
      <c r="AC3068" s="5" t="s">
        <v>44</v>
      </c>
      <c r="AD3068" s="2"/>
      <c r="AE3068" s="1"/>
    </row>
    <row r="3069" spans="1:31" ht="14.45">
      <c r="A3069" s="11"/>
      <c r="B3069" s="20"/>
      <c r="C3069" s="2" t="s">
        <v>9660</v>
      </c>
      <c r="D3069" s="14" t="s">
        <v>9661</v>
      </c>
      <c r="E3069" s="2" t="s">
        <v>9662</v>
      </c>
      <c r="F3069" s="2" t="s">
        <v>7539</v>
      </c>
      <c r="G3069" s="8">
        <v>122</v>
      </c>
      <c r="H3069" s="5">
        <v>5</v>
      </c>
      <c r="I3069" s="5" t="s">
        <v>1518</v>
      </c>
      <c r="J3069" s="5" t="s">
        <v>1519</v>
      </c>
      <c r="K3069" s="2" t="s">
        <v>1520</v>
      </c>
      <c r="L3069" s="5" t="s">
        <v>1519</v>
      </c>
      <c r="M3069" s="2" t="s">
        <v>1520</v>
      </c>
      <c r="N3069" s="5" t="s">
        <v>1521</v>
      </c>
      <c r="O3069" s="5" t="s">
        <v>38</v>
      </c>
      <c r="P3069" s="5" t="s">
        <v>39</v>
      </c>
      <c r="Q3069" s="5" t="s">
        <v>40</v>
      </c>
      <c r="R3069" s="5" t="s">
        <v>1522</v>
      </c>
      <c r="S3069" s="5" t="s">
        <v>1523</v>
      </c>
      <c r="T3069" s="5" t="s">
        <v>42</v>
      </c>
      <c r="U3069" s="2">
        <v>1.7989999999999999</v>
      </c>
      <c r="V3069" s="2">
        <v>1.448</v>
      </c>
      <c r="W3069" s="2">
        <v>0.01</v>
      </c>
      <c r="X3069" s="2">
        <v>118.9</v>
      </c>
      <c r="Y3069" s="2">
        <v>7.6</v>
      </c>
      <c r="Z3069" s="2">
        <v>10.6</v>
      </c>
      <c r="AA3069" s="5"/>
      <c r="AB3069" s="5" t="s">
        <v>43</v>
      </c>
      <c r="AC3069" s="5" t="s">
        <v>44</v>
      </c>
      <c r="AD3069" s="2"/>
      <c r="AE3069" s="1"/>
    </row>
    <row r="3070" spans="1:31" ht="14.45">
      <c r="A3070" s="11"/>
      <c r="B3070" s="20"/>
      <c r="C3070" s="2" t="s">
        <v>9663</v>
      </c>
      <c r="D3070" s="14" t="s">
        <v>9664</v>
      </c>
      <c r="E3070" s="2" t="s">
        <v>9665</v>
      </c>
      <c r="F3070" s="2" t="s">
        <v>7543</v>
      </c>
      <c r="G3070" s="8">
        <v>122</v>
      </c>
      <c r="H3070" s="5">
        <v>6</v>
      </c>
      <c r="I3070" s="5" t="s">
        <v>1518</v>
      </c>
      <c r="J3070" s="5" t="s">
        <v>1519</v>
      </c>
      <c r="K3070" s="2" t="s">
        <v>1520</v>
      </c>
      <c r="L3070" s="5" t="s">
        <v>1519</v>
      </c>
      <c r="M3070" s="2" t="s">
        <v>1520</v>
      </c>
      <c r="N3070" s="5" t="s">
        <v>1521</v>
      </c>
      <c r="O3070" s="5" t="s">
        <v>38</v>
      </c>
      <c r="P3070" s="5" t="s">
        <v>39</v>
      </c>
      <c r="Q3070" s="5" t="s">
        <v>40</v>
      </c>
      <c r="R3070" s="5" t="s">
        <v>1522</v>
      </c>
      <c r="S3070" s="5" t="s">
        <v>1523</v>
      </c>
      <c r="T3070" s="5" t="s">
        <v>42</v>
      </c>
      <c r="U3070" s="2">
        <v>1.8420000000000001</v>
      </c>
      <c r="V3070" s="2">
        <v>1.4910000000000001</v>
      </c>
      <c r="W3070" s="2">
        <v>0.01</v>
      </c>
      <c r="X3070" s="2">
        <v>118.9</v>
      </c>
      <c r="Y3070" s="2">
        <v>7.6</v>
      </c>
      <c r="Z3070" s="2">
        <v>10.6</v>
      </c>
      <c r="AA3070" s="5"/>
      <c r="AB3070" s="5" t="s">
        <v>43</v>
      </c>
      <c r="AC3070" s="5" t="s">
        <v>44</v>
      </c>
      <c r="AD3070" s="2"/>
      <c r="AE3070" s="1"/>
    </row>
    <row r="3071" spans="1:31" ht="14.45">
      <c r="A3071" s="11"/>
      <c r="B3071" s="20"/>
      <c r="C3071" s="2" t="s">
        <v>9666</v>
      </c>
      <c r="D3071" s="14" t="s">
        <v>9667</v>
      </c>
      <c r="E3071" s="2" t="s">
        <v>9668</v>
      </c>
      <c r="F3071" s="2" t="s">
        <v>7547</v>
      </c>
      <c r="G3071" s="8">
        <v>122</v>
      </c>
      <c r="H3071" s="5">
        <v>6</v>
      </c>
      <c r="I3071" s="5" t="s">
        <v>1518</v>
      </c>
      <c r="J3071" s="5" t="s">
        <v>1519</v>
      </c>
      <c r="K3071" s="2" t="s">
        <v>1520</v>
      </c>
      <c r="L3071" s="5" t="s">
        <v>1519</v>
      </c>
      <c r="M3071" s="2" t="s">
        <v>1520</v>
      </c>
      <c r="N3071" s="5" t="s">
        <v>1521</v>
      </c>
      <c r="O3071" s="5" t="s">
        <v>38</v>
      </c>
      <c r="P3071" s="5" t="s">
        <v>39</v>
      </c>
      <c r="Q3071" s="5" t="s">
        <v>40</v>
      </c>
      <c r="R3071" s="5" t="s">
        <v>1522</v>
      </c>
      <c r="S3071" s="5" t="s">
        <v>1523</v>
      </c>
      <c r="T3071" s="5" t="s">
        <v>42</v>
      </c>
      <c r="U3071" s="2">
        <v>1.776</v>
      </c>
      <c r="V3071" s="2">
        <v>1.425</v>
      </c>
      <c r="W3071" s="2">
        <v>0.01</v>
      </c>
      <c r="X3071" s="2">
        <v>118.9</v>
      </c>
      <c r="Y3071" s="2">
        <v>7.6</v>
      </c>
      <c r="Z3071" s="2">
        <v>10.6</v>
      </c>
      <c r="AA3071" s="5"/>
      <c r="AB3071" s="5" t="s">
        <v>43</v>
      </c>
      <c r="AC3071" s="5" t="s">
        <v>44</v>
      </c>
      <c r="AD3071" s="2"/>
      <c r="AE3071" s="1"/>
    </row>
    <row r="3072" spans="1:31" ht="14.45">
      <c r="A3072" s="11"/>
      <c r="B3072" s="20"/>
      <c r="C3072" s="2" t="s">
        <v>9669</v>
      </c>
      <c r="D3072" s="14" t="s">
        <v>9670</v>
      </c>
      <c r="E3072" s="2" t="s">
        <v>9671</v>
      </c>
      <c r="F3072" s="2" t="s">
        <v>7551</v>
      </c>
      <c r="G3072" s="8">
        <v>122</v>
      </c>
      <c r="H3072" s="5">
        <v>6</v>
      </c>
      <c r="I3072" s="5" t="s">
        <v>1518</v>
      </c>
      <c r="J3072" s="5" t="s">
        <v>1519</v>
      </c>
      <c r="K3072" s="2" t="s">
        <v>1520</v>
      </c>
      <c r="L3072" s="5" t="s">
        <v>1519</v>
      </c>
      <c r="M3072" s="2" t="s">
        <v>1520</v>
      </c>
      <c r="N3072" s="5" t="s">
        <v>1521</v>
      </c>
      <c r="O3072" s="5" t="s">
        <v>38</v>
      </c>
      <c r="P3072" s="5" t="s">
        <v>39</v>
      </c>
      <c r="Q3072" s="5" t="s">
        <v>40</v>
      </c>
      <c r="R3072" s="5" t="s">
        <v>1522</v>
      </c>
      <c r="S3072" s="5" t="s">
        <v>1523</v>
      </c>
      <c r="T3072" s="5" t="s">
        <v>42</v>
      </c>
      <c r="U3072" s="2">
        <v>1.819</v>
      </c>
      <c r="V3072" s="2">
        <v>1.468</v>
      </c>
      <c r="W3072" s="2">
        <v>0.01</v>
      </c>
      <c r="X3072" s="2">
        <v>118.9</v>
      </c>
      <c r="Y3072" s="2">
        <v>7.6</v>
      </c>
      <c r="Z3072" s="2">
        <v>10.6</v>
      </c>
      <c r="AA3072" s="5"/>
      <c r="AB3072" s="5" t="s">
        <v>43</v>
      </c>
      <c r="AC3072" s="5" t="s">
        <v>44</v>
      </c>
      <c r="AD3072" s="2"/>
      <c r="AE3072" s="1"/>
    </row>
    <row r="3073" spans="1:31" ht="14.45">
      <c r="A3073" s="11"/>
      <c r="B3073" s="20"/>
      <c r="C3073" s="2" t="s">
        <v>9672</v>
      </c>
      <c r="D3073" s="14" t="s">
        <v>9673</v>
      </c>
      <c r="E3073" s="2" t="s">
        <v>9674</v>
      </c>
      <c r="F3073" s="2" t="s">
        <v>7555</v>
      </c>
      <c r="G3073" s="8">
        <v>122</v>
      </c>
      <c r="H3073" s="5">
        <v>6</v>
      </c>
      <c r="I3073" s="5" t="s">
        <v>1518</v>
      </c>
      <c r="J3073" s="5" t="s">
        <v>1519</v>
      </c>
      <c r="K3073" s="2" t="s">
        <v>1520</v>
      </c>
      <c r="L3073" s="5" t="s">
        <v>1519</v>
      </c>
      <c r="M3073" s="2" t="s">
        <v>1520</v>
      </c>
      <c r="N3073" s="5" t="s">
        <v>1521</v>
      </c>
      <c r="O3073" s="5" t="s">
        <v>38</v>
      </c>
      <c r="P3073" s="5" t="s">
        <v>39</v>
      </c>
      <c r="Q3073" s="5" t="s">
        <v>40</v>
      </c>
      <c r="R3073" s="5" t="s">
        <v>1522</v>
      </c>
      <c r="S3073" s="5" t="s">
        <v>1523</v>
      </c>
      <c r="T3073" s="5" t="s">
        <v>42</v>
      </c>
      <c r="U3073" s="2">
        <v>1.776</v>
      </c>
      <c r="V3073" s="2">
        <v>1.425</v>
      </c>
      <c r="W3073" s="2">
        <v>0.01</v>
      </c>
      <c r="X3073" s="2">
        <v>118.9</v>
      </c>
      <c r="Y3073" s="2">
        <v>7.6</v>
      </c>
      <c r="Z3073" s="2">
        <v>10.6</v>
      </c>
      <c r="AA3073" s="5"/>
      <c r="AB3073" s="5" t="s">
        <v>43</v>
      </c>
      <c r="AC3073" s="5" t="s">
        <v>44</v>
      </c>
      <c r="AD3073" s="2"/>
      <c r="AE3073" s="1"/>
    </row>
    <row r="3074" spans="1:31" ht="14.45">
      <c r="A3074" s="11"/>
      <c r="B3074" s="20"/>
      <c r="C3074" s="2" t="s">
        <v>9675</v>
      </c>
      <c r="D3074" s="14" t="s">
        <v>9676</v>
      </c>
      <c r="E3074" s="2" t="s">
        <v>9677</v>
      </c>
      <c r="F3074" s="2" t="s">
        <v>7559</v>
      </c>
      <c r="G3074" s="8">
        <v>122</v>
      </c>
      <c r="H3074" s="5">
        <v>6</v>
      </c>
      <c r="I3074" s="5" t="s">
        <v>1518</v>
      </c>
      <c r="J3074" s="5" t="s">
        <v>1519</v>
      </c>
      <c r="K3074" s="2" t="s">
        <v>1520</v>
      </c>
      <c r="L3074" s="5" t="s">
        <v>1519</v>
      </c>
      <c r="M3074" s="2" t="s">
        <v>1520</v>
      </c>
      <c r="N3074" s="5" t="s">
        <v>1521</v>
      </c>
      <c r="O3074" s="5" t="s">
        <v>38</v>
      </c>
      <c r="P3074" s="5" t="s">
        <v>39</v>
      </c>
      <c r="Q3074" s="5" t="s">
        <v>40</v>
      </c>
      <c r="R3074" s="5" t="s">
        <v>1522</v>
      </c>
      <c r="S3074" s="5" t="s">
        <v>1523</v>
      </c>
      <c r="T3074" s="5" t="s">
        <v>42</v>
      </c>
      <c r="U3074" s="2">
        <v>1.819</v>
      </c>
      <c r="V3074" s="2">
        <v>1.468</v>
      </c>
      <c r="W3074" s="2">
        <v>0.01</v>
      </c>
      <c r="X3074" s="2">
        <v>118.9</v>
      </c>
      <c r="Y3074" s="2">
        <v>7.6</v>
      </c>
      <c r="Z3074" s="2">
        <v>10.6</v>
      </c>
      <c r="AA3074" s="5"/>
      <c r="AB3074" s="5" t="s">
        <v>43</v>
      </c>
      <c r="AC3074" s="5" t="s">
        <v>44</v>
      </c>
      <c r="AD3074" s="2"/>
      <c r="AE3074" s="1"/>
    </row>
    <row r="3075" spans="1:31" ht="14.45">
      <c r="A3075" s="11"/>
      <c r="B3075" s="20"/>
      <c r="C3075" s="2" t="s">
        <v>9678</v>
      </c>
      <c r="D3075" s="14" t="s">
        <v>9679</v>
      </c>
      <c r="E3075" s="2" t="s">
        <v>9680</v>
      </c>
      <c r="F3075" s="2" t="s">
        <v>7563</v>
      </c>
      <c r="G3075" s="8">
        <v>122</v>
      </c>
      <c r="H3075" s="5">
        <v>6</v>
      </c>
      <c r="I3075" s="5" t="s">
        <v>1518</v>
      </c>
      <c r="J3075" s="5" t="s">
        <v>1519</v>
      </c>
      <c r="K3075" s="2" t="s">
        <v>1520</v>
      </c>
      <c r="L3075" s="5" t="s">
        <v>1519</v>
      </c>
      <c r="M3075" s="2" t="s">
        <v>1520</v>
      </c>
      <c r="N3075" s="5" t="s">
        <v>1521</v>
      </c>
      <c r="O3075" s="5" t="s">
        <v>38</v>
      </c>
      <c r="P3075" s="5" t="s">
        <v>39</v>
      </c>
      <c r="Q3075" s="5" t="s">
        <v>40</v>
      </c>
      <c r="R3075" s="5" t="s">
        <v>1522</v>
      </c>
      <c r="S3075" s="5" t="s">
        <v>1523</v>
      </c>
      <c r="T3075" s="5" t="s">
        <v>42</v>
      </c>
      <c r="U3075" s="2">
        <v>1.7989999999999999</v>
      </c>
      <c r="V3075" s="2">
        <v>1.448</v>
      </c>
      <c r="W3075" s="2">
        <v>0.01</v>
      </c>
      <c r="X3075" s="2">
        <v>118.9</v>
      </c>
      <c r="Y3075" s="2">
        <v>7.6</v>
      </c>
      <c r="Z3075" s="2">
        <v>10.6</v>
      </c>
      <c r="AA3075" s="5"/>
      <c r="AB3075" s="5" t="s">
        <v>43</v>
      </c>
      <c r="AC3075" s="5" t="s">
        <v>44</v>
      </c>
      <c r="AD3075" s="2"/>
      <c r="AE3075" s="1"/>
    </row>
    <row r="3076" spans="1:31" ht="14.45">
      <c r="A3076" s="11"/>
      <c r="B3076" s="20"/>
      <c r="C3076" s="2" t="s">
        <v>9681</v>
      </c>
      <c r="D3076" s="14" t="s">
        <v>9682</v>
      </c>
      <c r="E3076" s="2" t="s">
        <v>9683</v>
      </c>
      <c r="F3076" s="2" t="s">
        <v>7567</v>
      </c>
      <c r="G3076" s="8">
        <v>122</v>
      </c>
      <c r="H3076" s="5">
        <v>6</v>
      </c>
      <c r="I3076" s="5" t="s">
        <v>1518</v>
      </c>
      <c r="J3076" s="5" t="s">
        <v>1519</v>
      </c>
      <c r="K3076" s="2" t="s">
        <v>1520</v>
      </c>
      <c r="L3076" s="5" t="s">
        <v>1519</v>
      </c>
      <c r="M3076" s="2" t="s">
        <v>1520</v>
      </c>
      <c r="N3076" s="5" t="s">
        <v>1521</v>
      </c>
      <c r="O3076" s="5" t="s">
        <v>38</v>
      </c>
      <c r="P3076" s="5" t="s">
        <v>39</v>
      </c>
      <c r="Q3076" s="5" t="s">
        <v>40</v>
      </c>
      <c r="R3076" s="5" t="s">
        <v>1522</v>
      </c>
      <c r="S3076" s="5" t="s">
        <v>1523</v>
      </c>
      <c r="T3076" s="5" t="s">
        <v>42</v>
      </c>
      <c r="U3076" s="2">
        <v>1.8420000000000001</v>
      </c>
      <c r="V3076" s="2">
        <v>1.4910000000000001</v>
      </c>
      <c r="W3076" s="2">
        <v>0.01</v>
      </c>
      <c r="X3076" s="2">
        <v>118.9</v>
      </c>
      <c r="Y3076" s="2">
        <v>7.6</v>
      </c>
      <c r="Z3076" s="2">
        <v>10.6</v>
      </c>
      <c r="AA3076" s="5"/>
      <c r="AB3076" s="5" t="s">
        <v>43</v>
      </c>
      <c r="AC3076" s="5" t="s">
        <v>44</v>
      </c>
      <c r="AD3076" s="2"/>
      <c r="AE3076" s="1"/>
    </row>
    <row r="3077" spans="1:31" ht="14.45">
      <c r="A3077" s="11"/>
      <c r="B3077" s="20"/>
      <c r="C3077" s="2" t="s">
        <v>9684</v>
      </c>
      <c r="D3077" s="14" t="s">
        <v>9685</v>
      </c>
      <c r="E3077" s="2" t="s">
        <v>9686</v>
      </c>
      <c r="F3077" s="2" t="s">
        <v>7429</v>
      </c>
      <c r="G3077" s="8">
        <v>122</v>
      </c>
      <c r="H3077" s="5">
        <v>6</v>
      </c>
      <c r="I3077" s="5" t="s">
        <v>1518</v>
      </c>
      <c r="J3077" s="5" t="s">
        <v>1519</v>
      </c>
      <c r="K3077" s="2" t="s">
        <v>1520</v>
      </c>
      <c r="L3077" s="5" t="s">
        <v>1519</v>
      </c>
      <c r="M3077" s="2" t="s">
        <v>1520</v>
      </c>
      <c r="N3077" s="5" t="s">
        <v>1521</v>
      </c>
      <c r="O3077" s="5" t="s">
        <v>38</v>
      </c>
      <c r="P3077" s="5" t="s">
        <v>39</v>
      </c>
      <c r="Q3077" s="5" t="s">
        <v>40</v>
      </c>
      <c r="R3077" s="5" t="s">
        <v>1522</v>
      </c>
      <c r="S3077" s="5" t="s">
        <v>1523</v>
      </c>
      <c r="T3077" s="5" t="s">
        <v>42</v>
      </c>
      <c r="U3077" s="2">
        <v>1.7989999999999999</v>
      </c>
      <c r="V3077" s="2">
        <v>1.448</v>
      </c>
      <c r="W3077" s="2">
        <v>0.01</v>
      </c>
      <c r="X3077" s="2">
        <v>118.9</v>
      </c>
      <c r="Y3077" s="2">
        <v>7.6</v>
      </c>
      <c r="Z3077" s="2">
        <v>10.6</v>
      </c>
      <c r="AA3077" s="5"/>
      <c r="AB3077" s="5" t="s">
        <v>43</v>
      </c>
      <c r="AC3077" s="5" t="s">
        <v>44</v>
      </c>
      <c r="AD3077" s="2"/>
      <c r="AE3077" s="1"/>
    </row>
    <row r="3078" spans="1:31" ht="14.45">
      <c r="A3078" s="11"/>
      <c r="B3078" s="20"/>
      <c r="C3078" s="2" t="s">
        <v>9687</v>
      </c>
      <c r="D3078" s="14" t="s">
        <v>9688</v>
      </c>
      <c r="E3078" s="2" t="s">
        <v>9689</v>
      </c>
      <c r="F3078" s="2" t="s">
        <v>7574</v>
      </c>
      <c r="G3078" s="8">
        <v>122</v>
      </c>
      <c r="H3078" s="5">
        <v>6</v>
      </c>
      <c r="I3078" s="5" t="s">
        <v>1518</v>
      </c>
      <c r="J3078" s="5" t="s">
        <v>1519</v>
      </c>
      <c r="K3078" s="2" t="s">
        <v>1520</v>
      </c>
      <c r="L3078" s="5" t="s">
        <v>1519</v>
      </c>
      <c r="M3078" s="2" t="s">
        <v>1520</v>
      </c>
      <c r="N3078" s="5" t="s">
        <v>1521</v>
      </c>
      <c r="O3078" s="5" t="s">
        <v>38</v>
      </c>
      <c r="P3078" s="5" t="s">
        <v>39</v>
      </c>
      <c r="Q3078" s="5" t="s">
        <v>40</v>
      </c>
      <c r="R3078" s="5" t="s">
        <v>1522</v>
      </c>
      <c r="S3078" s="5" t="s">
        <v>1523</v>
      </c>
      <c r="T3078" s="5" t="s">
        <v>42</v>
      </c>
      <c r="U3078" s="2">
        <v>1.8420000000000001</v>
      </c>
      <c r="V3078" s="2">
        <v>1.4910000000000001</v>
      </c>
      <c r="W3078" s="2">
        <v>0.01</v>
      </c>
      <c r="X3078" s="2">
        <v>118.9</v>
      </c>
      <c r="Y3078" s="2">
        <v>7.6</v>
      </c>
      <c r="Z3078" s="2">
        <v>10.6</v>
      </c>
      <c r="AA3078" s="5"/>
      <c r="AB3078" s="5" t="s">
        <v>43</v>
      </c>
      <c r="AC3078" s="5" t="s">
        <v>44</v>
      </c>
      <c r="AD3078" s="2"/>
      <c r="AE3078" s="1"/>
    </row>
    <row r="3079" spans="1:31" ht="14.45">
      <c r="A3079" s="11"/>
      <c r="B3079" s="20"/>
      <c r="C3079" s="2" t="s">
        <v>9690</v>
      </c>
      <c r="D3079" s="14" t="s">
        <v>9691</v>
      </c>
      <c r="E3079" s="2" t="s">
        <v>9692</v>
      </c>
      <c r="F3079" s="2" t="s">
        <v>7449</v>
      </c>
      <c r="G3079" s="8">
        <v>122</v>
      </c>
      <c r="H3079" s="5">
        <v>6</v>
      </c>
      <c r="I3079" s="5" t="s">
        <v>1518</v>
      </c>
      <c r="J3079" s="5" t="s">
        <v>1519</v>
      </c>
      <c r="K3079" s="2" t="s">
        <v>1520</v>
      </c>
      <c r="L3079" s="5" t="s">
        <v>1519</v>
      </c>
      <c r="M3079" s="2" t="s">
        <v>1520</v>
      </c>
      <c r="N3079" s="5" t="s">
        <v>1521</v>
      </c>
      <c r="O3079" s="5" t="s">
        <v>38</v>
      </c>
      <c r="P3079" s="5" t="s">
        <v>39</v>
      </c>
      <c r="Q3079" s="5" t="s">
        <v>40</v>
      </c>
      <c r="R3079" s="5" t="s">
        <v>1522</v>
      </c>
      <c r="S3079" s="5" t="s">
        <v>1523</v>
      </c>
      <c r="T3079" s="5" t="s">
        <v>42</v>
      </c>
      <c r="U3079" s="2">
        <v>1.7989999999999999</v>
      </c>
      <c r="V3079" s="2">
        <v>1.448</v>
      </c>
      <c r="W3079" s="2">
        <v>0.01</v>
      </c>
      <c r="X3079" s="2">
        <v>118.9</v>
      </c>
      <c r="Y3079" s="2">
        <v>7.6</v>
      </c>
      <c r="Z3079" s="2">
        <v>10.6</v>
      </c>
      <c r="AA3079" s="5"/>
      <c r="AB3079" s="5" t="s">
        <v>43</v>
      </c>
      <c r="AC3079" s="5" t="s">
        <v>44</v>
      </c>
      <c r="AD3079" s="2"/>
      <c r="AE3079" s="1"/>
    </row>
    <row r="3080" spans="1:31" ht="14.45">
      <c r="A3080" s="11"/>
      <c r="B3080" s="20"/>
      <c r="C3080" s="2" t="s">
        <v>9693</v>
      </c>
      <c r="D3080" s="14" t="s">
        <v>9694</v>
      </c>
      <c r="E3080" s="2" t="s">
        <v>9695</v>
      </c>
      <c r="F3080" s="2" t="s">
        <v>7581</v>
      </c>
      <c r="G3080" s="8">
        <v>122</v>
      </c>
      <c r="H3080" s="5">
        <v>6</v>
      </c>
      <c r="I3080" s="5" t="s">
        <v>1518</v>
      </c>
      <c r="J3080" s="5" t="s">
        <v>1519</v>
      </c>
      <c r="K3080" s="2" t="s">
        <v>1520</v>
      </c>
      <c r="L3080" s="5" t="s">
        <v>1519</v>
      </c>
      <c r="M3080" s="2" t="s">
        <v>1520</v>
      </c>
      <c r="N3080" s="5" t="s">
        <v>1521</v>
      </c>
      <c r="O3080" s="5" t="s">
        <v>38</v>
      </c>
      <c r="P3080" s="5" t="s">
        <v>39</v>
      </c>
      <c r="Q3080" s="5" t="s">
        <v>40</v>
      </c>
      <c r="R3080" s="5" t="s">
        <v>1522</v>
      </c>
      <c r="S3080" s="5" t="s">
        <v>1523</v>
      </c>
      <c r="T3080" s="5" t="s">
        <v>42</v>
      </c>
      <c r="U3080" s="2">
        <v>1.8420000000000001</v>
      </c>
      <c r="V3080" s="2">
        <v>1.4910000000000001</v>
      </c>
      <c r="W3080" s="2">
        <v>0.01</v>
      </c>
      <c r="X3080" s="2">
        <v>118.9</v>
      </c>
      <c r="Y3080" s="2">
        <v>7.6</v>
      </c>
      <c r="Z3080" s="2">
        <v>10.6</v>
      </c>
      <c r="AA3080" s="5"/>
      <c r="AB3080" s="5" t="s">
        <v>43</v>
      </c>
      <c r="AC3080" s="5" t="s">
        <v>44</v>
      </c>
      <c r="AD3080" s="2"/>
      <c r="AE3080" s="1"/>
    </row>
    <row r="3081" spans="1:31" ht="14.45">
      <c r="A3081" s="11"/>
      <c r="B3081" s="20"/>
      <c r="C3081" s="2" t="s">
        <v>9696</v>
      </c>
      <c r="D3081" s="14" t="s">
        <v>9697</v>
      </c>
      <c r="E3081" s="2" t="s">
        <v>9698</v>
      </c>
      <c r="F3081" s="2" t="s">
        <v>7585</v>
      </c>
      <c r="G3081" s="8">
        <v>122</v>
      </c>
      <c r="H3081" s="5">
        <v>6</v>
      </c>
      <c r="I3081" s="5" t="s">
        <v>1518</v>
      </c>
      <c r="J3081" s="5" t="s">
        <v>1519</v>
      </c>
      <c r="K3081" s="2" t="s">
        <v>1520</v>
      </c>
      <c r="L3081" s="5" t="s">
        <v>1519</v>
      </c>
      <c r="M3081" s="2" t="s">
        <v>1520</v>
      </c>
      <c r="N3081" s="5" t="s">
        <v>1521</v>
      </c>
      <c r="O3081" s="5" t="s">
        <v>38</v>
      </c>
      <c r="P3081" s="5" t="s">
        <v>39</v>
      </c>
      <c r="Q3081" s="5" t="s">
        <v>40</v>
      </c>
      <c r="R3081" s="5" t="s">
        <v>1522</v>
      </c>
      <c r="S3081" s="5" t="s">
        <v>1523</v>
      </c>
      <c r="T3081" s="5" t="s">
        <v>42</v>
      </c>
      <c r="U3081" s="2">
        <v>1.776</v>
      </c>
      <c r="V3081" s="2">
        <v>1.425</v>
      </c>
      <c r="W3081" s="2">
        <v>0.01</v>
      </c>
      <c r="X3081" s="2">
        <v>118.9</v>
      </c>
      <c r="Y3081" s="2">
        <v>7.6</v>
      </c>
      <c r="Z3081" s="2">
        <v>10.6</v>
      </c>
      <c r="AA3081" s="5"/>
      <c r="AB3081" s="5" t="s">
        <v>43</v>
      </c>
      <c r="AC3081" s="5" t="s">
        <v>44</v>
      </c>
      <c r="AD3081" s="2"/>
      <c r="AE3081" s="1"/>
    </row>
    <row r="3082" spans="1:31" ht="14.45">
      <c r="A3082" s="11"/>
      <c r="B3082" s="20"/>
      <c r="C3082" s="2" t="s">
        <v>9699</v>
      </c>
      <c r="D3082" s="14" t="s">
        <v>9700</v>
      </c>
      <c r="E3082" s="2" t="s">
        <v>9701</v>
      </c>
      <c r="F3082" s="2" t="s">
        <v>7589</v>
      </c>
      <c r="G3082" s="8">
        <v>122</v>
      </c>
      <c r="H3082" s="5">
        <v>6</v>
      </c>
      <c r="I3082" s="5" t="s">
        <v>1518</v>
      </c>
      <c r="J3082" s="5" t="s">
        <v>1519</v>
      </c>
      <c r="K3082" s="2" t="s">
        <v>1520</v>
      </c>
      <c r="L3082" s="5" t="s">
        <v>1519</v>
      </c>
      <c r="M3082" s="2" t="s">
        <v>1520</v>
      </c>
      <c r="N3082" s="5" t="s">
        <v>1521</v>
      </c>
      <c r="O3082" s="5" t="s">
        <v>38</v>
      </c>
      <c r="P3082" s="5" t="s">
        <v>39</v>
      </c>
      <c r="Q3082" s="5" t="s">
        <v>40</v>
      </c>
      <c r="R3082" s="5" t="s">
        <v>1522</v>
      </c>
      <c r="S3082" s="5" t="s">
        <v>1523</v>
      </c>
      <c r="T3082" s="5" t="s">
        <v>42</v>
      </c>
      <c r="U3082" s="2">
        <v>1.819</v>
      </c>
      <c r="V3082" s="2">
        <v>1.468</v>
      </c>
      <c r="W3082" s="2">
        <v>0.01</v>
      </c>
      <c r="X3082" s="2">
        <v>118.9</v>
      </c>
      <c r="Y3082" s="2">
        <v>7.6</v>
      </c>
      <c r="Z3082" s="2">
        <v>10.6</v>
      </c>
      <c r="AA3082" s="5"/>
      <c r="AB3082" s="5" t="s">
        <v>43</v>
      </c>
      <c r="AC3082" s="5" t="s">
        <v>44</v>
      </c>
      <c r="AD3082" s="2"/>
      <c r="AE3082" s="1"/>
    </row>
    <row r="3083" spans="1:31" ht="14.45">
      <c r="A3083" s="11"/>
      <c r="B3083" s="20"/>
      <c r="C3083" s="2" t="s">
        <v>9702</v>
      </c>
      <c r="D3083" s="14" t="s">
        <v>9703</v>
      </c>
      <c r="E3083" s="2" t="s">
        <v>9704</v>
      </c>
      <c r="F3083" s="2" t="s">
        <v>7593</v>
      </c>
      <c r="G3083" s="8">
        <v>122</v>
      </c>
      <c r="H3083" s="5">
        <v>6</v>
      </c>
      <c r="I3083" s="5" t="s">
        <v>1518</v>
      </c>
      <c r="J3083" s="5" t="s">
        <v>1519</v>
      </c>
      <c r="K3083" s="2" t="s">
        <v>1520</v>
      </c>
      <c r="L3083" s="5" t="s">
        <v>1519</v>
      </c>
      <c r="M3083" s="2" t="s">
        <v>1520</v>
      </c>
      <c r="N3083" s="5" t="s">
        <v>1521</v>
      </c>
      <c r="O3083" s="5" t="s">
        <v>38</v>
      </c>
      <c r="P3083" s="5" t="s">
        <v>39</v>
      </c>
      <c r="Q3083" s="5" t="s">
        <v>40</v>
      </c>
      <c r="R3083" s="5" t="s">
        <v>1522</v>
      </c>
      <c r="S3083" s="5" t="s">
        <v>1523</v>
      </c>
      <c r="T3083" s="5" t="s">
        <v>42</v>
      </c>
      <c r="U3083" s="2">
        <v>1.7989999999999999</v>
      </c>
      <c r="V3083" s="2">
        <v>1.448</v>
      </c>
      <c r="W3083" s="2">
        <v>0.01</v>
      </c>
      <c r="X3083" s="2">
        <v>118.9</v>
      </c>
      <c r="Y3083" s="2">
        <v>7.6</v>
      </c>
      <c r="Z3083" s="2">
        <v>10.6</v>
      </c>
      <c r="AA3083" s="5"/>
      <c r="AB3083" s="5" t="s">
        <v>43</v>
      </c>
      <c r="AC3083" s="5" t="s">
        <v>44</v>
      </c>
      <c r="AD3083" s="2"/>
      <c r="AE3083" s="1"/>
    </row>
    <row r="3084" spans="1:31" ht="14.45">
      <c r="A3084" s="11"/>
      <c r="B3084" s="20"/>
      <c r="C3084" s="2" t="s">
        <v>9705</v>
      </c>
      <c r="D3084" s="14" t="s">
        <v>9706</v>
      </c>
      <c r="E3084" s="2" t="s">
        <v>9707</v>
      </c>
      <c r="F3084" s="2" t="s">
        <v>7597</v>
      </c>
      <c r="G3084" s="8">
        <v>122</v>
      </c>
      <c r="H3084" s="5">
        <v>6</v>
      </c>
      <c r="I3084" s="5" t="s">
        <v>1518</v>
      </c>
      <c r="J3084" s="5" t="s">
        <v>1519</v>
      </c>
      <c r="K3084" s="2" t="s">
        <v>1520</v>
      </c>
      <c r="L3084" s="5" t="s">
        <v>1519</v>
      </c>
      <c r="M3084" s="2" t="s">
        <v>1520</v>
      </c>
      <c r="N3084" s="5" t="s">
        <v>1521</v>
      </c>
      <c r="O3084" s="5" t="s">
        <v>38</v>
      </c>
      <c r="P3084" s="5" t="s">
        <v>39</v>
      </c>
      <c r="Q3084" s="5" t="s">
        <v>40</v>
      </c>
      <c r="R3084" s="5" t="s">
        <v>1522</v>
      </c>
      <c r="S3084" s="5" t="s">
        <v>1523</v>
      </c>
      <c r="T3084" s="5" t="s">
        <v>42</v>
      </c>
      <c r="U3084" s="2">
        <v>1.8420000000000001</v>
      </c>
      <c r="V3084" s="2">
        <v>1.4910000000000001</v>
      </c>
      <c r="W3084" s="2">
        <v>0.01</v>
      </c>
      <c r="X3084" s="2">
        <v>118.9</v>
      </c>
      <c r="Y3084" s="2">
        <v>7.6</v>
      </c>
      <c r="Z3084" s="2">
        <v>10.6</v>
      </c>
      <c r="AA3084" s="5"/>
      <c r="AB3084" s="5" t="s">
        <v>43</v>
      </c>
      <c r="AC3084" s="5" t="s">
        <v>44</v>
      </c>
      <c r="AD3084" s="2"/>
      <c r="AE3084" s="1"/>
    </row>
    <row r="3085" spans="1:31" ht="14.45">
      <c r="A3085" s="11"/>
      <c r="B3085" s="20"/>
      <c r="C3085" s="2" t="s">
        <v>9708</v>
      </c>
      <c r="D3085" s="14" t="s">
        <v>9709</v>
      </c>
      <c r="E3085" s="2" t="s">
        <v>9710</v>
      </c>
      <c r="F3085" s="2" t="s">
        <v>7410</v>
      </c>
      <c r="G3085" s="8">
        <v>122</v>
      </c>
      <c r="H3085" s="5">
        <v>6</v>
      </c>
      <c r="I3085" s="5" t="s">
        <v>1518</v>
      </c>
      <c r="J3085" s="5" t="s">
        <v>1519</v>
      </c>
      <c r="K3085" s="2" t="s">
        <v>1520</v>
      </c>
      <c r="L3085" s="5" t="s">
        <v>1519</v>
      </c>
      <c r="M3085" s="2" t="s">
        <v>1520</v>
      </c>
      <c r="N3085" s="5" t="s">
        <v>1521</v>
      </c>
      <c r="O3085" s="5" t="s">
        <v>38</v>
      </c>
      <c r="P3085" s="5" t="s">
        <v>39</v>
      </c>
      <c r="Q3085" s="5" t="s">
        <v>40</v>
      </c>
      <c r="R3085" s="5" t="s">
        <v>1522</v>
      </c>
      <c r="S3085" s="5" t="s">
        <v>1523</v>
      </c>
      <c r="T3085" s="5" t="s">
        <v>42</v>
      </c>
      <c r="U3085" s="2">
        <v>1.7989999999999999</v>
      </c>
      <c r="V3085" s="2">
        <v>1.448</v>
      </c>
      <c r="W3085" s="2">
        <v>0.01</v>
      </c>
      <c r="X3085" s="2">
        <v>118.9</v>
      </c>
      <c r="Y3085" s="2">
        <v>7.6</v>
      </c>
      <c r="Z3085" s="2">
        <v>10.6</v>
      </c>
      <c r="AA3085" s="5"/>
      <c r="AB3085" s="5" t="s">
        <v>43</v>
      </c>
      <c r="AC3085" s="5" t="s">
        <v>44</v>
      </c>
      <c r="AD3085" s="2"/>
      <c r="AE3085" s="1"/>
    </row>
    <row r="3086" spans="1:31" ht="14.45">
      <c r="A3086" s="11"/>
      <c r="B3086" s="20"/>
      <c r="C3086" s="2" t="s">
        <v>9711</v>
      </c>
      <c r="D3086" s="14" t="s">
        <v>9712</v>
      </c>
      <c r="E3086" s="2" t="s">
        <v>9713</v>
      </c>
      <c r="F3086" s="2" t="s">
        <v>7604</v>
      </c>
      <c r="G3086" s="8">
        <v>122</v>
      </c>
      <c r="H3086" s="5">
        <v>6</v>
      </c>
      <c r="I3086" s="5" t="s">
        <v>1518</v>
      </c>
      <c r="J3086" s="5" t="s">
        <v>1519</v>
      </c>
      <c r="K3086" s="2" t="s">
        <v>1520</v>
      </c>
      <c r="L3086" s="5" t="s">
        <v>1519</v>
      </c>
      <c r="M3086" s="2" t="s">
        <v>1520</v>
      </c>
      <c r="N3086" s="5" t="s">
        <v>1521</v>
      </c>
      <c r="O3086" s="5" t="s">
        <v>38</v>
      </c>
      <c r="P3086" s="5" t="s">
        <v>39</v>
      </c>
      <c r="Q3086" s="5" t="s">
        <v>40</v>
      </c>
      <c r="R3086" s="5" t="s">
        <v>1522</v>
      </c>
      <c r="S3086" s="5" t="s">
        <v>1523</v>
      </c>
      <c r="T3086" s="5" t="s">
        <v>42</v>
      </c>
      <c r="U3086" s="2">
        <v>1.8420000000000001</v>
      </c>
      <c r="V3086" s="2">
        <v>1.4910000000000001</v>
      </c>
      <c r="W3086" s="2">
        <v>0.01</v>
      </c>
      <c r="X3086" s="2">
        <v>118.9</v>
      </c>
      <c r="Y3086" s="2">
        <v>7.6</v>
      </c>
      <c r="Z3086" s="2">
        <v>10.6</v>
      </c>
      <c r="AA3086" s="5"/>
      <c r="AB3086" s="5" t="s">
        <v>43</v>
      </c>
      <c r="AC3086" s="5" t="s">
        <v>44</v>
      </c>
      <c r="AD3086" s="2"/>
      <c r="AE3086" s="1"/>
    </row>
    <row r="3087" spans="1:31" ht="14.45">
      <c r="A3087" s="11"/>
      <c r="B3087" s="20"/>
      <c r="C3087" s="2" t="s">
        <v>9714</v>
      </c>
      <c r="D3087" s="14" t="s">
        <v>9715</v>
      </c>
      <c r="E3087" s="2" t="s">
        <v>9716</v>
      </c>
      <c r="F3087" s="2" t="s">
        <v>7433</v>
      </c>
      <c r="G3087" s="8">
        <v>122</v>
      </c>
      <c r="H3087" s="5">
        <v>6</v>
      </c>
      <c r="I3087" s="5" t="s">
        <v>1518</v>
      </c>
      <c r="J3087" s="5" t="s">
        <v>1519</v>
      </c>
      <c r="K3087" s="2" t="s">
        <v>1520</v>
      </c>
      <c r="L3087" s="5" t="s">
        <v>1519</v>
      </c>
      <c r="M3087" s="2" t="s">
        <v>1520</v>
      </c>
      <c r="N3087" s="5" t="s">
        <v>1521</v>
      </c>
      <c r="O3087" s="5" t="s">
        <v>38</v>
      </c>
      <c r="P3087" s="5" t="s">
        <v>39</v>
      </c>
      <c r="Q3087" s="5" t="s">
        <v>40</v>
      </c>
      <c r="R3087" s="5" t="s">
        <v>1522</v>
      </c>
      <c r="S3087" s="5" t="s">
        <v>1523</v>
      </c>
      <c r="T3087" s="5" t="s">
        <v>42</v>
      </c>
      <c r="U3087" s="2">
        <v>1.7989999999999999</v>
      </c>
      <c r="V3087" s="2">
        <v>1.448</v>
      </c>
      <c r="W3087" s="2">
        <v>0.01</v>
      </c>
      <c r="X3087" s="2">
        <v>118.9</v>
      </c>
      <c r="Y3087" s="2">
        <v>7.6</v>
      </c>
      <c r="Z3087" s="2">
        <v>10.6</v>
      </c>
      <c r="AA3087" s="5"/>
      <c r="AB3087" s="5" t="s">
        <v>43</v>
      </c>
      <c r="AC3087" s="5" t="s">
        <v>44</v>
      </c>
      <c r="AD3087" s="2"/>
      <c r="AE3087" s="1"/>
    </row>
    <row r="3088" spans="1:31" ht="14.45">
      <c r="A3088" s="11"/>
      <c r="B3088" s="20"/>
      <c r="C3088" s="2" t="s">
        <v>9717</v>
      </c>
      <c r="D3088" s="14" t="s">
        <v>9718</v>
      </c>
      <c r="E3088" s="2" t="s">
        <v>9719</v>
      </c>
      <c r="F3088" s="2" t="s">
        <v>7611</v>
      </c>
      <c r="G3088" s="8">
        <v>122</v>
      </c>
      <c r="H3088" s="5">
        <v>6</v>
      </c>
      <c r="I3088" s="5" t="s">
        <v>1518</v>
      </c>
      <c r="J3088" s="5" t="s">
        <v>1519</v>
      </c>
      <c r="K3088" s="2" t="s">
        <v>1520</v>
      </c>
      <c r="L3088" s="5" t="s">
        <v>1519</v>
      </c>
      <c r="M3088" s="2" t="s">
        <v>1520</v>
      </c>
      <c r="N3088" s="5" t="s">
        <v>1521</v>
      </c>
      <c r="O3088" s="5" t="s">
        <v>38</v>
      </c>
      <c r="P3088" s="5" t="s">
        <v>39</v>
      </c>
      <c r="Q3088" s="5" t="s">
        <v>40</v>
      </c>
      <c r="R3088" s="5" t="s">
        <v>1522</v>
      </c>
      <c r="S3088" s="5" t="s">
        <v>1523</v>
      </c>
      <c r="T3088" s="5" t="s">
        <v>42</v>
      </c>
      <c r="U3088" s="2">
        <v>1.8420000000000001</v>
      </c>
      <c r="V3088" s="2">
        <v>1.4910000000000001</v>
      </c>
      <c r="W3088" s="2">
        <v>0.01</v>
      </c>
      <c r="X3088" s="2">
        <v>118.9</v>
      </c>
      <c r="Y3088" s="2">
        <v>7.6</v>
      </c>
      <c r="Z3088" s="2">
        <v>10.6</v>
      </c>
      <c r="AA3088" s="5"/>
      <c r="AB3088" s="5" t="s">
        <v>43</v>
      </c>
      <c r="AC3088" s="5" t="s">
        <v>44</v>
      </c>
      <c r="AD3088" s="2"/>
      <c r="AE3088" s="1"/>
    </row>
    <row r="3089" spans="1:31" ht="14.45">
      <c r="A3089" s="11"/>
      <c r="B3089" s="20"/>
      <c r="C3089" s="2" t="s">
        <v>9720</v>
      </c>
      <c r="D3089" s="14" t="s">
        <v>9721</v>
      </c>
      <c r="E3089" s="2" t="s">
        <v>9722</v>
      </c>
      <c r="F3089" s="2" t="s">
        <v>7615</v>
      </c>
      <c r="G3089" s="8">
        <v>122</v>
      </c>
      <c r="H3089" s="5">
        <v>6</v>
      </c>
      <c r="I3089" s="5" t="s">
        <v>1518</v>
      </c>
      <c r="J3089" s="5" t="s">
        <v>1519</v>
      </c>
      <c r="K3089" s="2" t="s">
        <v>1520</v>
      </c>
      <c r="L3089" s="5" t="s">
        <v>1519</v>
      </c>
      <c r="M3089" s="2" t="s">
        <v>1520</v>
      </c>
      <c r="N3089" s="5" t="s">
        <v>1521</v>
      </c>
      <c r="O3089" s="5" t="s">
        <v>38</v>
      </c>
      <c r="P3089" s="5" t="s">
        <v>39</v>
      </c>
      <c r="Q3089" s="5" t="s">
        <v>40</v>
      </c>
      <c r="R3089" s="5" t="s">
        <v>1522</v>
      </c>
      <c r="S3089" s="5" t="s">
        <v>1523</v>
      </c>
      <c r="T3089" s="5" t="s">
        <v>42</v>
      </c>
      <c r="U3089" s="2">
        <v>1.776</v>
      </c>
      <c r="V3089" s="2">
        <v>1.425</v>
      </c>
      <c r="W3089" s="2">
        <v>0.01</v>
      </c>
      <c r="X3089" s="2">
        <v>118.9</v>
      </c>
      <c r="Y3089" s="2">
        <v>7.6</v>
      </c>
      <c r="Z3089" s="2">
        <v>10.6</v>
      </c>
      <c r="AA3089" s="5"/>
      <c r="AB3089" s="5" t="s">
        <v>43</v>
      </c>
      <c r="AC3089" s="5" t="s">
        <v>44</v>
      </c>
      <c r="AD3089" s="2"/>
      <c r="AE3089" s="1"/>
    </row>
    <row r="3090" spans="1:31" ht="14.45">
      <c r="A3090" s="11"/>
      <c r="B3090" s="20"/>
      <c r="C3090" s="2" t="s">
        <v>9723</v>
      </c>
      <c r="D3090" s="14" t="s">
        <v>9724</v>
      </c>
      <c r="E3090" s="2" t="s">
        <v>9725</v>
      </c>
      <c r="F3090" s="2" t="s">
        <v>7619</v>
      </c>
      <c r="G3090" s="8">
        <v>122</v>
      </c>
      <c r="H3090" s="5">
        <v>6</v>
      </c>
      <c r="I3090" s="5" t="s">
        <v>1518</v>
      </c>
      <c r="J3090" s="5" t="s">
        <v>1519</v>
      </c>
      <c r="K3090" s="2" t="s">
        <v>1520</v>
      </c>
      <c r="L3090" s="5" t="s">
        <v>1519</v>
      </c>
      <c r="M3090" s="2" t="s">
        <v>1520</v>
      </c>
      <c r="N3090" s="5" t="s">
        <v>1521</v>
      </c>
      <c r="O3090" s="5" t="s">
        <v>38</v>
      </c>
      <c r="P3090" s="5" t="s">
        <v>39</v>
      </c>
      <c r="Q3090" s="5" t="s">
        <v>40</v>
      </c>
      <c r="R3090" s="5" t="s">
        <v>1522</v>
      </c>
      <c r="S3090" s="5" t="s">
        <v>1523</v>
      </c>
      <c r="T3090" s="5" t="s">
        <v>42</v>
      </c>
      <c r="U3090" s="2">
        <v>1.819</v>
      </c>
      <c r="V3090" s="2">
        <v>1.468</v>
      </c>
      <c r="W3090" s="2">
        <v>0.01</v>
      </c>
      <c r="X3090" s="2">
        <v>118.9</v>
      </c>
      <c r="Y3090" s="2">
        <v>7.6</v>
      </c>
      <c r="Z3090" s="2">
        <v>10.6</v>
      </c>
      <c r="AA3090" s="5"/>
      <c r="AB3090" s="5" t="s">
        <v>43</v>
      </c>
      <c r="AC3090" s="5" t="s">
        <v>44</v>
      </c>
      <c r="AD3090" s="2"/>
      <c r="AE3090" s="1"/>
    </row>
    <row r="3091" spans="1:31" ht="14.45">
      <c r="A3091" s="11"/>
      <c r="B3091" s="20"/>
      <c r="C3091" s="2" t="s">
        <v>9726</v>
      </c>
      <c r="D3091" s="14" t="s">
        <v>9727</v>
      </c>
      <c r="E3091" s="2" t="s">
        <v>9728</v>
      </c>
      <c r="F3091" s="2" t="s">
        <v>1823</v>
      </c>
      <c r="G3091" s="8">
        <v>122</v>
      </c>
      <c r="H3091" s="5">
        <v>8</v>
      </c>
      <c r="I3091" s="5" t="s">
        <v>1518</v>
      </c>
      <c r="J3091" s="5" t="s">
        <v>1519</v>
      </c>
      <c r="K3091" s="2" t="s">
        <v>1520</v>
      </c>
      <c r="L3091" s="5" t="s">
        <v>1519</v>
      </c>
      <c r="M3091" s="2" t="s">
        <v>1520</v>
      </c>
      <c r="N3091" s="5" t="s">
        <v>1521</v>
      </c>
      <c r="O3091" s="5" t="s">
        <v>38</v>
      </c>
      <c r="P3091" s="5" t="s">
        <v>39</v>
      </c>
      <c r="Q3091" s="5" t="s">
        <v>40</v>
      </c>
      <c r="R3091" s="5" t="s">
        <v>1522</v>
      </c>
      <c r="S3091" s="5" t="s">
        <v>1523</v>
      </c>
      <c r="T3091" s="5" t="s">
        <v>42</v>
      </c>
      <c r="U3091" s="2">
        <v>1.8160000000000001</v>
      </c>
      <c r="V3091" s="2">
        <v>1.4650000000000001</v>
      </c>
      <c r="W3091" s="2">
        <v>0.01</v>
      </c>
      <c r="X3091" s="2">
        <v>118.9</v>
      </c>
      <c r="Y3091" s="2">
        <v>7.6</v>
      </c>
      <c r="Z3091" s="2">
        <v>10.6</v>
      </c>
      <c r="AA3091" s="5"/>
      <c r="AB3091" s="5" t="s">
        <v>43</v>
      </c>
      <c r="AC3091" s="5" t="s">
        <v>44</v>
      </c>
      <c r="AD3091" s="2"/>
      <c r="AE3091" s="1"/>
    </row>
    <row r="3092" spans="1:31" ht="14.45">
      <c r="A3092" s="11"/>
      <c r="B3092" s="20"/>
      <c r="C3092" s="2" t="s">
        <v>9729</v>
      </c>
      <c r="D3092" s="14" t="s">
        <v>9730</v>
      </c>
      <c r="E3092" s="2" t="s">
        <v>9731</v>
      </c>
      <c r="F3092" s="2" t="s">
        <v>1827</v>
      </c>
      <c r="G3092" s="8">
        <v>122</v>
      </c>
      <c r="H3092" s="5">
        <v>8</v>
      </c>
      <c r="I3092" s="5" t="s">
        <v>1518</v>
      </c>
      <c r="J3092" s="5" t="s">
        <v>1519</v>
      </c>
      <c r="K3092" s="2" t="s">
        <v>1520</v>
      </c>
      <c r="L3092" s="5" t="s">
        <v>1519</v>
      </c>
      <c r="M3092" s="2" t="s">
        <v>1520</v>
      </c>
      <c r="N3092" s="5" t="s">
        <v>1521</v>
      </c>
      <c r="O3092" s="5" t="s">
        <v>38</v>
      </c>
      <c r="P3092" s="5" t="s">
        <v>39</v>
      </c>
      <c r="Q3092" s="5" t="s">
        <v>40</v>
      </c>
      <c r="R3092" s="5" t="s">
        <v>1522</v>
      </c>
      <c r="S3092" s="5" t="s">
        <v>1523</v>
      </c>
      <c r="T3092" s="5" t="s">
        <v>42</v>
      </c>
      <c r="U3092" s="2">
        <v>1.859</v>
      </c>
      <c r="V3092" s="2">
        <v>1.508</v>
      </c>
      <c r="W3092" s="2">
        <v>0.01</v>
      </c>
      <c r="X3092" s="2">
        <v>118.9</v>
      </c>
      <c r="Y3092" s="2">
        <v>7.6</v>
      </c>
      <c r="Z3092" s="2">
        <v>10.6</v>
      </c>
      <c r="AA3092" s="5"/>
      <c r="AB3092" s="5" t="s">
        <v>43</v>
      </c>
      <c r="AC3092" s="5" t="s">
        <v>44</v>
      </c>
      <c r="AD3092" s="2"/>
      <c r="AE3092" s="1"/>
    </row>
    <row r="3093" spans="1:31" ht="14.45">
      <c r="A3093" s="11"/>
      <c r="B3093" s="20"/>
      <c r="C3093" s="2" t="s">
        <v>9732</v>
      </c>
      <c r="D3093" s="14" t="s">
        <v>9733</v>
      </c>
      <c r="E3093" s="2" t="s">
        <v>9734</v>
      </c>
      <c r="F3093" s="2" t="s">
        <v>1973</v>
      </c>
      <c r="G3093" s="8">
        <v>122</v>
      </c>
      <c r="H3093" s="5">
        <v>13</v>
      </c>
      <c r="I3093" s="5" t="s">
        <v>1518</v>
      </c>
      <c r="J3093" s="5" t="s">
        <v>1519</v>
      </c>
      <c r="K3093" s="2" t="s">
        <v>1520</v>
      </c>
      <c r="L3093" s="5" t="s">
        <v>1519</v>
      </c>
      <c r="M3093" s="2" t="s">
        <v>1520</v>
      </c>
      <c r="N3093" s="5" t="s">
        <v>1521</v>
      </c>
      <c r="O3093" s="5" t="s">
        <v>38</v>
      </c>
      <c r="P3093" s="5" t="s">
        <v>39</v>
      </c>
      <c r="Q3093" s="5" t="s">
        <v>40</v>
      </c>
      <c r="R3093" s="5" t="s">
        <v>1522</v>
      </c>
      <c r="S3093" s="5" t="s">
        <v>1523</v>
      </c>
      <c r="T3093" s="5" t="s">
        <v>42</v>
      </c>
      <c r="U3093" s="2">
        <v>1.839</v>
      </c>
      <c r="V3093" s="2">
        <v>1.488</v>
      </c>
      <c r="W3093" s="2">
        <v>0.01</v>
      </c>
      <c r="X3093" s="2">
        <v>118.9</v>
      </c>
      <c r="Y3093" s="2">
        <v>7.6</v>
      </c>
      <c r="Z3093" s="2">
        <v>10.6</v>
      </c>
      <c r="AA3093" s="5"/>
      <c r="AB3093" s="5" t="s">
        <v>43</v>
      </c>
      <c r="AC3093" s="5" t="s">
        <v>44</v>
      </c>
      <c r="AD3093" s="2"/>
      <c r="AE3093" s="1"/>
    </row>
    <row r="3094" spans="1:31" ht="14.45">
      <c r="A3094" s="11"/>
      <c r="B3094" s="20"/>
      <c r="C3094" s="2" t="s">
        <v>9735</v>
      </c>
      <c r="D3094" s="14" t="s">
        <v>9736</v>
      </c>
      <c r="E3094" s="2" t="s">
        <v>9737</v>
      </c>
      <c r="F3094" s="2" t="s">
        <v>2348</v>
      </c>
      <c r="G3094" s="8">
        <v>122</v>
      </c>
      <c r="H3094" s="5">
        <v>13</v>
      </c>
      <c r="I3094" s="5" t="s">
        <v>1518</v>
      </c>
      <c r="J3094" s="5" t="s">
        <v>1519</v>
      </c>
      <c r="K3094" s="2" t="s">
        <v>1520</v>
      </c>
      <c r="L3094" s="5" t="s">
        <v>1519</v>
      </c>
      <c r="M3094" s="2" t="s">
        <v>1520</v>
      </c>
      <c r="N3094" s="5" t="s">
        <v>1521</v>
      </c>
      <c r="O3094" s="5" t="s">
        <v>38</v>
      </c>
      <c r="P3094" s="5" t="s">
        <v>39</v>
      </c>
      <c r="Q3094" s="5" t="s">
        <v>40</v>
      </c>
      <c r="R3094" s="5" t="s">
        <v>1522</v>
      </c>
      <c r="S3094" s="5" t="s">
        <v>1523</v>
      </c>
      <c r="T3094" s="5" t="s">
        <v>42</v>
      </c>
      <c r="U3094" s="2">
        <v>1.8819999999999999</v>
      </c>
      <c r="V3094" s="2">
        <v>1.5309999999999999</v>
      </c>
      <c r="W3094" s="2">
        <v>0.01</v>
      </c>
      <c r="X3094" s="2">
        <v>118.9</v>
      </c>
      <c r="Y3094" s="2">
        <v>7.6</v>
      </c>
      <c r="Z3094" s="2">
        <v>10.6</v>
      </c>
      <c r="AA3094" s="5"/>
      <c r="AB3094" s="5" t="s">
        <v>43</v>
      </c>
      <c r="AC3094" s="5" t="s">
        <v>44</v>
      </c>
      <c r="AD3094" s="2"/>
      <c r="AE3094" s="1"/>
    </row>
    <row r="3095" spans="1:31" ht="14.45">
      <c r="A3095" s="11"/>
      <c r="B3095" s="20"/>
      <c r="C3095" s="2" t="s">
        <v>9738</v>
      </c>
      <c r="D3095" s="14" t="s">
        <v>9739</v>
      </c>
      <c r="E3095" s="2" t="s">
        <v>9740</v>
      </c>
      <c r="F3095" s="2" t="s">
        <v>2204</v>
      </c>
      <c r="G3095" s="8">
        <v>122</v>
      </c>
      <c r="H3095" s="5">
        <v>13</v>
      </c>
      <c r="I3095" s="5" t="s">
        <v>1518</v>
      </c>
      <c r="J3095" s="5" t="s">
        <v>1519</v>
      </c>
      <c r="K3095" s="2" t="s">
        <v>1520</v>
      </c>
      <c r="L3095" s="5" t="s">
        <v>1519</v>
      </c>
      <c r="M3095" s="2" t="s">
        <v>1520</v>
      </c>
      <c r="N3095" s="5" t="s">
        <v>1521</v>
      </c>
      <c r="O3095" s="5" t="s">
        <v>38</v>
      </c>
      <c r="P3095" s="5" t="s">
        <v>39</v>
      </c>
      <c r="Q3095" s="5" t="s">
        <v>40</v>
      </c>
      <c r="R3095" s="5" t="s">
        <v>1522</v>
      </c>
      <c r="S3095" s="5" t="s">
        <v>1523</v>
      </c>
      <c r="T3095" s="5" t="s">
        <v>42</v>
      </c>
      <c r="U3095" s="2">
        <v>1.839</v>
      </c>
      <c r="V3095" s="2">
        <v>1.488</v>
      </c>
      <c r="W3095" s="2">
        <v>0.01</v>
      </c>
      <c r="X3095" s="2">
        <v>118.9</v>
      </c>
      <c r="Y3095" s="2">
        <v>7.6</v>
      </c>
      <c r="Z3095" s="2">
        <v>10.6</v>
      </c>
      <c r="AA3095" s="5"/>
      <c r="AB3095" s="5" t="s">
        <v>43</v>
      </c>
      <c r="AC3095" s="5" t="s">
        <v>44</v>
      </c>
      <c r="AD3095" s="2"/>
      <c r="AE3095" s="1"/>
    </row>
    <row r="3096" spans="1:31" ht="14.45">
      <c r="A3096" s="11"/>
      <c r="B3096" s="20"/>
      <c r="C3096" s="2" t="s">
        <v>9741</v>
      </c>
      <c r="D3096" s="14" t="s">
        <v>9742</v>
      </c>
      <c r="E3096" s="2" t="s">
        <v>9743</v>
      </c>
      <c r="F3096" s="2" t="s">
        <v>2724</v>
      </c>
      <c r="G3096" s="8">
        <v>122</v>
      </c>
      <c r="H3096" s="5">
        <v>13</v>
      </c>
      <c r="I3096" s="5" t="s">
        <v>1518</v>
      </c>
      <c r="J3096" s="5" t="s">
        <v>1519</v>
      </c>
      <c r="K3096" s="2" t="s">
        <v>1520</v>
      </c>
      <c r="L3096" s="5" t="s">
        <v>1519</v>
      </c>
      <c r="M3096" s="2" t="s">
        <v>1520</v>
      </c>
      <c r="N3096" s="5" t="s">
        <v>1521</v>
      </c>
      <c r="O3096" s="5" t="s">
        <v>38</v>
      </c>
      <c r="P3096" s="5" t="s">
        <v>39</v>
      </c>
      <c r="Q3096" s="5" t="s">
        <v>40</v>
      </c>
      <c r="R3096" s="5" t="s">
        <v>1522</v>
      </c>
      <c r="S3096" s="5" t="s">
        <v>1523</v>
      </c>
      <c r="T3096" s="5" t="s">
        <v>42</v>
      </c>
      <c r="U3096" s="2">
        <v>1.8819999999999999</v>
      </c>
      <c r="V3096" s="2">
        <v>1.5309999999999999</v>
      </c>
      <c r="W3096" s="2">
        <v>0.01</v>
      </c>
      <c r="X3096" s="2">
        <v>118.9</v>
      </c>
      <c r="Y3096" s="2">
        <v>7.6</v>
      </c>
      <c r="Z3096" s="2">
        <v>10.6</v>
      </c>
      <c r="AA3096" s="5"/>
      <c r="AB3096" s="5" t="s">
        <v>43</v>
      </c>
      <c r="AC3096" s="5" t="s">
        <v>44</v>
      </c>
      <c r="AD3096" s="2"/>
      <c r="AE3096" s="1"/>
    </row>
    <row r="3097" spans="1:31" ht="14.45">
      <c r="A3097" s="11"/>
      <c r="B3097" s="20"/>
      <c r="C3097" s="2" t="s">
        <v>9744</v>
      </c>
      <c r="D3097" s="14" t="s">
        <v>9745</v>
      </c>
      <c r="E3097" s="2" t="s">
        <v>9746</v>
      </c>
      <c r="F3097" s="2" t="s">
        <v>2208</v>
      </c>
      <c r="G3097" s="8">
        <v>122</v>
      </c>
      <c r="H3097" s="5">
        <v>13</v>
      </c>
      <c r="I3097" s="5" t="s">
        <v>1518</v>
      </c>
      <c r="J3097" s="5" t="s">
        <v>1519</v>
      </c>
      <c r="K3097" s="2" t="s">
        <v>1520</v>
      </c>
      <c r="L3097" s="5" t="s">
        <v>1519</v>
      </c>
      <c r="M3097" s="2" t="s">
        <v>1520</v>
      </c>
      <c r="N3097" s="5" t="s">
        <v>1521</v>
      </c>
      <c r="O3097" s="5" t="s">
        <v>38</v>
      </c>
      <c r="P3097" s="5" t="s">
        <v>39</v>
      </c>
      <c r="Q3097" s="5" t="s">
        <v>40</v>
      </c>
      <c r="R3097" s="5" t="s">
        <v>1522</v>
      </c>
      <c r="S3097" s="5" t="s">
        <v>1523</v>
      </c>
      <c r="T3097" s="5" t="s">
        <v>42</v>
      </c>
      <c r="U3097" s="2">
        <v>1.839</v>
      </c>
      <c r="V3097" s="2">
        <v>1.488</v>
      </c>
      <c r="W3097" s="2">
        <v>0.01</v>
      </c>
      <c r="X3097" s="2">
        <v>118.9</v>
      </c>
      <c r="Y3097" s="2">
        <v>7.6</v>
      </c>
      <c r="Z3097" s="2">
        <v>10.6</v>
      </c>
      <c r="AA3097" s="5"/>
      <c r="AB3097" s="5" t="s">
        <v>43</v>
      </c>
      <c r="AC3097" s="5" t="s">
        <v>44</v>
      </c>
      <c r="AD3097" s="2"/>
      <c r="AE3097" s="1"/>
    </row>
    <row r="3098" spans="1:31" ht="14.45">
      <c r="A3098" s="11"/>
      <c r="B3098" s="20"/>
      <c r="C3098" s="2" t="s">
        <v>9747</v>
      </c>
      <c r="D3098" s="14" t="s">
        <v>9748</v>
      </c>
      <c r="E3098" s="2" t="s">
        <v>9749</v>
      </c>
      <c r="F3098" s="2" t="s">
        <v>2212</v>
      </c>
      <c r="G3098" s="8">
        <v>122</v>
      </c>
      <c r="H3098" s="5">
        <v>13</v>
      </c>
      <c r="I3098" s="5" t="s">
        <v>1518</v>
      </c>
      <c r="J3098" s="5" t="s">
        <v>1519</v>
      </c>
      <c r="K3098" s="2" t="s">
        <v>1520</v>
      </c>
      <c r="L3098" s="5" t="s">
        <v>1519</v>
      </c>
      <c r="M3098" s="2" t="s">
        <v>1520</v>
      </c>
      <c r="N3098" s="5" t="s">
        <v>1521</v>
      </c>
      <c r="O3098" s="5" t="s">
        <v>38</v>
      </c>
      <c r="P3098" s="5" t="s">
        <v>39</v>
      </c>
      <c r="Q3098" s="5" t="s">
        <v>40</v>
      </c>
      <c r="R3098" s="5" t="s">
        <v>1522</v>
      </c>
      <c r="S3098" s="5" t="s">
        <v>1523</v>
      </c>
      <c r="T3098" s="5" t="s">
        <v>42</v>
      </c>
      <c r="U3098" s="2">
        <v>1.8819999999999999</v>
      </c>
      <c r="V3098" s="2">
        <v>1.5309999999999999</v>
      </c>
      <c r="W3098" s="2">
        <v>0.01</v>
      </c>
      <c r="X3098" s="2">
        <v>118.9</v>
      </c>
      <c r="Y3098" s="2">
        <v>7.6</v>
      </c>
      <c r="Z3098" s="2">
        <v>10.6</v>
      </c>
      <c r="AA3098" s="5"/>
      <c r="AB3098" s="5" t="s">
        <v>43</v>
      </c>
      <c r="AC3098" s="5" t="s">
        <v>44</v>
      </c>
      <c r="AD3098" s="2"/>
      <c r="AE3098" s="1"/>
    </row>
    <row r="3099" spans="1:31" ht="14.45">
      <c r="A3099" s="11"/>
      <c r="B3099" s="20"/>
      <c r="C3099" s="2" t="s">
        <v>9750</v>
      </c>
      <c r="D3099" s="14" t="s">
        <v>9751</v>
      </c>
      <c r="E3099" s="2" t="s">
        <v>9752</v>
      </c>
      <c r="F3099" s="2" t="s">
        <v>1831</v>
      </c>
      <c r="G3099" s="8">
        <v>122</v>
      </c>
      <c r="H3099" s="5">
        <v>13</v>
      </c>
      <c r="I3099" s="5" t="s">
        <v>1518</v>
      </c>
      <c r="J3099" s="5" t="s">
        <v>1519</v>
      </c>
      <c r="K3099" s="2" t="s">
        <v>1520</v>
      </c>
      <c r="L3099" s="5" t="s">
        <v>1519</v>
      </c>
      <c r="M3099" s="2" t="s">
        <v>1520</v>
      </c>
      <c r="N3099" s="5" t="s">
        <v>1521</v>
      </c>
      <c r="O3099" s="5" t="s">
        <v>38</v>
      </c>
      <c r="P3099" s="5" t="s">
        <v>39</v>
      </c>
      <c r="Q3099" s="5" t="s">
        <v>40</v>
      </c>
      <c r="R3099" s="5" t="s">
        <v>1522</v>
      </c>
      <c r="S3099" s="5" t="s">
        <v>1523</v>
      </c>
      <c r="T3099" s="5" t="s">
        <v>42</v>
      </c>
      <c r="U3099" s="2">
        <v>1.839</v>
      </c>
      <c r="V3099" s="2">
        <v>1.488</v>
      </c>
      <c r="W3099" s="2">
        <v>0.01</v>
      </c>
      <c r="X3099" s="2">
        <v>118.9</v>
      </c>
      <c r="Y3099" s="2">
        <v>7.6</v>
      </c>
      <c r="Z3099" s="2">
        <v>10.6</v>
      </c>
      <c r="AA3099" s="5"/>
      <c r="AB3099" s="5" t="s">
        <v>43</v>
      </c>
      <c r="AC3099" s="5" t="s">
        <v>44</v>
      </c>
      <c r="AD3099" s="2"/>
      <c r="AE3099" s="1"/>
    </row>
    <row r="3100" spans="1:31" ht="14.45">
      <c r="A3100" s="11"/>
      <c r="B3100" s="20"/>
      <c r="C3100" s="2" t="s">
        <v>9753</v>
      </c>
      <c r="D3100" s="14" t="s">
        <v>9754</v>
      </c>
      <c r="E3100" s="2" t="s">
        <v>9755</v>
      </c>
      <c r="F3100" s="2" t="s">
        <v>1835</v>
      </c>
      <c r="G3100" s="8">
        <v>122</v>
      </c>
      <c r="H3100" s="5">
        <v>13</v>
      </c>
      <c r="I3100" s="5" t="s">
        <v>1518</v>
      </c>
      <c r="J3100" s="5" t="s">
        <v>1519</v>
      </c>
      <c r="K3100" s="2" t="s">
        <v>1520</v>
      </c>
      <c r="L3100" s="5" t="s">
        <v>1519</v>
      </c>
      <c r="M3100" s="2" t="s">
        <v>1520</v>
      </c>
      <c r="N3100" s="5" t="s">
        <v>1521</v>
      </c>
      <c r="O3100" s="5" t="s">
        <v>38</v>
      </c>
      <c r="P3100" s="5" t="s">
        <v>39</v>
      </c>
      <c r="Q3100" s="5" t="s">
        <v>40</v>
      </c>
      <c r="R3100" s="5" t="s">
        <v>1522</v>
      </c>
      <c r="S3100" s="5" t="s">
        <v>1523</v>
      </c>
      <c r="T3100" s="5" t="s">
        <v>42</v>
      </c>
      <c r="U3100" s="2">
        <v>1.8819999999999999</v>
      </c>
      <c r="V3100" s="2">
        <v>1.5309999999999999</v>
      </c>
      <c r="W3100" s="2">
        <v>0.01</v>
      </c>
      <c r="X3100" s="2">
        <v>118.9</v>
      </c>
      <c r="Y3100" s="2">
        <v>7.6</v>
      </c>
      <c r="Z3100" s="2">
        <v>10.6</v>
      </c>
      <c r="AA3100" s="5"/>
      <c r="AB3100" s="5" t="s">
        <v>43</v>
      </c>
      <c r="AC3100" s="5" t="s">
        <v>44</v>
      </c>
      <c r="AD3100" s="2"/>
      <c r="AE3100" s="1"/>
    </row>
    <row r="3101" spans="1:31" ht="14.45">
      <c r="A3101" s="11"/>
      <c r="B3101" s="20"/>
      <c r="C3101" s="2" t="s">
        <v>9756</v>
      </c>
      <c r="D3101" s="14" t="s">
        <v>9757</v>
      </c>
      <c r="E3101" s="2" t="s">
        <v>9758</v>
      </c>
      <c r="F3101" s="2" t="s">
        <v>1839</v>
      </c>
      <c r="G3101" s="8">
        <v>122</v>
      </c>
      <c r="H3101" s="5">
        <v>13</v>
      </c>
      <c r="I3101" s="5" t="s">
        <v>1518</v>
      </c>
      <c r="J3101" s="5" t="s">
        <v>1519</v>
      </c>
      <c r="K3101" s="2" t="s">
        <v>1520</v>
      </c>
      <c r="L3101" s="5" t="s">
        <v>1519</v>
      </c>
      <c r="M3101" s="2" t="s">
        <v>1520</v>
      </c>
      <c r="N3101" s="5" t="s">
        <v>1521</v>
      </c>
      <c r="O3101" s="5" t="s">
        <v>38</v>
      </c>
      <c r="P3101" s="5" t="s">
        <v>39</v>
      </c>
      <c r="Q3101" s="5" t="s">
        <v>40</v>
      </c>
      <c r="R3101" s="5" t="s">
        <v>1522</v>
      </c>
      <c r="S3101" s="5" t="s">
        <v>1523</v>
      </c>
      <c r="T3101" s="5" t="s">
        <v>42</v>
      </c>
      <c r="U3101" s="2">
        <v>1.839</v>
      </c>
      <c r="V3101" s="2">
        <v>1.488</v>
      </c>
      <c r="W3101" s="2">
        <v>0.01</v>
      </c>
      <c r="X3101" s="2">
        <v>118.9</v>
      </c>
      <c r="Y3101" s="2">
        <v>7.6</v>
      </c>
      <c r="Z3101" s="2">
        <v>10.6</v>
      </c>
      <c r="AA3101" s="5"/>
      <c r="AB3101" s="5" t="s">
        <v>43</v>
      </c>
      <c r="AC3101" s="5" t="s">
        <v>44</v>
      </c>
      <c r="AD3101" s="2"/>
      <c r="AE3101" s="1"/>
    </row>
    <row r="3102" spans="1:31" ht="14.45">
      <c r="A3102" s="11"/>
      <c r="B3102" s="20"/>
      <c r="C3102" s="2" t="s">
        <v>9759</v>
      </c>
      <c r="D3102" s="14" t="s">
        <v>9760</v>
      </c>
      <c r="E3102" s="2" t="s">
        <v>9761</v>
      </c>
      <c r="F3102" s="2" t="s">
        <v>1986</v>
      </c>
      <c r="G3102" s="8">
        <v>122</v>
      </c>
      <c r="H3102" s="5">
        <v>13</v>
      </c>
      <c r="I3102" s="5" t="s">
        <v>1518</v>
      </c>
      <c r="J3102" s="5" t="s">
        <v>1519</v>
      </c>
      <c r="K3102" s="2" t="s">
        <v>1520</v>
      </c>
      <c r="L3102" s="5" t="s">
        <v>1519</v>
      </c>
      <c r="M3102" s="2" t="s">
        <v>1520</v>
      </c>
      <c r="N3102" s="5" t="s">
        <v>1521</v>
      </c>
      <c r="O3102" s="5" t="s">
        <v>38</v>
      </c>
      <c r="P3102" s="5" t="s">
        <v>39</v>
      </c>
      <c r="Q3102" s="5" t="s">
        <v>40</v>
      </c>
      <c r="R3102" s="5" t="s">
        <v>1522</v>
      </c>
      <c r="S3102" s="5" t="s">
        <v>1523</v>
      </c>
      <c r="T3102" s="5" t="s">
        <v>42</v>
      </c>
      <c r="U3102" s="2">
        <v>1.8819999999999999</v>
      </c>
      <c r="V3102" s="2">
        <v>1.5309999999999999</v>
      </c>
      <c r="W3102" s="2">
        <v>0.01</v>
      </c>
      <c r="X3102" s="2">
        <v>118.9</v>
      </c>
      <c r="Y3102" s="2">
        <v>7.6</v>
      </c>
      <c r="Z3102" s="2">
        <v>10.6</v>
      </c>
      <c r="AA3102" s="5"/>
      <c r="AB3102" s="5" t="s">
        <v>43</v>
      </c>
      <c r="AC3102" s="5" t="s">
        <v>44</v>
      </c>
      <c r="AD3102" s="2"/>
      <c r="AE3102" s="1"/>
    </row>
    <row r="3103" spans="1:31" ht="14.45">
      <c r="A3103" s="11"/>
      <c r="B3103" s="20"/>
      <c r="C3103" s="2" t="s">
        <v>9762</v>
      </c>
      <c r="D3103" s="14" t="s">
        <v>9763</v>
      </c>
      <c r="E3103" s="2" t="s">
        <v>9764</v>
      </c>
      <c r="F3103" s="2" t="s">
        <v>1843</v>
      </c>
      <c r="G3103" s="8">
        <v>122</v>
      </c>
      <c r="H3103" s="5">
        <v>13</v>
      </c>
      <c r="I3103" s="5" t="s">
        <v>1518</v>
      </c>
      <c r="J3103" s="5" t="s">
        <v>1519</v>
      </c>
      <c r="K3103" s="2" t="s">
        <v>1520</v>
      </c>
      <c r="L3103" s="5" t="s">
        <v>1519</v>
      </c>
      <c r="M3103" s="2" t="s">
        <v>1520</v>
      </c>
      <c r="N3103" s="5" t="s">
        <v>1521</v>
      </c>
      <c r="O3103" s="5" t="s">
        <v>38</v>
      </c>
      <c r="P3103" s="5" t="s">
        <v>39</v>
      </c>
      <c r="Q3103" s="5" t="s">
        <v>40</v>
      </c>
      <c r="R3103" s="5" t="s">
        <v>1522</v>
      </c>
      <c r="S3103" s="5" t="s">
        <v>1523</v>
      </c>
      <c r="T3103" s="5" t="s">
        <v>42</v>
      </c>
      <c r="U3103" s="2">
        <v>1.839</v>
      </c>
      <c r="V3103" s="2">
        <v>1.488</v>
      </c>
      <c r="W3103" s="2">
        <v>0.01</v>
      </c>
      <c r="X3103" s="2">
        <v>118.9</v>
      </c>
      <c r="Y3103" s="2">
        <v>7.6</v>
      </c>
      <c r="Z3103" s="2">
        <v>10.6</v>
      </c>
      <c r="AA3103" s="5"/>
      <c r="AB3103" s="5" t="s">
        <v>43</v>
      </c>
      <c r="AC3103" s="5" t="s">
        <v>44</v>
      </c>
      <c r="AD3103" s="2"/>
      <c r="AE3103" s="1"/>
    </row>
    <row r="3104" spans="1:31" ht="14.45">
      <c r="A3104" s="11"/>
      <c r="B3104" s="20"/>
      <c r="C3104" s="2" t="s">
        <v>9765</v>
      </c>
      <c r="D3104" s="14" t="s">
        <v>9766</v>
      </c>
      <c r="E3104" s="2" t="s">
        <v>9767</v>
      </c>
      <c r="F3104" s="2" t="s">
        <v>1847</v>
      </c>
      <c r="G3104" s="8">
        <v>122</v>
      </c>
      <c r="H3104" s="5">
        <v>13</v>
      </c>
      <c r="I3104" s="5" t="s">
        <v>1518</v>
      </c>
      <c r="J3104" s="5" t="s">
        <v>1519</v>
      </c>
      <c r="K3104" s="2" t="s">
        <v>1520</v>
      </c>
      <c r="L3104" s="5" t="s">
        <v>1519</v>
      </c>
      <c r="M3104" s="2" t="s">
        <v>1520</v>
      </c>
      <c r="N3104" s="5" t="s">
        <v>1521</v>
      </c>
      <c r="O3104" s="5" t="s">
        <v>38</v>
      </c>
      <c r="P3104" s="5" t="s">
        <v>39</v>
      </c>
      <c r="Q3104" s="5" t="s">
        <v>40</v>
      </c>
      <c r="R3104" s="5" t="s">
        <v>1522</v>
      </c>
      <c r="S3104" s="5" t="s">
        <v>1523</v>
      </c>
      <c r="T3104" s="5" t="s">
        <v>42</v>
      </c>
      <c r="U3104" s="2">
        <v>1.8819999999999999</v>
      </c>
      <c r="V3104" s="2">
        <v>1.5309999999999999</v>
      </c>
      <c r="W3104" s="2">
        <v>0.01</v>
      </c>
      <c r="X3104" s="2">
        <v>118.9</v>
      </c>
      <c r="Y3104" s="2">
        <v>7.6</v>
      </c>
      <c r="Z3104" s="2">
        <v>10.6</v>
      </c>
      <c r="AA3104" s="5"/>
      <c r="AB3104" s="5" t="s">
        <v>43</v>
      </c>
      <c r="AC3104" s="5" t="s">
        <v>44</v>
      </c>
      <c r="AD3104" s="2"/>
      <c r="AE3104" s="1"/>
    </row>
    <row r="3105" spans="1:31" ht="14.45">
      <c r="A3105" s="11"/>
      <c r="B3105" s="20"/>
      <c r="C3105" s="2" t="s">
        <v>9768</v>
      </c>
      <c r="D3105" s="14" t="s">
        <v>9769</v>
      </c>
      <c r="E3105" s="2" t="s">
        <v>9770</v>
      </c>
      <c r="F3105" s="2" t="s">
        <v>1851</v>
      </c>
      <c r="G3105" s="8">
        <v>122</v>
      </c>
      <c r="H3105" s="5">
        <v>13</v>
      </c>
      <c r="I3105" s="5" t="s">
        <v>1518</v>
      </c>
      <c r="J3105" s="5" t="s">
        <v>1519</v>
      </c>
      <c r="K3105" s="2" t="s">
        <v>1520</v>
      </c>
      <c r="L3105" s="5" t="s">
        <v>1519</v>
      </c>
      <c r="M3105" s="2" t="s">
        <v>1520</v>
      </c>
      <c r="N3105" s="5" t="s">
        <v>1521</v>
      </c>
      <c r="O3105" s="5" t="s">
        <v>38</v>
      </c>
      <c r="P3105" s="5" t="s">
        <v>39</v>
      </c>
      <c r="Q3105" s="5" t="s">
        <v>40</v>
      </c>
      <c r="R3105" s="5" t="s">
        <v>1522</v>
      </c>
      <c r="S3105" s="5" t="s">
        <v>1523</v>
      </c>
      <c r="T3105" s="5" t="s">
        <v>42</v>
      </c>
      <c r="U3105" s="2">
        <v>1.839</v>
      </c>
      <c r="V3105" s="2">
        <v>1.488</v>
      </c>
      <c r="W3105" s="2">
        <v>0.01</v>
      </c>
      <c r="X3105" s="2">
        <v>118.9</v>
      </c>
      <c r="Y3105" s="2">
        <v>7.6</v>
      </c>
      <c r="Z3105" s="2">
        <v>10.6</v>
      </c>
      <c r="AA3105" s="5"/>
      <c r="AB3105" s="5" t="s">
        <v>43</v>
      </c>
      <c r="AC3105" s="5" t="s">
        <v>44</v>
      </c>
      <c r="AD3105" s="2"/>
      <c r="AE3105" s="1"/>
    </row>
    <row r="3106" spans="1:31" ht="14.45">
      <c r="A3106" s="11"/>
      <c r="B3106" s="20"/>
      <c r="C3106" s="2" t="s">
        <v>9771</v>
      </c>
      <c r="D3106" s="14" t="s">
        <v>9772</v>
      </c>
      <c r="E3106" s="2" t="s">
        <v>9773</v>
      </c>
      <c r="F3106" s="2" t="s">
        <v>1999</v>
      </c>
      <c r="G3106" s="8">
        <v>122</v>
      </c>
      <c r="H3106" s="5">
        <v>13</v>
      </c>
      <c r="I3106" s="5" t="s">
        <v>1518</v>
      </c>
      <c r="J3106" s="5" t="s">
        <v>1519</v>
      </c>
      <c r="K3106" s="2" t="s">
        <v>1520</v>
      </c>
      <c r="L3106" s="5" t="s">
        <v>1519</v>
      </c>
      <c r="M3106" s="2" t="s">
        <v>1520</v>
      </c>
      <c r="N3106" s="5" t="s">
        <v>1521</v>
      </c>
      <c r="O3106" s="5" t="s">
        <v>38</v>
      </c>
      <c r="P3106" s="5" t="s">
        <v>39</v>
      </c>
      <c r="Q3106" s="5" t="s">
        <v>40</v>
      </c>
      <c r="R3106" s="5" t="s">
        <v>1522</v>
      </c>
      <c r="S3106" s="5" t="s">
        <v>1523</v>
      </c>
      <c r="T3106" s="5" t="s">
        <v>42</v>
      </c>
      <c r="U3106" s="2">
        <v>1.8819999999999999</v>
      </c>
      <c r="V3106" s="2">
        <v>1.5309999999999999</v>
      </c>
      <c r="W3106" s="2">
        <v>0.01</v>
      </c>
      <c r="X3106" s="2">
        <v>118.9</v>
      </c>
      <c r="Y3106" s="2">
        <v>7.6</v>
      </c>
      <c r="Z3106" s="2">
        <v>10.6</v>
      </c>
      <c r="AA3106" s="5"/>
      <c r="AB3106" s="5" t="s">
        <v>43</v>
      </c>
      <c r="AC3106" s="5" t="s">
        <v>44</v>
      </c>
      <c r="AD3106" s="2"/>
      <c r="AE3106" s="1"/>
    </row>
    <row r="3107" spans="1:31" ht="14.45">
      <c r="A3107" s="11"/>
      <c r="B3107" s="20"/>
      <c r="C3107" s="2" t="s">
        <v>9774</v>
      </c>
      <c r="D3107" s="14" t="s">
        <v>9775</v>
      </c>
      <c r="E3107" s="2" t="s">
        <v>9776</v>
      </c>
      <c r="F3107" s="2" t="s">
        <v>1855</v>
      </c>
      <c r="G3107" s="8">
        <v>122</v>
      </c>
      <c r="H3107" s="5">
        <v>13</v>
      </c>
      <c r="I3107" s="5" t="s">
        <v>1518</v>
      </c>
      <c r="J3107" s="5" t="s">
        <v>1519</v>
      </c>
      <c r="K3107" s="2" t="s">
        <v>1520</v>
      </c>
      <c r="L3107" s="5" t="s">
        <v>1519</v>
      </c>
      <c r="M3107" s="2" t="s">
        <v>1520</v>
      </c>
      <c r="N3107" s="5" t="s">
        <v>1521</v>
      </c>
      <c r="O3107" s="5" t="s">
        <v>38</v>
      </c>
      <c r="P3107" s="5" t="s">
        <v>39</v>
      </c>
      <c r="Q3107" s="5" t="s">
        <v>40</v>
      </c>
      <c r="R3107" s="5" t="s">
        <v>1522</v>
      </c>
      <c r="S3107" s="5" t="s">
        <v>1523</v>
      </c>
      <c r="T3107" s="5" t="s">
        <v>42</v>
      </c>
      <c r="U3107" s="2">
        <v>1.839</v>
      </c>
      <c r="V3107" s="2">
        <v>1.488</v>
      </c>
      <c r="W3107" s="2">
        <v>0.01</v>
      </c>
      <c r="X3107" s="2">
        <v>118.9</v>
      </c>
      <c r="Y3107" s="2">
        <v>7.6</v>
      </c>
      <c r="Z3107" s="2">
        <v>10.6</v>
      </c>
      <c r="AA3107" s="5"/>
      <c r="AB3107" s="5" t="s">
        <v>43</v>
      </c>
      <c r="AC3107" s="5" t="s">
        <v>44</v>
      </c>
      <c r="AD3107" s="2"/>
      <c r="AE3107" s="1"/>
    </row>
    <row r="3108" spans="1:31" ht="14.45">
      <c r="A3108" s="11"/>
      <c r="B3108" s="20"/>
      <c r="C3108" s="2" t="s">
        <v>9777</v>
      </c>
      <c r="D3108" s="14" t="s">
        <v>9778</v>
      </c>
      <c r="E3108" s="2" t="s">
        <v>9779</v>
      </c>
      <c r="F3108" s="2" t="s">
        <v>1859</v>
      </c>
      <c r="G3108" s="8">
        <v>122</v>
      </c>
      <c r="H3108" s="5">
        <v>13</v>
      </c>
      <c r="I3108" s="5" t="s">
        <v>1518</v>
      </c>
      <c r="J3108" s="5" t="s">
        <v>1519</v>
      </c>
      <c r="K3108" s="2" t="s">
        <v>1520</v>
      </c>
      <c r="L3108" s="5" t="s">
        <v>1519</v>
      </c>
      <c r="M3108" s="2" t="s">
        <v>1520</v>
      </c>
      <c r="N3108" s="5" t="s">
        <v>1521</v>
      </c>
      <c r="O3108" s="5" t="s">
        <v>38</v>
      </c>
      <c r="P3108" s="5" t="s">
        <v>39</v>
      </c>
      <c r="Q3108" s="5" t="s">
        <v>40</v>
      </c>
      <c r="R3108" s="5" t="s">
        <v>1522</v>
      </c>
      <c r="S3108" s="5" t="s">
        <v>1523</v>
      </c>
      <c r="T3108" s="5" t="s">
        <v>42</v>
      </c>
      <c r="U3108" s="2">
        <v>1.8819999999999999</v>
      </c>
      <c r="V3108" s="2">
        <v>1.5309999999999999</v>
      </c>
      <c r="W3108" s="2">
        <v>0.01</v>
      </c>
      <c r="X3108" s="2">
        <v>118.9</v>
      </c>
      <c r="Y3108" s="2">
        <v>7.6</v>
      </c>
      <c r="Z3108" s="2">
        <v>10.6</v>
      </c>
      <c r="AA3108" s="5"/>
      <c r="AB3108" s="5" t="s">
        <v>43</v>
      </c>
      <c r="AC3108" s="5" t="s">
        <v>44</v>
      </c>
      <c r="AD3108" s="2"/>
      <c r="AE3108" s="1"/>
    </row>
    <row r="3109" spans="1:31" ht="14.45">
      <c r="A3109" s="11"/>
      <c r="B3109" s="20"/>
      <c r="C3109" s="2" t="s">
        <v>9780</v>
      </c>
      <c r="D3109" s="14" t="s">
        <v>9781</v>
      </c>
      <c r="E3109" s="2" t="s">
        <v>9782</v>
      </c>
      <c r="F3109" s="2" t="s">
        <v>1863</v>
      </c>
      <c r="G3109" s="8">
        <v>122</v>
      </c>
      <c r="H3109" s="5">
        <v>11</v>
      </c>
      <c r="I3109" s="5" t="s">
        <v>1518</v>
      </c>
      <c r="J3109" s="5" t="s">
        <v>1519</v>
      </c>
      <c r="K3109" s="2" t="s">
        <v>1520</v>
      </c>
      <c r="L3109" s="5" t="s">
        <v>1519</v>
      </c>
      <c r="M3109" s="2" t="s">
        <v>1520</v>
      </c>
      <c r="N3109" s="5" t="s">
        <v>1521</v>
      </c>
      <c r="O3109" s="5" t="s">
        <v>38</v>
      </c>
      <c r="P3109" s="5" t="s">
        <v>39</v>
      </c>
      <c r="Q3109" s="5" t="s">
        <v>40</v>
      </c>
      <c r="R3109" s="5" t="s">
        <v>1522</v>
      </c>
      <c r="S3109" s="5" t="s">
        <v>1523</v>
      </c>
      <c r="T3109" s="5" t="s">
        <v>42</v>
      </c>
      <c r="U3109" s="2">
        <v>1.7849999999999999</v>
      </c>
      <c r="V3109" s="2">
        <v>1.4319999999999999</v>
      </c>
      <c r="W3109" s="2">
        <v>0.01</v>
      </c>
      <c r="X3109" s="2">
        <v>118.9</v>
      </c>
      <c r="Y3109" s="2">
        <v>7.6</v>
      </c>
      <c r="Z3109" s="2">
        <v>10.6</v>
      </c>
      <c r="AA3109" s="5"/>
      <c r="AB3109" s="5" t="s">
        <v>43</v>
      </c>
      <c r="AC3109" s="5" t="s">
        <v>44</v>
      </c>
      <c r="AD3109" s="2"/>
      <c r="AE3109" s="1"/>
    </row>
    <row r="3110" spans="1:31" ht="14.45">
      <c r="A3110" s="11"/>
      <c r="B3110" s="20"/>
      <c r="C3110" s="2" t="s">
        <v>9783</v>
      </c>
      <c r="D3110" s="14" t="s">
        <v>9784</v>
      </c>
      <c r="E3110" s="2" t="s">
        <v>9785</v>
      </c>
      <c r="F3110" s="2" t="s">
        <v>1867</v>
      </c>
      <c r="G3110" s="8">
        <v>122</v>
      </c>
      <c r="H3110" s="5">
        <v>11</v>
      </c>
      <c r="I3110" s="5" t="s">
        <v>1518</v>
      </c>
      <c r="J3110" s="5" t="s">
        <v>1519</v>
      </c>
      <c r="K3110" s="2" t="s">
        <v>1520</v>
      </c>
      <c r="L3110" s="5" t="s">
        <v>1519</v>
      </c>
      <c r="M3110" s="2" t="s">
        <v>1520</v>
      </c>
      <c r="N3110" s="5" t="s">
        <v>1521</v>
      </c>
      <c r="O3110" s="5" t="s">
        <v>38</v>
      </c>
      <c r="P3110" s="5" t="s">
        <v>39</v>
      </c>
      <c r="Q3110" s="5" t="s">
        <v>40</v>
      </c>
      <c r="R3110" s="5" t="s">
        <v>1522</v>
      </c>
      <c r="S3110" s="5" t="s">
        <v>1523</v>
      </c>
      <c r="T3110" s="5" t="s">
        <v>42</v>
      </c>
      <c r="U3110" s="2">
        <v>1.827</v>
      </c>
      <c r="V3110" s="2">
        <v>1.474</v>
      </c>
      <c r="W3110" s="2">
        <v>0.01</v>
      </c>
      <c r="X3110" s="2">
        <v>118.9</v>
      </c>
      <c r="Y3110" s="2">
        <v>7.6</v>
      </c>
      <c r="Z3110" s="2">
        <v>10.6</v>
      </c>
      <c r="AA3110" s="5"/>
      <c r="AB3110" s="5" t="s">
        <v>43</v>
      </c>
      <c r="AC3110" s="5" t="s">
        <v>44</v>
      </c>
      <c r="AD3110" s="2"/>
      <c r="AE3110" s="1"/>
    </row>
    <row r="3111" spans="1:31" ht="14.45">
      <c r="A3111" s="11"/>
      <c r="B3111" s="20"/>
      <c r="C3111" s="2" t="s">
        <v>9786</v>
      </c>
      <c r="D3111" s="14" t="s">
        <v>9787</v>
      </c>
      <c r="E3111" s="2" t="s">
        <v>9788</v>
      </c>
      <c r="F3111" s="2" t="s">
        <v>7396</v>
      </c>
      <c r="G3111" s="8">
        <v>112</v>
      </c>
      <c r="H3111" s="5">
        <v>5</v>
      </c>
      <c r="I3111" s="5" t="s">
        <v>1518</v>
      </c>
      <c r="J3111" s="5" t="s">
        <v>1519</v>
      </c>
      <c r="K3111" s="2" t="s">
        <v>1520</v>
      </c>
      <c r="L3111" s="5" t="s">
        <v>1519</v>
      </c>
      <c r="M3111" s="2" t="s">
        <v>1520</v>
      </c>
      <c r="N3111" s="5" t="s">
        <v>1521</v>
      </c>
      <c r="O3111" s="5" t="s">
        <v>38</v>
      </c>
      <c r="P3111" s="5" t="s">
        <v>39</v>
      </c>
      <c r="Q3111" s="5" t="s">
        <v>40</v>
      </c>
      <c r="R3111" s="5" t="s">
        <v>1522</v>
      </c>
      <c r="S3111" s="5" t="s">
        <v>1523</v>
      </c>
      <c r="T3111" s="5" t="s">
        <v>42</v>
      </c>
      <c r="U3111" s="2">
        <v>1.96</v>
      </c>
      <c r="V3111" s="2">
        <v>1.556</v>
      </c>
      <c r="W3111" s="2">
        <v>1.0999999999999999E-2</v>
      </c>
      <c r="X3111" s="2">
        <v>139.1</v>
      </c>
      <c r="Y3111" s="2">
        <v>7.6</v>
      </c>
      <c r="Z3111" s="2">
        <v>10.6</v>
      </c>
      <c r="AA3111" s="5"/>
      <c r="AB3111" s="5" t="s">
        <v>43</v>
      </c>
      <c r="AC3111" s="5" t="s">
        <v>44</v>
      </c>
      <c r="AD3111" s="2"/>
      <c r="AE3111" s="1"/>
    </row>
    <row r="3112" spans="1:31" ht="14.45">
      <c r="A3112" s="11"/>
      <c r="B3112" s="20"/>
      <c r="C3112" s="2" t="s">
        <v>9789</v>
      </c>
      <c r="D3112" s="14" t="s">
        <v>9790</v>
      </c>
      <c r="E3112" s="2" t="s">
        <v>9791</v>
      </c>
      <c r="F3112" s="2" t="s">
        <v>7507</v>
      </c>
      <c r="G3112" s="8">
        <v>112</v>
      </c>
      <c r="H3112" s="5">
        <v>5</v>
      </c>
      <c r="I3112" s="5" t="s">
        <v>1518</v>
      </c>
      <c r="J3112" s="5" t="s">
        <v>1519</v>
      </c>
      <c r="K3112" s="2" t="s">
        <v>1520</v>
      </c>
      <c r="L3112" s="5" t="s">
        <v>1519</v>
      </c>
      <c r="M3112" s="2" t="s">
        <v>1520</v>
      </c>
      <c r="N3112" s="5" t="s">
        <v>1521</v>
      </c>
      <c r="O3112" s="5" t="s">
        <v>38</v>
      </c>
      <c r="P3112" s="5" t="s">
        <v>39</v>
      </c>
      <c r="Q3112" s="5" t="s">
        <v>40</v>
      </c>
      <c r="R3112" s="5" t="s">
        <v>1522</v>
      </c>
      <c r="S3112" s="5" t="s">
        <v>1523</v>
      </c>
      <c r="T3112" s="5" t="s">
        <v>42</v>
      </c>
      <c r="U3112" s="2">
        <v>2.008</v>
      </c>
      <c r="V3112" s="2">
        <v>1.6040000000000001</v>
      </c>
      <c r="W3112" s="2">
        <v>1.0999999999999999E-2</v>
      </c>
      <c r="X3112" s="2">
        <v>139.1</v>
      </c>
      <c r="Y3112" s="2">
        <v>7.6</v>
      </c>
      <c r="Z3112" s="2">
        <v>10.6</v>
      </c>
      <c r="AA3112" s="5"/>
      <c r="AB3112" s="5" t="s">
        <v>43</v>
      </c>
      <c r="AC3112" s="5" t="s">
        <v>44</v>
      </c>
      <c r="AD3112" s="2"/>
      <c r="AE3112" s="1"/>
    </row>
    <row r="3113" spans="1:31" ht="14.45">
      <c r="A3113" s="11"/>
      <c r="B3113" s="20"/>
      <c r="C3113" s="2" t="s">
        <v>9792</v>
      </c>
      <c r="D3113" s="14" t="s">
        <v>9793</v>
      </c>
      <c r="E3113" s="2" t="s">
        <v>9794</v>
      </c>
      <c r="F3113" s="2" t="s">
        <v>7204</v>
      </c>
      <c r="G3113" s="8">
        <v>112</v>
      </c>
      <c r="H3113" s="5">
        <v>5</v>
      </c>
      <c r="I3113" s="5" t="s">
        <v>1518</v>
      </c>
      <c r="J3113" s="5" t="s">
        <v>1519</v>
      </c>
      <c r="K3113" s="2" t="s">
        <v>1520</v>
      </c>
      <c r="L3113" s="5" t="s">
        <v>1519</v>
      </c>
      <c r="M3113" s="2" t="s">
        <v>1520</v>
      </c>
      <c r="N3113" s="5" t="s">
        <v>1521</v>
      </c>
      <c r="O3113" s="5" t="s">
        <v>38</v>
      </c>
      <c r="P3113" s="5" t="s">
        <v>39</v>
      </c>
      <c r="Q3113" s="5" t="s">
        <v>40</v>
      </c>
      <c r="R3113" s="5" t="s">
        <v>1522</v>
      </c>
      <c r="S3113" s="5" t="s">
        <v>1523</v>
      </c>
      <c r="T3113" s="5" t="s">
        <v>42</v>
      </c>
      <c r="U3113" s="2">
        <v>1.9690000000000001</v>
      </c>
      <c r="V3113" s="2">
        <v>1.5649999999999999</v>
      </c>
      <c r="W3113" s="2">
        <v>1.0999999999999999E-2</v>
      </c>
      <c r="X3113" s="2">
        <v>139.1</v>
      </c>
      <c r="Y3113" s="2">
        <v>7.6</v>
      </c>
      <c r="Z3113" s="2">
        <v>10.6</v>
      </c>
      <c r="AA3113" s="5"/>
      <c r="AB3113" s="5" t="s">
        <v>43</v>
      </c>
      <c r="AC3113" s="5" t="s">
        <v>44</v>
      </c>
      <c r="AD3113" s="2"/>
      <c r="AE3113" s="1"/>
    </row>
    <row r="3114" spans="1:31" ht="14.45">
      <c r="A3114" s="11"/>
      <c r="B3114" s="20"/>
      <c r="C3114" s="2" t="s">
        <v>9795</v>
      </c>
      <c r="D3114" s="14" t="s">
        <v>9796</v>
      </c>
      <c r="E3114" s="2" t="s">
        <v>9797</v>
      </c>
      <c r="F3114" s="2" t="s">
        <v>7514</v>
      </c>
      <c r="G3114" s="8">
        <v>112</v>
      </c>
      <c r="H3114" s="5">
        <v>5</v>
      </c>
      <c r="I3114" s="5" t="s">
        <v>1518</v>
      </c>
      <c r="J3114" s="5" t="s">
        <v>1519</v>
      </c>
      <c r="K3114" s="2" t="s">
        <v>1520</v>
      </c>
      <c r="L3114" s="5" t="s">
        <v>1519</v>
      </c>
      <c r="M3114" s="2" t="s">
        <v>1520</v>
      </c>
      <c r="N3114" s="5" t="s">
        <v>1521</v>
      </c>
      <c r="O3114" s="5" t="s">
        <v>38</v>
      </c>
      <c r="P3114" s="5" t="s">
        <v>39</v>
      </c>
      <c r="Q3114" s="5" t="s">
        <v>40</v>
      </c>
      <c r="R3114" s="5" t="s">
        <v>1522</v>
      </c>
      <c r="S3114" s="5" t="s">
        <v>1523</v>
      </c>
      <c r="T3114" s="5" t="s">
        <v>42</v>
      </c>
      <c r="U3114" s="2">
        <v>2.0169999999999999</v>
      </c>
      <c r="V3114" s="2">
        <v>1.613</v>
      </c>
      <c r="W3114" s="2">
        <v>1.0999999999999999E-2</v>
      </c>
      <c r="X3114" s="2">
        <v>139.1</v>
      </c>
      <c r="Y3114" s="2">
        <v>7.6</v>
      </c>
      <c r="Z3114" s="2">
        <v>10.6</v>
      </c>
      <c r="AA3114" s="5"/>
      <c r="AB3114" s="5" t="s">
        <v>43</v>
      </c>
      <c r="AC3114" s="5" t="s">
        <v>44</v>
      </c>
      <c r="AD3114" s="2"/>
      <c r="AE3114" s="1"/>
    </row>
    <row r="3115" spans="1:31" ht="14.45">
      <c r="A3115" s="11"/>
      <c r="B3115" s="20"/>
      <c r="C3115" s="2" t="s">
        <v>9798</v>
      </c>
      <c r="D3115" s="14" t="s">
        <v>9799</v>
      </c>
      <c r="E3115" s="2" t="s">
        <v>9800</v>
      </c>
      <c r="F3115" s="2" t="s">
        <v>7208</v>
      </c>
      <c r="G3115" s="8">
        <v>112</v>
      </c>
      <c r="H3115" s="5">
        <v>5</v>
      </c>
      <c r="I3115" s="5" t="s">
        <v>1518</v>
      </c>
      <c r="J3115" s="5" t="s">
        <v>1519</v>
      </c>
      <c r="K3115" s="2" t="s">
        <v>1520</v>
      </c>
      <c r="L3115" s="5" t="s">
        <v>1519</v>
      </c>
      <c r="M3115" s="2" t="s">
        <v>1520</v>
      </c>
      <c r="N3115" s="5" t="s">
        <v>1521</v>
      </c>
      <c r="O3115" s="5" t="s">
        <v>38</v>
      </c>
      <c r="P3115" s="5" t="s">
        <v>39</v>
      </c>
      <c r="Q3115" s="5" t="s">
        <v>40</v>
      </c>
      <c r="R3115" s="5" t="s">
        <v>1522</v>
      </c>
      <c r="S3115" s="5" t="s">
        <v>1523</v>
      </c>
      <c r="T3115" s="5" t="s">
        <v>42</v>
      </c>
      <c r="U3115" s="2">
        <v>1.9690000000000001</v>
      </c>
      <c r="V3115" s="2">
        <v>1.5649999999999999</v>
      </c>
      <c r="W3115" s="2">
        <v>1.0999999999999999E-2</v>
      </c>
      <c r="X3115" s="2">
        <v>139.1</v>
      </c>
      <c r="Y3115" s="2">
        <v>7.6</v>
      </c>
      <c r="Z3115" s="2">
        <v>10.6</v>
      </c>
      <c r="AA3115" s="5"/>
      <c r="AB3115" s="5" t="s">
        <v>43</v>
      </c>
      <c r="AC3115" s="5" t="s">
        <v>44</v>
      </c>
      <c r="AD3115" s="2"/>
      <c r="AE3115" s="1"/>
    </row>
    <row r="3116" spans="1:31" ht="14.45">
      <c r="A3116" s="11"/>
      <c r="B3116" s="20"/>
      <c r="C3116" s="2" t="s">
        <v>9801</v>
      </c>
      <c r="D3116" s="14" t="s">
        <v>9802</v>
      </c>
      <c r="E3116" s="2" t="s">
        <v>9803</v>
      </c>
      <c r="F3116" s="2" t="s">
        <v>7521</v>
      </c>
      <c r="G3116" s="8">
        <v>112</v>
      </c>
      <c r="H3116" s="5">
        <v>5</v>
      </c>
      <c r="I3116" s="5" t="s">
        <v>1518</v>
      </c>
      <c r="J3116" s="5" t="s">
        <v>1519</v>
      </c>
      <c r="K3116" s="2" t="s">
        <v>1520</v>
      </c>
      <c r="L3116" s="5" t="s">
        <v>1519</v>
      </c>
      <c r="M3116" s="2" t="s">
        <v>1520</v>
      </c>
      <c r="N3116" s="5" t="s">
        <v>1521</v>
      </c>
      <c r="O3116" s="5" t="s">
        <v>38</v>
      </c>
      <c r="P3116" s="5" t="s">
        <v>39</v>
      </c>
      <c r="Q3116" s="5" t="s">
        <v>40</v>
      </c>
      <c r="R3116" s="5" t="s">
        <v>1522</v>
      </c>
      <c r="S3116" s="5" t="s">
        <v>1523</v>
      </c>
      <c r="T3116" s="5" t="s">
        <v>42</v>
      </c>
      <c r="U3116" s="2">
        <v>2.0169999999999999</v>
      </c>
      <c r="V3116" s="2">
        <v>1.613</v>
      </c>
      <c r="W3116" s="2">
        <v>1.0999999999999999E-2</v>
      </c>
      <c r="X3116" s="2">
        <v>139.1</v>
      </c>
      <c r="Y3116" s="2">
        <v>7.6</v>
      </c>
      <c r="Z3116" s="2">
        <v>10.6</v>
      </c>
      <c r="AA3116" s="5"/>
      <c r="AB3116" s="5" t="s">
        <v>43</v>
      </c>
      <c r="AC3116" s="5" t="s">
        <v>44</v>
      </c>
      <c r="AD3116" s="2"/>
      <c r="AE3116" s="1"/>
    </row>
    <row r="3117" spans="1:31" ht="14.45">
      <c r="A3117" s="11"/>
      <c r="B3117" s="20"/>
      <c r="C3117" s="2" t="s">
        <v>9804</v>
      </c>
      <c r="D3117" s="14" t="s">
        <v>9805</v>
      </c>
      <c r="E3117" s="2" t="s">
        <v>9806</v>
      </c>
      <c r="F3117" s="2" t="s">
        <v>7212</v>
      </c>
      <c r="G3117" s="8">
        <v>112</v>
      </c>
      <c r="H3117" s="5">
        <v>5</v>
      </c>
      <c r="I3117" s="5" t="s">
        <v>1518</v>
      </c>
      <c r="J3117" s="5" t="s">
        <v>1519</v>
      </c>
      <c r="K3117" s="2" t="s">
        <v>1520</v>
      </c>
      <c r="L3117" s="5" t="s">
        <v>1519</v>
      </c>
      <c r="M3117" s="2" t="s">
        <v>1520</v>
      </c>
      <c r="N3117" s="5" t="s">
        <v>1521</v>
      </c>
      <c r="O3117" s="5" t="s">
        <v>38</v>
      </c>
      <c r="P3117" s="5" t="s">
        <v>39</v>
      </c>
      <c r="Q3117" s="5" t="s">
        <v>40</v>
      </c>
      <c r="R3117" s="5" t="s">
        <v>1522</v>
      </c>
      <c r="S3117" s="5" t="s">
        <v>1523</v>
      </c>
      <c r="T3117" s="5" t="s">
        <v>42</v>
      </c>
      <c r="U3117" s="2">
        <v>1.9419999999999999</v>
      </c>
      <c r="V3117" s="2">
        <v>1.538</v>
      </c>
      <c r="W3117" s="2">
        <v>1.0999999999999999E-2</v>
      </c>
      <c r="X3117" s="2">
        <v>139.1</v>
      </c>
      <c r="Y3117" s="2">
        <v>7.6</v>
      </c>
      <c r="Z3117" s="2">
        <v>10.6</v>
      </c>
      <c r="AA3117" s="5"/>
      <c r="AB3117" s="5" t="s">
        <v>43</v>
      </c>
      <c r="AC3117" s="5" t="s">
        <v>44</v>
      </c>
      <c r="AD3117" s="2"/>
      <c r="AE3117" s="1"/>
    </row>
    <row r="3118" spans="1:31" ht="14.45">
      <c r="A3118" s="11"/>
      <c r="B3118" s="20"/>
      <c r="C3118" s="2" t="s">
        <v>9807</v>
      </c>
      <c r="D3118" s="14" t="s">
        <v>9808</v>
      </c>
      <c r="E3118" s="2" t="s">
        <v>9809</v>
      </c>
      <c r="F3118" s="2" t="s">
        <v>7528</v>
      </c>
      <c r="G3118" s="8">
        <v>112</v>
      </c>
      <c r="H3118" s="5">
        <v>5</v>
      </c>
      <c r="I3118" s="5" t="s">
        <v>1518</v>
      </c>
      <c r="J3118" s="5" t="s">
        <v>1519</v>
      </c>
      <c r="K3118" s="2" t="s">
        <v>1520</v>
      </c>
      <c r="L3118" s="5" t="s">
        <v>1519</v>
      </c>
      <c r="M3118" s="2" t="s">
        <v>1520</v>
      </c>
      <c r="N3118" s="5" t="s">
        <v>1521</v>
      </c>
      <c r="O3118" s="5" t="s">
        <v>38</v>
      </c>
      <c r="P3118" s="5" t="s">
        <v>39</v>
      </c>
      <c r="Q3118" s="5" t="s">
        <v>40</v>
      </c>
      <c r="R3118" s="5" t="s">
        <v>1522</v>
      </c>
      <c r="S3118" s="5" t="s">
        <v>1523</v>
      </c>
      <c r="T3118" s="5" t="s">
        <v>42</v>
      </c>
      <c r="U3118" s="2">
        <v>1.99</v>
      </c>
      <c r="V3118" s="2">
        <v>1.5860000000000001</v>
      </c>
      <c r="W3118" s="2">
        <v>1.0999999999999999E-2</v>
      </c>
      <c r="X3118" s="2">
        <v>139.1</v>
      </c>
      <c r="Y3118" s="2">
        <v>7.6</v>
      </c>
      <c r="Z3118" s="2">
        <v>10.6</v>
      </c>
      <c r="AA3118" s="5"/>
      <c r="AB3118" s="5" t="s">
        <v>43</v>
      </c>
      <c r="AC3118" s="5" t="s">
        <v>44</v>
      </c>
      <c r="AD3118" s="2"/>
      <c r="AE3118" s="1"/>
    </row>
    <row r="3119" spans="1:31" ht="14.45">
      <c r="A3119" s="11"/>
      <c r="B3119" s="20"/>
      <c r="C3119" s="2" t="s">
        <v>9810</v>
      </c>
      <c r="D3119" s="14" t="s">
        <v>9811</v>
      </c>
      <c r="E3119" s="2" t="s">
        <v>9812</v>
      </c>
      <c r="F3119" s="2" t="s">
        <v>7406</v>
      </c>
      <c r="G3119" s="8">
        <v>129</v>
      </c>
      <c r="H3119" s="5">
        <v>6</v>
      </c>
      <c r="I3119" s="5" t="s">
        <v>1518</v>
      </c>
      <c r="J3119" s="5" t="s">
        <v>1519</v>
      </c>
      <c r="K3119" s="2" t="s">
        <v>1520</v>
      </c>
      <c r="L3119" s="5" t="s">
        <v>1519</v>
      </c>
      <c r="M3119" s="2" t="s">
        <v>1520</v>
      </c>
      <c r="N3119" s="5" t="s">
        <v>1521</v>
      </c>
      <c r="O3119" s="5" t="s">
        <v>38</v>
      </c>
      <c r="P3119" s="5" t="s">
        <v>39</v>
      </c>
      <c r="Q3119" s="5" t="s">
        <v>40</v>
      </c>
      <c r="R3119" s="5" t="s">
        <v>1522</v>
      </c>
      <c r="S3119" s="5" t="s">
        <v>1523</v>
      </c>
      <c r="T3119" s="5" t="s">
        <v>42</v>
      </c>
      <c r="U3119" s="2">
        <v>1.9419999999999999</v>
      </c>
      <c r="V3119" s="2">
        <v>1.538</v>
      </c>
      <c r="W3119" s="2">
        <v>1.0999999999999999E-2</v>
      </c>
      <c r="X3119" s="2">
        <v>139.1</v>
      </c>
      <c r="Y3119" s="2">
        <v>7.6</v>
      </c>
      <c r="Z3119" s="2">
        <v>10.6</v>
      </c>
      <c r="AA3119" s="5"/>
      <c r="AB3119" s="5" t="s">
        <v>43</v>
      </c>
      <c r="AC3119" s="5" t="s">
        <v>44</v>
      </c>
      <c r="AD3119" s="2"/>
      <c r="AE3119" s="1"/>
    </row>
    <row r="3120" spans="1:31" ht="14.45">
      <c r="A3120" s="11"/>
      <c r="B3120" s="20"/>
      <c r="C3120" s="2" t="s">
        <v>9813</v>
      </c>
      <c r="D3120" s="14" t="s">
        <v>9814</v>
      </c>
      <c r="E3120" s="2" t="s">
        <v>9815</v>
      </c>
      <c r="F3120" s="2" t="s">
        <v>7535</v>
      </c>
      <c r="G3120" s="8">
        <v>129</v>
      </c>
      <c r="H3120" s="5">
        <v>6</v>
      </c>
      <c r="I3120" s="5" t="s">
        <v>1518</v>
      </c>
      <c r="J3120" s="5" t="s">
        <v>1519</v>
      </c>
      <c r="K3120" s="2" t="s">
        <v>1520</v>
      </c>
      <c r="L3120" s="5" t="s">
        <v>1519</v>
      </c>
      <c r="M3120" s="2" t="s">
        <v>1520</v>
      </c>
      <c r="N3120" s="5" t="s">
        <v>1521</v>
      </c>
      <c r="O3120" s="5" t="s">
        <v>38</v>
      </c>
      <c r="P3120" s="5" t="s">
        <v>39</v>
      </c>
      <c r="Q3120" s="5" t="s">
        <v>40</v>
      </c>
      <c r="R3120" s="5" t="s">
        <v>1522</v>
      </c>
      <c r="S3120" s="5" t="s">
        <v>1523</v>
      </c>
      <c r="T3120" s="5" t="s">
        <v>42</v>
      </c>
      <c r="U3120" s="2">
        <v>1.99</v>
      </c>
      <c r="V3120" s="2">
        <v>1.5860000000000001</v>
      </c>
      <c r="W3120" s="2">
        <v>1.0999999999999999E-2</v>
      </c>
      <c r="X3120" s="2">
        <v>139.1</v>
      </c>
      <c r="Y3120" s="2">
        <v>7.6</v>
      </c>
      <c r="Z3120" s="2">
        <v>10.6</v>
      </c>
      <c r="AA3120" s="5"/>
      <c r="AB3120" s="5" t="s">
        <v>43</v>
      </c>
      <c r="AC3120" s="5" t="s">
        <v>44</v>
      </c>
      <c r="AD3120" s="2"/>
      <c r="AE3120" s="1"/>
    </row>
    <row r="3121" spans="1:31" ht="14.45">
      <c r="A3121" s="11"/>
      <c r="B3121" s="20"/>
      <c r="C3121" s="2" t="s">
        <v>9816</v>
      </c>
      <c r="D3121" s="14" t="s">
        <v>9817</v>
      </c>
      <c r="E3121" s="2" t="s">
        <v>9818</v>
      </c>
      <c r="F3121" s="2" t="s">
        <v>7539</v>
      </c>
      <c r="G3121" s="8">
        <v>129</v>
      </c>
      <c r="H3121" s="5">
        <v>6</v>
      </c>
      <c r="I3121" s="5" t="s">
        <v>1518</v>
      </c>
      <c r="J3121" s="5" t="s">
        <v>1519</v>
      </c>
      <c r="K3121" s="2" t="s">
        <v>1520</v>
      </c>
      <c r="L3121" s="5" t="s">
        <v>1519</v>
      </c>
      <c r="M3121" s="2" t="s">
        <v>1520</v>
      </c>
      <c r="N3121" s="5" t="s">
        <v>1521</v>
      </c>
      <c r="O3121" s="5" t="s">
        <v>38</v>
      </c>
      <c r="P3121" s="5" t="s">
        <v>39</v>
      </c>
      <c r="Q3121" s="5" t="s">
        <v>40</v>
      </c>
      <c r="R3121" s="5" t="s">
        <v>1522</v>
      </c>
      <c r="S3121" s="5" t="s">
        <v>1523</v>
      </c>
      <c r="T3121" s="5" t="s">
        <v>42</v>
      </c>
      <c r="U3121" s="2">
        <v>1.9690000000000001</v>
      </c>
      <c r="V3121" s="2">
        <v>1.5649999999999999</v>
      </c>
      <c r="W3121" s="2">
        <v>1.0999999999999999E-2</v>
      </c>
      <c r="X3121" s="2">
        <v>139.1</v>
      </c>
      <c r="Y3121" s="2">
        <v>7.6</v>
      </c>
      <c r="Z3121" s="2">
        <v>10.6</v>
      </c>
      <c r="AA3121" s="5"/>
      <c r="AB3121" s="5" t="s">
        <v>43</v>
      </c>
      <c r="AC3121" s="5" t="s">
        <v>44</v>
      </c>
      <c r="AD3121" s="2"/>
      <c r="AE3121" s="1"/>
    </row>
    <row r="3122" spans="1:31" ht="14.45">
      <c r="A3122" s="11"/>
      <c r="B3122" s="20"/>
      <c r="C3122" s="2" t="s">
        <v>9819</v>
      </c>
      <c r="D3122" s="14" t="s">
        <v>9820</v>
      </c>
      <c r="E3122" s="2" t="s">
        <v>9821</v>
      </c>
      <c r="F3122" s="2" t="s">
        <v>7543</v>
      </c>
      <c r="G3122" s="8">
        <v>129</v>
      </c>
      <c r="H3122" s="5">
        <v>6</v>
      </c>
      <c r="I3122" s="5" t="s">
        <v>1518</v>
      </c>
      <c r="J3122" s="5" t="s">
        <v>1519</v>
      </c>
      <c r="K3122" s="2" t="s">
        <v>1520</v>
      </c>
      <c r="L3122" s="5" t="s">
        <v>1519</v>
      </c>
      <c r="M3122" s="2" t="s">
        <v>1520</v>
      </c>
      <c r="N3122" s="5" t="s">
        <v>1521</v>
      </c>
      <c r="O3122" s="5" t="s">
        <v>38</v>
      </c>
      <c r="P3122" s="5" t="s">
        <v>39</v>
      </c>
      <c r="Q3122" s="5" t="s">
        <v>40</v>
      </c>
      <c r="R3122" s="5" t="s">
        <v>1522</v>
      </c>
      <c r="S3122" s="5" t="s">
        <v>1523</v>
      </c>
      <c r="T3122" s="5" t="s">
        <v>42</v>
      </c>
      <c r="U3122" s="2">
        <v>2.0169999999999999</v>
      </c>
      <c r="V3122" s="2">
        <v>1.613</v>
      </c>
      <c r="W3122" s="2">
        <v>1.0999999999999999E-2</v>
      </c>
      <c r="X3122" s="2">
        <v>139.1</v>
      </c>
      <c r="Y3122" s="2">
        <v>7.6</v>
      </c>
      <c r="Z3122" s="2">
        <v>10.6</v>
      </c>
      <c r="AA3122" s="5"/>
      <c r="AB3122" s="5" t="s">
        <v>43</v>
      </c>
      <c r="AC3122" s="5" t="s">
        <v>44</v>
      </c>
      <c r="AD3122" s="2"/>
      <c r="AE3122" s="1"/>
    </row>
    <row r="3123" spans="1:31" ht="14.45">
      <c r="A3123" s="11"/>
      <c r="B3123" s="20"/>
      <c r="C3123" s="2" t="s">
        <v>9822</v>
      </c>
      <c r="D3123" s="14" t="s">
        <v>9823</v>
      </c>
      <c r="E3123" s="2" t="s">
        <v>9824</v>
      </c>
      <c r="F3123" s="2" t="s">
        <v>7547</v>
      </c>
      <c r="G3123" s="8">
        <v>129</v>
      </c>
      <c r="H3123" s="5">
        <v>6</v>
      </c>
      <c r="I3123" s="5" t="s">
        <v>1518</v>
      </c>
      <c r="J3123" s="5" t="s">
        <v>1519</v>
      </c>
      <c r="K3123" s="2" t="s">
        <v>1520</v>
      </c>
      <c r="L3123" s="5" t="s">
        <v>1519</v>
      </c>
      <c r="M3123" s="2" t="s">
        <v>1520</v>
      </c>
      <c r="N3123" s="5" t="s">
        <v>1521</v>
      </c>
      <c r="O3123" s="5" t="s">
        <v>38</v>
      </c>
      <c r="P3123" s="5" t="s">
        <v>39</v>
      </c>
      <c r="Q3123" s="5" t="s">
        <v>40</v>
      </c>
      <c r="R3123" s="5" t="s">
        <v>1522</v>
      </c>
      <c r="S3123" s="5" t="s">
        <v>1523</v>
      </c>
      <c r="T3123" s="5" t="s">
        <v>42</v>
      </c>
      <c r="U3123" s="2">
        <v>1.9419999999999999</v>
      </c>
      <c r="V3123" s="2">
        <v>1.538</v>
      </c>
      <c r="W3123" s="2">
        <v>1.0999999999999999E-2</v>
      </c>
      <c r="X3123" s="2">
        <v>139.1</v>
      </c>
      <c r="Y3123" s="2">
        <v>7.6</v>
      </c>
      <c r="Z3123" s="2">
        <v>10.6</v>
      </c>
      <c r="AA3123" s="5"/>
      <c r="AB3123" s="5" t="s">
        <v>43</v>
      </c>
      <c r="AC3123" s="5" t="s">
        <v>44</v>
      </c>
      <c r="AD3123" s="2"/>
      <c r="AE3123" s="1"/>
    </row>
    <row r="3124" spans="1:31" ht="14.45">
      <c r="A3124" s="11"/>
      <c r="B3124" s="20"/>
      <c r="C3124" s="2" t="s">
        <v>9825</v>
      </c>
      <c r="D3124" s="14" t="s">
        <v>9826</v>
      </c>
      <c r="E3124" s="2" t="s">
        <v>9827</v>
      </c>
      <c r="F3124" s="2" t="s">
        <v>7551</v>
      </c>
      <c r="G3124" s="8">
        <v>129</v>
      </c>
      <c r="H3124" s="5">
        <v>6</v>
      </c>
      <c r="I3124" s="5" t="s">
        <v>1518</v>
      </c>
      <c r="J3124" s="5" t="s">
        <v>1519</v>
      </c>
      <c r="K3124" s="2" t="s">
        <v>1520</v>
      </c>
      <c r="L3124" s="5" t="s">
        <v>1519</v>
      </c>
      <c r="M3124" s="2" t="s">
        <v>1520</v>
      </c>
      <c r="N3124" s="5" t="s">
        <v>1521</v>
      </c>
      <c r="O3124" s="5" t="s">
        <v>38</v>
      </c>
      <c r="P3124" s="5" t="s">
        <v>39</v>
      </c>
      <c r="Q3124" s="5" t="s">
        <v>40</v>
      </c>
      <c r="R3124" s="5" t="s">
        <v>1522</v>
      </c>
      <c r="S3124" s="5" t="s">
        <v>1523</v>
      </c>
      <c r="T3124" s="5" t="s">
        <v>42</v>
      </c>
      <c r="U3124" s="2">
        <v>1.99</v>
      </c>
      <c r="V3124" s="2">
        <v>1.5860000000000001</v>
      </c>
      <c r="W3124" s="2">
        <v>1.0999999999999999E-2</v>
      </c>
      <c r="X3124" s="2">
        <v>139.1</v>
      </c>
      <c r="Y3124" s="2">
        <v>7.6</v>
      </c>
      <c r="Z3124" s="2">
        <v>10.6</v>
      </c>
      <c r="AA3124" s="5"/>
      <c r="AB3124" s="5" t="s">
        <v>43</v>
      </c>
      <c r="AC3124" s="5" t="s">
        <v>44</v>
      </c>
      <c r="AD3124" s="2"/>
      <c r="AE3124" s="1"/>
    </row>
    <row r="3125" spans="1:31" ht="14.45">
      <c r="A3125" s="11"/>
      <c r="B3125" s="20"/>
      <c r="C3125" s="2" t="s">
        <v>9828</v>
      </c>
      <c r="D3125" s="14" t="s">
        <v>9829</v>
      </c>
      <c r="E3125" s="2" t="s">
        <v>9830</v>
      </c>
      <c r="F3125" s="2" t="s">
        <v>7555</v>
      </c>
      <c r="G3125" s="8">
        <v>129</v>
      </c>
      <c r="H3125" s="5">
        <v>6</v>
      </c>
      <c r="I3125" s="5" t="s">
        <v>1518</v>
      </c>
      <c r="J3125" s="5" t="s">
        <v>1519</v>
      </c>
      <c r="K3125" s="2" t="s">
        <v>1520</v>
      </c>
      <c r="L3125" s="5" t="s">
        <v>1519</v>
      </c>
      <c r="M3125" s="2" t="s">
        <v>1520</v>
      </c>
      <c r="N3125" s="5" t="s">
        <v>1521</v>
      </c>
      <c r="O3125" s="5" t="s">
        <v>38</v>
      </c>
      <c r="P3125" s="5" t="s">
        <v>39</v>
      </c>
      <c r="Q3125" s="5" t="s">
        <v>40</v>
      </c>
      <c r="R3125" s="5" t="s">
        <v>1522</v>
      </c>
      <c r="S3125" s="5" t="s">
        <v>1523</v>
      </c>
      <c r="T3125" s="5" t="s">
        <v>42</v>
      </c>
      <c r="U3125" s="2">
        <v>1.9419999999999999</v>
      </c>
      <c r="V3125" s="2">
        <v>1.538</v>
      </c>
      <c r="W3125" s="2">
        <v>1.0999999999999999E-2</v>
      </c>
      <c r="X3125" s="2">
        <v>139.1</v>
      </c>
      <c r="Y3125" s="2">
        <v>7.6</v>
      </c>
      <c r="Z3125" s="2">
        <v>10.6</v>
      </c>
      <c r="AA3125" s="5"/>
      <c r="AB3125" s="5" t="s">
        <v>43</v>
      </c>
      <c r="AC3125" s="5" t="s">
        <v>44</v>
      </c>
      <c r="AD3125" s="2"/>
      <c r="AE3125" s="1"/>
    </row>
    <row r="3126" spans="1:31" ht="14.45">
      <c r="A3126" s="11"/>
      <c r="B3126" s="20"/>
      <c r="C3126" s="2" t="s">
        <v>9831</v>
      </c>
      <c r="D3126" s="14" t="s">
        <v>9832</v>
      </c>
      <c r="E3126" s="2" t="s">
        <v>9833</v>
      </c>
      <c r="F3126" s="2" t="s">
        <v>7559</v>
      </c>
      <c r="G3126" s="8">
        <v>129</v>
      </c>
      <c r="H3126" s="5">
        <v>6</v>
      </c>
      <c r="I3126" s="5" t="s">
        <v>1518</v>
      </c>
      <c r="J3126" s="5" t="s">
        <v>1519</v>
      </c>
      <c r="K3126" s="2" t="s">
        <v>1520</v>
      </c>
      <c r="L3126" s="5" t="s">
        <v>1519</v>
      </c>
      <c r="M3126" s="2" t="s">
        <v>1520</v>
      </c>
      <c r="N3126" s="5" t="s">
        <v>1521</v>
      </c>
      <c r="O3126" s="5" t="s">
        <v>38</v>
      </c>
      <c r="P3126" s="5" t="s">
        <v>39</v>
      </c>
      <c r="Q3126" s="5" t="s">
        <v>40</v>
      </c>
      <c r="R3126" s="5" t="s">
        <v>1522</v>
      </c>
      <c r="S3126" s="5" t="s">
        <v>1523</v>
      </c>
      <c r="T3126" s="5" t="s">
        <v>42</v>
      </c>
      <c r="U3126" s="2">
        <v>1.99</v>
      </c>
      <c r="V3126" s="2">
        <v>1.5860000000000001</v>
      </c>
      <c r="W3126" s="2">
        <v>1.0999999999999999E-2</v>
      </c>
      <c r="X3126" s="2">
        <v>139.1</v>
      </c>
      <c r="Y3126" s="2">
        <v>7.6</v>
      </c>
      <c r="Z3126" s="2">
        <v>10.6</v>
      </c>
      <c r="AA3126" s="5"/>
      <c r="AB3126" s="5" t="s">
        <v>43</v>
      </c>
      <c r="AC3126" s="5" t="s">
        <v>44</v>
      </c>
      <c r="AD3126" s="2"/>
      <c r="AE3126" s="1"/>
    </row>
    <row r="3127" spans="1:31" ht="14.45">
      <c r="A3127" s="11"/>
      <c r="B3127" s="20"/>
      <c r="C3127" s="2" t="s">
        <v>9834</v>
      </c>
      <c r="D3127" s="14" t="s">
        <v>9835</v>
      </c>
      <c r="E3127" s="2" t="s">
        <v>9836</v>
      </c>
      <c r="F3127" s="2" t="s">
        <v>7563</v>
      </c>
      <c r="G3127" s="8">
        <v>129</v>
      </c>
      <c r="H3127" s="5">
        <v>6</v>
      </c>
      <c r="I3127" s="5" t="s">
        <v>1518</v>
      </c>
      <c r="J3127" s="5" t="s">
        <v>1519</v>
      </c>
      <c r="K3127" s="2" t="s">
        <v>1520</v>
      </c>
      <c r="L3127" s="5" t="s">
        <v>1519</v>
      </c>
      <c r="M3127" s="2" t="s">
        <v>1520</v>
      </c>
      <c r="N3127" s="5" t="s">
        <v>1521</v>
      </c>
      <c r="O3127" s="5" t="s">
        <v>38</v>
      </c>
      <c r="P3127" s="5" t="s">
        <v>39</v>
      </c>
      <c r="Q3127" s="5" t="s">
        <v>40</v>
      </c>
      <c r="R3127" s="5" t="s">
        <v>1522</v>
      </c>
      <c r="S3127" s="5" t="s">
        <v>1523</v>
      </c>
      <c r="T3127" s="5" t="s">
        <v>42</v>
      </c>
      <c r="U3127" s="2">
        <v>1.9690000000000001</v>
      </c>
      <c r="V3127" s="2">
        <v>1.5649999999999999</v>
      </c>
      <c r="W3127" s="2">
        <v>1.0999999999999999E-2</v>
      </c>
      <c r="X3127" s="2">
        <v>139.1</v>
      </c>
      <c r="Y3127" s="2">
        <v>7.6</v>
      </c>
      <c r="Z3127" s="2">
        <v>10.6</v>
      </c>
      <c r="AA3127" s="5"/>
      <c r="AB3127" s="5" t="s">
        <v>43</v>
      </c>
      <c r="AC3127" s="5" t="s">
        <v>44</v>
      </c>
      <c r="AD3127" s="2"/>
      <c r="AE3127" s="1"/>
    </row>
    <row r="3128" spans="1:31" ht="14.45">
      <c r="A3128" s="11"/>
      <c r="B3128" s="20"/>
      <c r="C3128" s="2" t="s">
        <v>9837</v>
      </c>
      <c r="D3128" s="14" t="s">
        <v>9838</v>
      </c>
      <c r="E3128" s="2" t="s">
        <v>9839</v>
      </c>
      <c r="F3128" s="2" t="s">
        <v>7567</v>
      </c>
      <c r="G3128" s="8">
        <v>129</v>
      </c>
      <c r="H3128" s="5">
        <v>6</v>
      </c>
      <c r="I3128" s="5" t="s">
        <v>1518</v>
      </c>
      <c r="J3128" s="5" t="s">
        <v>1519</v>
      </c>
      <c r="K3128" s="2" t="s">
        <v>1520</v>
      </c>
      <c r="L3128" s="5" t="s">
        <v>1519</v>
      </c>
      <c r="M3128" s="2" t="s">
        <v>1520</v>
      </c>
      <c r="N3128" s="5" t="s">
        <v>1521</v>
      </c>
      <c r="O3128" s="5" t="s">
        <v>38</v>
      </c>
      <c r="P3128" s="5" t="s">
        <v>39</v>
      </c>
      <c r="Q3128" s="5" t="s">
        <v>40</v>
      </c>
      <c r="R3128" s="5" t="s">
        <v>1522</v>
      </c>
      <c r="S3128" s="5" t="s">
        <v>1523</v>
      </c>
      <c r="T3128" s="5" t="s">
        <v>42</v>
      </c>
      <c r="U3128" s="2">
        <v>2.0169999999999999</v>
      </c>
      <c r="V3128" s="2">
        <v>1.613</v>
      </c>
      <c r="W3128" s="2">
        <v>1.0999999999999999E-2</v>
      </c>
      <c r="X3128" s="2">
        <v>139.1</v>
      </c>
      <c r="Y3128" s="2">
        <v>7.6</v>
      </c>
      <c r="Z3128" s="2">
        <v>10.6</v>
      </c>
      <c r="AA3128" s="5"/>
      <c r="AB3128" s="5" t="s">
        <v>43</v>
      </c>
      <c r="AC3128" s="5" t="s">
        <v>44</v>
      </c>
      <c r="AD3128" s="2"/>
      <c r="AE3128" s="1"/>
    </row>
    <row r="3129" spans="1:31" ht="14.45">
      <c r="A3129" s="11"/>
      <c r="B3129" s="20"/>
      <c r="C3129" s="2" t="s">
        <v>9840</v>
      </c>
      <c r="D3129" s="14" t="s">
        <v>9841</v>
      </c>
      <c r="E3129" s="2" t="s">
        <v>9842</v>
      </c>
      <c r="F3129" s="2" t="s">
        <v>7429</v>
      </c>
      <c r="G3129" s="8">
        <v>129</v>
      </c>
      <c r="H3129" s="5">
        <v>6</v>
      </c>
      <c r="I3129" s="5" t="s">
        <v>1518</v>
      </c>
      <c r="J3129" s="5" t="s">
        <v>1519</v>
      </c>
      <c r="K3129" s="2" t="s">
        <v>1520</v>
      </c>
      <c r="L3129" s="5" t="s">
        <v>1519</v>
      </c>
      <c r="M3129" s="2" t="s">
        <v>1520</v>
      </c>
      <c r="N3129" s="5" t="s">
        <v>1521</v>
      </c>
      <c r="O3129" s="5" t="s">
        <v>38</v>
      </c>
      <c r="P3129" s="5" t="s">
        <v>39</v>
      </c>
      <c r="Q3129" s="5" t="s">
        <v>40</v>
      </c>
      <c r="R3129" s="5" t="s">
        <v>1522</v>
      </c>
      <c r="S3129" s="5" t="s">
        <v>1523</v>
      </c>
      <c r="T3129" s="5" t="s">
        <v>42</v>
      </c>
      <c r="U3129" s="2">
        <v>1.9690000000000001</v>
      </c>
      <c r="V3129" s="2">
        <v>1.5649999999999999</v>
      </c>
      <c r="W3129" s="2">
        <v>1.0999999999999999E-2</v>
      </c>
      <c r="X3129" s="2">
        <v>139.1</v>
      </c>
      <c r="Y3129" s="2">
        <v>7.6</v>
      </c>
      <c r="Z3129" s="2">
        <v>10.6</v>
      </c>
      <c r="AA3129" s="5"/>
      <c r="AB3129" s="5" t="s">
        <v>43</v>
      </c>
      <c r="AC3129" s="5" t="s">
        <v>44</v>
      </c>
      <c r="AD3129" s="2"/>
      <c r="AE3129" s="1"/>
    </row>
    <row r="3130" spans="1:31" ht="14.45">
      <c r="A3130" s="11"/>
      <c r="B3130" s="20"/>
      <c r="C3130" s="2" t="s">
        <v>9843</v>
      </c>
      <c r="D3130" s="14" t="s">
        <v>9844</v>
      </c>
      <c r="E3130" s="2" t="s">
        <v>9845</v>
      </c>
      <c r="F3130" s="2" t="s">
        <v>7574</v>
      </c>
      <c r="G3130" s="8">
        <v>129</v>
      </c>
      <c r="H3130" s="5">
        <v>6</v>
      </c>
      <c r="I3130" s="5" t="s">
        <v>1518</v>
      </c>
      <c r="J3130" s="5" t="s">
        <v>1519</v>
      </c>
      <c r="K3130" s="2" t="s">
        <v>1520</v>
      </c>
      <c r="L3130" s="5" t="s">
        <v>1519</v>
      </c>
      <c r="M3130" s="2" t="s">
        <v>1520</v>
      </c>
      <c r="N3130" s="5" t="s">
        <v>1521</v>
      </c>
      <c r="O3130" s="5" t="s">
        <v>38</v>
      </c>
      <c r="P3130" s="5" t="s">
        <v>39</v>
      </c>
      <c r="Q3130" s="5" t="s">
        <v>40</v>
      </c>
      <c r="R3130" s="5" t="s">
        <v>1522</v>
      </c>
      <c r="S3130" s="5" t="s">
        <v>1523</v>
      </c>
      <c r="T3130" s="5" t="s">
        <v>42</v>
      </c>
      <c r="U3130" s="2">
        <v>2.0169999999999999</v>
      </c>
      <c r="V3130" s="2">
        <v>1.613</v>
      </c>
      <c r="W3130" s="2">
        <v>1.0999999999999999E-2</v>
      </c>
      <c r="X3130" s="2">
        <v>139.1</v>
      </c>
      <c r="Y3130" s="2">
        <v>7.6</v>
      </c>
      <c r="Z3130" s="2">
        <v>10.6</v>
      </c>
      <c r="AA3130" s="5"/>
      <c r="AB3130" s="5" t="s">
        <v>43</v>
      </c>
      <c r="AC3130" s="5" t="s">
        <v>44</v>
      </c>
      <c r="AD3130" s="2"/>
      <c r="AE3130" s="1"/>
    </row>
    <row r="3131" spans="1:31" ht="14.45">
      <c r="A3131" s="11"/>
      <c r="B3131" s="20"/>
      <c r="C3131" s="2" t="s">
        <v>9846</v>
      </c>
      <c r="D3131" s="14" t="s">
        <v>9847</v>
      </c>
      <c r="E3131" s="2" t="s">
        <v>9848</v>
      </c>
      <c r="F3131" s="2" t="s">
        <v>7449</v>
      </c>
      <c r="G3131" s="8">
        <v>129</v>
      </c>
      <c r="H3131" s="5">
        <v>6</v>
      </c>
      <c r="I3131" s="5" t="s">
        <v>1518</v>
      </c>
      <c r="J3131" s="5" t="s">
        <v>1519</v>
      </c>
      <c r="K3131" s="2" t="s">
        <v>1520</v>
      </c>
      <c r="L3131" s="5" t="s">
        <v>1519</v>
      </c>
      <c r="M3131" s="2" t="s">
        <v>1520</v>
      </c>
      <c r="N3131" s="5" t="s">
        <v>1521</v>
      </c>
      <c r="O3131" s="5" t="s">
        <v>38</v>
      </c>
      <c r="P3131" s="5" t="s">
        <v>39</v>
      </c>
      <c r="Q3131" s="5" t="s">
        <v>40</v>
      </c>
      <c r="R3131" s="5" t="s">
        <v>1522</v>
      </c>
      <c r="S3131" s="5" t="s">
        <v>1523</v>
      </c>
      <c r="T3131" s="5" t="s">
        <v>42</v>
      </c>
      <c r="U3131" s="2">
        <v>1.9690000000000001</v>
      </c>
      <c r="V3131" s="2">
        <v>1.5649999999999999</v>
      </c>
      <c r="W3131" s="2">
        <v>1.0999999999999999E-2</v>
      </c>
      <c r="X3131" s="2">
        <v>139.1</v>
      </c>
      <c r="Y3131" s="2">
        <v>7.6</v>
      </c>
      <c r="Z3131" s="2">
        <v>10.6</v>
      </c>
      <c r="AA3131" s="5"/>
      <c r="AB3131" s="5" t="s">
        <v>43</v>
      </c>
      <c r="AC3131" s="5" t="s">
        <v>44</v>
      </c>
      <c r="AD3131" s="2"/>
      <c r="AE3131" s="1"/>
    </row>
    <row r="3132" spans="1:31" ht="14.45">
      <c r="A3132" s="11"/>
      <c r="B3132" s="20"/>
      <c r="C3132" s="2" t="s">
        <v>9849</v>
      </c>
      <c r="D3132" s="14" t="s">
        <v>9850</v>
      </c>
      <c r="E3132" s="2" t="s">
        <v>9851</v>
      </c>
      <c r="F3132" s="2" t="s">
        <v>7581</v>
      </c>
      <c r="G3132" s="8">
        <v>129</v>
      </c>
      <c r="H3132" s="5">
        <v>6</v>
      </c>
      <c r="I3132" s="5" t="s">
        <v>1518</v>
      </c>
      <c r="J3132" s="5" t="s">
        <v>1519</v>
      </c>
      <c r="K3132" s="2" t="s">
        <v>1520</v>
      </c>
      <c r="L3132" s="5" t="s">
        <v>1519</v>
      </c>
      <c r="M3132" s="2" t="s">
        <v>1520</v>
      </c>
      <c r="N3132" s="5" t="s">
        <v>1521</v>
      </c>
      <c r="O3132" s="5" t="s">
        <v>38</v>
      </c>
      <c r="P3132" s="5" t="s">
        <v>39</v>
      </c>
      <c r="Q3132" s="5" t="s">
        <v>40</v>
      </c>
      <c r="R3132" s="5" t="s">
        <v>1522</v>
      </c>
      <c r="S3132" s="5" t="s">
        <v>1523</v>
      </c>
      <c r="T3132" s="5" t="s">
        <v>42</v>
      </c>
      <c r="U3132" s="2">
        <v>2.0169999999999999</v>
      </c>
      <c r="V3132" s="2">
        <v>1.613</v>
      </c>
      <c r="W3132" s="2">
        <v>1.0999999999999999E-2</v>
      </c>
      <c r="X3132" s="2">
        <v>139.1</v>
      </c>
      <c r="Y3132" s="2">
        <v>7.6</v>
      </c>
      <c r="Z3132" s="2">
        <v>10.6</v>
      </c>
      <c r="AA3132" s="5"/>
      <c r="AB3132" s="5" t="s">
        <v>43</v>
      </c>
      <c r="AC3132" s="5" t="s">
        <v>44</v>
      </c>
      <c r="AD3132" s="2"/>
      <c r="AE3132" s="1"/>
    </row>
    <row r="3133" spans="1:31" ht="14.45">
      <c r="A3133" s="11"/>
      <c r="B3133" s="20"/>
      <c r="C3133" s="2" t="s">
        <v>9852</v>
      </c>
      <c r="D3133" s="14" t="s">
        <v>9853</v>
      </c>
      <c r="E3133" s="2" t="s">
        <v>9854</v>
      </c>
      <c r="F3133" s="2" t="s">
        <v>7585</v>
      </c>
      <c r="G3133" s="8">
        <v>129</v>
      </c>
      <c r="H3133" s="5">
        <v>6</v>
      </c>
      <c r="I3133" s="5" t="s">
        <v>1518</v>
      </c>
      <c r="J3133" s="5" t="s">
        <v>1519</v>
      </c>
      <c r="K3133" s="2" t="s">
        <v>1520</v>
      </c>
      <c r="L3133" s="5" t="s">
        <v>1519</v>
      </c>
      <c r="M3133" s="2" t="s">
        <v>1520</v>
      </c>
      <c r="N3133" s="5" t="s">
        <v>1521</v>
      </c>
      <c r="O3133" s="5" t="s">
        <v>38</v>
      </c>
      <c r="P3133" s="5" t="s">
        <v>39</v>
      </c>
      <c r="Q3133" s="5" t="s">
        <v>40</v>
      </c>
      <c r="R3133" s="5" t="s">
        <v>1522</v>
      </c>
      <c r="S3133" s="5" t="s">
        <v>1523</v>
      </c>
      <c r="T3133" s="5" t="s">
        <v>42</v>
      </c>
      <c r="U3133" s="2">
        <v>1.9419999999999999</v>
      </c>
      <c r="V3133" s="2">
        <v>1.538</v>
      </c>
      <c r="W3133" s="2">
        <v>1.0999999999999999E-2</v>
      </c>
      <c r="X3133" s="2">
        <v>139.1</v>
      </c>
      <c r="Y3133" s="2">
        <v>7.6</v>
      </c>
      <c r="Z3133" s="2">
        <v>10.6</v>
      </c>
      <c r="AA3133" s="5"/>
      <c r="AB3133" s="5" t="s">
        <v>43</v>
      </c>
      <c r="AC3133" s="5" t="s">
        <v>44</v>
      </c>
      <c r="AD3133" s="2"/>
      <c r="AE3133" s="1"/>
    </row>
    <row r="3134" spans="1:31" ht="14.45">
      <c r="A3134" s="11"/>
      <c r="B3134" s="20"/>
      <c r="C3134" s="2" t="s">
        <v>9855</v>
      </c>
      <c r="D3134" s="14" t="s">
        <v>9856</v>
      </c>
      <c r="E3134" s="2" t="s">
        <v>9857</v>
      </c>
      <c r="F3134" s="2" t="s">
        <v>7589</v>
      </c>
      <c r="G3134" s="8">
        <v>129</v>
      </c>
      <c r="H3134" s="5">
        <v>6</v>
      </c>
      <c r="I3134" s="5" t="s">
        <v>1518</v>
      </c>
      <c r="J3134" s="5" t="s">
        <v>1519</v>
      </c>
      <c r="K3134" s="2" t="s">
        <v>1520</v>
      </c>
      <c r="L3134" s="5" t="s">
        <v>1519</v>
      </c>
      <c r="M3134" s="2" t="s">
        <v>1520</v>
      </c>
      <c r="N3134" s="5" t="s">
        <v>1521</v>
      </c>
      <c r="O3134" s="5" t="s">
        <v>38</v>
      </c>
      <c r="P3134" s="5" t="s">
        <v>39</v>
      </c>
      <c r="Q3134" s="5" t="s">
        <v>40</v>
      </c>
      <c r="R3134" s="5" t="s">
        <v>1522</v>
      </c>
      <c r="S3134" s="5" t="s">
        <v>1523</v>
      </c>
      <c r="T3134" s="5" t="s">
        <v>42</v>
      </c>
      <c r="U3134" s="2">
        <v>1.99</v>
      </c>
      <c r="V3134" s="2">
        <v>1.5860000000000001</v>
      </c>
      <c r="W3134" s="2">
        <v>1.0999999999999999E-2</v>
      </c>
      <c r="X3134" s="2">
        <v>139.1</v>
      </c>
      <c r="Y3134" s="2">
        <v>7.6</v>
      </c>
      <c r="Z3134" s="2">
        <v>10.6</v>
      </c>
      <c r="AA3134" s="5"/>
      <c r="AB3134" s="5" t="s">
        <v>43</v>
      </c>
      <c r="AC3134" s="5" t="s">
        <v>44</v>
      </c>
      <c r="AD3134" s="2"/>
      <c r="AE3134" s="1"/>
    </row>
    <row r="3135" spans="1:31" ht="14.45">
      <c r="A3135" s="11"/>
      <c r="B3135" s="20"/>
      <c r="C3135" s="2" t="s">
        <v>9858</v>
      </c>
      <c r="D3135" s="14" t="s">
        <v>9859</v>
      </c>
      <c r="E3135" s="2" t="s">
        <v>9860</v>
      </c>
      <c r="F3135" s="2" t="s">
        <v>7593</v>
      </c>
      <c r="G3135" s="8">
        <v>129</v>
      </c>
      <c r="H3135" s="5">
        <v>6</v>
      </c>
      <c r="I3135" s="5" t="s">
        <v>1518</v>
      </c>
      <c r="J3135" s="5" t="s">
        <v>1519</v>
      </c>
      <c r="K3135" s="2" t="s">
        <v>1520</v>
      </c>
      <c r="L3135" s="5" t="s">
        <v>1519</v>
      </c>
      <c r="M3135" s="2" t="s">
        <v>1520</v>
      </c>
      <c r="N3135" s="5" t="s">
        <v>1521</v>
      </c>
      <c r="O3135" s="5" t="s">
        <v>38</v>
      </c>
      <c r="P3135" s="5" t="s">
        <v>39</v>
      </c>
      <c r="Q3135" s="5" t="s">
        <v>40</v>
      </c>
      <c r="R3135" s="5" t="s">
        <v>1522</v>
      </c>
      <c r="S3135" s="5" t="s">
        <v>1523</v>
      </c>
      <c r="T3135" s="5" t="s">
        <v>42</v>
      </c>
      <c r="U3135" s="2">
        <v>1.9690000000000001</v>
      </c>
      <c r="V3135" s="2">
        <v>1.5649999999999999</v>
      </c>
      <c r="W3135" s="2">
        <v>1.0999999999999999E-2</v>
      </c>
      <c r="X3135" s="2">
        <v>139.1</v>
      </c>
      <c r="Y3135" s="2">
        <v>7.6</v>
      </c>
      <c r="Z3135" s="2">
        <v>10.6</v>
      </c>
      <c r="AA3135" s="5"/>
      <c r="AB3135" s="5" t="s">
        <v>43</v>
      </c>
      <c r="AC3135" s="5" t="s">
        <v>44</v>
      </c>
      <c r="AD3135" s="2"/>
      <c r="AE3135" s="1"/>
    </row>
    <row r="3136" spans="1:31" ht="14.45">
      <c r="A3136" s="11"/>
      <c r="B3136" s="20"/>
      <c r="C3136" s="2" t="s">
        <v>9861</v>
      </c>
      <c r="D3136" s="14" t="s">
        <v>9862</v>
      </c>
      <c r="E3136" s="2" t="s">
        <v>9863</v>
      </c>
      <c r="F3136" s="2" t="s">
        <v>7597</v>
      </c>
      <c r="G3136" s="8">
        <v>129</v>
      </c>
      <c r="H3136" s="5">
        <v>6</v>
      </c>
      <c r="I3136" s="5" t="s">
        <v>1518</v>
      </c>
      <c r="J3136" s="5" t="s">
        <v>1519</v>
      </c>
      <c r="K3136" s="2" t="s">
        <v>1520</v>
      </c>
      <c r="L3136" s="5" t="s">
        <v>1519</v>
      </c>
      <c r="M3136" s="2" t="s">
        <v>1520</v>
      </c>
      <c r="N3136" s="5" t="s">
        <v>1521</v>
      </c>
      <c r="O3136" s="5" t="s">
        <v>38</v>
      </c>
      <c r="P3136" s="5" t="s">
        <v>39</v>
      </c>
      <c r="Q3136" s="5" t="s">
        <v>40</v>
      </c>
      <c r="R3136" s="5" t="s">
        <v>1522</v>
      </c>
      <c r="S3136" s="5" t="s">
        <v>1523</v>
      </c>
      <c r="T3136" s="5" t="s">
        <v>42</v>
      </c>
      <c r="U3136" s="2">
        <v>2.0169999999999999</v>
      </c>
      <c r="V3136" s="2">
        <v>1.613</v>
      </c>
      <c r="W3136" s="2">
        <v>1.0999999999999999E-2</v>
      </c>
      <c r="X3136" s="2">
        <v>139.1</v>
      </c>
      <c r="Y3136" s="2">
        <v>7.6</v>
      </c>
      <c r="Z3136" s="2">
        <v>10.6</v>
      </c>
      <c r="AA3136" s="5"/>
      <c r="AB3136" s="5" t="s">
        <v>43</v>
      </c>
      <c r="AC3136" s="5" t="s">
        <v>44</v>
      </c>
      <c r="AD3136" s="2"/>
      <c r="AE3136" s="1"/>
    </row>
    <row r="3137" spans="1:31" ht="14.45">
      <c r="A3137" s="11"/>
      <c r="B3137" s="20"/>
      <c r="C3137" s="2" t="s">
        <v>9864</v>
      </c>
      <c r="D3137" s="14" t="s">
        <v>9865</v>
      </c>
      <c r="E3137" s="2" t="s">
        <v>9866</v>
      </c>
      <c r="F3137" s="2" t="s">
        <v>7410</v>
      </c>
      <c r="G3137" s="8">
        <v>129</v>
      </c>
      <c r="H3137" s="5">
        <v>6</v>
      </c>
      <c r="I3137" s="5" t="s">
        <v>1518</v>
      </c>
      <c r="J3137" s="5" t="s">
        <v>1519</v>
      </c>
      <c r="K3137" s="2" t="s">
        <v>1520</v>
      </c>
      <c r="L3137" s="5" t="s">
        <v>1519</v>
      </c>
      <c r="M3137" s="2" t="s">
        <v>1520</v>
      </c>
      <c r="N3137" s="5" t="s">
        <v>1521</v>
      </c>
      <c r="O3137" s="5" t="s">
        <v>38</v>
      </c>
      <c r="P3137" s="5" t="s">
        <v>39</v>
      </c>
      <c r="Q3137" s="5" t="s">
        <v>40</v>
      </c>
      <c r="R3137" s="5" t="s">
        <v>1522</v>
      </c>
      <c r="S3137" s="5" t="s">
        <v>1523</v>
      </c>
      <c r="T3137" s="5" t="s">
        <v>42</v>
      </c>
      <c r="U3137" s="2">
        <v>1.9690000000000001</v>
      </c>
      <c r="V3137" s="2">
        <v>1.5649999999999999</v>
      </c>
      <c r="W3137" s="2">
        <v>1.0999999999999999E-2</v>
      </c>
      <c r="X3137" s="2">
        <v>139.1</v>
      </c>
      <c r="Y3137" s="2">
        <v>7.6</v>
      </c>
      <c r="Z3137" s="2">
        <v>10.6</v>
      </c>
      <c r="AA3137" s="5"/>
      <c r="AB3137" s="5" t="s">
        <v>43</v>
      </c>
      <c r="AC3137" s="5" t="s">
        <v>44</v>
      </c>
      <c r="AD3137" s="2"/>
      <c r="AE3137" s="1"/>
    </row>
    <row r="3138" spans="1:31" ht="14.45">
      <c r="A3138" s="11"/>
      <c r="B3138" s="20"/>
      <c r="C3138" s="2" t="s">
        <v>9867</v>
      </c>
      <c r="D3138" s="14" t="s">
        <v>9868</v>
      </c>
      <c r="E3138" s="2" t="s">
        <v>9869</v>
      </c>
      <c r="F3138" s="2" t="s">
        <v>7604</v>
      </c>
      <c r="G3138" s="8">
        <v>129</v>
      </c>
      <c r="H3138" s="5">
        <v>6</v>
      </c>
      <c r="I3138" s="5" t="s">
        <v>1518</v>
      </c>
      <c r="J3138" s="5" t="s">
        <v>1519</v>
      </c>
      <c r="K3138" s="2" t="s">
        <v>1520</v>
      </c>
      <c r="L3138" s="5" t="s">
        <v>1519</v>
      </c>
      <c r="M3138" s="2" t="s">
        <v>1520</v>
      </c>
      <c r="N3138" s="5" t="s">
        <v>1521</v>
      </c>
      <c r="O3138" s="5" t="s">
        <v>38</v>
      </c>
      <c r="P3138" s="5" t="s">
        <v>39</v>
      </c>
      <c r="Q3138" s="5" t="s">
        <v>40</v>
      </c>
      <c r="R3138" s="5" t="s">
        <v>1522</v>
      </c>
      <c r="S3138" s="5" t="s">
        <v>1523</v>
      </c>
      <c r="T3138" s="5" t="s">
        <v>42</v>
      </c>
      <c r="U3138" s="2">
        <v>2.0169999999999999</v>
      </c>
      <c r="V3138" s="2">
        <v>1.613</v>
      </c>
      <c r="W3138" s="2">
        <v>1.0999999999999999E-2</v>
      </c>
      <c r="X3138" s="2">
        <v>139.1</v>
      </c>
      <c r="Y3138" s="2">
        <v>7.6</v>
      </c>
      <c r="Z3138" s="2">
        <v>10.6</v>
      </c>
      <c r="AA3138" s="5"/>
      <c r="AB3138" s="5" t="s">
        <v>43</v>
      </c>
      <c r="AC3138" s="5" t="s">
        <v>44</v>
      </c>
      <c r="AD3138" s="2"/>
      <c r="AE3138" s="1"/>
    </row>
    <row r="3139" spans="1:31" ht="14.45">
      <c r="A3139" s="11"/>
      <c r="B3139" s="20"/>
      <c r="C3139" s="2" t="s">
        <v>9870</v>
      </c>
      <c r="D3139" s="14" t="s">
        <v>9871</v>
      </c>
      <c r="E3139" s="2" t="s">
        <v>9872</v>
      </c>
      <c r="F3139" s="2" t="s">
        <v>7433</v>
      </c>
      <c r="G3139" s="8">
        <v>129</v>
      </c>
      <c r="H3139" s="5">
        <v>6</v>
      </c>
      <c r="I3139" s="5" t="s">
        <v>1518</v>
      </c>
      <c r="J3139" s="5" t="s">
        <v>1519</v>
      </c>
      <c r="K3139" s="2" t="s">
        <v>1520</v>
      </c>
      <c r="L3139" s="5" t="s">
        <v>1519</v>
      </c>
      <c r="M3139" s="2" t="s">
        <v>1520</v>
      </c>
      <c r="N3139" s="5" t="s">
        <v>1521</v>
      </c>
      <c r="O3139" s="5" t="s">
        <v>38</v>
      </c>
      <c r="P3139" s="5" t="s">
        <v>39</v>
      </c>
      <c r="Q3139" s="5" t="s">
        <v>40</v>
      </c>
      <c r="R3139" s="5" t="s">
        <v>1522</v>
      </c>
      <c r="S3139" s="5" t="s">
        <v>1523</v>
      </c>
      <c r="T3139" s="5" t="s">
        <v>42</v>
      </c>
      <c r="U3139" s="2">
        <v>1.9690000000000001</v>
      </c>
      <c r="V3139" s="2">
        <v>1.5649999999999999</v>
      </c>
      <c r="W3139" s="2">
        <v>1.0999999999999999E-2</v>
      </c>
      <c r="X3139" s="2">
        <v>139.1</v>
      </c>
      <c r="Y3139" s="2">
        <v>7.6</v>
      </c>
      <c r="Z3139" s="2">
        <v>10.6</v>
      </c>
      <c r="AA3139" s="5"/>
      <c r="AB3139" s="5" t="s">
        <v>43</v>
      </c>
      <c r="AC3139" s="5" t="s">
        <v>44</v>
      </c>
      <c r="AD3139" s="2"/>
      <c r="AE3139" s="1"/>
    </row>
    <row r="3140" spans="1:31" ht="14.45">
      <c r="A3140" s="11"/>
      <c r="B3140" s="20"/>
      <c r="C3140" s="2" t="s">
        <v>9873</v>
      </c>
      <c r="D3140" s="14" t="s">
        <v>9874</v>
      </c>
      <c r="E3140" s="2" t="s">
        <v>9875</v>
      </c>
      <c r="F3140" s="2" t="s">
        <v>7611</v>
      </c>
      <c r="G3140" s="8">
        <v>129</v>
      </c>
      <c r="H3140" s="5">
        <v>6</v>
      </c>
      <c r="I3140" s="5" t="s">
        <v>1518</v>
      </c>
      <c r="J3140" s="5" t="s">
        <v>1519</v>
      </c>
      <c r="K3140" s="2" t="s">
        <v>1520</v>
      </c>
      <c r="L3140" s="5" t="s">
        <v>1519</v>
      </c>
      <c r="M3140" s="2" t="s">
        <v>1520</v>
      </c>
      <c r="N3140" s="5" t="s">
        <v>1521</v>
      </c>
      <c r="O3140" s="5" t="s">
        <v>38</v>
      </c>
      <c r="P3140" s="5" t="s">
        <v>39</v>
      </c>
      <c r="Q3140" s="5" t="s">
        <v>40</v>
      </c>
      <c r="R3140" s="5" t="s">
        <v>1522</v>
      </c>
      <c r="S3140" s="5" t="s">
        <v>1523</v>
      </c>
      <c r="T3140" s="5" t="s">
        <v>42</v>
      </c>
      <c r="U3140" s="2">
        <v>2.0169999999999999</v>
      </c>
      <c r="V3140" s="2">
        <v>1.613</v>
      </c>
      <c r="W3140" s="2">
        <v>1.0999999999999999E-2</v>
      </c>
      <c r="X3140" s="2">
        <v>139.1</v>
      </c>
      <c r="Y3140" s="2">
        <v>7.6</v>
      </c>
      <c r="Z3140" s="2">
        <v>10.6</v>
      </c>
      <c r="AA3140" s="5"/>
      <c r="AB3140" s="5" t="s">
        <v>43</v>
      </c>
      <c r="AC3140" s="5" t="s">
        <v>44</v>
      </c>
      <c r="AD3140" s="2"/>
      <c r="AE3140" s="1"/>
    </row>
    <row r="3141" spans="1:31" ht="14.45">
      <c r="A3141" s="11"/>
      <c r="B3141" s="20"/>
      <c r="C3141" s="2" t="s">
        <v>9876</v>
      </c>
      <c r="D3141" s="14" t="s">
        <v>9877</v>
      </c>
      <c r="E3141" s="2" t="s">
        <v>9878</v>
      </c>
      <c r="F3141" s="2" t="s">
        <v>7615</v>
      </c>
      <c r="G3141" s="8">
        <v>129</v>
      </c>
      <c r="H3141" s="5">
        <v>6</v>
      </c>
      <c r="I3141" s="5" t="s">
        <v>1518</v>
      </c>
      <c r="J3141" s="5" t="s">
        <v>1519</v>
      </c>
      <c r="K3141" s="2" t="s">
        <v>1520</v>
      </c>
      <c r="L3141" s="5" t="s">
        <v>1519</v>
      </c>
      <c r="M3141" s="2" t="s">
        <v>1520</v>
      </c>
      <c r="N3141" s="5" t="s">
        <v>1521</v>
      </c>
      <c r="O3141" s="5" t="s">
        <v>38</v>
      </c>
      <c r="P3141" s="5" t="s">
        <v>39</v>
      </c>
      <c r="Q3141" s="5" t="s">
        <v>40</v>
      </c>
      <c r="R3141" s="5" t="s">
        <v>1522</v>
      </c>
      <c r="S3141" s="5" t="s">
        <v>1523</v>
      </c>
      <c r="T3141" s="5" t="s">
        <v>42</v>
      </c>
      <c r="U3141" s="2">
        <v>1.9419999999999999</v>
      </c>
      <c r="V3141" s="2">
        <v>1.538</v>
      </c>
      <c r="W3141" s="2">
        <v>1.0999999999999999E-2</v>
      </c>
      <c r="X3141" s="2">
        <v>139.1</v>
      </c>
      <c r="Y3141" s="2">
        <v>7.6</v>
      </c>
      <c r="Z3141" s="2">
        <v>10.6</v>
      </c>
      <c r="AA3141" s="5"/>
      <c r="AB3141" s="5" t="s">
        <v>43</v>
      </c>
      <c r="AC3141" s="5" t="s">
        <v>44</v>
      </c>
      <c r="AD3141" s="2"/>
      <c r="AE3141" s="1"/>
    </row>
    <row r="3142" spans="1:31" ht="14.45">
      <c r="A3142" s="11"/>
      <c r="B3142" s="20"/>
      <c r="C3142" s="2" t="s">
        <v>9879</v>
      </c>
      <c r="D3142" s="14" t="s">
        <v>9880</v>
      </c>
      <c r="E3142" s="2" t="s">
        <v>9881</v>
      </c>
      <c r="F3142" s="2" t="s">
        <v>7619</v>
      </c>
      <c r="G3142" s="8">
        <v>129</v>
      </c>
      <c r="H3142" s="5">
        <v>6</v>
      </c>
      <c r="I3142" s="5" t="s">
        <v>1518</v>
      </c>
      <c r="J3142" s="5" t="s">
        <v>1519</v>
      </c>
      <c r="K3142" s="2" t="s">
        <v>1520</v>
      </c>
      <c r="L3142" s="5" t="s">
        <v>1519</v>
      </c>
      <c r="M3142" s="2" t="s">
        <v>1520</v>
      </c>
      <c r="N3142" s="5" t="s">
        <v>1521</v>
      </c>
      <c r="O3142" s="5" t="s">
        <v>38</v>
      </c>
      <c r="P3142" s="5" t="s">
        <v>39</v>
      </c>
      <c r="Q3142" s="5" t="s">
        <v>40</v>
      </c>
      <c r="R3142" s="5" t="s">
        <v>1522</v>
      </c>
      <c r="S3142" s="5" t="s">
        <v>1523</v>
      </c>
      <c r="T3142" s="5" t="s">
        <v>42</v>
      </c>
      <c r="U3142" s="2">
        <v>1.99</v>
      </c>
      <c r="V3142" s="2">
        <v>1.5860000000000001</v>
      </c>
      <c r="W3142" s="2">
        <v>1.0999999999999999E-2</v>
      </c>
      <c r="X3142" s="2">
        <v>139.1</v>
      </c>
      <c r="Y3142" s="2">
        <v>7.6</v>
      </c>
      <c r="Z3142" s="2">
        <v>10.6</v>
      </c>
      <c r="AA3142" s="5"/>
      <c r="AB3142" s="5" t="s">
        <v>43</v>
      </c>
      <c r="AC3142" s="5" t="s">
        <v>44</v>
      </c>
      <c r="AD3142" s="2"/>
      <c r="AE3142" s="1"/>
    </row>
    <row r="3143" spans="1:31" ht="14.45">
      <c r="A3143" s="11"/>
      <c r="B3143" s="20"/>
      <c r="C3143" s="2" t="s">
        <v>9882</v>
      </c>
      <c r="D3143" s="14" t="s">
        <v>9883</v>
      </c>
      <c r="E3143" s="2" t="s">
        <v>9884</v>
      </c>
      <c r="F3143" s="2" t="s">
        <v>1823</v>
      </c>
      <c r="G3143" s="8">
        <v>129</v>
      </c>
      <c r="H3143" s="5">
        <v>18</v>
      </c>
      <c r="I3143" s="5" t="s">
        <v>1518</v>
      </c>
      <c r="J3143" s="5" t="s">
        <v>1519</v>
      </c>
      <c r="K3143" s="2" t="s">
        <v>1520</v>
      </c>
      <c r="L3143" s="5" t="s">
        <v>1519</v>
      </c>
      <c r="M3143" s="2" t="s">
        <v>1520</v>
      </c>
      <c r="N3143" s="5" t="s">
        <v>1521</v>
      </c>
      <c r="O3143" s="5" t="s">
        <v>38</v>
      </c>
      <c r="P3143" s="5" t="s">
        <v>39</v>
      </c>
      <c r="Q3143" s="5" t="s">
        <v>40</v>
      </c>
      <c r="R3143" s="5" t="s">
        <v>1522</v>
      </c>
      <c r="S3143" s="5" t="s">
        <v>1523</v>
      </c>
      <c r="T3143" s="5" t="s">
        <v>42</v>
      </c>
      <c r="U3143" s="2">
        <v>1.988</v>
      </c>
      <c r="V3143" s="2">
        <v>1.5840000000000001</v>
      </c>
      <c r="W3143" s="2">
        <v>1.0999999999999999E-2</v>
      </c>
      <c r="X3143" s="2">
        <v>139.1</v>
      </c>
      <c r="Y3143" s="2">
        <v>7.6</v>
      </c>
      <c r="Z3143" s="2">
        <v>10.6</v>
      </c>
      <c r="AA3143" s="5"/>
      <c r="AB3143" s="5" t="s">
        <v>43</v>
      </c>
      <c r="AC3143" s="5" t="s">
        <v>44</v>
      </c>
      <c r="AD3143" s="2"/>
      <c r="AE3143" s="1"/>
    </row>
    <row r="3144" spans="1:31" ht="14.45">
      <c r="A3144" s="11"/>
      <c r="B3144" s="20"/>
      <c r="C3144" s="2" t="s">
        <v>9885</v>
      </c>
      <c r="D3144" s="14" t="s">
        <v>9886</v>
      </c>
      <c r="E3144" s="2" t="s">
        <v>9887</v>
      </c>
      <c r="F3144" s="2" t="s">
        <v>1827</v>
      </c>
      <c r="G3144" s="8">
        <v>129</v>
      </c>
      <c r="H3144" s="5">
        <v>18</v>
      </c>
      <c r="I3144" s="5" t="s">
        <v>1518</v>
      </c>
      <c r="J3144" s="5" t="s">
        <v>1519</v>
      </c>
      <c r="K3144" s="2" t="s">
        <v>1520</v>
      </c>
      <c r="L3144" s="5" t="s">
        <v>1519</v>
      </c>
      <c r="M3144" s="2" t="s">
        <v>1520</v>
      </c>
      <c r="N3144" s="5" t="s">
        <v>1521</v>
      </c>
      <c r="O3144" s="5" t="s">
        <v>38</v>
      </c>
      <c r="P3144" s="5" t="s">
        <v>39</v>
      </c>
      <c r="Q3144" s="5" t="s">
        <v>40</v>
      </c>
      <c r="R3144" s="5" t="s">
        <v>1522</v>
      </c>
      <c r="S3144" s="5" t="s">
        <v>1523</v>
      </c>
      <c r="T3144" s="5" t="s">
        <v>42</v>
      </c>
      <c r="U3144" s="2">
        <v>2.036</v>
      </c>
      <c r="V3144" s="2">
        <v>1.6319999999999999</v>
      </c>
      <c r="W3144" s="2">
        <v>1.0999999999999999E-2</v>
      </c>
      <c r="X3144" s="2">
        <v>139.1</v>
      </c>
      <c r="Y3144" s="2">
        <v>7.6</v>
      </c>
      <c r="Z3144" s="2">
        <v>10.6</v>
      </c>
      <c r="AA3144" s="5"/>
      <c r="AB3144" s="5" t="s">
        <v>43</v>
      </c>
      <c r="AC3144" s="5" t="s">
        <v>44</v>
      </c>
      <c r="AD3144" s="2"/>
      <c r="AE3144" s="1"/>
    </row>
    <row r="3145" spans="1:31" ht="14.45">
      <c r="A3145" s="11"/>
      <c r="B3145" s="20"/>
      <c r="C3145" s="2" t="s">
        <v>9888</v>
      </c>
      <c r="D3145" s="14" t="s">
        <v>9889</v>
      </c>
      <c r="E3145" s="2" t="s">
        <v>9890</v>
      </c>
      <c r="F3145" s="2" t="s">
        <v>1973</v>
      </c>
      <c r="G3145" s="8">
        <v>129</v>
      </c>
      <c r="H3145" s="5">
        <v>18</v>
      </c>
      <c r="I3145" s="5" t="s">
        <v>1518</v>
      </c>
      <c r="J3145" s="5" t="s">
        <v>1519</v>
      </c>
      <c r="K3145" s="2" t="s">
        <v>1520</v>
      </c>
      <c r="L3145" s="5" t="s">
        <v>1519</v>
      </c>
      <c r="M3145" s="2" t="s">
        <v>1520</v>
      </c>
      <c r="N3145" s="5" t="s">
        <v>1521</v>
      </c>
      <c r="O3145" s="5" t="s">
        <v>38</v>
      </c>
      <c r="P3145" s="5" t="s">
        <v>39</v>
      </c>
      <c r="Q3145" s="5" t="s">
        <v>40</v>
      </c>
      <c r="R3145" s="5" t="s">
        <v>1522</v>
      </c>
      <c r="S3145" s="5" t="s">
        <v>1523</v>
      </c>
      <c r="T3145" s="5" t="s">
        <v>42</v>
      </c>
      <c r="U3145" s="2">
        <v>2.0110000000000001</v>
      </c>
      <c r="V3145" s="2">
        <v>1.607</v>
      </c>
      <c r="W3145" s="2">
        <v>1.0999999999999999E-2</v>
      </c>
      <c r="X3145" s="2">
        <v>139.1</v>
      </c>
      <c r="Y3145" s="2">
        <v>7.6</v>
      </c>
      <c r="Z3145" s="2">
        <v>10.6</v>
      </c>
      <c r="AA3145" s="5"/>
      <c r="AB3145" s="5" t="s">
        <v>43</v>
      </c>
      <c r="AC3145" s="5" t="s">
        <v>44</v>
      </c>
      <c r="AD3145" s="2"/>
      <c r="AE3145" s="1"/>
    </row>
    <row r="3146" spans="1:31" ht="14.45">
      <c r="A3146" s="11"/>
      <c r="B3146" s="20"/>
      <c r="C3146" s="2" t="s">
        <v>9891</v>
      </c>
      <c r="D3146" s="14" t="s">
        <v>9892</v>
      </c>
      <c r="E3146" s="2" t="s">
        <v>9893</v>
      </c>
      <c r="F3146" s="2" t="s">
        <v>2204</v>
      </c>
      <c r="G3146" s="8">
        <v>129</v>
      </c>
      <c r="H3146" s="5">
        <v>18</v>
      </c>
      <c r="I3146" s="5" t="s">
        <v>1518</v>
      </c>
      <c r="J3146" s="5" t="s">
        <v>1519</v>
      </c>
      <c r="K3146" s="2" t="s">
        <v>1520</v>
      </c>
      <c r="L3146" s="5" t="s">
        <v>1519</v>
      </c>
      <c r="M3146" s="2" t="s">
        <v>1520</v>
      </c>
      <c r="N3146" s="5" t="s">
        <v>1521</v>
      </c>
      <c r="O3146" s="5" t="s">
        <v>38</v>
      </c>
      <c r="P3146" s="5" t="s">
        <v>39</v>
      </c>
      <c r="Q3146" s="5" t="s">
        <v>40</v>
      </c>
      <c r="R3146" s="5" t="s">
        <v>1522</v>
      </c>
      <c r="S3146" s="5" t="s">
        <v>1523</v>
      </c>
      <c r="T3146" s="5" t="s">
        <v>42</v>
      </c>
      <c r="U3146" s="2">
        <v>2.0110000000000001</v>
      </c>
      <c r="V3146" s="2">
        <v>1.607</v>
      </c>
      <c r="W3146" s="2">
        <v>1.0999999999999999E-2</v>
      </c>
      <c r="X3146" s="2">
        <v>139.1</v>
      </c>
      <c r="Y3146" s="2">
        <v>7.6</v>
      </c>
      <c r="Z3146" s="2">
        <v>10.6</v>
      </c>
      <c r="AA3146" s="5"/>
      <c r="AB3146" s="5" t="s">
        <v>43</v>
      </c>
      <c r="AC3146" s="5" t="s">
        <v>44</v>
      </c>
      <c r="AD3146" s="2"/>
      <c r="AE3146" s="1"/>
    </row>
    <row r="3147" spans="1:31" ht="14.45">
      <c r="A3147" s="11"/>
      <c r="B3147" s="20"/>
      <c r="C3147" s="2" t="s">
        <v>9894</v>
      </c>
      <c r="D3147" s="14" t="s">
        <v>9895</v>
      </c>
      <c r="E3147" s="2" t="s">
        <v>9896</v>
      </c>
      <c r="F3147" s="2" t="s">
        <v>2724</v>
      </c>
      <c r="G3147" s="8">
        <v>129</v>
      </c>
      <c r="H3147" s="5">
        <v>18</v>
      </c>
      <c r="I3147" s="5" t="s">
        <v>1518</v>
      </c>
      <c r="J3147" s="5" t="s">
        <v>1519</v>
      </c>
      <c r="K3147" s="2" t="s">
        <v>1520</v>
      </c>
      <c r="L3147" s="5" t="s">
        <v>1519</v>
      </c>
      <c r="M3147" s="2" t="s">
        <v>1520</v>
      </c>
      <c r="N3147" s="5" t="s">
        <v>1521</v>
      </c>
      <c r="O3147" s="5" t="s">
        <v>38</v>
      </c>
      <c r="P3147" s="5" t="s">
        <v>39</v>
      </c>
      <c r="Q3147" s="5" t="s">
        <v>40</v>
      </c>
      <c r="R3147" s="5" t="s">
        <v>1522</v>
      </c>
      <c r="S3147" s="5" t="s">
        <v>1523</v>
      </c>
      <c r="T3147" s="5" t="s">
        <v>42</v>
      </c>
      <c r="U3147" s="2">
        <v>2.0590000000000002</v>
      </c>
      <c r="V3147" s="2">
        <v>1.655</v>
      </c>
      <c r="W3147" s="2">
        <v>1.0999999999999999E-2</v>
      </c>
      <c r="X3147" s="2">
        <v>139.1</v>
      </c>
      <c r="Y3147" s="2">
        <v>7.6</v>
      </c>
      <c r="Z3147" s="2">
        <v>10.6</v>
      </c>
      <c r="AA3147" s="5"/>
      <c r="AB3147" s="5" t="s">
        <v>43</v>
      </c>
      <c r="AC3147" s="5" t="s">
        <v>44</v>
      </c>
      <c r="AD3147" s="2"/>
      <c r="AE3147" s="1"/>
    </row>
    <row r="3148" spans="1:31" ht="14.45">
      <c r="A3148" s="11"/>
      <c r="B3148" s="20"/>
      <c r="C3148" s="2" t="s">
        <v>9897</v>
      </c>
      <c r="D3148" s="14" t="s">
        <v>9898</v>
      </c>
      <c r="E3148" s="2" t="s">
        <v>9899</v>
      </c>
      <c r="F3148" s="2" t="s">
        <v>2208</v>
      </c>
      <c r="G3148" s="8">
        <v>129</v>
      </c>
      <c r="H3148" s="5">
        <v>18</v>
      </c>
      <c r="I3148" s="5" t="s">
        <v>1518</v>
      </c>
      <c r="J3148" s="5" t="s">
        <v>1519</v>
      </c>
      <c r="K3148" s="2" t="s">
        <v>1520</v>
      </c>
      <c r="L3148" s="5" t="s">
        <v>1519</v>
      </c>
      <c r="M3148" s="2" t="s">
        <v>1520</v>
      </c>
      <c r="N3148" s="5" t="s">
        <v>1521</v>
      </c>
      <c r="O3148" s="5" t="s">
        <v>38</v>
      </c>
      <c r="P3148" s="5" t="s">
        <v>39</v>
      </c>
      <c r="Q3148" s="5" t="s">
        <v>40</v>
      </c>
      <c r="R3148" s="5" t="s">
        <v>1522</v>
      </c>
      <c r="S3148" s="5" t="s">
        <v>1523</v>
      </c>
      <c r="T3148" s="5" t="s">
        <v>42</v>
      </c>
      <c r="U3148" s="2">
        <v>2.0110000000000001</v>
      </c>
      <c r="V3148" s="2">
        <v>1.607</v>
      </c>
      <c r="W3148" s="2">
        <v>1.0999999999999999E-2</v>
      </c>
      <c r="X3148" s="2">
        <v>139.1</v>
      </c>
      <c r="Y3148" s="2">
        <v>7.6</v>
      </c>
      <c r="Z3148" s="2">
        <v>10.6</v>
      </c>
      <c r="AA3148" s="5"/>
      <c r="AB3148" s="5" t="s">
        <v>43</v>
      </c>
      <c r="AC3148" s="5" t="s">
        <v>44</v>
      </c>
      <c r="AD3148" s="2"/>
      <c r="AE3148" s="1"/>
    </row>
    <row r="3149" spans="1:31" ht="14.45">
      <c r="A3149" s="11"/>
      <c r="B3149" s="20"/>
      <c r="C3149" s="2" t="s">
        <v>9900</v>
      </c>
      <c r="D3149" s="14" t="s">
        <v>9901</v>
      </c>
      <c r="E3149" s="2" t="s">
        <v>9902</v>
      </c>
      <c r="F3149" s="2" t="s">
        <v>2212</v>
      </c>
      <c r="G3149" s="8">
        <v>129</v>
      </c>
      <c r="H3149" s="5">
        <v>18</v>
      </c>
      <c r="I3149" s="5" t="s">
        <v>1518</v>
      </c>
      <c r="J3149" s="5" t="s">
        <v>1519</v>
      </c>
      <c r="K3149" s="2" t="s">
        <v>1520</v>
      </c>
      <c r="L3149" s="5" t="s">
        <v>1519</v>
      </c>
      <c r="M3149" s="2" t="s">
        <v>1520</v>
      </c>
      <c r="N3149" s="5" t="s">
        <v>1521</v>
      </c>
      <c r="O3149" s="5" t="s">
        <v>38</v>
      </c>
      <c r="P3149" s="5" t="s">
        <v>39</v>
      </c>
      <c r="Q3149" s="5" t="s">
        <v>40</v>
      </c>
      <c r="R3149" s="5" t="s">
        <v>1522</v>
      </c>
      <c r="S3149" s="5" t="s">
        <v>1523</v>
      </c>
      <c r="T3149" s="5" t="s">
        <v>42</v>
      </c>
      <c r="U3149" s="2">
        <v>2.0590000000000002</v>
      </c>
      <c r="V3149" s="2">
        <v>1.655</v>
      </c>
      <c r="W3149" s="2">
        <v>1.0999999999999999E-2</v>
      </c>
      <c r="X3149" s="2">
        <v>139.1</v>
      </c>
      <c r="Y3149" s="2">
        <v>7.6</v>
      </c>
      <c r="Z3149" s="2">
        <v>10.6</v>
      </c>
      <c r="AA3149" s="5"/>
      <c r="AB3149" s="5" t="s">
        <v>43</v>
      </c>
      <c r="AC3149" s="5" t="s">
        <v>44</v>
      </c>
      <c r="AD3149" s="2"/>
      <c r="AE3149" s="1"/>
    </row>
    <row r="3150" spans="1:31" ht="14.45">
      <c r="A3150" s="11"/>
      <c r="B3150" s="20"/>
      <c r="C3150" s="2" t="s">
        <v>9903</v>
      </c>
      <c r="D3150" s="14" t="s">
        <v>9904</v>
      </c>
      <c r="E3150" s="2" t="s">
        <v>9905</v>
      </c>
      <c r="F3150" s="2" t="s">
        <v>1831</v>
      </c>
      <c r="G3150" s="8">
        <v>129</v>
      </c>
      <c r="H3150" s="5">
        <v>18</v>
      </c>
      <c r="I3150" s="5" t="s">
        <v>1518</v>
      </c>
      <c r="J3150" s="5" t="s">
        <v>1519</v>
      </c>
      <c r="K3150" s="2" t="s">
        <v>1520</v>
      </c>
      <c r="L3150" s="5" t="s">
        <v>1519</v>
      </c>
      <c r="M3150" s="2" t="s">
        <v>1520</v>
      </c>
      <c r="N3150" s="5" t="s">
        <v>1521</v>
      </c>
      <c r="O3150" s="5" t="s">
        <v>38</v>
      </c>
      <c r="P3150" s="5" t="s">
        <v>39</v>
      </c>
      <c r="Q3150" s="5" t="s">
        <v>40</v>
      </c>
      <c r="R3150" s="5" t="s">
        <v>1522</v>
      </c>
      <c r="S3150" s="5" t="s">
        <v>1523</v>
      </c>
      <c r="T3150" s="5" t="s">
        <v>42</v>
      </c>
      <c r="U3150" s="2">
        <v>2.0110000000000001</v>
      </c>
      <c r="V3150" s="2">
        <v>1.607</v>
      </c>
      <c r="W3150" s="2">
        <v>1.0999999999999999E-2</v>
      </c>
      <c r="X3150" s="2">
        <v>139.1</v>
      </c>
      <c r="Y3150" s="2">
        <v>7.6</v>
      </c>
      <c r="Z3150" s="2">
        <v>10.6</v>
      </c>
      <c r="AA3150" s="5"/>
      <c r="AB3150" s="5" t="s">
        <v>43</v>
      </c>
      <c r="AC3150" s="5" t="s">
        <v>44</v>
      </c>
      <c r="AD3150" s="2"/>
      <c r="AE3150" s="1"/>
    </row>
    <row r="3151" spans="1:31" ht="14.45">
      <c r="A3151" s="11"/>
      <c r="B3151" s="20"/>
      <c r="C3151" s="2" t="s">
        <v>9906</v>
      </c>
      <c r="D3151" s="14" t="s">
        <v>9907</v>
      </c>
      <c r="E3151" s="2" t="s">
        <v>9908</v>
      </c>
      <c r="F3151" s="2" t="s">
        <v>1835</v>
      </c>
      <c r="G3151" s="8">
        <v>129</v>
      </c>
      <c r="H3151" s="5">
        <v>18</v>
      </c>
      <c r="I3151" s="5" t="s">
        <v>1518</v>
      </c>
      <c r="J3151" s="5" t="s">
        <v>1519</v>
      </c>
      <c r="K3151" s="2" t="s">
        <v>1520</v>
      </c>
      <c r="L3151" s="5" t="s">
        <v>1519</v>
      </c>
      <c r="M3151" s="2" t="s">
        <v>1520</v>
      </c>
      <c r="N3151" s="5" t="s">
        <v>1521</v>
      </c>
      <c r="O3151" s="5" t="s">
        <v>38</v>
      </c>
      <c r="P3151" s="5" t="s">
        <v>39</v>
      </c>
      <c r="Q3151" s="5" t="s">
        <v>40</v>
      </c>
      <c r="R3151" s="5" t="s">
        <v>1522</v>
      </c>
      <c r="S3151" s="5" t="s">
        <v>1523</v>
      </c>
      <c r="T3151" s="5" t="s">
        <v>42</v>
      </c>
      <c r="U3151" s="2">
        <v>2.0590000000000002</v>
      </c>
      <c r="V3151" s="2">
        <v>1.655</v>
      </c>
      <c r="W3151" s="2">
        <v>1.0999999999999999E-2</v>
      </c>
      <c r="X3151" s="2">
        <v>139.1</v>
      </c>
      <c r="Y3151" s="2">
        <v>7.6</v>
      </c>
      <c r="Z3151" s="2">
        <v>10.6</v>
      </c>
      <c r="AA3151" s="5"/>
      <c r="AB3151" s="5" t="s">
        <v>43</v>
      </c>
      <c r="AC3151" s="5" t="s">
        <v>44</v>
      </c>
      <c r="AD3151" s="2"/>
      <c r="AE3151" s="1"/>
    </row>
    <row r="3152" spans="1:31" ht="14.45">
      <c r="A3152" s="11"/>
      <c r="B3152" s="20"/>
      <c r="C3152" s="2" t="s">
        <v>9909</v>
      </c>
      <c r="D3152" s="14" t="s">
        <v>9910</v>
      </c>
      <c r="E3152" s="2" t="s">
        <v>9911</v>
      </c>
      <c r="F3152" s="2" t="s">
        <v>1839</v>
      </c>
      <c r="G3152" s="8">
        <v>129</v>
      </c>
      <c r="H3152" s="5">
        <v>18</v>
      </c>
      <c r="I3152" s="5" t="s">
        <v>1518</v>
      </c>
      <c r="J3152" s="5" t="s">
        <v>1519</v>
      </c>
      <c r="K3152" s="2" t="s">
        <v>1520</v>
      </c>
      <c r="L3152" s="5" t="s">
        <v>1519</v>
      </c>
      <c r="M3152" s="2" t="s">
        <v>1520</v>
      </c>
      <c r="N3152" s="5" t="s">
        <v>1521</v>
      </c>
      <c r="O3152" s="5" t="s">
        <v>38</v>
      </c>
      <c r="P3152" s="5" t="s">
        <v>39</v>
      </c>
      <c r="Q3152" s="5" t="s">
        <v>40</v>
      </c>
      <c r="R3152" s="5" t="s">
        <v>1522</v>
      </c>
      <c r="S3152" s="5" t="s">
        <v>1523</v>
      </c>
      <c r="T3152" s="5" t="s">
        <v>42</v>
      </c>
      <c r="U3152" s="2">
        <v>2.0110000000000001</v>
      </c>
      <c r="V3152" s="2">
        <v>1.607</v>
      </c>
      <c r="W3152" s="2">
        <v>1.0999999999999999E-2</v>
      </c>
      <c r="X3152" s="2">
        <v>139.1</v>
      </c>
      <c r="Y3152" s="2">
        <v>7.6</v>
      </c>
      <c r="Z3152" s="2">
        <v>10.6</v>
      </c>
      <c r="AA3152" s="5"/>
      <c r="AB3152" s="5" t="s">
        <v>43</v>
      </c>
      <c r="AC3152" s="5" t="s">
        <v>44</v>
      </c>
      <c r="AD3152" s="2"/>
      <c r="AE3152" s="1"/>
    </row>
    <row r="3153" spans="1:31" ht="14.45">
      <c r="A3153" s="11"/>
      <c r="B3153" s="20"/>
      <c r="C3153" s="2" t="s">
        <v>9912</v>
      </c>
      <c r="D3153" s="14" t="s">
        <v>9913</v>
      </c>
      <c r="E3153" s="2" t="s">
        <v>9914</v>
      </c>
      <c r="F3153" s="2" t="s">
        <v>1843</v>
      </c>
      <c r="G3153" s="8">
        <v>129</v>
      </c>
      <c r="H3153" s="5">
        <v>18</v>
      </c>
      <c r="I3153" s="5" t="s">
        <v>1518</v>
      </c>
      <c r="J3153" s="5" t="s">
        <v>1519</v>
      </c>
      <c r="K3153" s="2" t="s">
        <v>1520</v>
      </c>
      <c r="L3153" s="5" t="s">
        <v>1519</v>
      </c>
      <c r="M3153" s="2" t="s">
        <v>1520</v>
      </c>
      <c r="N3153" s="5" t="s">
        <v>1521</v>
      </c>
      <c r="O3153" s="5" t="s">
        <v>38</v>
      </c>
      <c r="P3153" s="5" t="s">
        <v>39</v>
      </c>
      <c r="Q3153" s="5" t="s">
        <v>40</v>
      </c>
      <c r="R3153" s="5" t="s">
        <v>1522</v>
      </c>
      <c r="S3153" s="5" t="s">
        <v>1523</v>
      </c>
      <c r="T3153" s="5" t="s">
        <v>42</v>
      </c>
      <c r="U3153" s="2">
        <v>2.0110000000000001</v>
      </c>
      <c r="V3153" s="2">
        <v>1.607</v>
      </c>
      <c r="W3153" s="2">
        <v>1.0999999999999999E-2</v>
      </c>
      <c r="X3153" s="2">
        <v>139.1</v>
      </c>
      <c r="Y3153" s="2">
        <v>7.6</v>
      </c>
      <c r="Z3153" s="2">
        <v>10.6</v>
      </c>
      <c r="AA3153" s="5"/>
      <c r="AB3153" s="5" t="s">
        <v>43</v>
      </c>
      <c r="AC3153" s="5" t="s">
        <v>44</v>
      </c>
      <c r="AD3153" s="2"/>
      <c r="AE3153" s="1"/>
    </row>
    <row r="3154" spans="1:31" ht="14.45">
      <c r="A3154" s="11"/>
      <c r="B3154" s="20"/>
      <c r="C3154" s="2" t="s">
        <v>9915</v>
      </c>
      <c r="D3154" s="14" t="s">
        <v>9916</v>
      </c>
      <c r="E3154" s="2" t="s">
        <v>9917</v>
      </c>
      <c r="F3154" s="2" t="s">
        <v>1847</v>
      </c>
      <c r="G3154" s="8">
        <v>129</v>
      </c>
      <c r="H3154" s="5">
        <v>18</v>
      </c>
      <c r="I3154" s="5" t="s">
        <v>1518</v>
      </c>
      <c r="J3154" s="5" t="s">
        <v>1519</v>
      </c>
      <c r="K3154" s="2" t="s">
        <v>1520</v>
      </c>
      <c r="L3154" s="5" t="s">
        <v>1519</v>
      </c>
      <c r="M3154" s="2" t="s">
        <v>1520</v>
      </c>
      <c r="N3154" s="5" t="s">
        <v>1521</v>
      </c>
      <c r="O3154" s="5" t="s">
        <v>38</v>
      </c>
      <c r="P3154" s="5" t="s">
        <v>39</v>
      </c>
      <c r="Q3154" s="5" t="s">
        <v>40</v>
      </c>
      <c r="R3154" s="5" t="s">
        <v>1522</v>
      </c>
      <c r="S3154" s="5" t="s">
        <v>1523</v>
      </c>
      <c r="T3154" s="5" t="s">
        <v>42</v>
      </c>
      <c r="U3154" s="2">
        <v>2.0590000000000002</v>
      </c>
      <c r="V3154" s="2">
        <v>1.655</v>
      </c>
      <c r="W3154" s="2">
        <v>1.0999999999999999E-2</v>
      </c>
      <c r="X3154" s="2">
        <v>139.1</v>
      </c>
      <c r="Y3154" s="2">
        <v>7.6</v>
      </c>
      <c r="Z3154" s="2">
        <v>10.6</v>
      </c>
      <c r="AA3154" s="5"/>
      <c r="AB3154" s="5" t="s">
        <v>43</v>
      </c>
      <c r="AC3154" s="5" t="s">
        <v>44</v>
      </c>
      <c r="AD3154" s="2"/>
      <c r="AE3154" s="1"/>
    </row>
    <row r="3155" spans="1:31" ht="14.45">
      <c r="A3155" s="11"/>
      <c r="B3155" s="20"/>
      <c r="C3155" s="2" t="s">
        <v>9918</v>
      </c>
      <c r="D3155" s="14" t="s">
        <v>9919</v>
      </c>
      <c r="E3155" s="2" t="s">
        <v>9920</v>
      </c>
      <c r="F3155" s="2" t="s">
        <v>1851</v>
      </c>
      <c r="G3155" s="8">
        <v>129</v>
      </c>
      <c r="H3155" s="5">
        <v>18</v>
      </c>
      <c r="I3155" s="5" t="s">
        <v>1518</v>
      </c>
      <c r="J3155" s="5" t="s">
        <v>1519</v>
      </c>
      <c r="K3155" s="2" t="s">
        <v>1520</v>
      </c>
      <c r="L3155" s="5" t="s">
        <v>1519</v>
      </c>
      <c r="M3155" s="2" t="s">
        <v>1520</v>
      </c>
      <c r="N3155" s="5" t="s">
        <v>1521</v>
      </c>
      <c r="O3155" s="5" t="s">
        <v>38</v>
      </c>
      <c r="P3155" s="5" t="s">
        <v>39</v>
      </c>
      <c r="Q3155" s="5" t="s">
        <v>40</v>
      </c>
      <c r="R3155" s="5" t="s">
        <v>1522</v>
      </c>
      <c r="S3155" s="5" t="s">
        <v>1523</v>
      </c>
      <c r="T3155" s="5" t="s">
        <v>42</v>
      </c>
      <c r="U3155" s="2">
        <v>2.0110000000000001</v>
      </c>
      <c r="V3155" s="2">
        <v>1.607</v>
      </c>
      <c r="W3155" s="2">
        <v>1.0999999999999999E-2</v>
      </c>
      <c r="X3155" s="2">
        <v>139.1</v>
      </c>
      <c r="Y3155" s="2">
        <v>7.6</v>
      </c>
      <c r="Z3155" s="2">
        <v>10.6</v>
      </c>
      <c r="AA3155" s="5"/>
      <c r="AB3155" s="5" t="s">
        <v>43</v>
      </c>
      <c r="AC3155" s="5" t="s">
        <v>44</v>
      </c>
      <c r="AD3155" s="2"/>
      <c r="AE3155" s="1"/>
    </row>
    <row r="3156" spans="1:31" ht="14.45">
      <c r="A3156" s="11"/>
      <c r="B3156" s="20"/>
      <c r="C3156" s="2" t="s">
        <v>9921</v>
      </c>
      <c r="D3156" s="14" t="s">
        <v>9922</v>
      </c>
      <c r="E3156" s="2" t="s">
        <v>9923</v>
      </c>
      <c r="F3156" s="2" t="s">
        <v>1999</v>
      </c>
      <c r="G3156" s="8">
        <v>129</v>
      </c>
      <c r="H3156" s="5">
        <v>18</v>
      </c>
      <c r="I3156" s="5" t="s">
        <v>1518</v>
      </c>
      <c r="J3156" s="5" t="s">
        <v>1519</v>
      </c>
      <c r="K3156" s="2" t="s">
        <v>1520</v>
      </c>
      <c r="L3156" s="5" t="s">
        <v>1519</v>
      </c>
      <c r="M3156" s="2" t="s">
        <v>1520</v>
      </c>
      <c r="N3156" s="5" t="s">
        <v>1521</v>
      </c>
      <c r="O3156" s="5" t="s">
        <v>38</v>
      </c>
      <c r="P3156" s="5" t="s">
        <v>39</v>
      </c>
      <c r="Q3156" s="5" t="s">
        <v>40</v>
      </c>
      <c r="R3156" s="5" t="s">
        <v>1522</v>
      </c>
      <c r="S3156" s="5" t="s">
        <v>1523</v>
      </c>
      <c r="T3156" s="5" t="s">
        <v>42</v>
      </c>
      <c r="U3156" s="2">
        <v>2.0590000000000002</v>
      </c>
      <c r="V3156" s="2">
        <v>1.655</v>
      </c>
      <c r="W3156" s="2">
        <v>1.0999999999999999E-2</v>
      </c>
      <c r="X3156" s="2">
        <v>139.1</v>
      </c>
      <c r="Y3156" s="2">
        <v>7.6</v>
      </c>
      <c r="Z3156" s="2">
        <v>10.6</v>
      </c>
      <c r="AA3156" s="5"/>
      <c r="AB3156" s="5" t="s">
        <v>43</v>
      </c>
      <c r="AC3156" s="5" t="s">
        <v>44</v>
      </c>
      <c r="AD3156" s="2"/>
      <c r="AE3156" s="1"/>
    </row>
    <row r="3157" spans="1:31" ht="14.45">
      <c r="A3157" s="11"/>
      <c r="B3157" s="20"/>
      <c r="C3157" s="2" t="s">
        <v>9924</v>
      </c>
      <c r="D3157" s="14" t="s">
        <v>9925</v>
      </c>
      <c r="E3157" s="2" t="s">
        <v>9926</v>
      </c>
      <c r="F3157" s="2" t="s">
        <v>1859</v>
      </c>
      <c r="G3157" s="8">
        <v>129</v>
      </c>
      <c r="H3157" s="5">
        <v>18</v>
      </c>
      <c r="I3157" s="5" t="s">
        <v>1518</v>
      </c>
      <c r="J3157" s="5" t="s">
        <v>1519</v>
      </c>
      <c r="K3157" s="2" t="s">
        <v>1520</v>
      </c>
      <c r="L3157" s="5" t="s">
        <v>1519</v>
      </c>
      <c r="M3157" s="2" t="s">
        <v>1520</v>
      </c>
      <c r="N3157" s="5" t="s">
        <v>1521</v>
      </c>
      <c r="O3157" s="5" t="s">
        <v>38</v>
      </c>
      <c r="P3157" s="5" t="s">
        <v>39</v>
      </c>
      <c r="Q3157" s="5" t="s">
        <v>40</v>
      </c>
      <c r="R3157" s="5" t="s">
        <v>1522</v>
      </c>
      <c r="S3157" s="5" t="s">
        <v>1523</v>
      </c>
      <c r="T3157" s="5" t="s">
        <v>42</v>
      </c>
      <c r="U3157" s="2">
        <v>2.0590000000000002</v>
      </c>
      <c r="V3157" s="2">
        <v>1.655</v>
      </c>
      <c r="W3157" s="2">
        <v>1.0999999999999999E-2</v>
      </c>
      <c r="X3157" s="2">
        <v>139.1</v>
      </c>
      <c r="Y3157" s="2">
        <v>7.6</v>
      </c>
      <c r="Z3157" s="2">
        <v>10.6</v>
      </c>
      <c r="AA3157" s="5"/>
      <c r="AB3157" s="5" t="s">
        <v>43</v>
      </c>
      <c r="AC3157" s="5" t="s">
        <v>44</v>
      </c>
      <c r="AD3157" s="2"/>
      <c r="AE3157" s="1"/>
    </row>
    <row r="3158" spans="1:31" ht="14.45">
      <c r="A3158" s="11"/>
      <c r="B3158" s="20"/>
      <c r="C3158" s="2" t="s">
        <v>9927</v>
      </c>
      <c r="D3158" s="14" t="s">
        <v>9928</v>
      </c>
      <c r="E3158" s="2" t="s">
        <v>9929</v>
      </c>
      <c r="F3158" s="2" t="s">
        <v>1863</v>
      </c>
      <c r="G3158" s="8">
        <v>129</v>
      </c>
      <c r="H3158" s="5">
        <v>21</v>
      </c>
      <c r="I3158" s="5" t="s">
        <v>1518</v>
      </c>
      <c r="J3158" s="5" t="s">
        <v>1519</v>
      </c>
      <c r="K3158" s="2" t="s">
        <v>1520</v>
      </c>
      <c r="L3158" s="5" t="s">
        <v>1519</v>
      </c>
      <c r="M3158" s="2" t="s">
        <v>1520</v>
      </c>
      <c r="N3158" s="5" t="s">
        <v>1521</v>
      </c>
      <c r="O3158" s="5" t="s">
        <v>38</v>
      </c>
      <c r="P3158" s="5" t="s">
        <v>39</v>
      </c>
      <c r="Q3158" s="5" t="s">
        <v>40</v>
      </c>
      <c r="R3158" s="5" t="s">
        <v>1522</v>
      </c>
      <c r="S3158" s="5" t="s">
        <v>1523</v>
      </c>
      <c r="T3158" s="5" t="s">
        <v>42</v>
      </c>
      <c r="U3158" s="2">
        <v>1.9510000000000001</v>
      </c>
      <c r="V3158" s="2">
        <v>1.5449999999999999</v>
      </c>
      <c r="W3158" s="2">
        <v>1.0999999999999999E-2</v>
      </c>
      <c r="X3158" s="2">
        <v>139.1</v>
      </c>
      <c r="Y3158" s="2">
        <v>7.6</v>
      </c>
      <c r="Z3158" s="2">
        <v>10.6</v>
      </c>
      <c r="AA3158" s="5"/>
      <c r="AB3158" s="5" t="s">
        <v>43</v>
      </c>
      <c r="AC3158" s="5" t="s">
        <v>44</v>
      </c>
      <c r="AD3158" s="2"/>
      <c r="AE3158" s="1"/>
    </row>
    <row r="3159" spans="1:31" ht="14.45">
      <c r="A3159" s="11"/>
      <c r="B3159" s="20"/>
      <c r="C3159" s="2" t="s">
        <v>9930</v>
      </c>
      <c r="D3159" s="14" t="s">
        <v>9931</v>
      </c>
      <c r="E3159" s="2" t="s">
        <v>9932</v>
      </c>
      <c r="F3159" s="2" t="s">
        <v>1867</v>
      </c>
      <c r="G3159" s="8">
        <v>129</v>
      </c>
      <c r="H3159" s="5">
        <v>21</v>
      </c>
      <c r="I3159" s="5" t="s">
        <v>1518</v>
      </c>
      <c r="J3159" s="5" t="s">
        <v>1519</v>
      </c>
      <c r="K3159" s="2" t="s">
        <v>1520</v>
      </c>
      <c r="L3159" s="5" t="s">
        <v>1519</v>
      </c>
      <c r="M3159" s="2" t="s">
        <v>1520</v>
      </c>
      <c r="N3159" s="5" t="s">
        <v>1521</v>
      </c>
      <c r="O3159" s="5" t="s">
        <v>38</v>
      </c>
      <c r="P3159" s="5" t="s">
        <v>39</v>
      </c>
      <c r="Q3159" s="5" t="s">
        <v>40</v>
      </c>
      <c r="R3159" s="5" t="s">
        <v>1522</v>
      </c>
      <c r="S3159" s="5" t="s">
        <v>1523</v>
      </c>
      <c r="T3159" s="5" t="s">
        <v>42</v>
      </c>
      <c r="U3159" s="2">
        <v>1.9990000000000001</v>
      </c>
      <c r="V3159" s="2">
        <v>1.593</v>
      </c>
      <c r="W3159" s="2">
        <v>1.0999999999999999E-2</v>
      </c>
      <c r="X3159" s="2">
        <v>139.1</v>
      </c>
      <c r="Y3159" s="2">
        <v>7.6</v>
      </c>
      <c r="Z3159" s="2">
        <v>10.6</v>
      </c>
      <c r="AA3159" s="5"/>
      <c r="AB3159" s="5" t="s">
        <v>43</v>
      </c>
      <c r="AC3159" s="5" t="s">
        <v>44</v>
      </c>
      <c r="AD3159" s="2"/>
      <c r="AE3159" s="1"/>
    </row>
    <row r="3160" spans="1:31" ht="14.45">
      <c r="A3160" s="11"/>
      <c r="B3160" s="20"/>
      <c r="C3160" s="2" t="s">
        <v>9933</v>
      </c>
      <c r="D3160" s="14" t="s">
        <v>9934</v>
      </c>
      <c r="E3160" s="2" t="s">
        <v>9935</v>
      </c>
      <c r="F3160" s="2" t="s">
        <v>7563</v>
      </c>
      <c r="G3160" s="8">
        <v>139</v>
      </c>
      <c r="H3160" s="5">
        <v>6</v>
      </c>
      <c r="I3160" s="5" t="s">
        <v>1518</v>
      </c>
      <c r="J3160" s="5" t="s">
        <v>1519</v>
      </c>
      <c r="K3160" s="2" t="s">
        <v>1520</v>
      </c>
      <c r="L3160" s="5" t="s">
        <v>1519</v>
      </c>
      <c r="M3160" s="2" t="s">
        <v>1520</v>
      </c>
      <c r="N3160" s="5" t="s">
        <v>1521</v>
      </c>
      <c r="O3160" s="5" t="s">
        <v>38</v>
      </c>
      <c r="P3160" s="5" t="s">
        <v>39</v>
      </c>
      <c r="Q3160" s="5" t="s">
        <v>40</v>
      </c>
      <c r="R3160" s="5" t="s">
        <v>1522</v>
      </c>
      <c r="S3160" s="5" t="s">
        <v>1523</v>
      </c>
      <c r="T3160" s="5" t="s">
        <v>42</v>
      </c>
      <c r="U3160" s="2">
        <v>2.129</v>
      </c>
      <c r="V3160" s="2">
        <v>1.681</v>
      </c>
      <c r="W3160" s="2">
        <v>1.2999999999999999E-2</v>
      </c>
      <c r="X3160" s="2">
        <v>159.1</v>
      </c>
      <c r="Y3160" s="2">
        <v>7.6</v>
      </c>
      <c r="Z3160" s="2">
        <v>10.6</v>
      </c>
      <c r="AA3160" s="5"/>
      <c r="AB3160" s="5" t="s">
        <v>43</v>
      </c>
      <c r="AC3160" s="5" t="s">
        <v>44</v>
      </c>
      <c r="AD3160" s="2"/>
      <c r="AE3160" s="1"/>
    </row>
    <row r="3161" spans="1:31" ht="14.45">
      <c r="A3161" s="11"/>
      <c r="B3161" s="20"/>
      <c r="C3161" s="2" t="s">
        <v>9936</v>
      </c>
      <c r="D3161" s="14" t="s">
        <v>9937</v>
      </c>
      <c r="E3161" s="2" t="s">
        <v>9938</v>
      </c>
      <c r="F3161" s="2" t="s">
        <v>7567</v>
      </c>
      <c r="G3161" s="8">
        <v>139</v>
      </c>
      <c r="H3161" s="5">
        <v>6</v>
      </c>
      <c r="I3161" s="5" t="s">
        <v>1518</v>
      </c>
      <c r="J3161" s="5" t="s">
        <v>1519</v>
      </c>
      <c r="K3161" s="2" t="s">
        <v>1520</v>
      </c>
      <c r="L3161" s="5" t="s">
        <v>1519</v>
      </c>
      <c r="M3161" s="2" t="s">
        <v>1520</v>
      </c>
      <c r="N3161" s="5" t="s">
        <v>1521</v>
      </c>
      <c r="O3161" s="5" t="s">
        <v>38</v>
      </c>
      <c r="P3161" s="5" t="s">
        <v>39</v>
      </c>
      <c r="Q3161" s="5" t="s">
        <v>40</v>
      </c>
      <c r="R3161" s="5" t="s">
        <v>1522</v>
      </c>
      <c r="S3161" s="5" t="s">
        <v>1523</v>
      </c>
      <c r="T3161" s="5" t="s">
        <v>42</v>
      </c>
      <c r="U3161" s="2">
        <v>2.1819999999999999</v>
      </c>
      <c r="V3161" s="2">
        <v>1.734</v>
      </c>
      <c r="W3161" s="2">
        <v>1.2999999999999999E-2</v>
      </c>
      <c r="X3161" s="2">
        <v>159.1</v>
      </c>
      <c r="Y3161" s="2">
        <v>7.6</v>
      </c>
      <c r="Z3161" s="2">
        <v>10.6</v>
      </c>
      <c r="AA3161" s="5"/>
      <c r="AB3161" s="5" t="s">
        <v>43</v>
      </c>
      <c r="AC3161" s="5" t="s">
        <v>44</v>
      </c>
      <c r="AD3161" s="2"/>
      <c r="AE3161" s="1"/>
    </row>
    <row r="3162" spans="1:31" ht="14.45">
      <c r="A3162" s="11"/>
      <c r="B3162" s="20"/>
      <c r="C3162" s="2" t="s">
        <v>9939</v>
      </c>
      <c r="D3162" s="14" t="s">
        <v>9940</v>
      </c>
      <c r="E3162" s="2" t="s">
        <v>9941</v>
      </c>
      <c r="F3162" s="2" t="s">
        <v>7429</v>
      </c>
      <c r="G3162" s="8">
        <v>139</v>
      </c>
      <c r="H3162" s="5">
        <v>6</v>
      </c>
      <c r="I3162" s="5" t="s">
        <v>1518</v>
      </c>
      <c r="J3162" s="5" t="s">
        <v>1519</v>
      </c>
      <c r="K3162" s="2" t="s">
        <v>1520</v>
      </c>
      <c r="L3162" s="5" t="s">
        <v>1519</v>
      </c>
      <c r="M3162" s="2" t="s">
        <v>1520</v>
      </c>
      <c r="N3162" s="5" t="s">
        <v>1521</v>
      </c>
      <c r="O3162" s="5" t="s">
        <v>38</v>
      </c>
      <c r="P3162" s="5" t="s">
        <v>39</v>
      </c>
      <c r="Q3162" s="5" t="s">
        <v>40</v>
      </c>
      <c r="R3162" s="5" t="s">
        <v>1522</v>
      </c>
      <c r="S3162" s="5" t="s">
        <v>1523</v>
      </c>
      <c r="T3162" s="5" t="s">
        <v>42</v>
      </c>
      <c r="U3162" s="2">
        <v>2.129</v>
      </c>
      <c r="V3162" s="2">
        <v>1.681</v>
      </c>
      <c r="W3162" s="2">
        <v>1.2999999999999999E-2</v>
      </c>
      <c r="X3162" s="2">
        <v>159.1</v>
      </c>
      <c r="Y3162" s="2">
        <v>7.6</v>
      </c>
      <c r="Z3162" s="2">
        <v>10.6</v>
      </c>
      <c r="AA3162" s="5"/>
      <c r="AB3162" s="5" t="s">
        <v>43</v>
      </c>
      <c r="AC3162" s="5" t="s">
        <v>44</v>
      </c>
      <c r="AD3162" s="2"/>
      <c r="AE3162" s="1"/>
    </row>
    <row r="3163" spans="1:31" ht="14.45">
      <c r="A3163" s="11"/>
      <c r="B3163" s="20"/>
      <c r="C3163" s="2" t="s">
        <v>9942</v>
      </c>
      <c r="D3163" s="14" t="s">
        <v>9943</v>
      </c>
      <c r="E3163" s="2" t="s">
        <v>9944</v>
      </c>
      <c r="F3163" s="2" t="s">
        <v>7574</v>
      </c>
      <c r="G3163" s="8">
        <v>139</v>
      </c>
      <c r="H3163" s="5">
        <v>6</v>
      </c>
      <c r="I3163" s="5" t="s">
        <v>1518</v>
      </c>
      <c r="J3163" s="5" t="s">
        <v>1519</v>
      </c>
      <c r="K3163" s="2" t="s">
        <v>1520</v>
      </c>
      <c r="L3163" s="5" t="s">
        <v>1519</v>
      </c>
      <c r="M3163" s="2" t="s">
        <v>1520</v>
      </c>
      <c r="N3163" s="5" t="s">
        <v>1521</v>
      </c>
      <c r="O3163" s="5" t="s">
        <v>38</v>
      </c>
      <c r="P3163" s="5" t="s">
        <v>39</v>
      </c>
      <c r="Q3163" s="5" t="s">
        <v>40</v>
      </c>
      <c r="R3163" s="5" t="s">
        <v>1522</v>
      </c>
      <c r="S3163" s="5" t="s">
        <v>1523</v>
      </c>
      <c r="T3163" s="5" t="s">
        <v>42</v>
      </c>
      <c r="U3163" s="2">
        <v>2.1819999999999999</v>
      </c>
      <c r="V3163" s="2">
        <v>1.734</v>
      </c>
      <c r="W3163" s="2">
        <v>1.2999999999999999E-2</v>
      </c>
      <c r="X3163" s="2">
        <v>159.1</v>
      </c>
      <c r="Y3163" s="2">
        <v>7.6</v>
      </c>
      <c r="Z3163" s="2">
        <v>10.6</v>
      </c>
      <c r="AA3163" s="5"/>
      <c r="AB3163" s="5" t="s">
        <v>43</v>
      </c>
      <c r="AC3163" s="5" t="s">
        <v>44</v>
      </c>
      <c r="AD3163" s="2"/>
      <c r="AE3163" s="1"/>
    </row>
    <row r="3164" spans="1:31" ht="14.45">
      <c r="A3164" s="11"/>
      <c r="B3164" s="20"/>
      <c r="C3164" s="2" t="s">
        <v>9945</v>
      </c>
      <c r="D3164" s="14" t="s">
        <v>9946</v>
      </c>
      <c r="E3164" s="2" t="s">
        <v>9947</v>
      </c>
      <c r="F3164" s="2" t="s">
        <v>7449</v>
      </c>
      <c r="G3164" s="8">
        <v>139</v>
      </c>
      <c r="H3164" s="5">
        <v>6</v>
      </c>
      <c r="I3164" s="5" t="s">
        <v>1518</v>
      </c>
      <c r="J3164" s="5" t="s">
        <v>1519</v>
      </c>
      <c r="K3164" s="2" t="s">
        <v>1520</v>
      </c>
      <c r="L3164" s="5" t="s">
        <v>1519</v>
      </c>
      <c r="M3164" s="2" t="s">
        <v>1520</v>
      </c>
      <c r="N3164" s="5" t="s">
        <v>1521</v>
      </c>
      <c r="O3164" s="5" t="s">
        <v>38</v>
      </c>
      <c r="P3164" s="5" t="s">
        <v>39</v>
      </c>
      <c r="Q3164" s="5" t="s">
        <v>40</v>
      </c>
      <c r="R3164" s="5" t="s">
        <v>1522</v>
      </c>
      <c r="S3164" s="5" t="s">
        <v>1523</v>
      </c>
      <c r="T3164" s="5" t="s">
        <v>42</v>
      </c>
      <c r="U3164" s="2">
        <v>2.129</v>
      </c>
      <c r="V3164" s="2">
        <v>1.681</v>
      </c>
      <c r="W3164" s="2">
        <v>1.2999999999999999E-2</v>
      </c>
      <c r="X3164" s="2">
        <v>159.1</v>
      </c>
      <c r="Y3164" s="2">
        <v>7.6</v>
      </c>
      <c r="Z3164" s="2">
        <v>10.6</v>
      </c>
      <c r="AA3164" s="5"/>
      <c r="AB3164" s="5" t="s">
        <v>43</v>
      </c>
      <c r="AC3164" s="5" t="s">
        <v>44</v>
      </c>
      <c r="AD3164" s="2"/>
      <c r="AE3164" s="1"/>
    </row>
    <row r="3165" spans="1:31" ht="14.45">
      <c r="A3165" s="11"/>
      <c r="B3165" s="20"/>
      <c r="C3165" s="2" t="s">
        <v>9948</v>
      </c>
      <c r="D3165" s="14" t="s">
        <v>9949</v>
      </c>
      <c r="E3165" s="2" t="s">
        <v>9950</v>
      </c>
      <c r="F3165" s="2" t="s">
        <v>7581</v>
      </c>
      <c r="G3165" s="8">
        <v>139</v>
      </c>
      <c r="H3165" s="5">
        <v>6</v>
      </c>
      <c r="I3165" s="5" t="s">
        <v>1518</v>
      </c>
      <c r="J3165" s="5" t="s">
        <v>1519</v>
      </c>
      <c r="K3165" s="2" t="s">
        <v>1520</v>
      </c>
      <c r="L3165" s="5" t="s">
        <v>1519</v>
      </c>
      <c r="M3165" s="2" t="s">
        <v>1520</v>
      </c>
      <c r="N3165" s="5" t="s">
        <v>1521</v>
      </c>
      <c r="O3165" s="5" t="s">
        <v>38</v>
      </c>
      <c r="P3165" s="5" t="s">
        <v>39</v>
      </c>
      <c r="Q3165" s="5" t="s">
        <v>40</v>
      </c>
      <c r="R3165" s="5" t="s">
        <v>1522</v>
      </c>
      <c r="S3165" s="5" t="s">
        <v>1523</v>
      </c>
      <c r="T3165" s="5" t="s">
        <v>42</v>
      </c>
      <c r="U3165" s="2">
        <v>2.1819999999999999</v>
      </c>
      <c r="V3165" s="2">
        <v>1.734</v>
      </c>
      <c r="W3165" s="2">
        <v>1.2999999999999999E-2</v>
      </c>
      <c r="X3165" s="2">
        <v>159.1</v>
      </c>
      <c r="Y3165" s="2">
        <v>7.6</v>
      </c>
      <c r="Z3165" s="2">
        <v>10.6</v>
      </c>
      <c r="AA3165" s="5"/>
      <c r="AB3165" s="5" t="s">
        <v>43</v>
      </c>
      <c r="AC3165" s="5" t="s">
        <v>44</v>
      </c>
      <c r="AD3165" s="2"/>
      <c r="AE3165" s="1"/>
    </row>
    <row r="3166" spans="1:31" ht="14.45">
      <c r="A3166" s="11"/>
      <c r="B3166" s="20"/>
      <c r="C3166" s="2" t="s">
        <v>9951</v>
      </c>
      <c r="D3166" s="14" t="s">
        <v>9952</v>
      </c>
      <c r="E3166" s="2" t="s">
        <v>9953</v>
      </c>
      <c r="F3166" s="2" t="s">
        <v>7585</v>
      </c>
      <c r="G3166" s="8">
        <v>139</v>
      </c>
      <c r="H3166" s="5">
        <v>6</v>
      </c>
      <c r="I3166" s="5" t="s">
        <v>1518</v>
      </c>
      <c r="J3166" s="5" t="s">
        <v>1519</v>
      </c>
      <c r="K3166" s="2" t="s">
        <v>1520</v>
      </c>
      <c r="L3166" s="5" t="s">
        <v>1519</v>
      </c>
      <c r="M3166" s="2" t="s">
        <v>1520</v>
      </c>
      <c r="N3166" s="5" t="s">
        <v>1521</v>
      </c>
      <c r="O3166" s="5" t="s">
        <v>38</v>
      </c>
      <c r="P3166" s="5" t="s">
        <v>39</v>
      </c>
      <c r="Q3166" s="5" t="s">
        <v>40</v>
      </c>
      <c r="R3166" s="5" t="s">
        <v>1522</v>
      </c>
      <c r="S3166" s="5" t="s">
        <v>1523</v>
      </c>
      <c r="T3166" s="5" t="s">
        <v>42</v>
      </c>
      <c r="U3166" s="2">
        <v>2.0979999999999999</v>
      </c>
      <c r="V3166" s="2">
        <v>1.65</v>
      </c>
      <c r="W3166" s="2">
        <v>1.2999999999999999E-2</v>
      </c>
      <c r="X3166" s="2">
        <v>159.1</v>
      </c>
      <c r="Y3166" s="2">
        <v>7.6</v>
      </c>
      <c r="Z3166" s="2">
        <v>10.6</v>
      </c>
      <c r="AA3166" s="5"/>
      <c r="AB3166" s="5" t="s">
        <v>43</v>
      </c>
      <c r="AC3166" s="5" t="s">
        <v>44</v>
      </c>
      <c r="AD3166" s="2"/>
      <c r="AE3166" s="1"/>
    </row>
    <row r="3167" spans="1:31" ht="14.45">
      <c r="A3167" s="11"/>
      <c r="B3167" s="20"/>
      <c r="C3167" s="2" t="s">
        <v>9954</v>
      </c>
      <c r="D3167" s="14" t="s">
        <v>9955</v>
      </c>
      <c r="E3167" s="2" t="s">
        <v>9956</v>
      </c>
      <c r="F3167" s="2" t="s">
        <v>7589</v>
      </c>
      <c r="G3167" s="8">
        <v>139</v>
      </c>
      <c r="H3167" s="5">
        <v>6</v>
      </c>
      <c r="I3167" s="5" t="s">
        <v>1518</v>
      </c>
      <c r="J3167" s="5" t="s">
        <v>1519</v>
      </c>
      <c r="K3167" s="2" t="s">
        <v>1520</v>
      </c>
      <c r="L3167" s="5" t="s">
        <v>1519</v>
      </c>
      <c r="M3167" s="2" t="s">
        <v>1520</v>
      </c>
      <c r="N3167" s="5" t="s">
        <v>1521</v>
      </c>
      <c r="O3167" s="5" t="s">
        <v>38</v>
      </c>
      <c r="P3167" s="5" t="s">
        <v>39</v>
      </c>
      <c r="Q3167" s="5" t="s">
        <v>40</v>
      </c>
      <c r="R3167" s="5" t="s">
        <v>1522</v>
      </c>
      <c r="S3167" s="5" t="s">
        <v>1523</v>
      </c>
      <c r="T3167" s="5" t="s">
        <v>42</v>
      </c>
      <c r="U3167" s="2">
        <v>2.1509999999999998</v>
      </c>
      <c r="V3167" s="2">
        <v>1.7030000000000001</v>
      </c>
      <c r="W3167" s="2">
        <v>1.2999999999999999E-2</v>
      </c>
      <c r="X3167" s="2">
        <v>159.1</v>
      </c>
      <c r="Y3167" s="2">
        <v>7.6</v>
      </c>
      <c r="Z3167" s="2">
        <v>10.6</v>
      </c>
      <c r="AA3167" s="5"/>
      <c r="AB3167" s="5" t="s">
        <v>43</v>
      </c>
      <c r="AC3167" s="5" t="s">
        <v>44</v>
      </c>
      <c r="AD3167" s="2"/>
      <c r="AE3167" s="1"/>
    </row>
    <row r="3168" spans="1:31" ht="14.45">
      <c r="A3168" s="11"/>
      <c r="B3168" s="20"/>
      <c r="C3168" s="2" t="s">
        <v>9957</v>
      </c>
      <c r="D3168" s="14" t="s">
        <v>9958</v>
      </c>
      <c r="E3168" s="2" t="s">
        <v>9959</v>
      </c>
      <c r="F3168" s="2" t="s">
        <v>7593</v>
      </c>
      <c r="G3168" s="8">
        <v>139</v>
      </c>
      <c r="H3168" s="5">
        <v>6</v>
      </c>
      <c r="I3168" s="5" t="s">
        <v>1518</v>
      </c>
      <c r="J3168" s="5" t="s">
        <v>1519</v>
      </c>
      <c r="K3168" s="2" t="s">
        <v>1520</v>
      </c>
      <c r="L3168" s="5" t="s">
        <v>1519</v>
      </c>
      <c r="M3168" s="2" t="s">
        <v>1520</v>
      </c>
      <c r="N3168" s="5" t="s">
        <v>1521</v>
      </c>
      <c r="O3168" s="5" t="s">
        <v>38</v>
      </c>
      <c r="P3168" s="5" t="s">
        <v>39</v>
      </c>
      <c r="Q3168" s="5" t="s">
        <v>40</v>
      </c>
      <c r="R3168" s="5" t="s">
        <v>1522</v>
      </c>
      <c r="S3168" s="5" t="s">
        <v>1523</v>
      </c>
      <c r="T3168" s="5" t="s">
        <v>42</v>
      </c>
      <c r="U3168" s="2">
        <v>2.129</v>
      </c>
      <c r="V3168" s="2">
        <v>1.681</v>
      </c>
      <c r="W3168" s="2">
        <v>1.2999999999999999E-2</v>
      </c>
      <c r="X3168" s="2">
        <v>159.1</v>
      </c>
      <c r="Y3168" s="2">
        <v>7.6</v>
      </c>
      <c r="Z3168" s="2">
        <v>10.6</v>
      </c>
      <c r="AA3168" s="5"/>
      <c r="AB3168" s="5" t="s">
        <v>43</v>
      </c>
      <c r="AC3168" s="5" t="s">
        <v>44</v>
      </c>
      <c r="AD3168" s="2"/>
      <c r="AE3168" s="1"/>
    </row>
    <row r="3169" spans="1:31" ht="14.45">
      <c r="A3169" s="11"/>
      <c r="B3169" s="20"/>
      <c r="C3169" s="2" t="s">
        <v>9960</v>
      </c>
      <c r="D3169" s="14" t="s">
        <v>9961</v>
      </c>
      <c r="E3169" s="2" t="s">
        <v>9962</v>
      </c>
      <c r="F3169" s="2" t="s">
        <v>7410</v>
      </c>
      <c r="G3169" s="8">
        <v>139</v>
      </c>
      <c r="H3169" s="5">
        <v>6</v>
      </c>
      <c r="I3169" s="5" t="s">
        <v>1518</v>
      </c>
      <c r="J3169" s="5" t="s">
        <v>1519</v>
      </c>
      <c r="K3169" s="2" t="s">
        <v>1520</v>
      </c>
      <c r="L3169" s="5" t="s">
        <v>1519</v>
      </c>
      <c r="M3169" s="2" t="s">
        <v>1520</v>
      </c>
      <c r="N3169" s="5" t="s">
        <v>1521</v>
      </c>
      <c r="O3169" s="5" t="s">
        <v>38</v>
      </c>
      <c r="P3169" s="5" t="s">
        <v>39</v>
      </c>
      <c r="Q3169" s="5" t="s">
        <v>40</v>
      </c>
      <c r="R3169" s="5" t="s">
        <v>1522</v>
      </c>
      <c r="S3169" s="5" t="s">
        <v>1523</v>
      </c>
      <c r="T3169" s="5" t="s">
        <v>42</v>
      </c>
      <c r="U3169" s="2">
        <v>2.129</v>
      </c>
      <c r="V3169" s="2">
        <v>1.681</v>
      </c>
      <c r="W3169" s="2">
        <v>1.2999999999999999E-2</v>
      </c>
      <c r="X3169" s="2">
        <v>159.1</v>
      </c>
      <c r="Y3169" s="2">
        <v>7.6</v>
      </c>
      <c r="Z3169" s="2">
        <v>10.6</v>
      </c>
      <c r="AA3169" s="5"/>
      <c r="AB3169" s="5" t="s">
        <v>43</v>
      </c>
      <c r="AC3169" s="5" t="s">
        <v>44</v>
      </c>
      <c r="AD3169" s="2"/>
      <c r="AE3169" s="1"/>
    </row>
    <row r="3170" spans="1:31" ht="14.45">
      <c r="A3170" s="11"/>
      <c r="B3170" s="20"/>
      <c r="C3170" s="2" t="s">
        <v>9963</v>
      </c>
      <c r="D3170" s="14" t="s">
        <v>9964</v>
      </c>
      <c r="E3170" s="2" t="s">
        <v>9965</v>
      </c>
      <c r="F3170" s="2" t="s">
        <v>7604</v>
      </c>
      <c r="G3170" s="8">
        <v>139</v>
      </c>
      <c r="H3170" s="5">
        <v>6</v>
      </c>
      <c r="I3170" s="5" t="s">
        <v>1518</v>
      </c>
      <c r="J3170" s="5" t="s">
        <v>1519</v>
      </c>
      <c r="K3170" s="2" t="s">
        <v>1520</v>
      </c>
      <c r="L3170" s="5" t="s">
        <v>1519</v>
      </c>
      <c r="M3170" s="2" t="s">
        <v>1520</v>
      </c>
      <c r="N3170" s="5" t="s">
        <v>1521</v>
      </c>
      <c r="O3170" s="5" t="s">
        <v>38</v>
      </c>
      <c r="P3170" s="5" t="s">
        <v>39</v>
      </c>
      <c r="Q3170" s="5" t="s">
        <v>40</v>
      </c>
      <c r="R3170" s="5" t="s">
        <v>1522</v>
      </c>
      <c r="S3170" s="5" t="s">
        <v>1523</v>
      </c>
      <c r="T3170" s="5" t="s">
        <v>42</v>
      </c>
      <c r="U3170" s="2">
        <v>2.1819999999999999</v>
      </c>
      <c r="V3170" s="2">
        <v>1.734</v>
      </c>
      <c r="W3170" s="2">
        <v>1.2999999999999999E-2</v>
      </c>
      <c r="X3170" s="2">
        <v>159.1</v>
      </c>
      <c r="Y3170" s="2">
        <v>7.6</v>
      </c>
      <c r="Z3170" s="2">
        <v>10.6</v>
      </c>
      <c r="AA3170" s="5"/>
      <c r="AB3170" s="5" t="s">
        <v>43</v>
      </c>
      <c r="AC3170" s="5" t="s">
        <v>44</v>
      </c>
      <c r="AD3170" s="2"/>
      <c r="AE3170" s="1"/>
    </row>
    <row r="3171" spans="1:31" ht="14.45">
      <c r="A3171" s="11"/>
      <c r="B3171" s="20"/>
      <c r="C3171" s="2" t="s">
        <v>9966</v>
      </c>
      <c r="D3171" s="14" t="s">
        <v>9967</v>
      </c>
      <c r="E3171" s="2" t="s">
        <v>9968</v>
      </c>
      <c r="F3171" s="2" t="s">
        <v>7433</v>
      </c>
      <c r="G3171" s="8">
        <v>139</v>
      </c>
      <c r="H3171" s="5">
        <v>6</v>
      </c>
      <c r="I3171" s="5" t="s">
        <v>1518</v>
      </c>
      <c r="J3171" s="5" t="s">
        <v>1519</v>
      </c>
      <c r="K3171" s="2" t="s">
        <v>1520</v>
      </c>
      <c r="L3171" s="5" t="s">
        <v>1519</v>
      </c>
      <c r="M3171" s="2" t="s">
        <v>1520</v>
      </c>
      <c r="N3171" s="5" t="s">
        <v>1521</v>
      </c>
      <c r="O3171" s="5" t="s">
        <v>38</v>
      </c>
      <c r="P3171" s="5" t="s">
        <v>39</v>
      </c>
      <c r="Q3171" s="5" t="s">
        <v>40</v>
      </c>
      <c r="R3171" s="5" t="s">
        <v>1522</v>
      </c>
      <c r="S3171" s="5" t="s">
        <v>1523</v>
      </c>
      <c r="T3171" s="5" t="s">
        <v>42</v>
      </c>
      <c r="U3171" s="2">
        <v>2.129</v>
      </c>
      <c r="V3171" s="2">
        <v>1.681</v>
      </c>
      <c r="W3171" s="2">
        <v>1.2999999999999999E-2</v>
      </c>
      <c r="X3171" s="2">
        <v>159.1</v>
      </c>
      <c r="Y3171" s="2">
        <v>7.6</v>
      </c>
      <c r="Z3171" s="2">
        <v>10.6</v>
      </c>
      <c r="AA3171" s="5"/>
      <c r="AB3171" s="5" t="s">
        <v>43</v>
      </c>
      <c r="AC3171" s="5" t="s">
        <v>44</v>
      </c>
      <c r="AD3171" s="2"/>
      <c r="AE3171" s="1"/>
    </row>
    <row r="3172" spans="1:31" ht="14.45">
      <c r="A3172" s="11"/>
      <c r="B3172" s="20"/>
      <c r="C3172" s="2" t="s">
        <v>9969</v>
      </c>
      <c r="D3172" s="14" t="s">
        <v>9970</v>
      </c>
      <c r="E3172" s="2" t="s">
        <v>9971</v>
      </c>
      <c r="F3172" s="2" t="s">
        <v>7611</v>
      </c>
      <c r="G3172" s="8">
        <v>139</v>
      </c>
      <c r="H3172" s="5">
        <v>6</v>
      </c>
      <c r="I3172" s="5" t="s">
        <v>1518</v>
      </c>
      <c r="J3172" s="5" t="s">
        <v>1519</v>
      </c>
      <c r="K3172" s="2" t="s">
        <v>1520</v>
      </c>
      <c r="L3172" s="5" t="s">
        <v>1519</v>
      </c>
      <c r="M3172" s="2" t="s">
        <v>1520</v>
      </c>
      <c r="N3172" s="5" t="s">
        <v>1521</v>
      </c>
      <c r="O3172" s="5" t="s">
        <v>38</v>
      </c>
      <c r="P3172" s="5" t="s">
        <v>39</v>
      </c>
      <c r="Q3172" s="5" t="s">
        <v>40</v>
      </c>
      <c r="R3172" s="5" t="s">
        <v>1522</v>
      </c>
      <c r="S3172" s="5" t="s">
        <v>1523</v>
      </c>
      <c r="T3172" s="5" t="s">
        <v>42</v>
      </c>
      <c r="U3172" s="2">
        <v>2.1819999999999999</v>
      </c>
      <c r="V3172" s="2">
        <v>1.734</v>
      </c>
      <c r="W3172" s="2">
        <v>1.2999999999999999E-2</v>
      </c>
      <c r="X3172" s="2">
        <v>159.1</v>
      </c>
      <c r="Y3172" s="2">
        <v>7.6</v>
      </c>
      <c r="Z3172" s="2">
        <v>10.6</v>
      </c>
      <c r="AA3172" s="5"/>
      <c r="AB3172" s="5" t="s">
        <v>43</v>
      </c>
      <c r="AC3172" s="5" t="s">
        <v>44</v>
      </c>
      <c r="AD3172" s="2"/>
      <c r="AE3172" s="1"/>
    </row>
    <row r="3173" spans="1:31" ht="14.45">
      <c r="A3173" s="11"/>
      <c r="B3173" s="20"/>
      <c r="C3173" s="2" t="s">
        <v>9972</v>
      </c>
      <c r="D3173" s="14" t="s">
        <v>9973</v>
      </c>
      <c r="E3173" s="2" t="s">
        <v>9974</v>
      </c>
      <c r="F3173" s="2" t="s">
        <v>7615</v>
      </c>
      <c r="G3173" s="8">
        <v>139</v>
      </c>
      <c r="H3173" s="5">
        <v>6</v>
      </c>
      <c r="I3173" s="5" t="s">
        <v>1518</v>
      </c>
      <c r="J3173" s="5" t="s">
        <v>1519</v>
      </c>
      <c r="K3173" s="2" t="s">
        <v>1520</v>
      </c>
      <c r="L3173" s="5" t="s">
        <v>1519</v>
      </c>
      <c r="M3173" s="2" t="s">
        <v>1520</v>
      </c>
      <c r="N3173" s="5" t="s">
        <v>1521</v>
      </c>
      <c r="O3173" s="5" t="s">
        <v>38</v>
      </c>
      <c r="P3173" s="5" t="s">
        <v>39</v>
      </c>
      <c r="Q3173" s="5" t="s">
        <v>40</v>
      </c>
      <c r="R3173" s="5" t="s">
        <v>1522</v>
      </c>
      <c r="S3173" s="5" t="s">
        <v>1523</v>
      </c>
      <c r="T3173" s="5" t="s">
        <v>42</v>
      </c>
      <c r="U3173" s="2">
        <v>2.0979999999999999</v>
      </c>
      <c r="V3173" s="2">
        <v>1.65</v>
      </c>
      <c r="W3173" s="2">
        <v>1.2999999999999999E-2</v>
      </c>
      <c r="X3173" s="2">
        <v>159.1</v>
      </c>
      <c r="Y3173" s="2">
        <v>7.6</v>
      </c>
      <c r="Z3173" s="2">
        <v>10.6</v>
      </c>
      <c r="AA3173" s="5"/>
      <c r="AB3173" s="5" t="s">
        <v>43</v>
      </c>
      <c r="AC3173" s="5" t="s">
        <v>44</v>
      </c>
      <c r="AD3173" s="2"/>
      <c r="AE3173" s="1"/>
    </row>
    <row r="3174" spans="1:31" ht="14.45">
      <c r="A3174" s="11"/>
      <c r="B3174" s="20"/>
      <c r="C3174" s="2" t="s">
        <v>9975</v>
      </c>
      <c r="D3174" s="14" t="s">
        <v>9976</v>
      </c>
      <c r="E3174" s="2" t="s">
        <v>9977</v>
      </c>
      <c r="F3174" s="2" t="s">
        <v>7619</v>
      </c>
      <c r="G3174" s="8">
        <v>139</v>
      </c>
      <c r="H3174" s="5">
        <v>6</v>
      </c>
      <c r="I3174" s="5" t="s">
        <v>1518</v>
      </c>
      <c r="J3174" s="5" t="s">
        <v>1519</v>
      </c>
      <c r="K3174" s="2" t="s">
        <v>1520</v>
      </c>
      <c r="L3174" s="5" t="s">
        <v>1519</v>
      </c>
      <c r="M3174" s="2" t="s">
        <v>1520</v>
      </c>
      <c r="N3174" s="5" t="s">
        <v>1521</v>
      </c>
      <c r="O3174" s="5" t="s">
        <v>38</v>
      </c>
      <c r="P3174" s="5" t="s">
        <v>39</v>
      </c>
      <c r="Q3174" s="5" t="s">
        <v>40</v>
      </c>
      <c r="R3174" s="5" t="s">
        <v>1522</v>
      </c>
      <c r="S3174" s="5" t="s">
        <v>1523</v>
      </c>
      <c r="T3174" s="5" t="s">
        <v>42</v>
      </c>
      <c r="U3174" s="2">
        <v>2.1509999999999998</v>
      </c>
      <c r="V3174" s="2">
        <v>1.7030000000000001</v>
      </c>
      <c r="W3174" s="2">
        <v>1.2999999999999999E-2</v>
      </c>
      <c r="X3174" s="2">
        <v>159.1</v>
      </c>
      <c r="Y3174" s="2">
        <v>7.6</v>
      </c>
      <c r="Z3174" s="2">
        <v>10.6</v>
      </c>
      <c r="AA3174" s="5"/>
      <c r="AB3174" s="5" t="s">
        <v>43</v>
      </c>
      <c r="AC3174" s="5" t="s">
        <v>44</v>
      </c>
      <c r="AD3174" s="2"/>
      <c r="AE3174" s="1"/>
    </row>
    <row r="3175" spans="1:31" ht="14.45">
      <c r="A3175" s="11"/>
      <c r="B3175" s="20"/>
      <c r="C3175" s="2" t="s">
        <v>9978</v>
      </c>
      <c r="D3175" s="14" t="s">
        <v>9979</v>
      </c>
      <c r="E3175" s="2" t="s">
        <v>9980</v>
      </c>
      <c r="F3175" s="2" t="s">
        <v>7396</v>
      </c>
      <c r="G3175" s="8">
        <v>94</v>
      </c>
      <c r="H3175" s="5">
        <v>5</v>
      </c>
      <c r="I3175" s="5" t="s">
        <v>1518</v>
      </c>
      <c r="J3175" s="5" t="s">
        <v>1519</v>
      </c>
      <c r="K3175" s="2" t="s">
        <v>1520</v>
      </c>
      <c r="L3175" s="5" t="s">
        <v>1519</v>
      </c>
      <c r="M3175" s="2" t="s">
        <v>1520</v>
      </c>
      <c r="N3175" s="5" t="s">
        <v>1521</v>
      </c>
      <c r="O3175" s="5" t="s">
        <v>38</v>
      </c>
      <c r="P3175" s="5" t="s">
        <v>39</v>
      </c>
      <c r="Q3175" s="5" t="s">
        <v>40</v>
      </c>
      <c r="R3175" s="5" t="s">
        <v>1522</v>
      </c>
      <c r="S3175" s="5" t="s">
        <v>1523</v>
      </c>
      <c r="T3175" s="5" t="s">
        <v>42</v>
      </c>
      <c r="U3175" s="2">
        <v>1.2869999999999999</v>
      </c>
      <c r="V3175" s="2">
        <v>0.99399999999999999</v>
      </c>
      <c r="W3175" s="2">
        <v>7.0000000000000001E-3</v>
      </c>
      <c r="X3175" s="2">
        <v>82.9</v>
      </c>
      <c r="Y3175" s="2">
        <v>7.6</v>
      </c>
      <c r="Z3175" s="2">
        <v>10.6</v>
      </c>
      <c r="AA3175" s="5"/>
      <c r="AB3175" s="5" t="s">
        <v>43</v>
      </c>
      <c r="AC3175" s="5" t="s">
        <v>44</v>
      </c>
      <c r="AD3175" s="2"/>
      <c r="AE3175" s="1"/>
    </row>
    <row r="3176" spans="1:31" ht="14.45">
      <c r="A3176" s="11"/>
      <c r="B3176" s="20"/>
      <c r="C3176" s="2" t="s">
        <v>9981</v>
      </c>
      <c r="D3176" s="14" t="s">
        <v>9982</v>
      </c>
      <c r="E3176" s="2" t="s">
        <v>9983</v>
      </c>
      <c r="F3176" s="2" t="s">
        <v>7507</v>
      </c>
      <c r="G3176" s="8">
        <v>94</v>
      </c>
      <c r="H3176" s="5">
        <v>5</v>
      </c>
      <c r="I3176" s="5" t="s">
        <v>1518</v>
      </c>
      <c r="J3176" s="5" t="s">
        <v>1519</v>
      </c>
      <c r="K3176" s="2" t="s">
        <v>1520</v>
      </c>
      <c r="L3176" s="5" t="s">
        <v>1519</v>
      </c>
      <c r="M3176" s="2" t="s">
        <v>1520</v>
      </c>
      <c r="N3176" s="5" t="s">
        <v>1521</v>
      </c>
      <c r="O3176" s="5" t="s">
        <v>38</v>
      </c>
      <c r="P3176" s="5" t="s">
        <v>39</v>
      </c>
      <c r="Q3176" s="5" t="s">
        <v>40</v>
      </c>
      <c r="R3176" s="5" t="s">
        <v>1522</v>
      </c>
      <c r="S3176" s="5" t="s">
        <v>1523</v>
      </c>
      <c r="T3176" s="5" t="s">
        <v>42</v>
      </c>
      <c r="U3176" s="2">
        <v>1.3140000000000001</v>
      </c>
      <c r="V3176" s="2">
        <v>1.0209999999999999</v>
      </c>
      <c r="W3176" s="2">
        <v>7.0000000000000001E-3</v>
      </c>
      <c r="X3176" s="2">
        <v>82.9</v>
      </c>
      <c r="Y3176" s="2">
        <v>7.6</v>
      </c>
      <c r="Z3176" s="2">
        <v>10.6</v>
      </c>
      <c r="AA3176" s="5"/>
      <c r="AB3176" s="5" t="s">
        <v>43</v>
      </c>
      <c r="AC3176" s="5" t="s">
        <v>44</v>
      </c>
      <c r="AD3176" s="2"/>
      <c r="AE3176" s="1"/>
    </row>
    <row r="3177" spans="1:31" ht="14.45">
      <c r="A3177" s="11"/>
      <c r="B3177" s="20"/>
      <c r="C3177" s="2" t="s">
        <v>9984</v>
      </c>
      <c r="D3177" s="14" t="s">
        <v>9985</v>
      </c>
      <c r="E3177" s="2" t="s">
        <v>9986</v>
      </c>
      <c r="F3177" s="2" t="s">
        <v>7204</v>
      </c>
      <c r="G3177" s="8">
        <v>94</v>
      </c>
      <c r="H3177" s="5">
        <v>5</v>
      </c>
      <c r="I3177" s="5" t="s">
        <v>1518</v>
      </c>
      <c r="J3177" s="5" t="s">
        <v>1519</v>
      </c>
      <c r="K3177" s="2" t="s">
        <v>1520</v>
      </c>
      <c r="L3177" s="5" t="s">
        <v>1519</v>
      </c>
      <c r="M3177" s="2" t="s">
        <v>1520</v>
      </c>
      <c r="N3177" s="5" t="s">
        <v>1521</v>
      </c>
      <c r="O3177" s="5" t="s">
        <v>38</v>
      </c>
      <c r="P3177" s="5" t="s">
        <v>39</v>
      </c>
      <c r="Q3177" s="5" t="s">
        <v>40</v>
      </c>
      <c r="R3177" s="5" t="s">
        <v>1522</v>
      </c>
      <c r="S3177" s="5" t="s">
        <v>1523</v>
      </c>
      <c r="T3177" s="5" t="s">
        <v>42</v>
      </c>
      <c r="U3177" s="2">
        <v>1.29</v>
      </c>
      <c r="V3177" s="2">
        <v>0.997</v>
      </c>
      <c r="W3177" s="2">
        <v>7.0000000000000001E-3</v>
      </c>
      <c r="X3177" s="2">
        <v>82.9</v>
      </c>
      <c r="Y3177" s="2">
        <v>7.6</v>
      </c>
      <c r="Z3177" s="2">
        <v>10.6</v>
      </c>
      <c r="AA3177" s="5"/>
      <c r="AB3177" s="5" t="s">
        <v>43</v>
      </c>
      <c r="AC3177" s="5" t="s">
        <v>44</v>
      </c>
      <c r="AD3177" s="2"/>
      <c r="AE3177" s="1"/>
    </row>
    <row r="3178" spans="1:31" ht="14.45">
      <c r="A3178" s="11"/>
      <c r="B3178" s="20"/>
      <c r="C3178" s="2" t="s">
        <v>9987</v>
      </c>
      <c r="D3178" s="14" t="s">
        <v>9988</v>
      </c>
      <c r="E3178" s="2" t="s">
        <v>9989</v>
      </c>
      <c r="F3178" s="2" t="s">
        <v>7514</v>
      </c>
      <c r="G3178" s="8">
        <v>94</v>
      </c>
      <c r="H3178" s="5">
        <v>5</v>
      </c>
      <c r="I3178" s="5" t="s">
        <v>1518</v>
      </c>
      <c r="J3178" s="5" t="s">
        <v>1519</v>
      </c>
      <c r="K3178" s="2" t="s">
        <v>1520</v>
      </c>
      <c r="L3178" s="5" t="s">
        <v>1519</v>
      </c>
      <c r="M3178" s="2" t="s">
        <v>1520</v>
      </c>
      <c r="N3178" s="5" t="s">
        <v>1521</v>
      </c>
      <c r="O3178" s="5" t="s">
        <v>38</v>
      </c>
      <c r="P3178" s="5" t="s">
        <v>39</v>
      </c>
      <c r="Q3178" s="5" t="s">
        <v>40</v>
      </c>
      <c r="R3178" s="5" t="s">
        <v>1522</v>
      </c>
      <c r="S3178" s="5" t="s">
        <v>1523</v>
      </c>
      <c r="T3178" s="5" t="s">
        <v>42</v>
      </c>
      <c r="U3178" s="2">
        <v>1.3169999999999999</v>
      </c>
      <c r="V3178" s="2">
        <v>1.024</v>
      </c>
      <c r="W3178" s="2">
        <v>7.0000000000000001E-3</v>
      </c>
      <c r="X3178" s="2">
        <v>82.9</v>
      </c>
      <c r="Y3178" s="2">
        <v>7.6</v>
      </c>
      <c r="Z3178" s="2">
        <v>10.6</v>
      </c>
      <c r="AA3178" s="5"/>
      <c r="AB3178" s="5" t="s">
        <v>43</v>
      </c>
      <c r="AC3178" s="5" t="s">
        <v>44</v>
      </c>
      <c r="AD3178" s="2"/>
      <c r="AE3178" s="1"/>
    </row>
    <row r="3179" spans="1:31" ht="14.45">
      <c r="A3179" s="11"/>
      <c r="B3179" s="20"/>
      <c r="C3179" s="2" t="s">
        <v>9990</v>
      </c>
      <c r="D3179" s="14" t="s">
        <v>9991</v>
      </c>
      <c r="E3179" s="2" t="s">
        <v>9992</v>
      </c>
      <c r="F3179" s="2" t="s">
        <v>7208</v>
      </c>
      <c r="G3179" s="8">
        <v>94</v>
      </c>
      <c r="H3179" s="5">
        <v>5</v>
      </c>
      <c r="I3179" s="5" t="s">
        <v>1518</v>
      </c>
      <c r="J3179" s="5" t="s">
        <v>1519</v>
      </c>
      <c r="K3179" s="2" t="s">
        <v>1520</v>
      </c>
      <c r="L3179" s="5" t="s">
        <v>1519</v>
      </c>
      <c r="M3179" s="2" t="s">
        <v>1520</v>
      </c>
      <c r="N3179" s="5" t="s">
        <v>1521</v>
      </c>
      <c r="O3179" s="5" t="s">
        <v>38</v>
      </c>
      <c r="P3179" s="5" t="s">
        <v>39</v>
      </c>
      <c r="Q3179" s="5" t="s">
        <v>40</v>
      </c>
      <c r="R3179" s="5" t="s">
        <v>1522</v>
      </c>
      <c r="S3179" s="5" t="s">
        <v>1523</v>
      </c>
      <c r="T3179" s="5" t="s">
        <v>42</v>
      </c>
      <c r="U3179" s="2">
        <v>1.29</v>
      </c>
      <c r="V3179" s="2">
        <v>0.997</v>
      </c>
      <c r="W3179" s="2">
        <v>7.0000000000000001E-3</v>
      </c>
      <c r="X3179" s="2">
        <v>82.9</v>
      </c>
      <c r="Y3179" s="2">
        <v>7.6</v>
      </c>
      <c r="Z3179" s="2">
        <v>10.6</v>
      </c>
      <c r="AA3179" s="5"/>
      <c r="AB3179" s="5" t="s">
        <v>43</v>
      </c>
      <c r="AC3179" s="5" t="s">
        <v>44</v>
      </c>
      <c r="AD3179" s="2"/>
      <c r="AE3179" s="1"/>
    </row>
    <row r="3180" spans="1:31" ht="14.45">
      <c r="A3180" s="11"/>
      <c r="B3180" s="20"/>
      <c r="C3180" s="2" t="s">
        <v>9993</v>
      </c>
      <c r="D3180" s="14" t="s">
        <v>9994</v>
      </c>
      <c r="E3180" s="2" t="s">
        <v>9995</v>
      </c>
      <c r="F3180" s="2" t="s">
        <v>7521</v>
      </c>
      <c r="G3180" s="8">
        <v>94</v>
      </c>
      <c r="H3180" s="5">
        <v>5</v>
      </c>
      <c r="I3180" s="5" t="s">
        <v>1518</v>
      </c>
      <c r="J3180" s="5" t="s">
        <v>1519</v>
      </c>
      <c r="K3180" s="2" t="s">
        <v>1520</v>
      </c>
      <c r="L3180" s="5" t="s">
        <v>1519</v>
      </c>
      <c r="M3180" s="2" t="s">
        <v>1520</v>
      </c>
      <c r="N3180" s="5" t="s">
        <v>1521</v>
      </c>
      <c r="O3180" s="5" t="s">
        <v>38</v>
      </c>
      <c r="P3180" s="5" t="s">
        <v>39</v>
      </c>
      <c r="Q3180" s="5" t="s">
        <v>40</v>
      </c>
      <c r="R3180" s="5" t="s">
        <v>1522</v>
      </c>
      <c r="S3180" s="5" t="s">
        <v>1523</v>
      </c>
      <c r="T3180" s="5" t="s">
        <v>42</v>
      </c>
      <c r="U3180" s="2">
        <v>1.3169999999999999</v>
      </c>
      <c r="V3180" s="2">
        <v>1.024</v>
      </c>
      <c r="W3180" s="2">
        <v>7.0000000000000001E-3</v>
      </c>
      <c r="X3180" s="2">
        <v>82.9</v>
      </c>
      <c r="Y3180" s="2">
        <v>7.6</v>
      </c>
      <c r="Z3180" s="2">
        <v>10.6</v>
      </c>
      <c r="AA3180" s="5"/>
      <c r="AB3180" s="5" t="s">
        <v>43</v>
      </c>
      <c r="AC3180" s="5" t="s">
        <v>44</v>
      </c>
      <c r="AD3180" s="2"/>
      <c r="AE3180" s="1"/>
    </row>
    <row r="3181" spans="1:31" ht="14.45">
      <c r="A3181" s="11"/>
      <c r="B3181" s="20"/>
      <c r="C3181" s="2" t="s">
        <v>9996</v>
      </c>
      <c r="D3181" s="14" t="s">
        <v>9997</v>
      </c>
      <c r="E3181" s="2" t="s">
        <v>9998</v>
      </c>
      <c r="F3181" s="2" t="s">
        <v>7212</v>
      </c>
      <c r="G3181" s="8">
        <v>94</v>
      </c>
      <c r="H3181" s="5">
        <v>5</v>
      </c>
      <c r="I3181" s="5" t="s">
        <v>1518</v>
      </c>
      <c r="J3181" s="5" t="s">
        <v>1519</v>
      </c>
      <c r="K3181" s="2" t="s">
        <v>1520</v>
      </c>
      <c r="L3181" s="5" t="s">
        <v>1519</v>
      </c>
      <c r="M3181" s="2" t="s">
        <v>1520</v>
      </c>
      <c r="N3181" s="5" t="s">
        <v>1521</v>
      </c>
      <c r="O3181" s="5" t="s">
        <v>38</v>
      </c>
      <c r="P3181" s="5" t="s">
        <v>39</v>
      </c>
      <c r="Q3181" s="5" t="s">
        <v>40</v>
      </c>
      <c r="R3181" s="5" t="s">
        <v>1522</v>
      </c>
      <c r="S3181" s="5" t="s">
        <v>1523</v>
      </c>
      <c r="T3181" s="5" t="s">
        <v>42</v>
      </c>
      <c r="U3181" s="2">
        <v>1.2809999999999999</v>
      </c>
      <c r="V3181" s="2">
        <v>0.98799999999999999</v>
      </c>
      <c r="W3181" s="2">
        <v>7.0000000000000001E-3</v>
      </c>
      <c r="X3181" s="2">
        <v>82.9</v>
      </c>
      <c r="Y3181" s="2">
        <v>7.6</v>
      </c>
      <c r="Z3181" s="2">
        <v>10.6</v>
      </c>
      <c r="AA3181" s="5"/>
      <c r="AB3181" s="5" t="s">
        <v>43</v>
      </c>
      <c r="AC3181" s="5" t="s">
        <v>44</v>
      </c>
      <c r="AD3181" s="2"/>
      <c r="AE3181" s="1"/>
    </row>
    <row r="3182" spans="1:31" ht="14.45">
      <c r="A3182" s="11"/>
      <c r="B3182" s="20"/>
      <c r="C3182" s="2" t="s">
        <v>9999</v>
      </c>
      <c r="D3182" s="14" t="s">
        <v>10000</v>
      </c>
      <c r="E3182" s="2" t="s">
        <v>10001</v>
      </c>
      <c r="F3182" s="2" t="s">
        <v>7528</v>
      </c>
      <c r="G3182" s="8">
        <v>94</v>
      </c>
      <c r="H3182" s="5">
        <v>5</v>
      </c>
      <c r="I3182" s="5" t="s">
        <v>1518</v>
      </c>
      <c r="J3182" s="5" t="s">
        <v>1519</v>
      </c>
      <c r="K3182" s="2" t="s">
        <v>1520</v>
      </c>
      <c r="L3182" s="5" t="s">
        <v>1519</v>
      </c>
      <c r="M3182" s="2" t="s">
        <v>1520</v>
      </c>
      <c r="N3182" s="5" t="s">
        <v>1521</v>
      </c>
      <c r="O3182" s="5" t="s">
        <v>38</v>
      </c>
      <c r="P3182" s="5" t="s">
        <v>39</v>
      </c>
      <c r="Q3182" s="5" t="s">
        <v>40</v>
      </c>
      <c r="R3182" s="5" t="s">
        <v>1522</v>
      </c>
      <c r="S3182" s="5" t="s">
        <v>1523</v>
      </c>
      <c r="T3182" s="5" t="s">
        <v>42</v>
      </c>
      <c r="U3182" s="2">
        <v>1.3080000000000001</v>
      </c>
      <c r="V3182" s="2">
        <v>1.0149999999999999</v>
      </c>
      <c r="W3182" s="2">
        <v>7.0000000000000001E-3</v>
      </c>
      <c r="X3182" s="2">
        <v>82.9</v>
      </c>
      <c r="Y3182" s="2">
        <v>7.6</v>
      </c>
      <c r="Z3182" s="2">
        <v>10.6</v>
      </c>
      <c r="AA3182" s="5"/>
      <c r="AB3182" s="5" t="s">
        <v>43</v>
      </c>
      <c r="AC3182" s="5" t="s">
        <v>44</v>
      </c>
      <c r="AD3182" s="2"/>
      <c r="AE3182" s="1"/>
    </row>
    <row r="3183" spans="1:31" ht="14.45">
      <c r="A3183" s="11"/>
      <c r="B3183" s="20"/>
      <c r="C3183" s="2" t="s">
        <v>10002</v>
      </c>
      <c r="D3183" s="14" t="s">
        <v>10003</v>
      </c>
      <c r="E3183" s="2" t="s">
        <v>10004</v>
      </c>
      <c r="F3183" s="2" t="s">
        <v>7406</v>
      </c>
      <c r="G3183" s="8">
        <v>109</v>
      </c>
      <c r="H3183" s="5">
        <v>6</v>
      </c>
      <c r="I3183" s="5" t="s">
        <v>1518</v>
      </c>
      <c r="J3183" s="5" t="s">
        <v>1519</v>
      </c>
      <c r="K3183" s="2" t="s">
        <v>1520</v>
      </c>
      <c r="L3183" s="5" t="s">
        <v>1519</v>
      </c>
      <c r="M3183" s="2" t="s">
        <v>1520</v>
      </c>
      <c r="N3183" s="5" t="s">
        <v>1521</v>
      </c>
      <c r="O3183" s="5" t="s">
        <v>38</v>
      </c>
      <c r="P3183" s="5" t="s">
        <v>39</v>
      </c>
      <c r="Q3183" s="5" t="s">
        <v>40</v>
      </c>
      <c r="R3183" s="5" t="s">
        <v>1522</v>
      </c>
      <c r="S3183" s="5" t="s">
        <v>1523</v>
      </c>
      <c r="T3183" s="5" t="s">
        <v>42</v>
      </c>
      <c r="U3183" s="2">
        <v>1.2809999999999999</v>
      </c>
      <c r="V3183" s="2">
        <v>0.98799999999999999</v>
      </c>
      <c r="W3183" s="2">
        <v>7.0000000000000001E-3</v>
      </c>
      <c r="X3183" s="2">
        <v>82.9</v>
      </c>
      <c r="Y3183" s="2">
        <v>7.6</v>
      </c>
      <c r="Z3183" s="2">
        <v>10.6</v>
      </c>
      <c r="AA3183" s="5"/>
      <c r="AB3183" s="5" t="s">
        <v>43</v>
      </c>
      <c r="AC3183" s="5" t="s">
        <v>44</v>
      </c>
      <c r="AD3183" s="2"/>
      <c r="AE3183" s="1"/>
    </row>
    <row r="3184" spans="1:31" ht="14.45">
      <c r="A3184" s="11"/>
      <c r="B3184" s="20"/>
      <c r="C3184" s="2" t="s">
        <v>10005</v>
      </c>
      <c r="D3184" s="14" t="s">
        <v>10006</v>
      </c>
      <c r="E3184" s="2" t="s">
        <v>10007</v>
      </c>
      <c r="F3184" s="2" t="s">
        <v>7535</v>
      </c>
      <c r="G3184" s="8">
        <v>109</v>
      </c>
      <c r="H3184" s="5">
        <v>6</v>
      </c>
      <c r="I3184" s="5" t="s">
        <v>1518</v>
      </c>
      <c r="J3184" s="5" t="s">
        <v>1519</v>
      </c>
      <c r="K3184" s="2" t="s">
        <v>1520</v>
      </c>
      <c r="L3184" s="5" t="s">
        <v>1519</v>
      </c>
      <c r="M3184" s="2" t="s">
        <v>1520</v>
      </c>
      <c r="N3184" s="5" t="s">
        <v>1521</v>
      </c>
      <c r="O3184" s="5" t="s">
        <v>38</v>
      </c>
      <c r="P3184" s="5" t="s">
        <v>39</v>
      </c>
      <c r="Q3184" s="5" t="s">
        <v>40</v>
      </c>
      <c r="R3184" s="5" t="s">
        <v>1522</v>
      </c>
      <c r="S3184" s="5" t="s">
        <v>1523</v>
      </c>
      <c r="T3184" s="5" t="s">
        <v>42</v>
      </c>
      <c r="U3184" s="2">
        <v>1.3080000000000001</v>
      </c>
      <c r="V3184" s="2">
        <v>1.0149999999999999</v>
      </c>
      <c r="W3184" s="2">
        <v>7.0000000000000001E-3</v>
      </c>
      <c r="X3184" s="2">
        <v>82.9</v>
      </c>
      <c r="Y3184" s="2">
        <v>7.6</v>
      </c>
      <c r="Z3184" s="2">
        <v>10.6</v>
      </c>
      <c r="AA3184" s="5"/>
      <c r="AB3184" s="5" t="s">
        <v>43</v>
      </c>
      <c r="AC3184" s="5" t="s">
        <v>44</v>
      </c>
      <c r="AD3184" s="2"/>
      <c r="AE3184" s="1"/>
    </row>
    <row r="3185" spans="1:31" ht="14.45">
      <c r="A3185" s="11"/>
      <c r="B3185" s="20"/>
      <c r="C3185" s="2" t="s">
        <v>10008</v>
      </c>
      <c r="D3185" s="14" t="s">
        <v>10009</v>
      </c>
      <c r="E3185" s="2" t="s">
        <v>10010</v>
      </c>
      <c r="F3185" s="2" t="s">
        <v>7539</v>
      </c>
      <c r="G3185" s="8">
        <v>109</v>
      </c>
      <c r="H3185" s="5">
        <v>6</v>
      </c>
      <c r="I3185" s="5" t="s">
        <v>1518</v>
      </c>
      <c r="J3185" s="5" t="s">
        <v>1519</v>
      </c>
      <c r="K3185" s="2" t="s">
        <v>1520</v>
      </c>
      <c r="L3185" s="5" t="s">
        <v>1519</v>
      </c>
      <c r="M3185" s="2" t="s">
        <v>1520</v>
      </c>
      <c r="N3185" s="5" t="s">
        <v>1521</v>
      </c>
      <c r="O3185" s="5" t="s">
        <v>38</v>
      </c>
      <c r="P3185" s="5" t="s">
        <v>39</v>
      </c>
      <c r="Q3185" s="5" t="s">
        <v>40</v>
      </c>
      <c r="R3185" s="5" t="s">
        <v>1522</v>
      </c>
      <c r="S3185" s="5" t="s">
        <v>1523</v>
      </c>
      <c r="T3185" s="5" t="s">
        <v>42</v>
      </c>
      <c r="U3185" s="2">
        <v>1.29</v>
      </c>
      <c r="V3185" s="2">
        <v>0.997</v>
      </c>
      <c r="W3185" s="2">
        <v>7.0000000000000001E-3</v>
      </c>
      <c r="X3185" s="2">
        <v>82.9</v>
      </c>
      <c r="Y3185" s="2">
        <v>7.6</v>
      </c>
      <c r="Z3185" s="2">
        <v>10.6</v>
      </c>
      <c r="AA3185" s="5"/>
      <c r="AB3185" s="5" t="s">
        <v>43</v>
      </c>
      <c r="AC3185" s="5" t="s">
        <v>44</v>
      </c>
      <c r="AD3185" s="2"/>
      <c r="AE3185" s="1"/>
    </row>
    <row r="3186" spans="1:31" ht="14.45">
      <c r="A3186" s="11"/>
      <c r="B3186" s="20"/>
      <c r="C3186" s="2" t="s">
        <v>10011</v>
      </c>
      <c r="D3186" s="14" t="s">
        <v>10012</v>
      </c>
      <c r="E3186" s="2" t="s">
        <v>10013</v>
      </c>
      <c r="F3186" s="2" t="s">
        <v>7543</v>
      </c>
      <c r="G3186" s="8">
        <v>109</v>
      </c>
      <c r="H3186" s="5">
        <v>6</v>
      </c>
      <c r="I3186" s="5" t="s">
        <v>1518</v>
      </c>
      <c r="J3186" s="5" t="s">
        <v>1519</v>
      </c>
      <c r="K3186" s="2" t="s">
        <v>1520</v>
      </c>
      <c r="L3186" s="5" t="s">
        <v>1519</v>
      </c>
      <c r="M3186" s="2" t="s">
        <v>1520</v>
      </c>
      <c r="N3186" s="5" t="s">
        <v>1521</v>
      </c>
      <c r="O3186" s="5" t="s">
        <v>38</v>
      </c>
      <c r="P3186" s="5" t="s">
        <v>39</v>
      </c>
      <c r="Q3186" s="5" t="s">
        <v>40</v>
      </c>
      <c r="R3186" s="5" t="s">
        <v>1522</v>
      </c>
      <c r="S3186" s="5" t="s">
        <v>1523</v>
      </c>
      <c r="T3186" s="5" t="s">
        <v>42</v>
      </c>
      <c r="U3186" s="2">
        <v>1.3169999999999999</v>
      </c>
      <c r="V3186" s="2">
        <v>1.024</v>
      </c>
      <c r="W3186" s="2">
        <v>7.0000000000000001E-3</v>
      </c>
      <c r="X3186" s="2">
        <v>82.9</v>
      </c>
      <c r="Y3186" s="2">
        <v>7.6</v>
      </c>
      <c r="Z3186" s="2">
        <v>10.6</v>
      </c>
      <c r="AA3186" s="5"/>
      <c r="AB3186" s="5" t="s">
        <v>43</v>
      </c>
      <c r="AC3186" s="5" t="s">
        <v>44</v>
      </c>
      <c r="AD3186" s="2"/>
      <c r="AE3186" s="1"/>
    </row>
    <row r="3187" spans="1:31" ht="14.45">
      <c r="A3187" s="11"/>
      <c r="B3187" s="20"/>
      <c r="C3187" s="2" t="s">
        <v>10014</v>
      </c>
      <c r="D3187" s="14" t="s">
        <v>10015</v>
      </c>
      <c r="E3187" s="2" t="s">
        <v>10016</v>
      </c>
      <c r="F3187" s="2" t="s">
        <v>7547</v>
      </c>
      <c r="G3187" s="8">
        <v>109</v>
      </c>
      <c r="H3187" s="5">
        <v>6</v>
      </c>
      <c r="I3187" s="5" t="s">
        <v>1518</v>
      </c>
      <c r="J3187" s="5" t="s">
        <v>1519</v>
      </c>
      <c r="K3187" s="2" t="s">
        <v>1520</v>
      </c>
      <c r="L3187" s="5" t="s">
        <v>1519</v>
      </c>
      <c r="M3187" s="2" t="s">
        <v>1520</v>
      </c>
      <c r="N3187" s="5" t="s">
        <v>1521</v>
      </c>
      <c r="O3187" s="5" t="s">
        <v>38</v>
      </c>
      <c r="P3187" s="5" t="s">
        <v>39</v>
      </c>
      <c r="Q3187" s="5" t="s">
        <v>40</v>
      </c>
      <c r="R3187" s="5" t="s">
        <v>1522</v>
      </c>
      <c r="S3187" s="5" t="s">
        <v>1523</v>
      </c>
      <c r="T3187" s="5" t="s">
        <v>42</v>
      </c>
      <c r="U3187" s="2">
        <v>1.2809999999999999</v>
      </c>
      <c r="V3187" s="2">
        <v>0.98799999999999999</v>
      </c>
      <c r="W3187" s="2">
        <v>7.0000000000000001E-3</v>
      </c>
      <c r="X3187" s="2">
        <v>82.9</v>
      </c>
      <c r="Y3187" s="2">
        <v>7.6</v>
      </c>
      <c r="Z3187" s="2">
        <v>10.6</v>
      </c>
      <c r="AA3187" s="5"/>
      <c r="AB3187" s="5" t="s">
        <v>43</v>
      </c>
      <c r="AC3187" s="5" t="s">
        <v>44</v>
      </c>
      <c r="AD3187" s="2"/>
      <c r="AE3187" s="1"/>
    </row>
    <row r="3188" spans="1:31" ht="14.45">
      <c r="A3188" s="11"/>
      <c r="B3188" s="20"/>
      <c r="C3188" s="2" t="s">
        <v>10017</v>
      </c>
      <c r="D3188" s="14" t="s">
        <v>10018</v>
      </c>
      <c r="E3188" s="2" t="s">
        <v>10019</v>
      </c>
      <c r="F3188" s="2" t="s">
        <v>7551</v>
      </c>
      <c r="G3188" s="8">
        <v>109</v>
      </c>
      <c r="H3188" s="5">
        <v>6</v>
      </c>
      <c r="I3188" s="5" t="s">
        <v>1518</v>
      </c>
      <c r="J3188" s="5" t="s">
        <v>1519</v>
      </c>
      <c r="K3188" s="2" t="s">
        <v>1520</v>
      </c>
      <c r="L3188" s="5" t="s">
        <v>1519</v>
      </c>
      <c r="M3188" s="2" t="s">
        <v>1520</v>
      </c>
      <c r="N3188" s="5" t="s">
        <v>1521</v>
      </c>
      <c r="O3188" s="5" t="s">
        <v>38</v>
      </c>
      <c r="P3188" s="5" t="s">
        <v>39</v>
      </c>
      <c r="Q3188" s="5" t="s">
        <v>40</v>
      </c>
      <c r="R3188" s="5" t="s">
        <v>1522</v>
      </c>
      <c r="S3188" s="5" t="s">
        <v>1523</v>
      </c>
      <c r="T3188" s="5" t="s">
        <v>42</v>
      </c>
      <c r="U3188" s="2">
        <v>1.3080000000000001</v>
      </c>
      <c r="V3188" s="2">
        <v>1.0149999999999999</v>
      </c>
      <c r="W3188" s="2">
        <v>7.0000000000000001E-3</v>
      </c>
      <c r="X3188" s="2">
        <v>82.9</v>
      </c>
      <c r="Y3188" s="2">
        <v>7.6</v>
      </c>
      <c r="Z3188" s="2">
        <v>10.6</v>
      </c>
      <c r="AA3188" s="5"/>
      <c r="AB3188" s="5" t="s">
        <v>43</v>
      </c>
      <c r="AC3188" s="5" t="s">
        <v>44</v>
      </c>
      <c r="AD3188" s="2"/>
      <c r="AE3188" s="1"/>
    </row>
    <row r="3189" spans="1:31" ht="14.45">
      <c r="A3189" s="11"/>
      <c r="B3189" s="20"/>
      <c r="C3189" s="2" t="s">
        <v>10020</v>
      </c>
      <c r="D3189" s="14" t="s">
        <v>10021</v>
      </c>
      <c r="E3189" s="2" t="s">
        <v>10022</v>
      </c>
      <c r="F3189" s="2" t="s">
        <v>7555</v>
      </c>
      <c r="G3189" s="8">
        <v>109</v>
      </c>
      <c r="H3189" s="5">
        <v>6</v>
      </c>
      <c r="I3189" s="5" t="s">
        <v>1518</v>
      </c>
      <c r="J3189" s="5" t="s">
        <v>1519</v>
      </c>
      <c r="K3189" s="2" t="s">
        <v>1520</v>
      </c>
      <c r="L3189" s="5" t="s">
        <v>1519</v>
      </c>
      <c r="M3189" s="2" t="s">
        <v>1520</v>
      </c>
      <c r="N3189" s="5" t="s">
        <v>1521</v>
      </c>
      <c r="O3189" s="5" t="s">
        <v>38</v>
      </c>
      <c r="P3189" s="5" t="s">
        <v>39</v>
      </c>
      <c r="Q3189" s="5" t="s">
        <v>40</v>
      </c>
      <c r="R3189" s="5" t="s">
        <v>1522</v>
      </c>
      <c r="S3189" s="5" t="s">
        <v>1523</v>
      </c>
      <c r="T3189" s="5" t="s">
        <v>42</v>
      </c>
      <c r="U3189" s="2">
        <v>1.2809999999999999</v>
      </c>
      <c r="V3189" s="2">
        <v>0.98799999999999999</v>
      </c>
      <c r="W3189" s="2">
        <v>7.0000000000000001E-3</v>
      </c>
      <c r="X3189" s="2">
        <v>82.9</v>
      </c>
      <c r="Y3189" s="2">
        <v>7.6</v>
      </c>
      <c r="Z3189" s="2">
        <v>10.6</v>
      </c>
      <c r="AA3189" s="5"/>
      <c r="AB3189" s="5" t="s">
        <v>43</v>
      </c>
      <c r="AC3189" s="5" t="s">
        <v>44</v>
      </c>
      <c r="AD3189" s="2"/>
      <c r="AE3189" s="1"/>
    </row>
    <row r="3190" spans="1:31" ht="14.45">
      <c r="A3190" s="11"/>
      <c r="B3190" s="20"/>
      <c r="C3190" s="2" t="s">
        <v>10023</v>
      </c>
      <c r="D3190" s="14" t="s">
        <v>10024</v>
      </c>
      <c r="E3190" s="2" t="s">
        <v>10025</v>
      </c>
      <c r="F3190" s="2" t="s">
        <v>7559</v>
      </c>
      <c r="G3190" s="8">
        <v>109</v>
      </c>
      <c r="H3190" s="5">
        <v>6</v>
      </c>
      <c r="I3190" s="5" t="s">
        <v>1518</v>
      </c>
      <c r="J3190" s="5" t="s">
        <v>1519</v>
      </c>
      <c r="K3190" s="2" t="s">
        <v>1520</v>
      </c>
      <c r="L3190" s="5" t="s">
        <v>1519</v>
      </c>
      <c r="M3190" s="2" t="s">
        <v>1520</v>
      </c>
      <c r="N3190" s="5" t="s">
        <v>1521</v>
      </c>
      <c r="O3190" s="5" t="s">
        <v>38</v>
      </c>
      <c r="P3190" s="5" t="s">
        <v>39</v>
      </c>
      <c r="Q3190" s="5" t="s">
        <v>40</v>
      </c>
      <c r="R3190" s="5" t="s">
        <v>1522</v>
      </c>
      <c r="S3190" s="5" t="s">
        <v>1523</v>
      </c>
      <c r="T3190" s="5" t="s">
        <v>42</v>
      </c>
      <c r="U3190" s="2">
        <v>1.3080000000000001</v>
      </c>
      <c r="V3190" s="2">
        <v>1.0149999999999999</v>
      </c>
      <c r="W3190" s="2">
        <v>7.0000000000000001E-3</v>
      </c>
      <c r="X3190" s="2">
        <v>82.9</v>
      </c>
      <c r="Y3190" s="2">
        <v>7.6</v>
      </c>
      <c r="Z3190" s="2">
        <v>10.6</v>
      </c>
      <c r="AA3190" s="5"/>
      <c r="AB3190" s="5" t="s">
        <v>43</v>
      </c>
      <c r="AC3190" s="5" t="s">
        <v>44</v>
      </c>
      <c r="AD3190" s="2"/>
      <c r="AE3190" s="1"/>
    </row>
    <row r="3191" spans="1:31" ht="14.45">
      <c r="A3191" s="11"/>
      <c r="B3191" s="20"/>
      <c r="C3191" s="2" t="s">
        <v>10026</v>
      </c>
      <c r="D3191" s="14" t="s">
        <v>10027</v>
      </c>
      <c r="E3191" s="2" t="s">
        <v>10028</v>
      </c>
      <c r="F3191" s="2" t="s">
        <v>7563</v>
      </c>
      <c r="G3191" s="8">
        <v>109</v>
      </c>
      <c r="H3191" s="5">
        <v>6</v>
      </c>
      <c r="I3191" s="5" t="s">
        <v>1518</v>
      </c>
      <c r="J3191" s="5" t="s">
        <v>1519</v>
      </c>
      <c r="K3191" s="2" t="s">
        <v>1520</v>
      </c>
      <c r="L3191" s="5" t="s">
        <v>1519</v>
      </c>
      <c r="M3191" s="2" t="s">
        <v>1520</v>
      </c>
      <c r="N3191" s="5" t="s">
        <v>1521</v>
      </c>
      <c r="O3191" s="5" t="s">
        <v>38</v>
      </c>
      <c r="P3191" s="5" t="s">
        <v>39</v>
      </c>
      <c r="Q3191" s="5" t="s">
        <v>40</v>
      </c>
      <c r="R3191" s="5" t="s">
        <v>1522</v>
      </c>
      <c r="S3191" s="5" t="s">
        <v>1523</v>
      </c>
      <c r="T3191" s="5" t="s">
        <v>42</v>
      </c>
      <c r="U3191" s="2">
        <v>1.29</v>
      </c>
      <c r="V3191" s="2">
        <v>0.997</v>
      </c>
      <c r="W3191" s="2">
        <v>7.0000000000000001E-3</v>
      </c>
      <c r="X3191" s="2">
        <v>82.9</v>
      </c>
      <c r="Y3191" s="2">
        <v>7.6</v>
      </c>
      <c r="Z3191" s="2">
        <v>10.6</v>
      </c>
      <c r="AA3191" s="5"/>
      <c r="AB3191" s="5" t="s">
        <v>43</v>
      </c>
      <c r="AC3191" s="5" t="s">
        <v>44</v>
      </c>
      <c r="AD3191" s="2"/>
      <c r="AE3191" s="1"/>
    </row>
    <row r="3192" spans="1:31" ht="14.45">
      <c r="A3192" s="11"/>
      <c r="B3192" s="20"/>
      <c r="C3192" s="2" t="s">
        <v>10029</v>
      </c>
      <c r="D3192" s="14" t="s">
        <v>10030</v>
      </c>
      <c r="E3192" s="2" t="s">
        <v>10031</v>
      </c>
      <c r="F3192" s="2" t="s">
        <v>7567</v>
      </c>
      <c r="G3192" s="8">
        <v>109</v>
      </c>
      <c r="H3192" s="5">
        <v>6</v>
      </c>
      <c r="I3192" s="5" t="s">
        <v>1518</v>
      </c>
      <c r="J3192" s="5" t="s">
        <v>1519</v>
      </c>
      <c r="K3192" s="2" t="s">
        <v>1520</v>
      </c>
      <c r="L3192" s="5" t="s">
        <v>1519</v>
      </c>
      <c r="M3192" s="2" t="s">
        <v>1520</v>
      </c>
      <c r="N3192" s="5" t="s">
        <v>1521</v>
      </c>
      <c r="O3192" s="5" t="s">
        <v>38</v>
      </c>
      <c r="P3192" s="5" t="s">
        <v>39</v>
      </c>
      <c r="Q3192" s="5" t="s">
        <v>40</v>
      </c>
      <c r="R3192" s="5" t="s">
        <v>1522</v>
      </c>
      <c r="S3192" s="5" t="s">
        <v>1523</v>
      </c>
      <c r="T3192" s="5" t="s">
        <v>42</v>
      </c>
      <c r="U3192" s="2">
        <v>1.3169999999999999</v>
      </c>
      <c r="V3192" s="2">
        <v>1.024</v>
      </c>
      <c r="W3192" s="2">
        <v>7.0000000000000001E-3</v>
      </c>
      <c r="X3192" s="2">
        <v>82.9</v>
      </c>
      <c r="Y3192" s="2">
        <v>7.6</v>
      </c>
      <c r="Z3192" s="2">
        <v>10.6</v>
      </c>
      <c r="AA3192" s="5"/>
      <c r="AB3192" s="5" t="s">
        <v>43</v>
      </c>
      <c r="AC3192" s="5" t="s">
        <v>44</v>
      </c>
      <c r="AD3192" s="2"/>
      <c r="AE3192" s="1"/>
    </row>
    <row r="3193" spans="1:31" ht="14.45">
      <c r="A3193" s="11"/>
      <c r="B3193" s="20"/>
      <c r="C3193" s="2" t="s">
        <v>10032</v>
      </c>
      <c r="D3193" s="14" t="s">
        <v>10033</v>
      </c>
      <c r="E3193" s="2" t="s">
        <v>10034</v>
      </c>
      <c r="F3193" s="2" t="s">
        <v>7429</v>
      </c>
      <c r="G3193" s="8">
        <v>109</v>
      </c>
      <c r="H3193" s="5">
        <v>6</v>
      </c>
      <c r="I3193" s="5" t="s">
        <v>1518</v>
      </c>
      <c r="J3193" s="5" t="s">
        <v>1519</v>
      </c>
      <c r="K3193" s="2" t="s">
        <v>1520</v>
      </c>
      <c r="L3193" s="5" t="s">
        <v>1519</v>
      </c>
      <c r="M3193" s="2" t="s">
        <v>1520</v>
      </c>
      <c r="N3193" s="5" t="s">
        <v>1521</v>
      </c>
      <c r="O3193" s="5" t="s">
        <v>38</v>
      </c>
      <c r="P3193" s="5" t="s">
        <v>39</v>
      </c>
      <c r="Q3193" s="5" t="s">
        <v>40</v>
      </c>
      <c r="R3193" s="5" t="s">
        <v>1522</v>
      </c>
      <c r="S3193" s="5" t="s">
        <v>1523</v>
      </c>
      <c r="T3193" s="5" t="s">
        <v>42</v>
      </c>
      <c r="U3193" s="2">
        <v>1.29</v>
      </c>
      <c r="V3193" s="2">
        <v>0.997</v>
      </c>
      <c r="W3193" s="2">
        <v>7.0000000000000001E-3</v>
      </c>
      <c r="X3193" s="2">
        <v>82.9</v>
      </c>
      <c r="Y3193" s="2">
        <v>7.6</v>
      </c>
      <c r="Z3193" s="2">
        <v>10.6</v>
      </c>
      <c r="AA3193" s="5"/>
      <c r="AB3193" s="5" t="s">
        <v>43</v>
      </c>
      <c r="AC3193" s="5" t="s">
        <v>44</v>
      </c>
      <c r="AD3193" s="2"/>
      <c r="AE3193" s="1"/>
    </row>
    <row r="3194" spans="1:31" ht="14.45">
      <c r="A3194" s="11"/>
      <c r="B3194" s="20"/>
      <c r="C3194" s="2" t="s">
        <v>10035</v>
      </c>
      <c r="D3194" s="14" t="s">
        <v>10036</v>
      </c>
      <c r="E3194" s="2" t="s">
        <v>10037</v>
      </c>
      <c r="F3194" s="2" t="s">
        <v>7574</v>
      </c>
      <c r="G3194" s="8">
        <v>109</v>
      </c>
      <c r="H3194" s="5">
        <v>6</v>
      </c>
      <c r="I3194" s="5" t="s">
        <v>1518</v>
      </c>
      <c r="J3194" s="5" t="s">
        <v>1519</v>
      </c>
      <c r="K3194" s="2" t="s">
        <v>1520</v>
      </c>
      <c r="L3194" s="5" t="s">
        <v>1519</v>
      </c>
      <c r="M3194" s="2" t="s">
        <v>1520</v>
      </c>
      <c r="N3194" s="5" t="s">
        <v>1521</v>
      </c>
      <c r="O3194" s="5" t="s">
        <v>38</v>
      </c>
      <c r="P3194" s="5" t="s">
        <v>39</v>
      </c>
      <c r="Q3194" s="5" t="s">
        <v>40</v>
      </c>
      <c r="R3194" s="5" t="s">
        <v>1522</v>
      </c>
      <c r="S3194" s="5" t="s">
        <v>1523</v>
      </c>
      <c r="T3194" s="5" t="s">
        <v>42</v>
      </c>
      <c r="U3194" s="2">
        <v>1.3169999999999999</v>
      </c>
      <c r="V3194" s="2">
        <v>1.024</v>
      </c>
      <c r="W3194" s="2">
        <v>7.0000000000000001E-3</v>
      </c>
      <c r="X3194" s="2">
        <v>82.9</v>
      </c>
      <c r="Y3194" s="2">
        <v>7.6</v>
      </c>
      <c r="Z3194" s="2">
        <v>10.6</v>
      </c>
      <c r="AA3194" s="5"/>
      <c r="AB3194" s="5" t="s">
        <v>43</v>
      </c>
      <c r="AC3194" s="5" t="s">
        <v>44</v>
      </c>
      <c r="AD3194" s="2"/>
      <c r="AE3194" s="1"/>
    </row>
    <row r="3195" spans="1:31" ht="14.45">
      <c r="A3195" s="11"/>
      <c r="B3195" s="20"/>
      <c r="C3195" s="2" t="s">
        <v>10038</v>
      </c>
      <c r="D3195" s="14" t="s">
        <v>10039</v>
      </c>
      <c r="E3195" s="2" t="s">
        <v>10040</v>
      </c>
      <c r="F3195" s="2" t="s">
        <v>7449</v>
      </c>
      <c r="G3195" s="8">
        <v>109</v>
      </c>
      <c r="H3195" s="5">
        <v>6</v>
      </c>
      <c r="I3195" s="5" t="s">
        <v>1518</v>
      </c>
      <c r="J3195" s="5" t="s">
        <v>1519</v>
      </c>
      <c r="K3195" s="2" t="s">
        <v>1520</v>
      </c>
      <c r="L3195" s="5" t="s">
        <v>1519</v>
      </c>
      <c r="M3195" s="2" t="s">
        <v>1520</v>
      </c>
      <c r="N3195" s="5" t="s">
        <v>1521</v>
      </c>
      <c r="O3195" s="5" t="s">
        <v>38</v>
      </c>
      <c r="P3195" s="5" t="s">
        <v>39</v>
      </c>
      <c r="Q3195" s="5" t="s">
        <v>40</v>
      </c>
      <c r="R3195" s="5" t="s">
        <v>1522</v>
      </c>
      <c r="S3195" s="5" t="s">
        <v>1523</v>
      </c>
      <c r="T3195" s="5" t="s">
        <v>42</v>
      </c>
      <c r="U3195" s="2">
        <v>1.29</v>
      </c>
      <c r="V3195" s="2">
        <v>0.997</v>
      </c>
      <c r="W3195" s="2">
        <v>7.0000000000000001E-3</v>
      </c>
      <c r="X3195" s="2">
        <v>82.9</v>
      </c>
      <c r="Y3195" s="2">
        <v>7.6</v>
      </c>
      <c r="Z3195" s="2">
        <v>10.6</v>
      </c>
      <c r="AA3195" s="5"/>
      <c r="AB3195" s="5" t="s">
        <v>43</v>
      </c>
      <c r="AC3195" s="5" t="s">
        <v>44</v>
      </c>
      <c r="AD3195" s="2"/>
      <c r="AE3195" s="1"/>
    </row>
    <row r="3196" spans="1:31" ht="14.45">
      <c r="A3196" s="11"/>
      <c r="B3196" s="20"/>
      <c r="C3196" s="2" t="s">
        <v>10041</v>
      </c>
      <c r="D3196" s="14" t="s">
        <v>10042</v>
      </c>
      <c r="E3196" s="2" t="s">
        <v>10043</v>
      </c>
      <c r="F3196" s="2" t="s">
        <v>7581</v>
      </c>
      <c r="G3196" s="8">
        <v>109</v>
      </c>
      <c r="H3196" s="5">
        <v>6</v>
      </c>
      <c r="I3196" s="5" t="s">
        <v>1518</v>
      </c>
      <c r="J3196" s="5" t="s">
        <v>1519</v>
      </c>
      <c r="K3196" s="2" t="s">
        <v>1520</v>
      </c>
      <c r="L3196" s="5" t="s">
        <v>1519</v>
      </c>
      <c r="M3196" s="2" t="s">
        <v>1520</v>
      </c>
      <c r="N3196" s="5" t="s">
        <v>1521</v>
      </c>
      <c r="O3196" s="5" t="s">
        <v>38</v>
      </c>
      <c r="P3196" s="5" t="s">
        <v>39</v>
      </c>
      <c r="Q3196" s="5" t="s">
        <v>40</v>
      </c>
      <c r="R3196" s="5" t="s">
        <v>1522</v>
      </c>
      <c r="S3196" s="5" t="s">
        <v>1523</v>
      </c>
      <c r="T3196" s="5" t="s">
        <v>42</v>
      </c>
      <c r="U3196" s="2">
        <v>1.3169999999999999</v>
      </c>
      <c r="V3196" s="2">
        <v>1.024</v>
      </c>
      <c r="W3196" s="2">
        <v>7.0000000000000001E-3</v>
      </c>
      <c r="X3196" s="2">
        <v>82.9</v>
      </c>
      <c r="Y3196" s="2">
        <v>7.6</v>
      </c>
      <c r="Z3196" s="2">
        <v>10.6</v>
      </c>
      <c r="AA3196" s="5"/>
      <c r="AB3196" s="5" t="s">
        <v>43</v>
      </c>
      <c r="AC3196" s="5" t="s">
        <v>44</v>
      </c>
      <c r="AD3196" s="2"/>
      <c r="AE3196" s="1"/>
    </row>
    <row r="3197" spans="1:31" ht="14.45">
      <c r="A3197" s="11"/>
      <c r="B3197" s="20"/>
      <c r="C3197" s="2" t="s">
        <v>10044</v>
      </c>
      <c r="D3197" s="14" t="s">
        <v>10045</v>
      </c>
      <c r="E3197" s="2" t="s">
        <v>10046</v>
      </c>
      <c r="F3197" s="2" t="s">
        <v>7585</v>
      </c>
      <c r="G3197" s="8">
        <v>109</v>
      </c>
      <c r="H3197" s="5">
        <v>6</v>
      </c>
      <c r="I3197" s="5" t="s">
        <v>1518</v>
      </c>
      <c r="J3197" s="5" t="s">
        <v>1519</v>
      </c>
      <c r="K3197" s="2" t="s">
        <v>1520</v>
      </c>
      <c r="L3197" s="5" t="s">
        <v>1519</v>
      </c>
      <c r="M3197" s="2" t="s">
        <v>1520</v>
      </c>
      <c r="N3197" s="5" t="s">
        <v>1521</v>
      </c>
      <c r="O3197" s="5" t="s">
        <v>38</v>
      </c>
      <c r="P3197" s="5" t="s">
        <v>39</v>
      </c>
      <c r="Q3197" s="5" t="s">
        <v>40</v>
      </c>
      <c r="R3197" s="5" t="s">
        <v>1522</v>
      </c>
      <c r="S3197" s="5" t="s">
        <v>1523</v>
      </c>
      <c r="T3197" s="5" t="s">
        <v>42</v>
      </c>
      <c r="U3197" s="2">
        <v>1.2809999999999999</v>
      </c>
      <c r="V3197" s="2">
        <v>0.98799999999999999</v>
      </c>
      <c r="W3197" s="2">
        <v>7.0000000000000001E-3</v>
      </c>
      <c r="X3197" s="2">
        <v>82.9</v>
      </c>
      <c r="Y3197" s="2">
        <v>7.6</v>
      </c>
      <c r="Z3197" s="2">
        <v>10.6</v>
      </c>
      <c r="AA3197" s="5"/>
      <c r="AB3197" s="5" t="s">
        <v>43</v>
      </c>
      <c r="AC3197" s="5" t="s">
        <v>44</v>
      </c>
      <c r="AD3197" s="2"/>
      <c r="AE3197" s="1"/>
    </row>
    <row r="3198" spans="1:31" ht="14.45">
      <c r="A3198" s="11"/>
      <c r="B3198" s="20"/>
      <c r="C3198" s="2" t="s">
        <v>10047</v>
      </c>
      <c r="D3198" s="14" t="s">
        <v>10048</v>
      </c>
      <c r="E3198" s="2" t="s">
        <v>10049</v>
      </c>
      <c r="F3198" s="2" t="s">
        <v>7589</v>
      </c>
      <c r="G3198" s="8">
        <v>109</v>
      </c>
      <c r="H3198" s="5">
        <v>6</v>
      </c>
      <c r="I3198" s="5" t="s">
        <v>1518</v>
      </c>
      <c r="J3198" s="5" t="s">
        <v>1519</v>
      </c>
      <c r="K3198" s="2" t="s">
        <v>1520</v>
      </c>
      <c r="L3198" s="5" t="s">
        <v>1519</v>
      </c>
      <c r="M3198" s="2" t="s">
        <v>1520</v>
      </c>
      <c r="N3198" s="5" t="s">
        <v>1521</v>
      </c>
      <c r="O3198" s="5" t="s">
        <v>38</v>
      </c>
      <c r="P3198" s="5" t="s">
        <v>39</v>
      </c>
      <c r="Q3198" s="5" t="s">
        <v>40</v>
      </c>
      <c r="R3198" s="5" t="s">
        <v>1522</v>
      </c>
      <c r="S3198" s="5" t="s">
        <v>1523</v>
      </c>
      <c r="T3198" s="5" t="s">
        <v>42</v>
      </c>
      <c r="U3198" s="2">
        <v>1.3080000000000001</v>
      </c>
      <c r="V3198" s="2">
        <v>1.0149999999999999</v>
      </c>
      <c r="W3198" s="2">
        <v>7.0000000000000001E-3</v>
      </c>
      <c r="X3198" s="2">
        <v>82.9</v>
      </c>
      <c r="Y3198" s="2">
        <v>7.6</v>
      </c>
      <c r="Z3198" s="2">
        <v>10.6</v>
      </c>
      <c r="AA3198" s="5"/>
      <c r="AB3198" s="5" t="s">
        <v>43</v>
      </c>
      <c r="AC3198" s="5" t="s">
        <v>44</v>
      </c>
      <c r="AD3198" s="2"/>
      <c r="AE3198" s="1"/>
    </row>
    <row r="3199" spans="1:31" ht="14.45">
      <c r="A3199" s="11"/>
      <c r="B3199" s="20"/>
      <c r="C3199" s="2" t="s">
        <v>10050</v>
      </c>
      <c r="D3199" s="14" t="s">
        <v>10051</v>
      </c>
      <c r="E3199" s="2" t="s">
        <v>10052</v>
      </c>
      <c r="F3199" s="2" t="s">
        <v>7593</v>
      </c>
      <c r="G3199" s="8">
        <v>109</v>
      </c>
      <c r="H3199" s="5">
        <v>6</v>
      </c>
      <c r="I3199" s="5" t="s">
        <v>1518</v>
      </c>
      <c r="J3199" s="5" t="s">
        <v>1519</v>
      </c>
      <c r="K3199" s="2" t="s">
        <v>1520</v>
      </c>
      <c r="L3199" s="5" t="s">
        <v>1519</v>
      </c>
      <c r="M3199" s="2" t="s">
        <v>1520</v>
      </c>
      <c r="N3199" s="5" t="s">
        <v>1521</v>
      </c>
      <c r="O3199" s="5" t="s">
        <v>38</v>
      </c>
      <c r="P3199" s="5" t="s">
        <v>39</v>
      </c>
      <c r="Q3199" s="5" t="s">
        <v>40</v>
      </c>
      <c r="R3199" s="5" t="s">
        <v>1522</v>
      </c>
      <c r="S3199" s="5" t="s">
        <v>1523</v>
      </c>
      <c r="T3199" s="5" t="s">
        <v>42</v>
      </c>
      <c r="U3199" s="2">
        <v>1.29</v>
      </c>
      <c r="V3199" s="2">
        <v>0.997</v>
      </c>
      <c r="W3199" s="2">
        <v>7.0000000000000001E-3</v>
      </c>
      <c r="X3199" s="2">
        <v>82.9</v>
      </c>
      <c r="Y3199" s="2">
        <v>7.6</v>
      </c>
      <c r="Z3199" s="2">
        <v>10.6</v>
      </c>
      <c r="AA3199" s="5"/>
      <c r="AB3199" s="5" t="s">
        <v>43</v>
      </c>
      <c r="AC3199" s="5" t="s">
        <v>44</v>
      </c>
      <c r="AD3199" s="2"/>
      <c r="AE3199" s="1"/>
    </row>
    <row r="3200" spans="1:31" ht="14.45">
      <c r="A3200" s="11"/>
      <c r="B3200" s="20"/>
      <c r="C3200" s="2" t="s">
        <v>10053</v>
      </c>
      <c r="D3200" s="14" t="s">
        <v>10054</v>
      </c>
      <c r="E3200" s="2" t="s">
        <v>10055</v>
      </c>
      <c r="F3200" s="2" t="s">
        <v>7597</v>
      </c>
      <c r="G3200" s="8">
        <v>109</v>
      </c>
      <c r="H3200" s="5">
        <v>6</v>
      </c>
      <c r="I3200" s="5" t="s">
        <v>1518</v>
      </c>
      <c r="J3200" s="5" t="s">
        <v>1519</v>
      </c>
      <c r="K3200" s="2" t="s">
        <v>1520</v>
      </c>
      <c r="L3200" s="5" t="s">
        <v>1519</v>
      </c>
      <c r="M3200" s="2" t="s">
        <v>1520</v>
      </c>
      <c r="N3200" s="5" t="s">
        <v>1521</v>
      </c>
      <c r="O3200" s="5" t="s">
        <v>38</v>
      </c>
      <c r="P3200" s="5" t="s">
        <v>39</v>
      </c>
      <c r="Q3200" s="5" t="s">
        <v>40</v>
      </c>
      <c r="R3200" s="5" t="s">
        <v>1522</v>
      </c>
      <c r="S3200" s="5" t="s">
        <v>1523</v>
      </c>
      <c r="T3200" s="5" t="s">
        <v>42</v>
      </c>
      <c r="U3200" s="2">
        <v>1.3169999999999999</v>
      </c>
      <c r="V3200" s="2">
        <v>1.024</v>
      </c>
      <c r="W3200" s="2">
        <v>7.0000000000000001E-3</v>
      </c>
      <c r="X3200" s="2">
        <v>82.9</v>
      </c>
      <c r="Y3200" s="2">
        <v>7.6</v>
      </c>
      <c r="Z3200" s="2">
        <v>10.6</v>
      </c>
      <c r="AA3200" s="5"/>
      <c r="AB3200" s="5" t="s">
        <v>43</v>
      </c>
      <c r="AC3200" s="5" t="s">
        <v>44</v>
      </c>
      <c r="AD3200" s="2"/>
      <c r="AE3200" s="1"/>
    </row>
    <row r="3201" spans="1:31" ht="14.45">
      <c r="A3201" s="11"/>
      <c r="B3201" s="20"/>
      <c r="C3201" s="2" t="s">
        <v>10056</v>
      </c>
      <c r="D3201" s="14" t="s">
        <v>10057</v>
      </c>
      <c r="E3201" s="2" t="s">
        <v>10058</v>
      </c>
      <c r="F3201" s="2" t="s">
        <v>7410</v>
      </c>
      <c r="G3201" s="8">
        <v>109</v>
      </c>
      <c r="H3201" s="5">
        <v>6</v>
      </c>
      <c r="I3201" s="5" t="s">
        <v>1518</v>
      </c>
      <c r="J3201" s="5" t="s">
        <v>1519</v>
      </c>
      <c r="K3201" s="2" t="s">
        <v>1520</v>
      </c>
      <c r="L3201" s="5" t="s">
        <v>1519</v>
      </c>
      <c r="M3201" s="2" t="s">
        <v>1520</v>
      </c>
      <c r="N3201" s="5" t="s">
        <v>1521</v>
      </c>
      <c r="O3201" s="5" t="s">
        <v>38</v>
      </c>
      <c r="P3201" s="5" t="s">
        <v>39</v>
      </c>
      <c r="Q3201" s="5" t="s">
        <v>40</v>
      </c>
      <c r="R3201" s="5" t="s">
        <v>1522</v>
      </c>
      <c r="S3201" s="5" t="s">
        <v>1523</v>
      </c>
      <c r="T3201" s="5" t="s">
        <v>42</v>
      </c>
      <c r="U3201" s="2">
        <v>1.29</v>
      </c>
      <c r="V3201" s="2">
        <v>0.997</v>
      </c>
      <c r="W3201" s="2">
        <v>7.0000000000000001E-3</v>
      </c>
      <c r="X3201" s="2">
        <v>82.9</v>
      </c>
      <c r="Y3201" s="2">
        <v>7.6</v>
      </c>
      <c r="Z3201" s="2">
        <v>10.6</v>
      </c>
      <c r="AA3201" s="5"/>
      <c r="AB3201" s="5" t="s">
        <v>43</v>
      </c>
      <c r="AC3201" s="5" t="s">
        <v>44</v>
      </c>
      <c r="AD3201" s="2"/>
      <c r="AE3201" s="1"/>
    </row>
    <row r="3202" spans="1:31" ht="14.45">
      <c r="A3202" s="11"/>
      <c r="B3202" s="20"/>
      <c r="C3202" s="2" t="s">
        <v>10059</v>
      </c>
      <c r="D3202" s="14" t="s">
        <v>10060</v>
      </c>
      <c r="E3202" s="2" t="s">
        <v>10061</v>
      </c>
      <c r="F3202" s="2" t="s">
        <v>7604</v>
      </c>
      <c r="G3202" s="8">
        <v>109</v>
      </c>
      <c r="H3202" s="5">
        <v>6</v>
      </c>
      <c r="I3202" s="5" t="s">
        <v>1518</v>
      </c>
      <c r="J3202" s="5" t="s">
        <v>1519</v>
      </c>
      <c r="K3202" s="2" t="s">
        <v>1520</v>
      </c>
      <c r="L3202" s="5" t="s">
        <v>1519</v>
      </c>
      <c r="M3202" s="2" t="s">
        <v>1520</v>
      </c>
      <c r="N3202" s="5" t="s">
        <v>1521</v>
      </c>
      <c r="O3202" s="5" t="s">
        <v>38</v>
      </c>
      <c r="P3202" s="5" t="s">
        <v>39</v>
      </c>
      <c r="Q3202" s="5" t="s">
        <v>40</v>
      </c>
      <c r="R3202" s="5" t="s">
        <v>1522</v>
      </c>
      <c r="S3202" s="5" t="s">
        <v>1523</v>
      </c>
      <c r="T3202" s="5" t="s">
        <v>42</v>
      </c>
      <c r="U3202" s="2">
        <v>1.3169999999999999</v>
      </c>
      <c r="V3202" s="2">
        <v>1.024</v>
      </c>
      <c r="W3202" s="2">
        <v>7.0000000000000001E-3</v>
      </c>
      <c r="X3202" s="2">
        <v>82.9</v>
      </c>
      <c r="Y3202" s="2">
        <v>7.6</v>
      </c>
      <c r="Z3202" s="2">
        <v>10.6</v>
      </c>
      <c r="AA3202" s="5"/>
      <c r="AB3202" s="5" t="s">
        <v>43</v>
      </c>
      <c r="AC3202" s="5" t="s">
        <v>44</v>
      </c>
      <c r="AD3202" s="2"/>
      <c r="AE3202" s="1"/>
    </row>
    <row r="3203" spans="1:31" ht="14.45">
      <c r="A3203" s="11"/>
      <c r="B3203" s="20"/>
      <c r="C3203" s="2" t="s">
        <v>10062</v>
      </c>
      <c r="D3203" s="14" t="s">
        <v>10063</v>
      </c>
      <c r="E3203" s="2" t="s">
        <v>10064</v>
      </c>
      <c r="F3203" s="2" t="s">
        <v>7433</v>
      </c>
      <c r="G3203" s="8">
        <v>109</v>
      </c>
      <c r="H3203" s="5">
        <v>6</v>
      </c>
      <c r="I3203" s="5" t="s">
        <v>1518</v>
      </c>
      <c r="J3203" s="5" t="s">
        <v>1519</v>
      </c>
      <c r="K3203" s="2" t="s">
        <v>1520</v>
      </c>
      <c r="L3203" s="5" t="s">
        <v>1519</v>
      </c>
      <c r="M3203" s="2" t="s">
        <v>1520</v>
      </c>
      <c r="N3203" s="5" t="s">
        <v>1521</v>
      </c>
      <c r="O3203" s="5" t="s">
        <v>38</v>
      </c>
      <c r="P3203" s="5" t="s">
        <v>39</v>
      </c>
      <c r="Q3203" s="5" t="s">
        <v>40</v>
      </c>
      <c r="R3203" s="5" t="s">
        <v>1522</v>
      </c>
      <c r="S3203" s="5" t="s">
        <v>1523</v>
      </c>
      <c r="T3203" s="5" t="s">
        <v>42</v>
      </c>
      <c r="U3203" s="2">
        <v>1.29</v>
      </c>
      <c r="V3203" s="2">
        <v>0.997</v>
      </c>
      <c r="W3203" s="2">
        <v>7.0000000000000001E-3</v>
      </c>
      <c r="X3203" s="2">
        <v>82.9</v>
      </c>
      <c r="Y3203" s="2">
        <v>7.6</v>
      </c>
      <c r="Z3203" s="2">
        <v>10.6</v>
      </c>
      <c r="AA3203" s="5"/>
      <c r="AB3203" s="5" t="s">
        <v>43</v>
      </c>
      <c r="AC3203" s="5" t="s">
        <v>44</v>
      </c>
      <c r="AD3203" s="2"/>
      <c r="AE3203" s="1"/>
    </row>
    <row r="3204" spans="1:31" ht="14.45">
      <c r="A3204" s="11"/>
      <c r="B3204" s="20"/>
      <c r="C3204" s="2" t="s">
        <v>10065</v>
      </c>
      <c r="D3204" s="14" t="s">
        <v>10066</v>
      </c>
      <c r="E3204" s="2" t="s">
        <v>10067</v>
      </c>
      <c r="F3204" s="2" t="s">
        <v>7611</v>
      </c>
      <c r="G3204" s="8">
        <v>109</v>
      </c>
      <c r="H3204" s="5">
        <v>6</v>
      </c>
      <c r="I3204" s="5" t="s">
        <v>1518</v>
      </c>
      <c r="J3204" s="5" t="s">
        <v>1519</v>
      </c>
      <c r="K3204" s="2" t="s">
        <v>1520</v>
      </c>
      <c r="L3204" s="5" t="s">
        <v>1519</v>
      </c>
      <c r="M3204" s="2" t="s">
        <v>1520</v>
      </c>
      <c r="N3204" s="5" t="s">
        <v>1521</v>
      </c>
      <c r="O3204" s="5" t="s">
        <v>38</v>
      </c>
      <c r="P3204" s="5" t="s">
        <v>39</v>
      </c>
      <c r="Q3204" s="5" t="s">
        <v>40</v>
      </c>
      <c r="R3204" s="5" t="s">
        <v>1522</v>
      </c>
      <c r="S3204" s="5" t="s">
        <v>1523</v>
      </c>
      <c r="T3204" s="5" t="s">
        <v>42</v>
      </c>
      <c r="U3204" s="2">
        <v>1.3169999999999999</v>
      </c>
      <c r="V3204" s="2">
        <v>1.024</v>
      </c>
      <c r="W3204" s="2">
        <v>7.0000000000000001E-3</v>
      </c>
      <c r="X3204" s="2">
        <v>82.9</v>
      </c>
      <c r="Y3204" s="2">
        <v>7.6</v>
      </c>
      <c r="Z3204" s="2">
        <v>10.6</v>
      </c>
      <c r="AA3204" s="5"/>
      <c r="AB3204" s="5" t="s">
        <v>43</v>
      </c>
      <c r="AC3204" s="5" t="s">
        <v>44</v>
      </c>
      <c r="AD3204" s="2"/>
      <c r="AE3204" s="1"/>
    </row>
    <row r="3205" spans="1:31" ht="14.45">
      <c r="A3205" s="11"/>
      <c r="B3205" s="20"/>
      <c r="C3205" s="2" t="s">
        <v>10068</v>
      </c>
      <c r="D3205" s="14" t="s">
        <v>10069</v>
      </c>
      <c r="E3205" s="2" t="s">
        <v>10070</v>
      </c>
      <c r="F3205" s="2" t="s">
        <v>7615</v>
      </c>
      <c r="G3205" s="8">
        <v>109</v>
      </c>
      <c r="H3205" s="5">
        <v>6</v>
      </c>
      <c r="I3205" s="5" t="s">
        <v>1518</v>
      </c>
      <c r="J3205" s="5" t="s">
        <v>1519</v>
      </c>
      <c r="K3205" s="2" t="s">
        <v>1520</v>
      </c>
      <c r="L3205" s="5" t="s">
        <v>1519</v>
      </c>
      <c r="M3205" s="2" t="s">
        <v>1520</v>
      </c>
      <c r="N3205" s="5" t="s">
        <v>1521</v>
      </c>
      <c r="O3205" s="5" t="s">
        <v>38</v>
      </c>
      <c r="P3205" s="5" t="s">
        <v>39</v>
      </c>
      <c r="Q3205" s="5" t="s">
        <v>40</v>
      </c>
      <c r="R3205" s="5" t="s">
        <v>1522</v>
      </c>
      <c r="S3205" s="5" t="s">
        <v>1523</v>
      </c>
      <c r="T3205" s="5" t="s">
        <v>42</v>
      </c>
      <c r="U3205" s="2">
        <v>1.2809999999999999</v>
      </c>
      <c r="V3205" s="2">
        <v>0.98799999999999999</v>
      </c>
      <c r="W3205" s="2">
        <v>7.0000000000000001E-3</v>
      </c>
      <c r="X3205" s="2">
        <v>82.9</v>
      </c>
      <c r="Y3205" s="2">
        <v>7.6</v>
      </c>
      <c r="Z3205" s="2">
        <v>10.6</v>
      </c>
      <c r="AA3205" s="5"/>
      <c r="AB3205" s="5" t="s">
        <v>43</v>
      </c>
      <c r="AC3205" s="5" t="s">
        <v>44</v>
      </c>
      <c r="AD3205" s="2"/>
      <c r="AE3205" s="1"/>
    </row>
    <row r="3206" spans="1:31" ht="14.45">
      <c r="A3206" s="11"/>
      <c r="B3206" s="20"/>
      <c r="C3206" s="2" t="s">
        <v>10071</v>
      </c>
      <c r="D3206" s="14" t="s">
        <v>10072</v>
      </c>
      <c r="E3206" s="2" t="s">
        <v>10073</v>
      </c>
      <c r="F3206" s="2" t="s">
        <v>7619</v>
      </c>
      <c r="G3206" s="8">
        <v>109</v>
      </c>
      <c r="H3206" s="5">
        <v>6</v>
      </c>
      <c r="I3206" s="5" t="s">
        <v>1518</v>
      </c>
      <c r="J3206" s="5" t="s">
        <v>1519</v>
      </c>
      <c r="K3206" s="2" t="s">
        <v>1520</v>
      </c>
      <c r="L3206" s="5" t="s">
        <v>1519</v>
      </c>
      <c r="M3206" s="2" t="s">
        <v>1520</v>
      </c>
      <c r="N3206" s="5" t="s">
        <v>1521</v>
      </c>
      <c r="O3206" s="5" t="s">
        <v>38</v>
      </c>
      <c r="P3206" s="5" t="s">
        <v>39</v>
      </c>
      <c r="Q3206" s="5" t="s">
        <v>40</v>
      </c>
      <c r="R3206" s="5" t="s">
        <v>1522</v>
      </c>
      <c r="S3206" s="5" t="s">
        <v>1523</v>
      </c>
      <c r="T3206" s="5" t="s">
        <v>42</v>
      </c>
      <c r="U3206" s="2">
        <v>1.3080000000000001</v>
      </c>
      <c r="V3206" s="2">
        <v>1.0149999999999999</v>
      </c>
      <c r="W3206" s="2">
        <v>7.0000000000000001E-3</v>
      </c>
      <c r="X3206" s="2">
        <v>82.9</v>
      </c>
      <c r="Y3206" s="2">
        <v>7.6</v>
      </c>
      <c r="Z3206" s="2">
        <v>10.6</v>
      </c>
      <c r="AA3206" s="5"/>
      <c r="AB3206" s="5" t="s">
        <v>43</v>
      </c>
      <c r="AC3206" s="5" t="s">
        <v>44</v>
      </c>
      <c r="AD3206" s="2"/>
      <c r="AE3206" s="1"/>
    </row>
    <row r="3207" spans="1:31" ht="14.45">
      <c r="A3207" s="11"/>
      <c r="B3207" s="20"/>
      <c r="C3207" s="2" t="s">
        <v>10074</v>
      </c>
      <c r="D3207" s="14" t="s">
        <v>10075</v>
      </c>
      <c r="E3207" s="2" t="s">
        <v>10076</v>
      </c>
      <c r="F3207" s="2" t="s">
        <v>1823</v>
      </c>
      <c r="G3207" s="8">
        <v>109</v>
      </c>
      <c r="H3207" s="5">
        <v>8</v>
      </c>
      <c r="I3207" s="5" t="s">
        <v>1518</v>
      </c>
      <c r="J3207" s="5" t="s">
        <v>1519</v>
      </c>
      <c r="K3207" s="2" t="s">
        <v>1520</v>
      </c>
      <c r="L3207" s="5" t="s">
        <v>1519</v>
      </c>
      <c r="M3207" s="2" t="s">
        <v>1520</v>
      </c>
      <c r="N3207" s="5" t="s">
        <v>1521</v>
      </c>
      <c r="O3207" s="5" t="s">
        <v>38</v>
      </c>
      <c r="P3207" s="5" t="s">
        <v>39</v>
      </c>
      <c r="Q3207" s="5" t="s">
        <v>40</v>
      </c>
      <c r="R3207" s="5" t="s">
        <v>1522</v>
      </c>
      <c r="S3207" s="5" t="s">
        <v>1523</v>
      </c>
      <c r="T3207" s="5" t="s">
        <v>42</v>
      </c>
      <c r="U3207" s="2">
        <v>1.296</v>
      </c>
      <c r="V3207" s="2">
        <v>1.0029999999999999</v>
      </c>
      <c r="W3207" s="2">
        <v>7.0000000000000001E-3</v>
      </c>
      <c r="X3207" s="2">
        <v>82.9</v>
      </c>
      <c r="Y3207" s="2">
        <v>7.6</v>
      </c>
      <c r="Z3207" s="2">
        <v>10.6</v>
      </c>
      <c r="AA3207" s="5"/>
      <c r="AB3207" s="5" t="s">
        <v>43</v>
      </c>
      <c r="AC3207" s="5" t="s">
        <v>44</v>
      </c>
      <c r="AD3207" s="2"/>
      <c r="AE3207" s="1"/>
    </row>
    <row r="3208" spans="1:31" ht="14.45">
      <c r="A3208" s="11"/>
      <c r="B3208" s="20"/>
      <c r="C3208" s="2" t="s">
        <v>10077</v>
      </c>
      <c r="D3208" s="14" t="s">
        <v>10078</v>
      </c>
      <c r="E3208" s="2" t="s">
        <v>10079</v>
      </c>
      <c r="F3208" s="2" t="s">
        <v>1827</v>
      </c>
      <c r="G3208" s="8">
        <v>109</v>
      </c>
      <c r="H3208" s="5">
        <v>8</v>
      </c>
      <c r="I3208" s="5" t="s">
        <v>1518</v>
      </c>
      <c r="J3208" s="5" t="s">
        <v>1519</v>
      </c>
      <c r="K3208" s="2" t="s">
        <v>1520</v>
      </c>
      <c r="L3208" s="5" t="s">
        <v>1519</v>
      </c>
      <c r="M3208" s="2" t="s">
        <v>1520</v>
      </c>
      <c r="N3208" s="5" t="s">
        <v>1521</v>
      </c>
      <c r="O3208" s="5" t="s">
        <v>38</v>
      </c>
      <c r="P3208" s="5" t="s">
        <v>39</v>
      </c>
      <c r="Q3208" s="5" t="s">
        <v>40</v>
      </c>
      <c r="R3208" s="5" t="s">
        <v>1522</v>
      </c>
      <c r="S3208" s="5" t="s">
        <v>1523</v>
      </c>
      <c r="T3208" s="5" t="s">
        <v>42</v>
      </c>
      <c r="U3208" s="2">
        <v>1.323</v>
      </c>
      <c r="V3208" s="2">
        <v>1.03</v>
      </c>
      <c r="W3208" s="2">
        <v>7.0000000000000001E-3</v>
      </c>
      <c r="X3208" s="2">
        <v>82.9</v>
      </c>
      <c r="Y3208" s="2">
        <v>7.6</v>
      </c>
      <c r="Z3208" s="2">
        <v>10.6</v>
      </c>
      <c r="AA3208" s="5"/>
      <c r="AB3208" s="5" t="s">
        <v>43</v>
      </c>
      <c r="AC3208" s="5" t="s">
        <v>44</v>
      </c>
      <c r="AD3208" s="2"/>
      <c r="AE3208" s="1"/>
    </row>
    <row r="3209" spans="1:31" ht="14.45">
      <c r="A3209" s="11"/>
      <c r="B3209" s="20"/>
      <c r="C3209" s="2" t="s">
        <v>10080</v>
      </c>
      <c r="D3209" s="14" t="s">
        <v>10081</v>
      </c>
      <c r="E3209" s="2" t="s">
        <v>10082</v>
      </c>
      <c r="F3209" s="2" t="s">
        <v>2208</v>
      </c>
      <c r="G3209" s="8">
        <v>109</v>
      </c>
      <c r="H3209" s="5">
        <v>13</v>
      </c>
      <c r="I3209" s="5" t="s">
        <v>1518</v>
      </c>
      <c r="J3209" s="5" t="s">
        <v>1519</v>
      </c>
      <c r="K3209" s="2" t="s">
        <v>1520</v>
      </c>
      <c r="L3209" s="5" t="s">
        <v>1519</v>
      </c>
      <c r="M3209" s="2" t="s">
        <v>1520</v>
      </c>
      <c r="N3209" s="5" t="s">
        <v>1521</v>
      </c>
      <c r="O3209" s="5" t="s">
        <v>38</v>
      </c>
      <c r="P3209" s="5" t="s">
        <v>39</v>
      </c>
      <c r="Q3209" s="5" t="s">
        <v>40</v>
      </c>
      <c r="R3209" s="5" t="s">
        <v>1522</v>
      </c>
      <c r="S3209" s="5" t="s">
        <v>1523</v>
      </c>
      <c r="T3209" s="5" t="s">
        <v>42</v>
      </c>
      <c r="U3209" s="2">
        <v>1.3160000000000001</v>
      </c>
      <c r="V3209" s="2">
        <v>1.0229999999999999</v>
      </c>
      <c r="W3209" s="2">
        <v>7.0000000000000001E-3</v>
      </c>
      <c r="X3209" s="2">
        <v>82.9</v>
      </c>
      <c r="Y3209" s="2">
        <v>7.6</v>
      </c>
      <c r="Z3209" s="2">
        <v>10.6</v>
      </c>
      <c r="AA3209" s="5"/>
      <c r="AB3209" s="5" t="s">
        <v>43</v>
      </c>
      <c r="AC3209" s="5" t="s">
        <v>44</v>
      </c>
      <c r="AD3209" s="2"/>
      <c r="AE3209" s="1"/>
    </row>
    <row r="3210" spans="1:31" ht="14.45">
      <c r="A3210" s="11"/>
      <c r="B3210" s="20"/>
      <c r="C3210" s="2" t="s">
        <v>10083</v>
      </c>
      <c r="D3210" s="14" t="s">
        <v>10084</v>
      </c>
      <c r="E3210" s="2" t="s">
        <v>10085</v>
      </c>
      <c r="F3210" s="2" t="s">
        <v>1831</v>
      </c>
      <c r="G3210" s="8">
        <v>109</v>
      </c>
      <c r="H3210" s="5">
        <v>13</v>
      </c>
      <c r="I3210" s="5" t="s">
        <v>1518</v>
      </c>
      <c r="J3210" s="5" t="s">
        <v>1519</v>
      </c>
      <c r="K3210" s="2" t="s">
        <v>1520</v>
      </c>
      <c r="L3210" s="5" t="s">
        <v>1519</v>
      </c>
      <c r="M3210" s="2" t="s">
        <v>1520</v>
      </c>
      <c r="N3210" s="5" t="s">
        <v>1521</v>
      </c>
      <c r="O3210" s="5" t="s">
        <v>38</v>
      </c>
      <c r="P3210" s="5" t="s">
        <v>39</v>
      </c>
      <c r="Q3210" s="5" t="s">
        <v>40</v>
      </c>
      <c r="R3210" s="5" t="s">
        <v>1522</v>
      </c>
      <c r="S3210" s="5" t="s">
        <v>1523</v>
      </c>
      <c r="T3210" s="5" t="s">
        <v>42</v>
      </c>
      <c r="U3210" s="2">
        <v>1.3160000000000001</v>
      </c>
      <c r="V3210" s="2">
        <v>1.0229999999999999</v>
      </c>
      <c r="W3210" s="2">
        <v>7.0000000000000001E-3</v>
      </c>
      <c r="X3210" s="2">
        <v>82.9</v>
      </c>
      <c r="Y3210" s="2">
        <v>7.6</v>
      </c>
      <c r="Z3210" s="2">
        <v>10.6</v>
      </c>
      <c r="AA3210" s="5"/>
      <c r="AB3210" s="5" t="s">
        <v>43</v>
      </c>
      <c r="AC3210" s="5" t="s">
        <v>44</v>
      </c>
      <c r="AD3210" s="2"/>
      <c r="AE3210" s="1"/>
    </row>
    <row r="3211" spans="1:31" ht="14.45">
      <c r="A3211" s="11"/>
      <c r="B3211" s="20"/>
      <c r="C3211" s="2" t="s">
        <v>10086</v>
      </c>
      <c r="D3211" s="14" t="s">
        <v>10087</v>
      </c>
      <c r="E3211" s="2" t="s">
        <v>10088</v>
      </c>
      <c r="F3211" s="2" t="s">
        <v>1847</v>
      </c>
      <c r="G3211" s="8">
        <v>109</v>
      </c>
      <c r="H3211" s="5">
        <v>13</v>
      </c>
      <c r="I3211" s="5" t="s">
        <v>1518</v>
      </c>
      <c r="J3211" s="5" t="s">
        <v>1519</v>
      </c>
      <c r="K3211" s="2" t="s">
        <v>1520</v>
      </c>
      <c r="L3211" s="5" t="s">
        <v>1519</v>
      </c>
      <c r="M3211" s="2" t="s">
        <v>1520</v>
      </c>
      <c r="N3211" s="5" t="s">
        <v>1521</v>
      </c>
      <c r="O3211" s="5" t="s">
        <v>38</v>
      </c>
      <c r="P3211" s="5" t="s">
        <v>39</v>
      </c>
      <c r="Q3211" s="5" t="s">
        <v>40</v>
      </c>
      <c r="R3211" s="5" t="s">
        <v>1522</v>
      </c>
      <c r="S3211" s="5" t="s">
        <v>1523</v>
      </c>
      <c r="T3211" s="5" t="s">
        <v>42</v>
      </c>
      <c r="U3211" s="2">
        <v>1.343</v>
      </c>
      <c r="V3211" s="2">
        <v>1.05</v>
      </c>
      <c r="W3211" s="2">
        <v>7.0000000000000001E-3</v>
      </c>
      <c r="X3211" s="2">
        <v>82.9</v>
      </c>
      <c r="Y3211" s="2">
        <v>7.6</v>
      </c>
      <c r="Z3211" s="2">
        <v>10.6</v>
      </c>
      <c r="AA3211" s="5"/>
      <c r="AB3211" s="5" t="s">
        <v>43</v>
      </c>
      <c r="AC3211" s="5" t="s">
        <v>44</v>
      </c>
      <c r="AD3211" s="2"/>
      <c r="AE3211" s="1"/>
    </row>
    <row r="3212" spans="1:31" ht="14.45">
      <c r="A3212" s="11"/>
      <c r="B3212" s="20"/>
      <c r="C3212" s="2" t="s">
        <v>10089</v>
      </c>
      <c r="D3212" s="14" t="s">
        <v>10090</v>
      </c>
      <c r="E3212" s="2" t="s">
        <v>10091</v>
      </c>
      <c r="F3212" s="2" t="s">
        <v>1851</v>
      </c>
      <c r="G3212" s="8">
        <v>109</v>
      </c>
      <c r="H3212" s="5">
        <v>13</v>
      </c>
      <c r="I3212" s="5" t="s">
        <v>1518</v>
      </c>
      <c r="J3212" s="5" t="s">
        <v>1519</v>
      </c>
      <c r="K3212" s="2" t="s">
        <v>1520</v>
      </c>
      <c r="L3212" s="5" t="s">
        <v>1519</v>
      </c>
      <c r="M3212" s="2" t="s">
        <v>1520</v>
      </c>
      <c r="N3212" s="5" t="s">
        <v>1521</v>
      </c>
      <c r="O3212" s="5" t="s">
        <v>38</v>
      </c>
      <c r="P3212" s="5" t="s">
        <v>39</v>
      </c>
      <c r="Q3212" s="5" t="s">
        <v>40</v>
      </c>
      <c r="R3212" s="5" t="s">
        <v>1522</v>
      </c>
      <c r="S3212" s="5" t="s">
        <v>1523</v>
      </c>
      <c r="T3212" s="5" t="s">
        <v>42</v>
      </c>
      <c r="U3212" s="2">
        <v>1.3160000000000001</v>
      </c>
      <c r="V3212" s="2">
        <v>1.0229999999999999</v>
      </c>
      <c r="W3212" s="2">
        <v>7.0000000000000001E-3</v>
      </c>
      <c r="X3212" s="2">
        <v>82.9</v>
      </c>
      <c r="Y3212" s="2">
        <v>7.6</v>
      </c>
      <c r="Z3212" s="2">
        <v>10.6</v>
      </c>
      <c r="AA3212" s="5"/>
      <c r="AB3212" s="5" t="s">
        <v>43</v>
      </c>
      <c r="AC3212" s="5" t="s">
        <v>44</v>
      </c>
      <c r="AD3212" s="2"/>
      <c r="AE3212" s="1"/>
    </row>
    <row r="3213" spans="1:31" ht="14.45">
      <c r="A3213" s="11"/>
      <c r="B3213" s="20"/>
      <c r="C3213" s="2" t="s">
        <v>10092</v>
      </c>
      <c r="D3213" s="14" t="s">
        <v>10093</v>
      </c>
      <c r="E3213" s="2" t="s">
        <v>10094</v>
      </c>
      <c r="F3213" s="2" t="s">
        <v>1999</v>
      </c>
      <c r="G3213" s="8">
        <v>109</v>
      </c>
      <c r="H3213" s="5">
        <v>13</v>
      </c>
      <c r="I3213" s="5" t="s">
        <v>1518</v>
      </c>
      <c r="J3213" s="5" t="s">
        <v>1519</v>
      </c>
      <c r="K3213" s="2" t="s">
        <v>1520</v>
      </c>
      <c r="L3213" s="5" t="s">
        <v>1519</v>
      </c>
      <c r="M3213" s="2" t="s">
        <v>1520</v>
      </c>
      <c r="N3213" s="5" t="s">
        <v>1521</v>
      </c>
      <c r="O3213" s="5" t="s">
        <v>38</v>
      </c>
      <c r="P3213" s="5" t="s">
        <v>39</v>
      </c>
      <c r="Q3213" s="5" t="s">
        <v>40</v>
      </c>
      <c r="R3213" s="5" t="s">
        <v>1522</v>
      </c>
      <c r="S3213" s="5" t="s">
        <v>1523</v>
      </c>
      <c r="T3213" s="5" t="s">
        <v>42</v>
      </c>
      <c r="U3213" s="2">
        <v>1.343</v>
      </c>
      <c r="V3213" s="2">
        <v>1.05</v>
      </c>
      <c r="W3213" s="2">
        <v>7.0000000000000001E-3</v>
      </c>
      <c r="X3213" s="2">
        <v>82.9</v>
      </c>
      <c r="Y3213" s="2">
        <v>7.6</v>
      </c>
      <c r="Z3213" s="2">
        <v>10.6</v>
      </c>
      <c r="AA3213" s="5"/>
      <c r="AB3213" s="5" t="s">
        <v>43</v>
      </c>
      <c r="AC3213" s="5" t="s">
        <v>44</v>
      </c>
      <c r="AD3213" s="2"/>
      <c r="AE3213" s="1"/>
    </row>
    <row r="3214" spans="1:31" ht="14.45">
      <c r="A3214" s="11"/>
      <c r="B3214" s="20"/>
      <c r="C3214" s="2" t="s">
        <v>10095</v>
      </c>
      <c r="D3214" s="14" t="s">
        <v>10096</v>
      </c>
      <c r="E3214" s="2" t="s">
        <v>10097</v>
      </c>
      <c r="F3214" s="2" t="s">
        <v>10098</v>
      </c>
      <c r="G3214" s="8">
        <v>109</v>
      </c>
      <c r="H3214" s="5">
        <v>11</v>
      </c>
      <c r="I3214" s="5" t="s">
        <v>1518</v>
      </c>
      <c r="J3214" s="5" t="s">
        <v>1519</v>
      </c>
      <c r="K3214" s="2" t="s">
        <v>1520</v>
      </c>
      <c r="L3214" s="5" t="s">
        <v>1519</v>
      </c>
      <c r="M3214" s="2" t="s">
        <v>1520</v>
      </c>
      <c r="N3214" s="5" t="s">
        <v>1521</v>
      </c>
      <c r="O3214" s="5" t="s">
        <v>38</v>
      </c>
      <c r="P3214" s="5" t="s">
        <v>39</v>
      </c>
      <c r="Q3214" s="5" t="s">
        <v>40</v>
      </c>
      <c r="R3214" s="5" t="s">
        <v>1522</v>
      </c>
      <c r="S3214" s="5" t="s">
        <v>1523</v>
      </c>
      <c r="T3214" s="5" t="s">
        <v>42</v>
      </c>
      <c r="U3214" s="2">
        <v>1.286</v>
      </c>
      <c r="V3214" s="2">
        <v>0.99099999999999999</v>
      </c>
      <c r="W3214" s="2">
        <v>7.0000000000000001E-3</v>
      </c>
      <c r="X3214" s="2">
        <v>82.9</v>
      </c>
      <c r="Y3214" s="2">
        <v>7.6</v>
      </c>
      <c r="Z3214" s="2">
        <v>10.6</v>
      </c>
      <c r="AA3214" s="5"/>
      <c r="AB3214" s="5" t="s">
        <v>43</v>
      </c>
      <c r="AC3214" s="5" t="s">
        <v>44</v>
      </c>
      <c r="AD3214" s="2"/>
      <c r="AE3214" s="1"/>
    </row>
    <row r="3215" spans="1:31" ht="14.45">
      <c r="A3215" s="11"/>
      <c r="B3215" s="20"/>
      <c r="C3215" s="2" t="s">
        <v>10099</v>
      </c>
      <c r="D3215" s="14" t="s">
        <v>10100</v>
      </c>
      <c r="E3215" s="2" t="s">
        <v>10101</v>
      </c>
      <c r="F3215" s="2" t="s">
        <v>1867</v>
      </c>
      <c r="G3215" s="8">
        <v>109</v>
      </c>
      <c r="H3215" s="5">
        <v>11</v>
      </c>
      <c r="I3215" s="5" t="s">
        <v>1518</v>
      </c>
      <c r="J3215" s="5" t="s">
        <v>1519</v>
      </c>
      <c r="K3215" s="2" t="s">
        <v>1520</v>
      </c>
      <c r="L3215" s="5" t="s">
        <v>1519</v>
      </c>
      <c r="M3215" s="2" t="s">
        <v>1520</v>
      </c>
      <c r="N3215" s="5" t="s">
        <v>1521</v>
      </c>
      <c r="O3215" s="5" t="s">
        <v>38</v>
      </c>
      <c r="P3215" s="5" t="s">
        <v>39</v>
      </c>
      <c r="Q3215" s="5" t="s">
        <v>40</v>
      </c>
      <c r="R3215" s="5" t="s">
        <v>1522</v>
      </c>
      <c r="S3215" s="5" t="s">
        <v>1523</v>
      </c>
      <c r="T3215" s="5" t="s">
        <v>42</v>
      </c>
      <c r="U3215" s="2">
        <v>1.3129999999999999</v>
      </c>
      <c r="V3215" s="2">
        <v>1.018</v>
      </c>
      <c r="W3215" s="2">
        <v>7.0000000000000001E-3</v>
      </c>
      <c r="X3215" s="2">
        <v>82.9</v>
      </c>
      <c r="Y3215" s="2">
        <v>7.6</v>
      </c>
      <c r="Z3215" s="2">
        <v>10.6</v>
      </c>
      <c r="AA3215" s="5"/>
      <c r="AB3215" s="5" t="s">
        <v>43</v>
      </c>
      <c r="AC3215" s="5" t="s">
        <v>44</v>
      </c>
      <c r="AD3215" s="2"/>
      <c r="AE3215" s="1"/>
    </row>
    <row r="3216" spans="1:31" ht="14.45">
      <c r="A3216" s="11"/>
      <c r="B3216" s="20"/>
      <c r="C3216" s="2" t="s">
        <v>10102</v>
      </c>
      <c r="D3216" s="14" t="s">
        <v>10103</v>
      </c>
      <c r="E3216" s="2" t="s">
        <v>10104</v>
      </c>
      <c r="F3216" s="2" t="s">
        <v>7396</v>
      </c>
      <c r="G3216" s="8">
        <v>105</v>
      </c>
      <c r="H3216" s="5">
        <v>5</v>
      </c>
      <c r="I3216" s="5" t="s">
        <v>1518</v>
      </c>
      <c r="J3216" s="5" t="s">
        <v>1519</v>
      </c>
      <c r="K3216" s="2" t="s">
        <v>1520</v>
      </c>
      <c r="L3216" s="5" t="s">
        <v>1519</v>
      </c>
      <c r="M3216" s="2" t="s">
        <v>1520</v>
      </c>
      <c r="N3216" s="5" t="s">
        <v>1521</v>
      </c>
      <c r="O3216" s="5" t="s">
        <v>38</v>
      </c>
      <c r="P3216" s="5" t="s">
        <v>39</v>
      </c>
      <c r="Q3216" s="5" t="s">
        <v>40</v>
      </c>
      <c r="R3216" s="5" t="s">
        <v>1522</v>
      </c>
      <c r="S3216" s="5" t="s">
        <v>1523</v>
      </c>
      <c r="T3216" s="5" t="s">
        <v>42</v>
      </c>
      <c r="U3216" s="2">
        <v>1.52</v>
      </c>
      <c r="V3216" s="2">
        <v>1.2270000000000001</v>
      </c>
      <c r="W3216" s="2">
        <v>7.0000000000000001E-3</v>
      </c>
      <c r="X3216" s="2">
        <v>82.9</v>
      </c>
      <c r="Y3216" s="2">
        <v>7.6</v>
      </c>
      <c r="Z3216" s="2">
        <v>10.6</v>
      </c>
      <c r="AA3216" s="5"/>
      <c r="AB3216" s="5" t="s">
        <v>43</v>
      </c>
      <c r="AC3216" s="5" t="s">
        <v>44</v>
      </c>
      <c r="AD3216" s="2"/>
      <c r="AE3216" s="1"/>
    </row>
    <row r="3217" spans="1:31" ht="14.45">
      <c r="A3217" s="11"/>
      <c r="B3217" s="20"/>
      <c r="C3217" s="2" t="s">
        <v>10105</v>
      </c>
      <c r="D3217" s="14" t="s">
        <v>10106</v>
      </c>
      <c r="E3217" s="2" t="s">
        <v>10107</v>
      </c>
      <c r="F3217" s="2" t="s">
        <v>7507</v>
      </c>
      <c r="G3217" s="8">
        <v>105</v>
      </c>
      <c r="H3217" s="5">
        <v>5</v>
      </c>
      <c r="I3217" s="5" t="s">
        <v>1518</v>
      </c>
      <c r="J3217" s="5" t="s">
        <v>1519</v>
      </c>
      <c r="K3217" s="2" t="s">
        <v>1520</v>
      </c>
      <c r="L3217" s="5" t="s">
        <v>1519</v>
      </c>
      <c r="M3217" s="2" t="s">
        <v>1520</v>
      </c>
      <c r="N3217" s="5" t="s">
        <v>1521</v>
      </c>
      <c r="O3217" s="5" t="s">
        <v>38</v>
      </c>
      <c r="P3217" s="5" t="s">
        <v>39</v>
      </c>
      <c r="Q3217" s="5" t="s">
        <v>40</v>
      </c>
      <c r="R3217" s="5" t="s">
        <v>1522</v>
      </c>
      <c r="S3217" s="5" t="s">
        <v>1523</v>
      </c>
      <c r="T3217" s="5" t="s">
        <v>42</v>
      </c>
      <c r="U3217" s="2">
        <v>1.5569999999999999</v>
      </c>
      <c r="V3217" s="2">
        <v>1.2629999999999999</v>
      </c>
      <c r="W3217" s="2">
        <v>7.0000000000000001E-3</v>
      </c>
      <c r="X3217" s="2">
        <v>82.9</v>
      </c>
      <c r="Y3217" s="2">
        <v>7.6</v>
      </c>
      <c r="Z3217" s="2">
        <v>10.6</v>
      </c>
      <c r="AA3217" s="5"/>
      <c r="AB3217" s="5" t="s">
        <v>43</v>
      </c>
      <c r="AC3217" s="5" t="s">
        <v>44</v>
      </c>
      <c r="AD3217" s="2"/>
      <c r="AE3217" s="1"/>
    </row>
    <row r="3218" spans="1:31" ht="14.45">
      <c r="A3218" s="11"/>
      <c r="B3218" s="20"/>
      <c r="C3218" s="2" t="s">
        <v>10108</v>
      </c>
      <c r="D3218" s="14" t="s">
        <v>10109</v>
      </c>
      <c r="E3218" s="2" t="s">
        <v>10110</v>
      </c>
      <c r="F3218" s="2" t="s">
        <v>7204</v>
      </c>
      <c r="G3218" s="8">
        <v>105</v>
      </c>
      <c r="H3218" s="5">
        <v>5</v>
      </c>
      <c r="I3218" s="5" t="s">
        <v>1518</v>
      </c>
      <c r="J3218" s="5" t="s">
        <v>1519</v>
      </c>
      <c r="K3218" s="2" t="s">
        <v>1520</v>
      </c>
      <c r="L3218" s="5" t="s">
        <v>1519</v>
      </c>
      <c r="M3218" s="2" t="s">
        <v>1520</v>
      </c>
      <c r="N3218" s="5" t="s">
        <v>1521</v>
      </c>
      <c r="O3218" s="5" t="s">
        <v>38</v>
      </c>
      <c r="P3218" s="5" t="s">
        <v>39</v>
      </c>
      <c r="Q3218" s="5" t="s">
        <v>40</v>
      </c>
      <c r="R3218" s="5" t="s">
        <v>1522</v>
      </c>
      <c r="S3218" s="5" t="s">
        <v>1523</v>
      </c>
      <c r="T3218" s="5" t="s">
        <v>42</v>
      </c>
      <c r="U3218" s="2">
        <v>1.526</v>
      </c>
      <c r="V3218" s="2">
        <v>1.2330000000000001</v>
      </c>
      <c r="W3218" s="2">
        <v>7.0000000000000001E-3</v>
      </c>
      <c r="X3218" s="2">
        <v>82.9</v>
      </c>
      <c r="Y3218" s="2">
        <v>7.6</v>
      </c>
      <c r="Z3218" s="2">
        <v>10.6</v>
      </c>
      <c r="AA3218" s="5"/>
      <c r="AB3218" s="5" t="s">
        <v>43</v>
      </c>
      <c r="AC3218" s="5" t="s">
        <v>44</v>
      </c>
      <c r="AD3218" s="2"/>
      <c r="AE3218" s="1"/>
    </row>
    <row r="3219" spans="1:31" ht="14.45">
      <c r="A3219" s="11"/>
      <c r="B3219" s="20"/>
      <c r="C3219" s="2" t="s">
        <v>10111</v>
      </c>
      <c r="D3219" s="14" t="s">
        <v>10112</v>
      </c>
      <c r="E3219" s="2" t="s">
        <v>10113</v>
      </c>
      <c r="F3219" s="2" t="s">
        <v>7514</v>
      </c>
      <c r="G3219" s="8">
        <v>105</v>
      </c>
      <c r="H3219" s="5">
        <v>5</v>
      </c>
      <c r="I3219" s="5" t="s">
        <v>1518</v>
      </c>
      <c r="J3219" s="5" t="s">
        <v>1519</v>
      </c>
      <c r="K3219" s="2" t="s">
        <v>1520</v>
      </c>
      <c r="L3219" s="5" t="s">
        <v>1519</v>
      </c>
      <c r="M3219" s="2" t="s">
        <v>1520</v>
      </c>
      <c r="N3219" s="5" t="s">
        <v>1521</v>
      </c>
      <c r="O3219" s="5" t="s">
        <v>38</v>
      </c>
      <c r="P3219" s="5" t="s">
        <v>39</v>
      </c>
      <c r="Q3219" s="5" t="s">
        <v>40</v>
      </c>
      <c r="R3219" s="5" t="s">
        <v>1522</v>
      </c>
      <c r="S3219" s="5" t="s">
        <v>1523</v>
      </c>
      <c r="T3219" s="5" t="s">
        <v>42</v>
      </c>
      <c r="U3219" s="2">
        <v>1.5629999999999999</v>
      </c>
      <c r="V3219" s="2">
        <v>1.2689999999999999</v>
      </c>
      <c r="W3219" s="2">
        <v>7.0000000000000001E-3</v>
      </c>
      <c r="X3219" s="2">
        <v>82.9</v>
      </c>
      <c r="Y3219" s="2">
        <v>7.6</v>
      </c>
      <c r="Z3219" s="2">
        <v>10.6</v>
      </c>
      <c r="AA3219" s="5"/>
      <c r="AB3219" s="5" t="s">
        <v>43</v>
      </c>
      <c r="AC3219" s="5" t="s">
        <v>44</v>
      </c>
      <c r="AD3219" s="2"/>
      <c r="AE3219" s="1"/>
    </row>
    <row r="3220" spans="1:31" ht="14.45">
      <c r="A3220" s="11"/>
      <c r="B3220" s="20"/>
      <c r="C3220" s="2" t="s">
        <v>10114</v>
      </c>
      <c r="D3220" s="14" t="s">
        <v>10115</v>
      </c>
      <c r="E3220" s="2" t="s">
        <v>10116</v>
      </c>
      <c r="F3220" s="2" t="s">
        <v>7208</v>
      </c>
      <c r="G3220" s="8">
        <v>105</v>
      </c>
      <c r="H3220" s="5">
        <v>5</v>
      </c>
      <c r="I3220" s="5" t="s">
        <v>1518</v>
      </c>
      <c r="J3220" s="5" t="s">
        <v>1519</v>
      </c>
      <c r="K3220" s="2" t="s">
        <v>1520</v>
      </c>
      <c r="L3220" s="5" t="s">
        <v>1519</v>
      </c>
      <c r="M3220" s="2" t="s">
        <v>1520</v>
      </c>
      <c r="N3220" s="5" t="s">
        <v>1521</v>
      </c>
      <c r="O3220" s="5" t="s">
        <v>38</v>
      </c>
      <c r="P3220" s="5" t="s">
        <v>39</v>
      </c>
      <c r="Q3220" s="5" t="s">
        <v>40</v>
      </c>
      <c r="R3220" s="5" t="s">
        <v>1522</v>
      </c>
      <c r="S3220" s="5" t="s">
        <v>1523</v>
      </c>
      <c r="T3220" s="5" t="s">
        <v>42</v>
      </c>
      <c r="U3220" s="2">
        <v>1.5269999999999999</v>
      </c>
      <c r="V3220" s="2">
        <v>1.2330000000000001</v>
      </c>
      <c r="W3220" s="2">
        <v>7.0000000000000001E-3</v>
      </c>
      <c r="X3220" s="2">
        <v>82.9</v>
      </c>
      <c r="Y3220" s="2">
        <v>7.6</v>
      </c>
      <c r="Z3220" s="2">
        <v>10.6</v>
      </c>
      <c r="AA3220" s="5"/>
      <c r="AB3220" s="5" t="s">
        <v>43</v>
      </c>
      <c r="AC3220" s="5" t="s">
        <v>44</v>
      </c>
      <c r="AD3220" s="2"/>
      <c r="AE3220" s="1"/>
    </row>
    <row r="3221" spans="1:31" ht="14.45">
      <c r="A3221" s="11"/>
      <c r="B3221" s="20"/>
      <c r="C3221" s="2" t="s">
        <v>10117</v>
      </c>
      <c r="D3221" s="14" t="s">
        <v>10118</v>
      </c>
      <c r="E3221" s="2" t="s">
        <v>10119</v>
      </c>
      <c r="F3221" s="2" t="s">
        <v>7521</v>
      </c>
      <c r="G3221" s="8">
        <v>105</v>
      </c>
      <c r="H3221" s="5">
        <v>5</v>
      </c>
      <c r="I3221" s="5" t="s">
        <v>1518</v>
      </c>
      <c r="J3221" s="5" t="s">
        <v>1519</v>
      </c>
      <c r="K3221" s="2" t="s">
        <v>1520</v>
      </c>
      <c r="L3221" s="5" t="s">
        <v>1519</v>
      </c>
      <c r="M3221" s="2" t="s">
        <v>1520</v>
      </c>
      <c r="N3221" s="5" t="s">
        <v>1521</v>
      </c>
      <c r="O3221" s="5" t="s">
        <v>38</v>
      </c>
      <c r="P3221" s="5" t="s">
        <v>39</v>
      </c>
      <c r="Q3221" s="5" t="s">
        <v>40</v>
      </c>
      <c r="R3221" s="5" t="s">
        <v>1522</v>
      </c>
      <c r="S3221" s="5" t="s">
        <v>1523</v>
      </c>
      <c r="T3221" s="5" t="s">
        <v>42</v>
      </c>
      <c r="U3221" s="2">
        <v>1.5629999999999999</v>
      </c>
      <c r="V3221" s="2">
        <v>1.2689999999999999</v>
      </c>
      <c r="W3221" s="2">
        <v>7.0000000000000001E-3</v>
      </c>
      <c r="X3221" s="2">
        <v>82.9</v>
      </c>
      <c r="Y3221" s="2">
        <v>7.6</v>
      </c>
      <c r="Z3221" s="2">
        <v>10.6</v>
      </c>
      <c r="AA3221" s="5"/>
      <c r="AB3221" s="5" t="s">
        <v>43</v>
      </c>
      <c r="AC3221" s="5" t="s">
        <v>44</v>
      </c>
      <c r="AD3221" s="2"/>
      <c r="AE3221" s="1"/>
    </row>
    <row r="3222" spans="1:31" ht="14.45">
      <c r="A3222" s="11"/>
      <c r="B3222" s="20"/>
      <c r="C3222" s="2" t="s">
        <v>10120</v>
      </c>
      <c r="D3222" s="14" t="s">
        <v>10121</v>
      </c>
      <c r="E3222" s="2" t="s">
        <v>10122</v>
      </c>
      <c r="F3222" s="2" t="s">
        <v>7212</v>
      </c>
      <c r="G3222" s="8">
        <v>105</v>
      </c>
      <c r="H3222" s="5">
        <v>5</v>
      </c>
      <c r="I3222" s="5" t="s">
        <v>1518</v>
      </c>
      <c r="J3222" s="5" t="s">
        <v>1519</v>
      </c>
      <c r="K3222" s="2" t="s">
        <v>1520</v>
      </c>
      <c r="L3222" s="5" t="s">
        <v>1519</v>
      </c>
      <c r="M3222" s="2" t="s">
        <v>1520</v>
      </c>
      <c r="N3222" s="5" t="s">
        <v>1521</v>
      </c>
      <c r="O3222" s="5" t="s">
        <v>38</v>
      </c>
      <c r="P3222" s="5" t="s">
        <v>39</v>
      </c>
      <c r="Q3222" s="5" t="s">
        <v>40</v>
      </c>
      <c r="R3222" s="5" t="s">
        <v>1522</v>
      </c>
      <c r="S3222" s="5" t="s">
        <v>1523</v>
      </c>
      <c r="T3222" s="5" t="s">
        <v>42</v>
      </c>
      <c r="U3222" s="2">
        <v>1.5109999999999999</v>
      </c>
      <c r="V3222" s="2">
        <v>1.2170000000000001</v>
      </c>
      <c r="W3222" s="2">
        <v>7.0000000000000001E-3</v>
      </c>
      <c r="X3222" s="2">
        <v>82.9</v>
      </c>
      <c r="Y3222" s="2">
        <v>7.6</v>
      </c>
      <c r="Z3222" s="2">
        <v>10.6</v>
      </c>
      <c r="AA3222" s="5"/>
      <c r="AB3222" s="5" t="s">
        <v>43</v>
      </c>
      <c r="AC3222" s="5" t="s">
        <v>44</v>
      </c>
      <c r="AD3222" s="2"/>
      <c r="AE3222" s="1"/>
    </row>
    <row r="3223" spans="1:31" ht="14.45">
      <c r="A3223" s="11"/>
      <c r="B3223" s="20"/>
      <c r="C3223" s="2" t="s">
        <v>10123</v>
      </c>
      <c r="D3223" s="14" t="s">
        <v>10124</v>
      </c>
      <c r="E3223" s="2" t="s">
        <v>10125</v>
      </c>
      <c r="F3223" s="2" t="s">
        <v>7528</v>
      </c>
      <c r="G3223" s="8">
        <v>105</v>
      </c>
      <c r="H3223" s="5">
        <v>5</v>
      </c>
      <c r="I3223" s="5" t="s">
        <v>1518</v>
      </c>
      <c r="J3223" s="5" t="s">
        <v>1519</v>
      </c>
      <c r="K3223" s="2" t="s">
        <v>1520</v>
      </c>
      <c r="L3223" s="5" t="s">
        <v>1519</v>
      </c>
      <c r="M3223" s="2" t="s">
        <v>1520</v>
      </c>
      <c r="N3223" s="5" t="s">
        <v>1521</v>
      </c>
      <c r="O3223" s="5" t="s">
        <v>38</v>
      </c>
      <c r="P3223" s="5" t="s">
        <v>39</v>
      </c>
      <c r="Q3223" s="5" t="s">
        <v>40</v>
      </c>
      <c r="R3223" s="5" t="s">
        <v>1522</v>
      </c>
      <c r="S3223" s="5" t="s">
        <v>1523</v>
      </c>
      <c r="T3223" s="5" t="s">
        <v>42</v>
      </c>
      <c r="U3223" s="2">
        <v>1.5469999999999999</v>
      </c>
      <c r="V3223" s="2">
        <v>1.2529999999999999</v>
      </c>
      <c r="W3223" s="2">
        <v>7.0000000000000001E-3</v>
      </c>
      <c r="X3223" s="2">
        <v>82.9</v>
      </c>
      <c r="Y3223" s="2">
        <v>7.6</v>
      </c>
      <c r="Z3223" s="2">
        <v>10.6</v>
      </c>
      <c r="AA3223" s="5"/>
      <c r="AB3223" s="5" t="s">
        <v>43</v>
      </c>
      <c r="AC3223" s="5" t="s">
        <v>44</v>
      </c>
      <c r="AD3223" s="2"/>
      <c r="AE3223" s="1"/>
    </row>
    <row r="3224" spans="1:31" ht="14.45">
      <c r="A3224" s="11"/>
      <c r="B3224" s="20"/>
      <c r="C3224" s="2" t="s">
        <v>10126</v>
      </c>
      <c r="D3224" s="14" t="s">
        <v>10127</v>
      </c>
      <c r="E3224" s="2" t="s">
        <v>10128</v>
      </c>
      <c r="F3224" s="2" t="s">
        <v>7406</v>
      </c>
      <c r="G3224" s="8">
        <v>121</v>
      </c>
      <c r="H3224" s="5">
        <v>5</v>
      </c>
      <c r="I3224" s="5" t="s">
        <v>1518</v>
      </c>
      <c r="J3224" s="5" t="s">
        <v>1519</v>
      </c>
      <c r="K3224" s="2" t="s">
        <v>1520</v>
      </c>
      <c r="L3224" s="5" t="s">
        <v>1519</v>
      </c>
      <c r="M3224" s="2" t="s">
        <v>1520</v>
      </c>
      <c r="N3224" s="5" t="s">
        <v>1521</v>
      </c>
      <c r="O3224" s="5" t="s">
        <v>38</v>
      </c>
      <c r="P3224" s="5" t="s">
        <v>39</v>
      </c>
      <c r="Q3224" s="5" t="s">
        <v>40</v>
      </c>
      <c r="R3224" s="5" t="s">
        <v>1522</v>
      </c>
      <c r="S3224" s="5" t="s">
        <v>1523</v>
      </c>
      <c r="T3224" s="5" t="s">
        <v>42</v>
      </c>
      <c r="U3224" s="2">
        <v>1.51</v>
      </c>
      <c r="V3224" s="2">
        <v>1.2170000000000001</v>
      </c>
      <c r="W3224" s="2">
        <v>7.0000000000000001E-3</v>
      </c>
      <c r="X3224" s="2">
        <v>82.9</v>
      </c>
      <c r="Y3224" s="2">
        <v>7.6</v>
      </c>
      <c r="Z3224" s="2">
        <v>10.6</v>
      </c>
      <c r="AA3224" s="5"/>
      <c r="AB3224" s="5" t="s">
        <v>43</v>
      </c>
      <c r="AC3224" s="5" t="s">
        <v>44</v>
      </c>
      <c r="AD3224" s="2"/>
      <c r="AE3224" s="1"/>
    </row>
    <row r="3225" spans="1:31" ht="14.45">
      <c r="A3225" s="11"/>
      <c r="B3225" s="20"/>
      <c r="C3225" s="2" t="s">
        <v>10129</v>
      </c>
      <c r="D3225" s="14" t="s">
        <v>10130</v>
      </c>
      <c r="E3225" s="2" t="s">
        <v>10131</v>
      </c>
      <c r="F3225" s="2" t="s">
        <v>7535</v>
      </c>
      <c r="G3225" s="8">
        <v>121</v>
      </c>
      <c r="H3225" s="5">
        <v>5</v>
      </c>
      <c r="I3225" s="5" t="s">
        <v>1518</v>
      </c>
      <c r="J3225" s="5" t="s">
        <v>1519</v>
      </c>
      <c r="K3225" s="2" t="s">
        <v>1520</v>
      </c>
      <c r="L3225" s="5" t="s">
        <v>1519</v>
      </c>
      <c r="M3225" s="2" t="s">
        <v>1520</v>
      </c>
      <c r="N3225" s="5" t="s">
        <v>1521</v>
      </c>
      <c r="O3225" s="5" t="s">
        <v>38</v>
      </c>
      <c r="P3225" s="5" t="s">
        <v>39</v>
      </c>
      <c r="Q3225" s="5" t="s">
        <v>40</v>
      </c>
      <c r="R3225" s="5" t="s">
        <v>1522</v>
      </c>
      <c r="S3225" s="5" t="s">
        <v>1523</v>
      </c>
      <c r="T3225" s="5" t="s">
        <v>42</v>
      </c>
      <c r="U3225" s="2">
        <v>1.546</v>
      </c>
      <c r="V3225" s="2">
        <v>1.2529999999999999</v>
      </c>
      <c r="W3225" s="2">
        <v>7.0000000000000001E-3</v>
      </c>
      <c r="X3225" s="2">
        <v>82.9</v>
      </c>
      <c r="Y3225" s="2">
        <v>7.6</v>
      </c>
      <c r="Z3225" s="2">
        <v>10.6</v>
      </c>
      <c r="AA3225" s="5"/>
      <c r="AB3225" s="5" t="s">
        <v>43</v>
      </c>
      <c r="AC3225" s="5" t="s">
        <v>44</v>
      </c>
      <c r="AD3225" s="2"/>
      <c r="AE3225" s="1"/>
    </row>
    <row r="3226" spans="1:31" ht="14.45">
      <c r="A3226" s="11"/>
      <c r="B3226" s="20"/>
      <c r="C3226" s="2" t="s">
        <v>10132</v>
      </c>
      <c r="D3226" s="14" t="s">
        <v>10133</v>
      </c>
      <c r="E3226" s="2" t="s">
        <v>10134</v>
      </c>
      <c r="F3226" s="2" t="s">
        <v>7539</v>
      </c>
      <c r="G3226" s="8">
        <v>121</v>
      </c>
      <c r="H3226" s="5">
        <v>6</v>
      </c>
      <c r="I3226" s="5" t="s">
        <v>1518</v>
      </c>
      <c r="J3226" s="5" t="s">
        <v>1519</v>
      </c>
      <c r="K3226" s="2" t="s">
        <v>1520</v>
      </c>
      <c r="L3226" s="5" t="s">
        <v>1519</v>
      </c>
      <c r="M3226" s="2" t="s">
        <v>1520</v>
      </c>
      <c r="N3226" s="5" t="s">
        <v>1521</v>
      </c>
      <c r="O3226" s="5" t="s">
        <v>38</v>
      </c>
      <c r="P3226" s="5" t="s">
        <v>39</v>
      </c>
      <c r="Q3226" s="5" t="s">
        <v>40</v>
      </c>
      <c r="R3226" s="5" t="s">
        <v>1522</v>
      </c>
      <c r="S3226" s="5" t="s">
        <v>1523</v>
      </c>
      <c r="T3226" s="5" t="s">
        <v>42</v>
      </c>
      <c r="U3226" s="2">
        <v>1.526</v>
      </c>
      <c r="V3226" s="2">
        <v>1.2330000000000001</v>
      </c>
      <c r="W3226" s="2">
        <v>7.0000000000000001E-3</v>
      </c>
      <c r="X3226" s="2">
        <v>82.9</v>
      </c>
      <c r="Y3226" s="2">
        <v>7.6</v>
      </c>
      <c r="Z3226" s="2">
        <v>10.6</v>
      </c>
      <c r="AA3226" s="5"/>
      <c r="AB3226" s="5" t="s">
        <v>43</v>
      </c>
      <c r="AC3226" s="5" t="s">
        <v>44</v>
      </c>
      <c r="AD3226" s="2"/>
      <c r="AE3226" s="1"/>
    </row>
    <row r="3227" spans="1:31" ht="14.45">
      <c r="A3227" s="11"/>
      <c r="B3227" s="20"/>
      <c r="C3227" s="2" t="s">
        <v>10135</v>
      </c>
      <c r="D3227" s="14" t="s">
        <v>10136</v>
      </c>
      <c r="E3227" s="2" t="s">
        <v>10137</v>
      </c>
      <c r="F3227" s="2" t="s">
        <v>7543</v>
      </c>
      <c r="G3227" s="8">
        <v>121</v>
      </c>
      <c r="H3227" s="5">
        <v>5</v>
      </c>
      <c r="I3227" s="5" t="s">
        <v>1518</v>
      </c>
      <c r="J3227" s="5" t="s">
        <v>1519</v>
      </c>
      <c r="K3227" s="2" t="s">
        <v>1520</v>
      </c>
      <c r="L3227" s="5" t="s">
        <v>1519</v>
      </c>
      <c r="M3227" s="2" t="s">
        <v>1520</v>
      </c>
      <c r="N3227" s="5" t="s">
        <v>1521</v>
      </c>
      <c r="O3227" s="5" t="s">
        <v>38</v>
      </c>
      <c r="P3227" s="5" t="s">
        <v>39</v>
      </c>
      <c r="Q3227" s="5" t="s">
        <v>40</v>
      </c>
      <c r="R3227" s="5" t="s">
        <v>1522</v>
      </c>
      <c r="S3227" s="5" t="s">
        <v>1523</v>
      </c>
      <c r="T3227" s="5" t="s">
        <v>42</v>
      </c>
      <c r="U3227" s="2">
        <v>1.5620000000000001</v>
      </c>
      <c r="V3227" s="2">
        <v>1.2689999999999999</v>
      </c>
      <c r="W3227" s="2">
        <v>7.0000000000000001E-3</v>
      </c>
      <c r="X3227" s="2">
        <v>82.9</v>
      </c>
      <c r="Y3227" s="2">
        <v>7.6</v>
      </c>
      <c r="Z3227" s="2">
        <v>10.6</v>
      </c>
      <c r="AA3227" s="5"/>
      <c r="AB3227" s="5" t="s">
        <v>43</v>
      </c>
      <c r="AC3227" s="5" t="s">
        <v>44</v>
      </c>
      <c r="AD3227" s="2"/>
      <c r="AE3227" s="1"/>
    </row>
    <row r="3228" spans="1:31" ht="14.45">
      <c r="A3228" s="11"/>
      <c r="B3228" s="20"/>
      <c r="C3228" s="2" t="s">
        <v>10138</v>
      </c>
      <c r="D3228" s="14" t="s">
        <v>10139</v>
      </c>
      <c r="E3228" s="2" t="s">
        <v>10140</v>
      </c>
      <c r="F3228" s="2" t="s">
        <v>7547</v>
      </c>
      <c r="G3228" s="8">
        <v>121</v>
      </c>
      <c r="H3228" s="5">
        <v>6</v>
      </c>
      <c r="I3228" s="5" t="s">
        <v>1518</v>
      </c>
      <c r="J3228" s="5" t="s">
        <v>1519</v>
      </c>
      <c r="K3228" s="2" t="s">
        <v>1520</v>
      </c>
      <c r="L3228" s="5" t="s">
        <v>1519</v>
      </c>
      <c r="M3228" s="2" t="s">
        <v>1520</v>
      </c>
      <c r="N3228" s="5" t="s">
        <v>1521</v>
      </c>
      <c r="O3228" s="5" t="s">
        <v>38</v>
      </c>
      <c r="P3228" s="5" t="s">
        <v>39</v>
      </c>
      <c r="Q3228" s="5" t="s">
        <v>40</v>
      </c>
      <c r="R3228" s="5" t="s">
        <v>1522</v>
      </c>
      <c r="S3228" s="5" t="s">
        <v>1523</v>
      </c>
      <c r="T3228" s="5" t="s">
        <v>42</v>
      </c>
      <c r="U3228" s="2">
        <v>1.51</v>
      </c>
      <c r="V3228" s="2">
        <v>1.2170000000000001</v>
      </c>
      <c r="W3228" s="2">
        <v>7.0000000000000001E-3</v>
      </c>
      <c r="X3228" s="2">
        <v>82.9</v>
      </c>
      <c r="Y3228" s="2">
        <v>7.6</v>
      </c>
      <c r="Z3228" s="2">
        <v>10.6</v>
      </c>
      <c r="AA3228" s="5"/>
      <c r="AB3228" s="5" t="s">
        <v>43</v>
      </c>
      <c r="AC3228" s="5" t="s">
        <v>44</v>
      </c>
      <c r="AD3228" s="2"/>
      <c r="AE3228" s="1"/>
    </row>
    <row r="3229" spans="1:31" ht="14.45">
      <c r="A3229" s="11"/>
      <c r="B3229" s="20"/>
      <c r="C3229" s="2" t="s">
        <v>10141</v>
      </c>
      <c r="D3229" s="14" t="s">
        <v>10142</v>
      </c>
      <c r="E3229" s="2" t="s">
        <v>10143</v>
      </c>
      <c r="F3229" s="2" t="s">
        <v>7551</v>
      </c>
      <c r="G3229" s="8">
        <v>121</v>
      </c>
      <c r="H3229" s="5">
        <v>6</v>
      </c>
      <c r="I3229" s="5" t="s">
        <v>1518</v>
      </c>
      <c r="J3229" s="5" t="s">
        <v>1519</v>
      </c>
      <c r="K3229" s="2" t="s">
        <v>1520</v>
      </c>
      <c r="L3229" s="5" t="s">
        <v>1519</v>
      </c>
      <c r="M3229" s="2" t="s">
        <v>1520</v>
      </c>
      <c r="N3229" s="5" t="s">
        <v>1521</v>
      </c>
      <c r="O3229" s="5" t="s">
        <v>38</v>
      </c>
      <c r="P3229" s="5" t="s">
        <v>39</v>
      </c>
      <c r="Q3229" s="5" t="s">
        <v>40</v>
      </c>
      <c r="R3229" s="5" t="s">
        <v>1522</v>
      </c>
      <c r="S3229" s="5" t="s">
        <v>1523</v>
      </c>
      <c r="T3229" s="5" t="s">
        <v>42</v>
      </c>
      <c r="U3229" s="2">
        <v>1.546</v>
      </c>
      <c r="V3229" s="2">
        <v>1.2529999999999999</v>
      </c>
      <c r="W3229" s="2">
        <v>7.0000000000000001E-3</v>
      </c>
      <c r="X3229" s="2">
        <v>82.9</v>
      </c>
      <c r="Y3229" s="2">
        <v>7.6</v>
      </c>
      <c r="Z3229" s="2">
        <v>10.6</v>
      </c>
      <c r="AA3229" s="5"/>
      <c r="AB3229" s="5" t="s">
        <v>43</v>
      </c>
      <c r="AC3229" s="5" t="s">
        <v>44</v>
      </c>
      <c r="AD3229" s="2"/>
      <c r="AE3229" s="1"/>
    </row>
    <row r="3230" spans="1:31" ht="14.45">
      <c r="A3230" s="11"/>
      <c r="B3230" s="20"/>
      <c r="C3230" s="2" t="s">
        <v>10144</v>
      </c>
      <c r="D3230" s="14" t="s">
        <v>10145</v>
      </c>
      <c r="E3230" s="2" t="s">
        <v>10146</v>
      </c>
      <c r="F3230" s="2" t="s">
        <v>7555</v>
      </c>
      <c r="G3230" s="8">
        <v>121</v>
      </c>
      <c r="H3230" s="5">
        <v>6</v>
      </c>
      <c r="I3230" s="5" t="s">
        <v>1518</v>
      </c>
      <c r="J3230" s="5" t="s">
        <v>1519</v>
      </c>
      <c r="K3230" s="2" t="s">
        <v>1520</v>
      </c>
      <c r="L3230" s="5" t="s">
        <v>1519</v>
      </c>
      <c r="M3230" s="2" t="s">
        <v>1520</v>
      </c>
      <c r="N3230" s="5" t="s">
        <v>1521</v>
      </c>
      <c r="O3230" s="5" t="s">
        <v>38</v>
      </c>
      <c r="P3230" s="5" t="s">
        <v>39</v>
      </c>
      <c r="Q3230" s="5" t="s">
        <v>40</v>
      </c>
      <c r="R3230" s="5" t="s">
        <v>1522</v>
      </c>
      <c r="S3230" s="5" t="s">
        <v>1523</v>
      </c>
      <c r="T3230" s="5" t="s">
        <v>42</v>
      </c>
      <c r="U3230" s="2">
        <v>1.51</v>
      </c>
      <c r="V3230" s="2">
        <v>1.2170000000000001</v>
      </c>
      <c r="W3230" s="2">
        <v>7.0000000000000001E-3</v>
      </c>
      <c r="X3230" s="2">
        <v>82.9</v>
      </c>
      <c r="Y3230" s="2">
        <v>7.6</v>
      </c>
      <c r="Z3230" s="2">
        <v>10.6</v>
      </c>
      <c r="AA3230" s="5"/>
      <c r="AB3230" s="5" t="s">
        <v>43</v>
      </c>
      <c r="AC3230" s="5" t="s">
        <v>44</v>
      </c>
      <c r="AD3230" s="2"/>
      <c r="AE3230" s="1"/>
    </row>
    <row r="3231" spans="1:31" ht="14.45">
      <c r="A3231" s="11"/>
      <c r="B3231" s="20"/>
      <c r="C3231" s="2" t="s">
        <v>10147</v>
      </c>
      <c r="D3231" s="14" t="s">
        <v>10148</v>
      </c>
      <c r="E3231" s="2" t="s">
        <v>10149</v>
      </c>
      <c r="F3231" s="2" t="s">
        <v>7559</v>
      </c>
      <c r="G3231" s="8">
        <v>121</v>
      </c>
      <c r="H3231" s="5">
        <v>6</v>
      </c>
      <c r="I3231" s="5" t="s">
        <v>1518</v>
      </c>
      <c r="J3231" s="5" t="s">
        <v>1519</v>
      </c>
      <c r="K3231" s="2" t="s">
        <v>1520</v>
      </c>
      <c r="L3231" s="5" t="s">
        <v>1519</v>
      </c>
      <c r="M3231" s="2" t="s">
        <v>1520</v>
      </c>
      <c r="N3231" s="5" t="s">
        <v>1521</v>
      </c>
      <c r="O3231" s="5" t="s">
        <v>38</v>
      </c>
      <c r="P3231" s="5" t="s">
        <v>39</v>
      </c>
      <c r="Q3231" s="5" t="s">
        <v>40</v>
      </c>
      <c r="R3231" s="5" t="s">
        <v>1522</v>
      </c>
      <c r="S3231" s="5" t="s">
        <v>1523</v>
      </c>
      <c r="T3231" s="5" t="s">
        <v>42</v>
      </c>
      <c r="U3231" s="2">
        <v>1.546</v>
      </c>
      <c r="V3231" s="2">
        <v>1.2529999999999999</v>
      </c>
      <c r="W3231" s="2">
        <v>7.0000000000000001E-3</v>
      </c>
      <c r="X3231" s="2">
        <v>82.9</v>
      </c>
      <c r="Y3231" s="2">
        <v>7.6</v>
      </c>
      <c r="Z3231" s="2">
        <v>10.6</v>
      </c>
      <c r="AA3231" s="5"/>
      <c r="AB3231" s="5" t="s">
        <v>43</v>
      </c>
      <c r="AC3231" s="5" t="s">
        <v>44</v>
      </c>
      <c r="AD3231" s="2"/>
      <c r="AE3231" s="1"/>
    </row>
    <row r="3232" spans="1:31" ht="14.45">
      <c r="A3232" s="11"/>
      <c r="B3232" s="20"/>
      <c r="C3232" s="2" t="s">
        <v>10150</v>
      </c>
      <c r="D3232" s="14" t="s">
        <v>10151</v>
      </c>
      <c r="E3232" s="2" t="s">
        <v>10152</v>
      </c>
      <c r="F3232" s="2" t="s">
        <v>7563</v>
      </c>
      <c r="G3232" s="8">
        <v>121</v>
      </c>
      <c r="H3232" s="5">
        <v>6</v>
      </c>
      <c r="I3232" s="5" t="s">
        <v>1518</v>
      </c>
      <c r="J3232" s="5" t="s">
        <v>1519</v>
      </c>
      <c r="K3232" s="2" t="s">
        <v>1520</v>
      </c>
      <c r="L3232" s="5" t="s">
        <v>1519</v>
      </c>
      <c r="M3232" s="2" t="s">
        <v>1520</v>
      </c>
      <c r="N3232" s="5" t="s">
        <v>1521</v>
      </c>
      <c r="O3232" s="5" t="s">
        <v>38</v>
      </c>
      <c r="P3232" s="5" t="s">
        <v>39</v>
      </c>
      <c r="Q3232" s="5" t="s">
        <v>40</v>
      </c>
      <c r="R3232" s="5" t="s">
        <v>1522</v>
      </c>
      <c r="S3232" s="5" t="s">
        <v>1523</v>
      </c>
      <c r="T3232" s="5" t="s">
        <v>42</v>
      </c>
      <c r="U3232" s="2">
        <v>1.526</v>
      </c>
      <c r="V3232" s="2">
        <v>1.2330000000000001</v>
      </c>
      <c r="W3232" s="2">
        <v>7.0000000000000001E-3</v>
      </c>
      <c r="X3232" s="2">
        <v>82.9</v>
      </c>
      <c r="Y3232" s="2">
        <v>7.6</v>
      </c>
      <c r="Z3232" s="2">
        <v>10.6</v>
      </c>
      <c r="AA3232" s="5"/>
      <c r="AB3232" s="5" t="s">
        <v>43</v>
      </c>
      <c r="AC3232" s="5" t="s">
        <v>44</v>
      </c>
      <c r="AD3232" s="2"/>
      <c r="AE3232" s="1"/>
    </row>
    <row r="3233" spans="1:31" ht="14.45">
      <c r="A3233" s="11"/>
      <c r="B3233" s="20"/>
      <c r="C3233" s="2" t="s">
        <v>10153</v>
      </c>
      <c r="D3233" s="14" t="s">
        <v>10154</v>
      </c>
      <c r="E3233" s="2" t="s">
        <v>10155</v>
      </c>
      <c r="F3233" s="2" t="s">
        <v>7567</v>
      </c>
      <c r="G3233" s="8">
        <v>121</v>
      </c>
      <c r="H3233" s="5">
        <v>6</v>
      </c>
      <c r="I3233" s="5" t="s">
        <v>1518</v>
      </c>
      <c r="J3233" s="5" t="s">
        <v>1519</v>
      </c>
      <c r="K3233" s="2" t="s">
        <v>1520</v>
      </c>
      <c r="L3233" s="5" t="s">
        <v>1519</v>
      </c>
      <c r="M3233" s="2" t="s">
        <v>1520</v>
      </c>
      <c r="N3233" s="5" t="s">
        <v>1521</v>
      </c>
      <c r="O3233" s="5" t="s">
        <v>38</v>
      </c>
      <c r="P3233" s="5" t="s">
        <v>39</v>
      </c>
      <c r="Q3233" s="5" t="s">
        <v>40</v>
      </c>
      <c r="R3233" s="5" t="s">
        <v>1522</v>
      </c>
      <c r="S3233" s="5" t="s">
        <v>1523</v>
      </c>
      <c r="T3233" s="5" t="s">
        <v>42</v>
      </c>
      <c r="U3233" s="2">
        <v>1.5620000000000001</v>
      </c>
      <c r="V3233" s="2">
        <v>1.2689999999999999</v>
      </c>
      <c r="W3233" s="2">
        <v>7.0000000000000001E-3</v>
      </c>
      <c r="X3233" s="2">
        <v>82.9</v>
      </c>
      <c r="Y3233" s="2">
        <v>7.6</v>
      </c>
      <c r="Z3233" s="2">
        <v>10.6</v>
      </c>
      <c r="AA3233" s="5"/>
      <c r="AB3233" s="5" t="s">
        <v>43</v>
      </c>
      <c r="AC3233" s="5" t="s">
        <v>44</v>
      </c>
      <c r="AD3233" s="2"/>
      <c r="AE3233" s="1"/>
    </row>
    <row r="3234" spans="1:31" ht="14.45">
      <c r="A3234" s="11"/>
      <c r="B3234" s="20"/>
      <c r="C3234" s="2" t="s">
        <v>10156</v>
      </c>
      <c r="D3234" s="14" t="s">
        <v>10157</v>
      </c>
      <c r="E3234" s="2" t="s">
        <v>10158</v>
      </c>
      <c r="F3234" s="2" t="s">
        <v>7429</v>
      </c>
      <c r="G3234" s="8">
        <v>121</v>
      </c>
      <c r="H3234" s="5">
        <v>6</v>
      </c>
      <c r="I3234" s="5" t="s">
        <v>1518</v>
      </c>
      <c r="J3234" s="5" t="s">
        <v>1519</v>
      </c>
      <c r="K3234" s="2" t="s">
        <v>1520</v>
      </c>
      <c r="L3234" s="5" t="s">
        <v>1519</v>
      </c>
      <c r="M3234" s="2" t="s">
        <v>1520</v>
      </c>
      <c r="N3234" s="5" t="s">
        <v>1521</v>
      </c>
      <c r="O3234" s="5" t="s">
        <v>38</v>
      </c>
      <c r="P3234" s="5" t="s">
        <v>39</v>
      </c>
      <c r="Q3234" s="5" t="s">
        <v>40</v>
      </c>
      <c r="R3234" s="5" t="s">
        <v>1522</v>
      </c>
      <c r="S3234" s="5" t="s">
        <v>1523</v>
      </c>
      <c r="T3234" s="5" t="s">
        <v>42</v>
      </c>
      <c r="U3234" s="2">
        <v>1.526</v>
      </c>
      <c r="V3234" s="2">
        <v>1.2330000000000001</v>
      </c>
      <c r="W3234" s="2">
        <v>7.0000000000000001E-3</v>
      </c>
      <c r="X3234" s="2">
        <v>82.9</v>
      </c>
      <c r="Y3234" s="2">
        <v>7.6</v>
      </c>
      <c r="Z3234" s="2">
        <v>10.6</v>
      </c>
      <c r="AA3234" s="5"/>
      <c r="AB3234" s="5" t="s">
        <v>43</v>
      </c>
      <c r="AC3234" s="5" t="s">
        <v>44</v>
      </c>
      <c r="AD3234" s="2"/>
      <c r="AE3234" s="1"/>
    </row>
    <row r="3235" spans="1:31" ht="14.45">
      <c r="A3235" s="11"/>
      <c r="B3235" s="20"/>
      <c r="C3235" s="2" t="s">
        <v>10159</v>
      </c>
      <c r="D3235" s="14" t="s">
        <v>10160</v>
      </c>
      <c r="E3235" s="2" t="s">
        <v>10161</v>
      </c>
      <c r="F3235" s="2" t="s">
        <v>7574</v>
      </c>
      <c r="G3235" s="8">
        <v>121</v>
      </c>
      <c r="H3235" s="5">
        <v>6</v>
      </c>
      <c r="I3235" s="5" t="s">
        <v>1518</v>
      </c>
      <c r="J3235" s="5" t="s">
        <v>1519</v>
      </c>
      <c r="K3235" s="2" t="s">
        <v>1520</v>
      </c>
      <c r="L3235" s="5" t="s">
        <v>1519</v>
      </c>
      <c r="M3235" s="2" t="s">
        <v>1520</v>
      </c>
      <c r="N3235" s="5" t="s">
        <v>1521</v>
      </c>
      <c r="O3235" s="5" t="s">
        <v>38</v>
      </c>
      <c r="P3235" s="5" t="s">
        <v>39</v>
      </c>
      <c r="Q3235" s="5" t="s">
        <v>40</v>
      </c>
      <c r="R3235" s="5" t="s">
        <v>1522</v>
      </c>
      <c r="S3235" s="5" t="s">
        <v>1523</v>
      </c>
      <c r="T3235" s="5" t="s">
        <v>42</v>
      </c>
      <c r="U3235" s="2">
        <v>1.5620000000000001</v>
      </c>
      <c r="V3235" s="2">
        <v>1.2689999999999999</v>
      </c>
      <c r="W3235" s="2">
        <v>7.0000000000000001E-3</v>
      </c>
      <c r="X3235" s="2">
        <v>82.9</v>
      </c>
      <c r="Y3235" s="2">
        <v>7.6</v>
      </c>
      <c r="Z3235" s="2">
        <v>10.6</v>
      </c>
      <c r="AA3235" s="5"/>
      <c r="AB3235" s="5" t="s">
        <v>43</v>
      </c>
      <c r="AC3235" s="5" t="s">
        <v>44</v>
      </c>
      <c r="AD3235" s="2"/>
      <c r="AE3235" s="1"/>
    </row>
    <row r="3236" spans="1:31" ht="14.45">
      <c r="A3236" s="11"/>
      <c r="B3236" s="20"/>
      <c r="C3236" s="2" t="s">
        <v>10162</v>
      </c>
      <c r="D3236" s="14" t="s">
        <v>10163</v>
      </c>
      <c r="E3236" s="2" t="s">
        <v>10164</v>
      </c>
      <c r="F3236" s="2" t="s">
        <v>7449</v>
      </c>
      <c r="G3236" s="8">
        <v>121</v>
      </c>
      <c r="H3236" s="5">
        <v>6</v>
      </c>
      <c r="I3236" s="5" t="s">
        <v>1518</v>
      </c>
      <c r="J3236" s="5" t="s">
        <v>1519</v>
      </c>
      <c r="K3236" s="2" t="s">
        <v>1520</v>
      </c>
      <c r="L3236" s="5" t="s">
        <v>1519</v>
      </c>
      <c r="M3236" s="2" t="s">
        <v>1520</v>
      </c>
      <c r="N3236" s="5" t="s">
        <v>1521</v>
      </c>
      <c r="O3236" s="5" t="s">
        <v>38</v>
      </c>
      <c r="P3236" s="5" t="s">
        <v>39</v>
      </c>
      <c r="Q3236" s="5" t="s">
        <v>40</v>
      </c>
      <c r="R3236" s="5" t="s">
        <v>1522</v>
      </c>
      <c r="S3236" s="5" t="s">
        <v>1523</v>
      </c>
      <c r="T3236" s="5" t="s">
        <v>42</v>
      </c>
      <c r="U3236" s="2">
        <v>1.526</v>
      </c>
      <c r="V3236" s="2">
        <v>1.2330000000000001</v>
      </c>
      <c r="W3236" s="2">
        <v>7.0000000000000001E-3</v>
      </c>
      <c r="X3236" s="2">
        <v>82.9</v>
      </c>
      <c r="Y3236" s="2">
        <v>7.6</v>
      </c>
      <c r="Z3236" s="2">
        <v>10.6</v>
      </c>
      <c r="AA3236" s="5"/>
      <c r="AB3236" s="5" t="s">
        <v>43</v>
      </c>
      <c r="AC3236" s="5" t="s">
        <v>44</v>
      </c>
      <c r="AD3236" s="2"/>
      <c r="AE3236" s="1"/>
    </row>
    <row r="3237" spans="1:31" ht="14.45">
      <c r="A3237" s="11"/>
      <c r="B3237" s="20"/>
      <c r="C3237" s="2" t="s">
        <v>10165</v>
      </c>
      <c r="D3237" s="14" t="s">
        <v>10166</v>
      </c>
      <c r="E3237" s="2" t="s">
        <v>10167</v>
      </c>
      <c r="F3237" s="2" t="s">
        <v>7581</v>
      </c>
      <c r="G3237" s="8">
        <v>121</v>
      </c>
      <c r="H3237" s="5">
        <v>6</v>
      </c>
      <c r="I3237" s="5" t="s">
        <v>1518</v>
      </c>
      <c r="J3237" s="5" t="s">
        <v>1519</v>
      </c>
      <c r="K3237" s="2" t="s">
        <v>1520</v>
      </c>
      <c r="L3237" s="5" t="s">
        <v>1519</v>
      </c>
      <c r="M3237" s="2" t="s">
        <v>1520</v>
      </c>
      <c r="N3237" s="5" t="s">
        <v>1521</v>
      </c>
      <c r="O3237" s="5" t="s">
        <v>38</v>
      </c>
      <c r="P3237" s="5" t="s">
        <v>39</v>
      </c>
      <c r="Q3237" s="5" t="s">
        <v>40</v>
      </c>
      <c r="R3237" s="5" t="s">
        <v>1522</v>
      </c>
      <c r="S3237" s="5" t="s">
        <v>1523</v>
      </c>
      <c r="T3237" s="5" t="s">
        <v>42</v>
      </c>
      <c r="U3237" s="2">
        <v>1.5620000000000001</v>
      </c>
      <c r="V3237" s="2">
        <v>1.2689999999999999</v>
      </c>
      <c r="W3237" s="2">
        <v>7.0000000000000001E-3</v>
      </c>
      <c r="X3237" s="2">
        <v>82.9</v>
      </c>
      <c r="Y3237" s="2">
        <v>7.6</v>
      </c>
      <c r="Z3237" s="2">
        <v>10.6</v>
      </c>
      <c r="AA3237" s="5"/>
      <c r="AB3237" s="5" t="s">
        <v>43</v>
      </c>
      <c r="AC3237" s="5" t="s">
        <v>44</v>
      </c>
      <c r="AD3237" s="2"/>
      <c r="AE3237" s="1"/>
    </row>
    <row r="3238" spans="1:31" ht="14.45">
      <c r="A3238" s="11"/>
      <c r="B3238" s="20"/>
      <c r="C3238" s="2" t="s">
        <v>10168</v>
      </c>
      <c r="D3238" s="14" t="s">
        <v>10169</v>
      </c>
      <c r="E3238" s="2" t="s">
        <v>10170</v>
      </c>
      <c r="F3238" s="2" t="s">
        <v>7585</v>
      </c>
      <c r="G3238" s="8">
        <v>121</v>
      </c>
      <c r="H3238" s="5">
        <v>6</v>
      </c>
      <c r="I3238" s="5" t="s">
        <v>1518</v>
      </c>
      <c r="J3238" s="5" t="s">
        <v>1519</v>
      </c>
      <c r="K3238" s="2" t="s">
        <v>1520</v>
      </c>
      <c r="L3238" s="5" t="s">
        <v>1519</v>
      </c>
      <c r="M3238" s="2" t="s">
        <v>1520</v>
      </c>
      <c r="N3238" s="5" t="s">
        <v>1521</v>
      </c>
      <c r="O3238" s="5" t="s">
        <v>38</v>
      </c>
      <c r="P3238" s="5" t="s">
        <v>39</v>
      </c>
      <c r="Q3238" s="5" t="s">
        <v>40</v>
      </c>
      <c r="R3238" s="5" t="s">
        <v>1522</v>
      </c>
      <c r="S3238" s="5" t="s">
        <v>1523</v>
      </c>
      <c r="T3238" s="5" t="s">
        <v>42</v>
      </c>
      <c r="U3238" s="2">
        <v>1.51</v>
      </c>
      <c r="V3238" s="2">
        <v>1.2170000000000001</v>
      </c>
      <c r="W3238" s="2">
        <v>7.0000000000000001E-3</v>
      </c>
      <c r="X3238" s="2">
        <v>82.9</v>
      </c>
      <c r="Y3238" s="2">
        <v>7.6</v>
      </c>
      <c r="Z3238" s="2">
        <v>10.6</v>
      </c>
      <c r="AA3238" s="5"/>
      <c r="AB3238" s="5" t="s">
        <v>43</v>
      </c>
      <c r="AC3238" s="5" t="s">
        <v>44</v>
      </c>
      <c r="AD3238" s="2"/>
      <c r="AE3238" s="1"/>
    </row>
    <row r="3239" spans="1:31" ht="14.45">
      <c r="A3239" s="11"/>
      <c r="B3239" s="20"/>
      <c r="C3239" s="2" t="s">
        <v>10171</v>
      </c>
      <c r="D3239" s="14" t="s">
        <v>10172</v>
      </c>
      <c r="E3239" s="2" t="s">
        <v>10173</v>
      </c>
      <c r="F3239" s="2" t="s">
        <v>7589</v>
      </c>
      <c r="G3239" s="8">
        <v>121</v>
      </c>
      <c r="H3239" s="5">
        <v>6</v>
      </c>
      <c r="I3239" s="5" t="s">
        <v>1518</v>
      </c>
      <c r="J3239" s="5" t="s">
        <v>1519</v>
      </c>
      <c r="K3239" s="2" t="s">
        <v>1520</v>
      </c>
      <c r="L3239" s="5" t="s">
        <v>1519</v>
      </c>
      <c r="M3239" s="2" t="s">
        <v>1520</v>
      </c>
      <c r="N3239" s="5" t="s">
        <v>1521</v>
      </c>
      <c r="O3239" s="5" t="s">
        <v>38</v>
      </c>
      <c r="P3239" s="5" t="s">
        <v>39</v>
      </c>
      <c r="Q3239" s="5" t="s">
        <v>40</v>
      </c>
      <c r="R3239" s="5" t="s">
        <v>1522</v>
      </c>
      <c r="S3239" s="5" t="s">
        <v>1523</v>
      </c>
      <c r="T3239" s="5" t="s">
        <v>42</v>
      </c>
      <c r="U3239" s="2">
        <v>1.546</v>
      </c>
      <c r="V3239" s="2">
        <v>1.2529999999999999</v>
      </c>
      <c r="W3239" s="2">
        <v>7.0000000000000001E-3</v>
      </c>
      <c r="X3239" s="2">
        <v>82.9</v>
      </c>
      <c r="Y3239" s="2">
        <v>7.6</v>
      </c>
      <c r="Z3239" s="2">
        <v>10.6</v>
      </c>
      <c r="AA3239" s="5"/>
      <c r="AB3239" s="5" t="s">
        <v>43</v>
      </c>
      <c r="AC3239" s="5" t="s">
        <v>44</v>
      </c>
      <c r="AD3239" s="2"/>
      <c r="AE3239" s="1"/>
    </row>
    <row r="3240" spans="1:31" ht="14.45">
      <c r="A3240" s="11"/>
      <c r="B3240" s="20"/>
      <c r="C3240" s="2" t="s">
        <v>10174</v>
      </c>
      <c r="D3240" s="14" t="s">
        <v>10175</v>
      </c>
      <c r="E3240" s="2" t="s">
        <v>10176</v>
      </c>
      <c r="F3240" s="2" t="s">
        <v>7593</v>
      </c>
      <c r="G3240" s="8">
        <v>121</v>
      </c>
      <c r="H3240" s="5">
        <v>6</v>
      </c>
      <c r="I3240" s="5" t="s">
        <v>1518</v>
      </c>
      <c r="J3240" s="5" t="s">
        <v>1519</v>
      </c>
      <c r="K3240" s="2" t="s">
        <v>1520</v>
      </c>
      <c r="L3240" s="5" t="s">
        <v>1519</v>
      </c>
      <c r="M3240" s="2" t="s">
        <v>1520</v>
      </c>
      <c r="N3240" s="5" t="s">
        <v>1521</v>
      </c>
      <c r="O3240" s="5" t="s">
        <v>38</v>
      </c>
      <c r="P3240" s="5" t="s">
        <v>39</v>
      </c>
      <c r="Q3240" s="5" t="s">
        <v>40</v>
      </c>
      <c r="R3240" s="5" t="s">
        <v>1522</v>
      </c>
      <c r="S3240" s="5" t="s">
        <v>1523</v>
      </c>
      <c r="T3240" s="5" t="s">
        <v>42</v>
      </c>
      <c r="U3240" s="2">
        <v>1.526</v>
      </c>
      <c r="V3240" s="2">
        <v>1.2330000000000001</v>
      </c>
      <c r="W3240" s="2">
        <v>7.0000000000000001E-3</v>
      </c>
      <c r="X3240" s="2">
        <v>82.9</v>
      </c>
      <c r="Y3240" s="2">
        <v>7.6</v>
      </c>
      <c r="Z3240" s="2">
        <v>10.6</v>
      </c>
      <c r="AA3240" s="5"/>
      <c r="AB3240" s="5" t="s">
        <v>43</v>
      </c>
      <c r="AC3240" s="5" t="s">
        <v>44</v>
      </c>
      <c r="AD3240" s="2"/>
      <c r="AE3240" s="1"/>
    </row>
    <row r="3241" spans="1:31" ht="14.45">
      <c r="A3241" s="11"/>
      <c r="B3241" s="20"/>
      <c r="C3241" s="2" t="s">
        <v>10177</v>
      </c>
      <c r="D3241" s="14" t="s">
        <v>10178</v>
      </c>
      <c r="E3241" s="2" t="s">
        <v>10179</v>
      </c>
      <c r="F3241" s="2" t="s">
        <v>7597</v>
      </c>
      <c r="G3241" s="8">
        <v>121</v>
      </c>
      <c r="H3241" s="5">
        <v>6</v>
      </c>
      <c r="I3241" s="5" t="s">
        <v>1518</v>
      </c>
      <c r="J3241" s="5" t="s">
        <v>1519</v>
      </c>
      <c r="K3241" s="2" t="s">
        <v>1520</v>
      </c>
      <c r="L3241" s="5" t="s">
        <v>1519</v>
      </c>
      <c r="M3241" s="2" t="s">
        <v>1520</v>
      </c>
      <c r="N3241" s="5" t="s">
        <v>1521</v>
      </c>
      <c r="O3241" s="5" t="s">
        <v>38</v>
      </c>
      <c r="P3241" s="5" t="s">
        <v>39</v>
      </c>
      <c r="Q3241" s="5" t="s">
        <v>40</v>
      </c>
      <c r="R3241" s="5" t="s">
        <v>1522</v>
      </c>
      <c r="S3241" s="5" t="s">
        <v>1523</v>
      </c>
      <c r="T3241" s="5" t="s">
        <v>42</v>
      </c>
      <c r="U3241" s="2">
        <v>1.5620000000000001</v>
      </c>
      <c r="V3241" s="2">
        <v>1.2689999999999999</v>
      </c>
      <c r="W3241" s="2">
        <v>7.0000000000000001E-3</v>
      </c>
      <c r="X3241" s="2">
        <v>82.9</v>
      </c>
      <c r="Y3241" s="2">
        <v>7.6</v>
      </c>
      <c r="Z3241" s="2">
        <v>10.6</v>
      </c>
      <c r="AA3241" s="5"/>
      <c r="AB3241" s="5" t="s">
        <v>43</v>
      </c>
      <c r="AC3241" s="5" t="s">
        <v>44</v>
      </c>
      <c r="AD3241" s="2"/>
      <c r="AE3241" s="1"/>
    </row>
    <row r="3242" spans="1:31" ht="14.45">
      <c r="A3242" s="11"/>
      <c r="B3242" s="20"/>
      <c r="C3242" s="2" t="s">
        <v>10180</v>
      </c>
      <c r="D3242" s="14" t="s">
        <v>10181</v>
      </c>
      <c r="E3242" s="2" t="s">
        <v>10182</v>
      </c>
      <c r="F3242" s="2" t="s">
        <v>7410</v>
      </c>
      <c r="G3242" s="8">
        <v>121</v>
      </c>
      <c r="H3242" s="5">
        <v>6</v>
      </c>
      <c r="I3242" s="5" t="s">
        <v>1518</v>
      </c>
      <c r="J3242" s="5" t="s">
        <v>1519</v>
      </c>
      <c r="K3242" s="2" t="s">
        <v>1520</v>
      </c>
      <c r="L3242" s="5" t="s">
        <v>1519</v>
      </c>
      <c r="M3242" s="2" t="s">
        <v>1520</v>
      </c>
      <c r="N3242" s="5" t="s">
        <v>1521</v>
      </c>
      <c r="O3242" s="5" t="s">
        <v>38</v>
      </c>
      <c r="P3242" s="5" t="s">
        <v>39</v>
      </c>
      <c r="Q3242" s="5" t="s">
        <v>40</v>
      </c>
      <c r="R3242" s="5" t="s">
        <v>1522</v>
      </c>
      <c r="S3242" s="5" t="s">
        <v>1523</v>
      </c>
      <c r="T3242" s="5" t="s">
        <v>42</v>
      </c>
      <c r="U3242" s="2">
        <v>1.526</v>
      </c>
      <c r="V3242" s="2">
        <v>1.2330000000000001</v>
      </c>
      <c r="W3242" s="2">
        <v>7.0000000000000001E-3</v>
      </c>
      <c r="X3242" s="2">
        <v>82.9</v>
      </c>
      <c r="Y3242" s="2">
        <v>7.6</v>
      </c>
      <c r="Z3242" s="2">
        <v>10.6</v>
      </c>
      <c r="AA3242" s="5"/>
      <c r="AB3242" s="5" t="s">
        <v>43</v>
      </c>
      <c r="AC3242" s="5" t="s">
        <v>44</v>
      </c>
      <c r="AD3242" s="2"/>
      <c r="AE3242" s="1"/>
    </row>
    <row r="3243" spans="1:31" ht="14.45">
      <c r="A3243" s="11"/>
      <c r="B3243" s="20"/>
      <c r="C3243" s="2" t="s">
        <v>10183</v>
      </c>
      <c r="D3243" s="14" t="s">
        <v>10184</v>
      </c>
      <c r="E3243" s="2" t="s">
        <v>10185</v>
      </c>
      <c r="F3243" s="2" t="s">
        <v>7604</v>
      </c>
      <c r="G3243" s="8">
        <v>121</v>
      </c>
      <c r="H3243" s="5">
        <v>6</v>
      </c>
      <c r="I3243" s="5" t="s">
        <v>1518</v>
      </c>
      <c r="J3243" s="5" t="s">
        <v>1519</v>
      </c>
      <c r="K3243" s="2" t="s">
        <v>1520</v>
      </c>
      <c r="L3243" s="5" t="s">
        <v>1519</v>
      </c>
      <c r="M3243" s="2" t="s">
        <v>1520</v>
      </c>
      <c r="N3243" s="5" t="s">
        <v>1521</v>
      </c>
      <c r="O3243" s="5" t="s">
        <v>38</v>
      </c>
      <c r="P3243" s="5" t="s">
        <v>39</v>
      </c>
      <c r="Q3243" s="5" t="s">
        <v>40</v>
      </c>
      <c r="R3243" s="5" t="s">
        <v>1522</v>
      </c>
      <c r="S3243" s="5" t="s">
        <v>1523</v>
      </c>
      <c r="T3243" s="5" t="s">
        <v>42</v>
      </c>
      <c r="U3243" s="2">
        <v>1.5620000000000001</v>
      </c>
      <c r="V3243" s="2">
        <v>1.2689999999999999</v>
      </c>
      <c r="W3243" s="2">
        <v>7.0000000000000001E-3</v>
      </c>
      <c r="X3243" s="2">
        <v>82.9</v>
      </c>
      <c r="Y3243" s="2">
        <v>7.6</v>
      </c>
      <c r="Z3243" s="2">
        <v>10.6</v>
      </c>
      <c r="AA3243" s="5"/>
      <c r="AB3243" s="5" t="s">
        <v>43</v>
      </c>
      <c r="AC3243" s="5" t="s">
        <v>44</v>
      </c>
      <c r="AD3243" s="2"/>
      <c r="AE3243" s="1"/>
    </row>
    <row r="3244" spans="1:31" ht="14.45">
      <c r="A3244" s="11"/>
      <c r="B3244" s="20"/>
      <c r="C3244" s="2" t="s">
        <v>10186</v>
      </c>
      <c r="D3244" s="14" t="s">
        <v>10187</v>
      </c>
      <c r="E3244" s="2" t="s">
        <v>10188</v>
      </c>
      <c r="F3244" s="2" t="s">
        <v>7433</v>
      </c>
      <c r="G3244" s="8">
        <v>121</v>
      </c>
      <c r="H3244" s="5">
        <v>6</v>
      </c>
      <c r="I3244" s="5" t="s">
        <v>1518</v>
      </c>
      <c r="J3244" s="5" t="s">
        <v>1519</v>
      </c>
      <c r="K3244" s="2" t="s">
        <v>1520</v>
      </c>
      <c r="L3244" s="5" t="s">
        <v>1519</v>
      </c>
      <c r="M3244" s="2" t="s">
        <v>1520</v>
      </c>
      <c r="N3244" s="5" t="s">
        <v>1521</v>
      </c>
      <c r="O3244" s="5" t="s">
        <v>38</v>
      </c>
      <c r="P3244" s="5" t="s">
        <v>39</v>
      </c>
      <c r="Q3244" s="5" t="s">
        <v>40</v>
      </c>
      <c r="R3244" s="5" t="s">
        <v>1522</v>
      </c>
      <c r="S3244" s="5" t="s">
        <v>1523</v>
      </c>
      <c r="T3244" s="5" t="s">
        <v>42</v>
      </c>
      <c r="U3244" s="2">
        <v>1.526</v>
      </c>
      <c r="V3244" s="2">
        <v>1.2330000000000001</v>
      </c>
      <c r="W3244" s="2">
        <v>7.0000000000000001E-3</v>
      </c>
      <c r="X3244" s="2">
        <v>82.9</v>
      </c>
      <c r="Y3244" s="2">
        <v>7.6</v>
      </c>
      <c r="Z3244" s="2">
        <v>10.6</v>
      </c>
      <c r="AA3244" s="5"/>
      <c r="AB3244" s="5" t="s">
        <v>43</v>
      </c>
      <c r="AC3244" s="5" t="s">
        <v>44</v>
      </c>
      <c r="AD3244" s="2"/>
      <c r="AE3244" s="1"/>
    </row>
    <row r="3245" spans="1:31" ht="14.45">
      <c r="A3245" s="11"/>
      <c r="B3245" s="20"/>
      <c r="C3245" s="2" t="s">
        <v>10189</v>
      </c>
      <c r="D3245" s="14" t="s">
        <v>10190</v>
      </c>
      <c r="E3245" s="2" t="s">
        <v>10191</v>
      </c>
      <c r="F3245" s="2" t="s">
        <v>7611</v>
      </c>
      <c r="G3245" s="8">
        <v>121</v>
      </c>
      <c r="H3245" s="5">
        <v>6</v>
      </c>
      <c r="I3245" s="5" t="s">
        <v>1518</v>
      </c>
      <c r="J3245" s="5" t="s">
        <v>1519</v>
      </c>
      <c r="K3245" s="2" t="s">
        <v>1520</v>
      </c>
      <c r="L3245" s="5" t="s">
        <v>1519</v>
      </c>
      <c r="M3245" s="2" t="s">
        <v>1520</v>
      </c>
      <c r="N3245" s="5" t="s">
        <v>1521</v>
      </c>
      <c r="O3245" s="5" t="s">
        <v>38</v>
      </c>
      <c r="P3245" s="5" t="s">
        <v>39</v>
      </c>
      <c r="Q3245" s="5" t="s">
        <v>40</v>
      </c>
      <c r="R3245" s="5" t="s">
        <v>1522</v>
      </c>
      <c r="S3245" s="5" t="s">
        <v>1523</v>
      </c>
      <c r="T3245" s="5" t="s">
        <v>42</v>
      </c>
      <c r="U3245" s="2">
        <v>1.5620000000000001</v>
      </c>
      <c r="V3245" s="2">
        <v>1.2689999999999999</v>
      </c>
      <c r="W3245" s="2">
        <v>7.0000000000000001E-3</v>
      </c>
      <c r="X3245" s="2">
        <v>82.9</v>
      </c>
      <c r="Y3245" s="2">
        <v>7.6</v>
      </c>
      <c r="Z3245" s="2">
        <v>10.6</v>
      </c>
      <c r="AA3245" s="5"/>
      <c r="AB3245" s="5" t="s">
        <v>43</v>
      </c>
      <c r="AC3245" s="5" t="s">
        <v>44</v>
      </c>
      <c r="AD3245" s="2"/>
      <c r="AE3245" s="1"/>
    </row>
    <row r="3246" spans="1:31" ht="14.45">
      <c r="A3246" s="11"/>
      <c r="B3246" s="20"/>
      <c r="C3246" s="2" t="s">
        <v>10192</v>
      </c>
      <c r="D3246" s="14" t="s">
        <v>10193</v>
      </c>
      <c r="E3246" s="2" t="s">
        <v>10194</v>
      </c>
      <c r="F3246" s="2" t="s">
        <v>7615</v>
      </c>
      <c r="G3246" s="8">
        <v>121</v>
      </c>
      <c r="H3246" s="5">
        <v>6</v>
      </c>
      <c r="I3246" s="5" t="s">
        <v>1518</v>
      </c>
      <c r="J3246" s="5" t="s">
        <v>1519</v>
      </c>
      <c r="K3246" s="2" t="s">
        <v>1520</v>
      </c>
      <c r="L3246" s="5" t="s">
        <v>1519</v>
      </c>
      <c r="M3246" s="2" t="s">
        <v>1520</v>
      </c>
      <c r="N3246" s="5" t="s">
        <v>1521</v>
      </c>
      <c r="O3246" s="5" t="s">
        <v>38</v>
      </c>
      <c r="P3246" s="5" t="s">
        <v>39</v>
      </c>
      <c r="Q3246" s="5" t="s">
        <v>40</v>
      </c>
      <c r="R3246" s="5" t="s">
        <v>1522</v>
      </c>
      <c r="S3246" s="5" t="s">
        <v>1523</v>
      </c>
      <c r="T3246" s="5" t="s">
        <v>42</v>
      </c>
      <c r="U3246" s="2">
        <v>1.51</v>
      </c>
      <c r="V3246" s="2">
        <v>1.2170000000000001</v>
      </c>
      <c r="W3246" s="2">
        <v>7.0000000000000001E-3</v>
      </c>
      <c r="X3246" s="2">
        <v>82.9</v>
      </c>
      <c r="Y3246" s="2">
        <v>7.6</v>
      </c>
      <c r="Z3246" s="2">
        <v>10.6</v>
      </c>
      <c r="AA3246" s="5"/>
      <c r="AB3246" s="5" t="s">
        <v>43</v>
      </c>
      <c r="AC3246" s="5" t="s">
        <v>44</v>
      </c>
      <c r="AD3246" s="2"/>
      <c r="AE3246" s="1"/>
    </row>
    <row r="3247" spans="1:31" ht="14.45">
      <c r="A3247" s="11"/>
      <c r="B3247" s="20"/>
      <c r="C3247" s="2" t="s">
        <v>10195</v>
      </c>
      <c r="D3247" s="14" t="s">
        <v>10196</v>
      </c>
      <c r="E3247" s="2" t="s">
        <v>10197</v>
      </c>
      <c r="F3247" s="2" t="s">
        <v>7619</v>
      </c>
      <c r="G3247" s="8">
        <v>121</v>
      </c>
      <c r="H3247" s="5">
        <v>5</v>
      </c>
      <c r="I3247" s="5" t="s">
        <v>1518</v>
      </c>
      <c r="J3247" s="5" t="s">
        <v>1519</v>
      </c>
      <c r="K3247" s="2" t="s">
        <v>1520</v>
      </c>
      <c r="L3247" s="5" t="s">
        <v>1519</v>
      </c>
      <c r="M3247" s="2" t="s">
        <v>1520</v>
      </c>
      <c r="N3247" s="5" t="s">
        <v>1521</v>
      </c>
      <c r="O3247" s="5" t="s">
        <v>38</v>
      </c>
      <c r="P3247" s="5" t="s">
        <v>39</v>
      </c>
      <c r="Q3247" s="5" t="s">
        <v>40</v>
      </c>
      <c r="R3247" s="5" t="s">
        <v>1522</v>
      </c>
      <c r="S3247" s="5" t="s">
        <v>1523</v>
      </c>
      <c r="T3247" s="5" t="s">
        <v>42</v>
      </c>
      <c r="U3247" s="2">
        <v>1.546</v>
      </c>
      <c r="V3247" s="2">
        <v>1.2529999999999999</v>
      </c>
      <c r="W3247" s="2">
        <v>7.0000000000000001E-3</v>
      </c>
      <c r="X3247" s="2">
        <v>82.9</v>
      </c>
      <c r="Y3247" s="2">
        <v>7.6</v>
      </c>
      <c r="Z3247" s="2">
        <v>10.6</v>
      </c>
      <c r="AA3247" s="5"/>
      <c r="AB3247" s="5" t="s">
        <v>43</v>
      </c>
      <c r="AC3247" s="5" t="s">
        <v>44</v>
      </c>
      <c r="AD3247" s="2"/>
      <c r="AE3247" s="1"/>
    </row>
    <row r="3248" spans="1:31" ht="14.45">
      <c r="A3248" s="11"/>
      <c r="B3248" s="20"/>
      <c r="C3248" s="2" t="s">
        <v>10198</v>
      </c>
      <c r="D3248" s="14" t="s">
        <v>10199</v>
      </c>
      <c r="E3248" s="2" t="s">
        <v>10200</v>
      </c>
      <c r="F3248" s="2" t="s">
        <v>1823</v>
      </c>
      <c r="G3248" s="8">
        <v>121</v>
      </c>
      <c r="H3248" s="5">
        <v>8</v>
      </c>
      <c r="I3248" s="5" t="s">
        <v>1518</v>
      </c>
      <c r="J3248" s="5" t="s">
        <v>1519</v>
      </c>
      <c r="K3248" s="2" t="s">
        <v>1520</v>
      </c>
      <c r="L3248" s="5" t="s">
        <v>1519</v>
      </c>
      <c r="M3248" s="2" t="s">
        <v>1520</v>
      </c>
      <c r="N3248" s="5" t="s">
        <v>1521</v>
      </c>
      <c r="O3248" s="5" t="s">
        <v>38</v>
      </c>
      <c r="P3248" s="5" t="s">
        <v>39</v>
      </c>
      <c r="Q3248" s="5" t="s">
        <v>40</v>
      </c>
      <c r="R3248" s="5" t="s">
        <v>1522</v>
      </c>
      <c r="S3248" s="5" t="s">
        <v>1523</v>
      </c>
      <c r="T3248" s="5" t="s">
        <v>42</v>
      </c>
      <c r="U3248" s="2">
        <v>1.5369999999999999</v>
      </c>
      <c r="V3248" s="2">
        <v>1.244</v>
      </c>
      <c r="W3248" s="2">
        <v>7.0000000000000001E-3</v>
      </c>
      <c r="X3248" s="2">
        <v>82.9</v>
      </c>
      <c r="Y3248" s="2">
        <v>7.6</v>
      </c>
      <c r="Z3248" s="2">
        <v>10.6</v>
      </c>
      <c r="AA3248" s="5"/>
      <c r="AB3248" s="5" t="s">
        <v>43</v>
      </c>
      <c r="AC3248" s="5" t="s">
        <v>44</v>
      </c>
      <c r="AD3248" s="2"/>
      <c r="AE3248" s="1"/>
    </row>
    <row r="3249" spans="1:31" ht="14.45">
      <c r="A3249" s="11"/>
      <c r="B3249" s="20"/>
      <c r="C3249" s="2" t="s">
        <v>10201</v>
      </c>
      <c r="D3249" s="14" t="s">
        <v>10202</v>
      </c>
      <c r="E3249" s="2" t="s">
        <v>10203</v>
      </c>
      <c r="F3249" s="2" t="s">
        <v>1827</v>
      </c>
      <c r="G3249" s="8">
        <v>121</v>
      </c>
      <c r="H3249" s="5">
        <v>8</v>
      </c>
      <c r="I3249" s="5" t="s">
        <v>1518</v>
      </c>
      <c r="J3249" s="5" t="s">
        <v>1519</v>
      </c>
      <c r="K3249" s="2" t="s">
        <v>1520</v>
      </c>
      <c r="L3249" s="5" t="s">
        <v>1519</v>
      </c>
      <c r="M3249" s="2" t="s">
        <v>1520</v>
      </c>
      <c r="N3249" s="5" t="s">
        <v>1521</v>
      </c>
      <c r="O3249" s="5" t="s">
        <v>38</v>
      </c>
      <c r="P3249" s="5" t="s">
        <v>39</v>
      </c>
      <c r="Q3249" s="5" t="s">
        <v>40</v>
      </c>
      <c r="R3249" s="5" t="s">
        <v>1522</v>
      </c>
      <c r="S3249" s="5" t="s">
        <v>1523</v>
      </c>
      <c r="T3249" s="5" t="s">
        <v>42</v>
      </c>
      <c r="U3249" s="2">
        <v>1.573</v>
      </c>
      <c r="V3249" s="2">
        <v>1.28</v>
      </c>
      <c r="W3249" s="2">
        <v>7.0000000000000001E-3</v>
      </c>
      <c r="X3249" s="2">
        <v>82.9</v>
      </c>
      <c r="Y3249" s="2">
        <v>7.6</v>
      </c>
      <c r="Z3249" s="2">
        <v>10.6</v>
      </c>
      <c r="AA3249" s="5"/>
      <c r="AB3249" s="5" t="s">
        <v>43</v>
      </c>
      <c r="AC3249" s="5" t="s">
        <v>44</v>
      </c>
      <c r="AD3249" s="2"/>
      <c r="AE3249" s="1"/>
    </row>
    <row r="3250" spans="1:31" ht="14.45">
      <c r="A3250" s="11"/>
      <c r="B3250" s="20"/>
      <c r="C3250" s="2" t="s">
        <v>10204</v>
      </c>
      <c r="D3250" s="14" t="s">
        <v>10205</v>
      </c>
      <c r="E3250" s="2" t="s">
        <v>10206</v>
      </c>
      <c r="F3250" s="2" t="s">
        <v>1973</v>
      </c>
      <c r="G3250" s="8">
        <v>121</v>
      </c>
      <c r="H3250" s="5">
        <v>13</v>
      </c>
      <c r="I3250" s="5" t="s">
        <v>1518</v>
      </c>
      <c r="J3250" s="5" t="s">
        <v>1519</v>
      </c>
      <c r="K3250" s="2" t="s">
        <v>1520</v>
      </c>
      <c r="L3250" s="5" t="s">
        <v>1519</v>
      </c>
      <c r="M3250" s="2" t="s">
        <v>1520</v>
      </c>
      <c r="N3250" s="5" t="s">
        <v>1521</v>
      </c>
      <c r="O3250" s="5" t="s">
        <v>38</v>
      </c>
      <c r="P3250" s="5" t="s">
        <v>39</v>
      </c>
      <c r="Q3250" s="5" t="s">
        <v>40</v>
      </c>
      <c r="R3250" s="5" t="s">
        <v>1522</v>
      </c>
      <c r="S3250" s="5" t="s">
        <v>1523</v>
      </c>
      <c r="T3250" s="5" t="s">
        <v>42</v>
      </c>
      <c r="U3250" s="2">
        <v>1.5549999999999999</v>
      </c>
      <c r="V3250" s="2">
        <v>1.262</v>
      </c>
      <c r="W3250" s="2">
        <v>7.0000000000000001E-3</v>
      </c>
      <c r="X3250" s="2">
        <v>82.9</v>
      </c>
      <c r="Y3250" s="2">
        <v>7.6</v>
      </c>
      <c r="Z3250" s="2">
        <v>10.6</v>
      </c>
      <c r="AA3250" s="5"/>
      <c r="AB3250" s="5" t="s">
        <v>43</v>
      </c>
      <c r="AC3250" s="5" t="s">
        <v>44</v>
      </c>
      <c r="AD3250" s="2"/>
      <c r="AE3250" s="1"/>
    </row>
    <row r="3251" spans="1:31" ht="14.45">
      <c r="A3251" s="11"/>
      <c r="B3251" s="20"/>
      <c r="C3251" s="2" t="s">
        <v>10207</v>
      </c>
      <c r="D3251" s="14" t="s">
        <v>10208</v>
      </c>
      <c r="E3251" s="2" t="s">
        <v>10209</v>
      </c>
      <c r="F3251" s="2" t="s">
        <v>2348</v>
      </c>
      <c r="G3251" s="8">
        <v>121</v>
      </c>
      <c r="H3251" s="5">
        <v>13</v>
      </c>
      <c r="I3251" s="5" t="s">
        <v>1518</v>
      </c>
      <c r="J3251" s="5" t="s">
        <v>1519</v>
      </c>
      <c r="K3251" s="2" t="s">
        <v>1520</v>
      </c>
      <c r="L3251" s="5" t="s">
        <v>1519</v>
      </c>
      <c r="M3251" s="2" t="s">
        <v>1520</v>
      </c>
      <c r="N3251" s="5" t="s">
        <v>1521</v>
      </c>
      <c r="O3251" s="5" t="s">
        <v>38</v>
      </c>
      <c r="P3251" s="5" t="s">
        <v>39</v>
      </c>
      <c r="Q3251" s="5" t="s">
        <v>40</v>
      </c>
      <c r="R3251" s="5" t="s">
        <v>1522</v>
      </c>
      <c r="S3251" s="5" t="s">
        <v>1523</v>
      </c>
      <c r="T3251" s="5" t="s">
        <v>42</v>
      </c>
      <c r="U3251" s="2">
        <v>1.591</v>
      </c>
      <c r="V3251" s="2">
        <v>1.298</v>
      </c>
      <c r="W3251" s="2">
        <v>7.0000000000000001E-3</v>
      </c>
      <c r="X3251" s="2">
        <v>82.9</v>
      </c>
      <c r="Y3251" s="2">
        <v>7.6</v>
      </c>
      <c r="Z3251" s="2">
        <v>10.6</v>
      </c>
      <c r="AA3251" s="5"/>
      <c r="AB3251" s="5" t="s">
        <v>43</v>
      </c>
      <c r="AC3251" s="5" t="s">
        <v>44</v>
      </c>
      <c r="AD3251" s="2"/>
      <c r="AE3251" s="1"/>
    </row>
    <row r="3252" spans="1:31" ht="14.45">
      <c r="A3252" s="11"/>
      <c r="B3252" s="20"/>
      <c r="C3252" s="2" t="s">
        <v>10210</v>
      </c>
      <c r="D3252" s="14" t="s">
        <v>10211</v>
      </c>
      <c r="E3252" s="2" t="s">
        <v>10212</v>
      </c>
      <c r="F3252" s="2" t="s">
        <v>2204</v>
      </c>
      <c r="G3252" s="8">
        <v>121</v>
      </c>
      <c r="H3252" s="5">
        <v>13</v>
      </c>
      <c r="I3252" s="5" t="s">
        <v>1518</v>
      </c>
      <c r="J3252" s="5" t="s">
        <v>1519</v>
      </c>
      <c r="K3252" s="2" t="s">
        <v>1520</v>
      </c>
      <c r="L3252" s="5" t="s">
        <v>1519</v>
      </c>
      <c r="M3252" s="2" t="s">
        <v>1520</v>
      </c>
      <c r="N3252" s="5" t="s">
        <v>1521</v>
      </c>
      <c r="O3252" s="5" t="s">
        <v>38</v>
      </c>
      <c r="P3252" s="5" t="s">
        <v>39</v>
      </c>
      <c r="Q3252" s="5" t="s">
        <v>40</v>
      </c>
      <c r="R3252" s="5" t="s">
        <v>1522</v>
      </c>
      <c r="S3252" s="5" t="s">
        <v>1523</v>
      </c>
      <c r="T3252" s="5" t="s">
        <v>42</v>
      </c>
      <c r="U3252" s="2">
        <v>1.5549999999999999</v>
      </c>
      <c r="V3252" s="2">
        <v>1.262</v>
      </c>
      <c r="W3252" s="2">
        <v>7.0000000000000001E-3</v>
      </c>
      <c r="X3252" s="2">
        <v>82.9</v>
      </c>
      <c r="Y3252" s="2">
        <v>7.6</v>
      </c>
      <c r="Z3252" s="2">
        <v>10.6</v>
      </c>
      <c r="AA3252" s="5"/>
      <c r="AB3252" s="5" t="s">
        <v>43</v>
      </c>
      <c r="AC3252" s="5" t="s">
        <v>44</v>
      </c>
      <c r="AD3252" s="2"/>
      <c r="AE3252" s="1"/>
    </row>
    <row r="3253" spans="1:31" ht="14.45">
      <c r="A3253" s="11"/>
      <c r="B3253" s="20"/>
      <c r="C3253" s="2" t="s">
        <v>10213</v>
      </c>
      <c r="D3253" s="14" t="s">
        <v>10214</v>
      </c>
      <c r="E3253" s="2" t="s">
        <v>10215</v>
      </c>
      <c r="F3253" s="2" t="s">
        <v>2724</v>
      </c>
      <c r="G3253" s="8">
        <v>121</v>
      </c>
      <c r="H3253" s="5">
        <v>13</v>
      </c>
      <c r="I3253" s="5" t="s">
        <v>1518</v>
      </c>
      <c r="J3253" s="5" t="s">
        <v>1519</v>
      </c>
      <c r="K3253" s="2" t="s">
        <v>1520</v>
      </c>
      <c r="L3253" s="5" t="s">
        <v>1519</v>
      </c>
      <c r="M3253" s="2" t="s">
        <v>1520</v>
      </c>
      <c r="N3253" s="5" t="s">
        <v>1521</v>
      </c>
      <c r="O3253" s="5" t="s">
        <v>38</v>
      </c>
      <c r="P3253" s="5" t="s">
        <v>39</v>
      </c>
      <c r="Q3253" s="5" t="s">
        <v>40</v>
      </c>
      <c r="R3253" s="5" t="s">
        <v>1522</v>
      </c>
      <c r="S3253" s="5" t="s">
        <v>1523</v>
      </c>
      <c r="T3253" s="5" t="s">
        <v>42</v>
      </c>
      <c r="U3253" s="2">
        <v>1.591</v>
      </c>
      <c r="V3253" s="2">
        <v>1.298</v>
      </c>
      <c r="W3253" s="2">
        <v>7.0000000000000001E-3</v>
      </c>
      <c r="X3253" s="2">
        <v>82.9</v>
      </c>
      <c r="Y3253" s="2">
        <v>7.6</v>
      </c>
      <c r="Z3253" s="2">
        <v>10.6</v>
      </c>
      <c r="AA3253" s="5"/>
      <c r="AB3253" s="5" t="s">
        <v>43</v>
      </c>
      <c r="AC3253" s="5" t="s">
        <v>44</v>
      </c>
      <c r="AD3253" s="2"/>
      <c r="AE3253" s="1"/>
    </row>
    <row r="3254" spans="1:31" ht="14.45">
      <c r="A3254" s="11"/>
      <c r="B3254" s="20"/>
      <c r="C3254" s="2" t="s">
        <v>10216</v>
      </c>
      <c r="D3254" s="14" t="s">
        <v>10217</v>
      </c>
      <c r="E3254" s="2" t="s">
        <v>10218</v>
      </c>
      <c r="F3254" s="2" t="s">
        <v>2208</v>
      </c>
      <c r="G3254" s="8">
        <v>121</v>
      </c>
      <c r="H3254" s="5">
        <v>13</v>
      </c>
      <c r="I3254" s="5" t="s">
        <v>1518</v>
      </c>
      <c r="J3254" s="5" t="s">
        <v>1519</v>
      </c>
      <c r="K3254" s="2" t="s">
        <v>1520</v>
      </c>
      <c r="L3254" s="5" t="s">
        <v>1519</v>
      </c>
      <c r="M3254" s="2" t="s">
        <v>1520</v>
      </c>
      <c r="N3254" s="5" t="s">
        <v>1521</v>
      </c>
      <c r="O3254" s="5" t="s">
        <v>38</v>
      </c>
      <c r="P3254" s="5" t="s">
        <v>39</v>
      </c>
      <c r="Q3254" s="5" t="s">
        <v>40</v>
      </c>
      <c r="R3254" s="5" t="s">
        <v>1522</v>
      </c>
      <c r="S3254" s="5" t="s">
        <v>1523</v>
      </c>
      <c r="T3254" s="5" t="s">
        <v>42</v>
      </c>
      <c r="U3254" s="2">
        <v>1.5549999999999999</v>
      </c>
      <c r="V3254" s="2">
        <v>1.262</v>
      </c>
      <c r="W3254" s="2">
        <v>7.0000000000000001E-3</v>
      </c>
      <c r="X3254" s="2">
        <v>82.9</v>
      </c>
      <c r="Y3254" s="2">
        <v>7.6</v>
      </c>
      <c r="Z3254" s="2">
        <v>10.6</v>
      </c>
      <c r="AA3254" s="5"/>
      <c r="AB3254" s="5" t="s">
        <v>43</v>
      </c>
      <c r="AC3254" s="5" t="s">
        <v>44</v>
      </c>
      <c r="AD3254" s="2"/>
      <c r="AE3254" s="1"/>
    </row>
    <row r="3255" spans="1:31" ht="14.45">
      <c r="A3255" s="11"/>
      <c r="B3255" s="20"/>
      <c r="C3255" s="2" t="s">
        <v>10219</v>
      </c>
      <c r="D3255" s="14" t="s">
        <v>10220</v>
      </c>
      <c r="E3255" s="2" t="s">
        <v>10221</v>
      </c>
      <c r="F3255" s="2" t="s">
        <v>2212</v>
      </c>
      <c r="G3255" s="8">
        <v>121</v>
      </c>
      <c r="H3255" s="5">
        <v>13</v>
      </c>
      <c r="I3255" s="5" t="s">
        <v>1518</v>
      </c>
      <c r="J3255" s="5" t="s">
        <v>1519</v>
      </c>
      <c r="K3255" s="2" t="s">
        <v>1520</v>
      </c>
      <c r="L3255" s="5" t="s">
        <v>1519</v>
      </c>
      <c r="M3255" s="2" t="s">
        <v>1520</v>
      </c>
      <c r="N3255" s="5" t="s">
        <v>1521</v>
      </c>
      <c r="O3255" s="5" t="s">
        <v>38</v>
      </c>
      <c r="P3255" s="5" t="s">
        <v>39</v>
      </c>
      <c r="Q3255" s="5" t="s">
        <v>40</v>
      </c>
      <c r="R3255" s="5" t="s">
        <v>1522</v>
      </c>
      <c r="S3255" s="5" t="s">
        <v>1523</v>
      </c>
      <c r="T3255" s="5" t="s">
        <v>42</v>
      </c>
      <c r="U3255" s="2">
        <v>1.591</v>
      </c>
      <c r="V3255" s="2">
        <v>1.298</v>
      </c>
      <c r="W3255" s="2">
        <v>7.0000000000000001E-3</v>
      </c>
      <c r="X3255" s="2">
        <v>82.9</v>
      </c>
      <c r="Y3255" s="2">
        <v>7.6</v>
      </c>
      <c r="Z3255" s="2">
        <v>10.6</v>
      </c>
      <c r="AA3255" s="5"/>
      <c r="AB3255" s="5" t="s">
        <v>43</v>
      </c>
      <c r="AC3255" s="5" t="s">
        <v>44</v>
      </c>
      <c r="AD3255" s="2"/>
      <c r="AE3255" s="1"/>
    </row>
    <row r="3256" spans="1:31" ht="14.45">
      <c r="A3256" s="11"/>
      <c r="B3256" s="20"/>
      <c r="C3256" s="2" t="s">
        <v>10222</v>
      </c>
      <c r="D3256" s="14" t="s">
        <v>10223</v>
      </c>
      <c r="E3256" s="2" t="s">
        <v>10224</v>
      </c>
      <c r="F3256" s="2" t="s">
        <v>1831</v>
      </c>
      <c r="G3256" s="8">
        <v>121</v>
      </c>
      <c r="H3256" s="5">
        <v>13</v>
      </c>
      <c r="I3256" s="5" t="s">
        <v>1518</v>
      </c>
      <c r="J3256" s="5" t="s">
        <v>1519</v>
      </c>
      <c r="K3256" s="2" t="s">
        <v>1520</v>
      </c>
      <c r="L3256" s="5" t="s">
        <v>1519</v>
      </c>
      <c r="M3256" s="2" t="s">
        <v>1520</v>
      </c>
      <c r="N3256" s="5" t="s">
        <v>1521</v>
      </c>
      <c r="O3256" s="5" t="s">
        <v>38</v>
      </c>
      <c r="P3256" s="5" t="s">
        <v>39</v>
      </c>
      <c r="Q3256" s="5" t="s">
        <v>40</v>
      </c>
      <c r="R3256" s="5" t="s">
        <v>1522</v>
      </c>
      <c r="S3256" s="5" t="s">
        <v>1523</v>
      </c>
      <c r="T3256" s="5" t="s">
        <v>42</v>
      </c>
      <c r="U3256" s="2">
        <v>1.5549999999999999</v>
      </c>
      <c r="V3256" s="2">
        <v>1.262</v>
      </c>
      <c r="W3256" s="2">
        <v>7.0000000000000001E-3</v>
      </c>
      <c r="X3256" s="2">
        <v>82.9</v>
      </c>
      <c r="Y3256" s="2">
        <v>7.6</v>
      </c>
      <c r="Z3256" s="2">
        <v>10.6</v>
      </c>
      <c r="AA3256" s="5"/>
      <c r="AB3256" s="5" t="s">
        <v>43</v>
      </c>
      <c r="AC3256" s="5" t="s">
        <v>44</v>
      </c>
      <c r="AD3256" s="2"/>
      <c r="AE3256" s="1"/>
    </row>
    <row r="3257" spans="1:31" ht="14.45">
      <c r="A3257" s="11"/>
      <c r="B3257" s="20"/>
      <c r="C3257" s="2" t="s">
        <v>10225</v>
      </c>
      <c r="D3257" s="14" t="s">
        <v>10226</v>
      </c>
      <c r="E3257" s="2" t="s">
        <v>10227</v>
      </c>
      <c r="F3257" s="2" t="s">
        <v>1835</v>
      </c>
      <c r="G3257" s="8">
        <v>121</v>
      </c>
      <c r="H3257" s="5">
        <v>13</v>
      </c>
      <c r="I3257" s="5" t="s">
        <v>1518</v>
      </c>
      <c r="J3257" s="5" t="s">
        <v>1519</v>
      </c>
      <c r="K3257" s="2" t="s">
        <v>1520</v>
      </c>
      <c r="L3257" s="5" t="s">
        <v>1519</v>
      </c>
      <c r="M3257" s="2" t="s">
        <v>1520</v>
      </c>
      <c r="N3257" s="5" t="s">
        <v>1521</v>
      </c>
      <c r="O3257" s="5" t="s">
        <v>38</v>
      </c>
      <c r="P3257" s="5" t="s">
        <v>39</v>
      </c>
      <c r="Q3257" s="5" t="s">
        <v>40</v>
      </c>
      <c r="R3257" s="5" t="s">
        <v>1522</v>
      </c>
      <c r="S3257" s="5" t="s">
        <v>1523</v>
      </c>
      <c r="T3257" s="5" t="s">
        <v>42</v>
      </c>
      <c r="U3257" s="2">
        <v>1.591</v>
      </c>
      <c r="V3257" s="2">
        <v>1.298</v>
      </c>
      <c r="W3257" s="2">
        <v>7.0000000000000001E-3</v>
      </c>
      <c r="X3257" s="2">
        <v>82.9</v>
      </c>
      <c r="Y3257" s="2">
        <v>7.6</v>
      </c>
      <c r="Z3257" s="2">
        <v>10.6</v>
      </c>
      <c r="AA3257" s="5"/>
      <c r="AB3257" s="5" t="s">
        <v>43</v>
      </c>
      <c r="AC3257" s="5" t="s">
        <v>44</v>
      </c>
      <c r="AD3257" s="2"/>
      <c r="AE3257" s="1"/>
    </row>
    <row r="3258" spans="1:31" ht="14.45">
      <c r="A3258" s="11"/>
      <c r="B3258" s="20"/>
      <c r="C3258" s="2" t="s">
        <v>10228</v>
      </c>
      <c r="D3258" s="14" t="s">
        <v>10229</v>
      </c>
      <c r="E3258" s="2" t="s">
        <v>10230</v>
      </c>
      <c r="F3258" s="2" t="s">
        <v>1839</v>
      </c>
      <c r="G3258" s="8">
        <v>121</v>
      </c>
      <c r="H3258" s="5">
        <v>13</v>
      </c>
      <c r="I3258" s="5" t="s">
        <v>1518</v>
      </c>
      <c r="J3258" s="5" t="s">
        <v>1519</v>
      </c>
      <c r="K3258" s="2" t="s">
        <v>1520</v>
      </c>
      <c r="L3258" s="5" t="s">
        <v>1519</v>
      </c>
      <c r="M3258" s="2" t="s">
        <v>1520</v>
      </c>
      <c r="N3258" s="5" t="s">
        <v>1521</v>
      </c>
      <c r="O3258" s="5" t="s">
        <v>38</v>
      </c>
      <c r="P3258" s="5" t="s">
        <v>39</v>
      </c>
      <c r="Q3258" s="5" t="s">
        <v>40</v>
      </c>
      <c r="R3258" s="5" t="s">
        <v>1522</v>
      </c>
      <c r="S3258" s="5" t="s">
        <v>1523</v>
      </c>
      <c r="T3258" s="5" t="s">
        <v>42</v>
      </c>
      <c r="U3258" s="2">
        <v>1.5549999999999999</v>
      </c>
      <c r="V3258" s="2">
        <v>1.262</v>
      </c>
      <c r="W3258" s="2">
        <v>7.0000000000000001E-3</v>
      </c>
      <c r="X3258" s="2">
        <v>82.9</v>
      </c>
      <c r="Y3258" s="2">
        <v>7.6</v>
      </c>
      <c r="Z3258" s="2">
        <v>10.6</v>
      </c>
      <c r="AA3258" s="5"/>
      <c r="AB3258" s="5" t="s">
        <v>43</v>
      </c>
      <c r="AC3258" s="5" t="s">
        <v>44</v>
      </c>
      <c r="AD3258" s="2"/>
      <c r="AE3258" s="1"/>
    </row>
    <row r="3259" spans="1:31" ht="14.45">
      <c r="A3259" s="11"/>
      <c r="B3259" s="20"/>
      <c r="C3259" s="2" t="s">
        <v>10231</v>
      </c>
      <c r="D3259" s="14" t="s">
        <v>10232</v>
      </c>
      <c r="E3259" s="2" t="s">
        <v>10233</v>
      </c>
      <c r="F3259" s="2" t="s">
        <v>1986</v>
      </c>
      <c r="G3259" s="8">
        <v>121</v>
      </c>
      <c r="H3259" s="5">
        <v>13</v>
      </c>
      <c r="I3259" s="5" t="s">
        <v>1518</v>
      </c>
      <c r="J3259" s="5" t="s">
        <v>1519</v>
      </c>
      <c r="K3259" s="2" t="s">
        <v>1520</v>
      </c>
      <c r="L3259" s="5" t="s">
        <v>1519</v>
      </c>
      <c r="M3259" s="2" t="s">
        <v>1520</v>
      </c>
      <c r="N3259" s="5" t="s">
        <v>1521</v>
      </c>
      <c r="O3259" s="5" t="s">
        <v>38</v>
      </c>
      <c r="P3259" s="5" t="s">
        <v>39</v>
      </c>
      <c r="Q3259" s="5" t="s">
        <v>40</v>
      </c>
      <c r="R3259" s="5" t="s">
        <v>1522</v>
      </c>
      <c r="S3259" s="5" t="s">
        <v>1523</v>
      </c>
      <c r="T3259" s="5" t="s">
        <v>42</v>
      </c>
      <c r="U3259" s="2">
        <v>1.591</v>
      </c>
      <c r="V3259" s="2">
        <v>1.298</v>
      </c>
      <c r="W3259" s="2">
        <v>7.0000000000000001E-3</v>
      </c>
      <c r="X3259" s="2">
        <v>82.9</v>
      </c>
      <c r="Y3259" s="2">
        <v>7.6</v>
      </c>
      <c r="Z3259" s="2">
        <v>10.6</v>
      </c>
      <c r="AA3259" s="5"/>
      <c r="AB3259" s="5" t="s">
        <v>43</v>
      </c>
      <c r="AC3259" s="5" t="s">
        <v>44</v>
      </c>
      <c r="AD3259" s="2"/>
      <c r="AE3259" s="1"/>
    </row>
    <row r="3260" spans="1:31" ht="14.45">
      <c r="A3260" s="11"/>
      <c r="B3260" s="20"/>
      <c r="C3260" s="2" t="s">
        <v>10234</v>
      </c>
      <c r="D3260" s="14" t="s">
        <v>10235</v>
      </c>
      <c r="E3260" s="2" t="s">
        <v>10236</v>
      </c>
      <c r="F3260" s="2" t="s">
        <v>1843</v>
      </c>
      <c r="G3260" s="8">
        <v>121</v>
      </c>
      <c r="H3260" s="5">
        <v>13</v>
      </c>
      <c r="I3260" s="5" t="s">
        <v>1518</v>
      </c>
      <c r="J3260" s="5" t="s">
        <v>1519</v>
      </c>
      <c r="K3260" s="2" t="s">
        <v>1520</v>
      </c>
      <c r="L3260" s="5" t="s">
        <v>1519</v>
      </c>
      <c r="M3260" s="2" t="s">
        <v>1520</v>
      </c>
      <c r="N3260" s="5" t="s">
        <v>1521</v>
      </c>
      <c r="O3260" s="5" t="s">
        <v>38</v>
      </c>
      <c r="P3260" s="5" t="s">
        <v>39</v>
      </c>
      <c r="Q3260" s="5" t="s">
        <v>40</v>
      </c>
      <c r="R3260" s="5" t="s">
        <v>1522</v>
      </c>
      <c r="S3260" s="5" t="s">
        <v>1523</v>
      </c>
      <c r="T3260" s="5" t="s">
        <v>42</v>
      </c>
      <c r="U3260" s="2">
        <v>1.5549999999999999</v>
      </c>
      <c r="V3260" s="2">
        <v>1.262</v>
      </c>
      <c r="W3260" s="2">
        <v>7.0000000000000001E-3</v>
      </c>
      <c r="X3260" s="2">
        <v>82.9</v>
      </c>
      <c r="Y3260" s="2">
        <v>7.6</v>
      </c>
      <c r="Z3260" s="2">
        <v>10.6</v>
      </c>
      <c r="AA3260" s="5"/>
      <c r="AB3260" s="5" t="s">
        <v>43</v>
      </c>
      <c r="AC3260" s="5" t="s">
        <v>44</v>
      </c>
      <c r="AD3260" s="2"/>
      <c r="AE3260" s="1"/>
    </row>
    <row r="3261" spans="1:31" ht="14.45">
      <c r="A3261" s="11"/>
      <c r="B3261" s="20"/>
      <c r="C3261" s="2" t="s">
        <v>10237</v>
      </c>
      <c r="D3261" s="14" t="s">
        <v>10238</v>
      </c>
      <c r="E3261" s="2" t="s">
        <v>10239</v>
      </c>
      <c r="F3261" s="2" t="s">
        <v>1847</v>
      </c>
      <c r="G3261" s="8">
        <v>121</v>
      </c>
      <c r="H3261" s="5">
        <v>13</v>
      </c>
      <c r="I3261" s="5" t="s">
        <v>1518</v>
      </c>
      <c r="J3261" s="5" t="s">
        <v>1519</v>
      </c>
      <c r="K3261" s="2" t="s">
        <v>1520</v>
      </c>
      <c r="L3261" s="5" t="s">
        <v>1519</v>
      </c>
      <c r="M3261" s="2" t="s">
        <v>1520</v>
      </c>
      <c r="N3261" s="5" t="s">
        <v>1521</v>
      </c>
      <c r="O3261" s="5" t="s">
        <v>38</v>
      </c>
      <c r="P3261" s="5" t="s">
        <v>39</v>
      </c>
      <c r="Q3261" s="5" t="s">
        <v>40</v>
      </c>
      <c r="R3261" s="5" t="s">
        <v>1522</v>
      </c>
      <c r="S3261" s="5" t="s">
        <v>1523</v>
      </c>
      <c r="T3261" s="5" t="s">
        <v>42</v>
      </c>
      <c r="U3261" s="2">
        <v>1.591</v>
      </c>
      <c r="V3261" s="2">
        <v>1.298</v>
      </c>
      <c r="W3261" s="2">
        <v>7.0000000000000001E-3</v>
      </c>
      <c r="X3261" s="2">
        <v>82.9</v>
      </c>
      <c r="Y3261" s="2">
        <v>7.6</v>
      </c>
      <c r="Z3261" s="2">
        <v>10.6</v>
      </c>
      <c r="AA3261" s="5"/>
      <c r="AB3261" s="5" t="s">
        <v>43</v>
      </c>
      <c r="AC3261" s="5" t="s">
        <v>44</v>
      </c>
      <c r="AD3261" s="2"/>
      <c r="AE3261" s="1"/>
    </row>
    <row r="3262" spans="1:31" ht="14.45">
      <c r="A3262" s="11"/>
      <c r="B3262" s="20"/>
      <c r="C3262" s="2" t="s">
        <v>10240</v>
      </c>
      <c r="D3262" s="14" t="s">
        <v>10241</v>
      </c>
      <c r="E3262" s="2" t="s">
        <v>10242</v>
      </c>
      <c r="F3262" s="2" t="s">
        <v>1851</v>
      </c>
      <c r="G3262" s="8">
        <v>121</v>
      </c>
      <c r="H3262" s="5">
        <v>13</v>
      </c>
      <c r="I3262" s="5" t="s">
        <v>1518</v>
      </c>
      <c r="J3262" s="5" t="s">
        <v>1519</v>
      </c>
      <c r="K3262" s="2" t="s">
        <v>1520</v>
      </c>
      <c r="L3262" s="5" t="s">
        <v>1519</v>
      </c>
      <c r="M3262" s="2" t="s">
        <v>1520</v>
      </c>
      <c r="N3262" s="5" t="s">
        <v>1521</v>
      </c>
      <c r="O3262" s="5" t="s">
        <v>38</v>
      </c>
      <c r="P3262" s="5" t="s">
        <v>39</v>
      </c>
      <c r="Q3262" s="5" t="s">
        <v>40</v>
      </c>
      <c r="R3262" s="5" t="s">
        <v>1522</v>
      </c>
      <c r="S3262" s="5" t="s">
        <v>1523</v>
      </c>
      <c r="T3262" s="5" t="s">
        <v>42</v>
      </c>
      <c r="U3262" s="2">
        <v>1.5549999999999999</v>
      </c>
      <c r="V3262" s="2">
        <v>1.262</v>
      </c>
      <c r="W3262" s="2">
        <v>7.0000000000000001E-3</v>
      </c>
      <c r="X3262" s="2">
        <v>82.9</v>
      </c>
      <c r="Y3262" s="2">
        <v>7.6</v>
      </c>
      <c r="Z3262" s="2">
        <v>10.6</v>
      </c>
      <c r="AA3262" s="5"/>
      <c r="AB3262" s="5" t="s">
        <v>43</v>
      </c>
      <c r="AC3262" s="5" t="s">
        <v>44</v>
      </c>
      <c r="AD3262" s="2"/>
      <c r="AE3262" s="1"/>
    </row>
    <row r="3263" spans="1:31" ht="14.45">
      <c r="A3263" s="11"/>
      <c r="B3263" s="20"/>
      <c r="C3263" s="2" t="s">
        <v>10243</v>
      </c>
      <c r="D3263" s="14" t="s">
        <v>10244</v>
      </c>
      <c r="E3263" s="2" t="s">
        <v>10245</v>
      </c>
      <c r="F3263" s="2" t="s">
        <v>1999</v>
      </c>
      <c r="G3263" s="8">
        <v>121</v>
      </c>
      <c r="H3263" s="5">
        <v>13</v>
      </c>
      <c r="I3263" s="5" t="s">
        <v>1518</v>
      </c>
      <c r="J3263" s="5" t="s">
        <v>1519</v>
      </c>
      <c r="K3263" s="2" t="s">
        <v>1520</v>
      </c>
      <c r="L3263" s="5" t="s">
        <v>1519</v>
      </c>
      <c r="M3263" s="2" t="s">
        <v>1520</v>
      </c>
      <c r="N3263" s="5" t="s">
        <v>1521</v>
      </c>
      <c r="O3263" s="5" t="s">
        <v>38</v>
      </c>
      <c r="P3263" s="5" t="s">
        <v>39</v>
      </c>
      <c r="Q3263" s="5" t="s">
        <v>40</v>
      </c>
      <c r="R3263" s="5" t="s">
        <v>1522</v>
      </c>
      <c r="S3263" s="5" t="s">
        <v>1523</v>
      </c>
      <c r="T3263" s="5" t="s">
        <v>42</v>
      </c>
      <c r="U3263" s="2">
        <v>1.591</v>
      </c>
      <c r="V3263" s="2">
        <v>1.298</v>
      </c>
      <c r="W3263" s="2">
        <v>7.0000000000000001E-3</v>
      </c>
      <c r="X3263" s="2">
        <v>82.9</v>
      </c>
      <c r="Y3263" s="2">
        <v>7.6</v>
      </c>
      <c r="Z3263" s="2">
        <v>10.6</v>
      </c>
      <c r="AA3263" s="5"/>
      <c r="AB3263" s="5" t="s">
        <v>43</v>
      </c>
      <c r="AC3263" s="5" t="s">
        <v>44</v>
      </c>
      <c r="AD3263" s="2"/>
      <c r="AE3263" s="1"/>
    </row>
    <row r="3264" spans="1:31" ht="14.45">
      <c r="A3264" s="11"/>
      <c r="B3264" s="20"/>
      <c r="C3264" s="2" t="s">
        <v>10246</v>
      </c>
      <c r="D3264" s="14" t="s">
        <v>10247</v>
      </c>
      <c r="E3264" s="2" t="s">
        <v>10248</v>
      </c>
      <c r="F3264" s="2" t="s">
        <v>1855</v>
      </c>
      <c r="G3264" s="8">
        <v>121</v>
      </c>
      <c r="H3264" s="5">
        <v>13</v>
      </c>
      <c r="I3264" s="5" t="s">
        <v>1518</v>
      </c>
      <c r="J3264" s="5" t="s">
        <v>1519</v>
      </c>
      <c r="K3264" s="2" t="s">
        <v>1520</v>
      </c>
      <c r="L3264" s="5" t="s">
        <v>1519</v>
      </c>
      <c r="M3264" s="2" t="s">
        <v>1520</v>
      </c>
      <c r="N3264" s="5" t="s">
        <v>1521</v>
      </c>
      <c r="O3264" s="5" t="s">
        <v>38</v>
      </c>
      <c r="P3264" s="5" t="s">
        <v>39</v>
      </c>
      <c r="Q3264" s="5" t="s">
        <v>40</v>
      </c>
      <c r="R3264" s="5" t="s">
        <v>1522</v>
      </c>
      <c r="S3264" s="5" t="s">
        <v>1523</v>
      </c>
      <c r="T3264" s="5" t="s">
        <v>42</v>
      </c>
      <c r="U3264" s="2">
        <v>1.5549999999999999</v>
      </c>
      <c r="V3264" s="2">
        <v>1.262</v>
      </c>
      <c r="W3264" s="2">
        <v>7.0000000000000001E-3</v>
      </c>
      <c r="X3264" s="2">
        <v>82.9</v>
      </c>
      <c r="Y3264" s="2">
        <v>7.6</v>
      </c>
      <c r="Z3264" s="2">
        <v>10.6</v>
      </c>
      <c r="AA3264" s="5"/>
      <c r="AB3264" s="5" t="s">
        <v>43</v>
      </c>
      <c r="AC3264" s="5" t="s">
        <v>44</v>
      </c>
      <c r="AD3264" s="2"/>
      <c r="AE3264" s="1"/>
    </row>
    <row r="3265" spans="1:31" ht="14.45">
      <c r="A3265" s="11"/>
      <c r="B3265" s="20"/>
      <c r="C3265" s="2" t="s">
        <v>10249</v>
      </c>
      <c r="D3265" s="14" t="s">
        <v>10250</v>
      </c>
      <c r="E3265" s="2" t="s">
        <v>10251</v>
      </c>
      <c r="F3265" s="2" t="s">
        <v>1859</v>
      </c>
      <c r="G3265" s="8">
        <v>121</v>
      </c>
      <c r="H3265" s="5">
        <v>13</v>
      </c>
      <c r="I3265" s="5" t="s">
        <v>1518</v>
      </c>
      <c r="J3265" s="5" t="s">
        <v>1519</v>
      </c>
      <c r="K3265" s="2" t="s">
        <v>1520</v>
      </c>
      <c r="L3265" s="5" t="s">
        <v>1519</v>
      </c>
      <c r="M3265" s="2" t="s">
        <v>1520</v>
      </c>
      <c r="N3265" s="5" t="s">
        <v>1521</v>
      </c>
      <c r="O3265" s="5" t="s">
        <v>38</v>
      </c>
      <c r="P3265" s="5" t="s">
        <v>39</v>
      </c>
      <c r="Q3265" s="5" t="s">
        <v>40</v>
      </c>
      <c r="R3265" s="5" t="s">
        <v>1522</v>
      </c>
      <c r="S3265" s="5" t="s">
        <v>1523</v>
      </c>
      <c r="T3265" s="5" t="s">
        <v>42</v>
      </c>
      <c r="U3265" s="2">
        <v>1.591</v>
      </c>
      <c r="V3265" s="2">
        <v>1.298</v>
      </c>
      <c r="W3265" s="2">
        <v>7.0000000000000001E-3</v>
      </c>
      <c r="X3265" s="2">
        <v>82.9</v>
      </c>
      <c r="Y3265" s="2">
        <v>7.6</v>
      </c>
      <c r="Z3265" s="2">
        <v>10.6</v>
      </c>
      <c r="AA3265" s="5"/>
      <c r="AB3265" s="5" t="s">
        <v>43</v>
      </c>
      <c r="AC3265" s="5" t="s">
        <v>44</v>
      </c>
      <c r="AD3265" s="2"/>
      <c r="AE3265" s="1"/>
    </row>
    <row r="3266" spans="1:31" ht="14.45">
      <c r="A3266" s="11"/>
      <c r="B3266" s="20"/>
      <c r="C3266" s="2" t="s">
        <v>10252</v>
      </c>
      <c r="D3266" s="14" t="s">
        <v>10253</v>
      </c>
      <c r="E3266" s="2" t="s">
        <v>10254</v>
      </c>
      <c r="F3266" s="2" t="s">
        <v>1863</v>
      </c>
      <c r="G3266" s="8">
        <v>121</v>
      </c>
      <c r="H3266" s="5">
        <v>11</v>
      </c>
      <c r="I3266" s="5" t="s">
        <v>1518</v>
      </c>
      <c r="J3266" s="5" t="s">
        <v>1519</v>
      </c>
      <c r="K3266" s="2" t="s">
        <v>1520</v>
      </c>
      <c r="L3266" s="5" t="s">
        <v>1519</v>
      </c>
      <c r="M3266" s="2" t="s">
        <v>1520</v>
      </c>
      <c r="N3266" s="5" t="s">
        <v>1521</v>
      </c>
      <c r="O3266" s="5" t="s">
        <v>38</v>
      </c>
      <c r="P3266" s="5" t="s">
        <v>39</v>
      </c>
      <c r="Q3266" s="5" t="s">
        <v>40</v>
      </c>
      <c r="R3266" s="5" t="s">
        <v>1522</v>
      </c>
      <c r="S3266" s="5" t="s">
        <v>1523</v>
      </c>
      <c r="T3266" s="5" t="s">
        <v>42</v>
      </c>
      <c r="U3266" s="2">
        <v>1.516</v>
      </c>
      <c r="V3266" s="2">
        <v>1.2210000000000001</v>
      </c>
      <c r="W3266" s="2">
        <v>7.0000000000000001E-3</v>
      </c>
      <c r="X3266" s="2">
        <v>82.9</v>
      </c>
      <c r="Y3266" s="2">
        <v>7.6</v>
      </c>
      <c r="Z3266" s="2">
        <v>10.6</v>
      </c>
      <c r="AA3266" s="5"/>
      <c r="AB3266" s="5" t="s">
        <v>43</v>
      </c>
      <c r="AC3266" s="5" t="s">
        <v>44</v>
      </c>
      <c r="AD3266" s="2"/>
      <c r="AE3266" s="1"/>
    </row>
    <row r="3267" spans="1:31" ht="14.45">
      <c r="A3267" s="11"/>
      <c r="B3267" s="20"/>
      <c r="C3267" s="2" t="s">
        <v>10255</v>
      </c>
      <c r="D3267" s="14" t="s">
        <v>10256</v>
      </c>
      <c r="E3267" s="2" t="s">
        <v>10257</v>
      </c>
      <c r="F3267" s="2" t="s">
        <v>1867</v>
      </c>
      <c r="G3267" s="8">
        <v>121</v>
      </c>
      <c r="H3267" s="5">
        <v>11</v>
      </c>
      <c r="I3267" s="5" t="s">
        <v>1518</v>
      </c>
      <c r="J3267" s="5" t="s">
        <v>1519</v>
      </c>
      <c r="K3267" s="2" t="s">
        <v>1520</v>
      </c>
      <c r="L3267" s="5" t="s">
        <v>1519</v>
      </c>
      <c r="M3267" s="2" t="s">
        <v>1520</v>
      </c>
      <c r="N3267" s="5" t="s">
        <v>1521</v>
      </c>
      <c r="O3267" s="5" t="s">
        <v>38</v>
      </c>
      <c r="P3267" s="5" t="s">
        <v>39</v>
      </c>
      <c r="Q3267" s="5" t="s">
        <v>40</v>
      </c>
      <c r="R3267" s="5" t="s">
        <v>1522</v>
      </c>
      <c r="S3267" s="5" t="s">
        <v>1523</v>
      </c>
      <c r="T3267" s="5" t="s">
        <v>42</v>
      </c>
      <c r="U3267" s="2">
        <v>1.552</v>
      </c>
      <c r="V3267" s="2">
        <v>1.2569999999999999</v>
      </c>
      <c r="W3267" s="2">
        <v>7.0000000000000001E-3</v>
      </c>
      <c r="X3267" s="2">
        <v>82.9</v>
      </c>
      <c r="Y3267" s="2">
        <v>7.6</v>
      </c>
      <c r="Z3267" s="2">
        <v>10.6</v>
      </c>
      <c r="AA3267" s="5"/>
      <c r="AB3267" s="5" t="s">
        <v>43</v>
      </c>
      <c r="AC3267" s="5" t="s">
        <v>44</v>
      </c>
      <c r="AD3267" s="2"/>
      <c r="AE3267" s="1"/>
    </row>
    <row r="3268" spans="1:31" ht="14.45">
      <c r="A3268" s="11"/>
      <c r="B3268" s="20"/>
      <c r="C3268" s="2" t="s">
        <v>10258</v>
      </c>
      <c r="D3268" s="14" t="s">
        <v>10259</v>
      </c>
      <c r="E3268" s="2" t="s">
        <v>10260</v>
      </c>
      <c r="F3268" s="2" t="s">
        <v>7396</v>
      </c>
      <c r="G3268" s="8">
        <v>114</v>
      </c>
      <c r="H3268" s="5">
        <v>5</v>
      </c>
      <c r="I3268" s="5" t="s">
        <v>1518</v>
      </c>
      <c r="J3268" s="5" t="s">
        <v>1519</v>
      </c>
      <c r="K3268" s="2" t="s">
        <v>1520</v>
      </c>
      <c r="L3268" s="5" t="s">
        <v>1519</v>
      </c>
      <c r="M3268" s="2" t="s">
        <v>1520</v>
      </c>
      <c r="N3268" s="5" t="s">
        <v>1521</v>
      </c>
      <c r="O3268" s="5" t="s">
        <v>38</v>
      </c>
      <c r="P3268" s="5" t="s">
        <v>39</v>
      </c>
      <c r="Q3268" s="5" t="s">
        <v>40</v>
      </c>
      <c r="R3268" s="5" t="s">
        <v>1522</v>
      </c>
      <c r="S3268" s="5" t="s">
        <v>1523</v>
      </c>
      <c r="T3268" s="5" t="s">
        <v>42</v>
      </c>
      <c r="U3268" s="2">
        <v>1.696</v>
      </c>
      <c r="V3268" s="2">
        <v>1.345</v>
      </c>
      <c r="W3268" s="2">
        <v>0.01</v>
      </c>
      <c r="X3268" s="2">
        <v>118.9</v>
      </c>
      <c r="Y3268" s="2">
        <v>7.6</v>
      </c>
      <c r="Z3268" s="2">
        <v>10.6</v>
      </c>
      <c r="AA3268" s="5"/>
      <c r="AB3268" s="5" t="s">
        <v>43</v>
      </c>
      <c r="AC3268" s="5" t="s">
        <v>44</v>
      </c>
      <c r="AD3268" s="2"/>
      <c r="AE3268" s="1"/>
    </row>
    <row r="3269" spans="1:31" ht="14.45">
      <c r="A3269" s="11"/>
      <c r="B3269" s="20"/>
      <c r="C3269" s="2" t="s">
        <v>10261</v>
      </c>
      <c r="D3269" s="14" t="s">
        <v>10262</v>
      </c>
      <c r="E3269" s="2" t="s">
        <v>10263</v>
      </c>
      <c r="F3269" s="2" t="s">
        <v>7507</v>
      </c>
      <c r="G3269" s="8">
        <v>114</v>
      </c>
      <c r="H3269" s="5">
        <v>5</v>
      </c>
      <c r="I3269" s="5" t="s">
        <v>1518</v>
      </c>
      <c r="J3269" s="5" t="s">
        <v>1519</v>
      </c>
      <c r="K3269" s="2" t="s">
        <v>1520</v>
      </c>
      <c r="L3269" s="5" t="s">
        <v>1519</v>
      </c>
      <c r="M3269" s="2" t="s">
        <v>1520</v>
      </c>
      <c r="N3269" s="5" t="s">
        <v>1521</v>
      </c>
      <c r="O3269" s="5" t="s">
        <v>38</v>
      </c>
      <c r="P3269" s="5" t="s">
        <v>39</v>
      </c>
      <c r="Q3269" s="5" t="s">
        <v>40</v>
      </c>
      <c r="R3269" s="5" t="s">
        <v>1522</v>
      </c>
      <c r="S3269" s="5" t="s">
        <v>1523</v>
      </c>
      <c r="T3269" s="5" t="s">
        <v>42</v>
      </c>
      <c r="U3269" s="2">
        <v>1.7370000000000001</v>
      </c>
      <c r="V3269" s="2">
        <v>1.385</v>
      </c>
      <c r="W3269" s="2">
        <v>0.01</v>
      </c>
      <c r="X3269" s="2">
        <v>118.9</v>
      </c>
      <c r="Y3269" s="2">
        <v>7.6</v>
      </c>
      <c r="Z3269" s="2">
        <v>10.6</v>
      </c>
      <c r="AA3269" s="5"/>
      <c r="AB3269" s="5" t="s">
        <v>43</v>
      </c>
      <c r="AC3269" s="5" t="s">
        <v>44</v>
      </c>
      <c r="AD3269" s="2"/>
      <c r="AE3269" s="1"/>
    </row>
    <row r="3270" spans="1:31" ht="14.45">
      <c r="A3270" s="11"/>
      <c r="B3270" s="20"/>
      <c r="C3270" s="2" t="s">
        <v>10264</v>
      </c>
      <c r="D3270" s="14" t="s">
        <v>10265</v>
      </c>
      <c r="E3270" s="2" t="s">
        <v>10266</v>
      </c>
      <c r="F3270" s="2" t="s">
        <v>7204</v>
      </c>
      <c r="G3270" s="8">
        <v>114</v>
      </c>
      <c r="H3270" s="5">
        <v>5</v>
      </c>
      <c r="I3270" s="5" t="s">
        <v>1518</v>
      </c>
      <c r="J3270" s="5" t="s">
        <v>1519</v>
      </c>
      <c r="K3270" s="2" t="s">
        <v>1520</v>
      </c>
      <c r="L3270" s="5" t="s">
        <v>1519</v>
      </c>
      <c r="M3270" s="2" t="s">
        <v>1520</v>
      </c>
      <c r="N3270" s="5" t="s">
        <v>1521</v>
      </c>
      <c r="O3270" s="5" t="s">
        <v>38</v>
      </c>
      <c r="P3270" s="5" t="s">
        <v>39</v>
      </c>
      <c r="Q3270" s="5" t="s">
        <v>40</v>
      </c>
      <c r="R3270" s="5" t="s">
        <v>1522</v>
      </c>
      <c r="S3270" s="5" t="s">
        <v>1523</v>
      </c>
      <c r="T3270" s="5" t="s">
        <v>42</v>
      </c>
      <c r="U3270" s="2">
        <v>1.7030000000000001</v>
      </c>
      <c r="V3270" s="2">
        <v>1.351</v>
      </c>
      <c r="W3270" s="2">
        <v>0.01</v>
      </c>
      <c r="X3270" s="2">
        <v>118.9</v>
      </c>
      <c r="Y3270" s="2">
        <v>7.6</v>
      </c>
      <c r="Z3270" s="2">
        <v>10.6</v>
      </c>
      <c r="AA3270" s="5"/>
      <c r="AB3270" s="5" t="s">
        <v>43</v>
      </c>
      <c r="AC3270" s="5" t="s">
        <v>44</v>
      </c>
      <c r="AD3270" s="2"/>
      <c r="AE3270" s="1"/>
    </row>
    <row r="3271" spans="1:31" ht="14.45">
      <c r="A3271" s="11"/>
      <c r="B3271" s="20"/>
      <c r="C3271" s="2" t="s">
        <v>10267</v>
      </c>
      <c r="D3271" s="14" t="s">
        <v>10268</v>
      </c>
      <c r="E3271" s="2" t="s">
        <v>10269</v>
      </c>
      <c r="F3271" s="2" t="s">
        <v>7514</v>
      </c>
      <c r="G3271" s="8">
        <v>114</v>
      </c>
      <c r="H3271" s="5">
        <v>5</v>
      </c>
      <c r="I3271" s="5" t="s">
        <v>1518</v>
      </c>
      <c r="J3271" s="5" t="s">
        <v>1519</v>
      </c>
      <c r="K3271" s="2" t="s">
        <v>1520</v>
      </c>
      <c r="L3271" s="5" t="s">
        <v>1519</v>
      </c>
      <c r="M3271" s="2" t="s">
        <v>1520</v>
      </c>
      <c r="N3271" s="5" t="s">
        <v>1521</v>
      </c>
      <c r="O3271" s="5" t="s">
        <v>38</v>
      </c>
      <c r="P3271" s="5" t="s">
        <v>39</v>
      </c>
      <c r="Q3271" s="5" t="s">
        <v>40</v>
      </c>
      <c r="R3271" s="5" t="s">
        <v>1522</v>
      </c>
      <c r="S3271" s="5" t="s">
        <v>1523</v>
      </c>
      <c r="T3271" s="5" t="s">
        <v>42</v>
      </c>
      <c r="U3271" s="2">
        <v>1.7430000000000001</v>
      </c>
      <c r="V3271" s="2">
        <v>1.391</v>
      </c>
      <c r="W3271" s="2">
        <v>0.01</v>
      </c>
      <c r="X3271" s="2">
        <v>118.9</v>
      </c>
      <c r="Y3271" s="2">
        <v>7.6</v>
      </c>
      <c r="Z3271" s="2">
        <v>10.6</v>
      </c>
      <c r="AA3271" s="5"/>
      <c r="AB3271" s="5" t="s">
        <v>43</v>
      </c>
      <c r="AC3271" s="5" t="s">
        <v>44</v>
      </c>
      <c r="AD3271" s="2"/>
      <c r="AE3271" s="1"/>
    </row>
    <row r="3272" spans="1:31" ht="14.45">
      <c r="A3272" s="11"/>
      <c r="B3272" s="20"/>
      <c r="C3272" s="2" t="s">
        <v>10270</v>
      </c>
      <c r="D3272" s="14" t="s">
        <v>10271</v>
      </c>
      <c r="E3272" s="2" t="s">
        <v>10272</v>
      </c>
      <c r="F3272" s="2" t="s">
        <v>7208</v>
      </c>
      <c r="G3272" s="8">
        <v>114</v>
      </c>
      <c r="H3272" s="5">
        <v>5</v>
      </c>
      <c r="I3272" s="5" t="s">
        <v>1518</v>
      </c>
      <c r="J3272" s="5" t="s">
        <v>1519</v>
      </c>
      <c r="K3272" s="2" t="s">
        <v>1520</v>
      </c>
      <c r="L3272" s="5" t="s">
        <v>1519</v>
      </c>
      <c r="M3272" s="2" t="s">
        <v>1520</v>
      </c>
      <c r="N3272" s="5" t="s">
        <v>1521</v>
      </c>
      <c r="O3272" s="5" t="s">
        <v>38</v>
      </c>
      <c r="P3272" s="5" t="s">
        <v>39</v>
      </c>
      <c r="Q3272" s="5" t="s">
        <v>40</v>
      </c>
      <c r="R3272" s="5" t="s">
        <v>1522</v>
      </c>
      <c r="S3272" s="5" t="s">
        <v>1523</v>
      </c>
      <c r="T3272" s="5" t="s">
        <v>42</v>
      </c>
      <c r="U3272" s="2">
        <v>1.7030000000000001</v>
      </c>
      <c r="V3272" s="2">
        <v>1.351</v>
      </c>
      <c r="W3272" s="2">
        <v>0.01</v>
      </c>
      <c r="X3272" s="2">
        <v>118.9</v>
      </c>
      <c r="Y3272" s="2">
        <v>7.6</v>
      </c>
      <c r="Z3272" s="2">
        <v>10.6</v>
      </c>
      <c r="AA3272" s="5"/>
      <c r="AB3272" s="5" t="s">
        <v>43</v>
      </c>
      <c r="AC3272" s="5" t="s">
        <v>44</v>
      </c>
      <c r="AD3272" s="2"/>
      <c r="AE3272" s="1"/>
    </row>
    <row r="3273" spans="1:31" ht="14.45">
      <c r="A3273" s="11"/>
      <c r="B3273" s="20"/>
      <c r="C3273" s="2" t="s">
        <v>10273</v>
      </c>
      <c r="D3273" s="14" t="s">
        <v>10274</v>
      </c>
      <c r="E3273" s="2" t="s">
        <v>10275</v>
      </c>
      <c r="F3273" s="2" t="s">
        <v>7521</v>
      </c>
      <c r="G3273" s="8">
        <v>114</v>
      </c>
      <c r="H3273" s="5">
        <v>5</v>
      </c>
      <c r="I3273" s="5" t="s">
        <v>1518</v>
      </c>
      <c r="J3273" s="5" t="s">
        <v>1519</v>
      </c>
      <c r="K3273" s="2" t="s">
        <v>1520</v>
      </c>
      <c r="L3273" s="5" t="s">
        <v>1519</v>
      </c>
      <c r="M3273" s="2" t="s">
        <v>1520</v>
      </c>
      <c r="N3273" s="5" t="s">
        <v>1521</v>
      </c>
      <c r="O3273" s="5" t="s">
        <v>38</v>
      </c>
      <c r="P3273" s="5" t="s">
        <v>39</v>
      </c>
      <c r="Q3273" s="5" t="s">
        <v>40</v>
      </c>
      <c r="R3273" s="5" t="s">
        <v>1522</v>
      </c>
      <c r="S3273" s="5" t="s">
        <v>1523</v>
      </c>
      <c r="T3273" s="5" t="s">
        <v>42</v>
      </c>
      <c r="U3273" s="2">
        <v>1.7430000000000001</v>
      </c>
      <c r="V3273" s="2">
        <v>1.391</v>
      </c>
      <c r="W3273" s="2">
        <v>0.01</v>
      </c>
      <c r="X3273" s="2">
        <v>118.9</v>
      </c>
      <c r="Y3273" s="2">
        <v>7.6</v>
      </c>
      <c r="Z3273" s="2">
        <v>10.6</v>
      </c>
      <c r="AA3273" s="5"/>
      <c r="AB3273" s="5" t="s">
        <v>43</v>
      </c>
      <c r="AC3273" s="5" t="s">
        <v>44</v>
      </c>
      <c r="AD3273" s="2"/>
      <c r="AE3273" s="1"/>
    </row>
    <row r="3274" spans="1:31" ht="14.45">
      <c r="A3274" s="11"/>
      <c r="B3274" s="20"/>
      <c r="C3274" s="2" t="s">
        <v>10276</v>
      </c>
      <c r="D3274" s="14" t="s">
        <v>10277</v>
      </c>
      <c r="E3274" s="2" t="s">
        <v>10278</v>
      </c>
      <c r="F3274" s="2" t="s">
        <v>7212</v>
      </c>
      <c r="G3274" s="8">
        <v>114</v>
      </c>
      <c r="H3274" s="5">
        <v>5</v>
      </c>
      <c r="I3274" s="5" t="s">
        <v>1518</v>
      </c>
      <c r="J3274" s="5" t="s">
        <v>1519</v>
      </c>
      <c r="K3274" s="2" t="s">
        <v>1520</v>
      </c>
      <c r="L3274" s="5" t="s">
        <v>1519</v>
      </c>
      <c r="M3274" s="2" t="s">
        <v>1520</v>
      </c>
      <c r="N3274" s="5" t="s">
        <v>1521</v>
      </c>
      <c r="O3274" s="5" t="s">
        <v>38</v>
      </c>
      <c r="P3274" s="5" t="s">
        <v>39</v>
      </c>
      <c r="Q3274" s="5" t="s">
        <v>40</v>
      </c>
      <c r="R3274" s="5" t="s">
        <v>1522</v>
      </c>
      <c r="S3274" s="5" t="s">
        <v>1523</v>
      </c>
      <c r="T3274" s="5" t="s">
        <v>42</v>
      </c>
      <c r="U3274" s="2">
        <v>1.6839999999999999</v>
      </c>
      <c r="V3274" s="2">
        <v>1.3320000000000001</v>
      </c>
      <c r="W3274" s="2">
        <v>0.01</v>
      </c>
      <c r="X3274" s="2">
        <v>118.9</v>
      </c>
      <c r="Y3274" s="2">
        <v>7.6</v>
      </c>
      <c r="Z3274" s="2">
        <v>10.6</v>
      </c>
      <c r="AA3274" s="5"/>
      <c r="AB3274" s="5" t="s">
        <v>43</v>
      </c>
      <c r="AC3274" s="5" t="s">
        <v>44</v>
      </c>
      <c r="AD3274" s="2"/>
      <c r="AE3274" s="1"/>
    </row>
    <row r="3275" spans="1:31" ht="14.45">
      <c r="A3275" s="11"/>
      <c r="B3275" s="20"/>
      <c r="C3275" s="2" t="s">
        <v>10279</v>
      </c>
      <c r="D3275" s="14" t="s">
        <v>10280</v>
      </c>
      <c r="E3275" s="2" t="s">
        <v>10281</v>
      </c>
      <c r="F3275" s="2" t="s">
        <v>7528</v>
      </c>
      <c r="G3275" s="8">
        <v>114</v>
      </c>
      <c r="H3275" s="5">
        <v>5</v>
      </c>
      <c r="I3275" s="5" t="s">
        <v>1518</v>
      </c>
      <c r="J3275" s="5" t="s">
        <v>1519</v>
      </c>
      <c r="K3275" s="2" t="s">
        <v>1520</v>
      </c>
      <c r="L3275" s="5" t="s">
        <v>1519</v>
      </c>
      <c r="M3275" s="2" t="s">
        <v>1520</v>
      </c>
      <c r="N3275" s="5" t="s">
        <v>1521</v>
      </c>
      <c r="O3275" s="5" t="s">
        <v>38</v>
      </c>
      <c r="P3275" s="5" t="s">
        <v>39</v>
      </c>
      <c r="Q3275" s="5" t="s">
        <v>40</v>
      </c>
      <c r="R3275" s="5" t="s">
        <v>1522</v>
      </c>
      <c r="S3275" s="5" t="s">
        <v>1523</v>
      </c>
      <c r="T3275" s="5" t="s">
        <v>42</v>
      </c>
      <c r="U3275" s="2">
        <v>1.724</v>
      </c>
      <c r="V3275" s="2">
        <v>1.3720000000000001</v>
      </c>
      <c r="W3275" s="2">
        <v>0.01</v>
      </c>
      <c r="X3275" s="2">
        <v>118.9</v>
      </c>
      <c r="Y3275" s="2">
        <v>7.6</v>
      </c>
      <c r="Z3275" s="2">
        <v>10.6</v>
      </c>
      <c r="AA3275" s="5"/>
      <c r="AB3275" s="5" t="s">
        <v>43</v>
      </c>
      <c r="AC3275" s="5" t="s">
        <v>44</v>
      </c>
      <c r="AD3275" s="2"/>
      <c r="AE3275" s="1"/>
    </row>
    <row r="3276" spans="1:31" ht="14.45">
      <c r="A3276" s="11"/>
      <c r="B3276" s="20"/>
      <c r="C3276" s="2" t="s">
        <v>10282</v>
      </c>
      <c r="D3276" s="14" t="s">
        <v>10283</v>
      </c>
      <c r="E3276" s="2" t="s">
        <v>10284</v>
      </c>
      <c r="F3276" s="2" t="s">
        <v>7406</v>
      </c>
      <c r="G3276" s="8">
        <v>131</v>
      </c>
      <c r="H3276" s="5">
        <v>5</v>
      </c>
      <c r="I3276" s="5" t="s">
        <v>1518</v>
      </c>
      <c r="J3276" s="5" t="s">
        <v>1519</v>
      </c>
      <c r="K3276" s="2" t="s">
        <v>1520</v>
      </c>
      <c r="L3276" s="5" t="s">
        <v>1519</v>
      </c>
      <c r="M3276" s="2" t="s">
        <v>1520</v>
      </c>
      <c r="N3276" s="5" t="s">
        <v>1521</v>
      </c>
      <c r="O3276" s="5" t="s">
        <v>38</v>
      </c>
      <c r="P3276" s="5" t="s">
        <v>39</v>
      </c>
      <c r="Q3276" s="5" t="s">
        <v>40</v>
      </c>
      <c r="R3276" s="5" t="s">
        <v>1522</v>
      </c>
      <c r="S3276" s="5" t="s">
        <v>1523</v>
      </c>
      <c r="T3276" s="5" t="s">
        <v>42</v>
      </c>
      <c r="U3276" s="2">
        <v>1.6830000000000001</v>
      </c>
      <c r="V3276" s="2">
        <v>1.3320000000000001</v>
      </c>
      <c r="W3276" s="2">
        <v>0.01</v>
      </c>
      <c r="X3276" s="2">
        <v>118.9</v>
      </c>
      <c r="Y3276" s="2">
        <v>7.6</v>
      </c>
      <c r="Z3276" s="2">
        <v>10.6</v>
      </c>
      <c r="AA3276" s="5"/>
      <c r="AB3276" s="5" t="s">
        <v>43</v>
      </c>
      <c r="AC3276" s="5" t="s">
        <v>44</v>
      </c>
      <c r="AD3276" s="2"/>
      <c r="AE3276" s="1"/>
    </row>
    <row r="3277" spans="1:31" ht="14.45">
      <c r="A3277" s="11"/>
      <c r="B3277" s="20"/>
      <c r="C3277" s="2" t="s">
        <v>10285</v>
      </c>
      <c r="D3277" s="14" t="s">
        <v>10286</v>
      </c>
      <c r="E3277" s="2" t="s">
        <v>10287</v>
      </c>
      <c r="F3277" s="2" t="s">
        <v>7535</v>
      </c>
      <c r="G3277" s="8">
        <v>131</v>
      </c>
      <c r="H3277" s="5">
        <v>5</v>
      </c>
      <c r="I3277" s="5" t="s">
        <v>1518</v>
      </c>
      <c r="J3277" s="5" t="s">
        <v>1519</v>
      </c>
      <c r="K3277" s="2" t="s">
        <v>1520</v>
      </c>
      <c r="L3277" s="5" t="s">
        <v>1519</v>
      </c>
      <c r="M3277" s="2" t="s">
        <v>1520</v>
      </c>
      <c r="N3277" s="5" t="s">
        <v>1521</v>
      </c>
      <c r="O3277" s="5" t="s">
        <v>38</v>
      </c>
      <c r="P3277" s="5" t="s">
        <v>39</v>
      </c>
      <c r="Q3277" s="5" t="s">
        <v>40</v>
      </c>
      <c r="R3277" s="5" t="s">
        <v>1522</v>
      </c>
      <c r="S3277" s="5" t="s">
        <v>1523</v>
      </c>
      <c r="T3277" s="5" t="s">
        <v>42</v>
      </c>
      <c r="U3277" s="2">
        <v>1.7230000000000001</v>
      </c>
      <c r="V3277" s="2">
        <v>1.3720000000000001</v>
      </c>
      <c r="W3277" s="2">
        <v>0.01</v>
      </c>
      <c r="X3277" s="2">
        <v>118.9</v>
      </c>
      <c r="Y3277" s="2">
        <v>7.6</v>
      </c>
      <c r="Z3277" s="2">
        <v>10.6</v>
      </c>
      <c r="AA3277" s="5"/>
      <c r="AB3277" s="5" t="s">
        <v>43</v>
      </c>
      <c r="AC3277" s="5" t="s">
        <v>44</v>
      </c>
      <c r="AD3277" s="2"/>
      <c r="AE3277" s="1"/>
    </row>
    <row r="3278" spans="1:31" ht="14.45">
      <c r="A3278" s="11"/>
      <c r="B3278" s="20"/>
      <c r="C3278" s="2" t="s">
        <v>10288</v>
      </c>
      <c r="D3278" s="14" t="s">
        <v>10289</v>
      </c>
      <c r="E3278" s="2" t="s">
        <v>10290</v>
      </c>
      <c r="F3278" s="2" t="s">
        <v>7539</v>
      </c>
      <c r="G3278" s="8">
        <v>131</v>
      </c>
      <c r="H3278" s="5">
        <v>5</v>
      </c>
      <c r="I3278" s="5" t="s">
        <v>1518</v>
      </c>
      <c r="J3278" s="5" t="s">
        <v>1519</v>
      </c>
      <c r="K3278" s="2" t="s">
        <v>1520</v>
      </c>
      <c r="L3278" s="5" t="s">
        <v>1519</v>
      </c>
      <c r="M3278" s="2" t="s">
        <v>1520</v>
      </c>
      <c r="N3278" s="5" t="s">
        <v>1521</v>
      </c>
      <c r="O3278" s="5" t="s">
        <v>38</v>
      </c>
      <c r="P3278" s="5" t="s">
        <v>39</v>
      </c>
      <c r="Q3278" s="5" t="s">
        <v>40</v>
      </c>
      <c r="R3278" s="5" t="s">
        <v>1522</v>
      </c>
      <c r="S3278" s="5" t="s">
        <v>1523</v>
      </c>
      <c r="T3278" s="5" t="s">
        <v>42</v>
      </c>
      <c r="U3278" s="2">
        <v>1.702</v>
      </c>
      <c r="V3278" s="2">
        <v>1.351</v>
      </c>
      <c r="W3278" s="2">
        <v>0.01</v>
      </c>
      <c r="X3278" s="2">
        <v>118.9</v>
      </c>
      <c r="Y3278" s="2">
        <v>7.6</v>
      </c>
      <c r="Z3278" s="2">
        <v>10.6</v>
      </c>
      <c r="AA3278" s="5"/>
      <c r="AB3278" s="5" t="s">
        <v>43</v>
      </c>
      <c r="AC3278" s="5" t="s">
        <v>44</v>
      </c>
      <c r="AD3278" s="2"/>
      <c r="AE3278" s="1"/>
    </row>
    <row r="3279" spans="1:31" ht="14.45">
      <c r="A3279" s="11"/>
      <c r="B3279" s="20"/>
      <c r="C3279" s="2" t="s">
        <v>10291</v>
      </c>
      <c r="D3279" s="14" t="s">
        <v>10292</v>
      </c>
      <c r="E3279" s="2" t="s">
        <v>10293</v>
      </c>
      <c r="F3279" s="2" t="s">
        <v>7543</v>
      </c>
      <c r="G3279" s="8">
        <v>131</v>
      </c>
      <c r="H3279" s="5">
        <v>5</v>
      </c>
      <c r="I3279" s="5" t="s">
        <v>1518</v>
      </c>
      <c r="J3279" s="5" t="s">
        <v>1519</v>
      </c>
      <c r="K3279" s="2" t="s">
        <v>1520</v>
      </c>
      <c r="L3279" s="5" t="s">
        <v>1519</v>
      </c>
      <c r="M3279" s="2" t="s">
        <v>1520</v>
      </c>
      <c r="N3279" s="5" t="s">
        <v>1521</v>
      </c>
      <c r="O3279" s="5" t="s">
        <v>38</v>
      </c>
      <c r="P3279" s="5" t="s">
        <v>39</v>
      </c>
      <c r="Q3279" s="5" t="s">
        <v>40</v>
      </c>
      <c r="R3279" s="5" t="s">
        <v>1522</v>
      </c>
      <c r="S3279" s="5" t="s">
        <v>1523</v>
      </c>
      <c r="T3279" s="5" t="s">
        <v>42</v>
      </c>
      <c r="U3279" s="2">
        <v>1.742</v>
      </c>
      <c r="V3279" s="2">
        <v>1.391</v>
      </c>
      <c r="W3279" s="2">
        <v>0.01</v>
      </c>
      <c r="X3279" s="2">
        <v>118.9</v>
      </c>
      <c r="Y3279" s="2">
        <v>7.6</v>
      </c>
      <c r="Z3279" s="2">
        <v>10.6</v>
      </c>
      <c r="AA3279" s="5"/>
      <c r="AB3279" s="5" t="s">
        <v>43</v>
      </c>
      <c r="AC3279" s="5" t="s">
        <v>44</v>
      </c>
      <c r="AD3279" s="2"/>
      <c r="AE3279" s="1"/>
    </row>
    <row r="3280" spans="1:31" ht="14.45">
      <c r="A3280" s="11"/>
      <c r="B3280" s="20"/>
      <c r="C3280" s="2" t="s">
        <v>10294</v>
      </c>
      <c r="D3280" s="14" t="s">
        <v>10295</v>
      </c>
      <c r="E3280" s="2" t="s">
        <v>10296</v>
      </c>
      <c r="F3280" s="2" t="s">
        <v>7547</v>
      </c>
      <c r="G3280" s="8">
        <v>131</v>
      </c>
      <c r="H3280" s="5">
        <v>6</v>
      </c>
      <c r="I3280" s="5" t="s">
        <v>1518</v>
      </c>
      <c r="J3280" s="5" t="s">
        <v>1519</v>
      </c>
      <c r="K3280" s="2" t="s">
        <v>1520</v>
      </c>
      <c r="L3280" s="5" t="s">
        <v>1519</v>
      </c>
      <c r="M3280" s="2" t="s">
        <v>1520</v>
      </c>
      <c r="N3280" s="5" t="s">
        <v>1521</v>
      </c>
      <c r="O3280" s="5" t="s">
        <v>38</v>
      </c>
      <c r="P3280" s="5" t="s">
        <v>39</v>
      </c>
      <c r="Q3280" s="5" t="s">
        <v>40</v>
      </c>
      <c r="R3280" s="5" t="s">
        <v>1522</v>
      </c>
      <c r="S3280" s="5" t="s">
        <v>1523</v>
      </c>
      <c r="T3280" s="5" t="s">
        <v>42</v>
      </c>
      <c r="U3280" s="2">
        <v>1.6830000000000001</v>
      </c>
      <c r="V3280" s="2">
        <v>1.3320000000000001</v>
      </c>
      <c r="W3280" s="2">
        <v>0.01</v>
      </c>
      <c r="X3280" s="2">
        <v>118.9</v>
      </c>
      <c r="Y3280" s="2">
        <v>7.6</v>
      </c>
      <c r="Z3280" s="2">
        <v>10.6</v>
      </c>
      <c r="AA3280" s="5"/>
      <c r="AB3280" s="5" t="s">
        <v>43</v>
      </c>
      <c r="AC3280" s="5" t="s">
        <v>44</v>
      </c>
      <c r="AD3280" s="2"/>
      <c r="AE3280" s="1"/>
    </row>
    <row r="3281" spans="1:31" ht="14.45">
      <c r="A3281" s="11"/>
      <c r="B3281" s="20"/>
      <c r="C3281" s="2" t="s">
        <v>10297</v>
      </c>
      <c r="D3281" s="14" t="s">
        <v>10298</v>
      </c>
      <c r="E3281" s="2" t="s">
        <v>10299</v>
      </c>
      <c r="F3281" s="2" t="s">
        <v>7551</v>
      </c>
      <c r="G3281" s="8">
        <v>131</v>
      </c>
      <c r="H3281" s="5">
        <v>6</v>
      </c>
      <c r="I3281" s="5" t="s">
        <v>1518</v>
      </c>
      <c r="J3281" s="5" t="s">
        <v>1519</v>
      </c>
      <c r="K3281" s="2" t="s">
        <v>1520</v>
      </c>
      <c r="L3281" s="5" t="s">
        <v>1519</v>
      </c>
      <c r="M3281" s="2" t="s">
        <v>1520</v>
      </c>
      <c r="N3281" s="5" t="s">
        <v>1521</v>
      </c>
      <c r="O3281" s="5" t="s">
        <v>38</v>
      </c>
      <c r="P3281" s="5" t="s">
        <v>39</v>
      </c>
      <c r="Q3281" s="5" t="s">
        <v>40</v>
      </c>
      <c r="R3281" s="5" t="s">
        <v>1522</v>
      </c>
      <c r="S3281" s="5" t="s">
        <v>1523</v>
      </c>
      <c r="T3281" s="5" t="s">
        <v>42</v>
      </c>
      <c r="U3281" s="2">
        <v>1.7230000000000001</v>
      </c>
      <c r="V3281" s="2">
        <v>1.3720000000000001</v>
      </c>
      <c r="W3281" s="2">
        <v>0.01</v>
      </c>
      <c r="X3281" s="2">
        <v>118.9</v>
      </c>
      <c r="Y3281" s="2">
        <v>7.6</v>
      </c>
      <c r="Z3281" s="2">
        <v>10.6</v>
      </c>
      <c r="AA3281" s="5"/>
      <c r="AB3281" s="5" t="s">
        <v>43</v>
      </c>
      <c r="AC3281" s="5" t="s">
        <v>44</v>
      </c>
      <c r="AD3281" s="2"/>
      <c r="AE3281" s="1"/>
    </row>
    <row r="3282" spans="1:31" ht="14.45">
      <c r="A3282" s="11"/>
      <c r="B3282" s="20"/>
      <c r="C3282" s="2" t="s">
        <v>10300</v>
      </c>
      <c r="D3282" s="14" t="s">
        <v>10301</v>
      </c>
      <c r="E3282" s="2" t="s">
        <v>10302</v>
      </c>
      <c r="F3282" s="2" t="s">
        <v>7555</v>
      </c>
      <c r="G3282" s="8">
        <v>131</v>
      </c>
      <c r="H3282" s="5">
        <v>6</v>
      </c>
      <c r="I3282" s="5" t="s">
        <v>1518</v>
      </c>
      <c r="J3282" s="5" t="s">
        <v>1519</v>
      </c>
      <c r="K3282" s="2" t="s">
        <v>1520</v>
      </c>
      <c r="L3282" s="5" t="s">
        <v>1519</v>
      </c>
      <c r="M3282" s="2" t="s">
        <v>1520</v>
      </c>
      <c r="N3282" s="5" t="s">
        <v>1521</v>
      </c>
      <c r="O3282" s="5" t="s">
        <v>38</v>
      </c>
      <c r="P3282" s="5" t="s">
        <v>39</v>
      </c>
      <c r="Q3282" s="5" t="s">
        <v>40</v>
      </c>
      <c r="R3282" s="5" t="s">
        <v>1522</v>
      </c>
      <c r="S3282" s="5" t="s">
        <v>1523</v>
      </c>
      <c r="T3282" s="5" t="s">
        <v>42</v>
      </c>
      <c r="U3282" s="2">
        <v>1.6830000000000001</v>
      </c>
      <c r="V3282" s="2">
        <v>1.3320000000000001</v>
      </c>
      <c r="W3282" s="2">
        <v>0.01</v>
      </c>
      <c r="X3282" s="2">
        <v>118.9</v>
      </c>
      <c r="Y3282" s="2">
        <v>7.6</v>
      </c>
      <c r="Z3282" s="2">
        <v>10.6</v>
      </c>
      <c r="AA3282" s="5"/>
      <c r="AB3282" s="5" t="s">
        <v>43</v>
      </c>
      <c r="AC3282" s="5" t="s">
        <v>44</v>
      </c>
      <c r="AD3282" s="2"/>
      <c r="AE3282" s="1"/>
    </row>
    <row r="3283" spans="1:31" ht="14.45">
      <c r="A3283" s="11"/>
      <c r="B3283" s="20"/>
      <c r="C3283" s="2" t="s">
        <v>10303</v>
      </c>
      <c r="D3283" s="14" t="s">
        <v>10304</v>
      </c>
      <c r="E3283" s="2" t="s">
        <v>10305</v>
      </c>
      <c r="F3283" s="2" t="s">
        <v>7559</v>
      </c>
      <c r="G3283" s="8">
        <v>131</v>
      </c>
      <c r="H3283" s="5">
        <v>6</v>
      </c>
      <c r="I3283" s="5" t="s">
        <v>1518</v>
      </c>
      <c r="J3283" s="5" t="s">
        <v>1519</v>
      </c>
      <c r="K3283" s="2" t="s">
        <v>1520</v>
      </c>
      <c r="L3283" s="5" t="s">
        <v>1519</v>
      </c>
      <c r="M3283" s="2" t="s">
        <v>1520</v>
      </c>
      <c r="N3283" s="5" t="s">
        <v>1521</v>
      </c>
      <c r="O3283" s="5" t="s">
        <v>38</v>
      </c>
      <c r="P3283" s="5" t="s">
        <v>39</v>
      </c>
      <c r="Q3283" s="5" t="s">
        <v>40</v>
      </c>
      <c r="R3283" s="5" t="s">
        <v>1522</v>
      </c>
      <c r="S3283" s="5" t="s">
        <v>1523</v>
      </c>
      <c r="T3283" s="5" t="s">
        <v>42</v>
      </c>
      <c r="U3283" s="2">
        <v>1.7230000000000001</v>
      </c>
      <c r="V3283" s="2">
        <v>1.3720000000000001</v>
      </c>
      <c r="W3283" s="2">
        <v>0.01</v>
      </c>
      <c r="X3283" s="2">
        <v>118.9</v>
      </c>
      <c r="Y3283" s="2">
        <v>7.6</v>
      </c>
      <c r="Z3283" s="2">
        <v>10.6</v>
      </c>
      <c r="AA3283" s="5"/>
      <c r="AB3283" s="5" t="s">
        <v>43</v>
      </c>
      <c r="AC3283" s="5" t="s">
        <v>44</v>
      </c>
      <c r="AD3283" s="2"/>
      <c r="AE3283" s="1"/>
    </row>
    <row r="3284" spans="1:31" ht="14.45">
      <c r="A3284" s="11"/>
      <c r="B3284" s="20"/>
      <c r="C3284" s="2" t="s">
        <v>10306</v>
      </c>
      <c r="D3284" s="14" t="s">
        <v>10307</v>
      </c>
      <c r="E3284" s="2" t="s">
        <v>10308</v>
      </c>
      <c r="F3284" s="2" t="s">
        <v>7563</v>
      </c>
      <c r="G3284" s="8">
        <v>131</v>
      </c>
      <c r="H3284" s="5">
        <v>6</v>
      </c>
      <c r="I3284" s="5" t="s">
        <v>1518</v>
      </c>
      <c r="J3284" s="5" t="s">
        <v>1519</v>
      </c>
      <c r="K3284" s="2" t="s">
        <v>1520</v>
      </c>
      <c r="L3284" s="5" t="s">
        <v>1519</v>
      </c>
      <c r="M3284" s="2" t="s">
        <v>1520</v>
      </c>
      <c r="N3284" s="5" t="s">
        <v>1521</v>
      </c>
      <c r="O3284" s="5" t="s">
        <v>38</v>
      </c>
      <c r="P3284" s="5" t="s">
        <v>39</v>
      </c>
      <c r="Q3284" s="5" t="s">
        <v>40</v>
      </c>
      <c r="R3284" s="5" t="s">
        <v>1522</v>
      </c>
      <c r="S3284" s="5" t="s">
        <v>1523</v>
      </c>
      <c r="T3284" s="5" t="s">
        <v>42</v>
      </c>
      <c r="U3284" s="2">
        <v>1.702</v>
      </c>
      <c r="V3284" s="2">
        <v>1.351</v>
      </c>
      <c r="W3284" s="2">
        <v>0.01</v>
      </c>
      <c r="X3284" s="2">
        <v>118.9</v>
      </c>
      <c r="Y3284" s="2">
        <v>7.6</v>
      </c>
      <c r="Z3284" s="2">
        <v>10.6</v>
      </c>
      <c r="AA3284" s="5"/>
      <c r="AB3284" s="5" t="s">
        <v>43</v>
      </c>
      <c r="AC3284" s="5" t="s">
        <v>44</v>
      </c>
      <c r="AD3284" s="2"/>
      <c r="AE3284" s="1"/>
    </row>
    <row r="3285" spans="1:31" ht="14.45">
      <c r="A3285" s="11"/>
      <c r="B3285" s="20"/>
      <c r="C3285" s="2" t="s">
        <v>10309</v>
      </c>
      <c r="D3285" s="14" t="s">
        <v>10310</v>
      </c>
      <c r="E3285" s="2" t="s">
        <v>10311</v>
      </c>
      <c r="F3285" s="2" t="s">
        <v>7567</v>
      </c>
      <c r="G3285" s="8">
        <v>131</v>
      </c>
      <c r="H3285" s="5">
        <v>6</v>
      </c>
      <c r="I3285" s="5" t="s">
        <v>1518</v>
      </c>
      <c r="J3285" s="5" t="s">
        <v>1519</v>
      </c>
      <c r="K3285" s="2" t="s">
        <v>1520</v>
      </c>
      <c r="L3285" s="5" t="s">
        <v>1519</v>
      </c>
      <c r="M3285" s="2" t="s">
        <v>1520</v>
      </c>
      <c r="N3285" s="5" t="s">
        <v>1521</v>
      </c>
      <c r="O3285" s="5" t="s">
        <v>38</v>
      </c>
      <c r="P3285" s="5" t="s">
        <v>39</v>
      </c>
      <c r="Q3285" s="5" t="s">
        <v>40</v>
      </c>
      <c r="R3285" s="5" t="s">
        <v>1522</v>
      </c>
      <c r="S3285" s="5" t="s">
        <v>1523</v>
      </c>
      <c r="T3285" s="5" t="s">
        <v>42</v>
      </c>
      <c r="U3285" s="2">
        <v>1.742</v>
      </c>
      <c r="V3285" s="2">
        <v>1.391</v>
      </c>
      <c r="W3285" s="2">
        <v>0.01</v>
      </c>
      <c r="X3285" s="2">
        <v>118.9</v>
      </c>
      <c r="Y3285" s="2">
        <v>7.6</v>
      </c>
      <c r="Z3285" s="2">
        <v>10.6</v>
      </c>
      <c r="AA3285" s="5"/>
      <c r="AB3285" s="5" t="s">
        <v>43</v>
      </c>
      <c r="AC3285" s="5" t="s">
        <v>44</v>
      </c>
      <c r="AD3285" s="2"/>
      <c r="AE3285" s="1"/>
    </row>
    <row r="3286" spans="1:31" ht="14.45">
      <c r="A3286" s="11"/>
      <c r="B3286" s="20"/>
      <c r="C3286" s="2" t="s">
        <v>10312</v>
      </c>
      <c r="D3286" s="14" t="s">
        <v>10313</v>
      </c>
      <c r="E3286" s="2" t="s">
        <v>10314</v>
      </c>
      <c r="F3286" s="2" t="s">
        <v>7429</v>
      </c>
      <c r="G3286" s="8">
        <v>131</v>
      </c>
      <c r="H3286" s="5">
        <v>6</v>
      </c>
      <c r="I3286" s="5" t="s">
        <v>1518</v>
      </c>
      <c r="J3286" s="5" t="s">
        <v>1519</v>
      </c>
      <c r="K3286" s="2" t="s">
        <v>1520</v>
      </c>
      <c r="L3286" s="5" t="s">
        <v>1519</v>
      </c>
      <c r="M3286" s="2" t="s">
        <v>1520</v>
      </c>
      <c r="N3286" s="5" t="s">
        <v>1521</v>
      </c>
      <c r="O3286" s="5" t="s">
        <v>38</v>
      </c>
      <c r="P3286" s="5" t="s">
        <v>39</v>
      </c>
      <c r="Q3286" s="5" t="s">
        <v>40</v>
      </c>
      <c r="R3286" s="5" t="s">
        <v>1522</v>
      </c>
      <c r="S3286" s="5" t="s">
        <v>1523</v>
      </c>
      <c r="T3286" s="5" t="s">
        <v>42</v>
      </c>
      <c r="U3286" s="2">
        <v>1.702</v>
      </c>
      <c r="V3286" s="2">
        <v>1.351</v>
      </c>
      <c r="W3286" s="2">
        <v>0.01</v>
      </c>
      <c r="X3286" s="2">
        <v>118.9</v>
      </c>
      <c r="Y3286" s="2">
        <v>7.6</v>
      </c>
      <c r="Z3286" s="2">
        <v>10.6</v>
      </c>
      <c r="AA3286" s="5"/>
      <c r="AB3286" s="5" t="s">
        <v>43</v>
      </c>
      <c r="AC3286" s="5" t="s">
        <v>44</v>
      </c>
      <c r="AD3286" s="2"/>
      <c r="AE3286" s="1"/>
    </row>
    <row r="3287" spans="1:31" ht="14.45">
      <c r="A3287" s="11"/>
      <c r="B3287" s="20"/>
      <c r="C3287" s="2" t="s">
        <v>10315</v>
      </c>
      <c r="D3287" s="14" t="s">
        <v>10316</v>
      </c>
      <c r="E3287" s="2" t="s">
        <v>10317</v>
      </c>
      <c r="F3287" s="2" t="s">
        <v>7574</v>
      </c>
      <c r="G3287" s="8">
        <v>131</v>
      </c>
      <c r="H3287" s="5">
        <v>6</v>
      </c>
      <c r="I3287" s="5" t="s">
        <v>1518</v>
      </c>
      <c r="J3287" s="5" t="s">
        <v>1519</v>
      </c>
      <c r="K3287" s="2" t="s">
        <v>1520</v>
      </c>
      <c r="L3287" s="5" t="s">
        <v>1519</v>
      </c>
      <c r="M3287" s="2" t="s">
        <v>1520</v>
      </c>
      <c r="N3287" s="5" t="s">
        <v>1521</v>
      </c>
      <c r="O3287" s="5" t="s">
        <v>38</v>
      </c>
      <c r="P3287" s="5" t="s">
        <v>39</v>
      </c>
      <c r="Q3287" s="5" t="s">
        <v>40</v>
      </c>
      <c r="R3287" s="5" t="s">
        <v>1522</v>
      </c>
      <c r="S3287" s="5" t="s">
        <v>1523</v>
      </c>
      <c r="T3287" s="5" t="s">
        <v>42</v>
      </c>
      <c r="U3287" s="2">
        <v>1.742</v>
      </c>
      <c r="V3287" s="2">
        <v>1.391</v>
      </c>
      <c r="W3287" s="2">
        <v>0.01</v>
      </c>
      <c r="X3287" s="2">
        <v>118.9</v>
      </c>
      <c r="Y3287" s="2">
        <v>7.6</v>
      </c>
      <c r="Z3287" s="2">
        <v>10.6</v>
      </c>
      <c r="AA3287" s="5"/>
      <c r="AB3287" s="5" t="s">
        <v>43</v>
      </c>
      <c r="AC3287" s="5" t="s">
        <v>44</v>
      </c>
      <c r="AD3287" s="2"/>
      <c r="AE3287" s="1"/>
    </row>
    <row r="3288" spans="1:31" ht="14.45">
      <c r="A3288" s="11"/>
      <c r="B3288" s="20"/>
      <c r="C3288" s="2" t="s">
        <v>10318</v>
      </c>
      <c r="D3288" s="14" t="s">
        <v>10319</v>
      </c>
      <c r="E3288" s="2" t="s">
        <v>10320</v>
      </c>
      <c r="F3288" s="2" t="s">
        <v>7449</v>
      </c>
      <c r="G3288" s="8">
        <v>131</v>
      </c>
      <c r="H3288" s="5">
        <v>6</v>
      </c>
      <c r="I3288" s="5" t="s">
        <v>1518</v>
      </c>
      <c r="J3288" s="5" t="s">
        <v>1519</v>
      </c>
      <c r="K3288" s="2" t="s">
        <v>1520</v>
      </c>
      <c r="L3288" s="5" t="s">
        <v>1519</v>
      </c>
      <c r="M3288" s="2" t="s">
        <v>1520</v>
      </c>
      <c r="N3288" s="5" t="s">
        <v>1521</v>
      </c>
      <c r="O3288" s="5" t="s">
        <v>38</v>
      </c>
      <c r="P3288" s="5" t="s">
        <v>39</v>
      </c>
      <c r="Q3288" s="5" t="s">
        <v>40</v>
      </c>
      <c r="R3288" s="5" t="s">
        <v>1522</v>
      </c>
      <c r="S3288" s="5" t="s">
        <v>1523</v>
      </c>
      <c r="T3288" s="5" t="s">
        <v>42</v>
      </c>
      <c r="U3288" s="2">
        <v>1.702</v>
      </c>
      <c r="V3288" s="2">
        <v>1.351</v>
      </c>
      <c r="W3288" s="2">
        <v>0.01</v>
      </c>
      <c r="X3288" s="2">
        <v>118.9</v>
      </c>
      <c r="Y3288" s="2">
        <v>7.6</v>
      </c>
      <c r="Z3288" s="2">
        <v>10.6</v>
      </c>
      <c r="AA3288" s="5"/>
      <c r="AB3288" s="5" t="s">
        <v>43</v>
      </c>
      <c r="AC3288" s="5" t="s">
        <v>44</v>
      </c>
      <c r="AD3288" s="2"/>
      <c r="AE3288" s="1"/>
    </row>
    <row r="3289" spans="1:31" ht="14.45">
      <c r="A3289" s="11"/>
      <c r="B3289" s="20"/>
      <c r="C3289" s="2" t="s">
        <v>10321</v>
      </c>
      <c r="D3289" s="14" t="s">
        <v>10322</v>
      </c>
      <c r="E3289" s="2" t="s">
        <v>10323</v>
      </c>
      <c r="F3289" s="2" t="s">
        <v>7581</v>
      </c>
      <c r="G3289" s="8">
        <v>131</v>
      </c>
      <c r="H3289" s="5">
        <v>6</v>
      </c>
      <c r="I3289" s="5" t="s">
        <v>1518</v>
      </c>
      <c r="J3289" s="5" t="s">
        <v>1519</v>
      </c>
      <c r="K3289" s="2" t="s">
        <v>1520</v>
      </c>
      <c r="L3289" s="5" t="s">
        <v>1519</v>
      </c>
      <c r="M3289" s="2" t="s">
        <v>1520</v>
      </c>
      <c r="N3289" s="5" t="s">
        <v>1521</v>
      </c>
      <c r="O3289" s="5" t="s">
        <v>38</v>
      </c>
      <c r="P3289" s="5" t="s">
        <v>39</v>
      </c>
      <c r="Q3289" s="5" t="s">
        <v>40</v>
      </c>
      <c r="R3289" s="5" t="s">
        <v>1522</v>
      </c>
      <c r="S3289" s="5" t="s">
        <v>1523</v>
      </c>
      <c r="T3289" s="5" t="s">
        <v>42</v>
      </c>
      <c r="U3289" s="2">
        <v>1.742</v>
      </c>
      <c r="V3289" s="2">
        <v>1.391</v>
      </c>
      <c r="W3289" s="2">
        <v>0.01</v>
      </c>
      <c r="X3289" s="2">
        <v>118.9</v>
      </c>
      <c r="Y3289" s="2">
        <v>7.6</v>
      </c>
      <c r="Z3289" s="2">
        <v>10.6</v>
      </c>
      <c r="AA3289" s="5"/>
      <c r="AB3289" s="5" t="s">
        <v>43</v>
      </c>
      <c r="AC3289" s="5" t="s">
        <v>44</v>
      </c>
      <c r="AD3289" s="2"/>
      <c r="AE3289" s="1"/>
    </row>
    <row r="3290" spans="1:31" ht="14.45">
      <c r="A3290" s="11"/>
      <c r="B3290" s="20"/>
      <c r="C3290" s="2" t="s">
        <v>10324</v>
      </c>
      <c r="D3290" s="14" t="s">
        <v>10325</v>
      </c>
      <c r="E3290" s="2" t="s">
        <v>10326</v>
      </c>
      <c r="F3290" s="2" t="s">
        <v>7585</v>
      </c>
      <c r="G3290" s="8">
        <v>131</v>
      </c>
      <c r="H3290" s="5">
        <v>6</v>
      </c>
      <c r="I3290" s="5" t="s">
        <v>1518</v>
      </c>
      <c r="J3290" s="5" t="s">
        <v>1519</v>
      </c>
      <c r="K3290" s="2" t="s">
        <v>1520</v>
      </c>
      <c r="L3290" s="5" t="s">
        <v>1519</v>
      </c>
      <c r="M3290" s="2" t="s">
        <v>1520</v>
      </c>
      <c r="N3290" s="5" t="s">
        <v>1521</v>
      </c>
      <c r="O3290" s="5" t="s">
        <v>38</v>
      </c>
      <c r="P3290" s="5" t="s">
        <v>39</v>
      </c>
      <c r="Q3290" s="5" t="s">
        <v>40</v>
      </c>
      <c r="R3290" s="5" t="s">
        <v>1522</v>
      </c>
      <c r="S3290" s="5" t="s">
        <v>1523</v>
      </c>
      <c r="T3290" s="5" t="s">
        <v>42</v>
      </c>
      <c r="U3290" s="2">
        <v>1.6830000000000001</v>
      </c>
      <c r="V3290" s="2">
        <v>1.3320000000000001</v>
      </c>
      <c r="W3290" s="2">
        <v>0.01</v>
      </c>
      <c r="X3290" s="2">
        <v>118.9</v>
      </c>
      <c r="Y3290" s="2">
        <v>7.6</v>
      </c>
      <c r="Z3290" s="2">
        <v>10.6</v>
      </c>
      <c r="AA3290" s="5"/>
      <c r="AB3290" s="5" t="s">
        <v>43</v>
      </c>
      <c r="AC3290" s="5" t="s">
        <v>44</v>
      </c>
      <c r="AD3290" s="2"/>
      <c r="AE3290" s="1"/>
    </row>
    <row r="3291" spans="1:31" ht="14.45">
      <c r="A3291" s="11"/>
      <c r="B3291" s="20"/>
      <c r="C3291" s="2" t="s">
        <v>10327</v>
      </c>
      <c r="D3291" s="14" t="s">
        <v>10328</v>
      </c>
      <c r="E3291" s="2" t="s">
        <v>10329</v>
      </c>
      <c r="F3291" s="2" t="s">
        <v>7589</v>
      </c>
      <c r="G3291" s="8">
        <v>131</v>
      </c>
      <c r="H3291" s="5">
        <v>6</v>
      </c>
      <c r="I3291" s="5" t="s">
        <v>1518</v>
      </c>
      <c r="J3291" s="5" t="s">
        <v>1519</v>
      </c>
      <c r="K3291" s="2" t="s">
        <v>1520</v>
      </c>
      <c r="L3291" s="5" t="s">
        <v>1519</v>
      </c>
      <c r="M3291" s="2" t="s">
        <v>1520</v>
      </c>
      <c r="N3291" s="5" t="s">
        <v>1521</v>
      </c>
      <c r="O3291" s="5" t="s">
        <v>38</v>
      </c>
      <c r="P3291" s="5" t="s">
        <v>39</v>
      </c>
      <c r="Q3291" s="5" t="s">
        <v>40</v>
      </c>
      <c r="R3291" s="5" t="s">
        <v>1522</v>
      </c>
      <c r="S3291" s="5" t="s">
        <v>1523</v>
      </c>
      <c r="T3291" s="5" t="s">
        <v>42</v>
      </c>
      <c r="U3291" s="2">
        <v>1.7230000000000001</v>
      </c>
      <c r="V3291" s="2">
        <v>1.3720000000000001</v>
      </c>
      <c r="W3291" s="2">
        <v>0.01</v>
      </c>
      <c r="X3291" s="2">
        <v>118.9</v>
      </c>
      <c r="Y3291" s="2">
        <v>7.6</v>
      </c>
      <c r="Z3291" s="2">
        <v>10.6</v>
      </c>
      <c r="AA3291" s="5"/>
      <c r="AB3291" s="5" t="s">
        <v>43</v>
      </c>
      <c r="AC3291" s="5" t="s">
        <v>44</v>
      </c>
      <c r="AD3291" s="2"/>
      <c r="AE3291" s="1"/>
    </row>
    <row r="3292" spans="1:31" ht="14.45">
      <c r="A3292" s="11"/>
      <c r="B3292" s="20"/>
      <c r="C3292" s="2" t="s">
        <v>10330</v>
      </c>
      <c r="D3292" s="14" t="s">
        <v>10331</v>
      </c>
      <c r="E3292" s="2" t="s">
        <v>10332</v>
      </c>
      <c r="F3292" s="2" t="s">
        <v>7593</v>
      </c>
      <c r="G3292" s="8">
        <v>131</v>
      </c>
      <c r="H3292" s="5">
        <v>6</v>
      </c>
      <c r="I3292" s="5" t="s">
        <v>1518</v>
      </c>
      <c r="J3292" s="5" t="s">
        <v>1519</v>
      </c>
      <c r="K3292" s="2" t="s">
        <v>1520</v>
      </c>
      <c r="L3292" s="5" t="s">
        <v>1519</v>
      </c>
      <c r="M3292" s="2" t="s">
        <v>1520</v>
      </c>
      <c r="N3292" s="5" t="s">
        <v>1521</v>
      </c>
      <c r="O3292" s="5" t="s">
        <v>38</v>
      </c>
      <c r="P3292" s="5" t="s">
        <v>39</v>
      </c>
      <c r="Q3292" s="5" t="s">
        <v>40</v>
      </c>
      <c r="R3292" s="5" t="s">
        <v>1522</v>
      </c>
      <c r="S3292" s="5" t="s">
        <v>1523</v>
      </c>
      <c r="T3292" s="5" t="s">
        <v>42</v>
      </c>
      <c r="U3292" s="2">
        <v>1.702</v>
      </c>
      <c r="V3292" s="2">
        <v>1.351</v>
      </c>
      <c r="W3292" s="2">
        <v>0.01</v>
      </c>
      <c r="X3292" s="2">
        <v>118.9</v>
      </c>
      <c r="Y3292" s="2">
        <v>7.6</v>
      </c>
      <c r="Z3292" s="2">
        <v>10.6</v>
      </c>
      <c r="AA3292" s="5"/>
      <c r="AB3292" s="5" t="s">
        <v>43</v>
      </c>
      <c r="AC3292" s="5" t="s">
        <v>44</v>
      </c>
      <c r="AD3292" s="2"/>
      <c r="AE3292" s="1"/>
    </row>
    <row r="3293" spans="1:31" ht="14.45">
      <c r="A3293" s="11"/>
      <c r="B3293" s="20"/>
      <c r="C3293" s="2" t="s">
        <v>10333</v>
      </c>
      <c r="D3293" s="14" t="s">
        <v>10334</v>
      </c>
      <c r="E3293" s="2" t="s">
        <v>10335</v>
      </c>
      <c r="F3293" s="2" t="s">
        <v>7597</v>
      </c>
      <c r="G3293" s="8">
        <v>131</v>
      </c>
      <c r="H3293" s="5">
        <v>6</v>
      </c>
      <c r="I3293" s="5" t="s">
        <v>1518</v>
      </c>
      <c r="J3293" s="5" t="s">
        <v>1519</v>
      </c>
      <c r="K3293" s="2" t="s">
        <v>1520</v>
      </c>
      <c r="L3293" s="5" t="s">
        <v>1519</v>
      </c>
      <c r="M3293" s="2" t="s">
        <v>1520</v>
      </c>
      <c r="N3293" s="5" t="s">
        <v>1521</v>
      </c>
      <c r="O3293" s="5" t="s">
        <v>38</v>
      </c>
      <c r="P3293" s="5" t="s">
        <v>39</v>
      </c>
      <c r="Q3293" s="5" t="s">
        <v>40</v>
      </c>
      <c r="R3293" s="5" t="s">
        <v>1522</v>
      </c>
      <c r="S3293" s="5" t="s">
        <v>1523</v>
      </c>
      <c r="T3293" s="5" t="s">
        <v>42</v>
      </c>
      <c r="U3293" s="2">
        <v>1.742</v>
      </c>
      <c r="V3293" s="2">
        <v>1.391</v>
      </c>
      <c r="W3293" s="2">
        <v>0.01</v>
      </c>
      <c r="X3293" s="2">
        <v>118.9</v>
      </c>
      <c r="Y3293" s="2">
        <v>7.6</v>
      </c>
      <c r="Z3293" s="2">
        <v>10.6</v>
      </c>
      <c r="AA3293" s="5"/>
      <c r="AB3293" s="5" t="s">
        <v>43</v>
      </c>
      <c r="AC3293" s="5" t="s">
        <v>44</v>
      </c>
      <c r="AD3293" s="2"/>
      <c r="AE3293" s="1"/>
    </row>
    <row r="3294" spans="1:31" ht="14.45">
      <c r="A3294" s="11"/>
      <c r="B3294" s="20"/>
      <c r="C3294" s="2" t="s">
        <v>10336</v>
      </c>
      <c r="D3294" s="14" t="s">
        <v>10337</v>
      </c>
      <c r="E3294" s="2" t="s">
        <v>10338</v>
      </c>
      <c r="F3294" s="2" t="s">
        <v>7410</v>
      </c>
      <c r="G3294" s="8">
        <v>131</v>
      </c>
      <c r="H3294" s="5">
        <v>6</v>
      </c>
      <c r="I3294" s="5" t="s">
        <v>1518</v>
      </c>
      <c r="J3294" s="5" t="s">
        <v>1519</v>
      </c>
      <c r="K3294" s="2" t="s">
        <v>1520</v>
      </c>
      <c r="L3294" s="5" t="s">
        <v>1519</v>
      </c>
      <c r="M3294" s="2" t="s">
        <v>1520</v>
      </c>
      <c r="N3294" s="5" t="s">
        <v>1521</v>
      </c>
      <c r="O3294" s="5" t="s">
        <v>38</v>
      </c>
      <c r="P3294" s="5" t="s">
        <v>39</v>
      </c>
      <c r="Q3294" s="5" t="s">
        <v>40</v>
      </c>
      <c r="R3294" s="5" t="s">
        <v>1522</v>
      </c>
      <c r="S3294" s="5" t="s">
        <v>1523</v>
      </c>
      <c r="T3294" s="5" t="s">
        <v>42</v>
      </c>
      <c r="U3294" s="2">
        <v>1.702</v>
      </c>
      <c r="V3294" s="2">
        <v>1.351</v>
      </c>
      <c r="W3294" s="2">
        <v>0.01</v>
      </c>
      <c r="X3294" s="2">
        <v>118.9</v>
      </c>
      <c r="Y3294" s="2">
        <v>7.6</v>
      </c>
      <c r="Z3294" s="2">
        <v>10.6</v>
      </c>
      <c r="AA3294" s="5"/>
      <c r="AB3294" s="5" t="s">
        <v>43</v>
      </c>
      <c r="AC3294" s="5" t="s">
        <v>44</v>
      </c>
      <c r="AD3294" s="2"/>
      <c r="AE3294" s="1"/>
    </row>
    <row r="3295" spans="1:31" ht="14.45">
      <c r="A3295" s="11"/>
      <c r="B3295" s="20"/>
      <c r="C3295" s="2" t="s">
        <v>10339</v>
      </c>
      <c r="D3295" s="14" t="s">
        <v>10340</v>
      </c>
      <c r="E3295" s="2" t="s">
        <v>10341</v>
      </c>
      <c r="F3295" s="2" t="s">
        <v>7604</v>
      </c>
      <c r="G3295" s="8">
        <v>131</v>
      </c>
      <c r="H3295" s="5">
        <v>6</v>
      </c>
      <c r="I3295" s="5" t="s">
        <v>1518</v>
      </c>
      <c r="J3295" s="5" t="s">
        <v>1519</v>
      </c>
      <c r="K3295" s="2" t="s">
        <v>1520</v>
      </c>
      <c r="L3295" s="5" t="s">
        <v>1519</v>
      </c>
      <c r="M3295" s="2" t="s">
        <v>1520</v>
      </c>
      <c r="N3295" s="5" t="s">
        <v>1521</v>
      </c>
      <c r="O3295" s="5" t="s">
        <v>38</v>
      </c>
      <c r="P3295" s="5" t="s">
        <v>39</v>
      </c>
      <c r="Q3295" s="5" t="s">
        <v>40</v>
      </c>
      <c r="R3295" s="5" t="s">
        <v>1522</v>
      </c>
      <c r="S3295" s="5" t="s">
        <v>1523</v>
      </c>
      <c r="T3295" s="5" t="s">
        <v>42</v>
      </c>
      <c r="U3295" s="2">
        <v>1.742</v>
      </c>
      <c r="V3295" s="2">
        <v>1.391</v>
      </c>
      <c r="W3295" s="2">
        <v>0.01</v>
      </c>
      <c r="X3295" s="2">
        <v>118.9</v>
      </c>
      <c r="Y3295" s="2">
        <v>7.6</v>
      </c>
      <c r="Z3295" s="2">
        <v>10.6</v>
      </c>
      <c r="AA3295" s="5"/>
      <c r="AB3295" s="5" t="s">
        <v>43</v>
      </c>
      <c r="AC3295" s="5" t="s">
        <v>44</v>
      </c>
      <c r="AD3295" s="2"/>
      <c r="AE3295" s="1"/>
    </row>
    <row r="3296" spans="1:31" ht="14.45">
      <c r="A3296" s="11"/>
      <c r="B3296" s="20"/>
      <c r="C3296" s="2" t="s">
        <v>10342</v>
      </c>
      <c r="D3296" s="14" t="s">
        <v>10343</v>
      </c>
      <c r="E3296" s="2" t="s">
        <v>10344</v>
      </c>
      <c r="F3296" s="2" t="s">
        <v>7433</v>
      </c>
      <c r="G3296" s="8">
        <v>131</v>
      </c>
      <c r="H3296" s="5">
        <v>6</v>
      </c>
      <c r="I3296" s="5" t="s">
        <v>1518</v>
      </c>
      <c r="J3296" s="5" t="s">
        <v>1519</v>
      </c>
      <c r="K3296" s="2" t="s">
        <v>1520</v>
      </c>
      <c r="L3296" s="5" t="s">
        <v>1519</v>
      </c>
      <c r="M3296" s="2" t="s">
        <v>1520</v>
      </c>
      <c r="N3296" s="5" t="s">
        <v>1521</v>
      </c>
      <c r="O3296" s="5" t="s">
        <v>38</v>
      </c>
      <c r="P3296" s="5" t="s">
        <v>39</v>
      </c>
      <c r="Q3296" s="5" t="s">
        <v>40</v>
      </c>
      <c r="R3296" s="5" t="s">
        <v>1522</v>
      </c>
      <c r="S3296" s="5" t="s">
        <v>1523</v>
      </c>
      <c r="T3296" s="5" t="s">
        <v>42</v>
      </c>
      <c r="U3296" s="2">
        <v>1.702</v>
      </c>
      <c r="V3296" s="2">
        <v>1.351</v>
      </c>
      <c r="W3296" s="2">
        <v>0.01</v>
      </c>
      <c r="X3296" s="2">
        <v>118.9</v>
      </c>
      <c r="Y3296" s="2">
        <v>7.6</v>
      </c>
      <c r="Z3296" s="2">
        <v>10.6</v>
      </c>
      <c r="AA3296" s="5"/>
      <c r="AB3296" s="5" t="s">
        <v>43</v>
      </c>
      <c r="AC3296" s="5" t="s">
        <v>44</v>
      </c>
      <c r="AD3296" s="2"/>
      <c r="AE3296" s="1"/>
    </row>
    <row r="3297" spans="1:31" ht="14.45">
      <c r="A3297" s="11"/>
      <c r="B3297" s="20"/>
      <c r="C3297" s="2" t="s">
        <v>10345</v>
      </c>
      <c r="D3297" s="14" t="s">
        <v>10346</v>
      </c>
      <c r="E3297" s="2" t="s">
        <v>10347</v>
      </c>
      <c r="F3297" s="2" t="s">
        <v>7611</v>
      </c>
      <c r="G3297" s="8">
        <v>131</v>
      </c>
      <c r="H3297" s="5">
        <v>6</v>
      </c>
      <c r="I3297" s="5" t="s">
        <v>1518</v>
      </c>
      <c r="J3297" s="5" t="s">
        <v>1519</v>
      </c>
      <c r="K3297" s="2" t="s">
        <v>1520</v>
      </c>
      <c r="L3297" s="5" t="s">
        <v>1519</v>
      </c>
      <c r="M3297" s="2" t="s">
        <v>1520</v>
      </c>
      <c r="N3297" s="5" t="s">
        <v>1521</v>
      </c>
      <c r="O3297" s="5" t="s">
        <v>38</v>
      </c>
      <c r="P3297" s="5" t="s">
        <v>39</v>
      </c>
      <c r="Q3297" s="5" t="s">
        <v>40</v>
      </c>
      <c r="R3297" s="5" t="s">
        <v>1522</v>
      </c>
      <c r="S3297" s="5" t="s">
        <v>1523</v>
      </c>
      <c r="T3297" s="5" t="s">
        <v>42</v>
      </c>
      <c r="U3297" s="2">
        <v>1.742</v>
      </c>
      <c r="V3297" s="2">
        <v>1.391</v>
      </c>
      <c r="W3297" s="2">
        <v>0.01</v>
      </c>
      <c r="X3297" s="2">
        <v>118.9</v>
      </c>
      <c r="Y3297" s="2">
        <v>7.6</v>
      </c>
      <c r="Z3297" s="2">
        <v>10.6</v>
      </c>
      <c r="AA3297" s="5"/>
      <c r="AB3297" s="5" t="s">
        <v>43</v>
      </c>
      <c r="AC3297" s="5" t="s">
        <v>44</v>
      </c>
      <c r="AD3297" s="2"/>
      <c r="AE3297" s="1"/>
    </row>
    <row r="3298" spans="1:31" ht="14.45">
      <c r="A3298" s="11"/>
      <c r="B3298" s="20"/>
      <c r="C3298" s="2" t="s">
        <v>10348</v>
      </c>
      <c r="D3298" s="14" t="s">
        <v>10349</v>
      </c>
      <c r="E3298" s="2" t="s">
        <v>10350</v>
      </c>
      <c r="F3298" s="2" t="s">
        <v>7615</v>
      </c>
      <c r="G3298" s="8">
        <v>131</v>
      </c>
      <c r="H3298" s="5">
        <v>6</v>
      </c>
      <c r="I3298" s="5" t="s">
        <v>1518</v>
      </c>
      <c r="J3298" s="5" t="s">
        <v>1519</v>
      </c>
      <c r="K3298" s="2" t="s">
        <v>1520</v>
      </c>
      <c r="L3298" s="5" t="s">
        <v>1519</v>
      </c>
      <c r="M3298" s="2" t="s">
        <v>1520</v>
      </c>
      <c r="N3298" s="5" t="s">
        <v>1521</v>
      </c>
      <c r="O3298" s="5" t="s">
        <v>38</v>
      </c>
      <c r="P3298" s="5" t="s">
        <v>39</v>
      </c>
      <c r="Q3298" s="5" t="s">
        <v>40</v>
      </c>
      <c r="R3298" s="5" t="s">
        <v>1522</v>
      </c>
      <c r="S3298" s="5" t="s">
        <v>1523</v>
      </c>
      <c r="T3298" s="5" t="s">
        <v>42</v>
      </c>
      <c r="U3298" s="2">
        <v>1.6830000000000001</v>
      </c>
      <c r="V3298" s="2">
        <v>1.3320000000000001</v>
      </c>
      <c r="W3298" s="2">
        <v>0.01</v>
      </c>
      <c r="X3298" s="2">
        <v>118.9</v>
      </c>
      <c r="Y3298" s="2">
        <v>7.6</v>
      </c>
      <c r="Z3298" s="2">
        <v>10.6</v>
      </c>
      <c r="AA3298" s="5"/>
      <c r="AB3298" s="5" t="s">
        <v>43</v>
      </c>
      <c r="AC3298" s="5" t="s">
        <v>44</v>
      </c>
      <c r="AD3298" s="2"/>
      <c r="AE3298" s="1"/>
    </row>
    <row r="3299" spans="1:31" ht="14.45">
      <c r="A3299" s="11"/>
      <c r="B3299" s="20"/>
      <c r="C3299" s="2" t="s">
        <v>10351</v>
      </c>
      <c r="D3299" s="14" t="s">
        <v>10352</v>
      </c>
      <c r="E3299" s="2" t="s">
        <v>10353</v>
      </c>
      <c r="F3299" s="2" t="s">
        <v>7619</v>
      </c>
      <c r="G3299" s="8">
        <v>131</v>
      </c>
      <c r="H3299" s="5">
        <v>6</v>
      </c>
      <c r="I3299" s="5" t="s">
        <v>1518</v>
      </c>
      <c r="J3299" s="5" t="s">
        <v>1519</v>
      </c>
      <c r="K3299" s="2" t="s">
        <v>1520</v>
      </c>
      <c r="L3299" s="5" t="s">
        <v>1519</v>
      </c>
      <c r="M3299" s="2" t="s">
        <v>1520</v>
      </c>
      <c r="N3299" s="5" t="s">
        <v>1521</v>
      </c>
      <c r="O3299" s="5" t="s">
        <v>38</v>
      </c>
      <c r="P3299" s="5" t="s">
        <v>39</v>
      </c>
      <c r="Q3299" s="5" t="s">
        <v>40</v>
      </c>
      <c r="R3299" s="5" t="s">
        <v>1522</v>
      </c>
      <c r="S3299" s="5" t="s">
        <v>1523</v>
      </c>
      <c r="T3299" s="5" t="s">
        <v>42</v>
      </c>
      <c r="U3299" s="2">
        <v>1.7230000000000001</v>
      </c>
      <c r="V3299" s="2">
        <v>1.3720000000000001</v>
      </c>
      <c r="W3299" s="2">
        <v>0.01</v>
      </c>
      <c r="X3299" s="2">
        <v>118.9</v>
      </c>
      <c r="Y3299" s="2">
        <v>7.6</v>
      </c>
      <c r="Z3299" s="2">
        <v>10.6</v>
      </c>
      <c r="AA3299" s="5"/>
      <c r="AB3299" s="5" t="s">
        <v>43</v>
      </c>
      <c r="AC3299" s="5" t="s">
        <v>44</v>
      </c>
      <c r="AD3299" s="2"/>
      <c r="AE3299" s="1"/>
    </row>
    <row r="3300" spans="1:31" ht="14.45">
      <c r="A3300" s="11"/>
      <c r="B3300" s="20"/>
      <c r="C3300" s="2" t="s">
        <v>10354</v>
      </c>
      <c r="D3300" s="14" t="s">
        <v>10355</v>
      </c>
      <c r="E3300" s="2" t="s">
        <v>10356</v>
      </c>
      <c r="F3300" s="2" t="s">
        <v>1823</v>
      </c>
      <c r="G3300" s="8">
        <v>131</v>
      </c>
      <c r="H3300" s="5">
        <v>8</v>
      </c>
      <c r="I3300" s="5" t="s">
        <v>1518</v>
      </c>
      <c r="J3300" s="5" t="s">
        <v>1519</v>
      </c>
      <c r="K3300" s="2" t="s">
        <v>1520</v>
      </c>
      <c r="L3300" s="5" t="s">
        <v>1519</v>
      </c>
      <c r="M3300" s="2" t="s">
        <v>1520</v>
      </c>
      <c r="N3300" s="5" t="s">
        <v>1521</v>
      </c>
      <c r="O3300" s="5" t="s">
        <v>38</v>
      </c>
      <c r="P3300" s="5" t="s">
        <v>39</v>
      </c>
      <c r="Q3300" s="5" t="s">
        <v>40</v>
      </c>
      <c r="R3300" s="5" t="s">
        <v>1522</v>
      </c>
      <c r="S3300" s="5" t="s">
        <v>1523</v>
      </c>
      <c r="T3300" s="5" t="s">
        <v>42</v>
      </c>
      <c r="U3300" s="2">
        <v>1.7170000000000001</v>
      </c>
      <c r="V3300" s="2">
        <v>1.3660000000000001</v>
      </c>
      <c r="W3300" s="2">
        <v>0.01</v>
      </c>
      <c r="X3300" s="2">
        <v>118.9</v>
      </c>
      <c r="Y3300" s="2">
        <v>7.6</v>
      </c>
      <c r="Z3300" s="2">
        <v>10.6</v>
      </c>
      <c r="AA3300" s="5"/>
      <c r="AB3300" s="5" t="s">
        <v>43</v>
      </c>
      <c r="AC3300" s="5" t="s">
        <v>44</v>
      </c>
      <c r="AD3300" s="2"/>
      <c r="AE3300" s="1"/>
    </row>
    <row r="3301" spans="1:31" ht="14.45">
      <c r="A3301" s="11"/>
      <c r="B3301" s="20"/>
      <c r="C3301" s="2" t="s">
        <v>10357</v>
      </c>
      <c r="D3301" s="14" t="s">
        <v>10358</v>
      </c>
      <c r="E3301" s="2" t="s">
        <v>10359</v>
      </c>
      <c r="F3301" s="2" t="s">
        <v>1827</v>
      </c>
      <c r="G3301" s="8">
        <v>131</v>
      </c>
      <c r="H3301" s="5">
        <v>8</v>
      </c>
      <c r="I3301" s="5" t="s">
        <v>1518</v>
      </c>
      <c r="J3301" s="5" t="s">
        <v>1519</v>
      </c>
      <c r="K3301" s="2" t="s">
        <v>1520</v>
      </c>
      <c r="L3301" s="5" t="s">
        <v>1519</v>
      </c>
      <c r="M3301" s="2" t="s">
        <v>1520</v>
      </c>
      <c r="N3301" s="5" t="s">
        <v>1521</v>
      </c>
      <c r="O3301" s="5" t="s">
        <v>38</v>
      </c>
      <c r="P3301" s="5" t="s">
        <v>39</v>
      </c>
      <c r="Q3301" s="5" t="s">
        <v>40</v>
      </c>
      <c r="R3301" s="5" t="s">
        <v>1522</v>
      </c>
      <c r="S3301" s="5" t="s">
        <v>1523</v>
      </c>
      <c r="T3301" s="5" t="s">
        <v>42</v>
      </c>
      <c r="U3301" s="2">
        <v>1.7569999999999999</v>
      </c>
      <c r="V3301" s="2">
        <v>1.4059999999999999</v>
      </c>
      <c r="W3301" s="2">
        <v>0.01</v>
      </c>
      <c r="X3301" s="2">
        <v>118.9</v>
      </c>
      <c r="Y3301" s="2">
        <v>7.6</v>
      </c>
      <c r="Z3301" s="2">
        <v>10.6</v>
      </c>
      <c r="AA3301" s="5"/>
      <c r="AB3301" s="5" t="s">
        <v>43</v>
      </c>
      <c r="AC3301" s="5" t="s">
        <v>44</v>
      </c>
      <c r="AD3301" s="2"/>
      <c r="AE3301" s="1"/>
    </row>
    <row r="3302" spans="1:31" ht="14.45">
      <c r="A3302" s="11"/>
      <c r="B3302" s="20"/>
      <c r="C3302" s="2" t="s">
        <v>10360</v>
      </c>
      <c r="D3302" s="14" t="s">
        <v>10361</v>
      </c>
      <c r="E3302" s="2" t="s">
        <v>10362</v>
      </c>
      <c r="F3302" s="2" t="s">
        <v>1973</v>
      </c>
      <c r="G3302" s="8">
        <v>131</v>
      </c>
      <c r="H3302" s="5">
        <v>13</v>
      </c>
      <c r="I3302" s="5" t="s">
        <v>1518</v>
      </c>
      <c r="J3302" s="5" t="s">
        <v>1519</v>
      </c>
      <c r="K3302" s="2" t="s">
        <v>1520</v>
      </c>
      <c r="L3302" s="5" t="s">
        <v>1519</v>
      </c>
      <c r="M3302" s="2" t="s">
        <v>1520</v>
      </c>
      <c r="N3302" s="5" t="s">
        <v>1521</v>
      </c>
      <c r="O3302" s="5" t="s">
        <v>38</v>
      </c>
      <c r="P3302" s="5" t="s">
        <v>39</v>
      </c>
      <c r="Q3302" s="5" t="s">
        <v>40</v>
      </c>
      <c r="R3302" s="5" t="s">
        <v>1522</v>
      </c>
      <c r="S3302" s="5" t="s">
        <v>1523</v>
      </c>
      <c r="T3302" s="5" t="s">
        <v>42</v>
      </c>
      <c r="U3302" s="2">
        <v>1.7330000000000001</v>
      </c>
      <c r="V3302" s="2">
        <v>1.3819999999999999</v>
      </c>
      <c r="W3302" s="2">
        <v>0.01</v>
      </c>
      <c r="X3302" s="2">
        <v>118.9</v>
      </c>
      <c r="Y3302" s="2">
        <v>7.6</v>
      </c>
      <c r="Z3302" s="2">
        <v>10.6</v>
      </c>
      <c r="AA3302" s="5"/>
      <c r="AB3302" s="5" t="s">
        <v>43</v>
      </c>
      <c r="AC3302" s="5" t="s">
        <v>44</v>
      </c>
      <c r="AD3302" s="2"/>
      <c r="AE3302" s="1"/>
    </row>
    <row r="3303" spans="1:31" ht="14.45">
      <c r="A3303" s="11"/>
      <c r="B3303" s="20"/>
      <c r="C3303" s="2" t="s">
        <v>10363</v>
      </c>
      <c r="D3303" s="14" t="s">
        <v>10364</v>
      </c>
      <c r="E3303" s="2" t="s">
        <v>10365</v>
      </c>
      <c r="F3303" s="2" t="s">
        <v>2348</v>
      </c>
      <c r="G3303" s="8">
        <v>131</v>
      </c>
      <c r="H3303" s="5">
        <v>13</v>
      </c>
      <c r="I3303" s="5" t="s">
        <v>1518</v>
      </c>
      <c r="J3303" s="5" t="s">
        <v>1519</v>
      </c>
      <c r="K3303" s="2" t="s">
        <v>1520</v>
      </c>
      <c r="L3303" s="5" t="s">
        <v>1519</v>
      </c>
      <c r="M3303" s="2" t="s">
        <v>1520</v>
      </c>
      <c r="N3303" s="5" t="s">
        <v>1521</v>
      </c>
      <c r="O3303" s="5" t="s">
        <v>38</v>
      </c>
      <c r="P3303" s="5" t="s">
        <v>39</v>
      </c>
      <c r="Q3303" s="5" t="s">
        <v>40</v>
      </c>
      <c r="R3303" s="5" t="s">
        <v>1522</v>
      </c>
      <c r="S3303" s="5" t="s">
        <v>1523</v>
      </c>
      <c r="T3303" s="5" t="s">
        <v>42</v>
      </c>
      <c r="U3303" s="2">
        <v>1.7729999999999999</v>
      </c>
      <c r="V3303" s="2">
        <v>1.4219999999999999</v>
      </c>
      <c r="W3303" s="2">
        <v>0.01</v>
      </c>
      <c r="X3303" s="2">
        <v>118.9</v>
      </c>
      <c r="Y3303" s="2">
        <v>7.6</v>
      </c>
      <c r="Z3303" s="2">
        <v>10.6</v>
      </c>
      <c r="AA3303" s="5"/>
      <c r="AB3303" s="5" t="s">
        <v>43</v>
      </c>
      <c r="AC3303" s="5" t="s">
        <v>44</v>
      </c>
      <c r="AD3303" s="2"/>
      <c r="AE3303" s="1"/>
    </row>
    <row r="3304" spans="1:31" ht="14.45">
      <c r="A3304" s="11"/>
      <c r="B3304" s="20"/>
      <c r="C3304" s="2" t="s">
        <v>10366</v>
      </c>
      <c r="D3304" s="14" t="s">
        <v>10367</v>
      </c>
      <c r="E3304" s="2" t="s">
        <v>10368</v>
      </c>
      <c r="F3304" s="2" t="s">
        <v>2204</v>
      </c>
      <c r="G3304" s="8">
        <v>131</v>
      </c>
      <c r="H3304" s="5">
        <v>13</v>
      </c>
      <c r="I3304" s="5" t="s">
        <v>1518</v>
      </c>
      <c r="J3304" s="5" t="s">
        <v>1519</v>
      </c>
      <c r="K3304" s="2" t="s">
        <v>1520</v>
      </c>
      <c r="L3304" s="5" t="s">
        <v>1519</v>
      </c>
      <c r="M3304" s="2" t="s">
        <v>1520</v>
      </c>
      <c r="N3304" s="5" t="s">
        <v>1521</v>
      </c>
      <c r="O3304" s="5" t="s">
        <v>38</v>
      </c>
      <c r="P3304" s="5" t="s">
        <v>39</v>
      </c>
      <c r="Q3304" s="5" t="s">
        <v>40</v>
      </c>
      <c r="R3304" s="5" t="s">
        <v>1522</v>
      </c>
      <c r="S3304" s="5" t="s">
        <v>1523</v>
      </c>
      <c r="T3304" s="5" t="s">
        <v>42</v>
      </c>
      <c r="U3304" s="2">
        <v>1.7330000000000001</v>
      </c>
      <c r="V3304" s="2">
        <v>1.3819999999999999</v>
      </c>
      <c r="W3304" s="2">
        <v>0.01</v>
      </c>
      <c r="X3304" s="2">
        <v>118.9</v>
      </c>
      <c r="Y3304" s="2">
        <v>7.6</v>
      </c>
      <c r="Z3304" s="2">
        <v>10.6</v>
      </c>
      <c r="AA3304" s="5"/>
      <c r="AB3304" s="5" t="s">
        <v>43</v>
      </c>
      <c r="AC3304" s="5" t="s">
        <v>44</v>
      </c>
      <c r="AD3304" s="2"/>
      <c r="AE3304" s="1"/>
    </row>
    <row r="3305" spans="1:31" ht="14.45">
      <c r="A3305" s="11"/>
      <c r="B3305" s="20"/>
      <c r="C3305" s="2" t="s">
        <v>10369</v>
      </c>
      <c r="D3305" s="14" t="s">
        <v>10370</v>
      </c>
      <c r="E3305" s="2" t="s">
        <v>10371</v>
      </c>
      <c r="F3305" s="2" t="s">
        <v>2724</v>
      </c>
      <c r="G3305" s="8">
        <v>131</v>
      </c>
      <c r="H3305" s="5">
        <v>13</v>
      </c>
      <c r="I3305" s="5" t="s">
        <v>1518</v>
      </c>
      <c r="J3305" s="5" t="s">
        <v>1519</v>
      </c>
      <c r="K3305" s="2" t="s">
        <v>1520</v>
      </c>
      <c r="L3305" s="5" t="s">
        <v>1519</v>
      </c>
      <c r="M3305" s="2" t="s">
        <v>1520</v>
      </c>
      <c r="N3305" s="5" t="s">
        <v>1521</v>
      </c>
      <c r="O3305" s="5" t="s">
        <v>38</v>
      </c>
      <c r="P3305" s="5" t="s">
        <v>39</v>
      </c>
      <c r="Q3305" s="5" t="s">
        <v>40</v>
      </c>
      <c r="R3305" s="5" t="s">
        <v>1522</v>
      </c>
      <c r="S3305" s="5" t="s">
        <v>1523</v>
      </c>
      <c r="T3305" s="5" t="s">
        <v>42</v>
      </c>
      <c r="U3305" s="2">
        <v>1.7729999999999999</v>
      </c>
      <c r="V3305" s="2">
        <v>1.4219999999999999</v>
      </c>
      <c r="W3305" s="2">
        <v>0.01</v>
      </c>
      <c r="X3305" s="2">
        <v>118.9</v>
      </c>
      <c r="Y3305" s="2">
        <v>7.6</v>
      </c>
      <c r="Z3305" s="2">
        <v>10.6</v>
      </c>
      <c r="AA3305" s="5"/>
      <c r="AB3305" s="5" t="s">
        <v>43</v>
      </c>
      <c r="AC3305" s="5" t="s">
        <v>44</v>
      </c>
      <c r="AD3305" s="2"/>
      <c r="AE3305" s="1"/>
    </row>
    <row r="3306" spans="1:31" ht="14.45">
      <c r="A3306" s="11"/>
      <c r="B3306" s="20"/>
      <c r="C3306" s="2" t="s">
        <v>10372</v>
      </c>
      <c r="D3306" s="14" t="s">
        <v>10373</v>
      </c>
      <c r="E3306" s="2" t="s">
        <v>10374</v>
      </c>
      <c r="F3306" s="2" t="s">
        <v>2208</v>
      </c>
      <c r="G3306" s="8">
        <v>131</v>
      </c>
      <c r="H3306" s="5">
        <v>13</v>
      </c>
      <c r="I3306" s="5" t="s">
        <v>1518</v>
      </c>
      <c r="J3306" s="5" t="s">
        <v>1519</v>
      </c>
      <c r="K3306" s="2" t="s">
        <v>1520</v>
      </c>
      <c r="L3306" s="5" t="s">
        <v>1519</v>
      </c>
      <c r="M3306" s="2" t="s">
        <v>1520</v>
      </c>
      <c r="N3306" s="5" t="s">
        <v>1521</v>
      </c>
      <c r="O3306" s="5" t="s">
        <v>38</v>
      </c>
      <c r="P3306" s="5" t="s">
        <v>39</v>
      </c>
      <c r="Q3306" s="5" t="s">
        <v>40</v>
      </c>
      <c r="R3306" s="5" t="s">
        <v>1522</v>
      </c>
      <c r="S3306" s="5" t="s">
        <v>1523</v>
      </c>
      <c r="T3306" s="5" t="s">
        <v>42</v>
      </c>
      <c r="U3306" s="2">
        <v>1.7330000000000001</v>
      </c>
      <c r="V3306" s="2">
        <v>1.3819999999999999</v>
      </c>
      <c r="W3306" s="2">
        <v>0.01</v>
      </c>
      <c r="X3306" s="2">
        <v>118.9</v>
      </c>
      <c r="Y3306" s="2">
        <v>7.6</v>
      </c>
      <c r="Z3306" s="2">
        <v>10.6</v>
      </c>
      <c r="AA3306" s="5"/>
      <c r="AB3306" s="5" t="s">
        <v>43</v>
      </c>
      <c r="AC3306" s="5" t="s">
        <v>44</v>
      </c>
      <c r="AD3306" s="2"/>
      <c r="AE3306" s="1"/>
    </row>
    <row r="3307" spans="1:31" ht="14.45">
      <c r="A3307" s="11"/>
      <c r="B3307" s="20"/>
      <c r="C3307" s="2" t="s">
        <v>10375</v>
      </c>
      <c r="D3307" s="14" t="s">
        <v>10376</v>
      </c>
      <c r="E3307" s="2" t="s">
        <v>10377</v>
      </c>
      <c r="F3307" s="2" t="s">
        <v>2212</v>
      </c>
      <c r="G3307" s="8">
        <v>131</v>
      </c>
      <c r="H3307" s="5">
        <v>13</v>
      </c>
      <c r="I3307" s="5" t="s">
        <v>1518</v>
      </c>
      <c r="J3307" s="5" t="s">
        <v>1519</v>
      </c>
      <c r="K3307" s="2" t="s">
        <v>1520</v>
      </c>
      <c r="L3307" s="5" t="s">
        <v>1519</v>
      </c>
      <c r="M3307" s="2" t="s">
        <v>1520</v>
      </c>
      <c r="N3307" s="5" t="s">
        <v>1521</v>
      </c>
      <c r="O3307" s="5" t="s">
        <v>38</v>
      </c>
      <c r="P3307" s="5" t="s">
        <v>39</v>
      </c>
      <c r="Q3307" s="5" t="s">
        <v>40</v>
      </c>
      <c r="R3307" s="5" t="s">
        <v>1522</v>
      </c>
      <c r="S3307" s="5" t="s">
        <v>1523</v>
      </c>
      <c r="T3307" s="5" t="s">
        <v>42</v>
      </c>
      <c r="U3307" s="2">
        <v>1.7729999999999999</v>
      </c>
      <c r="V3307" s="2">
        <v>1.4219999999999999</v>
      </c>
      <c r="W3307" s="2">
        <v>0.01</v>
      </c>
      <c r="X3307" s="2">
        <v>118.9</v>
      </c>
      <c r="Y3307" s="2">
        <v>7.6</v>
      </c>
      <c r="Z3307" s="2">
        <v>10.6</v>
      </c>
      <c r="AA3307" s="5"/>
      <c r="AB3307" s="5" t="s">
        <v>43</v>
      </c>
      <c r="AC3307" s="5" t="s">
        <v>44</v>
      </c>
      <c r="AD3307" s="2"/>
      <c r="AE3307" s="1"/>
    </row>
    <row r="3308" spans="1:31" ht="14.45">
      <c r="A3308" s="11"/>
      <c r="B3308" s="20"/>
      <c r="C3308" s="2" t="s">
        <v>10378</v>
      </c>
      <c r="D3308" s="14" t="s">
        <v>10379</v>
      </c>
      <c r="E3308" s="2" t="s">
        <v>10380</v>
      </c>
      <c r="F3308" s="2" t="s">
        <v>1831</v>
      </c>
      <c r="G3308" s="8">
        <v>131</v>
      </c>
      <c r="H3308" s="5">
        <v>13</v>
      </c>
      <c r="I3308" s="5" t="s">
        <v>1518</v>
      </c>
      <c r="J3308" s="5" t="s">
        <v>1519</v>
      </c>
      <c r="K3308" s="2" t="s">
        <v>1520</v>
      </c>
      <c r="L3308" s="5" t="s">
        <v>1519</v>
      </c>
      <c r="M3308" s="2" t="s">
        <v>1520</v>
      </c>
      <c r="N3308" s="5" t="s">
        <v>1521</v>
      </c>
      <c r="O3308" s="5" t="s">
        <v>38</v>
      </c>
      <c r="P3308" s="5" t="s">
        <v>39</v>
      </c>
      <c r="Q3308" s="5" t="s">
        <v>40</v>
      </c>
      <c r="R3308" s="5" t="s">
        <v>1522</v>
      </c>
      <c r="S3308" s="5" t="s">
        <v>1523</v>
      </c>
      <c r="T3308" s="5" t="s">
        <v>42</v>
      </c>
      <c r="U3308" s="2">
        <v>1.7330000000000001</v>
      </c>
      <c r="V3308" s="2">
        <v>1.3819999999999999</v>
      </c>
      <c r="W3308" s="2">
        <v>0.01</v>
      </c>
      <c r="X3308" s="2">
        <v>118.9</v>
      </c>
      <c r="Y3308" s="2">
        <v>7.6</v>
      </c>
      <c r="Z3308" s="2">
        <v>10.6</v>
      </c>
      <c r="AA3308" s="5"/>
      <c r="AB3308" s="5" t="s">
        <v>43</v>
      </c>
      <c r="AC3308" s="5" t="s">
        <v>44</v>
      </c>
      <c r="AD3308" s="2"/>
      <c r="AE3308" s="1"/>
    </row>
    <row r="3309" spans="1:31" ht="14.45">
      <c r="A3309" s="11"/>
      <c r="B3309" s="20"/>
      <c r="C3309" s="2" t="s">
        <v>10381</v>
      </c>
      <c r="D3309" s="14" t="s">
        <v>10382</v>
      </c>
      <c r="E3309" s="2" t="s">
        <v>10383</v>
      </c>
      <c r="F3309" s="2" t="s">
        <v>1835</v>
      </c>
      <c r="G3309" s="8">
        <v>131</v>
      </c>
      <c r="H3309" s="5">
        <v>13</v>
      </c>
      <c r="I3309" s="5" t="s">
        <v>1518</v>
      </c>
      <c r="J3309" s="5" t="s">
        <v>1519</v>
      </c>
      <c r="K3309" s="2" t="s">
        <v>1520</v>
      </c>
      <c r="L3309" s="5" t="s">
        <v>1519</v>
      </c>
      <c r="M3309" s="2" t="s">
        <v>1520</v>
      </c>
      <c r="N3309" s="5" t="s">
        <v>1521</v>
      </c>
      <c r="O3309" s="5" t="s">
        <v>38</v>
      </c>
      <c r="P3309" s="5" t="s">
        <v>39</v>
      </c>
      <c r="Q3309" s="5" t="s">
        <v>40</v>
      </c>
      <c r="R3309" s="5" t="s">
        <v>1522</v>
      </c>
      <c r="S3309" s="5" t="s">
        <v>1523</v>
      </c>
      <c r="T3309" s="5" t="s">
        <v>42</v>
      </c>
      <c r="U3309" s="2">
        <v>1.7729999999999999</v>
      </c>
      <c r="V3309" s="2">
        <v>1.4219999999999999</v>
      </c>
      <c r="W3309" s="2">
        <v>0.01</v>
      </c>
      <c r="X3309" s="2">
        <v>118.9</v>
      </c>
      <c r="Y3309" s="2">
        <v>7.6</v>
      </c>
      <c r="Z3309" s="2">
        <v>10.6</v>
      </c>
      <c r="AA3309" s="5"/>
      <c r="AB3309" s="5" t="s">
        <v>43</v>
      </c>
      <c r="AC3309" s="5" t="s">
        <v>44</v>
      </c>
      <c r="AD3309" s="2"/>
      <c r="AE3309" s="1"/>
    </row>
    <row r="3310" spans="1:31" ht="14.45">
      <c r="A3310" s="11"/>
      <c r="B3310" s="20"/>
      <c r="C3310" s="2" t="s">
        <v>10384</v>
      </c>
      <c r="D3310" s="14" t="s">
        <v>10385</v>
      </c>
      <c r="E3310" s="2" t="s">
        <v>10386</v>
      </c>
      <c r="F3310" s="2" t="s">
        <v>1839</v>
      </c>
      <c r="G3310" s="8">
        <v>131</v>
      </c>
      <c r="H3310" s="5">
        <v>13</v>
      </c>
      <c r="I3310" s="5" t="s">
        <v>1518</v>
      </c>
      <c r="J3310" s="5" t="s">
        <v>1519</v>
      </c>
      <c r="K3310" s="2" t="s">
        <v>1520</v>
      </c>
      <c r="L3310" s="5" t="s">
        <v>1519</v>
      </c>
      <c r="M3310" s="2" t="s">
        <v>1520</v>
      </c>
      <c r="N3310" s="5" t="s">
        <v>1521</v>
      </c>
      <c r="O3310" s="5" t="s">
        <v>38</v>
      </c>
      <c r="P3310" s="5" t="s">
        <v>39</v>
      </c>
      <c r="Q3310" s="5" t="s">
        <v>40</v>
      </c>
      <c r="R3310" s="5" t="s">
        <v>1522</v>
      </c>
      <c r="S3310" s="5" t="s">
        <v>1523</v>
      </c>
      <c r="T3310" s="5" t="s">
        <v>42</v>
      </c>
      <c r="U3310" s="2">
        <v>1.7330000000000001</v>
      </c>
      <c r="V3310" s="2">
        <v>1.3819999999999999</v>
      </c>
      <c r="W3310" s="2">
        <v>0.01</v>
      </c>
      <c r="X3310" s="2">
        <v>118.9</v>
      </c>
      <c r="Y3310" s="2">
        <v>7.6</v>
      </c>
      <c r="Z3310" s="2">
        <v>10.6</v>
      </c>
      <c r="AA3310" s="5"/>
      <c r="AB3310" s="5" t="s">
        <v>43</v>
      </c>
      <c r="AC3310" s="5" t="s">
        <v>44</v>
      </c>
      <c r="AD3310" s="2"/>
      <c r="AE3310" s="1"/>
    </row>
    <row r="3311" spans="1:31" ht="14.45">
      <c r="A3311" s="11"/>
      <c r="B3311" s="20"/>
      <c r="C3311" s="2" t="s">
        <v>10387</v>
      </c>
      <c r="D3311" s="14" t="s">
        <v>10388</v>
      </c>
      <c r="E3311" s="2" t="s">
        <v>10389</v>
      </c>
      <c r="F3311" s="2" t="s">
        <v>1986</v>
      </c>
      <c r="G3311" s="8">
        <v>131</v>
      </c>
      <c r="H3311" s="5">
        <v>13</v>
      </c>
      <c r="I3311" s="5" t="s">
        <v>1518</v>
      </c>
      <c r="J3311" s="5" t="s">
        <v>1519</v>
      </c>
      <c r="K3311" s="2" t="s">
        <v>1520</v>
      </c>
      <c r="L3311" s="5" t="s">
        <v>1519</v>
      </c>
      <c r="M3311" s="2" t="s">
        <v>1520</v>
      </c>
      <c r="N3311" s="5" t="s">
        <v>1521</v>
      </c>
      <c r="O3311" s="5" t="s">
        <v>38</v>
      </c>
      <c r="P3311" s="5" t="s">
        <v>39</v>
      </c>
      <c r="Q3311" s="5" t="s">
        <v>40</v>
      </c>
      <c r="R3311" s="5" t="s">
        <v>1522</v>
      </c>
      <c r="S3311" s="5" t="s">
        <v>1523</v>
      </c>
      <c r="T3311" s="5" t="s">
        <v>42</v>
      </c>
      <c r="U3311" s="2">
        <v>1.7729999999999999</v>
      </c>
      <c r="V3311" s="2">
        <v>1.4219999999999999</v>
      </c>
      <c r="W3311" s="2">
        <v>0.01</v>
      </c>
      <c r="X3311" s="2">
        <v>118.9</v>
      </c>
      <c r="Y3311" s="2">
        <v>7.6</v>
      </c>
      <c r="Z3311" s="2">
        <v>10.6</v>
      </c>
      <c r="AA3311" s="5"/>
      <c r="AB3311" s="5" t="s">
        <v>43</v>
      </c>
      <c r="AC3311" s="5" t="s">
        <v>44</v>
      </c>
      <c r="AD3311" s="2"/>
      <c r="AE3311" s="1"/>
    </row>
    <row r="3312" spans="1:31" ht="14.45">
      <c r="A3312" s="11"/>
      <c r="B3312" s="20"/>
      <c r="C3312" s="2" t="s">
        <v>10390</v>
      </c>
      <c r="D3312" s="14" t="s">
        <v>10391</v>
      </c>
      <c r="E3312" s="2" t="s">
        <v>10392</v>
      </c>
      <c r="F3312" s="2" t="s">
        <v>1843</v>
      </c>
      <c r="G3312" s="8">
        <v>131</v>
      </c>
      <c r="H3312" s="5">
        <v>13</v>
      </c>
      <c r="I3312" s="5" t="s">
        <v>1518</v>
      </c>
      <c r="J3312" s="5" t="s">
        <v>1519</v>
      </c>
      <c r="K3312" s="2" t="s">
        <v>1520</v>
      </c>
      <c r="L3312" s="5" t="s">
        <v>1519</v>
      </c>
      <c r="M3312" s="2" t="s">
        <v>1520</v>
      </c>
      <c r="N3312" s="5" t="s">
        <v>1521</v>
      </c>
      <c r="O3312" s="5" t="s">
        <v>38</v>
      </c>
      <c r="P3312" s="5" t="s">
        <v>39</v>
      </c>
      <c r="Q3312" s="5" t="s">
        <v>40</v>
      </c>
      <c r="R3312" s="5" t="s">
        <v>1522</v>
      </c>
      <c r="S3312" s="5" t="s">
        <v>1523</v>
      </c>
      <c r="T3312" s="5" t="s">
        <v>42</v>
      </c>
      <c r="U3312" s="2">
        <v>1.7330000000000001</v>
      </c>
      <c r="V3312" s="2">
        <v>1.3819999999999999</v>
      </c>
      <c r="W3312" s="2">
        <v>0.01</v>
      </c>
      <c r="X3312" s="2">
        <v>118.9</v>
      </c>
      <c r="Y3312" s="2">
        <v>7.6</v>
      </c>
      <c r="Z3312" s="2">
        <v>10.6</v>
      </c>
      <c r="AA3312" s="5"/>
      <c r="AB3312" s="5" t="s">
        <v>43</v>
      </c>
      <c r="AC3312" s="5" t="s">
        <v>44</v>
      </c>
      <c r="AD3312" s="2"/>
      <c r="AE3312" s="1"/>
    </row>
    <row r="3313" spans="1:31" ht="14.45">
      <c r="A3313" s="11"/>
      <c r="B3313" s="20"/>
      <c r="C3313" s="2" t="s">
        <v>10393</v>
      </c>
      <c r="D3313" s="14" t="s">
        <v>10394</v>
      </c>
      <c r="E3313" s="2" t="s">
        <v>10395</v>
      </c>
      <c r="F3313" s="2" t="s">
        <v>1847</v>
      </c>
      <c r="G3313" s="8">
        <v>131</v>
      </c>
      <c r="H3313" s="5">
        <v>13</v>
      </c>
      <c r="I3313" s="5" t="s">
        <v>1518</v>
      </c>
      <c r="J3313" s="5" t="s">
        <v>1519</v>
      </c>
      <c r="K3313" s="2" t="s">
        <v>1520</v>
      </c>
      <c r="L3313" s="5" t="s">
        <v>1519</v>
      </c>
      <c r="M3313" s="2" t="s">
        <v>1520</v>
      </c>
      <c r="N3313" s="5" t="s">
        <v>1521</v>
      </c>
      <c r="O3313" s="5" t="s">
        <v>38</v>
      </c>
      <c r="P3313" s="5" t="s">
        <v>39</v>
      </c>
      <c r="Q3313" s="5" t="s">
        <v>40</v>
      </c>
      <c r="R3313" s="5" t="s">
        <v>1522</v>
      </c>
      <c r="S3313" s="5" t="s">
        <v>1523</v>
      </c>
      <c r="T3313" s="5" t="s">
        <v>42</v>
      </c>
      <c r="U3313" s="2">
        <v>1.7729999999999999</v>
      </c>
      <c r="V3313" s="2">
        <v>1.4219999999999999</v>
      </c>
      <c r="W3313" s="2">
        <v>0.01</v>
      </c>
      <c r="X3313" s="2">
        <v>118.9</v>
      </c>
      <c r="Y3313" s="2">
        <v>7.6</v>
      </c>
      <c r="Z3313" s="2">
        <v>10.6</v>
      </c>
      <c r="AA3313" s="5"/>
      <c r="AB3313" s="5" t="s">
        <v>43</v>
      </c>
      <c r="AC3313" s="5" t="s">
        <v>44</v>
      </c>
      <c r="AD3313" s="2"/>
      <c r="AE3313" s="1"/>
    </row>
    <row r="3314" spans="1:31" ht="14.45">
      <c r="A3314" s="11"/>
      <c r="B3314" s="20"/>
      <c r="C3314" s="2" t="s">
        <v>10396</v>
      </c>
      <c r="D3314" s="14" t="s">
        <v>10397</v>
      </c>
      <c r="E3314" s="2" t="s">
        <v>10398</v>
      </c>
      <c r="F3314" s="2" t="s">
        <v>1851</v>
      </c>
      <c r="G3314" s="8">
        <v>131</v>
      </c>
      <c r="H3314" s="5">
        <v>13</v>
      </c>
      <c r="I3314" s="5" t="s">
        <v>1518</v>
      </c>
      <c r="J3314" s="5" t="s">
        <v>1519</v>
      </c>
      <c r="K3314" s="2" t="s">
        <v>1520</v>
      </c>
      <c r="L3314" s="5" t="s">
        <v>1519</v>
      </c>
      <c r="M3314" s="2" t="s">
        <v>1520</v>
      </c>
      <c r="N3314" s="5" t="s">
        <v>1521</v>
      </c>
      <c r="O3314" s="5" t="s">
        <v>38</v>
      </c>
      <c r="P3314" s="5" t="s">
        <v>39</v>
      </c>
      <c r="Q3314" s="5" t="s">
        <v>40</v>
      </c>
      <c r="R3314" s="5" t="s">
        <v>1522</v>
      </c>
      <c r="S3314" s="5" t="s">
        <v>1523</v>
      </c>
      <c r="T3314" s="5" t="s">
        <v>42</v>
      </c>
      <c r="U3314" s="2">
        <v>1.7330000000000001</v>
      </c>
      <c r="V3314" s="2">
        <v>1.3819999999999999</v>
      </c>
      <c r="W3314" s="2">
        <v>0.01</v>
      </c>
      <c r="X3314" s="2">
        <v>118.9</v>
      </c>
      <c r="Y3314" s="2">
        <v>7.6</v>
      </c>
      <c r="Z3314" s="2">
        <v>10.6</v>
      </c>
      <c r="AA3314" s="5"/>
      <c r="AB3314" s="5" t="s">
        <v>43</v>
      </c>
      <c r="AC3314" s="5" t="s">
        <v>44</v>
      </c>
      <c r="AD3314" s="2"/>
      <c r="AE3314" s="1"/>
    </row>
    <row r="3315" spans="1:31" ht="14.45">
      <c r="A3315" s="11"/>
      <c r="B3315" s="20"/>
      <c r="C3315" s="2" t="s">
        <v>10399</v>
      </c>
      <c r="D3315" s="14" t="s">
        <v>10400</v>
      </c>
      <c r="E3315" s="2" t="s">
        <v>10401</v>
      </c>
      <c r="F3315" s="2" t="s">
        <v>1999</v>
      </c>
      <c r="G3315" s="8">
        <v>131</v>
      </c>
      <c r="H3315" s="5">
        <v>13</v>
      </c>
      <c r="I3315" s="5" t="s">
        <v>1518</v>
      </c>
      <c r="J3315" s="5" t="s">
        <v>1519</v>
      </c>
      <c r="K3315" s="2" t="s">
        <v>1520</v>
      </c>
      <c r="L3315" s="5" t="s">
        <v>1519</v>
      </c>
      <c r="M3315" s="2" t="s">
        <v>1520</v>
      </c>
      <c r="N3315" s="5" t="s">
        <v>1521</v>
      </c>
      <c r="O3315" s="5" t="s">
        <v>38</v>
      </c>
      <c r="P3315" s="5" t="s">
        <v>39</v>
      </c>
      <c r="Q3315" s="5" t="s">
        <v>40</v>
      </c>
      <c r="R3315" s="5" t="s">
        <v>1522</v>
      </c>
      <c r="S3315" s="5" t="s">
        <v>1523</v>
      </c>
      <c r="T3315" s="5" t="s">
        <v>42</v>
      </c>
      <c r="U3315" s="2">
        <v>1.7729999999999999</v>
      </c>
      <c r="V3315" s="2">
        <v>1.4219999999999999</v>
      </c>
      <c r="W3315" s="2">
        <v>0.01</v>
      </c>
      <c r="X3315" s="2">
        <v>118.9</v>
      </c>
      <c r="Y3315" s="2">
        <v>7.6</v>
      </c>
      <c r="Z3315" s="2">
        <v>10.6</v>
      </c>
      <c r="AA3315" s="5"/>
      <c r="AB3315" s="5" t="s">
        <v>43</v>
      </c>
      <c r="AC3315" s="5" t="s">
        <v>44</v>
      </c>
      <c r="AD3315" s="2"/>
      <c r="AE3315" s="1"/>
    </row>
    <row r="3316" spans="1:31" ht="14.45">
      <c r="A3316" s="11"/>
      <c r="B3316" s="20"/>
      <c r="C3316" s="2" t="s">
        <v>10402</v>
      </c>
      <c r="D3316" s="14" t="s">
        <v>10403</v>
      </c>
      <c r="E3316" s="2" t="s">
        <v>10404</v>
      </c>
      <c r="F3316" s="2" t="s">
        <v>1855</v>
      </c>
      <c r="G3316" s="8">
        <v>131</v>
      </c>
      <c r="H3316" s="5">
        <v>13</v>
      </c>
      <c r="I3316" s="5" t="s">
        <v>1518</v>
      </c>
      <c r="J3316" s="5" t="s">
        <v>1519</v>
      </c>
      <c r="K3316" s="2" t="s">
        <v>1520</v>
      </c>
      <c r="L3316" s="5" t="s">
        <v>1519</v>
      </c>
      <c r="M3316" s="2" t="s">
        <v>1520</v>
      </c>
      <c r="N3316" s="5" t="s">
        <v>1521</v>
      </c>
      <c r="O3316" s="5" t="s">
        <v>38</v>
      </c>
      <c r="P3316" s="5" t="s">
        <v>39</v>
      </c>
      <c r="Q3316" s="5" t="s">
        <v>40</v>
      </c>
      <c r="R3316" s="5" t="s">
        <v>1522</v>
      </c>
      <c r="S3316" s="5" t="s">
        <v>1523</v>
      </c>
      <c r="T3316" s="5" t="s">
        <v>42</v>
      </c>
      <c r="U3316" s="2">
        <v>1.7330000000000001</v>
      </c>
      <c r="V3316" s="2">
        <v>1.3819999999999999</v>
      </c>
      <c r="W3316" s="2">
        <v>0.01</v>
      </c>
      <c r="X3316" s="2">
        <v>118.9</v>
      </c>
      <c r="Y3316" s="2">
        <v>7.6</v>
      </c>
      <c r="Z3316" s="2">
        <v>10.6</v>
      </c>
      <c r="AA3316" s="5"/>
      <c r="AB3316" s="5" t="s">
        <v>43</v>
      </c>
      <c r="AC3316" s="5" t="s">
        <v>44</v>
      </c>
      <c r="AD3316" s="2"/>
      <c r="AE3316" s="1"/>
    </row>
    <row r="3317" spans="1:31" ht="14.45">
      <c r="A3317" s="11"/>
      <c r="B3317" s="20"/>
      <c r="C3317" s="2" t="s">
        <v>10405</v>
      </c>
      <c r="D3317" s="14" t="s">
        <v>10406</v>
      </c>
      <c r="E3317" s="2" t="s">
        <v>10407</v>
      </c>
      <c r="F3317" s="2" t="s">
        <v>1859</v>
      </c>
      <c r="G3317" s="8">
        <v>131</v>
      </c>
      <c r="H3317" s="5">
        <v>13</v>
      </c>
      <c r="I3317" s="5" t="s">
        <v>1518</v>
      </c>
      <c r="J3317" s="5" t="s">
        <v>1519</v>
      </c>
      <c r="K3317" s="2" t="s">
        <v>1520</v>
      </c>
      <c r="L3317" s="5" t="s">
        <v>1519</v>
      </c>
      <c r="M3317" s="2" t="s">
        <v>1520</v>
      </c>
      <c r="N3317" s="5" t="s">
        <v>1521</v>
      </c>
      <c r="O3317" s="5" t="s">
        <v>38</v>
      </c>
      <c r="P3317" s="5" t="s">
        <v>39</v>
      </c>
      <c r="Q3317" s="5" t="s">
        <v>40</v>
      </c>
      <c r="R3317" s="5" t="s">
        <v>1522</v>
      </c>
      <c r="S3317" s="5" t="s">
        <v>1523</v>
      </c>
      <c r="T3317" s="5" t="s">
        <v>42</v>
      </c>
      <c r="U3317" s="2">
        <v>1.7729999999999999</v>
      </c>
      <c r="V3317" s="2">
        <v>1.4219999999999999</v>
      </c>
      <c r="W3317" s="2">
        <v>0.01</v>
      </c>
      <c r="X3317" s="2">
        <v>118.9</v>
      </c>
      <c r="Y3317" s="2">
        <v>7.6</v>
      </c>
      <c r="Z3317" s="2">
        <v>10.6</v>
      </c>
      <c r="AA3317" s="5"/>
      <c r="AB3317" s="5" t="s">
        <v>43</v>
      </c>
      <c r="AC3317" s="5" t="s">
        <v>44</v>
      </c>
      <c r="AD3317" s="2"/>
      <c r="AE3317" s="1"/>
    </row>
    <row r="3318" spans="1:31" ht="14.45">
      <c r="A3318" s="11"/>
      <c r="B3318" s="20"/>
      <c r="C3318" s="2" t="s">
        <v>10408</v>
      </c>
      <c r="D3318" s="14" t="s">
        <v>10409</v>
      </c>
      <c r="E3318" s="2" t="s">
        <v>10410</v>
      </c>
      <c r="F3318" s="2" t="s">
        <v>1863</v>
      </c>
      <c r="G3318" s="8">
        <v>131</v>
      </c>
      <c r="H3318" s="5">
        <v>11</v>
      </c>
      <c r="I3318" s="5" t="s">
        <v>1518</v>
      </c>
      <c r="J3318" s="5" t="s">
        <v>1519</v>
      </c>
      <c r="K3318" s="2" t="s">
        <v>1520</v>
      </c>
      <c r="L3318" s="5" t="s">
        <v>1519</v>
      </c>
      <c r="M3318" s="2" t="s">
        <v>1520</v>
      </c>
      <c r="N3318" s="5" t="s">
        <v>1521</v>
      </c>
      <c r="O3318" s="5" t="s">
        <v>38</v>
      </c>
      <c r="P3318" s="5" t="s">
        <v>39</v>
      </c>
      <c r="Q3318" s="5" t="s">
        <v>40</v>
      </c>
      <c r="R3318" s="5" t="s">
        <v>1522</v>
      </c>
      <c r="S3318" s="5" t="s">
        <v>1523</v>
      </c>
      <c r="T3318" s="5" t="s">
        <v>42</v>
      </c>
      <c r="U3318" s="2">
        <v>1.69</v>
      </c>
      <c r="V3318" s="2">
        <v>1.337</v>
      </c>
      <c r="W3318" s="2">
        <v>0.01</v>
      </c>
      <c r="X3318" s="2">
        <v>118.9</v>
      </c>
      <c r="Y3318" s="2">
        <v>7.6</v>
      </c>
      <c r="Z3318" s="2">
        <v>10.6</v>
      </c>
      <c r="AA3318" s="5"/>
      <c r="AB3318" s="5" t="s">
        <v>43</v>
      </c>
      <c r="AC3318" s="5" t="s">
        <v>44</v>
      </c>
      <c r="AD3318" s="2"/>
      <c r="AE3318" s="1"/>
    </row>
    <row r="3319" spans="1:31" ht="14.45">
      <c r="A3319" s="11"/>
      <c r="B3319" s="20"/>
      <c r="C3319" s="2" t="s">
        <v>10411</v>
      </c>
      <c r="D3319" s="14" t="s">
        <v>10412</v>
      </c>
      <c r="E3319" s="2" t="s">
        <v>10413</v>
      </c>
      <c r="F3319" s="2" t="s">
        <v>1867</v>
      </c>
      <c r="G3319" s="8">
        <v>131</v>
      </c>
      <c r="H3319" s="5">
        <v>11</v>
      </c>
      <c r="I3319" s="5" t="s">
        <v>1518</v>
      </c>
      <c r="J3319" s="5" t="s">
        <v>1519</v>
      </c>
      <c r="K3319" s="2" t="s">
        <v>1520</v>
      </c>
      <c r="L3319" s="5" t="s">
        <v>1519</v>
      </c>
      <c r="M3319" s="2" t="s">
        <v>1520</v>
      </c>
      <c r="N3319" s="5" t="s">
        <v>1521</v>
      </c>
      <c r="O3319" s="5" t="s">
        <v>38</v>
      </c>
      <c r="P3319" s="5" t="s">
        <v>39</v>
      </c>
      <c r="Q3319" s="5" t="s">
        <v>40</v>
      </c>
      <c r="R3319" s="5" t="s">
        <v>1522</v>
      </c>
      <c r="S3319" s="5" t="s">
        <v>1523</v>
      </c>
      <c r="T3319" s="5" t="s">
        <v>42</v>
      </c>
      <c r="U3319" s="2">
        <v>1.73</v>
      </c>
      <c r="V3319" s="2">
        <v>1.377</v>
      </c>
      <c r="W3319" s="2">
        <v>0.01</v>
      </c>
      <c r="X3319" s="2">
        <v>118.9</v>
      </c>
      <c r="Y3319" s="2">
        <v>7.6</v>
      </c>
      <c r="Z3319" s="2">
        <v>10.6</v>
      </c>
      <c r="AA3319" s="5"/>
      <c r="AB3319" s="5" t="s">
        <v>43</v>
      </c>
      <c r="AC3319" s="5" t="s">
        <v>44</v>
      </c>
      <c r="AD3319" s="2"/>
      <c r="AE3319" s="1"/>
    </row>
    <row r="3320" spans="1:31" ht="14.45">
      <c r="A3320" s="11"/>
      <c r="B3320" s="20"/>
      <c r="C3320" s="2" t="s">
        <v>10414</v>
      </c>
      <c r="D3320" s="14" t="s">
        <v>10415</v>
      </c>
      <c r="E3320" s="2" t="s">
        <v>10416</v>
      </c>
      <c r="F3320" s="2" t="s">
        <v>7396</v>
      </c>
      <c r="G3320" s="8">
        <v>117</v>
      </c>
      <c r="H3320" s="5">
        <v>5</v>
      </c>
      <c r="I3320" s="5" t="s">
        <v>1518</v>
      </c>
      <c r="J3320" s="5" t="s">
        <v>1519</v>
      </c>
      <c r="K3320" s="2" t="s">
        <v>1520</v>
      </c>
      <c r="L3320" s="5" t="s">
        <v>1519</v>
      </c>
      <c r="M3320" s="2" t="s">
        <v>1520</v>
      </c>
      <c r="N3320" s="5" t="s">
        <v>1521</v>
      </c>
      <c r="O3320" s="5" t="s">
        <v>38</v>
      </c>
      <c r="P3320" s="5" t="s">
        <v>39</v>
      </c>
      <c r="Q3320" s="5" t="s">
        <v>40</v>
      </c>
      <c r="R3320" s="5" t="s">
        <v>1522</v>
      </c>
      <c r="S3320" s="5" t="s">
        <v>1523</v>
      </c>
      <c r="T3320" s="5" t="s">
        <v>42</v>
      </c>
      <c r="U3320" s="2">
        <v>1.875</v>
      </c>
      <c r="V3320" s="2">
        <v>1.4710000000000001</v>
      </c>
      <c r="W3320" s="2">
        <v>1.0999999999999999E-2</v>
      </c>
      <c r="X3320" s="2">
        <v>139.1</v>
      </c>
      <c r="Y3320" s="2">
        <v>7.6</v>
      </c>
      <c r="Z3320" s="2">
        <v>10.6</v>
      </c>
      <c r="AA3320" s="5"/>
      <c r="AB3320" s="5" t="s">
        <v>43</v>
      </c>
      <c r="AC3320" s="5" t="s">
        <v>44</v>
      </c>
      <c r="AD3320" s="2"/>
      <c r="AE3320" s="1"/>
    </row>
    <row r="3321" spans="1:31" ht="14.45">
      <c r="A3321" s="11"/>
      <c r="B3321" s="20"/>
      <c r="C3321" s="2" t="s">
        <v>10417</v>
      </c>
      <c r="D3321" s="14" t="s">
        <v>10418</v>
      </c>
      <c r="E3321" s="2" t="s">
        <v>10419</v>
      </c>
      <c r="F3321" s="2" t="s">
        <v>7507</v>
      </c>
      <c r="G3321" s="8">
        <v>117</v>
      </c>
      <c r="H3321" s="5">
        <v>5</v>
      </c>
      <c r="I3321" s="5" t="s">
        <v>1518</v>
      </c>
      <c r="J3321" s="5" t="s">
        <v>1519</v>
      </c>
      <c r="K3321" s="2" t="s">
        <v>1520</v>
      </c>
      <c r="L3321" s="5" t="s">
        <v>1519</v>
      </c>
      <c r="M3321" s="2" t="s">
        <v>1520</v>
      </c>
      <c r="N3321" s="5" t="s">
        <v>1521</v>
      </c>
      <c r="O3321" s="5" t="s">
        <v>38</v>
      </c>
      <c r="P3321" s="5" t="s">
        <v>39</v>
      </c>
      <c r="Q3321" s="5" t="s">
        <v>40</v>
      </c>
      <c r="R3321" s="5" t="s">
        <v>1522</v>
      </c>
      <c r="S3321" s="5" t="s">
        <v>1523</v>
      </c>
      <c r="T3321" s="5" t="s">
        <v>42</v>
      </c>
      <c r="U3321" s="2">
        <v>1.921</v>
      </c>
      <c r="V3321" s="2">
        <v>1.516</v>
      </c>
      <c r="W3321" s="2">
        <v>1.0999999999999999E-2</v>
      </c>
      <c r="X3321" s="2">
        <v>139.1</v>
      </c>
      <c r="Y3321" s="2">
        <v>7.6</v>
      </c>
      <c r="Z3321" s="2">
        <v>10.6</v>
      </c>
      <c r="AA3321" s="5"/>
      <c r="AB3321" s="5" t="s">
        <v>43</v>
      </c>
      <c r="AC3321" s="5" t="s">
        <v>44</v>
      </c>
      <c r="AD3321" s="2"/>
      <c r="AE3321" s="1"/>
    </row>
    <row r="3322" spans="1:31" ht="14.45">
      <c r="A3322" s="11"/>
      <c r="B3322" s="20"/>
      <c r="C3322" s="2" t="s">
        <v>10420</v>
      </c>
      <c r="D3322" s="14" t="s">
        <v>10421</v>
      </c>
      <c r="E3322" s="2" t="s">
        <v>10422</v>
      </c>
      <c r="F3322" s="2" t="s">
        <v>7204</v>
      </c>
      <c r="G3322" s="8">
        <v>117</v>
      </c>
      <c r="H3322" s="5">
        <v>5</v>
      </c>
      <c r="I3322" s="5" t="s">
        <v>1518</v>
      </c>
      <c r="J3322" s="5" t="s">
        <v>1519</v>
      </c>
      <c r="K3322" s="2" t="s">
        <v>1520</v>
      </c>
      <c r="L3322" s="5" t="s">
        <v>1519</v>
      </c>
      <c r="M3322" s="2" t="s">
        <v>1520</v>
      </c>
      <c r="N3322" s="5" t="s">
        <v>1521</v>
      </c>
      <c r="O3322" s="5" t="s">
        <v>38</v>
      </c>
      <c r="P3322" s="5" t="s">
        <v>39</v>
      </c>
      <c r="Q3322" s="5" t="s">
        <v>40</v>
      </c>
      <c r="R3322" s="5" t="s">
        <v>1522</v>
      </c>
      <c r="S3322" s="5" t="s">
        <v>1523</v>
      </c>
      <c r="T3322" s="5" t="s">
        <v>42</v>
      </c>
      <c r="U3322" s="2">
        <v>1.8839999999999999</v>
      </c>
      <c r="V3322" s="2">
        <v>1.4790000000000001</v>
      </c>
      <c r="W3322" s="2">
        <v>1.0999999999999999E-2</v>
      </c>
      <c r="X3322" s="2">
        <v>139.1</v>
      </c>
      <c r="Y3322" s="2">
        <v>7.6</v>
      </c>
      <c r="Z3322" s="2">
        <v>10.6</v>
      </c>
      <c r="AA3322" s="5"/>
      <c r="AB3322" s="5" t="s">
        <v>43</v>
      </c>
      <c r="AC3322" s="5" t="s">
        <v>44</v>
      </c>
      <c r="AD3322" s="2"/>
      <c r="AE3322" s="1"/>
    </row>
    <row r="3323" spans="1:31" ht="14.45">
      <c r="A3323" s="11"/>
      <c r="B3323" s="20"/>
      <c r="C3323" s="2" t="s">
        <v>10423</v>
      </c>
      <c r="D3323" s="14" t="s">
        <v>10424</v>
      </c>
      <c r="E3323" s="2" t="s">
        <v>10425</v>
      </c>
      <c r="F3323" s="2" t="s">
        <v>7514</v>
      </c>
      <c r="G3323" s="8">
        <v>117</v>
      </c>
      <c r="H3323" s="5">
        <v>5</v>
      </c>
      <c r="I3323" s="5" t="s">
        <v>1518</v>
      </c>
      <c r="J3323" s="5" t="s">
        <v>1519</v>
      </c>
      <c r="K3323" s="2" t="s">
        <v>1520</v>
      </c>
      <c r="L3323" s="5" t="s">
        <v>1519</v>
      </c>
      <c r="M3323" s="2" t="s">
        <v>1520</v>
      </c>
      <c r="N3323" s="5" t="s">
        <v>1521</v>
      </c>
      <c r="O3323" s="5" t="s">
        <v>38</v>
      </c>
      <c r="P3323" s="5" t="s">
        <v>39</v>
      </c>
      <c r="Q3323" s="5" t="s">
        <v>40</v>
      </c>
      <c r="R3323" s="5" t="s">
        <v>1522</v>
      </c>
      <c r="S3323" s="5" t="s">
        <v>1523</v>
      </c>
      <c r="T3323" s="5" t="s">
        <v>42</v>
      </c>
      <c r="U3323" s="2">
        <v>1.929</v>
      </c>
      <c r="V3323" s="2">
        <v>1.524</v>
      </c>
      <c r="W3323" s="2">
        <v>1.0999999999999999E-2</v>
      </c>
      <c r="X3323" s="2">
        <v>139.1</v>
      </c>
      <c r="Y3323" s="2">
        <v>7.6</v>
      </c>
      <c r="Z3323" s="2">
        <v>10.6</v>
      </c>
      <c r="AA3323" s="5"/>
      <c r="AB3323" s="5" t="s">
        <v>43</v>
      </c>
      <c r="AC3323" s="5" t="s">
        <v>44</v>
      </c>
      <c r="AD3323" s="2"/>
      <c r="AE3323" s="1"/>
    </row>
    <row r="3324" spans="1:31" ht="14.45">
      <c r="A3324" s="11"/>
      <c r="B3324" s="20"/>
      <c r="C3324" s="2" t="s">
        <v>10426</v>
      </c>
      <c r="D3324" s="14" t="s">
        <v>10427</v>
      </c>
      <c r="E3324" s="2" t="s">
        <v>10428</v>
      </c>
      <c r="F3324" s="2" t="s">
        <v>7208</v>
      </c>
      <c r="G3324" s="8">
        <v>117</v>
      </c>
      <c r="H3324" s="5">
        <v>5</v>
      </c>
      <c r="I3324" s="5" t="s">
        <v>1518</v>
      </c>
      <c r="J3324" s="5" t="s">
        <v>1519</v>
      </c>
      <c r="K3324" s="2" t="s">
        <v>1520</v>
      </c>
      <c r="L3324" s="5" t="s">
        <v>1519</v>
      </c>
      <c r="M3324" s="2" t="s">
        <v>1520</v>
      </c>
      <c r="N3324" s="5" t="s">
        <v>1521</v>
      </c>
      <c r="O3324" s="5" t="s">
        <v>38</v>
      </c>
      <c r="P3324" s="5" t="s">
        <v>39</v>
      </c>
      <c r="Q3324" s="5" t="s">
        <v>40</v>
      </c>
      <c r="R3324" s="5" t="s">
        <v>1522</v>
      </c>
      <c r="S3324" s="5" t="s">
        <v>1523</v>
      </c>
      <c r="T3324" s="5" t="s">
        <v>42</v>
      </c>
      <c r="U3324" s="2">
        <v>1.8839999999999999</v>
      </c>
      <c r="V3324" s="2">
        <v>1.4790000000000001</v>
      </c>
      <c r="W3324" s="2">
        <v>1.0999999999999999E-2</v>
      </c>
      <c r="X3324" s="2">
        <v>139.1</v>
      </c>
      <c r="Y3324" s="2">
        <v>7.6</v>
      </c>
      <c r="Z3324" s="2">
        <v>10.6</v>
      </c>
      <c r="AA3324" s="5"/>
      <c r="AB3324" s="5" t="s">
        <v>43</v>
      </c>
      <c r="AC3324" s="5" t="s">
        <v>44</v>
      </c>
      <c r="AD3324" s="2"/>
      <c r="AE3324" s="1"/>
    </row>
    <row r="3325" spans="1:31" ht="14.45">
      <c r="A3325" s="11"/>
      <c r="B3325" s="20"/>
      <c r="C3325" s="2" t="s">
        <v>10429</v>
      </c>
      <c r="D3325" s="14" t="s">
        <v>10430</v>
      </c>
      <c r="E3325" s="2" t="s">
        <v>10431</v>
      </c>
      <c r="F3325" s="2" t="s">
        <v>7521</v>
      </c>
      <c r="G3325" s="8">
        <v>117</v>
      </c>
      <c r="H3325" s="5">
        <v>5</v>
      </c>
      <c r="I3325" s="5" t="s">
        <v>1518</v>
      </c>
      <c r="J3325" s="5" t="s">
        <v>1519</v>
      </c>
      <c r="K3325" s="2" t="s">
        <v>1520</v>
      </c>
      <c r="L3325" s="5" t="s">
        <v>1519</v>
      </c>
      <c r="M3325" s="2" t="s">
        <v>1520</v>
      </c>
      <c r="N3325" s="5" t="s">
        <v>1521</v>
      </c>
      <c r="O3325" s="5" t="s">
        <v>38</v>
      </c>
      <c r="P3325" s="5" t="s">
        <v>39</v>
      </c>
      <c r="Q3325" s="5" t="s">
        <v>40</v>
      </c>
      <c r="R3325" s="5" t="s">
        <v>1522</v>
      </c>
      <c r="S3325" s="5" t="s">
        <v>1523</v>
      </c>
      <c r="T3325" s="5" t="s">
        <v>42</v>
      </c>
      <c r="U3325" s="2">
        <v>1.929</v>
      </c>
      <c r="V3325" s="2">
        <v>1.524</v>
      </c>
      <c r="W3325" s="2">
        <v>1.0999999999999999E-2</v>
      </c>
      <c r="X3325" s="2">
        <v>139.1</v>
      </c>
      <c r="Y3325" s="2">
        <v>7.6</v>
      </c>
      <c r="Z3325" s="2">
        <v>10.6</v>
      </c>
      <c r="AA3325" s="5"/>
      <c r="AB3325" s="5" t="s">
        <v>43</v>
      </c>
      <c r="AC3325" s="5" t="s">
        <v>44</v>
      </c>
      <c r="AD3325" s="2"/>
      <c r="AE3325" s="1"/>
    </row>
    <row r="3326" spans="1:31" ht="14.45">
      <c r="A3326" s="11"/>
      <c r="B3326" s="20"/>
      <c r="C3326" s="2" t="s">
        <v>10432</v>
      </c>
      <c r="D3326" s="14" t="s">
        <v>10433</v>
      </c>
      <c r="E3326" s="2" t="s">
        <v>10434</v>
      </c>
      <c r="F3326" s="2" t="s">
        <v>7212</v>
      </c>
      <c r="G3326" s="8">
        <v>117</v>
      </c>
      <c r="H3326" s="5">
        <v>5</v>
      </c>
      <c r="I3326" s="5" t="s">
        <v>1518</v>
      </c>
      <c r="J3326" s="5" t="s">
        <v>1519</v>
      </c>
      <c r="K3326" s="2" t="s">
        <v>1520</v>
      </c>
      <c r="L3326" s="5" t="s">
        <v>1519</v>
      </c>
      <c r="M3326" s="2" t="s">
        <v>1520</v>
      </c>
      <c r="N3326" s="5" t="s">
        <v>1521</v>
      </c>
      <c r="O3326" s="5" t="s">
        <v>38</v>
      </c>
      <c r="P3326" s="5" t="s">
        <v>39</v>
      </c>
      <c r="Q3326" s="5" t="s">
        <v>40</v>
      </c>
      <c r="R3326" s="5" t="s">
        <v>1522</v>
      </c>
      <c r="S3326" s="5" t="s">
        <v>1523</v>
      </c>
      <c r="T3326" s="5" t="s">
        <v>42</v>
      </c>
      <c r="U3326" s="2">
        <v>1.86</v>
      </c>
      <c r="V3326" s="2">
        <v>1.4550000000000001</v>
      </c>
      <c r="W3326" s="2">
        <v>1.0999999999999999E-2</v>
      </c>
      <c r="X3326" s="2">
        <v>139.1</v>
      </c>
      <c r="Y3326" s="2">
        <v>7.6</v>
      </c>
      <c r="Z3326" s="2">
        <v>10.6</v>
      </c>
      <c r="AA3326" s="5"/>
      <c r="AB3326" s="5" t="s">
        <v>43</v>
      </c>
      <c r="AC3326" s="5" t="s">
        <v>44</v>
      </c>
      <c r="AD3326" s="2"/>
      <c r="AE3326" s="1"/>
    </row>
    <row r="3327" spans="1:31" ht="14.45">
      <c r="A3327" s="11"/>
      <c r="B3327" s="20"/>
      <c r="C3327" s="2" t="s">
        <v>10435</v>
      </c>
      <c r="D3327" s="14" t="s">
        <v>10436</v>
      </c>
      <c r="E3327" s="2" t="s">
        <v>10437</v>
      </c>
      <c r="F3327" s="2" t="s">
        <v>7528</v>
      </c>
      <c r="G3327" s="8">
        <v>117</v>
      </c>
      <c r="H3327" s="5">
        <v>5</v>
      </c>
      <c r="I3327" s="5" t="s">
        <v>1518</v>
      </c>
      <c r="J3327" s="5" t="s">
        <v>1519</v>
      </c>
      <c r="K3327" s="2" t="s">
        <v>1520</v>
      </c>
      <c r="L3327" s="5" t="s">
        <v>1519</v>
      </c>
      <c r="M3327" s="2" t="s">
        <v>1520</v>
      </c>
      <c r="N3327" s="5" t="s">
        <v>1521</v>
      </c>
      <c r="O3327" s="5" t="s">
        <v>38</v>
      </c>
      <c r="P3327" s="5" t="s">
        <v>39</v>
      </c>
      <c r="Q3327" s="5" t="s">
        <v>40</v>
      </c>
      <c r="R3327" s="5" t="s">
        <v>1522</v>
      </c>
      <c r="S3327" s="5" t="s">
        <v>1523</v>
      </c>
      <c r="T3327" s="5" t="s">
        <v>42</v>
      </c>
      <c r="U3327" s="2">
        <v>1.905</v>
      </c>
      <c r="V3327" s="2">
        <v>1.5</v>
      </c>
      <c r="W3327" s="2">
        <v>1.0999999999999999E-2</v>
      </c>
      <c r="X3327" s="2">
        <v>139.1</v>
      </c>
      <c r="Y3327" s="2">
        <v>7.6</v>
      </c>
      <c r="Z3327" s="2">
        <v>10.6</v>
      </c>
      <c r="AA3327" s="5"/>
      <c r="AB3327" s="5" t="s">
        <v>43</v>
      </c>
      <c r="AC3327" s="5" t="s">
        <v>44</v>
      </c>
      <c r="AD3327" s="2"/>
      <c r="AE3327" s="1"/>
    </row>
    <row r="3328" spans="1:31" ht="14.45">
      <c r="A3328" s="11"/>
      <c r="B3328" s="20"/>
      <c r="C3328" s="2" t="s">
        <v>10438</v>
      </c>
      <c r="D3328" s="14" t="s">
        <v>10439</v>
      </c>
      <c r="E3328" s="2" t="s">
        <v>10440</v>
      </c>
      <c r="F3328" s="2" t="s">
        <v>7406</v>
      </c>
      <c r="G3328" s="8">
        <v>135</v>
      </c>
      <c r="H3328" s="5">
        <v>5</v>
      </c>
      <c r="I3328" s="5" t="s">
        <v>1518</v>
      </c>
      <c r="J3328" s="5" t="s">
        <v>1519</v>
      </c>
      <c r="K3328" s="2" t="s">
        <v>1520</v>
      </c>
      <c r="L3328" s="5" t="s">
        <v>1519</v>
      </c>
      <c r="M3328" s="2" t="s">
        <v>1520</v>
      </c>
      <c r="N3328" s="5" t="s">
        <v>1521</v>
      </c>
      <c r="O3328" s="5" t="s">
        <v>38</v>
      </c>
      <c r="P3328" s="5" t="s">
        <v>39</v>
      </c>
      <c r="Q3328" s="5" t="s">
        <v>40</v>
      </c>
      <c r="R3328" s="5" t="s">
        <v>1522</v>
      </c>
      <c r="S3328" s="5" t="s">
        <v>1523</v>
      </c>
      <c r="T3328" s="5" t="s">
        <v>42</v>
      </c>
      <c r="U3328" s="2">
        <v>1.859</v>
      </c>
      <c r="V3328" s="2">
        <v>1.4550000000000001</v>
      </c>
      <c r="W3328" s="2">
        <v>1.0999999999999999E-2</v>
      </c>
      <c r="X3328" s="2">
        <v>139.1</v>
      </c>
      <c r="Y3328" s="2">
        <v>7.6</v>
      </c>
      <c r="Z3328" s="2">
        <v>10.6</v>
      </c>
      <c r="AA3328" s="5"/>
      <c r="AB3328" s="5" t="s">
        <v>43</v>
      </c>
      <c r="AC3328" s="5" t="s">
        <v>44</v>
      </c>
      <c r="AD3328" s="2"/>
      <c r="AE3328" s="1"/>
    </row>
    <row r="3329" spans="1:31" ht="14.45">
      <c r="A3329" s="11"/>
      <c r="B3329" s="20"/>
      <c r="C3329" s="2" t="s">
        <v>10441</v>
      </c>
      <c r="D3329" s="14" t="s">
        <v>10442</v>
      </c>
      <c r="E3329" s="2" t="s">
        <v>10443</v>
      </c>
      <c r="F3329" s="2" t="s">
        <v>7535</v>
      </c>
      <c r="G3329" s="8">
        <v>135</v>
      </c>
      <c r="H3329" s="5">
        <v>5</v>
      </c>
      <c r="I3329" s="5" t="s">
        <v>1518</v>
      </c>
      <c r="J3329" s="5" t="s">
        <v>1519</v>
      </c>
      <c r="K3329" s="2" t="s">
        <v>1520</v>
      </c>
      <c r="L3329" s="5" t="s">
        <v>1519</v>
      </c>
      <c r="M3329" s="2" t="s">
        <v>1520</v>
      </c>
      <c r="N3329" s="5" t="s">
        <v>1521</v>
      </c>
      <c r="O3329" s="5" t="s">
        <v>38</v>
      </c>
      <c r="P3329" s="5" t="s">
        <v>39</v>
      </c>
      <c r="Q3329" s="5" t="s">
        <v>40</v>
      </c>
      <c r="R3329" s="5" t="s">
        <v>1522</v>
      </c>
      <c r="S3329" s="5" t="s">
        <v>1523</v>
      </c>
      <c r="T3329" s="5" t="s">
        <v>42</v>
      </c>
      <c r="U3329" s="2">
        <v>1.9039999999999999</v>
      </c>
      <c r="V3329" s="2">
        <v>1.5</v>
      </c>
      <c r="W3329" s="2">
        <v>1.0999999999999999E-2</v>
      </c>
      <c r="X3329" s="2">
        <v>139.1</v>
      </c>
      <c r="Y3329" s="2">
        <v>7.6</v>
      </c>
      <c r="Z3329" s="2">
        <v>10.6</v>
      </c>
      <c r="AA3329" s="5"/>
      <c r="AB3329" s="5" t="s">
        <v>43</v>
      </c>
      <c r="AC3329" s="5" t="s">
        <v>44</v>
      </c>
      <c r="AD3329" s="2"/>
      <c r="AE3329" s="1"/>
    </row>
    <row r="3330" spans="1:31" ht="14.45">
      <c r="A3330" s="11"/>
      <c r="B3330" s="20"/>
      <c r="C3330" s="2" t="s">
        <v>10444</v>
      </c>
      <c r="D3330" s="14" t="s">
        <v>10445</v>
      </c>
      <c r="E3330" s="2" t="s">
        <v>10446</v>
      </c>
      <c r="F3330" s="2" t="s">
        <v>7539</v>
      </c>
      <c r="G3330" s="8">
        <v>135</v>
      </c>
      <c r="H3330" s="5">
        <v>6</v>
      </c>
      <c r="I3330" s="5" t="s">
        <v>1518</v>
      </c>
      <c r="J3330" s="5" t="s">
        <v>1519</v>
      </c>
      <c r="K3330" s="2" t="s">
        <v>1520</v>
      </c>
      <c r="L3330" s="5" t="s">
        <v>1519</v>
      </c>
      <c r="M3330" s="2" t="s">
        <v>1520</v>
      </c>
      <c r="N3330" s="5" t="s">
        <v>1521</v>
      </c>
      <c r="O3330" s="5" t="s">
        <v>38</v>
      </c>
      <c r="P3330" s="5" t="s">
        <v>39</v>
      </c>
      <c r="Q3330" s="5" t="s">
        <v>40</v>
      </c>
      <c r="R3330" s="5" t="s">
        <v>1522</v>
      </c>
      <c r="S3330" s="5" t="s">
        <v>1523</v>
      </c>
      <c r="T3330" s="5" t="s">
        <v>42</v>
      </c>
      <c r="U3330" s="2">
        <v>1.883</v>
      </c>
      <c r="V3330" s="2">
        <v>1.4790000000000001</v>
      </c>
      <c r="W3330" s="2">
        <v>1.0999999999999999E-2</v>
      </c>
      <c r="X3330" s="2">
        <v>139.1</v>
      </c>
      <c r="Y3330" s="2">
        <v>7.6</v>
      </c>
      <c r="Z3330" s="2">
        <v>10.6</v>
      </c>
      <c r="AA3330" s="5"/>
      <c r="AB3330" s="5" t="s">
        <v>43</v>
      </c>
      <c r="AC3330" s="5" t="s">
        <v>44</v>
      </c>
      <c r="AD3330" s="2"/>
      <c r="AE3330" s="1"/>
    </row>
    <row r="3331" spans="1:31" ht="14.45">
      <c r="A3331" s="11"/>
      <c r="B3331" s="20"/>
      <c r="C3331" s="2" t="s">
        <v>10447</v>
      </c>
      <c r="D3331" s="14" t="s">
        <v>10448</v>
      </c>
      <c r="E3331" s="2" t="s">
        <v>10449</v>
      </c>
      <c r="F3331" s="2" t="s">
        <v>7543</v>
      </c>
      <c r="G3331" s="8">
        <v>135</v>
      </c>
      <c r="H3331" s="5">
        <v>5</v>
      </c>
      <c r="I3331" s="5" t="s">
        <v>1518</v>
      </c>
      <c r="J3331" s="5" t="s">
        <v>1519</v>
      </c>
      <c r="K3331" s="2" t="s">
        <v>1520</v>
      </c>
      <c r="L3331" s="5" t="s">
        <v>1519</v>
      </c>
      <c r="M3331" s="2" t="s">
        <v>1520</v>
      </c>
      <c r="N3331" s="5" t="s">
        <v>1521</v>
      </c>
      <c r="O3331" s="5" t="s">
        <v>38</v>
      </c>
      <c r="P3331" s="5" t="s">
        <v>39</v>
      </c>
      <c r="Q3331" s="5" t="s">
        <v>40</v>
      </c>
      <c r="R3331" s="5" t="s">
        <v>1522</v>
      </c>
      <c r="S3331" s="5" t="s">
        <v>1523</v>
      </c>
      <c r="T3331" s="5" t="s">
        <v>42</v>
      </c>
      <c r="U3331" s="2">
        <v>1.9279999999999999</v>
      </c>
      <c r="V3331" s="2">
        <v>1.524</v>
      </c>
      <c r="W3331" s="2">
        <v>1.0999999999999999E-2</v>
      </c>
      <c r="X3331" s="2">
        <v>139.1</v>
      </c>
      <c r="Y3331" s="2">
        <v>7.6</v>
      </c>
      <c r="Z3331" s="2">
        <v>10.6</v>
      </c>
      <c r="AA3331" s="5"/>
      <c r="AB3331" s="5" t="s">
        <v>43</v>
      </c>
      <c r="AC3331" s="5" t="s">
        <v>44</v>
      </c>
      <c r="AD3331" s="2"/>
      <c r="AE3331" s="1"/>
    </row>
    <row r="3332" spans="1:31" ht="14.45">
      <c r="A3332" s="11"/>
      <c r="B3332" s="20"/>
      <c r="C3332" s="2" t="s">
        <v>10450</v>
      </c>
      <c r="D3332" s="14" t="s">
        <v>10451</v>
      </c>
      <c r="E3332" s="2" t="s">
        <v>10452</v>
      </c>
      <c r="F3332" s="2" t="s">
        <v>7547</v>
      </c>
      <c r="G3332" s="8">
        <v>135</v>
      </c>
      <c r="H3332" s="5">
        <v>6</v>
      </c>
      <c r="I3332" s="5" t="s">
        <v>1518</v>
      </c>
      <c r="J3332" s="5" t="s">
        <v>1519</v>
      </c>
      <c r="K3332" s="2" t="s">
        <v>1520</v>
      </c>
      <c r="L3332" s="5" t="s">
        <v>1519</v>
      </c>
      <c r="M3332" s="2" t="s">
        <v>1520</v>
      </c>
      <c r="N3332" s="5" t="s">
        <v>1521</v>
      </c>
      <c r="O3332" s="5" t="s">
        <v>38</v>
      </c>
      <c r="P3332" s="5" t="s">
        <v>39</v>
      </c>
      <c r="Q3332" s="5" t="s">
        <v>40</v>
      </c>
      <c r="R3332" s="5" t="s">
        <v>1522</v>
      </c>
      <c r="S3332" s="5" t="s">
        <v>1523</v>
      </c>
      <c r="T3332" s="5" t="s">
        <v>42</v>
      </c>
      <c r="U3332" s="2">
        <v>1.859</v>
      </c>
      <c r="V3332" s="2">
        <v>1.4550000000000001</v>
      </c>
      <c r="W3332" s="2">
        <v>1.0999999999999999E-2</v>
      </c>
      <c r="X3332" s="2">
        <v>139.1</v>
      </c>
      <c r="Y3332" s="2">
        <v>7.6</v>
      </c>
      <c r="Z3332" s="2">
        <v>10.6</v>
      </c>
      <c r="AA3332" s="5"/>
      <c r="AB3332" s="5" t="s">
        <v>43</v>
      </c>
      <c r="AC3332" s="5" t="s">
        <v>44</v>
      </c>
      <c r="AD3332" s="2"/>
      <c r="AE3332" s="1"/>
    </row>
    <row r="3333" spans="1:31" ht="14.45">
      <c r="A3333" s="11"/>
      <c r="B3333" s="20"/>
      <c r="C3333" s="2" t="s">
        <v>10453</v>
      </c>
      <c r="D3333" s="14" t="s">
        <v>10454</v>
      </c>
      <c r="E3333" s="2" t="s">
        <v>10455</v>
      </c>
      <c r="F3333" s="2" t="s">
        <v>7551</v>
      </c>
      <c r="G3333" s="8">
        <v>135</v>
      </c>
      <c r="H3333" s="5">
        <v>6</v>
      </c>
      <c r="I3333" s="5" t="s">
        <v>1518</v>
      </c>
      <c r="J3333" s="5" t="s">
        <v>1519</v>
      </c>
      <c r="K3333" s="2" t="s">
        <v>1520</v>
      </c>
      <c r="L3333" s="5" t="s">
        <v>1519</v>
      </c>
      <c r="M3333" s="2" t="s">
        <v>1520</v>
      </c>
      <c r="N3333" s="5" t="s">
        <v>1521</v>
      </c>
      <c r="O3333" s="5" t="s">
        <v>38</v>
      </c>
      <c r="P3333" s="5" t="s">
        <v>39</v>
      </c>
      <c r="Q3333" s="5" t="s">
        <v>40</v>
      </c>
      <c r="R3333" s="5" t="s">
        <v>1522</v>
      </c>
      <c r="S3333" s="5" t="s">
        <v>1523</v>
      </c>
      <c r="T3333" s="5" t="s">
        <v>42</v>
      </c>
      <c r="U3333" s="2">
        <v>1.9039999999999999</v>
      </c>
      <c r="V3333" s="2">
        <v>1.5</v>
      </c>
      <c r="W3333" s="2">
        <v>1.0999999999999999E-2</v>
      </c>
      <c r="X3333" s="2">
        <v>139.1</v>
      </c>
      <c r="Y3333" s="2">
        <v>7.6</v>
      </c>
      <c r="Z3333" s="2">
        <v>10.6</v>
      </c>
      <c r="AA3333" s="5"/>
      <c r="AB3333" s="5" t="s">
        <v>43</v>
      </c>
      <c r="AC3333" s="5" t="s">
        <v>44</v>
      </c>
      <c r="AD3333" s="2"/>
      <c r="AE3333" s="1"/>
    </row>
    <row r="3334" spans="1:31" ht="14.45">
      <c r="A3334" s="11"/>
      <c r="B3334" s="20"/>
      <c r="C3334" s="2" t="s">
        <v>10456</v>
      </c>
      <c r="D3334" s="14" t="s">
        <v>10457</v>
      </c>
      <c r="E3334" s="2" t="s">
        <v>10458</v>
      </c>
      <c r="F3334" s="2" t="s">
        <v>7555</v>
      </c>
      <c r="G3334" s="8">
        <v>135</v>
      </c>
      <c r="H3334" s="5">
        <v>6</v>
      </c>
      <c r="I3334" s="5" t="s">
        <v>1518</v>
      </c>
      <c r="J3334" s="5" t="s">
        <v>1519</v>
      </c>
      <c r="K3334" s="2" t="s">
        <v>1520</v>
      </c>
      <c r="L3334" s="5" t="s">
        <v>1519</v>
      </c>
      <c r="M3334" s="2" t="s">
        <v>1520</v>
      </c>
      <c r="N3334" s="5" t="s">
        <v>1521</v>
      </c>
      <c r="O3334" s="5" t="s">
        <v>38</v>
      </c>
      <c r="P3334" s="5" t="s">
        <v>39</v>
      </c>
      <c r="Q3334" s="5" t="s">
        <v>40</v>
      </c>
      <c r="R3334" s="5" t="s">
        <v>1522</v>
      </c>
      <c r="S3334" s="5" t="s">
        <v>1523</v>
      </c>
      <c r="T3334" s="5" t="s">
        <v>42</v>
      </c>
      <c r="U3334" s="2">
        <v>1.859</v>
      </c>
      <c r="V3334" s="2">
        <v>1.4550000000000001</v>
      </c>
      <c r="W3334" s="2">
        <v>1.0999999999999999E-2</v>
      </c>
      <c r="X3334" s="2">
        <v>139.1</v>
      </c>
      <c r="Y3334" s="2">
        <v>7.6</v>
      </c>
      <c r="Z3334" s="2">
        <v>10.6</v>
      </c>
      <c r="AA3334" s="5"/>
      <c r="AB3334" s="5" t="s">
        <v>43</v>
      </c>
      <c r="AC3334" s="5" t="s">
        <v>44</v>
      </c>
      <c r="AD3334" s="2"/>
      <c r="AE3334" s="1"/>
    </row>
    <row r="3335" spans="1:31" ht="14.45">
      <c r="A3335" s="11"/>
      <c r="B3335" s="20"/>
      <c r="C3335" s="2" t="s">
        <v>10459</v>
      </c>
      <c r="D3335" s="14" t="s">
        <v>10460</v>
      </c>
      <c r="E3335" s="2" t="s">
        <v>10461</v>
      </c>
      <c r="F3335" s="2" t="s">
        <v>7559</v>
      </c>
      <c r="G3335" s="8">
        <v>135</v>
      </c>
      <c r="H3335" s="5">
        <v>6</v>
      </c>
      <c r="I3335" s="5" t="s">
        <v>1518</v>
      </c>
      <c r="J3335" s="5" t="s">
        <v>1519</v>
      </c>
      <c r="K3335" s="2" t="s">
        <v>1520</v>
      </c>
      <c r="L3335" s="5" t="s">
        <v>1519</v>
      </c>
      <c r="M3335" s="2" t="s">
        <v>1520</v>
      </c>
      <c r="N3335" s="5" t="s">
        <v>1521</v>
      </c>
      <c r="O3335" s="5" t="s">
        <v>38</v>
      </c>
      <c r="P3335" s="5" t="s">
        <v>39</v>
      </c>
      <c r="Q3335" s="5" t="s">
        <v>40</v>
      </c>
      <c r="R3335" s="5" t="s">
        <v>1522</v>
      </c>
      <c r="S3335" s="5" t="s">
        <v>1523</v>
      </c>
      <c r="T3335" s="5" t="s">
        <v>42</v>
      </c>
      <c r="U3335" s="2">
        <v>1.9039999999999999</v>
      </c>
      <c r="V3335" s="2">
        <v>1.5</v>
      </c>
      <c r="W3335" s="2">
        <v>1.0999999999999999E-2</v>
      </c>
      <c r="X3335" s="2">
        <v>139.1</v>
      </c>
      <c r="Y3335" s="2">
        <v>7.6</v>
      </c>
      <c r="Z3335" s="2">
        <v>10.6</v>
      </c>
      <c r="AA3335" s="5"/>
      <c r="AB3335" s="5" t="s">
        <v>43</v>
      </c>
      <c r="AC3335" s="5" t="s">
        <v>44</v>
      </c>
      <c r="AD3335" s="2"/>
      <c r="AE3335" s="1"/>
    </row>
    <row r="3336" spans="1:31" ht="14.45">
      <c r="A3336" s="11"/>
      <c r="B3336" s="20"/>
      <c r="C3336" s="2" t="s">
        <v>10462</v>
      </c>
      <c r="D3336" s="14" t="s">
        <v>10463</v>
      </c>
      <c r="E3336" s="2" t="s">
        <v>10464</v>
      </c>
      <c r="F3336" s="2" t="s">
        <v>7563</v>
      </c>
      <c r="G3336" s="8">
        <v>135</v>
      </c>
      <c r="H3336" s="5">
        <v>6</v>
      </c>
      <c r="I3336" s="5" t="s">
        <v>1518</v>
      </c>
      <c r="J3336" s="5" t="s">
        <v>1519</v>
      </c>
      <c r="K3336" s="2" t="s">
        <v>1520</v>
      </c>
      <c r="L3336" s="5" t="s">
        <v>1519</v>
      </c>
      <c r="M3336" s="2" t="s">
        <v>1520</v>
      </c>
      <c r="N3336" s="5" t="s">
        <v>1521</v>
      </c>
      <c r="O3336" s="5" t="s">
        <v>38</v>
      </c>
      <c r="P3336" s="5" t="s">
        <v>39</v>
      </c>
      <c r="Q3336" s="5" t="s">
        <v>40</v>
      </c>
      <c r="R3336" s="5" t="s">
        <v>1522</v>
      </c>
      <c r="S3336" s="5" t="s">
        <v>1523</v>
      </c>
      <c r="T3336" s="5" t="s">
        <v>42</v>
      </c>
      <c r="U3336" s="2">
        <v>1.883</v>
      </c>
      <c r="V3336" s="2">
        <v>1.4790000000000001</v>
      </c>
      <c r="W3336" s="2">
        <v>1.0999999999999999E-2</v>
      </c>
      <c r="X3336" s="2">
        <v>139.1</v>
      </c>
      <c r="Y3336" s="2">
        <v>7.6</v>
      </c>
      <c r="Z3336" s="2">
        <v>10.6</v>
      </c>
      <c r="AA3336" s="5"/>
      <c r="AB3336" s="5" t="s">
        <v>43</v>
      </c>
      <c r="AC3336" s="5" t="s">
        <v>44</v>
      </c>
      <c r="AD3336" s="2"/>
      <c r="AE3336" s="1"/>
    </row>
    <row r="3337" spans="1:31" ht="14.45">
      <c r="A3337" s="11"/>
      <c r="B3337" s="20"/>
      <c r="C3337" s="2" t="s">
        <v>10465</v>
      </c>
      <c r="D3337" s="14" t="s">
        <v>10466</v>
      </c>
      <c r="E3337" s="2" t="s">
        <v>10467</v>
      </c>
      <c r="F3337" s="2" t="s">
        <v>7567</v>
      </c>
      <c r="G3337" s="8">
        <v>135</v>
      </c>
      <c r="H3337" s="5">
        <v>6</v>
      </c>
      <c r="I3337" s="5" t="s">
        <v>1518</v>
      </c>
      <c r="J3337" s="5" t="s">
        <v>1519</v>
      </c>
      <c r="K3337" s="2" t="s">
        <v>1520</v>
      </c>
      <c r="L3337" s="5" t="s">
        <v>1519</v>
      </c>
      <c r="M3337" s="2" t="s">
        <v>1520</v>
      </c>
      <c r="N3337" s="5" t="s">
        <v>1521</v>
      </c>
      <c r="O3337" s="5" t="s">
        <v>38</v>
      </c>
      <c r="P3337" s="5" t="s">
        <v>39</v>
      </c>
      <c r="Q3337" s="5" t="s">
        <v>40</v>
      </c>
      <c r="R3337" s="5" t="s">
        <v>1522</v>
      </c>
      <c r="S3337" s="5" t="s">
        <v>1523</v>
      </c>
      <c r="T3337" s="5" t="s">
        <v>42</v>
      </c>
      <c r="U3337" s="2">
        <v>1.9279999999999999</v>
      </c>
      <c r="V3337" s="2">
        <v>1.524</v>
      </c>
      <c r="W3337" s="2">
        <v>1.0999999999999999E-2</v>
      </c>
      <c r="X3337" s="2">
        <v>139.1</v>
      </c>
      <c r="Y3337" s="2">
        <v>7.6</v>
      </c>
      <c r="Z3337" s="2">
        <v>10.6</v>
      </c>
      <c r="AA3337" s="5"/>
      <c r="AB3337" s="5" t="s">
        <v>43</v>
      </c>
      <c r="AC3337" s="5" t="s">
        <v>44</v>
      </c>
      <c r="AD3337" s="2"/>
      <c r="AE3337" s="1"/>
    </row>
    <row r="3338" spans="1:31" ht="14.45">
      <c r="A3338" s="11"/>
      <c r="B3338" s="20"/>
      <c r="C3338" s="2" t="s">
        <v>10468</v>
      </c>
      <c r="D3338" s="14" t="s">
        <v>10469</v>
      </c>
      <c r="E3338" s="2" t="s">
        <v>10470</v>
      </c>
      <c r="F3338" s="2" t="s">
        <v>7429</v>
      </c>
      <c r="G3338" s="8">
        <v>135</v>
      </c>
      <c r="H3338" s="5">
        <v>6</v>
      </c>
      <c r="I3338" s="5" t="s">
        <v>1518</v>
      </c>
      <c r="J3338" s="5" t="s">
        <v>1519</v>
      </c>
      <c r="K3338" s="2" t="s">
        <v>1520</v>
      </c>
      <c r="L3338" s="5" t="s">
        <v>1519</v>
      </c>
      <c r="M3338" s="2" t="s">
        <v>1520</v>
      </c>
      <c r="N3338" s="5" t="s">
        <v>1521</v>
      </c>
      <c r="O3338" s="5" t="s">
        <v>38</v>
      </c>
      <c r="P3338" s="5" t="s">
        <v>39</v>
      </c>
      <c r="Q3338" s="5" t="s">
        <v>40</v>
      </c>
      <c r="R3338" s="5" t="s">
        <v>1522</v>
      </c>
      <c r="S3338" s="5" t="s">
        <v>1523</v>
      </c>
      <c r="T3338" s="5" t="s">
        <v>42</v>
      </c>
      <c r="U3338" s="2">
        <v>1.883</v>
      </c>
      <c r="V3338" s="2">
        <v>1.4790000000000001</v>
      </c>
      <c r="W3338" s="2">
        <v>1.0999999999999999E-2</v>
      </c>
      <c r="X3338" s="2">
        <v>139.1</v>
      </c>
      <c r="Y3338" s="2">
        <v>7.6</v>
      </c>
      <c r="Z3338" s="2">
        <v>10.6</v>
      </c>
      <c r="AA3338" s="5"/>
      <c r="AB3338" s="5" t="s">
        <v>43</v>
      </c>
      <c r="AC3338" s="5" t="s">
        <v>44</v>
      </c>
      <c r="AD3338" s="2"/>
      <c r="AE3338" s="1"/>
    </row>
    <row r="3339" spans="1:31" ht="14.45">
      <c r="A3339" s="11"/>
      <c r="B3339" s="20"/>
      <c r="C3339" s="2" t="s">
        <v>10471</v>
      </c>
      <c r="D3339" s="14" t="s">
        <v>10472</v>
      </c>
      <c r="E3339" s="2" t="s">
        <v>10473</v>
      </c>
      <c r="F3339" s="2" t="s">
        <v>7574</v>
      </c>
      <c r="G3339" s="8">
        <v>135</v>
      </c>
      <c r="H3339" s="5">
        <v>6</v>
      </c>
      <c r="I3339" s="5" t="s">
        <v>1518</v>
      </c>
      <c r="J3339" s="5" t="s">
        <v>1519</v>
      </c>
      <c r="K3339" s="2" t="s">
        <v>1520</v>
      </c>
      <c r="L3339" s="5" t="s">
        <v>1519</v>
      </c>
      <c r="M3339" s="2" t="s">
        <v>1520</v>
      </c>
      <c r="N3339" s="5" t="s">
        <v>1521</v>
      </c>
      <c r="O3339" s="5" t="s">
        <v>38</v>
      </c>
      <c r="P3339" s="5" t="s">
        <v>39</v>
      </c>
      <c r="Q3339" s="5" t="s">
        <v>40</v>
      </c>
      <c r="R3339" s="5" t="s">
        <v>1522</v>
      </c>
      <c r="S3339" s="5" t="s">
        <v>1523</v>
      </c>
      <c r="T3339" s="5" t="s">
        <v>42</v>
      </c>
      <c r="U3339" s="2">
        <v>1.9279999999999999</v>
      </c>
      <c r="V3339" s="2">
        <v>1.524</v>
      </c>
      <c r="W3339" s="2">
        <v>1.0999999999999999E-2</v>
      </c>
      <c r="X3339" s="2">
        <v>139.1</v>
      </c>
      <c r="Y3339" s="2">
        <v>7.6</v>
      </c>
      <c r="Z3339" s="2">
        <v>10.6</v>
      </c>
      <c r="AA3339" s="5"/>
      <c r="AB3339" s="5" t="s">
        <v>43</v>
      </c>
      <c r="AC3339" s="5" t="s">
        <v>44</v>
      </c>
      <c r="AD3339" s="2"/>
      <c r="AE3339" s="1"/>
    </row>
    <row r="3340" spans="1:31" ht="14.45">
      <c r="A3340" s="11"/>
      <c r="B3340" s="20"/>
      <c r="C3340" s="2" t="s">
        <v>10474</v>
      </c>
      <c r="D3340" s="14" t="s">
        <v>10475</v>
      </c>
      <c r="E3340" s="2" t="s">
        <v>10476</v>
      </c>
      <c r="F3340" s="2" t="s">
        <v>7449</v>
      </c>
      <c r="G3340" s="8">
        <v>135</v>
      </c>
      <c r="H3340" s="5">
        <v>6</v>
      </c>
      <c r="I3340" s="5" t="s">
        <v>1518</v>
      </c>
      <c r="J3340" s="5" t="s">
        <v>1519</v>
      </c>
      <c r="K3340" s="2" t="s">
        <v>1520</v>
      </c>
      <c r="L3340" s="5" t="s">
        <v>1519</v>
      </c>
      <c r="M3340" s="2" t="s">
        <v>1520</v>
      </c>
      <c r="N3340" s="5" t="s">
        <v>1521</v>
      </c>
      <c r="O3340" s="5" t="s">
        <v>38</v>
      </c>
      <c r="P3340" s="5" t="s">
        <v>39</v>
      </c>
      <c r="Q3340" s="5" t="s">
        <v>40</v>
      </c>
      <c r="R3340" s="5" t="s">
        <v>1522</v>
      </c>
      <c r="S3340" s="5" t="s">
        <v>1523</v>
      </c>
      <c r="T3340" s="5" t="s">
        <v>42</v>
      </c>
      <c r="U3340" s="2">
        <v>1.883</v>
      </c>
      <c r="V3340" s="2">
        <v>1.4790000000000001</v>
      </c>
      <c r="W3340" s="2">
        <v>1.0999999999999999E-2</v>
      </c>
      <c r="X3340" s="2">
        <v>139.1</v>
      </c>
      <c r="Y3340" s="2">
        <v>7.6</v>
      </c>
      <c r="Z3340" s="2">
        <v>10.6</v>
      </c>
      <c r="AA3340" s="5"/>
      <c r="AB3340" s="5" t="s">
        <v>43</v>
      </c>
      <c r="AC3340" s="5" t="s">
        <v>44</v>
      </c>
      <c r="AD3340" s="2"/>
      <c r="AE3340" s="1"/>
    </row>
    <row r="3341" spans="1:31" ht="14.45">
      <c r="A3341" s="11"/>
      <c r="B3341" s="20"/>
      <c r="C3341" s="2" t="s">
        <v>10477</v>
      </c>
      <c r="D3341" s="14" t="s">
        <v>10478</v>
      </c>
      <c r="E3341" s="2" t="s">
        <v>10479</v>
      </c>
      <c r="F3341" s="2" t="s">
        <v>7581</v>
      </c>
      <c r="G3341" s="8">
        <v>135</v>
      </c>
      <c r="H3341" s="5">
        <v>6</v>
      </c>
      <c r="I3341" s="5" t="s">
        <v>1518</v>
      </c>
      <c r="J3341" s="5" t="s">
        <v>1519</v>
      </c>
      <c r="K3341" s="2" t="s">
        <v>1520</v>
      </c>
      <c r="L3341" s="5" t="s">
        <v>1519</v>
      </c>
      <c r="M3341" s="2" t="s">
        <v>1520</v>
      </c>
      <c r="N3341" s="5" t="s">
        <v>1521</v>
      </c>
      <c r="O3341" s="5" t="s">
        <v>38</v>
      </c>
      <c r="P3341" s="5" t="s">
        <v>39</v>
      </c>
      <c r="Q3341" s="5" t="s">
        <v>40</v>
      </c>
      <c r="R3341" s="5" t="s">
        <v>1522</v>
      </c>
      <c r="S3341" s="5" t="s">
        <v>1523</v>
      </c>
      <c r="T3341" s="5" t="s">
        <v>42</v>
      </c>
      <c r="U3341" s="2">
        <v>1.9279999999999999</v>
      </c>
      <c r="V3341" s="2">
        <v>1.524</v>
      </c>
      <c r="W3341" s="2">
        <v>1.0999999999999999E-2</v>
      </c>
      <c r="X3341" s="2">
        <v>139.1</v>
      </c>
      <c r="Y3341" s="2">
        <v>7.6</v>
      </c>
      <c r="Z3341" s="2">
        <v>10.6</v>
      </c>
      <c r="AA3341" s="5"/>
      <c r="AB3341" s="5" t="s">
        <v>43</v>
      </c>
      <c r="AC3341" s="5" t="s">
        <v>44</v>
      </c>
      <c r="AD3341" s="2"/>
      <c r="AE3341" s="1"/>
    </row>
    <row r="3342" spans="1:31" ht="14.45">
      <c r="A3342" s="11"/>
      <c r="B3342" s="20"/>
      <c r="C3342" s="2" t="s">
        <v>10480</v>
      </c>
      <c r="D3342" s="14" t="s">
        <v>10481</v>
      </c>
      <c r="E3342" s="2" t="s">
        <v>10482</v>
      </c>
      <c r="F3342" s="2" t="s">
        <v>7585</v>
      </c>
      <c r="G3342" s="8">
        <v>135</v>
      </c>
      <c r="H3342" s="5">
        <v>6</v>
      </c>
      <c r="I3342" s="5" t="s">
        <v>1518</v>
      </c>
      <c r="J3342" s="5" t="s">
        <v>1519</v>
      </c>
      <c r="K3342" s="2" t="s">
        <v>1520</v>
      </c>
      <c r="L3342" s="5" t="s">
        <v>1519</v>
      </c>
      <c r="M3342" s="2" t="s">
        <v>1520</v>
      </c>
      <c r="N3342" s="5" t="s">
        <v>1521</v>
      </c>
      <c r="O3342" s="5" t="s">
        <v>38</v>
      </c>
      <c r="P3342" s="5" t="s">
        <v>39</v>
      </c>
      <c r="Q3342" s="5" t="s">
        <v>40</v>
      </c>
      <c r="R3342" s="5" t="s">
        <v>1522</v>
      </c>
      <c r="S3342" s="5" t="s">
        <v>1523</v>
      </c>
      <c r="T3342" s="5" t="s">
        <v>42</v>
      </c>
      <c r="U3342" s="2">
        <v>1.859</v>
      </c>
      <c r="V3342" s="2">
        <v>1.4550000000000001</v>
      </c>
      <c r="W3342" s="2">
        <v>1.0999999999999999E-2</v>
      </c>
      <c r="X3342" s="2">
        <v>139.1</v>
      </c>
      <c r="Y3342" s="2">
        <v>7.6</v>
      </c>
      <c r="Z3342" s="2">
        <v>10.6</v>
      </c>
      <c r="AA3342" s="5"/>
      <c r="AB3342" s="5" t="s">
        <v>43</v>
      </c>
      <c r="AC3342" s="5" t="s">
        <v>44</v>
      </c>
      <c r="AD3342" s="2"/>
      <c r="AE3342" s="1"/>
    </row>
    <row r="3343" spans="1:31" ht="14.45">
      <c r="A3343" s="11"/>
      <c r="B3343" s="20"/>
      <c r="C3343" s="2" t="s">
        <v>10483</v>
      </c>
      <c r="D3343" s="14" t="s">
        <v>10484</v>
      </c>
      <c r="E3343" s="2" t="s">
        <v>10485</v>
      </c>
      <c r="F3343" s="2" t="s">
        <v>7589</v>
      </c>
      <c r="G3343" s="8">
        <v>135</v>
      </c>
      <c r="H3343" s="5">
        <v>6</v>
      </c>
      <c r="I3343" s="5" t="s">
        <v>1518</v>
      </c>
      <c r="J3343" s="5" t="s">
        <v>1519</v>
      </c>
      <c r="K3343" s="2" t="s">
        <v>1520</v>
      </c>
      <c r="L3343" s="5" t="s">
        <v>1519</v>
      </c>
      <c r="M3343" s="2" t="s">
        <v>1520</v>
      </c>
      <c r="N3343" s="5" t="s">
        <v>1521</v>
      </c>
      <c r="O3343" s="5" t="s">
        <v>38</v>
      </c>
      <c r="P3343" s="5" t="s">
        <v>39</v>
      </c>
      <c r="Q3343" s="5" t="s">
        <v>40</v>
      </c>
      <c r="R3343" s="5" t="s">
        <v>1522</v>
      </c>
      <c r="S3343" s="5" t="s">
        <v>1523</v>
      </c>
      <c r="T3343" s="5" t="s">
        <v>42</v>
      </c>
      <c r="U3343" s="2">
        <v>1.9039999999999999</v>
      </c>
      <c r="V3343" s="2">
        <v>1.5</v>
      </c>
      <c r="W3343" s="2">
        <v>1.0999999999999999E-2</v>
      </c>
      <c r="X3343" s="2">
        <v>139.1</v>
      </c>
      <c r="Y3343" s="2">
        <v>7.6</v>
      </c>
      <c r="Z3343" s="2">
        <v>10.6</v>
      </c>
      <c r="AA3343" s="5"/>
      <c r="AB3343" s="5" t="s">
        <v>43</v>
      </c>
      <c r="AC3343" s="5" t="s">
        <v>44</v>
      </c>
      <c r="AD3343" s="2"/>
      <c r="AE3343" s="1"/>
    </row>
    <row r="3344" spans="1:31" ht="14.45">
      <c r="A3344" s="11"/>
      <c r="B3344" s="20"/>
      <c r="C3344" s="2" t="s">
        <v>10486</v>
      </c>
      <c r="D3344" s="14" t="s">
        <v>10487</v>
      </c>
      <c r="E3344" s="2" t="s">
        <v>10488</v>
      </c>
      <c r="F3344" s="2" t="s">
        <v>7593</v>
      </c>
      <c r="G3344" s="8">
        <v>135</v>
      </c>
      <c r="H3344" s="5">
        <v>6</v>
      </c>
      <c r="I3344" s="5" t="s">
        <v>1518</v>
      </c>
      <c r="J3344" s="5" t="s">
        <v>1519</v>
      </c>
      <c r="K3344" s="2" t="s">
        <v>1520</v>
      </c>
      <c r="L3344" s="5" t="s">
        <v>1519</v>
      </c>
      <c r="M3344" s="2" t="s">
        <v>1520</v>
      </c>
      <c r="N3344" s="5" t="s">
        <v>1521</v>
      </c>
      <c r="O3344" s="5" t="s">
        <v>38</v>
      </c>
      <c r="P3344" s="5" t="s">
        <v>39</v>
      </c>
      <c r="Q3344" s="5" t="s">
        <v>40</v>
      </c>
      <c r="R3344" s="5" t="s">
        <v>1522</v>
      </c>
      <c r="S3344" s="5" t="s">
        <v>1523</v>
      </c>
      <c r="T3344" s="5" t="s">
        <v>42</v>
      </c>
      <c r="U3344" s="2">
        <v>1.883</v>
      </c>
      <c r="V3344" s="2">
        <v>1.4790000000000001</v>
      </c>
      <c r="W3344" s="2">
        <v>1.0999999999999999E-2</v>
      </c>
      <c r="X3344" s="2">
        <v>139.1</v>
      </c>
      <c r="Y3344" s="2">
        <v>7.6</v>
      </c>
      <c r="Z3344" s="2">
        <v>10.6</v>
      </c>
      <c r="AA3344" s="5"/>
      <c r="AB3344" s="5" t="s">
        <v>43</v>
      </c>
      <c r="AC3344" s="5" t="s">
        <v>44</v>
      </c>
      <c r="AD3344" s="2"/>
      <c r="AE3344" s="1"/>
    </row>
    <row r="3345" spans="1:31" ht="14.45">
      <c r="A3345" s="11"/>
      <c r="B3345" s="20"/>
      <c r="C3345" s="2" t="s">
        <v>10489</v>
      </c>
      <c r="D3345" s="14" t="s">
        <v>10490</v>
      </c>
      <c r="E3345" s="2" t="s">
        <v>10491</v>
      </c>
      <c r="F3345" s="2" t="s">
        <v>7597</v>
      </c>
      <c r="G3345" s="8">
        <v>135</v>
      </c>
      <c r="H3345" s="5">
        <v>6</v>
      </c>
      <c r="I3345" s="5" t="s">
        <v>1518</v>
      </c>
      <c r="J3345" s="5" t="s">
        <v>1519</v>
      </c>
      <c r="K3345" s="2" t="s">
        <v>1520</v>
      </c>
      <c r="L3345" s="5" t="s">
        <v>1519</v>
      </c>
      <c r="M3345" s="2" t="s">
        <v>1520</v>
      </c>
      <c r="N3345" s="5" t="s">
        <v>1521</v>
      </c>
      <c r="O3345" s="5" t="s">
        <v>38</v>
      </c>
      <c r="P3345" s="5" t="s">
        <v>39</v>
      </c>
      <c r="Q3345" s="5" t="s">
        <v>40</v>
      </c>
      <c r="R3345" s="5" t="s">
        <v>1522</v>
      </c>
      <c r="S3345" s="5" t="s">
        <v>1523</v>
      </c>
      <c r="T3345" s="5" t="s">
        <v>42</v>
      </c>
      <c r="U3345" s="2">
        <v>1.9279999999999999</v>
      </c>
      <c r="V3345" s="2">
        <v>1.524</v>
      </c>
      <c r="W3345" s="2">
        <v>1.0999999999999999E-2</v>
      </c>
      <c r="X3345" s="2">
        <v>139.1</v>
      </c>
      <c r="Y3345" s="2">
        <v>7.6</v>
      </c>
      <c r="Z3345" s="2">
        <v>10.6</v>
      </c>
      <c r="AA3345" s="5"/>
      <c r="AB3345" s="5" t="s">
        <v>43</v>
      </c>
      <c r="AC3345" s="5" t="s">
        <v>44</v>
      </c>
      <c r="AD3345" s="2"/>
      <c r="AE3345" s="1"/>
    </row>
    <row r="3346" spans="1:31" ht="14.45">
      <c r="A3346" s="11"/>
      <c r="B3346" s="20"/>
      <c r="C3346" s="2" t="s">
        <v>10492</v>
      </c>
      <c r="D3346" s="14" t="s">
        <v>10493</v>
      </c>
      <c r="E3346" s="2" t="s">
        <v>10494</v>
      </c>
      <c r="F3346" s="2" t="s">
        <v>7410</v>
      </c>
      <c r="G3346" s="8">
        <v>135</v>
      </c>
      <c r="H3346" s="5">
        <v>6</v>
      </c>
      <c r="I3346" s="5" t="s">
        <v>1518</v>
      </c>
      <c r="J3346" s="5" t="s">
        <v>1519</v>
      </c>
      <c r="K3346" s="2" t="s">
        <v>1520</v>
      </c>
      <c r="L3346" s="5" t="s">
        <v>1519</v>
      </c>
      <c r="M3346" s="2" t="s">
        <v>1520</v>
      </c>
      <c r="N3346" s="5" t="s">
        <v>1521</v>
      </c>
      <c r="O3346" s="5" t="s">
        <v>38</v>
      </c>
      <c r="P3346" s="5" t="s">
        <v>39</v>
      </c>
      <c r="Q3346" s="5" t="s">
        <v>40</v>
      </c>
      <c r="R3346" s="5" t="s">
        <v>1522</v>
      </c>
      <c r="S3346" s="5" t="s">
        <v>1523</v>
      </c>
      <c r="T3346" s="5" t="s">
        <v>42</v>
      </c>
      <c r="U3346" s="2">
        <v>1.883</v>
      </c>
      <c r="V3346" s="2">
        <v>1.4790000000000001</v>
      </c>
      <c r="W3346" s="2">
        <v>1.0999999999999999E-2</v>
      </c>
      <c r="X3346" s="2">
        <v>139.1</v>
      </c>
      <c r="Y3346" s="2">
        <v>7.6</v>
      </c>
      <c r="Z3346" s="2">
        <v>10.6</v>
      </c>
      <c r="AA3346" s="5"/>
      <c r="AB3346" s="5" t="s">
        <v>43</v>
      </c>
      <c r="AC3346" s="5" t="s">
        <v>44</v>
      </c>
      <c r="AD3346" s="2"/>
      <c r="AE3346" s="1"/>
    </row>
    <row r="3347" spans="1:31" ht="14.45">
      <c r="A3347" s="11"/>
      <c r="B3347" s="20"/>
      <c r="C3347" s="2" t="s">
        <v>10495</v>
      </c>
      <c r="D3347" s="14" t="s">
        <v>10496</v>
      </c>
      <c r="E3347" s="2" t="s">
        <v>10497</v>
      </c>
      <c r="F3347" s="2" t="s">
        <v>7604</v>
      </c>
      <c r="G3347" s="8">
        <v>135</v>
      </c>
      <c r="H3347" s="5">
        <v>6</v>
      </c>
      <c r="I3347" s="5" t="s">
        <v>1518</v>
      </c>
      <c r="J3347" s="5" t="s">
        <v>1519</v>
      </c>
      <c r="K3347" s="2" t="s">
        <v>1520</v>
      </c>
      <c r="L3347" s="5" t="s">
        <v>1519</v>
      </c>
      <c r="M3347" s="2" t="s">
        <v>1520</v>
      </c>
      <c r="N3347" s="5" t="s">
        <v>1521</v>
      </c>
      <c r="O3347" s="5" t="s">
        <v>38</v>
      </c>
      <c r="P3347" s="5" t="s">
        <v>39</v>
      </c>
      <c r="Q3347" s="5" t="s">
        <v>40</v>
      </c>
      <c r="R3347" s="5" t="s">
        <v>1522</v>
      </c>
      <c r="S3347" s="5" t="s">
        <v>1523</v>
      </c>
      <c r="T3347" s="5" t="s">
        <v>42</v>
      </c>
      <c r="U3347" s="2">
        <v>1.9279999999999999</v>
      </c>
      <c r="V3347" s="2">
        <v>1.524</v>
      </c>
      <c r="W3347" s="2">
        <v>1.0999999999999999E-2</v>
      </c>
      <c r="X3347" s="2">
        <v>139.1</v>
      </c>
      <c r="Y3347" s="2">
        <v>7.6</v>
      </c>
      <c r="Z3347" s="2">
        <v>10.6</v>
      </c>
      <c r="AA3347" s="5"/>
      <c r="AB3347" s="5" t="s">
        <v>43</v>
      </c>
      <c r="AC3347" s="5" t="s">
        <v>44</v>
      </c>
      <c r="AD3347" s="2"/>
      <c r="AE3347" s="1"/>
    </row>
    <row r="3348" spans="1:31" ht="14.45">
      <c r="A3348" s="11"/>
      <c r="B3348" s="20"/>
      <c r="C3348" s="2" t="s">
        <v>10498</v>
      </c>
      <c r="D3348" s="14" t="s">
        <v>10499</v>
      </c>
      <c r="E3348" s="2" t="s">
        <v>10500</v>
      </c>
      <c r="F3348" s="2" t="s">
        <v>7433</v>
      </c>
      <c r="G3348" s="8">
        <v>135</v>
      </c>
      <c r="H3348" s="5">
        <v>6</v>
      </c>
      <c r="I3348" s="5" t="s">
        <v>1518</v>
      </c>
      <c r="J3348" s="5" t="s">
        <v>1519</v>
      </c>
      <c r="K3348" s="2" t="s">
        <v>1520</v>
      </c>
      <c r="L3348" s="5" t="s">
        <v>1519</v>
      </c>
      <c r="M3348" s="2" t="s">
        <v>1520</v>
      </c>
      <c r="N3348" s="5" t="s">
        <v>1521</v>
      </c>
      <c r="O3348" s="5" t="s">
        <v>38</v>
      </c>
      <c r="P3348" s="5" t="s">
        <v>39</v>
      </c>
      <c r="Q3348" s="5" t="s">
        <v>40</v>
      </c>
      <c r="R3348" s="5" t="s">
        <v>1522</v>
      </c>
      <c r="S3348" s="5" t="s">
        <v>1523</v>
      </c>
      <c r="T3348" s="5" t="s">
        <v>42</v>
      </c>
      <c r="U3348" s="2">
        <v>1.883</v>
      </c>
      <c r="V3348" s="2">
        <v>1.4790000000000001</v>
      </c>
      <c r="W3348" s="2">
        <v>1.0999999999999999E-2</v>
      </c>
      <c r="X3348" s="2">
        <v>139.1</v>
      </c>
      <c r="Y3348" s="2">
        <v>7.6</v>
      </c>
      <c r="Z3348" s="2">
        <v>10.6</v>
      </c>
      <c r="AA3348" s="5"/>
      <c r="AB3348" s="5" t="s">
        <v>43</v>
      </c>
      <c r="AC3348" s="5" t="s">
        <v>44</v>
      </c>
      <c r="AD3348" s="2"/>
      <c r="AE3348" s="1"/>
    </row>
    <row r="3349" spans="1:31" ht="14.45">
      <c r="A3349" s="11"/>
      <c r="B3349" s="20"/>
      <c r="C3349" s="2" t="s">
        <v>10501</v>
      </c>
      <c r="D3349" s="14" t="s">
        <v>10502</v>
      </c>
      <c r="E3349" s="2" t="s">
        <v>10503</v>
      </c>
      <c r="F3349" s="2" t="s">
        <v>7611</v>
      </c>
      <c r="G3349" s="8">
        <v>135</v>
      </c>
      <c r="H3349" s="5">
        <v>6</v>
      </c>
      <c r="I3349" s="5" t="s">
        <v>1518</v>
      </c>
      <c r="J3349" s="5" t="s">
        <v>1519</v>
      </c>
      <c r="K3349" s="2" t="s">
        <v>1520</v>
      </c>
      <c r="L3349" s="5" t="s">
        <v>1519</v>
      </c>
      <c r="M3349" s="2" t="s">
        <v>1520</v>
      </c>
      <c r="N3349" s="5" t="s">
        <v>1521</v>
      </c>
      <c r="O3349" s="5" t="s">
        <v>38</v>
      </c>
      <c r="P3349" s="5" t="s">
        <v>39</v>
      </c>
      <c r="Q3349" s="5" t="s">
        <v>40</v>
      </c>
      <c r="R3349" s="5" t="s">
        <v>1522</v>
      </c>
      <c r="S3349" s="5" t="s">
        <v>1523</v>
      </c>
      <c r="T3349" s="5" t="s">
        <v>42</v>
      </c>
      <c r="U3349" s="2">
        <v>1.9279999999999999</v>
      </c>
      <c r="V3349" s="2">
        <v>1.524</v>
      </c>
      <c r="W3349" s="2">
        <v>1.0999999999999999E-2</v>
      </c>
      <c r="X3349" s="2">
        <v>139.1</v>
      </c>
      <c r="Y3349" s="2">
        <v>7.6</v>
      </c>
      <c r="Z3349" s="2">
        <v>10.6</v>
      </c>
      <c r="AA3349" s="5"/>
      <c r="AB3349" s="5" t="s">
        <v>43</v>
      </c>
      <c r="AC3349" s="5" t="s">
        <v>44</v>
      </c>
      <c r="AD3349" s="2"/>
      <c r="AE3349" s="1"/>
    </row>
    <row r="3350" spans="1:31" ht="14.45">
      <c r="A3350" s="11"/>
      <c r="B3350" s="20"/>
      <c r="C3350" s="2" t="s">
        <v>10504</v>
      </c>
      <c r="D3350" s="14" t="s">
        <v>10505</v>
      </c>
      <c r="E3350" s="2" t="s">
        <v>10506</v>
      </c>
      <c r="F3350" s="2" t="s">
        <v>7615</v>
      </c>
      <c r="G3350" s="8">
        <v>135</v>
      </c>
      <c r="H3350" s="5">
        <v>6</v>
      </c>
      <c r="I3350" s="5" t="s">
        <v>1518</v>
      </c>
      <c r="J3350" s="5" t="s">
        <v>1519</v>
      </c>
      <c r="K3350" s="2" t="s">
        <v>1520</v>
      </c>
      <c r="L3350" s="5" t="s">
        <v>1519</v>
      </c>
      <c r="M3350" s="2" t="s">
        <v>1520</v>
      </c>
      <c r="N3350" s="5" t="s">
        <v>1521</v>
      </c>
      <c r="O3350" s="5" t="s">
        <v>38</v>
      </c>
      <c r="P3350" s="5" t="s">
        <v>39</v>
      </c>
      <c r="Q3350" s="5" t="s">
        <v>40</v>
      </c>
      <c r="R3350" s="5" t="s">
        <v>1522</v>
      </c>
      <c r="S3350" s="5" t="s">
        <v>1523</v>
      </c>
      <c r="T3350" s="5" t="s">
        <v>42</v>
      </c>
      <c r="U3350" s="2">
        <v>1.859</v>
      </c>
      <c r="V3350" s="2">
        <v>1.4550000000000001</v>
      </c>
      <c r="W3350" s="2">
        <v>1.0999999999999999E-2</v>
      </c>
      <c r="X3350" s="2">
        <v>139.1</v>
      </c>
      <c r="Y3350" s="2">
        <v>7.6</v>
      </c>
      <c r="Z3350" s="2">
        <v>10.6</v>
      </c>
      <c r="AA3350" s="5"/>
      <c r="AB3350" s="5" t="s">
        <v>43</v>
      </c>
      <c r="AC3350" s="5" t="s">
        <v>44</v>
      </c>
      <c r="AD3350" s="2"/>
      <c r="AE3350" s="1"/>
    </row>
    <row r="3351" spans="1:31" ht="14.45">
      <c r="A3351" s="11"/>
      <c r="B3351" s="20"/>
      <c r="C3351" s="2" t="s">
        <v>10507</v>
      </c>
      <c r="D3351" s="14" t="s">
        <v>10508</v>
      </c>
      <c r="E3351" s="2" t="s">
        <v>10509</v>
      </c>
      <c r="F3351" s="2" t="s">
        <v>7619</v>
      </c>
      <c r="G3351" s="8">
        <v>135</v>
      </c>
      <c r="H3351" s="5">
        <v>6</v>
      </c>
      <c r="I3351" s="5" t="s">
        <v>1518</v>
      </c>
      <c r="J3351" s="5" t="s">
        <v>1519</v>
      </c>
      <c r="K3351" s="2" t="s">
        <v>1520</v>
      </c>
      <c r="L3351" s="5" t="s">
        <v>1519</v>
      </c>
      <c r="M3351" s="2" t="s">
        <v>1520</v>
      </c>
      <c r="N3351" s="5" t="s">
        <v>1521</v>
      </c>
      <c r="O3351" s="5" t="s">
        <v>38</v>
      </c>
      <c r="P3351" s="5" t="s">
        <v>39</v>
      </c>
      <c r="Q3351" s="5" t="s">
        <v>40</v>
      </c>
      <c r="R3351" s="5" t="s">
        <v>1522</v>
      </c>
      <c r="S3351" s="5" t="s">
        <v>1523</v>
      </c>
      <c r="T3351" s="5" t="s">
        <v>42</v>
      </c>
      <c r="U3351" s="2">
        <v>1.9039999999999999</v>
      </c>
      <c r="V3351" s="2">
        <v>1.5</v>
      </c>
      <c r="W3351" s="2">
        <v>1.0999999999999999E-2</v>
      </c>
      <c r="X3351" s="2">
        <v>139.1</v>
      </c>
      <c r="Y3351" s="2">
        <v>7.6</v>
      </c>
      <c r="Z3351" s="2">
        <v>10.6</v>
      </c>
      <c r="AA3351" s="5"/>
      <c r="AB3351" s="5" t="s">
        <v>43</v>
      </c>
      <c r="AC3351" s="5" t="s">
        <v>44</v>
      </c>
      <c r="AD3351" s="2"/>
      <c r="AE3351" s="1"/>
    </row>
    <row r="3352" spans="1:31" ht="14.45">
      <c r="A3352" s="11"/>
      <c r="B3352" s="20"/>
      <c r="C3352" s="2" t="s">
        <v>10510</v>
      </c>
      <c r="D3352" s="14" t="s">
        <v>10511</v>
      </c>
      <c r="E3352" s="2" t="s">
        <v>10512</v>
      </c>
      <c r="F3352" s="2" t="s">
        <v>1823</v>
      </c>
      <c r="G3352" s="8">
        <v>135</v>
      </c>
      <c r="H3352" s="5">
        <v>8</v>
      </c>
      <c r="I3352" s="5" t="s">
        <v>1518</v>
      </c>
      <c r="J3352" s="5" t="s">
        <v>1519</v>
      </c>
      <c r="K3352" s="2" t="s">
        <v>1520</v>
      </c>
      <c r="L3352" s="5" t="s">
        <v>1519</v>
      </c>
      <c r="M3352" s="2" t="s">
        <v>1520</v>
      </c>
      <c r="N3352" s="5" t="s">
        <v>1521</v>
      </c>
      <c r="O3352" s="5" t="s">
        <v>38</v>
      </c>
      <c r="P3352" s="5" t="s">
        <v>39</v>
      </c>
      <c r="Q3352" s="5" t="s">
        <v>40</v>
      </c>
      <c r="R3352" s="5" t="s">
        <v>1522</v>
      </c>
      <c r="S3352" s="5" t="s">
        <v>1523</v>
      </c>
      <c r="T3352" s="5" t="s">
        <v>42</v>
      </c>
      <c r="U3352" s="2">
        <v>1.9</v>
      </c>
      <c r="V3352" s="2">
        <v>1.496</v>
      </c>
      <c r="W3352" s="2">
        <v>1.0999999999999999E-2</v>
      </c>
      <c r="X3352" s="2">
        <v>139.1</v>
      </c>
      <c r="Y3352" s="2">
        <v>7.6</v>
      </c>
      <c r="Z3352" s="2">
        <v>10.6</v>
      </c>
      <c r="AA3352" s="5"/>
      <c r="AB3352" s="5" t="s">
        <v>43</v>
      </c>
      <c r="AC3352" s="5" t="s">
        <v>44</v>
      </c>
      <c r="AD3352" s="2"/>
      <c r="AE3352" s="1"/>
    </row>
    <row r="3353" spans="1:31" ht="14.45">
      <c r="A3353" s="11"/>
      <c r="B3353" s="20"/>
      <c r="C3353" s="2" t="s">
        <v>10513</v>
      </c>
      <c r="D3353" s="14" t="s">
        <v>10514</v>
      </c>
      <c r="E3353" s="2" t="s">
        <v>10515</v>
      </c>
      <c r="F3353" s="2" t="s">
        <v>1827</v>
      </c>
      <c r="G3353" s="8">
        <v>135</v>
      </c>
      <c r="H3353" s="5">
        <v>8</v>
      </c>
      <c r="I3353" s="5" t="s">
        <v>1518</v>
      </c>
      <c r="J3353" s="5" t="s">
        <v>1519</v>
      </c>
      <c r="K3353" s="2" t="s">
        <v>1520</v>
      </c>
      <c r="L3353" s="5" t="s">
        <v>1519</v>
      </c>
      <c r="M3353" s="2" t="s">
        <v>1520</v>
      </c>
      <c r="N3353" s="5" t="s">
        <v>1521</v>
      </c>
      <c r="O3353" s="5" t="s">
        <v>38</v>
      </c>
      <c r="P3353" s="5" t="s">
        <v>39</v>
      </c>
      <c r="Q3353" s="5" t="s">
        <v>40</v>
      </c>
      <c r="R3353" s="5" t="s">
        <v>1522</v>
      </c>
      <c r="S3353" s="5" t="s">
        <v>1523</v>
      </c>
      <c r="T3353" s="5" t="s">
        <v>42</v>
      </c>
      <c r="U3353" s="2">
        <v>1.9450000000000001</v>
      </c>
      <c r="V3353" s="2">
        <v>1.5409999999999999</v>
      </c>
      <c r="W3353" s="2">
        <v>1.0999999999999999E-2</v>
      </c>
      <c r="X3353" s="2">
        <v>139.1</v>
      </c>
      <c r="Y3353" s="2">
        <v>7.6</v>
      </c>
      <c r="Z3353" s="2">
        <v>10.6</v>
      </c>
      <c r="AA3353" s="5"/>
      <c r="AB3353" s="5" t="s">
        <v>43</v>
      </c>
      <c r="AC3353" s="5" t="s">
        <v>44</v>
      </c>
      <c r="AD3353" s="2"/>
      <c r="AE3353" s="1"/>
    </row>
    <row r="3354" spans="1:31" ht="14.45">
      <c r="A3354" s="11"/>
      <c r="B3354" s="20"/>
      <c r="C3354" s="2" t="s">
        <v>10516</v>
      </c>
      <c r="D3354" s="14" t="s">
        <v>10517</v>
      </c>
      <c r="E3354" s="2" t="s">
        <v>10518</v>
      </c>
      <c r="F3354" s="2" t="s">
        <v>1973</v>
      </c>
      <c r="G3354" s="8">
        <v>135</v>
      </c>
      <c r="H3354" s="5">
        <v>13</v>
      </c>
      <c r="I3354" s="5" t="s">
        <v>1518</v>
      </c>
      <c r="J3354" s="5" t="s">
        <v>1519</v>
      </c>
      <c r="K3354" s="2" t="s">
        <v>1520</v>
      </c>
      <c r="L3354" s="5" t="s">
        <v>1519</v>
      </c>
      <c r="M3354" s="2" t="s">
        <v>1520</v>
      </c>
      <c r="N3354" s="5" t="s">
        <v>1521</v>
      </c>
      <c r="O3354" s="5" t="s">
        <v>38</v>
      </c>
      <c r="P3354" s="5" t="s">
        <v>39</v>
      </c>
      <c r="Q3354" s="5" t="s">
        <v>40</v>
      </c>
      <c r="R3354" s="5" t="s">
        <v>1522</v>
      </c>
      <c r="S3354" s="5" t="s">
        <v>1523</v>
      </c>
      <c r="T3354" s="5" t="s">
        <v>42</v>
      </c>
      <c r="U3354" s="2">
        <v>1.915</v>
      </c>
      <c r="V3354" s="2">
        <v>1.5109999999999999</v>
      </c>
      <c r="W3354" s="2">
        <v>1.0999999999999999E-2</v>
      </c>
      <c r="X3354" s="2">
        <v>139.1</v>
      </c>
      <c r="Y3354" s="2">
        <v>7.6</v>
      </c>
      <c r="Z3354" s="2">
        <v>10.6</v>
      </c>
      <c r="AA3354" s="5"/>
      <c r="AB3354" s="5" t="s">
        <v>43</v>
      </c>
      <c r="AC3354" s="5" t="s">
        <v>44</v>
      </c>
      <c r="AD3354" s="2"/>
      <c r="AE3354" s="1"/>
    </row>
    <row r="3355" spans="1:31" ht="14.45">
      <c r="A3355" s="11"/>
      <c r="B3355" s="20"/>
      <c r="C3355" s="2" t="s">
        <v>10519</v>
      </c>
      <c r="D3355" s="14" t="s">
        <v>10520</v>
      </c>
      <c r="E3355" s="2" t="s">
        <v>10521</v>
      </c>
      <c r="F3355" s="2" t="s">
        <v>2348</v>
      </c>
      <c r="G3355" s="8">
        <v>135</v>
      </c>
      <c r="H3355" s="5">
        <v>13</v>
      </c>
      <c r="I3355" s="5" t="s">
        <v>1518</v>
      </c>
      <c r="J3355" s="5" t="s">
        <v>1519</v>
      </c>
      <c r="K3355" s="2" t="s">
        <v>1520</v>
      </c>
      <c r="L3355" s="5" t="s">
        <v>1519</v>
      </c>
      <c r="M3355" s="2" t="s">
        <v>1520</v>
      </c>
      <c r="N3355" s="5" t="s">
        <v>1521</v>
      </c>
      <c r="O3355" s="5" t="s">
        <v>38</v>
      </c>
      <c r="P3355" s="5" t="s">
        <v>39</v>
      </c>
      <c r="Q3355" s="5" t="s">
        <v>40</v>
      </c>
      <c r="R3355" s="5" t="s">
        <v>1522</v>
      </c>
      <c r="S3355" s="5" t="s">
        <v>1523</v>
      </c>
      <c r="T3355" s="5" t="s">
        <v>42</v>
      </c>
      <c r="U3355" s="2">
        <v>1.96</v>
      </c>
      <c r="V3355" s="2">
        <v>1.556</v>
      </c>
      <c r="W3355" s="2">
        <v>1.0999999999999999E-2</v>
      </c>
      <c r="X3355" s="2">
        <v>139.1</v>
      </c>
      <c r="Y3355" s="2">
        <v>7.6</v>
      </c>
      <c r="Z3355" s="2">
        <v>10.6</v>
      </c>
      <c r="AA3355" s="5"/>
      <c r="AB3355" s="5" t="s">
        <v>43</v>
      </c>
      <c r="AC3355" s="5" t="s">
        <v>44</v>
      </c>
      <c r="AD3355" s="2"/>
      <c r="AE3355" s="1"/>
    </row>
    <row r="3356" spans="1:31" ht="14.45">
      <c r="A3356" s="11"/>
      <c r="B3356" s="20"/>
      <c r="C3356" s="2" t="s">
        <v>10522</v>
      </c>
      <c r="D3356" s="14" t="s">
        <v>10523</v>
      </c>
      <c r="E3356" s="2" t="s">
        <v>10524</v>
      </c>
      <c r="F3356" s="2" t="s">
        <v>2204</v>
      </c>
      <c r="G3356" s="8">
        <v>135</v>
      </c>
      <c r="H3356" s="5">
        <v>13</v>
      </c>
      <c r="I3356" s="5" t="s">
        <v>1518</v>
      </c>
      <c r="J3356" s="5" t="s">
        <v>1519</v>
      </c>
      <c r="K3356" s="2" t="s">
        <v>1520</v>
      </c>
      <c r="L3356" s="5" t="s">
        <v>1519</v>
      </c>
      <c r="M3356" s="2" t="s">
        <v>1520</v>
      </c>
      <c r="N3356" s="5" t="s">
        <v>1521</v>
      </c>
      <c r="O3356" s="5" t="s">
        <v>38</v>
      </c>
      <c r="P3356" s="5" t="s">
        <v>39</v>
      </c>
      <c r="Q3356" s="5" t="s">
        <v>40</v>
      </c>
      <c r="R3356" s="5" t="s">
        <v>1522</v>
      </c>
      <c r="S3356" s="5" t="s">
        <v>1523</v>
      </c>
      <c r="T3356" s="5" t="s">
        <v>42</v>
      </c>
      <c r="U3356" s="2">
        <v>1.915</v>
      </c>
      <c r="V3356" s="2">
        <v>1.5109999999999999</v>
      </c>
      <c r="W3356" s="2">
        <v>1.0999999999999999E-2</v>
      </c>
      <c r="X3356" s="2">
        <v>139.1</v>
      </c>
      <c r="Y3356" s="2">
        <v>7.6</v>
      </c>
      <c r="Z3356" s="2">
        <v>10.6</v>
      </c>
      <c r="AA3356" s="5"/>
      <c r="AB3356" s="5" t="s">
        <v>43</v>
      </c>
      <c r="AC3356" s="5" t="s">
        <v>44</v>
      </c>
      <c r="AD3356" s="2"/>
      <c r="AE3356" s="1"/>
    </row>
    <row r="3357" spans="1:31" ht="14.45">
      <c r="A3357" s="11"/>
      <c r="B3357" s="20"/>
      <c r="C3357" s="2" t="s">
        <v>10525</v>
      </c>
      <c r="D3357" s="14" t="s">
        <v>10526</v>
      </c>
      <c r="E3357" s="2" t="s">
        <v>10527</v>
      </c>
      <c r="F3357" s="2" t="s">
        <v>2724</v>
      </c>
      <c r="G3357" s="8">
        <v>135</v>
      </c>
      <c r="H3357" s="5">
        <v>13</v>
      </c>
      <c r="I3357" s="5" t="s">
        <v>1518</v>
      </c>
      <c r="J3357" s="5" t="s">
        <v>1519</v>
      </c>
      <c r="K3357" s="2" t="s">
        <v>1520</v>
      </c>
      <c r="L3357" s="5" t="s">
        <v>1519</v>
      </c>
      <c r="M3357" s="2" t="s">
        <v>1520</v>
      </c>
      <c r="N3357" s="5" t="s">
        <v>1521</v>
      </c>
      <c r="O3357" s="5" t="s">
        <v>38</v>
      </c>
      <c r="P3357" s="5" t="s">
        <v>39</v>
      </c>
      <c r="Q3357" s="5" t="s">
        <v>40</v>
      </c>
      <c r="R3357" s="5" t="s">
        <v>1522</v>
      </c>
      <c r="S3357" s="5" t="s">
        <v>1523</v>
      </c>
      <c r="T3357" s="5" t="s">
        <v>42</v>
      </c>
      <c r="U3357" s="2">
        <v>1.96</v>
      </c>
      <c r="V3357" s="2">
        <v>1.556</v>
      </c>
      <c r="W3357" s="2">
        <v>1.0999999999999999E-2</v>
      </c>
      <c r="X3357" s="2">
        <v>139.1</v>
      </c>
      <c r="Y3357" s="2">
        <v>7.6</v>
      </c>
      <c r="Z3357" s="2">
        <v>10.6</v>
      </c>
      <c r="AA3357" s="5"/>
      <c r="AB3357" s="5" t="s">
        <v>43</v>
      </c>
      <c r="AC3357" s="5" t="s">
        <v>44</v>
      </c>
      <c r="AD3357" s="2"/>
      <c r="AE3357" s="1"/>
    </row>
    <row r="3358" spans="1:31" ht="14.45">
      <c r="A3358" s="11"/>
      <c r="B3358" s="20"/>
      <c r="C3358" s="2" t="s">
        <v>10528</v>
      </c>
      <c r="D3358" s="14" t="s">
        <v>10529</v>
      </c>
      <c r="E3358" s="2" t="s">
        <v>10530</v>
      </c>
      <c r="F3358" s="2" t="s">
        <v>2208</v>
      </c>
      <c r="G3358" s="8">
        <v>135</v>
      </c>
      <c r="H3358" s="5">
        <v>13</v>
      </c>
      <c r="I3358" s="5" t="s">
        <v>1518</v>
      </c>
      <c r="J3358" s="5" t="s">
        <v>1519</v>
      </c>
      <c r="K3358" s="2" t="s">
        <v>1520</v>
      </c>
      <c r="L3358" s="5" t="s">
        <v>1519</v>
      </c>
      <c r="M3358" s="2" t="s">
        <v>1520</v>
      </c>
      <c r="N3358" s="5" t="s">
        <v>1521</v>
      </c>
      <c r="O3358" s="5" t="s">
        <v>38</v>
      </c>
      <c r="P3358" s="5" t="s">
        <v>39</v>
      </c>
      <c r="Q3358" s="5" t="s">
        <v>40</v>
      </c>
      <c r="R3358" s="5" t="s">
        <v>1522</v>
      </c>
      <c r="S3358" s="5" t="s">
        <v>1523</v>
      </c>
      <c r="T3358" s="5" t="s">
        <v>42</v>
      </c>
      <c r="U3358" s="2">
        <v>1.915</v>
      </c>
      <c r="V3358" s="2">
        <v>1.5109999999999999</v>
      </c>
      <c r="W3358" s="2">
        <v>1.0999999999999999E-2</v>
      </c>
      <c r="X3358" s="2">
        <v>139.1</v>
      </c>
      <c r="Y3358" s="2">
        <v>7.6</v>
      </c>
      <c r="Z3358" s="2">
        <v>10.6</v>
      </c>
      <c r="AA3358" s="5"/>
      <c r="AB3358" s="5" t="s">
        <v>43</v>
      </c>
      <c r="AC3358" s="5" t="s">
        <v>44</v>
      </c>
      <c r="AD3358" s="2"/>
      <c r="AE3358" s="1"/>
    </row>
    <row r="3359" spans="1:31" ht="14.45">
      <c r="A3359" s="11"/>
      <c r="B3359" s="20"/>
      <c r="C3359" s="2" t="s">
        <v>10531</v>
      </c>
      <c r="D3359" s="14" t="s">
        <v>10532</v>
      </c>
      <c r="E3359" s="2" t="s">
        <v>10533</v>
      </c>
      <c r="F3359" s="2" t="s">
        <v>2212</v>
      </c>
      <c r="G3359" s="8">
        <v>135</v>
      </c>
      <c r="H3359" s="5">
        <v>13</v>
      </c>
      <c r="I3359" s="5" t="s">
        <v>1518</v>
      </c>
      <c r="J3359" s="5" t="s">
        <v>1519</v>
      </c>
      <c r="K3359" s="2" t="s">
        <v>1520</v>
      </c>
      <c r="L3359" s="5" t="s">
        <v>1519</v>
      </c>
      <c r="M3359" s="2" t="s">
        <v>1520</v>
      </c>
      <c r="N3359" s="5" t="s">
        <v>1521</v>
      </c>
      <c r="O3359" s="5" t="s">
        <v>38</v>
      </c>
      <c r="P3359" s="5" t="s">
        <v>39</v>
      </c>
      <c r="Q3359" s="5" t="s">
        <v>40</v>
      </c>
      <c r="R3359" s="5" t="s">
        <v>1522</v>
      </c>
      <c r="S3359" s="5" t="s">
        <v>1523</v>
      </c>
      <c r="T3359" s="5" t="s">
        <v>42</v>
      </c>
      <c r="U3359" s="2">
        <v>1.96</v>
      </c>
      <c r="V3359" s="2">
        <v>1.556</v>
      </c>
      <c r="W3359" s="2">
        <v>1.0999999999999999E-2</v>
      </c>
      <c r="X3359" s="2">
        <v>139.1</v>
      </c>
      <c r="Y3359" s="2">
        <v>7.6</v>
      </c>
      <c r="Z3359" s="2">
        <v>10.6</v>
      </c>
      <c r="AA3359" s="5"/>
      <c r="AB3359" s="5" t="s">
        <v>43</v>
      </c>
      <c r="AC3359" s="5" t="s">
        <v>44</v>
      </c>
      <c r="AD3359" s="2"/>
      <c r="AE3359" s="1"/>
    </row>
    <row r="3360" spans="1:31" ht="14.45">
      <c r="A3360" s="11"/>
      <c r="B3360" s="20"/>
      <c r="C3360" s="2" t="s">
        <v>10534</v>
      </c>
      <c r="D3360" s="14" t="s">
        <v>10535</v>
      </c>
      <c r="E3360" s="2" t="s">
        <v>10536</v>
      </c>
      <c r="F3360" s="2" t="s">
        <v>1831</v>
      </c>
      <c r="G3360" s="8">
        <v>135</v>
      </c>
      <c r="H3360" s="5">
        <v>13</v>
      </c>
      <c r="I3360" s="5" t="s">
        <v>1518</v>
      </c>
      <c r="J3360" s="5" t="s">
        <v>1519</v>
      </c>
      <c r="K3360" s="2" t="s">
        <v>1520</v>
      </c>
      <c r="L3360" s="5" t="s">
        <v>1519</v>
      </c>
      <c r="M3360" s="2" t="s">
        <v>1520</v>
      </c>
      <c r="N3360" s="5" t="s">
        <v>1521</v>
      </c>
      <c r="O3360" s="5" t="s">
        <v>38</v>
      </c>
      <c r="P3360" s="5" t="s">
        <v>39</v>
      </c>
      <c r="Q3360" s="5" t="s">
        <v>40</v>
      </c>
      <c r="R3360" s="5" t="s">
        <v>1522</v>
      </c>
      <c r="S3360" s="5" t="s">
        <v>1523</v>
      </c>
      <c r="T3360" s="5" t="s">
        <v>42</v>
      </c>
      <c r="U3360" s="2">
        <v>1.915</v>
      </c>
      <c r="V3360" s="2">
        <v>1.5109999999999999</v>
      </c>
      <c r="W3360" s="2">
        <v>1.0999999999999999E-2</v>
      </c>
      <c r="X3360" s="2">
        <v>139.1</v>
      </c>
      <c r="Y3360" s="2">
        <v>7.6</v>
      </c>
      <c r="Z3360" s="2">
        <v>10.6</v>
      </c>
      <c r="AA3360" s="5"/>
      <c r="AB3360" s="5" t="s">
        <v>43</v>
      </c>
      <c r="AC3360" s="5" t="s">
        <v>44</v>
      </c>
      <c r="AD3360" s="2"/>
      <c r="AE3360" s="1"/>
    </row>
    <row r="3361" spans="1:31" ht="14.45">
      <c r="A3361" s="11"/>
      <c r="B3361" s="20"/>
      <c r="C3361" s="2" t="s">
        <v>10537</v>
      </c>
      <c r="D3361" s="14" t="s">
        <v>10538</v>
      </c>
      <c r="E3361" s="2" t="s">
        <v>10539</v>
      </c>
      <c r="F3361" s="2" t="s">
        <v>1835</v>
      </c>
      <c r="G3361" s="8">
        <v>135</v>
      </c>
      <c r="H3361" s="5">
        <v>13</v>
      </c>
      <c r="I3361" s="5" t="s">
        <v>1518</v>
      </c>
      <c r="J3361" s="5" t="s">
        <v>1519</v>
      </c>
      <c r="K3361" s="2" t="s">
        <v>1520</v>
      </c>
      <c r="L3361" s="5" t="s">
        <v>1519</v>
      </c>
      <c r="M3361" s="2" t="s">
        <v>1520</v>
      </c>
      <c r="N3361" s="5" t="s">
        <v>1521</v>
      </c>
      <c r="O3361" s="5" t="s">
        <v>38</v>
      </c>
      <c r="P3361" s="5" t="s">
        <v>39</v>
      </c>
      <c r="Q3361" s="5" t="s">
        <v>40</v>
      </c>
      <c r="R3361" s="5" t="s">
        <v>1522</v>
      </c>
      <c r="S3361" s="5" t="s">
        <v>1523</v>
      </c>
      <c r="T3361" s="5" t="s">
        <v>42</v>
      </c>
      <c r="U3361" s="2">
        <v>1.96</v>
      </c>
      <c r="V3361" s="2">
        <v>1.556</v>
      </c>
      <c r="W3361" s="2">
        <v>1.0999999999999999E-2</v>
      </c>
      <c r="X3361" s="2">
        <v>139.1</v>
      </c>
      <c r="Y3361" s="2">
        <v>7.6</v>
      </c>
      <c r="Z3361" s="2">
        <v>10.6</v>
      </c>
      <c r="AA3361" s="5"/>
      <c r="AB3361" s="5" t="s">
        <v>43</v>
      </c>
      <c r="AC3361" s="5" t="s">
        <v>44</v>
      </c>
      <c r="AD3361" s="2"/>
      <c r="AE3361" s="1"/>
    </row>
    <row r="3362" spans="1:31" ht="14.45">
      <c r="A3362" s="11"/>
      <c r="B3362" s="20"/>
      <c r="C3362" s="2" t="s">
        <v>10540</v>
      </c>
      <c r="D3362" s="14" t="s">
        <v>10541</v>
      </c>
      <c r="E3362" s="2" t="s">
        <v>10542</v>
      </c>
      <c r="F3362" s="2" t="s">
        <v>1839</v>
      </c>
      <c r="G3362" s="8">
        <v>135</v>
      </c>
      <c r="H3362" s="5">
        <v>13</v>
      </c>
      <c r="I3362" s="5" t="s">
        <v>1518</v>
      </c>
      <c r="J3362" s="5" t="s">
        <v>1519</v>
      </c>
      <c r="K3362" s="2" t="s">
        <v>1520</v>
      </c>
      <c r="L3362" s="5" t="s">
        <v>1519</v>
      </c>
      <c r="M3362" s="2" t="s">
        <v>1520</v>
      </c>
      <c r="N3362" s="5" t="s">
        <v>1521</v>
      </c>
      <c r="O3362" s="5" t="s">
        <v>38</v>
      </c>
      <c r="P3362" s="5" t="s">
        <v>39</v>
      </c>
      <c r="Q3362" s="5" t="s">
        <v>40</v>
      </c>
      <c r="R3362" s="5" t="s">
        <v>1522</v>
      </c>
      <c r="S3362" s="5" t="s">
        <v>1523</v>
      </c>
      <c r="T3362" s="5" t="s">
        <v>42</v>
      </c>
      <c r="U3362" s="2">
        <v>1.915</v>
      </c>
      <c r="V3362" s="2">
        <v>1.5109999999999999</v>
      </c>
      <c r="W3362" s="2">
        <v>1.0999999999999999E-2</v>
      </c>
      <c r="X3362" s="2">
        <v>139.1</v>
      </c>
      <c r="Y3362" s="2">
        <v>7.6</v>
      </c>
      <c r="Z3362" s="2">
        <v>10.6</v>
      </c>
      <c r="AA3362" s="5"/>
      <c r="AB3362" s="5" t="s">
        <v>43</v>
      </c>
      <c r="AC3362" s="5" t="s">
        <v>44</v>
      </c>
      <c r="AD3362" s="2"/>
      <c r="AE3362" s="1"/>
    </row>
    <row r="3363" spans="1:31" ht="14.45">
      <c r="A3363" s="11"/>
      <c r="B3363" s="20"/>
      <c r="C3363" s="2" t="s">
        <v>10543</v>
      </c>
      <c r="D3363" s="14" t="s">
        <v>10544</v>
      </c>
      <c r="E3363" s="2" t="s">
        <v>10545</v>
      </c>
      <c r="F3363" s="2" t="s">
        <v>1986</v>
      </c>
      <c r="G3363" s="8">
        <v>135</v>
      </c>
      <c r="H3363" s="5">
        <v>13</v>
      </c>
      <c r="I3363" s="5" t="s">
        <v>1518</v>
      </c>
      <c r="J3363" s="5" t="s">
        <v>1519</v>
      </c>
      <c r="K3363" s="2" t="s">
        <v>1520</v>
      </c>
      <c r="L3363" s="5" t="s">
        <v>1519</v>
      </c>
      <c r="M3363" s="2" t="s">
        <v>1520</v>
      </c>
      <c r="N3363" s="5" t="s">
        <v>1521</v>
      </c>
      <c r="O3363" s="5" t="s">
        <v>38</v>
      </c>
      <c r="P3363" s="5" t="s">
        <v>39</v>
      </c>
      <c r="Q3363" s="5" t="s">
        <v>40</v>
      </c>
      <c r="R3363" s="5" t="s">
        <v>1522</v>
      </c>
      <c r="S3363" s="5" t="s">
        <v>1523</v>
      </c>
      <c r="T3363" s="5" t="s">
        <v>42</v>
      </c>
      <c r="U3363" s="2">
        <v>1.96</v>
      </c>
      <c r="V3363" s="2">
        <v>1.556</v>
      </c>
      <c r="W3363" s="2">
        <v>1.0999999999999999E-2</v>
      </c>
      <c r="X3363" s="2">
        <v>139.1</v>
      </c>
      <c r="Y3363" s="2">
        <v>7.6</v>
      </c>
      <c r="Z3363" s="2">
        <v>10.6</v>
      </c>
      <c r="AA3363" s="5"/>
      <c r="AB3363" s="5" t="s">
        <v>43</v>
      </c>
      <c r="AC3363" s="5" t="s">
        <v>44</v>
      </c>
      <c r="AD3363" s="2"/>
      <c r="AE3363" s="1"/>
    </row>
    <row r="3364" spans="1:31" ht="14.45">
      <c r="A3364" s="11"/>
      <c r="B3364" s="20"/>
      <c r="C3364" s="2" t="s">
        <v>10546</v>
      </c>
      <c r="D3364" s="14" t="s">
        <v>10547</v>
      </c>
      <c r="E3364" s="2" t="s">
        <v>10548</v>
      </c>
      <c r="F3364" s="2" t="s">
        <v>1843</v>
      </c>
      <c r="G3364" s="8">
        <v>135</v>
      </c>
      <c r="H3364" s="5">
        <v>13</v>
      </c>
      <c r="I3364" s="5" t="s">
        <v>1518</v>
      </c>
      <c r="J3364" s="5" t="s">
        <v>1519</v>
      </c>
      <c r="K3364" s="2" t="s">
        <v>1520</v>
      </c>
      <c r="L3364" s="5" t="s">
        <v>1519</v>
      </c>
      <c r="M3364" s="2" t="s">
        <v>1520</v>
      </c>
      <c r="N3364" s="5" t="s">
        <v>1521</v>
      </c>
      <c r="O3364" s="5" t="s">
        <v>38</v>
      </c>
      <c r="P3364" s="5" t="s">
        <v>39</v>
      </c>
      <c r="Q3364" s="5" t="s">
        <v>40</v>
      </c>
      <c r="R3364" s="5" t="s">
        <v>1522</v>
      </c>
      <c r="S3364" s="5" t="s">
        <v>1523</v>
      </c>
      <c r="T3364" s="5" t="s">
        <v>42</v>
      </c>
      <c r="U3364" s="2">
        <v>1.915</v>
      </c>
      <c r="V3364" s="2">
        <v>1.5109999999999999</v>
      </c>
      <c r="W3364" s="2">
        <v>1.0999999999999999E-2</v>
      </c>
      <c r="X3364" s="2">
        <v>139.1</v>
      </c>
      <c r="Y3364" s="2">
        <v>7.6</v>
      </c>
      <c r="Z3364" s="2">
        <v>10.6</v>
      </c>
      <c r="AA3364" s="5"/>
      <c r="AB3364" s="5" t="s">
        <v>43</v>
      </c>
      <c r="AC3364" s="5" t="s">
        <v>44</v>
      </c>
      <c r="AD3364" s="2"/>
      <c r="AE3364" s="1"/>
    </row>
    <row r="3365" spans="1:31" ht="14.45">
      <c r="A3365" s="11"/>
      <c r="B3365" s="20"/>
      <c r="C3365" s="2" t="s">
        <v>10549</v>
      </c>
      <c r="D3365" s="14" t="s">
        <v>10550</v>
      </c>
      <c r="E3365" s="2" t="s">
        <v>10551</v>
      </c>
      <c r="F3365" s="2" t="s">
        <v>1847</v>
      </c>
      <c r="G3365" s="8">
        <v>135</v>
      </c>
      <c r="H3365" s="5">
        <v>13</v>
      </c>
      <c r="I3365" s="5" t="s">
        <v>1518</v>
      </c>
      <c r="J3365" s="5" t="s">
        <v>1519</v>
      </c>
      <c r="K3365" s="2" t="s">
        <v>1520</v>
      </c>
      <c r="L3365" s="5" t="s">
        <v>1519</v>
      </c>
      <c r="M3365" s="2" t="s">
        <v>1520</v>
      </c>
      <c r="N3365" s="5" t="s">
        <v>1521</v>
      </c>
      <c r="O3365" s="5" t="s">
        <v>38</v>
      </c>
      <c r="P3365" s="5" t="s">
        <v>39</v>
      </c>
      <c r="Q3365" s="5" t="s">
        <v>40</v>
      </c>
      <c r="R3365" s="5" t="s">
        <v>1522</v>
      </c>
      <c r="S3365" s="5" t="s">
        <v>1523</v>
      </c>
      <c r="T3365" s="5" t="s">
        <v>42</v>
      </c>
      <c r="U3365" s="2">
        <v>1.96</v>
      </c>
      <c r="V3365" s="2">
        <v>1.556</v>
      </c>
      <c r="W3365" s="2">
        <v>1.0999999999999999E-2</v>
      </c>
      <c r="X3365" s="2">
        <v>139.1</v>
      </c>
      <c r="Y3365" s="2">
        <v>7.6</v>
      </c>
      <c r="Z3365" s="2">
        <v>10.6</v>
      </c>
      <c r="AA3365" s="5"/>
      <c r="AB3365" s="5" t="s">
        <v>43</v>
      </c>
      <c r="AC3365" s="5" t="s">
        <v>44</v>
      </c>
      <c r="AD3365" s="2"/>
      <c r="AE3365" s="1"/>
    </row>
    <row r="3366" spans="1:31" ht="14.45">
      <c r="A3366" s="11"/>
      <c r="B3366" s="20"/>
      <c r="C3366" s="2" t="s">
        <v>10552</v>
      </c>
      <c r="D3366" s="14" t="s">
        <v>10553</v>
      </c>
      <c r="E3366" s="2" t="s">
        <v>10554</v>
      </c>
      <c r="F3366" s="2" t="s">
        <v>1851</v>
      </c>
      <c r="G3366" s="8">
        <v>135</v>
      </c>
      <c r="H3366" s="5">
        <v>13</v>
      </c>
      <c r="I3366" s="5" t="s">
        <v>1518</v>
      </c>
      <c r="J3366" s="5" t="s">
        <v>1519</v>
      </c>
      <c r="K3366" s="2" t="s">
        <v>1520</v>
      </c>
      <c r="L3366" s="5" t="s">
        <v>1519</v>
      </c>
      <c r="M3366" s="2" t="s">
        <v>1520</v>
      </c>
      <c r="N3366" s="5" t="s">
        <v>1521</v>
      </c>
      <c r="O3366" s="5" t="s">
        <v>38</v>
      </c>
      <c r="P3366" s="5" t="s">
        <v>39</v>
      </c>
      <c r="Q3366" s="5" t="s">
        <v>40</v>
      </c>
      <c r="R3366" s="5" t="s">
        <v>1522</v>
      </c>
      <c r="S3366" s="5" t="s">
        <v>1523</v>
      </c>
      <c r="T3366" s="5" t="s">
        <v>42</v>
      </c>
      <c r="U3366" s="2">
        <v>1.915</v>
      </c>
      <c r="V3366" s="2">
        <v>1.5109999999999999</v>
      </c>
      <c r="W3366" s="2">
        <v>1.0999999999999999E-2</v>
      </c>
      <c r="X3366" s="2">
        <v>139.1</v>
      </c>
      <c r="Y3366" s="2">
        <v>7.6</v>
      </c>
      <c r="Z3366" s="2">
        <v>10.6</v>
      </c>
      <c r="AA3366" s="5"/>
      <c r="AB3366" s="5" t="s">
        <v>43</v>
      </c>
      <c r="AC3366" s="5" t="s">
        <v>44</v>
      </c>
      <c r="AD3366" s="2"/>
      <c r="AE3366" s="1"/>
    </row>
    <row r="3367" spans="1:31" ht="14.45">
      <c r="A3367" s="11"/>
      <c r="B3367" s="20"/>
      <c r="C3367" s="2" t="s">
        <v>10555</v>
      </c>
      <c r="D3367" s="14" t="s">
        <v>10556</v>
      </c>
      <c r="E3367" s="2" t="s">
        <v>10557</v>
      </c>
      <c r="F3367" s="2" t="s">
        <v>1999</v>
      </c>
      <c r="G3367" s="8">
        <v>135</v>
      </c>
      <c r="H3367" s="5">
        <v>13</v>
      </c>
      <c r="I3367" s="5" t="s">
        <v>1518</v>
      </c>
      <c r="J3367" s="5" t="s">
        <v>1519</v>
      </c>
      <c r="K3367" s="2" t="s">
        <v>1520</v>
      </c>
      <c r="L3367" s="5" t="s">
        <v>1519</v>
      </c>
      <c r="M3367" s="2" t="s">
        <v>1520</v>
      </c>
      <c r="N3367" s="5" t="s">
        <v>1521</v>
      </c>
      <c r="O3367" s="5" t="s">
        <v>38</v>
      </c>
      <c r="P3367" s="5" t="s">
        <v>39</v>
      </c>
      <c r="Q3367" s="5" t="s">
        <v>40</v>
      </c>
      <c r="R3367" s="5" t="s">
        <v>1522</v>
      </c>
      <c r="S3367" s="5" t="s">
        <v>1523</v>
      </c>
      <c r="T3367" s="5" t="s">
        <v>42</v>
      </c>
      <c r="U3367" s="2">
        <v>1.96</v>
      </c>
      <c r="V3367" s="2">
        <v>1.556</v>
      </c>
      <c r="W3367" s="2">
        <v>1.0999999999999999E-2</v>
      </c>
      <c r="X3367" s="2">
        <v>139.1</v>
      </c>
      <c r="Y3367" s="2">
        <v>7.6</v>
      </c>
      <c r="Z3367" s="2">
        <v>10.6</v>
      </c>
      <c r="AA3367" s="5"/>
      <c r="AB3367" s="5" t="s">
        <v>43</v>
      </c>
      <c r="AC3367" s="5" t="s">
        <v>44</v>
      </c>
      <c r="AD3367" s="2"/>
      <c r="AE3367" s="1"/>
    </row>
    <row r="3368" spans="1:31" ht="14.45">
      <c r="A3368" s="11"/>
      <c r="B3368" s="20"/>
      <c r="C3368" s="2" t="s">
        <v>10558</v>
      </c>
      <c r="D3368" s="14" t="s">
        <v>10559</v>
      </c>
      <c r="E3368" s="2" t="s">
        <v>10560</v>
      </c>
      <c r="F3368" s="2" t="s">
        <v>1855</v>
      </c>
      <c r="G3368" s="8">
        <v>135</v>
      </c>
      <c r="H3368" s="5">
        <v>13</v>
      </c>
      <c r="I3368" s="5" t="s">
        <v>1518</v>
      </c>
      <c r="J3368" s="5" t="s">
        <v>1519</v>
      </c>
      <c r="K3368" s="2" t="s">
        <v>1520</v>
      </c>
      <c r="L3368" s="5" t="s">
        <v>1519</v>
      </c>
      <c r="M3368" s="2" t="s">
        <v>1520</v>
      </c>
      <c r="N3368" s="5" t="s">
        <v>1521</v>
      </c>
      <c r="O3368" s="5" t="s">
        <v>38</v>
      </c>
      <c r="P3368" s="5" t="s">
        <v>39</v>
      </c>
      <c r="Q3368" s="5" t="s">
        <v>40</v>
      </c>
      <c r="R3368" s="5" t="s">
        <v>1522</v>
      </c>
      <c r="S3368" s="5" t="s">
        <v>1523</v>
      </c>
      <c r="T3368" s="5" t="s">
        <v>42</v>
      </c>
      <c r="U3368" s="2">
        <v>1.915</v>
      </c>
      <c r="V3368" s="2">
        <v>1.5109999999999999</v>
      </c>
      <c r="W3368" s="2">
        <v>1.0999999999999999E-2</v>
      </c>
      <c r="X3368" s="2">
        <v>139.1</v>
      </c>
      <c r="Y3368" s="2">
        <v>7.6</v>
      </c>
      <c r="Z3368" s="2">
        <v>10.6</v>
      </c>
      <c r="AA3368" s="5"/>
      <c r="AB3368" s="5" t="s">
        <v>43</v>
      </c>
      <c r="AC3368" s="5" t="s">
        <v>44</v>
      </c>
      <c r="AD3368" s="2"/>
      <c r="AE3368" s="1"/>
    </row>
    <row r="3369" spans="1:31" ht="14.45">
      <c r="A3369" s="11"/>
      <c r="B3369" s="20"/>
      <c r="C3369" s="2" t="s">
        <v>10561</v>
      </c>
      <c r="D3369" s="14" t="s">
        <v>10562</v>
      </c>
      <c r="E3369" s="2" t="s">
        <v>10563</v>
      </c>
      <c r="F3369" s="2" t="s">
        <v>1859</v>
      </c>
      <c r="G3369" s="8">
        <v>135</v>
      </c>
      <c r="H3369" s="5">
        <v>13</v>
      </c>
      <c r="I3369" s="5" t="s">
        <v>1518</v>
      </c>
      <c r="J3369" s="5" t="s">
        <v>1519</v>
      </c>
      <c r="K3369" s="2" t="s">
        <v>1520</v>
      </c>
      <c r="L3369" s="5" t="s">
        <v>1519</v>
      </c>
      <c r="M3369" s="2" t="s">
        <v>1520</v>
      </c>
      <c r="N3369" s="5" t="s">
        <v>1521</v>
      </c>
      <c r="O3369" s="5" t="s">
        <v>38</v>
      </c>
      <c r="P3369" s="5" t="s">
        <v>39</v>
      </c>
      <c r="Q3369" s="5" t="s">
        <v>40</v>
      </c>
      <c r="R3369" s="5" t="s">
        <v>1522</v>
      </c>
      <c r="S3369" s="5" t="s">
        <v>1523</v>
      </c>
      <c r="T3369" s="5" t="s">
        <v>42</v>
      </c>
      <c r="U3369" s="2">
        <v>1.96</v>
      </c>
      <c r="V3369" s="2">
        <v>1.556</v>
      </c>
      <c r="W3369" s="2">
        <v>1.0999999999999999E-2</v>
      </c>
      <c r="X3369" s="2">
        <v>139.1</v>
      </c>
      <c r="Y3369" s="2">
        <v>7.6</v>
      </c>
      <c r="Z3369" s="2">
        <v>10.6</v>
      </c>
      <c r="AA3369" s="5"/>
      <c r="AB3369" s="5" t="s">
        <v>43</v>
      </c>
      <c r="AC3369" s="5" t="s">
        <v>44</v>
      </c>
      <c r="AD3369" s="2"/>
      <c r="AE3369" s="1"/>
    </row>
    <row r="3370" spans="1:31" ht="14.45">
      <c r="A3370" s="11"/>
      <c r="B3370" s="20"/>
      <c r="C3370" s="2" t="s">
        <v>10564</v>
      </c>
      <c r="D3370" s="14" t="s">
        <v>10565</v>
      </c>
      <c r="E3370" s="2" t="s">
        <v>10566</v>
      </c>
      <c r="F3370" s="2" t="s">
        <v>1863</v>
      </c>
      <c r="G3370" s="8">
        <v>135</v>
      </c>
      <c r="H3370" s="5">
        <v>11</v>
      </c>
      <c r="I3370" s="5" t="s">
        <v>1518</v>
      </c>
      <c r="J3370" s="5" t="s">
        <v>1519</v>
      </c>
      <c r="K3370" s="2" t="s">
        <v>1520</v>
      </c>
      <c r="L3370" s="5" t="s">
        <v>1519</v>
      </c>
      <c r="M3370" s="2" t="s">
        <v>1520</v>
      </c>
      <c r="N3370" s="5" t="s">
        <v>1521</v>
      </c>
      <c r="O3370" s="5" t="s">
        <v>38</v>
      </c>
      <c r="P3370" s="5" t="s">
        <v>39</v>
      </c>
      <c r="Q3370" s="5" t="s">
        <v>40</v>
      </c>
      <c r="R3370" s="5" t="s">
        <v>1522</v>
      </c>
      <c r="S3370" s="5" t="s">
        <v>1523</v>
      </c>
      <c r="T3370" s="5" t="s">
        <v>42</v>
      </c>
      <c r="U3370" s="2">
        <v>1.867</v>
      </c>
      <c r="V3370" s="2">
        <v>1.4610000000000001</v>
      </c>
      <c r="W3370" s="2">
        <v>1.0999999999999999E-2</v>
      </c>
      <c r="X3370" s="2">
        <v>139.1</v>
      </c>
      <c r="Y3370" s="2">
        <v>7.6</v>
      </c>
      <c r="Z3370" s="2">
        <v>10.6</v>
      </c>
      <c r="AA3370" s="5"/>
      <c r="AB3370" s="5" t="s">
        <v>43</v>
      </c>
      <c r="AC3370" s="5" t="s">
        <v>44</v>
      </c>
      <c r="AD3370" s="2"/>
      <c r="AE3370" s="1"/>
    </row>
    <row r="3371" spans="1:31" ht="14.45">
      <c r="A3371" s="11"/>
      <c r="B3371" s="20"/>
      <c r="C3371" s="2" t="s">
        <v>10567</v>
      </c>
      <c r="D3371" s="14" t="s">
        <v>10568</v>
      </c>
      <c r="E3371" s="2" t="s">
        <v>10569</v>
      </c>
      <c r="F3371" s="2" t="s">
        <v>1867</v>
      </c>
      <c r="G3371" s="8">
        <v>135</v>
      </c>
      <c r="H3371" s="5">
        <v>11</v>
      </c>
      <c r="I3371" s="5" t="s">
        <v>1518</v>
      </c>
      <c r="J3371" s="5" t="s">
        <v>1519</v>
      </c>
      <c r="K3371" s="2" t="s">
        <v>1520</v>
      </c>
      <c r="L3371" s="5" t="s">
        <v>1519</v>
      </c>
      <c r="M3371" s="2" t="s">
        <v>1520</v>
      </c>
      <c r="N3371" s="5" t="s">
        <v>1521</v>
      </c>
      <c r="O3371" s="5" t="s">
        <v>38</v>
      </c>
      <c r="P3371" s="5" t="s">
        <v>39</v>
      </c>
      <c r="Q3371" s="5" t="s">
        <v>40</v>
      </c>
      <c r="R3371" s="5" t="s">
        <v>1522</v>
      </c>
      <c r="S3371" s="5" t="s">
        <v>1523</v>
      </c>
      <c r="T3371" s="5" t="s">
        <v>42</v>
      </c>
      <c r="U3371" s="2">
        <v>1.9119999999999999</v>
      </c>
      <c r="V3371" s="2">
        <v>1.506</v>
      </c>
      <c r="W3371" s="2">
        <v>1.0999999999999999E-2</v>
      </c>
      <c r="X3371" s="2">
        <v>139.1</v>
      </c>
      <c r="Y3371" s="2">
        <v>7.6</v>
      </c>
      <c r="Z3371" s="2">
        <v>10.6</v>
      </c>
      <c r="AA3371" s="5"/>
      <c r="AB3371" s="5" t="s">
        <v>43</v>
      </c>
      <c r="AC3371" s="5" t="s">
        <v>44</v>
      </c>
      <c r="AD3371" s="2"/>
      <c r="AE3371" s="1"/>
    </row>
    <row r="3372" spans="1:31" ht="14.45">
      <c r="A3372" s="11"/>
      <c r="B3372" s="20"/>
      <c r="C3372" s="2" t="s">
        <v>10570</v>
      </c>
      <c r="D3372" s="14" t="s">
        <v>10571</v>
      </c>
      <c r="E3372" s="2" t="s">
        <v>10572</v>
      </c>
      <c r="F3372" s="2" t="s">
        <v>7396</v>
      </c>
      <c r="G3372" s="8">
        <v>124</v>
      </c>
      <c r="H3372" s="5">
        <v>5</v>
      </c>
      <c r="I3372" s="5" t="s">
        <v>1518</v>
      </c>
      <c r="J3372" s="5" t="s">
        <v>1519</v>
      </c>
      <c r="K3372" s="2" t="s">
        <v>1520</v>
      </c>
      <c r="L3372" s="5" t="s">
        <v>1519</v>
      </c>
      <c r="M3372" s="2" t="s">
        <v>1520</v>
      </c>
      <c r="N3372" s="5" t="s">
        <v>1521</v>
      </c>
      <c r="O3372" s="5" t="s">
        <v>38</v>
      </c>
      <c r="P3372" s="5" t="s">
        <v>39</v>
      </c>
      <c r="Q3372" s="5" t="s">
        <v>40</v>
      </c>
      <c r="R3372" s="5" t="s">
        <v>1522</v>
      </c>
      <c r="S3372" s="5" t="s">
        <v>1523</v>
      </c>
      <c r="T3372" s="5" t="s">
        <v>42</v>
      </c>
      <c r="U3372" s="2">
        <v>2.036</v>
      </c>
      <c r="V3372" s="2">
        <v>1.5880000000000001</v>
      </c>
      <c r="W3372" s="2">
        <v>1.2999999999999999E-2</v>
      </c>
      <c r="X3372" s="2">
        <v>159.1</v>
      </c>
      <c r="Y3372" s="2">
        <v>7.6</v>
      </c>
      <c r="Z3372" s="2">
        <v>10.6</v>
      </c>
      <c r="AA3372" s="5"/>
      <c r="AB3372" s="5" t="s">
        <v>43</v>
      </c>
      <c r="AC3372" s="5" t="s">
        <v>44</v>
      </c>
      <c r="AD3372" s="2"/>
      <c r="AE3372" s="1"/>
    </row>
    <row r="3373" spans="1:31" ht="14.45">
      <c r="A3373" s="11"/>
      <c r="B3373" s="20"/>
      <c r="C3373" s="2" t="s">
        <v>10573</v>
      </c>
      <c r="D3373" s="14" t="s">
        <v>10574</v>
      </c>
      <c r="E3373" s="2" t="s">
        <v>10575</v>
      </c>
      <c r="F3373" s="2" t="s">
        <v>7507</v>
      </c>
      <c r="G3373" s="8">
        <v>124</v>
      </c>
      <c r="H3373" s="5">
        <v>5</v>
      </c>
      <c r="I3373" s="5" t="s">
        <v>1518</v>
      </c>
      <c r="J3373" s="5" t="s">
        <v>1519</v>
      </c>
      <c r="K3373" s="2" t="s">
        <v>1520</v>
      </c>
      <c r="L3373" s="5" t="s">
        <v>1519</v>
      </c>
      <c r="M3373" s="2" t="s">
        <v>1520</v>
      </c>
      <c r="N3373" s="5" t="s">
        <v>1521</v>
      </c>
      <c r="O3373" s="5" t="s">
        <v>38</v>
      </c>
      <c r="P3373" s="5" t="s">
        <v>39</v>
      </c>
      <c r="Q3373" s="5" t="s">
        <v>40</v>
      </c>
      <c r="R3373" s="5" t="s">
        <v>1522</v>
      </c>
      <c r="S3373" s="5" t="s">
        <v>1523</v>
      </c>
      <c r="T3373" s="5" t="s">
        <v>42</v>
      </c>
      <c r="U3373" s="2">
        <v>2.085</v>
      </c>
      <c r="V3373" s="2">
        <v>1.637</v>
      </c>
      <c r="W3373" s="2">
        <v>1.2999999999999999E-2</v>
      </c>
      <c r="X3373" s="2">
        <v>159.1</v>
      </c>
      <c r="Y3373" s="2">
        <v>7.6</v>
      </c>
      <c r="Z3373" s="2">
        <v>10.6</v>
      </c>
      <c r="AA3373" s="5"/>
      <c r="AB3373" s="5" t="s">
        <v>43</v>
      </c>
      <c r="AC3373" s="5" t="s">
        <v>44</v>
      </c>
      <c r="AD3373" s="2"/>
      <c r="AE3373" s="1"/>
    </row>
    <row r="3374" spans="1:31" ht="14.45">
      <c r="A3374" s="11"/>
      <c r="B3374" s="20"/>
      <c r="C3374" s="2" t="s">
        <v>10576</v>
      </c>
      <c r="D3374" s="14" t="s">
        <v>10577</v>
      </c>
      <c r="E3374" s="2" t="s">
        <v>10578</v>
      </c>
      <c r="F3374" s="2" t="s">
        <v>7204</v>
      </c>
      <c r="G3374" s="8">
        <v>124</v>
      </c>
      <c r="H3374" s="5">
        <v>5</v>
      </c>
      <c r="I3374" s="5" t="s">
        <v>1518</v>
      </c>
      <c r="J3374" s="5" t="s">
        <v>1519</v>
      </c>
      <c r="K3374" s="2" t="s">
        <v>1520</v>
      </c>
      <c r="L3374" s="5" t="s">
        <v>1519</v>
      </c>
      <c r="M3374" s="2" t="s">
        <v>1520</v>
      </c>
      <c r="N3374" s="5" t="s">
        <v>1521</v>
      </c>
      <c r="O3374" s="5" t="s">
        <v>38</v>
      </c>
      <c r="P3374" s="5" t="s">
        <v>39</v>
      </c>
      <c r="Q3374" s="5" t="s">
        <v>40</v>
      </c>
      <c r="R3374" s="5" t="s">
        <v>1522</v>
      </c>
      <c r="S3374" s="5" t="s">
        <v>1523</v>
      </c>
      <c r="T3374" s="5" t="s">
        <v>42</v>
      </c>
      <c r="U3374" s="2">
        <v>2.0449999999999999</v>
      </c>
      <c r="V3374" s="2">
        <v>1.597</v>
      </c>
      <c r="W3374" s="2">
        <v>1.2999999999999999E-2</v>
      </c>
      <c r="X3374" s="2">
        <v>159.1</v>
      </c>
      <c r="Y3374" s="2">
        <v>7.6</v>
      </c>
      <c r="Z3374" s="2">
        <v>10.6</v>
      </c>
      <c r="AA3374" s="5"/>
      <c r="AB3374" s="5" t="s">
        <v>43</v>
      </c>
      <c r="AC3374" s="5" t="s">
        <v>44</v>
      </c>
      <c r="AD3374" s="2"/>
      <c r="AE3374" s="1"/>
    </row>
    <row r="3375" spans="1:31" ht="14.45">
      <c r="A3375" s="11"/>
      <c r="B3375" s="20"/>
      <c r="C3375" s="2" t="s">
        <v>10579</v>
      </c>
      <c r="D3375" s="14" t="s">
        <v>10580</v>
      </c>
      <c r="E3375" s="2" t="s">
        <v>10581</v>
      </c>
      <c r="F3375" s="2" t="s">
        <v>7514</v>
      </c>
      <c r="G3375" s="8">
        <v>124</v>
      </c>
      <c r="H3375" s="5">
        <v>5</v>
      </c>
      <c r="I3375" s="5" t="s">
        <v>1518</v>
      </c>
      <c r="J3375" s="5" t="s">
        <v>1519</v>
      </c>
      <c r="K3375" s="2" t="s">
        <v>1520</v>
      </c>
      <c r="L3375" s="5" t="s">
        <v>1519</v>
      </c>
      <c r="M3375" s="2" t="s">
        <v>1520</v>
      </c>
      <c r="N3375" s="5" t="s">
        <v>1521</v>
      </c>
      <c r="O3375" s="5" t="s">
        <v>38</v>
      </c>
      <c r="P3375" s="5" t="s">
        <v>39</v>
      </c>
      <c r="Q3375" s="5" t="s">
        <v>40</v>
      </c>
      <c r="R3375" s="5" t="s">
        <v>1522</v>
      </c>
      <c r="S3375" s="5" t="s">
        <v>1523</v>
      </c>
      <c r="T3375" s="5" t="s">
        <v>42</v>
      </c>
      <c r="U3375" s="2">
        <v>2.0939999999999999</v>
      </c>
      <c r="V3375" s="2">
        <v>1.6459999999999999</v>
      </c>
      <c r="W3375" s="2">
        <v>1.2999999999999999E-2</v>
      </c>
      <c r="X3375" s="2">
        <v>159.1</v>
      </c>
      <c r="Y3375" s="2">
        <v>7.6</v>
      </c>
      <c r="Z3375" s="2">
        <v>10.6</v>
      </c>
      <c r="AA3375" s="5"/>
      <c r="AB3375" s="5" t="s">
        <v>43</v>
      </c>
      <c r="AC3375" s="5" t="s">
        <v>44</v>
      </c>
      <c r="AD3375" s="2"/>
      <c r="AE3375" s="1"/>
    </row>
    <row r="3376" spans="1:31" ht="14.45">
      <c r="A3376" s="11"/>
      <c r="B3376" s="20"/>
      <c r="C3376" s="2" t="s">
        <v>10582</v>
      </c>
      <c r="D3376" s="14" t="s">
        <v>10583</v>
      </c>
      <c r="E3376" s="2" t="s">
        <v>10584</v>
      </c>
      <c r="F3376" s="2" t="s">
        <v>7208</v>
      </c>
      <c r="G3376" s="8">
        <v>124</v>
      </c>
      <c r="H3376" s="5">
        <v>5</v>
      </c>
      <c r="I3376" s="5" t="s">
        <v>1518</v>
      </c>
      <c r="J3376" s="5" t="s">
        <v>1519</v>
      </c>
      <c r="K3376" s="2" t="s">
        <v>1520</v>
      </c>
      <c r="L3376" s="5" t="s">
        <v>1519</v>
      </c>
      <c r="M3376" s="2" t="s">
        <v>1520</v>
      </c>
      <c r="N3376" s="5" t="s">
        <v>1521</v>
      </c>
      <c r="O3376" s="5" t="s">
        <v>38</v>
      </c>
      <c r="P3376" s="5" t="s">
        <v>39</v>
      </c>
      <c r="Q3376" s="5" t="s">
        <v>40</v>
      </c>
      <c r="R3376" s="5" t="s">
        <v>1522</v>
      </c>
      <c r="S3376" s="5" t="s">
        <v>1523</v>
      </c>
      <c r="T3376" s="5" t="s">
        <v>42</v>
      </c>
      <c r="U3376" s="2">
        <v>2.0449999999999999</v>
      </c>
      <c r="V3376" s="2">
        <v>1.597</v>
      </c>
      <c r="W3376" s="2">
        <v>1.2999999999999999E-2</v>
      </c>
      <c r="X3376" s="2">
        <v>159.1</v>
      </c>
      <c r="Y3376" s="2">
        <v>7.6</v>
      </c>
      <c r="Z3376" s="2">
        <v>10.6</v>
      </c>
      <c r="AA3376" s="5"/>
      <c r="AB3376" s="5" t="s">
        <v>43</v>
      </c>
      <c r="AC3376" s="5" t="s">
        <v>44</v>
      </c>
      <c r="AD3376" s="2"/>
      <c r="AE3376" s="1"/>
    </row>
    <row r="3377" spans="1:31" ht="14.45">
      <c r="A3377" s="11"/>
      <c r="B3377" s="20"/>
      <c r="C3377" s="2" t="s">
        <v>10585</v>
      </c>
      <c r="D3377" s="14" t="s">
        <v>10586</v>
      </c>
      <c r="E3377" s="2" t="s">
        <v>10587</v>
      </c>
      <c r="F3377" s="2" t="s">
        <v>7521</v>
      </c>
      <c r="G3377" s="8">
        <v>124</v>
      </c>
      <c r="H3377" s="5">
        <v>5</v>
      </c>
      <c r="I3377" s="5" t="s">
        <v>1518</v>
      </c>
      <c r="J3377" s="5" t="s">
        <v>1519</v>
      </c>
      <c r="K3377" s="2" t="s">
        <v>1520</v>
      </c>
      <c r="L3377" s="5" t="s">
        <v>1519</v>
      </c>
      <c r="M3377" s="2" t="s">
        <v>1520</v>
      </c>
      <c r="N3377" s="5" t="s">
        <v>1521</v>
      </c>
      <c r="O3377" s="5" t="s">
        <v>38</v>
      </c>
      <c r="P3377" s="5" t="s">
        <v>39</v>
      </c>
      <c r="Q3377" s="5" t="s">
        <v>40</v>
      </c>
      <c r="R3377" s="5" t="s">
        <v>1522</v>
      </c>
      <c r="S3377" s="5" t="s">
        <v>1523</v>
      </c>
      <c r="T3377" s="5" t="s">
        <v>42</v>
      </c>
      <c r="U3377" s="2">
        <v>2.0939999999999999</v>
      </c>
      <c r="V3377" s="2">
        <v>1.6459999999999999</v>
      </c>
      <c r="W3377" s="2">
        <v>1.2999999999999999E-2</v>
      </c>
      <c r="X3377" s="2">
        <v>159.1</v>
      </c>
      <c r="Y3377" s="2">
        <v>7.6</v>
      </c>
      <c r="Z3377" s="2">
        <v>10.6</v>
      </c>
      <c r="AA3377" s="5"/>
      <c r="AB3377" s="5" t="s">
        <v>43</v>
      </c>
      <c r="AC3377" s="5" t="s">
        <v>44</v>
      </c>
      <c r="AD3377" s="2"/>
      <c r="AE3377" s="1"/>
    </row>
    <row r="3378" spans="1:31" ht="14.45">
      <c r="A3378" s="11"/>
      <c r="B3378" s="20"/>
      <c r="C3378" s="2" t="s">
        <v>10588</v>
      </c>
      <c r="D3378" s="14" t="s">
        <v>10589</v>
      </c>
      <c r="E3378" s="2" t="s">
        <v>10590</v>
      </c>
      <c r="F3378" s="2" t="s">
        <v>7212</v>
      </c>
      <c r="G3378" s="8">
        <v>124</v>
      </c>
      <c r="H3378" s="5">
        <v>5</v>
      </c>
      <c r="I3378" s="5" t="s">
        <v>1518</v>
      </c>
      <c r="J3378" s="5" t="s">
        <v>1519</v>
      </c>
      <c r="K3378" s="2" t="s">
        <v>1520</v>
      </c>
      <c r="L3378" s="5" t="s">
        <v>1519</v>
      </c>
      <c r="M3378" s="2" t="s">
        <v>1520</v>
      </c>
      <c r="N3378" s="5" t="s">
        <v>1521</v>
      </c>
      <c r="O3378" s="5" t="s">
        <v>38</v>
      </c>
      <c r="P3378" s="5" t="s">
        <v>39</v>
      </c>
      <c r="Q3378" s="5" t="s">
        <v>40</v>
      </c>
      <c r="R3378" s="5" t="s">
        <v>1522</v>
      </c>
      <c r="S3378" s="5" t="s">
        <v>1523</v>
      </c>
      <c r="T3378" s="5" t="s">
        <v>42</v>
      </c>
      <c r="U3378" s="2">
        <v>2.0179999999999998</v>
      </c>
      <c r="V3378" s="2">
        <v>1.57</v>
      </c>
      <c r="W3378" s="2">
        <v>1.2999999999999999E-2</v>
      </c>
      <c r="X3378" s="2">
        <v>159.1</v>
      </c>
      <c r="Y3378" s="2">
        <v>7.6</v>
      </c>
      <c r="Z3378" s="2">
        <v>10.6</v>
      </c>
      <c r="AA3378" s="5"/>
      <c r="AB3378" s="5" t="s">
        <v>43</v>
      </c>
      <c r="AC3378" s="5" t="s">
        <v>44</v>
      </c>
      <c r="AD3378" s="2"/>
      <c r="AE3378" s="1"/>
    </row>
    <row r="3379" spans="1:31" ht="14.45">
      <c r="A3379" s="11"/>
      <c r="B3379" s="20"/>
      <c r="C3379" s="2" t="s">
        <v>10591</v>
      </c>
      <c r="D3379" s="14" t="s">
        <v>10592</v>
      </c>
      <c r="E3379" s="2" t="s">
        <v>10593</v>
      </c>
      <c r="F3379" s="2" t="s">
        <v>7528</v>
      </c>
      <c r="G3379" s="8">
        <v>124</v>
      </c>
      <c r="H3379" s="5">
        <v>5</v>
      </c>
      <c r="I3379" s="5" t="s">
        <v>1518</v>
      </c>
      <c r="J3379" s="5" t="s">
        <v>1519</v>
      </c>
      <c r="K3379" s="2" t="s">
        <v>1520</v>
      </c>
      <c r="L3379" s="5" t="s">
        <v>1519</v>
      </c>
      <c r="M3379" s="2" t="s">
        <v>1520</v>
      </c>
      <c r="N3379" s="5" t="s">
        <v>1521</v>
      </c>
      <c r="O3379" s="5" t="s">
        <v>38</v>
      </c>
      <c r="P3379" s="5" t="s">
        <v>39</v>
      </c>
      <c r="Q3379" s="5" t="s">
        <v>40</v>
      </c>
      <c r="R3379" s="5" t="s">
        <v>1522</v>
      </c>
      <c r="S3379" s="5" t="s">
        <v>1523</v>
      </c>
      <c r="T3379" s="5" t="s">
        <v>42</v>
      </c>
      <c r="U3379" s="2">
        <v>2.0670000000000002</v>
      </c>
      <c r="V3379" s="2">
        <v>1.619</v>
      </c>
      <c r="W3379" s="2">
        <v>1.2999999999999999E-2</v>
      </c>
      <c r="X3379" s="2">
        <v>159.1</v>
      </c>
      <c r="Y3379" s="2">
        <v>7.6</v>
      </c>
      <c r="Z3379" s="2">
        <v>10.6</v>
      </c>
      <c r="AA3379" s="5"/>
      <c r="AB3379" s="5" t="s">
        <v>43</v>
      </c>
      <c r="AC3379" s="5" t="s">
        <v>44</v>
      </c>
      <c r="AD3379" s="2"/>
      <c r="AE3379" s="1"/>
    </row>
    <row r="3380" spans="1:31" ht="14.45">
      <c r="A3380" s="11"/>
      <c r="B3380" s="20"/>
      <c r="C3380" s="2" t="s">
        <v>10594</v>
      </c>
      <c r="D3380" s="14" t="s">
        <v>10595</v>
      </c>
      <c r="E3380" s="2" t="s">
        <v>10596</v>
      </c>
      <c r="F3380" s="2" t="s">
        <v>7406</v>
      </c>
      <c r="G3380" s="8">
        <v>143</v>
      </c>
      <c r="H3380" s="5">
        <v>6</v>
      </c>
      <c r="I3380" s="5" t="s">
        <v>1518</v>
      </c>
      <c r="J3380" s="5" t="s">
        <v>1519</v>
      </c>
      <c r="K3380" s="2" t="s">
        <v>1520</v>
      </c>
      <c r="L3380" s="5" t="s">
        <v>1519</v>
      </c>
      <c r="M3380" s="2" t="s">
        <v>1520</v>
      </c>
      <c r="N3380" s="5" t="s">
        <v>1521</v>
      </c>
      <c r="O3380" s="5" t="s">
        <v>38</v>
      </c>
      <c r="P3380" s="5" t="s">
        <v>39</v>
      </c>
      <c r="Q3380" s="5" t="s">
        <v>40</v>
      </c>
      <c r="R3380" s="5" t="s">
        <v>1522</v>
      </c>
      <c r="S3380" s="5" t="s">
        <v>1523</v>
      </c>
      <c r="T3380" s="5" t="s">
        <v>42</v>
      </c>
      <c r="U3380" s="2">
        <v>2.0179999999999998</v>
      </c>
      <c r="V3380" s="2">
        <v>1.57</v>
      </c>
      <c r="W3380" s="2">
        <v>1.2999999999999999E-2</v>
      </c>
      <c r="X3380" s="2">
        <v>159.1</v>
      </c>
      <c r="Y3380" s="2">
        <v>7.6</v>
      </c>
      <c r="Z3380" s="2">
        <v>10.6</v>
      </c>
      <c r="AA3380" s="5"/>
      <c r="AB3380" s="5" t="s">
        <v>43</v>
      </c>
      <c r="AC3380" s="5" t="s">
        <v>44</v>
      </c>
      <c r="AD3380" s="2"/>
      <c r="AE3380" s="1"/>
    </row>
    <row r="3381" spans="1:31" ht="14.45">
      <c r="A3381" s="11"/>
      <c r="B3381" s="20"/>
      <c r="C3381" s="2" t="s">
        <v>10597</v>
      </c>
      <c r="D3381" s="14" t="s">
        <v>10598</v>
      </c>
      <c r="E3381" s="2" t="s">
        <v>10599</v>
      </c>
      <c r="F3381" s="2" t="s">
        <v>7535</v>
      </c>
      <c r="G3381" s="8">
        <v>143</v>
      </c>
      <c r="H3381" s="5">
        <v>6</v>
      </c>
      <c r="I3381" s="5" t="s">
        <v>1518</v>
      </c>
      <c r="J3381" s="5" t="s">
        <v>1519</v>
      </c>
      <c r="K3381" s="2" t="s">
        <v>1520</v>
      </c>
      <c r="L3381" s="5" t="s">
        <v>1519</v>
      </c>
      <c r="M3381" s="2" t="s">
        <v>1520</v>
      </c>
      <c r="N3381" s="5" t="s">
        <v>1521</v>
      </c>
      <c r="O3381" s="5" t="s">
        <v>38</v>
      </c>
      <c r="P3381" s="5" t="s">
        <v>39</v>
      </c>
      <c r="Q3381" s="5" t="s">
        <v>40</v>
      </c>
      <c r="R3381" s="5" t="s">
        <v>1522</v>
      </c>
      <c r="S3381" s="5" t="s">
        <v>1523</v>
      </c>
      <c r="T3381" s="5" t="s">
        <v>42</v>
      </c>
      <c r="U3381" s="2">
        <v>2.0670000000000002</v>
      </c>
      <c r="V3381" s="2">
        <v>1.619</v>
      </c>
      <c r="W3381" s="2">
        <v>1.2999999999999999E-2</v>
      </c>
      <c r="X3381" s="2">
        <v>159.1</v>
      </c>
      <c r="Y3381" s="2">
        <v>7.6</v>
      </c>
      <c r="Z3381" s="2">
        <v>10.6</v>
      </c>
      <c r="AA3381" s="5"/>
      <c r="AB3381" s="5" t="s">
        <v>43</v>
      </c>
      <c r="AC3381" s="5" t="s">
        <v>44</v>
      </c>
      <c r="AD3381" s="2"/>
      <c r="AE3381" s="1"/>
    </row>
    <row r="3382" spans="1:31" ht="14.45">
      <c r="A3382" s="11"/>
      <c r="B3382" s="20"/>
      <c r="C3382" s="2" t="s">
        <v>10600</v>
      </c>
      <c r="D3382" s="14" t="s">
        <v>10601</v>
      </c>
      <c r="E3382" s="2" t="s">
        <v>10602</v>
      </c>
      <c r="F3382" s="2" t="s">
        <v>7539</v>
      </c>
      <c r="G3382" s="8">
        <v>143</v>
      </c>
      <c r="H3382" s="5">
        <v>6</v>
      </c>
      <c r="I3382" s="5" t="s">
        <v>1518</v>
      </c>
      <c r="J3382" s="5" t="s">
        <v>1519</v>
      </c>
      <c r="K3382" s="2" t="s">
        <v>1520</v>
      </c>
      <c r="L3382" s="5" t="s">
        <v>1519</v>
      </c>
      <c r="M3382" s="2" t="s">
        <v>1520</v>
      </c>
      <c r="N3382" s="5" t="s">
        <v>1521</v>
      </c>
      <c r="O3382" s="5" t="s">
        <v>38</v>
      </c>
      <c r="P3382" s="5" t="s">
        <v>39</v>
      </c>
      <c r="Q3382" s="5" t="s">
        <v>40</v>
      </c>
      <c r="R3382" s="5" t="s">
        <v>1522</v>
      </c>
      <c r="S3382" s="5" t="s">
        <v>1523</v>
      </c>
      <c r="T3382" s="5" t="s">
        <v>42</v>
      </c>
      <c r="U3382" s="2">
        <v>2.0449999999999999</v>
      </c>
      <c r="V3382" s="2">
        <v>1.597</v>
      </c>
      <c r="W3382" s="2">
        <v>1.2999999999999999E-2</v>
      </c>
      <c r="X3382" s="2">
        <v>159.1</v>
      </c>
      <c r="Y3382" s="2">
        <v>7.6</v>
      </c>
      <c r="Z3382" s="2">
        <v>10.6</v>
      </c>
      <c r="AA3382" s="5"/>
      <c r="AB3382" s="5" t="s">
        <v>43</v>
      </c>
      <c r="AC3382" s="5" t="s">
        <v>44</v>
      </c>
      <c r="AD3382" s="2"/>
      <c r="AE3382" s="1"/>
    </row>
    <row r="3383" spans="1:31" ht="14.45">
      <c r="A3383" s="11"/>
      <c r="B3383" s="20"/>
      <c r="C3383" s="2" t="s">
        <v>10603</v>
      </c>
      <c r="D3383" s="14" t="s">
        <v>10604</v>
      </c>
      <c r="E3383" s="2" t="s">
        <v>10605</v>
      </c>
      <c r="F3383" s="2" t="s">
        <v>7543</v>
      </c>
      <c r="G3383" s="8">
        <v>143</v>
      </c>
      <c r="H3383" s="5">
        <v>6</v>
      </c>
      <c r="I3383" s="5" t="s">
        <v>1518</v>
      </c>
      <c r="J3383" s="5" t="s">
        <v>1519</v>
      </c>
      <c r="K3383" s="2" t="s">
        <v>1520</v>
      </c>
      <c r="L3383" s="5" t="s">
        <v>1519</v>
      </c>
      <c r="M3383" s="2" t="s">
        <v>1520</v>
      </c>
      <c r="N3383" s="5" t="s">
        <v>1521</v>
      </c>
      <c r="O3383" s="5" t="s">
        <v>38</v>
      </c>
      <c r="P3383" s="5" t="s">
        <v>39</v>
      </c>
      <c r="Q3383" s="5" t="s">
        <v>40</v>
      </c>
      <c r="R3383" s="5" t="s">
        <v>1522</v>
      </c>
      <c r="S3383" s="5" t="s">
        <v>1523</v>
      </c>
      <c r="T3383" s="5" t="s">
        <v>42</v>
      </c>
      <c r="U3383" s="2">
        <v>2.0939999999999999</v>
      </c>
      <c r="V3383" s="2">
        <v>1.6459999999999999</v>
      </c>
      <c r="W3383" s="2">
        <v>1.2999999999999999E-2</v>
      </c>
      <c r="X3383" s="2">
        <v>159.1</v>
      </c>
      <c r="Y3383" s="2">
        <v>7.6</v>
      </c>
      <c r="Z3383" s="2">
        <v>10.6</v>
      </c>
      <c r="AA3383" s="5"/>
      <c r="AB3383" s="5" t="s">
        <v>43</v>
      </c>
      <c r="AC3383" s="5" t="s">
        <v>44</v>
      </c>
      <c r="AD3383" s="2"/>
      <c r="AE3383" s="1"/>
    </row>
    <row r="3384" spans="1:31" ht="14.45">
      <c r="A3384" s="11"/>
      <c r="B3384" s="20"/>
      <c r="C3384" s="2" t="s">
        <v>10606</v>
      </c>
      <c r="D3384" s="14" t="s">
        <v>10607</v>
      </c>
      <c r="E3384" s="2" t="s">
        <v>10608</v>
      </c>
      <c r="F3384" s="2" t="s">
        <v>7547</v>
      </c>
      <c r="G3384" s="8">
        <v>143</v>
      </c>
      <c r="H3384" s="5">
        <v>6</v>
      </c>
      <c r="I3384" s="5" t="s">
        <v>1518</v>
      </c>
      <c r="J3384" s="5" t="s">
        <v>1519</v>
      </c>
      <c r="K3384" s="2" t="s">
        <v>1520</v>
      </c>
      <c r="L3384" s="5" t="s">
        <v>1519</v>
      </c>
      <c r="M3384" s="2" t="s">
        <v>1520</v>
      </c>
      <c r="N3384" s="5" t="s">
        <v>1521</v>
      </c>
      <c r="O3384" s="5" t="s">
        <v>38</v>
      </c>
      <c r="P3384" s="5" t="s">
        <v>39</v>
      </c>
      <c r="Q3384" s="5" t="s">
        <v>40</v>
      </c>
      <c r="R3384" s="5" t="s">
        <v>1522</v>
      </c>
      <c r="S3384" s="5" t="s">
        <v>1523</v>
      </c>
      <c r="T3384" s="5" t="s">
        <v>42</v>
      </c>
      <c r="U3384" s="2">
        <v>2.0179999999999998</v>
      </c>
      <c r="V3384" s="2">
        <v>1.57</v>
      </c>
      <c r="W3384" s="2">
        <v>1.2999999999999999E-2</v>
      </c>
      <c r="X3384" s="2">
        <v>159.1</v>
      </c>
      <c r="Y3384" s="2">
        <v>7.6</v>
      </c>
      <c r="Z3384" s="2">
        <v>10.6</v>
      </c>
      <c r="AA3384" s="5"/>
      <c r="AB3384" s="5" t="s">
        <v>43</v>
      </c>
      <c r="AC3384" s="5" t="s">
        <v>44</v>
      </c>
      <c r="AD3384" s="2"/>
      <c r="AE3384" s="1"/>
    </row>
    <row r="3385" spans="1:31" ht="14.45">
      <c r="A3385" s="11"/>
      <c r="B3385" s="20"/>
      <c r="C3385" s="2" t="s">
        <v>10609</v>
      </c>
      <c r="D3385" s="14" t="s">
        <v>10610</v>
      </c>
      <c r="E3385" s="2" t="s">
        <v>10611</v>
      </c>
      <c r="F3385" s="2" t="s">
        <v>7551</v>
      </c>
      <c r="G3385" s="8">
        <v>143</v>
      </c>
      <c r="H3385" s="5">
        <v>6</v>
      </c>
      <c r="I3385" s="5" t="s">
        <v>1518</v>
      </c>
      <c r="J3385" s="5" t="s">
        <v>1519</v>
      </c>
      <c r="K3385" s="2" t="s">
        <v>1520</v>
      </c>
      <c r="L3385" s="5" t="s">
        <v>1519</v>
      </c>
      <c r="M3385" s="2" t="s">
        <v>1520</v>
      </c>
      <c r="N3385" s="5" t="s">
        <v>1521</v>
      </c>
      <c r="O3385" s="5" t="s">
        <v>38</v>
      </c>
      <c r="P3385" s="5" t="s">
        <v>39</v>
      </c>
      <c r="Q3385" s="5" t="s">
        <v>40</v>
      </c>
      <c r="R3385" s="5" t="s">
        <v>1522</v>
      </c>
      <c r="S3385" s="5" t="s">
        <v>1523</v>
      </c>
      <c r="T3385" s="5" t="s">
        <v>42</v>
      </c>
      <c r="U3385" s="2">
        <v>2.0670000000000002</v>
      </c>
      <c r="V3385" s="2">
        <v>1.619</v>
      </c>
      <c r="W3385" s="2">
        <v>1.2999999999999999E-2</v>
      </c>
      <c r="X3385" s="2">
        <v>159.1</v>
      </c>
      <c r="Y3385" s="2">
        <v>7.6</v>
      </c>
      <c r="Z3385" s="2">
        <v>10.6</v>
      </c>
      <c r="AA3385" s="5"/>
      <c r="AB3385" s="5" t="s">
        <v>43</v>
      </c>
      <c r="AC3385" s="5" t="s">
        <v>44</v>
      </c>
      <c r="AD3385" s="2"/>
      <c r="AE3385" s="1"/>
    </row>
    <row r="3386" spans="1:31" ht="14.45">
      <c r="A3386" s="11"/>
      <c r="B3386" s="20"/>
      <c r="C3386" s="2" t="s">
        <v>10612</v>
      </c>
      <c r="D3386" s="14" t="s">
        <v>10613</v>
      </c>
      <c r="E3386" s="2" t="s">
        <v>10614</v>
      </c>
      <c r="F3386" s="2" t="s">
        <v>7555</v>
      </c>
      <c r="G3386" s="8">
        <v>143</v>
      </c>
      <c r="H3386" s="5">
        <v>6</v>
      </c>
      <c r="I3386" s="5" t="s">
        <v>1518</v>
      </c>
      <c r="J3386" s="5" t="s">
        <v>1519</v>
      </c>
      <c r="K3386" s="2" t="s">
        <v>1520</v>
      </c>
      <c r="L3386" s="5" t="s">
        <v>1519</v>
      </c>
      <c r="M3386" s="2" t="s">
        <v>1520</v>
      </c>
      <c r="N3386" s="5" t="s">
        <v>1521</v>
      </c>
      <c r="O3386" s="5" t="s">
        <v>38</v>
      </c>
      <c r="P3386" s="5" t="s">
        <v>39</v>
      </c>
      <c r="Q3386" s="5" t="s">
        <v>40</v>
      </c>
      <c r="R3386" s="5" t="s">
        <v>1522</v>
      </c>
      <c r="S3386" s="5" t="s">
        <v>1523</v>
      </c>
      <c r="T3386" s="5" t="s">
        <v>42</v>
      </c>
      <c r="U3386" s="2">
        <v>2.0179999999999998</v>
      </c>
      <c r="V3386" s="2">
        <v>1.57</v>
      </c>
      <c r="W3386" s="2">
        <v>1.2999999999999999E-2</v>
      </c>
      <c r="X3386" s="2">
        <v>159.1</v>
      </c>
      <c r="Y3386" s="2">
        <v>7.6</v>
      </c>
      <c r="Z3386" s="2">
        <v>10.6</v>
      </c>
      <c r="AA3386" s="5"/>
      <c r="AB3386" s="5" t="s">
        <v>43</v>
      </c>
      <c r="AC3386" s="5" t="s">
        <v>44</v>
      </c>
      <c r="AD3386" s="2"/>
      <c r="AE3386" s="1"/>
    </row>
    <row r="3387" spans="1:31" ht="14.45">
      <c r="A3387" s="11"/>
      <c r="B3387" s="20"/>
      <c r="C3387" s="2" t="s">
        <v>10615</v>
      </c>
      <c r="D3387" s="14" t="s">
        <v>10616</v>
      </c>
      <c r="E3387" s="2" t="s">
        <v>10617</v>
      </c>
      <c r="F3387" s="2" t="s">
        <v>7559</v>
      </c>
      <c r="G3387" s="8">
        <v>143</v>
      </c>
      <c r="H3387" s="5">
        <v>6</v>
      </c>
      <c r="I3387" s="5" t="s">
        <v>1518</v>
      </c>
      <c r="J3387" s="5" t="s">
        <v>1519</v>
      </c>
      <c r="K3387" s="2" t="s">
        <v>1520</v>
      </c>
      <c r="L3387" s="5" t="s">
        <v>1519</v>
      </c>
      <c r="M3387" s="2" t="s">
        <v>1520</v>
      </c>
      <c r="N3387" s="5" t="s">
        <v>1521</v>
      </c>
      <c r="O3387" s="5" t="s">
        <v>38</v>
      </c>
      <c r="P3387" s="5" t="s">
        <v>39</v>
      </c>
      <c r="Q3387" s="5" t="s">
        <v>40</v>
      </c>
      <c r="R3387" s="5" t="s">
        <v>1522</v>
      </c>
      <c r="S3387" s="5" t="s">
        <v>1523</v>
      </c>
      <c r="T3387" s="5" t="s">
        <v>42</v>
      </c>
      <c r="U3387" s="2">
        <v>2.0670000000000002</v>
      </c>
      <c r="V3387" s="2">
        <v>1.619</v>
      </c>
      <c r="W3387" s="2">
        <v>1.2999999999999999E-2</v>
      </c>
      <c r="X3387" s="2">
        <v>159.1</v>
      </c>
      <c r="Y3387" s="2">
        <v>7.6</v>
      </c>
      <c r="Z3387" s="2">
        <v>10.6</v>
      </c>
      <c r="AA3387" s="5"/>
      <c r="AB3387" s="5" t="s">
        <v>43</v>
      </c>
      <c r="AC3387" s="5" t="s">
        <v>44</v>
      </c>
      <c r="AD3387" s="2"/>
      <c r="AE3387" s="1"/>
    </row>
    <row r="3388" spans="1:31" ht="14.45">
      <c r="A3388" s="11"/>
      <c r="B3388" s="20"/>
      <c r="C3388" s="2" t="s">
        <v>10618</v>
      </c>
      <c r="D3388" s="14" t="s">
        <v>10619</v>
      </c>
      <c r="E3388" s="2" t="s">
        <v>10620</v>
      </c>
      <c r="F3388" s="2" t="s">
        <v>7563</v>
      </c>
      <c r="G3388" s="8">
        <v>143</v>
      </c>
      <c r="H3388" s="5">
        <v>6</v>
      </c>
      <c r="I3388" s="5" t="s">
        <v>1518</v>
      </c>
      <c r="J3388" s="5" t="s">
        <v>1519</v>
      </c>
      <c r="K3388" s="2" t="s">
        <v>1520</v>
      </c>
      <c r="L3388" s="5" t="s">
        <v>1519</v>
      </c>
      <c r="M3388" s="2" t="s">
        <v>1520</v>
      </c>
      <c r="N3388" s="5" t="s">
        <v>1521</v>
      </c>
      <c r="O3388" s="5" t="s">
        <v>38</v>
      </c>
      <c r="P3388" s="5" t="s">
        <v>39</v>
      </c>
      <c r="Q3388" s="5" t="s">
        <v>40</v>
      </c>
      <c r="R3388" s="5" t="s">
        <v>1522</v>
      </c>
      <c r="S3388" s="5" t="s">
        <v>1523</v>
      </c>
      <c r="T3388" s="5" t="s">
        <v>42</v>
      </c>
      <c r="U3388" s="2">
        <v>2.0449999999999999</v>
      </c>
      <c r="V3388" s="2">
        <v>1.597</v>
      </c>
      <c r="W3388" s="2">
        <v>1.2999999999999999E-2</v>
      </c>
      <c r="X3388" s="2">
        <v>159.1</v>
      </c>
      <c r="Y3388" s="2">
        <v>7.6</v>
      </c>
      <c r="Z3388" s="2">
        <v>10.6</v>
      </c>
      <c r="AA3388" s="5"/>
      <c r="AB3388" s="5" t="s">
        <v>43</v>
      </c>
      <c r="AC3388" s="5" t="s">
        <v>44</v>
      </c>
      <c r="AD3388" s="2"/>
      <c r="AE3388" s="1"/>
    </row>
    <row r="3389" spans="1:31" ht="14.45">
      <c r="A3389" s="11"/>
      <c r="B3389" s="20"/>
      <c r="C3389" s="2" t="s">
        <v>10621</v>
      </c>
      <c r="D3389" s="14" t="s">
        <v>10622</v>
      </c>
      <c r="E3389" s="2" t="s">
        <v>10623</v>
      </c>
      <c r="F3389" s="2" t="s">
        <v>7567</v>
      </c>
      <c r="G3389" s="8">
        <v>143</v>
      </c>
      <c r="H3389" s="5">
        <v>6</v>
      </c>
      <c r="I3389" s="5" t="s">
        <v>1518</v>
      </c>
      <c r="J3389" s="5" t="s">
        <v>1519</v>
      </c>
      <c r="K3389" s="2" t="s">
        <v>1520</v>
      </c>
      <c r="L3389" s="5" t="s">
        <v>1519</v>
      </c>
      <c r="M3389" s="2" t="s">
        <v>1520</v>
      </c>
      <c r="N3389" s="5" t="s">
        <v>1521</v>
      </c>
      <c r="O3389" s="5" t="s">
        <v>38</v>
      </c>
      <c r="P3389" s="5" t="s">
        <v>39</v>
      </c>
      <c r="Q3389" s="5" t="s">
        <v>40</v>
      </c>
      <c r="R3389" s="5" t="s">
        <v>1522</v>
      </c>
      <c r="S3389" s="5" t="s">
        <v>1523</v>
      </c>
      <c r="T3389" s="5" t="s">
        <v>42</v>
      </c>
      <c r="U3389" s="2">
        <v>2.0939999999999999</v>
      </c>
      <c r="V3389" s="2">
        <v>1.6459999999999999</v>
      </c>
      <c r="W3389" s="2">
        <v>1.2999999999999999E-2</v>
      </c>
      <c r="X3389" s="2">
        <v>159.1</v>
      </c>
      <c r="Y3389" s="2">
        <v>7.6</v>
      </c>
      <c r="Z3389" s="2">
        <v>10.6</v>
      </c>
      <c r="AA3389" s="5"/>
      <c r="AB3389" s="5" t="s">
        <v>43</v>
      </c>
      <c r="AC3389" s="5" t="s">
        <v>44</v>
      </c>
      <c r="AD3389" s="2"/>
      <c r="AE3389" s="1"/>
    </row>
    <row r="3390" spans="1:31" ht="14.45">
      <c r="A3390" s="11"/>
      <c r="B3390" s="20"/>
      <c r="C3390" s="2" t="s">
        <v>10624</v>
      </c>
      <c r="D3390" s="14" t="s">
        <v>10625</v>
      </c>
      <c r="E3390" s="2" t="s">
        <v>10626</v>
      </c>
      <c r="F3390" s="2" t="s">
        <v>7429</v>
      </c>
      <c r="G3390" s="8">
        <v>143</v>
      </c>
      <c r="H3390" s="5">
        <v>6</v>
      </c>
      <c r="I3390" s="5" t="s">
        <v>1518</v>
      </c>
      <c r="J3390" s="5" t="s">
        <v>1519</v>
      </c>
      <c r="K3390" s="2" t="s">
        <v>1520</v>
      </c>
      <c r="L3390" s="5" t="s">
        <v>1519</v>
      </c>
      <c r="M3390" s="2" t="s">
        <v>1520</v>
      </c>
      <c r="N3390" s="5" t="s">
        <v>1521</v>
      </c>
      <c r="O3390" s="5" t="s">
        <v>38</v>
      </c>
      <c r="P3390" s="5" t="s">
        <v>39</v>
      </c>
      <c r="Q3390" s="5" t="s">
        <v>40</v>
      </c>
      <c r="R3390" s="5" t="s">
        <v>1522</v>
      </c>
      <c r="S3390" s="5" t="s">
        <v>1523</v>
      </c>
      <c r="T3390" s="5" t="s">
        <v>42</v>
      </c>
      <c r="U3390" s="2">
        <v>2.0449999999999999</v>
      </c>
      <c r="V3390" s="2">
        <v>1.597</v>
      </c>
      <c r="W3390" s="2">
        <v>1.2999999999999999E-2</v>
      </c>
      <c r="X3390" s="2">
        <v>159.1</v>
      </c>
      <c r="Y3390" s="2">
        <v>7.6</v>
      </c>
      <c r="Z3390" s="2">
        <v>10.6</v>
      </c>
      <c r="AA3390" s="5"/>
      <c r="AB3390" s="5" t="s">
        <v>43</v>
      </c>
      <c r="AC3390" s="5" t="s">
        <v>44</v>
      </c>
      <c r="AD3390" s="2"/>
      <c r="AE3390" s="1"/>
    </row>
    <row r="3391" spans="1:31" ht="14.45">
      <c r="A3391" s="11"/>
      <c r="B3391" s="20"/>
      <c r="C3391" s="2" t="s">
        <v>10627</v>
      </c>
      <c r="D3391" s="14" t="s">
        <v>10628</v>
      </c>
      <c r="E3391" s="2" t="s">
        <v>10629</v>
      </c>
      <c r="F3391" s="2" t="s">
        <v>7574</v>
      </c>
      <c r="G3391" s="8">
        <v>143</v>
      </c>
      <c r="H3391" s="5">
        <v>6</v>
      </c>
      <c r="I3391" s="5" t="s">
        <v>1518</v>
      </c>
      <c r="J3391" s="5" t="s">
        <v>1519</v>
      </c>
      <c r="K3391" s="2" t="s">
        <v>1520</v>
      </c>
      <c r="L3391" s="5" t="s">
        <v>1519</v>
      </c>
      <c r="M3391" s="2" t="s">
        <v>1520</v>
      </c>
      <c r="N3391" s="5" t="s">
        <v>1521</v>
      </c>
      <c r="O3391" s="5" t="s">
        <v>38</v>
      </c>
      <c r="P3391" s="5" t="s">
        <v>39</v>
      </c>
      <c r="Q3391" s="5" t="s">
        <v>40</v>
      </c>
      <c r="R3391" s="5" t="s">
        <v>1522</v>
      </c>
      <c r="S3391" s="5" t="s">
        <v>1523</v>
      </c>
      <c r="T3391" s="5" t="s">
        <v>42</v>
      </c>
      <c r="U3391" s="2">
        <v>2.0939999999999999</v>
      </c>
      <c r="V3391" s="2">
        <v>1.6459999999999999</v>
      </c>
      <c r="W3391" s="2">
        <v>1.2999999999999999E-2</v>
      </c>
      <c r="X3391" s="2">
        <v>159.1</v>
      </c>
      <c r="Y3391" s="2">
        <v>7.6</v>
      </c>
      <c r="Z3391" s="2">
        <v>10.6</v>
      </c>
      <c r="AA3391" s="5"/>
      <c r="AB3391" s="5" t="s">
        <v>43</v>
      </c>
      <c r="AC3391" s="5" t="s">
        <v>44</v>
      </c>
      <c r="AD3391" s="2"/>
      <c r="AE3391" s="1"/>
    </row>
    <row r="3392" spans="1:31" ht="14.45">
      <c r="A3392" s="11"/>
      <c r="B3392" s="20"/>
      <c r="C3392" s="2" t="s">
        <v>10630</v>
      </c>
      <c r="D3392" s="14" t="s">
        <v>10631</v>
      </c>
      <c r="E3392" s="2" t="s">
        <v>10632</v>
      </c>
      <c r="F3392" s="2" t="s">
        <v>7449</v>
      </c>
      <c r="G3392" s="8">
        <v>143</v>
      </c>
      <c r="H3392" s="5">
        <v>6</v>
      </c>
      <c r="I3392" s="5" t="s">
        <v>1518</v>
      </c>
      <c r="J3392" s="5" t="s">
        <v>1519</v>
      </c>
      <c r="K3392" s="2" t="s">
        <v>1520</v>
      </c>
      <c r="L3392" s="5" t="s">
        <v>1519</v>
      </c>
      <c r="M3392" s="2" t="s">
        <v>1520</v>
      </c>
      <c r="N3392" s="5" t="s">
        <v>1521</v>
      </c>
      <c r="O3392" s="5" t="s">
        <v>38</v>
      </c>
      <c r="P3392" s="5" t="s">
        <v>39</v>
      </c>
      <c r="Q3392" s="5" t="s">
        <v>40</v>
      </c>
      <c r="R3392" s="5" t="s">
        <v>1522</v>
      </c>
      <c r="S3392" s="5" t="s">
        <v>1523</v>
      </c>
      <c r="T3392" s="5" t="s">
        <v>42</v>
      </c>
      <c r="U3392" s="2">
        <v>2.0449999999999999</v>
      </c>
      <c r="V3392" s="2">
        <v>1.597</v>
      </c>
      <c r="W3392" s="2">
        <v>1.2999999999999999E-2</v>
      </c>
      <c r="X3392" s="2">
        <v>159.1</v>
      </c>
      <c r="Y3392" s="2">
        <v>7.6</v>
      </c>
      <c r="Z3392" s="2">
        <v>10.6</v>
      </c>
      <c r="AA3392" s="5"/>
      <c r="AB3392" s="5" t="s">
        <v>43</v>
      </c>
      <c r="AC3392" s="5" t="s">
        <v>44</v>
      </c>
      <c r="AD3392" s="2"/>
      <c r="AE3392" s="1"/>
    </row>
    <row r="3393" spans="1:31" ht="14.45">
      <c r="A3393" s="11"/>
      <c r="B3393" s="20"/>
      <c r="C3393" s="2" t="s">
        <v>10633</v>
      </c>
      <c r="D3393" s="14" t="s">
        <v>10634</v>
      </c>
      <c r="E3393" s="2" t="s">
        <v>10635</v>
      </c>
      <c r="F3393" s="2" t="s">
        <v>7581</v>
      </c>
      <c r="G3393" s="8">
        <v>143</v>
      </c>
      <c r="H3393" s="5">
        <v>6</v>
      </c>
      <c r="I3393" s="5" t="s">
        <v>1518</v>
      </c>
      <c r="J3393" s="5" t="s">
        <v>1519</v>
      </c>
      <c r="K3393" s="2" t="s">
        <v>1520</v>
      </c>
      <c r="L3393" s="5" t="s">
        <v>1519</v>
      </c>
      <c r="M3393" s="2" t="s">
        <v>1520</v>
      </c>
      <c r="N3393" s="5" t="s">
        <v>1521</v>
      </c>
      <c r="O3393" s="5" t="s">
        <v>38</v>
      </c>
      <c r="P3393" s="5" t="s">
        <v>39</v>
      </c>
      <c r="Q3393" s="5" t="s">
        <v>40</v>
      </c>
      <c r="R3393" s="5" t="s">
        <v>1522</v>
      </c>
      <c r="S3393" s="5" t="s">
        <v>1523</v>
      </c>
      <c r="T3393" s="5" t="s">
        <v>42</v>
      </c>
      <c r="U3393" s="2">
        <v>2.0939999999999999</v>
      </c>
      <c r="V3393" s="2">
        <v>1.6459999999999999</v>
      </c>
      <c r="W3393" s="2">
        <v>1.2999999999999999E-2</v>
      </c>
      <c r="X3393" s="2">
        <v>159.1</v>
      </c>
      <c r="Y3393" s="2">
        <v>7.6</v>
      </c>
      <c r="Z3393" s="2">
        <v>10.6</v>
      </c>
      <c r="AA3393" s="5"/>
      <c r="AB3393" s="5" t="s">
        <v>43</v>
      </c>
      <c r="AC3393" s="5" t="s">
        <v>44</v>
      </c>
      <c r="AD3393" s="2"/>
      <c r="AE3393" s="1"/>
    </row>
    <row r="3394" spans="1:31" ht="14.45">
      <c r="A3394" s="11"/>
      <c r="B3394" s="20"/>
      <c r="C3394" s="2" t="s">
        <v>10636</v>
      </c>
      <c r="D3394" s="14" t="s">
        <v>10637</v>
      </c>
      <c r="E3394" s="2" t="s">
        <v>10638</v>
      </c>
      <c r="F3394" s="2" t="s">
        <v>7585</v>
      </c>
      <c r="G3394" s="8">
        <v>143</v>
      </c>
      <c r="H3394" s="5">
        <v>6</v>
      </c>
      <c r="I3394" s="5" t="s">
        <v>1518</v>
      </c>
      <c r="J3394" s="5" t="s">
        <v>1519</v>
      </c>
      <c r="K3394" s="2" t="s">
        <v>1520</v>
      </c>
      <c r="L3394" s="5" t="s">
        <v>1519</v>
      </c>
      <c r="M3394" s="2" t="s">
        <v>1520</v>
      </c>
      <c r="N3394" s="5" t="s">
        <v>1521</v>
      </c>
      <c r="O3394" s="5" t="s">
        <v>38</v>
      </c>
      <c r="P3394" s="5" t="s">
        <v>39</v>
      </c>
      <c r="Q3394" s="5" t="s">
        <v>40</v>
      </c>
      <c r="R3394" s="5" t="s">
        <v>1522</v>
      </c>
      <c r="S3394" s="5" t="s">
        <v>1523</v>
      </c>
      <c r="T3394" s="5" t="s">
        <v>42</v>
      </c>
      <c r="U3394" s="2">
        <v>2.0179999999999998</v>
      </c>
      <c r="V3394" s="2">
        <v>1.57</v>
      </c>
      <c r="W3394" s="2">
        <v>1.2999999999999999E-2</v>
      </c>
      <c r="X3394" s="2">
        <v>159.1</v>
      </c>
      <c r="Y3394" s="2">
        <v>7.6</v>
      </c>
      <c r="Z3394" s="2">
        <v>10.6</v>
      </c>
      <c r="AA3394" s="5"/>
      <c r="AB3394" s="5" t="s">
        <v>43</v>
      </c>
      <c r="AC3394" s="5" t="s">
        <v>44</v>
      </c>
      <c r="AD3394" s="2"/>
      <c r="AE3394" s="1"/>
    </row>
    <row r="3395" spans="1:31" ht="14.45">
      <c r="A3395" s="11"/>
      <c r="B3395" s="20"/>
      <c r="C3395" s="2" t="s">
        <v>10639</v>
      </c>
      <c r="D3395" s="14" t="s">
        <v>10640</v>
      </c>
      <c r="E3395" s="2" t="s">
        <v>10641</v>
      </c>
      <c r="F3395" s="2" t="s">
        <v>7589</v>
      </c>
      <c r="G3395" s="8">
        <v>143</v>
      </c>
      <c r="H3395" s="5">
        <v>6</v>
      </c>
      <c r="I3395" s="5" t="s">
        <v>1518</v>
      </c>
      <c r="J3395" s="5" t="s">
        <v>1519</v>
      </c>
      <c r="K3395" s="2" t="s">
        <v>1520</v>
      </c>
      <c r="L3395" s="5" t="s">
        <v>1519</v>
      </c>
      <c r="M3395" s="2" t="s">
        <v>1520</v>
      </c>
      <c r="N3395" s="5" t="s">
        <v>1521</v>
      </c>
      <c r="O3395" s="5" t="s">
        <v>38</v>
      </c>
      <c r="P3395" s="5" t="s">
        <v>39</v>
      </c>
      <c r="Q3395" s="5" t="s">
        <v>40</v>
      </c>
      <c r="R3395" s="5" t="s">
        <v>1522</v>
      </c>
      <c r="S3395" s="5" t="s">
        <v>1523</v>
      </c>
      <c r="T3395" s="5" t="s">
        <v>42</v>
      </c>
      <c r="U3395" s="2">
        <v>2.0670000000000002</v>
      </c>
      <c r="V3395" s="2">
        <v>1.619</v>
      </c>
      <c r="W3395" s="2">
        <v>1.2999999999999999E-2</v>
      </c>
      <c r="X3395" s="2">
        <v>159.1</v>
      </c>
      <c r="Y3395" s="2">
        <v>7.6</v>
      </c>
      <c r="Z3395" s="2">
        <v>10.6</v>
      </c>
      <c r="AA3395" s="5"/>
      <c r="AB3395" s="5" t="s">
        <v>43</v>
      </c>
      <c r="AC3395" s="5" t="s">
        <v>44</v>
      </c>
      <c r="AD3395" s="2"/>
      <c r="AE3395" s="1"/>
    </row>
    <row r="3396" spans="1:31" ht="14.45">
      <c r="A3396" s="11"/>
      <c r="B3396" s="20"/>
      <c r="C3396" s="2" t="s">
        <v>10642</v>
      </c>
      <c r="D3396" s="14" t="s">
        <v>10643</v>
      </c>
      <c r="E3396" s="2" t="s">
        <v>10644</v>
      </c>
      <c r="F3396" s="2" t="s">
        <v>7593</v>
      </c>
      <c r="G3396" s="8">
        <v>143</v>
      </c>
      <c r="H3396" s="5">
        <v>6</v>
      </c>
      <c r="I3396" s="5" t="s">
        <v>1518</v>
      </c>
      <c r="J3396" s="5" t="s">
        <v>1519</v>
      </c>
      <c r="K3396" s="2" t="s">
        <v>1520</v>
      </c>
      <c r="L3396" s="5" t="s">
        <v>1519</v>
      </c>
      <c r="M3396" s="2" t="s">
        <v>1520</v>
      </c>
      <c r="N3396" s="5" t="s">
        <v>1521</v>
      </c>
      <c r="O3396" s="5" t="s">
        <v>38</v>
      </c>
      <c r="P3396" s="5" t="s">
        <v>39</v>
      </c>
      <c r="Q3396" s="5" t="s">
        <v>40</v>
      </c>
      <c r="R3396" s="5" t="s">
        <v>1522</v>
      </c>
      <c r="S3396" s="5" t="s">
        <v>1523</v>
      </c>
      <c r="T3396" s="5" t="s">
        <v>42</v>
      </c>
      <c r="U3396" s="2">
        <v>2.0449999999999999</v>
      </c>
      <c r="V3396" s="2">
        <v>1.597</v>
      </c>
      <c r="W3396" s="2">
        <v>1.2999999999999999E-2</v>
      </c>
      <c r="X3396" s="2">
        <v>159.1</v>
      </c>
      <c r="Y3396" s="2">
        <v>7.6</v>
      </c>
      <c r="Z3396" s="2">
        <v>10.6</v>
      </c>
      <c r="AA3396" s="5"/>
      <c r="AB3396" s="5" t="s">
        <v>43</v>
      </c>
      <c r="AC3396" s="5" t="s">
        <v>44</v>
      </c>
      <c r="AD3396" s="2"/>
      <c r="AE3396" s="1"/>
    </row>
    <row r="3397" spans="1:31" ht="14.45">
      <c r="A3397" s="11"/>
      <c r="B3397" s="20"/>
      <c r="C3397" s="2" t="s">
        <v>10645</v>
      </c>
      <c r="D3397" s="14" t="s">
        <v>10646</v>
      </c>
      <c r="E3397" s="2" t="s">
        <v>10647</v>
      </c>
      <c r="F3397" s="2" t="s">
        <v>7597</v>
      </c>
      <c r="G3397" s="8">
        <v>143</v>
      </c>
      <c r="H3397" s="5">
        <v>6</v>
      </c>
      <c r="I3397" s="5" t="s">
        <v>1518</v>
      </c>
      <c r="J3397" s="5" t="s">
        <v>1519</v>
      </c>
      <c r="K3397" s="2" t="s">
        <v>1520</v>
      </c>
      <c r="L3397" s="5" t="s">
        <v>1519</v>
      </c>
      <c r="M3397" s="2" t="s">
        <v>1520</v>
      </c>
      <c r="N3397" s="5" t="s">
        <v>1521</v>
      </c>
      <c r="O3397" s="5" t="s">
        <v>38</v>
      </c>
      <c r="P3397" s="5" t="s">
        <v>39</v>
      </c>
      <c r="Q3397" s="5" t="s">
        <v>40</v>
      </c>
      <c r="R3397" s="5" t="s">
        <v>1522</v>
      </c>
      <c r="S3397" s="5" t="s">
        <v>1523</v>
      </c>
      <c r="T3397" s="5" t="s">
        <v>42</v>
      </c>
      <c r="U3397" s="2">
        <v>2.0939999999999999</v>
      </c>
      <c r="V3397" s="2">
        <v>1.6459999999999999</v>
      </c>
      <c r="W3397" s="2">
        <v>1.2999999999999999E-2</v>
      </c>
      <c r="X3397" s="2">
        <v>159.1</v>
      </c>
      <c r="Y3397" s="2">
        <v>7.6</v>
      </c>
      <c r="Z3397" s="2">
        <v>10.6</v>
      </c>
      <c r="AA3397" s="5"/>
      <c r="AB3397" s="5" t="s">
        <v>43</v>
      </c>
      <c r="AC3397" s="5" t="s">
        <v>44</v>
      </c>
      <c r="AD3397" s="2"/>
      <c r="AE3397" s="1"/>
    </row>
    <row r="3398" spans="1:31" ht="14.45">
      <c r="A3398" s="11"/>
      <c r="B3398" s="20"/>
      <c r="C3398" s="2" t="s">
        <v>10648</v>
      </c>
      <c r="D3398" s="14" t="s">
        <v>10649</v>
      </c>
      <c r="E3398" s="2" t="s">
        <v>10650</v>
      </c>
      <c r="F3398" s="2" t="s">
        <v>7410</v>
      </c>
      <c r="G3398" s="8">
        <v>143</v>
      </c>
      <c r="H3398" s="5">
        <v>6</v>
      </c>
      <c r="I3398" s="5" t="s">
        <v>1518</v>
      </c>
      <c r="J3398" s="5" t="s">
        <v>1519</v>
      </c>
      <c r="K3398" s="2" t="s">
        <v>1520</v>
      </c>
      <c r="L3398" s="5" t="s">
        <v>1519</v>
      </c>
      <c r="M3398" s="2" t="s">
        <v>1520</v>
      </c>
      <c r="N3398" s="5" t="s">
        <v>1521</v>
      </c>
      <c r="O3398" s="5" t="s">
        <v>38</v>
      </c>
      <c r="P3398" s="5" t="s">
        <v>39</v>
      </c>
      <c r="Q3398" s="5" t="s">
        <v>40</v>
      </c>
      <c r="R3398" s="5" t="s">
        <v>1522</v>
      </c>
      <c r="S3398" s="5" t="s">
        <v>1523</v>
      </c>
      <c r="T3398" s="5" t="s">
        <v>42</v>
      </c>
      <c r="U3398" s="2">
        <v>2.0449999999999999</v>
      </c>
      <c r="V3398" s="2">
        <v>1.597</v>
      </c>
      <c r="W3398" s="2">
        <v>1.2999999999999999E-2</v>
      </c>
      <c r="X3398" s="2">
        <v>159.1</v>
      </c>
      <c r="Y3398" s="2">
        <v>7.6</v>
      </c>
      <c r="Z3398" s="2">
        <v>10.6</v>
      </c>
      <c r="AA3398" s="5"/>
      <c r="AB3398" s="5" t="s">
        <v>43</v>
      </c>
      <c r="AC3398" s="5" t="s">
        <v>44</v>
      </c>
      <c r="AD3398" s="2"/>
      <c r="AE3398" s="1"/>
    </row>
    <row r="3399" spans="1:31" ht="14.45">
      <c r="A3399" s="11"/>
      <c r="B3399" s="20"/>
      <c r="C3399" s="2" t="s">
        <v>10651</v>
      </c>
      <c r="D3399" s="14" t="s">
        <v>10652</v>
      </c>
      <c r="E3399" s="2" t="s">
        <v>10653</v>
      </c>
      <c r="F3399" s="2" t="s">
        <v>7604</v>
      </c>
      <c r="G3399" s="8">
        <v>143</v>
      </c>
      <c r="H3399" s="5">
        <v>6</v>
      </c>
      <c r="I3399" s="5" t="s">
        <v>1518</v>
      </c>
      <c r="J3399" s="5" t="s">
        <v>1519</v>
      </c>
      <c r="K3399" s="2" t="s">
        <v>1520</v>
      </c>
      <c r="L3399" s="5" t="s">
        <v>1519</v>
      </c>
      <c r="M3399" s="2" t="s">
        <v>1520</v>
      </c>
      <c r="N3399" s="5" t="s">
        <v>1521</v>
      </c>
      <c r="O3399" s="5" t="s">
        <v>38</v>
      </c>
      <c r="P3399" s="5" t="s">
        <v>39</v>
      </c>
      <c r="Q3399" s="5" t="s">
        <v>40</v>
      </c>
      <c r="R3399" s="5" t="s">
        <v>1522</v>
      </c>
      <c r="S3399" s="5" t="s">
        <v>1523</v>
      </c>
      <c r="T3399" s="5" t="s">
        <v>42</v>
      </c>
      <c r="U3399" s="2">
        <v>2.0939999999999999</v>
      </c>
      <c r="V3399" s="2">
        <v>1.6459999999999999</v>
      </c>
      <c r="W3399" s="2">
        <v>1.2999999999999999E-2</v>
      </c>
      <c r="X3399" s="2">
        <v>159.1</v>
      </c>
      <c r="Y3399" s="2">
        <v>7.6</v>
      </c>
      <c r="Z3399" s="2">
        <v>10.6</v>
      </c>
      <c r="AA3399" s="5"/>
      <c r="AB3399" s="5" t="s">
        <v>43</v>
      </c>
      <c r="AC3399" s="5" t="s">
        <v>44</v>
      </c>
      <c r="AD3399" s="2"/>
      <c r="AE3399" s="1"/>
    </row>
    <row r="3400" spans="1:31" ht="14.45">
      <c r="A3400" s="11"/>
      <c r="B3400" s="20"/>
      <c r="C3400" s="2" t="s">
        <v>10654</v>
      </c>
      <c r="D3400" s="14" t="s">
        <v>10655</v>
      </c>
      <c r="E3400" s="2" t="s">
        <v>10656</v>
      </c>
      <c r="F3400" s="2" t="s">
        <v>7433</v>
      </c>
      <c r="G3400" s="8">
        <v>143</v>
      </c>
      <c r="H3400" s="5">
        <v>6</v>
      </c>
      <c r="I3400" s="5" t="s">
        <v>1518</v>
      </c>
      <c r="J3400" s="5" t="s">
        <v>1519</v>
      </c>
      <c r="K3400" s="2" t="s">
        <v>1520</v>
      </c>
      <c r="L3400" s="5" t="s">
        <v>1519</v>
      </c>
      <c r="M3400" s="2" t="s">
        <v>1520</v>
      </c>
      <c r="N3400" s="5" t="s">
        <v>1521</v>
      </c>
      <c r="O3400" s="5" t="s">
        <v>38</v>
      </c>
      <c r="P3400" s="5" t="s">
        <v>39</v>
      </c>
      <c r="Q3400" s="5" t="s">
        <v>40</v>
      </c>
      <c r="R3400" s="5" t="s">
        <v>1522</v>
      </c>
      <c r="S3400" s="5" t="s">
        <v>1523</v>
      </c>
      <c r="T3400" s="5" t="s">
        <v>42</v>
      </c>
      <c r="U3400" s="2">
        <v>2.0449999999999999</v>
      </c>
      <c r="V3400" s="2">
        <v>1.597</v>
      </c>
      <c r="W3400" s="2">
        <v>1.2999999999999999E-2</v>
      </c>
      <c r="X3400" s="2">
        <v>159.1</v>
      </c>
      <c r="Y3400" s="2">
        <v>7.6</v>
      </c>
      <c r="Z3400" s="2">
        <v>10.6</v>
      </c>
      <c r="AA3400" s="5"/>
      <c r="AB3400" s="5" t="s">
        <v>43</v>
      </c>
      <c r="AC3400" s="5" t="s">
        <v>44</v>
      </c>
      <c r="AD3400" s="2"/>
      <c r="AE3400" s="1"/>
    </row>
    <row r="3401" spans="1:31" ht="14.45">
      <c r="A3401" s="11"/>
      <c r="B3401" s="20"/>
      <c r="C3401" s="2" t="s">
        <v>10657</v>
      </c>
      <c r="D3401" s="14" t="s">
        <v>10658</v>
      </c>
      <c r="E3401" s="2" t="s">
        <v>10659</v>
      </c>
      <c r="F3401" s="2" t="s">
        <v>7611</v>
      </c>
      <c r="G3401" s="8">
        <v>143</v>
      </c>
      <c r="H3401" s="5">
        <v>6</v>
      </c>
      <c r="I3401" s="5" t="s">
        <v>1518</v>
      </c>
      <c r="J3401" s="5" t="s">
        <v>1519</v>
      </c>
      <c r="K3401" s="2" t="s">
        <v>1520</v>
      </c>
      <c r="L3401" s="5" t="s">
        <v>1519</v>
      </c>
      <c r="M3401" s="2" t="s">
        <v>1520</v>
      </c>
      <c r="N3401" s="5" t="s">
        <v>1521</v>
      </c>
      <c r="O3401" s="5" t="s">
        <v>38</v>
      </c>
      <c r="P3401" s="5" t="s">
        <v>39</v>
      </c>
      <c r="Q3401" s="5" t="s">
        <v>40</v>
      </c>
      <c r="R3401" s="5" t="s">
        <v>1522</v>
      </c>
      <c r="S3401" s="5" t="s">
        <v>1523</v>
      </c>
      <c r="T3401" s="5" t="s">
        <v>42</v>
      </c>
      <c r="U3401" s="2">
        <v>2.0939999999999999</v>
      </c>
      <c r="V3401" s="2">
        <v>1.6459999999999999</v>
      </c>
      <c r="W3401" s="2">
        <v>1.2999999999999999E-2</v>
      </c>
      <c r="X3401" s="2">
        <v>159.1</v>
      </c>
      <c r="Y3401" s="2">
        <v>7.6</v>
      </c>
      <c r="Z3401" s="2">
        <v>10.6</v>
      </c>
      <c r="AA3401" s="5"/>
      <c r="AB3401" s="5" t="s">
        <v>43</v>
      </c>
      <c r="AC3401" s="5" t="s">
        <v>44</v>
      </c>
      <c r="AD3401" s="2"/>
      <c r="AE3401" s="1"/>
    </row>
    <row r="3402" spans="1:31" ht="14.45">
      <c r="A3402" s="11"/>
      <c r="B3402" s="20"/>
      <c r="C3402" s="2" t="s">
        <v>10660</v>
      </c>
      <c r="D3402" s="14" t="s">
        <v>10661</v>
      </c>
      <c r="E3402" s="2" t="s">
        <v>10662</v>
      </c>
      <c r="F3402" s="2" t="s">
        <v>7615</v>
      </c>
      <c r="G3402" s="8">
        <v>143</v>
      </c>
      <c r="H3402" s="5">
        <v>6</v>
      </c>
      <c r="I3402" s="5" t="s">
        <v>1518</v>
      </c>
      <c r="J3402" s="5" t="s">
        <v>1519</v>
      </c>
      <c r="K3402" s="2" t="s">
        <v>1520</v>
      </c>
      <c r="L3402" s="5" t="s">
        <v>1519</v>
      </c>
      <c r="M3402" s="2" t="s">
        <v>1520</v>
      </c>
      <c r="N3402" s="5" t="s">
        <v>1521</v>
      </c>
      <c r="O3402" s="5" t="s">
        <v>38</v>
      </c>
      <c r="P3402" s="5" t="s">
        <v>39</v>
      </c>
      <c r="Q3402" s="5" t="s">
        <v>40</v>
      </c>
      <c r="R3402" s="5" t="s">
        <v>1522</v>
      </c>
      <c r="S3402" s="5" t="s">
        <v>1523</v>
      </c>
      <c r="T3402" s="5" t="s">
        <v>42</v>
      </c>
      <c r="U3402" s="2">
        <v>2.0179999999999998</v>
      </c>
      <c r="V3402" s="2">
        <v>1.57</v>
      </c>
      <c r="W3402" s="2">
        <v>1.2999999999999999E-2</v>
      </c>
      <c r="X3402" s="2">
        <v>159.1</v>
      </c>
      <c r="Y3402" s="2">
        <v>7.6</v>
      </c>
      <c r="Z3402" s="2">
        <v>10.6</v>
      </c>
      <c r="AA3402" s="5"/>
      <c r="AB3402" s="5" t="s">
        <v>43</v>
      </c>
      <c r="AC3402" s="5" t="s">
        <v>44</v>
      </c>
      <c r="AD3402" s="2"/>
      <c r="AE3402" s="1"/>
    </row>
    <row r="3403" spans="1:31" ht="14.45">
      <c r="A3403" s="11"/>
      <c r="B3403" s="20"/>
      <c r="C3403" s="2" t="s">
        <v>10663</v>
      </c>
      <c r="D3403" s="14" t="s">
        <v>10664</v>
      </c>
      <c r="E3403" s="2" t="s">
        <v>10665</v>
      </c>
      <c r="F3403" s="2" t="s">
        <v>7619</v>
      </c>
      <c r="G3403" s="8">
        <v>143</v>
      </c>
      <c r="H3403" s="5">
        <v>6</v>
      </c>
      <c r="I3403" s="5" t="s">
        <v>1518</v>
      </c>
      <c r="J3403" s="5" t="s">
        <v>1519</v>
      </c>
      <c r="K3403" s="2" t="s">
        <v>1520</v>
      </c>
      <c r="L3403" s="5" t="s">
        <v>1519</v>
      </c>
      <c r="M3403" s="2" t="s">
        <v>1520</v>
      </c>
      <c r="N3403" s="5" t="s">
        <v>1521</v>
      </c>
      <c r="O3403" s="5" t="s">
        <v>38</v>
      </c>
      <c r="P3403" s="5" t="s">
        <v>39</v>
      </c>
      <c r="Q3403" s="5" t="s">
        <v>40</v>
      </c>
      <c r="R3403" s="5" t="s">
        <v>1522</v>
      </c>
      <c r="S3403" s="5" t="s">
        <v>1523</v>
      </c>
      <c r="T3403" s="5" t="s">
        <v>42</v>
      </c>
      <c r="U3403" s="2">
        <v>2.0670000000000002</v>
      </c>
      <c r="V3403" s="2">
        <v>1.619</v>
      </c>
      <c r="W3403" s="2">
        <v>1.2999999999999999E-2</v>
      </c>
      <c r="X3403" s="2">
        <v>159.1</v>
      </c>
      <c r="Y3403" s="2">
        <v>7.6</v>
      </c>
      <c r="Z3403" s="2">
        <v>10.6</v>
      </c>
      <c r="AA3403" s="5"/>
      <c r="AB3403" s="5" t="s">
        <v>43</v>
      </c>
      <c r="AC3403" s="5" t="s">
        <v>44</v>
      </c>
      <c r="AD3403" s="2"/>
      <c r="AE3403" s="1"/>
    </row>
    <row r="3404" spans="1:31" ht="14.45">
      <c r="A3404" s="11"/>
      <c r="B3404" s="20"/>
      <c r="C3404" s="2" t="s">
        <v>10666</v>
      </c>
      <c r="D3404" s="14" t="s">
        <v>10667</v>
      </c>
      <c r="E3404" s="2" t="s">
        <v>10668</v>
      </c>
      <c r="F3404" s="2" t="s">
        <v>1823</v>
      </c>
      <c r="G3404" s="8">
        <v>143</v>
      </c>
      <c r="H3404" s="5">
        <v>18</v>
      </c>
      <c r="I3404" s="5" t="s">
        <v>1518</v>
      </c>
      <c r="J3404" s="5" t="s">
        <v>1519</v>
      </c>
      <c r="K3404" s="2" t="s">
        <v>1520</v>
      </c>
      <c r="L3404" s="5" t="s">
        <v>1519</v>
      </c>
      <c r="M3404" s="2" t="s">
        <v>1520</v>
      </c>
      <c r="N3404" s="5" t="s">
        <v>1521</v>
      </c>
      <c r="O3404" s="5" t="s">
        <v>38</v>
      </c>
      <c r="P3404" s="5" t="s">
        <v>39</v>
      </c>
      <c r="Q3404" s="5" t="s">
        <v>40</v>
      </c>
      <c r="R3404" s="5" t="s">
        <v>1522</v>
      </c>
      <c r="S3404" s="5" t="s">
        <v>1523</v>
      </c>
      <c r="T3404" s="5" t="s">
        <v>42</v>
      </c>
      <c r="U3404" s="2">
        <v>2.0649999999999999</v>
      </c>
      <c r="V3404" s="2">
        <v>1.617</v>
      </c>
      <c r="W3404" s="2">
        <v>1.2999999999999999E-2</v>
      </c>
      <c r="X3404" s="2">
        <v>159.1</v>
      </c>
      <c r="Y3404" s="2">
        <v>7.6</v>
      </c>
      <c r="Z3404" s="2">
        <v>10.6</v>
      </c>
      <c r="AA3404" s="5"/>
      <c r="AB3404" s="5" t="s">
        <v>43</v>
      </c>
      <c r="AC3404" s="5" t="s">
        <v>44</v>
      </c>
      <c r="AD3404" s="2"/>
      <c r="AE3404" s="1"/>
    </row>
    <row r="3405" spans="1:31" ht="14.45">
      <c r="A3405" s="11"/>
      <c r="B3405" s="20"/>
      <c r="C3405" s="2" t="s">
        <v>10669</v>
      </c>
      <c r="D3405" s="14" t="s">
        <v>10670</v>
      </c>
      <c r="E3405" s="2" t="s">
        <v>10671</v>
      </c>
      <c r="F3405" s="2" t="s">
        <v>1827</v>
      </c>
      <c r="G3405" s="8">
        <v>143</v>
      </c>
      <c r="H3405" s="5">
        <v>18</v>
      </c>
      <c r="I3405" s="5" t="s">
        <v>1518</v>
      </c>
      <c r="J3405" s="5" t="s">
        <v>1519</v>
      </c>
      <c r="K3405" s="2" t="s">
        <v>1520</v>
      </c>
      <c r="L3405" s="5" t="s">
        <v>1519</v>
      </c>
      <c r="M3405" s="2" t="s">
        <v>1520</v>
      </c>
      <c r="N3405" s="5" t="s">
        <v>1521</v>
      </c>
      <c r="O3405" s="5" t="s">
        <v>38</v>
      </c>
      <c r="P3405" s="5" t="s">
        <v>39</v>
      </c>
      <c r="Q3405" s="5" t="s">
        <v>40</v>
      </c>
      <c r="R3405" s="5" t="s">
        <v>1522</v>
      </c>
      <c r="S3405" s="5" t="s">
        <v>1523</v>
      </c>
      <c r="T3405" s="5" t="s">
        <v>42</v>
      </c>
      <c r="U3405" s="2">
        <v>2.1139999999999999</v>
      </c>
      <c r="V3405" s="2">
        <v>1.6659999999999999</v>
      </c>
      <c r="W3405" s="2">
        <v>1.2999999999999999E-2</v>
      </c>
      <c r="X3405" s="2">
        <v>159.1</v>
      </c>
      <c r="Y3405" s="2">
        <v>7.6</v>
      </c>
      <c r="Z3405" s="2">
        <v>10.6</v>
      </c>
      <c r="AA3405" s="5"/>
      <c r="AB3405" s="5" t="s">
        <v>43</v>
      </c>
      <c r="AC3405" s="5" t="s">
        <v>44</v>
      </c>
      <c r="AD3405" s="2"/>
      <c r="AE3405" s="1"/>
    </row>
    <row r="3406" spans="1:31" ht="14.45">
      <c r="A3406" s="11"/>
      <c r="B3406" s="20"/>
      <c r="C3406" s="2" t="s">
        <v>10672</v>
      </c>
      <c r="D3406" s="14" t="s">
        <v>10673</v>
      </c>
      <c r="E3406" s="2" t="s">
        <v>10674</v>
      </c>
      <c r="F3406" s="2" t="s">
        <v>1973</v>
      </c>
      <c r="G3406" s="8">
        <v>143</v>
      </c>
      <c r="H3406" s="5">
        <v>18</v>
      </c>
      <c r="I3406" s="5" t="s">
        <v>1518</v>
      </c>
      <c r="J3406" s="5" t="s">
        <v>1519</v>
      </c>
      <c r="K3406" s="2" t="s">
        <v>1520</v>
      </c>
      <c r="L3406" s="5" t="s">
        <v>1519</v>
      </c>
      <c r="M3406" s="2" t="s">
        <v>1520</v>
      </c>
      <c r="N3406" s="5" t="s">
        <v>1521</v>
      </c>
      <c r="O3406" s="5" t="s">
        <v>38</v>
      </c>
      <c r="P3406" s="5" t="s">
        <v>39</v>
      </c>
      <c r="Q3406" s="5" t="s">
        <v>40</v>
      </c>
      <c r="R3406" s="5" t="s">
        <v>1522</v>
      </c>
      <c r="S3406" s="5" t="s">
        <v>1523</v>
      </c>
      <c r="T3406" s="5" t="s">
        <v>42</v>
      </c>
      <c r="U3406" s="2">
        <v>2.0779999999999998</v>
      </c>
      <c r="V3406" s="2">
        <v>1.63</v>
      </c>
      <c r="W3406" s="2">
        <v>1.2999999999999999E-2</v>
      </c>
      <c r="X3406" s="2">
        <v>159.1</v>
      </c>
      <c r="Y3406" s="2">
        <v>7.6</v>
      </c>
      <c r="Z3406" s="2">
        <v>10.6</v>
      </c>
      <c r="AA3406" s="5"/>
      <c r="AB3406" s="5" t="s">
        <v>43</v>
      </c>
      <c r="AC3406" s="5" t="s">
        <v>44</v>
      </c>
      <c r="AD3406" s="2"/>
      <c r="AE3406" s="1"/>
    </row>
    <row r="3407" spans="1:31" ht="14.45">
      <c r="A3407" s="11"/>
      <c r="B3407" s="20"/>
      <c r="C3407" s="2" t="s">
        <v>10675</v>
      </c>
      <c r="D3407" s="14" t="s">
        <v>10676</v>
      </c>
      <c r="E3407" s="2" t="s">
        <v>10677</v>
      </c>
      <c r="F3407" s="2" t="s">
        <v>2348</v>
      </c>
      <c r="G3407" s="8">
        <v>143</v>
      </c>
      <c r="H3407" s="5">
        <v>18</v>
      </c>
      <c r="I3407" s="5" t="s">
        <v>1518</v>
      </c>
      <c r="J3407" s="5" t="s">
        <v>1519</v>
      </c>
      <c r="K3407" s="2" t="s">
        <v>1520</v>
      </c>
      <c r="L3407" s="5" t="s">
        <v>1519</v>
      </c>
      <c r="M3407" s="2" t="s">
        <v>1520</v>
      </c>
      <c r="N3407" s="5" t="s">
        <v>1521</v>
      </c>
      <c r="O3407" s="5" t="s">
        <v>38</v>
      </c>
      <c r="P3407" s="5" t="s">
        <v>39</v>
      </c>
      <c r="Q3407" s="5" t="s">
        <v>40</v>
      </c>
      <c r="R3407" s="5" t="s">
        <v>1522</v>
      </c>
      <c r="S3407" s="5" t="s">
        <v>1523</v>
      </c>
      <c r="T3407" s="5" t="s">
        <v>42</v>
      </c>
      <c r="U3407" s="2">
        <v>2.1269999999999998</v>
      </c>
      <c r="V3407" s="2">
        <v>1.679</v>
      </c>
      <c r="W3407" s="2">
        <v>1.2999999999999999E-2</v>
      </c>
      <c r="X3407" s="2">
        <v>159.1</v>
      </c>
      <c r="Y3407" s="2">
        <v>7.6</v>
      </c>
      <c r="Z3407" s="2">
        <v>10.6</v>
      </c>
      <c r="AA3407" s="5"/>
      <c r="AB3407" s="5" t="s">
        <v>43</v>
      </c>
      <c r="AC3407" s="5" t="s">
        <v>44</v>
      </c>
      <c r="AD3407" s="2"/>
      <c r="AE3407" s="1"/>
    </row>
    <row r="3408" spans="1:31" ht="14.45">
      <c r="A3408" s="11"/>
      <c r="B3408" s="20"/>
      <c r="C3408" s="2" t="s">
        <v>10678</v>
      </c>
      <c r="D3408" s="14" t="s">
        <v>10679</v>
      </c>
      <c r="E3408" s="2" t="s">
        <v>10680</v>
      </c>
      <c r="F3408" s="2" t="s">
        <v>2204</v>
      </c>
      <c r="G3408" s="8">
        <v>143</v>
      </c>
      <c r="H3408" s="5">
        <v>18</v>
      </c>
      <c r="I3408" s="5" t="s">
        <v>1518</v>
      </c>
      <c r="J3408" s="5" t="s">
        <v>1519</v>
      </c>
      <c r="K3408" s="2" t="s">
        <v>1520</v>
      </c>
      <c r="L3408" s="5" t="s">
        <v>1519</v>
      </c>
      <c r="M3408" s="2" t="s">
        <v>1520</v>
      </c>
      <c r="N3408" s="5" t="s">
        <v>1521</v>
      </c>
      <c r="O3408" s="5" t="s">
        <v>38</v>
      </c>
      <c r="P3408" s="5" t="s">
        <v>39</v>
      </c>
      <c r="Q3408" s="5" t="s">
        <v>40</v>
      </c>
      <c r="R3408" s="5" t="s">
        <v>1522</v>
      </c>
      <c r="S3408" s="5" t="s">
        <v>1523</v>
      </c>
      <c r="T3408" s="5" t="s">
        <v>42</v>
      </c>
      <c r="U3408" s="2">
        <v>2.0779999999999998</v>
      </c>
      <c r="V3408" s="2">
        <v>1.63</v>
      </c>
      <c r="W3408" s="2">
        <v>1.2999999999999999E-2</v>
      </c>
      <c r="X3408" s="2">
        <v>159.1</v>
      </c>
      <c r="Y3408" s="2">
        <v>7.6</v>
      </c>
      <c r="Z3408" s="2">
        <v>10.6</v>
      </c>
      <c r="AA3408" s="5"/>
      <c r="AB3408" s="5" t="s">
        <v>43</v>
      </c>
      <c r="AC3408" s="5" t="s">
        <v>44</v>
      </c>
      <c r="AD3408" s="2"/>
      <c r="AE3408" s="1"/>
    </row>
    <row r="3409" spans="1:31" ht="14.45">
      <c r="A3409" s="11"/>
      <c r="B3409" s="20"/>
      <c r="C3409" s="2" t="s">
        <v>10681</v>
      </c>
      <c r="D3409" s="14" t="s">
        <v>10682</v>
      </c>
      <c r="E3409" s="2" t="s">
        <v>10683</v>
      </c>
      <c r="F3409" s="2" t="s">
        <v>2724</v>
      </c>
      <c r="G3409" s="8">
        <v>143</v>
      </c>
      <c r="H3409" s="5">
        <v>18</v>
      </c>
      <c r="I3409" s="5" t="s">
        <v>1518</v>
      </c>
      <c r="J3409" s="5" t="s">
        <v>1519</v>
      </c>
      <c r="K3409" s="2" t="s">
        <v>1520</v>
      </c>
      <c r="L3409" s="5" t="s">
        <v>1519</v>
      </c>
      <c r="M3409" s="2" t="s">
        <v>1520</v>
      </c>
      <c r="N3409" s="5" t="s">
        <v>1521</v>
      </c>
      <c r="O3409" s="5" t="s">
        <v>38</v>
      </c>
      <c r="P3409" s="5" t="s">
        <v>39</v>
      </c>
      <c r="Q3409" s="5" t="s">
        <v>40</v>
      </c>
      <c r="R3409" s="5" t="s">
        <v>1522</v>
      </c>
      <c r="S3409" s="5" t="s">
        <v>1523</v>
      </c>
      <c r="T3409" s="5" t="s">
        <v>42</v>
      </c>
      <c r="U3409" s="2">
        <v>2.1269999999999998</v>
      </c>
      <c r="V3409" s="2">
        <v>1.679</v>
      </c>
      <c r="W3409" s="2">
        <v>1.2999999999999999E-2</v>
      </c>
      <c r="X3409" s="2">
        <v>159.1</v>
      </c>
      <c r="Y3409" s="2">
        <v>7.6</v>
      </c>
      <c r="Z3409" s="2">
        <v>10.6</v>
      </c>
      <c r="AA3409" s="5"/>
      <c r="AB3409" s="5" t="s">
        <v>43</v>
      </c>
      <c r="AC3409" s="5" t="s">
        <v>44</v>
      </c>
      <c r="AD3409" s="2"/>
      <c r="AE3409" s="1"/>
    </row>
    <row r="3410" spans="1:31" ht="14.45">
      <c r="A3410" s="11"/>
      <c r="B3410" s="20"/>
      <c r="C3410" s="2" t="s">
        <v>10684</v>
      </c>
      <c r="D3410" s="14" t="s">
        <v>10685</v>
      </c>
      <c r="E3410" s="2" t="s">
        <v>10686</v>
      </c>
      <c r="F3410" s="2" t="s">
        <v>2208</v>
      </c>
      <c r="G3410" s="8">
        <v>143</v>
      </c>
      <c r="H3410" s="5">
        <v>18</v>
      </c>
      <c r="I3410" s="5" t="s">
        <v>1518</v>
      </c>
      <c r="J3410" s="5" t="s">
        <v>1519</v>
      </c>
      <c r="K3410" s="2" t="s">
        <v>1520</v>
      </c>
      <c r="L3410" s="5" t="s">
        <v>1519</v>
      </c>
      <c r="M3410" s="2" t="s">
        <v>1520</v>
      </c>
      <c r="N3410" s="5" t="s">
        <v>1521</v>
      </c>
      <c r="O3410" s="5" t="s">
        <v>38</v>
      </c>
      <c r="P3410" s="5" t="s">
        <v>39</v>
      </c>
      <c r="Q3410" s="5" t="s">
        <v>40</v>
      </c>
      <c r="R3410" s="5" t="s">
        <v>1522</v>
      </c>
      <c r="S3410" s="5" t="s">
        <v>1523</v>
      </c>
      <c r="T3410" s="5" t="s">
        <v>42</v>
      </c>
      <c r="U3410" s="2">
        <v>2.0779999999999998</v>
      </c>
      <c r="V3410" s="2">
        <v>1.63</v>
      </c>
      <c r="W3410" s="2">
        <v>1.2999999999999999E-2</v>
      </c>
      <c r="X3410" s="2">
        <v>159.1</v>
      </c>
      <c r="Y3410" s="2">
        <v>7.6</v>
      </c>
      <c r="Z3410" s="2">
        <v>10.6</v>
      </c>
      <c r="AA3410" s="5"/>
      <c r="AB3410" s="5" t="s">
        <v>43</v>
      </c>
      <c r="AC3410" s="5" t="s">
        <v>44</v>
      </c>
      <c r="AD3410" s="2"/>
      <c r="AE3410" s="1"/>
    </row>
    <row r="3411" spans="1:31" ht="14.45">
      <c r="A3411" s="11"/>
      <c r="B3411" s="20"/>
      <c r="C3411" s="2" t="s">
        <v>10687</v>
      </c>
      <c r="D3411" s="14" t="s">
        <v>10688</v>
      </c>
      <c r="E3411" s="2" t="s">
        <v>10689</v>
      </c>
      <c r="F3411" s="2" t="s">
        <v>2212</v>
      </c>
      <c r="G3411" s="8">
        <v>143</v>
      </c>
      <c r="H3411" s="5">
        <v>18</v>
      </c>
      <c r="I3411" s="5" t="s">
        <v>1518</v>
      </c>
      <c r="J3411" s="5" t="s">
        <v>1519</v>
      </c>
      <c r="K3411" s="2" t="s">
        <v>1520</v>
      </c>
      <c r="L3411" s="5" t="s">
        <v>1519</v>
      </c>
      <c r="M3411" s="2" t="s">
        <v>1520</v>
      </c>
      <c r="N3411" s="5" t="s">
        <v>1521</v>
      </c>
      <c r="O3411" s="5" t="s">
        <v>38</v>
      </c>
      <c r="P3411" s="5" t="s">
        <v>39</v>
      </c>
      <c r="Q3411" s="5" t="s">
        <v>40</v>
      </c>
      <c r="R3411" s="5" t="s">
        <v>1522</v>
      </c>
      <c r="S3411" s="5" t="s">
        <v>1523</v>
      </c>
      <c r="T3411" s="5" t="s">
        <v>42</v>
      </c>
      <c r="U3411" s="2">
        <v>2.1269999999999998</v>
      </c>
      <c r="V3411" s="2">
        <v>1.679</v>
      </c>
      <c r="W3411" s="2">
        <v>1.2999999999999999E-2</v>
      </c>
      <c r="X3411" s="2">
        <v>159.1</v>
      </c>
      <c r="Y3411" s="2">
        <v>7.6</v>
      </c>
      <c r="Z3411" s="2">
        <v>10.6</v>
      </c>
      <c r="AA3411" s="5"/>
      <c r="AB3411" s="5" t="s">
        <v>43</v>
      </c>
      <c r="AC3411" s="5" t="s">
        <v>44</v>
      </c>
      <c r="AD3411" s="2"/>
      <c r="AE3411" s="1"/>
    </row>
    <row r="3412" spans="1:31" ht="14.45">
      <c r="A3412" s="11"/>
      <c r="B3412" s="20"/>
      <c r="C3412" s="2" t="s">
        <v>10690</v>
      </c>
      <c r="D3412" s="14" t="s">
        <v>10691</v>
      </c>
      <c r="E3412" s="2" t="s">
        <v>10692</v>
      </c>
      <c r="F3412" s="2" t="s">
        <v>1831</v>
      </c>
      <c r="G3412" s="8">
        <v>143</v>
      </c>
      <c r="H3412" s="5">
        <v>18</v>
      </c>
      <c r="I3412" s="5" t="s">
        <v>1518</v>
      </c>
      <c r="J3412" s="5" t="s">
        <v>1519</v>
      </c>
      <c r="K3412" s="2" t="s">
        <v>1520</v>
      </c>
      <c r="L3412" s="5" t="s">
        <v>1519</v>
      </c>
      <c r="M3412" s="2" t="s">
        <v>1520</v>
      </c>
      <c r="N3412" s="5" t="s">
        <v>1521</v>
      </c>
      <c r="O3412" s="5" t="s">
        <v>38</v>
      </c>
      <c r="P3412" s="5" t="s">
        <v>39</v>
      </c>
      <c r="Q3412" s="5" t="s">
        <v>40</v>
      </c>
      <c r="R3412" s="5" t="s">
        <v>1522</v>
      </c>
      <c r="S3412" s="5" t="s">
        <v>1523</v>
      </c>
      <c r="T3412" s="5" t="s">
        <v>42</v>
      </c>
      <c r="U3412" s="2">
        <v>2.0779999999999998</v>
      </c>
      <c r="V3412" s="2">
        <v>1.63</v>
      </c>
      <c r="W3412" s="2">
        <v>1.2999999999999999E-2</v>
      </c>
      <c r="X3412" s="2">
        <v>159.1</v>
      </c>
      <c r="Y3412" s="2">
        <v>7.6</v>
      </c>
      <c r="Z3412" s="2">
        <v>10.6</v>
      </c>
      <c r="AA3412" s="5"/>
      <c r="AB3412" s="5" t="s">
        <v>43</v>
      </c>
      <c r="AC3412" s="5" t="s">
        <v>44</v>
      </c>
      <c r="AD3412" s="2"/>
      <c r="AE3412" s="1"/>
    </row>
    <row r="3413" spans="1:31" ht="14.45">
      <c r="A3413" s="11"/>
      <c r="B3413" s="20"/>
      <c r="C3413" s="2" t="s">
        <v>10693</v>
      </c>
      <c r="D3413" s="14" t="s">
        <v>10694</v>
      </c>
      <c r="E3413" s="2" t="s">
        <v>10695</v>
      </c>
      <c r="F3413" s="2" t="s">
        <v>1835</v>
      </c>
      <c r="G3413" s="8">
        <v>143</v>
      </c>
      <c r="H3413" s="5">
        <v>18</v>
      </c>
      <c r="I3413" s="5" t="s">
        <v>1518</v>
      </c>
      <c r="J3413" s="5" t="s">
        <v>1519</v>
      </c>
      <c r="K3413" s="2" t="s">
        <v>1520</v>
      </c>
      <c r="L3413" s="5" t="s">
        <v>1519</v>
      </c>
      <c r="M3413" s="2" t="s">
        <v>1520</v>
      </c>
      <c r="N3413" s="5" t="s">
        <v>1521</v>
      </c>
      <c r="O3413" s="5" t="s">
        <v>38</v>
      </c>
      <c r="P3413" s="5" t="s">
        <v>39</v>
      </c>
      <c r="Q3413" s="5" t="s">
        <v>40</v>
      </c>
      <c r="R3413" s="5" t="s">
        <v>1522</v>
      </c>
      <c r="S3413" s="5" t="s">
        <v>1523</v>
      </c>
      <c r="T3413" s="5" t="s">
        <v>42</v>
      </c>
      <c r="U3413" s="2">
        <v>2.1269999999999998</v>
      </c>
      <c r="V3413" s="2">
        <v>1.679</v>
      </c>
      <c r="W3413" s="2">
        <v>1.2999999999999999E-2</v>
      </c>
      <c r="X3413" s="2">
        <v>159.1</v>
      </c>
      <c r="Y3413" s="2">
        <v>7.6</v>
      </c>
      <c r="Z3413" s="2">
        <v>10.6</v>
      </c>
      <c r="AA3413" s="5"/>
      <c r="AB3413" s="5" t="s">
        <v>43</v>
      </c>
      <c r="AC3413" s="5" t="s">
        <v>44</v>
      </c>
      <c r="AD3413" s="2"/>
      <c r="AE3413" s="1"/>
    </row>
    <row r="3414" spans="1:31" ht="14.45">
      <c r="A3414" s="11"/>
      <c r="B3414" s="20"/>
      <c r="C3414" s="2" t="s">
        <v>10696</v>
      </c>
      <c r="D3414" s="14" t="s">
        <v>10697</v>
      </c>
      <c r="E3414" s="2" t="s">
        <v>10698</v>
      </c>
      <c r="F3414" s="2" t="s">
        <v>1839</v>
      </c>
      <c r="G3414" s="8">
        <v>143</v>
      </c>
      <c r="H3414" s="5">
        <v>18</v>
      </c>
      <c r="I3414" s="5" t="s">
        <v>1518</v>
      </c>
      <c r="J3414" s="5" t="s">
        <v>1519</v>
      </c>
      <c r="K3414" s="2" t="s">
        <v>1520</v>
      </c>
      <c r="L3414" s="5" t="s">
        <v>1519</v>
      </c>
      <c r="M3414" s="2" t="s">
        <v>1520</v>
      </c>
      <c r="N3414" s="5" t="s">
        <v>1521</v>
      </c>
      <c r="O3414" s="5" t="s">
        <v>38</v>
      </c>
      <c r="P3414" s="5" t="s">
        <v>39</v>
      </c>
      <c r="Q3414" s="5" t="s">
        <v>40</v>
      </c>
      <c r="R3414" s="5" t="s">
        <v>1522</v>
      </c>
      <c r="S3414" s="5" t="s">
        <v>1523</v>
      </c>
      <c r="T3414" s="5" t="s">
        <v>42</v>
      </c>
      <c r="U3414" s="2">
        <v>2.0779999999999998</v>
      </c>
      <c r="V3414" s="2">
        <v>1.63</v>
      </c>
      <c r="W3414" s="2">
        <v>1.2999999999999999E-2</v>
      </c>
      <c r="X3414" s="2">
        <v>159.1</v>
      </c>
      <c r="Y3414" s="2">
        <v>7.6</v>
      </c>
      <c r="Z3414" s="2">
        <v>10.6</v>
      </c>
      <c r="AA3414" s="5"/>
      <c r="AB3414" s="5" t="s">
        <v>43</v>
      </c>
      <c r="AC3414" s="5" t="s">
        <v>44</v>
      </c>
      <c r="AD3414" s="2"/>
      <c r="AE3414" s="1"/>
    </row>
    <row r="3415" spans="1:31" ht="14.45">
      <c r="A3415" s="11"/>
      <c r="B3415" s="20"/>
      <c r="C3415" s="2" t="s">
        <v>10699</v>
      </c>
      <c r="D3415" s="14" t="s">
        <v>10700</v>
      </c>
      <c r="E3415" s="2" t="s">
        <v>10701</v>
      </c>
      <c r="F3415" s="2" t="s">
        <v>1986</v>
      </c>
      <c r="G3415" s="8">
        <v>143</v>
      </c>
      <c r="H3415" s="5">
        <v>18</v>
      </c>
      <c r="I3415" s="5" t="s">
        <v>1518</v>
      </c>
      <c r="J3415" s="5" t="s">
        <v>1519</v>
      </c>
      <c r="K3415" s="2" t="s">
        <v>1520</v>
      </c>
      <c r="L3415" s="5" t="s">
        <v>1519</v>
      </c>
      <c r="M3415" s="2" t="s">
        <v>1520</v>
      </c>
      <c r="N3415" s="5" t="s">
        <v>1521</v>
      </c>
      <c r="O3415" s="5" t="s">
        <v>38</v>
      </c>
      <c r="P3415" s="5" t="s">
        <v>39</v>
      </c>
      <c r="Q3415" s="5" t="s">
        <v>40</v>
      </c>
      <c r="R3415" s="5" t="s">
        <v>1522</v>
      </c>
      <c r="S3415" s="5" t="s">
        <v>1523</v>
      </c>
      <c r="T3415" s="5" t="s">
        <v>42</v>
      </c>
      <c r="U3415" s="2">
        <v>2.1269999999999998</v>
      </c>
      <c r="V3415" s="2">
        <v>1.679</v>
      </c>
      <c r="W3415" s="2">
        <v>1.2999999999999999E-2</v>
      </c>
      <c r="X3415" s="2">
        <v>159.1</v>
      </c>
      <c r="Y3415" s="2">
        <v>7.6</v>
      </c>
      <c r="Z3415" s="2">
        <v>10.6</v>
      </c>
      <c r="AA3415" s="5"/>
      <c r="AB3415" s="5" t="s">
        <v>43</v>
      </c>
      <c r="AC3415" s="5" t="s">
        <v>44</v>
      </c>
      <c r="AD3415" s="2"/>
      <c r="AE3415" s="1"/>
    </row>
    <row r="3416" spans="1:31" ht="14.45">
      <c r="A3416" s="11"/>
      <c r="B3416" s="20"/>
      <c r="C3416" s="2" t="s">
        <v>10702</v>
      </c>
      <c r="D3416" s="14" t="s">
        <v>10703</v>
      </c>
      <c r="E3416" s="2" t="s">
        <v>10704</v>
      </c>
      <c r="F3416" s="2" t="s">
        <v>1843</v>
      </c>
      <c r="G3416" s="8">
        <v>143</v>
      </c>
      <c r="H3416" s="5">
        <v>18</v>
      </c>
      <c r="I3416" s="5" t="s">
        <v>1518</v>
      </c>
      <c r="J3416" s="5" t="s">
        <v>1519</v>
      </c>
      <c r="K3416" s="2" t="s">
        <v>1520</v>
      </c>
      <c r="L3416" s="5" t="s">
        <v>1519</v>
      </c>
      <c r="M3416" s="2" t="s">
        <v>1520</v>
      </c>
      <c r="N3416" s="5" t="s">
        <v>1521</v>
      </c>
      <c r="O3416" s="5" t="s">
        <v>38</v>
      </c>
      <c r="P3416" s="5" t="s">
        <v>39</v>
      </c>
      <c r="Q3416" s="5" t="s">
        <v>40</v>
      </c>
      <c r="R3416" s="5" t="s">
        <v>1522</v>
      </c>
      <c r="S3416" s="5" t="s">
        <v>1523</v>
      </c>
      <c r="T3416" s="5" t="s">
        <v>42</v>
      </c>
      <c r="U3416" s="2">
        <v>2.0779999999999998</v>
      </c>
      <c r="V3416" s="2">
        <v>1.63</v>
      </c>
      <c r="W3416" s="2">
        <v>1.2999999999999999E-2</v>
      </c>
      <c r="X3416" s="2">
        <v>159.1</v>
      </c>
      <c r="Y3416" s="2">
        <v>7.6</v>
      </c>
      <c r="Z3416" s="2">
        <v>10.6</v>
      </c>
      <c r="AA3416" s="5"/>
      <c r="AB3416" s="5" t="s">
        <v>43</v>
      </c>
      <c r="AC3416" s="5" t="s">
        <v>44</v>
      </c>
      <c r="AD3416" s="2"/>
      <c r="AE3416" s="1"/>
    </row>
    <row r="3417" spans="1:31" ht="14.45">
      <c r="A3417" s="11"/>
      <c r="B3417" s="20"/>
      <c r="C3417" s="2" t="s">
        <v>10705</v>
      </c>
      <c r="D3417" s="14" t="s">
        <v>10706</v>
      </c>
      <c r="E3417" s="2" t="s">
        <v>10707</v>
      </c>
      <c r="F3417" s="2" t="s">
        <v>1847</v>
      </c>
      <c r="G3417" s="8">
        <v>143</v>
      </c>
      <c r="H3417" s="5">
        <v>18</v>
      </c>
      <c r="I3417" s="5" t="s">
        <v>1518</v>
      </c>
      <c r="J3417" s="5" t="s">
        <v>1519</v>
      </c>
      <c r="K3417" s="2" t="s">
        <v>1520</v>
      </c>
      <c r="L3417" s="5" t="s">
        <v>1519</v>
      </c>
      <c r="M3417" s="2" t="s">
        <v>1520</v>
      </c>
      <c r="N3417" s="5" t="s">
        <v>1521</v>
      </c>
      <c r="O3417" s="5" t="s">
        <v>38</v>
      </c>
      <c r="P3417" s="5" t="s">
        <v>39</v>
      </c>
      <c r="Q3417" s="5" t="s">
        <v>40</v>
      </c>
      <c r="R3417" s="5" t="s">
        <v>1522</v>
      </c>
      <c r="S3417" s="5" t="s">
        <v>1523</v>
      </c>
      <c r="T3417" s="5" t="s">
        <v>42</v>
      </c>
      <c r="U3417" s="2">
        <v>2.1269999999999998</v>
      </c>
      <c r="V3417" s="2">
        <v>1.679</v>
      </c>
      <c r="W3417" s="2">
        <v>1.2999999999999999E-2</v>
      </c>
      <c r="X3417" s="2">
        <v>159.1</v>
      </c>
      <c r="Y3417" s="2">
        <v>7.6</v>
      </c>
      <c r="Z3417" s="2">
        <v>10.6</v>
      </c>
      <c r="AA3417" s="5"/>
      <c r="AB3417" s="5" t="s">
        <v>43</v>
      </c>
      <c r="AC3417" s="5" t="s">
        <v>44</v>
      </c>
      <c r="AD3417" s="2"/>
      <c r="AE3417" s="1"/>
    </row>
    <row r="3418" spans="1:31" ht="14.45">
      <c r="A3418" s="11"/>
      <c r="B3418" s="20"/>
      <c r="C3418" s="2" t="s">
        <v>10708</v>
      </c>
      <c r="D3418" s="14" t="s">
        <v>10709</v>
      </c>
      <c r="E3418" s="2" t="s">
        <v>10710</v>
      </c>
      <c r="F3418" s="2" t="s">
        <v>1851</v>
      </c>
      <c r="G3418" s="8">
        <v>143</v>
      </c>
      <c r="H3418" s="5">
        <v>18</v>
      </c>
      <c r="I3418" s="5" t="s">
        <v>1518</v>
      </c>
      <c r="J3418" s="5" t="s">
        <v>1519</v>
      </c>
      <c r="K3418" s="2" t="s">
        <v>1520</v>
      </c>
      <c r="L3418" s="5" t="s">
        <v>1519</v>
      </c>
      <c r="M3418" s="2" t="s">
        <v>1520</v>
      </c>
      <c r="N3418" s="5" t="s">
        <v>1521</v>
      </c>
      <c r="O3418" s="5" t="s">
        <v>38</v>
      </c>
      <c r="P3418" s="5" t="s">
        <v>39</v>
      </c>
      <c r="Q3418" s="5" t="s">
        <v>40</v>
      </c>
      <c r="R3418" s="5" t="s">
        <v>1522</v>
      </c>
      <c r="S3418" s="5" t="s">
        <v>1523</v>
      </c>
      <c r="T3418" s="5" t="s">
        <v>42</v>
      </c>
      <c r="U3418" s="2">
        <v>2.0779999999999998</v>
      </c>
      <c r="V3418" s="2">
        <v>1.63</v>
      </c>
      <c r="W3418" s="2">
        <v>1.2999999999999999E-2</v>
      </c>
      <c r="X3418" s="2">
        <v>159.1</v>
      </c>
      <c r="Y3418" s="2">
        <v>7.6</v>
      </c>
      <c r="Z3418" s="2">
        <v>10.6</v>
      </c>
      <c r="AA3418" s="5"/>
      <c r="AB3418" s="5" t="s">
        <v>43</v>
      </c>
      <c r="AC3418" s="5" t="s">
        <v>44</v>
      </c>
      <c r="AD3418" s="2"/>
      <c r="AE3418" s="1"/>
    </row>
    <row r="3419" spans="1:31" ht="14.45">
      <c r="A3419" s="11"/>
      <c r="B3419" s="20"/>
      <c r="C3419" s="2" t="s">
        <v>10711</v>
      </c>
      <c r="D3419" s="14" t="s">
        <v>10712</v>
      </c>
      <c r="E3419" s="2" t="s">
        <v>10713</v>
      </c>
      <c r="F3419" s="2" t="s">
        <v>1999</v>
      </c>
      <c r="G3419" s="8">
        <v>143</v>
      </c>
      <c r="H3419" s="5">
        <v>18</v>
      </c>
      <c r="I3419" s="5" t="s">
        <v>1518</v>
      </c>
      <c r="J3419" s="5" t="s">
        <v>1519</v>
      </c>
      <c r="K3419" s="2" t="s">
        <v>1520</v>
      </c>
      <c r="L3419" s="5" t="s">
        <v>1519</v>
      </c>
      <c r="M3419" s="2" t="s">
        <v>1520</v>
      </c>
      <c r="N3419" s="5" t="s">
        <v>1521</v>
      </c>
      <c r="O3419" s="5" t="s">
        <v>38</v>
      </c>
      <c r="P3419" s="5" t="s">
        <v>39</v>
      </c>
      <c r="Q3419" s="5" t="s">
        <v>40</v>
      </c>
      <c r="R3419" s="5" t="s">
        <v>1522</v>
      </c>
      <c r="S3419" s="5" t="s">
        <v>1523</v>
      </c>
      <c r="T3419" s="5" t="s">
        <v>42</v>
      </c>
      <c r="U3419" s="2">
        <v>2.1269999999999998</v>
      </c>
      <c r="V3419" s="2">
        <v>1.679</v>
      </c>
      <c r="W3419" s="2">
        <v>1.2999999999999999E-2</v>
      </c>
      <c r="X3419" s="2">
        <v>159.1</v>
      </c>
      <c r="Y3419" s="2">
        <v>7.6</v>
      </c>
      <c r="Z3419" s="2">
        <v>10.6</v>
      </c>
      <c r="AA3419" s="5"/>
      <c r="AB3419" s="5" t="s">
        <v>43</v>
      </c>
      <c r="AC3419" s="5" t="s">
        <v>44</v>
      </c>
      <c r="AD3419" s="2"/>
      <c r="AE3419" s="1"/>
    </row>
    <row r="3420" spans="1:31" ht="14.45">
      <c r="A3420" s="11"/>
      <c r="B3420" s="20"/>
      <c r="C3420" s="2" t="s">
        <v>10714</v>
      </c>
      <c r="D3420" s="14" t="s">
        <v>10715</v>
      </c>
      <c r="E3420" s="2" t="s">
        <v>10716</v>
      </c>
      <c r="F3420" s="2" t="s">
        <v>1855</v>
      </c>
      <c r="G3420" s="8">
        <v>143</v>
      </c>
      <c r="H3420" s="5">
        <v>18</v>
      </c>
      <c r="I3420" s="5" t="s">
        <v>1518</v>
      </c>
      <c r="J3420" s="5" t="s">
        <v>1519</v>
      </c>
      <c r="K3420" s="2" t="s">
        <v>1520</v>
      </c>
      <c r="L3420" s="5" t="s">
        <v>1519</v>
      </c>
      <c r="M3420" s="2" t="s">
        <v>1520</v>
      </c>
      <c r="N3420" s="5" t="s">
        <v>1521</v>
      </c>
      <c r="O3420" s="5" t="s">
        <v>38</v>
      </c>
      <c r="P3420" s="5" t="s">
        <v>39</v>
      </c>
      <c r="Q3420" s="5" t="s">
        <v>40</v>
      </c>
      <c r="R3420" s="5" t="s">
        <v>1522</v>
      </c>
      <c r="S3420" s="5" t="s">
        <v>1523</v>
      </c>
      <c r="T3420" s="5" t="s">
        <v>42</v>
      </c>
      <c r="U3420" s="2">
        <v>2.0779999999999998</v>
      </c>
      <c r="V3420" s="2">
        <v>1.63</v>
      </c>
      <c r="W3420" s="2">
        <v>1.2999999999999999E-2</v>
      </c>
      <c r="X3420" s="2">
        <v>159.1</v>
      </c>
      <c r="Y3420" s="2">
        <v>7.6</v>
      </c>
      <c r="Z3420" s="2">
        <v>10.6</v>
      </c>
      <c r="AA3420" s="5"/>
      <c r="AB3420" s="5" t="s">
        <v>43</v>
      </c>
      <c r="AC3420" s="5" t="s">
        <v>44</v>
      </c>
      <c r="AD3420" s="2"/>
      <c r="AE3420" s="1"/>
    </row>
    <row r="3421" spans="1:31" ht="14.45">
      <c r="A3421" s="11"/>
      <c r="B3421" s="20"/>
      <c r="C3421" s="2" t="s">
        <v>10717</v>
      </c>
      <c r="D3421" s="14" t="s">
        <v>10718</v>
      </c>
      <c r="E3421" s="2" t="s">
        <v>10719</v>
      </c>
      <c r="F3421" s="2" t="s">
        <v>1859</v>
      </c>
      <c r="G3421" s="8">
        <v>143</v>
      </c>
      <c r="H3421" s="5">
        <v>18</v>
      </c>
      <c r="I3421" s="5" t="s">
        <v>1518</v>
      </c>
      <c r="J3421" s="5" t="s">
        <v>1519</v>
      </c>
      <c r="K3421" s="2" t="s">
        <v>1520</v>
      </c>
      <c r="L3421" s="5" t="s">
        <v>1519</v>
      </c>
      <c r="M3421" s="2" t="s">
        <v>1520</v>
      </c>
      <c r="N3421" s="5" t="s">
        <v>1521</v>
      </c>
      <c r="O3421" s="5" t="s">
        <v>38</v>
      </c>
      <c r="P3421" s="5" t="s">
        <v>39</v>
      </c>
      <c r="Q3421" s="5" t="s">
        <v>40</v>
      </c>
      <c r="R3421" s="5" t="s">
        <v>1522</v>
      </c>
      <c r="S3421" s="5" t="s">
        <v>1523</v>
      </c>
      <c r="T3421" s="5" t="s">
        <v>42</v>
      </c>
      <c r="U3421" s="2">
        <v>2.1269999999999998</v>
      </c>
      <c r="V3421" s="2">
        <v>1.679</v>
      </c>
      <c r="W3421" s="2">
        <v>1.2999999999999999E-2</v>
      </c>
      <c r="X3421" s="2">
        <v>159.1</v>
      </c>
      <c r="Y3421" s="2">
        <v>7.6</v>
      </c>
      <c r="Z3421" s="2">
        <v>10.6</v>
      </c>
      <c r="AA3421" s="5"/>
      <c r="AB3421" s="5" t="s">
        <v>43</v>
      </c>
      <c r="AC3421" s="5" t="s">
        <v>44</v>
      </c>
      <c r="AD3421" s="2"/>
      <c r="AE3421" s="1"/>
    </row>
    <row r="3422" spans="1:31" ht="14.45">
      <c r="A3422" s="11"/>
      <c r="B3422" s="20"/>
      <c r="C3422" s="2" t="s">
        <v>10720</v>
      </c>
      <c r="D3422" s="14" t="s">
        <v>10721</v>
      </c>
      <c r="E3422" s="2" t="s">
        <v>10722</v>
      </c>
      <c r="F3422" s="2" t="s">
        <v>1863</v>
      </c>
      <c r="G3422" s="8">
        <v>143</v>
      </c>
      <c r="H3422" s="5">
        <v>21</v>
      </c>
      <c r="I3422" s="5" t="s">
        <v>1518</v>
      </c>
      <c r="J3422" s="5" t="s">
        <v>1519</v>
      </c>
      <c r="K3422" s="2" t="s">
        <v>1520</v>
      </c>
      <c r="L3422" s="5" t="s">
        <v>1519</v>
      </c>
      <c r="M3422" s="2" t="s">
        <v>1520</v>
      </c>
      <c r="N3422" s="5" t="s">
        <v>1521</v>
      </c>
      <c r="O3422" s="5" t="s">
        <v>38</v>
      </c>
      <c r="P3422" s="5" t="s">
        <v>39</v>
      </c>
      <c r="Q3422" s="5" t="s">
        <v>40</v>
      </c>
      <c r="R3422" s="5" t="s">
        <v>1522</v>
      </c>
      <c r="S3422" s="5" t="s">
        <v>1523</v>
      </c>
      <c r="T3422" s="5" t="s">
        <v>42</v>
      </c>
      <c r="U3422" s="2">
        <v>2.0259999999999998</v>
      </c>
      <c r="V3422" s="2">
        <v>1.5760000000000001</v>
      </c>
      <c r="W3422" s="2">
        <v>1.2999999999999999E-2</v>
      </c>
      <c r="X3422" s="2">
        <v>159.1</v>
      </c>
      <c r="Y3422" s="2">
        <v>7.6</v>
      </c>
      <c r="Z3422" s="2">
        <v>10.6</v>
      </c>
      <c r="AA3422" s="5"/>
      <c r="AB3422" s="5" t="s">
        <v>43</v>
      </c>
      <c r="AC3422" s="5" t="s">
        <v>44</v>
      </c>
      <c r="AD3422" s="2"/>
      <c r="AE3422" s="1"/>
    </row>
    <row r="3423" spans="1:31" ht="14.45">
      <c r="A3423" s="11"/>
      <c r="B3423" s="20"/>
      <c r="C3423" s="2" t="s">
        <v>10723</v>
      </c>
      <c r="D3423" s="14" t="s">
        <v>10724</v>
      </c>
      <c r="E3423" s="2" t="s">
        <v>10725</v>
      </c>
      <c r="F3423" s="2" t="s">
        <v>1867</v>
      </c>
      <c r="G3423" s="8">
        <v>143</v>
      </c>
      <c r="H3423" s="5">
        <v>21</v>
      </c>
      <c r="I3423" s="5" t="s">
        <v>1518</v>
      </c>
      <c r="J3423" s="5" t="s">
        <v>1519</v>
      </c>
      <c r="K3423" s="2" t="s">
        <v>1520</v>
      </c>
      <c r="L3423" s="5" t="s">
        <v>1519</v>
      </c>
      <c r="M3423" s="2" t="s">
        <v>1520</v>
      </c>
      <c r="N3423" s="5" t="s">
        <v>1521</v>
      </c>
      <c r="O3423" s="5" t="s">
        <v>38</v>
      </c>
      <c r="P3423" s="5" t="s">
        <v>39</v>
      </c>
      <c r="Q3423" s="5" t="s">
        <v>40</v>
      </c>
      <c r="R3423" s="5" t="s">
        <v>1522</v>
      </c>
      <c r="S3423" s="5" t="s">
        <v>1523</v>
      </c>
      <c r="T3423" s="5" t="s">
        <v>42</v>
      </c>
      <c r="U3423" s="2">
        <v>2.0750000000000002</v>
      </c>
      <c r="V3423" s="2">
        <v>1.625</v>
      </c>
      <c r="W3423" s="2">
        <v>1.2999999999999999E-2</v>
      </c>
      <c r="X3423" s="2">
        <v>159.1</v>
      </c>
      <c r="Y3423" s="2">
        <v>7.6</v>
      </c>
      <c r="Z3423" s="2">
        <v>10.6</v>
      </c>
      <c r="AA3423" s="5"/>
      <c r="AB3423" s="5" t="s">
        <v>43</v>
      </c>
      <c r="AC3423" s="5" t="s">
        <v>44</v>
      </c>
      <c r="AD3423" s="2"/>
      <c r="AE3423" s="1"/>
    </row>
    <row r="3424" spans="1:31" ht="14.45">
      <c r="A3424" s="11"/>
      <c r="B3424" s="20"/>
      <c r="C3424" s="2" t="s">
        <v>10726</v>
      </c>
      <c r="D3424" s="14" t="s">
        <v>10727</v>
      </c>
      <c r="E3424" s="2" t="s">
        <v>10728</v>
      </c>
      <c r="F3424" s="2" t="s">
        <v>7396</v>
      </c>
      <c r="G3424" s="8">
        <v>135</v>
      </c>
      <c r="H3424" s="5">
        <v>5</v>
      </c>
      <c r="I3424" s="5" t="s">
        <v>1518</v>
      </c>
      <c r="J3424" s="5" t="s">
        <v>1519</v>
      </c>
      <c r="K3424" s="2" t="s">
        <v>1520</v>
      </c>
      <c r="L3424" s="5" t="s">
        <v>1519</v>
      </c>
      <c r="M3424" s="2" t="s">
        <v>1520</v>
      </c>
      <c r="N3424" s="5" t="s">
        <v>1521</v>
      </c>
      <c r="O3424" s="5" t="s">
        <v>38</v>
      </c>
      <c r="P3424" s="5" t="s">
        <v>39</v>
      </c>
      <c r="Q3424" s="5" t="s">
        <v>40</v>
      </c>
      <c r="R3424" s="5" t="s">
        <v>1522</v>
      </c>
      <c r="S3424" s="5" t="s">
        <v>1523</v>
      </c>
      <c r="T3424" s="5" t="s">
        <v>42</v>
      </c>
      <c r="U3424" s="2">
        <v>2.2189999999999999</v>
      </c>
      <c r="V3424" s="2">
        <v>1.7010000000000001</v>
      </c>
      <c r="W3424" s="2">
        <v>1.2999999999999999E-2</v>
      </c>
      <c r="X3424" s="2">
        <v>165.1</v>
      </c>
      <c r="Y3424" s="2">
        <v>7.6</v>
      </c>
      <c r="Z3424" s="2">
        <v>10.6</v>
      </c>
      <c r="AA3424" s="5"/>
      <c r="AB3424" s="5" t="s">
        <v>43</v>
      </c>
      <c r="AC3424" s="5" t="s">
        <v>44</v>
      </c>
      <c r="AD3424" s="2"/>
      <c r="AE3424" s="1"/>
    </row>
    <row r="3425" spans="1:31" ht="14.45">
      <c r="A3425" s="11"/>
      <c r="B3425" s="20"/>
      <c r="C3425" s="2" t="s">
        <v>10729</v>
      </c>
      <c r="D3425" s="14" t="s">
        <v>10730</v>
      </c>
      <c r="E3425" s="2" t="s">
        <v>10731</v>
      </c>
      <c r="F3425" s="2" t="s">
        <v>7507</v>
      </c>
      <c r="G3425" s="8">
        <v>135</v>
      </c>
      <c r="H3425" s="5">
        <v>5</v>
      </c>
      <c r="I3425" s="5" t="s">
        <v>1518</v>
      </c>
      <c r="J3425" s="5" t="s">
        <v>1519</v>
      </c>
      <c r="K3425" s="2" t="s">
        <v>1520</v>
      </c>
      <c r="L3425" s="5" t="s">
        <v>1519</v>
      </c>
      <c r="M3425" s="2" t="s">
        <v>1520</v>
      </c>
      <c r="N3425" s="5" t="s">
        <v>1521</v>
      </c>
      <c r="O3425" s="5" t="s">
        <v>38</v>
      </c>
      <c r="P3425" s="5" t="s">
        <v>39</v>
      </c>
      <c r="Q3425" s="5" t="s">
        <v>40</v>
      </c>
      <c r="R3425" s="5" t="s">
        <v>1522</v>
      </c>
      <c r="S3425" s="5" t="s">
        <v>1523</v>
      </c>
      <c r="T3425" s="5" t="s">
        <v>42</v>
      </c>
      <c r="U3425" s="2">
        <v>2.2730000000000001</v>
      </c>
      <c r="V3425" s="2">
        <v>1.7549999999999999</v>
      </c>
      <c r="W3425" s="2">
        <v>1.2999999999999999E-2</v>
      </c>
      <c r="X3425" s="2">
        <v>165.1</v>
      </c>
      <c r="Y3425" s="2">
        <v>7.6</v>
      </c>
      <c r="Z3425" s="2">
        <v>10.6</v>
      </c>
      <c r="AA3425" s="5"/>
      <c r="AB3425" s="5" t="s">
        <v>43</v>
      </c>
      <c r="AC3425" s="5" t="s">
        <v>44</v>
      </c>
      <c r="AD3425" s="2"/>
      <c r="AE3425" s="1"/>
    </row>
    <row r="3426" spans="1:31" ht="14.45">
      <c r="A3426" s="11"/>
      <c r="B3426" s="20"/>
      <c r="C3426" s="2" t="s">
        <v>10732</v>
      </c>
      <c r="D3426" s="14" t="s">
        <v>10733</v>
      </c>
      <c r="E3426" s="2" t="s">
        <v>10734</v>
      </c>
      <c r="F3426" s="2" t="s">
        <v>7204</v>
      </c>
      <c r="G3426" s="8">
        <v>135</v>
      </c>
      <c r="H3426" s="5">
        <v>5</v>
      </c>
      <c r="I3426" s="5" t="s">
        <v>1518</v>
      </c>
      <c r="J3426" s="5" t="s">
        <v>1519</v>
      </c>
      <c r="K3426" s="2" t="s">
        <v>1520</v>
      </c>
      <c r="L3426" s="5" t="s">
        <v>1519</v>
      </c>
      <c r="M3426" s="2" t="s">
        <v>1520</v>
      </c>
      <c r="N3426" s="5" t="s">
        <v>1521</v>
      </c>
      <c r="O3426" s="5" t="s">
        <v>38</v>
      </c>
      <c r="P3426" s="5" t="s">
        <v>39</v>
      </c>
      <c r="Q3426" s="5" t="s">
        <v>40</v>
      </c>
      <c r="R3426" s="5" t="s">
        <v>1522</v>
      </c>
      <c r="S3426" s="5" t="s">
        <v>1523</v>
      </c>
      <c r="T3426" s="5" t="s">
        <v>42</v>
      </c>
      <c r="U3426" s="2">
        <v>2.23</v>
      </c>
      <c r="V3426" s="2">
        <v>1.712</v>
      </c>
      <c r="W3426" s="2">
        <v>1.2999999999999999E-2</v>
      </c>
      <c r="X3426" s="2">
        <v>165.1</v>
      </c>
      <c r="Y3426" s="2">
        <v>7.6</v>
      </c>
      <c r="Z3426" s="2">
        <v>10.6</v>
      </c>
      <c r="AA3426" s="5"/>
      <c r="AB3426" s="5" t="s">
        <v>43</v>
      </c>
      <c r="AC3426" s="5" t="s">
        <v>44</v>
      </c>
      <c r="AD3426" s="2"/>
      <c r="AE3426" s="1"/>
    </row>
    <row r="3427" spans="1:31" ht="14.45">
      <c r="A3427" s="11"/>
      <c r="B3427" s="20"/>
      <c r="C3427" s="2" t="s">
        <v>10735</v>
      </c>
      <c r="D3427" s="14" t="s">
        <v>10736</v>
      </c>
      <c r="E3427" s="2" t="s">
        <v>10737</v>
      </c>
      <c r="F3427" s="2" t="s">
        <v>7514</v>
      </c>
      <c r="G3427" s="8">
        <v>135</v>
      </c>
      <c r="H3427" s="5">
        <v>5</v>
      </c>
      <c r="I3427" s="5" t="s">
        <v>1518</v>
      </c>
      <c r="J3427" s="5" t="s">
        <v>1519</v>
      </c>
      <c r="K3427" s="2" t="s">
        <v>1520</v>
      </c>
      <c r="L3427" s="5" t="s">
        <v>1519</v>
      </c>
      <c r="M3427" s="2" t="s">
        <v>1520</v>
      </c>
      <c r="N3427" s="5" t="s">
        <v>1521</v>
      </c>
      <c r="O3427" s="5" t="s">
        <v>38</v>
      </c>
      <c r="P3427" s="5" t="s">
        <v>39</v>
      </c>
      <c r="Q3427" s="5" t="s">
        <v>40</v>
      </c>
      <c r="R3427" s="5" t="s">
        <v>1522</v>
      </c>
      <c r="S3427" s="5" t="s">
        <v>1523</v>
      </c>
      <c r="T3427" s="5" t="s">
        <v>42</v>
      </c>
      <c r="U3427" s="2">
        <v>2.2839999999999998</v>
      </c>
      <c r="V3427" s="2">
        <v>1.766</v>
      </c>
      <c r="W3427" s="2">
        <v>1.2999999999999999E-2</v>
      </c>
      <c r="X3427" s="2">
        <v>165.1</v>
      </c>
      <c r="Y3427" s="2">
        <v>7.6</v>
      </c>
      <c r="Z3427" s="2">
        <v>10.6</v>
      </c>
      <c r="AA3427" s="5"/>
      <c r="AB3427" s="5" t="s">
        <v>43</v>
      </c>
      <c r="AC3427" s="5" t="s">
        <v>44</v>
      </c>
      <c r="AD3427" s="2"/>
      <c r="AE3427" s="1"/>
    </row>
    <row r="3428" spans="1:31" ht="14.45">
      <c r="A3428" s="11"/>
      <c r="B3428" s="20"/>
      <c r="C3428" s="2" t="s">
        <v>10738</v>
      </c>
      <c r="D3428" s="14" t="s">
        <v>10739</v>
      </c>
      <c r="E3428" s="2" t="s">
        <v>10740</v>
      </c>
      <c r="F3428" s="2" t="s">
        <v>7208</v>
      </c>
      <c r="G3428" s="8">
        <v>135</v>
      </c>
      <c r="H3428" s="5">
        <v>5</v>
      </c>
      <c r="I3428" s="5" t="s">
        <v>1518</v>
      </c>
      <c r="J3428" s="5" t="s">
        <v>1519</v>
      </c>
      <c r="K3428" s="2" t="s">
        <v>1520</v>
      </c>
      <c r="L3428" s="5" t="s">
        <v>1519</v>
      </c>
      <c r="M3428" s="2" t="s">
        <v>1520</v>
      </c>
      <c r="N3428" s="5" t="s">
        <v>1521</v>
      </c>
      <c r="O3428" s="5" t="s">
        <v>38</v>
      </c>
      <c r="P3428" s="5" t="s">
        <v>39</v>
      </c>
      <c r="Q3428" s="5" t="s">
        <v>40</v>
      </c>
      <c r="R3428" s="5" t="s">
        <v>1522</v>
      </c>
      <c r="S3428" s="5" t="s">
        <v>1523</v>
      </c>
      <c r="T3428" s="5" t="s">
        <v>42</v>
      </c>
      <c r="U3428" s="2">
        <v>2.23</v>
      </c>
      <c r="V3428" s="2">
        <v>1.712</v>
      </c>
      <c r="W3428" s="2">
        <v>1.2999999999999999E-2</v>
      </c>
      <c r="X3428" s="2">
        <v>165.1</v>
      </c>
      <c r="Y3428" s="2">
        <v>7.6</v>
      </c>
      <c r="Z3428" s="2">
        <v>10.6</v>
      </c>
      <c r="AA3428" s="5"/>
      <c r="AB3428" s="5" t="s">
        <v>43</v>
      </c>
      <c r="AC3428" s="5" t="s">
        <v>44</v>
      </c>
      <c r="AD3428" s="2"/>
      <c r="AE3428" s="1"/>
    </row>
    <row r="3429" spans="1:31" ht="14.45">
      <c r="A3429" s="11"/>
      <c r="B3429" s="20"/>
      <c r="C3429" s="2" t="s">
        <v>10741</v>
      </c>
      <c r="D3429" s="14" t="s">
        <v>10742</v>
      </c>
      <c r="E3429" s="2" t="s">
        <v>10743</v>
      </c>
      <c r="F3429" s="2" t="s">
        <v>7521</v>
      </c>
      <c r="G3429" s="8">
        <v>135</v>
      </c>
      <c r="H3429" s="5">
        <v>5</v>
      </c>
      <c r="I3429" s="5" t="s">
        <v>1518</v>
      </c>
      <c r="J3429" s="5" t="s">
        <v>1519</v>
      </c>
      <c r="K3429" s="2" t="s">
        <v>1520</v>
      </c>
      <c r="L3429" s="5" t="s">
        <v>1519</v>
      </c>
      <c r="M3429" s="2" t="s">
        <v>1520</v>
      </c>
      <c r="N3429" s="5" t="s">
        <v>1521</v>
      </c>
      <c r="O3429" s="5" t="s">
        <v>38</v>
      </c>
      <c r="P3429" s="5" t="s">
        <v>39</v>
      </c>
      <c r="Q3429" s="5" t="s">
        <v>40</v>
      </c>
      <c r="R3429" s="5" t="s">
        <v>1522</v>
      </c>
      <c r="S3429" s="5" t="s">
        <v>1523</v>
      </c>
      <c r="T3429" s="5" t="s">
        <v>42</v>
      </c>
      <c r="U3429" s="2">
        <v>2.2839999999999998</v>
      </c>
      <c r="V3429" s="2">
        <v>1.766</v>
      </c>
      <c r="W3429" s="2">
        <v>1.2999999999999999E-2</v>
      </c>
      <c r="X3429" s="2">
        <v>165.1</v>
      </c>
      <c r="Y3429" s="2">
        <v>7.6</v>
      </c>
      <c r="Z3429" s="2">
        <v>10.6</v>
      </c>
      <c r="AA3429" s="5"/>
      <c r="AB3429" s="5" t="s">
        <v>43</v>
      </c>
      <c r="AC3429" s="5" t="s">
        <v>44</v>
      </c>
      <c r="AD3429" s="2"/>
      <c r="AE3429" s="1"/>
    </row>
    <row r="3430" spans="1:31" ht="14.45">
      <c r="A3430" s="11"/>
      <c r="B3430" s="20"/>
      <c r="C3430" s="2" t="s">
        <v>10744</v>
      </c>
      <c r="D3430" s="14" t="s">
        <v>10745</v>
      </c>
      <c r="E3430" s="2" t="s">
        <v>10746</v>
      </c>
      <c r="F3430" s="2" t="s">
        <v>7212</v>
      </c>
      <c r="G3430" s="8">
        <v>135</v>
      </c>
      <c r="H3430" s="5">
        <v>5</v>
      </c>
      <c r="I3430" s="5" t="s">
        <v>1518</v>
      </c>
      <c r="J3430" s="5" t="s">
        <v>1519</v>
      </c>
      <c r="K3430" s="2" t="s">
        <v>1520</v>
      </c>
      <c r="L3430" s="5" t="s">
        <v>1519</v>
      </c>
      <c r="M3430" s="2" t="s">
        <v>1520</v>
      </c>
      <c r="N3430" s="5" t="s">
        <v>1521</v>
      </c>
      <c r="O3430" s="5" t="s">
        <v>38</v>
      </c>
      <c r="P3430" s="5" t="s">
        <v>39</v>
      </c>
      <c r="Q3430" s="5" t="s">
        <v>40</v>
      </c>
      <c r="R3430" s="5" t="s">
        <v>1522</v>
      </c>
      <c r="S3430" s="5" t="s">
        <v>1523</v>
      </c>
      <c r="T3430" s="5" t="s">
        <v>42</v>
      </c>
      <c r="U3430" s="2">
        <v>2.1989999999999998</v>
      </c>
      <c r="V3430" s="2">
        <v>1.681</v>
      </c>
      <c r="W3430" s="2">
        <v>1.2999999999999999E-2</v>
      </c>
      <c r="X3430" s="2">
        <v>165.1</v>
      </c>
      <c r="Y3430" s="2">
        <v>7.6</v>
      </c>
      <c r="Z3430" s="2">
        <v>10.6</v>
      </c>
      <c r="AA3430" s="5"/>
      <c r="AB3430" s="5" t="s">
        <v>43</v>
      </c>
      <c r="AC3430" s="5" t="s">
        <v>44</v>
      </c>
      <c r="AD3430" s="2"/>
      <c r="AE3430" s="1"/>
    </row>
    <row r="3431" spans="1:31" ht="14.45">
      <c r="A3431" s="11"/>
      <c r="B3431" s="20"/>
      <c r="C3431" s="2" t="s">
        <v>10747</v>
      </c>
      <c r="D3431" s="14" t="s">
        <v>10748</v>
      </c>
      <c r="E3431" s="2" t="s">
        <v>10749</v>
      </c>
      <c r="F3431" s="2" t="s">
        <v>7528</v>
      </c>
      <c r="G3431" s="8">
        <v>135</v>
      </c>
      <c r="H3431" s="5">
        <v>5</v>
      </c>
      <c r="I3431" s="5" t="s">
        <v>1518</v>
      </c>
      <c r="J3431" s="5" t="s">
        <v>1519</v>
      </c>
      <c r="K3431" s="2" t="s">
        <v>1520</v>
      </c>
      <c r="L3431" s="5" t="s">
        <v>1519</v>
      </c>
      <c r="M3431" s="2" t="s">
        <v>1520</v>
      </c>
      <c r="N3431" s="5" t="s">
        <v>1521</v>
      </c>
      <c r="O3431" s="5" t="s">
        <v>38</v>
      </c>
      <c r="P3431" s="5" t="s">
        <v>39</v>
      </c>
      <c r="Q3431" s="5" t="s">
        <v>40</v>
      </c>
      <c r="R3431" s="5" t="s">
        <v>1522</v>
      </c>
      <c r="S3431" s="5" t="s">
        <v>1523</v>
      </c>
      <c r="T3431" s="5" t="s">
        <v>42</v>
      </c>
      <c r="U3431" s="2">
        <v>2.2530000000000001</v>
      </c>
      <c r="V3431" s="2">
        <v>1.7350000000000001</v>
      </c>
      <c r="W3431" s="2">
        <v>1.2999999999999999E-2</v>
      </c>
      <c r="X3431" s="2">
        <v>165.1</v>
      </c>
      <c r="Y3431" s="2">
        <v>7.6</v>
      </c>
      <c r="Z3431" s="2">
        <v>10.6</v>
      </c>
      <c r="AA3431" s="5"/>
      <c r="AB3431" s="5" t="s">
        <v>43</v>
      </c>
      <c r="AC3431" s="5" t="s">
        <v>44</v>
      </c>
      <c r="AD3431" s="2"/>
      <c r="AE3431" s="1"/>
    </row>
    <row r="3432" spans="1:31" ht="14.45">
      <c r="A3432" s="11"/>
      <c r="B3432" s="20"/>
      <c r="C3432" s="2" t="s">
        <v>10750</v>
      </c>
      <c r="D3432" s="14" t="s">
        <v>10751</v>
      </c>
      <c r="E3432" s="2" t="s">
        <v>10752</v>
      </c>
      <c r="F3432" s="2" t="s">
        <v>7406</v>
      </c>
      <c r="G3432" s="8">
        <v>155</v>
      </c>
      <c r="H3432" s="5">
        <v>6</v>
      </c>
      <c r="I3432" s="5" t="s">
        <v>1518</v>
      </c>
      <c r="J3432" s="5" t="s">
        <v>1519</v>
      </c>
      <c r="K3432" s="2" t="s">
        <v>1520</v>
      </c>
      <c r="L3432" s="5" t="s">
        <v>1519</v>
      </c>
      <c r="M3432" s="2" t="s">
        <v>1520</v>
      </c>
      <c r="N3432" s="5" t="s">
        <v>1521</v>
      </c>
      <c r="O3432" s="5" t="s">
        <v>38</v>
      </c>
      <c r="P3432" s="5" t="s">
        <v>39</v>
      </c>
      <c r="Q3432" s="5" t="s">
        <v>40</v>
      </c>
      <c r="R3432" s="5" t="s">
        <v>1522</v>
      </c>
      <c r="S3432" s="5" t="s">
        <v>1523</v>
      </c>
      <c r="T3432" s="5" t="s">
        <v>42</v>
      </c>
      <c r="U3432" s="2">
        <v>2.1989999999999998</v>
      </c>
      <c r="V3432" s="2">
        <v>1.681</v>
      </c>
      <c r="W3432" s="2">
        <v>1.2999999999999999E-2</v>
      </c>
      <c r="X3432" s="2">
        <v>165.1</v>
      </c>
      <c r="Y3432" s="2">
        <v>7.6</v>
      </c>
      <c r="Z3432" s="2">
        <v>10.6</v>
      </c>
      <c r="AA3432" s="5"/>
      <c r="AB3432" s="5" t="s">
        <v>43</v>
      </c>
      <c r="AC3432" s="5" t="s">
        <v>44</v>
      </c>
      <c r="AD3432" s="2"/>
      <c r="AE3432" s="1"/>
    </row>
    <row r="3433" spans="1:31" ht="14.45">
      <c r="A3433" s="11"/>
      <c r="B3433" s="20"/>
      <c r="C3433" s="2" t="s">
        <v>10753</v>
      </c>
      <c r="D3433" s="14" t="s">
        <v>10754</v>
      </c>
      <c r="E3433" s="2" t="s">
        <v>10755</v>
      </c>
      <c r="F3433" s="2" t="s">
        <v>7535</v>
      </c>
      <c r="G3433" s="8">
        <v>155</v>
      </c>
      <c r="H3433" s="5">
        <v>6</v>
      </c>
      <c r="I3433" s="5" t="s">
        <v>1518</v>
      </c>
      <c r="J3433" s="5" t="s">
        <v>1519</v>
      </c>
      <c r="K3433" s="2" t="s">
        <v>1520</v>
      </c>
      <c r="L3433" s="5" t="s">
        <v>1519</v>
      </c>
      <c r="M3433" s="2" t="s">
        <v>1520</v>
      </c>
      <c r="N3433" s="5" t="s">
        <v>1521</v>
      </c>
      <c r="O3433" s="5" t="s">
        <v>38</v>
      </c>
      <c r="P3433" s="5" t="s">
        <v>39</v>
      </c>
      <c r="Q3433" s="5" t="s">
        <v>40</v>
      </c>
      <c r="R3433" s="5" t="s">
        <v>1522</v>
      </c>
      <c r="S3433" s="5" t="s">
        <v>1523</v>
      </c>
      <c r="T3433" s="5" t="s">
        <v>42</v>
      </c>
      <c r="U3433" s="2">
        <v>2.2530000000000001</v>
      </c>
      <c r="V3433" s="2">
        <v>1.7350000000000001</v>
      </c>
      <c r="W3433" s="2">
        <v>1.2999999999999999E-2</v>
      </c>
      <c r="X3433" s="2">
        <v>165.1</v>
      </c>
      <c r="Y3433" s="2">
        <v>7.6</v>
      </c>
      <c r="Z3433" s="2">
        <v>10.6</v>
      </c>
      <c r="AA3433" s="5"/>
      <c r="AB3433" s="5" t="s">
        <v>43</v>
      </c>
      <c r="AC3433" s="5" t="s">
        <v>44</v>
      </c>
      <c r="AD3433" s="2"/>
      <c r="AE3433" s="1"/>
    </row>
    <row r="3434" spans="1:31" ht="14.45">
      <c r="A3434" s="11"/>
      <c r="B3434" s="20"/>
      <c r="C3434" s="2" t="s">
        <v>10756</v>
      </c>
      <c r="D3434" s="14" t="s">
        <v>10757</v>
      </c>
      <c r="E3434" s="2" t="s">
        <v>10758</v>
      </c>
      <c r="F3434" s="2" t="s">
        <v>7539</v>
      </c>
      <c r="G3434" s="8">
        <v>155</v>
      </c>
      <c r="H3434" s="5">
        <v>6</v>
      </c>
      <c r="I3434" s="5" t="s">
        <v>1518</v>
      </c>
      <c r="J3434" s="5" t="s">
        <v>1519</v>
      </c>
      <c r="K3434" s="2" t="s">
        <v>1520</v>
      </c>
      <c r="L3434" s="5" t="s">
        <v>1519</v>
      </c>
      <c r="M3434" s="2" t="s">
        <v>1520</v>
      </c>
      <c r="N3434" s="5" t="s">
        <v>1521</v>
      </c>
      <c r="O3434" s="5" t="s">
        <v>38</v>
      </c>
      <c r="P3434" s="5" t="s">
        <v>39</v>
      </c>
      <c r="Q3434" s="5" t="s">
        <v>40</v>
      </c>
      <c r="R3434" s="5" t="s">
        <v>1522</v>
      </c>
      <c r="S3434" s="5" t="s">
        <v>1523</v>
      </c>
      <c r="T3434" s="5" t="s">
        <v>42</v>
      </c>
      <c r="U3434" s="2">
        <v>2.23</v>
      </c>
      <c r="V3434" s="2">
        <v>1.712</v>
      </c>
      <c r="W3434" s="2">
        <v>1.2999999999999999E-2</v>
      </c>
      <c r="X3434" s="2">
        <v>165.1</v>
      </c>
      <c r="Y3434" s="2">
        <v>7.6</v>
      </c>
      <c r="Z3434" s="2">
        <v>10.6</v>
      </c>
      <c r="AA3434" s="5"/>
      <c r="AB3434" s="5" t="s">
        <v>43</v>
      </c>
      <c r="AC3434" s="5" t="s">
        <v>44</v>
      </c>
      <c r="AD3434" s="2"/>
      <c r="AE3434" s="1"/>
    </row>
    <row r="3435" spans="1:31" ht="14.45">
      <c r="A3435" s="11"/>
      <c r="B3435" s="20"/>
      <c r="C3435" s="2" t="s">
        <v>10759</v>
      </c>
      <c r="D3435" s="14" t="s">
        <v>10760</v>
      </c>
      <c r="E3435" s="2" t="s">
        <v>10761</v>
      </c>
      <c r="F3435" s="2" t="s">
        <v>7543</v>
      </c>
      <c r="G3435" s="8">
        <v>155</v>
      </c>
      <c r="H3435" s="5">
        <v>6</v>
      </c>
      <c r="I3435" s="5" t="s">
        <v>1518</v>
      </c>
      <c r="J3435" s="5" t="s">
        <v>1519</v>
      </c>
      <c r="K3435" s="2" t="s">
        <v>1520</v>
      </c>
      <c r="L3435" s="5" t="s">
        <v>1519</v>
      </c>
      <c r="M3435" s="2" t="s">
        <v>1520</v>
      </c>
      <c r="N3435" s="5" t="s">
        <v>1521</v>
      </c>
      <c r="O3435" s="5" t="s">
        <v>38</v>
      </c>
      <c r="P3435" s="5" t="s">
        <v>39</v>
      </c>
      <c r="Q3435" s="5" t="s">
        <v>40</v>
      </c>
      <c r="R3435" s="5" t="s">
        <v>1522</v>
      </c>
      <c r="S3435" s="5" t="s">
        <v>1523</v>
      </c>
      <c r="T3435" s="5" t="s">
        <v>42</v>
      </c>
      <c r="U3435" s="2">
        <v>2.2839999999999998</v>
      </c>
      <c r="V3435" s="2">
        <v>1.766</v>
      </c>
      <c r="W3435" s="2">
        <v>1.2999999999999999E-2</v>
      </c>
      <c r="X3435" s="2">
        <v>165.1</v>
      </c>
      <c r="Y3435" s="2">
        <v>7.6</v>
      </c>
      <c r="Z3435" s="2">
        <v>10.6</v>
      </c>
      <c r="AA3435" s="5"/>
      <c r="AB3435" s="5" t="s">
        <v>43</v>
      </c>
      <c r="AC3435" s="5" t="s">
        <v>44</v>
      </c>
      <c r="AD3435" s="2"/>
      <c r="AE3435" s="1"/>
    </row>
    <row r="3436" spans="1:31" ht="14.45">
      <c r="A3436" s="11"/>
      <c r="B3436" s="20"/>
      <c r="C3436" s="2" t="s">
        <v>10762</v>
      </c>
      <c r="D3436" s="14" t="s">
        <v>10763</v>
      </c>
      <c r="E3436" s="2" t="s">
        <v>10764</v>
      </c>
      <c r="F3436" s="2" t="s">
        <v>7551</v>
      </c>
      <c r="G3436" s="8">
        <v>155</v>
      </c>
      <c r="H3436" s="5">
        <v>6</v>
      </c>
      <c r="I3436" s="5" t="s">
        <v>1518</v>
      </c>
      <c r="J3436" s="5" t="s">
        <v>1519</v>
      </c>
      <c r="K3436" s="2" t="s">
        <v>1520</v>
      </c>
      <c r="L3436" s="5" t="s">
        <v>1519</v>
      </c>
      <c r="M3436" s="2" t="s">
        <v>1520</v>
      </c>
      <c r="N3436" s="5" t="s">
        <v>1521</v>
      </c>
      <c r="O3436" s="5" t="s">
        <v>38</v>
      </c>
      <c r="P3436" s="5" t="s">
        <v>39</v>
      </c>
      <c r="Q3436" s="5" t="s">
        <v>40</v>
      </c>
      <c r="R3436" s="5" t="s">
        <v>1522</v>
      </c>
      <c r="S3436" s="5" t="s">
        <v>1523</v>
      </c>
      <c r="T3436" s="5" t="s">
        <v>42</v>
      </c>
      <c r="U3436" s="2">
        <v>2.2530000000000001</v>
      </c>
      <c r="V3436" s="2">
        <v>1.7350000000000001</v>
      </c>
      <c r="W3436" s="2">
        <v>1.2999999999999999E-2</v>
      </c>
      <c r="X3436" s="2">
        <v>165.1</v>
      </c>
      <c r="Y3436" s="2">
        <v>7.6</v>
      </c>
      <c r="Z3436" s="2">
        <v>10.6</v>
      </c>
      <c r="AA3436" s="5"/>
      <c r="AB3436" s="5" t="s">
        <v>43</v>
      </c>
      <c r="AC3436" s="5" t="s">
        <v>44</v>
      </c>
      <c r="AD3436" s="2"/>
      <c r="AE3436" s="1"/>
    </row>
    <row r="3437" spans="1:31" ht="14.45">
      <c r="A3437" s="11"/>
      <c r="B3437" s="20"/>
      <c r="C3437" s="2" t="s">
        <v>10765</v>
      </c>
      <c r="D3437" s="14" t="s">
        <v>10766</v>
      </c>
      <c r="E3437" s="2" t="s">
        <v>10767</v>
      </c>
      <c r="F3437" s="2" t="s">
        <v>7555</v>
      </c>
      <c r="G3437" s="8">
        <v>155</v>
      </c>
      <c r="H3437" s="5">
        <v>6</v>
      </c>
      <c r="I3437" s="5" t="s">
        <v>1518</v>
      </c>
      <c r="J3437" s="5" t="s">
        <v>1519</v>
      </c>
      <c r="K3437" s="2" t="s">
        <v>1520</v>
      </c>
      <c r="L3437" s="5" t="s">
        <v>1519</v>
      </c>
      <c r="M3437" s="2" t="s">
        <v>1520</v>
      </c>
      <c r="N3437" s="5" t="s">
        <v>1521</v>
      </c>
      <c r="O3437" s="5" t="s">
        <v>38</v>
      </c>
      <c r="P3437" s="5" t="s">
        <v>39</v>
      </c>
      <c r="Q3437" s="5" t="s">
        <v>40</v>
      </c>
      <c r="R3437" s="5" t="s">
        <v>1522</v>
      </c>
      <c r="S3437" s="5" t="s">
        <v>1523</v>
      </c>
      <c r="T3437" s="5" t="s">
        <v>42</v>
      </c>
      <c r="U3437" s="2">
        <v>2.1989999999999998</v>
      </c>
      <c r="V3437" s="2">
        <v>1.681</v>
      </c>
      <c r="W3437" s="2">
        <v>1.2999999999999999E-2</v>
      </c>
      <c r="X3437" s="2">
        <v>165.1</v>
      </c>
      <c r="Y3437" s="2">
        <v>7.6</v>
      </c>
      <c r="Z3437" s="2">
        <v>10.6</v>
      </c>
      <c r="AA3437" s="5"/>
      <c r="AB3437" s="5" t="s">
        <v>43</v>
      </c>
      <c r="AC3437" s="5" t="s">
        <v>44</v>
      </c>
      <c r="AD3437" s="2"/>
      <c r="AE3437" s="1"/>
    </row>
    <row r="3438" spans="1:31" ht="14.45">
      <c r="A3438" s="11"/>
      <c r="B3438" s="20"/>
      <c r="C3438" s="2" t="s">
        <v>10768</v>
      </c>
      <c r="D3438" s="14" t="s">
        <v>10769</v>
      </c>
      <c r="E3438" s="2" t="s">
        <v>10770</v>
      </c>
      <c r="F3438" s="2" t="s">
        <v>7559</v>
      </c>
      <c r="G3438" s="8">
        <v>155</v>
      </c>
      <c r="H3438" s="5">
        <v>6</v>
      </c>
      <c r="I3438" s="5" t="s">
        <v>1518</v>
      </c>
      <c r="J3438" s="5" t="s">
        <v>1519</v>
      </c>
      <c r="K3438" s="2" t="s">
        <v>1520</v>
      </c>
      <c r="L3438" s="5" t="s">
        <v>1519</v>
      </c>
      <c r="M3438" s="2" t="s">
        <v>1520</v>
      </c>
      <c r="N3438" s="5" t="s">
        <v>1521</v>
      </c>
      <c r="O3438" s="5" t="s">
        <v>38</v>
      </c>
      <c r="P3438" s="5" t="s">
        <v>39</v>
      </c>
      <c r="Q3438" s="5" t="s">
        <v>40</v>
      </c>
      <c r="R3438" s="5" t="s">
        <v>1522</v>
      </c>
      <c r="S3438" s="5" t="s">
        <v>1523</v>
      </c>
      <c r="T3438" s="5" t="s">
        <v>42</v>
      </c>
      <c r="U3438" s="2">
        <v>2.2530000000000001</v>
      </c>
      <c r="V3438" s="2">
        <v>1.7350000000000001</v>
      </c>
      <c r="W3438" s="2">
        <v>1.2999999999999999E-2</v>
      </c>
      <c r="X3438" s="2">
        <v>165.1</v>
      </c>
      <c r="Y3438" s="2">
        <v>7.6</v>
      </c>
      <c r="Z3438" s="2">
        <v>10.6</v>
      </c>
      <c r="AA3438" s="5"/>
      <c r="AB3438" s="5" t="s">
        <v>43</v>
      </c>
      <c r="AC3438" s="5" t="s">
        <v>44</v>
      </c>
      <c r="AD3438" s="2"/>
      <c r="AE3438" s="1"/>
    </row>
    <row r="3439" spans="1:31" ht="14.45">
      <c r="A3439" s="11"/>
      <c r="B3439" s="20"/>
      <c r="C3439" s="2" t="s">
        <v>10771</v>
      </c>
      <c r="D3439" s="14" t="s">
        <v>10772</v>
      </c>
      <c r="E3439" s="2" t="s">
        <v>10773</v>
      </c>
      <c r="F3439" s="2" t="s">
        <v>7563</v>
      </c>
      <c r="G3439" s="8">
        <v>155</v>
      </c>
      <c r="H3439" s="5">
        <v>6</v>
      </c>
      <c r="I3439" s="5" t="s">
        <v>1518</v>
      </c>
      <c r="J3439" s="5" t="s">
        <v>1519</v>
      </c>
      <c r="K3439" s="2" t="s">
        <v>1520</v>
      </c>
      <c r="L3439" s="5" t="s">
        <v>1519</v>
      </c>
      <c r="M3439" s="2" t="s">
        <v>1520</v>
      </c>
      <c r="N3439" s="5" t="s">
        <v>1521</v>
      </c>
      <c r="O3439" s="5" t="s">
        <v>38</v>
      </c>
      <c r="P3439" s="5" t="s">
        <v>39</v>
      </c>
      <c r="Q3439" s="5" t="s">
        <v>40</v>
      </c>
      <c r="R3439" s="5" t="s">
        <v>1522</v>
      </c>
      <c r="S3439" s="5" t="s">
        <v>1523</v>
      </c>
      <c r="T3439" s="5" t="s">
        <v>42</v>
      </c>
      <c r="U3439" s="2">
        <v>2.23</v>
      </c>
      <c r="V3439" s="2">
        <v>1.712</v>
      </c>
      <c r="W3439" s="2">
        <v>1.2999999999999999E-2</v>
      </c>
      <c r="X3439" s="2">
        <v>165.1</v>
      </c>
      <c r="Y3439" s="2">
        <v>7.6</v>
      </c>
      <c r="Z3439" s="2">
        <v>10.6</v>
      </c>
      <c r="AA3439" s="5"/>
      <c r="AB3439" s="5" t="s">
        <v>43</v>
      </c>
      <c r="AC3439" s="5" t="s">
        <v>44</v>
      </c>
      <c r="AD3439" s="2"/>
      <c r="AE3439" s="1"/>
    </row>
    <row r="3440" spans="1:31" ht="14.45">
      <c r="A3440" s="11"/>
      <c r="B3440" s="20"/>
      <c r="C3440" s="2" t="s">
        <v>10774</v>
      </c>
      <c r="D3440" s="14" t="s">
        <v>10775</v>
      </c>
      <c r="E3440" s="2" t="s">
        <v>10776</v>
      </c>
      <c r="F3440" s="2" t="s">
        <v>7567</v>
      </c>
      <c r="G3440" s="8">
        <v>155</v>
      </c>
      <c r="H3440" s="5">
        <v>6</v>
      </c>
      <c r="I3440" s="5" t="s">
        <v>1518</v>
      </c>
      <c r="J3440" s="5" t="s">
        <v>1519</v>
      </c>
      <c r="K3440" s="2" t="s">
        <v>1520</v>
      </c>
      <c r="L3440" s="5" t="s">
        <v>1519</v>
      </c>
      <c r="M3440" s="2" t="s">
        <v>1520</v>
      </c>
      <c r="N3440" s="5" t="s">
        <v>1521</v>
      </c>
      <c r="O3440" s="5" t="s">
        <v>38</v>
      </c>
      <c r="P3440" s="5" t="s">
        <v>39</v>
      </c>
      <c r="Q3440" s="5" t="s">
        <v>40</v>
      </c>
      <c r="R3440" s="5" t="s">
        <v>1522</v>
      </c>
      <c r="S3440" s="5" t="s">
        <v>1523</v>
      </c>
      <c r="T3440" s="5" t="s">
        <v>42</v>
      </c>
      <c r="U3440" s="2">
        <v>2.2839999999999998</v>
      </c>
      <c r="V3440" s="2">
        <v>1.766</v>
      </c>
      <c r="W3440" s="2">
        <v>1.2999999999999999E-2</v>
      </c>
      <c r="X3440" s="2">
        <v>165.1</v>
      </c>
      <c r="Y3440" s="2">
        <v>7.6</v>
      </c>
      <c r="Z3440" s="2">
        <v>10.6</v>
      </c>
      <c r="AA3440" s="5"/>
      <c r="AB3440" s="5" t="s">
        <v>43</v>
      </c>
      <c r="AC3440" s="5" t="s">
        <v>44</v>
      </c>
      <c r="AD3440" s="2"/>
      <c r="AE3440" s="1"/>
    </row>
    <row r="3441" spans="1:31" ht="14.45">
      <c r="A3441" s="11"/>
      <c r="B3441" s="20"/>
      <c r="C3441" s="2" t="s">
        <v>10777</v>
      </c>
      <c r="D3441" s="14" t="s">
        <v>10778</v>
      </c>
      <c r="E3441" s="2" t="s">
        <v>10779</v>
      </c>
      <c r="F3441" s="2" t="s">
        <v>7574</v>
      </c>
      <c r="G3441" s="8">
        <v>155</v>
      </c>
      <c r="H3441" s="5">
        <v>6</v>
      </c>
      <c r="I3441" s="5" t="s">
        <v>1518</v>
      </c>
      <c r="J3441" s="5" t="s">
        <v>1519</v>
      </c>
      <c r="K3441" s="2" t="s">
        <v>1520</v>
      </c>
      <c r="L3441" s="5" t="s">
        <v>1519</v>
      </c>
      <c r="M3441" s="2" t="s">
        <v>1520</v>
      </c>
      <c r="N3441" s="5" t="s">
        <v>1521</v>
      </c>
      <c r="O3441" s="5" t="s">
        <v>38</v>
      </c>
      <c r="P3441" s="5" t="s">
        <v>39</v>
      </c>
      <c r="Q3441" s="5" t="s">
        <v>40</v>
      </c>
      <c r="R3441" s="5" t="s">
        <v>1522</v>
      </c>
      <c r="S3441" s="5" t="s">
        <v>1523</v>
      </c>
      <c r="T3441" s="5" t="s">
        <v>42</v>
      </c>
      <c r="U3441" s="2">
        <v>2.2839999999999998</v>
      </c>
      <c r="V3441" s="2">
        <v>1.766</v>
      </c>
      <c r="W3441" s="2">
        <v>1.2999999999999999E-2</v>
      </c>
      <c r="X3441" s="2">
        <v>165.1</v>
      </c>
      <c r="Y3441" s="2">
        <v>7.6</v>
      </c>
      <c r="Z3441" s="2">
        <v>10.6</v>
      </c>
      <c r="AA3441" s="5"/>
      <c r="AB3441" s="5" t="s">
        <v>43</v>
      </c>
      <c r="AC3441" s="5" t="s">
        <v>44</v>
      </c>
      <c r="AD3441" s="2"/>
      <c r="AE3441" s="1"/>
    </row>
    <row r="3442" spans="1:31" ht="14.45">
      <c r="A3442" s="11"/>
      <c r="B3442" s="20"/>
      <c r="C3442" s="2" t="s">
        <v>10780</v>
      </c>
      <c r="D3442" s="14" t="s">
        <v>10781</v>
      </c>
      <c r="E3442" s="2" t="s">
        <v>10782</v>
      </c>
      <c r="F3442" s="2" t="s">
        <v>7449</v>
      </c>
      <c r="G3442" s="8">
        <v>155</v>
      </c>
      <c r="H3442" s="5">
        <v>6</v>
      </c>
      <c r="I3442" s="5" t="s">
        <v>1518</v>
      </c>
      <c r="J3442" s="5" t="s">
        <v>1519</v>
      </c>
      <c r="K3442" s="2" t="s">
        <v>1520</v>
      </c>
      <c r="L3442" s="5" t="s">
        <v>1519</v>
      </c>
      <c r="M3442" s="2" t="s">
        <v>1520</v>
      </c>
      <c r="N3442" s="5" t="s">
        <v>1521</v>
      </c>
      <c r="O3442" s="5" t="s">
        <v>38</v>
      </c>
      <c r="P3442" s="5" t="s">
        <v>39</v>
      </c>
      <c r="Q3442" s="5" t="s">
        <v>40</v>
      </c>
      <c r="R3442" s="5" t="s">
        <v>1522</v>
      </c>
      <c r="S3442" s="5" t="s">
        <v>1523</v>
      </c>
      <c r="T3442" s="5" t="s">
        <v>42</v>
      </c>
      <c r="U3442" s="2">
        <v>2.23</v>
      </c>
      <c r="V3442" s="2">
        <v>1.712</v>
      </c>
      <c r="W3442" s="2">
        <v>1.2999999999999999E-2</v>
      </c>
      <c r="X3442" s="2">
        <v>165.1</v>
      </c>
      <c r="Y3442" s="2">
        <v>7.6</v>
      </c>
      <c r="Z3442" s="2">
        <v>10.6</v>
      </c>
      <c r="AA3442" s="5"/>
      <c r="AB3442" s="5" t="s">
        <v>43</v>
      </c>
      <c r="AC3442" s="5" t="s">
        <v>44</v>
      </c>
      <c r="AD3442" s="2"/>
      <c r="AE3442" s="1"/>
    </row>
    <row r="3443" spans="1:31" ht="14.45">
      <c r="A3443" s="11"/>
      <c r="B3443" s="20"/>
      <c r="C3443" s="2" t="s">
        <v>10783</v>
      </c>
      <c r="D3443" s="14" t="s">
        <v>10784</v>
      </c>
      <c r="E3443" s="2" t="s">
        <v>10785</v>
      </c>
      <c r="F3443" s="2" t="s">
        <v>7581</v>
      </c>
      <c r="G3443" s="8">
        <v>155</v>
      </c>
      <c r="H3443" s="5">
        <v>6</v>
      </c>
      <c r="I3443" s="5" t="s">
        <v>1518</v>
      </c>
      <c r="J3443" s="5" t="s">
        <v>1519</v>
      </c>
      <c r="K3443" s="2" t="s">
        <v>1520</v>
      </c>
      <c r="L3443" s="5" t="s">
        <v>1519</v>
      </c>
      <c r="M3443" s="2" t="s">
        <v>1520</v>
      </c>
      <c r="N3443" s="5" t="s">
        <v>1521</v>
      </c>
      <c r="O3443" s="5" t="s">
        <v>38</v>
      </c>
      <c r="P3443" s="5" t="s">
        <v>39</v>
      </c>
      <c r="Q3443" s="5" t="s">
        <v>40</v>
      </c>
      <c r="R3443" s="5" t="s">
        <v>1522</v>
      </c>
      <c r="S3443" s="5" t="s">
        <v>1523</v>
      </c>
      <c r="T3443" s="5" t="s">
        <v>42</v>
      </c>
      <c r="U3443" s="2">
        <v>2.2839999999999998</v>
      </c>
      <c r="V3443" s="2">
        <v>1.766</v>
      </c>
      <c r="W3443" s="2">
        <v>1.2999999999999999E-2</v>
      </c>
      <c r="X3443" s="2">
        <v>165.1</v>
      </c>
      <c r="Y3443" s="2">
        <v>7.6</v>
      </c>
      <c r="Z3443" s="2">
        <v>10.6</v>
      </c>
      <c r="AA3443" s="5"/>
      <c r="AB3443" s="5" t="s">
        <v>43</v>
      </c>
      <c r="AC3443" s="5" t="s">
        <v>44</v>
      </c>
      <c r="AD3443" s="2"/>
      <c r="AE3443" s="1"/>
    </row>
    <row r="3444" spans="1:31" ht="14.45">
      <c r="A3444" s="11"/>
      <c r="B3444" s="20"/>
      <c r="C3444" s="2" t="s">
        <v>10786</v>
      </c>
      <c r="D3444" s="14" t="s">
        <v>10787</v>
      </c>
      <c r="E3444" s="2" t="s">
        <v>10788</v>
      </c>
      <c r="F3444" s="2" t="s">
        <v>7585</v>
      </c>
      <c r="G3444" s="8">
        <v>155</v>
      </c>
      <c r="H3444" s="5">
        <v>6</v>
      </c>
      <c r="I3444" s="5" t="s">
        <v>1518</v>
      </c>
      <c r="J3444" s="5" t="s">
        <v>1519</v>
      </c>
      <c r="K3444" s="2" t="s">
        <v>1520</v>
      </c>
      <c r="L3444" s="5" t="s">
        <v>1519</v>
      </c>
      <c r="M3444" s="2" t="s">
        <v>1520</v>
      </c>
      <c r="N3444" s="5" t="s">
        <v>1521</v>
      </c>
      <c r="O3444" s="5" t="s">
        <v>38</v>
      </c>
      <c r="P3444" s="5" t="s">
        <v>39</v>
      </c>
      <c r="Q3444" s="5" t="s">
        <v>40</v>
      </c>
      <c r="R3444" s="5" t="s">
        <v>1522</v>
      </c>
      <c r="S3444" s="5" t="s">
        <v>1523</v>
      </c>
      <c r="T3444" s="5" t="s">
        <v>42</v>
      </c>
      <c r="U3444" s="2">
        <v>2.1989999999999998</v>
      </c>
      <c r="V3444" s="2">
        <v>1.681</v>
      </c>
      <c r="W3444" s="2">
        <v>1.2999999999999999E-2</v>
      </c>
      <c r="X3444" s="2">
        <v>165.1</v>
      </c>
      <c r="Y3444" s="2">
        <v>7.6</v>
      </c>
      <c r="Z3444" s="2">
        <v>10.6</v>
      </c>
      <c r="AA3444" s="5"/>
      <c r="AB3444" s="5" t="s">
        <v>43</v>
      </c>
      <c r="AC3444" s="5" t="s">
        <v>44</v>
      </c>
      <c r="AD3444" s="2"/>
      <c r="AE3444" s="1"/>
    </row>
    <row r="3445" spans="1:31" ht="14.45">
      <c r="A3445" s="11"/>
      <c r="B3445" s="20"/>
      <c r="C3445" s="2" t="s">
        <v>10789</v>
      </c>
      <c r="D3445" s="14" t="s">
        <v>10790</v>
      </c>
      <c r="E3445" s="2" t="s">
        <v>10791</v>
      </c>
      <c r="F3445" s="2" t="s">
        <v>7589</v>
      </c>
      <c r="G3445" s="8">
        <v>155</v>
      </c>
      <c r="H3445" s="5">
        <v>6</v>
      </c>
      <c r="I3445" s="5" t="s">
        <v>1518</v>
      </c>
      <c r="J3445" s="5" t="s">
        <v>1519</v>
      </c>
      <c r="K3445" s="2" t="s">
        <v>1520</v>
      </c>
      <c r="L3445" s="5" t="s">
        <v>1519</v>
      </c>
      <c r="M3445" s="2" t="s">
        <v>1520</v>
      </c>
      <c r="N3445" s="5" t="s">
        <v>1521</v>
      </c>
      <c r="O3445" s="5" t="s">
        <v>38</v>
      </c>
      <c r="P3445" s="5" t="s">
        <v>39</v>
      </c>
      <c r="Q3445" s="5" t="s">
        <v>40</v>
      </c>
      <c r="R3445" s="5" t="s">
        <v>1522</v>
      </c>
      <c r="S3445" s="5" t="s">
        <v>1523</v>
      </c>
      <c r="T3445" s="5" t="s">
        <v>42</v>
      </c>
      <c r="U3445" s="2">
        <v>2.2530000000000001</v>
      </c>
      <c r="V3445" s="2">
        <v>1.7350000000000001</v>
      </c>
      <c r="W3445" s="2">
        <v>1.2999999999999999E-2</v>
      </c>
      <c r="X3445" s="2">
        <v>165.1</v>
      </c>
      <c r="Y3445" s="2">
        <v>7.6</v>
      </c>
      <c r="Z3445" s="2">
        <v>10.6</v>
      </c>
      <c r="AA3445" s="5"/>
      <c r="AB3445" s="5" t="s">
        <v>43</v>
      </c>
      <c r="AC3445" s="5" t="s">
        <v>44</v>
      </c>
      <c r="AD3445" s="2"/>
      <c r="AE3445" s="1"/>
    </row>
    <row r="3446" spans="1:31" ht="14.45">
      <c r="A3446" s="11"/>
      <c r="B3446" s="20"/>
      <c r="C3446" s="2" t="s">
        <v>10792</v>
      </c>
      <c r="D3446" s="14" t="s">
        <v>10793</v>
      </c>
      <c r="E3446" s="2" t="s">
        <v>10794</v>
      </c>
      <c r="F3446" s="2" t="s">
        <v>7593</v>
      </c>
      <c r="G3446" s="8">
        <v>155</v>
      </c>
      <c r="H3446" s="5">
        <v>6</v>
      </c>
      <c r="I3446" s="5" t="s">
        <v>1518</v>
      </c>
      <c r="J3446" s="5" t="s">
        <v>1519</v>
      </c>
      <c r="K3446" s="2" t="s">
        <v>1520</v>
      </c>
      <c r="L3446" s="5" t="s">
        <v>1519</v>
      </c>
      <c r="M3446" s="2" t="s">
        <v>1520</v>
      </c>
      <c r="N3446" s="5" t="s">
        <v>1521</v>
      </c>
      <c r="O3446" s="5" t="s">
        <v>38</v>
      </c>
      <c r="P3446" s="5" t="s">
        <v>39</v>
      </c>
      <c r="Q3446" s="5" t="s">
        <v>40</v>
      </c>
      <c r="R3446" s="5" t="s">
        <v>1522</v>
      </c>
      <c r="S3446" s="5" t="s">
        <v>1523</v>
      </c>
      <c r="T3446" s="5" t="s">
        <v>42</v>
      </c>
      <c r="U3446" s="2">
        <v>2.23</v>
      </c>
      <c r="V3446" s="2">
        <v>1.712</v>
      </c>
      <c r="W3446" s="2">
        <v>1.2999999999999999E-2</v>
      </c>
      <c r="X3446" s="2">
        <v>165.1</v>
      </c>
      <c r="Y3446" s="2">
        <v>7.6</v>
      </c>
      <c r="Z3446" s="2">
        <v>10.6</v>
      </c>
      <c r="AA3446" s="5"/>
      <c r="AB3446" s="5" t="s">
        <v>43</v>
      </c>
      <c r="AC3446" s="5" t="s">
        <v>44</v>
      </c>
      <c r="AD3446" s="2"/>
      <c r="AE3446" s="1"/>
    </row>
    <row r="3447" spans="1:31" ht="14.45">
      <c r="A3447" s="11"/>
      <c r="B3447" s="20"/>
      <c r="C3447" s="2" t="s">
        <v>10795</v>
      </c>
      <c r="D3447" s="14" t="s">
        <v>10796</v>
      </c>
      <c r="E3447" s="2" t="s">
        <v>10797</v>
      </c>
      <c r="F3447" s="2" t="s">
        <v>7597</v>
      </c>
      <c r="G3447" s="8">
        <v>155</v>
      </c>
      <c r="H3447" s="5">
        <v>6</v>
      </c>
      <c r="I3447" s="5" t="s">
        <v>1518</v>
      </c>
      <c r="J3447" s="5" t="s">
        <v>1519</v>
      </c>
      <c r="K3447" s="2" t="s">
        <v>1520</v>
      </c>
      <c r="L3447" s="5" t="s">
        <v>1519</v>
      </c>
      <c r="M3447" s="2" t="s">
        <v>1520</v>
      </c>
      <c r="N3447" s="5" t="s">
        <v>1521</v>
      </c>
      <c r="O3447" s="5" t="s">
        <v>38</v>
      </c>
      <c r="P3447" s="5" t="s">
        <v>39</v>
      </c>
      <c r="Q3447" s="5" t="s">
        <v>40</v>
      </c>
      <c r="R3447" s="5" t="s">
        <v>1522</v>
      </c>
      <c r="S3447" s="5" t="s">
        <v>1523</v>
      </c>
      <c r="T3447" s="5" t="s">
        <v>42</v>
      </c>
      <c r="U3447" s="2">
        <v>2.2839999999999998</v>
      </c>
      <c r="V3447" s="2">
        <v>1.766</v>
      </c>
      <c r="W3447" s="2">
        <v>1.2999999999999999E-2</v>
      </c>
      <c r="X3447" s="2">
        <v>165.1</v>
      </c>
      <c r="Y3447" s="2">
        <v>7.6</v>
      </c>
      <c r="Z3447" s="2">
        <v>10.6</v>
      </c>
      <c r="AA3447" s="5"/>
      <c r="AB3447" s="5" t="s">
        <v>43</v>
      </c>
      <c r="AC3447" s="5" t="s">
        <v>44</v>
      </c>
      <c r="AD3447" s="2"/>
      <c r="AE3447" s="1"/>
    </row>
    <row r="3448" spans="1:31" ht="14.45">
      <c r="A3448" s="11"/>
      <c r="B3448" s="20"/>
      <c r="C3448" s="2" t="s">
        <v>10798</v>
      </c>
      <c r="D3448" s="14" t="s">
        <v>10799</v>
      </c>
      <c r="E3448" s="2" t="s">
        <v>10800</v>
      </c>
      <c r="F3448" s="2" t="s">
        <v>7410</v>
      </c>
      <c r="G3448" s="8">
        <v>155</v>
      </c>
      <c r="H3448" s="5">
        <v>6</v>
      </c>
      <c r="I3448" s="5" t="s">
        <v>1518</v>
      </c>
      <c r="J3448" s="5" t="s">
        <v>1519</v>
      </c>
      <c r="K3448" s="2" t="s">
        <v>1520</v>
      </c>
      <c r="L3448" s="5" t="s">
        <v>1519</v>
      </c>
      <c r="M3448" s="2" t="s">
        <v>1520</v>
      </c>
      <c r="N3448" s="5" t="s">
        <v>1521</v>
      </c>
      <c r="O3448" s="5" t="s">
        <v>38</v>
      </c>
      <c r="P3448" s="5" t="s">
        <v>39</v>
      </c>
      <c r="Q3448" s="5" t="s">
        <v>40</v>
      </c>
      <c r="R3448" s="5" t="s">
        <v>1522</v>
      </c>
      <c r="S3448" s="5" t="s">
        <v>1523</v>
      </c>
      <c r="T3448" s="5" t="s">
        <v>42</v>
      </c>
      <c r="U3448" s="2">
        <v>2.23</v>
      </c>
      <c r="V3448" s="2">
        <v>1.712</v>
      </c>
      <c r="W3448" s="2">
        <v>1.2999999999999999E-2</v>
      </c>
      <c r="X3448" s="2">
        <v>165.1</v>
      </c>
      <c r="Y3448" s="2">
        <v>7.6</v>
      </c>
      <c r="Z3448" s="2">
        <v>10.6</v>
      </c>
      <c r="AA3448" s="5"/>
      <c r="AB3448" s="5" t="s">
        <v>43</v>
      </c>
      <c r="AC3448" s="5" t="s">
        <v>44</v>
      </c>
      <c r="AD3448" s="2"/>
      <c r="AE3448" s="1"/>
    </row>
    <row r="3449" spans="1:31" ht="14.45">
      <c r="A3449" s="11"/>
      <c r="B3449" s="20"/>
      <c r="C3449" s="2" t="s">
        <v>10801</v>
      </c>
      <c r="D3449" s="14" t="s">
        <v>10802</v>
      </c>
      <c r="E3449" s="2" t="s">
        <v>10803</v>
      </c>
      <c r="F3449" s="2" t="s">
        <v>7604</v>
      </c>
      <c r="G3449" s="8">
        <v>155</v>
      </c>
      <c r="H3449" s="5">
        <v>6</v>
      </c>
      <c r="I3449" s="5" t="s">
        <v>1518</v>
      </c>
      <c r="J3449" s="5" t="s">
        <v>1519</v>
      </c>
      <c r="K3449" s="2" t="s">
        <v>1520</v>
      </c>
      <c r="L3449" s="5" t="s">
        <v>1519</v>
      </c>
      <c r="M3449" s="2" t="s">
        <v>1520</v>
      </c>
      <c r="N3449" s="5" t="s">
        <v>1521</v>
      </c>
      <c r="O3449" s="5" t="s">
        <v>38</v>
      </c>
      <c r="P3449" s="5" t="s">
        <v>39</v>
      </c>
      <c r="Q3449" s="5" t="s">
        <v>40</v>
      </c>
      <c r="R3449" s="5" t="s">
        <v>1522</v>
      </c>
      <c r="S3449" s="5" t="s">
        <v>1523</v>
      </c>
      <c r="T3449" s="5" t="s">
        <v>42</v>
      </c>
      <c r="U3449" s="2">
        <v>2.2839999999999998</v>
      </c>
      <c r="V3449" s="2">
        <v>1.766</v>
      </c>
      <c r="W3449" s="2">
        <v>1.2999999999999999E-2</v>
      </c>
      <c r="X3449" s="2">
        <v>165.1</v>
      </c>
      <c r="Y3449" s="2">
        <v>7.6</v>
      </c>
      <c r="Z3449" s="2">
        <v>10.6</v>
      </c>
      <c r="AA3449" s="5"/>
      <c r="AB3449" s="5" t="s">
        <v>43</v>
      </c>
      <c r="AC3449" s="5" t="s">
        <v>44</v>
      </c>
      <c r="AD3449" s="2"/>
      <c r="AE3449" s="1"/>
    </row>
    <row r="3450" spans="1:31" ht="14.45">
      <c r="A3450" s="11"/>
      <c r="B3450" s="20"/>
      <c r="C3450" s="2" t="s">
        <v>10804</v>
      </c>
      <c r="D3450" s="14" t="s">
        <v>10805</v>
      </c>
      <c r="E3450" s="2" t="s">
        <v>10806</v>
      </c>
      <c r="F3450" s="2" t="s">
        <v>7433</v>
      </c>
      <c r="G3450" s="8">
        <v>155</v>
      </c>
      <c r="H3450" s="5">
        <v>6</v>
      </c>
      <c r="I3450" s="5" t="s">
        <v>1518</v>
      </c>
      <c r="J3450" s="5" t="s">
        <v>1519</v>
      </c>
      <c r="K3450" s="2" t="s">
        <v>1520</v>
      </c>
      <c r="L3450" s="5" t="s">
        <v>1519</v>
      </c>
      <c r="M3450" s="2" t="s">
        <v>1520</v>
      </c>
      <c r="N3450" s="5" t="s">
        <v>1521</v>
      </c>
      <c r="O3450" s="5" t="s">
        <v>38</v>
      </c>
      <c r="P3450" s="5" t="s">
        <v>39</v>
      </c>
      <c r="Q3450" s="5" t="s">
        <v>40</v>
      </c>
      <c r="R3450" s="5" t="s">
        <v>1522</v>
      </c>
      <c r="S3450" s="5" t="s">
        <v>1523</v>
      </c>
      <c r="T3450" s="5" t="s">
        <v>42</v>
      </c>
      <c r="U3450" s="2">
        <v>2.23</v>
      </c>
      <c r="V3450" s="2">
        <v>1.712</v>
      </c>
      <c r="W3450" s="2">
        <v>1.2999999999999999E-2</v>
      </c>
      <c r="X3450" s="2">
        <v>165.1</v>
      </c>
      <c r="Y3450" s="2">
        <v>7.6</v>
      </c>
      <c r="Z3450" s="2">
        <v>10.6</v>
      </c>
      <c r="AA3450" s="5"/>
      <c r="AB3450" s="5" t="s">
        <v>43</v>
      </c>
      <c r="AC3450" s="5" t="s">
        <v>44</v>
      </c>
      <c r="AD3450" s="2"/>
      <c r="AE3450" s="1"/>
    </row>
    <row r="3451" spans="1:31" ht="14.45">
      <c r="A3451" s="11"/>
      <c r="B3451" s="20"/>
      <c r="C3451" s="2" t="s">
        <v>10807</v>
      </c>
      <c r="D3451" s="14" t="s">
        <v>10808</v>
      </c>
      <c r="E3451" s="2" t="s">
        <v>10809</v>
      </c>
      <c r="F3451" s="2" t="s">
        <v>7611</v>
      </c>
      <c r="G3451" s="8">
        <v>155</v>
      </c>
      <c r="H3451" s="5">
        <v>6</v>
      </c>
      <c r="I3451" s="5" t="s">
        <v>1518</v>
      </c>
      <c r="J3451" s="5" t="s">
        <v>1519</v>
      </c>
      <c r="K3451" s="2" t="s">
        <v>1520</v>
      </c>
      <c r="L3451" s="5" t="s">
        <v>1519</v>
      </c>
      <c r="M3451" s="2" t="s">
        <v>1520</v>
      </c>
      <c r="N3451" s="5" t="s">
        <v>1521</v>
      </c>
      <c r="O3451" s="5" t="s">
        <v>38</v>
      </c>
      <c r="P3451" s="5" t="s">
        <v>39</v>
      </c>
      <c r="Q3451" s="5" t="s">
        <v>40</v>
      </c>
      <c r="R3451" s="5" t="s">
        <v>1522</v>
      </c>
      <c r="S3451" s="5" t="s">
        <v>1523</v>
      </c>
      <c r="T3451" s="5" t="s">
        <v>42</v>
      </c>
      <c r="U3451" s="2">
        <v>2.2839999999999998</v>
      </c>
      <c r="V3451" s="2">
        <v>1.766</v>
      </c>
      <c r="W3451" s="2">
        <v>1.2999999999999999E-2</v>
      </c>
      <c r="X3451" s="2">
        <v>165.1</v>
      </c>
      <c r="Y3451" s="2">
        <v>7.6</v>
      </c>
      <c r="Z3451" s="2">
        <v>10.6</v>
      </c>
      <c r="AA3451" s="5"/>
      <c r="AB3451" s="5" t="s">
        <v>43</v>
      </c>
      <c r="AC3451" s="5" t="s">
        <v>44</v>
      </c>
      <c r="AD3451" s="2"/>
      <c r="AE3451" s="1"/>
    </row>
    <row r="3452" spans="1:31" ht="14.45">
      <c r="A3452" s="11"/>
      <c r="B3452" s="20"/>
      <c r="C3452" s="2" t="s">
        <v>10810</v>
      </c>
      <c r="D3452" s="14" t="s">
        <v>10811</v>
      </c>
      <c r="E3452" s="2" t="s">
        <v>10812</v>
      </c>
      <c r="F3452" s="2" t="s">
        <v>7615</v>
      </c>
      <c r="G3452" s="8">
        <v>155</v>
      </c>
      <c r="H3452" s="5">
        <v>6</v>
      </c>
      <c r="I3452" s="5" t="s">
        <v>1518</v>
      </c>
      <c r="J3452" s="5" t="s">
        <v>1519</v>
      </c>
      <c r="K3452" s="2" t="s">
        <v>1520</v>
      </c>
      <c r="L3452" s="5" t="s">
        <v>1519</v>
      </c>
      <c r="M3452" s="2" t="s">
        <v>1520</v>
      </c>
      <c r="N3452" s="5" t="s">
        <v>1521</v>
      </c>
      <c r="O3452" s="5" t="s">
        <v>38</v>
      </c>
      <c r="P3452" s="5" t="s">
        <v>39</v>
      </c>
      <c r="Q3452" s="5" t="s">
        <v>40</v>
      </c>
      <c r="R3452" s="5" t="s">
        <v>1522</v>
      </c>
      <c r="S3452" s="5" t="s">
        <v>1523</v>
      </c>
      <c r="T3452" s="5" t="s">
        <v>42</v>
      </c>
      <c r="U3452" s="2">
        <v>2.1989999999999998</v>
      </c>
      <c r="V3452" s="2">
        <v>1.681</v>
      </c>
      <c r="W3452" s="2">
        <v>1.2999999999999999E-2</v>
      </c>
      <c r="X3452" s="2">
        <v>165.1</v>
      </c>
      <c r="Y3452" s="2">
        <v>7.6</v>
      </c>
      <c r="Z3452" s="2">
        <v>10.6</v>
      </c>
      <c r="AA3452" s="5"/>
      <c r="AB3452" s="5" t="s">
        <v>43</v>
      </c>
      <c r="AC3452" s="5" t="s">
        <v>44</v>
      </c>
      <c r="AD3452" s="2"/>
      <c r="AE3452" s="1"/>
    </row>
    <row r="3453" spans="1:31" ht="14.45">
      <c r="A3453" s="11"/>
      <c r="B3453" s="20"/>
      <c r="C3453" s="2" t="s">
        <v>10813</v>
      </c>
      <c r="D3453" s="14" t="s">
        <v>10814</v>
      </c>
      <c r="E3453" s="2" t="s">
        <v>10815</v>
      </c>
      <c r="F3453" s="2" t="s">
        <v>7619</v>
      </c>
      <c r="G3453" s="8">
        <v>155</v>
      </c>
      <c r="H3453" s="5">
        <v>6</v>
      </c>
      <c r="I3453" s="5" t="s">
        <v>1518</v>
      </c>
      <c r="J3453" s="5" t="s">
        <v>1519</v>
      </c>
      <c r="K3453" s="2" t="s">
        <v>1520</v>
      </c>
      <c r="L3453" s="5" t="s">
        <v>1519</v>
      </c>
      <c r="M3453" s="2" t="s">
        <v>1520</v>
      </c>
      <c r="N3453" s="5" t="s">
        <v>1521</v>
      </c>
      <c r="O3453" s="5" t="s">
        <v>38</v>
      </c>
      <c r="P3453" s="5" t="s">
        <v>39</v>
      </c>
      <c r="Q3453" s="5" t="s">
        <v>40</v>
      </c>
      <c r="R3453" s="5" t="s">
        <v>1522</v>
      </c>
      <c r="S3453" s="5" t="s">
        <v>1523</v>
      </c>
      <c r="T3453" s="5" t="s">
        <v>42</v>
      </c>
      <c r="U3453" s="2">
        <v>2.2530000000000001</v>
      </c>
      <c r="V3453" s="2">
        <v>1.7350000000000001</v>
      </c>
      <c r="W3453" s="2">
        <v>1.2999999999999999E-2</v>
      </c>
      <c r="X3453" s="2">
        <v>165.1</v>
      </c>
      <c r="Y3453" s="2">
        <v>7.6</v>
      </c>
      <c r="Z3453" s="2">
        <v>10.6</v>
      </c>
      <c r="AA3453" s="5"/>
      <c r="AB3453" s="5" t="s">
        <v>43</v>
      </c>
      <c r="AC3453" s="5" t="s">
        <v>44</v>
      </c>
      <c r="AD3453" s="2"/>
      <c r="AE3453" s="1"/>
    </row>
    <row r="3454" spans="1:31" ht="14.45">
      <c r="A3454" s="11"/>
      <c r="B3454" s="20"/>
      <c r="C3454" s="2" t="s">
        <v>10816</v>
      </c>
      <c r="D3454" s="14" t="s">
        <v>10817</v>
      </c>
      <c r="E3454" s="2" t="s">
        <v>10818</v>
      </c>
      <c r="F3454" s="2" t="s">
        <v>1823</v>
      </c>
      <c r="G3454" s="8">
        <v>155</v>
      </c>
      <c r="H3454" s="5">
        <v>18</v>
      </c>
      <c r="I3454" s="5" t="s">
        <v>1518</v>
      </c>
      <c r="J3454" s="5" t="s">
        <v>1519</v>
      </c>
      <c r="K3454" s="2" t="s">
        <v>1520</v>
      </c>
      <c r="L3454" s="5" t="s">
        <v>1519</v>
      </c>
      <c r="M3454" s="2" t="s">
        <v>1520</v>
      </c>
      <c r="N3454" s="5" t="s">
        <v>1521</v>
      </c>
      <c r="O3454" s="5" t="s">
        <v>38</v>
      </c>
      <c r="P3454" s="5" t="s">
        <v>39</v>
      </c>
      <c r="Q3454" s="5" t="s">
        <v>40</v>
      </c>
      <c r="R3454" s="5" t="s">
        <v>1522</v>
      </c>
      <c r="S3454" s="5" t="s">
        <v>1523</v>
      </c>
      <c r="T3454" s="5" t="s">
        <v>42</v>
      </c>
      <c r="U3454" s="2">
        <v>2.2519999999999998</v>
      </c>
      <c r="V3454" s="2">
        <v>1.734</v>
      </c>
      <c r="W3454" s="2">
        <v>1.2999999999999999E-2</v>
      </c>
      <c r="X3454" s="2">
        <v>165.1</v>
      </c>
      <c r="Y3454" s="2">
        <v>7.6</v>
      </c>
      <c r="Z3454" s="2">
        <v>10.6</v>
      </c>
      <c r="AA3454" s="5"/>
      <c r="AB3454" s="5" t="s">
        <v>43</v>
      </c>
      <c r="AC3454" s="5" t="s">
        <v>44</v>
      </c>
      <c r="AD3454" s="2"/>
      <c r="AE3454" s="1"/>
    </row>
    <row r="3455" spans="1:31" ht="14.45">
      <c r="A3455" s="11"/>
      <c r="B3455" s="20"/>
      <c r="C3455" s="2" t="s">
        <v>10819</v>
      </c>
      <c r="D3455" s="14" t="s">
        <v>10820</v>
      </c>
      <c r="E3455" s="2" t="s">
        <v>10821</v>
      </c>
      <c r="F3455" s="2" t="s">
        <v>1827</v>
      </c>
      <c r="G3455" s="8">
        <v>155</v>
      </c>
      <c r="H3455" s="5">
        <v>18</v>
      </c>
      <c r="I3455" s="5" t="s">
        <v>1518</v>
      </c>
      <c r="J3455" s="5" t="s">
        <v>1519</v>
      </c>
      <c r="K3455" s="2" t="s">
        <v>1520</v>
      </c>
      <c r="L3455" s="5" t="s">
        <v>1519</v>
      </c>
      <c r="M3455" s="2" t="s">
        <v>1520</v>
      </c>
      <c r="N3455" s="5" t="s">
        <v>1521</v>
      </c>
      <c r="O3455" s="5" t="s">
        <v>38</v>
      </c>
      <c r="P3455" s="5" t="s">
        <v>39</v>
      </c>
      <c r="Q3455" s="5" t="s">
        <v>40</v>
      </c>
      <c r="R3455" s="5" t="s">
        <v>1522</v>
      </c>
      <c r="S3455" s="5" t="s">
        <v>1523</v>
      </c>
      <c r="T3455" s="5" t="s">
        <v>42</v>
      </c>
      <c r="U3455" s="2">
        <v>2.306</v>
      </c>
      <c r="V3455" s="2">
        <v>1.788</v>
      </c>
      <c r="W3455" s="2">
        <v>1.2999999999999999E-2</v>
      </c>
      <c r="X3455" s="2">
        <v>165.1</v>
      </c>
      <c r="Y3455" s="2">
        <v>7.6</v>
      </c>
      <c r="Z3455" s="2">
        <v>10.6</v>
      </c>
      <c r="AA3455" s="5"/>
      <c r="AB3455" s="5" t="s">
        <v>43</v>
      </c>
      <c r="AC3455" s="5" t="s">
        <v>44</v>
      </c>
      <c r="AD3455" s="2"/>
      <c r="AE3455" s="1"/>
    </row>
    <row r="3456" spans="1:31" ht="14.45">
      <c r="A3456" s="11"/>
      <c r="B3456" s="20"/>
      <c r="C3456" s="2" t="s">
        <v>10822</v>
      </c>
      <c r="D3456" s="14" t="s">
        <v>10823</v>
      </c>
      <c r="E3456" s="2" t="s">
        <v>10824</v>
      </c>
      <c r="F3456" s="2" t="s">
        <v>2348</v>
      </c>
      <c r="G3456" s="8">
        <v>155</v>
      </c>
      <c r="H3456" s="5">
        <v>18</v>
      </c>
      <c r="I3456" s="5" t="s">
        <v>1518</v>
      </c>
      <c r="J3456" s="5" t="s">
        <v>1519</v>
      </c>
      <c r="K3456" s="2" t="s">
        <v>1520</v>
      </c>
      <c r="L3456" s="5" t="s">
        <v>1519</v>
      </c>
      <c r="M3456" s="2" t="s">
        <v>1520</v>
      </c>
      <c r="N3456" s="5" t="s">
        <v>1521</v>
      </c>
      <c r="O3456" s="5" t="s">
        <v>38</v>
      </c>
      <c r="P3456" s="5" t="s">
        <v>39</v>
      </c>
      <c r="Q3456" s="5" t="s">
        <v>40</v>
      </c>
      <c r="R3456" s="5" t="s">
        <v>1522</v>
      </c>
      <c r="S3456" s="5" t="s">
        <v>1523</v>
      </c>
      <c r="T3456" s="5" t="s">
        <v>42</v>
      </c>
      <c r="U3456" s="2">
        <v>2.3180000000000001</v>
      </c>
      <c r="V3456" s="2">
        <v>1.8</v>
      </c>
      <c r="W3456" s="2">
        <v>1.2999999999999999E-2</v>
      </c>
      <c r="X3456" s="2">
        <v>165.1</v>
      </c>
      <c r="Y3456" s="2">
        <v>7.6</v>
      </c>
      <c r="Z3456" s="2">
        <v>10.6</v>
      </c>
      <c r="AA3456" s="5"/>
      <c r="AB3456" s="5" t="s">
        <v>43</v>
      </c>
      <c r="AC3456" s="5" t="s">
        <v>44</v>
      </c>
      <c r="AD3456" s="2"/>
      <c r="AE3456" s="1"/>
    </row>
    <row r="3457" spans="1:31" ht="14.45">
      <c r="A3457" s="11"/>
      <c r="B3457" s="20"/>
      <c r="C3457" s="2" t="s">
        <v>10825</v>
      </c>
      <c r="D3457" s="14" t="s">
        <v>10826</v>
      </c>
      <c r="E3457" s="2" t="s">
        <v>10827</v>
      </c>
      <c r="F3457" s="2" t="s">
        <v>2724</v>
      </c>
      <c r="G3457" s="8">
        <v>155</v>
      </c>
      <c r="H3457" s="5">
        <v>18</v>
      </c>
      <c r="I3457" s="5" t="s">
        <v>1518</v>
      </c>
      <c r="J3457" s="5" t="s">
        <v>1519</v>
      </c>
      <c r="K3457" s="2" t="s">
        <v>1520</v>
      </c>
      <c r="L3457" s="5" t="s">
        <v>1519</v>
      </c>
      <c r="M3457" s="2" t="s">
        <v>1520</v>
      </c>
      <c r="N3457" s="5" t="s">
        <v>1521</v>
      </c>
      <c r="O3457" s="5" t="s">
        <v>38</v>
      </c>
      <c r="P3457" s="5" t="s">
        <v>39</v>
      </c>
      <c r="Q3457" s="5" t="s">
        <v>40</v>
      </c>
      <c r="R3457" s="5" t="s">
        <v>1522</v>
      </c>
      <c r="S3457" s="5" t="s">
        <v>1523</v>
      </c>
      <c r="T3457" s="5" t="s">
        <v>42</v>
      </c>
      <c r="U3457" s="2">
        <v>2.3180000000000001</v>
      </c>
      <c r="V3457" s="2">
        <v>1.8</v>
      </c>
      <c r="W3457" s="2">
        <v>1.2999999999999999E-2</v>
      </c>
      <c r="X3457" s="2">
        <v>165.1</v>
      </c>
      <c r="Y3457" s="2">
        <v>7.6</v>
      </c>
      <c r="Z3457" s="2">
        <v>10.6</v>
      </c>
      <c r="AA3457" s="5"/>
      <c r="AB3457" s="5" t="s">
        <v>43</v>
      </c>
      <c r="AC3457" s="5" t="s">
        <v>44</v>
      </c>
      <c r="AD3457" s="2"/>
      <c r="AE3457" s="1"/>
    </row>
    <row r="3458" spans="1:31" ht="14.45">
      <c r="A3458" s="11"/>
      <c r="B3458" s="20"/>
      <c r="C3458" s="2" t="s">
        <v>10828</v>
      </c>
      <c r="D3458" s="14" t="s">
        <v>10829</v>
      </c>
      <c r="E3458" s="2" t="s">
        <v>10830</v>
      </c>
      <c r="F3458" s="2" t="s">
        <v>2212</v>
      </c>
      <c r="G3458" s="8">
        <v>155</v>
      </c>
      <c r="H3458" s="5">
        <v>18</v>
      </c>
      <c r="I3458" s="5" t="s">
        <v>1518</v>
      </c>
      <c r="J3458" s="5" t="s">
        <v>1519</v>
      </c>
      <c r="K3458" s="2" t="s">
        <v>1520</v>
      </c>
      <c r="L3458" s="5" t="s">
        <v>1519</v>
      </c>
      <c r="M3458" s="2" t="s">
        <v>1520</v>
      </c>
      <c r="N3458" s="5" t="s">
        <v>1521</v>
      </c>
      <c r="O3458" s="5" t="s">
        <v>38</v>
      </c>
      <c r="P3458" s="5" t="s">
        <v>39</v>
      </c>
      <c r="Q3458" s="5" t="s">
        <v>40</v>
      </c>
      <c r="R3458" s="5" t="s">
        <v>1522</v>
      </c>
      <c r="S3458" s="5" t="s">
        <v>1523</v>
      </c>
      <c r="T3458" s="5" t="s">
        <v>42</v>
      </c>
      <c r="U3458" s="2">
        <v>2.3180000000000001</v>
      </c>
      <c r="V3458" s="2">
        <v>1.8</v>
      </c>
      <c r="W3458" s="2">
        <v>1.2999999999999999E-2</v>
      </c>
      <c r="X3458" s="2">
        <v>165.1</v>
      </c>
      <c r="Y3458" s="2">
        <v>7.6</v>
      </c>
      <c r="Z3458" s="2">
        <v>10.6</v>
      </c>
      <c r="AA3458" s="5"/>
      <c r="AB3458" s="5" t="s">
        <v>43</v>
      </c>
      <c r="AC3458" s="5" t="s">
        <v>44</v>
      </c>
      <c r="AD3458" s="2"/>
      <c r="AE3458" s="1"/>
    </row>
    <row r="3459" spans="1:31" ht="14.45">
      <c r="A3459" s="11"/>
      <c r="B3459" s="20"/>
      <c r="C3459" s="2" t="s">
        <v>10831</v>
      </c>
      <c r="D3459" s="14" t="s">
        <v>10832</v>
      </c>
      <c r="E3459" s="2" t="s">
        <v>10833</v>
      </c>
      <c r="F3459" s="2" t="s">
        <v>1835</v>
      </c>
      <c r="G3459" s="8">
        <v>155</v>
      </c>
      <c r="H3459" s="5">
        <v>18</v>
      </c>
      <c r="I3459" s="5" t="s">
        <v>1518</v>
      </c>
      <c r="J3459" s="5" t="s">
        <v>1519</v>
      </c>
      <c r="K3459" s="2" t="s">
        <v>1520</v>
      </c>
      <c r="L3459" s="5" t="s">
        <v>1519</v>
      </c>
      <c r="M3459" s="2" t="s">
        <v>1520</v>
      </c>
      <c r="N3459" s="5" t="s">
        <v>1521</v>
      </c>
      <c r="O3459" s="5" t="s">
        <v>38</v>
      </c>
      <c r="P3459" s="5" t="s">
        <v>39</v>
      </c>
      <c r="Q3459" s="5" t="s">
        <v>40</v>
      </c>
      <c r="R3459" s="5" t="s">
        <v>1522</v>
      </c>
      <c r="S3459" s="5" t="s">
        <v>1523</v>
      </c>
      <c r="T3459" s="5" t="s">
        <v>42</v>
      </c>
      <c r="U3459" s="2">
        <v>2.3180000000000001</v>
      </c>
      <c r="V3459" s="2">
        <v>1.8</v>
      </c>
      <c r="W3459" s="2">
        <v>1.2999999999999999E-2</v>
      </c>
      <c r="X3459" s="2">
        <v>165.1</v>
      </c>
      <c r="Y3459" s="2">
        <v>7.6</v>
      </c>
      <c r="Z3459" s="2">
        <v>10.6</v>
      </c>
      <c r="AA3459" s="5"/>
      <c r="AB3459" s="5" t="s">
        <v>43</v>
      </c>
      <c r="AC3459" s="5" t="s">
        <v>44</v>
      </c>
      <c r="AD3459" s="2"/>
      <c r="AE3459" s="1"/>
    </row>
    <row r="3460" spans="1:31" ht="14.45">
      <c r="A3460" s="11"/>
      <c r="B3460" s="20"/>
      <c r="C3460" s="2" t="s">
        <v>10834</v>
      </c>
      <c r="D3460" s="14" t="s">
        <v>10835</v>
      </c>
      <c r="E3460" s="2" t="s">
        <v>10836</v>
      </c>
      <c r="F3460" s="2" t="s">
        <v>1986</v>
      </c>
      <c r="G3460" s="8">
        <v>155</v>
      </c>
      <c r="H3460" s="5">
        <v>18</v>
      </c>
      <c r="I3460" s="5" t="s">
        <v>1518</v>
      </c>
      <c r="J3460" s="5" t="s">
        <v>1519</v>
      </c>
      <c r="K3460" s="2" t="s">
        <v>1520</v>
      </c>
      <c r="L3460" s="5" t="s">
        <v>1519</v>
      </c>
      <c r="M3460" s="2" t="s">
        <v>1520</v>
      </c>
      <c r="N3460" s="5" t="s">
        <v>1521</v>
      </c>
      <c r="O3460" s="5" t="s">
        <v>38</v>
      </c>
      <c r="P3460" s="5" t="s">
        <v>39</v>
      </c>
      <c r="Q3460" s="5" t="s">
        <v>40</v>
      </c>
      <c r="R3460" s="5" t="s">
        <v>1522</v>
      </c>
      <c r="S3460" s="5" t="s">
        <v>1523</v>
      </c>
      <c r="T3460" s="5" t="s">
        <v>42</v>
      </c>
      <c r="U3460" s="2">
        <v>2.3180000000000001</v>
      </c>
      <c r="V3460" s="2">
        <v>1.8</v>
      </c>
      <c r="W3460" s="2">
        <v>1.2999999999999999E-2</v>
      </c>
      <c r="X3460" s="2">
        <v>165.1</v>
      </c>
      <c r="Y3460" s="2">
        <v>7.6</v>
      </c>
      <c r="Z3460" s="2">
        <v>10.6</v>
      </c>
      <c r="AA3460" s="5"/>
      <c r="AB3460" s="5" t="s">
        <v>43</v>
      </c>
      <c r="AC3460" s="5" t="s">
        <v>44</v>
      </c>
      <c r="AD3460" s="2"/>
      <c r="AE3460" s="1"/>
    </row>
    <row r="3461" spans="1:31" ht="14.45">
      <c r="A3461" s="11"/>
      <c r="B3461" s="20"/>
      <c r="C3461" s="2" t="s">
        <v>10837</v>
      </c>
      <c r="D3461" s="14" t="s">
        <v>10838</v>
      </c>
      <c r="E3461" s="2" t="s">
        <v>10839</v>
      </c>
      <c r="F3461" s="2" t="s">
        <v>1999</v>
      </c>
      <c r="G3461" s="8">
        <v>155</v>
      </c>
      <c r="H3461" s="5">
        <v>18</v>
      </c>
      <c r="I3461" s="5" t="s">
        <v>1518</v>
      </c>
      <c r="J3461" s="5" t="s">
        <v>1519</v>
      </c>
      <c r="K3461" s="2" t="s">
        <v>1520</v>
      </c>
      <c r="L3461" s="5" t="s">
        <v>1519</v>
      </c>
      <c r="M3461" s="2" t="s">
        <v>1520</v>
      </c>
      <c r="N3461" s="5" t="s">
        <v>1521</v>
      </c>
      <c r="O3461" s="5" t="s">
        <v>38</v>
      </c>
      <c r="P3461" s="5" t="s">
        <v>39</v>
      </c>
      <c r="Q3461" s="5" t="s">
        <v>40</v>
      </c>
      <c r="R3461" s="5" t="s">
        <v>1522</v>
      </c>
      <c r="S3461" s="5" t="s">
        <v>1523</v>
      </c>
      <c r="T3461" s="5" t="s">
        <v>42</v>
      </c>
      <c r="U3461" s="2">
        <v>2.3180000000000001</v>
      </c>
      <c r="V3461" s="2">
        <v>1.8</v>
      </c>
      <c r="W3461" s="2">
        <v>1.2999999999999999E-2</v>
      </c>
      <c r="X3461" s="2">
        <v>165.1</v>
      </c>
      <c r="Y3461" s="2">
        <v>7.6</v>
      </c>
      <c r="Z3461" s="2">
        <v>10.6</v>
      </c>
      <c r="AA3461" s="5"/>
      <c r="AB3461" s="5" t="s">
        <v>43</v>
      </c>
      <c r="AC3461" s="5" t="s">
        <v>44</v>
      </c>
      <c r="AD3461" s="2"/>
      <c r="AE3461" s="1"/>
    </row>
    <row r="3462" spans="1:31" ht="14.45">
      <c r="A3462" s="11"/>
      <c r="B3462" s="20"/>
      <c r="C3462" s="2" t="s">
        <v>10840</v>
      </c>
      <c r="D3462" s="14" t="s">
        <v>10841</v>
      </c>
      <c r="E3462" s="2" t="s">
        <v>10842</v>
      </c>
      <c r="F3462" s="2" t="s">
        <v>1859</v>
      </c>
      <c r="G3462" s="8">
        <v>155</v>
      </c>
      <c r="H3462" s="5">
        <v>18</v>
      </c>
      <c r="I3462" s="5" t="s">
        <v>1518</v>
      </c>
      <c r="J3462" s="5" t="s">
        <v>1519</v>
      </c>
      <c r="K3462" s="2" t="s">
        <v>1520</v>
      </c>
      <c r="L3462" s="5" t="s">
        <v>1519</v>
      </c>
      <c r="M3462" s="2" t="s">
        <v>1520</v>
      </c>
      <c r="N3462" s="5" t="s">
        <v>1521</v>
      </c>
      <c r="O3462" s="5" t="s">
        <v>38</v>
      </c>
      <c r="P3462" s="5" t="s">
        <v>39</v>
      </c>
      <c r="Q3462" s="5" t="s">
        <v>40</v>
      </c>
      <c r="R3462" s="5" t="s">
        <v>1522</v>
      </c>
      <c r="S3462" s="5" t="s">
        <v>1523</v>
      </c>
      <c r="T3462" s="5" t="s">
        <v>42</v>
      </c>
      <c r="U3462" s="2">
        <v>2.3180000000000001</v>
      </c>
      <c r="V3462" s="2">
        <v>1.8</v>
      </c>
      <c r="W3462" s="2">
        <v>1.2999999999999999E-2</v>
      </c>
      <c r="X3462" s="2">
        <v>165.1</v>
      </c>
      <c r="Y3462" s="2">
        <v>7.6</v>
      </c>
      <c r="Z3462" s="2">
        <v>10.6</v>
      </c>
      <c r="AA3462" s="5"/>
      <c r="AB3462" s="5" t="s">
        <v>43</v>
      </c>
      <c r="AC3462" s="5" t="s">
        <v>44</v>
      </c>
      <c r="AD3462" s="2"/>
      <c r="AE3462" s="1"/>
    </row>
    <row r="3463" spans="1:31" ht="14.45">
      <c r="A3463" s="11"/>
      <c r="B3463" s="20"/>
      <c r="C3463" s="2" t="s">
        <v>10843</v>
      </c>
      <c r="D3463" s="14" t="s">
        <v>10844</v>
      </c>
      <c r="E3463" s="2" t="s">
        <v>10845</v>
      </c>
      <c r="F3463" s="2" t="s">
        <v>1863</v>
      </c>
      <c r="G3463" s="8">
        <v>155</v>
      </c>
      <c r="H3463" s="5">
        <v>21</v>
      </c>
      <c r="I3463" s="5" t="s">
        <v>1518</v>
      </c>
      <c r="J3463" s="5" t="s">
        <v>1519</v>
      </c>
      <c r="K3463" s="2" t="s">
        <v>1520</v>
      </c>
      <c r="L3463" s="5" t="s">
        <v>1519</v>
      </c>
      <c r="M3463" s="2" t="s">
        <v>1520</v>
      </c>
      <c r="N3463" s="5" t="s">
        <v>1521</v>
      </c>
      <c r="O3463" s="5" t="s">
        <v>38</v>
      </c>
      <c r="P3463" s="5" t="s">
        <v>39</v>
      </c>
      <c r="Q3463" s="5" t="s">
        <v>40</v>
      </c>
      <c r="R3463" s="5" t="s">
        <v>1522</v>
      </c>
      <c r="S3463" s="5" t="s">
        <v>1523</v>
      </c>
      <c r="T3463" s="5" t="s">
        <v>42</v>
      </c>
      <c r="U3463" s="2">
        <v>2.2080000000000002</v>
      </c>
      <c r="V3463" s="2">
        <v>1.6879999999999999</v>
      </c>
      <c r="W3463" s="2">
        <v>1.2999999999999999E-2</v>
      </c>
      <c r="X3463" s="2">
        <v>165.1</v>
      </c>
      <c r="Y3463" s="2">
        <v>7.6</v>
      </c>
      <c r="Z3463" s="2">
        <v>10.6</v>
      </c>
      <c r="AA3463" s="5"/>
      <c r="AB3463" s="5" t="s">
        <v>43</v>
      </c>
      <c r="AC3463" s="5" t="s">
        <v>44</v>
      </c>
      <c r="AD3463" s="2"/>
      <c r="AE3463" s="1"/>
    </row>
    <row r="3464" spans="1:31" ht="14.45">
      <c r="A3464" s="11"/>
      <c r="B3464" s="20"/>
      <c r="C3464" s="2" t="s">
        <v>10846</v>
      </c>
      <c r="D3464" s="14" t="s">
        <v>10847</v>
      </c>
      <c r="E3464" s="2" t="s">
        <v>10848</v>
      </c>
      <c r="F3464" s="2" t="s">
        <v>1867</v>
      </c>
      <c r="G3464" s="8">
        <v>155</v>
      </c>
      <c r="H3464" s="5">
        <v>21</v>
      </c>
      <c r="I3464" s="5" t="s">
        <v>1518</v>
      </c>
      <c r="J3464" s="5" t="s">
        <v>1519</v>
      </c>
      <c r="K3464" s="2" t="s">
        <v>1520</v>
      </c>
      <c r="L3464" s="5" t="s">
        <v>1519</v>
      </c>
      <c r="M3464" s="2" t="s">
        <v>1520</v>
      </c>
      <c r="N3464" s="5" t="s">
        <v>1521</v>
      </c>
      <c r="O3464" s="5" t="s">
        <v>38</v>
      </c>
      <c r="P3464" s="5" t="s">
        <v>39</v>
      </c>
      <c r="Q3464" s="5" t="s">
        <v>40</v>
      </c>
      <c r="R3464" s="5" t="s">
        <v>1522</v>
      </c>
      <c r="S3464" s="5" t="s">
        <v>1523</v>
      </c>
      <c r="T3464" s="5" t="s">
        <v>42</v>
      </c>
      <c r="U3464" s="2">
        <v>2.262</v>
      </c>
      <c r="V3464" s="2">
        <v>1.742</v>
      </c>
      <c r="W3464" s="2">
        <v>1.2999999999999999E-2</v>
      </c>
      <c r="X3464" s="2">
        <v>165.1</v>
      </c>
      <c r="Y3464" s="2">
        <v>7.6</v>
      </c>
      <c r="Z3464" s="2">
        <v>10.6</v>
      </c>
      <c r="AA3464" s="5"/>
      <c r="AB3464" s="5" t="s">
        <v>43</v>
      </c>
      <c r="AC3464" s="5" t="s">
        <v>44</v>
      </c>
      <c r="AD3464" s="2"/>
      <c r="AE3464" s="1"/>
    </row>
    <row r="3465" spans="1:31" ht="14.45">
      <c r="A3465" s="11"/>
      <c r="B3465" s="20"/>
      <c r="C3465" s="2" t="s">
        <v>10849</v>
      </c>
      <c r="D3465" s="14" t="s">
        <v>10850</v>
      </c>
      <c r="E3465" s="2" t="s">
        <v>10851</v>
      </c>
      <c r="F3465" s="2" t="s">
        <v>7396</v>
      </c>
      <c r="G3465" s="8">
        <v>110</v>
      </c>
      <c r="H3465" s="5">
        <v>5</v>
      </c>
      <c r="I3465" s="5" t="s">
        <v>1518</v>
      </c>
      <c r="J3465" s="5" t="s">
        <v>1519</v>
      </c>
      <c r="K3465" s="2" t="s">
        <v>1520</v>
      </c>
      <c r="L3465" s="5" t="s">
        <v>1519</v>
      </c>
      <c r="M3465" s="2" t="s">
        <v>1520</v>
      </c>
      <c r="N3465" s="5" t="s">
        <v>1521</v>
      </c>
      <c r="O3465" s="5" t="s">
        <v>38</v>
      </c>
      <c r="P3465" s="5" t="s">
        <v>39</v>
      </c>
      <c r="Q3465" s="5" t="s">
        <v>40</v>
      </c>
      <c r="R3465" s="5" t="s">
        <v>1522</v>
      </c>
      <c r="S3465" s="5" t="s">
        <v>1523</v>
      </c>
      <c r="T3465" s="5" t="s">
        <v>42</v>
      </c>
      <c r="U3465" s="2">
        <v>1.7310000000000001</v>
      </c>
      <c r="V3465" s="2">
        <v>1.3979999999999999</v>
      </c>
      <c r="W3465" s="2">
        <v>8.0000000000000002E-3</v>
      </c>
      <c r="X3465" s="2">
        <v>99.1</v>
      </c>
      <c r="Y3465" s="2">
        <v>7.6</v>
      </c>
      <c r="Z3465" s="2">
        <v>10.6</v>
      </c>
      <c r="AA3465" s="5"/>
      <c r="AB3465" s="5" t="s">
        <v>43</v>
      </c>
      <c r="AC3465" s="5" t="s">
        <v>44</v>
      </c>
      <c r="AD3465" s="2"/>
      <c r="AE3465" s="1"/>
    </row>
    <row r="3466" spans="1:31" ht="14.45">
      <c r="A3466" s="11"/>
      <c r="B3466" s="20"/>
      <c r="C3466" s="2" t="s">
        <v>10852</v>
      </c>
      <c r="D3466" s="14" t="s">
        <v>10853</v>
      </c>
      <c r="E3466" s="2" t="s">
        <v>10854</v>
      </c>
      <c r="F3466" s="2" t="s">
        <v>7507</v>
      </c>
      <c r="G3466" s="8">
        <v>110</v>
      </c>
      <c r="H3466" s="5">
        <v>5</v>
      </c>
      <c r="I3466" s="5" t="s">
        <v>1518</v>
      </c>
      <c r="J3466" s="5" t="s">
        <v>1519</v>
      </c>
      <c r="K3466" s="2" t="s">
        <v>1520</v>
      </c>
      <c r="L3466" s="5" t="s">
        <v>1519</v>
      </c>
      <c r="M3466" s="2" t="s">
        <v>1520</v>
      </c>
      <c r="N3466" s="5" t="s">
        <v>1521</v>
      </c>
      <c r="O3466" s="5" t="s">
        <v>38</v>
      </c>
      <c r="P3466" s="5" t="s">
        <v>39</v>
      </c>
      <c r="Q3466" s="5" t="s">
        <v>40</v>
      </c>
      <c r="R3466" s="5" t="s">
        <v>1522</v>
      </c>
      <c r="S3466" s="5" t="s">
        <v>1523</v>
      </c>
      <c r="T3466" s="5" t="s">
        <v>42</v>
      </c>
      <c r="U3466" s="2">
        <v>1.77</v>
      </c>
      <c r="V3466" s="2">
        <v>1.4370000000000001</v>
      </c>
      <c r="W3466" s="2">
        <v>8.0000000000000002E-3</v>
      </c>
      <c r="X3466" s="2">
        <v>99.1</v>
      </c>
      <c r="Y3466" s="2">
        <v>7.6</v>
      </c>
      <c r="Z3466" s="2">
        <v>10.6</v>
      </c>
      <c r="AA3466" s="5"/>
      <c r="AB3466" s="5" t="s">
        <v>43</v>
      </c>
      <c r="AC3466" s="5" t="s">
        <v>44</v>
      </c>
      <c r="AD3466" s="2"/>
      <c r="AE3466" s="1"/>
    </row>
    <row r="3467" spans="1:31" ht="14.45">
      <c r="A3467" s="11"/>
      <c r="B3467" s="20"/>
      <c r="C3467" s="2" t="s">
        <v>10855</v>
      </c>
      <c r="D3467" s="14" t="s">
        <v>10856</v>
      </c>
      <c r="E3467" s="2" t="s">
        <v>10857</v>
      </c>
      <c r="F3467" s="2" t="s">
        <v>7204</v>
      </c>
      <c r="G3467" s="8">
        <v>110</v>
      </c>
      <c r="H3467" s="5">
        <v>5</v>
      </c>
      <c r="I3467" s="5" t="s">
        <v>1518</v>
      </c>
      <c r="J3467" s="5" t="s">
        <v>1519</v>
      </c>
      <c r="K3467" s="2" t="s">
        <v>1520</v>
      </c>
      <c r="L3467" s="5" t="s">
        <v>1519</v>
      </c>
      <c r="M3467" s="2" t="s">
        <v>1520</v>
      </c>
      <c r="N3467" s="5" t="s">
        <v>1521</v>
      </c>
      <c r="O3467" s="5" t="s">
        <v>38</v>
      </c>
      <c r="P3467" s="5" t="s">
        <v>39</v>
      </c>
      <c r="Q3467" s="5" t="s">
        <v>40</v>
      </c>
      <c r="R3467" s="5" t="s">
        <v>1522</v>
      </c>
      <c r="S3467" s="5" t="s">
        <v>1523</v>
      </c>
      <c r="T3467" s="5" t="s">
        <v>42</v>
      </c>
      <c r="U3467" s="2">
        <v>1.7370000000000001</v>
      </c>
      <c r="V3467" s="2">
        <v>1.4039999999999999</v>
      </c>
      <c r="W3467" s="2">
        <v>8.0000000000000002E-3</v>
      </c>
      <c r="X3467" s="2">
        <v>99.1</v>
      </c>
      <c r="Y3467" s="2">
        <v>7.6</v>
      </c>
      <c r="Z3467" s="2">
        <v>10.6</v>
      </c>
      <c r="AA3467" s="5"/>
      <c r="AB3467" s="5" t="s">
        <v>43</v>
      </c>
      <c r="AC3467" s="5" t="s">
        <v>44</v>
      </c>
      <c r="AD3467" s="2"/>
      <c r="AE3467" s="1"/>
    </row>
    <row r="3468" spans="1:31" ht="14.45">
      <c r="A3468" s="11"/>
      <c r="B3468" s="20"/>
      <c r="C3468" s="2" t="s">
        <v>10858</v>
      </c>
      <c r="D3468" s="14" t="s">
        <v>10859</v>
      </c>
      <c r="E3468" s="2" t="s">
        <v>10860</v>
      </c>
      <c r="F3468" s="2" t="s">
        <v>7514</v>
      </c>
      <c r="G3468" s="8">
        <v>110</v>
      </c>
      <c r="H3468" s="5">
        <v>5</v>
      </c>
      <c r="I3468" s="5" t="s">
        <v>1518</v>
      </c>
      <c r="J3468" s="5" t="s">
        <v>1519</v>
      </c>
      <c r="K3468" s="2" t="s">
        <v>1520</v>
      </c>
      <c r="L3468" s="5" t="s">
        <v>1519</v>
      </c>
      <c r="M3468" s="2" t="s">
        <v>1520</v>
      </c>
      <c r="N3468" s="5" t="s">
        <v>1521</v>
      </c>
      <c r="O3468" s="5" t="s">
        <v>38</v>
      </c>
      <c r="P3468" s="5" t="s">
        <v>39</v>
      </c>
      <c r="Q3468" s="5" t="s">
        <v>40</v>
      </c>
      <c r="R3468" s="5" t="s">
        <v>1522</v>
      </c>
      <c r="S3468" s="5" t="s">
        <v>1523</v>
      </c>
      <c r="T3468" s="5" t="s">
        <v>42</v>
      </c>
      <c r="U3468" s="2">
        <v>1.776</v>
      </c>
      <c r="V3468" s="2">
        <v>1.4430000000000001</v>
      </c>
      <c r="W3468" s="2">
        <v>8.0000000000000002E-3</v>
      </c>
      <c r="X3468" s="2">
        <v>99.1</v>
      </c>
      <c r="Y3468" s="2">
        <v>7.6</v>
      </c>
      <c r="Z3468" s="2">
        <v>10.6</v>
      </c>
      <c r="AA3468" s="5"/>
      <c r="AB3468" s="5" t="s">
        <v>43</v>
      </c>
      <c r="AC3468" s="5" t="s">
        <v>44</v>
      </c>
      <c r="AD3468" s="2"/>
      <c r="AE3468" s="1"/>
    </row>
    <row r="3469" spans="1:31" ht="14.45">
      <c r="A3469" s="11"/>
      <c r="B3469" s="20"/>
      <c r="C3469" s="2" t="s">
        <v>10861</v>
      </c>
      <c r="D3469" s="14" t="s">
        <v>10862</v>
      </c>
      <c r="E3469" s="2" t="s">
        <v>10863</v>
      </c>
      <c r="F3469" s="2" t="s">
        <v>7208</v>
      </c>
      <c r="G3469" s="8">
        <v>110</v>
      </c>
      <c r="H3469" s="5">
        <v>5</v>
      </c>
      <c r="I3469" s="5" t="s">
        <v>1518</v>
      </c>
      <c r="J3469" s="5" t="s">
        <v>1519</v>
      </c>
      <c r="K3469" s="2" t="s">
        <v>1520</v>
      </c>
      <c r="L3469" s="5" t="s">
        <v>1519</v>
      </c>
      <c r="M3469" s="2" t="s">
        <v>1520</v>
      </c>
      <c r="N3469" s="5" t="s">
        <v>1521</v>
      </c>
      <c r="O3469" s="5" t="s">
        <v>38</v>
      </c>
      <c r="P3469" s="5" t="s">
        <v>39</v>
      </c>
      <c r="Q3469" s="5" t="s">
        <v>40</v>
      </c>
      <c r="R3469" s="5" t="s">
        <v>1522</v>
      </c>
      <c r="S3469" s="5" t="s">
        <v>1523</v>
      </c>
      <c r="T3469" s="5" t="s">
        <v>42</v>
      </c>
      <c r="U3469" s="2">
        <v>1.7370000000000001</v>
      </c>
      <c r="V3469" s="2">
        <v>1.4039999999999999</v>
      </c>
      <c r="W3469" s="2">
        <v>8.0000000000000002E-3</v>
      </c>
      <c r="X3469" s="2">
        <v>99.1</v>
      </c>
      <c r="Y3469" s="2">
        <v>7.6</v>
      </c>
      <c r="Z3469" s="2">
        <v>10.6</v>
      </c>
      <c r="AA3469" s="5"/>
      <c r="AB3469" s="5" t="s">
        <v>43</v>
      </c>
      <c r="AC3469" s="5" t="s">
        <v>44</v>
      </c>
      <c r="AD3469" s="2"/>
      <c r="AE3469" s="1"/>
    </row>
    <row r="3470" spans="1:31" ht="14.45">
      <c r="A3470" s="11"/>
      <c r="B3470" s="20"/>
      <c r="C3470" s="2" t="s">
        <v>10864</v>
      </c>
      <c r="D3470" s="14" t="s">
        <v>10865</v>
      </c>
      <c r="E3470" s="2" t="s">
        <v>10866</v>
      </c>
      <c r="F3470" s="2" t="s">
        <v>7521</v>
      </c>
      <c r="G3470" s="8">
        <v>110</v>
      </c>
      <c r="H3470" s="5">
        <v>5</v>
      </c>
      <c r="I3470" s="5" t="s">
        <v>1518</v>
      </c>
      <c r="J3470" s="5" t="s">
        <v>1519</v>
      </c>
      <c r="K3470" s="2" t="s">
        <v>1520</v>
      </c>
      <c r="L3470" s="5" t="s">
        <v>1519</v>
      </c>
      <c r="M3470" s="2" t="s">
        <v>1520</v>
      </c>
      <c r="N3470" s="5" t="s">
        <v>1521</v>
      </c>
      <c r="O3470" s="5" t="s">
        <v>38</v>
      </c>
      <c r="P3470" s="5" t="s">
        <v>39</v>
      </c>
      <c r="Q3470" s="5" t="s">
        <v>40</v>
      </c>
      <c r="R3470" s="5" t="s">
        <v>1522</v>
      </c>
      <c r="S3470" s="5" t="s">
        <v>1523</v>
      </c>
      <c r="T3470" s="5" t="s">
        <v>42</v>
      </c>
      <c r="U3470" s="2">
        <v>1.776</v>
      </c>
      <c r="V3470" s="2">
        <v>1.4430000000000001</v>
      </c>
      <c r="W3470" s="2">
        <v>8.0000000000000002E-3</v>
      </c>
      <c r="X3470" s="2">
        <v>99.1</v>
      </c>
      <c r="Y3470" s="2">
        <v>7.6</v>
      </c>
      <c r="Z3470" s="2">
        <v>10.6</v>
      </c>
      <c r="AA3470" s="5"/>
      <c r="AB3470" s="5" t="s">
        <v>43</v>
      </c>
      <c r="AC3470" s="5" t="s">
        <v>44</v>
      </c>
      <c r="AD3470" s="2"/>
      <c r="AE3470" s="1"/>
    </row>
    <row r="3471" spans="1:31" ht="14.45">
      <c r="A3471" s="11"/>
      <c r="B3471" s="20"/>
      <c r="C3471" s="2" t="s">
        <v>10867</v>
      </c>
      <c r="D3471" s="14" t="s">
        <v>10868</v>
      </c>
      <c r="E3471" s="2" t="s">
        <v>10869</v>
      </c>
      <c r="F3471" s="2" t="s">
        <v>7212</v>
      </c>
      <c r="G3471" s="8">
        <v>110</v>
      </c>
      <c r="H3471" s="5">
        <v>5</v>
      </c>
      <c r="I3471" s="5" t="s">
        <v>1518</v>
      </c>
      <c r="J3471" s="5" t="s">
        <v>1519</v>
      </c>
      <c r="K3471" s="2" t="s">
        <v>1520</v>
      </c>
      <c r="L3471" s="5" t="s">
        <v>1519</v>
      </c>
      <c r="M3471" s="2" t="s">
        <v>1520</v>
      </c>
      <c r="N3471" s="5" t="s">
        <v>1521</v>
      </c>
      <c r="O3471" s="5" t="s">
        <v>38</v>
      </c>
      <c r="P3471" s="5" t="s">
        <v>39</v>
      </c>
      <c r="Q3471" s="5" t="s">
        <v>40</v>
      </c>
      <c r="R3471" s="5" t="s">
        <v>1522</v>
      </c>
      <c r="S3471" s="5" t="s">
        <v>1523</v>
      </c>
      <c r="T3471" s="5" t="s">
        <v>42</v>
      </c>
      <c r="U3471" s="2">
        <v>1.718</v>
      </c>
      <c r="V3471" s="2">
        <v>1.385</v>
      </c>
      <c r="W3471" s="2">
        <v>8.0000000000000002E-3</v>
      </c>
      <c r="X3471" s="2">
        <v>99.1</v>
      </c>
      <c r="Y3471" s="2">
        <v>7.6</v>
      </c>
      <c r="Z3471" s="2">
        <v>10.6</v>
      </c>
      <c r="AA3471" s="5"/>
      <c r="AB3471" s="5" t="s">
        <v>43</v>
      </c>
      <c r="AC3471" s="5" t="s">
        <v>44</v>
      </c>
      <c r="AD3471" s="2"/>
      <c r="AE3471" s="1"/>
    </row>
    <row r="3472" spans="1:31" ht="14.45">
      <c r="A3472" s="11"/>
      <c r="B3472" s="20"/>
      <c r="C3472" s="2" t="s">
        <v>10870</v>
      </c>
      <c r="D3472" s="14" t="s">
        <v>10871</v>
      </c>
      <c r="E3472" s="2" t="s">
        <v>10872</v>
      </c>
      <c r="F3472" s="2" t="s">
        <v>7528</v>
      </c>
      <c r="G3472" s="8">
        <v>110</v>
      </c>
      <c r="H3472" s="5">
        <v>5</v>
      </c>
      <c r="I3472" s="5" t="s">
        <v>1518</v>
      </c>
      <c r="J3472" s="5" t="s">
        <v>1519</v>
      </c>
      <c r="K3472" s="2" t="s">
        <v>1520</v>
      </c>
      <c r="L3472" s="5" t="s">
        <v>1519</v>
      </c>
      <c r="M3472" s="2" t="s">
        <v>1520</v>
      </c>
      <c r="N3472" s="5" t="s">
        <v>1521</v>
      </c>
      <c r="O3472" s="5" t="s">
        <v>38</v>
      </c>
      <c r="P3472" s="5" t="s">
        <v>39</v>
      </c>
      <c r="Q3472" s="5" t="s">
        <v>40</v>
      </c>
      <c r="R3472" s="5" t="s">
        <v>1522</v>
      </c>
      <c r="S3472" s="5" t="s">
        <v>1523</v>
      </c>
      <c r="T3472" s="5" t="s">
        <v>42</v>
      </c>
      <c r="U3472" s="2">
        <v>1.7569999999999999</v>
      </c>
      <c r="V3472" s="2">
        <v>1.4239999999999999</v>
      </c>
      <c r="W3472" s="2">
        <v>8.0000000000000002E-3</v>
      </c>
      <c r="X3472" s="2">
        <v>99.1</v>
      </c>
      <c r="Y3472" s="2">
        <v>7.6</v>
      </c>
      <c r="Z3472" s="2">
        <v>10.6</v>
      </c>
      <c r="AA3472" s="5"/>
      <c r="AB3472" s="5" t="s">
        <v>43</v>
      </c>
      <c r="AC3472" s="5" t="s">
        <v>44</v>
      </c>
      <c r="AD3472" s="2"/>
      <c r="AE3472" s="1"/>
    </row>
    <row r="3473" spans="1:31" ht="14.45">
      <c r="A3473" s="11"/>
      <c r="B3473" s="20"/>
      <c r="C3473" s="2" t="s">
        <v>10873</v>
      </c>
      <c r="D3473" s="14" t="s">
        <v>10874</v>
      </c>
      <c r="E3473" s="2" t="s">
        <v>10875</v>
      </c>
      <c r="F3473" s="2" t="s">
        <v>7406</v>
      </c>
      <c r="G3473" s="8">
        <v>126</v>
      </c>
      <c r="H3473" s="5">
        <v>6</v>
      </c>
      <c r="I3473" s="5" t="s">
        <v>1518</v>
      </c>
      <c r="J3473" s="5" t="s">
        <v>1519</v>
      </c>
      <c r="K3473" s="2" t="s">
        <v>1520</v>
      </c>
      <c r="L3473" s="5" t="s">
        <v>1519</v>
      </c>
      <c r="M3473" s="2" t="s">
        <v>1520</v>
      </c>
      <c r="N3473" s="5" t="s">
        <v>1521</v>
      </c>
      <c r="O3473" s="5" t="s">
        <v>38</v>
      </c>
      <c r="P3473" s="5" t="s">
        <v>39</v>
      </c>
      <c r="Q3473" s="5" t="s">
        <v>40</v>
      </c>
      <c r="R3473" s="5" t="s">
        <v>1522</v>
      </c>
      <c r="S3473" s="5" t="s">
        <v>1523</v>
      </c>
      <c r="T3473" s="5" t="s">
        <v>42</v>
      </c>
      <c r="U3473" s="2">
        <v>1.718</v>
      </c>
      <c r="V3473" s="2">
        <v>1.385</v>
      </c>
      <c r="W3473" s="2">
        <v>8.0000000000000002E-3</v>
      </c>
      <c r="X3473" s="2">
        <v>99.1</v>
      </c>
      <c r="Y3473" s="2">
        <v>7.6</v>
      </c>
      <c r="Z3473" s="2">
        <v>10.6</v>
      </c>
      <c r="AA3473" s="5"/>
      <c r="AB3473" s="5" t="s">
        <v>43</v>
      </c>
      <c r="AC3473" s="5" t="s">
        <v>44</v>
      </c>
      <c r="AD3473" s="2"/>
      <c r="AE3473" s="1"/>
    </row>
    <row r="3474" spans="1:31" ht="14.45">
      <c r="A3474" s="11"/>
      <c r="B3474" s="20"/>
      <c r="C3474" s="2" t="s">
        <v>10876</v>
      </c>
      <c r="D3474" s="14" t="s">
        <v>10877</v>
      </c>
      <c r="E3474" s="2" t="s">
        <v>10878</v>
      </c>
      <c r="F3474" s="2" t="s">
        <v>7535</v>
      </c>
      <c r="G3474" s="8">
        <v>126</v>
      </c>
      <c r="H3474" s="5">
        <v>6</v>
      </c>
      <c r="I3474" s="5" t="s">
        <v>1518</v>
      </c>
      <c r="J3474" s="5" t="s">
        <v>1519</v>
      </c>
      <c r="K3474" s="2" t="s">
        <v>1520</v>
      </c>
      <c r="L3474" s="5" t="s">
        <v>1519</v>
      </c>
      <c r="M3474" s="2" t="s">
        <v>1520</v>
      </c>
      <c r="N3474" s="5" t="s">
        <v>1521</v>
      </c>
      <c r="O3474" s="5" t="s">
        <v>38</v>
      </c>
      <c r="P3474" s="5" t="s">
        <v>39</v>
      </c>
      <c r="Q3474" s="5" t="s">
        <v>40</v>
      </c>
      <c r="R3474" s="5" t="s">
        <v>1522</v>
      </c>
      <c r="S3474" s="5" t="s">
        <v>1523</v>
      </c>
      <c r="T3474" s="5" t="s">
        <v>42</v>
      </c>
      <c r="U3474" s="2">
        <v>1.7569999999999999</v>
      </c>
      <c r="V3474" s="2">
        <v>1.4239999999999999</v>
      </c>
      <c r="W3474" s="2">
        <v>8.0000000000000002E-3</v>
      </c>
      <c r="X3474" s="2">
        <v>99.1</v>
      </c>
      <c r="Y3474" s="2">
        <v>7.6</v>
      </c>
      <c r="Z3474" s="2">
        <v>10.6</v>
      </c>
      <c r="AA3474" s="5"/>
      <c r="AB3474" s="5" t="s">
        <v>43</v>
      </c>
      <c r="AC3474" s="5" t="s">
        <v>44</v>
      </c>
      <c r="AD3474" s="2"/>
      <c r="AE3474" s="1"/>
    </row>
    <row r="3475" spans="1:31" ht="14.45">
      <c r="A3475" s="11"/>
      <c r="B3475" s="20"/>
      <c r="C3475" s="2" t="s">
        <v>10879</v>
      </c>
      <c r="D3475" s="14" t="s">
        <v>10880</v>
      </c>
      <c r="E3475" s="2" t="s">
        <v>10881</v>
      </c>
      <c r="F3475" s="2" t="s">
        <v>7539</v>
      </c>
      <c r="G3475" s="8">
        <v>126</v>
      </c>
      <c r="H3475" s="5">
        <v>6</v>
      </c>
      <c r="I3475" s="5" t="s">
        <v>1518</v>
      </c>
      <c r="J3475" s="5" t="s">
        <v>1519</v>
      </c>
      <c r="K3475" s="2" t="s">
        <v>1520</v>
      </c>
      <c r="L3475" s="5" t="s">
        <v>1519</v>
      </c>
      <c r="M3475" s="2" t="s">
        <v>1520</v>
      </c>
      <c r="N3475" s="5" t="s">
        <v>1521</v>
      </c>
      <c r="O3475" s="5" t="s">
        <v>38</v>
      </c>
      <c r="P3475" s="5" t="s">
        <v>39</v>
      </c>
      <c r="Q3475" s="5" t="s">
        <v>40</v>
      </c>
      <c r="R3475" s="5" t="s">
        <v>1522</v>
      </c>
      <c r="S3475" s="5" t="s">
        <v>1523</v>
      </c>
      <c r="T3475" s="5" t="s">
        <v>42</v>
      </c>
      <c r="U3475" s="2">
        <v>1.7370000000000001</v>
      </c>
      <c r="V3475" s="2">
        <v>1.4039999999999999</v>
      </c>
      <c r="W3475" s="2">
        <v>8.0000000000000002E-3</v>
      </c>
      <c r="X3475" s="2">
        <v>99.1</v>
      </c>
      <c r="Y3475" s="2">
        <v>7.6</v>
      </c>
      <c r="Z3475" s="2">
        <v>10.6</v>
      </c>
      <c r="AA3475" s="5"/>
      <c r="AB3475" s="5" t="s">
        <v>43</v>
      </c>
      <c r="AC3475" s="5" t="s">
        <v>44</v>
      </c>
      <c r="AD3475" s="2"/>
      <c r="AE3475" s="1"/>
    </row>
    <row r="3476" spans="1:31" ht="14.45">
      <c r="A3476" s="11"/>
      <c r="B3476" s="20"/>
      <c r="C3476" s="2" t="s">
        <v>10882</v>
      </c>
      <c r="D3476" s="14" t="s">
        <v>10883</v>
      </c>
      <c r="E3476" s="2" t="s">
        <v>10884</v>
      </c>
      <c r="F3476" s="2" t="s">
        <v>7543</v>
      </c>
      <c r="G3476" s="8">
        <v>126</v>
      </c>
      <c r="H3476" s="5">
        <v>6</v>
      </c>
      <c r="I3476" s="5" t="s">
        <v>1518</v>
      </c>
      <c r="J3476" s="5" t="s">
        <v>1519</v>
      </c>
      <c r="K3476" s="2" t="s">
        <v>1520</v>
      </c>
      <c r="L3476" s="5" t="s">
        <v>1519</v>
      </c>
      <c r="M3476" s="2" t="s">
        <v>1520</v>
      </c>
      <c r="N3476" s="5" t="s">
        <v>1521</v>
      </c>
      <c r="O3476" s="5" t="s">
        <v>38</v>
      </c>
      <c r="P3476" s="5" t="s">
        <v>39</v>
      </c>
      <c r="Q3476" s="5" t="s">
        <v>40</v>
      </c>
      <c r="R3476" s="5" t="s">
        <v>1522</v>
      </c>
      <c r="S3476" s="5" t="s">
        <v>1523</v>
      </c>
      <c r="T3476" s="5" t="s">
        <v>42</v>
      </c>
      <c r="U3476" s="2">
        <v>1.776</v>
      </c>
      <c r="V3476" s="2">
        <v>1.4430000000000001</v>
      </c>
      <c r="W3476" s="2">
        <v>8.0000000000000002E-3</v>
      </c>
      <c r="X3476" s="2">
        <v>99.1</v>
      </c>
      <c r="Y3476" s="2">
        <v>7.6</v>
      </c>
      <c r="Z3476" s="2">
        <v>10.6</v>
      </c>
      <c r="AA3476" s="5"/>
      <c r="AB3476" s="5" t="s">
        <v>43</v>
      </c>
      <c r="AC3476" s="5" t="s">
        <v>44</v>
      </c>
      <c r="AD3476" s="2"/>
      <c r="AE3476" s="1"/>
    </row>
    <row r="3477" spans="1:31" ht="14.45">
      <c r="A3477" s="11"/>
      <c r="B3477" s="20"/>
      <c r="C3477" s="2" t="s">
        <v>10885</v>
      </c>
      <c r="D3477" s="14" t="s">
        <v>10886</v>
      </c>
      <c r="E3477" s="2" t="s">
        <v>10887</v>
      </c>
      <c r="F3477" s="2" t="s">
        <v>7547</v>
      </c>
      <c r="G3477" s="8">
        <v>126</v>
      </c>
      <c r="H3477" s="5">
        <v>6</v>
      </c>
      <c r="I3477" s="5" t="s">
        <v>1518</v>
      </c>
      <c r="J3477" s="5" t="s">
        <v>1519</v>
      </c>
      <c r="K3477" s="2" t="s">
        <v>1520</v>
      </c>
      <c r="L3477" s="5" t="s">
        <v>1519</v>
      </c>
      <c r="M3477" s="2" t="s">
        <v>1520</v>
      </c>
      <c r="N3477" s="5" t="s">
        <v>1521</v>
      </c>
      <c r="O3477" s="5" t="s">
        <v>38</v>
      </c>
      <c r="P3477" s="5" t="s">
        <v>39</v>
      </c>
      <c r="Q3477" s="5" t="s">
        <v>40</v>
      </c>
      <c r="R3477" s="5" t="s">
        <v>1522</v>
      </c>
      <c r="S3477" s="5" t="s">
        <v>1523</v>
      </c>
      <c r="T3477" s="5" t="s">
        <v>42</v>
      </c>
      <c r="U3477" s="2">
        <v>1.718</v>
      </c>
      <c r="V3477" s="2">
        <v>1.385</v>
      </c>
      <c r="W3477" s="2">
        <v>8.0000000000000002E-3</v>
      </c>
      <c r="X3477" s="2">
        <v>99.1</v>
      </c>
      <c r="Y3477" s="2">
        <v>7.6</v>
      </c>
      <c r="Z3477" s="2">
        <v>10.6</v>
      </c>
      <c r="AA3477" s="5"/>
      <c r="AB3477" s="5" t="s">
        <v>43</v>
      </c>
      <c r="AC3477" s="5" t="s">
        <v>44</v>
      </c>
      <c r="AD3477" s="2"/>
      <c r="AE3477" s="1"/>
    </row>
    <row r="3478" spans="1:31" ht="14.45">
      <c r="A3478" s="11"/>
      <c r="B3478" s="20"/>
      <c r="C3478" s="2" t="s">
        <v>10888</v>
      </c>
      <c r="D3478" s="14" t="s">
        <v>10889</v>
      </c>
      <c r="E3478" s="2" t="s">
        <v>10890</v>
      </c>
      <c r="F3478" s="2" t="s">
        <v>7551</v>
      </c>
      <c r="G3478" s="8">
        <v>126</v>
      </c>
      <c r="H3478" s="5">
        <v>6</v>
      </c>
      <c r="I3478" s="5" t="s">
        <v>1518</v>
      </c>
      <c r="J3478" s="5" t="s">
        <v>1519</v>
      </c>
      <c r="K3478" s="2" t="s">
        <v>1520</v>
      </c>
      <c r="L3478" s="5" t="s">
        <v>1519</v>
      </c>
      <c r="M3478" s="2" t="s">
        <v>1520</v>
      </c>
      <c r="N3478" s="5" t="s">
        <v>1521</v>
      </c>
      <c r="O3478" s="5" t="s">
        <v>38</v>
      </c>
      <c r="P3478" s="5" t="s">
        <v>39</v>
      </c>
      <c r="Q3478" s="5" t="s">
        <v>40</v>
      </c>
      <c r="R3478" s="5" t="s">
        <v>1522</v>
      </c>
      <c r="S3478" s="5" t="s">
        <v>1523</v>
      </c>
      <c r="T3478" s="5" t="s">
        <v>42</v>
      </c>
      <c r="U3478" s="2">
        <v>1.7569999999999999</v>
      </c>
      <c r="V3478" s="2">
        <v>1.4239999999999999</v>
      </c>
      <c r="W3478" s="2">
        <v>8.0000000000000002E-3</v>
      </c>
      <c r="X3478" s="2">
        <v>99.1</v>
      </c>
      <c r="Y3478" s="2">
        <v>7.6</v>
      </c>
      <c r="Z3478" s="2">
        <v>10.6</v>
      </c>
      <c r="AA3478" s="5"/>
      <c r="AB3478" s="5" t="s">
        <v>43</v>
      </c>
      <c r="AC3478" s="5" t="s">
        <v>44</v>
      </c>
      <c r="AD3478" s="2"/>
      <c r="AE3478" s="1"/>
    </row>
    <row r="3479" spans="1:31" ht="14.45">
      <c r="A3479" s="11"/>
      <c r="B3479" s="20"/>
      <c r="C3479" s="2" t="s">
        <v>10891</v>
      </c>
      <c r="D3479" s="14" t="s">
        <v>10892</v>
      </c>
      <c r="E3479" s="2" t="s">
        <v>10893</v>
      </c>
      <c r="F3479" s="2" t="s">
        <v>7555</v>
      </c>
      <c r="G3479" s="8">
        <v>126</v>
      </c>
      <c r="H3479" s="5">
        <v>6</v>
      </c>
      <c r="I3479" s="5" t="s">
        <v>1518</v>
      </c>
      <c r="J3479" s="5" t="s">
        <v>1519</v>
      </c>
      <c r="K3479" s="2" t="s">
        <v>1520</v>
      </c>
      <c r="L3479" s="5" t="s">
        <v>1519</v>
      </c>
      <c r="M3479" s="2" t="s">
        <v>1520</v>
      </c>
      <c r="N3479" s="5" t="s">
        <v>1521</v>
      </c>
      <c r="O3479" s="5" t="s">
        <v>38</v>
      </c>
      <c r="P3479" s="5" t="s">
        <v>39</v>
      </c>
      <c r="Q3479" s="5" t="s">
        <v>40</v>
      </c>
      <c r="R3479" s="5" t="s">
        <v>1522</v>
      </c>
      <c r="S3479" s="5" t="s">
        <v>1523</v>
      </c>
      <c r="T3479" s="5" t="s">
        <v>42</v>
      </c>
      <c r="U3479" s="2">
        <v>1.718</v>
      </c>
      <c r="V3479" s="2">
        <v>1.385</v>
      </c>
      <c r="W3479" s="2">
        <v>8.0000000000000002E-3</v>
      </c>
      <c r="X3479" s="2">
        <v>99.1</v>
      </c>
      <c r="Y3479" s="2">
        <v>7.6</v>
      </c>
      <c r="Z3479" s="2">
        <v>10.6</v>
      </c>
      <c r="AA3479" s="5"/>
      <c r="AB3479" s="5" t="s">
        <v>43</v>
      </c>
      <c r="AC3479" s="5" t="s">
        <v>44</v>
      </c>
      <c r="AD3479" s="2"/>
      <c r="AE3479" s="1"/>
    </row>
    <row r="3480" spans="1:31" ht="14.45">
      <c r="A3480" s="11"/>
      <c r="B3480" s="20"/>
      <c r="C3480" s="2" t="s">
        <v>10894</v>
      </c>
      <c r="D3480" s="14" t="s">
        <v>10895</v>
      </c>
      <c r="E3480" s="2" t="s">
        <v>10896</v>
      </c>
      <c r="F3480" s="2" t="s">
        <v>7559</v>
      </c>
      <c r="G3480" s="8">
        <v>126</v>
      </c>
      <c r="H3480" s="5">
        <v>6</v>
      </c>
      <c r="I3480" s="5" t="s">
        <v>1518</v>
      </c>
      <c r="J3480" s="5" t="s">
        <v>1519</v>
      </c>
      <c r="K3480" s="2" t="s">
        <v>1520</v>
      </c>
      <c r="L3480" s="5" t="s">
        <v>1519</v>
      </c>
      <c r="M3480" s="2" t="s">
        <v>1520</v>
      </c>
      <c r="N3480" s="5" t="s">
        <v>1521</v>
      </c>
      <c r="O3480" s="5" t="s">
        <v>38</v>
      </c>
      <c r="P3480" s="5" t="s">
        <v>39</v>
      </c>
      <c r="Q3480" s="5" t="s">
        <v>40</v>
      </c>
      <c r="R3480" s="5" t="s">
        <v>1522</v>
      </c>
      <c r="S3480" s="5" t="s">
        <v>1523</v>
      </c>
      <c r="T3480" s="5" t="s">
        <v>42</v>
      </c>
      <c r="U3480" s="2">
        <v>1.7569999999999999</v>
      </c>
      <c r="V3480" s="2">
        <v>1.4239999999999999</v>
      </c>
      <c r="W3480" s="2">
        <v>8.0000000000000002E-3</v>
      </c>
      <c r="X3480" s="2">
        <v>99.1</v>
      </c>
      <c r="Y3480" s="2">
        <v>7.6</v>
      </c>
      <c r="Z3480" s="2">
        <v>10.6</v>
      </c>
      <c r="AA3480" s="5"/>
      <c r="AB3480" s="5" t="s">
        <v>43</v>
      </c>
      <c r="AC3480" s="5" t="s">
        <v>44</v>
      </c>
      <c r="AD3480" s="2"/>
      <c r="AE3480" s="1"/>
    </row>
    <row r="3481" spans="1:31" ht="14.45">
      <c r="A3481" s="11"/>
      <c r="B3481" s="20"/>
      <c r="C3481" s="2" t="s">
        <v>10897</v>
      </c>
      <c r="D3481" s="14" t="s">
        <v>10898</v>
      </c>
      <c r="E3481" s="2" t="s">
        <v>10899</v>
      </c>
      <c r="F3481" s="2" t="s">
        <v>7563</v>
      </c>
      <c r="G3481" s="8">
        <v>126</v>
      </c>
      <c r="H3481" s="5">
        <v>6</v>
      </c>
      <c r="I3481" s="5" t="s">
        <v>1518</v>
      </c>
      <c r="J3481" s="5" t="s">
        <v>1519</v>
      </c>
      <c r="K3481" s="2" t="s">
        <v>1520</v>
      </c>
      <c r="L3481" s="5" t="s">
        <v>1519</v>
      </c>
      <c r="M3481" s="2" t="s">
        <v>1520</v>
      </c>
      <c r="N3481" s="5" t="s">
        <v>1521</v>
      </c>
      <c r="O3481" s="5" t="s">
        <v>38</v>
      </c>
      <c r="P3481" s="5" t="s">
        <v>39</v>
      </c>
      <c r="Q3481" s="5" t="s">
        <v>40</v>
      </c>
      <c r="R3481" s="5" t="s">
        <v>1522</v>
      </c>
      <c r="S3481" s="5" t="s">
        <v>1523</v>
      </c>
      <c r="T3481" s="5" t="s">
        <v>42</v>
      </c>
      <c r="U3481" s="2">
        <v>1.7370000000000001</v>
      </c>
      <c r="V3481" s="2">
        <v>1.4039999999999999</v>
      </c>
      <c r="W3481" s="2">
        <v>8.0000000000000002E-3</v>
      </c>
      <c r="X3481" s="2">
        <v>99.1</v>
      </c>
      <c r="Y3481" s="2">
        <v>7.6</v>
      </c>
      <c r="Z3481" s="2">
        <v>10.6</v>
      </c>
      <c r="AA3481" s="5"/>
      <c r="AB3481" s="5" t="s">
        <v>43</v>
      </c>
      <c r="AC3481" s="5" t="s">
        <v>44</v>
      </c>
      <c r="AD3481" s="2"/>
      <c r="AE3481" s="1"/>
    </row>
    <row r="3482" spans="1:31" ht="14.45">
      <c r="A3482" s="11"/>
      <c r="B3482" s="20"/>
      <c r="C3482" s="2" t="s">
        <v>10900</v>
      </c>
      <c r="D3482" s="14" t="s">
        <v>10901</v>
      </c>
      <c r="E3482" s="2" t="s">
        <v>10902</v>
      </c>
      <c r="F3482" s="2" t="s">
        <v>7567</v>
      </c>
      <c r="G3482" s="8">
        <v>126</v>
      </c>
      <c r="H3482" s="5">
        <v>6</v>
      </c>
      <c r="I3482" s="5" t="s">
        <v>1518</v>
      </c>
      <c r="J3482" s="5" t="s">
        <v>1519</v>
      </c>
      <c r="K3482" s="2" t="s">
        <v>1520</v>
      </c>
      <c r="L3482" s="5" t="s">
        <v>1519</v>
      </c>
      <c r="M3482" s="2" t="s">
        <v>1520</v>
      </c>
      <c r="N3482" s="5" t="s">
        <v>1521</v>
      </c>
      <c r="O3482" s="5" t="s">
        <v>38</v>
      </c>
      <c r="P3482" s="5" t="s">
        <v>39</v>
      </c>
      <c r="Q3482" s="5" t="s">
        <v>40</v>
      </c>
      <c r="R3482" s="5" t="s">
        <v>1522</v>
      </c>
      <c r="S3482" s="5" t="s">
        <v>1523</v>
      </c>
      <c r="T3482" s="5" t="s">
        <v>42</v>
      </c>
      <c r="U3482" s="2">
        <v>1.776</v>
      </c>
      <c r="V3482" s="2">
        <v>1.4430000000000001</v>
      </c>
      <c r="W3482" s="2">
        <v>8.0000000000000002E-3</v>
      </c>
      <c r="X3482" s="2">
        <v>99.1</v>
      </c>
      <c r="Y3482" s="2">
        <v>7.6</v>
      </c>
      <c r="Z3482" s="2">
        <v>10.6</v>
      </c>
      <c r="AA3482" s="5"/>
      <c r="AB3482" s="5" t="s">
        <v>43</v>
      </c>
      <c r="AC3482" s="5" t="s">
        <v>44</v>
      </c>
      <c r="AD3482" s="2"/>
      <c r="AE3482" s="1"/>
    </row>
    <row r="3483" spans="1:31" ht="14.45">
      <c r="A3483" s="11"/>
      <c r="B3483" s="20"/>
      <c r="C3483" s="2" t="s">
        <v>10903</v>
      </c>
      <c r="D3483" s="14" t="s">
        <v>10904</v>
      </c>
      <c r="E3483" s="2" t="s">
        <v>10905</v>
      </c>
      <c r="F3483" s="2" t="s">
        <v>7429</v>
      </c>
      <c r="G3483" s="8">
        <v>126</v>
      </c>
      <c r="H3483" s="5">
        <v>6</v>
      </c>
      <c r="I3483" s="5" t="s">
        <v>1518</v>
      </c>
      <c r="J3483" s="5" t="s">
        <v>1519</v>
      </c>
      <c r="K3483" s="2" t="s">
        <v>1520</v>
      </c>
      <c r="L3483" s="5" t="s">
        <v>1519</v>
      </c>
      <c r="M3483" s="2" t="s">
        <v>1520</v>
      </c>
      <c r="N3483" s="5" t="s">
        <v>1521</v>
      </c>
      <c r="O3483" s="5" t="s">
        <v>38</v>
      </c>
      <c r="P3483" s="5" t="s">
        <v>39</v>
      </c>
      <c r="Q3483" s="5" t="s">
        <v>40</v>
      </c>
      <c r="R3483" s="5" t="s">
        <v>1522</v>
      </c>
      <c r="S3483" s="5" t="s">
        <v>1523</v>
      </c>
      <c r="T3483" s="5" t="s">
        <v>42</v>
      </c>
      <c r="U3483" s="2">
        <v>1.7370000000000001</v>
      </c>
      <c r="V3483" s="2">
        <v>1.4039999999999999</v>
      </c>
      <c r="W3483" s="2">
        <v>8.0000000000000002E-3</v>
      </c>
      <c r="X3483" s="2">
        <v>99.1</v>
      </c>
      <c r="Y3483" s="2">
        <v>7.6</v>
      </c>
      <c r="Z3483" s="2">
        <v>10.6</v>
      </c>
      <c r="AA3483" s="5"/>
      <c r="AB3483" s="5" t="s">
        <v>43</v>
      </c>
      <c r="AC3483" s="5" t="s">
        <v>44</v>
      </c>
      <c r="AD3483" s="2"/>
      <c r="AE3483" s="1"/>
    </row>
    <row r="3484" spans="1:31" ht="14.45">
      <c r="A3484" s="11"/>
      <c r="B3484" s="20"/>
      <c r="C3484" s="2" t="s">
        <v>10906</v>
      </c>
      <c r="D3484" s="14" t="s">
        <v>10907</v>
      </c>
      <c r="E3484" s="2" t="s">
        <v>10908</v>
      </c>
      <c r="F3484" s="2" t="s">
        <v>7574</v>
      </c>
      <c r="G3484" s="8">
        <v>126</v>
      </c>
      <c r="H3484" s="5">
        <v>6</v>
      </c>
      <c r="I3484" s="5" t="s">
        <v>1518</v>
      </c>
      <c r="J3484" s="5" t="s">
        <v>1519</v>
      </c>
      <c r="K3484" s="2" t="s">
        <v>1520</v>
      </c>
      <c r="L3484" s="5" t="s">
        <v>1519</v>
      </c>
      <c r="M3484" s="2" t="s">
        <v>1520</v>
      </c>
      <c r="N3484" s="5" t="s">
        <v>1521</v>
      </c>
      <c r="O3484" s="5" t="s">
        <v>38</v>
      </c>
      <c r="P3484" s="5" t="s">
        <v>39</v>
      </c>
      <c r="Q3484" s="5" t="s">
        <v>40</v>
      </c>
      <c r="R3484" s="5" t="s">
        <v>1522</v>
      </c>
      <c r="S3484" s="5" t="s">
        <v>1523</v>
      </c>
      <c r="T3484" s="5" t="s">
        <v>42</v>
      </c>
      <c r="U3484" s="2">
        <v>1.776</v>
      </c>
      <c r="V3484" s="2">
        <v>1.4430000000000001</v>
      </c>
      <c r="W3484" s="2">
        <v>8.0000000000000002E-3</v>
      </c>
      <c r="X3484" s="2">
        <v>99.1</v>
      </c>
      <c r="Y3484" s="2">
        <v>7.6</v>
      </c>
      <c r="Z3484" s="2">
        <v>10.6</v>
      </c>
      <c r="AA3484" s="5"/>
      <c r="AB3484" s="5" t="s">
        <v>43</v>
      </c>
      <c r="AC3484" s="5" t="s">
        <v>44</v>
      </c>
      <c r="AD3484" s="2"/>
      <c r="AE3484" s="1"/>
    </row>
    <row r="3485" spans="1:31" ht="14.45">
      <c r="A3485" s="11"/>
      <c r="B3485" s="20"/>
      <c r="C3485" s="2" t="s">
        <v>10909</v>
      </c>
      <c r="D3485" s="14" t="s">
        <v>10910</v>
      </c>
      <c r="E3485" s="2" t="s">
        <v>10911</v>
      </c>
      <c r="F3485" s="2" t="s">
        <v>7449</v>
      </c>
      <c r="G3485" s="8">
        <v>126</v>
      </c>
      <c r="H3485" s="5">
        <v>6</v>
      </c>
      <c r="I3485" s="5" t="s">
        <v>1518</v>
      </c>
      <c r="J3485" s="5" t="s">
        <v>1519</v>
      </c>
      <c r="K3485" s="2" t="s">
        <v>1520</v>
      </c>
      <c r="L3485" s="5" t="s">
        <v>1519</v>
      </c>
      <c r="M3485" s="2" t="s">
        <v>1520</v>
      </c>
      <c r="N3485" s="5" t="s">
        <v>1521</v>
      </c>
      <c r="O3485" s="5" t="s">
        <v>38</v>
      </c>
      <c r="P3485" s="5" t="s">
        <v>39</v>
      </c>
      <c r="Q3485" s="5" t="s">
        <v>40</v>
      </c>
      <c r="R3485" s="5" t="s">
        <v>1522</v>
      </c>
      <c r="S3485" s="5" t="s">
        <v>1523</v>
      </c>
      <c r="T3485" s="5" t="s">
        <v>42</v>
      </c>
      <c r="U3485" s="2">
        <v>1.7370000000000001</v>
      </c>
      <c r="V3485" s="2">
        <v>1.4039999999999999</v>
      </c>
      <c r="W3485" s="2">
        <v>8.0000000000000002E-3</v>
      </c>
      <c r="X3485" s="2">
        <v>99.1</v>
      </c>
      <c r="Y3485" s="2">
        <v>7.6</v>
      </c>
      <c r="Z3485" s="2">
        <v>10.6</v>
      </c>
      <c r="AA3485" s="5"/>
      <c r="AB3485" s="5" t="s">
        <v>43</v>
      </c>
      <c r="AC3485" s="5" t="s">
        <v>44</v>
      </c>
      <c r="AD3485" s="2"/>
      <c r="AE3485" s="1"/>
    </row>
    <row r="3486" spans="1:31" ht="14.45">
      <c r="A3486" s="11"/>
      <c r="B3486" s="20"/>
      <c r="C3486" s="2" t="s">
        <v>10912</v>
      </c>
      <c r="D3486" s="14" t="s">
        <v>10913</v>
      </c>
      <c r="E3486" s="2" t="s">
        <v>10914</v>
      </c>
      <c r="F3486" s="2" t="s">
        <v>7581</v>
      </c>
      <c r="G3486" s="8">
        <v>126</v>
      </c>
      <c r="H3486" s="5">
        <v>6</v>
      </c>
      <c r="I3486" s="5" t="s">
        <v>1518</v>
      </c>
      <c r="J3486" s="5" t="s">
        <v>1519</v>
      </c>
      <c r="K3486" s="2" t="s">
        <v>1520</v>
      </c>
      <c r="L3486" s="5" t="s">
        <v>1519</v>
      </c>
      <c r="M3486" s="2" t="s">
        <v>1520</v>
      </c>
      <c r="N3486" s="5" t="s">
        <v>1521</v>
      </c>
      <c r="O3486" s="5" t="s">
        <v>38</v>
      </c>
      <c r="P3486" s="5" t="s">
        <v>39</v>
      </c>
      <c r="Q3486" s="5" t="s">
        <v>40</v>
      </c>
      <c r="R3486" s="5" t="s">
        <v>1522</v>
      </c>
      <c r="S3486" s="5" t="s">
        <v>1523</v>
      </c>
      <c r="T3486" s="5" t="s">
        <v>42</v>
      </c>
      <c r="U3486" s="2">
        <v>1.776</v>
      </c>
      <c r="V3486" s="2">
        <v>1.4430000000000001</v>
      </c>
      <c r="W3486" s="2">
        <v>8.0000000000000002E-3</v>
      </c>
      <c r="X3486" s="2">
        <v>99.1</v>
      </c>
      <c r="Y3486" s="2">
        <v>7.6</v>
      </c>
      <c r="Z3486" s="2">
        <v>10.6</v>
      </c>
      <c r="AA3486" s="5"/>
      <c r="AB3486" s="5" t="s">
        <v>43</v>
      </c>
      <c r="AC3486" s="5" t="s">
        <v>44</v>
      </c>
      <c r="AD3486" s="2"/>
      <c r="AE3486" s="1"/>
    </row>
    <row r="3487" spans="1:31" ht="14.45">
      <c r="A3487" s="11"/>
      <c r="B3487" s="20"/>
      <c r="C3487" s="2" t="s">
        <v>10915</v>
      </c>
      <c r="D3487" s="14" t="s">
        <v>10916</v>
      </c>
      <c r="E3487" s="2" t="s">
        <v>10917</v>
      </c>
      <c r="F3487" s="2" t="s">
        <v>7585</v>
      </c>
      <c r="G3487" s="8">
        <v>126</v>
      </c>
      <c r="H3487" s="5">
        <v>6</v>
      </c>
      <c r="I3487" s="5" t="s">
        <v>1518</v>
      </c>
      <c r="J3487" s="5" t="s">
        <v>1519</v>
      </c>
      <c r="K3487" s="2" t="s">
        <v>1520</v>
      </c>
      <c r="L3487" s="5" t="s">
        <v>1519</v>
      </c>
      <c r="M3487" s="2" t="s">
        <v>1520</v>
      </c>
      <c r="N3487" s="5" t="s">
        <v>1521</v>
      </c>
      <c r="O3487" s="5" t="s">
        <v>38</v>
      </c>
      <c r="P3487" s="5" t="s">
        <v>39</v>
      </c>
      <c r="Q3487" s="5" t="s">
        <v>40</v>
      </c>
      <c r="R3487" s="5" t="s">
        <v>1522</v>
      </c>
      <c r="S3487" s="5" t="s">
        <v>1523</v>
      </c>
      <c r="T3487" s="5" t="s">
        <v>42</v>
      </c>
      <c r="U3487" s="2">
        <v>1.718</v>
      </c>
      <c r="V3487" s="2">
        <v>1.385</v>
      </c>
      <c r="W3487" s="2">
        <v>8.0000000000000002E-3</v>
      </c>
      <c r="X3487" s="2">
        <v>99.1</v>
      </c>
      <c r="Y3487" s="2">
        <v>7.6</v>
      </c>
      <c r="Z3487" s="2">
        <v>10.6</v>
      </c>
      <c r="AA3487" s="5"/>
      <c r="AB3487" s="5" t="s">
        <v>43</v>
      </c>
      <c r="AC3487" s="5" t="s">
        <v>44</v>
      </c>
      <c r="AD3487" s="2"/>
      <c r="AE3487" s="1"/>
    </row>
    <row r="3488" spans="1:31" ht="14.45">
      <c r="A3488" s="11"/>
      <c r="B3488" s="20"/>
      <c r="C3488" s="2" t="s">
        <v>10918</v>
      </c>
      <c r="D3488" s="14" t="s">
        <v>10919</v>
      </c>
      <c r="E3488" s="2" t="s">
        <v>10920</v>
      </c>
      <c r="F3488" s="2" t="s">
        <v>7589</v>
      </c>
      <c r="G3488" s="8">
        <v>126</v>
      </c>
      <c r="H3488" s="5">
        <v>6</v>
      </c>
      <c r="I3488" s="5" t="s">
        <v>1518</v>
      </c>
      <c r="J3488" s="5" t="s">
        <v>1519</v>
      </c>
      <c r="K3488" s="2" t="s">
        <v>1520</v>
      </c>
      <c r="L3488" s="5" t="s">
        <v>1519</v>
      </c>
      <c r="M3488" s="2" t="s">
        <v>1520</v>
      </c>
      <c r="N3488" s="5" t="s">
        <v>1521</v>
      </c>
      <c r="O3488" s="5" t="s">
        <v>38</v>
      </c>
      <c r="P3488" s="5" t="s">
        <v>39</v>
      </c>
      <c r="Q3488" s="5" t="s">
        <v>40</v>
      </c>
      <c r="R3488" s="5" t="s">
        <v>1522</v>
      </c>
      <c r="S3488" s="5" t="s">
        <v>1523</v>
      </c>
      <c r="T3488" s="5" t="s">
        <v>42</v>
      </c>
      <c r="U3488" s="2">
        <v>1.7569999999999999</v>
      </c>
      <c r="V3488" s="2">
        <v>1.4239999999999999</v>
      </c>
      <c r="W3488" s="2">
        <v>8.0000000000000002E-3</v>
      </c>
      <c r="X3488" s="2">
        <v>99.1</v>
      </c>
      <c r="Y3488" s="2">
        <v>7.6</v>
      </c>
      <c r="Z3488" s="2">
        <v>10.6</v>
      </c>
      <c r="AA3488" s="5"/>
      <c r="AB3488" s="5" t="s">
        <v>43</v>
      </c>
      <c r="AC3488" s="5" t="s">
        <v>44</v>
      </c>
      <c r="AD3488" s="2"/>
      <c r="AE3488" s="1"/>
    </row>
    <row r="3489" spans="1:31" ht="14.45">
      <c r="A3489" s="11"/>
      <c r="B3489" s="20"/>
      <c r="C3489" s="2" t="s">
        <v>10921</v>
      </c>
      <c r="D3489" s="14" t="s">
        <v>10922</v>
      </c>
      <c r="E3489" s="2" t="s">
        <v>10923</v>
      </c>
      <c r="F3489" s="2" t="s">
        <v>7593</v>
      </c>
      <c r="G3489" s="8">
        <v>126</v>
      </c>
      <c r="H3489" s="5">
        <v>6</v>
      </c>
      <c r="I3489" s="5" t="s">
        <v>1518</v>
      </c>
      <c r="J3489" s="5" t="s">
        <v>1519</v>
      </c>
      <c r="K3489" s="2" t="s">
        <v>1520</v>
      </c>
      <c r="L3489" s="5" t="s">
        <v>1519</v>
      </c>
      <c r="M3489" s="2" t="s">
        <v>1520</v>
      </c>
      <c r="N3489" s="5" t="s">
        <v>1521</v>
      </c>
      <c r="O3489" s="5" t="s">
        <v>38</v>
      </c>
      <c r="P3489" s="5" t="s">
        <v>39</v>
      </c>
      <c r="Q3489" s="5" t="s">
        <v>40</v>
      </c>
      <c r="R3489" s="5" t="s">
        <v>1522</v>
      </c>
      <c r="S3489" s="5" t="s">
        <v>1523</v>
      </c>
      <c r="T3489" s="5" t="s">
        <v>42</v>
      </c>
      <c r="U3489" s="2">
        <v>1.7370000000000001</v>
      </c>
      <c r="V3489" s="2">
        <v>1.4039999999999999</v>
      </c>
      <c r="W3489" s="2">
        <v>8.0000000000000002E-3</v>
      </c>
      <c r="X3489" s="2">
        <v>99.1</v>
      </c>
      <c r="Y3489" s="2">
        <v>7.6</v>
      </c>
      <c r="Z3489" s="2">
        <v>10.6</v>
      </c>
      <c r="AA3489" s="5"/>
      <c r="AB3489" s="5" t="s">
        <v>43</v>
      </c>
      <c r="AC3489" s="5" t="s">
        <v>44</v>
      </c>
      <c r="AD3489" s="2"/>
      <c r="AE3489" s="1"/>
    </row>
    <row r="3490" spans="1:31" ht="14.45">
      <c r="A3490" s="11"/>
      <c r="B3490" s="20"/>
      <c r="C3490" s="2" t="s">
        <v>10924</v>
      </c>
      <c r="D3490" s="14" t="s">
        <v>10925</v>
      </c>
      <c r="E3490" s="2" t="s">
        <v>10926</v>
      </c>
      <c r="F3490" s="2" t="s">
        <v>7597</v>
      </c>
      <c r="G3490" s="8">
        <v>126</v>
      </c>
      <c r="H3490" s="5">
        <v>6</v>
      </c>
      <c r="I3490" s="5" t="s">
        <v>1518</v>
      </c>
      <c r="J3490" s="5" t="s">
        <v>1519</v>
      </c>
      <c r="K3490" s="2" t="s">
        <v>1520</v>
      </c>
      <c r="L3490" s="5" t="s">
        <v>1519</v>
      </c>
      <c r="M3490" s="2" t="s">
        <v>1520</v>
      </c>
      <c r="N3490" s="5" t="s">
        <v>1521</v>
      </c>
      <c r="O3490" s="5" t="s">
        <v>38</v>
      </c>
      <c r="P3490" s="5" t="s">
        <v>39</v>
      </c>
      <c r="Q3490" s="5" t="s">
        <v>40</v>
      </c>
      <c r="R3490" s="5" t="s">
        <v>1522</v>
      </c>
      <c r="S3490" s="5" t="s">
        <v>1523</v>
      </c>
      <c r="T3490" s="5" t="s">
        <v>42</v>
      </c>
      <c r="U3490" s="2">
        <v>1.776</v>
      </c>
      <c r="V3490" s="2">
        <v>1.4430000000000001</v>
      </c>
      <c r="W3490" s="2">
        <v>8.0000000000000002E-3</v>
      </c>
      <c r="X3490" s="2">
        <v>99.1</v>
      </c>
      <c r="Y3490" s="2">
        <v>7.6</v>
      </c>
      <c r="Z3490" s="2">
        <v>10.6</v>
      </c>
      <c r="AA3490" s="5"/>
      <c r="AB3490" s="5" t="s">
        <v>43</v>
      </c>
      <c r="AC3490" s="5" t="s">
        <v>44</v>
      </c>
      <c r="AD3490" s="2"/>
      <c r="AE3490" s="1"/>
    </row>
    <row r="3491" spans="1:31" ht="14.45">
      <c r="A3491" s="11"/>
      <c r="B3491" s="20"/>
      <c r="C3491" s="2" t="s">
        <v>10927</v>
      </c>
      <c r="D3491" s="14" t="s">
        <v>10928</v>
      </c>
      <c r="E3491" s="2" t="s">
        <v>10929</v>
      </c>
      <c r="F3491" s="2" t="s">
        <v>7410</v>
      </c>
      <c r="G3491" s="8">
        <v>126</v>
      </c>
      <c r="H3491" s="5">
        <v>6</v>
      </c>
      <c r="I3491" s="5" t="s">
        <v>1518</v>
      </c>
      <c r="J3491" s="5" t="s">
        <v>1519</v>
      </c>
      <c r="K3491" s="2" t="s">
        <v>1520</v>
      </c>
      <c r="L3491" s="5" t="s">
        <v>1519</v>
      </c>
      <c r="M3491" s="2" t="s">
        <v>1520</v>
      </c>
      <c r="N3491" s="5" t="s">
        <v>1521</v>
      </c>
      <c r="O3491" s="5" t="s">
        <v>38</v>
      </c>
      <c r="P3491" s="5" t="s">
        <v>39</v>
      </c>
      <c r="Q3491" s="5" t="s">
        <v>40</v>
      </c>
      <c r="R3491" s="5" t="s">
        <v>1522</v>
      </c>
      <c r="S3491" s="5" t="s">
        <v>1523</v>
      </c>
      <c r="T3491" s="5" t="s">
        <v>42</v>
      </c>
      <c r="U3491" s="2">
        <v>1.7370000000000001</v>
      </c>
      <c r="V3491" s="2">
        <v>1.4039999999999999</v>
      </c>
      <c r="W3491" s="2">
        <v>8.0000000000000002E-3</v>
      </c>
      <c r="X3491" s="2">
        <v>99.1</v>
      </c>
      <c r="Y3491" s="2">
        <v>7.6</v>
      </c>
      <c r="Z3491" s="2">
        <v>10.6</v>
      </c>
      <c r="AA3491" s="5"/>
      <c r="AB3491" s="5" t="s">
        <v>43</v>
      </c>
      <c r="AC3491" s="5" t="s">
        <v>44</v>
      </c>
      <c r="AD3491" s="2"/>
      <c r="AE3491" s="1"/>
    </row>
    <row r="3492" spans="1:31" ht="14.45">
      <c r="A3492" s="11"/>
      <c r="B3492" s="20"/>
      <c r="C3492" s="2" t="s">
        <v>10930</v>
      </c>
      <c r="D3492" s="14" t="s">
        <v>10931</v>
      </c>
      <c r="E3492" s="2" t="s">
        <v>10932</v>
      </c>
      <c r="F3492" s="2" t="s">
        <v>7604</v>
      </c>
      <c r="G3492" s="8">
        <v>126</v>
      </c>
      <c r="H3492" s="5">
        <v>6</v>
      </c>
      <c r="I3492" s="5" t="s">
        <v>1518</v>
      </c>
      <c r="J3492" s="5" t="s">
        <v>1519</v>
      </c>
      <c r="K3492" s="2" t="s">
        <v>1520</v>
      </c>
      <c r="L3492" s="5" t="s">
        <v>1519</v>
      </c>
      <c r="M3492" s="2" t="s">
        <v>1520</v>
      </c>
      <c r="N3492" s="5" t="s">
        <v>1521</v>
      </c>
      <c r="O3492" s="5" t="s">
        <v>38</v>
      </c>
      <c r="P3492" s="5" t="s">
        <v>39</v>
      </c>
      <c r="Q3492" s="5" t="s">
        <v>40</v>
      </c>
      <c r="R3492" s="5" t="s">
        <v>1522</v>
      </c>
      <c r="S3492" s="5" t="s">
        <v>1523</v>
      </c>
      <c r="T3492" s="5" t="s">
        <v>42</v>
      </c>
      <c r="U3492" s="2">
        <v>1.776</v>
      </c>
      <c r="V3492" s="2">
        <v>1.4430000000000001</v>
      </c>
      <c r="W3492" s="2">
        <v>8.0000000000000002E-3</v>
      </c>
      <c r="X3492" s="2">
        <v>99.1</v>
      </c>
      <c r="Y3492" s="2">
        <v>7.6</v>
      </c>
      <c r="Z3492" s="2">
        <v>10.6</v>
      </c>
      <c r="AA3492" s="5"/>
      <c r="AB3492" s="5" t="s">
        <v>43</v>
      </c>
      <c r="AC3492" s="5" t="s">
        <v>44</v>
      </c>
      <c r="AD3492" s="2"/>
      <c r="AE3492" s="1"/>
    </row>
    <row r="3493" spans="1:31" ht="14.45">
      <c r="A3493" s="11"/>
      <c r="B3493" s="20"/>
      <c r="C3493" s="2" t="s">
        <v>10933</v>
      </c>
      <c r="D3493" s="14" t="s">
        <v>10934</v>
      </c>
      <c r="E3493" s="2" t="s">
        <v>10935</v>
      </c>
      <c r="F3493" s="2" t="s">
        <v>7433</v>
      </c>
      <c r="G3493" s="8">
        <v>126</v>
      </c>
      <c r="H3493" s="5">
        <v>6</v>
      </c>
      <c r="I3493" s="5" t="s">
        <v>1518</v>
      </c>
      <c r="J3493" s="5" t="s">
        <v>1519</v>
      </c>
      <c r="K3493" s="2" t="s">
        <v>1520</v>
      </c>
      <c r="L3493" s="5" t="s">
        <v>1519</v>
      </c>
      <c r="M3493" s="2" t="s">
        <v>1520</v>
      </c>
      <c r="N3493" s="5" t="s">
        <v>1521</v>
      </c>
      <c r="O3493" s="5" t="s">
        <v>38</v>
      </c>
      <c r="P3493" s="5" t="s">
        <v>39</v>
      </c>
      <c r="Q3493" s="5" t="s">
        <v>40</v>
      </c>
      <c r="R3493" s="5" t="s">
        <v>1522</v>
      </c>
      <c r="S3493" s="5" t="s">
        <v>1523</v>
      </c>
      <c r="T3493" s="5" t="s">
        <v>42</v>
      </c>
      <c r="U3493" s="2">
        <v>1.7370000000000001</v>
      </c>
      <c r="V3493" s="2">
        <v>1.4039999999999999</v>
      </c>
      <c r="W3493" s="2">
        <v>8.0000000000000002E-3</v>
      </c>
      <c r="X3493" s="2">
        <v>99.1</v>
      </c>
      <c r="Y3493" s="2">
        <v>7.6</v>
      </c>
      <c r="Z3493" s="2">
        <v>10.6</v>
      </c>
      <c r="AA3493" s="5"/>
      <c r="AB3493" s="5" t="s">
        <v>43</v>
      </c>
      <c r="AC3493" s="5" t="s">
        <v>44</v>
      </c>
      <c r="AD3493" s="2"/>
      <c r="AE3493" s="1"/>
    </row>
    <row r="3494" spans="1:31" ht="14.45">
      <c r="A3494" s="11"/>
      <c r="B3494" s="20"/>
      <c r="C3494" s="2" t="s">
        <v>10936</v>
      </c>
      <c r="D3494" s="14" t="s">
        <v>10937</v>
      </c>
      <c r="E3494" s="2" t="s">
        <v>10938</v>
      </c>
      <c r="F3494" s="2" t="s">
        <v>7611</v>
      </c>
      <c r="G3494" s="8">
        <v>126</v>
      </c>
      <c r="H3494" s="5">
        <v>6</v>
      </c>
      <c r="I3494" s="5" t="s">
        <v>1518</v>
      </c>
      <c r="J3494" s="5" t="s">
        <v>1519</v>
      </c>
      <c r="K3494" s="2" t="s">
        <v>1520</v>
      </c>
      <c r="L3494" s="5" t="s">
        <v>1519</v>
      </c>
      <c r="M3494" s="2" t="s">
        <v>1520</v>
      </c>
      <c r="N3494" s="5" t="s">
        <v>1521</v>
      </c>
      <c r="O3494" s="5" t="s">
        <v>38</v>
      </c>
      <c r="P3494" s="5" t="s">
        <v>39</v>
      </c>
      <c r="Q3494" s="5" t="s">
        <v>40</v>
      </c>
      <c r="R3494" s="5" t="s">
        <v>1522</v>
      </c>
      <c r="S3494" s="5" t="s">
        <v>1523</v>
      </c>
      <c r="T3494" s="5" t="s">
        <v>42</v>
      </c>
      <c r="U3494" s="2">
        <v>1.776</v>
      </c>
      <c r="V3494" s="2">
        <v>1.4430000000000001</v>
      </c>
      <c r="W3494" s="2">
        <v>8.0000000000000002E-3</v>
      </c>
      <c r="X3494" s="2">
        <v>99.1</v>
      </c>
      <c r="Y3494" s="2">
        <v>7.6</v>
      </c>
      <c r="Z3494" s="2">
        <v>10.6</v>
      </c>
      <c r="AA3494" s="5"/>
      <c r="AB3494" s="5" t="s">
        <v>43</v>
      </c>
      <c r="AC3494" s="5" t="s">
        <v>44</v>
      </c>
      <c r="AD3494" s="2"/>
      <c r="AE3494" s="1"/>
    </row>
    <row r="3495" spans="1:31" ht="14.45">
      <c r="A3495" s="11"/>
      <c r="B3495" s="20"/>
      <c r="C3495" s="2" t="s">
        <v>10939</v>
      </c>
      <c r="D3495" s="14" t="s">
        <v>10940</v>
      </c>
      <c r="E3495" s="2" t="s">
        <v>10941</v>
      </c>
      <c r="F3495" s="2" t="s">
        <v>7615</v>
      </c>
      <c r="G3495" s="8">
        <v>126</v>
      </c>
      <c r="H3495" s="5">
        <v>6</v>
      </c>
      <c r="I3495" s="5" t="s">
        <v>1518</v>
      </c>
      <c r="J3495" s="5" t="s">
        <v>1519</v>
      </c>
      <c r="K3495" s="2" t="s">
        <v>1520</v>
      </c>
      <c r="L3495" s="5" t="s">
        <v>1519</v>
      </c>
      <c r="M3495" s="2" t="s">
        <v>1520</v>
      </c>
      <c r="N3495" s="5" t="s">
        <v>1521</v>
      </c>
      <c r="O3495" s="5" t="s">
        <v>38</v>
      </c>
      <c r="P3495" s="5" t="s">
        <v>39</v>
      </c>
      <c r="Q3495" s="5" t="s">
        <v>40</v>
      </c>
      <c r="R3495" s="5" t="s">
        <v>1522</v>
      </c>
      <c r="S3495" s="5" t="s">
        <v>1523</v>
      </c>
      <c r="T3495" s="5" t="s">
        <v>42</v>
      </c>
      <c r="U3495" s="2">
        <v>1.718</v>
      </c>
      <c r="V3495" s="2">
        <v>1.385</v>
      </c>
      <c r="W3495" s="2">
        <v>8.0000000000000002E-3</v>
      </c>
      <c r="X3495" s="2">
        <v>99.1</v>
      </c>
      <c r="Y3495" s="2">
        <v>7.6</v>
      </c>
      <c r="Z3495" s="2">
        <v>10.6</v>
      </c>
      <c r="AA3495" s="5"/>
      <c r="AB3495" s="5" t="s">
        <v>43</v>
      </c>
      <c r="AC3495" s="5" t="s">
        <v>44</v>
      </c>
      <c r="AD3495" s="2"/>
      <c r="AE3495" s="1"/>
    </row>
    <row r="3496" spans="1:31" ht="14.45">
      <c r="A3496" s="11"/>
      <c r="B3496" s="20"/>
      <c r="C3496" s="2" t="s">
        <v>10942</v>
      </c>
      <c r="D3496" s="14" t="s">
        <v>10943</v>
      </c>
      <c r="E3496" s="2" t="s">
        <v>10944</v>
      </c>
      <c r="F3496" s="2" t="s">
        <v>7619</v>
      </c>
      <c r="G3496" s="8">
        <v>126</v>
      </c>
      <c r="H3496" s="5">
        <v>6</v>
      </c>
      <c r="I3496" s="5" t="s">
        <v>1518</v>
      </c>
      <c r="J3496" s="5" t="s">
        <v>1519</v>
      </c>
      <c r="K3496" s="2" t="s">
        <v>1520</v>
      </c>
      <c r="L3496" s="5" t="s">
        <v>1519</v>
      </c>
      <c r="M3496" s="2" t="s">
        <v>1520</v>
      </c>
      <c r="N3496" s="5" t="s">
        <v>1521</v>
      </c>
      <c r="O3496" s="5" t="s">
        <v>38</v>
      </c>
      <c r="P3496" s="5" t="s">
        <v>39</v>
      </c>
      <c r="Q3496" s="5" t="s">
        <v>40</v>
      </c>
      <c r="R3496" s="5" t="s">
        <v>1522</v>
      </c>
      <c r="S3496" s="5" t="s">
        <v>1523</v>
      </c>
      <c r="T3496" s="5" t="s">
        <v>42</v>
      </c>
      <c r="U3496" s="2">
        <v>1.7569999999999999</v>
      </c>
      <c r="V3496" s="2">
        <v>1.4239999999999999</v>
      </c>
      <c r="W3496" s="2">
        <v>8.0000000000000002E-3</v>
      </c>
      <c r="X3496" s="2">
        <v>99.1</v>
      </c>
      <c r="Y3496" s="2">
        <v>7.6</v>
      </c>
      <c r="Z3496" s="2">
        <v>10.6</v>
      </c>
      <c r="AA3496" s="5"/>
      <c r="AB3496" s="5" t="s">
        <v>43</v>
      </c>
      <c r="AC3496" s="5" t="s">
        <v>44</v>
      </c>
      <c r="AD3496" s="2"/>
      <c r="AE3496" s="1"/>
    </row>
    <row r="3497" spans="1:31" ht="14.45">
      <c r="A3497" s="11"/>
      <c r="B3497" s="20"/>
      <c r="C3497" s="2" t="s">
        <v>10945</v>
      </c>
      <c r="D3497" s="14" t="s">
        <v>10946</v>
      </c>
      <c r="E3497" s="2" t="s">
        <v>10947</v>
      </c>
      <c r="F3497" s="2" t="s">
        <v>1823</v>
      </c>
      <c r="G3497" s="8">
        <v>126</v>
      </c>
      <c r="H3497" s="5">
        <v>8</v>
      </c>
      <c r="I3497" s="5" t="s">
        <v>1518</v>
      </c>
      <c r="J3497" s="5" t="s">
        <v>1519</v>
      </c>
      <c r="K3497" s="2" t="s">
        <v>1520</v>
      </c>
      <c r="L3497" s="5" t="s">
        <v>1519</v>
      </c>
      <c r="M3497" s="2" t="s">
        <v>1520</v>
      </c>
      <c r="N3497" s="5" t="s">
        <v>1521</v>
      </c>
      <c r="O3497" s="5" t="s">
        <v>38</v>
      </c>
      <c r="P3497" s="5" t="s">
        <v>39</v>
      </c>
      <c r="Q3497" s="5" t="s">
        <v>40</v>
      </c>
      <c r="R3497" s="5" t="s">
        <v>1522</v>
      </c>
      <c r="S3497" s="5" t="s">
        <v>1523</v>
      </c>
      <c r="T3497" s="5" t="s">
        <v>42</v>
      </c>
      <c r="U3497" s="2">
        <v>1.7509999999999999</v>
      </c>
      <c r="V3497" s="2">
        <v>1.4179999999999999</v>
      </c>
      <c r="W3497" s="2">
        <v>8.0000000000000002E-3</v>
      </c>
      <c r="X3497" s="2">
        <v>99.1</v>
      </c>
      <c r="Y3497" s="2">
        <v>7.6</v>
      </c>
      <c r="Z3497" s="2">
        <v>10.6</v>
      </c>
      <c r="AA3497" s="5"/>
      <c r="AB3497" s="5" t="s">
        <v>43</v>
      </c>
      <c r="AC3497" s="5" t="s">
        <v>44</v>
      </c>
      <c r="AD3497" s="2"/>
      <c r="AE3497" s="1"/>
    </row>
    <row r="3498" spans="1:31" ht="14.45">
      <c r="A3498" s="11"/>
      <c r="B3498" s="20"/>
      <c r="C3498" s="2" t="s">
        <v>10948</v>
      </c>
      <c r="D3498" s="14" t="s">
        <v>10949</v>
      </c>
      <c r="E3498" s="2" t="s">
        <v>10950</v>
      </c>
      <c r="F3498" s="2" t="s">
        <v>1827</v>
      </c>
      <c r="G3498" s="8">
        <v>126</v>
      </c>
      <c r="H3498" s="5">
        <v>8</v>
      </c>
      <c r="I3498" s="5" t="s">
        <v>1518</v>
      </c>
      <c r="J3498" s="5" t="s">
        <v>1519</v>
      </c>
      <c r="K3498" s="2" t="s">
        <v>1520</v>
      </c>
      <c r="L3498" s="5" t="s">
        <v>1519</v>
      </c>
      <c r="M3498" s="2" t="s">
        <v>1520</v>
      </c>
      <c r="N3498" s="5" t="s">
        <v>1521</v>
      </c>
      <c r="O3498" s="5" t="s">
        <v>38</v>
      </c>
      <c r="P3498" s="5" t="s">
        <v>39</v>
      </c>
      <c r="Q3498" s="5" t="s">
        <v>40</v>
      </c>
      <c r="R3498" s="5" t="s">
        <v>1522</v>
      </c>
      <c r="S3498" s="5" t="s">
        <v>1523</v>
      </c>
      <c r="T3498" s="5" t="s">
        <v>42</v>
      </c>
      <c r="U3498" s="2">
        <v>1.79</v>
      </c>
      <c r="V3498" s="2">
        <v>1.4570000000000001</v>
      </c>
      <c r="W3498" s="2">
        <v>8.0000000000000002E-3</v>
      </c>
      <c r="X3498" s="2">
        <v>99.1</v>
      </c>
      <c r="Y3498" s="2">
        <v>7.6</v>
      </c>
      <c r="Z3498" s="2">
        <v>10.6</v>
      </c>
      <c r="AA3498" s="5"/>
      <c r="AB3498" s="5" t="s">
        <v>43</v>
      </c>
      <c r="AC3498" s="5" t="s">
        <v>44</v>
      </c>
      <c r="AD3498" s="2"/>
      <c r="AE3498" s="1"/>
    </row>
    <row r="3499" spans="1:31" ht="14.45">
      <c r="A3499" s="11"/>
      <c r="B3499" s="20"/>
      <c r="C3499" s="2" t="s">
        <v>10951</v>
      </c>
      <c r="D3499" s="14" t="s">
        <v>10952</v>
      </c>
      <c r="E3499" s="2" t="s">
        <v>10953</v>
      </c>
      <c r="F3499" s="2" t="s">
        <v>1973</v>
      </c>
      <c r="G3499" s="8">
        <v>126</v>
      </c>
      <c r="H3499" s="5">
        <v>13</v>
      </c>
      <c r="I3499" s="5" t="s">
        <v>1518</v>
      </c>
      <c r="J3499" s="5" t="s">
        <v>1519</v>
      </c>
      <c r="K3499" s="2" t="s">
        <v>1520</v>
      </c>
      <c r="L3499" s="5" t="s">
        <v>1519</v>
      </c>
      <c r="M3499" s="2" t="s">
        <v>1520</v>
      </c>
      <c r="N3499" s="5" t="s">
        <v>1521</v>
      </c>
      <c r="O3499" s="5" t="s">
        <v>38</v>
      </c>
      <c r="P3499" s="5" t="s">
        <v>39</v>
      </c>
      <c r="Q3499" s="5" t="s">
        <v>40</v>
      </c>
      <c r="R3499" s="5" t="s">
        <v>1522</v>
      </c>
      <c r="S3499" s="5" t="s">
        <v>1523</v>
      </c>
      <c r="T3499" s="5" t="s">
        <v>42</v>
      </c>
      <c r="U3499" s="2">
        <v>1.7769999999999999</v>
      </c>
      <c r="V3499" s="2">
        <v>1.444</v>
      </c>
      <c r="W3499" s="2">
        <v>8.0000000000000002E-3</v>
      </c>
      <c r="X3499" s="2">
        <v>99.1</v>
      </c>
      <c r="Y3499" s="2">
        <v>7.6</v>
      </c>
      <c r="Z3499" s="2">
        <v>10.6</v>
      </c>
      <c r="AA3499" s="5"/>
      <c r="AB3499" s="5" t="s">
        <v>43</v>
      </c>
      <c r="AC3499" s="5" t="s">
        <v>44</v>
      </c>
      <c r="AD3499" s="2"/>
      <c r="AE3499" s="1"/>
    </row>
    <row r="3500" spans="1:31" ht="14.45">
      <c r="A3500" s="11"/>
      <c r="B3500" s="20"/>
      <c r="C3500" s="2" t="s">
        <v>10954</v>
      </c>
      <c r="D3500" s="14" t="s">
        <v>10955</v>
      </c>
      <c r="E3500" s="2" t="s">
        <v>10956</v>
      </c>
      <c r="F3500" s="2" t="s">
        <v>2348</v>
      </c>
      <c r="G3500" s="8">
        <v>126</v>
      </c>
      <c r="H3500" s="5">
        <v>13</v>
      </c>
      <c r="I3500" s="5" t="s">
        <v>1518</v>
      </c>
      <c r="J3500" s="5" t="s">
        <v>1519</v>
      </c>
      <c r="K3500" s="2" t="s">
        <v>1520</v>
      </c>
      <c r="L3500" s="5" t="s">
        <v>1519</v>
      </c>
      <c r="M3500" s="2" t="s">
        <v>1520</v>
      </c>
      <c r="N3500" s="5" t="s">
        <v>1521</v>
      </c>
      <c r="O3500" s="5" t="s">
        <v>38</v>
      </c>
      <c r="P3500" s="5" t="s">
        <v>39</v>
      </c>
      <c r="Q3500" s="5" t="s">
        <v>40</v>
      </c>
      <c r="R3500" s="5" t="s">
        <v>1522</v>
      </c>
      <c r="S3500" s="5" t="s">
        <v>1523</v>
      </c>
      <c r="T3500" s="5" t="s">
        <v>42</v>
      </c>
      <c r="U3500" s="2">
        <v>1.8160000000000001</v>
      </c>
      <c r="V3500" s="2">
        <v>1.4830000000000001</v>
      </c>
      <c r="W3500" s="2">
        <v>8.0000000000000002E-3</v>
      </c>
      <c r="X3500" s="2">
        <v>99.1</v>
      </c>
      <c r="Y3500" s="2">
        <v>7.6</v>
      </c>
      <c r="Z3500" s="2">
        <v>10.6</v>
      </c>
      <c r="AA3500" s="5"/>
      <c r="AB3500" s="5" t="s">
        <v>43</v>
      </c>
      <c r="AC3500" s="5" t="s">
        <v>44</v>
      </c>
      <c r="AD3500" s="2"/>
      <c r="AE3500" s="1"/>
    </row>
    <row r="3501" spans="1:31" ht="14.45">
      <c r="A3501" s="11"/>
      <c r="B3501" s="20"/>
      <c r="C3501" s="2" t="s">
        <v>10957</v>
      </c>
      <c r="D3501" s="14" t="s">
        <v>10958</v>
      </c>
      <c r="E3501" s="2" t="s">
        <v>10959</v>
      </c>
      <c r="F3501" s="2" t="s">
        <v>2208</v>
      </c>
      <c r="G3501" s="8">
        <v>126</v>
      </c>
      <c r="H3501" s="5">
        <v>13</v>
      </c>
      <c r="I3501" s="5" t="s">
        <v>1518</v>
      </c>
      <c r="J3501" s="5" t="s">
        <v>1519</v>
      </c>
      <c r="K3501" s="2" t="s">
        <v>1520</v>
      </c>
      <c r="L3501" s="5" t="s">
        <v>1519</v>
      </c>
      <c r="M3501" s="2" t="s">
        <v>1520</v>
      </c>
      <c r="N3501" s="5" t="s">
        <v>1521</v>
      </c>
      <c r="O3501" s="5" t="s">
        <v>38</v>
      </c>
      <c r="P3501" s="5" t="s">
        <v>39</v>
      </c>
      <c r="Q3501" s="5" t="s">
        <v>40</v>
      </c>
      <c r="R3501" s="5" t="s">
        <v>1522</v>
      </c>
      <c r="S3501" s="5" t="s">
        <v>1523</v>
      </c>
      <c r="T3501" s="5" t="s">
        <v>42</v>
      </c>
      <c r="U3501" s="2">
        <v>1.7769999999999999</v>
      </c>
      <c r="V3501" s="2">
        <v>1.444</v>
      </c>
      <c r="W3501" s="2">
        <v>8.0000000000000002E-3</v>
      </c>
      <c r="X3501" s="2">
        <v>99.1</v>
      </c>
      <c r="Y3501" s="2">
        <v>7.6</v>
      </c>
      <c r="Z3501" s="2">
        <v>10.6</v>
      </c>
      <c r="AA3501" s="5"/>
      <c r="AB3501" s="5" t="s">
        <v>43</v>
      </c>
      <c r="AC3501" s="5" t="s">
        <v>44</v>
      </c>
      <c r="AD3501" s="2"/>
      <c r="AE3501" s="1"/>
    </row>
    <row r="3502" spans="1:31" ht="14.45">
      <c r="A3502" s="11"/>
      <c r="B3502" s="20"/>
      <c r="C3502" s="2" t="s">
        <v>10960</v>
      </c>
      <c r="D3502" s="14" t="s">
        <v>10961</v>
      </c>
      <c r="E3502" s="2" t="s">
        <v>10962</v>
      </c>
      <c r="F3502" s="2" t="s">
        <v>2212</v>
      </c>
      <c r="G3502" s="8">
        <v>126</v>
      </c>
      <c r="H3502" s="5">
        <v>13</v>
      </c>
      <c r="I3502" s="5" t="s">
        <v>1518</v>
      </c>
      <c r="J3502" s="5" t="s">
        <v>1519</v>
      </c>
      <c r="K3502" s="2" t="s">
        <v>1520</v>
      </c>
      <c r="L3502" s="5" t="s">
        <v>1519</v>
      </c>
      <c r="M3502" s="2" t="s">
        <v>1520</v>
      </c>
      <c r="N3502" s="5" t="s">
        <v>1521</v>
      </c>
      <c r="O3502" s="5" t="s">
        <v>38</v>
      </c>
      <c r="P3502" s="5" t="s">
        <v>39</v>
      </c>
      <c r="Q3502" s="5" t="s">
        <v>40</v>
      </c>
      <c r="R3502" s="5" t="s">
        <v>1522</v>
      </c>
      <c r="S3502" s="5" t="s">
        <v>1523</v>
      </c>
      <c r="T3502" s="5" t="s">
        <v>42</v>
      </c>
      <c r="U3502" s="2">
        <v>1.8160000000000001</v>
      </c>
      <c r="V3502" s="2">
        <v>1.4830000000000001</v>
      </c>
      <c r="W3502" s="2">
        <v>8.0000000000000002E-3</v>
      </c>
      <c r="X3502" s="2">
        <v>99.1</v>
      </c>
      <c r="Y3502" s="2">
        <v>7.6</v>
      </c>
      <c r="Z3502" s="2">
        <v>10.6</v>
      </c>
      <c r="AA3502" s="5"/>
      <c r="AB3502" s="5" t="s">
        <v>43</v>
      </c>
      <c r="AC3502" s="5" t="s">
        <v>44</v>
      </c>
      <c r="AD3502" s="2"/>
      <c r="AE3502" s="1"/>
    </row>
    <row r="3503" spans="1:31" ht="14.45">
      <c r="A3503" s="11"/>
      <c r="B3503" s="20"/>
      <c r="C3503" s="2" t="s">
        <v>10963</v>
      </c>
      <c r="D3503" s="14" t="s">
        <v>10964</v>
      </c>
      <c r="E3503" s="2" t="s">
        <v>10965</v>
      </c>
      <c r="F3503" s="2" t="s">
        <v>1831</v>
      </c>
      <c r="G3503" s="8">
        <v>126</v>
      </c>
      <c r="H3503" s="5">
        <v>13</v>
      </c>
      <c r="I3503" s="5" t="s">
        <v>1518</v>
      </c>
      <c r="J3503" s="5" t="s">
        <v>1519</v>
      </c>
      <c r="K3503" s="2" t="s">
        <v>1520</v>
      </c>
      <c r="L3503" s="5" t="s">
        <v>1519</v>
      </c>
      <c r="M3503" s="2" t="s">
        <v>1520</v>
      </c>
      <c r="N3503" s="5" t="s">
        <v>1521</v>
      </c>
      <c r="O3503" s="5" t="s">
        <v>38</v>
      </c>
      <c r="P3503" s="5" t="s">
        <v>39</v>
      </c>
      <c r="Q3503" s="5" t="s">
        <v>40</v>
      </c>
      <c r="R3503" s="5" t="s">
        <v>1522</v>
      </c>
      <c r="S3503" s="5" t="s">
        <v>1523</v>
      </c>
      <c r="T3503" s="5" t="s">
        <v>42</v>
      </c>
      <c r="U3503" s="2">
        <v>1.7769999999999999</v>
      </c>
      <c r="V3503" s="2">
        <v>1.444</v>
      </c>
      <c r="W3503" s="2">
        <v>8.0000000000000002E-3</v>
      </c>
      <c r="X3503" s="2">
        <v>99.1</v>
      </c>
      <c r="Y3503" s="2">
        <v>7.6</v>
      </c>
      <c r="Z3503" s="2">
        <v>10.6</v>
      </c>
      <c r="AA3503" s="5"/>
      <c r="AB3503" s="5" t="s">
        <v>43</v>
      </c>
      <c r="AC3503" s="5" t="s">
        <v>44</v>
      </c>
      <c r="AD3503" s="2"/>
      <c r="AE3503" s="1"/>
    </row>
    <row r="3504" spans="1:31" ht="14.45">
      <c r="A3504" s="11"/>
      <c r="B3504" s="20"/>
      <c r="C3504" s="2" t="s">
        <v>10966</v>
      </c>
      <c r="D3504" s="14" t="s">
        <v>10967</v>
      </c>
      <c r="E3504" s="2" t="s">
        <v>10968</v>
      </c>
      <c r="F3504" s="2" t="s">
        <v>1835</v>
      </c>
      <c r="G3504" s="8">
        <v>126</v>
      </c>
      <c r="H3504" s="5">
        <v>13</v>
      </c>
      <c r="I3504" s="5" t="s">
        <v>1518</v>
      </c>
      <c r="J3504" s="5" t="s">
        <v>1519</v>
      </c>
      <c r="K3504" s="2" t="s">
        <v>1520</v>
      </c>
      <c r="L3504" s="5" t="s">
        <v>1519</v>
      </c>
      <c r="M3504" s="2" t="s">
        <v>1520</v>
      </c>
      <c r="N3504" s="5" t="s">
        <v>1521</v>
      </c>
      <c r="O3504" s="5" t="s">
        <v>38</v>
      </c>
      <c r="P3504" s="5" t="s">
        <v>39</v>
      </c>
      <c r="Q3504" s="5" t="s">
        <v>40</v>
      </c>
      <c r="R3504" s="5" t="s">
        <v>1522</v>
      </c>
      <c r="S3504" s="5" t="s">
        <v>1523</v>
      </c>
      <c r="T3504" s="5" t="s">
        <v>42</v>
      </c>
      <c r="U3504" s="2">
        <v>1.8160000000000001</v>
      </c>
      <c r="V3504" s="2">
        <v>1.4830000000000001</v>
      </c>
      <c r="W3504" s="2">
        <v>8.0000000000000002E-3</v>
      </c>
      <c r="X3504" s="2">
        <v>99.1</v>
      </c>
      <c r="Y3504" s="2">
        <v>7.6</v>
      </c>
      <c r="Z3504" s="2">
        <v>10.6</v>
      </c>
      <c r="AA3504" s="5"/>
      <c r="AB3504" s="5" t="s">
        <v>43</v>
      </c>
      <c r="AC3504" s="5" t="s">
        <v>44</v>
      </c>
      <c r="AD3504" s="2"/>
      <c r="AE3504" s="1"/>
    </row>
    <row r="3505" spans="1:31" ht="14.45">
      <c r="A3505" s="11"/>
      <c r="B3505" s="20"/>
      <c r="C3505" s="2" t="s">
        <v>10969</v>
      </c>
      <c r="D3505" s="14" t="s">
        <v>10970</v>
      </c>
      <c r="E3505" s="2" t="s">
        <v>10971</v>
      </c>
      <c r="F3505" s="2" t="s">
        <v>1986</v>
      </c>
      <c r="G3505" s="8">
        <v>126</v>
      </c>
      <c r="H3505" s="5">
        <v>13</v>
      </c>
      <c r="I3505" s="5" t="s">
        <v>1518</v>
      </c>
      <c r="J3505" s="5" t="s">
        <v>1519</v>
      </c>
      <c r="K3505" s="2" t="s">
        <v>1520</v>
      </c>
      <c r="L3505" s="5" t="s">
        <v>1519</v>
      </c>
      <c r="M3505" s="2" t="s">
        <v>1520</v>
      </c>
      <c r="N3505" s="5" t="s">
        <v>1521</v>
      </c>
      <c r="O3505" s="5" t="s">
        <v>38</v>
      </c>
      <c r="P3505" s="5" t="s">
        <v>39</v>
      </c>
      <c r="Q3505" s="5" t="s">
        <v>40</v>
      </c>
      <c r="R3505" s="5" t="s">
        <v>1522</v>
      </c>
      <c r="S3505" s="5" t="s">
        <v>1523</v>
      </c>
      <c r="T3505" s="5" t="s">
        <v>42</v>
      </c>
      <c r="U3505" s="2">
        <v>1.8160000000000001</v>
      </c>
      <c r="V3505" s="2">
        <v>1.4830000000000001</v>
      </c>
      <c r="W3505" s="2">
        <v>8.0000000000000002E-3</v>
      </c>
      <c r="X3505" s="2">
        <v>99.1</v>
      </c>
      <c r="Y3505" s="2">
        <v>7.6</v>
      </c>
      <c r="Z3505" s="2">
        <v>10.6</v>
      </c>
      <c r="AA3505" s="5"/>
      <c r="AB3505" s="5" t="s">
        <v>43</v>
      </c>
      <c r="AC3505" s="5" t="s">
        <v>44</v>
      </c>
      <c r="AD3505" s="2"/>
      <c r="AE3505" s="1"/>
    </row>
    <row r="3506" spans="1:31" ht="14.45">
      <c r="A3506" s="11"/>
      <c r="B3506" s="20"/>
      <c r="C3506" s="2" t="s">
        <v>10972</v>
      </c>
      <c r="D3506" s="14" t="s">
        <v>10973</v>
      </c>
      <c r="E3506" s="2" t="s">
        <v>10974</v>
      </c>
      <c r="F3506" s="2" t="s">
        <v>1843</v>
      </c>
      <c r="G3506" s="8">
        <v>126</v>
      </c>
      <c r="H3506" s="5">
        <v>13</v>
      </c>
      <c r="I3506" s="5" t="s">
        <v>1518</v>
      </c>
      <c r="J3506" s="5" t="s">
        <v>1519</v>
      </c>
      <c r="K3506" s="2" t="s">
        <v>1520</v>
      </c>
      <c r="L3506" s="5" t="s">
        <v>1519</v>
      </c>
      <c r="M3506" s="2" t="s">
        <v>1520</v>
      </c>
      <c r="N3506" s="5" t="s">
        <v>1521</v>
      </c>
      <c r="O3506" s="5" t="s">
        <v>38</v>
      </c>
      <c r="P3506" s="5" t="s">
        <v>39</v>
      </c>
      <c r="Q3506" s="5" t="s">
        <v>40</v>
      </c>
      <c r="R3506" s="5" t="s">
        <v>1522</v>
      </c>
      <c r="S3506" s="5" t="s">
        <v>1523</v>
      </c>
      <c r="T3506" s="5" t="s">
        <v>42</v>
      </c>
      <c r="U3506" s="2">
        <v>1.7769999999999999</v>
      </c>
      <c r="V3506" s="2">
        <v>1.444</v>
      </c>
      <c r="W3506" s="2">
        <v>8.0000000000000002E-3</v>
      </c>
      <c r="X3506" s="2">
        <v>99.1</v>
      </c>
      <c r="Y3506" s="2">
        <v>7.6</v>
      </c>
      <c r="Z3506" s="2">
        <v>10.6</v>
      </c>
      <c r="AA3506" s="5"/>
      <c r="AB3506" s="5" t="s">
        <v>43</v>
      </c>
      <c r="AC3506" s="5" t="s">
        <v>44</v>
      </c>
      <c r="AD3506" s="2"/>
      <c r="AE3506" s="1"/>
    </row>
    <row r="3507" spans="1:31" ht="14.45">
      <c r="A3507" s="11"/>
      <c r="B3507" s="20"/>
      <c r="C3507" s="2" t="s">
        <v>10975</v>
      </c>
      <c r="D3507" s="14" t="s">
        <v>10976</v>
      </c>
      <c r="E3507" s="2" t="s">
        <v>10977</v>
      </c>
      <c r="F3507" s="2" t="s">
        <v>1847</v>
      </c>
      <c r="G3507" s="8">
        <v>126</v>
      </c>
      <c r="H3507" s="5">
        <v>13</v>
      </c>
      <c r="I3507" s="5" t="s">
        <v>1518</v>
      </c>
      <c r="J3507" s="5" t="s">
        <v>1519</v>
      </c>
      <c r="K3507" s="2" t="s">
        <v>1520</v>
      </c>
      <c r="L3507" s="5" t="s">
        <v>1519</v>
      </c>
      <c r="M3507" s="2" t="s">
        <v>1520</v>
      </c>
      <c r="N3507" s="5" t="s">
        <v>1521</v>
      </c>
      <c r="O3507" s="5" t="s">
        <v>38</v>
      </c>
      <c r="P3507" s="5" t="s">
        <v>39</v>
      </c>
      <c r="Q3507" s="5" t="s">
        <v>40</v>
      </c>
      <c r="R3507" s="5" t="s">
        <v>1522</v>
      </c>
      <c r="S3507" s="5" t="s">
        <v>1523</v>
      </c>
      <c r="T3507" s="5" t="s">
        <v>42</v>
      </c>
      <c r="U3507" s="2">
        <v>1.8160000000000001</v>
      </c>
      <c r="V3507" s="2">
        <v>1.4830000000000001</v>
      </c>
      <c r="W3507" s="2">
        <v>8.0000000000000002E-3</v>
      </c>
      <c r="X3507" s="2">
        <v>99.1</v>
      </c>
      <c r="Y3507" s="2">
        <v>7.6</v>
      </c>
      <c r="Z3507" s="2">
        <v>10.6</v>
      </c>
      <c r="AA3507" s="5"/>
      <c r="AB3507" s="5" t="s">
        <v>43</v>
      </c>
      <c r="AC3507" s="5" t="s">
        <v>44</v>
      </c>
      <c r="AD3507" s="2"/>
      <c r="AE3507" s="1"/>
    </row>
    <row r="3508" spans="1:31" ht="14.45">
      <c r="A3508" s="11"/>
      <c r="B3508" s="20"/>
      <c r="C3508" s="2" t="s">
        <v>10978</v>
      </c>
      <c r="D3508" s="14" t="s">
        <v>10979</v>
      </c>
      <c r="E3508" s="2" t="s">
        <v>10980</v>
      </c>
      <c r="F3508" s="2" t="s">
        <v>1851</v>
      </c>
      <c r="G3508" s="8">
        <v>126</v>
      </c>
      <c r="H3508" s="5">
        <v>13</v>
      </c>
      <c r="I3508" s="5" t="s">
        <v>1518</v>
      </c>
      <c r="J3508" s="5" t="s">
        <v>1519</v>
      </c>
      <c r="K3508" s="2" t="s">
        <v>1520</v>
      </c>
      <c r="L3508" s="5" t="s">
        <v>1519</v>
      </c>
      <c r="M3508" s="2" t="s">
        <v>1520</v>
      </c>
      <c r="N3508" s="5" t="s">
        <v>1521</v>
      </c>
      <c r="O3508" s="5" t="s">
        <v>38</v>
      </c>
      <c r="P3508" s="5" t="s">
        <v>39</v>
      </c>
      <c r="Q3508" s="5" t="s">
        <v>40</v>
      </c>
      <c r="R3508" s="5" t="s">
        <v>1522</v>
      </c>
      <c r="S3508" s="5" t="s">
        <v>1523</v>
      </c>
      <c r="T3508" s="5" t="s">
        <v>42</v>
      </c>
      <c r="U3508" s="2">
        <v>1.7769999999999999</v>
      </c>
      <c r="V3508" s="2">
        <v>1.444</v>
      </c>
      <c r="W3508" s="2">
        <v>8.0000000000000002E-3</v>
      </c>
      <c r="X3508" s="2">
        <v>99.1</v>
      </c>
      <c r="Y3508" s="2">
        <v>7.6</v>
      </c>
      <c r="Z3508" s="2">
        <v>10.6</v>
      </c>
      <c r="AA3508" s="5"/>
      <c r="AB3508" s="5" t="s">
        <v>43</v>
      </c>
      <c r="AC3508" s="5" t="s">
        <v>44</v>
      </c>
      <c r="AD3508" s="2"/>
      <c r="AE3508" s="1"/>
    </row>
    <row r="3509" spans="1:31" ht="14.45">
      <c r="A3509" s="11"/>
      <c r="B3509" s="20"/>
      <c r="C3509" s="2" t="s">
        <v>10981</v>
      </c>
      <c r="D3509" s="14" t="s">
        <v>10982</v>
      </c>
      <c r="E3509" s="2" t="s">
        <v>10983</v>
      </c>
      <c r="F3509" s="2" t="s">
        <v>1999</v>
      </c>
      <c r="G3509" s="8">
        <v>126</v>
      </c>
      <c r="H3509" s="5">
        <v>13</v>
      </c>
      <c r="I3509" s="5" t="s">
        <v>1518</v>
      </c>
      <c r="J3509" s="5" t="s">
        <v>1519</v>
      </c>
      <c r="K3509" s="2" t="s">
        <v>1520</v>
      </c>
      <c r="L3509" s="5" t="s">
        <v>1519</v>
      </c>
      <c r="M3509" s="2" t="s">
        <v>1520</v>
      </c>
      <c r="N3509" s="5" t="s">
        <v>1521</v>
      </c>
      <c r="O3509" s="5" t="s">
        <v>38</v>
      </c>
      <c r="P3509" s="5" t="s">
        <v>39</v>
      </c>
      <c r="Q3509" s="5" t="s">
        <v>40</v>
      </c>
      <c r="R3509" s="5" t="s">
        <v>1522</v>
      </c>
      <c r="S3509" s="5" t="s">
        <v>1523</v>
      </c>
      <c r="T3509" s="5" t="s">
        <v>42</v>
      </c>
      <c r="U3509" s="2">
        <v>1.8160000000000001</v>
      </c>
      <c r="V3509" s="2">
        <v>1.4830000000000001</v>
      </c>
      <c r="W3509" s="2">
        <v>8.0000000000000002E-3</v>
      </c>
      <c r="X3509" s="2">
        <v>99.1</v>
      </c>
      <c r="Y3509" s="2">
        <v>7.6</v>
      </c>
      <c r="Z3509" s="2">
        <v>10.6</v>
      </c>
      <c r="AA3509" s="5"/>
      <c r="AB3509" s="5" t="s">
        <v>43</v>
      </c>
      <c r="AC3509" s="5" t="s">
        <v>44</v>
      </c>
      <c r="AD3509" s="2"/>
      <c r="AE3509" s="1"/>
    </row>
    <row r="3510" spans="1:31" ht="14.45">
      <c r="A3510" s="11"/>
      <c r="B3510" s="20"/>
      <c r="C3510" s="2" t="s">
        <v>10984</v>
      </c>
      <c r="D3510" s="14" t="s">
        <v>10985</v>
      </c>
      <c r="E3510" s="2" t="s">
        <v>10986</v>
      </c>
      <c r="F3510" s="2" t="s">
        <v>1855</v>
      </c>
      <c r="G3510" s="8">
        <v>126</v>
      </c>
      <c r="H3510" s="5">
        <v>13</v>
      </c>
      <c r="I3510" s="5" t="s">
        <v>1518</v>
      </c>
      <c r="J3510" s="5" t="s">
        <v>1519</v>
      </c>
      <c r="K3510" s="2" t="s">
        <v>1520</v>
      </c>
      <c r="L3510" s="5" t="s">
        <v>1519</v>
      </c>
      <c r="M3510" s="2" t="s">
        <v>1520</v>
      </c>
      <c r="N3510" s="5" t="s">
        <v>1521</v>
      </c>
      <c r="O3510" s="5" t="s">
        <v>38</v>
      </c>
      <c r="P3510" s="5" t="s">
        <v>39</v>
      </c>
      <c r="Q3510" s="5" t="s">
        <v>40</v>
      </c>
      <c r="R3510" s="5" t="s">
        <v>1522</v>
      </c>
      <c r="S3510" s="5" t="s">
        <v>1523</v>
      </c>
      <c r="T3510" s="5" t="s">
        <v>42</v>
      </c>
      <c r="U3510" s="2">
        <v>1.7769999999999999</v>
      </c>
      <c r="V3510" s="2">
        <v>1.444</v>
      </c>
      <c r="W3510" s="2">
        <v>8.0000000000000002E-3</v>
      </c>
      <c r="X3510" s="2">
        <v>99.1</v>
      </c>
      <c r="Y3510" s="2">
        <v>7.6</v>
      </c>
      <c r="Z3510" s="2">
        <v>10.6</v>
      </c>
      <c r="AA3510" s="5"/>
      <c r="AB3510" s="5" t="s">
        <v>43</v>
      </c>
      <c r="AC3510" s="5" t="s">
        <v>44</v>
      </c>
      <c r="AD3510" s="2"/>
      <c r="AE3510" s="1"/>
    </row>
    <row r="3511" spans="1:31" ht="14.45">
      <c r="A3511" s="11"/>
      <c r="B3511" s="20"/>
      <c r="C3511" s="2" t="s">
        <v>10987</v>
      </c>
      <c r="D3511" s="14" t="s">
        <v>10988</v>
      </c>
      <c r="E3511" s="2" t="s">
        <v>10989</v>
      </c>
      <c r="F3511" s="2" t="s">
        <v>1863</v>
      </c>
      <c r="G3511" s="8">
        <v>126</v>
      </c>
      <c r="H3511" s="5">
        <v>11</v>
      </c>
      <c r="I3511" s="5" t="s">
        <v>1518</v>
      </c>
      <c r="J3511" s="5" t="s">
        <v>1519</v>
      </c>
      <c r="K3511" s="2" t="s">
        <v>1520</v>
      </c>
      <c r="L3511" s="5" t="s">
        <v>1519</v>
      </c>
      <c r="M3511" s="2" t="s">
        <v>1520</v>
      </c>
      <c r="N3511" s="5" t="s">
        <v>1521</v>
      </c>
      <c r="O3511" s="5" t="s">
        <v>38</v>
      </c>
      <c r="P3511" s="5" t="s">
        <v>39</v>
      </c>
      <c r="Q3511" s="5" t="s">
        <v>40</v>
      </c>
      <c r="R3511" s="5" t="s">
        <v>1522</v>
      </c>
      <c r="S3511" s="5" t="s">
        <v>1523</v>
      </c>
      <c r="T3511" s="5" t="s">
        <v>42</v>
      </c>
      <c r="U3511" s="2">
        <v>1.7250000000000001</v>
      </c>
      <c r="V3511" s="2">
        <v>1.39</v>
      </c>
      <c r="W3511" s="2">
        <v>8.0000000000000002E-3</v>
      </c>
      <c r="X3511" s="2">
        <v>99.1</v>
      </c>
      <c r="Y3511" s="2">
        <v>7.6</v>
      </c>
      <c r="Z3511" s="2">
        <v>10.6</v>
      </c>
      <c r="AA3511" s="5"/>
      <c r="AB3511" s="5" t="s">
        <v>43</v>
      </c>
      <c r="AC3511" s="5" t="s">
        <v>44</v>
      </c>
      <c r="AD3511" s="2"/>
      <c r="AE3511" s="1"/>
    </row>
    <row r="3512" spans="1:31" ht="14.45">
      <c r="A3512" s="11"/>
      <c r="B3512" s="20"/>
      <c r="C3512" s="2" t="s">
        <v>10990</v>
      </c>
      <c r="D3512" s="14" t="s">
        <v>10991</v>
      </c>
      <c r="E3512" s="2" t="s">
        <v>10992</v>
      </c>
      <c r="F3512" s="2" t="s">
        <v>1867</v>
      </c>
      <c r="G3512" s="8">
        <v>126</v>
      </c>
      <c r="H3512" s="5">
        <v>11</v>
      </c>
      <c r="I3512" s="5" t="s">
        <v>1518</v>
      </c>
      <c r="J3512" s="5" t="s">
        <v>1519</v>
      </c>
      <c r="K3512" s="2" t="s">
        <v>1520</v>
      </c>
      <c r="L3512" s="5" t="s">
        <v>1519</v>
      </c>
      <c r="M3512" s="2" t="s">
        <v>1520</v>
      </c>
      <c r="N3512" s="5" t="s">
        <v>1521</v>
      </c>
      <c r="O3512" s="5" t="s">
        <v>38</v>
      </c>
      <c r="P3512" s="5" t="s">
        <v>39</v>
      </c>
      <c r="Q3512" s="5" t="s">
        <v>40</v>
      </c>
      <c r="R3512" s="5" t="s">
        <v>1522</v>
      </c>
      <c r="S3512" s="5" t="s">
        <v>1523</v>
      </c>
      <c r="T3512" s="5" t="s">
        <v>42</v>
      </c>
      <c r="U3512" s="2">
        <v>1.764</v>
      </c>
      <c r="V3512" s="2">
        <v>1.429</v>
      </c>
      <c r="W3512" s="2">
        <v>8.0000000000000002E-3</v>
      </c>
      <c r="X3512" s="2">
        <v>99.1</v>
      </c>
      <c r="Y3512" s="2">
        <v>7.6</v>
      </c>
      <c r="Z3512" s="2">
        <v>10.6</v>
      </c>
      <c r="AA3512" s="5"/>
      <c r="AB3512" s="5" t="s">
        <v>43</v>
      </c>
      <c r="AC3512" s="5" t="s">
        <v>44</v>
      </c>
      <c r="AD3512" s="2"/>
      <c r="AE3512" s="1"/>
    </row>
    <row r="3513" spans="1:31" ht="14.45">
      <c r="A3513" s="11"/>
      <c r="B3513" s="20"/>
      <c r="C3513" s="2" t="s">
        <v>10993</v>
      </c>
      <c r="D3513" s="14" t="s">
        <v>10994</v>
      </c>
      <c r="E3513" s="2" t="s">
        <v>10995</v>
      </c>
      <c r="F3513" s="2" t="s">
        <v>7396</v>
      </c>
      <c r="G3513" s="8">
        <v>110</v>
      </c>
      <c r="H3513" s="5">
        <v>5</v>
      </c>
      <c r="I3513" s="5" t="s">
        <v>1518</v>
      </c>
      <c r="J3513" s="5" t="s">
        <v>1519</v>
      </c>
      <c r="K3513" s="2" t="s">
        <v>1520</v>
      </c>
      <c r="L3513" s="5" t="s">
        <v>1519</v>
      </c>
      <c r="M3513" s="2" t="s">
        <v>1520</v>
      </c>
      <c r="N3513" s="5" t="s">
        <v>1521</v>
      </c>
      <c r="O3513" s="5" t="s">
        <v>38</v>
      </c>
      <c r="P3513" s="5" t="s">
        <v>39</v>
      </c>
      <c r="Q3513" s="5" t="s">
        <v>40</v>
      </c>
      <c r="R3513" s="5" t="s">
        <v>1522</v>
      </c>
      <c r="S3513" s="5" t="s">
        <v>1523</v>
      </c>
      <c r="T3513" s="5" t="s">
        <v>42</v>
      </c>
      <c r="U3513" s="2">
        <v>1.853</v>
      </c>
      <c r="V3513" s="2">
        <v>1.52</v>
      </c>
      <c r="W3513" s="2">
        <v>8.0000000000000002E-3</v>
      </c>
      <c r="X3513" s="2">
        <v>99.1</v>
      </c>
      <c r="Y3513" s="2">
        <v>7.6</v>
      </c>
      <c r="Z3513" s="2">
        <v>10.6</v>
      </c>
      <c r="AA3513" s="5"/>
      <c r="AB3513" s="5" t="s">
        <v>43</v>
      </c>
      <c r="AC3513" s="5" t="s">
        <v>44</v>
      </c>
      <c r="AD3513" s="2"/>
      <c r="AE3513" s="1"/>
    </row>
    <row r="3514" spans="1:31" ht="14.45">
      <c r="A3514" s="11"/>
      <c r="B3514" s="20"/>
      <c r="C3514" s="2" t="s">
        <v>10996</v>
      </c>
      <c r="D3514" s="14" t="s">
        <v>10997</v>
      </c>
      <c r="E3514" s="2" t="s">
        <v>10998</v>
      </c>
      <c r="F3514" s="2" t="s">
        <v>7507</v>
      </c>
      <c r="G3514" s="8">
        <v>110</v>
      </c>
      <c r="H3514" s="5">
        <v>5</v>
      </c>
      <c r="I3514" s="5" t="s">
        <v>1518</v>
      </c>
      <c r="J3514" s="5" t="s">
        <v>1519</v>
      </c>
      <c r="K3514" s="2" t="s">
        <v>1520</v>
      </c>
      <c r="L3514" s="5" t="s">
        <v>1519</v>
      </c>
      <c r="M3514" s="2" t="s">
        <v>1520</v>
      </c>
      <c r="N3514" s="5" t="s">
        <v>1521</v>
      </c>
      <c r="O3514" s="5" t="s">
        <v>38</v>
      </c>
      <c r="P3514" s="5" t="s">
        <v>39</v>
      </c>
      <c r="Q3514" s="5" t="s">
        <v>40</v>
      </c>
      <c r="R3514" s="5" t="s">
        <v>1522</v>
      </c>
      <c r="S3514" s="5" t="s">
        <v>1523</v>
      </c>
      <c r="T3514" s="5" t="s">
        <v>42</v>
      </c>
      <c r="U3514" s="2">
        <v>1.897</v>
      </c>
      <c r="V3514" s="2">
        <v>1.5640000000000001</v>
      </c>
      <c r="W3514" s="2">
        <v>8.0000000000000002E-3</v>
      </c>
      <c r="X3514" s="2">
        <v>99.1</v>
      </c>
      <c r="Y3514" s="2">
        <v>7.6</v>
      </c>
      <c r="Z3514" s="2">
        <v>10.6</v>
      </c>
      <c r="AA3514" s="5"/>
      <c r="AB3514" s="5" t="s">
        <v>43</v>
      </c>
      <c r="AC3514" s="5" t="s">
        <v>44</v>
      </c>
      <c r="AD3514" s="2"/>
      <c r="AE3514" s="1"/>
    </row>
    <row r="3515" spans="1:31" ht="14.45">
      <c r="A3515" s="11"/>
      <c r="B3515" s="20"/>
      <c r="C3515" s="2" t="s">
        <v>10999</v>
      </c>
      <c r="D3515" s="14" t="s">
        <v>11000</v>
      </c>
      <c r="E3515" s="2" t="s">
        <v>11001</v>
      </c>
      <c r="F3515" s="2" t="s">
        <v>7204</v>
      </c>
      <c r="G3515" s="8">
        <v>110</v>
      </c>
      <c r="H3515" s="5">
        <v>5</v>
      </c>
      <c r="I3515" s="5" t="s">
        <v>1518</v>
      </c>
      <c r="J3515" s="5" t="s">
        <v>1519</v>
      </c>
      <c r="K3515" s="2" t="s">
        <v>1520</v>
      </c>
      <c r="L3515" s="5" t="s">
        <v>1519</v>
      </c>
      <c r="M3515" s="2" t="s">
        <v>1520</v>
      </c>
      <c r="N3515" s="5" t="s">
        <v>1521</v>
      </c>
      <c r="O3515" s="5" t="s">
        <v>38</v>
      </c>
      <c r="P3515" s="5" t="s">
        <v>39</v>
      </c>
      <c r="Q3515" s="5" t="s">
        <v>40</v>
      </c>
      <c r="R3515" s="5" t="s">
        <v>1522</v>
      </c>
      <c r="S3515" s="5" t="s">
        <v>1523</v>
      </c>
      <c r="T3515" s="5" t="s">
        <v>42</v>
      </c>
      <c r="U3515" s="2">
        <v>1.861</v>
      </c>
      <c r="V3515" s="2">
        <v>1.528</v>
      </c>
      <c r="W3515" s="2">
        <v>8.0000000000000002E-3</v>
      </c>
      <c r="X3515" s="2">
        <v>99.1</v>
      </c>
      <c r="Y3515" s="2">
        <v>7.6</v>
      </c>
      <c r="Z3515" s="2">
        <v>10.6</v>
      </c>
      <c r="AA3515" s="5"/>
      <c r="AB3515" s="5" t="s">
        <v>43</v>
      </c>
      <c r="AC3515" s="5" t="s">
        <v>44</v>
      </c>
      <c r="AD3515" s="2"/>
      <c r="AE3515" s="1"/>
    </row>
    <row r="3516" spans="1:31" ht="14.45">
      <c r="A3516" s="11"/>
      <c r="B3516" s="20"/>
      <c r="C3516" s="2" t="s">
        <v>11002</v>
      </c>
      <c r="D3516" s="14" t="s">
        <v>11003</v>
      </c>
      <c r="E3516" s="2" t="s">
        <v>11004</v>
      </c>
      <c r="F3516" s="2" t="s">
        <v>7514</v>
      </c>
      <c r="G3516" s="8">
        <v>110</v>
      </c>
      <c r="H3516" s="5">
        <v>5</v>
      </c>
      <c r="I3516" s="5" t="s">
        <v>1518</v>
      </c>
      <c r="J3516" s="5" t="s">
        <v>1519</v>
      </c>
      <c r="K3516" s="2" t="s">
        <v>1520</v>
      </c>
      <c r="L3516" s="5" t="s">
        <v>1519</v>
      </c>
      <c r="M3516" s="2" t="s">
        <v>1520</v>
      </c>
      <c r="N3516" s="5" t="s">
        <v>1521</v>
      </c>
      <c r="O3516" s="5" t="s">
        <v>38</v>
      </c>
      <c r="P3516" s="5" t="s">
        <v>39</v>
      </c>
      <c r="Q3516" s="5" t="s">
        <v>40</v>
      </c>
      <c r="R3516" s="5" t="s">
        <v>1522</v>
      </c>
      <c r="S3516" s="5" t="s">
        <v>1523</v>
      </c>
      <c r="T3516" s="5" t="s">
        <v>42</v>
      </c>
      <c r="U3516" s="2">
        <v>1.905</v>
      </c>
      <c r="V3516" s="2">
        <v>1.5720000000000001</v>
      </c>
      <c r="W3516" s="2">
        <v>8.0000000000000002E-3</v>
      </c>
      <c r="X3516" s="2">
        <v>99.1</v>
      </c>
      <c r="Y3516" s="2">
        <v>7.6</v>
      </c>
      <c r="Z3516" s="2">
        <v>10.6</v>
      </c>
      <c r="AA3516" s="5"/>
      <c r="AB3516" s="5" t="s">
        <v>43</v>
      </c>
      <c r="AC3516" s="5" t="s">
        <v>44</v>
      </c>
      <c r="AD3516" s="2"/>
      <c r="AE3516" s="1"/>
    </row>
    <row r="3517" spans="1:31" ht="14.45">
      <c r="A3517" s="11"/>
      <c r="B3517" s="20"/>
      <c r="C3517" s="2" t="s">
        <v>11005</v>
      </c>
      <c r="D3517" s="14" t="s">
        <v>11006</v>
      </c>
      <c r="E3517" s="2" t="s">
        <v>11007</v>
      </c>
      <c r="F3517" s="2" t="s">
        <v>7208</v>
      </c>
      <c r="G3517" s="8">
        <v>110</v>
      </c>
      <c r="H3517" s="5">
        <v>5</v>
      </c>
      <c r="I3517" s="5" t="s">
        <v>1518</v>
      </c>
      <c r="J3517" s="5" t="s">
        <v>1519</v>
      </c>
      <c r="K3517" s="2" t="s">
        <v>1520</v>
      </c>
      <c r="L3517" s="5" t="s">
        <v>1519</v>
      </c>
      <c r="M3517" s="2" t="s">
        <v>1520</v>
      </c>
      <c r="N3517" s="5" t="s">
        <v>1521</v>
      </c>
      <c r="O3517" s="5" t="s">
        <v>38</v>
      </c>
      <c r="P3517" s="5" t="s">
        <v>39</v>
      </c>
      <c r="Q3517" s="5" t="s">
        <v>40</v>
      </c>
      <c r="R3517" s="5" t="s">
        <v>1522</v>
      </c>
      <c r="S3517" s="5" t="s">
        <v>1523</v>
      </c>
      <c r="T3517" s="5" t="s">
        <v>42</v>
      </c>
      <c r="U3517" s="2">
        <v>1.861</v>
      </c>
      <c r="V3517" s="2">
        <v>1.528</v>
      </c>
      <c r="W3517" s="2">
        <v>8.0000000000000002E-3</v>
      </c>
      <c r="X3517" s="2">
        <v>99.1</v>
      </c>
      <c r="Y3517" s="2">
        <v>7.6</v>
      </c>
      <c r="Z3517" s="2">
        <v>10.6</v>
      </c>
      <c r="AA3517" s="5"/>
      <c r="AB3517" s="5" t="s">
        <v>43</v>
      </c>
      <c r="AC3517" s="5" t="s">
        <v>44</v>
      </c>
      <c r="AD3517" s="2"/>
      <c r="AE3517" s="1"/>
    </row>
    <row r="3518" spans="1:31" ht="14.45">
      <c r="A3518" s="11"/>
      <c r="B3518" s="20"/>
      <c r="C3518" s="2" t="s">
        <v>11008</v>
      </c>
      <c r="D3518" s="14" t="s">
        <v>11009</v>
      </c>
      <c r="E3518" s="2" t="s">
        <v>11010</v>
      </c>
      <c r="F3518" s="2" t="s">
        <v>7521</v>
      </c>
      <c r="G3518" s="8">
        <v>110</v>
      </c>
      <c r="H3518" s="5">
        <v>5</v>
      </c>
      <c r="I3518" s="5" t="s">
        <v>1518</v>
      </c>
      <c r="J3518" s="5" t="s">
        <v>1519</v>
      </c>
      <c r="K3518" s="2" t="s">
        <v>1520</v>
      </c>
      <c r="L3518" s="5" t="s">
        <v>1519</v>
      </c>
      <c r="M3518" s="2" t="s">
        <v>1520</v>
      </c>
      <c r="N3518" s="5" t="s">
        <v>1521</v>
      </c>
      <c r="O3518" s="5" t="s">
        <v>38</v>
      </c>
      <c r="P3518" s="5" t="s">
        <v>39</v>
      </c>
      <c r="Q3518" s="5" t="s">
        <v>40</v>
      </c>
      <c r="R3518" s="5" t="s">
        <v>1522</v>
      </c>
      <c r="S3518" s="5" t="s">
        <v>1523</v>
      </c>
      <c r="T3518" s="5" t="s">
        <v>42</v>
      </c>
      <c r="U3518" s="2">
        <v>1.905</v>
      </c>
      <c r="V3518" s="2">
        <v>1.5720000000000001</v>
      </c>
      <c r="W3518" s="2">
        <v>8.0000000000000002E-3</v>
      </c>
      <c r="X3518" s="2">
        <v>99.1</v>
      </c>
      <c r="Y3518" s="2">
        <v>7.6</v>
      </c>
      <c r="Z3518" s="2">
        <v>10.6</v>
      </c>
      <c r="AA3518" s="5"/>
      <c r="AB3518" s="5" t="s">
        <v>43</v>
      </c>
      <c r="AC3518" s="5" t="s">
        <v>44</v>
      </c>
      <c r="AD3518" s="2"/>
      <c r="AE3518" s="1"/>
    </row>
    <row r="3519" spans="1:31" ht="14.45">
      <c r="A3519" s="11"/>
      <c r="B3519" s="20"/>
      <c r="C3519" s="2" t="s">
        <v>11011</v>
      </c>
      <c r="D3519" s="14" t="s">
        <v>11012</v>
      </c>
      <c r="E3519" s="2" t="s">
        <v>11013</v>
      </c>
      <c r="F3519" s="2" t="s">
        <v>7212</v>
      </c>
      <c r="G3519" s="8">
        <v>110</v>
      </c>
      <c r="H3519" s="5">
        <v>5</v>
      </c>
      <c r="I3519" s="5" t="s">
        <v>1518</v>
      </c>
      <c r="J3519" s="5" t="s">
        <v>1519</v>
      </c>
      <c r="K3519" s="2" t="s">
        <v>1520</v>
      </c>
      <c r="L3519" s="5" t="s">
        <v>1519</v>
      </c>
      <c r="M3519" s="2" t="s">
        <v>1520</v>
      </c>
      <c r="N3519" s="5" t="s">
        <v>1521</v>
      </c>
      <c r="O3519" s="5" t="s">
        <v>38</v>
      </c>
      <c r="P3519" s="5" t="s">
        <v>39</v>
      </c>
      <c r="Q3519" s="5" t="s">
        <v>40</v>
      </c>
      <c r="R3519" s="5" t="s">
        <v>1522</v>
      </c>
      <c r="S3519" s="5" t="s">
        <v>1523</v>
      </c>
      <c r="T3519" s="5" t="s">
        <v>42</v>
      </c>
      <c r="U3519" s="2">
        <v>1.8380000000000001</v>
      </c>
      <c r="V3519" s="2">
        <v>1.5049999999999999</v>
      </c>
      <c r="W3519" s="2">
        <v>8.0000000000000002E-3</v>
      </c>
      <c r="X3519" s="2">
        <v>99.1</v>
      </c>
      <c r="Y3519" s="2">
        <v>7.6</v>
      </c>
      <c r="Z3519" s="2">
        <v>10.6</v>
      </c>
      <c r="AA3519" s="5"/>
      <c r="AB3519" s="5" t="s">
        <v>43</v>
      </c>
      <c r="AC3519" s="5" t="s">
        <v>44</v>
      </c>
      <c r="AD3519" s="2"/>
      <c r="AE3519" s="1"/>
    </row>
    <row r="3520" spans="1:31" ht="14.45">
      <c r="A3520" s="11"/>
      <c r="B3520" s="20"/>
      <c r="C3520" s="2" t="s">
        <v>11014</v>
      </c>
      <c r="D3520" s="14" t="s">
        <v>11015</v>
      </c>
      <c r="E3520" s="2" t="s">
        <v>11016</v>
      </c>
      <c r="F3520" s="2" t="s">
        <v>7528</v>
      </c>
      <c r="G3520" s="8">
        <v>110</v>
      </c>
      <c r="H3520" s="5">
        <v>5</v>
      </c>
      <c r="I3520" s="5" t="s">
        <v>1518</v>
      </c>
      <c r="J3520" s="5" t="s">
        <v>1519</v>
      </c>
      <c r="K3520" s="2" t="s">
        <v>1520</v>
      </c>
      <c r="L3520" s="5" t="s">
        <v>1519</v>
      </c>
      <c r="M3520" s="2" t="s">
        <v>1520</v>
      </c>
      <c r="N3520" s="5" t="s">
        <v>1521</v>
      </c>
      <c r="O3520" s="5" t="s">
        <v>38</v>
      </c>
      <c r="P3520" s="5" t="s">
        <v>39</v>
      </c>
      <c r="Q3520" s="5" t="s">
        <v>40</v>
      </c>
      <c r="R3520" s="5" t="s">
        <v>1522</v>
      </c>
      <c r="S3520" s="5" t="s">
        <v>1523</v>
      </c>
      <c r="T3520" s="5" t="s">
        <v>42</v>
      </c>
      <c r="U3520" s="2">
        <v>1.8819999999999999</v>
      </c>
      <c r="V3520" s="2">
        <v>1.5489999999999999</v>
      </c>
      <c r="W3520" s="2">
        <v>8.0000000000000002E-3</v>
      </c>
      <c r="X3520" s="2">
        <v>99.1</v>
      </c>
      <c r="Y3520" s="2">
        <v>7.6</v>
      </c>
      <c r="Z3520" s="2">
        <v>10.6</v>
      </c>
      <c r="AA3520" s="5"/>
      <c r="AB3520" s="5" t="s">
        <v>43</v>
      </c>
      <c r="AC3520" s="5" t="s">
        <v>44</v>
      </c>
      <c r="AD3520" s="2"/>
      <c r="AE3520" s="1"/>
    </row>
    <row r="3521" spans="1:31" ht="14.45">
      <c r="A3521" s="11"/>
      <c r="B3521" s="20"/>
      <c r="C3521" s="2" t="s">
        <v>11017</v>
      </c>
      <c r="D3521" s="14" t="s">
        <v>11018</v>
      </c>
      <c r="E3521" s="2" t="s">
        <v>11019</v>
      </c>
      <c r="F3521" s="2" t="s">
        <v>7406</v>
      </c>
      <c r="G3521" s="8">
        <v>126</v>
      </c>
      <c r="H3521" s="5">
        <v>6</v>
      </c>
      <c r="I3521" s="5" t="s">
        <v>1518</v>
      </c>
      <c r="J3521" s="5" t="s">
        <v>1519</v>
      </c>
      <c r="K3521" s="2" t="s">
        <v>1520</v>
      </c>
      <c r="L3521" s="5" t="s">
        <v>1519</v>
      </c>
      <c r="M3521" s="2" t="s">
        <v>1520</v>
      </c>
      <c r="N3521" s="5" t="s">
        <v>1521</v>
      </c>
      <c r="O3521" s="5" t="s">
        <v>38</v>
      </c>
      <c r="P3521" s="5" t="s">
        <v>39</v>
      </c>
      <c r="Q3521" s="5" t="s">
        <v>40</v>
      </c>
      <c r="R3521" s="5" t="s">
        <v>1522</v>
      </c>
      <c r="S3521" s="5" t="s">
        <v>1523</v>
      </c>
      <c r="T3521" s="5" t="s">
        <v>42</v>
      </c>
      <c r="U3521" s="2">
        <v>1.8380000000000001</v>
      </c>
      <c r="V3521" s="2">
        <v>1.5049999999999999</v>
      </c>
      <c r="W3521" s="2">
        <v>8.0000000000000002E-3</v>
      </c>
      <c r="X3521" s="2">
        <v>99.1</v>
      </c>
      <c r="Y3521" s="2">
        <v>7.6</v>
      </c>
      <c r="Z3521" s="2">
        <v>10.6</v>
      </c>
      <c r="AA3521" s="5"/>
      <c r="AB3521" s="5" t="s">
        <v>43</v>
      </c>
      <c r="AC3521" s="5" t="s">
        <v>44</v>
      </c>
      <c r="AD3521" s="2"/>
      <c r="AE3521" s="1"/>
    </row>
    <row r="3522" spans="1:31" ht="14.45">
      <c r="A3522" s="11"/>
      <c r="B3522" s="20"/>
      <c r="C3522" s="2" t="s">
        <v>11020</v>
      </c>
      <c r="D3522" s="14" t="s">
        <v>11021</v>
      </c>
      <c r="E3522" s="2" t="s">
        <v>11022</v>
      </c>
      <c r="F3522" s="2" t="s">
        <v>7535</v>
      </c>
      <c r="G3522" s="8">
        <v>126</v>
      </c>
      <c r="H3522" s="5">
        <v>6</v>
      </c>
      <c r="I3522" s="5" t="s">
        <v>1518</v>
      </c>
      <c r="J3522" s="5" t="s">
        <v>1519</v>
      </c>
      <c r="K3522" s="2" t="s">
        <v>1520</v>
      </c>
      <c r="L3522" s="5" t="s">
        <v>1519</v>
      </c>
      <c r="M3522" s="2" t="s">
        <v>1520</v>
      </c>
      <c r="N3522" s="5" t="s">
        <v>1521</v>
      </c>
      <c r="O3522" s="5" t="s">
        <v>38</v>
      </c>
      <c r="P3522" s="5" t="s">
        <v>39</v>
      </c>
      <c r="Q3522" s="5" t="s">
        <v>40</v>
      </c>
      <c r="R3522" s="5" t="s">
        <v>1522</v>
      </c>
      <c r="S3522" s="5" t="s">
        <v>1523</v>
      </c>
      <c r="T3522" s="5" t="s">
        <v>42</v>
      </c>
      <c r="U3522" s="2">
        <v>1.8819999999999999</v>
      </c>
      <c r="V3522" s="2">
        <v>1.5489999999999999</v>
      </c>
      <c r="W3522" s="2">
        <v>8.0000000000000002E-3</v>
      </c>
      <c r="X3522" s="2">
        <v>99.1</v>
      </c>
      <c r="Y3522" s="2">
        <v>7.6</v>
      </c>
      <c r="Z3522" s="2">
        <v>10.6</v>
      </c>
      <c r="AA3522" s="5"/>
      <c r="AB3522" s="5" t="s">
        <v>43</v>
      </c>
      <c r="AC3522" s="5" t="s">
        <v>44</v>
      </c>
      <c r="AD3522" s="2"/>
      <c r="AE3522" s="1"/>
    </row>
    <row r="3523" spans="1:31" ht="14.45">
      <c r="A3523" s="11"/>
      <c r="B3523" s="20"/>
      <c r="C3523" s="2" t="s">
        <v>11023</v>
      </c>
      <c r="D3523" s="14" t="s">
        <v>11024</v>
      </c>
      <c r="E3523" s="2" t="s">
        <v>11025</v>
      </c>
      <c r="F3523" s="2" t="s">
        <v>7539</v>
      </c>
      <c r="G3523" s="8">
        <v>126</v>
      </c>
      <c r="H3523" s="5">
        <v>6</v>
      </c>
      <c r="I3523" s="5" t="s">
        <v>1518</v>
      </c>
      <c r="J3523" s="5" t="s">
        <v>1519</v>
      </c>
      <c r="K3523" s="2" t="s">
        <v>1520</v>
      </c>
      <c r="L3523" s="5" t="s">
        <v>1519</v>
      </c>
      <c r="M3523" s="2" t="s">
        <v>1520</v>
      </c>
      <c r="N3523" s="5" t="s">
        <v>1521</v>
      </c>
      <c r="O3523" s="5" t="s">
        <v>38</v>
      </c>
      <c r="P3523" s="5" t="s">
        <v>39</v>
      </c>
      <c r="Q3523" s="5" t="s">
        <v>40</v>
      </c>
      <c r="R3523" s="5" t="s">
        <v>1522</v>
      </c>
      <c r="S3523" s="5" t="s">
        <v>1523</v>
      </c>
      <c r="T3523" s="5" t="s">
        <v>42</v>
      </c>
      <c r="U3523" s="2">
        <v>1.861</v>
      </c>
      <c r="V3523" s="2">
        <v>1.528</v>
      </c>
      <c r="W3523" s="2">
        <v>8.0000000000000002E-3</v>
      </c>
      <c r="X3523" s="2">
        <v>99.1</v>
      </c>
      <c r="Y3523" s="2">
        <v>7.6</v>
      </c>
      <c r="Z3523" s="2">
        <v>10.6</v>
      </c>
      <c r="AA3523" s="5"/>
      <c r="AB3523" s="5" t="s">
        <v>43</v>
      </c>
      <c r="AC3523" s="5" t="s">
        <v>44</v>
      </c>
      <c r="AD3523" s="2"/>
      <c r="AE3523" s="1"/>
    </row>
    <row r="3524" spans="1:31" ht="14.45">
      <c r="A3524" s="11"/>
      <c r="B3524" s="20"/>
      <c r="C3524" s="2" t="s">
        <v>11026</v>
      </c>
      <c r="D3524" s="14" t="s">
        <v>11027</v>
      </c>
      <c r="E3524" s="2" t="s">
        <v>11028</v>
      </c>
      <c r="F3524" s="2" t="s">
        <v>7543</v>
      </c>
      <c r="G3524" s="8">
        <v>126</v>
      </c>
      <c r="H3524" s="5">
        <v>6</v>
      </c>
      <c r="I3524" s="5" t="s">
        <v>1518</v>
      </c>
      <c r="J3524" s="5" t="s">
        <v>1519</v>
      </c>
      <c r="K3524" s="2" t="s">
        <v>1520</v>
      </c>
      <c r="L3524" s="5" t="s">
        <v>1519</v>
      </c>
      <c r="M3524" s="2" t="s">
        <v>1520</v>
      </c>
      <c r="N3524" s="5" t="s">
        <v>1521</v>
      </c>
      <c r="O3524" s="5" t="s">
        <v>38</v>
      </c>
      <c r="P3524" s="5" t="s">
        <v>39</v>
      </c>
      <c r="Q3524" s="5" t="s">
        <v>40</v>
      </c>
      <c r="R3524" s="5" t="s">
        <v>1522</v>
      </c>
      <c r="S3524" s="5" t="s">
        <v>1523</v>
      </c>
      <c r="T3524" s="5" t="s">
        <v>42</v>
      </c>
      <c r="U3524" s="2">
        <v>1.905</v>
      </c>
      <c r="V3524" s="2">
        <v>1.5720000000000001</v>
      </c>
      <c r="W3524" s="2">
        <v>8.0000000000000002E-3</v>
      </c>
      <c r="X3524" s="2">
        <v>99.1</v>
      </c>
      <c r="Y3524" s="2">
        <v>7.6</v>
      </c>
      <c r="Z3524" s="2">
        <v>10.6</v>
      </c>
      <c r="AA3524" s="5"/>
      <c r="AB3524" s="5" t="s">
        <v>43</v>
      </c>
      <c r="AC3524" s="5" t="s">
        <v>44</v>
      </c>
      <c r="AD3524" s="2"/>
      <c r="AE3524" s="1"/>
    </row>
    <row r="3525" spans="1:31" ht="14.45">
      <c r="A3525" s="11"/>
      <c r="B3525" s="20"/>
      <c r="C3525" s="2" t="s">
        <v>11029</v>
      </c>
      <c r="D3525" s="14" t="s">
        <v>11030</v>
      </c>
      <c r="E3525" s="2" t="s">
        <v>11031</v>
      </c>
      <c r="F3525" s="2" t="s">
        <v>7547</v>
      </c>
      <c r="G3525" s="8">
        <v>126</v>
      </c>
      <c r="H3525" s="5">
        <v>6</v>
      </c>
      <c r="I3525" s="5" t="s">
        <v>1518</v>
      </c>
      <c r="J3525" s="5" t="s">
        <v>1519</v>
      </c>
      <c r="K3525" s="2" t="s">
        <v>1520</v>
      </c>
      <c r="L3525" s="5" t="s">
        <v>1519</v>
      </c>
      <c r="M3525" s="2" t="s">
        <v>1520</v>
      </c>
      <c r="N3525" s="5" t="s">
        <v>1521</v>
      </c>
      <c r="O3525" s="5" t="s">
        <v>38</v>
      </c>
      <c r="P3525" s="5" t="s">
        <v>39</v>
      </c>
      <c r="Q3525" s="5" t="s">
        <v>40</v>
      </c>
      <c r="R3525" s="5" t="s">
        <v>1522</v>
      </c>
      <c r="S3525" s="5" t="s">
        <v>1523</v>
      </c>
      <c r="T3525" s="5" t="s">
        <v>42</v>
      </c>
      <c r="U3525" s="2">
        <v>1.8380000000000001</v>
      </c>
      <c r="V3525" s="2">
        <v>1.5049999999999999</v>
      </c>
      <c r="W3525" s="2">
        <v>8.0000000000000002E-3</v>
      </c>
      <c r="X3525" s="2">
        <v>99.1</v>
      </c>
      <c r="Y3525" s="2">
        <v>7.6</v>
      </c>
      <c r="Z3525" s="2">
        <v>10.6</v>
      </c>
      <c r="AA3525" s="5"/>
      <c r="AB3525" s="5" t="s">
        <v>43</v>
      </c>
      <c r="AC3525" s="5" t="s">
        <v>44</v>
      </c>
      <c r="AD3525" s="2"/>
      <c r="AE3525" s="1"/>
    </row>
    <row r="3526" spans="1:31" ht="14.45">
      <c r="A3526" s="11"/>
      <c r="B3526" s="20"/>
      <c r="C3526" s="2" t="s">
        <v>11032</v>
      </c>
      <c r="D3526" s="14" t="s">
        <v>11033</v>
      </c>
      <c r="E3526" s="2" t="s">
        <v>11034</v>
      </c>
      <c r="F3526" s="2" t="s">
        <v>7551</v>
      </c>
      <c r="G3526" s="8">
        <v>126</v>
      </c>
      <c r="H3526" s="5">
        <v>6</v>
      </c>
      <c r="I3526" s="5" t="s">
        <v>1518</v>
      </c>
      <c r="J3526" s="5" t="s">
        <v>1519</v>
      </c>
      <c r="K3526" s="2" t="s">
        <v>1520</v>
      </c>
      <c r="L3526" s="5" t="s">
        <v>1519</v>
      </c>
      <c r="M3526" s="2" t="s">
        <v>1520</v>
      </c>
      <c r="N3526" s="5" t="s">
        <v>1521</v>
      </c>
      <c r="O3526" s="5" t="s">
        <v>38</v>
      </c>
      <c r="P3526" s="5" t="s">
        <v>39</v>
      </c>
      <c r="Q3526" s="5" t="s">
        <v>40</v>
      </c>
      <c r="R3526" s="5" t="s">
        <v>1522</v>
      </c>
      <c r="S3526" s="5" t="s">
        <v>1523</v>
      </c>
      <c r="T3526" s="5" t="s">
        <v>42</v>
      </c>
      <c r="U3526" s="2">
        <v>1.8819999999999999</v>
      </c>
      <c r="V3526" s="2">
        <v>1.5489999999999999</v>
      </c>
      <c r="W3526" s="2">
        <v>8.0000000000000002E-3</v>
      </c>
      <c r="X3526" s="2">
        <v>99.1</v>
      </c>
      <c r="Y3526" s="2">
        <v>7.6</v>
      </c>
      <c r="Z3526" s="2">
        <v>10.6</v>
      </c>
      <c r="AA3526" s="5"/>
      <c r="AB3526" s="5" t="s">
        <v>43</v>
      </c>
      <c r="AC3526" s="5" t="s">
        <v>44</v>
      </c>
      <c r="AD3526" s="2"/>
      <c r="AE3526" s="1"/>
    </row>
    <row r="3527" spans="1:31" ht="14.45">
      <c r="A3527" s="11"/>
      <c r="B3527" s="20"/>
      <c r="C3527" s="2" t="s">
        <v>11035</v>
      </c>
      <c r="D3527" s="14" t="s">
        <v>11036</v>
      </c>
      <c r="E3527" s="2" t="s">
        <v>11037</v>
      </c>
      <c r="F3527" s="2" t="s">
        <v>7555</v>
      </c>
      <c r="G3527" s="8">
        <v>126</v>
      </c>
      <c r="H3527" s="5">
        <v>6</v>
      </c>
      <c r="I3527" s="5" t="s">
        <v>1518</v>
      </c>
      <c r="J3527" s="5" t="s">
        <v>1519</v>
      </c>
      <c r="K3527" s="2" t="s">
        <v>1520</v>
      </c>
      <c r="L3527" s="5" t="s">
        <v>1519</v>
      </c>
      <c r="M3527" s="2" t="s">
        <v>1520</v>
      </c>
      <c r="N3527" s="5" t="s">
        <v>1521</v>
      </c>
      <c r="O3527" s="5" t="s">
        <v>38</v>
      </c>
      <c r="P3527" s="5" t="s">
        <v>39</v>
      </c>
      <c r="Q3527" s="5" t="s">
        <v>40</v>
      </c>
      <c r="R3527" s="5" t="s">
        <v>1522</v>
      </c>
      <c r="S3527" s="5" t="s">
        <v>1523</v>
      </c>
      <c r="T3527" s="5" t="s">
        <v>42</v>
      </c>
      <c r="U3527" s="2">
        <v>1.8380000000000001</v>
      </c>
      <c r="V3527" s="2">
        <v>1.5049999999999999</v>
      </c>
      <c r="W3527" s="2">
        <v>8.0000000000000002E-3</v>
      </c>
      <c r="X3527" s="2">
        <v>99.1</v>
      </c>
      <c r="Y3527" s="2">
        <v>7.6</v>
      </c>
      <c r="Z3527" s="2">
        <v>10.6</v>
      </c>
      <c r="AA3527" s="5"/>
      <c r="AB3527" s="5" t="s">
        <v>43</v>
      </c>
      <c r="AC3527" s="5" t="s">
        <v>44</v>
      </c>
      <c r="AD3527" s="2"/>
      <c r="AE3527" s="1"/>
    </row>
    <row r="3528" spans="1:31" ht="14.45">
      <c r="A3528" s="11"/>
      <c r="B3528" s="20"/>
      <c r="C3528" s="2" t="s">
        <v>11038</v>
      </c>
      <c r="D3528" s="14" t="s">
        <v>11039</v>
      </c>
      <c r="E3528" s="2" t="s">
        <v>11040</v>
      </c>
      <c r="F3528" s="2" t="s">
        <v>7559</v>
      </c>
      <c r="G3528" s="8">
        <v>126</v>
      </c>
      <c r="H3528" s="5">
        <v>6</v>
      </c>
      <c r="I3528" s="5" t="s">
        <v>1518</v>
      </c>
      <c r="J3528" s="5" t="s">
        <v>1519</v>
      </c>
      <c r="K3528" s="2" t="s">
        <v>1520</v>
      </c>
      <c r="L3528" s="5" t="s">
        <v>1519</v>
      </c>
      <c r="M3528" s="2" t="s">
        <v>1520</v>
      </c>
      <c r="N3528" s="5" t="s">
        <v>1521</v>
      </c>
      <c r="O3528" s="5" t="s">
        <v>38</v>
      </c>
      <c r="P3528" s="5" t="s">
        <v>39</v>
      </c>
      <c r="Q3528" s="5" t="s">
        <v>40</v>
      </c>
      <c r="R3528" s="5" t="s">
        <v>1522</v>
      </c>
      <c r="S3528" s="5" t="s">
        <v>1523</v>
      </c>
      <c r="T3528" s="5" t="s">
        <v>42</v>
      </c>
      <c r="U3528" s="2">
        <v>1.8819999999999999</v>
      </c>
      <c r="V3528" s="2">
        <v>1.5489999999999999</v>
      </c>
      <c r="W3528" s="2">
        <v>8.0000000000000002E-3</v>
      </c>
      <c r="X3528" s="2">
        <v>99.1</v>
      </c>
      <c r="Y3528" s="2">
        <v>7.6</v>
      </c>
      <c r="Z3528" s="2">
        <v>10.6</v>
      </c>
      <c r="AA3528" s="5"/>
      <c r="AB3528" s="5" t="s">
        <v>43</v>
      </c>
      <c r="AC3528" s="5" t="s">
        <v>44</v>
      </c>
      <c r="AD3528" s="2"/>
      <c r="AE3528" s="1"/>
    </row>
    <row r="3529" spans="1:31" ht="14.45">
      <c r="A3529" s="11"/>
      <c r="B3529" s="20"/>
      <c r="C3529" s="2" t="s">
        <v>11041</v>
      </c>
      <c r="D3529" s="14" t="s">
        <v>11042</v>
      </c>
      <c r="E3529" s="2" t="s">
        <v>11043</v>
      </c>
      <c r="F3529" s="2" t="s">
        <v>7563</v>
      </c>
      <c r="G3529" s="8">
        <v>126</v>
      </c>
      <c r="H3529" s="5">
        <v>6</v>
      </c>
      <c r="I3529" s="5" t="s">
        <v>1518</v>
      </c>
      <c r="J3529" s="5" t="s">
        <v>1519</v>
      </c>
      <c r="K3529" s="2" t="s">
        <v>1520</v>
      </c>
      <c r="L3529" s="5" t="s">
        <v>1519</v>
      </c>
      <c r="M3529" s="2" t="s">
        <v>1520</v>
      </c>
      <c r="N3529" s="5" t="s">
        <v>1521</v>
      </c>
      <c r="O3529" s="5" t="s">
        <v>38</v>
      </c>
      <c r="P3529" s="5" t="s">
        <v>39</v>
      </c>
      <c r="Q3529" s="5" t="s">
        <v>40</v>
      </c>
      <c r="R3529" s="5" t="s">
        <v>1522</v>
      </c>
      <c r="S3529" s="5" t="s">
        <v>1523</v>
      </c>
      <c r="T3529" s="5" t="s">
        <v>42</v>
      </c>
      <c r="U3529" s="2">
        <v>1.861</v>
      </c>
      <c r="V3529" s="2">
        <v>1.528</v>
      </c>
      <c r="W3529" s="2">
        <v>8.0000000000000002E-3</v>
      </c>
      <c r="X3529" s="2">
        <v>99.1</v>
      </c>
      <c r="Y3529" s="2">
        <v>7.6</v>
      </c>
      <c r="Z3529" s="2">
        <v>10.6</v>
      </c>
      <c r="AA3529" s="5"/>
      <c r="AB3529" s="5" t="s">
        <v>43</v>
      </c>
      <c r="AC3529" s="5" t="s">
        <v>44</v>
      </c>
      <c r="AD3529" s="2"/>
      <c r="AE3529" s="1"/>
    </row>
    <row r="3530" spans="1:31" ht="14.45">
      <c r="A3530" s="11"/>
      <c r="B3530" s="20"/>
      <c r="C3530" s="2" t="s">
        <v>11044</v>
      </c>
      <c r="D3530" s="14" t="s">
        <v>11045</v>
      </c>
      <c r="E3530" s="2" t="s">
        <v>11046</v>
      </c>
      <c r="F3530" s="2" t="s">
        <v>7567</v>
      </c>
      <c r="G3530" s="8">
        <v>126</v>
      </c>
      <c r="H3530" s="5">
        <v>6</v>
      </c>
      <c r="I3530" s="5" t="s">
        <v>1518</v>
      </c>
      <c r="J3530" s="5" t="s">
        <v>1519</v>
      </c>
      <c r="K3530" s="2" t="s">
        <v>1520</v>
      </c>
      <c r="L3530" s="5" t="s">
        <v>1519</v>
      </c>
      <c r="M3530" s="2" t="s">
        <v>1520</v>
      </c>
      <c r="N3530" s="5" t="s">
        <v>1521</v>
      </c>
      <c r="O3530" s="5" t="s">
        <v>38</v>
      </c>
      <c r="P3530" s="5" t="s">
        <v>39</v>
      </c>
      <c r="Q3530" s="5" t="s">
        <v>40</v>
      </c>
      <c r="R3530" s="5" t="s">
        <v>1522</v>
      </c>
      <c r="S3530" s="5" t="s">
        <v>1523</v>
      </c>
      <c r="T3530" s="5" t="s">
        <v>42</v>
      </c>
      <c r="U3530" s="2">
        <v>1.905</v>
      </c>
      <c r="V3530" s="2">
        <v>1.5720000000000001</v>
      </c>
      <c r="W3530" s="2">
        <v>8.0000000000000002E-3</v>
      </c>
      <c r="X3530" s="2">
        <v>99.1</v>
      </c>
      <c r="Y3530" s="2">
        <v>7.6</v>
      </c>
      <c r="Z3530" s="2">
        <v>10.6</v>
      </c>
      <c r="AA3530" s="5"/>
      <c r="AB3530" s="5" t="s">
        <v>43</v>
      </c>
      <c r="AC3530" s="5" t="s">
        <v>44</v>
      </c>
      <c r="AD3530" s="2"/>
      <c r="AE3530" s="1"/>
    </row>
    <row r="3531" spans="1:31" ht="14.45">
      <c r="A3531" s="11"/>
      <c r="B3531" s="20"/>
      <c r="C3531" s="2" t="s">
        <v>11047</v>
      </c>
      <c r="D3531" s="14" t="s">
        <v>11048</v>
      </c>
      <c r="E3531" s="2" t="s">
        <v>11049</v>
      </c>
      <c r="F3531" s="2" t="s">
        <v>7429</v>
      </c>
      <c r="G3531" s="8">
        <v>126</v>
      </c>
      <c r="H3531" s="5">
        <v>6</v>
      </c>
      <c r="I3531" s="5" t="s">
        <v>1518</v>
      </c>
      <c r="J3531" s="5" t="s">
        <v>1519</v>
      </c>
      <c r="K3531" s="2" t="s">
        <v>1520</v>
      </c>
      <c r="L3531" s="5" t="s">
        <v>1519</v>
      </c>
      <c r="M3531" s="2" t="s">
        <v>1520</v>
      </c>
      <c r="N3531" s="5" t="s">
        <v>1521</v>
      </c>
      <c r="O3531" s="5" t="s">
        <v>38</v>
      </c>
      <c r="P3531" s="5" t="s">
        <v>39</v>
      </c>
      <c r="Q3531" s="5" t="s">
        <v>40</v>
      </c>
      <c r="R3531" s="5" t="s">
        <v>1522</v>
      </c>
      <c r="S3531" s="5" t="s">
        <v>1523</v>
      </c>
      <c r="T3531" s="5" t="s">
        <v>42</v>
      </c>
      <c r="U3531" s="2">
        <v>1.861</v>
      </c>
      <c r="V3531" s="2">
        <v>1.528</v>
      </c>
      <c r="W3531" s="2">
        <v>8.0000000000000002E-3</v>
      </c>
      <c r="X3531" s="2">
        <v>99.1</v>
      </c>
      <c r="Y3531" s="2">
        <v>7.6</v>
      </c>
      <c r="Z3531" s="2">
        <v>10.6</v>
      </c>
      <c r="AA3531" s="5"/>
      <c r="AB3531" s="5" t="s">
        <v>43</v>
      </c>
      <c r="AC3531" s="5" t="s">
        <v>44</v>
      </c>
      <c r="AD3531" s="2"/>
      <c r="AE3531" s="1"/>
    </row>
    <row r="3532" spans="1:31" ht="14.45">
      <c r="A3532" s="11"/>
      <c r="B3532" s="20"/>
      <c r="C3532" s="2" t="s">
        <v>11050</v>
      </c>
      <c r="D3532" s="14" t="s">
        <v>11051</v>
      </c>
      <c r="E3532" s="2" t="s">
        <v>11052</v>
      </c>
      <c r="F3532" s="2" t="s">
        <v>7574</v>
      </c>
      <c r="G3532" s="8">
        <v>126</v>
      </c>
      <c r="H3532" s="5">
        <v>6</v>
      </c>
      <c r="I3532" s="5" t="s">
        <v>1518</v>
      </c>
      <c r="J3532" s="5" t="s">
        <v>1519</v>
      </c>
      <c r="K3532" s="2" t="s">
        <v>1520</v>
      </c>
      <c r="L3532" s="5" t="s">
        <v>1519</v>
      </c>
      <c r="M3532" s="2" t="s">
        <v>1520</v>
      </c>
      <c r="N3532" s="5" t="s">
        <v>1521</v>
      </c>
      <c r="O3532" s="5" t="s">
        <v>38</v>
      </c>
      <c r="P3532" s="5" t="s">
        <v>39</v>
      </c>
      <c r="Q3532" s="5" t="s">
        <v>40</v>
      </c>
      <c r="R3532" s="5" t="s">
        <v>1522</v>
      </c>
      <c r="S3532" s="5" t="s">
        <v>1523</v>
      </c>
      <c r="T3532" s="5" t="s">
        <v>42</v>
      </c>
      <c r="U3532" s="2">
        <v>1.905</v>
      </c>
      <c r="V3532" s="2">
        <v>1.5720000000000001</v>
      </c>
      <c r="W3532" s="2">
        <v>8.0000000000000002E-3</v>
      </c>
      <c r="X3532" s="2">
        <v>99.1</v>
      </c>
      <c r="Y3532" s="2">
        <v>7.6</v>
      </c>
      <c r="Z3532" s="2">
        <v>10.6</v>
      </c>
      <c r="AA3532" s="5"/>
      <c r="AB3532" s="5" t="s">
        <v>43</v>
      </c>
      <c r="AC3532" s="5" t="s">
        <v>44</v>
      </c>
      <c r="AD3532" s="2"/>
      <c r="AE3532" s="1"/>
    </row>
    <row r="3533" spans="1:31" ht="14.45">
      <c r="A3533" s="11"/>
      <c r="B3533" s="20"/>
      <c r="C3533" s="2" t="s">
        <v>11053</v>
      </c>
      <c r="D3533" s="14" t="s">
        <v>11054</v>
      </c>
      <c r="E3533" s="2" t="s">
        <v>11055</v>
      </c>
      <c r="F3533" s="2" t="s">
        <v>7449</v>
      </c>
      <c r="G3533" s="8">
        <v>126</v>
      </c>
      <c r="H3533" s="5">
        <v>6</v>
      </c>
      <c r="I3533" s="5" t="s">
        <v>1518</v>
      </c>
      <c r="J3533" s="5" t="s">
        <v>1519</v>
      </c>
      <c r="K3533" s="2" t="s">
        <v>1520</v>
      </c>
      <c r="L3533" s="5" t="s">
        <v>1519</v>
      </c>
      <c r="M3533" s="2" t="s">
        <v>1520</v>
      </c>
      <c r="N3533" s="5" t="s">
        <v>1521</v>
      </c>
      <c r="O3533" s="5" t="s">
        <v>38</v>
      </c>
      <c r="P3533" s="5" t="s">
        <v>39</v>
      </c>
      <c r="Q3533" s="5" t="s">
        <v>40</v>
      </c>
      <c r="R3533" s="5" t="s">
        <v>1522</v>
      </c>
      <c r="S3533" s="5" t="s">
        <v>1523</v>
      </c>
      <c r="T3533" s="5" t="s">
        <v>42</v>
      </c>
      <c r="U3533" s="2">
        <v>1.861</v>
      </c>
      <c r="V3533" s="2">
        <v>1.528</v>
      </c>
      <c r="W3533" s="2">
        <v>8.0000000000000002E-3</v>
      </c>
      <c r="X3533" s="2">
        <v>99.1</v>
      </c>
      <c r="Y3533" s="2">
        <v>7.6</v>
      </c>
      <c r="Z3533" s="2">
        <v>10.6</v>
      </c>
      <c r="AA3533" s="5"/>
      <c r="AB3533" s="5" t="s">
        <v>43</v>
      </c>
      <c r="AC3533" s="5" t="s">
        <v>44</v>
      </c>
      <c r="AD3533" s="2"/>
      <c r="AE3533" s="1"/>
    </row>
    <row r="3534" spans="1:31" ht="14.45">
      <c r="A3534" s="11"/>
      <c r="B3534" s="20"/>
      <c r="C3534" s="2" t="s">
        <v>11056</v>
      </c>
      <c r="D3534" s="14" t="s">
        <v>11057</v>
      </c>
      <c r="E3534" s="2" t="s">
        <v>11058</v>
      </c>
      <c r="F3534" s="2" t="s">
        <v>7581</v>
      </c>
      <c r="G3534" s="8">
        <v>126</v>
      </c>
      <c r="H3534" s="5">
        <v>6</v>
      </c>
      <c r="I3534" s="5" t="s">
        <v>1518</v>
      </c>
      <c r="J3534" s="5" t="s">
        <v>1519</v>
      </c>
      <c r="K3534" s="2" t="s">
        <v>1520</v>
      </c>
      <c r="L3534" s="5" t="s">
        <v>1519</v>
      </c>
      <c r="M3534" s="2" t="s">
        <v>1520</v>
      </c>
      <c r="N3534" s="5" t="s">
        <v>1521</v>
      </c>
      <c r="O3534" s="5" t="s">
        <v>38</v>
      </c>
      <c r="P3534" s="5" t="s">
        <v>39</v>
      </c>
      <c r="Q3534" s="5" t="s">
        <v>40</v>
      </c>
      <c r="R3534" s="5" t="s">
        <v>1522</v>
      </c>
      <c r="S3534" s="5" t="s">
        <v>1523</v>
      </c>
      <c r="T3534" s="5" t="s">
        <v>42</v>
      </c>
      <c r="U3534" s="2">
        <v>1.905</v>
      </c>
      <c r="V3534" s="2">
        <v>1.5720000000000001</v>
      </c>
      <c r="W3534" s="2">
        <v>8.0000000000000002E-3</v>
      </c>
      <c r="X3534" s="2">
        <v>99.1</v>
      </c>
      <c r="Y3534" s="2">
        <v>7.6</v>
      </c>
      <c r="Z3534" s="2">
        <v>10.6</v>
      </c>
      <c r="AA3534" s="5"/>
      <c r="AB3534" s="5" t="s">
        <v>43</v>
      </c>
      <c r="AC3534" s="5" t="s">
        <v>44</v>
      </c>
      <c r="AD3534" s="2"/>
      <c r="AE3534" s="1"/>
    </row>
    <row r="3535" spans="1:31" ht="14.45">
      <c r="A3535" s="11"/>
      <c r="B3535" s="20"/>
      <c r="C3535" s="2" t="s">
        <v>11059</v>
      </c>
      <c r="D3535" s="14" t="s">
        <v>11060</v>
      </c>
      <c r="E3535" s="2" t="s">
        <v>11061</v>
      </c>
      <c r="F3535" s="2" t="s">
        <v>7585</v>
      </c>
      <c r="G3535" s="8">
        <v>126</v>
      </c>
      <c r="H3535" s="5">
        <v>6</v>
      </c>
      <c r="I3535" s="5" t="s">
        <v>1518</v>
      </c>
      <c r="J3535" s="5" t="s">
        <v>1519</v>
      </c>
      <c r="K3535" s="2" t="s">
        <v>1520</v>
      </c>
      <c r="L3535" s="5" t="s">
        <v>1519</v>
      </c>
      <c r="M3535" s="2" t="s">
        <v>1520</v>
      </c>
      <c r="N3535" s="5" t="s">
        <v>1521</v>
      </c>
      <c r="O3535" s="5" t="s">
        <v>38</v>
      </c>
      <c r="P3535" s="5" t="s">
        <v>39</v>
      </c>
      <c r="Q3535" s="5" t="s">
        <v>40</v>
      </c>
      <c r="R3535" s="5" t="s">
        <v>1522</v>
      </c>
      <c r="S3535" s="5" t="s">
        <v>1523</v>
      </c>
      <c r="T3535" s="5" t="s">
        <v>42</v>
      </c>
      <c r="U3535" s="2">
        <v>1.8380000000000001</v>
      </c>
      <c r="V3535" s="2">
        <v>1.5049999999999999</v>
      </c>
      <c r="W3535" s="2">
        <v>8.0000000000000002E-3</v>
      </c>
      <c r="X3535" s="2">
        <v>99.1</v>
      </c>
      <c r="Y3535" s="2">
        <v>7.6</v>
      </c>
      <c r="Z3535" s="2">
        <v>10.6</v>
      </c>
      <c r="AA3535" s="5"/>
      <c r="AB3535" s="5" t="s">
        <v>43</v>
      </c>
      <c r="AC3535" s="5" t="s">
        <v>44</v>
      </c>
      <c r="AD3535" s="2"/>
      <c r="AE3535" s="1"/>
    </row>
    <row r="3536" spans="1:31" ht="14.45">
      <c r="A3536" s="11"/>
      <c r="B3536" s="20"/>
      <c r="C3536" s="2" t="s">
        <v>11062</v>
      </c>
      <c r="D3536" s="14" t="s">
        <v>11063</v>
      </c>
      <c r="E3536" s="2" t="s">
        <v>11064</v>
      </c>
      <c r="F3536" s="2" t="s">
        <v>7589</v>
      </c>
      <c r="G3536" s="8">
        <v>126</v>
      </c>
      <c r="H3536" s="5">
        <v>6</v>
      </c>
      <c r="I3536" s="5" t="s">
        <v>1518</v>
      </c>
      <c r="J3536" s="5" t="s">
        <v>1519</v>
      </c>
      <c r="K3536" s="2" t="s">
        <v>1520</v>
      </c>
      <c r="L3536" s="5" t="s">
        <v>1519</v>
      </c>
      <c r="M3536" s="2" t="s">
        <v>1520</v>
      </c>
      <c r="N3536" s="5" t="s">
        <v>1521</v>
      </c>
      <c r="O3536" s="5" t="s">
        <v>38</v>
      </c>
      <c r="P3536" s="5" t="s">
        <v>39</v>
      </c>
      <c r="Q3536" s="5" t="s">
        <v>40</v>
      </c>
      <c r="R3536" s="5" t="s">
        <v>1522</v>
      </c>
      <c r="S3536" s="5" t="s">
        <v>1523</v>
      </c>
      <c r="T3536" s="5" t="s">
        <v>42</v>
      </c>
      <c r="U3536" s="2">
        <v>1.8819999999999999</v>
      </c>
      <c r="V3536" s="2">
        <v>1.5489999999999999</v>
      </c>
      <c r="W3536" s="2">
        <v>8.0000000000000002E-3</v>
      </c>
      <c r="X3536" s="2">
        <v>99.1</v>
      </c>
      <c r="Y3536" s="2">
        <v>7.6</v>
      </c>
      <c r="Z3536" s="2">
        <v>10.6</v>
      </c>
      <c r="AA3536" s="5"/>
      <c r="AB3536" s="5" t="s">
        <v>43</v>
      </c>
      <c r="AC3536" s="5" t="s">
        <v>44</v>
      </c>
      <c r="AD3536" s="2"/>
      <c r="AE3536" s="1"/>
    </row>
    <row r="3537" spans="1:31" ht="14.45">
      <c r="A3537" s="11"/>
      <c r="B3537" s="20"/>
      <c r="C3537" s="2" t="s">
        <v>11065</v>
      </c>
      <c r="D3537" s="14" t="s">
        <v>11066</v>
      </c>
      <c r="E3537" s="2" t="s">
        <v>11067</v>
      </c>
      <c r="F3537" s="2" t="s">
        <v>7593</v>
      </c>
      <c r="G3537" s="8">
        <v>126</v>
      </c>
      <c r="H3537" s="5">
        <v>6</v>
      </c>
      <c r="I3537" s="5" t="s">
        <v>1518</v>
      </c>
      <c r="J3537" s="5" t="s">
        <v>1519</v>
      </c>
      <c r="K3537" s="2" t="s">
        <v>1520</v>
      </c>
      <c r="L3537" s="5" t="s">
        <v>1519</v>
      </c>
      <c r="M3537" s="2" t="s">
        <v>1520</v>
      </c>
      <c r="N3537" s="5" t="s">
        <v>1521</v>
      </c>
      <c r="O3537" s="5" t="s">
        <v>38</v>
      </c>
      <c r="P3537" s="5" t="s">
        <v>39</v>
      </c>
      <c r="Q3537" s="5" t="s">
        <v>40</v>
      </c>
      <c r="R3537" s="5" t="s">
        <v>1522</v>
      </c>
      <c r="S3537" s="5" t="s">
        <v>1523</v>
      </c>
      <c r="T3537" s="5" t="s">
        <v>42</v>
      </c>
      <c r="U3537" s="2">
        <v>1.861</v>
      </c>
      <c r="V3537" s="2">
        <v>1.528</v>
      </c>
      <c r="W3537" s="2">
        <v>8.0000000000000002E-3</v>
      </c>
      <c r="X3537" s="2">
        <v>99.1</v>
      </c>
      <c r="Y3537" s="2">
        <v>7.6</v>
      </c>
      <c r="Z3537" s="2">
        <v>10.6</v>
      </c>
      <c r="AA3537" s="5"/>
      <c r="AB3537" s="5" t="s">
        <v>43</v>
      </c>
      <c r="AC3537" s="5" t="s">
        <v>44</v>
      </c>
      <c r="AD3537" s="2"/>
      <c r="AE3537" s="1"/>
    </row>
    <row r="3538" spans="1:31" ht="14.45">
      <c r="A3538" s="11"/>
      <c r="B3538" s="20"/>
      <c r="C3538" s="2" t="s">
        <v>11068</v>
      </c>
      <c r="D3538" s="14" t="s">
        <v>11069</v>
      </c>
      <c r="E3538" s="2" t="s">
        <v>11070</v>
      </c>
      <c r="F3538" s="2" t="s">
        <v>7597</v>
      </c>
      <c r="G3538" s="8">
        <v>126</v>
      </c>
      <c r="H3538" s="5">
        <v>6</v>
      </c>
      <c r="I3538" s="5" t="s">
        <v>1518</v>
      </c>
      <c r="J3538" s="5" t="s">
        <v>1519</v>
      </c>
      <c r="K3538" s="2" t="s">
        <v>1520</v>
      </c>
      <c r="L3538" s="5" t="s">
        <v>1519</v>
      </c>
      <c r="M3538" s="2" t="s">
        <v>1520</v>
      </c>
      <c r="N3538" s="5" t="s">
        <v>1521</v>
      </c>
      <c r="O3538" s="5" t="s">
        <v>38</v>
      </c>
      <c r="P3538" s="5" t="s">
        <v>39</v>
      </c>
      <c r="Q3538" s="5" t="s">
        <v>40</v>
      </c>
      <c r="R3538" s="5" t="s">
        <v>1522</v>
      </c>
      <c r="S3538" s="5" t="s">
        <v>1523</v>
      </c>
      <c r="T3538" s="5" t="s">
        <v>42</v>
      </c>
      <c r="U3538" s="2">
        <v>1.905</v>
      </c>
      <c r="V3538" s="2">
        <v>1.5720000000000001</v>
      </c>
      <c r="W3538" s="2">
        <v>8.0000000000000002E-3</v>
      </c>
      <c r="X3538" s="2">
        <v>99.1</v>
      </c>
      <c r="Y3538" s="2">
        <v>7.6</v>
      </c>
      <c r="Z3538" s="2">
        <v>10.6</v>
      </c>
      <c r="AA3538" s="5"/>
      <c r="AB3538" s="5" t="s">
        <v>43</v>
      </c>
      <c r="AC3538" s="5" t="s">
        <v>44</v>
      </c>
      <c r="AD3538" s="2"/>
      <c r="AE3538" s="1"/>
    </row>
    <row r="3539" spans="1:31" ht="14.45">
      <c r="A3539" s="11"/>
      <c r="B3539" s="20"/>
      <c r="C3539" s="2" t="s">
        <v>11071</v>
      </c>
      <c r="D3539" s="14" t="s">
        <v>11072</v>
      </c>
      <c r="E3539" s="2" t="s">
        <v>11073</v>
      </c>
      <c r="F3539" s="2" t="s">
        <v>7410</v>
      </c>
      <c r="G3539" s="8">
        <v>126</v>
      </c>
      <c r="H3539" s="5">
        <v>6</v>
      </c>
      <c r="I3539" s="5" t="s">
        <v>1518</v>
      </c>
      <c r="J3539" s="5" t="s">
        <v>1519</v>
      </c>
      <c r="K3539" s="2" t="s">
        <v>1520</v>
      </c>
      <c r="L3539" s="5" t="s">
        <v>1519</v>
      </c>
      <c r="M3539" s="2" t="s">
        <v>1520</v>
      </c>
      <c r="N3539" s="5" t="s">
        <v>1521</v>
      </c>
      <c r="O3539" s="5" t="s">
        <v>38</v>
      </c>
      <c r="P3539" s="5" t="s">
        <v>39</v>
      </c>
      <c r="Q3539" s="5" t="s">
        <v>40</v>
      </c>
      <c r="R3539" s="5" t="s">
        <v>1522</v>
      </c>
      <c r="S3539" s="5" t="s">
        <v>1523</v>
      </c>
      <c r="T3539" s="5" t="s">
        <v>42</v>
      </c>
      <c r="U3539" s="2">
        <v>1.861</v>
      </c>
      <c r="V3539" s="2">
        <v>1.528</v>
      </c>
      <c r="W3539" s="2">
        <v>8.0000000000000002E-3</v>
      </c>
      <c r="X3539" s="2">
        <v>99.1</v>
      </c>
      <c r="Y3539" s="2">
        <v>7.6</v>
      </c>
      <c r="Z3539" s="2">
        <v>10.6</v>
      </c>
      <c r="AA3539" s="5"/>
      <c r="AB3539" s="5" t="s">
        <v>43</v>
      </c>
      <c r="AC3539" s="5" t="s">
        <v>44</v>
      </c>
      <c r="AD3539" s="2"/>
      <c r="AE3539" s="1"/>
    </row>
    <row r="3540" spans="1:31" ht="14.45">
      <c r="A3540" s="11"/>
      <c r="B3540" s="20"/>
      <c r="C3540" s="2" t="s">
        <v>11074</v>
      </c>
      <c r="D3540" s="14" t="s">
        <v>11075</v>
      </c>
      <c r="E3540" s="2" t="s">
        <v>11076</v>
      </c>
      <c r="F3540" s="2" t="s">
        <v>7604</v>
      </c>
      <c r="G3540" s="8">
        <v>126</v>
      </c>
      <c r="H3540" s="5">
        <v>6</v>
      </c>
      <c r="I3540" s="5" t="s">
        <v>1518</v>
      </c>
      <c r="J3540" s="5" t="s">
        <v>1519</v>
      </c>
      <c r="K3540" s="2" t="s">
        <v>1520</v>
      </c>
      <c r="L3540" s="5" t="s">
        <v>1519</v>
      </c>
      <c r="M3540" s="2" t="s">
        <v>1520</v>
      </c>
      <c r="N3540" s="5" t="s">
        <v>1521</v>
      </c>
      <c r="O3540" s="5" t="s">
        <v>38</v>
      </c>
      <c r="P3540" s="5" t="s">
        <v>39</v>
      </c>
      <c r="Q3540" s="5" t="s">
        <v>40</v>
      </c>
      <c r="R3540" s="5" t="s">
        <v>1522</v>
      </c>
      <c r="S3540" s="5" t="s">
        <v>1523</v>
      </c>
      <c r="T3540" s="5" t="s">
        <v>42</v>
      </c>
      <c r="U3540" s="2">
        <v>1.905</v>
      </c>
      <c r="V3540" s="2">
        <v>1.5720000000000001</v>
      </c>
      <c r="W3540" s="2">
        <v>8.0000000000000002E-3</v>
      </c>
      <c r="X3540" s="2">
        <v>99.1</v>
      </c>
      <c r="Y3540" s="2">
        <v>7.6</v>
      </c>
      <c r="Z3540" s="2">
        <v>10.6</v>
      </c>
      <c r="AA3540" s="5"/>
      <c r="AB3540" s="5" t="s">
        <v>43</v>
      </c>
      <c r="AC3540" s="5" t="s">
        <v>44</v>
      </c>
      <c r="AD3540" s="2"/>
      <c r="AE3540" s="1"/>
    </row>
    <row r="3541" spans="1:31" ht="14.45">
      <c r="A3541" s="11"/>
      <c r="B3541" s="20"/>
      <c r="C3541" s="2" t="s">
        <v>11077</v>
      </c>
      <c r="D3541" s="14" t="s">
        <v>11078</v>
      </c>
      <c r="E3541" s="2" t="s">
        <v>11079</v>
      </c>
      <c r="F3541" s="2" t="s">
        <v>7433</v>
      </c>
      <c r="G3541" s="8">
        <v>126</v>
      </c>
      <c r="H3541" s="5">
        <v>6</v>
      </c>
      <c r="I3541" s="5" t="s">
        <v>1518</v>
      </c>
      <c r="J3541" s="5" t="s">
        <v>1519</v>
      </c>
      <c r="K3541" s="2" t="s">
        <v>1520</v>
      </c>
      <c r="L3541" s="5" t="s">
        <v>1519</v>
      </c>
      <c r="M3541" s="2" t="s">
        <v>1520</v>
      </c>
      <c r="N3541" s="5" t="s">
        <v>1521</v>
      </c>
      <c r="O3541" s="5" t="s">
        <v>38</v>
      </c>
      <c r="P3541" s="5" t="s">
        <v>39</v>
      </c>
      <c r="Q3541" s="5" t="s">
        <v>40</v>
      </c>
      <c r="R3541" s="5" t="s">
        <v>1522</v>
      </c>
      <c r="S3541" s="5" t="s">
        <v>1523</v>
      </c>
      <c r="T3541" s="5" t="s">
        <v>42</v>
      </c>
      <c r="U3541" s="2">
        <v>1.861</v>
      </c>
      <c r="V3541" s="2">
        <v>1.528</v>
      </c>
      <c r="W3541" s="2">
        <v>8.0000000000000002E-3</v>
      </c>
      <c r="X3541" s="2">
        <v>99.1</v>
      </c>
      <c r="Y3541" s="2">
        <v>7.6</v>
      </c>
      <c r="Z3541" s="2">
        <v>10.6</v>
      </c>
      <c r="AA3541" s="5"/>
      <c r="AB3541" s="5" t="s">
        <v>43</v>
      </c>
      <c r="AC3541" s="5" t="s">
        <v>44</v>
      </c>
      <c r="AD3541" s="2"/>
      <c r="AE3541" s="1"/>
    </row>
    <row r="3542" spans="1:31" ht="14.45">
      <c r="A3542" s="11"/>
      <c r="B3542" s="20"/>
      <c r="C3542" s="2" t="s">
        <v>11080</v>
      </c>
      <c r="D3542" s="14" t="s">
        <v>11081</v>
      </c>
      <c r="E3542" s="2" t="s">
        <v>11082</v>
      </c>
      <c r="F3542" s="2" t="s">
        <v>7611</v>
      </c>
      <c r="G3542" s="8">
        <v>126</v>
      </c>
      <c r="H3542" s="5">
        <v>6</v>
      </c>
      <c r="I3542" s="5" t="s">
        <v>1518</v>
      </c>
      <c r="J3542" s="5" t="s">
        <v>1519</v>
      </c>
      <c r="K3542" s="2" t="s">
        <v>1520</v>
      </c>
      <c r="L3542" s="5" t="s">
        <v>1519</v>
      </c>
      <c r="M3542" s="2" t="s">
        <v>1520</v>
      </c>
      <c r="N3542" s="5" t="s">
        <v>1521</v>
      </c>
      <c r="O3542" s="5" t="s">
        <v>38</v>
      </c>
      <c r="P3542" s="5" t="s">
        <v>39</v>
      </c>
      <c r="Q3542" s="5" t="s">
        <v>40</v>
      </c>
      <c r="R3542" s="5" t="s">
        <v>1522</v>
      </c>
      <c r="S3542" s="5" t="s">
        <v>1523</v>
      </c>
      <c r="T3542" s="5" t="s">
        <v>42</v>
      </c>
      <c r="U3542" s="2">
        <v>1.905</v>
      </c>
      <c r="V3542" s="2">
        <v>1.5720000000000001</v>
      </c>
      <c r="W3542" s="2">
        <v>8.0000000000000002E-3</v>
      </c>
      <c r="X3542" s="2">
        <v>99.1</v>
      </c>
      <c r="Y3542" s="2">
        <v>7.6</v>
      </c>
      <c r="Z3542" s="2">
        <v>10.6</v>
      </c>
      <c r="AA3542" s="5"/>
      <c r="AB3542" s="5" t="s">
        <v>43</v>
      </c>
      <c r="AC3542" s="5" t="s">
        <v>44</v>
      </c>
      <c r="AD3542" s="2"/>
      <c r="AE3542" s="1"/>
    </row>
    <row r="3543" spans="1:31" ht="14.45">
      <c r="A3543" s="11"/>
      <c r="B3543" s="20"/>
      <c r="C3543" s="2" t="s">
        <v>11083</v>
      </c>
      <c r="D3543" s="14" t="s">
        <v>11084</v>
      </c>
      <c r="E3543" s="2" t="s">
        <v>11085</v>
      </c>
      <c r="F3543" s="2" t="s">
        <v>7615</v>
      </c>
      <c r="G3543" s="8">
        <v>126</v>
      </c>
      <c r="H3543" s="5">
        <v>6</v>
      </c>
      <c r="I3543" s="5" t="s">
        <v>1518</v>
      </c>
      <c r="J3543" s="5" t="s">
        <v>1519</v>
      </c>
      <c r="K3543" s="2" t="s">
        <v>1520</v>
      </c>
      <c r="L3543" s="5" t="s">
        <v>1519</v>
      </c>
      <c r="M3543" s="2" t="s">
        <v>1520</v>
      </c>
      <c r="N3543" s="5" t="s">
        <v>1521</v>
      </c>
      <c r="O3543" s="5" t="s">
        <v>38</v>
      </c>
      <c r="P3543" s="5" t="s">
        <v>39</v>
      </c>
      <c r="Q3543" s="5" t="s">
        <v>40</v>
      </c>
      <c r="R3543" s="5" t="s">
        <v>1522</v>
      </c>
      <c r="S3543" s="5" t="s">
        <v>1523</v>
      </c>
      <c r="T3543" s="5" t="s">
        <v>42</v>
      </c>
      <c r="U3543" s="2">
        <v>1.8380000000000001</v>
      </c>
      <c r="V3543" s="2">
        <v>1.5049999999999999</v>
      </c>
      <c r="W3543" s="2">
        <v>8.0000000000000002E-3</v>
      </c>
      <c r="X3543" s="2">
        <v>99.1</v>
      </c>
      <c r="Y3543" s="2">
        <v>7.6</v>
      </c>
      <c r="Z3543" s="2">
        <v>10.6</v>
      </c>
      <c r="AA3543" s="5"/>
      <c r="AB3543" s="5" t="s">
        <v>43</v>
      </c>
      <c r="AC3543" s="5" t="s">
        <v>44</v>
      </c>
      <c r="AD3543" s="2"/>
      <c r="AE3543" s="1"/>
    </row>
    <row r="3544" spans="1:31" ht="14.45">
      <c r="A3544" s="11"/>
      <c r="B3544" s="20"/>
      <c r="C3544" s="2" t="s">
        <v>11086</v>
      </c>
      <c r="D3544" s="14" t="s">
        <v>11087</v>
      </c>
      <c r="E3544" s="2" t="s">
        <v>11088</v>
      </c>
      <c r="F3544" s="2" t="s">
        <v>7619</v>
      </c>
      <c r="G3544" s="8">
        <v>126</v>
      </c>
      <c r="H3544" s="5">
        <v>6</v>
      </c>
      <c r="I3544" s="5" t="s">
        <v>1518</v>
      </c>
      <c r="J3544" s="5" t="s">
        <v>1519</v>
      </c>
      <c r="K3544" s="2" t="s">
        <v>1520</v>
      </c>
      <c r="L3544" s="5" t="s">
        <v>1519</v>
      </c>
      <c r="M3544" s="2" t="s">
        <v>1520</v>
      </c>
      <c r="N3544" s="5" t="s">
        <v>1521</v>
      </c>
      <c r="O3544" s="5" t="s">
        <v>38</v>
      </c>
      <c r="P3544" s="5" t="s">
        <v>39</v>
      </c>
      <c r="Q3544" s="5" t="s">
        <v>40</v>
      </c>
      <c r="R3544" s="5" t="s">
        <v>1522</v>
      </c>
      <c r="S3544" s="5" t="s">
        <v>1523</v>
      </c>
      <c r="T3544" s="5" t="s">
        <v>42</v>
      </c>
      <c r="U3544" s="2">
        <v>1.8819999999999999</v>
      </c>
      <c r="V3544" s="2">
        <v>1.5489999999999999</v>
      </c>
      <c r="W3544" s="2">
        <v>8.0000000000000002E-3</v>
      </c>
      <c r="X3544" s="2">
        <v>99.1</v>
      </c>
      <c r="Y3544" s="2">
        <v>7.6</v>
      </c>
      <c r="Z3544" s="2">
        <v>10.6</v>
      </c>
      <c r="AA3544" s="5"/>
      <c r="AB3544" s="5" t="s">
        <v>43</v>
      </c>
      <c r="AC3544" s="5" t="s">
        <v>44</v>
      </c>
      <c r="AD3544" s="2"/>
      <c r="AE3544" s="1"/>
    </row>
    <row r="3545" spans="1:31" ht="14.45">
      <c r="A3545" s="11"/>
      <c r="B3545" s="20"/>
      <c r="C3545" s="2" t="s">
        <v>11089</v>
      </c>
      <c r="D3545" s="14" t="s">
        <v>11090</v>
      </c>
      <c r="E3545" s="2" t="s">
        <v>11091</v>
      </c>
      <c r="F3545" s="2" t="s">
        <v>1823</v>
      </c>
      <c r="G3545" s="8">
        <v>126</v>
      </c>
      <c r="H3545" s="5">
        <v>8</v>
      </c>
      <c r="I3545" s="5" t="s">
        <v>1518</v>
      </c>
      <c r="J3545" s="5" t="s">
        <v>1519</v>
      </c>
      <c r="K3545" s="2" t="s">
        <v>1520</v>
      </c>
      <c r="L3545" s="5" t="s">
        <v>1519</v>
      </c>
      <c r="M3545" s="2" t="s">
        <v>1520</v>
      </c>
      <c r="N3545" s="5" t="s">
        <v>1521</v>
      </c>
      <c r="O3545" s="5" t="s">
        <v>38</v>
      </c>
      <c r="P3545" s="5" t="s">
        <v>39</v>
      </c>
      <c r="Q3545" s="5" t="s">
        <v>40</v>
      </c>
      <c r="R3545" s="5" t="s">
        <v>1522</v>
      </c>
      <c r="S3545" s="5" t="s">
        <v>1523</v>
      </c>
      <c r="T3545" s="5" t="s">
        <v>42</v>
      </c>
      <c r="U3545" s="2">
        <v>1.879</v>
      </c>
      <c r="V3545" s="2">
        <v>1.546</v>
      </c>
      <c r="W3545" s="2">
        <v>8.0000000000000002E-3</v>
      </c>
      <c r="X3545" s="2">
        <v>99.1</v>
      </c>
      <c r="Y3545" s="2">
        <v>7.6</v>
      </c>
      <c r="Z3545" s="2">
        <v>10.6</v>
      </c>
      <c r="AA3545" s="5"/>
      <c r="AB3545" s="5" t="s">
        <v>43</v>
      </c>
      <c r="AC3545" s="5" t="s">
        <v>44</v>
      </c>
      <c r="AD3545" s="2"/>
      <c r="AE3545" s="1"/>
    </row>
    <row r="3546" spans="1:31" ht="14.45">
      <c r="A3546" s="11"/>
      <c r="B3546" s="20"/>
      <c r="C3546" s="2" t="s">
        <v>11092</v>
      </c>
      <c r="D3546" s="14" t="s">
        <v>11093</v>
      </c>
      <c r="E3546" s="2" t="s">
        <v>11094</v>
      </c>
      <c r="F3546" s="2" t="s">
        <v>1827</v>
      </c>
      <c r="G3546" s="8">
        <v>126</v>
      </c>
      <c r="H3546" s="5">
        <v>8</v>
      </c>
      <c r="I3546" s="5" t="s">
        <v>1518</v>
      </c>
      <c r="J3546" s="5" t="s">
        <v>1519</v>
      </c>
      <c r="K3546" s="2" t="s">
        <v>1520</v>
      </c>
      <c r="L3546" s="5" t="s">
        <v>1519</v>
      </c>
      <c r="M3546" s="2" t="s">
        <v>1520</v>
      </c>
      <c r="N3546" s="5" t="s">
        <v>1521</v>
      </c>
      <c r="O3546" s="5" t="s">
        <v>38</v>
      </c>
      <c r="P3546" s="5" t="s">
        <v>39</v>
      </c>
      <c r="Q3546" s="5" t="s">
        <v>40</v>
      </c>
      <c r="R3546" s="5" t="s">
        <v>1522</v>
      </c>
      <c r="S3546" s="5" t="s">
        <v>1523</v>
      </c>
      <c r="T3546" s="5" t="s">
        <v>42</v>
      </c>
      <c r="U3546" s="2">
        <v>1.923</v>
      </c>
      <c r="V3546" s="2">
        <v>1.59</v>
      </c>
      <c r="W3546" s="2">
        <v>8.0000000000000002E-3</v>
      </c>
      <c r="X3546" s="2">
        <v>99.1</v>
      </c>
      <c r="Y3546" s="2">
        <v>7.6</v>
      </c>
      <c r="Z3546" s="2">
        <v>10.6</v>
      </c>
      <c r="AA3546" s="5"/>
      <c r="AB3546" s="5" t="s">
        <v>43</v>
      </c>
      <c r="AC3546" s="5" t="s">
        <v>44</v>
      </c>
      <c r="AD3546" s="2"/>
      <c r="AE3546" s="1"/>
    </row>
    <row r="3547" spans="1:31" ht="14.45">
      <c r="A3547" s="11"/>
      <c r="B3547" s="20"/>
      <c r="C3547" s="2" t="s">
        <v>11095</v>
      </c>
      <c r="D3547" s="14" t="s">
        <v>11096</v>
      </c>
      <c r="E3547" s="2" t="s">
        <v>11097</v>
      </c>
      <c r="F3547" s="2" t="s">
        <v>1973</v>
      </c>
      <c r="G3547" s="8">
        <v>126</v>
      </c>
      <c r="H3547" s="5">
        <v>13</v>
      </c>
      <c r="I3547" s="5" t="s">
        <v>1518</v>
      </c>
      <c r="J3547" s="5" t="s">
        <v>1519</v>
      </c>
      <c r="K3547" s="2" t="s">
        <v>1520</v>
      </c>
      <c r="L3547" s="5" t="s">
        <v>1519</v>
      </c>
      <c r="M3547" s="2" t="s">
        <v>1520</v>
      </c>
      <c r="N3547" s="5" t="s">
        <v>1521</v>
      </c>
      <c r="O3547" s="5" t="s">
        <v>38</v>
      </c>
      <c r="P3547" s="5" t="s">
        <v>39</v>
      </c>
      <c r="Q3547" s="5" t="s">
        <v>40</v>
      </c>
      <c r="R3547" s="5" t="s">
        <v>1522</v>
      </c>
      <c r="S3547" s="5" t="s">
        <v>1523</v>
      </c>
      <c r="T3547" s="5" t="s">
        <v>42</v>
      </c>
      <c r="U3547" s="2">
        <v>1.903</v>
      </c>
      <c r="V3547" s="2">
        <v>1.57</v>
      </c>
      <c r="W3547" s="2">
        <v>8.0000000000000002E-3</v>
      </c>
      <c r="X3547" s="2">
        <v>99.1</v>
      </c>
      <c r="Y3547" s="2">
        <v>7.6</v>
      </c>
      <c r="Z3547" s="2">
        <v>10.6</v>
      </c>
      <c r="AA3547" s="5"/>
      <c r="AB3547" s="5" t="s">
        <v>43</v>
      </c>
      <c r="AC3547" s="5" t="s">
        <v>44</v>
      </c>
      <c r="AD3547" s="2"/>
      <c r="AE3547" s="1"/>
    </row>
    <row r="3548" spans="1:31" ht="14.45">
      <c r="A3548" s="11"/>
      <c r="B3548" s="20"/>
      <c r="C3548" s="2" t="s">
        <v>11098</v>
      </c>
      <c r="D3548" s="14" t="s">
        <v>11099</v>
      </c>
      <c r="E3548" s="2" t="s">
        <v>11100</v>
      </c>
      <c r="F3548" s="2" t="s">
        <v>2348</v>
      </c>
      <c r="G3548" s="8">
        <v>126</v>
      </c>
      <c r="H3548" s="5">
        <v>13</v>
      </c>
      <c r="I3548" s="5" t="s">
        <v>1518</v>
      </c>
      <c r="J3548" s="5" t="s">
        <v>1519</v>
      </c>
      <c r="K3548" s="2" t="s">
        <v>1520</v>
      </c>
      <c r="L3548" s="5" t="s">
        <v>1519</v>
      </c>
      <c r="M3548" s="2" t="s">
        <v>1520</v>
      </c>
      <c r="N3548" s="5" t="s">
        <v>1521</v>
      </c>
      <c r="O3548" s="5" t="s">
        <v>38</v>
      </c>
      <c r="P3548" s="5" t="s">
        <v>39</v>
      </c>
      <c r="Q3548" s="5" t="s">
        <v>40</v>
      </c>
      <c r="R3548" s="5" t="s">
        <v>1522</v>
      </c>
      <c r="S3548" s="5" t="s">
        <v>1523</v>
      </c>
      <c r="T3548" s="5" t="s">
        <v>42</v>
      </c>
      <c r="U3548" s="2">
        <v>1.9470000000000001</v>
      </c>
      <c r="V3548" s="2">
        <v>1.6140000000000001</v>
      </c>
      <c r="W3548" s="2">
        <v>8.0000000000000002E-3</v>
      </c>
      <c r="X3548" s="2">
        <v>99.1</v>
      </c>
      <c r="Y3548" s="2">
        <v>7.6</v>
      </c>
      <c r="Z3548" s="2">
        <v>10.6</v>
      </c>
      <c r="AA3548" s="5"/>
      <c r="AB3548" s="5" t="s">
        <v>43</v>
      </c>
      <c r="AC3548" s="5" t="s">
        <v>44</v>
      </c>
      <c r="AD3548" s="2"/>
      <c r="AE3548" s="1"/>
    </row>
    <row r="3549" spans="1:31" ht="14.45">
      <c r="A3549" s="11"/>
      <c r="B3549" s="20"/>
      <c r="C3549" s="2" t="s">
        <v>11101</v>
      </c>
      <c r="D3549" s="14" t="s">
        <v>11102</v>
      </c>
      <c r="E3549" s="2" t="s">
        <v>11103</v>
      </c>
      <c r="F3549" s="2" t="s">
        <v>2204</v>
      </c>
      <c r="G3549" s="8">
        <v>126</v>
      </c>
      <c r="H3549" s="5">
        <v>13</v>
      </c>
      <c r="I3549" s="5" t="s">
        <v>1518</v>
      </c>
      <c r="J3549" s="5" t="s">
        <v>1519</v>
      </c>
      <c r="K3549" s="2" t="s">
        <v>1520</v>
      </c>
      <c r="L3549" s="5" t="s">
        <v>1519</v>
      </c>
      <c r="M3549" s="2" t="s">
        <v>1520</v>
      </c>
      <c r="N3549" s="5" t="s">
        <v>1521</v>
      </c>
      <c r="O3549" s="5" t="s">
        <v>38</v>
      </c>
      <c r="P3549" s="5" t="s">
        <v>39</v>
      </c>
      <c r="Q3549" s="5" t="s">
        <v>40</v>
      </c>
      <c r="R3549" s="5" t="s">
        <v>1522</v>
      </c>
      <c r="S3549" s="5" t="s">
        <v>1523</v>
      </c>
      <c r="T3549" s="5" t="s">
        <v>42</v>
      </c>
      <c r="U3549" s="2">
        <v>1.903</v>
      </c>
      <c r="V3549" s="2">
        <v>1.57</v>
      </c>
      <c r="W3549" s="2">
        <v>8.0000000000000002E-3</v>
      </c>
      <c r="X3549" s="2">
        <v>99.1</v>
      </c>
      <c r="Y3549" s="2">
        <v>7.6</v>
      </c>
      <c r="Z3549" s="2">
        <v>10.6</v>
      </c>
      <c r="AA3549" s="5"/>
      <c r="AB3549" s="5" t="s">
        <v>43</v>
      </c>
      <c r="AC3549" s="5" t="s">
        <v>44</v>
      </c>
      <c r="AD3549" s="2"/>
      <c r="AE3549" s="1"/>
    </row>
    <row r="3550" spans="1:31" ht="14.45">
      <c r="A3550" s="11"/>
      <c r="B3550" s="20"/>
      <c r="C3550" s="2" t="s">
        <v>11104</v>
      </c>
      <c r="D3550" s="14" t="s">
        <v>11105</v>
      </c>
      <c r="E3550" s="2" t="s">
        <v>11106</v>
      </c>
      <c r="F3550" s="2" t="s">
        <v>2208</v>
      </c>
      <c r="G3550" s="8">
        <v>126</v>
      </c>
      <c r="H3550" s="5">
        <v>13</v>
      </c>
      <c r="I3550" s="5" t="s">
        <v>1518</v>
      </c>
      <c r="J3550" s="5" t="s">
        <v>1519</v>
      </c>
      <c r="K3550" s="2" t="s">
        <v>1520</v>
      </c>
      <c r="L3550" s="5" t="s">
        <v>1519</v>
      </c>
      <c r="M3550" s="2" t="s">
        <v>1520</v>
      </c>
      <c r="N3550" s="5" t="s">
        <v>1521</v>
      </c>
      <c r="O3550" s="5" t="s">
        <v>38</v>
      </c>
      <c r="P3550" s="5" t="s">
        <v>39</v>
      </c>
      <c r="Q3550" s="5" t="s">
        <v>40</v>
      </c>
      <c r="R3550" s="5" t="s">
        <v>1522</v>
      </c>
      <c r="S3550" s="5" t="s">
        <v>1523</v>
      </c>
      <c r="T3550" s="5" t="s">
        <v>42</v>
      </c>
      <c r="U3550" s="2">
        <v>1.903</v>
      </c>
      <c r="V3550" s="2">
        <v>1.57</v>
      </c>
      <c r="W3550" s="2">
        <v>8.0000000000000002E-3</v>
      </c>
      <c r="X3550" s="2">
        <v>99.1</v>
      </c>
      <c r="Y3550" s="2">
        <v>7.6</v>
      </c>
      <c r="Z3550" s="2">
        <v>10.6</v>
      </c>
      <c r="AA3550" s="5"/>
      <c r="AB3550" s="5" t="s">
        <v>43</v>
      </c>
      <c r="AC3550" s="5" t="s">
        <v>44</v>
      </c>
      <c r="AD3550" s="2"/>
      <c r="AE3550" s="1"/>
    </row>
    <row r="3551" spans="1:31" ht="14.45">
      <c r="A3551" s="11"/>
      <c r="B3551" s="20"/>
      <c r="C3551" s="2" t="s">
        <v>11107</v>
      </c>
      <c r="D3551" s="14" t="s">
        <v>11108</v>
      </c>
      <c r="E3551" s="2" t="s">
        <v>11109</v>
      </c>
      <c r="F3551" s="2" t="s">
        <v>2212</v>
      </c>
      <c r="G3551" s="8">
        <v>126</v>
      </c>
      <c r="H3551" s="5">
        <v>13</v>
      </c>
      <c r="I3551" s="5" t="s">
        <v>1518</v>
      </c>
      <c r="J3551" s="5" t="s">
        <v>1519</v>
      </c>
      <c r="K3551" s="2" t="s">
        <v>1520</v>
      </c>
      <c r="L3551" s="5" t="s">
        <v>1519</v>
      </c>
      <c r="M3551" s="2" t="s">
        <v>1520</v>
      </c>
      <c r="N3551" s="5" t="s">
        <v>1521</v>
      </c>
      <c r="O3551" s="5" t="s">
        <v>38</v>
      </c>
      <c r="P3551" s="5" t="s">
        <v>39</v>
      </c>
      <c r="Q3551" s="5" t="s">
        <v>40</v>
      </c>
      <c r="R3551" s="5" t="s">
        <v>1522</v>
      </c>
      <c r="S3551" s="5" t="s">
        <v>1523</v>
      </c>
      <c r="T3551" s="5" t="s">
        <v>42</v>
      </c>
      <c r="U3551" s="2">
        <v>1.9470000000000001</v>
      </c>
      <c r="V3551" s="2">
        <v>1.6140000000000001</v>
      </c>
      <c r="W3551" s="2">
        <v>8.0000000000000002E-3</v>
      </c>
      <c r="X3551" s="2">
        <v>99.1</v>
      </c>
      <c r="Y3551" s="2">
        <v>7.6</v>
      </c>
      <c r="Z3551" s="2">
        <v>10.6</v>
      </c>
      <c r="AA3551" s="5"/>
      <c r="AB3551" s="5" t="s">
        <v>43</v>
      </c>
      <c r="AC3551" s="5" t="s">
        <v>44</v>
      </c>
      <c r="AD3551" s="2"/>
      <c r="AE3551" s="1"/>
    </row>
    <row r="3552" spans="1:31" ht="14.45">
      <c r="A3552" s="11"/>
      <c r="B3552" s="20"/>
      <c r="C3552" s="2" t="s">
        <v>11110</v>
      </c>
      <c r="D3552" s="14" t="s">
        <v>11111</v>
      </c>
      <c r="E3552" s="2" t="s">
        <v>11112</v>
      </c>
      <c r="F3552" s="2" t="s">
        <v>1831</v>
      </c>
      <c r="G3552" s="8">
        <v>126</v>
      </c>
      <c r="H3552" s="5">
        <v>13</v>
      </c>
      <c r="I3552" s="5" t="s">
        <v>1518</v>
      </c>
      <c r="J3552" s="5" t="s">
        <v>1519</v>
      </c>
      <c r="K3552" s="2" t="s">
        <v>1520</v>
      </c>
      <c r="L3552" s="5" t="s">
        <v>1519</v>
      </c>
      <c r="M3552" s="2" t="s">
        <v>1520</v>
      </c>
      <c r="N3552" s="5" t="s">
        <v>1521</v>
      </c>
      <c r="O3552" s="5" t="s">
        <v>38</v>
      </c>
      <c r="P3552" s="5" t="s">
        <v>39</v>
      </c>
      <c r="Q3552" s="5" t="s">
        <v>40</v>
      </c>
      <c r="R3552" s="5" t="s">
        <v>1522</v>
      </c>
      <c r="S3552" s="5" t="s">
        <v>1523</v>
      </c>
      <c r="T3552" s="5" t="s">
        <v>42</v>
      </c>
      <c r="U3552" s="2">
        <v>1.903</v>
      </c>
      <c r="V3552" s="2">
        <v>1.57</v>
      </c>
      <c r="W3552" s="2">
        <v>8.0000000000000002E-3</v>
      </c>
      <c r="X3552" s="2">
        <v>99.1</v>
      </c>
      <c r="Y3552" s="2">
        <v>7.6</v>
      </c>
      <c r="Z3552" s="2">
        <v>10.6</v>
      </c>
      <c r="AA3552" s="5"/>
      <c r="AB3552" s="5" t="s">
        <v>43</v>
      </c>
      <c r="AC3552" s="5" t="s">
        <v>44</v>
      </c>
      <c r="AD3552" s="2"/>
      <c r="AE3552" s="1"/>
    </row>
    <row r="3553" spans="1:31" ht="14.45">
      <c r="A3553" s="11"/>
      <c r="B3553" s="20"/>
      <c r="C3553" s="2" t="s">
        <v>11113</v>
      </c>
      <c r="D3553" s="14" t="s">
        <v>11114</v>
      </c>
      <c r="E3553" s="2" t="s">
        <v>11115</v>
      </c>
      <c r="F3553" s="2" t="s">
        <v>1835</v>
      </c>
      <c r="G3553" s="8">
        <v>126</v>
      </c>
      <c r="H3553" s="5">
        <v>13</v>
      </c>
      <c r="I3553" s="5" t="s">
        <v>1518</v>
      </c>
      <c r="J3553" s="5" t="s">
        <v>1519</v>
      </c>
      <c r="K3553" s="2" t="s">
        <v>1520</v>
      </c>
      <c r="L3553" s="5" t="s">
        <v>1519</v>
      </c>
      <c r="M3553" s="2" t="s">
        <v>1520</v>
      </c>
      <c r="N3553" s="5" t="s">
        <v>1521</v>
      </c>
      <c r="O3553" s="5" t="s">
        <v>38</v>
      </c>
      <c r="P3553" s="5" t="s">
        <v>39</v>
      </c>
      <c r="Q3553" s="5" t="s">
        <v>40</v>
      </c>
      <c r="R3553" s="5" t="s">
        <v>1522</v>
      </c>
      <c r="S3553" s="5" t="s">
        <v>1523</v>
      </c>
      <c r="T3553" s="5" t="s">
        <v>42</v>
      </c>
      <c r="U3553" s="2">
        <v>1.9470000000000001</v>
      </c>
      <c r="V3553" s="2">
        <v>1.6140000000000001</v>
      </c>
      <c r="W3553" s="2">
        <v>8.0000000000000002E-3</v>
      </c>
      <c r="X3553" s="2">
        <v>99.1</v>
      </c>
      <c r="Y3553" s="2">
        <v>7.6</v>
      </c>
      <c r="Z3553" s="2">
        <v>10.6</v>
      </c>
      <c r="AA3553" s="5"/>
      <c r="AB3553" s="5" t="s">
        <v>43</v>
      </c>
      <c r="AC3553" s="5" t="s">
        <v>44</v>
      </c>
      <c r="AD3553" s="2"/>
      <c r="AE3553" s="1"/>
    </row>
    <row r="3554" spans="1:31" ht="14.45">
      <c r="A3554" s="11"/>
      <c r="B3554" s="20"/>
      <c r="C3554" s="2" t="s">
        <v>11116</v>
      </c>
      <c r="D3554" s="14" t="s">
        <v>11117</v>
      </c>
      <c r="E3554" s="2" t="s">
        <v>11118</v>
      </c>
      <c r="F3554" s="2" t="s">
        <v>1986</v>
      </c>
      <c r="G3554" s="8">
        <v>126</v>
      </c>
      <c r="H3554" s="5">
        <v>13</v>
      </c>
      <c r="I3554" s="5" t="s">
        <v>1518</v>
      </c>
      <c r="J3554" s="5" t="s">
        <v>1519</v>
      </c>
      <c r="K3554" s="2" t="s">
        <v>1520</v>
      </c>
      <c r="L3554" s="5" t="s">
        <v>1519</v>
      </c>
      <c r="M3554" s="2" t="s">
        <v>1520</v>
      </c>
      <c r="N3554" s="5" t="s">
        <v>1521</v>
      </c>
      <c r="O3554" s="5" t="s">
        <v>38</v>
      </c>
      <c r="P3554" s="5" t="s">
        <v>39</v>
      </c>
      <c r="Q3554" s="5" t="s">
        <v>40</v>
      </c>
      <c r="R3554" s="5" t="s">
        <v>1522</v>
      </c>
      <c r="S3554" s="5" t="s">
        <v>1523</v>
      </c>
      <c r="T3554" s="5" t="s">
        <v>42</v>
      </c>
      <c r="U3554" s="2">
        <v>1.9470000000000001</v>
      </c>
      <c r="V3554" s="2">
        <v>1.6140000000000001</v>
      </c>
      <c r="W3554" s="2">
        <v>8.0000000000000002E-3</v>
      </c>
      <c r="X3554" s="2">
        <v>99.1</v>
      </c>
      <c r="Y3554" s="2">
        <v>7.6</v>
      </c>
      <c r="Z3554" s="2">
        <v>10.6</v>
      </c>
      <c r="AA3554" s="5"/>
      <c r="AB3554" s="5" t="s">
        <v>43</v>
      </c>
      <c r="AC3554" s="5" t="s">
        <v>44</v>
      </c>
      <c r="AD3554" s="2"/>
      <c r="AE3554" s="1"/>
    </row>
    <row r="3555" spans="1:31" ht="14.45">
      <c r="A3555" s="11"/>
      <c r="B3555" s="20"/>
      <c r="C3555" s="2" t="s">
        <v>11119</v>
      </c>
      <c r="D3555" s="14" t="s">
        <v>11120</v>
      </c>
      <c r="E3555" s="2" t="s">
        <v>11121</v>
      </c>
      <c r="F3555" s="2" t="s">
        <v>1843</v>
      </c>
      <c r="G3555" s="8">
        <v>126</v>
      </c>
      <c r="H3555" s="5">
        <v>13</v>
      </c>
      <c r="I3555" s="5" t="s">
        <v>1518</v>
      </c>
      <c r="J3555" s="5" t="s">
        <v>1519</v>
      </c>
      <c r="K3555" s="2" t="s">
        <v>1520</v>
      </c>
      <c r="L3555" s="5" t="s">
        <v>1519</v>
      </c>
      <c r="M3555" s="2" t="s">
        <v>1520</v>
      </c>
      <c r="N3555" s="5" t="s">
        <v>1521</v>
      </c>
      <c r="O3555" s="5" t="s">
        <v>38</v>
      </c>
      <c r="P3555" s="5" t="s">
        <v>39</v>
      </c>
      <c r="Q3555" s="5" t="s">
        <v>40</v>
      </c>
      <c r="R3555" s="5" t="s">
        <v>1522</v>
      </c>
      <c r="S3555" s="5" t="s">
        <v>1523</v>
      </c>
      <c r="T3555" s="5" t="s">
        <v>42</v>
      </c>
      <c r="U3555" s="2">
        <v>1.903</v>
      </c>
      <c r="V3555" s="2">
        <v>1.57</v>
      </c>
      <c r="W3555" s="2">
        <v>8.0000000000000002E-3</v>
      </c>
      <c r="X3555" s="2">
        <v>99.1</v>
      </c>
      <c r="Y3555" s="2">
        <v>7.6</v>
      </c>
      <c r="Z3555" s="2">
        <v>10.6</v>
      </c>
      <c r="AA3555" s="5"/>
      <c r="AB3555" s="5" t="s">
        <v>43</v>
      </c>
      <c r="AC3555" s="5" t="s">
        <v>44</v>
      </c>
      <c r="AD3555" s="2"/>
      <c r="AE3555" s="1"/>
    </row>
    <row r="3556" spans="1:31" ht="14.45">
      <c r="A3556" s="11"/>
      <c r="B3556" s="20"/>
      <c r="C3556" s="2" t="s">
        <v>11122</v>
      </c>
      <c r="D3556" s="14" t="s">
        <v>11123</v>
      </c>
      <c r="E3556" s="2" t="s">
        <v>11124</v>
      </c>
      <c r="F3556" s="2" t="s">
        <v>1847</v>
      </c>
      <c r="G3556" s="8">
        <v>126</v>
      </c>
      <c r="H3556" s="5">
        <v>13</v>
      </c>
      <c r="I3556" s="5" t="s">
        <v>1518</v>
      </c>
      <c r="J3556" s="5" t="s">
        <v>1519</v>
      </c>
      <c r="K3556" s="2" t="s">
        <v>1520</v>
      </c>
      <c r="L3556" s="5" t="s">
        <v>1519</v>
      </c>
      <c r="M3556" s="2" t="s">
        <v>1520</v>
      </c>
      <c r="N3556" s="5" t="s">
        <v>1521</v>
      </c>
      <c r="O3556" s="5" t="s">
        <v>38</v>
      </c>
      <c r="P3556" s="5" t="s">
        <v>39</v>
      </c>
      <c r="Q3556" s="5" t="s">
        <v>40</v>
      </c>
      <c r="R3556" s="5" t="s">
        <v>1522</v>
      </c>
      <c r="S3556" s="5" t="s">
        <v>1523</v>
      </c>
      <c r="T3556" s="5" t="s">
        <v>42</v>
      </c>
      <c r="U3556" s="2">
        <v>1.9470000000000001</v>
      </c>
      <c r="V3556" s="2">
        <v>1.6140000000000001</v>
      </c>
      <c r="W3556" s="2">
        <v>8.0000000000000002E-3</v>
      </c>
      <c r="X3556" s="2">
        <v>99.1</v>
      </c>
      <c r="Y3556" s="2">
        <v>7.6</v>
      </c>
      <c r="Z3556" s="2">
        <v>10.6</v>
      </c>
      <c r="AA3556" s="5"/>
      <c r="AB3556" s="5" t="s">
        <v>43</v>
      </c>
      <c r="AC3556" s="5" t="s">
        <v>44</v>
      </c>
      <c r="AD3556" s="2"/>
      <c r="AE3556" s="1"/>
    </row>
    <row r="3557" spans="1:31" ht="14.45">
      <c r="A3557" s="11"/>
      <c r="B3557" s="20"/>
      <c r="C3557" s="2" t="s">
        <v>11125</v>
      </c>
      <c r="D3557" s="14" t="s">
        <v>11126</v>
      </c>
      <c r="E3557" s="2" t="s">
        <v>11127</v>
      </c>
      <c r="F3557" s="2" t="s">
        <v>1851</v>
      </c>
      <c r="G3557" s="8">
        <v>126</v>
      </c>
      <c r="H3557" s="5">
        <v>13</v>
      </c>
      <c r="I3557" s="5" t="s">
        <v>1518</v>
      </c>
      <c r="J3557" s="5" t="s">
        <v>1519</v>
      </c>
      <c r="K3557" s="2" t="s">
        <v>1520</v>
      </c>
      <c r="L3557" s="5" t="s">
        <v>1519</v>
      </c>
      <c r="M3557" s="2" t="s">
        <v>1520</v>
      </c>
      <c r="N3557" s="5" t="s">
        <v>1521</v>
      </c>
      <c r="O3557" s="5" t="s">
        <v>38</v>
      </c>
      <c r="P3557" s="5" t="s">
        <v>39</v>
      </c>
      <c r="Q3557" s="5" t="s">
        <v>40</v>
      </c>
      <c r="R3557" s="5" t="s">
        <v>1522</v>
      </c>
      <c r="S3557" s="5" t="s">
        <v>1523</v>
      </c>
      <c r="T3557" s="5" t="s">
        <v>42</v>
      </c>
      <c r="U3557" s="2">
        <v>1.903</v>
      </c>
      <c r="V3557" s="2">
        <v>1.57</v>
      </c>
      <c r="W3557" s="2">
        <v>8.0000000000000002E-3</v>
      </c>
      <c r="X3557" s="2">
        <v>99.1</v>
      </c>
      <c r="Y3557" s="2">
        <v>7.6</v>
      </c>
      <c r="Z3557" s="2">
        <v>10.6</v>
      </c>
      <c r="AA3557" s="5"/>
      <c r="AB3557" s="5" t="s">
        <v>43</v>
      </c>
      <c r="AC3557" s="5" t="s">
        <v>44</v>
      </c>
      <c r="AD3557" s="2"/>
      <c r="AE3557" s="1"/>
    </row>
    <row r="3558" spans="1:31" ht="14.45">
      <c r="A3558" s="11"/>
      <c r="B3558" s="20"/>
      <c r="C3558" s="2" t="s">
        <v>11128</v>
      </c>
      <c r="D3558" s="14" t="s">
        <v>11129</v>
      </c>
      <c r="E3558" s="2" t="s">
        <v>11130</v>
      </c>
      <c r="F3558" s="2" t="s">
        <v>1999</v>
      </c>
      <c r="G3558" s="8">
        <v>126</v>
      </c>
      <c r="H3558" s="5">
        <v>13</v>
      </c>
      <c r="I3558" s="5" t="s">
        <v>1518</v>
      </c>
      <c r="J3558" s="5" t="s">
        <v>1519</v>
      </c>
      <c r="K3558" s="2" t="s">
        <v>1520</v>
      </c>
      <c r="L3558" s="5" t="s">
        <v>1519</v>
      </c>
      <c r="M3558" s="2" t="s">
        <v>1520</v>
      </c>
      <c r="N3558" s="5" t="s">
        <v>1521</v>
      </c>
      <c r="O3558" s="5" t="s">
        <v>38</v>
      </c>
      <c r="P3558" s="5" t="s">
        <v>39</v>
      </c>
      <c r="Q3558" s="5" t="s">
        <v>40</v>
      </c>
      <c r="R3558" s="5" t="s">
        <v>1522</v>
      </c>
      <c r="S3558" s="5" t="s">
        <v>1523</v>
      </c>
      <c r="T3558" s="5" t="s">
        <v>42</v>
      </c>
      <c r="U3558" s="2">
        <v>1.9470000000000001</v>
      </c>
      <c r="V3558" s="2">
        <v>1.6140000000000001</v>
      </c>
      <c r="W3558" s="2">
        <v>8.0000000000000002E-3</v>
      </c>
      <c r="X3558" s="2">
        <v>99.1</v>
      </c>
      <c r="Y3558" s="2">
        <v>7.6</v>
      </c>
      <c r="Z3558" s="2">
        <v>10.6</v>
      </c>
      <c r="AA3558" s="5"/>
      <c r="AB3558" s="5" t="s">
        <v>43</v>
      </c>
      <c r="AC3558" s="5" t="s">
        <v>44</v>
      </c>
      <c r="AD3558" s="2"/>
      <c r="AE3558" s="1"/>
    </row>
    <row r="3559" spans="1:31" ht="14.45">
      <c r="A3559" s="11"/>
      <c r="B3559" s="20"/>
      <c r="C3559" s="2" t="s">
        <v>11131</v>
      </c>
      <c r="D3559" s="14" t="s">
        <v>11132</v>
      </c>
      <c r="E3559" s="2" t="s">
        <v>11133</v>
      </c>
      <c r="F3559" s="2" t="s">
        <v>1855</v>
      </c>
      <c r="G3559" s="8">
        <v>126</v>
      </c>
      <c r="H3559" s="5">
        <v>13</v>
      </c>
      <c r="I3559" s="5" t="s">
        <v>1518</v>
      </c>
      <c r="J3559" s="5" t="s">
        <v>1519</v>
      </c>
      <c r="K3559" s="2" t="s">
        <v>1520</v>
      </c>
      <c r="L3559" s="5" t="s">
        <v>1519</v>
      </c>
      <c r="M3559" s="2" t="s">
        <v>1520</v>
      </c>
      <c r="N3559" s="5" t="s">
        <v>1521</v>
      </c>
      <c r="O3559" s="5" t="s">
        <v>38</v>
      </c>
      <c r="P3559" s="5" t="s">
        <v>39</v>
      </c>
      <c r="Q3559" s="5" t="s">
        <v>40</v>
      </c>
      <c r="R3559" s="5" t="s">
        <v>1522</v>
      </c>
      <c r="S3559" s="5" t="s">
        <v>1523</v>
      </c>
      <c r="T3559" s="5" t="s">
        <v>42</v>
      </c>
      <c r="U3559" s="2">
        <v>1.903</v>
      </c>
      <c r="V3559" s="2">
        <v>1.57</v>
      </c>
      <c r="W3559" s="2">
        <v>8.0000000000000002E-3</v>
      </c>
      <c r="X3559" s="2">
        <v>99.1</v>
      </c>
      <c r="Y3559" s="2">
        <v>7.6</v>
      </c>
      <c r="Z3559" s="2">
        <v>10.6</v>
      </c>
      <c r="AA3559" s="5"/>
      <c r="AB3559" s="5" t="s">
        <v>43</v>
      </c>
      <c r="AC3559" s="5" t="s">
        <v>44</v>
      </c>
      <c r="AD3559" s="2"/>
      <c r="AE3559" s="1"/>
    </row>
    <row r="3560" spans="1:31" ht="14.45">
      <c r="A3560" s="11"/>
      <c r="B3560" s="20"/>
      <c r="C3560" s="2" t="s">
        <v>11134</v>
      </c>
      <c r="D3560" s="14" t="s">
        <v>11135</v>
      </c>
      <c r="E3560" s="2" t="s">
        <v>11136</v>
      </c>
      <c r="F3560" s="2" t="s">
        <v>1859</v>
      </c>
      <c r="G3560" s="8">
        <v>126</v>
      </c>
      <c r="H3560" s="5">
        <v>13</v>
      </c>
      <c r="I3560" s="5" t="s">
        <v>1518</v>
      </c>
      <c r="J3560" s="5" t="s">
        <v>1519</v>
      </c>
      <c r="K3560" s="2" t="s">
        <v>1520</v>
      </c>
      <c r="L3560" s="5" t="s">
        <v>1519</v>
      </c>
      <c r="M3560" s="2" t="s">
        <v>1520</v>
      </c>
      <c r="N3560" s="5" t="s">
        <v>1521</v>
      </c>
      <c r="O3560" s="5" t="s">
        <v>38</v>
      </c>
      <c r="P3560" s="5" t="s">
        <v>39</v>
      </c>
      <c r="Q3560" s="5" t="s">
        <v>40</v>
      </c>
      <c r="R3560" s="5" t="s">
        <v>1522</v>
      </c>
      <c r="S3560" s="5" t="s">
        <v>1523</v>
      </c>
      <c r="T3560" s="5" t="s">
        <v>42</v>
      </c>
      <c r="U3560" s="2">
        <v>1.9470000000000001</v>
      </c>
      <c r="V3560" s="2">
        <v>1.6140000000000001</v>
      </c>
      <c r="W3560" s="2">
        <v>8.0000000000000002E-3</v>
      </c>
      <c r="X3560" s="2">
        <v>99.1</v>
      </c>
      <c r="Y3560" s="2">
        <v>7.6</v>
      </c>
      <c r="Z3560" s="2">
        <v>10.6</v>
      </c>
      <c r="AA3560" s="5"/>
      <c r="AB3560" s="5" t="s">
        <v>43</v>
      </c>
      <c r="AC3560" s="5" t="s">
        <v>44</v>
      </c>
      <c r="AD3560" s="2"/>
      <c r="AE3560" s="1"/>
    </row>
    <row r="3561" spans="1:31" ht="14.45">
      <c r="A3561" s="11"/>
      <c r="B3561" s="20"/>
      <c r="C3561" s="2" t="s">
        <v>11137</v>
      </c>
      <c r="D3561" s="14" t="s">
        <v>11138</v>
      </c>
      <c r="E3561" s="2" t="s">
        <v>11139</v>
      </c>
      <c r="F3561" s="2" t="s">
        <v>1863</v>
      </c>
      <c r="G3561" s="8">
        <v>126</v>
      </c>
      <c r="H3561" s="5">
        <v>11</v>
      </c>
      <c r="I3561" s="5" t="s">
        <v>1518</v>
      </c>
      <c r="J3561" s="5" t="s">
        <v>1519</v>
      </c>
      <c r="K3561" s="2" t="s">
        <v>1520</v>
      </c>
      <c r="L3561" s="5" t="s">
        <v>1519</v>
      </c>
      <c r="M3561" s="2" t="s">
        <v>1520</v>
      </c>
      <c r="N3561" s="5" t="s">
        <v>1521</v>
      </c>
      <c r="O3561" s="5" t="s">
        <v>38</v>
      </c>
      <c r="P3561" s="5" t="s">
        <v>39</v>
      </c>
      <c r="Q3561" s="5" t="s">
        <v>40</v>
      </c>
      <c r="R3561" s="5" t="s">
        <v>1522</v>
      </c>
      <c r="S3561" s="5" t="s">
        <v>1523</v>
      </c>
      <c r="T3561" s="5" t="s">
        <v>42</v>
      </c>
      <c r="U3561" s="2">
        <v>1.845</v>
      </c>
      <c r="V3561" s="2">
        <v>1.51</v>
      </c>
      <c r="W3561" s="2">
        <v>8.0000000000000002E-3</v>
      </c>
      <c r="X3561" s="2">
        <v>99.1</v>
      </c>
      <c r="Y3561" s="2">
        <v>7.6</v>
      </c>
      <c r="Z3561" s="2">
        <v>10.6</v>
      </c>
      <c r="AA3561" s="5"/>
      <c r="AB3561" s="5" t="s">
        <v>43</v>
      </c>
      <c r="AC3561" s="5" t="s">
        <v>44</v>
      </c>
      <c r="AD3561" s="2"/>
      <c r="AE3561" s="1"/>
    </row>
    <row r="3562" spans="1:31" ht="14.45">
      <c r="A3562" s="11"/>
      <c r="B3562" s="20"/>
      <c r="C3562" s="2" t="s">
        <v>11140</v>
      </c>
      <c r="D3562" s="14" t="s">
        <v>11141</v>
      </c>
      <c r="E3562" s="2" t="s">
        <v>11142</v>
      </c>
      <c r="F3562" s="2" t="s">
        <v>1867</v>
      </c>
      <c r="G3562" s="8">
        <v>126</v>
      </c>
      <c r="H3562" s="5">
        <v>11</v>
      </c>
      <c r="I3562" s="5" t="s">
        <v>1518</v>
      </c>
      <c r="J3562" s="5" t="s">
        <v>1519</v>
      </c>
      <c r="K3562" s="2" t="s">
        <v>1520</v>
      </c>
      <c r="L3562" s="5" t="s">
        <v>1519</v>
      </c>
      <c r="M3562" s="2" t="s">
        <v>1520</v>
      </c>
      <c r="N3562" s="5" t="s">
        <v>1521</v>
      </c>
      <c r="O3562" s="5" t="s">
        <v>38</v>
      </c>
      <c r="P3562" s="5" t="s">
        <v>39</v>
      </c>
      <c r="Q3562" s="5" t="s">
        <v>40</v>
      </c>
      <c r="R3562" s="5" t="s">
        <v>1522</v>
      </c>
      <c r="S3562" s="5" t="s">
        <v>1523</v>
      </c>
      <c r="T3562" s="5" t="s">
        <v>42</v>
      </c>
      <c r="U3562" s="2">
        <v>1.889</v>
      </c>
      <c r="V3562" s="2">
        <v>1.554</v>
      </c>
      <c r="W3562" s="2">
        <v>8.0000000000000002E-3</v>
      </c>
      <c r="X3562" s="2">
        <v>99.1</v>
      </c>
      <c r="Y3562" s="2">
        <v>7.6</v>
      </c>
      <c r="Z3562" s="2">
        <v>10.6</v>
      </c>
      <c r="AA3562" s="5"/>
      <c r="AB3562" s="5" t="s">
        <v>43</v>
      </c>
      <c r="AC3562" s="5" t="s">
        <v>44</v>
      </c>
      <c r="AD3562" s="2"/>
      <c r="AE3562" s="1"/>
    </row>
    <row r="3563" spans="1:31" ht="14.45">
      <c r="A3563" s="11"/>
      <c r="B3563" s="20"/>
      <c r="C3563" s="2" t="s">
        <v>11143</v>
      </c>
      <c r="D3563" s="14" t="s">
        <v>11144</v>
      </c>
      <c r="E3563" s="2" t="s">
        <v>11145</v>
      </c>
      <c r="F3563" s="2" t="s">
        <v>7396</v>
      </c>
      <c r="G3563" s="8">
        <v>118</v>
      </c>
      <c r="H3563" s="5">
        <v>5</v>
      </c>
      <c r="I3563" s="5" t="s">
        <v>1518</v>
      </c>
      <c r="J3563" s="5" t="s">
        <v>1519</v>
      </c>
      <c r="K3563" s="2" t="s">
        <v>1520</v>
      </c>
      <c r="L3563" s="5" t="s">
        <v>1519</v>
      </c>
      <c r="M3563" s="2" t="s">
        <v>1520</v>
      </c>
      <c r="N3563" s="5" t="s">
        <v>1521</v>
      </c>
      <c r="O3563" s="5" t="s">
        <v>38</v>
      </c>
      <c r="P3563" s="5" t="s">
        <v>39</v>
      </c>
      <c r="Q3563" s="5" t="s">
        <v>40</v>
      </c>
      <c r="R3563" s="5" t="s">
        <v>1522</v>
      </c>
      <c r="S3563" s="5" t="s">
        <v>1523</v>
      </c>
      <c r="T3563" s="5" t="s">
        <v>42</v>
      </c>
      <c r="U3563" s="2">
        <v>1.996</v>
      </c>
      <c r="V3563" s="2">
        <v>1.6559999999999999</v>
      </c>
      <c r="W3563" s="2">
        <v>0.01</v>
      </c>
      <c r="X3563" s="2">
        <v>118.9</v>
      </c>
      <c r="Y3563" s="2">
        <v>7.6</v>
      </c>
      <c r="Z3563" s="2">
        <v>10.6</v>
      </c>
      <c r="AA3563" s="5"/>
      <c r="AB3563" s="5" t="s">
        <v>43</v>
      </c>
      <c r="AC3563" s="5" t="s">
        <v>44</v>
      </c>
      <c r="AD3563" s="2"/>
      <c r="AE3563" s="1"/>
    </row>
    <row r="3564" spans="1:31" ht="14.45">
      <c r="A3564" s="11"/>
      <c r="B3564" s="20"/>
      <c r="C3564" s="2" t="s">
        <v>11146</v>
      </c>
      <c r="D3564" s="14" t="s">
        <v>11147</v>
      </c>
      <c r="E3564" s="2" t="s">
        <v>11148</v>
      </c>
      <c r="F3564" s="2" t="s">
        <v>7507</v>
      </c>
      <c r="G3564" s="8">
        <v>118</v>
      </c>
      <c r="H3564" s="5">
        <v>5</v>
      </c>
      <c r="I3564" s="5" t="s">
        <v>1518</v>
      </c>
      <c r="J3564" s="5" t="s">
        <v>1519</v>
      </c>
      <c r="K3564" s="2" t="s">
        <v>1520</v>
      </c>
      <c r="L3564" s="5" t="s">
        <v>1519</v>
      </c>
      <c r="M3564" s="2" t="s">
        <v>1520</v>
      </c>
      <c r="N3564" s="5" t="s">
        <v>1521</v>
      </c>
      <c r="O3564" s="5" t="s">
        <v>38</v>
      </c>
      <c r="P3564" s="5" t="s">
        <v>39</v>
      </c>
      <c r="Q3564" s="5" t="s">
        <v>40</v>
      </c>
      <c r="R3564" s="5" t="s">
        <v>1522</v>
      </c>
      <c r="S3564" s="5" t="s">
        <v>1523</v>
      </c>
      <c r="T3564" s="5" t="s">
        <v>42</v>
      </c>
      <c r="U3564" s="2">
        <v>2.0449999999999999</v>
      </c>
      <c r="V3564" s="2">
        <v>1.7050000000000001</v>
      </c>
      <c r="W3564" s="2">
        <v>0.01</v>
      </c>
      <c r="X3564" s="2">
        <v>118.9</v>
      </c>
      <c r="Y3564" s="2">
        <v>7.6</v>
      </c>
      <c r="Z3564" s="2">
        <v>10.6</v>
      </c>
      <c r="AA3564" s="5"/>
      <c r="AB3564" s="5" t="s">
        <v>43</v>
      </c>
      <c r="AC3564" s="5" t="s">
        <v>44</v>
      </c>
      <c r="AD3564" s="2"/>
      <c r="AE3564" s="1"/>
    </row>
    <row r="3565" spans="1:31" ht="14.45">
      <c r="A3565" s="11"/>
      <c r="B3565" s="20"/>
      <c r="C3565" s="2" t="s">
        <v>11149</v>
      </c>
      <c r="D3565" s="14" t="s">
        <v>11150</v>
      </c>
      <c r="E3565" s="2" t="s">
        <v>11151</v>
      </c>
      <c r="F3565" s="2" t="s">
        <v>7204</v>
      </c>
      <c r="G3565" s="8">
        <v>118</v>
      </c>
      <c r="H3565" s="5">
        <v>5</v>
      </c>
      <c r="I3565" s="5" t="s">
        <v>1518</v>
      </c>
      <c r="J3565" s="5" t="s">
        <v>1519</v>
      </c>
      <c r="K3565" s="2" t="s">
        <v>1520</v>
      </c>
      <c r="L3565" s="5" t="s">
        <v>1519</v>
      </c>
      <c r="M3565" s="2" t="s">
        <v>1520</v>
      </c>
      <c r="N3565" s="5" t="s">
        <v>1521</v>
      </c>
      <c r="O3565" s="5" t="s">
        <v>38</v>
      </c>
      <c r="P3565" s="5" t="s">
        <v>39</v>
      </c>
      <c r="Q3565" s="5" t="s">
        <v>40</v>
      </c>
      <c r="R3565" s="5" t="s">
        <v>1522</v>
      </c>
      <c r="S3565" s="5" t="s">
        <v>1523</v>
      </c>
      <c r="T3565" s="5" t="s">
        <v>42</v>
      </c>
      <c r="U3565" s="2">
        <v>2.0059999999999998</v>
      </c>
      <c r="V3565" s="2">
        <v>1.6659999999999999</v>
      </c>
      <c r="W3565" s="2">
        <v>0.01</v>
      </c>
      <c r="X3565" s="2">
        <v>118.9</v>
      </c>
      <c r="Y3565" s="2">
        <v>7.6</v>
      </c>
      <c r="Z3565" s="2">
        <v>10.6</v>
      </c>
      <c r="AA3565" s="5"/>
      <c r="AB3565" s="5" t="s">
        <v>43</v>
      </c>
      <c r="AC3565" s="5" t="s">
        <v>44</v>
      </c>
      <c r="AD3565" s="2"/>
      <c r="AE3565" s="1"/>
    </row>
    <row r="3566" spans="1:31" ht="14.45">
      <c r="A3566" s="11"/>
      <c r="B3566" s="20"/>
      <c r="C3566" s="2" t="s">
        <v>11152</v>
      </c>
      <c r="D3566" s="14" t="s">
        <v>11153</v>
      </c>
      <c r="E3566" s="2" t="s">
        <v>11154</v>
      </c>
      <c r="F3566" s="2" t="s">
        <v>7514</v>
      </c>
      <c r="G3566" s="8">
        <v>118</v>
      </c>
      <c r="H3566" s="5">
        <v>5</v>
      </c>
      <c r="I3566" s="5" t="s">
        <v>1518</v>
      </c>
      <c r="J3566" s="5" t="s">
        <v>1519</v>
      </c>
      <c r="K3566" s="2" t="s">
        <v>1520</v>
      </c>
      <c r="L3566" s="5" t="s">
        <v>1519</v>
      </c>
      <c r="M3566" s="2" t="s">
        <v>1520</v>
      </c>
      <c r="N3566" s="5" t="s">
        <v>1521</v>
      </c>
      <c r="O3566" s="5" t="s">
        <v>38</v>
      </c>
      <c r="P3566" s="5" t="s">
        <v>39</v>
      </c>
      <c r="Q3566" s="5" t="s">
        <v>40</v>
      </c>
      <c r="R3566" s="5" t="s">
        <v>1522</v>
      </c>
      <c r="S3566" s="5" t="s">
        <v>1523</v>
      </c>
      <c r="T3566" s="5" t="s">
        <v>42</v>
      </c>
      <c r="U3566" s="2">
        <v>2.0539999999999998</v>
      </c>
      <c r="V3566" s="2">
        <v>1.714</v>
      </c>
      <c r="W3566" s="2">
        <v>0.01</v>
      </c>
      <c r="X3566" s="2">
        <v>118.9</v>
      </c>
      <c r="Y3566" s="2">
        <v>7.6</v>
      </c>
      <c r="Z3566" s="2">
        <v>10.6</v>
      </c>
      <c r="AA3566" s="5"/>
      <c r="AB3566" s="5" t="s">
        <v>43</v>
      </c>
      <c r="AC3566" s="5" t="s">
        <v>44</v>
      </c>
      <c r="AD3566" s="2"/>
      <c r="AE3566" s="1"/>
    </row>
    <row r="3567" spans="1:31" ht="14.45">
      <c r="A3567" s="11"/>
      <c r="B3567" s="20"/>
      <c r="C3567" s="2" t="s">
        <v>11155</v>
      </c>
      <c r="D3567" s="14" t="s">
        <v>11156</v>
      </c>
      <c r="E3567" s="2" t="s">
        <v>11157</v>
      </c>
      <c r="F3567" s="2" t="s">
        <v>7208</v>
      </c>
      <c r="G3567" s="8">
        <v>118</v>
      </c>
      <c r="H3567" s="5">
        <v>5</v>
      </c>
      <c r="I3567" s="5" t="s">
        <v>1518</v>
      </c>
      <c r="J3567" s="5" t="s">
        <v>1519</v>
      </c>
      <c r="K3567" s="2" t="s">
        <v>1520</v>
      </c>
      <c r="L3567" s="5" t="s">
        <v>1519</v>
      </c>
      <c r="M3567" s="2" t="s">
        <v>1520</v>
      </c>
      <c r="N3567" s="5" t="s">
        <v>1521</v>
      </c>
      <c r="O3567" s="5" t="s">
        <v>38</v>
      </c>
      <c r="P3567" s="5" t="s">
        <v>39</v>
      </c>
      <c r="Q3567" s="5" t="s">
        <v>40</v>
      </c>
      <c r="R3567" s="5" t="s">
        <v>1522</v>
      </c>
      <c r="S3567" s="5" t="s">
        <v>1523</v>
      </c>
      <c r="T3567" s="5" t="s">
        <v>42</v>
      </c>
      <c r="U3567" s="2">
        <v>2.0059999999999998</v>
      </c>
      <c r="V3567" s="2">
        <v>1.6659999999999999</v>
      </c>
      <c r="W3567" s="2">
        <v>0.01</v>
      </c>
      <c r="X3567" s="2">
        <v>118.9</v>
      </c>
      <c r="Y3567" s="2">
        <v>7.6</v>
      </c>
      <c r="Z3567" s="2">
        <v>10.6</v>
      </c>
      <c r="AA3567" s="5"/>
      <c r="AB3567" s="5" t="s">
        <v>43</v>
      </c>
      <c r="AC3567" s="5" t="s">
        <v>44</v>
      </c>
      <c r="AD3567" s="2"/>
      <c r="AE3567" s="1"/>
    </row>
    <row r="3568" spans="1:31" ht="14.45">
      <c r="A3568" s="11"/>
      <c r="B3568" s="20"/>
      <c r="C3568" s="2" t="s">
        <v>11158</v>
      </c>
      <c r="D3568" s="14" t="s">
        <v>11159</v>
      </c>
      <c r="E3568" s="2" t="s">
        <v>11160</v>
      </c>
      <c r="F3568" s="2" t="s">
        <v>7521</v>
      </c>
      <c r="G3568" s="8">
        <v>118</v>
      </c>
      <c r="H3568" s="5">
        <v>5</v>
      </c>
      <c r="I3568" s="5" t="s">
        <v>1518</v>
      </c>
      <c r="J3568" s="5" t="s">
        <v>1519</v>
      </c>
      <c r="K3568" s="2" t="s">
        <v>1520</v>
      </c>
      <c r="L3568" s="5" t="s">
        <v>1519</v>
      </c>
      <c r="M3568" s="2" t="s">
        <v>1520</v>
      </c>
      <c r="N3568" s="5" t="s">
        <v>1521</v>
      </c>
      <c r="O3568" s="5" t="s">
        <v>38</v>
      </c>
      <c r="P3568" s="5" t="s">
        <v>39</v>
      </c>
      <c r="Q3568" s="5" t="s">
        <v>40</v>
      </c>
      <c r="R3568" s="5" t="s">
        <v>1522</v>
      </c>
      <c r="S3568" s="5" t="s">
        <v>1523</v>
      </c>
      <c r="T3568" s="5" t="s">
        <v>42</v>
      </c>
      <c r="U3568" s="2">
        <v>2.0539999999999998</v>
      </c>
      <c r="V3568" s="2">
        <v>1.714</v>
      </c>
      <c r="W3568" s="2">
        <v>0.01</v>
      </c>
      <c r="X3568" s="2">
        <v>118.9</v>
      </c>
      <c r="Y3568" s="2">
        <v>7.6</v>
      </c>
      <c r="Z3568" s="2">
        <v>10.6</v>
      </c>
      <c r="AA3568" s="5"/>
      <c r="AB3568" s="5" t="s">
        <v>43</v>
      </c>
      <c r="AC3568" s="5" t="s">
        <v>44</v>
      </c>
      <c r="AD3568" s="2"/>
      <c r="AE3568" s="1"/>
    </row>
    <row r="3569" spans="1:31" ht="14.45">
      <c r="A3569" s="11"/>
      <c r="B3569" s="20"/>
      <c r="C3569" s="2" t="s">
        <v>11161</v>
      </c>
      <c r="D3569" s="14" t="s">
        <v>11162</v>
      </c>
      <c r="E3569" s="2" t="s">
        <v>11163</v>
      </c>
      <c r="F3569" s="2" t="s">
        <v>7212</v>
      </c>
      <c r="G3569" s="8">
        <v>118</v>
      </c>
      <c r="H3569" s="5">
        <v>5</v>
      </c>
      <c r="I3569" s="5" t="s">
        <v>1518</v>
      </c>
      <c r="J3569" s="5" t="s">
        <v>1519</v>
      </c>
      <c r="K3569" s="2" t="s">
        <v>1520</v>
      </c>
      <c r="L3569" s="5" t="s">
        <v>1519</v>
      </c>
      <c r="M3569" s="2" t="s">
        <v>1520</v>
      </c>
      <c r="N3569" s="5" t="s">
        <v>1521</v>
      </c>
      <c r="O3569" s="5" t="s">
        <v>38</v>
      </c>
      <c r="P3569" s="5" t="s">
        <v>39</v>
      </c>
      <c r="Q3569" s="5" t="s">
        <v>40</v>
      </c>
      <c r="R3569" s="5" t="s">
        <v>1522</v>
      </c>
      <c r="S3569" s="5" t="s">
        <v>1523</v>
      </c>
      <c r="T3569" s="5" t="s">
        <v>42</v>
      </c>
      <c r="U3569" s="2">
        <v>1.978</v>
      </c>
      <c r="V3569" s="2">
        <v>1.6379999999999999</v>
      </c>
      <c r="W3569" s="2">
        <v>0.01</v>
      </c>
      <c r="X3569" s="2">
        <v>118.9</v>
      </c>
      <c r="Y3569" s="2">
        <v>7.6</v>
      </c>
      <c r="Z3569" s="2">
        <v>10.6</v>
      </c>
      <c r="AA3569" s="5"/>
      <c r="AB3569" s="5" t="s">
        <v>43</v>
      </c>
      <c r="AC3569" s="5" t="s">
        <v>44</v>
      </c>
      <c r="AD3569" s="2"/>
      <c r="AE3569" s="1"/>
    </row>
    <row r="3570" spans="1:31" ht="14.45">
      <c r="A3570" s="11"/>
      <c r="B3570" s="20"/>
      <c r="C3570" s="2" t="s">
        <v>11164</v>
      </c>
      <c r="D3570" s="14" t="s">
        <v>11165</v>
      </c>
      <c r="E3570" s="2" t="s">
        <v>11166</v>
      </c>
      <c r="F3570" s="2" t="s">
        <v>7528</v>
      </c>
      <c r="G3570" s="8">
        <v>118</v>
      </c>
      <c r="H3570" s="5">
        <v>5</v>
      </c>
      <c r="I3570" s="5" t="s">
        <v>1518</v>
      </c>
      <c r="J3570" s="5" t="s">
        <v>1519</v>
      </c>
      <c r="K3570" s="2" t="s">
        <v>1520</v>
      </c>
      <c r="L3570" s="5" t="s">
        <v>1519</v>
      </c>
      <c r="M3570" s="2" t="s">
        <v>1520</v>
      </c>
      <c r="N3570" s="5" t="s">
        <v>1521</v>
      </c>
      <c r="O3570" s="5" t="s">
        <v>38</v>
      </c>
      <c r="P3570" s="5" t="s">
        <v>39</v>
      </c>
      <c r="Q3570" s="5" t="s">
        <v>40</v>
      </c>
      <c r="R3570" s="5" t="s">
        <v>1522</v>
      </c>
      <c r="S3570" s="5" t="s">
        <v>1523</v>
      </c>
      <c r="T3570" s="5" t="s">
        <v>42</v>
      </c>
      <c r="U3570" s="2">
        <v>2.0259999999999998</v>
      </c>
      <c r="V3570" s="2">
        <v>1.6859999999999999</v>
      </c>
      <c r="W3570" s="2">
        <v>0.01</v>
      </c>
      <c r="X3570" s="2">
        <v>118.9</v>
      </c>
      <c r="Y3570" s="2">
        <v>7.6</v>
      </c>
      <c r="Z3570" s="2">
        <v>10.6</v>
      </c>
      <c r="AA3570" s="5"/>
      <c r="AB3570" s="5" t="s">
        <v>43</v>
      </c>
      <c r="AC3570" s="5" t="s">
        <v>44</v>
      </c>
      <c r="AD3570" s="2"/>
      <c r="AE3570" s="1"/>
    </row>
    <row r="3571" spans="1:31" ht="14.45">
      <c r="A3571" s="11"/>
      <c r="B3571" s="20"/>
      <c r="C3571" s="2" t="s">
        <v>11167</v>
      </c>
      <c r="D3571" s="14" t="s">
        <v>11168</v>
      </c>
      <c r="E3571" s="2" t="s">
        <v>11169</v>
      </c>
      <c r="F3571" s="2" t="s">
        <v>7406</v>
      </c>
      <c r="G3571" s="8">
        <v>136</v>
      </c>
      <c r="H3571" s="5">
        <v>6</v>
      </c>
      <c r="I3571" s="5" t="s">
        <v>1518</v>
      </c>
      <c r="J3571" s="5" t="s">
        <v>1519</v>
      </c>
      <c r="K3571" s="2" t="s">
        <v>1520</v>
      </c>
      <c r="L3571" s="5" t="s">
        <v>1519</v>
      </c>
      <c r="M3571" s="2" t="s">
        <v>1520</v>
      </c>
      <c r="N3571" s="5" t="s">
        <v>1521</v>
      </c>
      <c r="O3571" s="5" t="s">
        <v>38</v>
      </c>
      <c r="P3571" s="5" t="s">
        <v>39</v>
      </c>
      <c r="Q3571" s="5" t="s">
        <v>40</v>
      </c>
      <c r="R3571" s="5" t="s">
        <v>1522</v>
      </c>
      <c r="S3571" s="5" t="s">
        <v>1523</v>
      </c>
      <c r="T3571" s="5" t="s">
        <v>42</v>
      </c>
      <c r="U3571" s="2">
        <v>1.978</v>
      </c>
      <c r="V3571" s="2">
        <v>1.6379999999999999</v>
      </c>
      <c r="W3571" s="2">
        <v>0.01</v>
      </c>
      <c r="X3571" s="2">
        <v>118.9</v>
      </c>
      <c r="Y3571" s="2">
        <v>7.6</v>
      </c>
      <c r="Z3571" s="2">
        <v>10.6</v>
      </c>
      <c r="AA3571" s="5"/>
      <c r="AB3571" s="5" t="s">
        <v>43</v>
      </c>
      <c r="AC3571" s="5" t="s">
        <v>44</v>
      </c>
      <c r="AD3571" s="2"/>
      <c r="AE3571" s="1"/>
    </row>
    <row r="3572" spans="1:31" ht="14.45">
      <c r="A3572" s="11"/>
      <c r="B3572" s="20"/>
      <c r="C3572" s="2" t="s">
        <v>11170</v>
      </c>
      <c r="D3572" s="14" t="s">
        <v>11171</v>
      </c>
      <c r="E3572" s="2" t="s">
        <v>11172</v>
      </c>
      <c r="F3572" s="2" t="s">
        <v>7535</v>
      </c>
      <c r="G3572" s="8">
        <v>136</v>
      </c>
      <c r="H3572" s="5">
        <v>6</v>
      </c>
      <c r="I3572" s="5" t="s">
        <v>1518</v>
      </c>
      <c r="J3572" s="5" t="s">
        <v>1519</v>
      </c>
      <c r="K3572" s="2" t="s">
        <v>1520</v>
      </c>
      <c r="L3572" s="5" t="s">
        <v>1519</v>
      </c>
      <c r="M3572" s="2" t="s">
        <v>1520</v>
      </c>
      <c r="N3572" s="5" t="s">
        <v>1521</v>
      </c>
      <c r="O3572" s="5" t="s">
        <v>38</v>
      </c>
      <c r="P3572" s="5" t="s">
        <v>39</v>
      </c>
      <c r="Q3572" s="5" t="s">
        <v>40</v>
      </c>
      <c r="R3572" s="5" t="s">
        <v>1522</v>
      </c>
      <c r="S3572" s="5" t="s">
        <v>1523</v>
      </c>
      <c r="T3572" s="5" t="s">
        <v>42</v>
      </c>
      <c r="U3572" s="2">
        <v>2.0259999999999998</v>
      </c>
      <c r="V3572" s="2">
        <v>1.6859999999999999</v>
      </c>
      <c r="W3572" s="2">
        <v>0.01</v>
      </c>
      <c r="X3572" s="2">
        <v>118.9</v>
      </c>
      <c r="Y3572" s="2">
        <v>7.6</v>
      </c>
      <c r="Z3572" s="2">
        <v>10.6</v>
      </c>
      <c r="AA3572" s="5"/>
      <c r="AB3572" s="5" t="s">
        <v>43</v>
      </c>
      <c r="AC3572" s="5" t="s">
        <v>44</v>
      </c>
      <c r="AD3572" s="2"/>
      <c r="AE3572" s="1"/>
    </row>
    <row r="3573" spans="1:31" ht="14.45">
      <c r="A3573" s="11"/>
      <c r="B3573" s="20"/>
      <c r="C3573" s="2" t="s">
        <v>11173</v>
      </c>
      <c r="D3573" s="14" t="s">
        <v>11174</v>
      </c>
      <c r="E3573" s="2" t="s">
        <v>11175</v>
      </c>
      <c r="F3573" s="2" t="s">
        <v>7539</v>
      </c>
      <c r="G3573" s="8">
        <v>136</v>
      </c>
      <c r="H3573" s="5">
        <v>6</v>
      </c>
      <c r="I3573" s="5" t="s">
        <v>1518</v>
      </c>
      <c r="J3573" s="5" t="s">
        <v>1519</v>
      </c>
      <c r="K3573" s="2" t="s">
        <v>1520</v>
      </c>
      <c r="L3573" s="5" t="s">
        <v>1519</v>
      </c>
      <c r="M3573" s="2" t="s">
        <v>1520</v>
      </c>
      <c r="N3573" s="5" t="s">
        <v>1521</v>
      </c>
      <c r="O3573" s="5" t="s">
        <v>38</v>
      </c>
      <c r="P3573" s="5" t="s">
        <v>39</v>
      </c>
      <c r="Q3573" s="5" t="s">
        <v>40</v>
      </c>
      <c r="R3573" s="5" t="s">
        <v>1522</v>
      </c>
      <c r="S3573" s="5" t="s">
        <v>1523</v>
      </c>
      <c r="T3573" s="5" t="s">
        <v>42</v>
      </c>
      <c r="U3573" s="2">
        <v>2.0059999999999998</v>
      </c>
      <c r="V3573" s="2">
        <v>1.6659999999999999</v>
      </c>
      <c r="W3573" s="2">
        <v>0.01</v>
      </c>
      <c r="X3573" s="2">
        <v>118.9</v>
      </c>
      <c r="Y3573" s="2">
        <v>7.6</v>
      </c>
      <c r="Z3573" s="2">
        <v>10.6</v>
      </c>
      <c r="AA3573" s="5"/>
      <c r="AB3573" s="5" t="s">
        <v>43</v>
      </c>
      <c r="AC3573" s="5" t="s">
        <v>44</v>
      </c>
      <c r="AD3573" s="2"/>
      <c r="AE3573" s="1"/>
    </row>
    <row r="3574" spans="1:31" ht="14.45">
      <c r="A3574" s="11"/>
      <c r="B3574" s="20"/>
      <c r="C3574" s="2" t="s">
        <v>11176</v>
      </c>
      <c r="D3574" s="14" t="s">
        <v>11177</v>
      </c>
      <c r="E3574" s="2" t="s">
        <v>11178</v>
      </c>
      <c r="F3574" s="2" t="s">
        <v>7543</v>
      </c>
      <c r="G3574" s="8">
        <v>136</v>
      </c>
      <c r="H3574" s="5">
        <v>6</v>
      </c>
      <c r="I3574" s="5" t="s">
        <v>1518</v>
      </c>
      <c r="J3574" s="5" t="s">
        <v>1519</v>
      </c>
      <c r="K3574" s="2" t="s">
        <v>1520</v>
      </c>
      <c r="L3574" s="5" t="s">
        <v>1519</v>
      </c>
      <c r="M3574" s="2" t="s">
        <v>1520</v>
      </c>
      <c r="N3574" s="5" t="s">
        <v>1521</v>
      </c>
      <c r="O3574" s="5" t="s">
        <v>38</v>
      </c>
      <c r="P3574" s="5" t="s">
        <v>39</v>
      </c>
      <c r="Q3574" s="5" t="s">
        <v>40</v>
      </c>
      <c r="R3574" s="5" t="s">
        <v>1522</v>
      </c>
      <c r="S3574" s="5" t="s">
        <v>1523</v>
      </c>
      <c r="T3574" s="5" t="s">
        <v>42</v>
      </c>
      <c r="U3574" s="2">
        <v>2.0539999999999998</v>
      </c>
      <c r="V3574" s="2">
        <v>1.714</v>
      </c>
      <c r="W3574" s="2">
        <v>0.01</v>
      </c>
      <c r="X3574" s="2">
        <v>118.9</v>
      </c>
      <c r="Y3574" s="2">
        <v>7.6</v>
      </c>
      <c r="Z3574" s="2">
        <v>10.6</v>
      </c>
      <c r="AA3574" s="5"/>
      <c r="AB3574" s="5" t="s">
        <v>43</v>
      </c>
      <c r="AC3574" s="5" t="s">
        <v>44</v>
      </c>
      <c r="AD3574" s="2"/>
      <c r="AE3574" s="1"/>
    </row>
    <row r="3575" spans="1:31" ht="14.45">
      <c r="A3575" s="11"/>
      <c r="B3575" s="20"/>
      <c r="C3575" s="2" t="s">
        <v>11179</v>
      </c>
      <c r="D3575" s="14" t="s">
        <v>11180</v>
      </c>
      <c r="E3575" s="2" t="s">
        <v>11181</v>
      </c>
      <c r="F3575" s="2" t="s">
        <v>7547</v>
      </c>
      <c r="G3575" s="8">
        <v>136</v>
      </c>
      <c r="H3575" s="5">
        <v>6</v>
      </c>
      <c r="I3575" s="5" t="s">
        <v>1518</v>
      </c>
      <c r="J3575" s="5" t="s">
        <v>1519</v>
      </c>
      <c r="K3575" s="2" t="s">
        <v>1520</v>
      </c>
      <c r="L3575" s="5" t="s">
        <v>1519</v>
      </c>
      <c r="M3575" s="2" t="s">
        <v>1520</v>
      </c>
      <c r="N3575" s="5" t="s">
        <v>1521</v>
      </c>
      <c r="O3575" s="5" t="s">
        <v>38</v>
      </c>
      <c r="P3575" s="5" t="s">
        <v>39</v>
      </c>
      <c r="Q3575" s="5" t="s">
        <v>40</v>
      </c>
      <c r="R3575" s="5" t="s">
        <v>1522</v>
      </c>
      <c r="S3575" s="5" t="s">
        <v>1523</v>
      </c>
      <c r="T3575" s="5" t="s">
        <v>42</v>
      </c>
      <c r="U3575" s="2">
        <v>1.978</v>
      </c>
      <c r="V3575" s="2">
        <v>1.6379999999999999</v>
      </c>
      <c r="W3575" s="2">
        <v>0.01</v>
      </c>
      <c r="X3575" s="2">
        <v>118.9</v>
      </c>
      <c r="Y3575" s="2">
        <v>7.6</v>
      </c>
      <c r="Z3575" s="2">
        <v>10.6</v>
      </c>
      <c r="AA3575" s="5"/>
      <c r="AB3575" s="5" t="s">
        <v>43</v>
      </c>
      <c r="AC3575" s="5" t="s">
        <v>44</v>
      </c>
      <c r="AD3575" s="2"/>
      <c r="AE3575" s="1"/>
    </row>
    <row r="3576" spans="1:31" ht="14.45">
      <c r="A3576" s="11"/>
      <c r="B3576" s="20"/>
      <c r="C3576" s="2" t="s">
        <v>11182</v>
      </c>
      <c r="D3576" s="14" t="s">
        <v>11183</v>
      </c>
      <c r="E3576" s="2" t="s">
        <v>11184</v>
      </c>
      <c r="F3576" s="2" t="s">
        <v>7551</v>
      </c>
      <c r="G3576" s="8">
        <v>136</v>
      </c>
      <c r="H3576" s="5">
        <v>6</v>
      </c>
      <c r="I3576" s="5" t="s">
        <v>1518</v>
      </c>
      <c r="J3576" s="5" t="s">
        <v>1519</v>
      </c>
      <c r="K3576" s="2" t="s">
        <v>1520</v>
      </c>
      <c r="L3576" s="5" t="s">
        <v>1519</v>
      </c>
      <c r="M3576" s="2" t="s">
        <v>1520</v>
      </c>
      <c r="N3576" s="5" t="s">
        <v>1521</v>
      </c>
      <c r="O3576" s="5" t="s">
        <v>38</v>
      </c>
      <c r="P3576" s="5" t="s">
        <v>39</v>
      </c>
      <c r="Q3576" s="5" t="s">
        <v>40</v>
      </c>
      <c r="R3576" s="5" t="s">
        <v>1522</v>
      </c>
      <c r="S3576" s="5" t="s">
        <v>1523</v>
      </c>
      <c r="T3576" s="5" t="s">
        <v>42</v>
      </c>
      <c r="U3576" s="2">
        <v>2.0259999999999998</v>
      </c>
      <c r="V3576" s="2">
        <v>1.6859999999999999</v>
      </c>
      <c r="W3576" s="2">
        <v>0.01</v>
      </c>
      <c r="X3576" s="2">
        <v>118.9</v>
      </c>
      <c r="Y3576" s="2">
        <v>7.6</v>
      </c>
      <c r="Z3576" s="2">
        <v>10.6</v>
      </c>
      <c r="AA3576" s="5"/>
      <c r="AB3576" s="5" t="s">
        <v>43</v>
      </c>
      <c r="AC3576" s="5" t="s">
        <v>44</v>
      </c>
      <c r="AD3576" s="2"/>
      <c r="AE3576" s="1"/>
    </row>
    <row r="3577" spans="1:31" ht="14.45">
      <c r="A3577" s="11"/>
      <c r="B3577" s="20"/>
      <c r="C3577" s="2" t="s">
        <v>11185</v>
      </c>
      <c r="D3577" s="14" t="s">
        <v>11186</v>
      </c>
      <c r="E3577" s="2" t="s">
        <v>11187</v>
      </c>
      <c r="F3577" s="2" t="s">
        <v>7555</v>
      </c>
      <c r="G3577" s="8">
        <v>136</v>
      </c>
      <c r="H3577" s="5">
        <v>6</v>
      </c>
      <c r="I3577" s="5" t="s">
        <v>1518</v>
      </c>
      <c r="J3577" s="5" t="s">
        <v>1519</v>
      </c>
      <c r="K3577" s="2" t="s">
        <v>1520</v>
      </c>
      <c r="L3577" s="5" t="s">
        <v>1519</v>
      </c>
      <c r="M3577" s="2" t="s">
        <v>1520</v>
      </c>
      <c r="N3577" s="5" t="s">
        <v>1521</v>
      </c>
      <c r="O3577" s="5" t="s">
        <v>38</v>
      </c>
      <c r="P3577" s="5" t="s">
        <v>39</v>
      </c>
      <c r="Q3577" s="5" t="s">
        <v>40</v>
      </c>
      <c r="R3577" s="5" t="s">
        <v>1522</v>
      </c>
      <c r="S3577" s="5" t="s">
        <v>1523</v>
      </c>
      <c r="T3577" s="5" t="s">
        <v>42</v>
      </c>
      <c r="U3577" s="2">
        <v>1.978</v>
      </c>
      <c r="V3577" s="2">
        <v>1.6379999999999999</v>
      </c>
      <c r="W3577" s="2">
        <v>0.01</v>
      </c>
      <c r="X3577" s="2">
        <v>118.9</v>
      </c>
      <c r="Y3577" s="2">
        <v>7.6</v>
      </c>
      <c r="Z3577" s="2">
        <v>10.6</v>
      </c>
      <c r="AA3577" s="5"/>
      <c r="AB3577" s="5" t="s">
        <v>43</v>
      </c>
      <c r="AC3577" s="5" t="s">
        <v>44</v>
      </c>
      <c r="AD3577" s="2"/>
      <c r="AE3577" s="1"/>
    </row>
    <row r="3578" spans="1:31" ht="14.45">
      <c r="A3578" s="11"/>
      <c r="B3578" s="20"/>
      <c r="C3578" s="2" t="s">
        <v>11188</v>
      </c>
      <c r="D3578" s="14" t="s">
        <v>11189</v>
      </c>
      <c r="E3578" s="2" t="s">
        <v>11190</v>
      </c>
      <c r="F3578" s="2" t="s">
        <v>7559</v>
      </c>
      <c r="G3578" s="8">
        <v>136</v>
      </c>
      <c r="H3578" s="5">
        <v>6</v>
      </c>
      <c r="I3578" s="5" t="s">
        <v>1518</v>
      </c>
      <c r="J3578" s="5" t="s">
        <v>1519</v>
      </c>
      <c r="K3578" s="2" t="s">
        <v>1520</v>
      </c>
      <c r="L3578" s="5" t="s">
        <v>1519</v>
      </c>
      <c r="M3578" s="2" t="s">
        <v>1520</v>
      </c>
      <c r="N3578" s="5" t="s">
        <v>1521</v>
      </c>
      <c r="O3578" s="5" t="s">
        <v>38</v>
      </c>
      <c r="P3578" s="5" t="s">
        <v>39</v>
      </c>
      <c r="Q3578" s="5" t="s">
        <v>40</v>
      </c>
      <c r="R3578" s="5" t="s">
        <v>1522</v>
      </c>
      <c r="S3578" s="5" t="s">
        <v>1523</v>
      </c>
      <c r="T3578" s="5" t="s">
        <v>42</v>
      </c>
      <c r="U3578" s="2">
        <v>2.0259999999999998</v>
      </c>
      <c r="V3578" s="2">
        <v>1.6859999999999999</v>
      </c>
      <c r="W3578" s="2">
        <v>0.01</v>
      </c>
      <c r="X3578" s="2">
        <v>118.9</v>
      </c>
      <c r="Y3578" s="2">
        <v>7.6</v>
      </c>
      <c r="Z3578" s="2">
        <v>10.6</v>
      </c>
      <c r="AA3578" s="5"/>
      <c r="AB3578" s="5" t="s">
        <v>43</v>
      </c>
      <c r="AC3578" s="5" t="s">
        <v>44</v>
      </c>
      <c r="AD3578" s="2"/>
      <c r="AE3578" s="1"/>
    </row>
    <row r="3579" spans="1:31" ht="14.45">
      <c r="A3579" s="11"/>
      <c r="B3579" s="20"/>
      <c r="C3579" s="2" t="s">
        <v>11191</v>
      </c>
      <c r="D3579" s="14" t="s">
        <v>11192</v>
      </c>
      <c r="E3579" s="2" t="s">
        <v>11193</v>
      </c>
      <c r="F3579" s="2" t="s">
        <v>7563</v>
      </c>
      <c r="G3579" s="8">
        <v>136</v>
      </c>
      <c r="H3579" s="5">
        <v>6</v>
      </c>
      <c r="I3579" s="5" t="s">
        <v>1518</v>
      </c>
      <c r="J3579" s="5" t="s">
        <v>1519</v>
      </c>
      <c r="K3579" s="2" t="s">
        <v>1520</v>
      </c>
      <c r="L3579" s="5" t="s">
        <v>1519</v>
      </c>
      <c r="M3579" s="2" t="s">
        <v>1520</v>
      </c>
      <c r="N3579" s="5" t="s">
        <v>1521</v>
      </c>
      <c r="O3579" s="5" t="s">
        <v>38</v>
      </c>
      <c r="P3579" s="5" t="s">
        <v>39</v>
      </c>
      <c r="Q3579" s="5" t="s">
        <v>40</v>
      </c>
      <c r="R3579" s="5" t="s">
        <v>1522</v>
      </c>
      <c r="S3579" s="5" t="s">
        <v>1523</v>
      </c>
      <c r="T3579" s="5" t="s">
        <v>42</v>
      </c>
      <c r="U3579" s="2">
        <v>2.0059999999999998</v>
      </c>
      <c r="V3579" s="2">
        <v>1.6659999999999999</v>
      </c>
      <c r="W3579" s="2">
        <v>0.01</v>
      </c>
      <c r="X3579" s="2">
        <v>118.9</v>
      </c>
      <c r="Y3579" s="2">
        <v>7.6</v>
      </c>
      <c r="Z3579" s="2">
        <v>10.6</v>
      </c>
      <c r="AA3579" s="5"/>
      <c r="AB3579" s="5" t="s">
        <v>43</v>
      </c>
      <c r="AC3579" s="5" t="s">
        <v>44</v>
      </c>
      <c r="AD3579" s="2"/>
      <c r="AE3579" s="1"/>
    </row>
    <row r="3580" spans="1:31" ht="14.45">
      <c r="A3580" s="11"/>
      <c r="B3580" s="20"/>
      <c r="C3580" s="2" t="s">
        <v>11194</v>
      </c>
      <c r="D3580" s="14" t="s">
        <v>11195</v>
      </c>
      <c r="E3580" s="2" t="s">
        <v>11196</v>
      </c>
      <c r="F3580" s="2" t="s">
        <v>7567</v>
      </c>
      <c r="G3580" s="8">
        <v>136</v>
      </c>
      <c r="H3580" s="5">
        <v>6</v>
      </c>
      <c r="I3580" s="5" t="s">
        <v>1518</v>
      </c>
      <c r="J3580" s="5" t="s">
        <v>1519</v>
      </c>
      <c r="K3580" s="2" t="s">
        <v>1520</v>
      </c>
      <c r="L3580" s="5" t="s">
        <v>1519</v>
      </c>
      <c r="M3580" s="2" t="s">
        <v>1520</v>
      </c>
      <c r="N3580" s="5" t="s">
        <v>1521</v>
      </c>
      <c r="O3580" s="5" t="s">
        <v>38</v>
      </c>
      <c r="P3580" s="5" t="s">
        <v>39</v>
      </c>
      <c r="Q3580" s="5" t="s">
        <v>40</v>
      </c>
      <c r="R3580" s="5" t="s">
        <v>1522</v>
      </c>
      <c r="S3580" s="5" t="s">
        <v>1523</v>
      </c>
      <c r="T3580" s="5" t="s">
        <v>42</v>
      </c>
      <c r="U3580" s="2">
        <v>2.0539999999999998</v>
      </c>
      <c r="V3580" s="2">
        <v>1.714</v>
      </c>
      <c r="W3580" s="2">
        <v>0.01</v>
      </c>
      <c r="X3580" s="2">
        <v>118.9</v>
      </c>
      <c r="Y3580" s="2">
        <v>7.6</v>
      </c>
      <c r="Z3580" s="2">
        <v>10.6</v>
      </c>
      <c r="AA3580" s="5"/>
      <c r="AB3580" s="5" t="s">
        <v>43</v>
      </c>
      <c r="AC3580" s="5" t="s">
        <v>44</v>
      </c>
      <c r="AD3580" s="2"/>
      <c r="AE3580" s="1"/>
    </row>
    <row r="3581" spans="1:31" ht="14.45">
      <c r="A3581" s="11"/>
      <c r="B3581" s="20"/>
      <c r="C3581" s="2" t="s">
        <v>11197</v>
      </c>
      <c r="D3581" s="14" t="s">
        <v>11198</v>
      </c>
      <c r="E3581" s="2" t="s">
        <v>11199</v>
      </c>
      <c r="F3581" s="2" t="s">
        <v>7429</v>
      </c>
      <c r="G3581" s="8">
        <v>136</v>
      </c>
      <c r="H3581" s="5">
        <v>6</v>
      </c>
      <c r="I3581" s="5" t="s">
        <v>1518</v>
      </c>
      <c r="J3581" s="5" t="s">
        <v>1519</v>
      </c>
      <c r="K3581" s="2" t="s">
        <v>1520</v>
      </c>
      <c r="L3581" s="5" t="s">
        <v>1519</v>
      </c>
      <c r="M3581" s="2" t="s">
        <v>1520</v>
      </c>
      <c r="N3581" s="5" t="s">
        <v>1521</v>
      </c>
      <c r="O3581" s="5" t="s">
        <v>38</v>
      </c>
      <c r="P3581" s="5" t="s">
        <v>39</v>
      </c>
      <c r="Q3581" s="5" t="s">
        <v>40</v>
      </c>
      <c r="R3581" s="5" t="s">
        <v>1522</v>
      </c>
      <c r="S3581" s="5" t="s">
        <v>1523</v>
      </c>
      <c r="T3581" s="5" t="s">
        <v>42</v>
      </c>
      <c r="U3581" s="2">
        <v>2.0059999999999998</v>
      </c>
      <c r="V3581" s="2">
        <v>1.6659999999999999</v>
      </c>
      <c r="W3581" s="2">
        <v>0.01</v>
      </c>
      <c r="X3581" s="2">
        <v>118.9</v>
      </c>
      <c r="Y3581" s="2">
        <v>7.6</v>
      </c>
      <c r="Z3581" s="2">
        <v>10.6</v>
      </c>
      <c r="AA3581" s="5"/>
      <c r="AB3581" s="5" t="s">
        <v>43</v>
      </c>
      <c r="AC3581" s="5" t="s">
        <v>44</v>
      </c>
      <c r="AD3581" s="2"/>
      <c r="AE3581" s="1"/>
    </row>
    <row r="3582" spans="1:31" ht="14.45">
      <c r="A3582" s="11"/>
      <c r="B3582" s="20"/>
      <c r="C3582" s="2" t="s">
        <v>11200</v>
      </c>
      <c r="D3582" s="14" t="s">
        <v>11201</v>
      </c>
      <c r="E3582" s="2" t="s">
        <v>11202</v>
      </c>
      <c r="F3582" s="2" t="s">
        <v>7574</v>
      </c>
      <c r="G3582" s="8">
        <v>136</v>
      </c>
      <c r="H3582" s="5">
        <v>6</v>
      </c>
      <c r="I3582" s="5" t="s">
        <v>1518</v>
      </c>
      <c r="J3582" s="5" t="s">
        <v>1519</v>
      </c>
      <c r="K3582" s="2" t="s">
        <v>1520</v>
      </c>
      <c r="L3582" s="5" t="s">
        <v>1519</v>
      </c>
      <c r="M3582" s="2" t="s">
        <v>1520</v>
      </c>
      <c r="N3582" s="5" t="s">
        <v>1521</v>
      </c>
      <c r="O3582" s="5" t="s">
        <v>38</v>
      </c>
      <c r="P3582" s="5" t="s">
        <v>39</v>
      </c>
      <c r="Q3582" s="5" t="s">
        <v>40</v>
      </c>
      <c r="R3582" s="5" t="s">
        <v>1522</v>
      </c>
      <c r="S3582" s="5" t="s">
        <v>1523</v>
      </c>
      <c r="T3582" s="5" t="s">
        <v>42</v>
      </c>
      <c r="U3582" s="2">
        <v>2.0539999999999998</v>
      </c>
      <c r="V3582" s="2">
        <v>1.714</v>
      </c>
      <c r="W3582" s="2">
        <v>0.01</v>
      </c>
      <c r="X3582" s="2">
        <v>118.9</v>
      </c>
      <c r="Y3582" s="2">
        <v>7.6</v>
      </c>
      <c r="Z3582" s="2">
        <v>10.6</v>
      </c>
      <c r="AA3582" s="5"/>
      <c r="AB3582" s="5" t="s">
        <v>43</v>
      </c>
      <c r="AC3582" s="5" t="s">
        <v>44</v>
      </c>
      <c r="AD3582" s="2"/>
      <c r="AE3582" s="1"/>
    </row>
    <row r="3583" spans="1:31" ht="14.45">
      <c r="A3583" s="11"/>
      <c r="B3583" s="20"/>
      <c r="C3583" s="2" t="s">
        <v>11203</v>
      </c>
      <c r="D3583" s="14" t="s">
        <v>11204</v>
      </c>
      <c r="E3583" s="2" t="s">
        <v>11205</v>
      </c>
      <c r="F3583" s="2" t="s">
        <v>7449</v>
      </c>
      <c r="G3583" s="8">
        <v>136</v>
      </c>
      <c r="H3583" s="5">
        <v>6</v>
      </c>
      <c r="I3583" s="5" t="s">
        <v>1518</v>
      </c>
      <c r="J3583" s="5" t="s">
        <v>1519</v>
      </c>
      <c r="K3583" s="2" t="s">
        <v>1520</v>
      </c>
      <c r="L3583" s="5" t="s">
        <v>1519</v>
      </c>
      <c r="M3583" s="2" t="s">
        <v>1520</v>
      </c>
      <c r="N3583" s="5" t="s">
        <v>1521</v>
      </c>
      <c r="O3583" s="5" t="s">
        <v>38</v>
      </c>
      <c r="P3583" s="5" t="s">
        <v>39</v>
      </c>
      <c r="Q3583" s="5" t="s">
        <v>40</v>
      </c>
      <c r="R3583" s="5" t="s">
        <v>1522</v>
      </c>
      <c r="S3583" s="5" t="s">
        <v>1523</v>
      </c>
      <c r="T3583" s="5" t="s">
        <v>42</v>
      </c>
      <c r="U3583" s="2">
        <v>2.0059999999999998</v>
      </c>
      <c r="V3583" s="2">
        <v>1.6659999999999999</v>
      </c>
      <c r="W3583" s="2">
        <v>0.01</v>
      </c>
      <c r="X3583" s="2">
        <v>118.9</v>
      </c>
      <c r="Y3583" s="2">
        <v>7.6</v>
      </c>
      <c r="Z3583" s="2">
        <v>10.6</v>
      </c>
      <c r="AA3583" s="5"/>
      <c r="AB3583" s="5" t="s">
        <v>43</v>
      </c>
      <c r="AC3583" s="5" t="s">
        <v>44</v>
      </c>
      <c r="AD3583" s="2"/>
      <c r="AE3583" s="1"/>
    </row>
    <row r="3584" spans="1:31" ht="14.45">
      <c r="A3584" s="11"/>
      <c r="B3584" s="20"/>
      <c r="C3584" s="2" t="s">
        <v>11206</v>
      </c>
      <c r="D3584" s="14" t="s">
        <v>11207</v>
      </c>
      <c r="E3584" s="2" t="s">
        <v>11208</v>
      </c>
      <c r="F3584" s="2" t="s">
        <v>7581</v>
      </c>
      <c r="G3584" s="8">
        <v>136</v>
      </c>
      <c r="H3584" s="5">
        <v>6</v>
      </c>
      <c r="I3584" s="5" t="s">
        <v>1518</v>
      </c>
      <c r="J3584" s="5" t="s">
        <v>1519</v>
      </c>
      <c r="K3584" s="2" t="s">
        <v>1520</v>
      </c>
      <c r="L3584" s="5" t="s">
        <v>1519</v>
      </c>
      <c r="M3584" s="2" t="s">
        <v>1520</v>
      </c>
      <c r="N3584" s="5" t="s">
        <v>1521</v>
      </c>
      <c r="O3584" s="5" t="s">
        <v>38</v>
      </c>
      <c r="P3584" s="5" t="s">
        <v>39</v>
      </c>
      <c r="Q3584" s="5" t="s">
        <v>40</v>
      </c>
      <c r="R3584" s="5" t="s">
        <v>1522</v>
      </c>
      <c r="S3584" s="5" t="s">
        <v>1523</v>
      </c>
      <c r="T3584" s="5" t="s">
        <v>42</v>
      </c>
      <c r="U3584" s="2">
        <v>2.0539999999999998</v>
      </c>
      <c r="V3584" s="2">
        <v>1.714</v>
      </c>
      <c r="W3584" s="2">
        <v>0.01</v>
      </c>
      <c r="X3584" s="2">
        <v>118.9</v>
      </c>
      <c r="Y3584" s="2">
        <v>7.6</v>
      </c>
      <c r="Z3584" s="2">
        <v>10.6</v>
      </c>
      <c r="AA3584" s="5"/>
      <c r="AB3584" s="5" t="s">
        <v>43</v>
      </c>
      <c r="AC3584" s="5" t="s">
        <v>44</v>
      </c>
      <c r="AD3584" s="2"/>
      <c r="AE3584" s="1"/>
    </row>
    <row r="3585" spans="1:31" ht="14.45">
      <c r="A3585" s="11"/>
      <c r="B3585" s="20"/>
      <c r="C3585" s="2" t="s">
        <v>11209</v>
      </c>
      <c r="D3585" s="14" t="s">
        <v>11210</v>
      </c>
      <c r="E3585" s="2" t="s">
        <v>11211</v>
      </c>
      <c r="F3585" s="2" t="s">
        <v>7585</v>
      </c>
      <c r="G3585" s="8">
        <v>136</v>
      </c>
      <c r="H3585" s="5">
        <v>6</v>
      </c>
      <c r="I3585" s="5" t="s">
        <v>1518</v>
      </c>
      <c r="J3585" s="5" t="s">
        <v>1519</v>
      </c>
      <c r="K3585" s="2" t="s">
        <v>1520</v>
      </c>
      <c r="L3585" s="5" t="s">
        <v>1519</v>
      </c>
      <c r="M3585" s="2" t="s">
        <v>1520</v>
      </c>
      <c r="N3585" s="5" t="s">
        <v>1521</v>
      </c>
      <c r="O3585" s="5" t="s">
        <v>38</v>
      </c>
      <c r="P3585" s="5" t="s">
        <v>39</v>
      </c>
      <c r="Q3585" s="5" t="s">
        <v>40</v>
      </c>
      <c r="R3585" s="5" t="s">
        <v>1522</v>
      </c>
      <c r="S3585" s="5" t="s">
        <v>1523</v>
      </c>
      <c r="T3585" s="5" t="s">
        <v>42</v>
      </c>
      <c r="U3585" s="2">
        <v>1.978</v>
      </c>
      <c r="V3585" s="2">
        <v>1.6379999999999999</v>
      </c>
      <c r="W3585" s="2">
        <v>0.01</v>
      </c>
      <c r="X3585" s="2">
        <v>118.9</v>
      </c>
      <c r="Y3585" s="2">
        <v>7.6</v>
      </c>
      <c r="Z3585" s="2">
        <v>10.6</v>
      </c>
      <c r="AA3585" s="5"/>
      <c r="AB3585" s="5" t="s">
        <v>43</v>
      </c>
      <c r="AC3585" s="5" t="s">
        <v>44</v>
      </c>
      <c r="AD3585" s="2"/>
      <c r="AE3585" s="1"/>
    </row>
    <row r="3586" spans="1:31" ht="14.45">
      <c r="A3586" s="11"/>
      <c r="B3586" s="20"/>
      <c r="C3586" s="2" t="s">
        <v>11212</v>
      </c>
      <c r="D3586" s="14" t="s">
        <v>11213</v>
      </c>
      <c r="E3586" s="2" t="s">
        <v>11214</v>
      </c>
      <c r="F3586" s="2" t="s">
        <v>7589</v>
      </c>
      <c r="G3586" s="8">
        <v>136</v>
      </c>
      <c r="H3586" s="5">
        <v>6</v>
      </c>
      <c r="I3586" s="5" t="s">
        <v>1518</v>
      </c>
      <c r="J3586" s="5" t="s">
        <v>1519</v>
      </c>
      <c r="K3586" s="2" t="s">
        <v>1520</v>
      </c>
      <c r="L3586" s="5" t="s">
        <v>1519</v>
      </c>
      <c r="M3586" s="2" t="s">
        <v>1520</v>
      </c>
      <c r="N3586" s="5" t="s">
        <v>1521</v>
      </c>
      <c r="O3586" s="5" t="s">
        <v>38</v>
      </c>
      <c r="P3586" s="5" t="s">
        <v>39</v>
      </c>
      <c r="Q3586" s="5" t="s">
        <v>40</v>
      </c>
      <c r="R3586" s="5" t="s">
        <v>1522</v>
      </c>
      <c r="S3586" s="5" t="s">
        <v>1523</v>
      </c>
      <c r="T3586" s="5" t="s">
        <v>42</v>
      </c>
      <c r="U3586" s="2">
        <v>2.0259999999999998</v>
      </c>
      <c r="V3586" s="2">
        <v>1.6859999999999999</v>
      </c>
      <c r="W3586" s="2">
        <v>0.01</v>
      </c>
      <c r="X3586" s="2">
        <v>118.9</v>
      </c>
      <c r="Y3586" s="2">
        <v>7.6</v>
      </c>
      <c r="Z3586" s="2">
        <v>10.6</v>
      </c>
      <c r="AA3586" s="5"/>
      <c r="AB3586" s="5" t="s">
        <v>43</v>
      </c>
      <c r="AC3586" s="5" t="s">
        <v>44</v>
      </c>
      <c r="AD3586" s="2"/>
      <c r="AE3586" s="1"/>
    </row>
    <row r="3587" spans="1:31" ht="14.45">
      <c r="A3587" s="11"/>
      <c r="B3587" s="20"/>
      <c r="C3587" s="2" t="s">
        <v>11215</v>
      </c>
      <c r="D3587" s="14" t="s">
        <v>11216</v>
      </c>
      <c r="E3587" s="2" t="s">
        <v>11217</v>
      </c>
      <c r="F3587" s="2" t="s">
        <v>7593</v>
      </c>
      <c r="G3587" s="8">
        <v>136</v>
      </c>
      <c r="H3587" s="5">
        <v>6</v>
      </c>
      <c r="I3587" s="5" t="s">
        <v>1518</v>
      </c>
      <c r="J3587" s="5" t="s">
        <v>1519</v>
      </c>
      <c r="K3587" s="2" t="s">
        <v>1520</v>
      </c>
      <c r="L3587" s="5" t="s">
        <v>1519</v>
      </c>
      <c r="M3587" s="2" t="s">
        <v>1520</v>
      </c>
      <c r="N3587" s="5" t="s">
        <v>1521</v>
      </c>
      <c r="O3587" s="5" t="s">
        <v>38</v>
      </c>
      <c r="P3587" s="5" t="s">
        <v>39</v>
      </c>
      <c r="Q3587" s="5" t="s">
        <v>40</v>
      </c>
      <c r="R3587" s="5" t="s">
        <v>1522</v>
      </c>
      <c r="S3587" s="5" t="s">
        <v>1523</v>
      </c>
      <c r="T3587" s="5" t="s">
        <v>42</v>
      </c>
      <c r="U3587" s="2">
        <v>2.0059999999999998</v>
      </c>
      <c r="V3587" s="2">
        <v>1.6659999999999999</v>
      </c>
      <c r="W3587" s="2">
        <v>0.01</v>
      </c>
      <c r="X3587" s="2">
        <v>118.9</v>
      </c>
      <c r="Y3587" s="2">
        <v>7.6</v>
      </c>
      <c r="Z3587" s="2">
        <v>10.6</v>
      </c>
      <c r="AA3587" s="5"/>
      <c r="AB3587" s="5" t="s">
        <v>43</v>
      </c>
      <c r="AC3587" s="5" t="s">
        <v>44</v>
      </c>
      <c r="AD3587" s="2"/>
      <c r="AE3587" s="1"/>
    </row>
    <row r="3588" spans="1:31" ht="14.45">
      <c r="A3588" s="11"/>
      <c r="B3588" s="20"/>
      <c r="C3588" s="2" t="s">
        <v>11218</v>
      </c>
      <c r="D3588" s="14" t="s">
        <v>11219</v>
      </c>
      <c r="E3588" s="2" t="s">
        <v>11220</v>
      </c>
      <c r="F3588" s="2" t="s">
        <v>7597</v>
      </c>
      <c r="G3588" s="8">
        <v>136</v>
      </c>
      <c r="H3588" s="5">
        <v>6</v>
      </c>
      <c r="I3588" s="5" t="s">
        <v>1518</v>
      </c>
      <c r="J3588" s="5" t="s">
        <v>1519</v>
      </c>
      <c r="K3588" s="2" t="s">
        <v>1520</v>
      </c>
      <c r="L3588" s="5" t="s">
        <v>1519</v>
      </c>
      <c r="M3588" s="2" t="s">
        <v>1520</v>
      </c>
      <c r="N3588" s="5" t="s">
        <v>1521</v>
      </c>
      <c r="O3588" s="5" t="s">
        <v>38</v>
      </c>
      <c r="P3588" s="5" t="s">
        <v>39</v>
      </c>
      <c r="Q3588" s="5" t="s">
        <v>40</v>
      </c>
      <c r="R3588" s="5" t="s">
        <v>1522</v>
      </c>
      <c r="S3588" s="5" t="s">
        <v>1523</v>
      </c>
      <c r="T3588" s="5" t="s">
        <v>42</v>
      </c>
      <c r="U3588" s="2">
        <v>2.0539999999999998</v>
      </c>
      <c r="V3588" s="2">
        <v>1.714</v>
      </c>
      <c r="W3588" s="2">
        <v>0.01</v>
      </c>
      <c r="X3588" s="2">
        <v>118.9</v>
      </c>
      <c r="Y3588" s="2">
        <v>7.6</v>
      </c>
      <c r="Z3588" s="2">
        <v>10.6</v>
      </c>
      <c r="AA3588" s="5"/>
      <c r="AB3588" s="5" t="s">
        <v>43</v>
      </c>
      <c r="AC3588" s="5" t="s">
        <v>44</v>
      </c>
      <c r="AD3588" s="2"/>
      <c r="AE3588" s="1"/>
    </row>
    <row r="3589" spans="1:31" ht="14.45">
      <c r="A3589" s="11"/>
      <c r="B3589" s="20"/>
      <c r="C3589" s="2" t="s">
        <v>11221</v>
      </c>
      <c r="D3589" s="14" t="s">
        <v>11222</v>
      </c>
      <c r="E3589" s="2" t="s">
        <v>11223</v>
      </c>
      <c r="F3589" s="2" t="s">
        <v>7410</v>
      </c>
      <c r="G3589" s="8">
        <v>136</v>
      </c>
      <c r="H3589" s="5">
        <v>6</v>
      </c>
      <c r="I3589" s="5" t="s">
        <v>1518</v>
      </c>
      <c r="J3589" s="5" t="s">
        <v>1519</v>
      </c>
      <c r="K3589" s="2" t="s">
        <v>1520</v>
      </c>
      <c r="L3589" s="5" t="s">
        <v>1519</v>
      </c>
      <c r="M3589" s="2" t="s">
        <v>1520</v>
      </c>
      <c r="N3589" s="5" t="s">
        <v>1521</v>
      </c>
      <c r="O3589" s="5" t="s">
        <v>38</v>
      </c>
      <c r="P3589" s="5" t="s">
        <v>39</v>
      </c>
      <c r="Q3589" s="5" t="s">
        <v>40</v>
      </c>
      <c r="R3589" s="5" t="s">
        <v>1522</v>
      </c>
      <c r="S3589" s="5" t="s">
        <v>1523</v>
      </c>
      <c r="T3589" s="5" t="s">
        <v>42</v>
      </c>
      <c r="U3589" s="2">
        <v>2.0059999999999998</v>
      </c>
      <c r="V3589" s="2">
        <v>1.6659999999999999</v>
      </c>
      <c r="W3589" s="2">
        <v>0.01</v>
      </c>
      <c r="X3589" s="2">
        <v>118.9</v>
      </c>
      <c r="Y3589" s="2">
        <v>7.6</v>
      </c>
      <c r="Z3589" s="2">
        <v>10.6</v>
      </c>
      <c r="AA3589" s="5"/>
      <c r="AB3589" s="5" t="s">
        <v>43</v>
      </c>
      <c r="AC3589" s="5" t="s">
        <v>44</v>
      </c>
      <c r="AD3589" s="2"/>
      <c r="AE3589" s="1"/>
    </row>
    <row r="3590" spans="1:31" ht="14.45">
      <c r="A3590" s="11"/>
      <c r="B3590" s="20"/>
      <c r="C3590" s="2" t="s">
        <v>11224</v>
      </c>
      <c r="D3590" s="14" t="s">
        <v>11225</v>
      </c>
      <c r="E3590" s="2" t="s">
        <v>11226</v>
      </c>
      <c r="F3590" s="2" t="s">
        <v>7604</v>
      </c>
      <c r="G3590" s="8">
        <v>136</v>
      </c>
      <c r="H3590" s="5">
        <v>6</v>
      </c>
      <c r="I3590" s="5" t="s">
        <v>1518</v>
      </c>
      <c r="J3590" s="5" t="s">
        <v>1519</v>
      </c>
      <c r="K3590" s="2" t="s">
        <v>1520</v>
      </c>
      <c r="L3590" s="5" t="s">
        <v>1519</v>
      </c>
      <c r="M3590" s="2" t="s">
        <v>1520</v>
      </c>
      <c r="N3590" s="5" t="s">
        <v>1521</v>
      </c>
      <c r="O3590" s="5" t="s">
        <v>38</v>
      </c>
      <c r="P3590" s="5" t="s">
        <v>39</v>
      </c>
      <c r="Q3590" s="5" t="s">
        <v>40</v>
      </c>
      <c r="R3590" s="5" t="s">
        <v>1522</v>
      </c>
      <c r="S3590" s="5" t="s">
        <v>1523</v>
      </c>
      <c r="T3590" s="5" t="s">
        <v>42</v>
      </c>
      <c r="U3590" s="2">
        <v>2.0539999999999998</v>
      </c>
      <c r="V3590" s="2">
        <v>1.714</v>
      </c>
      <c r="W3590" s="2">
        <v>0.01</v>
      </c>
      <c r="X3590" s="2">
        <v>118.9</v>
      </c>
      <c r="Y3590" s="2">
        <v>7.6</v>
      </c>
      <c r="Z3590" s="2">
        <v>10.6</v>
      </c>
      <c r="AA3590" s="5"/>
      <c r="AB3590" s="5" t="s">
        <v>43</v>
      </c>
      <c r="AC3590" s="5" t="s">
        <v>44</v>
      </c>
      <c r="AD3590" s="2"/>
      <c r="AE3590" s="1"/>
    </row>
    <row r="3591" spans="1:31" ht="14.45">
      <c r="A3591" s="11"/>
      <c r="B3591" s="20"/>
      <c r="C3591" s="2" t="s">
        <v>11227</v>
      </c>
      <c r="D3591" s="14" t="s">
        <v>11228</v>
      </c>
      <c r="E3591" s="2" t="s">
        <v>11229</v>
      </c>
      <c r="F3591" s="2" t="s">
        <v>7433</v>
      </c>
      <c r="G3591" s="8">
        <v>136</v>
      </c>
      <c r="H3591" s="5">
        <v>6</v>
      </c>
      <c r="I3591" s="5" t="s">
        <v>1518</v>
      </c>
      <c r="J3591" s="5" t="s">
        <v>1519</v>
      </c>
      <c r="K3591" s="2" t="s">
        <v>1520</v>
      </c>
      <c r="L3591" s="5" t="s">
        <v>1519</v>
      </c>
      <c r="M3591" s="2" t="s">
        <v>1520</v>
      </c>
      <c r="N3591" s="5" t="s">
        <v>1521</v>
      </c>
      <c r="O3591" s="5" t="s">
        <v>38</v>
      </c>
      <c r="P3591" s="5" t="s">
        <v>39</v>
      </c>
      <c r="Q3591" s="5" t="s">
        <v>40</v>
      </c>
      <c r="R3591" s="5" t="s">
        <v>1522</v>
      </c>
      <c r="S3591" s="5" t="s">
        <v>1523</v>
      </c>
      <c r="T3591" s="5" t="s">
        <v>42</v>
      </c>
      <c r="U3591" s="2">
        <v>2.0059999999999998</v>
      </c>
      <c r="V3591" s="2">
        <v>1.6659999999999999</v>
      </c>
      <c r="W3591" s="2">
        <v>0.01</v>
      </c>
      <c r="X3591" s="2">
        <v>118.9</v>
      </c>
      <c r="Y3591" s="2">
        <v>7.6</v>
      </c>
      <c r="Z3591" s="2">
        <v>10.6</v>
      </c>
      <c r="AA3591" s="5"/>
      <c r="AB3591" s="5" t="s">
        <v>43</v>
      </c>
      <c r="AC3591" s="5" t="s">
        <v>44</v>
      </c>
      <c r="AD3591" s="2"/>
      <c r="AE3591" s="1"/>
    </row>
    <row r="3592" spans="1:31" ht="14.45">
      <c r="A3592" s="11"/>
      <c r="B3592" s="20"/>
      <c r="C3592" s="2" t="s">
        <v>11230</v>
      </c>
      <c r="D3592" s="14" t="s">
        <v>11231</v>
      </c>
      <c r="E3592" s="2" t="s">
        <v>11232</v>
      </c>
      <c r="F3592" s="2" t="s">
        <v>7611</v>
      </c>
      <c r="G3592" s="8">
        <v>136</v>
      </c>
      <c r="H3592" s="5">
        <v>6</v>
      </c>
      <c r="I3592" s="5" t="s">
        <v>1518</v>
      </c>
      <c r="J3592" s="5" t="s">
        <v>1519</v>
      </c>
      <c r="K3592" s="2" t="s">
        <v>1520</v>
      </c>
      <c r="L3592" s="5" t="s">
        <v>1519</v>
      </c>
      <c r="M3592" s="2" t="s">
        <v>1520</v>
      </c>
      <c r="N3592" s="5" t="s">
        <v>1521</v>
      </c>
      <c r="O3592" s="5" t="s">
        <v>38</v>
      </c>
      <c r="P3592" s="5" t="s">
        <v>39</v>
      </c>
      <c r="Q3592" s="5" t="s">
        <v>40</v>
      </c>
      <c r="R3592" s="5" t="s">
        <v>1522</v>
      </c>
      <c r="S3592" s="5" t="s">
        <v>1523</v>
      </c>
      <c r="T3592" s="5" t="s">
        <v>42</v>
      </c>
      <c r="U3592" s="2">
        <v>2.0539999999999998</v>
      </c>
      <c r="V3592" s="2">
        <v>1.714</v>
      </c>
      <c r="W3592" s="2">
        <v>0.01</v>
      </c>
      <c r="X3592" s="2">
        <v>118.9</v>
      </c>
      <c r="Y3592" s="2">
        <v>7.6</v>
      </c>
      <c r="Z3592" s="2">
        <v>10.6</v>
      </c>
      <c r="AA3592" s="5"/>
      <c r="AB3592" s="5" t="s">
        <v>43</v>
      </c>
      <c r="AC3592" s="5" t="s">
        <v>44</v>
      </c>
      <c r="AD3592" s="2"/>
      <c r="AE3592" s="1"/>
    </row>
    <row r="3593" spans="1:31" ht="14.45">
      <c r="A3593" s="11"/>
      <c r="B3593" s="20"/>
      <c r="C3593" s="2" t="s">
        <v>11233</v>
      </c>
      <c r="D3593" s="14" t="s">
        <v>11234</v>
      </c>
      <c r="E3593" s="2" t="s">
        <v>11235</v>
      </c>
      <c r="F3593" s="2" t="s">
        <v>7615</v>
      </c>
      <c r="G3593" s="8">
        <v>136</v>
      </c>
      <c r="H3593" s="5">
        <v>6</v>
      </c>
      <c r="I3593" s="5" t="s">
        <v>1518</v>
      </c>
      <c r="J3593" s="5" t="s">
        <v>1519</v>
      </c>
      <c r="K3593" s="2" t="s">
        <v>1520</v>
      </c>
      <c r="L3593" s="5" t="s">
        <v>1519</v>
      </c>
      <c r="M3593" s="2" t="s">
        <v>1520</v>
      </c>
      <c r="N3593" s="5" t="s">
        <v>1521</v>
      </c>
      <c r="O3593" s="5" t="s">
        <v>38</v>
      </c>
      <c r="P3593" s="5" t="s">
        <v>39</v>
      </c>
      <c r="Q3593" s="5" t="s">
        <v>40</v>
      </c>
      <c r="R3593" s="5" t="s">
        <v>1522</v>
      </c>
      <c r="S3593" s="5" t="s">
        <v>1523</v>
      </c>
      <c r="T3593" s="5" t="s">
        <v>42</v>
      </c>
      <c r="U3593" s="2">
        <v>1.978</v>
      </c>
      <c r="V3593" s="2">
        <v>1.6379999999999999</v>
      </c>
      <c r="W3593" s="2">
        <v>0.01</v>
      </c>
      <c r="X3593" s="2">
        <v>118.9</v>
      </c>
      <c r="Y3593" s="2">
        <v>7.6</v>
      </c>
      <c r="Z3593" s="2">
        <v>10.6</v>
      </c>
      <c r="AA3593" s="5"/>
      <c r="AB3593" s="5" t="s">
        <v>43</v>
      </c>
      <c r="AC3593" s="5" t="s">
        <v>44</v>
      </c>
      <c r="AD3593" s="2"/>
      <c r="AE3593" s="1"/>
    </row>
    <row r="3594" spans="1:31" ht="14.45">
      <c r="A3594" s="11"/>
      <c r="B3594" s="20"/>
      <c r="C3594" s="2" t="s">
        <v>11236</v>
      </c>
      <c r="D3594" s="14" t="s">
        <v>11237</v>
      </c>
      <c r="E3594" s="2" t="s">
        <v>11238</v>
      </c>
      <c r="F3594" s="2" t="s">
        <v>7619</v>
      </c>
      <c r="G3594" s="8">
        <v>136</v>
      </c>
      <c r="H3594" s="5">
        <v>6</v>
      </c>
      <c r="I3594" s="5" t="s">
        <v>1518</v>
      </c>
      <c r="J3594" s="5" t="s">
        <v>1519</v>
      </c>
      <c r="K3594" s="2" t="s">
        <v>1520</v>
      </c>
      <c r="L3594" s="5" t="s">
        <v>1519</v>
      </c>
      <c r="M3594" s="2" t="s">
        <v>1520</v>
      </c>
      <c r="N3594" s="5" t="s">
        <v>1521</v>
      </c>
      <c r="O3594" s="5" t="s">
        <v>38</v>
      </c>
      <c r="P3594" s="5" t="s">
        <v>39</v>
      </c>
      <c r="Q3594" s="5" t="s">
        <v>40</v>
      </c>
      <c r="R3594" s="5" t="s">
        <v>1522</v>
      </c>
      <c r="S3594" s="5" t="s">
        <v>1523</v>
      </c>
      <c r="T3594" s="5" t="s">
        <v>42</v>
      </c>
      <c r="U3594" s="2">
        <v>2.0259999999999998</v>
      </c>
      <c r="V3594" s="2">
        <v>1.6859999999999999</v>
      </c>
      <c r="W3594" s="2">
        <v>0.01</v>
      </c>
      <c r="X3594" s="2">
        <v>118.9</v>
      </c>
      <c r="Y3594" s="2">
        <v>7.6</v>
      </c>
      <c r="Z3594" s="2">
        <v>10.6</v>
      </c>
      <c r="AA3594" s="5"/>
      <c r="AB3594" s="5" t="s">
        <v>43</v>
      </c>
      <c r="AC3594" s="5" t="s">
        <v>44</v>
      </c>
      <c r="AD3594" s="2"/>
      <c r="AE3594" s="1"/>
    </row>
    <row r="3595" spans="1:31" ht="14.45">
      <c r="A3595" s="11"/>
      <c r="B3595" s="20"/>
      <c r="C3595" s="2" t="s">
        <v>11239</v>
      </c>
      <c r="D3595" s="14" t="s">
        <v>11240</v>
      </c>
      <c r="E3595" s="2" t="s">
        <v>11241</v>
      </c>
      <c r="F3595" s="2" t="s">
        <v>1823</v>
      </c>
      <c r="G3595" s="8">
        <v>136</v>
      </c>
      <c r="H3595" s="5">
        <v>8</v>
      </c>
      <c r="I3595" s="5" t="s">
        <v>1518</v>
      </c>
      <c r="J3595" s="5" t="s">
        <v>1519</v>
      </c>
      <c r="K3595" s="2" t="s">
        <v>1520</v>
      </c>
      <c r="L3595" s="5" t="s">
        <v>1519</v>
      </c>
      <c r="M3595" s="2" t="s">
        <v>1520</v>
      </c>
      <c r="N3595" s="5" t="s">
        <v>1521</v>
      </c>
      <c r="O3595" s="5" t="s">
        <v>38</v>
      </c>
      <c r="P3595" s="5" t="s">
        <v>39</v>
      </c>
      <c r="Q3595" s="5" t="s">
        <v>40</v>
      </c>
      <c r="R3595" s="5" t="s">
        <v>1522</v>
      </c>
      <c r="S3595" s="5" t="s">
        <v>1523</v>
      </c>
      <c r="T3595" s="5" t="s">
        <v>42</v>
      </c>
      <c r="U3595" s="2">
        <v>2.0270000000000001</v>
      </c>
      <c r="V3595" s="2">
        <v>1.6870000000000001</v>
      </c>
      <c r="W3595" s="2">
        <v>0.01</v>
      </c>
      <c r="X3595" s="2">
        <v>118.9</v>
      </c>
      <c r="Y3595" s="2">
        <v>7.6</v>
      </c>
      <c r="Z3595" s="2">
        <v>10.6</v>
      </c>
      <c r="AA3595" s="5"/>
      <c r="AB3595" s="5" t="s">
        <v>43</v>
      </c>
      <c r="AC3595" s="5" t="s">
        <v>44</v>
      </c>
      <c r="AD3595" s="2"/>
      <c r="AE3595" s="1"/>
    </row>
    <row r="3596" spans="1:31" ht="14.45">
      <c r="A3596" s="11"/>
      <c r="B3596" s="20"/>
      <c r="C3596" s="2" t="s">
        <v>11242</v>
      </c>
      <c r="D3596" s="14" t="s">
        <v>11243</v>
      </c>
      <c r="E3596" s="2" t="s">
        <v>11244</v>
      </c>
      <c r="F3596" s="2" t="s">
        <v>1827</v>
      </c>
      <c r="G3596" s="8">
        <v>136</v>
      </c>
      <c r="H3596" s="5">
        <v>8</v>
      </c>
      <c r="I3596" s="5" t="s">
        <v>1518</v>
      </c>
      <c r="J3596" s="5" t="s">
        <v>1519</v>
      </c>
      <c r="K3596" s="2" t="s">
        <v>1520</v>
      </c>
      <c r="L3596" s="5" t="s">
        <v>1519</v>
      </c>
      <c r="M3596" s="2" t="s">
        <v>1520</v>
      </c>
      <c r="N3596" s="5" t="s">
        <v>1521</v>
      </c>
      <c r="O3596" s="5" t="s">
        <v>38</v>
      </c>
      <c r="P3596" s="5" t="s">
        <v>39</v>
      </c>
      <c r="Q3596" s="5" t="s">
        <v>40</v>
      </c>
      <c r="R3596" s="5" t="s">
        <v>1522</v>
      </c>
      <c r="S3596" s="5" t="s">
        <v>1523</v>
      </c>
      <c r="T3596" s="5" t="s">
        <v>42</v>
      </c>
      <c r="U3596" s="2">
        <v>2.0750000000000002</v>
      </c>
      <c r="V3596" s="2">
        <v>1.7350000000000001</v>
      </c>
      <c r="W3596" s="2">
        <v>0.01</v>
      </c>
      <c r="X3596" s="2">
        <v>118.9</v>
      </c>
      <c r="Y3596" s="2">
        <v>7.6</v>
      </c>
      <c r="Z3596" s="2">
        <v>10.6</v>
      </c>
      <c r="AA3596" s="5"/>
      <c r="AB3596" s="5" t="s">
        <v>43</v>
      </c>
      <c r="AC3596" s="5" t="s">
        <v>44</v>
      </c>
      <c r="AD3596" s="2"/>
      <c r="AE3596" s="1"/>
    </row>
    <row r="3597" spans="1:31" ht="14.45">
      <c r="A3597" s="11"/>
      <c r="B3597" s="20"/>
      <c r="C3597" s="2" t="s">
        <v>11245</v>
      </c>
      <c r="D3597" s="14" t="s">
        <v>11246</v>
      </c>
      <c r="E3597" s="2" t="s">
        <v>11247</v>
      </c>
      <c r="F3597" s="2" t="s">
        <v>1973</v>
      </c>
      <c r="G3597" s="8">
        <v>136</v>
      </c>
      <c r="H3597" s="5">
        <v>13</v>
      </c>
      <c r="I3597" s="5" t="s">
        <v>1518</v>
      </c>
      <c r="J3597" s="5" t="s">
        <v>1519</v>
      </c>
      <c r="K3597" s="2" t="s">
        <v>1520</v>
      </c>
      <c r="L3597" s="5" t="s">
        <v>1519</v>
      </c>
      <c r="M3597" s="2" t="s">
        <v>1520</v>
      </c>
      <c r="N3597" s="5" t="s">
        <v>1521</v>
      </c>
      <c r="O3597" s="5" t="s">
        <v>38</v>
      </c>
      <c r="P3597" s="5" t="s">
        <v>39</v>
      </c>
      <c r="Q3597" s="5" t="s">
        <v>40</v>
      </c>
      <c r="R3597" s="5" t="s">
        <v>1522</v>
      </c>
      <c r="S3597" s="5" t="s">
        <v>1523</v>
      </c>
      <c r="T3597" s="5" t="s">
        <v>42</v>
      </c>
      <c r="U3597" s="2">
        <v>2.0489999999999999</v>
      </c>
      <c r="V3597" s="2">
        <v>1.7090000000000001</v>
      </c>
      <c r="W3597" s="2">
        <v>0.01</v>
      </c>
      <c r="X3597" s="2">
        <v>118.9</v>
      </c>
      <c r="Y3597" s="2">
        <v>7.6</v>
      </c>
      <c r="Z3597" s="2">
        <v>10.6</v>
      </c>
      <c r="AA3597" s="5"/>
      <c r="AB3597" s="5" t="s">
        <v>43</v>
      </c>
      <c r="AC3597" s="5" t="s">
        <v>44</v>
      </c>
      <c r="AD3597" s="2"/>
      <c r="AE3597" s="1"/>
    </row>
    <row r="3598" spans="1:31" ht="14.45">
      <c r="A3598" s="11"/>
      <c r="B3598" s="20"/>
      <c r="C3598" s="2" t="s">
        <v>11248</v>
      </c>
      <c r="D3598" s="14" t="s">
        <v>11249</v>
      </c>
      <c r="E3598" s="2" t="s">
        <v>11250</v>
      </c>
      <c r="F3598" s="2" t="s">
        <v>2724</v>
      </c>
      <c r="G3598" s="8">
        <v>136</v>
      </c>
      <c r="H3598" s="5">
        <v>13</v>
      </c>
      <c r="I3598" s="5" t="s">
        <v>1518</v>
      </c>
      <c r="J3598" s="5" t="s">
        <v>1519</v>
      </c>
      <c r="K3598" s="2" t="s">
        <v>1520</v>
      </c>
      <c r="L3598" s="5" t="s">
        <v>1519</v>
      </c>
      <c r="M3598" s="2" t="s">
        <v>1520</v>
      </c>
      <c r="N3598" s="5" t="s">
        <v>1521</v>
      </c>
      <c r="O3598" s="5" t="s">
        <v>38</v>
      </c>
      <c r="P3598" s="5" t="s">
        <v>39</v>
      </c>
      <c r="Q3598" s="5" t="s">
        <v>40</v>
      </c>
      <c r="R3598" s="5" t="s">
        <v>1522</v>
      </c>
      <c r="S3598" s="5" t="s">
        <v>1523</v>
      </c>
      <c r="T3598" s="5" t="s">
        <v>42</v>
      </c>
      <c r="U3598" s="2">
        <v>2.097</v>
      </c>
      <c r="V3598" s="2">
        <v>1.7569999999999999</v>
      </c>
      <c r="W3598" s="2">
        <v>0.01</v>
      </c>
      <c r="X3598" s="2">
        <v>118.9</v>
      </c>
      <c r="Y3598" s="2">
        <v>7.6</v>
      </c>
      <c r="Z3598" s="2">
        <v>10.6</v>
      </c>
      <c r="AA3598" s="5"/>
      <c r="AB3598" s="5" t="s">
        <v>43</v>
      </c>
      <c r="AC3598" s="5" t="s">
        <v>44</v>
      </c>
      <c r="AD3598" s="2"/>
      <c r="AE3598" s="1"/>
    </row>
    <row r="3599" spans="1:31" ht="14.45">
      <c r="A3599" s="11"/>
      <c r="B3599" s="20"/>
      <c r="C3599" s="2" t="s">
        <v>11251</v>
      </c>
      <c r="D3599" s="14" t="s">
        <v>11252</v>
      </c>
      <c r="E3599" s="2" t="s">
        <v>11253</v>
      </c>
      <c r="F3599" s="2" t="s">
        <v>2208</v>
      </c>
      <c r="G3599" s="8">
        <v>136</v>
      </c>
      <c r="H3599" s="5">
        <v>13</v>
      </c>
      <c r="I3599" s="5" t="s">
        <v>1518</v>
      </c>
      <c r="J3599" s="5" t="s">
        <v>1519</v>
      </c>
      <c r="K3599" s="2" t="s">
        <v>1520</v>
      </c>
      <c r="L3599" s="5" t="s">
        <v>1519</v>
      </c>
      <c r="M3599" s="2" t="s">
        <v>1520</v>
      </c>
      <c r="N3599" s="5" t="s">
        <v>1521</v>
      </c>
      <c r="O3599" s="5" t="s">
        <v>38</v>
      </c>
      <c r="P3599" s="5" t="s">
        <v>39</v>
      </c>
      <c r="Q3599" s="5" t="s">
        <v>40</v>
      </c>
      <c r="R3599" s="5" t="s">
        <v>1522</v>
      </c>
      <c r="S3599" s="5" t="s">
        <v>1523</v>
      </c>
      <c r="T3599" s="5" t="s">
        <v>42</v>
      </c>
      <c r="U3599" s="2">
        <v>2.0489999999999999</v>
      </c>
      <c r="V3599" s="2">
        <v>1.7090000000000001</v>
      </c>
      <c r="W3599" s="2">
        <v>0.01</v>
      </c>
      <c r="X3599" s="2">
        <v>118.9</v>
      </c>
      <c r="Y3599" s="2">
        <v>7.6</v>
      </c>
      <c r="Z3599" s="2">
        <v>10.6</v>
      </c>
      <c r="AA3599" s="5"/>
      <c r="AB3599" s="5" t="s">
        <v>43</v>
      </c>
      <c r="AC3599" s="5" t="s">
        <v>44</v>
      </c>
      <c r="AD3599" s="2"/>
      <c r="AE3599" s="1"/>
    </row>
    <row r="3600" spans="1:31" ht="14.45">
      <c r="A3600" s="11"/>
      <c r="B3600" s="20"/>
      <c r="C3600" s="2" t="s">
        <v>11254</v>
      </c>
      <c r="D3600" s="14" t="s">
        <v>11255</v>
      </c>
      <c r="E3600" s="2" t="s">
        <v>11256</v>
      </c>
      <c r="F3600" s="2" t="s">
        <v>2212</v>
      </c>
      <c r="G3600" s="8">
        <v>136</v>
      </c>
      <c r="H3600" s="5">
        <v>13</v>
      </c>
      <c r="I3600" s="5" t="s">
        <v>1518</v>
      </c>
      <c r="J3600" s="5" t="s">
        <v>1519</v>
      </c>
      <c r="K3600" s="2" t="s">
        <v>1520</v>
      </c>
      <c r="L3600" s="5" t="s">
        <v>1519</v>
      </c>
      <c r="M3600" s="2" t="s">
        <v>1520</v>
      </c>
      <c r="N3600" s="5" t="s">
        <v>1521</v>
      </c>
      <c r="O3600" s="5" t="s">
        <v>38</v>
      </c>
      <c r="P3600" s="5" t="s">
        <v>39</v>
      </c>
      <c r="Q3600" s="5" t="s">
        <v>40</v>
      </c>
      <c r="R3600" s="5" t="s">
        <v>1522</v>
      </c>
      <c r="S3600" s="5" t="s">
        <v>1523</v>
      </c>
      <c r="T3600" s="5" t="s">
        <v>42</v>
      </c>
      <c r="U3600" s="2">
        <v>2.097</v>
      </c>
      <c r="V3600" s="2">
        <v>1.7569999999999999</v>
      </c>
      <c r="W3600" s="2">
        <v>0.01</v>
      </c>
      <c r="X3600" s="2">
        <v>118.9</v>
      </c>
      <c r="Y3600" s="2">
        <v>7.6</v>
      </c>
      <c r="Z3600" s="2">
        <v>10.6</v>
      </c>
      <c r="AA3600" s="5"/>
      <c r="AB3600" s="5" t="s">
        <v>43</v>
      </c>
      <c r="AC3600" s="5" t="s">
        <v>44</v>
      </c>
      <c r="AD3600" s="2"/>
      <c r="AE3600" s="1"/>
    </row>
    <row r="3601" spans="1:31" ht="14.45">
      <c r="A3601" s="11"/>
      <c r="B3601" s="20"/>
      <c r="C3601" s="2" t="s">
        <v>11257</v>
      </c>
      <c r="D3601" s="14" t="s">
        <v>11258</v>
      </c>
      <c r="E3601" s="2" t="s">
        <v>11259</v>
      </c>
      <c r="F3601" s="2" t="s">
        <v>1831</v>
      </c>
      <c r="G3601" s="8">
        <v>136</v>
      </c>
      <c r="H3601" s="5">
        <v>13</v>
      </c>
      <c r="I3601" s="5" t="s">
        <v>1518</v>
      </c>
      <c r="J3601" s="5" t="s">
        <v>1519</v>
      </c>
      <c r="K3601" s="2" t="s">
        <v>1520</v>
      </c>
      <c r="L3601" s="5" t="s">
        <v>1519</v>
      </c>
      <c r="M3601" s="2" t="s">
        <v>1520</v>
      </c>
      <c r="N3601" s="5" t="s">
        <v>1521</v>
      </c>
      <c r="O3601" s="5" t="s">
        <v>38</v>
      </c>
      <c r="P3601" s="5" t="s">
        <v>39</v>
      </c>
      <c r="Q3601" s="5" t="s">
        <v>40</v>
      </c>
      <c r="R3601" s="5" t="s">
        <v>1522</v>
      </c>
      <c r="S3601" s="5" t="s">
        <v>1523</v>
      </c>
      <c r="T3601" s="5" t="s">
        <v>42</v>
      </c>
      <c r="U3601" s="2">
        <v>2.0489999999999999</v>
      </c>
      <c r="V3601" s="2">
        <v>1.7090000000000001</v>
      </c>
      <c r="W3601" s="2">
        <v>0.01</v>
      </c>
      <c r="X3601" s="2">
        <v>118.9</v>
      </c>
      <c r="Y3601" s="2">
        <v>7.6</v>
      </c>
      <c r="Z3601" s="2">
        <v>10.6</v>
      </c>
      <c r="AA3601" s="5"/>
      <c r="AB3601" s="5" t="s">
        <v>43</v>
      </c>
      <c r="AC3601" s="5" t="s">
        <v>44</v>
      </c>
      <c r="AD3601" s="2"/>
      <c r="AE3601" s="1"/>
    </row>
    <row r="3602" spans="1:31" ht="14.45">
      <c r="A3602" s="11"/>
      <c r="B3602" s="20"/>
      <c r="C3602" s="2" t="s">
        <v>11260</v>
      </c>
      <c r="D3602" s="14" t="s">
        <v>11261</v>
      </c>
      <c r="E3602" s="2" t="s">
        <v>11262</v>
      </c>
      <c r="F3602" s="2" t="s">
        <v>1835</v>
      </c>
      <c r="G3602" s="8">
        <v>136</v>
      </c>
      <c r="H3602" s="5">
        <v>13</v>
      </c>
      <c r="I3602" s="5" t="s">
        <v>1518</v>
      </c>
      <c r="J3602" s="5" t="s">
        <v>1519</v>
      </c>
      <c r="K3602" s="2" t="s">
        <v>1520</v>
      </c>
      <c r="L3602" s="5" t="s">
        <v>1519</v>
      </c>
      <c r="M3602" s="2" t="s">
        <v>1520</v>
      </c>
      <c r="N3602" s="5" t="s">
        <v>1521</v>
      </c>
      <c r="O3602" s="5" t="s">
        <v>38</v>
      </c>
      <c r="P3602" s="5" t="s">
        <v>39</v>
      </c>
      <c r="Q3602" s="5" t="s">
        <v>40</v>
      </c>
      <c r="R3602" s="5" t="s">
        <v>1522</v>
      </c>
      <c r="S3602" s="5" t="s">
        <v>1523</v>
      </c>
      <c r="T3602" s="5" t="s">
        <v>42</v>
      </c>
      <c r="U3602" s="2">
        <v>2.097</v>
      </c>
      <c r="V3602" s="2">
        <v>1.7569999999999999</v>
      </c>
      <c r="W3602" s="2">
        <v>0.01</v>
      </c>
      <c r="X3602" s="2">
        <v>118.9</v>
      </c>
      <c r="Y3602" s="2">
        <v>7.6</v>
      </c>
      <c r="Z3602" s="2">
        <v>10.6</v>
      </c>
      <c r="AA3602" s="5"/>
      <c r="AB3602" s="5" t="s">
        <v>43</v>
      </c>
      <c r="AC3602" s="5" t="s">
        <v>44</v>
      </c>
      <c r="AD3602" s="2"/>
      <c r="AE3602" s="1"/>
    </row>
    <row r="3603" spans="1:31" ht="14.45">
      <c r="A3603" s="11"/>
      <c r="B3603" s="20"/>
      <c r="C3603" s="2" t="s">
        <v>11263</v>
      </c>
      <c r="D3603" s="14" t="s">
        <v>11264</v>
      </c>
      <c r="E3603" s="2" t="s">
        <v>11265</v>
      </c>
      <c r="F3603" s="2" t="s">
        <v>1839</v>
      </c>
      <c r="G3603" s="8">
        <v>136</v>
      </c>
      <c r="H3603" s="5">
        <v>13</v>
      </c>
      <c r="I3603" s="5" t="s">
        <v>1518</v>
      </c>
      <c r="J3603" s="5" t="s">
        <v>1519</v>
      </c>
      <c r="K3603" s="2" t="s">
        <v>1520</v>
      </c>
      <c r="L3603" s="5" t="s">
        <v>1519</v>
      </c>
      <c r="M3603" s="2" t="s">
        <v>1520</v>
      </c>
      <c r="N3603" s="5" t="s">
        <v>1521</v>
      </c>
      <c r="O3603" s="5" t="s">
        <v>38</v>
      </c>
      <c r="P3603" s="5" t="s">
        <v>39</v>
      </c>
      <c r="Q3603" s="5" t="s">
        <v>40</v>
      </c>
      <c r="R3603" s="5" t="s">
        <v>1522</v>
      </c>
      <c r="S3603" s="5" t="s">
        <v>1523</v>
      </c>
      <c r="T3603" s="5" t="s">
        <v>42</v>
      </c>
      <c r="U3603" s="2">
        <v>2.0489999999999999</v>
      </c>
      <c r="V3603" s="2">
        <v>1.7090000000000001</v>
      </c>
      <c r="W3603" s="2">
        <v>0.01</v>
      </c>
      <c r="X3603" s="2">
        <v>118.9</v>
      </c>
      <c r="Y3603" s="2">
        <v>7.6</v>
      </c>
      <c r="Z3603" s="2">
        <v>10.6</v>
      </c>
      <c r="AA3603" s="5"/>
      <c r="AB3603" s="5" t="s">
        <v>43</v>
      </c>
      <c r="AC3603" s="5" t="s">
        <v>44</v>
      </c>
      <c r="AD3603" s="2"/>
      <c r="AE3603" s="1"/>
    </row>
    <row r="3604" spans="1:31" ht="14.45">
      <c r="A3604" s="11"/>
      <c r="B3604" s="20"/>
      <c r="C3604" s="2" t="s">
        <v>11266</v>
      </c>
      <c r="D3604" s="14" t="s">
        <v>11267</v>
      </c>
      <c r="E3604" s="2" t="s">
        <v>11268</v>
      </c>
      <c r="F3604" s="2" t="s">
        <v>1986</v>
      </c>
      <c r="G3604" s="8">
        <v>136</v>
      </c>
      <c r="H3604" s="5">
        <v>13</v>
      </c>
      <c r="I3604" s="5" t="s">
        <v>1518</v>
      </c>
      <c r="J3604" s="5" t="s">
        <v>1519</v>
      </c>
      <c r="K3604" s="2" t="s">
        <v>1520</v>
      </c>
      <c r="L3604" s="5" t="s">
        <v>1519</v>
      </c>
      <c r="M3604" s="2" t="s">
        <v>1520</v>
      </c>
      <c r="N3604" s="5" t="s">
        <v>1521</v>
      </c>
      <c r="O3604" s="5" t="s">
        <v>38</v>
      </c>
      <c r="P3604" s="5" t="s">
        <v>39</v>
      </c>
      <c r="Q3604" s="5" t="s">
        <v>40</v>
      </c>
      <c r="R3604" s="5" t="s">
        <v>1522</v>
      </c>
      <c r="S3604" s="5" t="s">
        <v>1523</v>
      </c>
      <c r="T3604" s="5" t="s">
        <v>42</v>
      </c>
      <c r="U3604" s="2">
        <v>2.097</v>
      </c>
      <c r="V3604" s="2">
        <v>1.7569999999999999</v>
      </c>
      <c r="W3604" s="2">
        <v>0.01</v>
      </c>
      <c r="X3604" s="2">
        <v>118.9</v>
      </c>
      <c r="Y3604" s="2">
        <v>7.6</v>
      </c>
      <c r="Z3604" s="2">
        <v>10.6</v>
      </c>
      <c r="AA3604" s="5"/>
      <c r="AB3604" s="5" t="s">
        <v>43</v>
      </c>
      <c r="AC3604" s="5" t="s">
        <v>44</v>
      </c>
      <c r="AD3604" s="2"/>
      <c r="AE3604" s="1"/>
    </row>
    <row r="3605" spans="1:31" ht="14.45">
      <c r="A3605" s="11"/>
      <c r="B3605" s="20"/>
      <c r="C3605" s="2" t="s">
        <v>11269</v>
      </c>
      <c r="D3605" s="14" t="s">
        <v>11270</v>
      </c>
      <c r="E3605" s="2" t="s">
        <v>11271</v>
      </c>
      <c r="F3605" s="2" t="s">
        <v>1843</v>
      </c>
      <c r="G3605" s="8">
        <v>136</v>
      </c>
      <c r="H3605" s="5">
        <v>13</v>
      </c>
      <c r="I3605" s="5" t="s">
        <v>1518</v>
      </c>
      <c r="J3605" s="5" t="s">
        <v>1519</v>
      </c>
      <c r="K3605" s="2" t="s">
        <v>1520</v>
      </c>
      <c r="L3605" s="5" t="s">
        <v>1519</v>
      </c>
      <c r="M3605" s="2" t="s">
        <v>1520</v>
      </c>
      <c r="N3605" s="5" t="s">
        <v>1521</v>
      </c>
      <c r="O3605" s="5" t="s">
        <v>38</v>
      </c>
      <c r="P3605" s="5" t="s">
        <v>39</v>
      </c>
      <c r="Q3605" s="5" t="s">
        <v>40</v>
      </c>
      <c r="R3605" s="5" t="s">
        <v>1522</v>
      </c>
      <c r="S3605" s="5" t="s">
        <v>1523</v>
      </c>
      <c r="T3605" s="5" t="s">
        <v>42</v>
      </c>
      <c r="U3605" s="2">
        <v>2.0489999999999999</v>
      </c>
      <c r="V3605" s="2">
        <v>1.7090000000000001</v>
      </c>
      <c r="W3605" s="2">
        <v>0.01</v>
      </c>
      <c r="X3605" s="2">
        <v>118.9</v>
      </c>
      <c r="Y3605" s="2">
        <v>7.6</v>
      </c>
      <c r="Z3605" s="2">
        <v>10.6</v>
      </c>
      <c r="AA3605" s="5"/>
      <c r="AB3605" s="5" t="s">
        <v>43</v>
      </c>
      <c r="AC3605" s="5" t="s">
        <v>44</v>
      </c>
      <c r="AD3605" s="2"/>
      <c r="AE3605" s="1"/>
    </row>
    <row r="3606" spans="1:31" ht="14.45">
      <c r="A3606" s="11"/>
      <c r="B3606" s="20"/>
      <c r="C3606" s="2" t="s">
        <v>11272</v>
      </c>
      <c r="D3606" s="14" t="s">
        <v>11273</v>
      </c>
      <c r="E3606" s="2" t="s">
        <v>11274</v>
      </c>
      <c r="F3606" s="2" t="s">
        <v>1847</v>
      </c>
      <c r="G3606" s="8">
        <v>136</v>
      </c>
      <c r="H3606" s="5">
        <v>13</v>
      </c>
      <c r="I3606" s="5" t="s">
        <v>1518</v>
      </c>
      <c r="J3606" s="5" t="s">
        <v>1519</v>
      </c>
      <c r="K3606" s="2" t="s">
        <v>1520</v>
      </c>
      <c r="L3606" s="5" t="s">
        <v>1519</v>
      </c>
      <c r="M3606" s="2" t="s">
        <v>1520</v>
      </c>
      <c r="N3606" s="5" t="s">
        <v>1521</v>
      </c>
      <c r="O3606" s="5" t="s">
        <v>38</v>
      </c>
      <c r="P3606" s="5" t="s">
        <v>39</v>
      </c>
      <c r="Q3606" s="5" t="s">
        <v>40</v>
      </c>
      <c r="R3606" s="5" t="s">
        <v>1522</v>
      </c>
      <c r="S3606" s="5" t="s">
        <v>1523</v>
      </c>
      <c r="T3606" s="5" t="s">
        <v>42</v>
      </c>
      <c r="U3606" s="2">
        <v>2.097</v>
      </c>
      <c r="V3606" s="2">
        <v>1.7569999999999999</v>
      </c>
      <c r="W3606" s="2">
        <v>0.01</v>
      </c>
      <c r="X3606" s="2">
        <v>118.9</v>
      </c>
      <c r="Y3606" s="2">
        <v>7.6</v>
      </c>
      <c r="Z3606" s="2">
        <v>10.6</v>
      </c>
      <c r="AA3606" s="5"/>
      <c r="AB3606" s="5" t="s">
        <v>43</v>
      </c>
      <c r="AC3606" s="5" t="s">
        <v>44</v>
      </c>
      <c r="AD3606" s="2"/>
      <c r="AE3606" s="1"/>
    </row>
    <row r="3607" spans="1:31" ht="14.45">
      <c r="A3607" s="11"/>
      <c r="B3607" s="20"/>
      <c r="C3607" s="2" t="s">
        <v>11275</v>
      </c>
      <c r="D3607" s="14" t="s">
        <v>11276</v>
      </c>
      <c r="E3607" s="2" t="s">
        <v>11277</v>
      </c>
      <c r="F3607" s="2" t="s">
        <v>1851</v>
      </c>
      <c r="G3607" s="8">
        <v>136</v>
      </c>
      <c r="H3607" s="5">
        <v>13</v>
      </c>
      <c r="I3607" s="5" t="s">
        <v>1518</v>
      </c>
      <c r="J3607" s="5" t="s">
        <v>1519</v>
      </c>
      <c r="K3607" s="2" t="s">
        <v>1520</v>
      </c>
      <c r="L3607" s="5" t="s">
        <v>1519</v>
      </c>
      <c r="M3607" s="2" t="s">
        <v>1520</v>
      </c>
      <c r="N3607" s="5" t="s">
        <v>1521</v>
      </c>
      <c r="O3607" s="5" t="s">
        <v>38</v>
      </c>
      <c r="P3607" s="5" t="s">
        <v>39</v>
      </c>
      <c r="Q3607" s="5" t="s">
        <v>40</v>
      </c>
      <c r="R3607" s="5" t="s">
        <v>1522</v>
      </c>
      <c r="S3607" s="5" t="s">
        <v>1523</v>
      </c>
      <c r="T3607" s="5" t="s">
        <v>42</v>
      </c>
      <c r="U3607" s="2">
        <v>2.0489999999999999</v>
      </c>
      <c r="V3607" s="2">
        <v>1.7090000000000001</v>
      </c>
      <c r="W3607" s="2">
        <v>0.01</v>
      </c>
      <c r="X3607" s="2">
        <v>118.9</v>
      </c>
      <c r="Y3607" s="2">
        <v>7.6</v>
      </c>
      <c r="Z3607" s="2">
        <v>10.6</v>
      </c>
      <c r="AA3607" s="5"/>
      <c r="AB3607" s="5" t="s">
        <v>43</v>
      </c>
      <c r="AC3607" s="5" t="s">
        <v>44</v>
      </c>
      <c r="AD3607" s="2"/>
      <c r="AE3607" s="1"/>
    </row>
    <row r="3608" spans="1:31" ht="14.45">
      <c r="A3608" s="11"/>
      <c r="B3608" s="20"/>
      <c r="C3608" s="2" t="s">
        <v>11278</v>
      </c>
      <c r="D3608" s="14" t="s">
        <v>11279</v>
      </c>
      <c r="E3608" s="2" t="s">
        <v>11280</v>
      </c>
      <c r="F3608" s="2" t="s">
        <v>1999</v>
      </c>
      <c r="G3608" s="8">
        <v>136</v>
      </c>
      <c r="H3608" s="5">
        <v>13</v>
      </c>
      <c r="I3608" s="5" t="s">
        <v>1518</v>
      </c>
      <c r="J3608" s="5" t="s">
        <v>1519</v>
      </c>
      <c r="K3608" s="2" t="s">
        <v>1520</v>
      </c>
      <c r="L3608" s="5" t="s">
        <v>1519</v>
      </c>
      <c r="M3608" s="2" t="s">
        <v>1520</v>
      </c>
      <c r="N3608" s="5" t="s">
        <v>1521</v>
      </c>
      <c r="O3608" s="5" t="s">
        <v>38</v>
      </c>
      <c r="P3608" s="5" t="s">
        <v>39</v>
      </c>
      <c r="Q3608" s="5" t="s">
        <v>40</v>
      </c>
      <c r="R3608" s="5" t="s">
        <v>1522</v>
      </c>
      <c r="S3608" s="5" t="s">
        <v>1523</v>
      </c>
      <c r="T3608" s="5" t="s">
        <v>42</v>
      </c>
      <c r="U3608" s="2">
        <v>2.097</v>
      </c>
      <c r="V3608" s="2">
        <v>1.7569999999999999</v>
      </c>
      <c r="W3608" s="2">
        <v>0.01</v>
      </c>
      <c r="X3608" s="2">
        <v>118.9</v>
      </c>
      <c r="Y3608" s="2">
        <v>7.6</v>
      </c>
      <c r="Z3608" s="2">
        <v>10.6</v>
      </c>
      <c r="AA3608" s="5"/>
      <c r="AB3608" s="5" t="s">
        <v>43</v>
      </c>
      <c r="AC3608" s="5" t="s">
        <v>44</v>
      </c>
      <c r="AD3608" s="2"/>
      <c r="AE3608" s="1"/>
    </row>
    <row r="3609" spans="1:31" ht="14.45">
      <c r="A3609" s="11"/>
      <c r="B3609" s="20"/>
      <c r="C3609" s="2" t="s">
        <v>11281</v>
      </c>
      <c r="D3609" s="14" t="s">
        <v>11282</v>
      </c>
      <c r="E3609" s="2" t="s">
        <v>11283</v>
      </c>
      <c r="F3609" s="2" t="s">
        <v>1855</v>
      </c>
      <c r="G3609" s="8">
        <v>136</v>
      </c>
      <c r="H3609" s="5">
        <v>13</v>
      </c>
      <c r="I3609" s="5" t="s">
        <v>1518</v>
      </c>
      <c r="J3609" s="5" t="s">
        <v>1519</v>
      </c>
      <c r="K3609" s="2" t="s">
        <v>1520</v>
      </c>
      <c r="L3609" s="5" t="s">
        <v>1519</v>
      </c>
      <c r="M3609" s="2" t="s">
        <v>1520</v>
      </c>
      <c r="N3609" s="5" t="s">
        <v>1521</v>
      </c>
      <c r="O3609" s="5" t="s">
        <v>38</v>
      </c>
      <c r="P3609" s="5" t="s">
        <v>39</v>
      </c>
      <c r="Q3609" s="5" t="s">
        <v>40</v>
      </c>
      <c r="R3609" s="5" t="s">
        <v>1522</v>
      </c>
      <c r="S3609" s="5" t="s">
        <v>1523</v>
      </c>
      <c r="T3609" s="5" t="s">
        <v>42</v>
      </c>
      <c r="U3609" s="2">
        <v>2.0489999999999999</v>
      </c>
      <c r="V3609" s="2">
        <v>1.7090000000000001</v>
      </c>
      <c r="W3609" s="2">
        <v>0.01</v>
      </c>
      <c r="X3609" s="2">
        <v>118.9</v>
      </c>
      <c r="Y3609" s="2">
        <v>7.6</v>
      </c>
      <c r="Z3609" s="2">
        <v>10.6</v>
      </c>
      <c r="AA3609" s="5"/>
      <c r="AB3609" s="5" t="s">
        <v>43</v>
      </c>
      <c r="AC3609" s="5" t="s">
        <v>44</v>
      </c>
      <c r="AD3609" s="2"/>
      <c r="AE3609" s="1"/>
    </row>
    <row r="3610" spans="1:31" ht="14.45">
      <c r="A3610" s="11"/>
      <c r="B3610" s="20"/>
      <c r="C3610" s="2" t="s">
        <v>11284</v>
      </c>
      <c r="D3610" s="14" t="s">
        <v>11285</v>
      </c>
      <c r="E3610" s="2" t="s">
        <v>11286</v>
      </c>
      <c r="F3610" s="2" t="s">
        <v>1859</v>
      </c>
      <c r="G3610" s="8">
        <v>136</v>
      </c>
      <c r="H3610" s="5">
        <v>13</v>
      </c>
      <c r="I3610" s="5" t="s">
        <v>1518</v>
      </c>
      <c r="J3610" s="5" t="s">
        <v>1519</v>
      </c>
      <c r="K3610" s="2" t="s">
        <v>1520</v>
      </c>
      <c r="L3610" s="5" t="s">
        <v>1519</v>
      </c>
      <c r="M3610" s="2" t="s">
        <v>1520</v>
      </c>
      <c r="N3610" s="5" t="s">
        <v>1521</v>
      </c>
      <c r="O3610" s="5" t="s">
        <v>38</v>
      </c>
      <c r="P3610" s="5" t="s">
        <v>39</v>
      </c>
      <c r="Q3610" s="5" t="s">
        <v>40</v>
      </c>
      <c r="R3610" s="5" t="s">
        <v>1522</v>
      </c>
      <c r="S3610" s="5" t="s">
        <v>1523</v>
      </c>
      <c r="T3610" s="5" t="s">
        <v>42</v>
      </c>
      <c r="U3610" s="2">
        <v>2.097</v>
      </c>
      <c r="V3610" s="2">
        <v>1.7569999999999999</v>
      </c>
      <c r="W3610" s="2">
        <v>0.01</v>
      </c>
      <c r="X3610" s="2">
        <v>118.9</v>
      </c>
      <c r="Y3610" s="2">
        <v>7.6</v>
      </c>
      <c r="Z3610" s="2">
        <v>10.6</v>
      </c>
      <c r="AA3610" s="5"/>
      <c r="AB3610" s="5" t="s">
        <v>43</v>
      </c>
      <c r="AC3610" s="5" t="s">
        <v>44</v>
      </c>
      <c r="AD3610" s="2"/>
      <c r="AE3610" s="1"/>
    </row>
    <row r="3611" spans="1:31" ht="14.45">
      <c r="A3611" s="11"/>
      <c r="B3611" s="20"/>
      <c r="C3611" s="2" t="s">
        <v>11287</v>
      </c>
      <c r="D3611" s="14" t="s">
        <v>11288</v>
      </c>
      <c r="E3611" s="2" t="s">
        <v>11289</v>
      </c>
      <c r="F3611" s="2" t="s">
        <v>1863</v>
      </c>
      <c r="G3611" s="8">
        <v>136</v>
      </c>
      <c r="H3611" s="5">
        <v>11</v>
      </c>
      <c r="I3611" s="5" t="s">
        <v>1518</v>
      </c>
      <c r="J3611" s="5" t="s">
        <v>1519</v>
      </c>
      <c r="K3611" s="2" t="s">
        <v>1520</v>
      </c>
      <c r="L3611" s="5" t="s">
        <v>1519</v>
      </c>
      <c r="M3611" s="2" t="s">
        <v>1520</v>
      </c>
      <c r="N3611" s="5" t="s">
        <v>1521</v>
      </c>
      <c r="O3611" s="5" t="s">
        <v>38</v>
      </c>
      <c r="P3611" s="5" t="s">
        <v>39</v>
      </c>
      <c r="Q3611" s="5" t="s">
        <v>40</v>
      </c>
      <c r="R3611" s="5" t="s">
        <v>1522</v>
      </c>
      <c r="S3611" s="5" t="s">
        <v>1523</v>
      </c>
      <c r="T3611" s="5" t="s">
        <v>42</v>
      </c>
      <c r="U3611" s="2">
        <v>1.986</v>
      </c>
      <c r="V3611" s="2">
        <v>1.6439999999999999</v>
      </c>
      <c r="W3611" s="2">
        <v>0.01</v>
      </c>
      <c r="X3611" s="2">
        <v>118.9</v>
      </c>
      <c r="Y3611" s="2">
        <v>7.6</v>
      </c>
      <c r="Z3611" s="2">
        <v>10.6</v>
      </c>
      <c r="AA3611" s="5"/>
      <c r="AB3611" s="5" t="s">
        <v>43</v>
      </c>
      <c r="AC3611" s="5" t="s">
        <v>44</v>
      </c>
      <c r="AD3611" s="2"/>
      <c r="AE3611" s="1"/>
    </row>
    <row r="3612" spans="1:31" ht="14.45">
      <c r="A3612" s="11"/>
      <c r="B3612" s="20"/>
      <c r="C3612" s="2" t="s">
        <v>11290</v>
      </c>
      <c r="D3612" s="14" t="s">
        <v>11291</v>
      </c>
      <c r="E3612" s="2" t="s">
        <v>11292</v>
      </c>
      <c r="F3612" s="2" t="s">
        <v>1867</v>
      </c>
      <c r="G3612" s="8">
        <v>136</v>
      </c>
      <c r="H3612" s="5">
        <v>11</v>
      </c>
      <c r="I3612" s="5" t="s">
        <v>1518</v>
      </c>
      <c r="J3612" s="5" t="s">
        <v>1519</v>
      </c>
      <c r="K3612" s="2" t="s">
        <v>1520</v>
      </c>
      <c r="L3612" s="5" t="s">
        <v>1519</v>
      </c>
      <c r="M3612" s="2" t="s">
        <v>1520</v>
      </c>
      <c r="N3612" s="5" t="s">
        <v>1521</v>
      </c>
      <c r="O3612" s="5" t="s">
        <v>38</v>
      </c>
      <c r="P3612" s="5" t="s">
        <v>39</v>
      </c>
      <c r="Q3612" s="5" t="s">
        <v>40</v>
      </c>
      <c r="R3612" s="5" t="s">
        <v>1522</v>
      </c>
      <c r="S3612" s="5" t="s">
        <v>1523</v>
      </c>
      <c r="T3612" s="5" t="s">
        <v>42</v>
      </c>
      <c r="U3612" s="2">
        <v>2.0339999999999998</v>
      </c>
      <c r="V3612" s="2">
        <v>1.6919999999999999</v>
      </c>
      <c r="W3612" s="2">
        <v>0.01</v>
      </c>
      <c r="X3612" s="2">
        <v>118.9</v>
      </c>
      <c r="Y3612" s="2">
        <v>7.6</v>
      </c>
      <c r="Z3612" s="2">
        <v>10.6</v>
      </c>
      <c r="AA3612" s="5"/>
      <c r="AB3612" s="5" t="s">
        <v>43</v>
      </c>
      <c r="AC3612" s="5" t="s">
        <v>44</v>
      </c>
      <c r="AD3612" s="2"/>
      <c r="AE3612" s="1"/>
    </row>
    <row r="3613" spans="1:31" ht="14.45">
      <c r="A3613" s="11"/>
      <c r="B3613" s="20"/>
      <c r="C3613" s="2" t="s">
        <v>11293</v>
      </c>
      <c r="D3613" s="14" t="s">
        <v>11294</v>
      </c>
      <c r="E3613" s="2" t="s">
        <v>11295</v>
      </c>
      <c r="F3613" s="2" t="s">
        <v>7396</v>
      </c>
      <c r="G3613" s="8">
        <v>128</v>
      </c>
      <c r="H3613" s="5">
        <v>5</v>
      </c>
      <c r="I3613" s="5" t="s">
        <v>1518</v>
      </c>
      <c r="J3613" s="5" t="s">
        <v>1519</v>
      </c>
      <c r="K3613" s="2" t="s">
        <v>1520</v>
      </c>
      <c r="L3613" s="5" t="s">
        <v>1519</v>
      </c>
      <c r="M3613" s="2" t="s">
        <v>1520</v>
      </c>
      <c r="N3613" s="5" t="s">
        <v>1521</v>
      </c>
      <c r="O3613" s="5" t="s">
        <v>38</v>
      </c>
      <c r="P3613" s="5" t="s">
        <v>39</v>
      </c>
      <c r="Q3613" s="5" t="s">
        <v>40</v>
      </c>
      <c r="R3613" s="5" t="s">
        <v>1522</v>
      </c>
      <c r="S3613" s="5" t="s">
        <v>1523</v>
      </c>
      <c r="T3613" s="5" t="s">
        <v>42</v>
      </c>
      <c r="U3613" s="2">
        <v>2.1720000000000002</v>
      </c>
      <c r="V3613" s="2">
        <v>1.78</v>
      </c>
      <c r="W3613" s="2">
        <v>1.0999999999999999E-2</v>
      </c>
      <c r="X3613" s="2">
        <v>139.1</v>
      </c>
      <c r="Y3613" s="2">
        <v>7.6</v>
      </c>
      <c r="Z3613" s="2">
        <v>10.6</v>
      </c>
      <c r="AA3613" s="5"/>
      <c r="AB3613" s="5" t="s">
        <v>43</v>
      </c>
      <c r="AC3613" s="5" t="s">
        <v>44</v>
      </c>
      <c r="AD3613" s="2"/>
      <c r="AE3613" s="1"/>
    </row>
    <row r="3614" spans="1:31" ht="14.45">
      <c r="A3614" s="11"/>
      <c r="B3614" s="20"/>
      <c r="C3614" s="2" t="s">
        <v>11296</v>
      </c>
      <c r="D3614" s="14" t="s">
        <v>11297</v>
      </c>
      <c r="E3614" s="2" t="s">
        <v>11298</v>
      </c>
      <c r="F3614" s="2" t="s">
        <v>7507</v>
      </c>
      <c r="G3614" s="8">
        <v>128</v>
      </c>
      <c r="H3614" s="5">
        <v>5</v>
      </c>
      <c r="I3614" s="5" t="s">
        <v>1518</v>
      </c>
      <c r="J3614" s="5" t="s">
        <v>1519</v>
      </c>
      <c r="K3614" s="2" t="s">
        <v>1520</v>
      </c>
      <c r="L3614" s="5" t="s">
        <v>1519</v>
      </c>
      <c r="M3614" s="2" t="s">
        <v>1520</v>
      </c>
      <c r="N3614" s="5" t="s">
        <v>1521</v>
      </c>
      <c r="O3614" s="5" t="s">
        <v>38</v>
      </c>
      <c r="P3614" s="5" t="s">
        <v>39</v>
      </c>
      <c r="Q3614" s="5" t="s">
        <v>40</v>
      </c>
      <c r="R3614" s="5" t="s">
        <v>1522</v>
      </c>
      <c r="S3614" s="5" t="s">
        <v>1523</v>
      </c>
      <c r="T3614" s="5" t="s">
        <v>42</v>
      </c>
      <c r="U3614" s="2">
        <v>2.2250000000000001</v>
      </c>
      <c r="V3614" s="2">
        <v>1.833</v>
      </c>
      <c r="W3614" s="2">
        <v>1.0999999999999999E-2</v>
      </c>
      <c r="X3614" s="2">
        <v>139.1</v>
      </c>
      <c r="Y3614" s="2">
        <v>7.6</v>
      </c>
      <c r="Z3614" s="2">
        <v>10.6</v>
      </c>
      <c r="AA3614" s="5"/>
      <c r="AB3614" s="5" t="s">
        <v>43</v>
      </c>
      <c r="AC3614" s="5" t="s">
        <v>44</v>
      </c>
      <c r="AD3614" s="2"/>
      <c r="AE3614" s="1"/>
    </row>
    <row r="3615" spans="1:31" ht="14.45">
      <c r="A3615" s="11"/>
      <c r="B3615" s="20"/>
      <c r="C3615" s="2" t="s">
        <v>11299</v>
      </c>
      <c r="D3615" s="14" t="s">
        <v>11300</v>
      </c>
      <c r="E3615" s="2" t="s">
        <v>11301</v>
      </c>
      <c r="F3615" s="2" t="s">
        <v>7204</v>
      </c>
      <c r="G3615" s="8">
        <v>128</v>
      </c>
      <c r="H3615" s="5">
        <v>5</v>
      </c>
      <c r="I3615" s="5" t="s">
        <v>1518</v>
      </c>
      <c r="J3615" s="5" t="s">
        <v>1519</v>
      </c>
      <c r="K3615" s="2" t="s">
        <v>1520</v>
      </c>
      <c r="L3615" s="5" t="s">
        <v>1519</v>
      </c>
      <c r="M3615" s="2" t="s">
        <v>1520</v>
      </c>
      <c r="N3615" s="5" t="s">
        <v>1521</v>
      </c>
      <c r="O3615" s="5" t="s">
        <v>38</v>
      </c>
      <c r="P3615" s="5" t="s">
        <v>39</v>
      </c>
      <c r="Q3615" s="5" t="s">
        <v>40</v>
      </c>
      <c r="R3615" s="5" t="s">
        <v>1522</v>
      </c>
      <c r="S3615" s="5" t="s">
        <v>1523</v>
      </c>
      <c r="T3615" s="5" t="s">
        <v>42</v>
      </c>
      <c r="U3615" s="2">
        <v>2.1829999999999998</v>
      </c>
      <c r="V3615" s="2">
        <v>1.7909999999999999</v>
      </c>
      <c r="W3615" s="2">
        <v>1.0999999999999999E-2</v>
      </c>
      <c r="X3615" s="2">
        <v>139.1</v>
      </c>
      <c r="Y3615" s="2">
        <v>7.6</v>
      </c>
      <c r="Z3615" s="2">
        <v>10.6</v>
      </c>
      <c r="AA3615" s="5"/>
      <c r="AB3615" s="5" t="s">
        <v>43</v>
      </c>
      <c r="AC3615" s="5" t="s">
        <v>44</v>
      </c>
      <c r="AD3615" s="2"/>
      <c r="AE3615" s="1"/>
    </row>
    <row r="3616" spans="1:31" ht="14.45">
      <c r="A3616" s="11"/>
      <c r="B3616" s="20"/>
      <c r="C3616" s="2" t="s">
        <v>11302</v>
      </c>
      <c r="D3616" s="14" t="s">
        <v>11303</v>
      </c>
      <c r="E3616" s="2" t="s">
        <v>11304</v>
      </c>
      <c r="F3616" s="2" t="s">
        <v>7514</v>
      </c>
      <c r="G3616" s="8">
        <v>128</v>
      </c>
      <c r="H3616" s="5">
        <v>5</v>
      </c>
      <c r="I3616" s="5" t="s">
        <v>1518</v>
      </c>
      <c r="J3616" s="5" t="s">
        <v>1519</v>
      </c>
      <c r="K3616" s="2" t="s">
        <v>1520</v>
      </c>
      <c r="L3616" s="5" t="s">
        <v>1519</v>
      </c>
      <c r="M3616" s="2" t="s">
        <v>1520</v>
      </c>
      <c r="N3616" s="5" t="s">
        <v>1521</v>
      </c>
      <c r="O3616" s="5" t="s">
        <v>38</v>
      </c>
      <c r="P3616" s="5" t="s">
        <v>39</v>
      </c>
      <c r="Q3616" s="5" t="s">
        <v>40</v>
      </c>
      <c r="R3616" s="5" t="s">
        <v>1522</v>
      </c>
      <c r="S3616" s="5" t="s">
        <v>1523</v>
      </c>
      <c r="T3616" s="5" t="s">
        <v>42</v>
      </c>
      <c r="U3616" s="2">
        <v>2.2360000000000002</v>
      </c>
      <c r="V3616" s="2">
        <v>1.8440000000000001</v>
      </c>
      <c r="W3616" s="2">
        <v>1.0999999999999999E-2</v>
      </c>
      <c r="X3616" s="2">
        <v>139.1</v>
      </c>
      <c r="Y3616" s="2">
        <v>7.6</v>
      </c>
      <c r="Z3616" s="2">
        <v>10.6</v>
      </c>
      <c r="AA3616" s="5"/>
      <c r="AB3616" s="5" t="s">
        <v>43</v>
      </c>
      <c r="AC3616" s="5" t="s">
        <v>44</v>
      </c>
      <c r="AD3616" s="2"/>
      <c r="AE3616" s="1"/>
    </row>
    <row r="3617" spans="1:31" ht="14.45">
      <c r="A3617" s="11"/>
      <c r="B3617" s="20"/>
      <c r="C3617" s="2" t="s">
        <v>11305</v>
      </c>
      <c r="D3617" s="14" t="s">
        <v>11306</v>
      </c>
      <c r="E3617" s="2" t="s">
        <v>11307</v>
      </c>
      <c r="F3617" s="2" t="s">
        <v>7208</v>
      </c>
      <c r="G3617" s="8">
        <v>128</v>
      </c>
      <c r="H3617" s="5">
        <v>5</v>
      </c>
      <c r="I3617" s="5" t="s">
        <v>1518</v>
      </c>
      <c r="J3617" s="5" t="s">
        <v>1519</v>
      </c>
      <c r="K3617" s="2" t="s">
        <v>1520</v>
      </c>
      <c r="L3617" s="5" t="s">
        <v>1519</v>
      </c>
      <c r="M3617" s="2" t="s">
        <v>1520</v>
      </c>
      <c r="N3617" s="5" t="s">
        <v>1521</v>
      </c>
      <c r="O3617" s="5" t="s">
        <v>38</v>
      </c>
      <c r="P3617" s="5" t="s">
        <v>39</v>
      </c>
      <c r="Q3617" s="5" t="s">
        <v>40</v>
      </c>
      <c r="R3617" s="5" t="s">
        <v>1522</v>
      </c>
      <c r="S3617" s="5" t="s">
        <v>1523</v>
      </c>
      <c r="T3617" s="5" t="s">
        <v>42</v>
      </c>
      <c r="U3617" s="2">
        <v>2.1829999999999998</v>
      </c>
      <c r="V3617" s="2">
        <v>1.7909999999999999</v>
      </c>
      <c r="W3617" s="2">
        <v>1.0999999999999999E-2</v>
      </c>
      <c r="X3617" s="2">
        <v>139.1</v>
      </c>
      <c r="Y3617" s="2">
        <v>7.6</v>
      </c>
      <c r="Z3617" s="2">
        <v>10.6</v>
      </c>
      <c r="AA3617" s="5"/>
      <c r="AB3617" s="5" t="s">
        <v>43</v>
      </c>
      <c r="AC3617" s="5" t="s">
        <v>44</v>
      </c>
      <c r="AD3617" s="2"/>
      <c r="AE3617" s="1"/>
    </row>
    <row r="3618" spans="1:31" ht="14.45">
      <c r="A3618" s="11"/>
      <c r="B3618" s="20"/>
      <c r="C3618" s="2" t="s">
        <v>11308</v>
      </c>
      <c r="D3618" s="14" t="s">
        <v>11309</v>
      </c>
      <c r="E3618" s="2" t="s">
        <v>11310</v>
      </c>
      <c r="F3618" s="2" t="s">
        <v>7521</v>
      </c>
      <c r="G3618" s="8">
        <v>128</v>
      </c>
      <c r="H3618" s="5">
        <v>5</v>
      </c>
      <c r="I3618" s="5" t="s">
        <v>1518</v>
      </c>
      <c r="J3618" s="5" t="s">
        <v>1519</v>
      </c>
      <c r="K3618" s="2" t="s">
        <v>1520</v>
      </c>
      <c r="L3618" s="5" t="s">
        <v>1519</v>
      </c>
      <c r="M3618" s="2" t="s">
        <v>1520</v>
      </c>
      <c r="N3618" s="5" t="s">
        <v>1521</v>
      </c>
      <c r="O3618" s="5" t="s">
        <v>38</v>
      </c>
      <c r="P3618" s="5" t="s">
        <v>39</v>
      </c>
      <c r="Q3618" s="5" t="s">
        <v>40</v>
      </c>
      <c r="R3618" s="5" t="s">
        <v>1522</v>
      </c>
      <c r="S3618" s="5" t="s">
        <v>1523</v>
      </c>
      <c r="T3618" s="5" t="s">
        <v>42</v>
      </c>
      <c r="U3618" s="2">
        <v>2.2360000000000002</v>
      </c>
      <c r="V3618" s="2">
        <v>1.8440000000000001</v>
      </c>
      <c r="W3618" s="2">
        <v>1.0999999999999999E-2</v>
      </c>
      <c r="X3618" s="2">
        <v>139.1</v>
      </c>
      <c r="Y3618" s="2">
        <v>7.6</v>
      </c>
      <c r="Z3618" s="2">
        <v>10.6</v>
      </c>
      <c r="AA3618" s="5"/>
      <c r="AB3618" s="5" t="s">
        <v>43</v>
      </c>
      <c r="AC3618" s="5" t="s">
        <v>44</v>
      </c>
      <c r="AD3618" s="2"/>
      <c r="AE3618" s="1"/>
    </row>
    <row r="3619" spans="1:31" ht="14.45">
      <c r="A3619" s="11"/>
      <c r="B3619" s="20"/>
      <c r="C3619" s="2" t="s">
        <v>11311</v>
      </c>
      <c r="D3619" s="14" t="s">
        <v>11312</v>
      </c>
      <c r="E3619" s="2" t="s">
        <v>11313</v>
      </c>
      <c r="F3619" s="2" t="s">
        <v>7212</v>
      </c>
      <c r="G3619" s="8">
        <v>128</v>
      </c>
      <c r="H3619" s="5">
        <v>5</v>
      </c>
      <c r="I3619" s="5" t="s">
        <v>1518</v>
      </c>
      <c r="J3619" s="5" t="s">
        <v>1519</v>
      </c>
      <c r="K3619" s="2" t="s">
        <v>1520</v>
      </c>
      <c r="L3619" s="5" t="s">
        <v>1519</v>
      </c>
      <c r="M3619" s="2" t="s">
        <v>1520</v>
      </c>
      <c r="N3619" s="5" t="s">
        <v>1521</v>
      </c>
      <c r="O3619" s="5" t="s">
        <v>38</v>
      </c>
      <c r="P3619" s="5" t="s">
        <v>39</v>
      </c>
      <c r="Q3619" s="5" t="s">
        <v>40</v>
      </c>
      <c r="R3619" s="5" t="s">
        <v>1522</v>
      </c>
      <c r="S3619" s="5" t="s">
        <v>1523</v>
      </c>
      <c r="T3619" s="5" t="s">
        <v>42</v>
      </c>
      <c r="U3619" s="2">
        <v>2.15</v>
      </c>
      <c r="V3619" s="2">
        <v>1.758</v>
      </c>
      <c r="W3619" s="2">
        <v>1.0999999999999999E-2</v>
      </c>
      <c r="X3619" s="2">
        <v>139.1</v>
      </c>
      <c r="Y3619" s="2">
        <v>7.6</v>
      </c>
      <c r="Z3619" s="2">
        <v>10.6</v>
      </c>
      <c r="AA3619" s="5"/>
      <c r="AB3619" s="5" t="s">
        <v>43</v>
      </c>
      <c r="AC3619" s="5" t="s">
        <v>44</v>
      </c>
      <c r="AD3619" s="2"/>
      <c r="AE3619" s="1"/>
    </row>
    <row r="3620" spans="1:31" ht="14.45">
      <c r="A3620" s="11"/>
      <c r="B3620" s="20"/>
      <c r="C3620" s="2" t="s">
        <v>11314</v>
      </c>
      <c r="D3620" s="14" t="s">
        <v>11315</v>
      </c>
      <c r="E3620" s="2" t="s">
        <v>11316</v>
      </c>
      <c r="F3620" s="2" t="s">
        <v>7528</v>
      </c>
      <c r="G3620" s="8">
        <v>128</v>
      </c>
      <c r="H3620" s="5">
        <v>5</v>
      </c>
      <c r="I3620" s="5" t="s">
        <v>1518</v>
      </c>
      <c r="J3620" s="5" t="s">
        <v>1519</v>
      </c>
      <c r="K3620" s="2" t="s">
        <v>1520</v>
      </c>
      <c r="L3620" s="5" t="s">
        <v>1519</v>
      </c>
      <c r="M3620" s="2" t="s">
        <v>1520</v>
      </c>
      <c r="N3620" s="5" t="s">
        <v>1521</v>
      </c>
      <c r="O3620" s="5" t="s">
        <v>38</v>
      </c>
      <c r="P3620" s="5" t="s">
        <v>39</v>
      </c>
      <c r="Q3620" s="5" t="s">
        <v>40</v>
      </c>
      <c r="R3620" s="5" t="s">
        <v>1522</v>
      </c>
      <c r="S3620" s="5" t="s">
        <v>1523</v>
      </c>
      <c r="T3620" s="5" t="s">
        <v>42</v>
      </c>
      <c r="U3620" s="2">
        <v>2.2029999999999998</v>
      </c>
      <c r="V3620" s="2">
        <v>1.8109999999999999</v>
      </c>
      <c r="W3620" s="2">
        <v>1.0999999999999999E-2</v>
      </c>
      <c r="X3620" s="2">
        <v>139.1</v>
      </c>
      <c r="Y3620" s="2">
        <v>7.6</v>
      </c>
      <c r="Z3620" s="2">
        <v>10.6</v>
      </c>
      <c r="AA3620" s="5"/>
      <c r="AB3620" s="5" t="s">
        <v>43</v>
      </c>
      <c r="AC3620" s="5" t="s">
        <v>44</v>
      </c>
      <c r="AD3620" s="2"/>
      <c r="AE3620" s="1"/>
    </row>
    <row r="3621" spans="1:31" ht="14.45">
      <c r="A3621" s="11"/>
      <c r="B3621" s="20"/>
      <c r="C3621" s="2" t="s">
        <v>11317</v>
      </c>
      <c r="D3621" s="14" t="s">
        <v>11318</v>
      </c>
      <c r="E3621" s="2" t="s">
        <v>11319</v>
      </c>
      <c r="F3621" s="2" t="s">
        <v>7406</v>
      </c>
      <c r="G3621" s="8">
        <v>147</v>
      </c>
      <c r="H3621" s="5">
        <v>6</v>
      </c>
      <c r="I3621" s="5" t="s">
        <v>1518</v>
      </c>
      <c r="J3621" s="5" t="s">
        <v>1519</v>
      </c>
      <c r="K3621" s="2" t="s">
        <v>1520</v>
      </c>
      <c r="L3621" s="5" t="s">
        <v>1519</v>
      </c>
      <c r="M3621" s="2" t="s">
        <v>1520</v>
      </c>
      <c r="N3621" s="5" t="s">
        <v>1521</v>
      </c>
      <c r="O3621" s="5" t="s">
        <v>38</v>
      </c>
      <c r="P3621" s="5" t="s">
        <v>39</v>
      </c>
      <c r="Q3621" s="5" t="s">
        <v>40</v>
      </c>
      <c r="R3621" s="5" t="s">
        <v>1522</v>
      </c>
      <c r="S3621" s="5" t="s">
        <v>1523</v>
      </c>
      <c r="T3621" s="5" t="s">
        <v>42</v>
      </c>
      <c r="U3621" s="2">
        <v>2.15</v>
      </c>
      <c r="V3621" s="2">
        <v>1.758</v>
      </c>
      <c r="W3621" s="2">
        <v>1.0999999999999999E-2</v>
      </c>
      <c r="X3621" s="2">
        <v>139.1</v>
      </c>
      <c r="Y3621" s="2">
        <v>7.6</v>
      </c>
      <c r="Z3621" s="2">
        <v>10.6</v>
      </c>
      <c r="AA3621" s="5"/>
      <c r="AB3621" s="5" t="s">
        <v>43</v>
      </c>
      <c r="AC3621" s="5" t="s">
        <v>44</v>
      </c>
      <c r="AD3621" s="2"/>
      <c r="AE3621" s="1"/>
    </row>
    <row r="3622" spans="1:31" ht="14.45">
      <c r="A3622" s="11"/>
      <c r="B3622" s="20"/>
      <c r="C3622" s="2" t="s">
        <v>11320</v>
      </c>
      <c r="D3622" s="14" t="s">
        <v>11321</v>
      </c>
      <c r="E3622" s="2" t="s">
        <v>11322</v>
      </c>
      <c r="F3622" s="2" t="s">
        <v>7535</v>
      </c>
      <c r="G3622" s="8">
        <v>147</v>
      </c>
      <c r="H3622" s="5">
        <v>6</v>
      </c>
      <c r="I3622" s="5" t="s">
        <v>1518</v>
      </c>
      <c r="J3622" s="5" t="s">
        <v>1519</v>
      </c>
      <c r="K3622" s="2" t="s">
        <v>1520</v>
      </c>
      <c r="L3622" s="5" t="s">
        <v>1519</v>
      </c>
      <c r="M3622" s="2" t="s">
        <v>1520</v>
      </c>
      <c r="N3622" s="5" t="s">
        <v>1521</v>
      </c>
      <c r="O3622" s="5" t="s">
        <v>38</v>
      </c>
      <c r="P3622" s="5" t="s">
        <v>39</v>
      </c>
      <c r="Q3622" s="5" t="s">
        <v>40</v>
      </c>
      <c r="R3622" s="5" t="s">
        <v>1522</v>
      </c>
      <c r="S3622" s="5" t="s">
        <v>1523</v>
      </c>
      <c r="T3622" s="5" t="s">
        <v>42</v>
      </c>
      <c r="U3622" s="2">
        <v>2.2029999999999998</v>
      </c>
      <c r="V3622" s="2">
        <v>1.8109999999999999</v>
      </c>
      <c r="W3622" s="2">
        <v>1.0999999999999999E-2</v>
      </c>
      <c r="X3622" s="2">
        <v>139.1</v>
      </c>
      <c r="Y3622" s="2">
        <v>7.6</v>
      </c>
      <c r="Z3622" s="2">
        <v>10.6</v>
      </c>
      <c r="AA3622" s="5"/>
      <c r="AB3622" s="5" t="s">
        <v>43</v>
      </c>
      <c r="AC3622" s="5" t="s">
        <v>44</v>
      </c>
      <c r="AD3622" s="2"/>
      <c r="AE3622" s="1"/>
    </row>
    <row r="3623" spans="1:31" ht="14.45">
      <c r="A3623" s="11"/>
      <c r="B3623" s="20"/>
      <c r="C3623" s="2" t="s">
        <v>11323</v>
      </c>
      <c r="D3623" s="14" t="s">
        <v>11324</v>
      </c>
      <c r="E3623" s="2" t="s">
        <v>11325</v>
      </c>
      <c r="F3623" s="2" t="s">
        <v>7539</v>
      </c>
      <c r="G3623" s="8">
        <v>147</v>
      </c>
      <c r="H3623" s="5">
        <v>6</v>
      </c>
      <c r="I3623" s="5" t="s">
        <v>1518</v>
      </c>
      <c r="J3623" s="5" t="s">
        <v>1519</v>
      </c>
      <c r="K3623" s="2" t="s">
        <v>1520</v>
      </c>
      <c r="L3623" s="5" t="s">
        <v>1519</v>
      </c>
      <c r="M3623" s="2" t="s">
        <v>1520</v>
      </c>
      <c r="N3623" s="5" t="s">
        <v>1521</v>
      </c>
      <c r="O3623" s="5" t="s">
        <v>38</v>
      </c>
      <c r="P3623" s="5" t="s">
        <v>39</v>
      </c>
      <c r="Q3623" s="5" t="s">
        <v>40</v>
      </c>
      <c r="R3623" s="5" t="s">
        <v>1522</v>
      </c>
      <c r="S3623" s="5" t="s">
        <v>1523</v>
      </c>
      <c r="T3623" s="5" t="s">
        <v>42</v>
      </c>
      <c r="U3623" s="2">
        <v>2.1829999999999998</v>
      </c>
      <c r="V3623" s="2">
        <v>1.7909999999999999</v>
      </c>
      <c r="W3623" s="2">
        <v>1.0999999999999999E-2</v>
      </c>
      <c r="X3623" s="2">
        <v>139.1</v>
      </c>
      <c r="Y3623" s="2">
        <v>7.6</v>
      </c>
      <c r="Z3623" s="2">
        <v>10.6</v>
      </c>
      <c r="AA3623" s="5"/>
      <c r="AB3623" s="5" t="s">
        <v>43</v>
      </c>
      <c r="AC3623" s="5" t="s">
        <v>44</v>
      </c>
      <c r="AD3623" s="2"/>
      <c r="AE3623" s="1"/>
    </row>
    <row r="3624" spans="1:31" ht="14.45">
      <c r="A3624" s="11"/>
      <c r="B3624" s="20"/>
      <c r="C3624" s="2" t="s">
        <v>11326</v>
      </c>
      <c r="D3624" s="14" t="s">
        <v>11327</v>
      </c>
      <c r="E3624" s="2" t="s">
        <v>11328</v>
      </c>
      <c r="F3624" s="2" t="s">
        <v>7543</v>
      </c>
      <c r="G3624" s="8">
        <v>147</v>
      </c>
      <c r="H3624" s="5">
        <v>6</v>
      </c>
      <c r="I3624" s="5" t="s">
        <v>1518</v>
      </c>
      <c r="J3624" s="5" t="s">
        <v>1519</v>
      </c>
      <c r="K3624" s="2" t="s">
        <v>1520</v>
      </c>
      <c r="L3624" s="5" t="s">
        <v>1519</v>
      </c>
      <c r="M3624" s="2" t="s">
        <v>1520</v>
      </c>
      <c r="N3624" s="5" t="s">
        <v>1521</v>
      </c>
      <c r="O3624" s="5" t="s">
        <v>38</v>
      </c>
      <c r="P3624" s="5" t="s">
        <v>39</v>
      </c>
      <c r="Q3624" s="5" t="s">
        <v>40</v>
      </c>
      <c r="R3624" s="5" t="s">
        <v>1522</v>
      </c>
      <c r="S3624" s="5" t="s">
        <v>1523</v>
      </c>
      <c r="T3624" s="5" t="s">
        <v>42</v>
      </c>
      <c r="U3624" s="2">
        <v>2.2360000000000002</v>
      </c>
      <c r="V3624" s="2">
        <v>1.8440000000000001</v>
      </c>
      <c r="W3624" s="2">
        <v>1.0999999999999999E-2</v>
      </c>
      <c r="X3624" s="2">
        <v>139.1</v>
      </c>
      <c r="Y3624" s="2">
        <v>7.6</v>
      </c>
      <c r="Z3624" s="2">
        <v>10.6</v>
      </c>
      <c r="AA3624" s="5"/>
      <c r="AB3624" s="5" t="s">
        <v>43</v>
      </c>
      <c r="AC3624" s="5" t="s">
        <v>44</v>
      </c>
      <c r="AD3624" s="2"/>
      <c r="AE3624" s="1"/>
    </row>
    <row r="3625" spans="1:31" ht="14.45">
      <c r="A3625" s="11"/>
      <c r="B3625" s="20"/>
      <c r="C3625" s="2" t="s">
        <v>11329</v>
      </c>
      <c r="D3625" s="14" t="s">
        <v>11330</v>
      </c>
      <c r="E3625" s="2" t="s">
        <v>11331</v>
      </c>
      <c r="F3625" s="2" t="s">
        <v>7547</v>
      </c>
      <c r="G3625" s="8">
        <v>147</v>
      </c>
      <c r="H3625" s="5">
        <v>6</v>
      </c>
      <c r="I3625" s="5" t="s">
        <v>1518</v>
      </c>
      <c r="J3625" s="5" t="s">
        <v>1519</v>
      </c>
      <c r="K3625" s="2" t="s">
        <v>1520</v>
      </c>
      <c r="L3625" s="5" t="s">
        <v>1519</v>
      </c>
      <c r="M3625" s="2" t="s">
        <v>1520</v>
      </c>
      <c r="N3625" s="5" t="s">
        <v>1521</v>
      </c>
      <c r="O3625" s="5" t="s">
        <v>38</v>
      </c>
      <c r="P3625" s="5" t="s">
        <v>39</v>
      </c>
      <c r="Q3625" s="5" t="s">
        <v>40</v>
      </c>
      <c r="R3625" s="5" t="s">
        <v>1522</v>
      </c>
      <c r="S3625" s="5" t="s">
        <v>1523</v>
      </c>
      <c r="T3625" s="5" t="s">
        <v>42</v>
      </c>
      <c r="U3625" s="2">
        <v>2.15</v>
      </c>
      <c r="V3625" s="2">
        <v>1.758</v>
      </c>
      <c r="W3625" s="2">
        <v>1.0999999999999999E-2</v>
      </c>
      <c r="X3625" s="2">
        <v>139.1</v>
      </c>
      <c r="Y3625" s="2">
        <v>7.6</v>
      </c>
      <c r="Z3625" s="2">
        <v>10.6</v>
      </c>
      <c r="AA3625" s="5"/>
      <c r="AB3625" s="5" t="s">
        <v>43</v>
      </c>
      <c r="AC3625" s="5" t="s">
        <v>44</v>
      </c>
      <c r="AD3625" s="2"/>
      <c r="AE3625" s="1"/>
    </row>
    <row r="3626" spans="1:31" ht="14.45">
      <c r="A3626" s="11"/>
      <c r="B3626" s="20"/>
      <c r="C3626" s="2" t="s">
        <v>11332</v>
      </c>
      <c r="D3626" s="14" t="s">
        <v>11333</v>
      </c>
      <c r="E3626" s="2" t="s">
        <v>11334</v>
      </c>
      <c r="F3626" s="2" t="s">
        <v>7551</v>
      </c>
      <c r="G3626" s="8">
        <v>147</v>
      </c>
      <c r="H3626" s="5">
        <v>6</v>
      </c>
      <c r="I3626" s="5" t="s">
        <v>1518</v>
      </c>
      <c r="J3626" s="5" t="s">
        <v>1519</v>
      </c>
      <c r="K3626" s="2" t="s">
        <v>1520</v>
      </c>
      <c r="L3626" s="5" t="s">
        <v>1519</v>
      </c>
      <c r="M3626" s="2" t="s">
        <v>1520</v>
      </c>
      <c r="N3626" s="5" t="s">
        <v>1521</v>
      </c>
      <c r="O3626" s="5" t="s">
        <v>38</v>
      </c>
      <c r="P3626" s="5" t="s">
        <v>39</v>
      </c>
      <c r="Q3626" s="5" t="s">
        <v>40</v>
      </c>
      <c r="R3626" s="5" t="s">
        <v>1522</v>
      </c>
      <c r="S3626" s="5" t="s">
        <v>1523</v>
      </c>
      <c r="T3626" s="5" t="s">
        <v>42</v>
      </c>
      <c r="U3626" s="2">
        <v>2.2029999999999998</v>
      </c>
      <c r="V3626" s="2">
        <v>1.8109999999999999</v>
      </c>
      <c r="W3626" s="2">
        <v>1.0999999999999999E-2</v>
      </c>
      <c r="X3626" s="2">
        <v>139.1</v>
      </c>
      <c r="Y3626" s="2">
        <v>7.6</v>
      </c>
      <c r="Z3626" s="2">
        <v>10.6</v>
      </c>
      <c r="AA3626" s="5"/>
      <c r="AB3626" s="5" t="s">
        <v>43</v>
      </c>
      <c r="AC3626" s="5" t="s">
        <v>44</v>
      </c>
      <c r="AD3626" s="2"/>
      <c r="AE3626" s="1"/>
    </row>
    <row r="3627" spans="1:31" ht="14.45">
      <c r="A3627" s="11"/>
      <c r="B3627" s="20"/>
      <c r="C3627" s="2" t="s">
        <v>11335</v>
      </c>
      <c r="D3627" s="14" t="s">
        <v>11336</v>
      </c>
      <c r="E3627" s="2" t="s">
        <v>11337</v>
      </c>
      <c r="F3627" s="2" t="s">
        <v>7555</v>
      </c>
      <c r="G3627" s="8">
        <v>147</v>
      </c>
      <c r="H3627" s="5">
        <v>6</v>
      </c>
      <c r="I3627" s="5" t="s">
        <v>1518</v>
      </c>
      <c r="J3627" s="5" t="s">
        <v>1519</v>
      </c>
      <c r="K3627" s="2" t="s">
        <v>1520</v>
      </c>
      <c r="L3627" s="5" t="s">
        <v>1519</v>
      </c>
      <c r="M3627" s="2" t="s">
        <v>1520</v>
      </c>
      <c r="N3627" s="5" t="s">
        <v>1521</v>
      </c>
      <c r="O3627" s="5" t="s">
        <v>38</v>
      </c>
      <c r="P3627" s="5" t="s">
        <v>39</v>
      </c>
      <c r="Q3627" s="5" t="s">
        <v>40</v>
      </c>
      <c r="R3627" s="5" t="s">
        <v>1522</v>
      </c>
      <c r="S3627" s="5" t="s">
        <v>1523</v>
      </c>
      <c r="T3627" s="5" t="s">
        <v>42</v>
      </c>
      <c r="U3627" s="2">
        <v>2.15</v>
      </c>
      <c r="V3627" s="2">
        <v>1.758</v>
      </c>
      <c r="W3627" s="2">
        <v>1.0999999999999999E-2</v>
      </c>
      <c r="X3627" s="2">
        <v>139.1</v>
      </c>
      <c r="Y3627" s="2">
        <v>7.6</v>
      </c>
      <c r="Z3627" s="2">
        <v>10.6</v>
      </c>
      <c r="AA3627" s="5"/>
      <c r="AB3627" s="5" t="s">
        <v>43</v>
      </c>
      <c r="AC3627" s="5" t="s">
        <v>44</v>
      </c>
      <c r="AD3627" s="2"/>
      <c r="AE3627" s="1"/>
    </row>
    <row r="3628" spans="1:31" ht="14.45">
      <c r="A3628" s="11"/>
      <c r="B3628" s="20"/>
      <c r="C3628" s="2" t="s">
        <v>11338</v>
      </c>
      <c r="D3628" s="14" t="s">
        <v>11339</v>
      </c>
      <c r="E3628" s="2" t="s">
        <v>11340</v>
      </c>
      <c r="F3628" s="2" t="s">
        <v>7559</v>
      </c>
      <c r="G3628" s="8">
        <v>147</v>
      </c>
      <c r="H3628" s="5">
        <v>6</v>
      </c>
      <c r="I3628" s="5" t="s">
        <v>1518</v>
      </c>
      <c r="J3628" s="5" t="s">
        <v>1519</v>
      </c>
      <c r="K3628" s="2" t="s">
        <v>1520</v>
      </c>
      <c r="L3628" s="5" t="s">
        <v>1519</v>
      </c>
      <c r="M3628" s="2" t="s">
        <v>1520</v>
      </c>
      <c r="N3628" s="5" t="s">
        <v>1521</v>
      </c>
      <c r="O3628" s="5" t="s">
        <v>38</v>
      </c>
      <c r="P3628" s="5" t="s">
        <v>39</v>
      </c>
      <c r="Q3628" s="5" t="s">
        <v>40</v>
      </c>
      <c r="R3628" s="5" t="s">
        <v>1522</v>
      </c>
      <c r="S3628" s="5" t="s">
        <v>1523</v>
      </c>
      <c r="T3628" s="5" t="s">
        <v>42</v>
      </c>
      <c r="U3628" s="2">
        <v>2.2029999999999998</v>
      </c>
      <c r="V3628" s="2">
        <v>1.8109999999999999</v>
      </c>
      <c r="W3628" s="2">
        <v>1.0999999999999999E-2</v>
      </c>
      <c r="X3628" s="2">
        <v>139.1</v>
      </c>
      <c r="Y3628" s="2">
        <v>7.6</v>
      </c>
      <c r="Z3628" s="2">
        <v>10.6</v>
      </c>
      <c r="AA3628" s="5"/>
      <c r="AB3628" s="5" t="s">
        <v>43</v>
      </c>
      <c r="AC3628" s="5" t="s">
        <v>44</v>
      </c>
      <c r="AD3628" s="2"/>
      <c r="AE3628" s="1"/>
    </row>
    <row r="3629" spans="1:31" ht="14.45">
      <c r="A3629" s="11"/>
      <c r="B3629" s="20"/>
      <c r="C3629" s="2" t="s">
        <v>11341</v>
      </c>
      <c r="D3629" s="14" t="s">
        <v>11342</v>
      </c>
      <c r="E3629" s="2" t="s">
        <v>11343</v>
      </c>
      <c r="F3629" s="2" t="s">
        <v>7563</v>
      </c>
      <c r="G3629" s="8">
        <v>147</v>
      </c>
      <c r="H3629" s="5">
        <v>6</v>
      </c>
      <c r="I3629" s="5" t="s">
        <v>1518</v>
      </c>
      <c r="J3629" s="5" t="s">
        <v>1519</v>
      </c>
      <c r="K3629" s="2" t="s">
        <v>1520</v>
      </c>
      <c r="L3629" s="5" t="s">
        <v>1519</v>
      </c>
      <c r="M3629" s="2" t="s">
        <v>1520</v>
      </c>
      <c r="N3629" s="5" t="s">
        <v>1521</v>
      </c>
      <c r="O3629" s="5" t="s">
        <v>38</v>
      </c>
      <c r="P3629" s="5" t="s">
        <v>39</v>
      </c>
      <c r="Q3629" s="5" t="s">
        <v>40</v>
      </c>
      <c r="R3629" s="5" t="s">
        <v>1522</v>
      </c>
      <c r="S3629" s="5" t="s">
        <v>1523</v>
      </c>
      <c r="T3629" s="5" t="s">
        <v>42</v>
      </c>
      <c r="U3629" s="2">
        <v>2.1829999999999998</v>
      </c>
      <c r="V3629" s="2">
        <v>1.7909999999999999</v>
      </c>
      <c r="W3629" s="2">
        <v>1.0999999999999999E-2</v>
      </c>
      <c r="X3629" s="2">
        <v>139.1</v>
      </c>
      <c r="Y3629" s="2">
        <v>7.6</v>
      </c>
      <c r="Z3629" s="2">
        <v>10.6</v>
      </c>
      <c r="AA3629" s="5"/>
      <c r="AB3629" s="5" t="s">
        <v>43</v>
      </c>
      <c r="AC3629" s="5" t="s">
        <v>44</v>
      </c>
      <c r="AD3629" s="2"/>
      <c r="AE3629" s="1"/>
    </row>
    <row r="3630" spans="1:31" ht="14.45">
      <c r="A3630" s="11"/>
      <c r="B3630" s="20"/>
      <c r="C3630" s="2" t="s">
        <v>11344</v>
      </c>
      <c r="D3630" s="14" t="s">
        <v>11345</v>
      </c>
      <c r="E3630" s="2" t="s">
        <v>11346</v>
      </c>
      <c r="F3630" s="2" t="s">
        <v>7567</v>
      </c>
      <c r="G3630" s="8">
        <v>147</v>
      </c>
      <c r="H3630" s="5">
        <v>6</v>
      </c>
      <c r="I3630" s="5" t="s">
        <v>1518</v>
      </c>
      <c r="J3630" s="5" t="s">
        <v>1519</v>
      </c>
      <c r="K3630" s="2" t="s">
        <v>1520</v>
      </c>
      <c r="L3630" s="5" t="s">
        <v>1519</v>
      </c>
      <c r="M3630" s="2" t="s">
        <v>1520</v>
      </c>
      <c r="N3630" s="5" t="s">
        <v>1521</v>
      </c>
      <c r="O3630" s="5" t="s">
        <v>38</v>
      </c>
      <c r="P3630" s="5" t="s">
        <v>39</v>
      </c>
      <c r="Q3630" s="5" t="s">
        <v>40</v>
      </c>
      <c r="R3630" s="5" t="s">
        <v>1522</v>
      </c>
      <c r="S3630" s="5" t="s">
        <v>1523</v>
      </c>
      <c r="T3630" s="5" t="s">
        <v>42</v>
      </c>
      <c r="U3630" s="2">
        <v>2.2360000000000002</v>
      </c>
      <c r="V3630" s="2">
        <v>1.8440000000000001</v>
      </c>
      <c r="W3630" s="2">
        <v>1.0999999999999999E-2</v>
      </c>
      <c r="X3630" s="2">
        <v>139.1</v>
      </c>
      <c r="Y3630" s="2">
        <v>7.6</v>
      </c>
      <c r="Z3630" s="2">
        <v>10.6</v>
      </c>
      <c r="AA3630" s="5"/>
      <c r="AB3630" s="5" t="s">
        <v>43</v>
      </c>
      <c r="AC3630" s="5" t="s">
        <v>44</v>
      </c>
      <c r="AD3630" s="2"/>
      <c r="AE3630" s="1"/>
    </row>
    <row r="3631" spans="1:31" ht="14.45">
      <c r="A3631" s="11"/>
      <c r="B3631" s="20"/>
      <c r="C3631" s="2" t="s">
        <v>11347</v>
      </c>
      <c r="D3631" s="14" t="s">
        <v>11348</v>
      </c>
      <c r="E3631" s="2" t="s">
        <v>11349</v>
      </c>
      <c r="F3631" s="2" t="s">
        <v>7429</v>
      </c>
      <c r="G3631" s="8">
        <v>147</v>
      </c>
      <c r="H3631" s="5">
        <v>6</v>
      </c>
      <c r="I3631" s="5" t="s">
        <v>1518</v>
      </c>
      <c r="J3631" s="5" t="s">
        <v>1519</v>
      </c>
      <c r="K3631" s="2" t="s">
        <v>1520</v>
      </c>
      <c r="L3631" s="5" t="s">
        <v>1519</v>
      </c>
      <c r="M3631" s="2" t="s">
        <v>1520</v>
      </c>
      <c r="N3631" s="5" t="s">
        <v>1521</v>
      </c>
      <c r="O3631" s="5" t="s">
        <v>38</v>
      </c>
      <c r="P3631" s="5" t="s">
        <v>39</v>
      </c>
      <c r="Q3631" s="5" t="s">
        <v>40</v>
      </c>
      <c r="R3631" s="5" t="s">
        <v>1522</v>
      </c>
      <c r="S3631" s="5" t="s">
        <v>1523</v>
      </c>
      <c r="T3631" s="5" t="s">
        <v>42</v>
      </c>
      <c r="U3631" s="2">
        <v>2.1829999999999998</v>
      </c>
      <c r="V3631" s="2">
        <v>1.7909999999999999</v>
      </c>
      <c r="W3631" s="2">
        <v>1.0999999999999999E-2</v>
      </c>
      <c r="X3631" s="2">
        <v>139.1</v>
      </c>
      <c r="Y3631" s="2">
        <v>7.6</v>
      </c>
      <c r="Z3631" s="2">
        <v>10.6</v>
      </c>
      <c r="AA3631" s="5"/>
      <c r="AB3631" s="5" t="s">
        <v>43</v>
      </c>
      <c r="AC3631" s="5" t="s">
        <v>44</v>
      </c>
      <c r="AD3631" s="2"/>
      <c r="AE3631" s="1"/>
    </row>
    <row r="3632" spans="1:31" ht="14.45">
      <c r="A3632" s="11"/>
      <c r="B3632" s="20"/>
      <c r="C3632" s="2" t="s">
        <v>11350</v>
      </c>
      <c r="D3632" s="14" t="s">
        <v>11351</v>
      </c>
      <c r="E3632" s="2" t="s">
        <v>11352</v>
      </c>
      <c r="F3632" s="2" t="s">
        <v>7574</v>
      </c>
      <c r="G3632" s="8">
        <v>147</v>
      </c>
      <c r="H3632" s="5">
        <v>6</v>
      </c>
      <c r="I3632" s="5" t="s">
        <v>1518</v>
      </c>
      <c r="J3632" s="5" t="s">
        <v>1519</v>
      </c>
      <c r="K3632" s="2" t="s">
        <v>1520</v>
      </c>
      <c r="L3632" s="5" t="s">
        <v>1519</v>
      </c>
      <c r="M3632" s="2" t="s">
        <v>1520</v>
      </c>
      <c r="N3632" s="5" t="s">
        <v>1521</v>
      </c>
      <c r="O3632" s="5" t="s">
        <v>38</v>
      </c>
      <c r="P3632" s="5" t="s">
        <v>39</v>
      </c>
      <c r="Q3632" s="5" t="s">
        <v>40</v>
      </c>
      <c r="R3632" s="5" t="s">
        <v>1522</v>
      </c>
      <c r="S3632" s="5" t="s">
        <v>1523</v>
      </c>
      <c r="T3632" s="5" t="s">
        <v>42</v>
      </c>
      <c r="U3632" s="2">
        <v>2.2360000000000002</v>
      </c>
      <c r="V3632" s="2">
        <v>1.8440000000000001</v>
      </c>
      <c r="W3632" s="2">
        <v>1.0999999999999999E-2</v>
      </c>
      <c r="X3632" s="2">
        <v>139.1</v>
      </c>
      <c r="Y3632" s="2">
        <v>7.6</v>
      </c>
      <c r="Z3632" s="2">
        <v>10.6</v>
      </c>
      <c r="AA3632" s="5"/>
      <c r="AB3632" s="5" t="s">
        <v>43</v>
      </c>
      <c r="AC3632" s="5" t="s">
        <v>44</v>
      </c>
      <c r="AD3632" s="2"/>
      <c r="AE3632" s="1"/>
    </row>
    <row r="3633" spans="1:31" ht="14.45">
      <c r="A3633" s="11"/>
      <c r="B3633" s="20"/>
      <c r="C3633" s="2" t="s">
        <v>11353</v>
      </c>
      <c r="D3633" s="14" t="s">
        <v>11354</v>
      </c>
      <c r="E3633" s="2" t="s">
        <v>11355</v>
      </c>
      <c r="F3633" s="2" t="s">
        <v>7449</v>
      </c>
      <c r="G3633" s="8">
        <v>147</v>
      </c>
      <c r="H3633" s="5">
        <v>6</v>
      </c>
      <c r="I3633" s="5" t="s">
        <v>1518</v>
      </c>
      <c r="J3633" s="5" t="s">
        <v>1519</v>
      </c>
      <c r="K3633" s="2" t="s">
        <v>1520</v>
      </c>
      <c r="L3633" s="5" t="s">
        <v>1519</v>
      </c>
      <c r="M3633" s="2" t="s">
        <v>1520</v>
      </c>
      <c r="N3633" s="5" t="s">
        <v>1521</v>
      </c>
      <c r="O3633" s="5" t="s">
        <v>38</v>
      </c>
      <c r="P3633" s="5" t="s">
        <v>39</v>
      </c>
      <c r="Q3633" s="5" t="s">
        <v>40</v>
      </c>
      <c r="R3633" s="5" t="s">
        <v>1522</v>
      </c>
      <c r="S3633" s="5" t="s">
        <v>1523</v>
      </c>
      <c r="T3633" s="5" t="s">
        <v>42</v>
      </c>
      <c r="U3633" s="2">
        <v>2.1829999999999998</v>
      </c>
      <c r="V3633" s="2">
        <v>1.7909999999999999</v>
      </c>
      <c r="W3633" s="2">
        <v>1.0999999999999999E-2</v>
      </c>
      <c r="X3633" s="2">
        <v>139.1</v>
      </c>
      <c r="Y3633" s="2">
        <v>7.6</v>
      </c>
      <c r="Z3633" s="2">
        <v>10.6</v>
      </c>
      <c r="AA3633" s="5"/>
      <c r="AB3633" s="5" t="s">
        <v>43</v>
      </c>
      <c r="AC3633" s="5" t="s">
        <v>44</v>
      </c>
      <c r="AD3633" s="2"/>
      <c r="AE3633" s="1"/>
    </row>
    <row r="3634" spans="1:31" ht="14.45">
      <c r="A3634" s="11"/>
      <c r="B3634" s="20"/>
      <c r="C3634" s="2" t="s">
        <v>11356</v>
      </c>
      <c r="D3634" s="14" t="s">
        <v>11357</v>
      </c>
      <c r="E3634" s="2" t="s">
        <v>11358</v>
      </c>
      <c r="F3634" s="2" t="s">
        <v>7581</v>
      </c>
      <c r="G3634" s="8">
        <v>147</v>
      </c>
      <c r="H3634" s="5">
        <v>6</v>
      </c>
      <c r="I3634" s="5" t="s">
        <v>1518</v>
      </c>
      <c r="J3634" s="5" t="s">
        <v>1519</v>
      </c>
      <c r="K3634" s="2" t="s">
        <v>1520</v>
      </c>
      <c r="L3634" s="5" t="s">
        <v>1519</v>
      </c>
      <c r="M3634" s="2" t="s">
        <v>1520</v>
      </c>
      <c r="N3634" s="5" t="s">
        <v>1521</v>
      </c>
      <c r="O3634" s="5" t="s">
        <v>38</v>
      </c>
      <c r="P3634" s="5" t="s">
        <v>39</v>
      </c>
      <c r="Q3634" s="5" t="s">
        <v>40</v>
      </c>
      <c r="R3634" s="5" t="s">
        <v>1522</v>
      </c>
      <c r="S3634" s="5" t="s">
        <v>1523</v>
      </c>
      <c r="T3634" s="5" t="s">
        <v>42</v>
      </c>
      <c r="U3634" s="2">
        <v>2.2360000000000002</v>
      </c>
      <c r="V3634" s="2">
        <v>1.8440000000000001</v>
      </c>
      <c r="W3634" s="2">
        <v>1.0999999999999999E-2</v>
      </c>
      <c r="X3634" s="2">
        <v>139.1</v>
      </c>
      <c r="Y3634" s="2">
        <v>7.6</v>
      </c>
      <c r="Z3634" s="2">
        <v>10.6</v>
      </c>
      <c r="AA3634" s="5"/>
      <c r="AB3634" s="5" t="s">
        <v>43</v>
      </c>
      <c r="AC3634" s="5" t="s">
        <v>44</v>
      </c>
      <c r="AD3634" s="2"/>
      <c r="AE3634" s="1"/>
    </row>
    <row r="3635" spans="1:31" ht="14.45">
      <c r="A3635" s="11"/>
      <c r="B3635" s="20"/>
      <c r="C3635" s="2" t="s">
        <v>11359</v>
      </c>
      <c r="D3635" s="14" t="s">
        <v>11360</v>
      </c>
      <c r="E3635" s="2" t="s">
        <v>11361</v>
      </c>
      <c r="F3635" s="2" t="s">
        <v>7585</v>
      </c>
      <c r="G3635" s="8">
        <v>147</v>
      </c>
      <c r="H3635" s="5">
        <v>6</v>
      </c>
      <c r="I3635" s="5" t="s">
        <v>1518</v>
      </c>
      <c r="J3635" s="5" t="s">
        <v>1519</v>
      </c>
      <c r="K3635" s="2" t="s">
        <v>1520</v>
      </c>
      <c r="L3635" s="5" t="s">
        <v>1519</v>
      </c>
      <c r="M3635" s="2" t="s">
        <v>1520</v>
      </c>
      <c r="N3635" s="5" t="s">
        <v>1521</v>
      </c>
      <c r="O3635" s="5" t="s">
        <v>38</v>
      </c>
      <c r="P3635" s="5" t="s">
        <v>39</v>
      </c>
      <c r="Q3635" s="5" t="s">
        <v>40</v>
      </c>
      <c r="R3635" s="5" t="s">
        <v>1522</v>
      </c>
      <c r="S3635" s="5" t="s">
        <v>1523</v>
      </c>
      <c r="T3635" s="5" t="s">
        <v>42</v>
      </c>
      <c r="U3635" s="2">
        <v>2.15</v>
      </c>
      <c r="V3635" s="2">
        <v>1.758</v>
      </c>
      <c r="W3635" s="2">
        <v>1.0999999999999999E-2</v>
      </c>
      <c r="X3635" s="2">
        <v>139.1</v>
      </c>
      <c r="Y3635" s="2">
        <v>7.6</v>
      </c>
      <c r="Z3635" s="2">
        <v>10.6</v>
      </c>
      <c r="AA3635" s="5"/>
      <c r="AB3635" s="5" t="s">
        <v>43</v>
      </c>
      <c r="AC3635" s="5" t="s">
        <v>44</v>
      </c>
      <c r="AD3635" s="2"/>
      <c r="AE3635" s="1"/>
    </row>
    <row r="3636" spans="1:31" ht="14.45">
      <c r="A3636" s="11"/>
      <c r="B3636" s="20"/>
      <c r="C3636" s="2" t="s">
        <v>11362</v>
      </c>
      <c r="D3636" s="14" t="s">
        <v>11363</v>
      </c>
      <c r="E3636" s="2" t="s">
        <v>11364</v>
      </c>
      <c r="F3636" s="2" t="s">
        <v>7589</v>
      </c>
      <c r="G3636" s="8">
        <v>147</v>
      </c>
      <c r="H3636" s="5">
        <v>6</v>
      </c>
      <c r="I3636" s="5" t="s">
        <v>1518</v>
      </c>
      <c r="J3636" s="5" t="s">
        <v>1519</v>
      </c>
      <c r="K3636" s="2" t="s">
        <v>1520</v>
      </c>
      <c r="L3636" s="5" t="s">
        <v>1519</v>
      </c>
      <c r="M3636" s="2" t="s">
        <v>1520</v>
      </c>
      <c r="N3636" s="5" t="s">
        <v>1521</v>
      </c>
      <c r="O3636" s="5" t="s">
        <v>38</v>
      </c>
      <c r="P3636" s="5" t="s">
        <v>39</v>
      </c>
      <c r="Q3636" s="5" t="s">
        <v>40</v>
      </c>
      <c r="R3636" s="5" t="s">
        <v>1522</v>
      </c>
      <c r="S3636" s="5" t="s">
        <v>1523</v>
      </c>
      <c r="T3636" s="5" t="s">
        <v>42</v>
      </c>
      <c r="U3636" s="2">
        <v>2.2029999999999998</v>
      </c>
      <c r="V3636" s="2">
        <v>1.8109999999999999</v>
      </c>
      <c r="W3636" s="2">
        <v>1.0999999999999999E-2</v>
      </c>
      <c r="X3636" s="2">
        <v>139.1</v>
      </c>
      <c r="Y3636" s="2">
        <v>7.6</v>
      </c>
      <c r="Z3636" s="2">
        <v>10.6</v>
      </c>
      <c r="AA3636" s="5"/>
      <c r="AB3636" s="5" t="s">
        <v>43</v>
      </c>
      <c r="AC3636" s="5" t="s">
        <v>44</v>
      </c>
      <c r="AD3636" s="2"/>
      <c r="AE3636" s="1"/>
    </row>
    <row r="3637" spans="1:31" ht="14.45">
      <c r="A3637" s="11"/>
      <c r="B3637" s="20"/>
      <c r="C3637" s="2" t="s">
        <v>11365</v>
      </c>
      <c r="D3637" s="14" t="s">
        <v>11366</v>
      </c>
      <c r="E3637" s="2" t="s">
        <v>11367</v>
      </c>
      <c r="F3637" s="2" t="s">
        <v>7593</v>
      </c>
      <c r="G3637" s="8">
        <v>147</v>
      </c>
      <c r="H3637" s="5">
        <v>6</v>
      </c>
      <c r="I3637" s="5" t="s">
        <v>1518</v>
      </c>
      <c r="J3637" s="5" t="s">
        <v>1519</v>
      </c>
      <c r="K3637" s="2" t="s">
        <v>1520</v>
      </c>
      <c r="L3637" s="5" t="s">
        <v>1519</v>
      </c>
      <c r="M3637" s="2" t="s">
        <v>1520</v>
      </c>
      <c r="N3637" s="5" t="s">
        <v>1521</v>
      </c>
      <c r="O3637" s="5" t="s">
        <v>38</v>
      </c>
      <c r="P3637" s="5" t="s">
        <v>39</v>
      </c>
      <c r="Q3637" s="5" t="s">
        <v>40</v>
      </c>
      <c r="R3637" s="5" t="s">
        <v>1522</v>
      </c>
      <c r="S3637" s="5" t="s">
        <v>1523</v>
      </c>
      <c r="T3637" s="5" t="s">
        <v>42</v>
      </c>
      <c r="U3637" s="2">
        <v>2.1829999999999998</v>
      </c>
      <c r="V3637" s="2">
        <v>1.7909999999999999</v>
      </c>
      <c r="W3637" s="2">
        <v>1.0999999999999999E-2</v>
      </c>
      <c r="X3637" s="2">
        <v>139.1</v>
      </c>
      <c r="Y3637" s="2">
        <v>7.6</v>
      </c>
      <c r="Z3637" s="2">
        <v>10.6</v>
      </c>
      <c r="AA3637" s="5"/>
      <c r="AB3637" s="5" t="s">
        <v>43</v>
      </c>
      <c r="AC3637" s="5" t="s">
        <v>44</v>
      </c>
      <c r="AD3637" s="2"/>
      <c r="AE3637" s="1"/>
    </row>
    <row r="3638" spans="1:31" ht="14.45">
      <c r="A3638" s="11"/>
      <c r="B3638" s="20"/>
      <c r="C3638" s="2" t="s">
        <v>11368</v>
      </c>
      <c r="D3638" s="14" t="s">
        <v>11369</v>
      </c>
      <c r="E3638" s="2" t="s">
        <v>11370</v>
      </c>
      <c r="F3638" s="2" t="s">
        <v>7597</v>
      </c>
      <c r="G3638" s="8">
        <v>147</v>
      </c>
      <c r="H3638" s="5">
        <v>6</v>
      </c>
      <c r="I3638" s="5" t="s">
        <v>1518</v>
      </c>
      <c r="J3638" s="5" t="s">
        <v>1519</v>
      </c>
      <c r="K3638" s="2" t="s">
        <v>1520</v>
      </c>
      <c r="L3638" s="5" t="s">
        <v>1519</v>
      </c>
      <c r="M3638" s="2" t="s">
        <v>1520</v>
      </c>
      <c r="N3638" s="5" t="s">
        <v>1521</v>
      </c>
      <c r="O3638" s="5" t="s">
        <v>38</v>
      </c>
      <c r="P3638" s="5" t="s">
        <v>39</v>
      </c>
      <c r="Q3638" s="5" t="s">
        <v>40</v>
      </c>
      <c r="R3638" s="5" t="s">
        <v>1522</v>
      </c>
      <c r="S3638" s="5" t="s">
        <v>1523</v>
      </c>
      <c r="T3638" s="5" t="s">
        <v>42</v>
      </c>
      <c r="U3638" s="2">
        <v>2.2360000000000002</v>
      </c>
      <c r="V3638" s="2">
        <v>1.8440000000000001</v>
      </c>
      <c r="W3638" s="2">
        <v>1.0999999999999999E-2</v>
      </c>
      <c r="X3638" s="2">
        <v>139.1</v>
      </c>
      <c r="Y3638" s="2">
        <v>7.6</v>
      </c>
      <c r="Z3638" s="2">
        <v>10.6</v>
      </c>
      <c r="AA3638" s="5"/>
      <c r="AB3638" s="5" t="s">
        <v>43</v>
      </c>
      <c r="AC3638" s="5" t="s">
        <v>44</v>
      </c>
      <c r="AD3638" s="2"/>
      <c r="AE3638" s="1"/>
    </row>
    <row r="3639" spans="1:31" ht="14.45">
      <c r="A3639" s="11"/>
      <c r="B3639" s="20"/>
      <c r="C3639" s="2" t="s">
        <v>11371</v>
      </c>
      <c r="D3639" s="14" t="s">
        <v>11372</v>
      </c>
      <c r="E3639" s="2" t="s">
        <v>11373</v>
      </c>
      <c r="F3639" s="2" t="s">
        <v>7410</v>
      </c>
      <c r="G3639" s="8">
        <v>147</v>
      </c>
      <c r="H3639" s="5">
        <v>6</v>
      </c>
      <c r="I3639" s="5" t="s">
        <v>1518</v>
      </c>
      <c r="J3639" s="5" t="s">
        <v>1519</v>
      </c>
      <c r="K3639" s="2" t="s">
        <v>1520</v>
      </c>
      <c r="L3639" s="5" t="s">
        <v>1519</v>
      </c>
      <c r="M3639" s="2" t="s">
        <v>1520</v>
      </c>
      <c r="N3639" s="5" t="s">
        <v>1521</v>
      </c>
      <c r="O3639" s="5" t="s">
        <v>38</v>
      </c>
      <c r="P3639" s="5" t="s">
        <v>39</v>
      </c>
      <c r="Q3639" s="5" t="s">
        <v>40</v>
      </c>
      <c r="R3639" s="5" t="s">
        <v>1522</v>
      </c>
      <c r="S3639" s="5" t="s">
        <v>1523</v>
      </c>
      <c r="T3639" s="5" t="s">
        <v>42</v>
      </c>
      <c r="U3639" s="2">
        <v>2.1829999999999998</v>
      </c>
      <c r="V3639" s="2">
        <v>1.7909999999999999</v>
      </c>
      <c r="W3639" s="2">
        <v>1.0999999999999999E-2</v>
      </c>
      <c r="X3639" s="2">
        <v>139.1</v>
      </c>
      <c r="Y3639" s="2">
        <v>7.6</v>
      </c>
      <c r="Z3639" s="2">
        <v>10.6</v>
      </c>
      <c r="AA3639" s="5"/>
      <c r="AB3639" s="5" t="s">
        <v>43</v>
      </c>
      <c r="AC3639" s="5" t="s">
        <v>44</v>
      </c>
      <c r="AD3639" s="2"/>
      <c r="AE3639" s="1"/>
    </row>
    <row r="3640" spans="1:31" ht="14.45">
      <c r="A3640" s="11"/>
      <c r="B3640" s="20"/>
      <c r="C3640" s="2" t="s">
        <v>11374</v>
      </c>
      <c r="D3640" s="14" t="s">
        <v>11375</v>
      </c>
      <c r="E3640" s="2" t="s">
        <v>11376</v>
      </c>
      <c r="F3640" s="2" t="s">
        <v>7604</v>
      </c>
      <c r="G3640" s="8">
        <v>147</v>
      </c>
      <c r="H3640" s="5">
        <v>6</v>
      </c>
      <c r="I3640" s="5" t="s">
        <v>1518</v>
      </c>
      <c r="J3640" s="5" t="s">
        <v>1519</v>
      </c>
      <c r="K3640" s="2" t="s">
        <v>1520</v>
      </c>
      <c r="L3640" s="5" t="s">
        <v>1519</v>
      </c>
      <c r="M3640" s="2" t="s">
        <v>1520</v>
      </c>
      <c r="N3640" s="5" t="s">
        <v>1521</v>
      </c>
      <c r="O3640" s="5" t="s">
        <v>38</v>
      </c>
      <c r="P3640" s="5" t="s">
        <v>39</v>
      </c>
      <c r="Q3640" s="5" t="s">
        <v>40</v>
      </c>
      <c r="R3640" s="5" t="s">
        <v>1522</v>
      </c>
      <c r="S3640" s="5" t="s">
        <v>1523</v>
      </c>
      <c r="T3640" s="5" t="s">
        <v>42</v>
      </c>
      <c r="U3640" s="2">
        <v>2.2360000000000002</v>
      </c>
      <c r="V3640" s="2">
        <v>1.8440000000000001</v>
      </c>
      <c r="W3640" s="2">
        <v>1.0999999999999999E-2</v>
      </c>
      <c r="X3640" s="2">
        <v>139.1</v>
      </c>
      <c r="Y3640" s="2">
        <v>7.6</v>
      </c>
      <c r="Z3640" s="2">
        <v>10.6</v>
      </c>
      <c r="AA3640" s="5"/>
      <c r="AB3640" s="5" t="s">
        <v>43</v>
      </c>
      <c r="AC3640" s="5" t="s">
        <v>44</v>
      </c>
      <c r="AD3640" s="2"/>
      <c r="AE3640" s="1"/>
    </row>
    <row r="3641" spans="1:31" ht="14.45">
      <c r="A3641" s="11"/>
      <c r="B3641" s="20"/>
      <c r="C3641" s="2" t="s">
        <v>11377</v>
      </c>
      <c r="D3641" s="14" t="s">
        <v>11378</v>
      </c>
      <c r="E3641" s="2" t="s">
        <v>11379</v>
      </c>
      <c r="F3641" s="2" t="s">
        <v>7433</v>
      </c>
      <c r="G3641" s="8">
        <v>147</v>
      </c>
      <c r="H3641" s="5">
        <v>6</v>
      </c>
      <c r="I3641" s="5" t="s">
        <v>1518</v>
      </c>
      <c r="J3641" s="5" t="s">
        <v>1519</v>
      </c>
      <c r="K3641" s="2" t="s">
        <v>1520</v>
      </c>
      <c r="L3641" s="5" t="s">
        <v>1519</v>
      </c>
      <c r="M3641" s="2" t="s">
        <v>1520</v>
      </c>
      <c r="N3641" s="5" t="s">
        <v>1521</v>
      </c>
      <c r="O3641" s="5" t="s">
        <v>38</v>
      </c>
      <c r="P3641" s="5" t="s">
        <v>39</v>
      </c>
      <c r="Q3641" s="5" t="s">
        <v>40</v>
      </c>
      <c r="R3641" s="5" t="s">
        <v>1522</v>
      </c>
      <c r="S3641" s="5" t="s">
        <v>1523</v>
      </c>
      <c r="T3641" s="5" t="s">
        <v>42</v>
      </c>
      <c r="U3641" s="2">
        <v>2.1829999999999998</v>
      </c>
      <c r="V3641" s="2">
        <v>1.7909999999999999</v>
      </c>
      <c r="W3641" s="2">
        <v>1.0999999999999999E-2</v>
      </c>
      <c r="X3641" s="2">
        <v>139.1</v>
      </c>
      <c r="Y3641" s="2">
        <v>7.6</v>
      </c>
      <c r="Z3641" s="2">
        <v>10.6</v>
      </c>
      <c r="AA3641" s="5"/>
      <c r="AB3641" s="5" t="s">
        <v>43</v>
      </c>
      <c r="AC3641" s="5" t="s">
        <v>44</v>
      </c>
      <c r="AD3641" s="2"/>
      <c r="AE3641" s="1"/>
    </row>
    <row r="3642" spans="1:31" ht="14.45">
      <c r="A3642" s="11"/>
      <c r="B3642" s="20"/>
      <c r="C3642" s="2" t="s">
        <v>11380</v>
      </c>
      <c r="D3642" s="14" t="s">
        <v>11381</v>
      </c>
      <c r="E3642" s="2" t="s">
        <v>11382</v>
      </c>
      <c r="F3642" s="2" t="s">
        <v>7611</v>
      </c>
      <c r="G3642" s="8">
        <v>147</v>
      </c>
      <c r="H3642" s="5">
        <v>6</v>
      </c>
      <c r="I3642" s="5" t="s">
        <v>1518</v>
      </c>
      <c r="J3642" s="5" t="s">
        <v>1519</v>
      </c>
      <c r="K3642" s="2" t="s">
        <v>1520</v>
      </c>
      <c r="L3642" s="5" t="s">
        <v>1519</v>
      </c>
      <c r="M3642" s="2" t="s">
        <v>1520</v>
      </c>
      <c r="N3642" s="5" t="s">
        <v>1521</v>
      </c>
      <c r="O3642" s="5" t="s">
        <v>38</v>
      </c>
      <c r="P3642" s="5" t="s">
        <v>39</v>
      </c>
      <c r="Q3642" s="5" t="s">
        <v>40</v>
      </c>
      <c r="R3642" s="5" t="s">
        <v>1522</v>
      </c>
      <c r="S3642" s="5" t="s">
        <v>1523</v>
      </c>
      <c r="T3642" s="5" t="s">
        <v>42</v>
      </c>
      <c r="U3642" s="2">
        <v>2.2360000000000002</v>
      </c>
      <c r="V3642" s="2">
        <v>1.8440000000000001</v>
      </c>
      <c r="W3642" s="2">
        <v>1.0999999999999999E-2</v>
      </c>
      <c r="X3642" s="2">
        <v>139.1</v>
      </c>
      <c r="Y3642" s="2">
        <v>7.6</v>
      </c>
      <c r="Z3642" s="2">
        <v>10.6</v>
      </c>
      <c r="AA3642" s="5"/>
      <c r="AB3642" s="5" t="s">
        <v>43</v>
      </c>
      <c r="AC3642" s="5" t="s">
        <v>44</v>
      </c>
      <c r="AD3642" s="2"/>
      <c r="AE3642" s="1"/>
    </row>
    <row r="3643" spans="1:31" ht="14.45">
      <c r="A3643" s="11"/>
      <c r="B3643" s="20"/>
      <c r="C3643" s="2" t="s">
        <v>11383</v>
      </c>
      <c r="D3643" s="14" t="s">
        <v>11384</v>
      </c>
      <c r="E3643" s="2" t="s">
        <v>11385</v>
      </c>
      <c r="F3643" s="2" t="s">
        <v>7615</v>
      </c>
      <c r="G3643" s="8">
        <v>147</v>
      </c>
      <c r="H3643" s="5">
        <v>6</v>
      </c>
      <c r="I3643" s="5" t="s">
        <v>1518</v>
      </c>
      <c r="J3643" s="5" t="s">
        <v>1519</v>
      </c>
      <c r="K3643" s="2" t="s">
        <v>1520</v>
      </c>
      <c r="L3643" s="5" t="s">
        <v>1519</v>
      </c>
      <c r="M3643" s="2" t="s">
        <v>1520</v>
      </c>
      <c r="N3643" s="5" t="s">
        <v>1521</v>
      </c>
      <c r="O3643" s="5" t="s">
        <v>38</v>
      </c>
      <c r="P3643" s="5" t="s">
        <v>39</v>
      </c>
      <c r="Q3643" s="5" t="s">
        <v>40</v>
      </c>
      <c r="R3643" s="5" t="s">
        <v>1522</v>
      </c>
      <c r="S3643" s="5" t="s">
        <v>1523</v>
      </c>
      <c r="T3643" s="5" t="s">
        <v>42</v>
      </c>
      <c r="U3643" s="2">
        <v>2.15</v>
      </c>
      <c r="V3643" s="2">
        <v>1.758</v>
      </c>
      <c r="W3643" s="2">
        <v>1.0999999999999999E-2</v>
      </c>
      <c r="X3643" s="2">
        <v>139.1</v>
      </c>
      <c r="Y3643" s="2">
        <v>7.6</v>
      </c>
      <c r="Z3643" s="2">
        <v>10.6</v>
      </c>
      <c r="AA3643" s="5"/>
      <c r="AB3643" s="5" t="s">
        <v>43</v>
      </c>
      <c r="AC3643" s="5" t="s">
        <v>44</v>
      </c>
      <c r="AD3643" s="2"/>
      <c r="AE3643" s="1"/>
    </row>
    <row r="3644" spans="1:31" ht="14.45">
      <c r="A3644" s="11"/>
      <c r="B3644" s="20"/>
      <c r="C3644" s="2" t="s">
        <v>11386</v>
      </c>
      <c r="D3644" s="14" t="s">
        <v>11387</v>
      </c>
      <c r="E3644" s="2" t="s">
        <v>11388</v>
      </c>
      <c r="F3644" s="2" t="s">
        <v>7619</v>
      </c>
      <c r="G3644" s="8">
        <v>147</v>
      </c>
      <c r="H3644" s="5">
        <v>6</v>
      </c>
      <c r="I3644" s="5" t="s">
        <v>1518</v>
      </c>
      <c r="J3644" s="5" t="s">
        <v>1519</v>
      </c>
      <c r="K3644" s="2" t="s">
        <v>1520</v>
      </c>
      <c r="L3644" s="5" t="s">
        <v>1519</v>
      </c>
      <c r="M3644" s="2" t="s">
        <v>1520</v>
      </c>
      <c r="N3644" s="5" t="s">
        <v>1521</v>
      </c>
      <c r="O3644" s="5" t="s">
        <v>38</v>
      </c>
      <c r="P3644" s="5" t="s">
        <v>39</v>
      </c>
      <c r="Q3644" s="5" t="s">
        <v>40</v>
      </c>
      <c r="R3644" s="5" t="s">
        <v>1522</v>
      </c>
      <c r="S3644" s="5" t="s">
        <v>1523</v>
      </c>
      <c r="T3644" s="5" t="s">
        <v>42</v>
      </c>
      <c r="U3644" s="2">
        <v>2.2029999999999998</v>
      </c>
      <c r="V3644" s="2">
        <v>1.8109999999999999</v>
      </c>
      <c r="W3644" s="2">
        <v>1.0999999999999999E-2</v>
      </c>
      <c r="X3644" s="2">
        <v>139.1</v>
      </c>
      <c r="Y3644" s="2">
        <v>7.6</v>
      </c>
      <c r="Z3644" s="2">
        <v>10.6</v>
      </c>
      <c r="AA3644" s="5"/>
      <c r="AB3644" s="5" t="s">
        <v>43</v>
      </c>
      <c r="AC3644" s="5" t="s">
        <v>44</v>
      </c>
      <c r="AD3644" s="2"/>
      <c r="AE3644" s="1"/>
    </row>
    <row r="3645" spans="1:31" ht="14.45">
      <c r="A3645" s="11"/>
      <c r="B3645" s="20"/>
      <c r="C3645" s="2" t="s">
        <v>11389</v>
      </c>
      <c r="D3645" s="14" t="s">
        <v>11390</v>
      </c>
      <c r="E3645" s="2" t="s">
        <v>11391</v>
      </c>
      <c r="F3645" s="2" t="s">
        <v>1823</v>
      </c>
      <c r="G3645" s="8">
        <v>147</v>
      </c>
      <c r="H3645" s="5">
        <v>18</v>
      </c>
      <c r="I3645" s="5" t="s">
        <v>1518</v>
      </c>
      <c r="J3645" s="5" t="s">
        <v>1519</v>
      </c>
      <c r="K3645" s="2" t="s">
        <v>1520</v>
      </c>
      <c r="L3645" s="5" t="s">
        <v>1519</v>
      </c>
      <c r="M3645" s="2" t="s">
        <v>1520</v>
      </c>
      <c r="N3645" s="5" t="s">
        <v>1521</v>
      </c>
      <c r="O3645" s="5" t="s">
        <v>38</v>
      </c>
      <c r="P3645" s="5" t="s">
        <v>39</v>
      </c>
      <c r="Q3645" s="5" t="s">
        <v>40</v>
      </c>
      <c r="R3645" s="5" t="s">
        <v>1522</v>
      </c>
      <c r="S3645" s="5" t="s">
        <v>1523</v>
      </c>
      <c r="T3645" s="5" t="s">
        <v>42</v>
      </c>
      <c r="U3645" s="2">
        <v>2.2080000000000002</v>
      </c>
      <c r="V3645" s="2">
        <v>1.8160000000000001</v>
      </c>
      <c r="W3645" s="2">
        <v>1.0999999999999999E-2</v>
      </c>
      <c r="X3645" s="2">
        <v>139.1</v>
      </c>
      <c r="Y3645" s="2">
        <v>7.6</v>
      </c>
      <c r="Z3645" s="2">
        <v>10.6</v>
      </c>
      <c r="AA3645" s="5"/>
      <c r="AB3645" s="5" t="s">
        <v>43</v>
      </c>
      <c r="AC3645" s="5" t="s">
        <v>44</v>
      </c>
      <c r="AD3645" s="2"/>
      <c r="AE3645" s="1"/>
    </row>
    <row r="3646" spans="1:31" ht="14.45">
      <c r="A3646" s="11"/>
      <c r="B3646" s="20"/>
      <c r="C3646" s="2" t="s">
        <v>11392</v>
      </c>
      <c r="D3646" s="14" t="s">
        <v>11393</v>
      </c>
      <c r="E3646" s="2" t="s">
        <v>11394</v>
      </c>
      <c r="F3646" s="2" t="s">
        <v>1827</v>
      </c>
      <c r="G3646" s="8">
        <v>147</v>
      </c>
      <c r="H3646" s="5">
        <v>18</v>
      </c>
      <c r="I3646" s="5" t="s">
        <v>1518</v>
      </c>
      <c r="J3646" s="5" t="s">
        <v>1519</v>
      </c>
      <c r="K3646" s="2" t="s">
        <v>1520</v>
      </c>
      <c r="L3646" s="5" t="s">
        <v>1519</v>
      </c>
      <c r="M3646" s="2" t="s">
        <v>1520</v>
      </c>
      <c r="N3646" s="5" t="s">
        <v>1521</v>
      </c>
      <c r="O3646" s="5" t="s">
        <v>38</v>
      </c>
      <c r="P3646" s="5" t="s">
        <v>39</v>
      </c>
      <c r="Q3646" s="5" t="s">
        <v>40</v>
      </c>
      <c r="R3646" s="5" t="s">
        <v>1522</v>
      </c>
      <c r="S3646" s="5" t="s">
        <v>1523</v>
      </c>
      <c r="T3646" s="5" t="s">
        <v>42</v>
      </c>
      <c r="U3646" s="2">
        <v>2.2610000000000001</v>
      </c>
      <c r="V3646" s="2">
        <v>1.869</v>
      </c>
      <c r="W3646" s="2">
        <v>1.0999999999999999E-2</v>
      </c>
      <c r="X3646" s="2">
        <v>139.1</v>
      </c>
      <c r="Y3646" s="2">
        <v>7.6</v>
      </c>
      <c r="Z3646" s="2">
        <v>10.6</v>
      </c>
      <c r="AA3646" s="5"/>
      <c r="AB3646" s="5" t="s">
        <v>43</v>
      </c>
      <c r="AC3646" s="5" t="s">
        <v>44</v>
      </c>
      <c r="AD3646" s="2"/>
      <c r="AE3646" s="1"/>
    </row>
    <row r="3647" spans="1:31" ht="14.45">
      <c r="A3647" s="11"/>
      <c r="B3647" s="20"/>
      <c r="C3647" s="2" t="s">
        <v>11395</v>
      </c>
      <c r="D3647" s="14" t="s">
        <v>11396</v>
      </c>
      <c r="E3647" s="2" t="s">
        <v>11397</v>
      </c>
      <c r="F3647" s="2" t="s">
        <v>1973</v>
      </c>
      <c r="G3647" s="8">
        <v>147</v>
      </c>
      <c r="H3647" s="5">
        <v>18</v>
      </c>
      <c r="I3647" s="5" t="s">
        <v>1518</v>
      </c>
      <c r="J3647" s="5" t="s">
        <v>1519</v>
      </c>
      <c r="K3647" s="2" t="s">
        <v>1520</v>
      </c>
      <c r="L3647" s="5" t="s">
        <v>1519</v>
      </c>
      <c r="M3647" s="2" t="s">
        <v>1520</v>
      </c>
      <c r="N3647" s="5" t="s">
        <v>1521</v>
      </c>
      <c r="O3647" s="5" t="s">
        <v>38</v>
      </c>
      <c r="P3647" s="5" t="s">
        <v>39</v>
      </c>
      <c r="Q3647" s="5" t="s">
        <v>40</v>
      </c>
      <c r="R3647" s="5" t="s">
        <v>1522</v>
      </c>
      <c r="S3647" s="5" t="s">
        <v>1523</v>
      </c>
      <c r="T3647" s="5" t="s">
        <v>42</v>
      </c>
      <c r="U3647" s="2">
        <v>2.23</v>
      </c>
      <c r="V3647" s="2">
        <v>1.8380000000000001</v>
      </c>
      <c r="W3647" s="2">
        <v>1.0999999999999999E-2</v>
      </c>
      <c r="X3647" s="2">
        <v>139.1</v>
      </c>
      <c r="Y3647" s="2">
        <v>7.6</v>
      </c>
      <c r="Z3647" s="2">
        <v>10.6</v>
      </c>
      <c r="AA3647" s="5"/>
      <c r="AB3647" s="5" t="s">
        <v>43</v>
      </c>
      <c r="AC3647" s="5" t="s">
        <v>44</v>
      </c>
      <c r="AD3647" s="2"/>
      <c r="AE3647" s="1"/>
    </row>
    <row r="3648" spans="1:31" ht="14.45">
      <c r="A3648" s="11"/>
      <c r="B3648" s="20"/>
      <c r="C3648" s="2" t="s">
        <v>11398</v>
      </c>
      <c r="D3648" s="14" t="s">
        <v>11399</v>
      </c>
      <c r="E3648" s="2" t="s">
        <v>11400</v>
      </c>
      <c r="F3648" s="2" t="s">
        <v>2348</v>
      </c>
      <c r="G3648" s="8">
        <v>147</v>
      </c>
      <c r="H3648" s="5">
        <v>18</v>
      </c>
      <c r="I3648" s="5" t="s">
        <v>1518</v>
      </c>
      <c r="J3648" s="5" t="s">
        <v>1519</v>
      </c>
      <c r="K3648" s="2" t="s">
        <v>1520</v>
      </c>
      <c r="L3648" s="5" t="s">
        <v>1519</v>
      </c>
      <c r="M3648" s="2" t="s">
        <v>1520</v>
      </c>
      <c r="N3648" s="5" t="s">
        <v>1521</v>
      </c>
      <c r="O3648" s="5" t="s">
        <v>38</v>
      </c>
      <c r="P3648" s="5" t="s">
        <v>39</v>
      </c>
      <c r="Q3648" s="5" t="s">
        <v>40</v>
      </c>
      <c r="R3648" s="5" t="s">
        <v>1522</v>
      </c>
      <c r="S3648" s="5" t="s">
        <v>1523</v>
      </c>
      <c r="T3648" s="5" t="s">
        <v>42</v>
      </c>
      <c r="U3648" s="2">
        <v>2.2829999999999999</v>
      </c>
      <c r="V3648" s="2">
        <v>1.891</v>
      </c>
      <c r="W3648" s="2">
        <v>1.0999999999999999E-2</v>
      </c>
      <c r="X3648" s="2">
        <v>139.1</v>
      </c>
      <c r="Y3648" s="2">
        <v>7.6</v>
      </c>
      <c r="Z3648" s="2">
        <v>10.6</v>
      </c>
      <c r="AA3648" s="5"/>
      <c r="AB3648" s="5" t="s">
        <v>43</v>
      </c>
      <c r="AC3648" s="5" t="s">
        <v>44</v>
      </c>
      <c r="AD3648" s="2"/>
      <c r="AE3648" s="1"/>
    </row>
    <row r="3649" spans="1:31" ht="14.45">
      <c r="A3649" s="11"/>
      <c r="B3649" s="20"/>
      <c r="C3649" s="2" t="s">
        <v>11401</v>
      </c>
      <c r="D3649" s="14" t="s">
        <v>11402</v>
      </c>
      <c r="E3649" s="2" t="s">
        <v>11403</v>
      </c>
      <c r="F3649" s="2" t="s">
        <v>2204</v>
      </c>
      <c r="G3649" s="8">
        <v>147</v>
      </c>
      <c r="H3649" s="5">
        <v>18</v>
      </c>
      <c r="I3649" s="5" t="s">
        <v>1518</v>
      </c>
      <c r="J3649" s="5" t="s">
        <v>1519</v>
      </c>
      <c r="K3649" s="2" t="s">
        <v>1520</v>
      </c>
      <c r="L3649" s="5" t="s">
        <v>1519</v>
      </c>
      <c r="M3649" s="2" t="s">
        <v>1520</v>
      </c>
      <c r="N3649" s="5" t="s">
        <v>1521</v>
      </c>
      <c r="O3649" s="5" t="s">
        <v>38</v>
      </c>
      <c r="P3649" s="5" t="s">
        <v>39</v>
      </c>
      <c r="Q3649" s="5" t="s">
        <v>40</v>
      </c>
      <c r="R3649" s="5" t="s">
        <v>1522</v>
      </c>
      <c r="S3649" s="5" t="s">
        <v>1523</v>
      </c>
      <c r="T3649" s="5" t="s">
        <v>42</v>
      </c>
      <c r="U3649" s="2">
        <v>2.23</v>
      </c>
      <c r="V3649" s="2">
        <v>1.8380000000000001</v>
      </c>
      <c r="W3649" s="2">
        <v>1.0999999999999999E-2</v>
      </c>
      <c r="X3649" s="2">
        <v>139.1</v>
      </c>
      <c r="Y3649" s="2">
        <v>7.6</v>
      </c>
      <c r="Z3649" s="2">
        <v>10.6</v>
      </c>
      <c r="AA3649" s="5"/>
      <c r="AB3649" s="5" t="s">
        <v>43</v>
      </c>
      <c r="AC3649" s="5" t="s">
        <v>44</v>
      </c>
      <c r="AD3649" s="2"/>
      <c r="AE3649" s="1"/>
    </row>
    <row r="3650" spans="1:31" ht="14.45">
      <c r="A3650" s="11"/>
      <c r="B3650" s="20"/>
      <c r="C3650" s="2" t="s">
        <v>11404</v>
      </c>
      <c r="D3650" s="14" t="s">
        <v>11405</v>
      </c>
      <c r="E3650" s="2" t="s">
        <v>11406</v>
      </c>
      <c r="F3650" s="2" t="s">
        <v>2208</v>
      </c>
      <c r="G3650" s="8">
        <v>147</v>
      </c>
      <c r="H3650" s="5">
        <v>18</v>
      </c>
      <c r="I3650" s="5" t="s">
        <v>1518</v>
      </c>
      <c r="J3650" s="5" t="s">
        <v>1519</v>
      </c>
      <c r="K3650" s="2" t="s">
        <v>1520</v>
      </c>
      <c r="L3650" s="5" t="s">
        <v>1519</v>
      </c>
      <c r="M3650" s="2" t="s">
        <v>1520</v>
      </c>
      <c r="N3650" s="5" t="s">
        <v>1521</v>
      </c>
      <c r="O3650" s="5" t="s">
        <v>38</v>
      </c>
      <c r="P3650" s="5" t="s">
        <v>39</v>
      </c>
      <c r="Q3650" s="5" t="s">
        <v>40</v>
      </c>
      <c r="R3650" s="5" t="s">
        <v>1522</v>
      </c>
      <c r="S3650" s="5" t="s">
        <v>1523</v>
      </c>
      <c r="T3650" s="5" t="s">
        <v>42</v>
      </c>
      <c r="U3650" s="2">
        <v>2.23</v>
      </c>
      <c r="V3650" s="2">
        <v>1.8380000000000001</v>
      </c>
      <c r="W3650" s="2">
        <v>1.0999999999999999E-2</v>
      </c>
      <c r="X3650" s="2">
        <v>139.1</v>
      </c>
      <c r="Y3650" s="2">
        <v>7.6</v>
      </c>
      <c r="Z3650" s="2">
        <v>10.6</v>
      </c>
      <c r="AA3650" s="5"/>
      <c r="AB3650" s="5" t="s">
        <v>43</v>
      </c>
      <c r="AC3650" s="5" t="s">
        <v>44</v>
      </c>
      <c r="AD3650" s="2"/>
      <c r="AE3650" s="1"/>
    </row>
    <row r="3651" spans="1:31" ht="14.45">
      <c r="A3651" s="11"/>
      <c r="B3651" s="20"/>
      <c r="C3651" s="2" t="s">
        <v>11407</v>
      </c>
      <c r="D3651" s="14" t="s">
        <v>11408</v>
      </c>
      <c r="E3651" s="2" t="s">
        <v>11409</v>
      </c>
      <c r="F3651" s="2" t="s">
        <v>2212</v>
      </c>
      <c r="G3651" s="8">
        <v>147</v>
      </c>
      <c r="H3651" s="5">
        <v>18</v>
      </c>
      <c r="I3651" s="5" t="s">
        <v>1518</v>
      </c>
      <c r="J3651" s="5" t="s">
        <v>1519</v>
      </c>
      <c r="K3651" s="2" t="s">
        <v>1520</v>
      </c>
      <c r="L3651" s="5" t="s">
        <v>1519</v>
      </c>
      <c r="M3651" s="2" t="s">
        <v>1520</v>
      </c>
      <c r="N3651" s="5" t="s">
        <v>1521</v>
      </c>
      <c r="O3651" s="5" t="s">
        <v>38</v>
      </c>
      <c r="P3651" s="5" t="s">
        <v>39</v>
      </c>
      <c r="Q3651" s="5" t="s">
        <v>40</v>
      </c>
      <c r="R3651" s="5" t="s">
        <v>1522</v>
      </c>
      <c r="S3651" s="5" t="s">
        <v>1523</v>
      </c>
      <c r="T3651" s="5" t="s">
        <v>42</v>
      </c>
      <c r="U3651" s="2">
        <v>2.2829999999999999</v>
      </c>
      <c r="V3651" s="2">
        <v>1.891</v>
      </c>
      <c r="W3651" s="2">
        <v>1.0999999999999999E-2</v>
      </c>
      <c r="X3651" s="2">
        <v>139.1</v>
      </c>
      <c r="Y3651" s="2">
        <v>7.6</v>
      </c>
      <c r="Z3651" s="2">
        <v>10.6</v>
      </c>
      <c r="AA3651" s="5"/>
      <c r="AB3651" s="5" t="s">
        <v>43</v>
      </c>
      <c r="AC3651" s="5" t="s">
        <v>44</v>
      </c>
      <c r="AD3651" s="2"/>
      <c r="AE3651" s="1"/>
    </row>
    <row r="3652" spans="1:31" ht="14.45">
      <c r="A3652" s="11"/>
      <c r="B3652" s="20"/>
      <c r="C3652" s="2" t="s">
        <v>11410</v>
      </c>
      <c r="D3652" s="14" t="s">
        <v>11411</v>
      </c>
      <c r="E3652" s="2" t="s">
        <v>11412</v>
      </c>
      <c r="F3652" s="2" t="s">
        <v>1831</v>
      </c>
      <c r="G3652" s="8">
        <v>147</v>
      </c>
      <c r="H3652" s="5">
        <v>18</v>
      </c>
      <c r="I3652" s="5" t="s">
        <v>1518</v>
      </c>
      <c r="J3652" s="5" t="s">
        <v>1519</v>
      </c>
      <c r="K3652" s="2" t="s">
        <v>1520</v>
      </c>
      <c r="L3652" s="5" t="s">
        <v>1519</v>
      </c>
      <c r="M3652" s="2" t="s">
        <v>1520</v>
      </c>
      <c r="N3652" s="5" t="s">
        <v>1521</v>
      </c>
      <c r="O3652" s="5" t="s">
        <v>38</v>
      </c>
      <c r="P3652" s="5" t="s">
        <v>39</v>
      </c>
      <c r="Q3652" s="5" t="s">
        <v>40</v>
      </c>
      <c r="R3652" s="5" t="s">
        <v>1522</v>
      </c>
      <c r="S3652" s="5" t="s">
        <v>1523</v>
      </c>
      <c r="T3652" s="5" t="s">
        <v>42</v>
      </c>
      <c r="U3652" s="2">
        <v>2.23</v>
      </c>
      <c r="V3652" s="2">
        <v>1.8380000000000001</v>
      </c>
      <c r="W3652" s="2">
        <v>1.0999999999999999E-2</v>
      </c>
      <c r="X3652" s="2">
        <v>139.1</v>
      </c>
      <c r="Y3652" s="2">
        <v>7.6</v>
      </c>
      <c r="Z3652" s="2">
        <v>10.6</v>
      </c>
      <c r="AA3652" s="5"/>
      <c r="AB3652" s="5" t="s">
        <v>43</v>
      </c>
      <c r="AC3652" s="5" t="s">
        <v>44</v>
      </c>
      <c r="AD3652" s="2"/>
      <c r="AE3652" s="1"/>
    </row>
    <row r="3653" spans="1:31" ht="14.45">
      <c r="A3653" s="11"/>
      <c r="B3653" s="20"/>
      <c r="C3653" s="2" t="s">
        <v>11413</v>
      </c>
      <c r="D3653" s="14" t="s">
        <v>11414</v>
      </c>
      <c r="E3653" s="2" t="s">
        <v>11415</v>
      </c>
      <c r="F3653" s="2" t="s">
        <v>1835</v>
      </c>
      <c r="G3653" s="8">
        <v>147</v>
      </c>
      <c r="H3653" s="5">
        <v>18</v>
      </c>
      <c r="I3653" s="5" t="s">
        <v>1518</v>
      </c>
      <c r="J3653" s="5" t="s">
        <v>1519</v>
      </c>
      <c r="K3653" s="2" t="s">
        <v>1520</v>
      </c>
      <c r="L3653" s="5" t="s">
        <v>1519</v>
      </c>
      <c r="M3653" s="2" t="s">
        <v>1520</v>
      </c>
      <c r="N3653" s="5" t="s">
        <v>1521</v>
      </c>
      <c r="O3653" s="5" t="s">
        <v>38</v>
      </c>
      <c r="P3653" s="5" t="s">
        <v>39</v>
      </c>
      <c r="Q3653" s="5" t="s">
        <v>40</v>
      </c>
      <c r="R3653" s="5" t="s">
        <v>1522</v>
      </c>
      <c r="S3653" s="5" t="s">
        <v>1523</v>
      </c>
      <c r="T3653" s="5" t="s">
        <v>42</v>
      </c>
      <c r="U3653" s="2">
        <v>2.2829999999999999</v>
      </c>
      <c r="V3653" s="2">
        <v>1.891</v>
      </c>
      <c r="W3653" s="2">
        <v>1.0999999999999999E-2</v>
      </c>
      <c r="X3653" s="2">
        <v>139.1</v>
      </c>
      <c r="Y3653" s="2">
        <v>7.6</v>
      </c>
      <c r="Z3653" s="2">
        <v>10.6</v>
      </c>
      <c r="AA3653" s="5"/>
      <c r="AB3653" s="5" t="s">
        <v>43</v>
      </c>
      <c r="AC3653" s="5" t="s">
        <v>44</v>
      </c>
      <c r="AD3653" s="2"/>
      <c r="AE3653" s="1"/>
    </row>
    <row r="3654" spans="1:31" ht="14.45">
      <c r="A3654" s="11"/>
      <c r="B3654" s="20"/>
      <c r="C3654" s="2" t="s">
        <v>11416</v>
      </c>
      <c r="D3654" s="14" t="s">
        <v>11417</v>
      </c>
      <c r="E3654" s="2" t="s">
        <v>11418</v>
      </c>
      <c r="F3654" s="2" t="s">
        <v>1839</v>
      </c>
      <c r="G3654" s="8">
        <v>147</v>
      </c>
      <c r="H3654" s="5">
        <v>18</v>
      </c>
      <c r="I3654" s="5" t="s">
        <v>1518</v>
      </c>
      <c r="J3654" s="5" t="s">
        <v>1519</v>
      </c>
      <c r="K3654" s="2" t="s">
        <v>1520</v>
      </c>
      <c r="L3654" s="5" t="s">
        <v>1519</v>
      </c>
      <c r="M3654" s="2" t="s">
        <v>1520</v>
      </c>
      <c r="N3654" s="5" t="s">
        <v>1521</v>
      </c>
      <c r="O3654" s="5" t="s">
        <v>38</v>
      </c>
      <c r="P3654" s="5" t="s">
        <v>39</v>
      </c>
      <c r="Q3654" s="5" t="s">
        <v>40</v>
      </c>
      <c r="R3654" s="5" t="s">
        <v>1522</v>
      </c>
      <c r="S3654" s="5" t="s">
        <v>1523</v>
      </c>
      <c r="T3654" s="5" t="s">
        <v>42</v>
      </c>
      <c r="U3654" s="2">
        <v>2.23</v>
      </c>
      <c r="V3654" s="2">
        <v>1.8380000000000001</v>
      </c>
      <c r="W3654" s="2">
        <v>1.0999999999999999E-2</v>
      </c>
      <c r="X3654" s="2">
        <v>139.1</v>
      </c>
      <c r="Y3654" s="2">
        <v>7.6</v>
      </c>
      <c r="Z3654" s="2">
        <v>10.6</v>
      </c>
      <c r="AA3654" s="5"/>
      <c r="AB3654" s="5" t="s">
        <v>43</v>
      </c>
      <c r="AC3654" s="5" t="s">
        <v>44</v>
      </c>
      <c r="AD3654" s="2"/>
      <c r="AE3654" s="1"/>
    </row>
    <row r="3655" spans="1:31" ht="14.45">
      <c r="A3655" s="11"/>
      <c r="B3655" s="20"/>
      <c r="C3655" s="2" t="s">
        <v>11419</v>
      </c>
      <c r="D3655" s="14" t="s">
        <v>11420</v>
      </c>
      <c r="E3655" s="2" t="s">
        <v>11421</v>
      </c>
      <c r="F3655" s="2" t="s">
        <v>1986</v>
      </c>
      <c r="G3655" s="8">
        <v>147</v>
      </c>
      <c r="H3655" s="5">
        <v>18</v>
      </c>
      <c r="I3655" s="5" t="s">
        <v>1518</v>
      </c>
      <c r="J3655" s="5" t="s">
        <v>1519</v>
      </c>
      <c r="K3655" s="2" t="s">
        <v>1520</v>
      </c>
      <c r="L3655" s="5" t="s">
        <v>1519</v>
      </c>
      <c r="M3655" s="2" t="s">
        <v>1520</v>
      </c>
      <c r="N3655" s="5" t="s">
        <v>1521</v>
      </c>
      <c r="O3655" s="5" t="s">
        <v>38</v>
      </c>
      <c r="P3655" s="5" t="s">
        <v>39</v>
      </c>
      <c r="Q3655" s="5" t="s">
        <v>40</v>
      </c>
      <c r="R3655" s="5" t="s">
        <v>1522</v>
      </c>
      <c r="S3655" s="5" t="s">
        <v>1523</v>
      </c>
      <c r="T3655" s="5" t="s">
        <v>42</v>
      </c>
      <c r="U3655" s="2">
        <v>2.2829999999999999</v>
      </c>
      <c r="V3655" s="2">
        <v>1.891</v>
      </c>
      <c r="W3655" s="2">
        <v>1.0999999999999999E-2</v>
      </c>
      <c r="X3655" s="2">
        <v>139.1</v>
      </c>
      <c r="Y3655" s="2">
        <v>7.6</v>
      </c>
      <c r="Z3655" s="2">
        <v>10.6</v>
      </c>
      <c r="AA3655" s="5"/>
      <c r="AB3655" s="5" t="s">
        <v>43</v>
      </c>
      <c r="AC3655" s="5" t="s">
        <v>44</v>
      </c>
      <c r="AD3655" s="2"/>
      <c r="AE3655" s="1"/>
    </row>
    <row r="3656" spans="1:31" ht="14.45">
      <c r="A3656" s="11"/>
      <c r="B3656" s="20"/>
      <c r="C3656" s="2" t="s">
        <v>11422</v>
      </c>
      <c r="D3656" s="14" t="s">
        <v>11423</v>
      </c>
      <c r="E3656" s="2" t="s">
        <v>11424</v>
      </c>
      <c r="F3656" s="2" t="s">
        <v>1843</v>
      </c>
      <c r="G3656" s="8">
        <v>147</v>
      </c>
      <c r="H3656" s="5">
        <v>18</v>
      </c>
      <c r="I3656" s="5" t="s">
        <v>1518</v>
      </c>
      <c r="J3656" s="5" t="s">
        <v>1519</v>
      </c>
      <c r="K3656" s="2" t="s">
        <v>1520</v>
      </c>
      <c r="L3656" s="5" t="s">
        <v>1519</v>
      </c>
      <c r="M3656" s="2" t="s">
        <v>1520</v>
      </c>
      <c r="N3656" s="5" t="s">
        <v>1521</v>
      </c>
      <c r="O3656" s="5" t="s">
        <v>38</v>
      </c>
      <c r="P3656" s="5" t="s">
        <v>39</v>
      </c>
      <c r="Q3656" s="5" t="s">
        <v>40</v>
      </c>
      <c r="R3656" s="5" t="s">
        <v>1522</v>
      </c>
      <c r="S3656" s="5" t="s">
        <v>1523</v>
      </c>
      <c r="T3656" s="5" t="s">
        <v>42</v>
      </c>
      <c r="U3656" s="2">
        <v>2.23</v>
      </c>
      <c r="V3656" s="2">
        <v>1.8380000000000001</v>
      </c>
      <c r="W3656" s="2">
        <v>1.0999999999999999E-2</v>
      </c>
      <c r="X3656" s="2">
        <v>139.1</v>
      </c>
      <c r="Y3656" s="2">
        <v>7.6</v>
      </c>
      <c r="Z3656" s="2">
        <v>10.6</v>
      </c>
      <c r="AA3656" s="5"/>
      <c r="AB3656" s="5" t="s">
        <v>43</v>
      </c>
      <c r="AC3656" s="5" t="s">
        <v>44</v>
      </c>
      <c r="AD3656" s="2"/>
      <c r="AE3656" s="1"/>
    </row>
    <row r="3657" spans="1:31" ht="14.45">
      <c r="A3657" s="11"/>
      <c r="B3657" s="20"/>
      <c r="C3657" s="2" t="s">
        <v>11425</v>
      </c>
      <c r="D3657" s="14" t="s">
        <v>11426</v>
      </c>
      <c r="E3657" s="2" t="s">
        <v>11427</v>
      </c>
      <c r="F3657" s="2" t="s">
        <v>1847</v>
      </c>
      <c r="G3657" s="8">
        <v>147</v>
      </c>
      <c r="H3657" s="5">
        <v>18</v>
      </c>
      <c r="I3657" s="5" t="s">
        <v>1518</v>
      </c>
      <c r="J3657" s="5" t="s">
        <v>1519</v>
      </c>
      <c r="K3657" s="2" t="s">
        <v>1520</v>
      </c>
      <c r="L3657" s="5" t="s">
        <v>1519</v>
      </c>
      <c r="M3657" s="2" t="s">
        <v>1520</v>
      </c>
      <c r="N3657" s="5" t="s">
        <v>1521</v>
      </c>
      <c r="O3657" s="5" t="s">
        <v>38</v>
      </c>
      <c r="P3657" s="5" t="s">
        <v>39</v>
      </c>
      <c r="Q3657" s="5" t="s">
        <v>40</v>
      </c>
      <c r="R3657" s="5" t="s">
        <v>1522</v>
      </c>
      <c r="S3657" s="5" t="s">
        <v>1523</v>
      </c>
      <c r="T3657" s="5" t="s">
        <v>42</v>
      </c>
      <c r="U3657" s="2">
        <v>2.2829999999999999</v>
      </c>
      <c r="V3657" s="2">
        <v>1.891</v>
      </c>
      <c r="W3657" s="2">
        <v>1.0999999999999999E-2</v>
      </c>
      <c r="X3657" s="2">
        <v>139.1</v>
      </c>
      <c r="Y3657" s="2">
        <v>7.6</v>
      </c>
      <c r="Z3657" s="2">
        <v>10.6</v>
      </c>
      <c r="AA3657" s="5"/>
      <c r="AB3657" s="5" t="s">
        <v>43</v>
      </c>
      <c r="AC3657" s="5" t="s">
        <v>44</v>
      </c>
      <c r="AD3657" s="2"/>
      <c r="AE3657" s="1"/>
    </row>
    <row r="3658" spans="1:31" ht="14.45">
      <c r="A3658" s="11"/>
      <c r="B3658" s="20"/>
      <c r="C3658" s="2" t="s">
        <v>11428</v>
      </c>
      <c r="D3658" s="14" t="s">
        <v>11429</v>
      </c>
      <c r="E3658" s="2" t="s">
        <v>11430</v>
      </c>
      <c r="F3658" s="2" t="s">
        <v>1851</v>
      </c>
      <c r="G3658" s="8">
        <v>147</v>
      </c>
      <c r="H3658" s="5">
        <v>18</v>
      </c>
      <c r="I3658" s="5" t="s">
        <v>1518</v>
      </c>
      <c r="J3658" s="5" t="s">
        <v>1519</v>
      </c>
      <c r="K3658" s="2" t="s">
        <v>1520</v>
      </c>
      <c r="L3658" s="5" t="s">
        <v>1519</v>
      </c>
      <c r="M3658" s="2" t="s">
        <v>1520</v>
      </c>
      <c r="N3658" s="5" t="s">
        <v>1521</v>
      </c>
      <c r="O3658" s="5" t="s">
        <v>38</v>
      </c>
      <c r="P3658" s="5" t="s">
        <v>39</v>
      </c>
      <c r="Q3658" s="5" t="s">
        <v>40</v>
      </c>
      <c r="R3658" s="5" t="s">
        <v>1522</v>
      </c>
      <c r="S3658" s="5" t="s">
        <v>1523</v>
      </c>
      <c r="T3658" s="5" t="s">
        <v>42</v>
      </c>
      <c r="U3658" s="2">
        <v>2.23</v>
      </c>
      <c r="V3658" s="2">
        <v>1.8380000000000001</v>
      </c>
      <c r="W3658" s="2">
        <v>1.0999999999999999E-2</v>
      </c>
      <c r="X3658" s="2">
        <v>139.1</v>
      </c>
      <c r="Y3658" s="2">
        <v>7.6</v>
      </c>
      <c r="Z3658" s="2">
        <v>10.6</v>
      </c>
      <c r="AA3658" s="5"/>
      <c r="AB3658" s="5" t="s">
        <v>43</v>
      </c>
      <c r="AC3658" s="5" t="s">
        <v>44</v>
      </c>
      <c r="AD3658" s="2"/>
      <c r="AE3658" s="1"/>
    </row>
    <row r="3659" spans="1:31" ht="14.45">
      <c r="A3659" s="11"/>
      <c r="B3659" s="20"/>
      <c r="C3659" s="2" t="s">
        <v>11431</v>
      </c>
      <c r="D3659" s="14" t="s">
        <v>11432</v>
      </c>
      <c r="E3659" s="2" t="s">
        <v>11433</v>
      </c>
      <c r="F3659" s="2" t="s">
        <v>1999</v>
      </c>
      <c r="G3659" s="8">
        <v>147</v>
      </c>
      <c r="H3659" s="5">
        <v>18</v>
      </c>
      <c r="I3659" s="5" t="s">
        <v>1518</v>
      </c>
      <c r="J3659" s="5" t="s">
        <v>1519</v>
      </c>
      <c r="K3659" s="2" t="s">
        <v>1520</v>
      </c>
      <c r="L3659" s="5" t="s">
        <v>1519</v>
      </c>
      <c r="M3659" s="2" t="s">
        <v>1520</v>
      </c>
      <c r="N3659" s="5" t="s">
        <v>1521</v>
      </c>
      <c r="O3659" s="5" t="s">
        <v>38</v>
      </c>
      <c r="P3659" s="5" t="s">
        <v>39</v>
      </c>
      <c r="Q3659" s="5" t="s">
        <v>40</v>
      </c>
      <c r="R3659" s="5" t="s">
        <v>1522</v>
      </c>
      <c r="S3659" s="5" t="s">
        <v>1523</v>
      </c>
      <c r="T3659" s="5" t="s">
        <v>42</v>
      </c>
      <c r="U3659" s="2">
        <v>2.2829999999999999</v>
      </c>
      <c r="V3659" s="2">
        <v>1.891</v>
      </c>
      <c r="W3659" s="2">
        <v>1.0999999999999999E-2</v>
      </c>
      <c r="X3659" s="2">
        <v>139.1</v>
      </c>
      <c r="Y3659" s="2">
        <v>7.6</v>
      </c>
      <c r="Z3659" s="2">
        <v>10.6</v>
      </c>
      <c r="AA3659" s="5"/>
      <c r="AB3659" s="5" t="s">
        <v>43</v>
      </c>
      <c r="AC3659" s="5" t="s">
        <v>44</v>
      </c>
      <c r="AD3659" s="2"/>
      <c r="AE3659" s="1"/>
    </row>
    <row r="3660" spans="1:31" ht="14.45">
      <c r="A3660" s="11"/>
      <c r="B3660" s="20"/>
      <c r="C3660" s="2" t="s">
        <v>11434</v>
      </c>
      <c r="D3660" s="14" t="s">
        <v>11435</v>
      </c>
      <c r="E3660" s="2" t="s">
        <v>11436</v>
      </c>
      <c r="F3660" s="2" t="s">
        <v>1855</v>
      </c>
      <c r="G3660" s="8">
        <v>147</v>
      </c>
      <c r="H3660" s="5">
        <v>18</v>
      </c>
      <c r="I3660" s="5" t="s">
        <v>1518</v>
      </c>
      <c r="J3660" s="5" t="s">
        <v>1519</v>
      </c>
      <c r="K3660" s="2" t="s">
        <v>1520</v>
      </c>
      <c r="L3660" s="5" t="s">
        <v>1519</v>
      </c>
      <c r="M3660" s="2" t="s">
        <v>1520</v>
      </c>
      <c r="N3660" s="5" t="s">
        <v>1521</v>
      </c>
      <c r="O3660" s="5" t="s">
        <v>38</v>
      </c>
      <c r="P3660" s="5" t="s">
        <v>39</v>
      </c>
      <c r="Q3660" s="5" t="s">
        <v>40</v>
      </c>
      <c r="R3660" s="5" t="s">
        <v>1522</v>
      </c>
      <c r="S3660" s="5" t="s">
        <v>1523</v>
      </c>
      <c r="T3660" s="5" t="s">
        <v>42</v>
      </c>
      <c r="U3660" s="2">
        <v>2.23</v>
      </c>
      <c r="V3660" s="2">
        <v>1.8380000000000001</v>
      </c>
      <c r="W3660" s="2">
        <v>1.0999999999999999E-2</v>
      </c>
      <c r="X3660" s="2">
        <v>139.1</v>
      </c>
      <c r="Y3660" s="2">
        <v>7.6</v>
      </c>
      <c r="Z3660" s="2">
        <v>10.6</v>
      </c>
      <c r="AA3660" s="5"/>
      <c r="AB3660" s="5" t="s">
        <v>43</v>
      </c>
      <c r="AC3660" s="5" t="s">
        <v>44</v>
      </c>
      <c r="AD3660" s="2"/>
      <c r="AE3660" s="1"/>
    </row>
    <row r="3661" spans="1:31" ht="14.45">
      <c r="A3661" s="11"/>
      <c r="B3661" s="20"/>
      <c r="C3661" s="2" t="s">
        <v>11437</v>
      </c>
      <c r="D3661" s="14" t="s">
        <v>11438</v>
      </c>
      <c r="E3661" s="2" t="s">
        <v>11439</v>
      </c>
      <c r="F3661" s="2" t="s">
        <v>1859</v>
      </c>
      <c r="G3661" s="8">
        <v>147</v>
      </c>
      <c r="H3661" s="5">
        <v>18</v>
      </c>
      <c r="I3661" s="5" t="s">
        <v>1518</v>
      </c>
      <c r="J3661" s="5" t="s">
        <v>1519</v>
      </c>
      <c r="K3661" s="2" t="s">
        <v>1520</v>
      </c>
      <c r="L3661" s="5" t="s">
        <v>1519</v>
      </c>
      <c r="M3661" s="2" t="s">
        <v>1520</v>
      </c>
      <c r="N3661" s="5" t="s">
        <v>1521</v>
      </c>
      <c r="O3661" s="5" t="s">
        <v>38</v>
      </c>
      <c r="P3661" s="5" t="s">
        <v>39</v>
      </c>
      <c r="Q3661" s="5" t="s">
        <v>40</v>
      </c>
      <c r="R3661" s="5" t="s">
        <v>1522</v>
      </c>
      <c r="S3661" s="5" t="s">
        <v>1523</v>
      </c>
      <c r="T3661" s="5" t="s">
        <v>42</v>
      </c>
      <c r="U3661" s="2">
        <v>2.2829999999999999</v>
      </c>
      <c r="V3661" s="2">
        <v>1.891</v>
      </c>
      <c r="W3661" s="2">
        <v>1.0999999999999999E-2</v>
      </c>
      <c r="X3661" s="2">
        <v>139.1</v>
      </c>
      <c r="Y3661" s="2">
        <v>7.6</v>
      </c>
      <c r="Z3661" s="2">
        <v>10.6</v>
      </c>
      <c r="AA3661" s="5"/>
      <c r="AB3661" s="5" t="s">
        <v>43</v>
      </c>
      <c r="AC3661" s="5" t="s">
        <v>44</v>
      </c>
      <c r="AD3661" s="2"/>
      <c r="AE3661" s="1"/>
    </row>
    <row r="3662" spans="1:31" ht="14.45">
      <c r="A3662" s="11"/>
      <c r="B3662" s="20"/>
      <c r="C3662" s="2" t="s">
        <v>11440</v>
      </c>
      <c r="D3662" s="14" t="s">
        <v>11441</v>
      </c>
      <c r="E3662" s="2" t="s">
        <v>11442</v>
      </c>
      <c r="F3662" s="2" t="s">
        <v>1863</v>
      </c>
      <c r="G3662" s="8">
        <v>147</v>
      </c>
      <c r="H3662" s="5">
        <v>21</v>
      </c>
      <c r="I3662" s="5" t="s">
        <v>1518</v>
      </c>
      <c r="J3662" s="5" t="s">
        <v>1519</v>
      </c>
      <c r="K3662" s="2" t="s">
        <v>1520</v>
      </c>
      <c r="L3662" s="5" t="s">
        <v>1519</v>
      </c>
      <c r="M3662" s="2" t="s">
        <v>1520</v>
      </c>
      <c r="N3662" s="5" t="s">
        <v>1521</v>
      </c>
      <c r="O3662" s="5" t="s">
        <v>38</v>
      </c>
      <c r="P3662" s="5" t="s">
        <v>39</v>
      </c>
      <c r="Q3662" s="5" t="s">
        <v>40</v>
      </c>
      <c r="R3662" s="5" t="s">
        <v>1522</v>
      </c>
      <c r="S3662" s="5" t="s">
        <v>1523</v>
      </c>
      <c r="T3662" s="5" t="s">
        <v>42</v>
      </c>
      <c r="U3662" s="2">
        <v>2.1589999999999998</v>
      </c>
      <c r="V3662" s="2">
        <v>1.7649999999999999</v>
      </c>
      <c r="W3662" s="2">
        <v>1.0999999999999999E-2</v>
      </c>
      <c r="X3662" s="2">
        <v>139.1</v>
      </c>
      <c r="Y3662" s="2">
        <v>7.6</v>
      </c>
      <c r="Z3662" s="2">
        <v>10.6</v>
      </c>
      <c r="AA3662" s="5"/>
      <c r="AB3662" s="5" t="s">
        <v>43</v>
      </c>
      <c r="AC3662" s="5" t="s">
        <v>44</v>
      </c>
      <c r="AD3662" s="2"/>
      <c r="AE3662" s="1"/>
    </row>
    <row r="3663" spans="1:31" ht="14.45">
      <c r="A3663" s="11"/>
      <c r="B3663" s="20"/>
      <c r="C3663" s="2" t="s">
        <v>11443</v>
      </c>
      <c r="D3663" s="14" t="s">
        <v>11444</v>
      </c>
      <c r="E3663" s="2" t="s">
        <v>11445</v>
      </c>
      <c r="F3663" s="2" t="s">
        <v>1867</v>
      </c>
      <c r="G3663" s="8">
        <v>147</v>
      </c>
      <c r="H3663" s="5">
        <v>21</v>
      </c>
      <c r="I3663" s="5" t="s">
        <v>1518</v>
      </c>
      <c r="J3663" s="5" t="s">
        <v>1519</v>
      </c>
      <c r="K3663" s="2" t="s">
        <v>1520</v>
      </c>
      <c r="L3663" s="5" t="s">
        <v>1519</v>
      </c>
      <c r="M3663" s="2" t="s">
        <v>1520</v>
      </c>
      <c r="N3663" s="5" t="s">
        <v>1521</v>
      </c>
      <c r="O3663" s="5" t="s">
        <v>38</v>
      </c>
      <c r="P3663" s="5" t="s">
        <v>39</v>
      </c>
      <c r="Q3663" s="5" t="s">
        <v>40</v>
      </c>
      <c r="R3663" s="5" t="s">
        <v>1522</v>
      </c>
      <c r="S3663" s="5" t="s">
        <v>1523</v>
      </c>
      <c r="T3663" s="5" t="s">
        <v>42</v>
      </c>
      <c r="U3663" s="2">
        <v>2.2120000000000002</v>
      </c>
      <c r="V3663" s="2">
        <v>1.8180000000000001</v>
      </c>
      <c r="W3663" s="2">
        <v>1.0999999999999999E-2</v>
      </c>
      <c r="X3663" s="2">
        <v>139.1</v>
      </c>
      <c r="Y3663" s="2">
        <v>7.6</v>
      </c>
      <c r="Z3663" s="2">
        <v>10.6</v>
      </c>
      <c r="AA3663" s="5"/>
      <c r="AB3663" s="5" t="s">
        <v>43</v>
      </c>
      <c r="AC3663" s="5" t="s">
        <v>44</v>
      </c>
      <c r="AD3663" s="2"/>
      <c r="AE3663" s="1"/>
    </row>
    <row r="3664" spans="1:31" ht="14.45">
      <c r="A3664" s="11"/>
      <c r="B3664" s="20"/>
      <c r="C3664" s="2" t="s">
        <v>11446</v>
      </c>
      <c r="D3664" s="14" t="s">
        <v>11447</v>
      </c>
      <c r="E3664" s="2" t="s">
        <v>11448</v>
      </c>
      <c r="F3664" s="2" t="s">
        <v>7396</v>
      </c>
      <c r="G3664" s="8">
        <v>110</v>
      </c>
      <c r="H3664" s="5">
        <v>5</v>
      </c>
      <c r="I3664" s="5" t="s">
        <v>1518</v>
      </c>
      <c r="J3664" s="5" t="s">
        <v>1519</v>
      </c>
      <c r="K3664" s="2" t="s">
        <v>1520</v>
      </c>
      <c r="L3664" s="5" t="s">
        <v>1519</v>
      </c>
      <c r="M3664" s="2" t="s">
        <v>1520</v>
      </c>
      <c r="N3664" s="5" t="s">
        <v>1521</v>
      </c>
      <c r="O3664" s="5" t="s">
        <v>38</v>
      </c>
      <c r="P3664" s="5" t="s">
        <v>39</v>
      </c>
      <c r="Q3664" s="5" t="s">
        <v>40</v>
      </c>
      <c r="R3664" s="5" t="s">
        <v>1522</v>
      </c>
      <c r="S3664" s="5" t="s">
        <v>1523</v>
      </c>
      <c r="T3664" s="5" t="s">
        <v>42</v>
      </c>
      <c r="U3664" s="2">
        <v>1.5109999999999999</v>
      </c>
      <c r="V3664" s="2">
        <v>1.1779999999999999</v>
      </c>
      <c r="W3664" s="2">
        <v>8.0000000000000002E-3</v>
      </c>
      <c r="X3664" s="2">
        <v>99.1</v>
      </c>
      <c r="Y3664" s="2">
        <v>7.6</v>
      </c>
      <c r="Z3664" s="2">
        <v>10.6</v>
      </c>
      <c r="AA3664" s="5"/>
      <c r="AB3664" s="5" t="s">
        <v>43</v>
      </c>
      <c r="AC3664" s="5" t="s">
        <v>44</v>
      </c>
      <c r="AD3664" s="2"/>
      <c r="AE3664" s="1"/>
    </row>
    <row r="3665" spans="1:31" ht="14.45">
      <c r="A3665" s="11"/>
      <c r="B3665" s="20"/>
      <c r="C3665" s="2" t="s">
        <v>11449</v>
      </c>
      <c r="D3665" s="14" t="s">
        <v>11450</v>
      </c>
      <c r="E3665" s="2" t="s">
        <v>11451</v>
      </c>
      <c r="F3665" s="2" t="s">
        <v>7507</v>
      </c>
      <c r="G3665" s="8">
        <v>110</v>
      </c>
      <c r="H3665" s="5">
        <v>6</v>
      </c>
      <c r="I3665" s="5" t="s">
        <v>1518</v>
      </c>
      <c r="J3665" s="5" t="s">
        <v>1519</v>
      </c>
      <c r="K3665" s="2" t="s">
        <v>1520</v>
      </c>
      <c r="L3665" s="5" t="s">
        <v>1519</v>
      </c>
      <c r="M3665" s="2" t="s">
        <v>1520</v>
      </c>
      <c r="N3665" s="5" t="s">
        <v>1521</v>
      </c>
      <c r="O3665" s="5" t="s">
        <v>38</v>
      </c>
      <c r="P3665" s="5" t="s">
        <v>39</v>
      </c>
      <c r="Q3665" s="5" t="s">
        <v>40</v>
      </c>
      <c r="R3665" s="5" t="s">
        <v>1522</v>
      </c>
      <c r="S3665" s="5" t="s">
        <v>1523</v>
      </c>
      <c r="T3665" s="5" t="s">
        <v>42</v>
      </c>
      <c r="U3665" s="2">
        <v>1.5429999999999999</v>
      </c>
      <c r="V3665" s="2">
        <v>1.21</v>
      </c>
      <c r="W3665" s="2">
        <v>8.0000000000000002E-3</v>
      </c>
      <c r="X3665" s="2">
        <v>99.1</v>
      </c>
      <c r="Y3665" s="2">
        <v>7.6</v>
      </c>
      <c r="Z3665" s="2">
        <v>10.6</v>
      </c>
      <c r="AA3665" s="5"/>
      <c r="AB3665" s="5" t="s">
        <v>43</v>
      </c>
      <c r="AC3665" s="5" t="s">
        <v>44</v>
      </c>
      <c r="AD3665" s="2"/>
      <c r="AE3665" s="1"/>
    </row>
    <row r="3666" spans="1:31" ht="14.45">
      <c r="A3666" s="11"/>
      <c r="B3666" s="20"/>
      <c r="C3666" s="2" t="s">
        <v>11452</v>
      </c>
      <c r="D3666" s="14" t="s">
        <v>11453</v>
      </c>
      <c r="E3666" s="2" t="s">
        <v>11454</v>
      </c>
      <c r="F3666" s="2" t="s">
        <v>7204</v>
      </c>
      <c r="G3666" s="8">
        <v>110</v>
      </c>
      <c r="H3666" s="5">
        <v>5</v>
      </c>
      <c r="I3666" s="5" t="s">
        <v>1518</v>
      </c>
      <c r="J3666" s="5" t="s">
        <v>1519</v>
      </c>
      <c r="K3666" s="2" t="s">
        <v>1520</v>
      </c>
      <c r="L3666" s="5" t="s">
        <v>1519</v>
      </c>
      <c r="M3666" s="2" t="s">
        <v>1520</v>
      </c>
      <c r="N3666" s="5" t="s">
        <v>1521</v>
      </c>
      <c r="O3666" s="5" t="s">
        <v>38</v>
      </c>
      <c r="P3666" s="5" t="s">
        <v>39</v>
      </c>
      <c r="Q3666" s="5" t="s">
        <v>40</v>
      </c>
      <c r="R3666" s="5" t="s">
        <v>1522</v>
      </c>
      <c r="S3666" s="5" t="s">
        <v>1523</v>
      </c>
      <c r="T3666" s="5" t="s">
        <v>42</v>
      </c>
      <c r="U3666" s="2">
        <v>1.5149999999999999</v>
      </c>
      <c r="V3666" s="2">
        <v>1.1819999999999999</v>
      </c>
      <c r="W3666" s="2">
        <v>8.0000000000000002E-3</v>
      </c>
      <c r="X3666" s="2">
        <v>99.1</v>
      </c>
      <c r="Y3666" s="2">
        <v>7.6</v>
      </c>
      <c r="Z3666" s="2">
        <v>10.6</v>
      </c>
      <c r="AA3666" s="5"/>
      <c r="AB3666" s="5" t="s">
        <v>43</v>
      </c>
      <c r="AC3666" s="5" t="s">
        <v>44</v>
      </c>
      <c r="AD3666" s="2"/>
      <c r="AE3666" s="1"/>
    </row>
    <row r="3667" spans="1:31" ht="14.45">
      <c r="A3667" s="11"/>
      <c r="B3667" s="20"/>
      <c r="C3667" s="2" t="s">
        <v>11455</v>
      </c>
      <c r="D3667" s="14" t="s">
        <v>11456</v>
      </c>
      <c r="E3667" s="2" t="s">
        <v>11457</v>
      </c>
      <c r="F3667" s="2" t="s">
        <v>7514</v>
      </c>
      <c r="G3667" s="8">
        <v>110</v>
      </c>
      <c r="H3667" s="5">
        <v>5</v>
      </c>
      <c r="I3667" s="5" t="s">
        <v>1518</v>
      </c>
      <c r="J3667" s="5" t="s">
        <v>1519</v>
      </c>
      <c r="K3667" s="2" t="s">
        <v>1520</v>
      </c>
      <c r="L3667" s="5" t="s">
        <v>1519</v>
      </c>
      <c r="M3667" s="2" t="s">
        <v>1520</v>
      </c>
      <c r="N3667" s="5" t="s">
        <v>1521</v>
      </c>
      <c r="O3667" s="5" t="s">
        <v>38</v>
      </c>
      <c r="P3667" s="5" t="s">
        <v>39</v>
      </c>
      <c r="Q3667" s="5" t="s">
        <v>40</v>
      </c>
      <c r="R3667" s="5" t="s">
        <v>1522</v>
      </c>
      <c r="S3667" s="5" t="s">
        <v>1523</v>
      </c>
      <c r="T3667" s="5" t="s">
        <v>42</v>
      </c>
      <c r="U3667" s="2">
        <v>1.5469999999999999</v>
      </c>
      <c r="V3667" s="2">
        <v>1.214</v>
      </c>
      <c r="W3667" s="2">
        <v>8.0000000000000002E-3</v>
      </c>
      <c r="X3667" s="2">
        <v>99.1</v>
      </c>
      <c r="Y3667" s="2">
        <v>7.6</v>
      </c>
      <c r="Z3667" s="2">
        <v>10.6</v>
      </c>
      <c r="AA3667" s="5"/>
      <c r="AB3667" s="5" t="s">
        <v>43</v>
      </c>
      <c r="AC3667" s="5" t="s">
        <v>44</v>
      </c>
      <c r="AD3667" s="2"/>
      <c r="AE3667" s="1"/>
    </row>
    <row r="3668" spans="1:31" ht="14.45">
      <c r="A3668" s="11"/>
      <c r="B3668" s="20"/>
      <c r="C3668" s="2" t="s">
        <v>11458</v>
      </c>
      <c r="D3668" s="14" t="s">
        <v>11459</v>
      </c>
      <c r="E3668" s="2" t="s">
        <v>11460</v>
      </c>
      <c r="F3668" s="2" t="s">
        <v>7208</v>
      </c>
      <c r="G3668" s="8">
        <v>110</v>
      </c>
      <c r="H3668" s="5">
        <v>5</v>
      </c>
      <c r="I3668" s="5" t="s">
        <v>1518</v>
      </c>
      <c r="J3668" s="5" t="s">
        <v>1519</v>
      </c>
      <c r="K3668" s="2" t="s">
        <v>1520</v>
      </c>
      <c r="L3668" s="5" t="s">
        <v>1519</v>
      </c>
      <c r="M3668" s="2" t="s">
        <v>1520</v>
      </c>
      <c r="N3668" s="5" t="s">
        <v>1521</v>
      </c>
      <c r="O3668" s="5" t="s">
        <v>38</v>
      </c>
      <c r="P3668" s="5" t="s">
        <v>39</v>
      </c>
      <c r="Q3668" s="5" t="s">
        <v>40</v>
      </c>
      <c r="R3668" s="5" t="s">
        <v>1522</v>
      </c>
      <c r="S3668" s="5" t="s">
        <v>1523</v>
      </c>
      <c r="T3668" s="5" t="s">
        <v>42</v>
      </c>
      <c r="U3668" s="2">
        <v>1.5149999999999999</v>
      </c>
      <c r="V3668" s="2">
        <v>1.1819999999999999</v>
      </c>
      <c r="W3668" s="2">
        <v>8.0000000000000002E-3</v>
      </c>
      <c r="X3668" s="2">
        <v>99.1</v>
      </c>
      <c r="Y3668" s="2">
        <v>7.6</v>
      </c>
      <c r="Z3668" s="2">
        <v>10.6</v>
      </c>
      <c r="AA3668" s="5"/>
      <c r="AB3668" s="5" t="s">
        <v>43</v>
      </c>
      <c r="AC3668" s="5" t="s">
        <v>44</v>
      </c>
      <c r="AD3668" s="2"/>
      <c r="AE3668" s="1"/>
    </row>
    <row r="3669" spans="1:31" ht="14.45">
      <c r="A3669" s="11"/>
      <c r="B3669" s="20"/>
      <c r="C3669" s="2" t="s">
        <v>11461</v>
      </c>
      <c r="D3669" s="14" t="s">
        <v>11462</v>
      </c>
      <c r="E3669" s="2" t="s">
        <v>11463</v>
      </c>
      <c r="F3669" s="2" t="s">
        <v>7521</v>
      </c>
      <c r="G3669" s="8">
        <v>110</v>
      </c>
      <c r="H3669" s="5">
        <v>6</v>
      </c>
      <c r="I3669" s="5" t="s">
        <v>1518</v>
      </c>
      <c r="J3669" s="5" t="s">
        <v>1519</v>
      </c>
      <c r="K3669" s="2" t="s">
        <v>1520</v>
      </c>
      <c r="L3669" s="5" t="s">
        <v>1519</v>
      </c>
      <c r="M3669" s="2" t="s">
        <v>1520</v>
      </c>
      <c r="N3669" s="5" t="s">
        <v>1521</v>
      </c>
      <c r="O3669" s="5" t="s">
        <v>38</v>
      </c>
      <c r="P3669" s="5" t="s">
        <v>39</v>
      </c>
      <c r="Q3669" s="5" t="s">
        <v>40</v>
      </c>
      <c r="R3669" s="5" t="s">
        <v>1522</v>
      </c>
      <c r="S3669" s="5" t="s">
        <v>1523</v>
      </c>
      <c r="T3669" s="5" t="s">
        <v>42</v>
      </c>
      <c r="U3669" s="2">
        <v>1.5469999999999999</v>
      </c>
      <c r="V3669" s="2">
        <v>1.214</v>
      </c>
      <c r="W3669" s="2">
        <v>8.0000000000000002E-3</v>
      </c>
      <c r="X3669" s="2">
        <v>99.1</v>
      </c>
      <c r="Y3669" s="2">
        <v>7.6</v>
      </c>
      <c r="Z3669" s="2">
        <v>10.6</v>
      </c>
      <c r="AA3669" s="5"/>
      <c r="AB3669" s="5" t="s">
        <v>43</v>
      </c>
      <c r="AC3669" s="5" t="s">
        <v>44</v>
      </c>
      <c r="AD3669" s="2"/>
      <c r="AE3669" s="1"/>
    </row>
    <row r="3670" spans="1:31" ht="14.45">
      <c r="A3670" s="11"/>
      <c r="B3670" s="20"/>
      <c r="C3670" s="2" t="s">
        <v>11464</v>
      </c>
      <c r="D3670" s="14" t="s">
        <v>11465</v>
      </c>
      <c r="E3670" s="2" t="s">
        <v>11466</v>
      </c>
      <c r="F3670" s="2" t="s">
        <v>7212</v>
      </c>
      <c r="G3670" s="8">
        <v>110</v>
      </c>
      <c r="H3670" s="5">
        <v>5</v>
      </c>
      <c r="I3670" s="5" t="s">
        <v>1518</v>
      </c>
      <c r="J3670" s="5" t="s">
        <v>1519</v>
      </c>
      <c r="K3670" s="2" t="s">
        <v>1520</v>
      </c>
      <c r="L3670" s="5" t="s">
        <v>1519</v>
      </c>
      <c r="M3670" s="2" t="s">
        <v>1520</v>
      </c>
      <c r="N3670" s="5" t="s">
        <v>1521</v>
      </c>
      <c r="O3670" s="5" t="s">
        <v>38</v>
      </c>
      <c r="P3670" s="5" t="s">
        <v>39</v>
      </c>
      <c r="Q3670" s="5" t="s">
        <v>40</v>
      </c>
      <c r="R3670" s="5" t="s">
        <v>1522</v>
      </c>
      <c r="S3670" s="5" t="s">
        <v>1523</v>
      </c>
      <c r="T3670" s="5" t="s">
        <v>42</v>
      </c>
      <c r="U3670" s="2">
        <v>1.504</v>
      </c>
      <c r="V3670" s="2">
        <v>1.171</v>
      </c>
      <c r="W3670" s="2">
        <v>8.0000000000000002E-3</v>
      </c>
      <c r="X3670" s="2">
        <v>99.1</v>
      </c>
      <c r="Y3670" s="2">
        <v>7.6</v>
      </c>
      <c r="Z3670" s="2">
        <v>10.6</v>
      </c>
      <c r="AA3670" s="5"/>
      <c r="AB3670" s="5" t="s">
        <v>43</v>
      </c>
      <c r="AC3670" s="5" t="s">
        <v>44</v>
      </c>
      <c r="AD3670" s="2"/>
      <c r="AE3670" s="1"/>
    </row>
    <row r="3671" spans="1:31" ht="14.45">
      <c r="A3671" s="11"/>
      <c r="B3671" s="20"/>
      <c r="C3671" s="2" t="s">
        <v>11467</v>
      </c>
      <c r="D3671" s="14" t="s">
        <v>11468</v>
      </c>
      <c r="E3671" s="2" t="s">
        <v>11469</v>
      </c>
      <c r="F3671" s="2" t="s">
        <v>7528</v>
      </c>
      <c r="G3671" s="8">
        <v>110</v>
      </c>
      <c r="H3671" s="5">
        <v>6</v>
      </c>
      <c r="I3671" s="5" t="s">
        <v>1518</v>
      </c>
      <c r="J3671" s="5" t="s">
        <v>1519</v>
      </c>
      <c r="K3671" s="2" t="s">
        <v>1520</v>
      </c>
      <c r="L3671" s="5" t="s">
        <v>1519</v>
      </c>
      <c r="M3671" s="2" t="s">
        <v>1520</v>
      </c>
      <c r="N3671" s="5" t="s">
        <v>1521</v>
      </c>
      <c r="O3671" s="5" t="s">
        <v>38</v>
      </c>
      <c r="P3671" s="5" t="s">
        <v>39</v>
      </c>
      <c r="Q3671" s="5" t="s">
        <v>40</v>
      </c>
      <c r="R3671" s="5" t="s">
        <v>1522</v>
      </c>
      <c r="S3671" s="5" t="s">
        <v>1523</v>
      </c>
      <c r="T3671" s="5" t="s">
        <v>42</v>
      </c>
      <c r="U3671" s="2">
        <v>1.536</v>
      </c>
      <c r="V3671" s="2">
        <v>1.2030000000000001</v>
      </c>
      <c r="W3671" s="2">
        <v>8.0000000000000002E-3</v>
      </c>
      <c r="X3671" s="2">
        <v>99.1</v>
      </c>
      <c r="Y3671" s="2">
        <v>7.6</v>
      </c>
      <c r="Z3671" s="2">
        <v>10.6</v>
      </c>
      <c r="AA3671" s="5"/>
      <c r="AB3671" s="5" t="s">
        <v>43</v>
      </c>
      <c r="AC3671" s="5" t="s">
        <v>44</v>
      </c>
      <c r="AD3671" s="2"/>
      <c r="AE3671" s="1"/>
    </row>
    <row r="3672" spans="1:31" ht="14.45">
      <c r="A3672" s="11"/>
      <c r="B3672" s="20"/>
      <c r="C3672" s="2" t="s">
        <v>11470</v>
      </c>
      <c r="D3672" s="14" t="s">
        <v>11471</v>
      </c>
      <c r="E3672" s="2" t="s">
        <v>11472</v>
      </c>
      <c r="F3672" s="2" t="s">
        <v>7406</v>
      </c>
      <c r="G3672" s="8">
        <v>126</v>
      </c>
      <c r="H3672" s="5">
        <v>6</v>
      </c>
      <c r="I3672" s="5" t="s">
        <v>1518</v>
      </c>
      <c r="J3672" s="5" t="s">
        <v>1519</v>
      </c>
      <c r="K3672" s="2" t="s">
        <v>1520</v>
      </c>
      <c r="L3672" s="5" t="s">
        <v>1519</v>
      </c>
      <c r="M3672" s="2" t="s">
        <v>1520</v>
      </c>
      <c r="N3672" s="5" t="s">
        <v>1521</v>
      </c>
      <c r="O3672" s="5" t="s">
        <v>38</v>
      </c>
      <c r="P3672" s="5" t="s">
        <v>39</v>
      </c>
      <c r="Q3672" s="5" t="s">
        <v>40</v>
      </c>
      <c r="R3672" s="5" t="s">
        <v>1522</v>
      </c>
      <c r="S3672" s="5" t="s">
        <v>1523</v>
      </c>
      <c r="T3672" s="5" t="s">
        <v>42</v>
      </c>
      <c r="U3672" s="2">
        <v>1.504</v>
      </c>
      <c r="V3672" s="2">
        <v>1.171</v>
      </c>
      <c r="W3672" s="2">
        <v>8.0000000000000002E-3</v>
      </c>
      <c r="X3672" s="2">
        <v>99.1</v>
      </c>
      <c r="Y3672" s="2">
        <v>7.6</v>
      </c>
      <c r="Z3672" s="2">
        <v>10.6</v>
      </c>
      <c r="AA3672" s="5"/>
      <c r="AB3672" s="5" t="s">
        <v>43</v>
      </c>
      <c r="AC3672" s="5" t="s">
        <v>44</v>
      </c>
      <c r="AD3672" s="2"/>
      <c r="AE3672" s="1"/>
    </row>
    <row r="3673" spans="1:31" ht="14.45">
      <c r="A3673" s="11"/>
      <c r="B3673" s="20"/>
      <c r="C3673" s="2" t="s">
        <v>11473</v>
      </c>
      <c r="D3673" s="14" t="s">
        <v>11474</v>
      </c>
      <c r="E3673" s="2" t="s">
        <v>11475</v>
      </c>
      <c r="F3673" s="2" t="s">
        <v>7535</v>
      </c>
      <c r="G3673" s="8">
        <v>126</v>
      </c>
      <c r="H3673" s="5">
        <v>6</v>
      </c>
      <c r="I3673" s="5" t="s">
        <v>1518</v>
      </c>
      <c r="J3673" s="5" t="s">
        <v>1519</v>
      </c>
      <c r="K3673" s="2" t="s">
        <v>1520</v>
      </c>
      <c r="L3673" s="5" t="s">
        <v>1519</v>
      </c>
      <c r="M3673" s="2" t="s">
        <v>1520</v>
      </c>
      <c r="N3673" s="5" t="s">
        <v>1521</v>
      </c>
      <c r="O3673" s="5" t="s">
        <v>38</v>
      </c>
      <c r="P3673" s="5" t="s">
        <v>39</v>
      </c>
      <c r="Q3673" s="5" t="s">
        <v>40</v>
      </c>
      <c r="R3673" s="5" t="s">
        <v>1522</v>
      </c>
      <c r="S3673" s="5" t="s">
        <v>1523</v>
      </c>
      <c r="T3673" s="5" t="s">
        <v>42</v>
      </c>
      <c r="U3673" s="2">
        <v>1.536</v>
      </c>
      <c r="V3673" s="2">
        <v>1.2030000000000001</v>
      </c>
      <c r="W3673" s="2">
        <v>8.0000000000000002E-3</v>
      </c>
      <c r="X3673" s="2">
        <v>99.1</v>
      </c>
      <c r="Y3673" s="2">
        <v>7.6</v>
      </c>
      <c r="Z3673" s="2">
        <v>10.6</v>
      </c>
      <c r="AA3673" s="5"/>
      <c r="AB3673" s="5" t="s">
        <v>43</v>
      </c>
      <c r="AC3673" s="5" t="s">
        <v>44</v>
      </c>
      <c r="AD3673" s="2"/>
      <c r="AE3673" s="1"/>
    </row>
    <row r="3674" spans="1:31" ht="14.45">
      <c r="A3674" s="11"/>
      <c r="B3674" s="20"/>
      <c r="C3674" s="2" t="s">
        <v>11476</v>
      </c>
      <c r="D3674" s="14" t="s">
        <v>11477</v>
      </c>
      <c r="E3674" s="2" t="s">
        <v>11478</v>
      </c>
      <c r="F3674" s="2" t="s">
        <v>7539</v>
      </c>
      <c r="G3674" s="8">
        <v>126</v>
      </c>
      <c r="H3674" s="5">
        <v>6</v>
      </c>
      <c r="I3674" s="5" t="s">
        <v>1518</v>
      </c>
      <c r="J3674" s="5" t="s">
        <v>1519</v>
      </c>
      <c r="K3674" s="2" t="s">
        <v>1520</v>
      </c>
      <c r="L3674" s="5" t="s">
        <v>1519</v>
      </c>
      <c r="M3674" s="2" t="s">
        <v>1520</v>
      </c>
      <c r="N3674" s="5" t="s">
        <v>1521</v>
      </c>
      <c r="O3674" s="5" t="s">
        <v>38</v>
      </c>
      <c r="P3674" s="5" t="s">
        <v>39</v>
      </c>
      <c r="Q3674" s="5" t="s">
        <v>40</v>
      </c>
      <c r="R3674" s="5" t="s">
        <v>1522</v>
      </c>
      <c r="S3674" s="5" t="s">
        <v>1523</v>
      </c>
      <c r="T3674" s="5" t="s">
        <v>42</v>
      </c>
      <c r="U3674" s="2">
        <v>1.5149999999999999</v>
      </c>
      <c r="V3674" s="2">
        <v>1.1819999999999999</v>
      </c>
      <c r="W3674" s="2">
        <v>8.0000000000000002E-3</v>
      </c>
      <c r="X3674" s="2">
        <v>99.1</v>
      </c>
      <c r="Y3674" s="2">
        <v>7.6</v>
      </c>
      <c r="Z3674" s="2">
        <v>10.6</v>
      </c>
      <c r="AA3674" s="5"/>
      <c r="AB3674" s="5" t="s">
        <v>43</v>
      </c>
      <c r="AC3674" s="5" t="s">
        <v>44</v>
      </c>
      <c r="AD3674" s="2"/>
      <c r="AE3674" s="1"/>
    </row>
    <row r="3675" spans="1:31" ht="14.45">
      <c r="A3675" s="11"/>
      <c r="B3675" s="20"/>
      <c r="C3675" s="2" t="s">
        <v>11479</v>
      </c>
      <c r="D3675" s="14" t="s">
        <v>11480</v>
      </c>
      <c r="E3675" s="2" t="s">
        <v>11481</v>
      </c>
      <c r="F3675" s="2" t="s">
        <v>7543</v>
      </c>
      <c r="G3675" s="8">
        <v>126</v>
      </c>
      <c r="H3675" s="5">
        <v>6</v>
      </c>
      <c r="I3675" s="5" t="s">
        <v>1518</v>
      </c>
      <c r="J3675" s="5" t="s">
        <v>1519</v>
      </c>
      <c r="K3675" s="2" t="s">
        <v>1520</v>
      </c>
      <c r="L3675" s="5" t="s">
        <v>1519</v>
      </c>
      <c r="M3675" s="2" t="s">
        <v>1520</v>
      </c>
      <c r="N3675" s="5" t="s">
        <v>1521</v>
      </c>
      <c r="O3675" s="5" t="s">
        <v>38</v>
      </c>
      <c r="P3675" s="5" t="s">
        <v>39</v>
      </c>
      <c r="Q3675" s="5" t="s">
        <v>40</v>
      </c>
      <c r="R3675" s="5" t="s">
        <v>1522</v>
      </c>
      <c r="S3675" s="5" t="s">
        <v>1523</v>
      </c>
      <c r="T3675" s="5" t="s">
        <v>42</v>
      </c>
      <c r="U3675" s="2">
        <v>1.5469999999999999</v>
      </c>
      <c r="V3675" s="2">
        <v>1.214</v>
      </c>
      <c r="W3675" s="2">
        <v>8.0000000000000002E-3</v>
      </c>
      <c r="X3675" s="2">
        <v>99.1</v>
      </c>
      <c r="Y3675" s="2">
        <v>7.6</v>
      </c>
      <c r="Z3675" s="2">
        <v>10.6</v>
      </c>
      <c r="AA3675" s="5"/>
      <c r="AB3675" s="5" t="s">
        <v>43</v>
      </c>
      <c r="AC3675" s="5" t="s">
        <v>44</v>
      </c>
      <c r="AD3675" s="2"/>
      <c r="AE3675" s="1"/>
    </row>
    <row r="3676" spans="1:31" ht="14.45">
      <c r="A3676" s="11"/>
      <c r="B3676" s="20"/>
      <c r="C3676" s="2" t="s">
        <v>11482</v>
      </c>
      <c r="D3676" s="14" t="s">
        <v>11483</v>
      </c>
      <c r="E3676" s="2" t="s">
        <v>11484</v>
      </c>
      <c r="F3676" s="2" t="s">
        <v>7547</v>
      </c>
      <c r="G3676" s="8">
        <v>126</v>
      </c>
      <c r="H3676" s="5">
        <v>6</v>
      </c>
      <c r="I3676" s="5" t="s">
        <v>1518</v>
      </c>
      <c r="J3676" s="5" t="s">
        <v>1519</v>
      </c>
      <c r="K3676" s="2" t="s">
        <v>1520</v>
      </c>
      <c r="L3676" s="5" t="s">
        <v>1519</v>
      </c>
      <c r="M3676" s="2" t="s">
        <v>1520</v>
      </c>
      <c r="N3676" s="5" t="s">
        <v>1521</v>
      </c>
      <c r="O3676" s="5" t="s">
        <v>38</v>
      </c>
      <c r="P3676" s="5" t="s">
        <v>39</v>
      </c>
      <c r="Q3676" s="5" t="s">
        <v>40</v>
      </c>
      <c r="R3676" s="5" t="s">
        <v>1522</v>
      </c>
      <c r="S3676" s="5" t="s">
        <v>1523</v>
      </c>
      <c r="T3676" s="5" t="s">
        <v>42</v>
      </c>
      <c r="U3676" s="2">
        <v>1.504</v>
      </c>
      <c r="V3676" s="2">
        <v>1.171</v>
      </c>
      <c r="W3676" s="2">
        <v>8.0000000000000002E-3</v>
      </c>
      <c r="X3676" s="2">
        <v>99.1</v>
      </c>
      <c r="Y3676" s="2">
        <v>7.6</v>
      </c>
      <c r="Z3676" s="2">
        <v>10.6</v>
      </c>
      <c r="AA3676" s="5"/>
      <c r="AB3676" s="5" t="s">
        <v>43</v>
      </c>
      <c r="AC3676" s="5" t="s">
        <v>44</v>
      </c>
      <c r="AD3676" s="2"/>
      <c r="AE3676" s="1"/>
    </row>
    <row r="3677" spans="1:31" ht="14.45">
      <c r="A3677" s="11"/>
      <c r="B3677" s="20"/>
      <c r="C3677" s="2" t="s">
        <v>11485</v>
      </c>
      <c r="D3677" s="14" t="s">
        <v>11486</v>
      </c>
      <c r="E3677" s="2" t="s">
        <v>11487</v>
      </c>
      <c r="F3677" s="2" t="s">
        <v>7551</v>
      </c>
      <c r="G3677" s="8">
        <v>126</v>
      </c>
      <c r="H3677" s="5">
        <v>6</v>
      </c>
      <c r="I3677" s="5" t="s">
        <v>1518</v>
      </c>
      <c r="J3677" s="5" t="s">
        <v>1519</v>
      </c>
      <c r="K3677" s="2" t="s">
        <v>1520</v>
      </c>
      <c r="L3677" s="5" t="s">
        <v>1519</v>
      </c>
      <c r="M3677" s="2" t="s">
        <v>1520</v>
      </c>
      <c r="N3677" s="5" t="s">
        <v>1521</v>
      </c>
      <c r="O3677" s="5" t="s">
        <v>38</v>
      </c>
      <c r="P3677" s="5" t="s">
        <v>39</v>
      </c>
      <c r="Q3677" s="5" t="s">
        <v>40</v>
      </c>
      <c r="R3677" s="5" t="s">
        <v>1522</v>
      </c>
      <c r="S3677" s="5" t="s">
        <v>1523</v>
      </c>
      <c r="T3677" s="5" t="s">
        <v>42</v>
      </c>
      <c r="U3677" s="2">
        <v>1.536</v>
      </c>
      <c r="V3677" s="2">
        <v>1.2030000000000001</v>
      </c>
      <c r="W3677" s="2">
        <v>8.0000000000000002E-3</v>
      </c>
      <c r="X3677" s="2">
        <v>99.1</v>
      </c>
      <c r="Y3677" s="2">
        <v>7.6</v>
      </c>
      <c r="Z3677" s="2">
        <v>10.6</v>
      </c>
      <c r="AA3677" s="5"/>
      <c r="AB3677" s="5" t="s">
        <v>43</v>
      </c>
      <c r="AC3677" s="5" t="s">
        <v>44</v>
      </c>
      <c r="AD3677" s="2"/>
      <c r="AE3677" s="1"/>
    </row>
    <row r="3678" spans="1:31" ht="14.45">
      <c r="A3678" s="11"/>
      <c r="B3678" s="20"/>
      <c r="C3678" s="2" t="s">
        <v>11488</v>
      </c>
      <c r="D3678" s="14" t="s">
        <v>11489</v>
      </c>
      <c r="E3678" s="2" t="s">
        <v>11490</v>
      </c>
      <c r="F3678" s="2" t="s">
        <v>7555</v>
      </c>
      <c r="G3678" s="8">
        <v>126</v>
      </c>
      <c r="H3678" s="5">
        <v>6</v>
      </c>
      <c r="I3678" s="5" t="s">
        <v>1518</v>
      </c>
      <c r="J3678" s="5" t="s">
        <v>1519</v>
      </c>
      <c r="K3678" s="2" t="s">
        <v>1520</v>
      </c>
      <c r="L3678" s="5" t="s">
        <v>1519</v>
      </c>
      <c r="M3678" s="2" t="s">
        <v>1520</v>
      </c>
      <c r="N3678" s="5" t="s">
        <v>1521</v>
      </c>
      <c r="O3678" s="5" t="s">
        <v>38</v>
      </c>
      <c r="P3678" s="5" t="s">
        <v>39</v>
      </c>
      <c r="Q3678" s="5" t="s">
        <v>40</v>
      </c>
      <c r="R3678" s="5" t="s">
        <v>1522</v>
      </c>
      <c r="S3678" s="5" t="s">
        <v>1523</v>
      </c>
      <c r="T3678" s="5" t="s">
        <v>42</v>
      </c>
      <c r="U3678" s="2">
        <v>1.504</v>
      </c>
      <c r="V3678" s="2">
        <v>1.171</v>
      </c>
      <c r="W3678" s="2">
        <v>8.0000000000000002E-3</v>
      </c>
      <c r="X3678" s="2">
        <v>99.1</v>
      </c>
      <c r="Y3678" s="2">
        <v>7.6</v>
      </c>
      <c r="Z3678" s="2">
        <v>10.6</v>
      </c>
      <c r="AA3678" s="5"/>
      <c r="AB3678" s="5" t="s">
        <v>43</v>
      </c>
      <c r="AC3678" s="5" t="s">
        <v>44</v>
      </c>
      <c r="AD3678" s="2"/>
      <c r="AE3678" s="1"/>
    </row>
    <row r="3679" spans="1:31" ht="14.45">
      <c r="A3679" s="11"/>
      <c r="B3679" s="20"/>
      <c r="C3679" s="2" t="s">
        <v>11491</v>
      </c>
      <c r="D3679" s="14" t="s">
        <v>11492</v>
      </c>
      <c r="E3679" s="2" t="s">
        <v>11493</v>
      </c>
      <c r="F3679" s="2" t="s">
        <v>7563</v>
      </c>
      <c r="G3679" s="8">
        <v>126</v>
      </c>
      <c r="H3679" s="5">
        <v>6</v>
      </c>
      <c r="I3679" s="5" t="s">
        <v>1518</v>
      </c>
      <c r="J3679" s="5" t="s">
        <v>1519</v>
      </c>
      <c r="K3679" s="2" t="s">
        <v>1520</v>
      </c>
      <c r="L3679" s="5" t="s">
        <v>1519</v>
      </c>
      <c r="M3679" s="2" t="s">
        <v>1520</v>
      </c>
      <c r="N3679" s="5" t="s">
        <v>1521</v>
      </c>
      <c r="O3679" s="5" t="s">
        <v>38</v>
      </c>
      <c r="P3679" s="5" t="s">
        <v>39</v>
      </c>
      <c r="Q3679" s="5" t="s">
        <v>40</v>
      </c>
      <c r="R3679" s="5" t="s">
        <v>1522</v>
      </c>
      <c r="S3679" s="5" t="s">
        <v>1523</v>
      </c>
      <c r="T3679" s="5" t="s">
        <v>42</v>
      </c>
      <c r="U3679" s="2">
        <v>1.5149999999999999</v>
      </c>
      <c r="V3679" s="2">
        <v>1.1819999999999999</v>
      </c>
      <c r="W3679" s="2">
        <v>8.0000000000000002E-3</v>
      </c>
      <c r="X3679" s="2">
        <v>99.1</v>
      </c>
      <c r="Y3679" s="2">
        <v>7.6</v>
      </c>
      <c r="Z3679" s="2">
        <v>10.6</v>
      </c>
      <c r="AA3679" s="5"/>
      <c r="AB3679" s="5" t="s">
        <v>43</v>
      </c>
      <c r="AC3679" s="5" t="s">
        <v>44</v>
      </c>
      <c r="AD3679" s="2"/>
      <c r="AE3679" s="1"/>
    </row>
    <row r="3680" spans="1:31" ht="14.45">
      <c r="A3680" s="11"/>
      <c r="B3680" s="20"/>
      <c r="C3680" s="2" t="s">
        <v>11494</v>
      </c>
      <c r="D3680" s="14" t="s">
        <v>11495</v>
      </c>
      <c r="E3680" s="2" t="s">
        <v>11496</v>
      </c>
      <c r="F3680" s="2" t="s">
        <v>7567</v>
      </c>
      <c r="G3680" s="8">
        <v>126</v>
      </c>
      <c r="H3680" s="5">
        <v>6</v>
      </c>
      <c r="I3680" s="5" t="s">
        <v>1518</v>
      </c>
      <c r="J3680" s="5" t="s">
        <v>1519</v>
      </c>
      <c r="K3680" s="2" t="s">
        <v>1520</v>
      </c>
      <c r="L3680" s="5" t="s">
        <v>1519</v>
      </c>
      <c r="M3680" s="2" t="s">
        <v>1520</v>
      </c>
      <c r="N3680" s="5" t="s">
        <v>1521</v>
      </c>
      <c r="O3680" s="5" t="s">
        <v>38</v>
      </c>
      <c r="P3680" s="5" t="s">
        <v>39</v>
      </c>
      <c r="Q3680" s="5" t="s">
        <v>40</v>
      </c>
      <c r="R3680" s="5" t="s">
        <v>1522</v>
      </c>
      <c r="S3680" s="5" t="s">
        <v>1523</v>
      </c>
      <c r="T3680" s="5" t="s">
        <v>42</v>
      </c>
      <c r="U3680" s="2">
        <v>1.5469999999999999</v>
      </c>
      <c r="V3680" s="2">
        <v>1.214</v>
      </c>
      <c r="W3680" s="2">
        <v>8.0000000000000002E-3</v>
      </c>
      <c r="X3680" s="2">
        <v>99.1</v>
      </c>
      <c r="Y3680" s="2">
        <v>7.6</v>
      </c>
      <c r="Z3680" s="2">
        <v>10.6</v>
      </c>
      <c r="AA3680" s="5"/>
      <c r="AB3680" s="5" t="s">
        <v>43</v>
      </c>
      <c r="AC3680" s="5" t="s">
        <v>44</v>
      </c>
      <c r="AD3680" s="2"/>
      <c r="AE3680" s="1"/>
    </row>
    <row r="3681" spans="1:31" ht="14.45">
      <c r="A3681" s="11"/>
      <c r="B3681" s="20"/>
      <c r="C3681" s="2" t="s">
        <v>11497</v>
      </c>
      <c r="D3681" s="14" t="s">
        <v>11498</v>
      </c>
      <c r="E3681" s="2" t="s">
        <v>11499</v>
      </c>
      <c r="F3681" s="2" t="s">
        <v>7449</v>
      </c>
      <c r="G3681" s="8">
        <v>126</v>
      </c>
      <c r="H3681" s="5">
        <v>6</v>
      </c>
      <c r="I3681" s="5" t="s">
        <v>1518</v>
      </c>
      <c r="J3681" s="5" t="s">
        <v>1519</v>
      </c>
      <c r="K3681" s="2" t="s">
        <v>1520</v>
      </c>
      <c r="L3681" s="5" t="s">
        <v>1519</v>
      </c>
      <c r="M3681" s="2" t="s">
        <v>1520</v>
      </c>
      <c r="N3681" s="5" t="s">
        <v>1521</v>
      </c>
      <c r="O3681" s="5" t="s">
        <v>38</v>
      </c>
      <c r="P3681" s="5" t="s">
        <v>39</v>
      </c>
      <c r="Q3681" s="5" t="s">
        <v>40</v>
      </c>
      <c r="R3681" s="5" t="s">
        <v>1522</v>
      </c>
      <c r="S3681" s="5" t="s">
        <v>1523</v>
      </c>
      <c r="T3681" s="5" t="s">
        <v>42</v>
      </c>
      <c r="U3681" s="2">
        <v>1.5149999999999999</v>
      </c>
      <c r="V3681" s="2">
        <v>1.1819999999999999</v>
      </c>
      <c r="W3681" s="2">
        <v>8.0000000000000002E-3</v>
      </c>
      <c r="X3681" s="2">
        <v>99.1</v>
      </c>
      <c r="Y3681" s="2">
        <v>7.6</v>
      </c>
      <c r="Z3681" s="2">
        <v>10.6</v>
      </c>
      <c r="AA3681" s="5"/>
      <c r="AB3681" s="5" t="s">
        <v>43</v>
      </c>
      <c r="AC3681" s="5" t="s">
        <v>44</v>
      </c>
      <c r="AD3681" s="2"/>
      <c r="AE3681" s="1"/>
    </row>
    <row r="3682" spans="1:31" ht="14.45">
      <c r="A3682" s="11"/>
      <c r="B3682" s="20"/>
      <c r="C3682" s="2" t="s">
        <v>11500</v>
      </c>
      <c r="D3682" s="14" t="s">
        <v>11501</v>
      </c>
      <c r="E3682" s="2" t="s">
        <v>11502</v>
      </c>
      <c r="F3682" s="2" t="s">
        <v>7581</v>
      </c>
      <c r="G3682" s="8">
        <v>126</v>
      </c>
      <c r="H3682" s="5">
        <v>6</v>
      </c>
      <c r="I3682" s="5" t="s">
        <v>1518</v>
      </c>
      <c r="J3682" s="5" t="s">
        <v>1519</v>
      </c>
      <c r="K3682" s="2" t="s">
        <v>1520</v>
      </c>
      <c r="L3682" s="5" t="s">
        <v>1519</v>
      </c>
      <c r="M3682" s="2" t="s">
        <v>1520</v>
      </c>
      <c r="N3682" s="5" t="s">
        <v>1521</v>
      </c>
      <c r="O3682" s="5" t="s">
        <v>38</v>
      </c>
      <c r="P3682" s="5" t="s">
        <v>39</v>
      </c>
      <c r="Q3682" s="5" t="s">
        <v>40</v>
      </c>
      <c r="R3682" s="5" t="s">
        <v>1522</v>
      </c>
      <c r="S3682" s="5" t="s">
        <v>1523</v>
      </c>
      <c r="T3682" s="5" t="s">
        <v>42</v>
      </c>
      <c r="U3682" s="2">
        <v>1.5469999999999999</v>
      </c>
      <c r="V3682" s="2">
        <v>1.214</v>
      </c>
      <c r="W3682" s="2">
        <v>8.0000000000000002E-3</v>
      </c>
      <c r="X3682" s="2">
        <v>99.1</v>
      </c>
      <c r="Y3682" s="2">
        <v>7.6</v>
      </c>
      <c r="Z3682" s="2">
        <v>10.6</v>
      </c>
      <c r="AA3682" s="5"/>
      <c r="AB3682" s="5" t="s">
        <v>43</v>
      </c>
      <c r="AC3682" s="5" t="s">
        <v>44</v>
      </c>
      <c r="AD3682" s="2"/>
      <c r="AE3682" s="1"/>
    </row>
    <row r="3683" spans="1:31" ht="14.45">
      <c r="A3683" s="11"/>
      <c r="B3683" s="20"/>
      <c r="C3683" s="2" t="s">
        <v>11503</v>
      </c>
      <c r="D3683" s="14" t="s">
        <v>11504</v>
      </c>
      <c r="E3683" s="2" t="s">
        <v>11505</v>
      </c>
      <c r="F3683" s="2" t="s">
        <v>7589</v>
      </c>
      <c r="G3683" s="8">
        <v>126</v>
      </c>
      <c r="H3683" s="5">
        <v>6</v>
      </c>
      <c r="I3683" s="5" t="s">
        <v>1518</v>
      </c>
      <c r="J3683" s="5" t="s">
        <v>1519</v>
      </c>
      <c r="K3683" s="2" t="s">
        <v>1520</v>
      </c>
      <c r="L3683" s="5" t="s">
        <v>1519</v>
      </c>
      <c r="M3683" s="2" t="s">
        <v>1520</v>
      </c>
      <c r="N3683" s="5" t="s">
        <v>1521</v>
      </c>
      <c r="O3683" s="5" t="s">
        <v>38</v>
      </c>
      <c r="P3683" s="5" t="s">
        <v>39</v>
      </c>
      <c r="Q3683" s="5" t="s">
        <v>40</v>
      </c>
      <c r="R3683" s="5" t="s">
        <v>1522</v>
      </c>
      <c r="S3683" s="5" t="s">
        <v>1523</v>
      </c>
      <c r="T3683" s="5" t="s">
        <v>42</v>
      </c>
      <c r="U3683" s="2">
        <v>1.536</v>
      </c>
      <c r="V3683" s="2">
        <v>1.2030000000000001</v>
      </c>
      <c r="W3683" s="2">
        <v>8.0000000000000002E-3</v>
      </c>
      <c r="X3683" s="2">
        <v>99.1</v>
      </c>
      <c r="Y3683" s="2">
        <v>7.6</v>
      </c>
      <c r="Z3683" s="2">
        <v>10.6</v>
      </c>
      <c r="AA3683" s="5"/>
      <c r="AB3683" s="5" t="s">
        <v>43</v>
      </c>
      <c r="AC3683" s="5" t="s">
        <v>44</v>
      </c>
      <c r="AD3683" s="2"/>
      <c r="AE3683" s="1"/>
    </row>
    <row r="3684" spans="1:31" ht="14.45">
      <c r="A3684" s="11"/>
      <c r="B3684" s="20"/>
      <c r="C3684" s="2" t="s">
        <v>11506</v>
      </c>
      <c r="D3684" s="14" t="s">
        <v>11507</v>
      </c>
      <c r="E3684" s="2" t="s">
        <v>11508</v>
      </c>
      <c r="F3684" s="2" t="s">
        <v>7433</v>
      </c>
      <c r="G3684" s="8">
        <v>126</v>
      </c>
      <c r="H3684" s="5">
        <v>6</v>
      </c>
      <c r="I3684" s="5" t="s">
        <v>1518</v>
      </c>
      <c r="J3684" s="5" t="s">
        <v>1519</v>
      </c>
      <c r="K3684" s="2" t="s">
        <v>1520</v>
      </c>
      <c r="L3684" s="5" t="s">
        <v>1519</v>
      </c>
      <c r="M3684" s="2" t="s">
        <v>1520</v>
      </c>
      <c r="N3684" s="5" t="s">
        <v>1521</v>
      </c>
      <c r="O3684" s="5" t="s">
        <v>38</v>
      </c>
      <c r="P3684" s="5" t="s">
        <v>39</v>
      </c>
      <c r="Q3684" s="5" t="s">
        <v>40</v>
      </c>
      <c r="R3684" s="5" t="s">
        <v>1522</v>
      </c>
      <c r="S3684" s="5" t="s">
        <v>1523</v>
      </c>
      <c r="T3684" s="5" t="s">
        <v>42</v>
      </c>
      <c r="U3684" s="2">
        <v>1.5149999999999999</v>
      </c>
      <c r="V3684" s="2">
        <v>1.1819999999999999</v>
      </c>
      <c r="W3684" s="2">
        <v>8.0000000000000002E-3</v>
      </c>
      <c r="X3684" s="2">
        <v>99.1</v>
      </c>
      <c r="Y3684" s="2">
        <v>7.6</v>
      </c>
      <c r="Z3684" s="2">
        <v>10.6</v>
      </c>
      <c r="AA3684" s="5"/>
      <c r="AB3684" s="5" t="s">
        <v>43</v>
      </c>
      <c r="AC3684" s="5" t="s">
        <v>44</v>
      </c>
      <c r="AD3684" s="2"/>
      <c r="AE3684" s="1"/>
    </row>
    <row r="3685" spans="1:31" ht="14.45">
      <c r="A3685" s="11"/>
      <c r="B3685" s="20"/>
      <c r="C3685" s="2" t="s">
        <v>11509</v>
      </c>
      <c r="D3685" s="14" t="s">
        <v>11510</v>
      </c>
      <c r="E3685" s="2" t="s">
        <v>11511</v>
      </c>
      <c r="F3685" s="2" t="s">
        <v>7611</v>
      </c>
      <c r="G3685" s="8">
        <v>126</v>
      </c>
      <c r="H3685" s="5">
        <v>6</v>
      </c>
      <c r="I3685" s="5" t="s">
        <v>1518</v>
      </c>
      <c r="J3685" s="5" t="s">
        <v>1519</v>
      </c>
      <c r="K3685" s="2" t="s">
        <v>1520</v>
      </c>
      <c r="L3685" s="5" t="s">
        <v>1519</v>
      </c>
      <c r="M3685" s="2" t="s">
        <v>1520</v>
      </c>
      <c r="N3685" s="5" t="s">
        <v>1521</v>
      </c>
      <c r="O3685" s="5" t="s">
        <v>38</v>
      </c>
      <c r="P3685" s="5" t="s">
        <v>39</v>
      </c>
      <c r="Q3685" s="5" t="s">
        <v>40</v>
      </c>
      <c r="R3685" s="5" t="s">
        <v>1522</v>
      </c>
      <c r="S3685" s="5" t="s">
        <v>1523</v>
      </c>
      <c r="T3685" s="5" t="s">
        <v>42</v>
      </c>
      <c r="U3685" s="2">
        <v>1.5469999999999999</v>
      </c>
      <c r="V3685" s="2">
        <v>1.214</v>
      </c>
      <c r="W3685" s="2">
        <v>8.0000000000000002E-3</v>
      </c>
      <c r="X3685" s="2">
        <v>99.1</v>
      </c>
      <c r="Y3685" s="2">
        <v>7.6</v>
      </c>
      <c r="Z3685" s="2">
        <v>10.6</v>
      </c>
      <c r="AA3685" s="5"/>
      <c r="AB3685" s="5" t="s">
        <v>43</v>
      </c>
      <c r="AC3685" s="5" t="s">
        <v>44</v>
      </c>
      <c r="AD3685" s="2"/>
      <c r="AE3685" s="1"/>
    </row>
    <row r="3686" spans="1:31" ht="14.45">
      <c r="A3686" s="11"/>
      <c r="B3686" s="20"/>
      <c r="C3686" s="2" t="s">
        <v>11512</v>
      </c>
      <c r="D3686" s="14" t="s">
        <v>11513</v>
      </c>
      <c r="E3686" s="2" t="s">
        <v>11514</v>
      </c>
      <c r="F3686" s="2" t="s">
        <v>7615</v>
      </c>
      <c r="G3686" s="8">
        <v>126</v>
      </c>
      <c r="H3686" s="5">
        <v>6</v>
      </c>
      <c r="I3686" s="5" t="s">
        <v>1518</v>
      </c>
      <c r="J3686" s="5" t="s">
        <v>1519</v>
      </c>
      <c r="K3686" s="2" t="s">
        <v>1520</v>
      </c>
      <c r="L3686" s="5" t="s">
        <v>1519</v>
      </c>
      <c r="M3686" s="2" t="s">
        <v>1520</v>
      </c>
      <c r="N3686" s="5" t="s">
        <v>1521</v>
      </c>
      <c r="O3686" s="5" t="s">
        <v>38</v>
      </c>
      <c r="P3686" s="5" t="s">
        <v>39</v>
      </c>
      <c r="Q3686" s="5" t="s">
        <v>40</v>
      </c>
      <c r="R3686" s="5" t="s">
        <v>1522</v>
      </c>
      <c r="S3686" s="5" t="s">
        <v>1523</v>
      </c>
      <c r="T3686" s="5" t="s">
        <v>42</v>
      </c>
      <c r="U3686" s="2">
        <v>1.504</v>
      </c>
      <c r="V3686" s="2">
        <v>1.171</v>
      </c>
      <c r="W3686" s="2">
        <v>8.0000000000000002E-3</v>
      </c>
      <c r="X3686" s="2">
        <v>99.1</v>
      </c>
      <c r="Y3686" s="2">
        <v>7.6</v>
      </c>
      <c r="Z3686" s="2">
        <v>10.6</v>
      </c>
      <c r="AA3686" s="5"/>
      <c r="AB3686" s="5" t="s">
        <v>43</v>
      </c>
      <c r="AC3686" s="5" t="s">
        <v>44</v>
      </c>
      <c r="AD3686" s="2"/>
      <c r="AE3686" s="1"/>
    </row>
    <row r="3687" spans="1:31" ht="14.45">
      <c r="A3687" s="11"/>
      <c r="B3687" s="20"/>
      <c r="C3687" s="2" t="s">
        <v>11515</v>
      </c>
      <c r="D3687" s="14" t="s">
        <v>11516</v>
      </c>
      <c r="E3687" s="2" t="s">
        <v>11517</v>
      </c>
      <c r="F3687" s="2" t="s">
        <v>7619</v>
      </c>
      <c r="G3687" s="8">
        <v>126</v>
      </c>
      <c r="H3687" s="5">
        <v>6</v>
      </c>
      <c r="I3687" s="5" t="s">
        <v>1518</v>
      </c>
      <c r="J3687" s="5" t="s">
        <v>1519</v>
      </c>
      <c r="K3687" s="2" t="s">
        <v>1520</v>
      </c>
      <c r="L3687" s="5" t="s">
        <v>1519</v>
      </c>
      <c r="M3687" s="2" t="s">
        <v>1520</v>
      </c>
      <c r="N3687" s="5" t="s">
        <v>1521</v>
      </c>
      <c r="O3687" s="5" t="s">
        <v>38</v>
      </c>
      <c r="P3687" s="5" t="s">
        <v>39</v>
      </c>
      <c r="Q3687" s="5" t="s">
        <v>40</v>
      </c>
      <c r="R3687" s="5" t="s">
        <v>1522</v>
      </c>
      <c r="S3687" s="5" t="s">
        <v>1523</v>
      </c>
      <c r="T3687" s="5" t="s">
        <v>42</v>
      </c>
      <c r="U3687" s="2">
        <v>1.536</v>
      </c>
      <c r="V3687" s="2">
        <v>1.2030000000000001</v>
      </c>
      <c r="W3687" s="2">
        <v>8.0000000000000002E-3</v>
      </c>
      <c r="X3687" s="2">
        <v>99.1</v>
      </c>
      <c r="Y3687" s="2">
        <v>7.6</v>
      </c>
      <c r="Z3687" s="2">
        <v>10.6</v>
      </c>
      <c r="AA3687" s="5"/>
      <c r="AB3687" s="5" t="s">
        <v>43</v>
      </c>
      <c r="AC3687" s="5" t="s">
        <v>44</v>
      </c>
      <c r="AD3687" s="2"/>
      <c r="AE3687" s="1"/>
    </row>
    <row r="3688" spans="1:31" ht="14.45">
      <c r="A3688" s="11"/>
      <c r="B3688" s="20"/>
      <c r="C3688" s="2" t="s">
        <v>11518</v>
      </c>
      <c r="D3688" s="14" t="s">
        <v>11519</v>
      </c>
      <c r="E3688" s="2" t="s">
        <v>11520</v>
      </c>
      <c r="F3688" s="2" t="s">
        <v>1827</v>
      </c>
      <c r="G3688" s="8">
        <v>126</v>
      </c>
      <c r="H3688" s="5">
        <v>8</v>
      </c>
      <c r="I3688" s="5" t="s">
        <v>1518</v>
      </c>
      <c r="J3688" s="5" t="s">
        <v>1519</v>
      </c>
      <c r="K3688" s="2" t="s">
        <v>1520</v>
      </c>
      <c r="L3688" s="5" t="s">
        <v>1519</v>
      </c>
      <c r="M3688" s="2" t="s">
        <v>1520</v>
      </c>
      <c r="N3688" s="5" t="s">
        <v>1521</v>
      </c>
      <c r="O3688" s="5" t="s">
        <v>38</v>
      </c>
      <c r="P3688" s="5" t="s">
        <v>39</v>
      </c>
      <c r="Q3688" s="5" t="s">
        <v>40</v>
      </c>
      <c r="R3688" s="5" t="s">
        <v>1522</v>
      </c>
      <c r="S3688" s="5" t="s">
        <v>1523</v>
      </c>
      <c r="T3688" s="5" t="s">
        <v>42</v>
      </c>
      <c r="U3688" s="2">
        <v>1.5549999999999999</v>
      </c>
      <c r="V3688" s="2">
        <v>1.222</v>
      </c>
      <c r="W3688" s="2">
        <v>8.0000000000000002E-3</v>
      </c>
      <c r="X3688" s="2">
        <v>99.1</v>
      </c>
      <c r="Y3688" s="2">
        <v>7.6</v>
      </c>
      <c r="Z3688" s="2">
        <v>10.6</v>
      </c>
      <c r="AA3688" s="5"/>
      <c r="AB3688" s="5" t="s">
        <v>43</v>
      </c>
      <c r="AC3688" s="5" t="s">
        <v>44</v>
      </c>
      <c r="AD3688" s="2"/>
      <c r="AE3688" s="1"/>
    </row>
    <row r="3689" spans="1:31" ht="14.45">
      <c r="A3689" s="11"/>
      <c r="B3689" s="20"/>
      <c r="C3689" s="2" t="s">
        <v>11521</v>
      </c>
      <c r="D3689" s="14" t="s">
        <v>11522</v>
      </c>
      <c r="E3689" s="2" t="s">
        <v>11523</v>
      </c>
      <c r="F3689" s="2" t="s">
        <v>1855</v>
      </c>
      <c r="G3689" s="8">
        <v>126</v>
      </c>
      <c r="H3689" s="5">
        <v>13</v>
      </c>
      <c r="I3689" s="5" t="s">
        <v>1518</v>
      </c>
      <c r="J3689" s="5" t="s">
        <v>1519</v>
      </c>
      <c r="K3689" s="2" t="s">
        <v>1520</v>
      </c>
      <c r="L3689" s="5" t="s">
        <v>1519</v>
      </c>
      <c r="M3689" s="2" t="s">
        <v>1520</v>
      </c>
      <c r="N3689" s="5" t="s">
        <v>1521</v>
      </c>
      <c r="O3689" s="5" t="s">
        <v>38</v>
      </c>
      <c r="P3689" s="5" t="s">
        <v>39</v>
      </c>
      <c r="Q3689" s="5" t="s">
        <v>40</v>
      </c>
      <c r="R3689" s="5" t="s">
        <v>1522</v>
      </c>
      <c r="S3689" s="5" t="s">
        <v>1523</v>
      </c>
      <c r="T3689" s="5" t="s">
        <v>42</v>
      </c>
      <c r="U3689" s="2">
        <v>1.542</v>
      </c>
      <c r="V3689" s="2">
        <v>1.2090000000000001</v>
      </c>
      <c r="W3689" s="2">
        <v>8.0000000000000002E-3</v>
      </c>
      <c r="X3689" s="2">
        <v>99.1</v>
      </c>
      <c r="Y3689" s="2">
        <v>7.6</v>
      </c>
      <c r="Z3689" s="2">
        <v>10.6</v>
      </c>
      <c r="AA3689" s="5"/>
      <c r="AB3689" s="5" t="s">
        <v>43</v>
      </c>
      <c r="AC3689" s="5" t="s">
        <v>44</v>
      </c>
      <c r="AD3689" s="2"/>
      <c r="AE3689" s="1"/>
    </row>
    <row r="3690" spans="1:31" ht="14.45">
      <c r="A3690" s="11"/>
      <c r="B3690" s="20"/>
      <c r="C3690" s="2" t="s">
        <v>11524</v>
      </c>
      <c r="D3690" s="14" t="s">
        <v>11525</v>
      </c>
      <c r="E3690" s="2" t="s">
        <v>11526</v>
      </c>
      <c r="F3690" s="2" t="s">
        <v>10098</v>
      </c>
      <c r="G3690" s="8">
        <v>126</v>
      </c>
      <c r="H3690" s="5">
        <v>11</v>
      </c>
      <c r="I3690" s="5" t="s">
        <v>1518</v>
      </c>
      <c r="J3690" s="5" t="s">
        <v>1519</v>
      </c>
      <c r="K3690" s="2" t="s">
        <v>1520</v>
      </c>
      <c r="L3690" s="5" t="s">
        <v>1519</v>
      </c>
      <c r="M3690" s="2" t="s">
        <v>1520</v>
      </c>
      <c r="N3690" s="5" t="s">
        <v>1521</v>
      </c>
      <c r="O3690" s="5" t="s">
        <v>38</v>
      </c>
      <c r="P3690" s="5" t="s">
        <v>39</v>
      </c>
      <c r="Q3690" s="5" t="s">
        <v>40</v>
      </c>
      <c r="R3690" s="5" t="s">
        <v>1522</v>
      </c>
      <c r="S3690" s="5" t="s">
        <v>1523</v>
      </c>
      <c r="T3690" s="5" t="s">
        <v>42</v>
      </c>
      <c r="U3690" s="2">
        <v>1.5089999999999999</v>
      </c>
      <c r="V3690" s="2">
        <v>1.1739999999999999</v>
      </c>
      <c r="W3690" s="2">
        <v>8.0000000000000002E-3</v>
      </c>
      <c r="X3690" s="2">
        <v>99.1</v>
      </c>
      <c r="Y3690" s="2">
        <v>7.6</v>
      </c>
      <c r="Z3690" s="2">
        <v>10.6</v>
      </c>
      <c r="AA3690" s="5"/>
      <c r="AB3690" s="5" t="s">
        <v>43</v>
      </c>
      <c r="AC3690" s="5" t="s">
        <v>44</v>
      </c>
      <c r="AD3690" s="2"/>
      <c r="AE3690" s="1"/>
    </row>
    <row r="3691" spans="1:31" ht="14.45">
      <c r="A3691" s="11"/>
      <c r="B3691" s="20"/>
      <c r="C3691" s="2" t="s">
        <v>11527</v>
      </c>
      <c r="D3691" s="14" t="s">
        <v>11528</v>
      </c>
      <c r="E3691" s="2" t="s">
        <v>11529</v>
      </c>
      <c r="F3691" s="2" t="s">
        <v>1867</v>
      </c>
      <c r="G3691" s="8">
        <v>126</v>
      </c>
      <c r="H3691" s="5">
        <v>11</v>
      </c>
      <c r="I3691" s="5" t="s">
        <v>1518</v>
      </c>
      <c r="J3691" s="5" t="s">
        <v>1519</v>
      </c>
      <c r="K3691" s="2" t="s">
        <v>1520</v>
      </c>
      <c r="L3691" s="5" t="s">
        <v>1519</v>
      </c>
      <c r="M3691" s="2" t="s">
        <v>1520</v>
      </c>
      <c r="N3691" s="5" t="s">
        <v>1521</v>
      </c>
      <c r="O3691" s="5" t="s">
        <v>38</v>
      </c>
      <c r="P3691" s="5" t="s">
        <v>39</v>
      </c>
      <c r="Q3691" s="5" t="s">
        <v>40</v>
      </c>
      <c r="R3691" s="5" t="s">
        <v>1522</v>
      </c>
      <c r="S3691" s="5" t="s">
        <v>1523</v>
      </c>
      <c r="T3691" s="5" t="s">
        <v>42</v>
      </c>
      <c r="U3691" s="2">
        <v>1.5409999999999999</v>
      </c>
      <c r="V3691" s="2">
        <v>1.206</v>
      </c>
      <c r="W3691" s="2">
        <v>8.0000000000000002E-3</v>
      </c>
      <c r="X3691" s="2">
        <v>99.1</v>
      </c>
      <c r="Y3691" s="2">
        <v>7.6</v>
      </c>
      <c r="Z3691" s="2">
        <v>10.6</v>
      </c>
      <c r="AA3691" s="5"/>
      <c r="AB3691" s="5" t="s">
        <v>43</v>
      </c>
      <c r="AC3691" s="5" t="s">
        <v>44</v>
      </c>
      <c r="AD3691" s="2"/>
      <c r="AE3691" s="1"/>
    </row>
    <row r="3692" spans="1:31" ht="14.45">
      <c r="A3692" s="11"/>
      <c r="B3692" s="20"/>
      <c r="C3692" s="2" t="s">
        <v>11530</v>
      </c>
      <c r="D3692" s="14" t="s">
        <v>11531</v>
      </c>
      <c r="E3692" s="2" t="s">
        <v>11532</v>
      </c>
      <c r="F3692" s="2" t="s">
        <v>7396</v>
      </c>
      <c r="G3692" s="8">
        <v>122</v>
      </c>
      <c r="H3692" s="5">
        <v>5</v>
      </c>
      <c r="I3692" s="5" t="s">
        <v>1518</v>
      </c>
      <c r="J3692" s="5" t="s">
        <v>1519</v>
      </c>
      <c r="K3692" s="2" t="s">
        <v>1520</v>
      </c>
      <c r="L3692" s="5" t="s">
        <v>1519</v>
      </c>
      <c r="M3692" s="2" t="s">
        <v>1520</v>
      </c>
      <c r="N3692" s="5" t="s">
        <v>1521</v>
      </c>
      <c r="O3692" s="5" t="s">
        <v>38</v>
      </c>
      <c r="P3692" s="5" t="s">
        <v>39</v>
      </c>
      <c r="Q3692" s="5" t="s">
        <v>40</v>
      </c>
      <c r="R3692" s="5" t="s">
        <v>1522</v>
      </c>
      <c r="S3692" s="5" t="s">
        <v>1523</v>
      </c>
      <c r="T3692" s="5" t="s">
        <v>42</v>
      </c>
      <c r="U3692" s="2">
        <v>1.893</v>
      </c>
      <c r="V3692" s="2">
        <v>1.5529999999999999</v>
      </c>
      <c r="W3692" s="2">
        <v>0.01</v>
      </c>
      <c r="X3692" s="2">
        <v>118.9</v>
      </c>
      <c r="Y3692" s="2">
        <v>7.6</v>
      </c>
      <c r="Z3692" s="2">
        <v>10.6</v>
      </c>
      <c r="AA3692" s="5"/>
      <c r="AB3692" s="5" t="s">
        <v>43</v>
      </c>
      <c r="AC3692" s="5" t="s">
        <v>44</v>
      </c>
      <c r="AD3692" s="2"/>
      <c r="AE3692" s="1"/>
    </row>
    <row r="3693" spans="1:31" ht="14.45">
      <c r="A3693" s="11"/>
      <c r="B3693" s="20"/>
      <c r="C3693" s="2" t="s">
        <v>11533</v>
      </c>
      <c r="D3693" s="14" t="s">
        <v>11534</v>
      </c>
      <c r="E3693" s="2" t="s">
        <v>11535</v>
      </c>
      <c r="F3693" s="2" t="s">
        <v>7507</v>
      </c>
      <c r="G3693" s="8">
        <v>122</v>
      </c>
      <c r="H3693" s="5">
        <v>5</v>
      </c>
      <c r="I3693" s="5" t="s">
        <v>1518</v>
      </c>
      <c r="J3693" s="5" t="s">
        <v>1519</v>
      </c>
      <c r="K3693" s="2" t="s">
        <v>1520</v>
      </c>
      <c r="L3693" s="5" t="s">
        <v>1519</v>
      </c>
      <c r="M3693" s="2" t="s">
        <v>1520</v>
      </c>
      <c r="N3693" s="5" t="s">
        <v>1521</v>
      </c>
      <c r="O3693" s="5" t="s">
        <v>38</v>
      </c>
      <c r="P3693" s="5" t="s">
        <v>39</v>
      </c>
      <c r="Q3693" s="5" t="s">
        <v>40</v>
      </c>
      <c r="R3693" s="5" t="s">
        <v>1522</v>
      </c>
      <c r="S3693" s="5" t="s">
        <v>1523</v>
      </c>
      <c r="T3693" s="5" t="s">
        <v>42</v>
      </c>
      <c r="U3693" s="2">
        <v>1.9379999999999999</v>
      </c>
      <c r="V3693" s="2">
        <v>1.5980000000000001</v>
      </c>
      <c r="W3693" s="2">
        <v>0.01</v>
      </c>
      <c r="X3693" s="2">
        <v>118.9</v>
      </c>
      <c r="Y3693" s="2">
        <v>7.6</v>
      </c>
      <c r="Z3693" s="2">
        <v>10.6</v>
      </c>
      <c r="AA3693" s="5"/>
      <c r="AB3693" s="5" t="s">
        <v>43</v>
      </c>
      <c r="AC3693" s="5" t="s">
        <v>44</v>
      </c>
      <c r="AD3693" s="2"/>
      <c r="AE3693" s="1"/>
    </row>
    <row r="3694" spans="1:31" ht="14.45">
      <c r="A3694" s="11"/>
      <c r="B3694" s="20"/>
      <c r="C3694" s="2" t="s">
        <v>11536</v>
      </c>
      <c r="D3694" s="14" t="s">
        <v>11537</v>
      </c>
      <c r="E3694" s="2" t="s">
        <v>11538</v>
      </c>
      <c r="F3694" s="2" t="s">
        <v>7204</v>
      </c>
      <c r="G3694" s="8">
        <v>122</v>
      </c>
      <c r="H3694" s="5">
        <v>5</v>
      </c>
      <c r="I3694" s="5" t="s">
        <v>1518</v>
      </c>
      <c r="J3694" s="5" t="s">
        <v>1519</v>
      </c>
      <c r="K3694" s="2" t="s">
        <v>1520</v>
      </c>
      <c r="L3694" s="5" t="s">
        <v>1519</v>
      </c>
      <c r="M3694" s="2" t="s">
        <v>1520</v>
      </c>
      <c r="N3694" s="5" t="s">
        <v>1521</v>
      </c>
      <c r="O3694" s="5" t="s">
        <v>38</v>
      </c>
      <c r="P3694" s="5" t="s">
        <v>39</v>
      </c>
      <c r="Q3694" s="5" t="s">
        <v>40</v>
      </c>
      <c r="R3694" s="5" t="s">
        <v>1522</v>
      </c>
      <c r="S3694" s="5" t="s">
        <v>1523</v>
      </c>
      <c r="T3694" s="5" t="s">
        <v>42</v>
      </c>
      <c r="U3694" s="2">
        <v>1.9019999999999999</v>
      </c>
      <c r="V3694" s="2">
        <v>1.5620000000000001</v>
      </c>
      <c r="W3694" s="2">
        <v>0.01</v>
      </c>
      <c r="X3694" s="2">
        <v>118.9</v>
      </c>
      <c r="Y3694" s="2">
        <v>7.6</v>
      </c>
      <c r="Z3694" s="2">
        <v>10.6</v>
      </c>
      <c r="AA3694" s="5"/>
      <c r="AB3694" s="5" t="s">
        <v>43</v>
      </c>
      <c r="AC3694" s="5" t="s">
        <v>44</v>
      </c>
      <c r="AD3694" s="2"/>
      <c r="AE3694" s="1"/>
    </row>
    <row r="3695" spans="1:31" ht="14.45">
      <c r="A3695" s="11"/>
      <c r="B3695" s="20"/>
      <c r="C3695" s="2" t="s">
        <v>11539</v>
      </c>
      <c r="D3695" s="14" t="s">
        <v>11540</v>
      </c>
      <c r="E3695" s="2" t="s">
        <v>11541</v>
      </c>
      <c r="F3695" s="2" t="s">
        <v>7514</v>
      </c>
      <c r="G3695" s="8">
        <v>122</v>
      </c>
      <c r="H3695" s="5">
        <v>5</v>
      </c>
      <c r="I3695" s="5" t="s">
        <v>1518</v>
      </c>
      <c r="J3695" s="5" t="s">
        <v>1519</v>
      </c>
      <c r="K3695" s="2" t="s">
        <v>1520</v>
      </c>
      <c r="L3695" s="5" t="s">
        <v>1519</v>
      </c>
      <c r="M3695" s="2" t="s">
        <v>1520</v>
      </c>
      <c r="N3695" s="5" t="s">
        <v>1521</v>
      </c>
      <c r="O3695" s="5" t="s">
        <v>38</v>
      </c>
      <c r="P3695" s="5" t="s">
        <v>39</v>
      </c>
      <c r="Q3695" s="5" t="s">
        <v>40</v>
      </c>
      <c r="R3695" s="5" t="s">
        <v>1522</v>
      </c>
      <c r="S3695" s="5" t="s">
        <v>1523</v>
      </c>
      <c r="T3695" s="5" t="s">
        <v>42</v>
      </c>
      <c r="U3695" s="2">
        <v>1.9470000000000001</v>
      </c>
      <c r="V3695" s="2">
        <v>1.607</v>
      </c>
      <c r="W3695" s="2">
        <v>0.01</v>
      </c>
      <c r="X3695" s="2">
        <v>118.9</v>
      </c>
      <c r="Y3695" s="2">
        <v>7.6</v>
      </c>
      <c r="Z3695" s="2">
        <v>10.6</v>
      </c>
      <c r="AA3695" s="5"/>
      <c r="AB3695" s="5" t="s">
        <v>43</v>
      </c>
      <c r="AC3695" s="5" t="s">
        <v>44</v>
      </c>
      <c r="AD3695" s="2"/>
      <c r="AE3695" s="1"/>
    </row>
    <row r="3696" spans="1:31" ht="14.45">
      <c r="A3696" s="11"/>
      <c r="B3696" s="20"/>
      <c r="C3696" s="2" t="s">
        <v>11542</v>
      </c>
      <c r="D3696" s="14" t="s">
        <v>11543</v>
      </c>
      <c r="E3696" s="2" t="s">
        <v>11544</v>
      </c>
      <c r="F3696" s="2" t="s">
        <v>7208</v>
      </c>
      <c r="G3696" s="8">
        <v>122</v>
      </c>
      <c r="H3696" s="5">
        <v>5</v>
      </c>
      <c r="I3696" s="5" t="s">
        <v>1518</v>
      </c>
      <c r="J3696" s="5" t="s">
        <v>1519</v>
      </c>
      <c r="K3696" s="2" t="s">
        <v>1520</v>
      </c>
      <c r="L3696" s="5" t="s">
        <v>1519</v>
      </c>
      <c r="M3696" s="2" t="s">
        <v>1520</v>
      </c>
      <c r="N3696" s="5" t="s">
        <v>1521</v>
      </c>
      <c r="O3696" s="5" t="s">
        <v>38</v>
      </c>
      <c r="P3696" s="5" t="s">
        <v>39</v>
      </c>
      <c r="Q3696" s="5" t="s">
        <v>40</v>
      </c>
      <c r="R3696" s="5" t="s">
        <v>1522</v>
      </c>
      <c r="S3696" s="5" t="s">
        <v>1523</v>
      </c>
      <c r="T3696" s="5" t="s">
        <v>42</v>
      </c>
      <c r="U3696" s="2">
        <v>1.9019999999999999</v>
      </c>
      <c r="V3696" s="2">
        <v>1.5620000000000001</v>
      </c>
      <c r="W3696" s="2">
        <v>0.01</v>
      </c>
      <c r="X3696" s="2">
        <v>118.9</v>
      </c>
      <c r="Y3696" s="2">
        <v>7.6</v>
      </c>
      <c r="Z3696" s="2">
        <v>10.6</v>
      </c>
      <c r="AA3696" s="5"/>
      <c r="AB3696" s="5" t="s">
        <v>43</v>
      </c>
      <c r="AC3696" s="5" t="s">
        <v>44</v>
      </c>
      <c r="AD3696" s="2"/>
      <c r="AE3696" s="1"/>
    </row>
    <row r="3697" spans="1:31" ht="14.45">
      <c r="A3697" s="11"/>
      <c r="B3697" s="20"/>
      <c r="C3697" s="2" t="s">
        <v>11545</v>
      </c>
      <c r="D3697" s="14" t="s">
        <v>11546</v>
      </c>
      <c r="E3697" s="2" t="s">
        <v>11547</v>
      </c>
      <c r="F3697" s="2" t="s">
        <v>7521</v>
      </c>
      <c r="G3697" s="8">
        <v>122</v>
      </c>
      <c r="H3697" s="5">
        <v>5</v>
      </c>
      <c r="I3697" s="5" t="s">
        <v>1518</v>
      </c>
      <c r="J3697" s="5" t="s">
        <v>1519</v>
      </c>
      <c r="K3697" s="2" t="s">
        <v>1520</v>
      </c>
      <c r="L3697" s="5" t="s">
        <v>1519</v>
      </c>
      <c r="M3697" s="2" t="s">
        <v>1520</v>
      </c>
      <c r="N3697" s="5" t="s">
        <v>1521</v>
      </c>
      <c r="O3697" s="5" t="s">
        <v>38</v>
      </c>
      <c r="P3697" s="5" t="s">
        <v>39</v>
      </c>
      <c r="Q3697" s="5" t="s">
        <v>40</v>
      </c>
      <c r="R3697" s="5" t="s">
        <v>1522</v>
      </c>
      <c r="S3697" s="5" t="s">
        <v>1523</v>
      </c>
      <c r="T3697" s="5" t="s">
        <v>42</v>
      </c>
      <c r="U3697" s="2">
        <v>1.9470000000000001</v>
      </c>
      <c r="V3697" s="2">
        <v>1.607</v>
      </c>
      <c r="W3697" s="2">
        <v>0.01</v>
      </c>
      <c r="X3697" s="2">
        <v>118.9</v>
      </c>
      <c r="Y3697" s="2">
        <v>7.6</v>
      </c>
      <c r="Z3697" s="2">
        <v>10.6</v>
      </c>
      <c r="AA3697" s="5"/>
      <c r="AB3697" s="5" t="s">
        <v>43</v>
      </c>
      <c r="AC3697" s="5" t="s">
        <v>44</v>
      </c>
      <c r="AD3697" s="2"/>
      <c r="AE3697" s="1"/>
    </row>
    <row r="3698" spans="1:31" ht="14.45">
      <c r="A3698" s="11"/>
      <c r="B3698" s="20"/>
      <c r="C3698" s="2" t="s">
        <v>11548</v>
      </c>
      <c r="D3698" s="14" t="s">
        <v>11549</v>
      </c>
      <c r="E3698" s="2" t="s">
        <v>11550</v>
      </c>
      <c r="F3698" s="2" t="s">
        <v>7212</v>
      </c>
      <c r="G3698" s="8">
        <v>122</v>
      </c>
      <c r="H3698" s="5">
        <v>5</v>
      </c>
      <c r="I3698" s="5" t="s">
        <v>1518</v>
      </c>
      <c r="J3698" s="5" t="s">
        <v>1519</v>
      </c>
      <c r="K3698" s="2" t="s">
        <v>1520</v>
      </c>
      <c r="L3698" s="5" t="s">
        <v>1519</v>
      </c>
      <c r="M3698" s="2" t="s">
        <v>1520</v>
      </c>
      <c r="N3698" s="5" t="s">
        <v>1521</v>
      </c>
      <c r="O3698" s="5" t="s">
        <v>38</v>
      </c>
      <c r="P3698" s="5" t="s">
        <v>39</v>
      </c>
      <c r="Q3698" s="5" t="s">
        <v>40</v>
      </c>
      <c r="R3698" s="5" t="s">
        <v>1522</v>
      </c>
      <c r="S3698" s="5" t="s">
        <v>1523</v>
      </c>
      <c r="T3698" s="5" t="s">
        <v>42</v>
      </c>
      <c r="U3698" s="2">
        <v>1.877</v>
      </c>
      <c r="V3698" s="2">
        <v>1.5369999999999999</v>
      </c>
      <c r="W3698" s="2">
        <v>0.01</v>
      </c>
      <c r="X3698" s="2">
        <v>118.9</v>
      </c>
      <c r="Y3698" s="2">
        <v>7.6</v>
      </c>
      <c r="Z3698" s="2">
        <v>10.6</v>
      </c>
      <c r="AA3698" s="5"/>
      <c r="AB3698" s="5" t="s">
        <v>43</v>
      </c>
      <c r="AC3698" s="5" t="s">
        <v>44</v>
      </c>
      <c r="AD3698" s="2"/>
      <c r="AE3698" s="1"/>
    </row>
    <row r="3699" spans="1:31" ht="14.45">
      <c r="A3699" s="11"/>
      <c r="B3699" s="20"/>
      <c r="C3699" s="2" t="s">
        <v>11551</v>
      </c>
      <c r="D3699" s="14" t="s">
        <v>11552</v>
      </c>
      <c r="E3699" s="2" t="s">
        <v>11553</v>
      </c>
      <c r="F3699" s="2" t="s">
        <v>7528</v>
      </c>
      <c r="G3699" s="8">
        <v>122</v>
      </c>
      <c r="H3699" s="5">
        <v>5</v>
      </c>
      <c r="I3699" s="5" t="s">
        <v>1518</v>
      </c>
      <c r="J3699" s="5" t="s">
        <v>1519</v>
      </c>
      <c r="K3699" s="2" t="s">
        <v>1520</v>
      </c>
      <c r="L3699" s="5" t="s">
        <v>1519</v>
      </c>
      <c r="M3699" s="2" t="s">
        <v>1520</v>
      </c>
      <c r="N3699" s="5" t="s">
        <v>1521</v>
      </c>
      <c r="O3699" s="5" t="s">
        <v>38</v>
      </c>
      <c r="P3699" s="5" t="s">
        <v>39</v>
      </c>
      <c r="Q3699" s="5" t="s">
        <v>40</v>
      </c>
      <c r="R3699" s="5" t="s">
        <v>1522</v>
      </c>
      <c r="S3699" s="5" t="s">
        <v>1523</v>
      </c>
      <c r="T3699" s="5" t="s">
        <v>42</v>
      </c>
      <c r="U3699" s="2">
        <v>1.9219999999999999</v>
      </c>
      <c r="V3699" s="2">
        <v>1.5820000000000001</v>
      </c>
      <c r="W3699" s="2">
        <v>0.01</v>
      </c>
      <c r="X3699" s="2">
        <v>118.9</v>
      </c>
      <c r="Y3699" s="2">
        <v>7.6</v>
      </c>
      <c r="Z3699" s="2">
        <v>10.6</v>
      </c>
      <c r="AA3699" s="5"/>
      <c r="AB3699" s="5" t="s">
        <v>43</v>
      </c>
      <c r="AC3699" s="5" t="s">
        <v>44</v>
      </c>
      <c r="AD3699" s="2"/>
      <c r="AE3699" s="1"/>
    </row>
    <row r="3700" spans="1:31" ht="14.45">
      <c r="A3700" s="11"/>
      <c r="B3700" s="20"/>
      <c r="C3700" s="2" t="s">
        <v>11554</v>
      </c>
      <c r="D3700" s="14" t="s">
        <v>11555</v>
      </c>
      <c r="E3700" s="2" t="s">
        <v>11556</v>
      </c>
      <c r="F3700" s="2" t="s">
        <v>7406</v>
      </c>
      <c r="G3700" s="8">
        <v>140</v>
      </c>
      <c r="H3700" s="5">
        <v>6</v>
      </c>
      <c r="I3700" s="5" t="s">
        <v>1518</v>
      </c>
      <c r="J3700" s="5" t="s">
        <v>1519</v>
      </c>
      <c r="K3700" s="2" t="s">
        <v>1520</v>
      </c>
      <c r="L3700" s="5" t="s">
        <v>1519</v>
      </c>
      <c r="M3700" s="2" t="s">
        <v>1520</v>
      </c>
      <c r="N3700" s="5" t="s">
        <v>1521</v>
      </c>
      <c r="O3700" s="5" t="s">
        <v>38</v>
      </c>
      <c r="P3700" s="5" t="s">
        <v>39</v>
      </c>
      <c r="Q3700" s="5" t="s">
        <v>40</v>
      </c>
      <c r="R3700" s="5" t="s">
        <v>1522</v>
      </c>
      <c r="S3700" s="5" t="s">
        <v>1523</v>
      </c>
      <c r="T3700" s="5" t="s">
        <v>42</v>
      </c>
      <c r="U3700" s="2">
        <v>1.877</v>
      </c>
      <c r="V3700" s="2">
        <v>1.5369999999999999</v>
      </c>
      <c r="W3700" s="2">
        <v>0.01</v>
      </c>
      <c r="X3700" s="2">
        <v>118.9</v>
      </c>
      <c r="Y3700" s="2">
        <v>7.6</v>
      </c>
      <c r="Z3700" s="2">
        <v>10.6</v>
      </c>
      <c r="AA3700" s="5"/>
      <c r="AB3700" s="5" t="s">
        <v>43</v>
      </c>
      <c r="AC3700" s="5" t="s">
        <v>44</v>
      </c>
      <c r="AD3700" s="2"/>
      <c r="AE3700" s="1"/>
    </row>
    <row r="3701" spans="1:31" ht="14.45">
      <c r="A3701" s="11"/>
      <c r="B3701" s="20"/>
      <c r="C3701" s="2" t="s">
        <v>11557</v>
      </c>
      <c r="D3701" s="14" t="s">
        <v>11558</v>
      </c>
      <c r="E3701" s="2" t="s">
        <v>11559</v>
      </c>
      <c r="F3701" s="2" t="s">
        <v>7535</v>
      </c>
      <c r="G3701" s="8">
        <v>140</v>
      </c>
      <c r="H3701" s="5">
        <v>6</v>
      </c>
      <c r="I3701" s="5" t="s">
        <v>1518</v>
      </c>
      <c r="J3701" s="5" t="s">
        <v>1519</v>
      </c>
      <c r="K3701" s="2" t="s">
        <v>1520</v>
      </c>
      <c r="L3701" s="5" t="s">
        <v>1519</v>
      </c>
      <c r="M3701" s="2" t="s">
        <v>1520</v>
      </c>
      <c r="N3701" s="5" t="s">
        <v>1521</v>
      </c>
      <c r="O3701" s="5" t="s">
        <v>38</v>
      </c>
      <c r="P3701" s="5" t="s">
        <v>39</v>
      </c>
      <c r="Q3701" s="5" t="s">
        <v>40</v>
      </c>
      <c r="R3701" s="5" t="s">
        <v>1522</v>
      </c>
      <c r="S3701" s="5" t="s">
        <v>1523</v>
      </c>
      <c r="T3701" s="5" t="s">
        <v>42</v>
      </c>
      <c r="U3701" s="2">
        <v>1.9219999999999999</v>
      </c>
      <c r="V3701" s="2">
        <v>1.5820000000000001</v>
      </c>
      <c r="W3701" s="2">
        <v>0.01</v>
      </c>
      <c r="X3701" s="2">
        <v>118.9</v>
      </c>
      <c r="Y3701" s="2">
        <v>7.6</v>
      </c>
      <c r="Z3701" s="2">
        <v>10.6</v>
      </c>
      <c r="AA3701" s="5"/>
      <c r="AB3701" s="5" t="s">
        <v>43</v>
      </c>
      <c r="AC3701" s="5" t="s">
        <v>44</v>
      </c>
      <c r="AD3701" s="2"/>
      <c r="AE3701" s="1"/>
    </row>
    <row r="3702" spans="1:31" ht="14.45">
      <c r="A3702" s="11"/>
      <c r="B3702" s="20"/>
      <c r="C3702" s="2" t="s">
        <v>11560</v>
      </c>
      <c r="D3702" s="14" t="s">
        <v>11561</v>
      </c>
      <c r="E3702" s="2" t="s">
        <v>11562</v>
      </c>
      <c r="F3702" s="2" t="s">
        <v>7539</v>
      </c>
      <c r="G3702" s="8">
        <v>140</v>
      </c>
      <c r="H3702" s="5">
        <v>6</v>
      </c>
      <c r="I3702" s="5" t="s">
        <v>1518</v>
      </c>
      <c r="J3702" s="5" t="s">
        <v>1519</v>
      </c>
      <c r="K3702" s="2" t="s">
        <v>1520</v>
      </c>
      <c r="L3702" s="5" t="s">
        <v>1519</v>
      </c>
      <c r="M3702" s="2" t="s">
        <v>1520</v>
      </c>
      <c r="N3702" s="5" t="s">
        <v>1521</v>
      </c>
      <c r="O3702" s="5" t="s">
        <v>38</v>
      </c>
      <c r="P3702" s="5" t="s">
        <v>39</v>
      </c>
      <c r="Q3702" s="5" t="s">
        <v>40</v>
      </c>
      <c r="R3702" s="5" t="s">
        <v>1522</v>
      </c>
      <c r="S3702" s="5" t="s">
        <v>1523</v>
      </c>
      <c r="T3702" s="5" t="s">
        <v>42</v>
      </c>
      <c r="U3702" s="2">
        <v>1.9019999999999999</v>
      </c>
      <c r="V3702" s="2">
        <v>1.5620000000000001</v>
      </c>
      <c r="W3702" s="2">
        <v>0.01</v>
      </c>
      <c r="X3702" s="2">
        <v>118.9</v>
      </c>
      <c r="Y3702" s="2">
        <v>7.6</v>
      </c>
      <c r="Z3702" s="2">
        <v>10.6</v>
      </c>
      <c r="AA3702" s="5"/>
      <c r="AB3702" s="5" t="s">
        <v>43</v>
      </c>
      <c r="AC3702" s="5" t="s">
        <v>44</v>
      </c>
      <c r="AD3702" s="2"/>
      <c r="AE3702" s="1"/>
    </row>
    <row r="3703" spans="1:31" ht="14.45">
      <c r="A3703" s="11"/>
      <c r="B3703" s="20"/>
      <c r="C3703" s="2" t="s">
        <v>11563</v>
      </c>
      <c r="D3703" s="14" t="s">
        <v>11564</v>
      </c>
      <c r="E3703" s="2" t="s">
        <v>11565</v>
      </c>
      <c r="F3703" s="2" t="s">
        <v>7543</v>
      </c>
      <c r="G3703" s="8">
        <v>140</v>
      </c>
      <c r="H3703" s="5">
        <v>6</v>
      </c>
      <c r="I3703" s="5" t="s">
        <v>1518</v>
      </c>
      <c r="J3703" s="5" t="s">
        <v>1519</v>
      </c>
      <c r="K3703" s="2" t="s">
        <v>1520</v>
      </c>
      <c r="L3703" s="5" t="s">
        <v>1519</v>
      </c>
      <c r="M3703" s="2" t="s">
        <v>1520</v>
      </c>
      <c r="N3703" s="5" t="s">
        <v>1521</v>
      </c>
      <c r="O3703" s="5" t="s">
        <v>38</v>
      </c>
      <c r="P3703" s="5" t="s">
        <v>39</v>
      </c>
      <c r="Q3703" s="5" t="s">
        <v>40</v>
      </c>
      <c r="R3703" s="5" t="s">
        <v>1522</v>
      </c>
      <c r="S3703" s="5" t="s">
        <v>1523</v>
      </c>
      <c r="T3703" s="5" t="s">
        <v>42</v>
      </c>
      <c r="U3703" s="2">
        <v>1.9470000000000001</v>
      </c>
      <c r="V3703" s="2">
        <v>1.607</v>
      </c>
      <c r="W3703" s="2">
        <v>0.01</v>
      </c>
      <c r="X3703" s="2">
        <v>118.9</v>
      </c>
      <c r="Y3703" s="2">
        <v>7.6</v>
      </c>
      <c r="Z3703" s="2">
        <v>10.6</v>
      </c>
      <c r="AA3703" s="5"/>
      <c r="AB3703" s="5" t="s">
        <v>43</v>
      </c>
      <c r="AC3703" s="5" t="s">
        <v>44</v>
      </c>
      <c r="AD3703" s="2"/>
      <c r="AE3703" s="1"/>
    </row>
    <row r="3704" spans="1:31" ht="14.45">
      <c r="A3704" s="11"/>
      <c r="B3704" s="20"/>
      <c r="C3704" s="2" t="s">
        <v>11566</v>
      </c>
      <c r="D3704" s="14" t="s">
        <v>11567</v>
      </c>
      <c r="E3704" s="2" t="s">
        <v>11568</v>
      </c>
      <c r="F3704" s="2" t="s">
        <v>7547</v>
      </c>
      <c r="G3704" s="8">
        <v>140</v>
      </c>
      <c r="H3704" s="5">
        <v>6</v>
      </c>
      <c r="I3704" s="5" t="s">
        <v>1518</v>
      </c>
      <c r="J3704" s="5" t="s">
        <v>1519</v>
      </c>
      <c r="K3704" s="2" t="s">
        <v>1520</v>
      </c>
      <c r="L3704" s="5" t="s">
        <v>1519</v>
      </c>
      <c r="M3704" s="2" t="s">
        <v>1520</v>
      </c>
      <c r="N3704" s="5" t="s">
        <v>1521</v>
      </c>
      <c r="O3704" s="5" t="s">
        <v>38</v>
      </c>
      <c r="P3704" s="5" t="s">
        <v>39</v>
      </c>
      <c r="Q3704" s="5" t="s">
        <v>40</v>
      </c>
      <c r="R3704" s="5" t="s">
        <v>1522</v>
      </c>
      <c r="S3704" s="5" t="s">
        <v>1523</v>
      </c>
      <c r="T3704" s="5" t="s">
        <v>42</v>
      </c>
      <c r="U3704" s="2">
        <v>1.877</v>
      </c>
      <c r="V3704" s="2">
        <v>1.5369999999999999</v>
      </c>
      <c r="W3704" s="2">
        <v>0.01</v>
      </c>
      <c r="X3704" s="2">
        <v>118.9</v>
      </c>
      <c r="Y3704" s="2">
        <v>7.6</v>
      </c>
      <c r="Z3704" s="2">
        <v>10.6</v>
      </c>
      <c r="AA3704" s="5"/>
      <c r="AB3704" s="5" t="s">
        <v>43</v>
      </c>
      <c r="AC3704" s="5" t="s">
        <v>44</v>
      </c>
      <c r="AD3704" s="2"/>
      <c r="AE3704" s="1"/>
    </row>
    <row r="3705" spans="1:31" ht="14.45">
      <c r="A3705" s="11"/>
      <c r="B3705" s="20"/>
      <c r="C3705" s="2" t="s">
        <v>11569</v>
      </c>
      <c r="D3705" s="14" t="s">
        <v>11570</v>
      </c>
      <c r="E3705" s="2" t="s">
        <v>11571</v>
      </c>
      <c r="F3705" s="2" t="s">
        <v>7551</v>
      </c>
      <c r="G3705" s="8">
        <v>140</v>
      </c>
      <c r="H3705" s="5">
        <v>6</v>
      </c>
      <c r="I3705" s="5" t="s">
        <v>1518</v>
      </c>
      <c r="J3705" s="5" t="s">
        <v>1519</v>
      </c>
      <c r="K3705" s="2" t="s">
        <v>1520</v>
      </c>
      <c r="L3705" s="5" t="s">
        <v>1519</v>
      </c>
      <c r="M3705" s="2" t="s">
        <v>1520</v>
      </c>
      <c r="N3705" s="5" t="s">
        <v>1521</v>
      </c>
      <c r="O3705" s="5" t="s">
        <v>38</v>
      </c>
      <c r="P3705" s="5" t="s">
        <v>39</v>
      </c>
      <c r="Q3705" s="5" t="s">
        <v>40</v>
      </c>
      <c r="R3705" s="5" t="s">
        <v>1522</v>
      </c>
      <c r="S3705" s="5" t="s">
        <v>1523</v>
      </c>
      <c r="T3705" s="5" t="s">
        <v>42</v>
      </c>
      <c r="U3705" s="2">
        <v>1.9219999999999999</v>
      </c>
      <c r="V3705" s="2">
        <v>1.5820000000000001</v>
      </c>
      <c r="W3705" s="2">
        <v>0.01</v>
      </c>
      <c r="X3705" s="2">
        <v>118.9</v>
      </c>
      <c r="Y3705" s="2">
        <v>7.6</v>
      </c>
      <c r="Z3705" s="2">
        <v>10.6</v>
      </c>
      <c r="AA3705" s="5"/>
      <c r="AB3705" s="5" t="s">
        <v>43</v>
      </c>
      <c r="AC3705" s="5" t="s">
        <v>44</v>
      </c>
      <c r="AD3705" s="2"/>
      <c r="AE3705" s="1"/>
    </row>
    <row r="3706" spans="1:31" ht="14.45">
      <c r="A3706" s="11"/>
      <c r="B3706" s="20"/>
      <c r="C3706" s="2" t="s">
        <v>11572</v>
      </c>
      <c r="D3706" s="14" t="s">
        <v>11573</v>
      </c>
      <c r="E3706" s="2" t="s">
        <v>11574</v>
      </c>
      <c r="F3706" s="2" t="s">
        <v>7555</v>
      </c>
      <c r="G3706" s="8">
        <v>140</v>
      </c>
      <c r="H3706" s="5">
        <v>6</v>
      </c>
      <c r="I3706" s="5" t="s">
        <v>1518</v>
      </c>
      <c r="J3706" s="5" t="s">
        <v>1519</v>
      </c>
      <c r="K3706" s="2" t="s">
        <v>1520</v>
      </c>
      <c r="L3706" s="5" t="s">
        <v>1519</v>
      </c>
      <c r="M3706" s="2" t="s">
        <v>1520</v>
      </c>
      <c r="N3706" s="5" t="s">
        <v>1521</v>
      </c>
      <c r="O3706" s="5" t="s">
        <v>38</v>
      </c>
      <c r="P3706" s="5" t="s">
        <v>39</v>
      </c>
      <c r="Q3706" s="5" t="s">
        <v>40</v>
      </c>
      <c r="R3706" s="5" t="s">
        <v>1522</v>
      </c>
      <c r="S3706" s="5" t="s">
        <v>1523</v>
      </c>
      <c r="T3706" s="5" t="s">
        <v>42</v>
      </c>
      <c r="U3706" s="2">
        <v>1.877</v>
      </c>
      <c r="V3706" s="2">
        <v>1.5369999999999999</v>
      </c>
      <c r="W3706" s="2">
        <v>0.01</v>
      </c>
      <c r="X3706" s="2">
        <v>118.9</v>
      </c>
      <c r="Y3706" s="2">
        <v>7.6</v>
      </c>
      <c r="Z3706" s="2">
        <v>10.6</v>
      </c>
      <c r="AA3706" s="5"/>
      <c r="AB3706" s="5" t="s">
        <v>43</v>
      </c>
      <c r="AC3706" s="5" t="s">
        <v>44</v>
      </c>
      <c r="AD3706" s="2"/>
      <c r="AE3706" s="1"/>
    </row>
    <row r="3707" spans="1:31" ht="14.45">
      <c r="A3707" s="11"/>
      <c r="B3707" s="20"/>
      <c r="C3707" s="2" t="s">
        <v>11575</v>
      </c>
      <c r="D3707" s="14" t="s">
        <v>11576</v>
      </c>
      <c r="E3707" s="2" t="s">
        <v>11577</v>
      </c>
      <c r="F3707" s="2" t="s">
        <v>7559</v>
      </c>
      <c r="G3707" s="8">
        <v>140</v>
      </c>
      <c r="H3707" s="5">
        <v>6</v>
      </c>
      <c r="I3707" s="5" t="s">
        <v>1518</v>
      </c>
      <c r="J3707" s="5" t="s">
        <v>1519</v>
      </c>
      <c r="K3707" s="2" t="s">
        <v>1520</v>
      </c>
      <c r="L3707" s="5" t="s">
        <v>1519</v>
      </c>
      <c r="M3707" s="2" t="s">
        <v>1520</v>
      </c>
      <c r="N3707" s="5" t="s">
        <v>1521</v>
      </c>
      <c r="O3707" s="5" t="s">
        <v>38</v>
      </c>
      <c r="P3707" s="5" t="s">
        <v>39</v>
      </c>
      <c r="Q3707" s="5" t="s">
        <v>40</v>
      </c>
      <c r="R3707" s="5" t="s">
        <v>1522</v>
      </c>
      <c r="S3707" s="5" t="s">
        <v>1523</v>
      </c>
      <c r="T3707" s="5" t="s">
        <v>42</v>
      </c>
      <c r="U3707" s="2">
        <v>1.9219999999999999</v>
      </c>
      <c r="V3707" s="2">
        <v>1.5820000000000001</v>
      </c>
      <c r="W3707" s="2">
        <v>0.01</v>
      </c>
      <c r="X3707" s="2">
        <v>118.9</v>
      </c>
      <c r="Y3707" s="2">
        <v>7.6</v>
      </c>
      <c r="Z3707" s="2">
        <v>10.6</v>
      </c>
      <c r="AA3707" s="5"/>
      <c r="AB3707" s="5" t="s">
        <v>43</v>
      </c>
      <c r="AC3707" s="5" t="s">
        <v>44</v>
      </c>
      <c r="AD3707" s="2"/>
      <c r="AE3707" s="1"/>
    </row>
    <row r="3708" spans="1:31" ht="14.45">
      <c r="A3708" s="11"/>
      <c r="B3708" s="20"/>
      <c r="C3708" s="2" t="s">
        <v>11578</v>
      </c>
      <c r="D3708" s="14" t="s">
        <v>11579</v>
      </c>
      <c r="E3708" s="2" t="s">
        <v>11580</v>
      </c>
      <c r="F3708" s="2" t="s">
        <v>7563</v>
      </c>
      <c r="G3708" s="8">
        <v>140</v>
      </c>
      <c r="H3708" s="5">
        <v>6</v>
      </c>
      <c r="I3708" s="5" t="s">
        <v>1518</v>
      </c>
      <c r="J3708" s="5" t="s">
        <v>1519</v>
      </c>
      <c r="K3708" s="2" t="s">
        <v>1520</v>
      </c>
      <c r="L3708" s="5" t="s">
        <v>1519</v>
      </c>
      <c r="M3708" s="2" t="s">
        <v>1520</v>
      </c>
      <c r="N3708" s="5" t="s">
        <v>1521</v>
      </c>
      <c r="O3708" s="5" t="s">
        <v>38</v>
      </c>
      <c r="P3708" s="5" t="s">
        <v>39</v>
      </c>
      <c r="Q3708" s="5" t="s">
        <v>40</v>
      </c>
      <c r="R3708" s="5" t="s">
        <v>1522</v>
      </c>
      <c r="S3708" s="5" t="s">
        <v>1523</v>
      </c>
      <c r="T3708" s="5" t="s">
        <v>42</v>
      </c>
      <c r="U3708" s="2">
        <v>1.9019999999999999</v>
      </c>
      <c r="V3708" s="2">
        <v>1.5620000000000001</v>
      </c>
      <c r="W3708" s="2">
        <v>0.01</v>
      </c>
      <c r="X3708" s="2">
        <v>118.9</v>
      </c>
      <c r="Y3708" s="2">
        <v>7.6</v>
      </c>
      <c r="Z3708" s="2">
        <v>10.6</v>
      </c>
      <c r="AA3708" s="5"/>
      <c r="AB3708" s="5" t="s">
        <v>43</v>
      </c>
      <c r="AC3708" s="5" t="s">
        <v>44</v>
      </c>
      <c r="AD3708" s="2"/>
      <c r="AE3708" s="1"/>
    </row>
    <row r="3709" spans="1:31" ht="14.45">
      <c r="A3709" s="11"/>
      <c r="B3709" s="20"/>
      <c r="C3709" s="2" t="s">
        <v>11581</v>
      </c>
      <c r="D3709" s="14" t="s">
        <v>11582</v>
      </c>
      <c r="E3709" s="2" t="s">
        <v>11583</v>
      </c>
      <c r="F3709" s="2" t="s">
        <v>7567</v>
      </c>
      <c r="G3709" s="8">
        <v>140</v>
      </c>
      <c r="H3709" s="5">
        <v>6</v>
      </c>
      <c r="I3709" s="5" t="s">
        <v>1518</v>
      </c>
      <c r="J3709" s="5" t="s">
        <v>1519</v>
      </c>
      <c r="K3709" s="2" t="s">
        <v>1520</v>
      </c>
      <c r="L3709" s="5" t="s">
        <v>1519</v>
      </c>
      <c r="M3709" s="2" t="s">
        <v>1520</v>
      </c>
      <c r="N3709" s="5" t="s">
        <v>1521</v>
      </c>
      <c r="O3709" s="5" t="s">
        <v>38</v>
      </c>
      <c r="P3709" s="5" t="s">
        <v>39</v>
      </c>
      <c r="Q3709" s="5" t="s">
        <v>40</v>
      </c>
      <c r="R3709" s="5" t="s">
        <v>1522</v>
      </c>
      <c r="S3709" s="5" t="s">
        <v>1523</v>
      </c>
      <c r="T3709" s="5" t="s">
        <v>42</v>
      </c>
      <c r="U3709" s="2">
        <v>1.9470000000000001</v>
      </c>
      <c r="V3709" s="2">
        <v>1.607</v>
      </c>
      <c r="W3709" s="2">
        <v>0.01</v>
      </c>
      <c r="X3709" s="2">
        <v>118.9</v>
      </c>
      <c r="Y3709" s="2">
        <v>7.6</v>
      </c>
      <c r="Z3709" s="2">
        <v>10.6</v>
      </c>
      <c r="AA3709" s="5"/>
      <c r="AB3709" s="5" t="s">
        <v>43</v>
      </c>
      <c r="AC3709" s="5" t="s">
        <v>44</v>
      </c>
      <c r="AD3709" s="2"/>
      <c r="AE3709" s="1"/>
    </row>
    <row r="3710" spans="1:31" ht="14.45">
      <c r="A3710" s="11"/>
      <c r="B3710" s="20"/>
      <c r="C3710" s="2" t="s">
        <v>11584</v>
      </c>
      <c r="D3710" s="14" t="s">
        <v>11585</v>
      </c>
      <c r="E3710" s="2" t="s">
        <v>11586</v>
      </c>
      <c r="F3710" s="2" t="s">
        <v>7429</v>
      </c>
      <c r="G3710" s="8">
        <v>140</v>
      </c>
      <c r="H3710" s="5">
        <v>6</v>
      </c>
      <c r="I3710" s="5" t="s">
        <v>1518</v>
      </c>
      <c r="J3710" s="5" t="s">
        <v>1519</v>
      </c>
      <c r="K3710" s="2" t="s">
        <v>1520</v>
      </c>
      <c r="L3710" s="5" t="s">
        <v>1519</v>
      </c>
      <c r="M3710" s="2" t="s">
        <v>1520</v>
      </c>
      <c r="N3710" s="5" t="s">
        <v>1521</v>
      </c>
      <c r="O3710" s="5" t="s">
        <v>38</v>
      </c>
      <c r="P3710" s="5" t="s">
        <v>39</v>
      </c>
      <c r="Q3710" s="5" t="s">
        <v>40</v>
      </c>
      <c r="R3710" s="5" t="s">
        <v>1522</v>
      </c>
      <c r="S3710" s="5" t="s">
        <v>1523</v>
      </c>
      <c r="T3710" s="5" t="s">
        <v>42</v>
      </c>
      <c r="U3710" s="2">
        <v>1.9019999999999999</v>
      </c>
      <c r="V3710" s="2">
        <v>1.5620000000000001</v>
      </c>
      <c r="W3710" s="2">
        <v>0.01</v>
      </c>
      <c r="X3710" s="2">
        <v>118.9</v>
      </c>
      <c r="Y3710" s="2">
        <v>7.6</v>
      </c>
      <c r="Z3710" s="2">
        <v>10.6</v>
      </c>
      <c r="AA3710" s="5"/>
      <c r="AB3710" s="5" t="s">
        <v>43</v>
      </c>
      <c r="AC3710" s="5" t="s">
        <v>44</v>
      </c>
      <c r="AD3710" s="2"/>
      <c r="AE3710" s="1"/>
    </row>
    <row r="3711" spans="1:31" ht="14.45">
      <c r="A3711" s="11"/>
      <c r="B3711" s="20"/>
      <c r="C3711" s="2" t="s">
        <v>11587</v>
      </c>
      <c r="D3711" s="14" t="s">
        <v>11588</v>
      </c>
      <c r="E3711" s="2" t="s">
        <v>11589</v>
      </c>
      <c r="F3711" s="2" t="s">
        <v>7574</v>
      </c>
      <c r="G3711" s="8">
        <v>140</v>
      </c>
      <c r="H3711" s="5">
        <v>6</v>
      </c>
      <c r="I3711" s="5" t="s">
        <v>1518</v>
      </c>
      <c r="J3711" s="5" t="s">
        <v>1519</v>
      </c>
      <c r="K3711" s="2" t="s">
        <v>1520</v>
      </c>
      <c r="L3711" s="5" t="s">
        <v>1519</v>
      </c>
      <c r="M3711" s="2" t="s">
        <v>1520</v>
      </c>
      <c r="N3711" s="5" t="s">
        <v>1521</v>
      </c>
      <c r="O3711" s="5" t="s">
        <v>38</v>
      </c>
      <c r="P3711" s="5" t="s">
        <v>39</v>
      </c>
      <c r="Q3711" s="5" t="s">
        <v>40</v>
      </c>
      <c r="R3711" s="5" t="s">
        <v>1522</v>
      </c>
      <c r="S3711" s="5" t="s">
        <v>1523</v>
      </c>
      <c r="T3711" s="5" t="s">
        <v>42</v>
      </c>
      <c r="U3711" s="2">
        <v>1.9470000000000001</v>
      </c>
      <c r="V3711" s="2">
        <v>1.607</v>
      </c>
      <c r="W3711" s="2">
        <v>0.01</v>
      </c>
      <c r="X3711" s="2">
        <v>118.9</v>
      </c>
      <c r="Y3711" s="2">
        <v>7.6</v>
      </c>
      <c r="Z3711" s="2">
        <v>10.6</v>
      </c>
      <c r="AA3711" s="5"/>
      <c r="AB3711" s="5" t="s">
        <v>43</v>
      </c>
      <c r="AC3711" s="5" t="s">
        <v>44</v>
      </c>
      <c r="AD3711" s="2"/>
      <c r="AE3711" s="1"/>
    </row>
    <row r="3712" spans="1:31" ht="14.45">
      <c r="A3712" s="11"/>
      <c r="B3712" s="20"/>
      <c r="C3712" s="2" t="s">
        <v>11590</v>
      </c>
      <c r="D3712" s="14" t="s">
        <v>11591</v>
      </c>
      <c r="E3712" s="2" t="s">
        <v>11592</v>
      </c>
      <c r="F3712" s="2" t="s">
        <v>7449</v>
      </c>
      <c r="G3712" s="8">
        <v>140</v>
      </c>
      <c r="H3712" s="5">
        <v>6</v>
      </c>
      <c r="I3712" s="5" t="s">
        <v>1518</v>
      </c>
      <c r="J3712" s="5" t="s">
        <v>1519</v>
      </c>
      <c r="K3712" s="2" t="s">
        <v>1520</v>
      </c>
      <c r="L3712" s="5" t="s">
        <v>1519</v>
      </c>
      <c r="M3712" s="2" t="s">
        <v>1520</v>
      </c>
      <c r="N3712" s="5" t="s">
        <v>1521</v>
      </c>
      <c r="O3712" s="5" t="s">
        <v>38</v>
      </c>
      <c r="P3712" s="5" t="s">
        <v>39</v>
      </c>
      <c r="Q3712" s="5" t="s">
        <v>40</v>
      </c>
      <c r="R3712" s="5" t="s">
        <v>1522</v>
      </c>
      <c r="S3712" s="5" t="s">
        <v>1523</v>
      </c>
      <c r="T3712" s="5" t="s">
        <v>42</v>
      </c>
      <c r="U3712" s="2">
        <v>1.9019999999999999</v>
      </c>
      <c r="V3712" s="2">
        <v>1.5620000000000001</v>
      </c>
      <c r="W3712" s="2">
        <v>0.01</v>
      </c>
      <c r="X3712" s="2">
        <v>118.9</v>
      </c>
      <c r="Y3712" s="2">
        <v>7.6</v>
      </c>
      <c r="Z3712" s="2">
        <v>10.6</v>
      </c>
      <c r="AA3712" s="5"/>
      <c r="AB3712" s="5" t="s">
        <v>43</v>
      </c>
      <c r="AC3712" s="5" t="s">
        <v>44</v>
      </c>
      <c r="AD3712" s="2"/>
      <c r="AE3712" s="1"/>
    </row>
    <row r="3713" spans="1:31" ht="14.45">
      <c r="A3713" s="11"/>
      <c r="B3713" s="20"/>
      <c r="C3713" s="2" t="s">
        <v>11593</v>
      </c>
      <c r="D3713" s="14" t="s">
        <v>11594</v>
      </c>
      <c r="E3713" s="2" t="s">
        <v>11595</v>
      </c>
      <c r="F3713" s="2" t="s">
        <v>7581</v>
      </c>
      <c r="G3713" s="8">
        <v>140</v>
      </c>
      <c r="H3713" s="5">
        <v>6</v>
      </c>
      <c r="I3713" s="5" t="s">
        <v>1518</v>
      </c>
      <c r="J3713" s="5" t="s">
        <v>1519</v>
      </c>
      <c r="K3713" s="2" t="s">
        <v>1520</v>
      </c>
      <c r="L3713" s="5" t="s">
        <v>1519</v>
      </c>
      <c r="M3713" s="2" t="s">
        <v>1520</v>
      </c>
      <c r="N3713" s="5" t="s">
        <v>1521</v>
      </c>
      <c r="O3713" s="5" t="s">
        <v>38</v>
      </c>
      <c r="P3713" s="5" t="s">
        <v>39</v>
      </c>
      <c r="Q3713" s="5" t="s">
        <v>40</v>
      </c>
      <c r="R3713" s="5" t="s">
        <v>1522</v>
      </c>
      <c r="S3713" s="5" t="s">
        <v>1523</v>
      </c>
      <c r="T3713" s="5" t="s">
        <v>42</v>
      </c>
      <c r="U3713" s="2">
        <v>1.9470000000000001</v>
      </c>
      <c r="V3713" s="2">
        <v>1.607</v>
      </c>
      <c r="W3713" s="2">
        <v>0.01</v>
      </c>
      <c r="X3713" s="2">
        <v>118.9</v>
      </c>
      <c r="Y3713" s="2">
        <v>7.6</v>
      </c>
      <c r="Z3713" s="2">
        <v>10.6</v>
      </c>
      <c r="AA3713" s="5"/>
      <c r="AB3713" s="5" t="s">
        <v>43</v>
      </c>
      <c r="AC3713" s="5" t="s">
        <v>44</v>
      </c>
      <c r="AD3713" s="2"/>
      <c r="AE3713" s="1"/>
    </row>
    <row r="3714" spans="1:31" ht="14.45">
      <c r="A3714" s="11"/>
      <c r="B3714" s="20"/>
      <c r="C3714" s="2" t="s">
        <v>11596</v>
      </c>
      <c r="D3714" s="14" t="s">
        <v>11597</v>
      </c>
      <c r="E3714" s="2" t="s">
        <v>11598</v>
      </c>
      <c r="F3714" s="2" t="s">
        <v>7585</v>
      </c>
      <c r="G3714" s="8">
        <v>140</v>
      </c>
      <c r="H3714" s="5">
        <v>6</v>
      </c>
      <c r="I3714" s="5" t="s">
        <v>1518</v>
      </c>
      <c r="J3714" s="5" t="s">
        <v>1519</v>
      </c>
      <c r="K3714" s="2" t="s">
        <v>1520</v>
      </c>
      <c r="L3714" s="5" t="s">
        <v>1519</v>
      </c>
      <c r="M3714" s="2" t="s">
        <v>1520</v>
      </c>
      <c r="N3714" s="5" t="s">
        <v>1521</v>
      </c>
      <c r="O3714" s="5" t="s">
        <v>38</v>
      </c>
      <c r="P3714" s="5" t="s">
        <v>39</v>
      </c>
      <c r="Q3714" s="5" t="s">
        <v>40</v>
      </c>
      <c r="R3714" s="5" t="s">
        <v>1522</v>
      </c>
      <c r="S3714" s="5" t="s">
        <v>1523</v>
      </c>
      <c r="T3714" s="5" t="s">
        <v>42</v>
      </c>
      <c r="U3714" s="2">
        <v>1.877</v>
      </c>
      <c r="V3714" s="2">
        <v>1.5369999999999999</v>
      </c>
      <c r="W3714" s="2">
        <v>0.01</v>
      </c>
      <c r="X3714" s="2">
        <v>118.9</v>
      </c>
      <c r="Y3714" s="2">
        <v>7.6</v>
      </c>
      <c r="Z3714" s="2">
        <v>10.6</v>
      </c>
      <c r="AA3714" s="5"/>
      <c r="AB3714" s="5" t="s">
        <v>43</v>
      </c>
      <c r="AC3714" s="5" t="s">
        <v>44</v>
      </c>
      <c r="AD3714" s="2"/>
      <c r="AE3714" s="1"/>
    </row>
    <row r="3715" spans="1:31" ht="14.45">
      <c r="A3715" s="11"/>
      <c r="B3715" s="20"/>
      <c r="C3715" s="2" t="s">
        <v>11599</v>
      </c>
      <c r="D3715" s="14" t="s">
        <v>11600</v>
      </c>
      <c r="E3715" s="2" t="s">
        <v>11601</v>
      </c>
      <c r="F3715" s="2" t="s">
        <v>7589</v>
      </c>
      <c r="G3715" s="8">
        <v>140</v>
      </c>
      <c r="H3715" s="5">
        <v>6</v>
      </c>
      <c r="I3715" s="5" t="s">
        <v>1518</v>
      </c>
      <c r="J3715" s="5" t="s">
        <v>1519</v>
      </c>
      <c r="K3715" s="2" t="s">
        <v>1520</v>
      </c>
      <c r="L3715" s="5" t="s">
        <v>1519</v>
      </c>
      <c r="M3715" s="2" t="s">
        <v>1520</v>
      </c>
      <c r="N3715" s="5" t="s">
        <v>1521</v>
      </c>
      <c r="O3715" s="5" t="s">
        <v>38</v>
      </c>
      <c r="P3715" s="5" t="s">
        <v>39</v>
      </c>
      <c r="Q3715" s="5" t="s">
        <v>40</v>
      </c>
      <c r="R3715" s="5" t="s">
        <v>1522</v>
      </c>
      <c r="S3715" s="5" t="s">
        <v>1523</v>
      </c>
      <c r="T3715" s="5" t="s">
        <v>42</v>
      </c>
      <c r="U3715" s="2">
        <v>1.9219999999999999</v>
      </c>
      <c r="V3715" s="2">
        <v>1.5820000000000001</v>
      </c>
      <c r="W3715" s="2">
        <v>0.01</v>
      </c>
      <c r="X3715" s="2">
        <v>118.9</v>
      </c>
      <c r="Y3715" s="2">
        <v>7.6</v>
      </c>
      <c r="Z3715" s="2">
        <v>10.6</v>
      </c>
      <c r="AA3715" s="5"/>
      <c r="AB3715" s="5" t="s">
        <v>43</v>
      </c>
      <c r="AC3715" s="5" t="s">
        <v>44</v>
      </c>
      <c r="AD3715" s="2"/>
      <c r="AE3715" s="1"/>
    </row>
    <row r="3716" spans="1:31" ht="14.45">
      <c r="A3716" s="11"/>
      <c r="B3716" s="20"/>
      <c r="C3716" s="2" t="s">
        <v>11602</v>
      </c>
      <c r="D3716" s="14" t="s">
        <v>11603</v>
      </c>
      <c r="E3716" s="2" t="s">
        <v>11604</v>
      </c>
      <c r="F3716" s="2" t="s">
        <v>7593</v>
      </c>
      <c r="G3716" s="8">
        <v>140</v>
      </c>
      <c r="H3716" s="5">
        <v>6</v>
      </c>
      <c r="I3716" s="5" t="s">
        <v>1518</v>
      </c>
      <c r="J3716" s="5" t="s">
        <v>1519</v>
      </c>
      <c r="K3716" s="2" t="s">
        <v>1520</v>
      </c>
      <c r="L3716" s="5" t="s">
        <v>1519</v>
      </c>
      <c r="M3716" s="2" t="s">
        <v>1520</v>
      </c>
      <c r="N3716" s="5" t="s">
        <v>1521</v>
      </c>
      <c r="O3716" s="5" t="s">
        <v>38</v>
      </c>
      <c r="P3716" s="5" t="s">
        <v>39</v>
      </c>
      <c r="Q3716" s="5" t="s">
        <v>40</v>
      </c>
      <c r="R3716" s="5" t="s">
        <v>1522</v>
      </c>
      <c r="S3716" s="5" t="s">
        <v>1523</v>
      </c>
      <c r="T3716" s="5" t="s">
        <v>42</v>
      </c>
      <c r="U3716" s="2">
        <v>1.9019999999999999</v>
      </c>
      <c r="V3716" s="2">
        <v>1.5620000000000001</v>
      </c>
      <c r="W3716" s="2">
        <v>0.01</v>
      </c>
      <c r="X3716" s="2">
        <v>118.9</v>
      </c>
      <c r="Y3716" s="2">
        <v>7.6</v>
      </c>
      <c r="Z3716" s="2">
        <v>10.6</v>
      </c>
      <c r="AA3716" s="5"/>
      <c r="AB3716" s="5" t="s">
        <v>43</v>
      </c>
      <c r="AC3716" s="5" t="s">
        <v>44</v>
      </c>
      <c r="AD3716" s="2"/>
      <c r="AE3716" s="1"/>
    </row>
    <row r="3717" spans="1:31" ht="14.45">
      <c r="A3717" s="11"/>
      <c r="B3717" s="20"/>
      <c r="C3717" s="2" t="s">
        <v>11605</v>
      </c>
      <c r="D3717" s="14" t="s">
        <v>11606</v>
      </c>
      <c r="E3717" s="2" t="s">
        <v>11607</v>
      </c>
      <c r="F3717" s="2" t="s">
        <v>7597</v>
      </c>
      <c r="G3717" s="8">
        <v>140</v>
      </c>
      <c r="H3717" s="5">
        <v>6</v>
      </c>
      <c r="I3717" s="5" t="s">
        <v>1518</v>
      </c>
      <c r="J3717" s="5" t="s">
        <v>1519</v>
      </c>
      <c r="K3717" s="2" t="s">
        <v>1520</v>
      </c>
      <c r="L3717" s="5" t="s">
        <v>1519</v>
      </c>
      <c r="M3717" s="2" t="s">
        <v>1520</v>
      </c>
      <c r="N3717" s="5" t="s">
        <v>1521</v>
      </c>
      <c r="O3717" s="5" t="s">
        <v>38</v>
      </c>
      <c r="P3717" s="5" t="s">
        <v>39</v>
      </c>
      <c r="Q3717" s="5" t="s">
        <v>40</v>
      </c>
      <c r="R3717" s="5" t="s">
        <v>1522</v>
      </c>
      <c r="S3717" s="5" t="s">
        <v>1523</v>
      </c>
      <c r="T3717" s="5" t="s">
        <v>42</v>
      </c>
      <c r="U3717" s="2">
        <v>1.9470000000000001</v>
      </c>
      <c r="V3717" s="2">
        <v>1.607</v>
      </c>
      <c r="W3717" s="2">
        <v>0.01</v>
      </c>
      <c r="X3717" s="2">
        <v>118.9</v>
      </c>
      <c r="Y3717" s="2">
        <v>7.6</v>
      </c>
      <c r="Z3717" s="2">
        <v>10.6</v>
      </c>
      <c r="AA3717" s="5"/>
      <c r="AB3717" s="5" t="s">
        <v>43</v>
      </c>
      <c r="AC3717" s="5" t="s">
        <v>44</v>
      </c>
      <c r="AD3717" s="2"/>
      <c r="AE3717" s="1"/>
    </row>
    <row r="3718" spans="1:31" ht="14.45">
      <c r="A3718" s="11"/>
      <c r="B3718" s="20"/>
      <c r="C3718" s="2" t="s">
        <v>11608</v>
      </c>
      <c r="D3718" s="14" t="s">
        <v>11609</v>
      </c>
      <c r="E3718" s="2" t="s">
        <v>11610</v>
      </c>
      <c r="F3718" s="2" t="s">
        <v>7410</v>
      </c>
      <c r="G3718" s="8">
        <v>140</v>
      </c>
      <c r="H3718" s="5">
        <v>6</v>
      </c>
      <c r="I3718" s="5" t="s">
        <v>1518</v>
      </c>
      <c r="J3718" s="5" t="s">
        <v>1519</v>
      </c>
      <c r="K3718" s="2" t="s">
        <v>1520</v>
      </c>
      <c r="L3718" s="5" t="s">
        <v>1519</v>
      </c>
      <c r="M3718" s="2" t="s">
        <v>1520</v>
      </c>
      <c r="N3718" s="5" t="s">
        <v>1521</v>
      </c>
      <c r="O3718" s="5" t="s">
        <v>38</v>
      </c>
      <c r="P3718" s="5" t="s">
        <v>39</v>
      </c>
      <c r="Q3718" s="5" t="s">
        <v>40</v>
      </c>
      <c r="R3718" s="5" t="s">
        <v>1522</v>
      </c>
      <c r="S3718" s="5" t="s">
        <v>1523</v>
      </c>
      <c r="T3718" s="5" t="s">
        <v>42</v>
      </c>
      <c r="U3718" s="2">
        <v>1.9019999999999999</v>
      </c>
      <c r="V3718" s="2">
        <v>1.5620000000000001</v>
      </c>
      <c r="W3718" s="2">
        <v>0.01</v>
      </c>
      <c r="X3718" s="2">
        <v>118.9</v>
      </c>
      <c r="Y3718" s="2">
        <v>7.6</v>
      </c>
      <c r="Z3718" s="2">
        <v>10.6</v>
      </c>
      <c r="AA3718" s="5"/>
      <c r="AB3718" s="5" t="s">
        <v>43</v>
      </c>
      <c r="AC3718" s="5" t="s">
        <v>44</v>
      </c>
      <c r="AD3718" s="2"/>
      <c r="AE3718" s="1"/>
    </row>
    <row r="3719" spans="1:31" ht="14.45">
      <c r="A3719" s="11"/>
      <c r="B3719" s="20"/>
      <c r="C3719" s="2" t="s">
        <v>11611</v>
      </c>
      <c r="D3719" s="14" t="s">
        <v>11612</v>
      </c>
      <c r="E3719" s="2" t="s">
        <v>11613</v>
      </c>
      <c r="F3719" s="2" t="s">
        <v>7604</v>
      </c>
      <c r="G3719" s="8">
        <v>140</v>
      </c>
      <c r="H3719" s="5">
        <v>6</v>
      </c>
      <c r="I3719" s="5" t="s">
        <v>1518</v>
      </c>
      <c r="J3719" s="5" t="s">
        <v>1519</v>
      </c>
      <c r="K3719" s="2" t="s">
        <v>1520</v>
      </c>
      <c r="L3719" s="5" t="s">
        <v>1519</v>
      </c>
      <c r="M3719" s="2" t="s">
        <v>1520</v>
      </c>
      <c r="N3719" s="5" t="s">
        <v>1521</v>
      </c>
      <c r="O3719" s="5" t="s">
        <v>38</v>
      </c>
      <c r="P3719" s="5" t="s">
        <v>39</v>
      </c>
      <c r="Q3719" s="5" t="s">
        <v>40</v>
      </c>
      <c r="R3719" s="5" t="s">
        <v>1522</v>
      </c>
      <c r="S3719" s="5" t="s">
        <v>1523</v>
      </c>
      <c r="T3719" s="5" t="s">
        <v>42</v>
      </c>
      <c r="U3719" s="2">
        <v>1.9470000000000001</v>
      </c>
      <c r="V3719" s="2">
        <v>1.607</v>
      </c>
      <c r="W3719" s="2">
        <v>0.01</v>
      </c>
      <c r="X3719" s="2">
        <v>118.9</v>
      </c>
      <c r="Y3719" s="2">
        <v>7.6</v>
      </c>
      <c r="Z3719" s="2">
        <v>10.6</v>
      </c>
      <c r="AA3719" s="5"/>
      <c r="AB3719" s="5" t="s">
        <v>43</v>
      </c>
      <c r="AC3719" s="5" t="s">
        <v>44</v>
      </c>
      <c r="AD3719" s="2"/>
      <c r="AE3719" s="1"/>
    </row>
    <row r="3720" spans="1:31" ht="14.45">
      <c r="A3720" s="11"/>
      <c r="B3720" s="20"/>
      <c r="C3720" s="2" t="s">
        <v>11614</v>
      </c>
      <c r="D3720" s="14" t="s">
        <v>11615</v>
      </c>
      <c r="E3720" s="2" t="s">
        <v>11616</v>
      </c>
      <c r="F3720" s="2" t="s">
        <v>7433</v>
      </c>
      <c r="G3720" s="8">
        <v>140</v>
      </c>
      <c r="H3720" s="5">
        <v>6</v>
      </c>
      <c r="I3720" s="5" t="s">
        <v>1518</v>
      </c>
      <c r="J3720" s="5" t="s">
        <v>1519</v>
      </c>
      <c r="K3720" s="2" t="s">
        <v>1520</v>
      </c>
      <c r="L3720" s="5" t="s">
        <v>1519</v>
      </c>
      <c r="M3720" s="2" t="s">
        <v>1520</v>
      </c>
      <c r="N3720" s="5" t="s">
        <v>1521</v>
      </c>
      <c r="O3720" s="5" t="s">
        <v>38</v>
      </c>
      <c r="P3720" s="5" t="s">
        <v>39</v>
      </c>
      <c r="Q3720" s="5" t="s">
        <v>40</v>
      </c>
      <c r="R3720" s="5" t="s">
        <v>1522</v>
      </c>
      <c r="S3720" s="5" t="s">
        <v>1523</v>
      </c>
      <c r="T3720" s="5" t="s">
        <v>42</v>
      </c>
      <c r="U3720" s="2">
        <v>1.9019999999999999</v>
      </c>
      <c r="V3720" s="2">
        <v>1.5620000000000001</v>
      </c>
      <c r="W3720" s="2">
        <v>0.01</v>
      </c>
      <c r="X3720" s="2">
        <v>118.9</v>
      </c>
      <c r="Y3720" s="2">
        <v>7.6</v>
      </c>
      <c r="Z3720" s="2">
        <v>10.6</v>
      </c>
      <c r="AA3720" s="5"/>
      <c r="AB3720" s="5" t="s">
        <v>43</v>
      </c>
      <c r="AC3720" s="5" t="s">
        <v>44</v>
      </c>
      <c r="AD3720" s="2"/>
      <c r="AE3720" s="1"/>
    </row>
    <row r="3721" spans="1:31" ht="14.45">
      <c r="A3721" s="11"/>
      <c r="B3721" s="20"/>
      <c r="C3721" s="2" t="s">
        <v>11617</v>
      </c>
      <c r="D3721" s="14" t="s">
        <v>11618</v>
      </c>
      <c r="E3721" s="2" t="s">
        <v>11619</v>
      </c>
      <c r="F3721" s="2" t="s">
        <v>7611</v>
      </c>
      <c r="G3721" s="8">
        <v>140</v>
      </c>
      <c r="H3721" s="5">
        <v>6</v>
      </c>
      <c r="I3721" s="5" t="s">
        <v>1518</v>
      </c>
      <c r="J3721" s="5" t="s">
        <v>1519</v>
      </c>
      <c r="K3721" s="2" t="s">
        <v>1520</v>
      </c>
      <c r="L3721" s="5" t="s">
        <v>1519</v>
      </c>
      <c r="M3721" s="2" t="s">
        <v>1520</v>
      </c>
      <c r="N3721" s="5" t="s">
        <v>1521</v>
      </c>
      <c r="O3721" s="5" t="s">
        <v>38</v>
      </c>
      <c r="P3721" s="5" t="s">
        <v>39</v>
      </c>
      <c r="Q3721" s="5" t="s">
        <v>40</v>
      </c>
      <c r="R3721" s="5" t="s">
        <v>1522</v>
      </c>
      <c r="S3721" s="5" t="s">
        <v>1523</v>
      </c>
      <c r="T3721" s="5" t="s">
        <v>42</v>
      </c>
      <c r="U3721" s="2">
        <v>1.9470000000000001</v>
      </c>
      <c r="V3721" s="2">
        <v>1.607</v>
      </c>
      <c r="W3721" s="2">
        <v>0.01</v>
      </c>
      <c r="X3721" s="2">
        <v>118.9</v>
      </c>
      <c r="Y3721" s="2">
        <v>7.6</v>
      </c>
      <c r="Z3721" s="2">
        <v>10.6</v>
      </c>
      <c r="AA3721" s="5"/>
      <c r="AB3721" s="5" t="s">
        <v>43</v>
      </c>
      <c r="AC3721" s="5" t="s">
        <v>44</v>
      </c>
      <c r="AD3721" s="2"/>
      <c r="AE3721" s="1"/>
    </row>
    <row r="3722" spans="1:31" ht="14.45">
      <c r="A3722" s="11"/>
      <c r="B3722" s="20"/>
      <c r="C3722" s="2" t="s">
        <v>11620</v>
      </c>
      <c r="D3722" s="14" t="s">
        <v>11621</v>
      </c>
      <c r="E3722" s="2" t="s">
        <v>11622</v>
      </c>
      <c r="F3722" s="2" t="s">
        <v>7615</v>
      </c>
      <c r="G3722" s="8">
        <v>140</v>
      </c>
      <c r="H3722" s="5">
        <v>6</v>
      </c>
      <c r="I3722" s="5" t="s">
        <v>1518</v>
      </c>
      <c r="J3722" s="5" t="s">
        <v>1519</v>
      </c>
      <c r="K3722" s="2" t="s">
        <v>1520</v>
      </c>
      <c r="L3722" s="5" t="s">
        <v>1519</v>
      </c>
      <c r="M3722" s="2" t="s">
        <v>1520</v>
      </c>
      <c r="N3722" s="5" t="s">
        <v>1521</v>
      </c>
      <c r="O3722" s="5" t="s">
        <v>38</v>
      </c>
      <c r="P3722" s="5" t="s">
        <v>39</v>
      </c>
      <c r="Q3722" s="5" t="s">
        <v>40</v>
      </c>
      <c r="R3722" s="5" t="s">
        <v>1522</v>
      </c>
      <c r="S3722" s="5" t="s">
        <v>1523</v>
      </c>
      <c r="T3722" s="5" t="s">
        <v>42</v>
      </c>
      <c r="U3722" s="2">
        <v>1.877</v>
      </c>
      <c r="V3722" s="2">
        <v>1.5369999999999999</v>
      </c>
      <c r="W3722" s="2">
        <v>0.01</v>
      </c>
      <c r="X3722" s="2">
        <v>118.9</v>
      </c>
      <c r="Y3722" s="2">
        <v>7.6</v>
      </c>
      <c r="Z3722" s="2">
        <v>10.6</v>
      </c>
      <c r="AA3722" s="5"/>
      <c r="AB3722" s="5" t="s">
        <v>43</v>
      </c>
      <c r="AC3722" s="5" t="s">
        <v>44</v>
      </c>
      <c r="AD3722" s="2"/>
      <c r="AE3722" s="1"/>
    </row>
    <row r="3723" spans="1:31" ht="14.45">
      <c r="A3723" s="11"/>
      <c r="B3723" s="20"/>
      <c r="C3723" s="2" t="s">
        <v>11623</v>
      </c>
      <c r="D3723" s="14" t="s">
        <v>11624</v>
      </c>
      <c r="E3723" s="2" t="s">
        <v>11625</v>
      </c>
      <c r="F3723" s="2" t="s">
        <v>7619</v>
      </c>
      <c r="G3723" s="8">
        <v>140</v>
      </c>
      <c r="H3723" s="5">
        <v>6</v>
      </c>
      <c r="I3723" s="5" t="s">
        <v>1518</v>
      </c>
      <c r="J3723" s="5" t="s">
        <v>1519</v>
      </c>
      <c r="K3723" s="2" t="s">
        <v>1520</v>
      </c>
      <c r="L3723" s="5" t="s">
        <v>1519</v>
      </c>
      <c r="M3723" s="2" t="s">
        <v>1520</v>
      </c>
      <c r="N3723" s="5" t="s">
        <v>1521</v>
      </c>
      <c r="O3723" s="5" t="s">
        <v>38</v>
      </c>
      <c r="P3723" s="5" t="s">
        <v>39</v>
      </c>
      <c r="Q3723" s="5" t="s">
        <v>40</v>
      </c>
      <c r="R3723" s="5" t="s">
        <v>1522</v>
      </c>
      <c r="S3723" s="5" t="s">
        <v>1523</v>
      </c>
      <c r="T3723" s="5" t="s">
        <v>42</v>
      </c>
      <c r="U3723" s="2">
        <v>1.9219999999999999</v>
      </c>
      <c r="V3723" s="2">
        <v>1.5820000000000001</v>
      </c>
      <c r="W3723" s="2">
        <v>0.01</v>
      </c>
      <c r="X3723" s="2">
        <v>118.9</v>
      </c>
      <c r="Y3723" s="2">
        <v>7.6</v>
      </c>
      <c r="Z3723" s="2">
        <v>10.6</v>
      </c>
      <c r="AA3723" s="5"/>
      <c r="AB3723" s="5" t="s">
        <v>43</v>
      </c>
      <c r="AC3723" s="5" t="s">
        <v>44</v>
      </c>
      <c r="AD3723" s="2"/>
      <c r="AE3723" s="1"/>
    </row>
    <row r="3724" spans="1:31" ht="14.45">
      <c r="A3724" s="11"/>
      <c r="B3724" s="20"/>
      <c r="C3724" s="2" t="s">
        <v>11626</v>
      </c>
      <c r="D3724" s="14" t="s">
        <v>11627</v>
      </c>
      <c r="E3724" s="2" t="s">
        <v>11628</v>
      </c>
      <c r="F3724" s="2" t="s">
        <v>1823</v>
      </c>
      <c r="G3724" s="8">
        <v>140</v>
      </c>
      <c r="H3724" s="5">
        <v>8</v>
      </c>
      <c r="I3724" s="5" t="s">
        <v>1518</v>
      </c>
      <c r="J3724" s="5" t="s">
        <v>1519</v>
      </c>
      <c r="K3724" s="2" t="s">
        <v>1520</v>
      </c>
      <c r="L3724" s="5" t="s">
        <v>1519</v>
      </c>
      <c r="M3724" s="2" t="s">
        <v>1520</v>
      </c>
      <c r="N3724" s="5" t="s">
        <v>1521</v>
      </c>
      <c r="O3724" s="5" t="s">
        <v>38</v>
      </c>
      <c r="P3724" s="5" t="s">
        <v>39</v>
      </c>
      <c r="Q3724" s="5" t="s">
        <v>40</v>
      </c>
      <c r="R3724" s="5" t="s">
        <v>1522</v>
      </c>
      <c r="S3724" s="5" t="s">
        <v>1523</v>
      </c>
      <c r="T3724" s="5" t="s">
        <v>42</v>
      </c>
      <c r="U3724" s="2">
        <v>1.92</v>
      </c>
      <c r="V3724" s="2">
        <v>1.58</v>
      </c>
      <c r="W3724" s="2">
        <v>0.01</v>
      </c>
      <c r="X3724" s="2">
        <v>118.9</v>
      </c>
      <c r="Y3724" s="2">
        <v>7.6</v>
      </c>
      <c r="Z3724" s="2">
        <v>10.6</v>
      </c>
      <c r="AA3724" s="5"/>
      <c r="AB3724" s="5" t="s">
        <v>43</v>
      </c>
      <c r="AC3724" s="5" t="s">
        <v>44</v>
      </c>
      <c r="AD3724" s="2"/>
      <c r="AE3724" s="1"/>
    </row>
    <row r="3725" spans="1:31" ht="14.45">
      <c r="A3725" s="11"/>
      <c r="B3725" s="20"/>
      <c r="C3725" s="2" t="s">
        <v>11629</v>
      </c>
      <c r="D3725" s="14" t="s">
        <v>11630</v>
      </c>
      <c r="E3725" s="2" t="s">
        <v>11631</v>
      </c>
      <c r="F3725" s="2" t="s">
        <v>1827</v>
      </c>
      <c r="G3725" s="8">
        <v>140</v>
      </c>
      <c r="H3725" s="5">
        <v>8</v>
      </c>
      <c r="I3725" s="5" t="s">
        <v>1518</v>
      </c>
      <c r="J3725" s="5" t="s">
        <v>1519</v>
      </c>
      <c r="K3725" s="2" t="s">
        <v>1520</v>
      </c>
      <c r="L3725" s="5" t="s">
        <v>1519</v>
      </c>
      <c r="M3725" s="2" t="s">
        <v>1520</v>
      </c>
      <c r="N3725" s="5" t="s">
        <v>1521</v>
      </c>
      <c r="O3725" s="5" t="s">
        <v>38</v>
      </c>
      <c r="P3725" s="5" t="s">
        <v>39</v>
      </c>
      <c r="Q3725" s="5" t="s">
        <v>40</v>
      </c>
      <c r="R3725" s="5" t="s">
        <v>1522</v>
      </c>
      <c r="S3725" s="5" t="s">
        <v>1523</v>
      </c>
      <c r="T3725" s="5" t="s">
        <v>42</v>
      </c>
      <c r="U3725" s="2">
        <v>1.9650000000000001</v>
      </c>
      <c r="V3725" s="2">
        <v>1.625</v>
      </c>
      <c r="W3725" s="2">
        <v>0.01</v>
      </c>
      <c r="X3725" s="2">
        <v>118.9</v>
      </c>
      <c r="Y3725" s="2">
        <v>7.6</v>
      </c>
      <c r="Z3725" s="2">
        <v>10.6</v>
      </c>
      <c r="AA3725" s="5"/>
      <c r="AB3725" s="5" t="s">
        <v>43</v>
      </c>
      <c r="AC3725" s="5" t="s">
        <v>44</v>
      </c>
      <c r="AD3725" s="2"/>
      <c r="AE3725" s="1"/>
    </row>
    <row r="3726" spans="1:31" ht="14.45">
      <c r="A3726" s="11"/>
      <c r="B3726" s="20"/>
      <c r="C3726" s="2" t="s">
        <v>11632</v>
      </c>
      <c r="D3726" s="14" t="s">
        <v>11633</v>
      </c>
      <c r="E3726" s="2" t="s">
        <v>11634</v>
      </c>
      <c r="F3726" s="2" t="s">
        <v>1973</v>
      </c>
      <c r="G3726" s="8">
        <v>140</v>
      </c>
      <c r="H3726" s="5">
        <v>13</v>
      </c>
      <c r="I3726" s="5" t="s">
        <v>1518</v>
      </c>
      <c r="J3726" s="5" t="s">
        <v>1519</v>
      </c>
      <c r="K3726" s="2" t="s">
        <v>1520</v>
      </c>
      <c r="L3726" s="5" t="s">
        <v>1519</v>
      </c>
      <c r="M3726" s="2" t="s">
        <v>1520</v>
      </c>
      <c r="N3726" s="5" t="s">
        <v>1521</v>
      </c>
      <c r="O3726" s="5" t="s">
        <v>38</v>
      </c>
      <c r="P3726" s="5" t="s">
        <v>39</v>
      </c>
      <c r="Q3726" s="5" t="s">
        <v>40</v>
      </c>
      <c r="R3726" s="5" t="s">
        <v>1522</v>
      </c>
      <c r="S3726" s="5" t="s">
        <v>1523</v>
      </c>
      <c r="T3726" s="5" t="s">
        <v>42</v>
      </c>
      <c r="U3726" s="2">
        <v>1.9339999999999999</v>
      </c>
      <c r="V3726" s="2">
        <v>1.5940000000000001</v>
      </c>
      <c r="W3726" s="2">
        <v>0.01</v>
      </c>
      <c r="X3726" s="2">
        <v>118.9</v>
      </c>
      <c r="Y3726" s="2">
        <v>7.6</v>
      </c>
      <c r="Z3726" s="2">
        <v>10.6</v>
      </c>
      <c r="AA3726" s="5"/>
      <c r="AB3726" s="5" t="s">
        <v>43</v>
      </c>
      <c r="AC3726" s="5" t="s">
        <v>44</v>
      </c>
      <c r="AD3726" s="2"/>
      <c r="AE3726" s="1"/>
    </row>
    <row r="3727" spans="1:31" ht="14.45">
      <c r="A3727" s="11"/>
      <c r="B3727" s="20"/>
      <c r="C3727" s="2" t="s">
        <v>11635</v>
      </c>
      <c r="D3727" s="14" t="s">
        <v>11636</v>
      </c>
      <c r="E3727" s="2" t="s">
        <v>11637</v>
      </c>
      <c r="F3727" s="2" t="s">
        <v>2348</v>
      </c>
      <c r="G3727" s="8">
        <v>140</v>
      </c>
      <c r="H3727" s="5">
        <v>13</v>
      </c>
      <c r="I3727" s="5" t="s">
        <v>1518</v>
      </c>
      <c r="J3727" s="5" t="s">
        <v>1519</v>
      </c>
      <c r="K3727" s="2" t="s">
        <v>1520</v>
      </c>
      <c r="L3727" s="5" t="s">
        <v>1519</v>
      </c>
      <c r="M3727" s="2" t="s">
        <v>1520</v>
      </c>
      <c r="N3727" s="5" t="s">
        <v>1521</v>
      </c>
      <c r="O3727" s="5" t="s">
        <v>38</v>
      </c>
      <c r="P3727" s="5" t="s">
        <v>39</v>
      </c>
      <c r="Q3727" s="5" t="s">
        <v>40</v>
      </c>
      <c r="R3727" s="5" t="s">
        <v>1522</v>
      </c>
      <c r="S3727" s="5" t="s">
        <v>1523</v>
      </c>
      <c r="T3727" s="5" t="s">
        <v>42</v>
      </c>
      <c r="U3727" s="2">
        <v>1.9790000000000001</v>
      </c>
      <c r="V3727" s="2">
        <v>1.639</v>
      </c>
      <c r="W3727" s="2">
        <v>0.01</v>
      </c>
      <c r="X3727" s="2">
        <v>118.9</v>
      </c>
      <c r="Y3727" s="2">
        <v>7.6</v>
      </c>
      <c r="Z3727" s="2">
        <v>10.6</v>
      </c>
      <c r="AA3727" s="5"/>
      <c r="AB3727" s="5" t="s">
        <v>43</v>
      </c>
      <c r="AC3727" s="5" t="s">
        <v>44</v>
      </c>
      <c r="AD3727" s="2"/>
      <c r="AE3727" s="1"/>
    </row>
    <row r="3728" spans="1:31" ht="14.45">
      <c r="A3728" s="11"/>
      <c r="B3728" s="20"/>
      <c r="C3728" s="2" t="s">
        <v>11638</v>
      </c>
      <c r="D3728" s="14" t="s">
        <v>11639</v>
      </c>
      <c r="E3728" s="2" t="s">
        <v>11640</v>
      </c>
      <c r="F3728" s="2" t="s">
        <v>2204</v>
      </c>
      <c r="G3728" s="8">
        <v>140</v>
      </c>
      <c r="H3728" s="5">
        <v>13</v>
      </c>
      <c r="I3728" s="5" t="s">
        <v>1518</v>
      </c>
      <c r="J3728" s="5" t="s">
        <v>1519</v>
      </c>
      <c r="K3728" s="2" t="s">
        <v>1520</v>
      </c>
      <c r="L3728" s="5" t="s">
        <v>1519</v>
      </c>
      <c r="M3728" s="2" t="s">
        <v>1520</v>
      </c>
      <c r="N3728" s="5" t="s">
        <v>1521</v>
      </c>
      <c r="O3728" s="5" t="s">
        <v>38</v>
      </c>
      <c r="P3728" s="5" t="s">
        <v>39</v>
      </c>
      <c r="Q3728" s="5" t="s">
        <v>40</v>
      </c>
      <c r="R3728" s="5" t="s">
        <v>1522</v>
      </c>
      <c r="S3728" s="5" t="s">
        <v>1523</v>
      </c>
      <c r="T3728" s="5" t="s">
        <v>42</v>
      </c>
      <c r="U3728" s="2">
        <v>1.9339999999999999</v>
      </c>
      <c r="V3728" s="2">
        <v>1.5940000000000001</v>
      </c>
      <c r="W3728" s="2">
        <v>0.01</v>
      </c>
      <c r="X3728" s="2">
        <v>118.9</v>
      </c>
      <c r="Y3728" s="2">
        <v>7.6</v>
      </c>
      <c r="Z3728" s="2">
        <v>10.6</v>
      </c>
      <c r="AA3728" s="5"/>
      <c r="AB3728" s="5" t="s">
        <v>43</v>
      </c>
      <c r="AC3728" s="5" t="s">
        <v>44</v>
      </c>
      <c r="AD3728" s="2"/>
      <c r="AE3728" s="1"/>
    </row>
    <row r="3729" spans="1:31" ht="14.45">
      <c r="A3729" s="11"/>
      <c r="B3729" s="20"/>
      <c r="C3729" s="2" t="s">
        <v>11641</v>
      </c>
      <c r="D3729" s="14" t="s">
        <v>11642</v>
      </c>
      <c r="E3729" s="2" t="s">
        <v>11643</v>
      </c>
      <c r="F3729" s="2" t="s">
        <v>2724</v>
      </c>
      <c r="G3729" s="8">
        <v>140</v>
      </c>
      <c r="H3729" s="5">
        <v>13</v>
      </c>
      <c r="I3729" s="5" t="s">
        <v>1518</v>
      </c>
      <c r="J3729" s="5" t="s">
        <v>1519</v>
      </c>
      <c r="K3729" s="2" t="s">
        <v>1520</v>
      </c>
      <c r="L3729" s="5" t="s">
        <v>1519</v>
      </c>
      <c r="M3729" s="2" t="s">
        <v>1520</v>
      </c>
      <c r="N3729" s="5" t="s">
        <v>1521</v>
      </c>
      <c r="O3729" s="5" t="s">
        <v>38</v>
      </c>
      <c r="P3729" s="5" t="s">
        <v>39</v>
      </c>
      <c r="Q3729" s="5" t="s">
        <v>40</v>
      </c>
      <c r="R3729" s="5" t="s">
        <v>1522</v>
      </c>
      <c r="S3729" s="5" t="s">
        <v>1523</v>
      </c>
      <c r="T3729" s="5" t="s">
        <v>42</v>
      </c>
      <c r="U3729" s="2">
        <v>1.9790000000000001</v>
      </c>
      <c r="V3729" s="2">
        <v>1.639</v>
      </c>
      <c r="W3729" s="2">
        <v>0.01</v>
      </c>
      <c r="X3729" s="2">
        <v>118.9</v>
      </c>
      <c r="Y3729" s="2">
        <v>7.6</v>
      </c>
      <c r="Z3729" s="2">
        <v>10.6</v>
      </c>
      <c r="AA3729" s="5"/>
      <c r="AB3729" s="5" t="s">
        <v>43</v>
      </c>
      <c r="AC3729" s="5" t="s">
        <v>44</v>
      </c>
      <c r="AD3729" s="2"/>
      <c r="AE3729" s="1"/>
    </row>
    <row r="3730" spans="1:31" ht="14.45">
      <c r="A3730" s="11"/>
      <c r="B3730" s="20"/>
      <c r="C3730" s="2" t="s">
        <v>11644</v>
      </c>
      <c r="D3730" s="14" t="s">
        <v>11645</v>
      </c>
      <c r="E3730" s="2" t="s">
        <v>11646</v>
      </c>
      <c r="F3730" s="2" t="s">
        <v>2208</v>
      </c>
      <c r="G3730" s="8">
        <v>140</v>
      </c>
      <c r="H3730" s="5">
        <v>13</v>
      </c>
      <c r="I3730" s="5" t="s">
        <v>1518</v>
      </c>
      <c r="J3730" s="5" t="s">
        <v>1519</v>
      </c>
      <c r="K3730" s="2" t="s">
        <v>1520</v>
      </c>
      <c r="L3730" s="5" t="s">
        <v>1519</v>
      </c>
      <c r="M3730" s="2" t="s">
        <v>1520</v>
      </c>
      <c r="N3730" s="5" t="s">
        <v>1521</v>
      </c>
      <c r="O3730" s="5" t="s">
        <v>38</v>
      </c>
      <c r="P3730" s="5" t="s">
        <v>39</v>
      </c>
      <c r="Q3730" s="5" t="s">
        <v>40</v>
      </c>
      <c r="R3730" s="5" t="s">
        <v>1522</v>
      </c>
      <c r="S3730" s="5" t="s">
        <v>1523</v>
      </c>
      <c r="T3730" s="5" t="s">
        <v>42</v>
      </c>
      <c r="U3730" s="2">
        <v>1.9339999999999999</v>
      </c>
      <c r="V3730" s="2">
        <v>1.5940000000000001</v>
      </c>
      <c r="W3730" s="2">
        <v>0.01</v>
      </c>
      <c r="X3730" s="2">
        <v>118.9</v>
      </c>
      <c r="Y3730" s="2">
        <v>7.6</v>
      </c>
      <c r="Z3730" s="2">
        <v>10.6</v>
      </c>
      <c r="AA3730" s="5"/>
      <c r="AB3730" s="5" t="s">
        <v>43</v>
      </c>
      <c r="AC3730" s="5" t="s">
        <v>44</v>
      </c>
      <c r="AD3730" s="2"/>
      <c r="AE3730" s="1"/>
    </row>
    <row r="3731" spans="1:31" ht="14.45">
      <c r="A3731" s="11"/>
      <c r="B3731" s="20"/>
      <c r="C3731" s="2" t="s">
        <v>11647</v>
      </c>
      <c r="D3731" s="14" t="s">
        <v>11648</v>
      </c>
      <c r="E3731" s="2" t="s">
        <v>11649</v>
      </c>
      <c r="F3731" s="2" t="s">
        <v>2212</v>
      </c>
      <c r="G3731" s="8">
        <v>140</v>
      </c>
      <c r="H3731" s="5">
        <v>13</v>
      </c>
      <c r="I3731" s="5" t="s">
        <v>1518</v>
      </c>
      <c r="J3731" s="5" t="s">
        <v>1519</v>
      </c>
      <c r="K3731" s="2" t="s">
        <v>1520</v>
      </c>
      <c r="L3731" s="5" t="s">
        <v>1519</v>
      </c>
      <c r="M3731" s="2" t="s">
        <v>1520</v>
      </c>
      <c r="N3731" s="5" t="s">
        <v>1521</v>
      </c>
      <c r="O3731" s="5" t="s">
        <v>38</v>
      </c>
      <c r="P3731" s="5" t="s">
        <v>39</v>
      </c>
      <c r="Q3731" s="5" t="s">
        <v>40</v>
      </c>
      <c r="R3731" s="5" t="s">
        <v>1522</v>
      </c>
      <c r="S3731" s="5" t="s">
        <v>1523</v>
      </c>
      <c r="T3731" s="5" t="s">
        <v>42</v>
      </c>
      <c r="U3731" s="2">
        <v>1.9790000000000001</v>
      </c>
      <c r="V3731" s="2">
        <v>1.639</v>
      </c>
      <c r="W3731" s="2">
        <v>0.01</v>
      </c>
      <c r="X3731" s="2">
        <v>118.9</v>
      </c>
      <c r="Y3731" s="2">
        <v>7.6</v>
      </c>
      <c r="Z3731" s="2">
        <v>10.6</v>
      </c>
      <c r="AA3731" s="5"/>
      <c r="AB3731" s="5" t="s">
        <v>43</v>
      </c>
      <c r="AC3731" s="5" t="s">
        <v>44</v>
      </c>
      <c r="AD3731" s="2"/>
      <c r="AE3731" s="1"/>
    </row>
    <row r="3732" spans="1:31" ht="14.45">
      <c r="A3732" s="11"/>
      <c r="B3732" s="20"/>
      <c r="C3732" s="2" t="s">
        <v>11650</v>
      </c>
      <c r="D3732" s="14" t="s">
        <v>11651</v>
      </c>
      <c r="E3732" s="2" t="s">
        <v>11652</v>
      </c>
      <c r="F3732" s="2" t="s">
        <v>1831</v>
      </c>
      <c r="G3732" s="8">
        <v>140</v>
      </c>
      <c r="H3732" s="5">
        <v>13</v>
      </c>
      <c r="I3732" s="5" t="s">
        <v>1518</v>
      </c>
      <c r="J3732" s="5" t="s">
        <v>1519</v>
      </c>
      <c r="K3732" s="2" t="s">
        <v>1520</v>
      </c>
      <c r="L3732" s="5" t="s">
        <v>1519</v>
      </c>
      <c r="M3732" s="2" t="s">
        <v>1520</v>
      </c>
      <c r="N3732" s="5" t="s">
        <v>1521</v>
      </c>
      <c r="O3732" s="5" t="s">
        <v>38</v>
      </c>
      <c r="P3732" s="5" t="s">
        <v>39</v>
      </c>
      <c r="Q3732" s="5" t="s">
        <v>40</v>
      </c>
      <c r="R3732" s="5" t="s">
        <v>1522</v>
      </c>
      <c r="S3732" s="5" t="s">
        <v>1523</v>
      </c>
      <c r="T3732" s="5" t="s">
        <v>42</v>
      </c>
      <c r="U3732" s="2">
        <v>1.9339999999999999</v>
      </c>
      <c r="V3732" s="2">
        <v>1.5940000000000001</v>
      </c>
      <c r="W3732" s="2">
        <v>0.01</v>
      </c>
      <c r="X3732" s="2">
        <v>118.9</v>
      </c>
      <c r="Y3732" s="2">
        <v>7.6</v>
      </c>
      <c r="Z3732" s="2">
        <v>10.6</v>
      </c>
      <c r="AA3732" s="5"/>
      <c r="AB3732" s="5" t="s">
        <v>43</v>
      </c>
      <c r="AC3732" s="5" t="s">
        <v>44</v>
      </c>
      <c r="AD3732" s="2"/>
      <c r="AE3732" s="1"/>
    </row>
    <row r="3733" spans="1:31" ht="14.45">
      <c r="A3733" s="11"/>
      <c r="B3733" s="20"/>
      <c r="C3733" s="2" t="s">
        <v>11653</v>
      </c>
      <c r="D3733" s="14" t="s">
        <v>11654</v>
      </c>
      <c r="E3733" s="2" t="s">
        <v>11655</v>
      </c>
      <c r="F3733" s="2" t="s">
        <v>1835</v>
      </c>
      <c r="G3733" s="8">
        <v>140</v>
      </c>
      <c r="H3733" s="5">
        <v>13</v>
      </c>
      <c r="I3733" s="5" t="s">
        <v>1518</v>
      </c>
      <c r="J3733" s="5" t="s">
        <v>1519</v>
      </c>
      <c r="K3733" s="2" t="s">
        <v>1520</v>
      </c>
      <c r="L3733" s="5" t="s">
        <v>1519</v>
      </c>
      <c r="M3733" s="2" t="s">
        <v>1520</v>
      </c>
      <c r="N3733" s="5" t="s">
        <v>1521</v>
      </c>
      <c r="O3733" s="5" t="s">
        <v>38</v>
      </c>
      <c r="P3733" s="5" t="s">
        <v>39</v>
      </c>
      <c r="Q3733" s="5" t="s">
        <v>40</v>
      </c>
      <c r="R3733" s="5" t="s">
        <v>1522</v>
      </c>
      <c r="S3733" s="5" t="s">
        <v>1523</v>
      </c>
      <c r="T3733" s="5" t="s">
        <v>42</v>
      </c>
      <c r="U3733" s="2">
        <v>1.9790000000000001</v>
      </c>
      <c r="V3733" s="2">
        <v>1.639</v>
      </c>
      <c r="W3733" s="2">
        <v>0.01</v>
      </c>
      <c r="X3733" s="2">
        <v>118.9</v>
      </c>
      <c r="Y3733" s="2">
        <v>7.6</v>
      </c>
      <c r="Z3733" s="2">
        <v>10.6</v>
      </c>
      <c r="AA3733" s="5"/>
      <c r="AB3733" s="5" t="s">
        <v>43</v>
      </c>
      <c r="AC3733" s="5" t="s">
        <v>44</v>
      </c>
      <c r="AD3733" s="2"/>
      <c r="AE3733" s="1"/>
    </row>
    <row r="3734" spans="1:31" ht="14.45">
      <c r="A3734" s="11"/>
      <c r="B3734" s="20"/>
      <c r="C3734" s="2" t="s">
        <v>11656</v>
      </c>
      <c r="D3734" s="14" t="s">
        <v>11657</v>
      </c>
      <c r="E3734" s="2" t="s">
        <v>11658</v>
      </c>
      <c r="F3734" s="2" t="s">
        <v>1839</v>
      </c>
      <c r="G3734" s="8">
        <v>140</v>
      </c>
      <c r="H3734" s="5">
        <v>13</v>
      </c>
      <c r="I3734" s="5" t="s">
        <v>1518</v>
      </c>
      <c r="J3734" s="5" t="s">
        <v>1519</v>
      </c>
      <c r="K3734" s="2" t="s">
        <v>1520</v>
      </c>
      <c r="L3734" s="5" t="s">
        <v>1519</v>
      </c>
      <c r="M3734" s="2" t="s">
        <v>1520</v>
      </c>
      <c r="N3734" s="5" t="s">
        <v>1521</v>
      </c>
      <c r="O3734" s="5" t="s">
        <v>38</v>
      </c>
      <c r="P3734" s="5" t="s">
        <v>39</v>
      </c>
      <c r="Q3734" s="5" t="s">
        <v>40</v>
      </c>
      <c r="R3734" s="5" t="s">
        <v>1522</v>
      </c>
      <c r="S3734" s="5" t="s">
        <v>1523</v>
      </c>
      <c r="T3734" s="5" t="s">
        <v>42</v>
      </c>
      <c r="U3734" s="2">
        <v>1.9339999999999999</v>
      </c>
      <c r="V3734" s="2">
        <v>1.5940000000000001</v>
      </c>
      <c r="W3734" s="2">
        <v>0.01</v>
      </c>
      <c r="X3734" s="2">
        <v>118.9</v>
      </c>
      <c r="Y3734" s="2">
        <v>7.6</v>
      </c>
      <c r="Z3734" s="2">
        <v>10.6</v>
      </c>
      <c r="AA3734" s="5"/>
      <c r="AB3734" s="5" t="s">
        <v>43</v>
      </c>
      <c r="AC3734" s="5" t="s">
        <v>44</v>
      </c>
      <c r="AD3734" s="2"/>
      <c r="AE3734" s="1"/>
    </row>
    <row r="3735" spans="1:31" ht="14.45">
      <c r="A3735" s="11"/>
      <c r="B3735" s="20"/>
      <c r="C3735" s="2" t="s">
        <v>11659</v>
      </c>
      <c r="D3735" s="14" t="s">
        <v>11660</v>
      </c>
      <c r="E3735" s="2" t="s">
        <v>11661</v>
      </c>
      <c r="F3735" s="2" t="s">
        <v>1986</v>
      </c>
      <c r="G3735" s="8">
        <v>140</v>
      </c>
      <c r="H3735" s="5">
        <v>13</v>
      </c>
      <c r="I3735" s="5" t="s">
        <v>1518</v>
      </c>
      <c r="J3735" s="5" t="s">
        <v>1519</v>
      </c>
      <c r="K3735" s="2" t="s">
        <v>1520</v>
      </c>
      <c r="L3735" s="5" t="s">
        <v>1519</v>
      </c>
      <c r="M3735" s="2" t="s">
        <v>1520</v>
      </c>
      <c r="N3735" s="5" t="s">
        <v>1521</v>
      </c>
      <c r="O3735" s="5" t="s">
        <v>38</v>
      </c>
      <c r="P3735" s="5" t="s">
        <v>39</v>
      </c>
      <c r="Q3735" s="5" t="s">
        <v>40</v>
      </c>
      <c r="R3735" s="5" t="s">
        <v>1522</v>
      </c>
      <c r="S3735" s="5" t="s">
        <v>1523</v>
      </c>
      <c r="T3735" s="5" t="s">
        <v>42</v>
      </c>
      <c r="U3735" s="2">
        <v>1.9790000000000001</v>
      </c>
      <c r="V3735" s="2">
        <v>1.639</v>
      </c>
      <c r="W3735" s="2">
        <v>0.01</v>
      </c>
      <c r="X3735" s="2">
        <v>118.9</v>
      </c>
      <c r="Y3735" s="2">
        <v>7.6</v>
      </c>
      <c r="Z3735" s="2">
        <v>10.6</v>
      </c>
      <c r="AA3735" s="5"/>
      <c r="AB3735" s="5" t="s">
        <v>43</v>
      </c>
      <c r="AC3735" s="5" t="s">
        <v>44</v>
      </c>
      <c r="AD3735" s="2"/>
      <c r="AE3735" s="1"/>
    </row>
    <row r="3736" spans="1:31" ht="14.45">
      <c r="A3736" s="11"/>
      <c r="B3736" s="20"/>
      <c r="C3736" s="2" t="s">
        <v>11662</v>
      </c>
      <c r="D3736" s="14" t="s">
        <v>11663</v>
      </c>
      <c r="E3736" s="2" t="s">
        <v>11664</v>
      </c>
      <c r="F3736" s="2" t="s">
        <v>1843</v>
      </c>
      <c r="G3736" s="8">
        <v>140</v>
      </c>
      <c r="H3736" s="5">
        <v>13</v>
      </c>
      <c r="I3736" s="5" t="s">
        <v>1518</v>
      </c>
      <c r="J3736" s="5" t="s">
        <v>1519</v>
      </c>
      <c r="K3736" s="2" t="s">
        <v>1520</v>
      </c>
      <c r="L3736" s="5" t="s">
        <v>1519</v>
      </c>
      <c r="M3736" s="2" t="s">
        <v>1520</v>
      </c>
      <c r="N3736" s="5" t="s">
        <v>1521</v>
      </c>
      <c r="O3736" s="5" t="s">
        <v>38</v>
      </c>
      <c r="P3736" s="5" t="s">
        <v>39</v>
      </c>
      <c r="Q3736" s="5" t="s">
        <v>40</v>
      </c>
      <c r="R3736" s="5" t="s">
        <v>1522</v>
      </c>
      <c r="S3736" s="5" t="s">
        <v>1523</v>
      </c>
      <c r="T3736" s="5" t="s">
        <v>42</v>
      </c>
      <c r="U3736" s="2">
        <v>1.9339999999999999</v>
      </c>
      <c r="V3736" s="2">
        <v>1.5940000000000001</v>
      </c>
      <c r="W3736" s="2">
        <v>0.01</v>
      </c>
      <c r="X3736" s="2">
        <v>118.9</v>
      </c>
      <c r="Y3736" s="2">
        <v>7.6</v>
      </c>
      <c r="Z3736" s="2">
        <v>10.6</v>
      </c>
      <c r="AA3736" s="5"/>
      <c r="AB3736" s="5" t="s">
        <v>43</v>
      </c>
      <c r="AC3736" s="5" t="s">
        <v>44</v>
      </c>
      <c r="AD3736" s="2"/>
      <c r="AE3736" s="1"/>
    </row>
    <row r="3737" spans="1:31" ht="14.45">
      <c r="A3737" s="11"/>
      <c r="B3737" s="20"/>
      <c r="C3737" s="2" t="s">
        <v>11665</v>
      </c>
      <c r="D3737" s="14" t="s">
        <v>11666</v>
      </c>
      <c r="E3737" s="2" t="s">
        <v>11667</v>
      </c>
      <c r="F3737" s="2" t="s">
        <v>1847</v>
      </c>
      <c r="G3737" s="8">
        <v>140</v>
      </c>
      <c r="H3737" s="5">
        <v>13</v>
      </c>
      <c r="I3737" s="5" t="s">
        <v>1518</v>
      </c>
      <c r="J3737" s="5" t="s">
        <v>1519</v>
      </c>
      <c r="K3737" s="2" t="s">
        <v>1520</v>
      </c>
      <c r="L3737" s="5" t="s">
        <v>1519</v>
      </c>
      <c r="M3737" s="2" t="s">
        <v>1520</v>
      </c>
      <c r="N3737" s="5" t="s">
        <v>1521</v>
      </c>
      <c r="O3737" s="5" t="s">
        <v>38</v>
      </c>
      <c r="P3737" s="5" t="s">
        <v>39</v>
      </c>
      <c r="Q3737" s="5" t="s">
        <v>40</v>
      </c>
      <c r="R3737" s="5" t="s">
        <v>1522</v>
      </c>
      <c r="S3737" s="5" t="s">
        <v>1523</v>
      </c>
      <c r="T3737" s="5" t="s">
        <v>42</v>
      </c>
      <c r="U3737" s="2">
        <v>1.9790000000000001</v>
      </c>
      <c r="V3737" s="2">
        <v>1.639</v>
      </c>
      <c r="W3737" s="2">
        <v>0.01</v>
      </c>
      <c r="X3737" s="2">
        <v>118.9</v>
      </c>
      <c r="Y3737" s="2">
        <v>7.6</v>
      </c>
      <c r="Z3737" s="2">
        <v>10.6</v>
      </c>
      <c r="AA3737" s="5"/>
      <c r="AB3737" s="5" t="s">
        <v>43</v>
      </c>
      <c r="AC3737" s="5" t="s">
        <v>44</v>
      </c>
      <c r="AD3737" s="2"/>
      <c r="AE3737" s="1"/>
    </row>
    <row r="3738" spans="1:31" ht="14.45">
      <c r="A3738" s="11"/>
      <c r="B3738" s="20"/>
      <c r="C3738" s="2" t="s">
        <v>11668</v>
      </c>
      <c r="D3738" s="14" t="s">
        <v>11669</v>
      </c>
      <c r="E3738" s="2" t="s">
        <v>11670</v>
      </c>
      <c r="F3738" s="2" t="s">
        <v>1851</v>
      </c>
      <c r="G3738" s="8">
        <v>140</v>
      </c>
      <c r="H3738" s="5">
        <v>13</v>
      </c>
      <c r="I3738" s="5" t="s">
        <v>1518</v>
      </c>
      <c r="J3738" s="5" t="s">
        <v>1519</v>
      </c>
      <c r="K3738" s="2" t="s">
        <v>1520</v>
      </c>
      <c r="L3738" s="5" t="s">
        <v>1519</v>
      </c>
      <c r="M3738" s="2" t="s">
        <v>1520</v>
      </c>
      <c r="N3738" s="5" t="s">
        <v>1521</v>
      </c>
      <c r="O3738" s="5" t="s">
        <v>38</v>
      </c>
      <c r="P3738" s="5" t="s">
        <v>39</v>
      </c>
      <c r="Q3738" s="5" t="s">
        <v>40</v>
      </c>
      <c r="R3738" s="5" t="s">
        <v>1522</v>
      </c>
      <c r="S3738" s="5" t="s">
        <v>1523</v>
      </c>
      <c r="T3738" s="5" t="s">
        <v>42</v>
      </c>
      <c r="U3738" s="2">
        <v>1.9339999999999999</v>
      </c>
      <c r="V3738" s="2">
        <v>1.5940000000000001</v>
      </c>
      <c r="W3738" s="2">
        <v>0.01</v>
      </c>
      <c r="X3738" s="2">
        <v>118.9</v>
      </c>
      <c r="Y3738" s="2">
        <v>7.6</v>
      </c>
      <c r="Z3738" s="2">
        <v>10.6</v>
      </c>
      <c r="AA3738" s="5"/>
      <c r="AB3738" s="5" t="s">
        <v>43</v>
      </c>
      <c r="AC3738" s="5" t="s">
        <v>44</v>
      </c>
      <c r="AD3738" s="2"/>
      <c r="AE3738" s="1"/>
    </row>
    <row r="3739" spans="1:31" ht="14.45">
      <c r="A3739" s="11"/>
      <c r="B3739" s="20"/>
      <c r="C3739" s="2" t="s">
        <v>11671</v>
      </c>
      <c r="D3739" s="14" t="s">
        <v>11672</v>
      </c>
      <c r="E3739" s="2" t="s">
        <v>11673</v>
      </c>
      <c r="F3739" s="2" t="s">
        <v>1999</v>
      </c>
      <c r="G3739" s="8">
        <v>140</v>
      </c>
      <c r="H3739" s="5">
        <v>13</v>
      </c>
      <c r="I3739" s="5" t="s">
        <v>1518</v>
      </c>
      <c r="J3739" s="5" t="s">
        <v>1519</v>
      </c>
      <c r="K3739" s="2" t="s">
        <v>1520</v>
      </c>
      <c r="L3739" s="5" t="s">
        <v>1519</v>
      </c>
      <c r="M3739" s="2" t="s">
        <v>1520</v>
      </c>
      <c r="N3739" s="5" t="s">
        <v>1521</v>
      </c>
      <c r="O3739" s="5" t="s">
        <v>38</v>
      </c>
      <c r="P3739" s="5" t="s">
        <v>39</v>
      </c>
      <c r="Q3739" s="5" t="s">
        <v>40</v>
      </c>
      <c r="R3739" s="5" t="s">
        <v>1522</v>
      </c>
      <c r="S3739" s="5" t="s">
        <v>1523</v>
      </c>
      <c r="T3739" s="5" t="s">
        <v>42</v>
      </c>
      <c r="U3739" s="2">
        <v>1.9790000000000001</v>
      </c>
      <c r="V3739" s="2">
        <v>1.639</v>
      </c>
      <c r="W3739" s="2">
        <v>0.01</v>
      </c>
      <c r="X3739" s="2">
        <v>118.9</v>
      </c>
      <c r="Y3739" s="2">
        <v>7.6</v>
      </c>
      <c r="Z3739" s="2">
        <v>10.6</v>
      </c>
      <c r="AA3739" s="5"/>
      <c r="AB3739" s="5" t="s">
        <v>43</v>
      </c>
      <c r="AC3739" s="5" t="s">
        <v>44</v>
      </c>
      <c r="AD3739" s="2"/>
      <c r="AE3739" s="1"/>
    </row>
    <row r="3740" spans="1:31" ht="14.45">
      <c r="A3740" s="11"/>
      <c r="B3740" s="20"/>
      <c r="C3740" s="2" t="s">
        <v>11674</v>
      </c>
      <c r="D3740" s="14" t="s">
        <v>11675</v>
      </c>
      <c r="E3740" s="2" t="s">
        <v>11676</v>
      </c>
      <c r="F3740" s="2" t="s">
        <v>1855</v>
      </c>
      <c r="G3740" s="8">
        <v>140</v>
      </c>
      <c r="H3740" s="5">
        <v>13</v>
      </c>
      <c r="I3740" s="5" t="s">
        <v>1518</v>
      </c>
      <c r="J3740" s="5" t="s">
        <v>1519</v>
      </c>
      <c r="K3740" s="2" t="s">
        <v>1520</v>
      </c>
      <c r="L3740" s="5" t="s">
        <v>1519</v>
      </c>
      <c r="M3740" s="2" t="s">
        <v>1520</v>
      </c>
      <c r="N3740" s="5" t="s">
        <v>1521</v>
      </c>
      <c r="O3740" s="5" t="s">
        <v>38</v>
      </c>
      <c r="P3740" s="5" t="s">
        <v>39</v>
      </c>
      <c r="Q3740" s="5" t="s">
        <v>40</v>
      </c>
      <c r="R3740" s="5" t="s">
        <v>1522</v>
      </c>
      <c r="S3740" s="5" t="s">
        <v>1523</v>
      </c>
      <c r="T3740" s="5" t="s">
        <v>42</v>
      </c>
      <c r="U3740" s="2">
        <v>1.9339999999999999</v>
      </c>
      <c r="V3740" s="2">
        <v>1.5940000000000001</v>
      </c>
      <c r="W3740" s="2">
        <v>0.01</v>
      </c>
      <c r="X3740" s="2">
        <v>118.9</v>
      </c>
      <c r="Y3740" s="2">
        <v>7.6</v>
      </c>
      <c r="Z3740" s="2">
        <v>10.6</v>
      </c>
      <c r="AA3740" s="5"/>
      <c r="AB3740" s="5" t="s">
        <v>43</v>
      </c>
      <c r="AC3740" s="5" t="s">
        <v>44</v>
      </c>
      <c r="AD3740" s="2"/>
      <c r="AE3740" s="1"/>
    </row>
    <row r="3741" spans="1:31" ht="14.45">
      <c r="A3741" s="11"/>
      <c r="B3741" s="20"/>
      <c r="C3741" s="2" t="s">
        <v>11677</v>
      </c>
      <c r="D3741" s="14" t="s">
        <v>11678</v>
      </c>
      <c r="E3741" s="2" t="s">
        <v>11679</v>
      </c>
      <c r="F3741" s="2" t="s">
        <v>1859</v>
      </c>
      <c r="G3741" s="8">
        <v>140</v>
      </c>
      <c r="H3741" s="5">
        <v>13</v>
      </c>
      <c r="I3741" s="5" t="s">
        <v>1518</v>
      </c>
      <c r="J3741" s="5" t="s">
        <v>1519</v>
      </c>
      <c r="K3741" s="2" t="s">
        <v>1520</v>
      </c>
      <c r="L3741" s="5" t="s">
        <v>1519</v>
      </c>
      <c r="M3741" s="2" t="s">
        <v>1520</v>
      </c>
      <c r="N3741" s="5" t="s">
        <v>1521</v>
      </c>
      <c r="O3741" s="5" t="s">
        <v>38</v>
      </c>
      <c r="P3741" s="5" t="s">
        <v>39</v>
      </c>
      <c r="Q3741" s="5" t="s">
        <v>40</v>
      </c>
      <c r="R3741" s="5" t="s">
        <v>1522</v>
      </c>
      <c r="S3741" s="5" t="s">
        <v>1523</v>
      </c>
      <c r="T3741" s="5" t="s">
        <v>42</v>
      </c>
      <c r="U3741" s="2">
        <v>1.9790000000000001</v>
      </c>
      <c r="V3741" s="2">
        <v>1.639</v>
      </c>
      <c r="W3741" s="2">
        <v>0.01</v>
      </c>
      <c r="X3741" s="2">
        <v>118.9</v>
      </c>
      <c r="Y3741" s="2">
        <v>7.6</v>
      </c>
      <c r="Z3741" s="2">
        <v>10.6</v>
      </c>
      <c r="AA3741" s="5"/>
      <c r="AB3741" s="5" t="s">
        <v>43</v>
      </c>
      <c r="AC3741" s="5" t="s">
        <v>44</v>
      </c>
      <c r="AD3741" s="2"/>
      <c r="AE3741" s="1"/>
    </row>
    <row r="3742" spans="1:31" ht="14.45">
      <c r="A3742" s="11"/>
      <c r="B3742" s="20"/>
      <c r="C3742" s="2" t="s">
        <v>11680</v>
      </c>
      <c r="D3742" s="14" t="s">
        <v>11681</v>
      </c>
      <c r="E3742" s="2" t="s">
        <v>11682</v>
      </c>
      <c r="F3742" s="2" t="s">
        <v>1863</v>
      </c>
      <c r="G3742" s="8">
        <v>140</v>
      </c>
      <c r="H3742" s="5">
        <v>11</v>
      </c>
      <c r="I3742" s="5" t="s">
        <v>1518</v>
      </c>
      <c r="J3742" s="5" t="s">
        <v>1519</v>
      </c>
      <c r="K3742" s="2" t="s">
        <v>1520</v>
      </c>
      <c r="L3742" s="5" t="s">
        <v>1519</v>
      </c>
      <c r="M3742" s="2" t="s">
        <v>1520</v>
      </c>
      <c r="N3742" s="5" t="s">
        <v>1521</v>
      </c>
      <c r="O3742" s="5" t="s">
        <v>38</v>
      </c>
      <c r="P3742" s="5" t="s">
        <v>39</v>
      </c>
      <c r="Q3742" s="5" t="s">
        <v>40</v>
      </c>
      <c r="R3742" s="5" t="s">
        <v>1522</v>
      </c>
      <c r="S3742" s="5" t="s">
        <v>1523</v>
      </c>
      <c r="T3742" s="5" t="s">
        <v>42</v>
      </c>
      <c r="U3742" s="2">
        <v>1.885</v>
      </c>
      <c r="V3742" s="2">
        <v>1.5429999999999999</v>
      </c>
      <c r="W3742" s="2">
        <v>0.01</v>
      </c>
      <c r="X3742" s="2">
        <v>118.9</v>
      </c>
      <c r="Y3742" s="2">
        <v>7.6</v>
      </c>
      <c r="Z3742" s="2">
        <v>10.6</v>
      </c>
      <c r="AA3742" s="5"/>
      <c r="AB3742" s="5" t="s">
        <v>43</v>
      </c>
      <c r="AC3742" s="5" t="s">
        <v>44</v>
      </c>
      <c r="AD3742" s="2"/>
      <c r="AE3742" s="1"/>
    </row>
    <row r="3743" spans="1:31" ht="14.45">
      <c r="A3743" s="11"/>
      <c r="B3743" s="20"/>
      <c r="C3743" s="2" t="s">
        <v>11683</v>
      </c>
      <c r="D3743" s="14" t="s">
        <v>11684</v>
      </c>
      <c r="E3743" s="2" t="s">
        <v>11685</v>
      </c>
      <c r="F3743" s="2" t="s">
        <v>1867</v>
      </c>
      <c r="G3743" s="8">
        <v>140</v>
      </c>
      <c r="H3743" s="5">
        <v>11</v>
      </c>
      <c r="I3743" s="5" t="s">
        <v>1518</v>
      </c>
      <c r="J3743" s="5" t="s">
        <v>1519</v>
      </c>
      <c r="K3743" s="2" t="s">
        <v>1520</v>
      </c>
      <c r="L3743" s="5" t="s">
        <v>1519</v>
      </c>
      <c r="M3743" s="2" t="s">
        <v>1520</v>
      </c>
      <c r="N3743" s="5" t="s">
        <v>1521</v>
      </c>
      <c r="O3743" s="5" t="s">
        <v>38</v>
      </c>
      <c r="P3743" s="5" t="s">
        <v>39</v>
      </c>
      <c r="Q3743" s="5" t="s">
        <v>40</v>
      </c>
      <c r="R3743" s="5" t="s">
        <v>1522</v>
      </c>
      <c r="S3743" s="5" t="s">
        <v>1523</v>
      </c>
      <c r="T3743" s="5" t="s">
        <v>42</v>
      </c>
      <c r="U3743" s="2">
        <v>1.93</v>
      </c>
      <c r="V3743" s="2">
        <v>1.5880000000000001</v>
      </c>
      <c r="W3743" s="2">
        <v>0.01</v>
      </c>
      <c r="X3743" s="2">
        <v>118.9</v>
      </c>
      <c r="Y3743" s="2">
        <v>7.6</v>
      </c>
      <c r="Z3743" s="2">
        <v>10.6</v>
      </c>
      <c r="AA3743" s="5"/>
      <c r="AB3743" s="5" t="s">
        <v>43</v>
      </c>
      <c r="AC3743" s="5" t="s">
        <v>44</v>
      </c>
      <c r="AD3743" s="2"/>
      <c r="AE3743" s="1"/>
    </row>
    <row r="3744" spans="1:31" ht="14.45">
      <c r="A3744" s="11"/>
      <c r="B3744" s="20"/>
      <c r="C3744" s="2" t="s">
        <v>11686</v>
      </c>
      <c r="D3744" s="14" t="s">
        <v>11687</v>
      </c>
      <c r="E3744" s="2" t="s">
        <v>11688</v>
      </c>
      <c r="F3744" s="2" t="s">
        <v>7396</v>
      </c>
      <c r="G3744" s="8">
        <v>131</v>
      </c>
      <c r="H3744" s="5">
        <v>5</v>
      </c>
      <c r="I3744" s="5" t="s">
        <v>1518</v>
      </c>
      <c r="J3744" s="5" t="s">
        <v>1519</v>
      </c>
      <c r="K3744" s="2" t="s">
        <v>1520</v>
      </c>
      <c r="L3744" s="5" t="s">
        <v>1519</v>
      </c>
      <c r="M3744" s="2" t="s">
        <v>1520</v>
      </c>
      <c r="N3744" s="5" t="s">
        <v>1521</v>
      </c>
      <c r="O3744" s="5" t="s">
        <v>38</v>
      </c>
      <c r="P3744" s="5" t="s">
        <v>39</v>
      </c>
      <c r="Q3744" s="5" t="s">
        <v>40</v>
      </c>
      <c r="R3744" s="5" t="s">
        <v>1522</v>
      </c>
      <c r="S3744" s="5" t="s">
        <v>1523</v>
      </c>
      <c r="T3744" s="5" t="s">
        <v>42</v>
      </c>
      <c r="U3744" s="2">
        <v>2.081</v>
      </c>
      <c r="V3744" s="2">
        <v>1.6890000000000001</v>
      </c>
      <c r="W3744" s="2">
        <v>1.0999999999999999E-2</v>
      </c>
      <c r="X3744" s="2">
        <v>139.1</v>
      </c>
      <c r="Y3744" s="2">
        <v>7.6</v>
      </c>
      <c r="Z3744" s="2">
        <v>10.6</v>
      </c>
      <c r="AA3744" s="5"/>
      <c r="AB3744" s="5" t="s">
        <v>43</v>
      </c>
      <c r="AC3744" s="5" t="s">
        <v>44</v>
      </c>
      <c r="AD3744" s="2"/>
      <c r="AE3744" s="1"/>
    </row>
    <row r="3745" spans="1:31" ht="14.45">
      <c r="A3745" s="11"/>
      <c r="B3745" s="20"/>
      <c r="C3745" s="2" t="s">
        <v>11689</v>
      </c>
      <c r="D3745" s="14" t="s">
        <v>11690</v>
      </c>
      <c r="E3745" s="2" t="s">
        <v>11691</v>
      </c>
      <c r="F3745" s="2" t="s">
        <v>7507</v>
      </c>
      <c r="G3745" s="8">
        <v>131</v>
      </c>
      <c r="H3745" s="5">
        <v>5</v>
      </c>
      <c r="I3745" s="5" t="s">
        <v>1518</v>
      </c>
      <c r="J3745" s="5" t="s">
        <v>1519</v>
      </c>
      <c r="K3745" s="2" t="s">
        <v>1520</v>
      </c>
      <c r="L3745" s="5" t="s">
        <v>1519</v>
      </c>
      <c r="M3745" s="2" t="s">
        <v>1520</v>
      </c>
      <c r="N3745" s="5" t="s">
        <v>1521</v>
      </c>
      <c r="O3745" s="5" t="s">
        <v>38</v>
      </c>
      <c r="P3745" s="5" t="s">
        <v>39</v>
      </c>
      <c r="Q3745" s="5" t="s">
        <v>40</v>
      </c>
      <c r="R3745" s="5" t="s">
        <v>1522</v>
      </c>
      <c r="S3745" s="5" t="s">
        <v>1523</v>
      </c>
      <c r="T3745" s="5" t="s">
        <v>42</v>
      </c>
      <c r="U3745" s="2">
        <v>2.1309999999999998</v>
      </c>
      <c r="V3745" s="2">
        <v>1.7390000000000001</v>
      </c>
      <c r="W3745" s="2">
        <v>1.0999999999999999E-2</v>
      </c>
      <c r="X3745" s="2">
        <v>139.1</v>
      </c>
      <c r="Y3745" s="2">
        <v>7.6</v>
      </c>
      <c r="Z3745" s="2">
        <v>10.6</v>
      </c>
      <c r="AA3745" s="5"/>
      <c r="AB3745" s="5" t="s">
        <v>43</v>
      </c>
      <c r="AC3745" s="5" t="s">
        <v>44</v>
      </c>
      <c r="AD3745" s="2"/>
      <c r="AE3745" s="1"/>
    </row>
    <row r="3746" spans="1:31" ht="14.45">
      <c r="A3746" s="11"/>
      <c r="B3746" s="20"/>
      <c r="C3746" s="2" t="s">
        <v>11692</v>
      </c>
      <c r="D3746" s="14" t="s">
        <v>11693</v>
      </c>
      <c r="E3746" s="2" t="s">
        <v>11694</v>
      </c>
      <c r="F3746" s="2" t="s">
        <v>7204</v>
      </c>
      <c r="G3746" s="8">
        <v>131</v>
      </c>
      <c r="H3746" s="5">
        <v>5</v>
      </c>
      <c r="I3746" s="5" t="s">
        <v>1518</v>
      </c>
      <c r="J3746" s="5" t="s">
        <v>1519</v>
      </c>
      <c r="K3746" s="2" t="s">
        <v>1520</v>
      </c>
      <c r="L3746" s="5" t="s">
        <v>1519</v>
      </c>
      <c r="M3746" s="2" t="s">
        <v>1520</v>
      </c>
      <c r="N3746" s="5" t="s">
        <v>1521</v>
      </c>
      <c r="O3746" s="5" t="s">
        <v>38</v>
      </c>
      <c r="P3746" s="5" t="s">
        <v>39</v>
      </c>
      <c r="Q3746" s="5" t="s">
        <v>40</v>
      </c>
      <c r="R3746" s="5" t="s">
        <v>1522</v>
      </c>
      <c r="S3746" s="5" t="s">
        <v>1523</v>
      </c>
      <c r="T3746" s="5" t="s">
        <v>42</v>
      </c>
      <c r="U3746" s="2">
        <v>2.09</v>
      </c>
      <c r="V3746" s="2">
        <v>1.698</v>
      </c>
      <c r="W3746" s="2">
        <v>1.0999999999999999E-2</v>
      </c>
      <c r="X3746" s="2">
        <v>139.1</v>
      </c>
      <c r="Y3746" s="2">
        <v>7.6</v>
      </c>
      <c r="Z3746" s="2">
        <v>10.6</v>
      </c>
      <c r="AA3746" s="5"/>
      <c r="AB3746" s="5" t="s">
        <v>43</v>
      </c>
      <c r="AC3746" s="5" t="s">
        <v>44</v>
      </c>
      <c r="AD3746" s="2"/>
      <c r="AE3746" s="1"/>
    </row>
    <row r="3747" spans="1:31" ht="14.45">
      <c r="A3747" s="11"/>
      <c r="B3747" s="20"/>
      <c r="C3747" s="2" t="s">
        <v>11695</v>
      </c>
      <c r="D3747" s="14" t="s">
        <v>11696</v>
      </c>
      <c r="E3747" s="2" t="s">
        <v>11697</v>
      </c>
      <c r="F3747" s="2" t="s">
        <v>7514</v>
      </c>
      <c r="G3747" s="8">
        <v>131</v>
      </c>
      <c r="H3747" s="5">
        <v>5</v>
      </c>
      <c r="I3747" s="5" t="s">
        <v>1518</v>
      </c>
      <c r="J3747" s="5" t="s">
        <v>1519</v>
      </c>
      <c r="K3747" s="2" t="s">
        <v>1520</v>
      </c>
      <c r="L3747" s="5" t="s">
        <v>1519</v>
      </c>
      <c r="M3747" s="2" t="s">
        <v>1520</v>
      </c>
      <c r="N3747" s="5" t="s">
        <v>1521</v>
      </c>
      <c r="O3747" s="5" t="s">
        <v>38</v>
      </c>
      <c r="P3747" s="5" t="s">
        <v>39</v>
      </c>
      <c r="Q3747" s="5" t="s">
        <v>40</v>
      </c>
      <c r="R3747" s="5" t="s">
        <v>1522</v>
      </c>
      <c r="S3747" s="5" t="s">
        <v>1523</v>
      </c>
      <c r="T3747" s="5" t="s">
        <v>42</v>
      </c>
      <c r="U3747" s="2">
        <v>2.14</v>
      </c>
      <c r="V3747" s="2">
        <v>1.748</v>
      </c>
      <c r="W3747" s="2">
        <v>1.0999999999999999E-2</v>
      </c>
      <c r="X3747" s="2">
        <v>139.1</v>
      </c>
      <c r="Y3747" s="2">
        <v>7.6</v>
      </c>
      <c r="Z3747" s="2">
        <v>10.6</v>
      </c>
      <c r="AA3747" s="5"/>
      <c r="AB3747" s="5" t="s">
        <v>43</v>
      </c>
      <c r="AC3747" s="5" t="s">
        <v>44</v>
      </c>
      <c r="AD3747" s="2"/>
      <c r="AE3747" s="1"/>
    </row>
    <row r="3748" spans="1:31" ht="14.45">
      <c r="A3748" s="11"/>
      <c r="B3748" s="20"/>
      <c r="C3748" s="2" t="s">
        <v>11698</v>
      </c>
      <c r="D3748" s="14" t="s">
        <v>11699</v>
      </c>
      <c r="E3748" s="2" t="s">
        <v>11700</v>
      </c>
      <c r="F3748" s="2" t="s">
        <v>7208</v>
      </c>
      <c r="G3748" s="8">
        <v>131</v>
      </c>
      <c r="H3748" s="5">
        <v>5</v>
      </c>
      <c r="I3748" s="5" t="s">
        <v>1518</v>
      </c>
      <c r="J3748" s="5" t="s">
        <v>1519</v>
      </c>
      <c r="K3748" s="2" t="s">
        <v>1520</v>
      </c>
      <c r="L3748" s="5" t="s">
        <v>1519</v>
      </c>
      <c r="M3748" s="2" t="s">
        <v>1520</v>
      </c>
      <c r="N3748" s="5" t="s">
        <v>1521</v>
      </c>
      <c r="O3748" s="5" t="s">
        <v>38</v>
      </c>
      <c r="P3748" s="5" t="s">
        <v>39</v>
      </c>
      <c r="Q3748" s="5" t="s">
        <v>40</v>
      </c>
      <c r="R3748" s="5" t="s">
        <v>1522</v>
      </c>
      <c r="S3748" s="5" t="s">
        <v>1523</v>
      </c>
      <c r="T3748" s="5" t="s">
        <v>42</v>
      </c>
      <c r="U3748" s="2">
        <v>2.09</v>
      </c>
      <c r="V3748" s="2">
        <v>1.698</v>
      </c>
      <c r="W3748" s="2">
        <v>1.0999999999999999E-2</v>
      </c>
      <c r="X3748" s="2">
        <v>139.1</v>
      </c>
      <c r="Y3748" s="2">
        <v>7.6</v>
      </c>
      <c r="Z3748" s="2">
        <v>10.6</v>
      </c>
      <c r="AA3748" s="5"/>
      <c r="AB3748" s="5" t="s">
        <v>43</v>
      </c>
      <c r="AC3748" s="5" t="s">
        <v>44</v>
      </c>
      <c r="AD3748" s="2"/>
      <c r="AE3748" s="1"/>
    </row>
    <row r="3749" spans="1:31" ht="14.45">
      <c r="A3749" s="11"/>
      <c r="B3749" s="20"/>
      <c r="C3749" s="2" t="s">
        <v>11701</v>
      </c>
      <c r="D3749" s="14" t="s">
        <v>11702</v>
      </c>
      <c r="E3749" s="2" t="s">
        <v>11703</v>
      </c>
      <c r="F3749" s="2" t="s">
        <v>7521</v>
      </c>
      <c r="G3749" s="8">
        <v>131</v>
      </c>
      <c r="H3749" s="5">
        <v>5</v>
      </c>
      <c r="I3749" s="5" t="s">
        <v>1518</v>
      </c>
      <c r="J3749" s="5" t="s">
        <v>1519</v>
      </c>
      <c r="K3749" s="2" t="s">
        <v>1520</v>
      </c>
      <c r="L3749" s="5" t="s">
        <v>1519</v>
      </c>
      <c r="M3749" s="2" t="s">
        <v>1520</v>
      </c>
      <c r="N3749" s="5" t="s">
        <v>1521</v>
      </c>
      <c r="O3749" s="5" t="s">
        <v>38</v>
      </c>
      <c r="P3749" s="5" t="s">
        <v>39</v>
      </c>
      <c r="Q3749" s="5" t="s">
        <v>40</v>
      </c>
      <c r="R3749" s="5" t="s">
        <v>1522</v>
      </c>
      <c r="S3749" s="5" t="s">
        <v>1523</v>
      </c>
      <c r="T3749" s="5" t="s">
        <v>42</v>
      </c>
      <c r="U3749" s="2">
        <v>2.14</v>
      </c>
      <c r="V3749" s="2">
        <v>1.748</v>
      </c>
      <c r="W3749" s="2">
        <v>1.0999999999999999E-2</v>
      </c>
      <c r="X3749" s="2">
        <v>139.1</v>
      </c>
      <c r="Y3749" s="2">
        <v>7.6</v>
      </c>
      <c r="Z3749" s="2">
        <v>10.6</v>
      </c>
      <c r="AA3749" s="5"/>
      <c r="AB3749" s="5" t="s">
        <v>43</v>
      </c>
      <c r="AC3749" s="5" t="s">
        <v>44</v>
      </c>
      <c r="AD3749" s="2"/>
      <c r="AE3749" s="1"/>
    </row>
    <row r="3750" spans="1:31" ht="14.45">
      <c r="A3750" s="11"/>
      <c r="B3750" s="20"/>
      <c r="C3750" s="2" t="s">
        <v>11704</v>
      </c>
      <c r="D3750" s="14" t="s">
        <v>11705</v>
      </c>
      <c r="E3750" s="2" t="s">
        <v>11706</v>
      </c>
      <c r="F3750" s="2" t="s">
        <v>7212</v>
      </c>
      <c r="G3750" s="8">
        <v>131</v>
      </c>
      <c r="H3750" s="5">
        <v>5</v>
      </c>
      <c r="I3750" s="5" t="s">
        <v>1518</v>
      </c>
      <c r="J3750" s="5" t="s">
        <v>1519</v>
      </c>
      <c r="K3750" s="2" t="s">
        <v>1520</v>
      </c>
      <c r="L3750" s="5" t="s">
        <v>1519</v>
      </c>
      <c r="M3750" s="2" t="s">
        <v>1520</v>
      </c>
      <c r="N3750" s="5" t="s">
        <v>1521</v>
      </c>
      <c r="O3750" s="5" t="s">
        <v>38</v>
      </c>
      <c r="P3750" s="5" t="s">
        <v>39</v>
      </c>
      <c r="Q3750" s="5" t="s">
        <v>40</v>
      </c>
      <c r="R3750" s="5" t="s">
        <v>1522</v>
      </c>
      <c r="S3750" s="5" t="s">
        <v>1523</v>
      </c>
      <c r="T3750" s="5" t="s">
        <v>42</v>
      </c>
      <c r="U3750" s="2">
        <v>2.0609999999999999</v>
      </c>
      <c r="V3750" s="2">
        <v>1.669</v>
      </c>
      <c r="W3750" s="2">
        <v>1.0999999999999999E-2</v>
      </c>
      <c r="X3750" s="2">
        <v>139.1</v>
      </c>
      <c r="Y3750" s="2">
        <v>7.6</v>
      </c>
      <c r="Z3750" s="2">
        <v>10.6</v>
      </c>
      <c r="AA3750" s="5"/>
      <c r="AB3750" s="5" t="s">
        <v>43</v>
      </c>
      <c r="AC3750" s="5" t="s">
        <v>44</v>
      </c>
      <c r="AD3750" s="2"/>
      <c r="AE3750" s="1"/>
    </row>
    <row r="3751" spans="1:31" ht="14.45">
      <c r="A3751" s="11"/>
      <c r="B3751" s="20"/>
      <c r="C3751" s="2" t="s">
        <v>11707</v>
      </c>
      <c r="D3751" s="14" t="s">
        <v>11708</v>
      </c>
      <c r="E3751" s="2" t="s">
        <v>11709</v>
      </c>
      <c r="F3751" s="2" t="s">
        <v>7528</v>
      </c>
      <c r="G3751" s="8">
        <v>131</v>
      </c>
      <c r="H3751" s="5">
        <v>5</v>
      </c>
      <c r="I3751" s="5" t="s">
        <v>1518</v>
      </c>
      <c r="J3751" s="5" t="s">
        <v>1519</v>
      </c>
      <c r="K3751" s="2" t="s">
        <v>1520</v>
      </c>
      <c r="L3751" s="5" t="s">
        <v>1519</v>
      </c>
      <c r="M3751" s="2" t="s">
        <v>1520</v>
      </c>
      <c r="N3751" s="5" t="s">
        <v>1521</v>
      </c>
      <c r="O3751" s="5" t="s">
        <v>38</v>
      </c>
      <c r="P3751" s="5" t="s">
        <v>39</v>
      </c>
      <c r="Q3751" s="5" t="s">
        <v>40</v>
      </c>
      <c r="R3751" s="5" t="s">
        <v>1522</v>
      </c>
      <c r="S3751" s="5" t="s">
        <v>1523</v>
      </c>
      <c r="T3751" s="5" t="s">
        <v>42</v>
      </c>
      <c r="U3751" s="2">
        <v>2.1110000000000002</v>
      </c>
      <c r="V3751" s="2">
        <v>1.7190000000000001</v>
      </c>
      <c r="W3751" s="2">
        <v>1.0999999999999999E-2</v>
      </c>
      <c r="X3751" s="2">
        <v>139.1</v>
      </c>
      <c r="Y3751" s="2">
        <v>7.6</v>
      </c>
      <c r="Z3751" s="2">
        <v>10.6</v>
      </c>
      <c r="AA3751" s="5"/>
      <c r="AB3751" s="5" t="s">
        <v>43</v>
      </c>
      <c r="AC3751" s="5" t="s">
        <v>44</v>
      </c>
      <c r="AD3751" s="2"/>
      <c r="AE3751" s="1"/>
    </row>
    <row r="3752" spans="1:31" ht="14.45">
      <c r="A3752" s="11"/>
      <c r="B3752" s="20"/>
      <c r="C3752" s="2" t="s">
        <v>11710</v>
      </c>
      <c r="D3752" s="14" t="s">
        <v>11711</v>
      </c>
      <c r="E3752" s="2" t="s">
        <v>11712</v>
      </c>
      <c r="F3752" s="2" t="s">
        <v>7406</v>
      </c>
      <c r="G3752" s="8">
        <v>151</v>
      </c>
      <c r="H3752" s="5">
        <v>6</v>
      </c>
      <c r="I3752" s="5" t="s">
        <v>1518</v>
      </c>
      <c r="J3752" s="5" t="s">
        <v>1519</v>
      </c>
      <c r="K3752" s="2" t="s">
        <v>1520</v>
      </c>
      <c r="L3752" s="5" t="s">
        <v>1519</v>
      </c>
      <c r="M3752" s="2" t="s">
        <v>1520</v>
      </c>
      <c r="N3752" s="5" t="s">
        <v>1521</v>
      </c>
      <c r="O3752" s="5" t="s">
        <v>38</v>
      </c>
      <c r="P3752" s="5" t="s">
        <v>39</v>
      </c>
      <c r="Q3752" s="5" t="s">
        <v>40</v>
      </c>
      <c r="R3752" s="5" t="s">
        <v>1522</v>
      </c>
      <c r="S3752" s="5" t="s">
        <v>1523</v>
      </c>
      <c r="T3752" s="5" t="s">
        <v>42</v>
      </c>
      <c r="U3752" s="2">
        <v>2.0609999999999999</v>
      </c>
      <c r="V3752" s="2">
        <v>1.669</v>
      </c>
      <c r="W3752" s="2">
        <v>1.0999999999999999E-2</v>
      </c>
      <c r="X3752" s="2">
        <v>139.1</v>
      </c>
      <c r="Y3752" s="2">
        <v>7.6</v>
      </c>
      <c r="Z3752" s="2">
        <v>10.6</v>
      </c>
      <c r="AA3752" s="5"/>
      <c r="AB3752" s="5" t="s">
        <v>43</v>
      </c>
      <c r="AC3752" s="5" t="s">
        <v>44</v>
      </c>
      <c r="AD3752" s="2"/>
      <c r="AE3752" s="1"/>
    </row>
    <row r="3753" spans="1:31" ht="14.45">
      <c r="A3753" s="11"/>
      <c r="B3753" s="20"/>
      <c r="C3753" s="2" t="s">
        <v>11713</v>
      </c>
      <c r="D3753" s="14" t="s">
        <v>11714</v>
      </c>
      <c r="E3753" s="2" t="s">
        <v>11715</v>
      </c>
      <c r="F3753" s="2" t="s">
        <v>7535</v>
      </c>
      <c r="G3753" s="8">
        <v>151</v>
      </c>
      <c r="H3753" s="5">
        <v>6</v>
      </c>
      <c r="I3753" s="5" t="s">
        <v>1518</v>
      </c>
      <c r="J3753" s="5" t="s">
        <v>1519</v>
      </c>
      <c r="K3753" s="2" t="s">
        <v>1520</v>
      </c>
      <c r="L3753" s="5" t="s">
        <v>1519</v>
      </c>
      <c r="M3753" s="2" t="s">
        <v>1520</v>
      </c>
      <c r="N3753" s="5" t="s">
        <v>1521</v>
      </c>
      <c r="O3753" s="5" t="s">
        <v>38</v>
      </c>
      <c r="P3753" s="5" t="s">
        <v>39</v>
      </c>
      <c r="Q3753" s="5" t="s">
        <v>40</v>
      </c>
      <c r="R3753" s="5" t="s">
        <v>1522</v>
      </c>
      <c r="S3753" s="5" t="s">
        <v>1523</v>
      </c>
      <c r="T3753" s="5" t="s">
        <v>42</v>
      </c>
      <c r="U3753" s="2">
        <v>2.1110000000000002</v>
      </c>
      <c r="V3753" s="2">
        <v>1.7190000000000001</v>
      </c>
      <c r="W3753" s="2">
        <v>1.0999999999999999E-2</v>
      </c>
      <c r="X3753" s="2">
        <v>139.1</v>
      </c>
      <c r="Y3753" s="2">
        <v>7.6</v>
      </c>
      <c r="Z3753" s="2">
        <v>10.6</v>
      </c>
      <c r="AA3753" s="5"/>
      <c r="AB3753" s="5" t="s">
        <v>43</v>
      </c>
      <c r="AC3753" s="5" t="s">
        <v>44</v>
      </c>
      <c r="AD3753" s="2"/>
      <c r="AE3753" s="1"/>
    </row>
    <row r="3754" spans="1:31" ht="14.45">
      <c r="A3754" s="11"/>
      <c r="B3754" s="20"/>
      <c r="C3754" s="2" t="s">
        <v>11716</v>
      </c>
      <c r="D3754" s="14" t="s">
        <v>11717</v>
      </c>
      <c r="E3754" s="2" t="s">
        <v>11718</v>
      </c>
      <c r="F3754" s="2" t="s">
        <v>7539</v>
      </c>
      <c r="G3754" s="8">
        <v>151</v>
      </c>
      <c r="H3754" s="5">
        <v>6</v>
      </c>
      <c r="I3754" s="5" t="s">
        <v>1518</v>
      </c>
      <c r="J3754" s="5" t="s">
        <v>1519</v>
      </c>
      <c r="K3754" s="2" t="s">
        <v>1520</v>
      </c>
      <c r="L3754" s="5" t="s">
        <v>1519</v>
      </c>
      <c r="M3754" s="2" t="s">
        <v>1520</v>
      </c>
      <c r="N3754" s="5" t="s">
        <v>1521</v>
      </c>
      <c r="O3754" s="5" t="s">
        <v>38</v>
      </c>
      <c r="P3754" s="5" t="s">
        <v>39</v>
      </c>
      <c r="Q3754" s="5" t="s">
        <v>40</v>
      </c>
      <c r="R3754" s="5" t="s">
        <v>1522</v>
      </c>
      <c r="S3754" s="5" t="s">
        <v>1523</v>
      </c>
      <c r="T3754" s="5" t="s">
        <v>42</v>
      </c>
      <c r="U3754" s="2">
        <v>2.09</v>
      </c>
      <c r="V3754" s="2">
        <v>1.698</v>
      </c>
      <c r="W3754" s="2">
        <v>1.0999999999999999E-2</v>
      </c>
      <c r="X3754" s="2">
        <v>139.1</v>
      </c>
      <c r="Y3754" s="2">
        <v>7.6</v>
      </c>
      <c r="Z3754" s="2">
        <v>10.6</v>
      </c>
      <c r="AA3754" s="5"/>
      <c r="AB3754" s="5" t="s">
        <v>43</v>
      </c>
      <c r="AC3754" s="5" t="s">
        <v>44</v>
      </c>
      <c r="AD3754" s="2"/>
      <c r="AE3754" s="1"/>
    </row>
    <row r="3755" spans="1:31" ht="14.45">
      <c r="A3755" s="11"/>
      <c r="B3755" s="20"/>
      <c r="C3755" s="2" t="s">
        <v>11719</v>
      </c>
      <c r="D3755" s="14" t="s">
        <v>11720</v>
      </c>
      <c r="E3755" s="2" t="s">
        <v>11721</v>
      </c>
      <c r="F3755" s="2" t="s">
        <v>7543</v>
      </c>
      <c r="G3755" s="8">
        <v>151</v>
      </c>
      <c r="H3755" s="5">
        <v>6</v>
      </c>
      <c r="I3755" s="5" t="s">
        <v>1518</v>
      </c>
      <c r="J3755" s="5" t="s">
        <v>1519</v>
      </c>
      <c r="K3755" s="2" t="s">
        <v>1520</v>
      </c>
      <c r="L3755" s="5" t="s">
        <v>1519</v>
      </c>
      <c r="M3755" s="2" t="s">
        <v>1520</v>
      </c>
      <c r="N3755" s="5" t="s">
        <v>1521</v>
      </c>
      <c r="O3755" s="5" t="s">
        <v>38</v>
      </c>
      <c r="P3755" s="5" t="s">
        <v>39</v>
      </c>
      <c r="Q3755" s="5" t="s">
        <v>40</v>
      </c>
      <c r="R3755" s="5" t="s">
        <v>1522</v>
      </c>
      <c r="S3755" s="5" t="s">
        <v>1523</v>
      </c>
      <c r="T3755" s="5" t="s">
        <v>42</v>
      </c>
      <c r="U3755" s="2">
        <v>2.14</v>
      </c>
      <c r="V3755" s="2">
        <v>1.748</v>
      </c>
      <c r="W3755" s="2">
        <v>1.0999999999999999E-2</v>
      </c>
      <c r="X3755" s="2">
        <v>139.1</v>
      </c>
      <c r="Y3755" s="2">
        <v>7.6</v>
      </c>
      <c r="Z3755" s="2">
        <v>10.6</v>
      </c>
      <c r="AA3755" s="5"/>
      <c r="AB3755" s="5" t="s">
        <v>43</v>
      </c>
      <c r="AC3755" s="5" t="s">
        <v>44</v>
      </c>
      <c r="AD3755" s="2"/>
      <c r="AE3755" s="1"/>
    </row>
    <row r="3756" spans="1:31" ht="14.45">
      <c r="A3756" s="11"/>
      <c r="B3756" s="20"/>
      <c r="C3756" s="2" t="s">
        <v>11722</v>
      </c>
      <c r="D3756" s="14" t="s">
        <v>11723</v>
      </c>
      <c r="E3756" s="2" t="s">
        <v>11724</v>
      </c>
      <c r="F3756" s="2" t="s">
        <v>7547</v>
      </c>
      <c r="G3756" s="8">
        <v>151</v>
      </c>
      <c r="H3756" s="5">
        <v>6</v>
      </c>
      <c r="I3756" s="5" t="s">
        <v>1518</v>
      </c>
      <c r="J3756" s="5" t="s">
        <v>1519</v>
      </c>
      <c r="K3756" s="2" t="s">
        <v>1520</v>
      </c>
      <c r="L3756" s="5" t="s">
        <v>1519</v>
      </c>
      <c r="M3756" s="2" t="s">
        <v>1520</v>
      </c>
      <c r="N3756" s="5" t="s">
        <v>1521</v>
      </c>
      <c r="O3756" s="5" t="s">
        <v>38</v>
      </c>
      <c r="P3756" s="5" t="s">
        <v>39</v>
      </c>
      <c r="Q3756" s="5" t="s">
        <v>40</v>
      </c>
      <c r="R3756" s="5" t="s">
        <v>1522</v>
      </c>
      <c r="S3756" s="5" t="s">
        <v>1523</v>
      </c>
      <c r="T3756" s="5" t="s">
        <v>42</v>
      </c>
      <c r="U3756" s="2">
        <v>2.0609999999999999</v>
      </c>
      <c r="V3756" s="2">
        <v>1.669</v>
      </c>
      <c r="W3756" s="2">
        <v>1.0999999999999999E-2</v>
      </c>
      <c r="X3756" s="2">
        <v>139.1</v>
      </c>
      <c r="Y3756" s="2">
        <v>7.6</v>
      </c>
      <c r="Z3756" s="2">
        <v>10.6</v>
      </c>
      <c r="AA3756" s="5"/>
      <c r="AB3756" s="5" t="s">
        <v>43</v>
      </c>
      <c r="AC3756" s="5" t="s">
        <v>44</v>
      </c>
      <c r="AD3756" s="2"/>
      <c r="AE3756" s="1"/>
    </row>
    <row r="3757" spans="1:31" ht="14.45">
      <c r="A3757" s="11"/>
      <c r="B3757" s="20"/>
      <c r="C3757" s="2" t="s">
        <v>11725</v>
      </c>
      <c r="D3757" s="14" t="s">
        <v>11726</v>
      </c>
      <c r="E3757" s="2" t="s">
        <v>11727</v>
      </c>
      <c r="F3757" s="2" t="s">
        <v>7551</v>
      </c>
      <c r="G3757" s="8">
        <v>151</v>
      </c>
      <c r="H3757" s="5">
        <v>6</v>
      </c>
      <c r="I3757" s="5" t="s">
        <v>1518</v>
      </c>
      <c r="J3757" s="5" t="s">
        <v>1519</v>
      </c>
      <c r="K3757" s="2" t="s">
        <v>1520</v>
      </c>
      <c r="L3757" s="5" t="s">
        <v>1519</v>
      </c>
      <c r="M3757" s="2" t="s">
        <v>1520</v>
      </c>
      <c r="N3757" s="5" t="s">
        <v>1521</v>
      </c>
      <c r="O3757" s="5" t="s">
        <v>38</v>
      </c>
      <c r="P3757" s="5" t="s">
        <v>39</v>
      </c>
      <c r="Q3757" s="5" t="s">
        <v>40</v>
      </c>
      <c r="R3757" s="5" t="s">
        <v>1522</v>
      </c>
      <c r="S3757" s="5" t="s">
        <v>1523</v>
      </c>
      <c r="T3757" s="5" t="s">
        <v>42</v>
      </c>
      <c r="U3757" s="2">
        <v>2.1110000000000002</v>
      </c>
      <c r="V3757" s="2">
        <v>1.7190000000000001</v>
      </c>
      <c r="W3757" s="2">
        <v>1.0999999999999999E-2</v>
      </c>
      <c r="X3757" s="2">
        <v>139.1</v>
      </c>
      <c r="Y3757" s="2">
        <v>7.6</v>
      </c>
      <c r="Z3757" s="2">
        <v>10.6</v>
      </c>
      <c r="AA3757" s="5"/>
      <c r="AB3757" s="5" t="s">
        <v>43</v>
      </c>
      <c r="AC3757" s="5" t="s">
        <v>44</v>
      </c>
      <c r="AD3757" s="2"/>
      <c r="AE3757" s="1"/>
    </row>
    <row r="3758" spans="1:31" ht="14.45">
      <c r="A3758" s="11"/>
      <c r="B3758" s="20"/>
      <c r="C3758" s="2" t="s">
        <v>11728</v>
      </c>
      <c r="D3758" s="14" t="s">
        <v>11729</v>
      </c>
      <c r="E3758" s="2" t="s">
        <v>11730</v>
      </c>
      <c r="F3758" s="2" t="s">
        <v>7555</v>
      </c>
      <c r="G3758" s="8">
        <v>151</v>
      </c>
      <c r="H3758" s="5">
        <v>6</v>
      </c>
      <c r="I3758" s="5" t="s">
        <v>1518</v>
      </c>
      <c r="J3758" s="5" t="s">
        <v>1519</v>
      </c>
      <c r="K3758" s="2" t="s">
        <v>1520</v>
      </c>
      <c r="L3758" s="5" t="s">
        <v>1519</v>
      </c>
      <c r="M3758" s="2" t="s">
        <v>1520</v>
      </c>
      <c r="N3758" s="5" t="s">
        <v>1521</v>
      </c>
      <c r="O3758" s="5" t="s">
        <v>38</v>
      </c>
      <c r="P3758" s="5" t="s">
        <v>39</v>
      </c>
      <c r="Q3758" s="5" t="s">
        <v>40</v>
      </c>
      <c r="R3758" s="5" t="s">
        <v>1522</v>
      </c>
      <c r="S3758" s="5" t="s">
        <v>1523</v>
      </c>
      <c r="T3758" s="5" t="s">
        <v>42</v>
      </c>
      <c r="U3758" s="2">
        <v>2.0609999999999999</v>
      </c>
      <c r="V3758" s="2">
        <v>1.669</v>
      </c>
      <c r="W3758" s="2">
        <v>1.0999999999999999E-2</v>
      </c>
      <c r="X3758" s="2">
        <v>139.1</v>
      </c>
      <c r="Y3758" s="2">
        <v>7.6</v>
      </c>
      <c r="Z3758" s="2">
        <v>10.6</v>
      </c>
      <c r="AA3758" s="5"/>
      <c r="AB3758" s="5" t="s">
        <v>43</v>
      </c>
      <c r="AC3758" s="5" t="s">
        <v>44</v>
      </c>
      <c r="AD3758" s="2"/>
      <c r="AE3758" s="1"/>
    </row>
    <row r="3759" spans="1:31" ht="14.45">
      <c r="A3759" s="11"/>
      <c r="B3759" s="20"/>
      <c r="C3759" s="2" t="s">
        <v>11731</v>
      </c>
      <c r="D3759" s="14" t="s">
        <v>11732</v>
      </c>
      <c r="E3759" s="2" t="s">
        <v>11733</v>
      </c>
      <c r="F3759" s="2" t="s">
        <v>7559</v>
      </c>
      <c r="G3759" s="8">
        <v>151</v>
      </c>
      <c r="H3759" s="5">
        <v>6</v>
      </c>
      <c r="I3759" s="5" t="s">
        <v>1518</v>
      </c>
      <c r="J3759" s="5" t="s">
        <v>1519</v>
      </c>
      <c r="K3759" s="2" t="s">
        <v>1520</v>
      </c>
      <c r="L3759" s="5" t="s">
        <v>1519</v>
      </c>
      <c r="M3759" s="2" t="s">
        <v>1520</v>
      </c>
      <c r="N3759" s="5" t="s">
        <v>1521</v>
      </c>
      <c r="O3759" s="5" t="s">
        <v>38</v>
      </c>
      <c r="P3759" s="5" t="s">
        <v>39</v>
      </c>
      <c r="Q3759" s="5" t="s">
        <v>40</v>
      </c>
      <c r="R3759" s="5" t="s">
        <v>1522</v>
      </c>
      <c r="S3759" s="5" t="s">
        <v>1523</v>
      </c>
      <c r="T3759" s="5" t="s">
        <v>42</v>
      </c>
      <c r="U3759" s="2">
        <v>2.1110000000000002</v>
      </c>
      <c r="V3759" s="2">
        <v>1.7190000000000001</v>
      </c>
      <c r="W3759" s="2">
        <v>1.0999999999999999E-2</v>
      </c>
      <c r="X3759" s="2">
        <v>139.1</v>
      </c>
      <c r="Y3759" s="2">
        <v>7.6</v>
      </c>
      <c r="Z3759" s="2">
        <v>10.6</v>
      </c>
      <c r="AA3759" s="5"/>
      <c r="AB3759" s="5" t="s">
        <v>43</v>
      </c>
      <c r="AC3759" s="5" t="s">
        <v>44</v>
      </c>
      <c r="AD3759" s="2"/>
      <c r="AE3759" s="1"/>
    </row>
    <row r="3760" spans="1:31" ht="14.45">
      <c r="A3760" s="11"/>
      <c r="B3760" s="20"/>
      <c r="C3760" s="2" t="s">
        <v>11734</v>
      </c>
      <c r="D3760" s="14" t="s">
        <v>11735</v>
      </c>
      <c r="E3760" s="2" t="s">
        <v>11736</v>
      </c>
      <c r="F3760" s="2" t="s">
        <v>7563</v>
      </c>
      <c r="G3760" s="8">
        <v>151</v>
      </c>
      <c r="H3760" s="5">
        <v>6</v>
      </c>
      <c r="I3760" s="5" t="s">
        <v>1518</v>
      </c>
      <c r="J3760" s="5" t="s">
        <v>1519</v>
      </c>
      <c r="K3760" s="2" t="s">
        <v>1520</v>
      </c>
      <c r="L3760" s="5" t="s">
        <v>1519</v>
      </c>
      <c r="M3760" s="2" t="s">
        <v>1520</v>
      </c>
      <c r="N3760" s="5" t="s">
        <v>1521</v>
      </c>
      <c r="O3760" s="5" t="s">
        <v>38</v>
      </c>
      <c r="P3760" s="5" t="s">
        <v>39</v>
      </c>
      <c r="Q3760" s="5" t="s">
        <v>40</v>
      </c>
      <c r="R3760" s="5" t="s">
        <v>1522</v>
      </c>
      <c r="S3760" s="5" t="s">
        <v>1523</v>
      </c>
      <c r="T3760" s="5" t="s">
        <v>42</v>
      </c>
      <c r="U3760" s="2">
        <v>2.09</v>
      </c>
      <c r="V3760" s="2">
        <v>1.698</v>
      </c>
      <c r="W3760" s="2">
        <v>1.0999999999999999E-2</v>
      </c>
      <c r="X3760" s="2">
        <v>139.1</v>
      </c>
      <c r="Y3760" s="2">
        <v>7.6</v>
      </c>
      <c r="Z3760" s="2">
        <v>10.6</v>
      </c>
      <c r="AA3760" s="5"/>
      <c r="AB3760" s="5" t="s">
        <v>43</v>
      </c>
      <c r="AC3760" s="5" t="s">
        <v>44</v>
      </c>
      <c r="AD3760" s="2"/>
      <c r="AE3760" s="1"/>
    </row>
    <row r="3761" spans="1:31" ht="14.45">
      <c r="A3761" s="11"/>
      <c r="B3761" s="20"/>
      <c r="C3761" s="2" t="s">
        <v>11737</v>
      </c>
      <c r="D3761" s="14" t="s">
        <v>11738</v>
      </c>
      <c r="E3761" s="2" t="s">
        <v>11739</v>
      </c>
      <c r="F3761" s="2" t="s">
        <v>7567</v>
      </c>
      <c r="G3761" s="8">
        <v>151</v>
      </c>
      <c r="H3761" s="5">
        <v>6</v>
      </c>
      <c r="I3761" s="5" t="s">
        <v>1518</v>
      </c>
      <c r="J3761" s="5" t="s">
        <v>1519</v>
      </c>
      <c r="K3761" s="2" t="s">
        <v>1520</v>
      </c>
      <c r="L3761" s="5" t="s">
        <v>1519</v>
      </c>
      <c r="M3761" s="2" t="s">
        <v>1520</v>
      </c>
      <c r="N3761" s="5" t="s">
        <v>1521</v>
      </c>
      <c r="O3761" s="5" t="s">
        <v>38</v>
      </c>
      <c r="P3761" s="5" t="s">
        <v>39</v>
      </c>
      <c r="Q3761" s="5" t="s">
        <v>40</v>
      </c>
      <c r="R3761" s="5" t="s">
        <v>1522</v>
      </c>
      <c r="S3761" s="5" t="s">
        <v>1523</v>
      </c>
      <c r="T3761" s="5" t="s">
        <v>42</v>
      </c>
      <c r="U3761" s="2">
        <v>2.14</v>
      </c>
      <c r="V3761" s="2">
        <v>1.748</v>
      </c>
      <c r="W3761" s="2">
        <v>1.0999999999999999E-2</v>
      </c>
      <c r="X3761" s="2">
        <v>139.1</v>
      </c>
      <c r="Y3761" s="2">
        <v>7.6</v>
      </c>
      <c r="Z3761" s="2">
        <v>10.6</v>
      </c>
      <c r="AA3761" s="5"/>
      <c r="AB3761" s="5" t="s">
        <v>43</v>
      </c>
      <c r="AC3761" s="5" t="s">
        <v>44</v>
      </c>
      <c r="AD3761" s="2"/>
      <c r="AE3761" s="1"/>
    </row>
    <row r="3762" spans="1:31" ht="14.45">
      <c r="A3762" s="11"/>
      <c r="B3762" s="20"/>
      <c r="C3762" s="2" t="s">
        <v>11740</v>
      </c>
      <c r="D3762" s="14" t="s">
        <v>11741</v>
      </c>
      <c r="E3762" s="2" t="s">
        <v>11742</v>
      </c>
      <c r="F3762" s="2" t="s">
        <v>7429</v>
      </c>
      <c r="G3762" s="8">
        <v>151</v>
      </c>
      <c r="H3762" s="5">
        <v>6</v>
      </c>
      <c r="I3762" s="5" t="s">
        <v>1518</v>
      </c>
      <c r="J3762" s="5" t="s">
        <v>1519</v>
      </c>
      <c r="K3762" s="2" t="s">
        <v>1520</v>
      </c>
      <c r="L3762" s="5" t="s">
        <v>1519</v>
      </c>
      <c r="M3762" s="2" t="s">
        <v>1520</v>
      </c>
      <c r="N3762" s="5" t="s">
        <v>1521</v>
      </c>
      <c r="O3762" s="5" t="s">
        <v>38</v>
      </c>
      <c r="P3762" s="5" t="s">
        <v>39</v>
      </c>
      <c r="Q3762" s="5" t="s">
        <v>40</v>
      </c>
      <c r="R3762" s="5" t="s">
        <v>1522</v>
      </c>
      <c r="S3762" s="5" t="s">
        <v>1523</v>
      </c>
      <c r="T3762" s="5" t="s">
        <v>42</v>
      </c>
      <c r="U3762" s="2">
        <v>2.09</v>
      </c>
      <c r="V3762" s="2">
        <v>1.698</v>
      </c>
      <c r="W3762" s="2">
        <v>1.0999999999999999E-2</v>
      </c>
      <c r="X3762" s="2">
        <v>139.1</v>
      </c>
      <c r="Y3762" s="2">
        <v>7.6</v>
      </c>
      <c r="Z3762" s="2">
        <v>10.6</v>
      </c>
      <c r="AA3762" s="5"/>
      <c r="AB3762" s="5" t="s">
        <v>43</v>
      </c>
      <c r="AC3762" s="5" t="s">
        <v>44</v>
      </c>
      <c r="AD3762" s="2"/>
      <c r="AE3762" s="1"/>
    </row>
    <row r="3763" spans="1:31" ht="14.45">
      <c r="A3763" s="11"/>
      <c r="B3763" s="20"/>
      <c r="C3763" s="2" t="s">
        <v>11743</v>
      </c>
      <c r="D3763" s="14" t="s">
        <v>11744</v>
      </c>
      <c r="E3763" s="2" t="s">
        <v>11745</v>
      </c>
      <c r="F3763" s="2" t="s">
        <v>7574</v>
      </c>
      <c r="G3763" s="8">
        <v>151</v>
      </c>
      <c r="H3763" s="5">
        <v>6</v>
      </c>
      <c r="I3763" s="5" t="s">
        <v>1518</v>
      </c>
      <c r="J3763" s="5" t="s">
        <v>1519</v>
      </c>
      <c r="K3763" s="2" t="s">
        <v>1520</v>
      </c>
      <c r="L3763" s="5" t="s">
        <v>1519</v>
      </c>
      <c r="M3763" s="2" t="s">
        <v>1520</v>
      </c>
      <c r="N3763" s="5" t="s">
        <v>1521</v>
      </c>
      <c r="O3763" s="5" t="s">
        <v>38</v>
      </c>
      <c r="P3763" s="5" t="s">
        <v>39</v>
      </c>
      <c r="Q3763" s="5" t="s">
        <v>40</v>
      </c>
      <c r="R3763" s="5" t="s">
        <v>1522</v>
      </c>
      <c r="S3763" s="5" t="s">
        <v>1523</v>
      </c>
      <c r="T3763" s="5" t="s">
        <v>42</v>
      </c>
      <c r="U3763" s="2">
        <v>2.14</v>
      </c>
      <c r="V3763" s="2">
        <v>1.748</v>
      </c>
      <c r="W3763" s="2">
        <v>1.0999999999999999E-2</v>
      </c>
      <c r="X3763" s="2">
        <v>139.1</v>
      </c>
      <c r="Y3763" s="2">
        <v>7.6</v>
      </c>
      <c r="Z3763" s="2">
        <v>10.6</v>
      </c>
      <c r="AA3763" s="5"/>
      <c r="AB3763" s="5" t="s">
        <v>43</v>
      </c>
      <c r="AC3763" s="5" t="s">
        <v>44</v>
      </c>
      <c r="AD3763" s="2"/>
      <c r="AE3763" s="1"/>
    </row>
    <row r="3764" spans="1:31" ht="14.45">
      <c r="A3764" s="11"/>
      <c r="B3764" s="20"/>
      <c r="C3764" s="2" t="s">
        <v>11746</v>
      </c>
      <c r="D3764" s="14" t="s">
        <v>11747</v>
      </c>
      <c r="E3764" s="2" t="s">
        <v>11748</v>
      </c>
      <c r="F3764" s="2" t="s">
        <v>7449</v>
      </c>
      <c r="G3764" s="8">
        <v>151</v>
      </c>
      <c r="H3764" s="5">
        <v>6</v>
      </c>
      <c r="I3764" s="5" t="s">
        <v>1518</v>
      </c>
      <c r="J3764" s="5" t="s">
        <v>1519</v>
      </c>
      <c r="K3764" s="2" t="s">
        <v>1520</v>
      </c>
      <c r="L3764" s="5" t="s">
        <v>1519</v>
      </c>
      <c r="M3764" s="2" t="s">
        <v>1520</v>
      </c>
      <c r="N3764" s="5" t="s">
        <v>1521</v>
      </c>
      <c r="O3764" s="5" t="s">
        <v>38</v>
      </c>
      <c r="P3764" s="5" t="s">
        <v>39</v>
      </c>
      <c r="Q3764" s="5" t="s">
        <v>40</v>
      </c>
      <c r="R3764" s="5" t="s">
        <v>1522</v>
      </c>
      <c r="S3764" s="5" t="s">
        <v>1523</v>
      </c>
      <c r="T3764" s="5" t="s">
        <v>42</v>
      </c>
      <c r="U3764" s="2">
        <v>2.09</v>
      </c>
      <c r="V3764" s="2">
        <v>1.698</v>
      </c>
      <c r="W3764" s="2">
        <v>1.0999999999999999E-2</v>
      </c>
      <c r="X3764" s="2">
        <v>139.1</v>
      </c>
      <c r="Y3764" s="2">
        <v>7.6</v>
      </c>
      <c r="Z3764" s="2">
        <v>10.6</v>
      </c>
      <c r="AA3764" s="5"/>
      <c r="AB3764" s="5" t="s">
        <v>43</v>
      </c>
      <c r="AC3764" s="5" t="s">
        <v>44</v>
      </c>
      <c r="AD3764" s="2"/>
      <c r="AE3764" s="1"/>
    </row>
    <row r="3765" spans="1:31" ht="14.45">
      <c r="A3765" s="11"/>
      <c r="B3765" s="20"/>
      <c r="C3765" s="2" t="s">
        <v>11749</v>
      </c>
      <c r="D3765" s="14" t="s">
        <v>11750</v>
      </c>
      <c r="E3765" s="2" t="s">
        <v>11751</v>
      </c>
      <c r="F3765" s="2" t="s">
        <v>7581</v>
      </c>
      <c r="G3765" s="8">
        <v>151</v>
      </c>
      <c r="H3765" s="5">
        <v>6</v>
      </c>
      <c r="I3765" s="5" t="s">
        <v>1518</v>
      </c>
      <c r="J3765" s="5" t="s">
        <v>1519</v>
      </c>
      <c r="K3765" s="2" t="s">
        <v>1520</v>
      </c>
      <c r="L3765" s="5" t="s">
        <v>1519</v>
      </c>
      <c r="M3765" s="2" t="s">
        <v>1520</v>
      </c>
      <c r="N3765" s="5" t="s">
        <v>1521</v>
      </c>
      <c r="O3765" s="5" t="s">
        <v>38</v>
      </c>
      <c r="P3765" s="5" t="s">
        <v>39</v>
      </c>
      <c r="Q3765" s="5" t="s">
        <v>40</v>
      </c>
      <c r="R3765" s="5" t="s">
        <v>1522</v>
      </c>
      <c r="S3765" s="5" t="s">
        <v>1523</v>
      </c>
      <c r="T3765" s="5" t="s">
        <v>42</v>
      </c>
      <c r="U3765" s="2">
        <v>2.14</v>
      </c>
      <c r="V3765" s="2">
        <v>1.748</v>
      </c>
      <c r="W3765" s="2">
        <v>1.0999999999999999E-2</v>
      </c>
      <c r="X3765" s="2">
        <v>139.1</v>
      </c>
      <c r="Y3765" s="2">
        <v>7.6</v>
      </c>
      <c r="Z3765" s="2">
        <v>10.6</v>
      </c>
      <c r="AA3765" s="5"/>
      <c r="AB3765" s="5" t="s">
        <v>43</v>
      </c>
      <c r="AC3765" s="5" t="s">
        <v>44</v>
      </c>
      <c r="AD3765" s="2"/>
      <c r="AE3765" s="1"/>
    </row>
    <row r="3766" spans="1:31" ht="14.45">
      <c r="A3766" s="11"/>
      <c r="B3766" s="20"/>
      <c r="C3766" s="2" t="s">
        <v>11752</v>
      </c>
      <c r="D3766" s="14" t="s">
        <v>11753</v>
      </c>
      <c r="E3766" s="2" t="s">
        <v>11754</v>
      </c>
      <c r="F3766" s="2" t="s">
        <v>7585</v>
      </c>
      <c r="G3766" s="8">
        <v>151</v>
      </c>
      <c r="H3766" s="5">
        <v>6</v>
      </c>
      <c r="I3766" s="5" t="s">
        <v>1518</v>
      </c>
      <c r="J3766" s="5" t="s">
        <v>1519</v>
      </c>
      <c r="K3766" s="2" t="s">
        <v>1520</v>
      </c>
      <c r="L3766" s="5" t="s">
        <v>1519</v>
      </c>
      <c r="M3766" s="2" t="s">
        <v>1520</v>
      </c>
      <c r="N3766" s="5" t="s">
        <v>1521</v>
      </c>
      <c r="O3766" s="5" t="s">
        <v>38</v>
      </c>
      <c r="P3766" s="5" t="s">
        <v>39</v>
      </c>
      <c r="Q3766" s="5" t="s">
        <v>40</v>
      </c>
      <c r="R3766" s="5" t="s">
        <v>1522</v>
      </c>
      <c r="S3766" s="5" t="s">
        <v>1523</v>
      </c>
      <c r="T3766" s="5" t="s">
        <v>42</v>
      </c>
      <c r="U3766" s="2">
        <v>2.0609999999999999</v>
      </c>
      <c r="V3766" s="2">
        <v>1.669</v>
      </c>
      <c r="W3766" s="2">
        <v>1.0999999999999999E-2</v>
      </c>
      <c r="X3766" s="2">
        <v>139.1</v>
      </c>
      <c r="Y3766" s="2">
        <v>7.6</v>
      </c>
      <c r="Z3766" s="2">
        <v>10.6</v>
      </c>
      <c r="AA3766" s="5"/>
      <c r="AB3766" s="5" t="s">
        <v>43</v>
      </c>
      <c r="AC3766" s="5" t="s">
        <v>44</v>
      </c>
      <c r="AD3766" s="2"/>
      <c r="AE3766" s="1"/>
    </row>
    <row r="3767" spans="1:31" ht="14.45">
      <c r="A3767" s="11"/>
      <c r="B3767" s="20"/>
      <c r="C3767" s="2" t="s">
        <v>11755</v>
      </c>
      <c r="D3767" s="14" t="s">
        <v>11756</v>
      </c>
      <c r="E3767" s="2" t="s">
        <v>11757</v>
      </c>
      <c r="F3767" s="2" t="s">
        <v>7589</v>
      </c>
      <c r="G3767" s="8">
        <v>151</v>
      </c>
      <c r="H3767" s="5">
        <v>6</v>
      </c>
      <c r="I3767" s="5" t="s">
        <v>1518</v>
      </c>
      <c r="J3767" s="5" t="s">
        <v>1519</v>
      </c>
      <c r="K3767" s="2" t="s">
        <v>1520</v>
      </c>
      <c r="L3767" s="5" t="s">
        <v>1519</v>
      </c>
      <c r="M3767" s="2" t="s">
        <v>1520</v>
      </c>
      <c r="N3767" s="5" t="s">
        <v>1521</v>
      </c>
      <c r="O3767" s="5" t="s">
        <v>38</v>
      </c>
      <c r="P3767" s="5" t="s">
        <v>39</v>
      </c>
      <c r="Q3767" s="5" t="s">
        <v>40</v>
      </c>
      <c r="R3767" s="5" t="s">
        <v>1522</v>
      </c>
      <c r="S3767" s="5" t="s">
        <v>1523</v>
      </c>
      <c r="T3767" s="5" t="s">
        <v>42</v>
      </c>
      <c r="U3767" s="2">
        <v>2.1110000000000002</v>
      </c>
      <c r="V3767" s="2">
        <v>1.7190000000000001</v>
      </c>
      <c r="W3767" s="2">
        <v>1.0999999999999999E-2</v>
      </c>
      <c r="X3767" s="2">
        <v>139.1</v>
      </c>
      <c r="Y3767" s="2">
        <v>7.6</v>
      </c>
      <c r="Z3767" s="2">
        <v>10.6</v>
      </c>
      <c r="AA3767" s="5"/>
      <c r="AB3767" s="5" t="s">
        <v>43</v>
      </c>
      <c r="AC3767" s="5" t="s">
        <v>44</v>
      </c>
      <c r="AD3767" s="2"/>
      <c r="AE3767" s="1"/>
    </row>
    <row r="3768" spans="1:31" ht="14.45">
      <c r="A3768" s="11"/>
      <c r="B3768" s="20"/>
      <c r="C3768" s="2" t="s">
        <v>11758</v>
      </c>
      <c r="D3768" s="14" t="s">
        <v>11759</v>
      </c>
      <c r="E3768" s="2" t="s">
        <v>11760</v>
      </c>
      <c r="F3768" s="2" t="s">
        <v>7593</v>
      </c>
      <c r="G3768" s="8">
        <v>151</v>
      </c>
      <c r="H3768" s="5">
        <v>6</v>
      </c>
      <c r="I3768" s="5" t="s">
        <v>1518</v>
      </c>
      <c r="J3768" s="5" t="s">
        <v>1519</v>
      </c>
      <c r="K3768" s="2" t="s">
        <v>1520</v>
      </c>
      <c r="L3768" s="5" t="s">
        <v>1519</v>
      </c>
      <c r="M3768" s="2" t="s">
        <v>1520</v>
      </c>
      <c r="N3768" s="5" t="s">
        <v>1521</v>
      </c>
      <c r="O3768" s="5" t="s">
        <v>38</v>
      </c>
      <c r="P3768" s="5" t="s">
        <v>39</v>
      </c>
      <c r="Q3768" s="5" t="s">
        <v>40</v>
      </c>
      <c r="R3768" s="5" t="s">
        <v>1522</v>
      </c>
      <c r="S3768" s="5" t="s">
        <v>1523</v>
      </c>
      <c r="T3768" s="5" t="s">
        <v>42</v>
      </c>
      <c r="U3768" s="2">
        <v>2.09</v>
      </c>
      <c r="V3768" s="2">
        <v>1.698</v>
      </c>
      <c r="W3768" s="2">
        <v>1.0999999999999999E-2</v>
      </c>
      <c r="X3768" s="2">
        <v>139.1</v>
      </c>
      <c r="Y3768" s="2">
        <v>7.6</v>
      </c>
      <c r="Z3768" s="2">
        <v>10.6</v>
      </c>
      <c r="AA3768" s="5"/>
      <c r="AB3768" s="5" t="s">
        <v>43</v>
      </c>
      <c r="AC3768" s="5" t="s">
        <v>44</v>
      </c>
      <c r="AD3768" s="2"/>
      <c r="AE3768" s="1"/>
    </row>
    <row r="3769" spans="1:31" ht="14.45">
      <c r="A3769" s="11"/>
      <c r="B3769" s="20"/>
      <c r="C3769" s="2" t="s">
        <v>11761</v>
      </c>
      <c r="D3769" s="14" t="s">
        <v>11762</v>
      </c>
      <c r="E3769" s="2" t="s">
        <v>11763</v>
      </c>
      <c r="F3769" s="2" t="s">
        <v>7597</v>
      </c>
      <c r="G3769" s="8">
        <v>151</v>
      </c>
      <c r="H3769" s="5">
        <v>6</v>
      </c>
      <c r="I3769" s="5" t="s">
        <v>1518</v>
      </c>
      <c r="J3769" s="5" t="s">
        <v>1519</v>
      </c>
      <c r="K3769" s="2" t="s">
        <v>1520</v>
      </c>
      <c r="L3769" s="5" t="s">
        <v>1519</v>
      </c>
      <c r="M3769" s="2" t="s">
        <v>1520</v>
      </c>
      <c r="N3769" s="5" t="s">
        <v>1521</v>
      </c>
      <c r="O3769" s="5" t="s">
        <v>38</v>
      </c>
      <c r="P3769" s="5" t="s">
        <v>39</v>
      </c>
      <c r="Q3769" s="5" t="s">
        <v>40</v>
      </c>
      <c r="R3769" s="5" t="s">
        <v>1522</v>
      </c>
      <c r="S3769" s="5" t="s">
        <v>1523</v>
      </c>
      <c r="T3769" s="5" t="s">
        <v>42</v>
      </c>
      <c r="U3769" s="2">
        <v>2.14</v>
      </c>
      <c r="V3769" s="2">
        <v>1.748</v>
      </c>
      <c r="W3769" s="2">
        <v>1.0999999999999999E-2</v>
      </c>
      <c r="X3769" s="2">
        <v>139.1</v>
      </c>
      <c r="Y3769" s="2">
        <v>7.6</v>
      </c>
      <c r="Z3769" s="2">
        <v>10.6</v>
      </c>
      <c r="AA3769" s="5"/>
      <c r="AB3769" s="5" t="s">
        <v>43</v>
      </c>
      <c r="AC3769" s="5" t="s">
        <v>44</v>
      </c>
      <c r="AD3769" s="2"/>
      <c r="AE3769" s="1"/>
    </row>
    <row r="3770" spans="1:31" ht="14.45">
      <c r="A3770" s="11"/>
      <c r="B3770" s="20"/>
      <c r="C3770" s="2" t="s">
        <v>11764</v>
      </c>
      <c r="D3770" s="14" t="s">
        <v>11765</v>
      </c>
      <c r="E3770" s="2" t="s">
        <v>11766</v>
      </c>
      <c r="F3770" s="2" t="s">
        <v>7410</v>
      </c>
      <c r="G3770" s="8">
        <v>151</v>
      </c>
      <c r="H3770" s="5">
        <v>6</v>
      </c>
      <c r="I3770" s="5" t="s">
        <v>1518</v>
      </c>
      <c r="J3770" s="5" t="s">
        <v>1519</v>
      </c>
      <c r="K3770" s="2" t="s">
        <v>1520</v>
      </c>
      <c r="L3770" s="5" t="s">
        <v>1519</v>
      </c>
      <c r="M3770" s="2" t="s">
        <v>1520</v>
      </c>
      <c r="N3770" s="5" t="s">
        <v>1521</v>
      </c>
      <c r="O3770" s="5" t="s">
        <v>38</v>
      </c>
      <c r="P3770" s="5" t="s">
        <v>39</v>
      </c>
      <c r="Q3770" s="5" t="s">
        <v>40</v>
      </c>
      <c r="R3770" s="5" t="s">
        <v>1522</v>
      </c>
      <c r="S3770" s="5" t="s">
        <v>1523</v>
      </c>
      <c r="T3770" s="5" t="s">
        <v>42</v>
      </c>
      <c r="U3770" s="2">
        <v>2.09</v>
      </c>
      <c r="V3770" s="2">
        <v>1.698</v>
      </c>
      <c r="W3770" s="2">
        <v>1.0999999999999999E-2</v>
      </c>
      <c r="X3770" s="2">
        <v>139.1</v>
      </c>
      <c r="Y3770" s="2">
        <v>7.6</v>
      </c>
      <c r="Z3770" s="2">
        <v>10.6</v>
      </c>
      <c r="AA3770" s="5"/>
      <c r="AB3770" s="5" t="s">
        <v>43</v>
      </c>
      <c r="AC3770" s="5" t="s">
        <v>44</v>
      </c>
      <c r="AD3770" s="2"/>
      <c r="AE3770" s="1"/>
    </row>
    <row r="3771" spans="1:31" ht="14.45">
      <c r="A3771" s="11"/>
      <c r="B3771" s="20"/>
      <c r="C3771" s="2" t="s">
        <v>11767</v>
      </c>
      <c r="D3771" s="14" t="s">
        <v>11768</v>
      </c>
      <c r="E3771" s="2" t="s">
        <v>11769</v>
      </c>
      <c r="F3771" s="2" t="s">
        <v>7604</v>
      </c>
      <c r="G3771" s="8">
        <v>151</v>
      </c>
      <c r="H3771" s="5">
        <v>6</v>
      </c>
      <c r="I3771" s="5" t="s">
        <v>1518</v>
      </c>
      <c r="J3771" s="5" t="s">
        <v>1519</v>
      </c>
      <c r="K3771" s="2" t="s">
        <v>1520</v>
      </c>
      <c r="L3771" s="5" t="s">
        <v>1519</v>
      </c>
      <c r="M3771" s="2" t="s">
        <v>1520</v>
      </c>
      <c r="N3771" s="5" t="s">
        <v>1521</v>
      </c>
      <c r="O3771" s="5" t="s">
        <v>38</v>
      </c>
      <c r="P3771" s="5" t="s">
        <v>39</v>
      </c>
      <c r="Q3771" s="5" t="s">
        <v>40</v>
      </c>
      <c r="R3771" s="5" t="s">
        <v>1522</v>
      </c>
      <c r="S3771" s="5" t="s">
        <v>1523</v>
      </c>
      <c r="T3771" s="5" t="s">
        <v>42</v>
      </c>
      <c r="U3771" s="2">
        <v>2.14</v>
      </c>
      <c r="V3771" s="2">
        <v>1.748</v>
      </c>
      <c r="W3771" s="2">
        <v>1.0999999999999999E-2</v>
      </c>
      <c r="X3771" s="2">
        <v>139.1</v>
      </c>
      <c r="Y3771" s="2">
        <v>7.6</v>
      </c>
      <c r="Z3771" s="2">
        <v>10.6</v>
      </c>
      <c r="AA3771" s="5"/>
      <c r="AB3771" s="5" t="s">
        <v>43</v>
      </c>
      <c r="AC3771" s="5" t="s">
        <v>44</v>
      </c>
      <c r="AD3771" s="2"/>
      <c r="AE3771" s="1"/>
    </row>
    <row r="3772" spans="1:31" ht="14.45">
      <c r="A3772" s="11"/>
      <c r="B3772" s="20"/>
      <c r="C3772" s="2" t="s">
        <v>11770</v>
      </c>
      <c r="D3772" s="14" t="s">
        <v>11771</v>
      </c>
      <c r="E3772" s="2" t="s">
        <v>11772</v>
      </c>
      <c r="F3772" s="2" t="s">
        <v>7433</v>
      </c>
      <c r="G3772" s="8">
        <v>151</v>
      </c>
      <c r="H3772" s="5">
        <v>6</v>
      </c>
      <c r="I3772" s="5" t="s">
        <v>1518</v>
      </c>
      <c r="J3772" s="5" t="s">
        <v>1519</v>
      </c>
      <c r="K3772" s="2" t="s">
        <v>1520</v>
      </c>
      <c r="L3772" s="5" t="s">
        <v>1519</v>
      </c>
      <c r="M3772" s="2" t="s">
        <v>1520</v>
      </c>
      <c r="N3772" s="5" t="s">
        <v>1521</v>
      </c>
      <c r="O3772" s="5" t="s">
        <v>38</v>
      </c>
      <c r="P3772" s="5" t="s">
        <v>39</v>
      </c>
      <c r="Q3772" s="5" t="s">
        <v>40</v>
      </c>
      <c r="R3772" s="5" t="s">
        <v>1522</v>
      </c>
      <c r="S3772" s="5" t="s">
        <v>1523</v>
      </c>
      <c r="T3772" s="5" t="s">
        <v>42</v>
      </c>
      <c r="U3772" s="2">
        <v>2.09</v>
      </c>
      <c r="V3772" s="2">
        <v>1.698</v>
      </c>
      <c r="W3772" s="2">
        <v>1.0999999999999999E-2</v>
      </c>
      <c r="X3772" s="2">
        <v>139.1</v>
      </c>
      <c r="Y3772" s="2">
        <v>7.6</v>
      </c>
      <c r="Z3772" s="2">
        <v>10.6</v>
      </c>
      <c r="AA3772" s="5"/>
      <c r="AB3772" s="5" t="s">
        <v>43</v>
      </c>
      <c r="AC3772" s="5" t="s">
        <v>44</v>
      </c>
      <c r="AD3772" s="2"/>
      <c r="AE3772" s="1"/>
    </row>
    <row r="3773" spans="1:31" ht="14.45">
      <c r="A3773" s="11"/>
      <c r="B3773" s="20"/>
      <c r="C3773" s="2" t="s">
        <v>11773</v>
      </c>
      <c r="D3773" s="14" t="s">
        <v>11774</v>
      </c>
      <c r="E3773" s="2" t="s">
        <v>11775</v>
      </c>
      <c r="F3773" s="2" t="s">
        <v>7611</v>
      </c>
      <c r="G3773" s="8">
        <v>151</v>
      </c>
      <c r="H3773" s="5">
        <v>6</v>
      </c>
      <c r="I3773" s="5" t="s">
        <v>1518</v>
      </c>
      <c r="J3773" s="5" t="s">
        <v>1519</v>
      </c>
      <c r="K3773" s="2" t="s">
        <v>1520</v>
      </c>
      <c r="L3773" s="5" t="s">
        <v>1519</v>
      </c>
      <c r="M3773" s="2" t="s">
        <v>1520</v>
      </c>
      <c r="N3773" s="5" t="s">
        <v>1521</v>
      </c>
      <c r="O3773" s="5" t="s">
        <v>38</v>
      </c>
      <c r="P3773" s="5" t="s">
        <v>39</v>
      </c>
      <c r="Q3773" s="5" t="s">
        <v>40</v>
      </c>
      <c r="R3773" s="5" t="s">
        <v>1522</v>
      </c>
      <c r="S3773" s="5" t="s">
        <v>1523</v>
      </c>
      <c r="T3773" s="5" t="s">
        <v>42</v>
      </c>
      <c r="U3773" s="2">
        <v>2.14</v>
      </c>
      <c r="V3773" s="2">
        <v>1.748</v>
      </c>
      <c r="W3773" s="2">
        <v>1.0999999999999999E-2</v>
      </c>
      <c r="X3773" s="2">
        <v>139.1</v>
      </c>
      <c r="Y3773" s="2">
        <v>7.6</v>
      </c>
      <c r="Z3773" s="2">
        <v>10.6</v>
      </c>
      <c r="AA3773" s="5"/>
      <c r="AB3773" s="5" t="s">
        <v>43</v>
      </c>
      <c r="AC3773" s="5" t="s">
        <v>44</v>
      </c>
      <c r="AD3773" s="2"/>
      <c r="AE3773" s="1"/>
    </row>
    <row r="3774" spans="1:31" ht="14.45">
      <c r="A3774" s="11"/>
      <c r="B3774" s="20"/>
      <c r="C3774" s="2" t="s">
        <v>11776</v>
      </c>
      <c r="D3774" s="14" t="s">
        <v>11777</v>
      </c>
      <c r="E3774" s="2" t="s">
        <v>11778</v>
      </c>
      <c r="F3774" s="2" t="s">
        <v>7615</v>
      </c>
      <c r="G3774" s="8">
        <v>151</v>
      </c>
      <c r="H3774" s="5">
        <v>6</v>
      </c>
      <c r="I3774" s="5" t="s">
        <v>1518</v>
      </c>
      <c r="J3774" s="5" t="s">
        <v>1519</v>
      </c>
      <c r="K3774" s="2" t="s">
        <v>1520</v>
      </c>
      <c r="L3774" s="5" t="s">
        <v>1519</v>
      </c>
      <c r="M3774" s="2" t="s">
        <v>1520</v>
      </c>
      <c r="N3774" s="5" t="s">
        <v>1521</v>
      </c>
      <c r="O3774" s="5" t="s">
        <v>38</v>
      </c>
      <c r="P3774" s="5" t="s">
        <v>39</v>
      </c>
      <c r="Q3774" s="5" t="s">
        <v>40</v>
      </c>
      <c r="R3774" s="5" t="s">
        <v>1522</v>
      </c>
      <c r="S3774" s="5" t="s">
        <v>1523</v>
      </c>
      <c r="T3774" s="5" t="s">
        <v>42</v>
      </c>
      <c r="U3774" s="2">
        <v>2.0609999999999999</v>
      </c>
      <c r="V3774" s="2">
        <v>1.669</v>
      </c>
      <c r="W3774" s="2">
        <v>1.0999999999999999E-2</v>
      </c>
      <c r="X3774" s="2">
        <v>139.1</v>
      </c>
      <c r="Y3774" s="2">
        <v>7.6</v>
      </c>
      <c r="Z3774" s="2">
        <v>10.6</v>
      </c>
      <c r="AA3774" s="5"/>
      <c r="AB3774" s="5" t="s">
        <v>43</v>
      </c>
      <c r="AC3774" s="5" t="s">
        <v>44</v>
      </c>
      <c r="AD3774" s="2"/>
      <c r="AE3774" s="1"/>
    </row>
    <row r="3775" spans="1:31" ht="14.45">
      <c r="A3775" s="11"/>
      <c r="B3775" s="20"/>
      <c r="C3775" s="2" t="s">
        <v>11779</v>
      </c>
      <c r="D3775" s="14" t="s">
        <v>11780</v>
      </c>
      <c r="E3775" s="2" t="s">
        <v>11781</v>
      </c>
      <c r="F3775" s="2" t="s">
        <v>7619</v>
      </c>
      <c r="G3775" s="8">
        <v>151</v>
      </c>
      <c r="H3775" s="5">
        <v>6</v>
      </c>
      <c r="I3775" s="5" t="s">
        <v>1518</v>
      </c>
      <c r="J3775" s="5" t="s">
        <v>1519</v>
      </c>
      <c r="K3775" s="2" t="s">
        <v>1520</v>
      </c>
      <c r="L3775" s="5" t="s">
        <v>1519</v>
      </c>
      <c r="M3775" s="2" t="s">
        <v>1520</v>
      </c>
      <c r="N3775" s="5" t="s">
        <v>1521</v>
      </c>
      <c r="O3775" s="5" t="s">
        <v>38</v>
      </c>
      <c r="P3775" s="5" t="s">
        <v>39</v>
      </c>
      <c r="Q3775" s="5" t="s">
        <v>40</v>
      </c>
      <c r="R3775" s="5" t="s">
        <v>1522</v>
      </c>
      <c r="S3775" s="5" t="s">
        <v>1523</v>
      </c>
      <c r="T3775" s="5" t="s">
        <v>42</v>
      </c>
      <c r="U3775" s="2">
        <v>2.1110000000000002</v>
      </c>
      <c r="V3775" s="2">
        <v>1.7190000000000001</v>
      </c>
      <c r="W3775" s="2">
        <v>1.0999999999999999E-2</v>
      </c>
      <c r="X3775" s="2">
        <v>139.1</v>
      </c>
      <c r="Y3775" s="2">
        <v>7.6</v>
      </c>
      <c r="Z3775" s="2">
        <v>10.6</v>
      </c>
      <c r="AA3775" s="5"/>
      <c r="AB3775" s="5" t="s">
        <v>43</v>
      </c>
      <c r="AC3775" s="5" t="s">
        <v>44</v>
      </c>
      <c r="AD3775" s="2"/>
      <c r="AE3775" s="1"/>
    </row>
    <row r="3776" spans="1:31" ht="14.45">
      <c r="A3776" s="11"/>
      <c r="B3776" s="20"/>
      <c r="C3776" s="2" t="s">
        <v>11782</v>
      </c>
      <c r="D3776" s="14" t="s">
        <v>11783</v>
      </c>
      <c r="E3776" s="2" t="s">
        <v>11784</v>
      </c>
      <c r="F3776" s="2" t="s">
        <v>1823</v>
      </c>
      <c r="G3776" s="8">
        <v>151</v>
      </c>
      <c r="H3776" s="5">
        <v>8</v>
      </c>
      <c r="I3776" s="5" t="s">
        <v>1518</v>
      </c>
      <c r="J3776" s="5" t="s">
        <v>1519</v>
      </c>
      <c r="K3776" s="2" t="s">
        <v>1520</v>
      </c>
      <c r="L3776" s="5" t="s">
        <v>1519</v>
      </c>
      <c r="M3776" s="2" t="s">
        <v>1520</v>
      </c>
      <c r="N3776" s="5" t="s">
        <v>1521</v>
      </c>
      <c r="O3776" s="5" t="s">
        <v>38</v>
      </c>
      <c r="P3776" s="5" t="s">
        <v>39</v>
      </c>
      <c r="Q3776" s="5" t="s">
        <v>40</v>
      </c>
      <c r="R3776" s="5" t="s">
        <v>1522</v>
      </c>
      <c r="S3776" s="5" t="s">
        <v>1523</v>
      </c>
      <c r="T3776" s="5" t="s">
        <v>42</v>
      </c>
      <c r="U3776" s="2">
        <v>2.113</v>
      </c>
      <c r="V3776" s="2">
        <v>1.7210000000000001</v>
      </c>
      <c r="W3776" s="2">
        <v>1.0999999999999999E-2</v>
      </c>
      <c r="X3776" s="2">
        <v>139.1</v>
      </c>
      <c r="Y3776" s="2">
        <v>7.6</v>
      </c>
      <c r="Z3776" s="2">
        <v>10.6</v>
      </c>
      <c r="AA3776" s="5"/>
      <c r="AB3776" s="5" t="s">
        <v>43</v>
      </c>
      <c r="AC3776" s="5" t="s">
        <v>44</v>
      </c>
      <c r="AD3776" s="2"/>
      <c r="AE3776" s="1"/>
    </row>
    <row r="3777" spans="1:31" ht="14.45">
      <c r="A3777" s="11"/>
      <c r="B3777" s="20"/>
      <c r="C3777" s="2" t="s">
        <v>11785</v>
      </c>
      <c r="D3777" s="14" t="s">
        <v>11786</v>
      </c>
      <c r="E3777" s="2" t="s">
        <v>11787</v>
      </c>
      <c r="F3777" s="2" t="s">
        <v>1827</v>
      </c>
      <c r="G3777" s="8">
        <v>151</v>
      </c>
      <c r="H3777" s="5">
        <v>8</v>
      </c>
      <c r="I3777" s="5" t="s">
        <v>1518</v>
      </c>
      <c r="J3777" s="5" t="s">
        <v>1519</v>
      </c>
      <c r="K3777" s="2" t="s">
        <v>1520</v>
      </c>
      <c r="L3777" s="5" t="s">
        <v>1519</v>
      </c>
      <c r="M3777" s="2" t="s">
        <v>1520</v>
      </c>
      <c r="N3777" s="5" t="s">
        <v>1521</v>
      </c>
      <c r="O3777" s="5" t="s">
        <v>38</v>
      </c>
      <c r="P3777" s="5" t="s">
        <v>39</v>
      </c>
      <c r="Q3777" s="5" t="s">
        <v>40</v>
      </c>
      <c r="R3777" s="5" t="s">
        <v>1522</v>
      </c>
      <c r="S3777" s="5" t="s">
        <v>1523</v>
      </c>
      <c r="T3777" s="5" t="s">
        <v>42</v>
      </c>
      <c r="U3777" s="2">
        <v>2.1629999999999998</v>
      </c>
      <c r="V3777" s="2">
        <v>1.7709999999999999</v>
      </c>
      <c r="W3777" s="2">
        <v>1.0999999999999999E-2</v>
      </c>
      <c r="X3777" s="2">
        <v>139.1</v>
      </c>
      <c r="Y3777" s="2">
        <v>7.6</v>
      </c>
      <c r="Z3777" s="2">
        <v>10.6</v>
      </c>
      <c r="AA3777" s="5"/>
      <c r="AB3777" s="5" t="s">
        <v>43</v>
      </c>
      <c r="AC3777" s="5" t="s">
        <v>44</v>
      </c>
      <c r="AD3777" s="2"/>
      <c r="AE3777" s="1"/>
    </row>
    <row r="3778" spans="1:31" ht="14.45">
      <c r="A3778" s="11"/>
      <c r="B3778" s="20"/>
      <c r="C3778" s="2" t="s">
        <v>11788</v>
      </c>
      <c r="D3778" s="14" t="s">
        <v>11789</v>
      </c>
      <c r="E3778" s="2" t="s">
        <v>11790</v>
      </c>
      <c r="F3778" s="2" t="s">
        <v>1973</v>
      </c>
      <c r="G3778" s="8">
        <v>151</v>
      </c>
      <c r="H3778" s="5">
        <v>13</v>
      </c>
      <c r="I3778" s="5" t="s">
        <v>1518</v>
      </c>
      <c r="J3778" s="5" t="s">
        <v>1519</v>
      </c>
      <c r="K3778" s="2" t="s">
        <v>1520</v>
      </c>
      <c r="L3778" s="5" t="s">
        <v>1519</v>
      </c>
      <c r="M3778" s="2" t="s">
        <v>1520</v>
      </c>
      <c r="N3778" s="5" t="s">
        <v>1521</v>
      </c>
      <c r="O3778" s="5" t="s">
        <v>38</v>
      </c>
      <c r="P3778" s="5" t="s">
        <v>39</v>
      </c>
      <c r="Q3778" s="5" t="s">
        <v>40</v>
      </c>
      <c r="R3778" s="5" t="s">
        <v>1522</v>
      </c>
      <c r="S3778" s="5" t="s">
        <v>1523</v>
      </c>
      <c r="T3778" s="5" t="s">
        <v>42</v>
      </c>
      <c r="U3778" s="2">
        <v>2.1240000000000001</v>
      </c>
      <c r="V3778" s="2">
        <v>1.732</v>
      </c>
      <c r="W3778" s="2">
        <v>1.0999999999999999E-2</v>
      </c>
      <c r="X3778" s="2">
        <v>139.1</v>
      </c>
      <c r="Y3778" s="2">
        <v>7.6</v>
      </c>
      <c r="Z3778" s="2">
        <v>10.6</v>
      </c>
      <c r="AA3778" s="5"/>
      <c r="AB3778" s="5" t="s">
        <v>43</v>
      </c>
      <c r="AC3778" s="5" t="s">
        <v>44</v>
      </c>
      <c r="AD3778" s="2"/>
      <c r="AE3778" s="1"/>
    </row>
    <row r="3779" spans="1:31" ht="14.45">
      <c r="A3779" s="11"/>
      <c r="B3779" s="20"/>
      <c r="C3779" s="2" t="s">
        <v>11791</v>
      </c>
      <c r="D3779" s="14" t="s">
        <v>11792</v>
      </c>
      <c r="E3779" s="2" t="s">
        <v>11793</v>
      </c>
      <c r="F3779" s="2" t="s">
        <v>2348</v>
      </c>
      <c r="G3779" s="8">
        <v>151</v>
      </c>
      <c r="H3779" s="5">
        <v>13</v>
      </c>
      <c r="I3779" s="5" t="s">
        <v>1518</v>
      </c>
      <c r="J3779" s="5" t="s">
        <v>1519</v>
      </c>
      <c r="K3779" s="2" t="s">
        <v>1520</v>
      </c>
      <c r="L3779" s="5" t="s">
        <v>1519</v>
      </c>
      <c r="M3779" s="2" t="s">
        <v>1520</v>
      </c>
      <c r="N3779" s="5" t="s">
        <v>1521</v>
      </c>
      <c r="O3779" s="5" t="s">
        <v>38</v>
      </c>
      <c r="P3779" s="5" t="s">
        <v>39</v>
      </c>
      <c r="Q3779" s="5" t="s">
        <v>40</v>
      </c>
      <c r="R3779" s="5" t="s">
        <v>1522</v>
      </c>
      <c r="S3779" s="5" t="s">
        <v>1523</v>
      </c>
      <c r="T3779" s="5" t="s">
        <v>42</v>
      </c>
      <c r="U3779" s="2">
        <v>2.1739999999999999</v>
      </c>
      <c r="V3779" s="2">
        <v>1.782</v>
      </c>
      <c r="W3779" s="2">
        <v>1.0999999999999999E-2</v>
      </c>
      <c r="X3779" s="2">
        <v>139.1</v>
      </c>
      <c r="Y3779" s="2">
        <v>7.6</v>
      </c>
      <c r="Z3779" s="2">
        <v>10.6</v>
      </c>
      <c r="AA3779" s="5"/>
      <c r="AB3779" s="5" t="s">
        <v>43</v>
      </c>
      <c r="AC3779" s="5" t="s">
        <v>44</v>
      </c>
      <c r="AD3779" s="2"/>
      <c r="AE3779" s="1"/>
    </row>
    <row r="3780" spans="1:31" ht="14.45">
      <c r="A3780" s="11"/>
      <c r="B3780" s="20"/>
      <c r="C3780" s="2" t="s">
        <v>11794</v>
      </c>
      <c r="D3780" s="14" t="s">
        <v>11795</v>
      </c>
      <c r="E3780" s="2" t="s">
        <v>11796</v>
      </c>
      <c r="F3780" s="2" t="s">
        <v>2204</v>
      </c>
      <c r="G3780" s="8">
        <v>151</v>
      </c>
      <c r="H3780" s="5">
        <v>13</v>
      </c>
      <c r="I3780" s="5" t="s">
        <v>1518</v>
      </c>
      <c r="J3780" s="5" t="s">
        <v>1519</v>
      </c>
      <c r="K3780" s="2" t="s">
        <v>1520</v>
      </c>
      <c r="L3780" s="5" t="s">
        <v>1519</v>
      </c>
      <c r="M3780" s="2" t="s">
        <v>1520</v>
      </c>
      <c r="N3780" s="5" t="s">
        <v>1521</v>
      </c>
      <c r="O3780" s="5" t="s">
        <v>38</v>
      </c>
      <c r="P3780" s="5" t="s">
        <v>39</v>
      </c>
      <c r="Q3780" s="5" t="s">
        <v>40</v>
      </c>
      <c r="R3780" s="5" t="s">
        <v>1522</v>
      </c>
      <c r="S3780" s="5" t="s">
        <v>1523</v>
      </c>
      <c r="T3780" s="5" t="s">
        <v>42</v>
      </c>
      <c r="U3780" s="2">
        <v>2.1240000000000001</v>
      </c>
      <c r="V3780" s="2">
        <v>1.732</v>
      </c>
      <c r="W3780" s="2">
        <v>1.0999999999999999E-2</v>
      </c>
      <c r="X3780" s="2">
        <v>139.1</v>
      </c>
      <c r="Y3780" s="2">
        <v>7.6</v>
      </c>
      <c r="Z3780" s="2">
        <v>10.6</v>
      </c>
      <c r="AA3780" s="5"/>
      <c r="AB3780" s="5" t="s">
        <v>43</v>
      </c>
      <c r="AC3780" s="5" t="s">
        <v>44</v>
      </c>
      <c r="AD3780" s="2"/>
      <c r="AE3780" s="1"/>
    </row>
    <row r="3781" spans="1:31" ht="14.45">
      <c r="A3781" s="11"/>
      <c r="B3781" s="20"/>
      <c r="C3781" s="2" t="s">
        <v>11797</v>
      </c>
      <c r="D3781" s="14" t="s">
        <v>11798</v>
      </c>
      <c r="E3781" s="2" t="s">
        <v>11799</v>
      </c>
      <c r="F3781" s="2" t="s">
        <v>2724</v>
      </c>
      <c r="G3781" s="8">
        <v>151</v>
      </c>
      <c r="H3781" s="5">
        <v>13</v>
      </c>
      <c r="I3781" s="5" t="s">
        <v>1518</v>
      </c>
      <c r="J3781" s="5" t="s">
        <v>1519</v>
      </c>
      <c r="K3781" s="2" t="s">
        <v>1520</v>
      </c>
      <c r="L3781" s="5" t="s">
        <v>1519</v>
      </c>
      <c r="M3781" s="2" t="s">
        <v>1520</v>
      </c>
      <c r="N3781" s="5" t="s">
        <v>1521</v>
      </c>
      <c r="O3781" s="5" t="s">
        <v>38</v>
      </c>
      <c r="P3781" s="5" t="s">
        <v>39</v>
      </c>
      <c r="Q3781" s="5" t="s">
        <v>40</v>
      </c>
      <c r="R3781" s="5" t="s">
        <v>1522</v>
      </c>
      <c r="S3781" s="5" t="s">
        <v>1523</v>
      </c>
      <c r="T3781" s="5" t="s">
        <v>42</v>
      </c>
      <c r="U3781" s="2">
        <v>2.1739999999999999</v>
      </c>
      <c r="V3781" s="2">
        <v>1.782</v>
      </c>
      <c r="W3781" s="2">
        <v>1.0999999999999999E-2</v>
      </c>
      <c r="X3781" s="2">
        <v>139.1</v>
      </c>
      <c r="Y3781" s="2">
        <v>7.6</v>
      </c>
      <c r="Z3781" s="2">
        <v>10.6</v>
      </c>
      <c r="AA3781" s="5"/>
      <c r="AB3781" s="5" t="s">
        <v>43</v>
      </c>
      <c r="AC3781" s="5" t="s">
        <v>44</v>
      </c>
      <c r="AD3781" s="2"/>
      <c r="AE3781" s="1"/>
    </row>
    <row r="3782" spans="1:31" ht="14.45">
      <c r="A3782" s="11"/>
      <c r="B3782" s="20"/>
      <c r="C3782" s="2" t="s">
        <v>11800</v>
      </c>
      <c r="D3782" s="14" t="s">
        <v>11801</v>
      </c>
      <c r="E3782" s="2" t="s">
        <v>11802</v>
      </c>
      <c r="F3782" s="2" t="s">
        <v>2208</v>
      </c>
      <c r="G3782" s="8">
        <v>151</v>
      </c>
      <c r="H3782" s="5">
        <v>13</v>
      </c>
      <c r="I3782" s="5" t="s">
        <v>1518</v>
      </c>
      <c r="J3782" s="5" t="s">
        <v>1519</v>
      </c>
      <c r="K3782" s="2" t="s">
        <v>1520</v>
      </c>
      <c r="L3782" s="5" t="s">
        <v>1519</v>
      </c>
      <c r="M3782" s="2" t="s">
        <v>1520</v>
      </c>
      <c r="N3782" s="5" t="s">
        <v>1521</v>
      </c>
      <c r="O3782" s="5" t="s">
        <v>38</v>
      </c>
      <c r="P3782" s="5" t="s">
        <v>39</v>
      </c>
      <c r="Q3782" s="5" t="s">
        <v>40</v>
      </c>
      <c r="R3782" s="5" t="s">
        <v>1522</v>
      </c>
      <c r="S3782" s="5" t="s">
        <v>1523</v>
      </c>
      <c r="T3782" s="5" t="s">
        <v>42</v>
      </c>
      <c r="U3782" s="2">
        <v>2.1240000000000001</v>
      </c>
      <c r="V3782" s="2">
        <v>1.732</v>
      </c>
      <c r="W3782" s="2">
        <v>1.0999999999999999E-2</v>
      </c>
      <c r="X3782" s="2">
        <v>139.1</v>
      </c>
      <c r="Y3782" s="2">
        <v>7.6</v>
      </c>
      <c r="Z3782" s="2">
        <v>10.6</v>
      </c>
      <c r="AA3782" s="5"/>
      <c r="AB3782" s="5" t="s">
        <v>43</v>
      </c>
      <c r="AC3782" s="5" t="s">
        <v>44</v>
      </c>
      <c r="AD3782" s="2"/>
      <c r="AE3782" s="1"/>
    </row>
    <row r="3783" spans="1:31" ht="14.45">
      <c r="A3783" s="11"/>
      <c r="B3783" s="20"/>
      <c r="C3783" s="2" t="s">
        <v>11803</v>
      </c>
      <c r="D3783" s="14" t="s">
        <v>11804</v>
      </c>
      <c r="E3783" s="2" t="s">
        <v>11805</v>
      </c>
      <c r="F3783" s="2" t="s">
        <v>2212</v>
      </c>
      <c r="G3783" s="8">
        <v>151</v>
      </c>
      <c r="H3783" s="5">
        <v>13</v>
      </c>
      <c r="I3783" s="5" t="s">
        <v>1518</v>
      </c>
      <c r="J3783" s="5" t="s">
        <v>1519</v>
      </c>
      <c r="K3783" s="2" t="s">
        <v>1520</v>
      </c>
      <c r="L3783" s="5" t="s">
        <v>1519</v>
      </c>
      <c r="M3783" s="2" t="s">
        <v>1520</v>
      </c>
      <c r="N3783" s="5" t="s">
        <v>1521</v>
      </c>
      <c r="O3783" s="5" t="s">
        <v>38</v>
      </c>
      <c r="P3783" s="5" t="s">
        <v>39</v>
      </c>
      <c r="Q3783" s="5" t="s">
        <v>40</v>
      </c>
      <c r="R3783" s="5" t="s">
        <v>1522</v>
      </c>
      <c r="S3783" s="5" t="s">
        <v>1523</v>
      </c>
      <c r="T3783" s="5" t="s">
        <v>42</v>
      </c>
      <c r="U3783" s="2">
        <v>2.1739999999999999</v>
      </c>
      <c r="V3783" s="2">
        <v>1.782</v>
      </c>
      <c r="W3783" s="2">
        <v>1.0999999999999999E-2</v>
      </c>
      <c r="X3783" s="2">
        <v>139.1</v>
      </c>
      <c r="Y3783" s="2">
        <v>7.6</v>
      </c>
      <c r="Z3783" s="2">
        <v>10.6</v>
      </c>
      <c r="AA3783" s="5"/>
      <c r="AB3783" s="5" t="s">
        <v>43</v>
      </c>
      <c r="AC3783" s="5" t="s">
        <v>44</v>
      </c>
      <c r="AD3783" s="2"/>
      <c r="AE3783" s="1"/>
    </row>
    <row r="3784" spans="1:31" ht="14.45">
      <c r="A3784" s="11"/>
      <c r="B3784" s="20"/>
      <c r="C3784" s="2" t="s">
        <v>11806</v>
      </c>
      <c r="D3784" s="14" t="s">
        <v>11807</v>
      </c>
      <c r="E3784" s="2" t="s">
        <v>11808</v>
      </c>
      <c r="F3784" s="2" t="s">
        <v>1831</v>
      </c>
      <c r="G3784" s="8">
        <v>151</v>
      </c>
      <c r="H3784" s="5">
        <v>13</v>
      </c>
      <c r="I3784" s="5" t="s">
        <v>1518</v>
      </c>
      <c r="J3784" s="5" t="s">
        <v>1519</v>
      </c>
      <c r="K3784" s="2" t="s">
        <v>1520</v>
      </c>
      <c r="L3784" s="5" t="s">
        <v>1519</v>
      </c>
      <c r="M3784" s="2" t="s">
        <v>1520</v>
      </c>
      <c r="N3784" s="5" t="s">
        <v>1521</v>
      </c>
      <c r="O3784" s="5" t="s">
        <v>38</v>
      </c>
      <c r="P3784" s="5" t="s">
        <v>39</v>
      </c>
      <c r="Q3784" s="5" t="s">
        <v>40</v>
      </c>
      <c r="R3784" s="5" t="s">
        <v>1522</v>
      </c>
      <c r="S3784" s="5" t="s">
        <v>1523</v>
      </c>
      <c r="T3784" s="5" t="s">
        <v>42</v>
      </c>
      <c r="U3784" s="2">
        <v>2.1240000000000001</v>
      </c>
      <c r="V3784" s="2">
        <v>1.732</v>
      </c>
      <c r="W3784" s="2">
        <v>1.0999999999999999E-2</v>
      </c>
      <c r="X3784" s="2">
        <v>139.1</v>
      </c>
      <c r="Y3784" s="2">
        <v>7.6</v>
      </c>
      <c r="Z3784" s="2">
        <v>10.6</v>
      </c>
      <c r="AA3784" s="5"/>
      <c r="AB3784" s="5" t="s">
        <v>43</v>
      </c>
      <c r="AC3784" s="5" t="s">
        <v>44</v>
      </c>
      <c r="AD3784" s="2"/>
      <c r="AE3784" s="1"/>
    </row>
    <row r="3785" spans="1:31" ht="14.45">
      <c r="A3785" s="11"/>
      <c r="B3785" s="20"/>
      <c r="C3785" s="2" t="s">
        <v>11809</v>
      </c>
      <c r="D3785" s="14" t="s">
        <v>11810</v>
      </c>
      <c r="E3785" s="2" t="s">
        <v>11811</v>
      </c>
      <c r="F3785" s="2" t="s">
        <v>1835</v>
      </c>
      <c r="G3785" s="8">
        <v>151</v>
      </c>
      <c r="H3785" s="5">
        <v>13</v>
      </c>
      <c r="I3785" s="5" t="s">
        <v>1518</v>
      </c>
      <c r="J3785" s="5" t="s">
        <v>1519</v>
      </c>
      <c r="K3785" s="2" t="s">
        <v>1520</v>
      </c>
      <c r="L3785" s="5" t="s">
        <v>1519</v>
      </c>
      <c r="M3785" s="2" t="s">
        <v>1520</v>
      </c>
      <c r="N3785" s="5" t="s">
        <v>1521</v>
      </c>
      <c r="O3785" s="5" t="s">
        <v>38</v>
      </c>
      <c r="P3785" s="5" t="s">
        <v>39</v>
      </c>
      <c r="Q3785" s="5" t="s">
        <v>40</v>
      </c>
      <c r="R3785" s="5" t="s">
        <v>1522</v>
      </c>
      <c r="S3785" s="5" t="s">
        <v>1523</v>
      </c>
      <c r="T3785" s="5" t="s">
        <v>42</v>
      </c>
      <c r="U3785" s="2">
        <v>2.1739999999999999</v>
      </c>
      <c r="V3785" s="2">
        <v>1.782</v>
      </c>
      <c r="W3785" s="2">
        <v>1.0999999999999999E-2</v>
      </c>
      <c r="X3785" s="2">
        <v>139.1</v>
      </c>
      <c r="Y3785" s="2">
        <v>7.6</v>
      </c>
      <c r="Z3785" s="2">
        <v>10.6</v>
      </c>
      <c r="AA3785" s="5"/>
      <c r="AB3785" s="5" t="s">
        <v>43</v>
      </c>
      <c r="AC3785" s="5" t="s">
        <v>44</v>
      </c>
      <c r="AD3785" s="2"/>
      <c r="AE3785" s="1"/>
    </row>
    <row r="3786" spans="1:31" ht="14.45">
      <c r="A3786" s="11"/>
      <c r="B3786" s="20"/>
      <c r="C3786" s="2" t="s">
        <v>11812</v>
      </c>
      <c r="D3786" s="14" t="s">
        <v>11813</v>
      </c>
      <c r="E3786" s="2" t="s">
        <v>11814</v>
      </c>
      <c r="F3786" s="2" t="s">
        <v>1839</v>
      </c>
      <c r="G3786" s="8">
        <v>151</v>
      </c>
      <c r="H3786" s="5">
        <v>13</v>
      </c>
      <c r="I3786" s="5" t="s">
        <v>1518</v>
      </c>
      <c r="J3786" s="5" t="s">
        <v>1519</v>
      </c>
      <c r="K3786" s="2" t="s">
        <v>1520</v>
      </c>
      <c r="L3786" s="5" t="s">
        <v>1519</v>
      </c>
      <c r="M3786" s="2" t="s">
        <v>1520</v>
      </c>
      <c r="N3786" s="5" t="s">
        <v>1521</v>
      </c>
      <c r="O3786" s="5" t="s">
        <v>38</v>
      </c>
      <c r="P3786" s="5" t="s">
        <v>39</v>
      </c>
      <c r="Q3786" s="5" t="s">
        <v>40</v>
      </c>
      <c r="R3786" s="5" t="s">
        <v>1522</v>
      </c>
      <c r="S3786" s="5" t="s">
        <v>1523</v>
      </c>
      <c r="T3786" s="5" t="s">
        <v>42</v>
      </c>
      <c r="U3786" s="2">
        <v>2.1240000000000001</v>
      </c>
      <c r="V3786" s="2">
        <v>1.732</v>
      </c>
      <c r="W3786" s="2">
        <v>1.0999999999999999E-2</v>
      </c>
      <c r="X3786" s="2">
        <v>139.1</v>
      </c>
      <c r="Y3786" s="2">
        <v>7.6</v>
      </c>
      <c r="Z3786" s="2">
        <v>10.6</v>
      </c>
      <c r="AA3786" s="5"/>
      <c r="AB3786" s="5" t="s">
        <v>43</v>
      </c>
      <c r="AC3786" s="5" t="s">
        <v>44</v>
      </c>
      <c r="AD3786" s="2"/>
      <c r="AE3786" s="1"/>
    </row>
    <row r="3787" spans="1:31" ht="14.45">
      <c r="A3787" s="11"/>
      <c r="B3787" s="20"/>
      <c r="C3787" s="2" t="s">
        <v>11815</v>
      </c>
      <c r="D3787" s="14" t="s">
        <v>11816</v>
      </c>
      <c r="E3787" s="2" t="s">
        <v>11817</v>
      </c>
      <c r="F3787" s="2" t="s">
        <v>1986</v>
      </c>
      <c r="G3787" s="8">
        <v>151</v>
      </c>
      <c r="H3787" s="5">
        <v>13</v>
      </c>
      <c r="I3787" s="5" t="s">
        <v>1518</v>
      </c>
      <c r="J3787" s="5" t="s">
        <v>1519</v>
      </c>
      <c r="K3787" s="2" t="s">
        <v>1520</v>
      </c>
      <c r="L3787" s="5" t="s">
        <v>1519</v>
      </c>
      <c r="M3787" s="2" t="s">
        <v>1520</v>
      </c>
      <c r="N3787" s="5" t="s">
        <v>1521</v>
      </c>
      <c r="O3787" s="5" t="s">
        <v>38</v>
      </c>
      <c r="P3787" s="5" t="s">
        <v>39</v>
      </c>
      <c r="Q3787" s="5" t="s">
        <v>40</v>
      </c>
      <c r="R3787" s="5" t="s">
        <v>1522</v>
      </c>
      <c r="S3787" s="5" t="s">
        <v>1523</v>
      </c>
      <c r="T3787" s="5" t="s">
        <v>42</v>
      </c>
      <c r="U3787" s="2">
        <v>2.1739999999999999</v>
      </c>
      <c r="V3787" s="2">
        <v>1.782</v>
      </c>
      <c r="W3787" s="2">
        <v>1.0999999999999999E-2</v>
      </c>
      <c r="X3787" s="2">
        <v>139.1</v>
      </c>
      <c r="Y3787" s="2">
        <v>7.6</v>
      </c>
      <c r="Z3787" s="2">
        <v>10.6</v>
      </c>
      <c r="AA3787" s="5"/>
      <c r="AB3787" s="5" t="s">
        <v>43</v>
      </c>
      <c r="AC3787" s="5" t="s">
        <v>44</v>
      </c>
      <c r="AD3787" s="2"/>
      <c r="AE3787" s="1"/>
    </row>
    <row r="3788" spans="1:31" ht="14.45">
      <c r="A3788" s="11"/>
      <c r="B3788" s="20"/>
      <c r="C3788" s="2" t="s">
        <v>11818</v>
      </c>
      <c r="D3788" s="14" t="s">
        <v>11819</v>
      </c>
      <c r="E3788" s="2" t="s">
        <v>11820</v>
      </c>
      <c r="F3788" s="2" t="s">
        <v>1843</v>
      </c>
      <c r="G3788" s="8">
        <v>151</v>
      </c>
      <c r="H3788" s="5">
        <v>13</v>
      </c>
      <c r="I3788" s="5" t="s">
        <v>1518</v>
      </c>
      <c r="J3788" s="5" t="s">
        <v>1519</v>
      </c>
      <c r="K3788" s="2" t="s">
        <v>1520</v>
      </c>
      <c r="L3788" s="5" t="s">
        <v>1519</v>
      </c>
      <c r="M3788" s="2" t="s">
        <v>1520</v>
      </c>
      <c r="N3788" s="5" t="s">
        <v>1521</v>
      </c>
      <c r="O3788" s="5" t="s">
        <v>38</v>
      </c>
      <c r="P3788" s="5" t="s">
        <v>39</v>
      </c>
      <c r="Q3788" s="5" t="s">
        <v>40</v>
      </c>
      <c r="R3788" s="5" t="s">
        <v>1522</v>
      </c>
      <c r="S3788" s="5" t="s">
        <v>1523</v>
      </c>
      <c r="T3788" s="5" t="s">
        <v>42</v>
      </c>
      <c r="U3788" s="2">
        <v>2.1240000000000001</v>
      </c>
      <c r="V3788" s="2">
        <v>1.732</v>
      </c>
      <c r="W3788" s="2">
        <v>1.0999999999999999E-2</v>
      </c>
      <c r="X3788" s="2">
        <v>139.1</v>
      </c>
      <c r="Y3788" s="2">
        <v>7.6</v>
      </c>
      <c r="Z3788" s="2">
        <v>10.6</v>
      </c>
      <c r="AA3788" s="5"/>
      <c r="AB3788" s="5" t="s">
        <v>43</v>
      </c>
      <c r="AC3788" s="5" t="s">
        <v>44</v>
      </c>
      <c r="AD3788" s="2"/>
      <c r="AE3788" s="1"/>
    </row>
    <row r="3789" spans="1:31" ht="14.45">
      <c r="A3789" s="11"/>
      <c r="B3789" s="20"/>
      <c r="C3789" s="2" t="s">
        <v>11821</v>
      </c>
      <c r="D3789" s="14" t="s">
        <v>11822</v>
      </c>
      <c r="E3789" s="2" t="s">
        <v>11823</v>
      </c>
      <c r="F3789" s="2" t="s">
        <v>1847</v>
      </c>
      <c r="G3789" s="8">
        <v>151</v>
      </c>
      <c r="H3789" s="5">
        <v>13</v>
      </c>
      <c r="I3789" s="5" t="s">
        <v>1518</v>
      </c>
      <c r="J3789" s="5" t="s">
        <v>1519</v>
      </c>
      <c r="K3789" s="2" t="s">
        <v>1520</v>
      </c>
      <c r="L3789" s="5" t="s">
        <v>1519</v>
      </c>
      <c r="M3789" s="2" t="s">
        <v>1520</v>
      </c>
      <c r="N3789" s="5" t="s">
        <v>1521</v>
      </c>
      <c r="O3789" s="5" t="s">
        <v>38</v>
      </c>
      <c r="P3789" s="5" t="s">
        <v>39</v>
      </c>
      <c r="Q3789" s="5" t="s">
        <v>40</v>
      </c>
      <c r="R3789" s="5" t="s">
        <v>1522</v>
      </c>
      <c r="S3789" s="5" t="s">
        <v>1523</v>
      </c>
      <c r="T3789" s="5" t="s">
        <v>42</v>
      </c>
      <c r="U3789" s="2">
        <v>2.1739999999999999</v>
      </c>
      <c r="V3789" s="2">
        <v>1.782</v>
      </c>
      <c r="W3789" s="2">
        <v>1.0999999999999999E-2</v>
      </c>
      <c r="X3789" s="2">
        <v>139.1</v>
      </c>
      <c r="Y3789" s="2">
        <v>7.6</v>
      </c>
      <c r="Z3789" s="2">
        <v>10.6</v>
      </c>
      <c r="AA3789" s="5"/>
      <c r="AB3789" s="5" t="s">
        <v>43</v>
      </c>
      <c r="AC3789" s="5" t="s">
        <v>44</v>
      </c>
      <c r="AD3789" s="2"/>
      <c r="AE3789" s="1"/>
    </row>
    <row r="3790" spans="1:31" ht="14.45">
      <c r="A3790" s="11"/>
      <c r="B3790" s="20"/>
      <c r="C3790" s="2" t="s">
        <v>11824</v>
      </c>
      <c r="D3790" s="14" t="s">
        <v>11825</v>
      </c>
      <c r="E3790" s="2" t="s">
        <v>11826</v>
      </c>
      <c r="F3790" s="2" t="s">
        <v>1851</v>
      </c>
      <c r="G3790" s="8">
        <v>151</v>
      </c>
      <c r="H3790" s="5">
        <v>13</v>
      </c>
      <c r="I3790" s="5" t="s">
        <v>1518</v>
      </c>
      <c r="J3790" s="5" t="s">
        <v>1519</v>
      </c>
      <c r="K3790" s="2" t="s">
        <v>1520</v>
      </c>
      <c r="L3790" s="5" t="s">
        <v>1519</v>
      </c>
      <c r="M3790" s="2" t="s">
        <v>1520</v>
      </c>
      <c r="N3790" s="5" t="s">
        <v>1521</v>
      </c>
      <c r="O3790" s="5" t="s">
        <v>38</v>
      </c>
      <c r="P3790" s="5" t="s">
        <v>39</v>
      </c>
      <c r="Q3790" s="5" t="s">
        <v>40</v>
      </c>
      <c r="R3790" s="5" t="s">
        <v>1522</v>
      </c>
      <c r="S3790" s="5" t="s">
        <v>1523</v>
      </c>
      <c r="T3790" s="5" t="s">
        <v>42</v>
      </c>
      <c r="U3790" s="2">
        <v>2.1240000000000001</v>
      </c>
      <c r="V3790" s="2">
        <v>1.732</v>
      </c>
      <c r="W3790" s="2">
        <v>1.0999999999999999E-2</v>
      </c>
      <c r="X3790" s="2">
        <v>139.1</v>
      </c>
      <c r="Y3790" s="2">
        <v>7.6</v>
      </c>
      <c r="Z3790" s="2">
        <v>10.6</v>
      </c>
      <c r="AA3790" s="5"/>
      <c r="AB3790" s="5" t="s">
        <v>43</v>
      </c>
      <c r="AC3790" s="5" t="s">
        <v>44</v>
      </c>
      <c r="AD3790" s="2"/>
      <c r="AE3790" s="1"/>
    </row>
    <row r="3791" spans="1:31" ht="14.45">
      <c r="A3791" s="11"/>
      <c r="B3791" s="20"/>
      <c r="C3791" s="2" t="s">
        <v>11827</v>
      </c>
      <c r="D3791" s="14" t="s">
        <v>11828</v>
      </c>
      <c r="E3791" s="2" t="s">
        <v>11829</v>
      </c>
      <c r="F3791" s="2" t="s">
        <v>1999</v>
      </c>
      <c r="G3791" s="8">
        <v>151</v>
      </c>
      <c r="H3791" s="5">
        <v>13</v>
      </c>
      <c r="I3791" s="5" t="s">
        <v>1518</v>
      </c>
      <c r="J3791" s="5" t="s">
        <v>1519</v>
      </c>
      <c r="K3791" s="2" t="s">
        <v>1520</v>
      </c>
      <c r="L3791" s="5" t="s">
        <v>1519</v>
      </c>
      <c r="M3791" s="2" t="s">
        <v>1520</v>
      </c>
      <c r="N3791" s="5" t="s">
        <v>1521</v>
      </c>
      <c r="O3791" s="5" t="s">
        <v>38</v>
      </c>
      <c r="P3791" s="5" t="s">
        <v>39</v>
      </c>
      <c r="Q3791" s="5" t="s">
        <v>40</v>
      </c>
      <c r="R3791" s="5" t="s">
        <v>1522</v>
      </c>
      <c r="S3791" s="5" t="s">
        <v>1523</v>
      </c>
      <c r="T3791" s="5" t="s">
        <v>42</v>
      </c>
      <c r="U3791" s="2">
        <v>2.1739999999999999</v>
      </c>
      <c r="V3791" s="2">
        <v>1.782</v>
      </c>
      <c r="W3791" s="2">
        <v>1.0999999999999999E-2</v>
      </c>
      <c r="X3791" s="2">
        <v>139.1</v>
      </c>
      <c r="Y3791" s="2">
        <v>7.6</v>
      </c>
      <c r="Z3791" s="2">
        <v>10.6</v>
      </c>
      <c r="AA3791" s="5"/>
      <c r="AB3791" s="5" t="s">
        <v>43</v>
      </c>
      <c r="AC3791" s="5" t="s">
        <v>44</v>
      </c>
      <c r="AD3791" s="2"/>
      <c r="AE3791" s="1"/>
    </row>
    <row r="3792" spans="1:31" ht="14.45">
      <c r="A3792" s="11"/>
      <c r="B3792" s="20"/>
      <c r="C3792" s="2" t="s">
        <v>11830</v>
      </c>
      <c r="D3792" s="14" t="s">
        <v>11831</v>
      </c>
      <c r="E3792" s="2" t="s">
        <v>11832</v>
      </c>
      <c r="F3792" s="2" t="s">
        <v>1855</v>
      </c>
      <c r="G3792" s="8">
        <v>151</v>
      </c>
      <c r="H3792" s="5">
        <v>13</v>
      </c>
      <c r="I3792" s="5" t="s">
        <v>1518</v>
      </c>
      <c r="J3792" s="5" t="s">
        <v>1519</v>
      </c>
      <c r="K3792" s="2" t="s">
        <v>1520</v>
      </c>
      <c r="L3792" s="5" t="s">
        <v>1519</v>
      </c>
      <c r="M3792" s="2" t="s">
        <v>1520</v>
      </c>
      <c r="N3792" s="5" t="s">
        <v>1521</v>
      </c>
      <c r="O3792" s="5" t="s">
        <v>38</v>
      </c>
      <c r="P3792" s="5" t="s">
        <v>39</v>
      </c>
      <c r="Q3792" s="5" t="s">
        <v>40</v>
      </c>
      <c r="R3792" s="5" t="s">
        <v>1522</v>
      </c>
      <c r="S3792" s="5" t="s">
        <v>1523</v>
      </c>
      <c r="T3792" s="5" t="s">
        <v>42</v>
      </c>
      <c r="U3792" s="2">
        <v>2.1240000000000001</v>
      </c>
      <c r="V3792" s="2">
        <v>1.732</v>
      </c>
      <c r="W3792" s="2">
        <v>1.0999999999999999E-2</v>
      </c>
      <c r="X3792" s="2">
        <v>139.1</v>
      </c>
      <c r="Y3792" s="2">
        <v>7.6</v>
      </c>
      <c r="Z3792" s="2">
        <v>10.6</v>
      </c>
      <c r="AA3792" s="5"/>
      <c r="AB3792" s="5" t="s">
        <v>43</v>
      </c>
      <c r="AC3792" s="5" t="s">
        <v>44</v>
      </c>
      <c r="AD3792" s="2"/>
      <c r="AE3792" s="1"/>
    </row>
    <row r="3793" spans="1:31" ht="14.45">
      <c r="A3793" s="11"/>
      <c r="B3793" s="20"/>
      <c r="C3793" s="2" t="s">
        <v>11833</v>
      </c>
      <c r="D3793" s="14" t="s">
        <v>11834</v>
      </c>
      <c r="E3793" s="2" t="s">
        <v>11835</v>
      </c>
      <c r="F3793" s="2" t="s">
        <v>1859</v>
      </c>
      <c r="G3793" s="8">
        <v>151</v>
      </c>
      <c r="H3793" s="5">
        <v>13</v>
      </c>
      <c r="I3793" s="5" t="s">
        <v>1518</v>
      </c>
      <c r="J3793" s="5" t="s">
        <v>1519</v>
      </c>
      <c r="K3793" s="2" t="s">
        <v>1520</v>
      </c>
      <c r="L3793" s="5" t="s">
        <v>1519</v>
      </c>
      <c r="M3793" s="2" t="s">
        <v>1520</v>
      </c>
      <c r="N3793" s="5" t="s">
        <v>1521</v>
      </c>
      <c r="O3793" s="5" t="s">
        <v>38</v>
      </c>
      <c r="P3793" s="5" t="s">
        <v>39</v>
      </c>
      <c r="Q3793" s="5" t="s">
        <v>40</v>
      </c>
      <c r="R3793" s="5" t="s">
        <v>1522</v>
      </c>
      <c r="S3793" s="5" t="s">
        <v>1523</v>
      </c>
      <c r="T3793" s="5" t="s">
        <v>42</v>
      </c>
      <c r="U3793" s="2">
        <v>2.1739999999999999</v>
      </c>
      <c r="V3793" s="2">
        <v>1.782</v>
      </c>
      <c r="W3793" s="2">
        <v>1.0999999999999999E-2</v>
      </c>
      <c r="X3793" s="2">
        <v>139.1</v>
      </c>
      <c r="Y3793" s="2">
        <v>7.6</v>
      </c>
      <c r="Z3793" s="2">
        <v>10.6</v>
      </c>
      <c r="AA3793" s="5"/>
      <c r="AB3793" s="5" t="s">
        <v>43</v>
      </c>
      <c r="AC3793" s="5" t="s">
        <v>44</v>
      </c>
      <c r="AD3793" s="2"/>
      <c r="AE3793" s="1"/>
    </row>
    <row r="3794" spans="1:31" ht="14.45">
      <c r="A3794" s="11"/>
      <c r="B3794" s="20"/>
      <c r="C3794" s="2" t="s">
        <v>11836</v>
      </c>
      <c r="D3794" s="14" t="s">
        <v>11837</v>
      </c>
      <c r="E3794" s="2" t="s">
        <v>11838</v>
      </c>
      <c r="F3794" s="2" t="s">
        <v>1863</v>
      </c>
      <c r="G3794" s="8">
        <v>151</v>
      </c>
      <c r="H3794" s="5">
        <v>11</v>
      </c>
      <c r="I3794" s="5" t="s">
        <v>1518</v>
      </c>
      <c r="J3794" s="5" t="s">
        <v>1519</v>
      </c>
      <c r="K3794" s="2" t="s">
        <v>1520</v>
      </c>
      <c r="L3794" s="5" t="s">
        <v>1519</v>
      </c>
      <c r="M3794" s="2" t="s">
        <v>1520</v>
      </c>
      <c r="N3794" s="5" t="s">
        <v>1521</v>
      </c>
      <c r="O3794" s="5" t="s">
        <v>38</v>
      </c>
      <c r="P3794" s="5" t="s">
        <v>39</v>
      </c>
      <c r="Q3794" s="5" t="s">
        <v>40</v>
      </c>
      <c r="R3794" s="5" t="s">
        <v>1522</v>
      </c>
      <c r="S3794" s="5" t="s">
        <v>1523</v>
      </c>
      <c r="T3794" s="5" t="s">
        <v>42</v>
      </c>
      <c r="U3794" s="2">
        <v>2.069</v>
      </c>
      <c r="V3794" s="2">
        <v>1.675</v>
      </c>
      <c r="W3794" s="2">
        <v>1.0999999999999999E-2</v>
      </c>
      <c r="X3794" s="2">
        <v>139.1</v>
      </c>
      <c r="Y3794" s="2">
        <v>7.6</v>
      </c>
      <c r="Z3794" s="2">
        <v>10.6</v>
      </c>
      <c r="AA3794" s="5"/>
      <c r="AB3794" s="5" t="s">
        <v>43</v>
      </c>
      <c r="AC3794" s="5" t="s">
        <v>44</v>
      </c>
      <c r="AD3794" s="2"/>
      <c r="AE3794" s="1"/>
    </row>
    <row r="3795" spans="1:31" ht="14.45">
      <c r="A3795" s="11"/>
      <c r="B3795" s="20"/>
      <c r="C3795" s="2" t="s">
        <v>11839</v>
      </c>
      <c r="D3795" s="14" t="s">
        <v>11840</v>
      </c>
      <c r="E3795" s="2" t="s">
        <v>11841</v>
      </c>
      <c r="F3795" s="2" t="s">
        <v>1867</v>
      </c>
      <c r="G3795" s="8">
        <v>151</v>
      </c>
      <c r="H3795" s="5">
        <v>11</v>
      </c>
      <c r="I3795" s="5" t="s">
        <v>1518</v>
      </c>
      <c r="J3795" s="5" t="s">
        <v>1519</v>
      </c>
      <c r="K3795" s="2" t="s">
        <v>1520</v>
      </c>
      <c r="L3795" s="5" t="s">
        <v>1519</v>
      </c>
      <c r="M3795" s="2" t="s">
        <v>1520</v>
      </c>
      <c r="N3795" s="5" t="s">
        <v>1521</v>
      </c>
      <c r="O3795" s="5" t="s">
        <v>38</v>
      </c>
      <c r="P3795" s="5" t="s">
        <v>39</v>
      </c>
      <c r="Q3795" s="5" t="s">
        <v>40</v>
      </c>
      <c r="R3795" s="5" t="s">
        <v>1522</v>
      </c>
      <c r="S3795" s="5" t="s">
        <v>1523</v>
      </c>
      <c r="T3795" s="5" t="s">
        <v>42</v>
      </c>
      <c r="U3795" s="2">
        <v>2.1190000000000002</v>
      </c>
      <c r="V3795" s="2">
        <v>1.7250000000000001</v>
      </c>
      <c r="W3795" s="2">
        <v>1.0999999999999999E-2</v>
      </c>
      <c r="X3795" s="2">
        <v>139.1</v>
      </c>
      <c r="Y3795" s="2">
        <v>7.6</v>
      </c>
      <c r="Z3795" s="2">
        <v>10.6</v>
      </c>
      <c r="AA3795" s="5"/>
      <c r="AB3795" s="5" t="s">
        <v>43</v>
      </c>
      <c r="AC3795" s="5" t="s">
        <v>44</v>
      </c>
      <c r="AD3795" s="2"/>
      <c r="AE3795" s="1"/>
    </row>
    <row r="3796" spans="1:31" ht="14.45">
      <c r="A3796" s="11"/>
      <c r="B3796" s="20"/>
      <c r="C3796" s="2" t="s">
        <v>11842</v>
      </c>
      <c r="D3796" s="14" t="s">
        <v>11843</v>
      </c>
      <c r="E3796" s="2" t="s">
        <v>11844</v>
      </c>
      <c r="F3796" s="2" t="s">
        <v>7396</v>
      </c>
      <c r="G3796" s="8">
        <v>143</v>
      </c>
      <c r="H3796" s="5">
        <v>5</v>
      </c>
      <c r="I3796" s="5" t="s">
        <v>1518</v>
      </c>
      <c r="J3796" s="5" t="s">
        <v>1519</v>
      </c>
      <c r="K3796" s="2" t="s">
        <v>1520</v>
      </c>
      <c r="L3796" s="5" t="s">
        <v>1519</v>
      </c>
      <c r="M3796" s="2" t="s">
        <v>1520</v>
      </c>
      <c r="N3796" s="5" t="s">
        <v>1521</v>
      </c>
      <c r="O3796" s="5" t="s">
        <v>38</v>
      </c>
      <c r="P3796" s="5" t="s">
        <v>39</v>
      </c>
      <c r="Q3796" s="5" t="s">
        <v>40</v>
      </c>
      <c r="R3796" s="5" t="s">
        <v>1522</v>
      </c>
      <c r="S3796" s="5" t="s">
        <v>1523</v>
      </c>
      <c r="T3796" s="5" t="s">
        <v>42</v>
      </c>
      <c r="U3796" s="2">
        <v>2.25</v>
      </c>
      <c r="V3796" s="2">
        <v>1.8140000000000001</v>
      </c>
      <c r="W3796" s="2">
        <v>1.2999999999999999E-2</v>
      </c>
      <c r="X3796" s="2">
        <v>159.1</v>
      </c>
      <c r="Y3796" s="2">
        <v>7.6</v>
      </c>
      <c r="Z3796" s="2">
        <v>10.6</v>
      </c>
      <c r="AA3796" s="5"/>
      <c r="AB3796" s="5" t="s">
        <v>43</v>
      </c>
      <c r="AC3796" s="5" t="s">
        <v>44</v>
      </c>
      <c r="AD3796" s="2"/>
      <c r="AE3796" s="1"/>
    </row>
    <row r="3797" spans="1:31" ht="14.45">
      <c r="A3797" s="11"/>
      <c r="B3797" s="20"/>
      <c r="C3797" s="2" t="s">
        <v>11845</v>
      </c>
      <c r="D3797" s="14" t="s">
        <v>11846</v>
      </c>
      <c r="E3797" s="2" t="s">
        <v>11847</v>
      </c>
      <c r="F3797" s="2" t="s">
        <v>7507</v>
      </c>
      <c r="G3797" s="8">
        <v>143</v>
      </c>
      <c r="H3797" s="5">
        <v>5</v>
      </c>
      <c r="I3797" s="5" t="s">
        <v>1518</v>
      </c>
      <c r="J3797" s="5" t="s">
        <v>1519</v>
      </c>
      <c r="K3797" s="2" t="s">
        <v>1520</v>
      </c>
      <c r="L3797" s="5" t="s">
        <v>1519</v>
      </c>
      <c r="M3797" s="2" t="s">
        <v>1520</v>
      </c>
      <c r="N3797" s="5" t="s">
        <v>1521</v>
      </c>
      <c r="O3797" s="5" t="s">
        <v>38</v>
      </c>
      <c r="P3797" s="5" t="s">
        <v>39</v>
      </c>
      <c r="Q3797" s="5" t="s">
        <v>40</v>
      </c>
      <c r="R3797" s="5" t="s">
        <v>1522</v>
      </c>
      <c r="S3797" s="5" t="s">
        <v>1523</v>
      </c>
      <c r="T3797" s="5" t="s">
        <v>42</v>
      </c>
      <c r="U3797" s="2">
        <v>2.3039999999999998</v>
      </c>
      <c r="V3797" s="2">
        <v>1.8680000000000001</v>
      </c>
      <c r="W3797" s="2">
        <v>1.2999999999999999E-2</v>
      </c>
      <c r="X3797" s="2">
        <v>159.1</v>
      </c>
      <c r="Y3797" s="2">
        <v>7.6</v>
      </c>
      <c r="Z3797" s="2">
        <v>10.6</v>
      </c>
      <c r="AA3797" s="5"/>
      <c r="AB3797" s="5" t="s">
        <v>43</v>
      </c>
      <c r="AC3797" s="5" t="s">
        <v>44</v>
      </c>
      <c r="AD3797" s="2"/>
      <c r="AE3797" s="1"/>
    </row>
    <row r="3798" spans="1:31" ht="14.45">
      <c r="A3798" s="11"/>
      <c r="B3798" s="20"/>
      <c r="C3798" s="2" t="s">
        <v>11848</v>
      </c>
      <c r="D3798" s="14" t="s">
        <v>11849</v>
      </c>
      <c r="E3798" s="2" t="s">
        <v>11850</v>
      </c>
      <c r="F3798" s="2" t="s">
        <v>7204</v>
      </c>
      <c r="G3798" s="8">
        <v>143</v>
      </c>
      <c r="H3798" s="5">
        <v>5</v>
      </c>
      <c r="I3798" s="5" t="s">
        <v>1518</v>
      </c>
      <c r="J3798" s="5" t="s">
        <v>1519</v>
      </c>
      <c r="K3798" s="2" t="s">
        <v>1520</v>
      </c>
      <c r="L3798" s="5" t="s">
        <v>1519</v>
      </c>
      <c r="M3798" s="2" t="s">
        <v>1520</v>
      </c>
      <c r="N3798" s="5" t="s">
        <v>1521</v>
      </c>
      <c r="O3798" s="5" t="s">
        <v>38</v>
      </c>
      <c r="P3798" s="5" t="s">
        <v>39</v>
      </c>
      <c r="Q3798" s="5" t="s">
        <v>40</v>
      </c>
      <c r="R3798" s="5" t="s">
        <v>1522</v>
      </c>
      <c r="S3798" s="5" t="s">
        <v>1523</v>
      </c>
      <c r="T3798" s="5" t="s">
        <v>42</v>
      </c>
      <c r="U3798" s="2">
        <v>2.2610000000000001</v>
      </c>
      <c r="V3798" s="2">
        <v>1.825</v>
      </c>
      <c r="W3798" s="2">
        <v>1.2999999999999999E-2</v>
      </c>
      <c r="X3798" s="2">
        <v>159.1</v>
      </c>
      <c r="Y3798" s="2">
        <v>7.6</v>
      </c>
      <c r="Z3798" s="2">
        <v>10.6</v>
      </c>
      <c r="AA3798" s="5"/>
      <c r="AB3798" s="5" t="s">
        <v>43</v>
      </c>
      <c r="AC3798" s="5" t="s">
        <v>44</v>
      </c>
      <c r="AD3798" s="2"/>
      <c r="AE3798" s="1"/>
    </row>
    <row r="3799" spans="1:31" ht="14.45">
      <c r="A3799" s="11"/>
      <c r="B3799" s="20"/>
      <c r="C3799" s="2" t="s">
        <v>11851</v>
      </c>
      <c r="D3799" s="14" t="s">
        <v>11852</v>
      </c>
      <c r="E3799" s="2" t="s">
        <v>11853</v>
      </c>
      <c r="F3799" s="2" t="s">
        <v>7514</v>
      </c>
      <c r="G3799" s="8">
        <v>143</v>
      </c>
      <c r="H3799" s="5">
        <v>5</v>
      </c>
      <c r="I3799" s="5" t="s">
        <v>1518</v>
      </c>
      <c r="J3799" s="5" t="s">
        <v>1519</v>
      </c>
      <c r="K3799" s="2" t="s">
        <v>1520</v>
      </c>
      <c r="L3799" s="5" t="s">
        <v>1519</v>
      </c>
      <c r="M3799" s="2" t="s">
        <v>1520</v>
      </c>
      <c r="N3799" s="5" t="s">
        <v>1521</v>
      </c>
      <c r="O3799" s="5" t="s">
        <v>38</v>
      </c>
      <c r="P3799" s="5" t="s">
        <v>39</v>
      </c>
      <c r="Q3799" s="5" t="s">
        <v>40</v>
      </c>
      <c r="R3799" s="5" t="s">
        <v>1522</v>
      </c>
      <c r="S3799" s="5" t="s">
        <v>1523</v>
      </c>
      <c r="T3799" s="5" t="s">
        <v>42</v>
      </c>
      <c r="U3799" s="2">
        <v>2.3149999999999999</v>
      </c>
      <c r="V3799" s="2">
        <v>1.879</v>
      </c>
      <c r="W3799" s="2">
        <v>1.2999999999999999E-2</v>
      </c>
      <c r="X3799" s="2">
        <v>159.1</v>
      </c>
      <c r="Y3799" s="2">
        <v>7.6</v>
      </c>
      <c r="Z3799" s="2">
        <v>10.6</v>
      </c>
      <c r="AA3799" s="5"/>
      <c r="AB3799" s="5" t="s">
        <v>43</v>
      </c>
      <c r="AC3799" s="5" t="s">
        <v>44</v>
      </c>
      <c r="AD3799" s="2"/>
      <c r="AE3799" s="1"/>
    </row>
    <row r="3800" spans="1:31" ht="14.45">
      <c r="A3800" s="11"/>
      <c r="B3800" s="20"/>
      <c r="C3800" s="2" t="s">
        <v>11854</v>
      </c>
      <c r="D3800" s="14" t="s">
        <v>11855</v>
      </c>
      <c r="E3800" s="2" t="s">
        <v>11856</v>
      </c>
      <c r="F3800" s="2" t="s">
        <v>7208</v>
      </c>
      <c r="G3800" s="8">
        <v>143</v>
      </c>
      <c r="H3800" s="5">
        <v>5</v>
      </c>
      <c r="I3800" s="5" t="s">
        <v>1518</v>
      </c>
      <c r="J3800" s="5" t="s">
        <v>1519</v>
      </c>
      <c r="K3800" s="2" t="s">
        <v>1520</v>
      </c>
      <c r="L3800" s="5" t="s">
        <v>1519</v>
      </c>
      <c r="M3800" s="2" t="s">
        <v>1520</v>
      </c>
      <c r="N3800" s="5" t="s">
        <v>1521</v>
      </c>
      <c r="O3800" s="5" t="s">
        <v>38</v>
      </c>
      <c r="P3800" s="5" t="s">
        <v>39</v>
      </c>
      <c r="Q3800" s="5" t="s">
        <v>40</v>
      </c>
      <c r="R3800" s="5" t="s">
        <v>1522</v>
      </c>
      <c r="S3800" s="5" t="s">
        <v>1523</v>
      </c>
      <c r="T3800" s="5" t="s">
        <v>42</v>
      </c>
      <c r="U3800" s="2">
        <v>2.2610000000000001</v>
      </c>
      <c r="V3800" s="2">
        <v>1.825</v>
      </c>
      <c r="W3800" s="2">
        <v>1.2999999999999999E-2</v>
      </c>
      <c r="X3800" s="2">
        <v>159.1</v>
      </c>
      <c r="Y3800" s="2">
        <v>7.6</v>
      </c>
      <c r="Z3800" s="2">
        <v>10.6</v>
      </c>
      <c r="AA3800" s="5"/>
      <c r="AB3800" s="5" t="s">
        <v>43</v>
      </c>
      <c r="AC3800" s="5" t="s">
        <v>44</v>
      </c>
      <c r="AD3800" s="2"/>
      <c r="AE3800" s="1"/>
    </row>
    <row r="3801" spans="1:31" ht="14.45">
      <c r="A3801" s="11"/>
      <c r="B3801" s="20"/>
      <c r="C3801" s="2" t="s">
        <v>11857</v>
      </c>
      <c r="D3801" s="14" t="s">
        <v>11858</v>
      </c>
      <c r="E3801" s="2" t="s">
        <v>11859</v>
      </c>
      <c r="F3801" s="2" t="s">
        <v>7521</v>
      </c>
      <c r="G3801" s="8">
        <v>143</v>
      </c>
      <c r="H3801" s="5">
        <v>5</v>
      </c>
      <c r="I3801" s="5" t="s">
        <v>1518</v>
      </c>
      <c r="J3801" s="5" t="s">
        <v>1519</v>
      </c>
      <c r="K3801" s="2" t="s">
        <v>1520</v>
      </c>
      <c r="L3801" s="5" t="s">
        <v>1519</v>
      </c>
      <c r="M3801" s="2" t="s">
        <v>1520</v>
      </c>
      <c r="N3801" s="5" t="s">
        <v>1521</v>
      </c>
      <c r="O3801" s="5" t="s">
        <v>38</v>
      </c>
      <c r="P3801" s="5" t="s">
        <v>39</v>
      </c>
      <c r="Q3801" s="5" t="s">
        <v>40</v>
      </c>
      <c r="R3801" s="5" t="s">
        <v>1522</v>
      </c>
      <c r="S3801" s="5" t="s">
        <v>1523</v>
      </c>
      <c r="T3801" s="5" t="s">
        <v>42</v>
      </c>
      <c r="U3801" s="2">
        <v>2.3149999999999999</v>
      </c>
      <c r="V3801" s="2">
        <v>1.879</v>
      </c>
      <c r="W3801" s="2">
        <v>1.2999999999999999E-2</v>
      </c>
      <c r="X3801" s="2">
        <v>159.1</v>
      </c>
      <c r="Y3801" s="2">
        <v>7.6</v>
      </c>
      <c r="Z3801" s="2">
        <v>10.6</v>
      </c>
      <c r="AA3801" s="5"/>
      <c r="AB3801" s="5" t="s">
        <v>43</v>
      </c>
      <c r="AC3801" s="5" t="s">
        <v>44</v>
      </c>
      <c r="AD3801" s="2"/>
      <c r="AE3801" s="1"/>
    </row>
    <row r="3802" spans="1:31" ht="14.45">
      <c r="A3802" s="11"/>
      <c r="B3802" s="20"/>
      <c r="C3802" s="2" t="s">
        <v>11860</v>
      </c>
      <c r="D3802" s="14" t="s">
        <v>11861</v>
      </c>
      <c r="E3802" s="2" t="s">
        <v>11862</v>
      </c>
      <c r="F3802" s="2" t="s">
        <v>7212</v>
      </c>
      <c r="G3802" s="8">
        <v>143</v>
      </c>
      <c r="H3802" s="5">
        <v>5</v>
      </c>
      <c r="I3802" s="5" t="s">
        <v>1518</v>
      </c>
      <c r="J3802" s="5" t="s">
        <v>1519</v>
      </c>
      <c r="K3802" s="2" t="s">
        <v>1520</v>
      </c>
      <c r="L3802" s="5" t="s">
        <v>1519</v>
      </c>
      <c r="M3802" s="2" t="s">
        <v>1520</v>
      </c>
      <c r="N3802" s="5" t="s">
        <v>1521</v>
      </c>
      <c r="O3802" s="5" t="s">
        <v>38</v>
      </c>
      <c r="P3802" s="5" t="s">
        <v>39</v>
      </c>
      <c r="Q3802" s="5" t="s">
        <v>40</v>
      </c>
      <c r="R3802" s="5" t="s">
        <v>1522</v>
      </c>
      <c r="S3802" s="5" t="s">
        <v>1523</v>
      </c>
      <c r="T3802" s="5" t="s">
        <v>42</v>
      </c>
      <c r="U3802" s="2">
        <v>2.2269999999999999</v>
      </c>
      <c r="V3802" s="2">
        <v>1.7909999999999999</v>
      </c>
      <c r="W3802" s="2">
        <v>1.2999999999999999E-2</v>
      </c>
      <c r="X3802" s="2">
        <v>159.1</v>
      </c>
      <c r="Y3802" s="2">
        <v>7.6</v>
      </c>
      <c r="Z3802" s="2">
        <v>10.6</v>
      </c>
      <c r="AA3802" s="5"/>
      <c r="AB3802" s="5" t="s">
        <v>43</v>
      </c>
      <c r="AC3802" s="5" t="s">
        <v>44</v>
      </c>
      <c r="AD3802" s="2"/>
      <c r="AE3802" s="1"/>
    </row>
    <row r="3803" spans="1:31" ht="14.45">
      <c r="A3803" s="11"/>
      <c r="B3803" s="20"/>
      <c r="C3803" s="2" t="s">
        <v>11863</v>
      </c>
      <c r="D3803" s="14" t="s">
        <v>11864</v>
      </c>
      <c r="E3803" s="2" t="s">
        <v>11865</v>
      </c>
      <c r="F3803" s="2" t="s">
        <v>7528</v>
      </c>
      <c r="G3803" s="8">
        <v>143</v>
      </c>
      <c r="H3803" s="5">
        <v>5</v>
      </c>
      <c r="I3803" s="5" t="s">
        <v>1518</v>
      </c>
      <c r="J3803" s="5" t="s">
        <v>1519</v>
      </c>
      <c r="K3803" s="2" t="s">
        <v>1520</v>
      </c>
      <c r="L3803" s="5" t="s">
        <v>1519</v>
      </c>
      <c r="M3803" s="2" t="s">
        <v>1520</v>
      </c>
      <c r="N3803" s="5" t="s">
        <v>1521</v>
      </c>
      <c r="O3803" s="5" t="s">
        <v>38</v>
      </c>
      <c r="P3803" s="5" t="s">
        <v>39</v>
      </c>
      <c r="Q3803" s="5" t="s">
        <v>40</v>
      </c>
      <c r="R3803" s="5" t="s">
        <v>1522</v>
      </c>
      <c r="S3803" s="5" t="s">
        <v>1523</v>
      </c>
      <c r="T3803" s="5" t="s">
        <v>42</v>
      </c>
      <c r="U3803" s="2">
        <v>2.2810000000000001</v>
      </c>
      <c r="V3803" s="2">
        <v>1.845</v>
      </c>
      <c r="W3803" s="2">
        <v>1.2999999999999999E-2</v>
      </c>
      <c r="X3803" s="2">
        <v>159.1</v>
      </c>
      <c r="Y3803" s="2">
        <v>7.6</v>
      </c>
      <c r="Z3803" s="2">
        <v>10.6</v>
      </c>
      <c r="AA3803" s="5"/>
      <c r="AB3803" s="5" t="s">
        <v>43</v>
      </c>
      <c r="AC3803" s="5" t="s">
        <v>44</v>
      </c>
      <c r="AD3803" s="2"/>
      <c r="AE3803" s="1"/>
    </row>
    <row r="3804" spans="1:31" ht="14.45">
      <c r="A3804" s="11"/>
      <c r="B3804" s="20"/>
      <c r="C3804" s="2" t="s">
        <v>11866</v>
      </c>
      <c r="D3804" s="14" t="s">
        <v>11867</v>
      </c>
      <c r="E3804" s="2" t="s">
        <v>11868</v>
      </c>
      <c r="F3804" s="2" t="s">
        <v>7406</v>
      </c>
      <c r="G3804" s="8">
        <v>164</v>
      </c>
      <c r="H3804" s="5">
        <v>6</v>
      </c>
      <c r="I3804" s="5" t="s">
        <v>1518</v>
      </c>
      <c r="J3804" s="5" t="s">
        <v>1519</v>
      </c>
      <c r="K3804" s="2" t="s">
        <v>1520</v>
      </c>
      <c r="L3804" s="5" t="s">
        <v>1519</v>
      </c>
      <c r="M3804" s="2" t="s">
        <v>1520</v>
      </c>
      <c r="N3804" s="5" t="s">
        <v>1521</v>
      </c>
      <c r="O3804" s="5" t="s">
        <v>38</v>
      </c>
      <c r="P3804" s="5" t="s">
        <v>39</v>
      </c>
      <c r="Q3804" s="5" t="s">
        <v>40</v>
      </c>
      <c r="R3804" s="5" t="s">
        <v>1522</v>
      </c>
      <c r="S3804" s="5" t="s">
        <v>1523</v>
      </c>
      <c r="T3804" s="5" t="s">
        <v>42</v>
      </c>
      <c r="U3804" s="2">
        <v>2.2280000000000002</v>
      </c>
      <c r="V3804" s="2">
        <v>1.792</v>
      </c>
      <c r="W3804" s="2">
        <v>1.2999999999999999E-2</v>
      </c>
      <c r="X3804" s="2">
        <v>159.1</v>
      </c>
      <c r="Y3804" s="2">
        <v>7.6</v>
      </c>
      <c r="Z3804" s="2">
        <v>10.6</v>
      </c>
      <c r="AA3804" s="5"/>
      <c r="AB3804" s="5" t="s">
        <v>43</v>
      </c>
      <c r="AC3804" s="5" t="s">
        <v>44</v>
      </c>
      <c r="AD3804" s="2"/>
      <c r="AE3804" s="1"/>
    </row>
    <row r="3805" spans="1:31" ht="14.45">
      <c r="A3805" s="11"/>
      <c r="B3805" s="20"/>
      <c r="C3805" s="2" t="s">
        <v>11869</v>
      </c>
      <c r="D3805" s="14" t="s">
        <v>11870</v>
      </c>
      <c r="E3805" s="2" t="s">
        <v>11871</v>
      </c>
      <c r="F3805" s="2" t="s">
        <v>7535</v>
      </c>
      <c r="G3805" s="8">
        <v>164</v>
      </c>
      <c r="H3805" s="5">
        <v>6</v>
      </c>
      <c r="I3805" s="5" t="s">
        <v>1518</v>
      </c>
      <c r="J3805" s="5" t="s">
        <v>1519</v>
      </c>
      <c r="K3805" s="2" t="s">
        <v>1520</v>
      </c>
      <c r="L3805" s="5" t="s">
        <v>1519</v>
      </c>
      <c r="M3805" s="2" t="s">
        <v>1520</v>
      </c>
      <c r="N3805" s="5" t="s">
        <v>1521</v>
      </c>
      <c r="O3805" s="5" t="s">
        <v>38</v>
      </c>
      <c r="P3805" s="5" t="s">
        <v>39</v>
      </c>
      <c r="Q3805" s="5" t="s">
        <v>40</v>
      </c>
      <c r="R3805" s="5" t="s">
        <v>1522</v>
      </c>
      <c r="S3805" s="5" t="s">
        <v>1523</v>
      </c>
      <c r="T3805" s="5" t="s">
        <v>42</v>
      </c>
      <c r="U3805" s="2">
        <v>2.282</v>
      </c>
      <c r="V3805" s="2">
        <v>1.8460000000000001</v>
      </c>
      <c r="W3805" s="2">
        <v>1.2999999999999999E-2</v>
      </c>
      <c r="X3805" s="2">
        <v>159.1</v>
      </c>
      <c r="Y3805" s="2">
        <v>7.6</v>
      </c>
      <c r="Z3805" s="2">
        <v>10.6</v>
      </c>
      <c r="AA3805" s="5"/>
      <c r="AB3805" s="5" t="s">
        <v>43</v>
      </c>
      <c r="AC3805" s="5" t="s">
        <v>44</v>
      </c>
      <c r="AD3805" s="2"/>
      <c r="AE3805" s="1"/>
    </row>
    <row r="3806" spans="1:31" ht="14.45">
      <c r="A3806" s="11"/>
      <c r="B3806" s="20"/>
      <c r="C3806" s="2" t="s">
        <v>11872</v>
      </c>
      <c r="D3806" s="14" t="s">
        <v>11873</v>
      </c>
      <c r="E3806" s="2" t="s">
        <v>11874</v>
      </c>
      <c r="F3806" s="2" t="s">
        <v>7539</v>
      </c>
      <c r="G3806" s="8">
        <v>164</v>
      </c>
      <c r="H3806" s="5">
        <v>6</v>
      </c>
      <c r="I3806" s="5" t="s">
        <v>1518</v>
      </c>
      <c r="J3806" s="5" t="s">
        <v>1519</v>
      </c>
      <c r="K3806" s="2" t="s">
        <v>1520</v>
      </c>
      <c r="L3806" s="5" t="s">
        <v>1519</v>
      </c>
      <c r="M3806" s="2" t="s">
        <v>1520</v>
      </c>
      <c r="N3806" s="5" t="s">
        <v>1521</v>
      </c>
      <c r="O3806" s="5" t="s">
        <v>38</v>
      </c>
      <c r="P3806" s="5" t="s">
        <v>39</v>
      </c>
      <c r="Q3806" s="5" t="s">
        <v>40</v>
      </c>
      <c r="R3806" s="5" t="s">
        <v>1522</v>
      </c>
      <c r="S3806" s="5" t="s">
        <v>1523</v>
      </c>
      <c r="T3806" s="5" t="s">
        <v>42</v>
      </c>
      <c r="U3806" s="2">
        <v>2.2610000000000001</v>
      </c>
      <c r="V3806" s="2">
        <v>1.825</v>
      </c>
      <c r="W3806" s="2">
        <v>1.2999999999999999E-2</v>
      </c>
      <c r="X3806" s="2">
        <v>159.1</v>
      </c>
      <c r="Y3806" s="2">
        <v>7.6</v>
      </c>
      <c r="Z3806" s="2">
        <v>10.6</v>
      </c>
      <c r="AA3806" s="5"/>
      <c r="AB3806" s="5" t="s">
        <v>43</v>
      </c>
      <c r="AC3806" s="5" t="s">
        <v>44</v>
      </c>
      <c r="AD3806" s="2"/>
      <c r="AE3806" s="1"/>
    </row>
    <row r="3807" spans="1:31" ht="14.45">
      <c r="A3807" s="11"/>
      <c r="B3807" s="20"/>
      <c r="C3807" s="2" t="s">
        <v>11875</v>
      </c>
      <c r="D3807" s="14" t="s">
        <v>11876</v>
      </c>
      <c r="E3807" s="2" t="s">
        <v>11877</v>
      </c>
      <c r="F3807" s="2" t="s">
        <v>7543</v>
      </c>
      <c r="G3807" s="8">
        <v>164</v>
      </c>
      <c r="H3807" s="5">
        <v>6</v>
      </c>
      <c r="I3807" s="5" t="s">
        <v>1518</v>
      </c>
      <c r="J3807" s="5" t="s">
        <v>1519</v>
      </c>
      <c r="K3807" s="2" t="s">
        <v>1520</v>
      </c>
      <c r="L3807" s="5" t="s">
        <v>1519</v>
      </c>
      <c r="M3807" s="2" t="s">
        <v>1520</v>
      </c>
      <c r="N3807" s="5" t="s">
        <v>1521</v>
      </c>
      <c r="O3807" s="5" t="s">
        <v>38</v>
      </c>
      <c r="P3807" s="5" t="s">
        <v>39</v>
      </c>
      <c r="Q3807" s="5" t="s">
        <v>40</v>
      </c>
      <c r="R3807" s="5" t="s">
        <v>1522</v>
      </c>
      <c r="S3807" s="5" t="s">
        <v>1523</v>
      </c>
      <c r="T3807" s="5" t="s">
        <v>42</v>
      </c>
      <c r="U3807" s="2">
        <v>2.3149999999999999</v>
      </c>
      <c r="V3807" s="2">
        <v>1.879</v>
      </c>
      <c r="W3807" s="2">
        <v>1.2999999999999999E-2</v>
      </c>
      <c r="X3807" s="2">
        <v>159.1</v>
      </c>
      <c r="Y3807" s="2">
        <v>7.6</v>
      </c>
      <c r="Z3807" s="2">
        <v>10.6</v>
      </c>
      <c r="AA3807" s="5"/>
      <c r="AB3807" s="5" t="s">
        <v>43</v>
      </c>
      <c r="AC3807" s="5" t="s">
        <v>44</v>
      </c>
      <c r="AD3807" s="2"/>
      <c r="AE3807" s="1"/>
    </row>
    <row r="3808" spans="1:31" ht="14.45">
      <c r="A3808" s="11"/>
      <c r="B3808" s="20"/>
      <c r="C3808" s="2" t="s">
        <v>11878</v>
      </c>
      <c r="D3808" s="14" t="s">
        <v>11879</v>
      </c>
      <c r="E3808" s="2" t="s">
        <v>11880</v>
      </c>
      <c r="F3808" s="2" t="s">
        <v>7547</v>
      </c>
      <c r="G3808" s="8">
        <v>164</v>
      </c>
      <c r="H3808" s="5">
        <v>6</v>
      </c>
      <c r="I3808" s="5" t="s">
        <v>1518</v>
      </c>
      <c r="J3808" s="5" t="s">
        <v>1519</v>
      </c>
      <c r="K3808" s="2" t="s">
        <v>1520</v>
      </c>
      <c r="L3808" s="5" t="s">
        <v>1519</v>
      </c>
      <c r="M3808" s="2" t="s">
        <v>1520</v>
      </c>
      <c r="N3808" s="5" t="s">
        <v>1521</v>
      </c>
      <c r="O3808" s="5" t="s">
        <v>38</v>
      </c>
      <c r="P3808" s="5" t="s">
        <v>39</v>
      </c>
      <c r="Q3808" s="5" t="s">
        <v>40</v>
      </c>
      <c r="R3808" s="5" t="s">
        <v>1522</v>
      </c>
      <c r="S3808" s="5" t="s">
        <v>1523</v>
      </c>
      <c r="T3808" s="5" t="s">
        <v>42</v>
      </c>
      <c r="U3808" s="2">
        <v>2.2280000000000002</v>
      </c>
      <c r="V3808" s="2">
        <v>1.792</v>
      </c>
      <c r="W3808" s="2">
        <v>1.2999999999999999E-2</v>
      </c>
      <c r="X3808" s="2">
        <v>159.1</v>
      </c>
      <c r="Y3808" s="2">
        <v>7.6</v>
      </c>
      <c r="Z3808" s="2">
        <v>10.6</v>
      </c>
      <c r="AA3808" s="5"/>
      <c r="AB3808" s="5" t="s">
        <v>43</v>
      </c>
      <c r="AC3808" s="5" t="s">
        <v>44</v>
      </c>
      <c r="AD3808" s="2"/>
      <c r="AE3808" s="1"/>
    </row>
    <row r="3809" spans="1:31" ht="14.45">
      <c r="A3809" s="11"/>
      <c r="B3809" s="20"/>
      <c r="C3809" s="2" t="s">
        <v>11881</v>
      </c>
      <c r="D3809" s="14" t="s">
        <v>11882</v>
      </c>
      <c r="E3809" s="2" t="s">
        <v>11883</v>
      </c>
      <c r="F3809" s="2" t="s">
        <v>7551</v>
      </c>
      <c r="G3809" s="8">
        <v>164</v>
      </c>
      <c r="H3809" s="5">
        <v>6</v>
      </c>
      <c r="I3809" s="5" t="s">
        <v>1518</v>
      </c>
      <c r="J3809" s="5" t="s">
        <v>1519</v>
      </c>
      <c r="K3809" s="2" t="s">
        <v>1520</v>
      </c>
      <c r="L3809" s="5" t="s">
        <v>1519</v>
      </c>
      <c r="M3809" s="2" t="s">
        <v>1520</v>
      </c>
      <c r="N3809" s="5" t="s">
        <v>1521</v>
      </c>
      <c r="O3809" s="5" t="s">
        <v>38</v>
      </c>
      <c r="P3809" s="5" t="s">
        <v>39</v>
      </c>
      <c r="Q3809" s="5" t="s">
        <v>40</v>
      </c>
      <c r="R3809" s="5" t="s">
        <v>1522</v>
      </c>
      <c r="S3809" s="5" t="s">
        <v>1523</v>
      </c>
      <c r="T3809" s="5" t="s">
        <v>42</v>
      </c>
      <c r="U3809" s="2">
        <v>2.282</v>
      </c>
      <c r="V3809" s="2">
        <v>1.8460000000000001</v>
      </c>
      <c r="W3809" s="2">
        <v>1.2999999999999999E-2</v>
      </c>
      <c r="X3809" s="2">
        <v>159.1</v>
      </c>
      <c r="Y3809" s="2">
        <v>7.6</v>
      </c>
      <c r="Z3809" s="2">
        <v>10.6</v>
      </c>
      <c r="AA3809" s="5"/>
      <c r="AB3809" s="5" t="s">
        <v>43</v>
      </c>
      <c r="AC3809" s="5" t="s">
        <v>44</v>
      </c>
      <c r="AD3809" s="2"/>
      <c r="AE3809" s="1"/>
    </row>
    <row r="3810" spans="1:31" ht="14.45">
      <c r="A3810" s="11"/>
      <c r="B3810" s="20"/>
      <c r="C3810" s="2" t="s">
        <v>11884</v>
      </c>
      <c r="D3810" s="14" t="s">
        <v>11885</v>
      </c>
      <c r="E3810" s="2" t="s">
        <v>11886</v>
      </c>
      <c r="F3810" s="2" t="s">
        <v>7555</v>
      </c>
      <c r="G3810" s="8">
        <v>164</v>
      </c>
      <c r="H3810" s="5">
        <v>6</v>
      </c>
      <c r="I3810" s="5" t="s">
        <v>1518</v>
      </c>
      <c r="J3810" s="5" t="s">
        <v>1519</v>
      </c>
      <c r="K3810" s="2" t="s">
        <v>1520</v>
      </c>
      <c r="L3810" s="5" t="s">
        <v>1519</v>
      </c>
      <c r="M3810" s="2" t="s">
        <v>1520</v>
      </c>
      <c r="N3810" s="5" t="s">
        <v>1521</v>
      </c>
      <c r="O3810" s="5" t="s">
        <v>38</v>
      </c>
      <c r="P3810" s="5" t="s">
        <v>39</v>
      </c>
      <c r="Q3810" s="5" t="s">
        <v>40</v>
      </c>
      <c r="R3810" s="5" t="s">
        <v>1522</v>
      </c>
      <c r="S3810" s="5" t="s">
        <v>1523</v>
      </c>
      <c r="T3810" s="5" t="s">
        <v>42</v>
      </c>
      <c r="U3810" s="2">
        <v>2.2280000000000002</v>
      </c>
      <c r="V3810" s="2">
        <v>1.792</v>
      </c>
      <c r="W3810" s="2">
        <v>1.2999999999999999E-2</v>
      </c>
      <c r="X3810" s="2">
        <v>159.1</v>
      </c>
      <c r="Y3810" s="2">
        <v>7.6</v>
      </c>
      <c r="Z3810" s="2">
        <v>10.6</v>
      </c>
      <c r="AA3810" s="5"/>
      <c r="AB3810" s="5" t="s">
        <v>43</v>
      </c>
      <c r="AC3810" s="5" t="s">
        <v>44</v>
      </c>
      <c r="AD3810" s="2"/>
      <c r="AE3810" s="1"/>
    </row>
    <row r="3811" spans="1:31" ht="14.45">
      <c r="A3811" s="11"/>
      <c r="B3811" s="20"/>
      <c r="C3811" s="2" t="s">
        <v>11887</v>
      </c>
      <c r="D3811" s="14" t="s">
        <v>11888</v>
      </c>
      <c r="E3811" s="2" t="s">
        <v>11889</v>
      </c>
      <c r="F3811" s="2" t="s">
        <v>7559</v>
      </c>
      <c r="G3811" s="8">
        <v>164</v>
      </c>
      <c r="H3811" s="5">
        <v>6</v>
      </c>
      <c r="I3811" s="5" t="s">
        <v>1518</v>
      </c>
      <c r="J3811" s="5" t="s">
        <v>1519</v>
      </c>
      <c r="K3811" s="2" t="s">
        <v>1520</v>
      </c>
      <c r="L3811" s="5" t="s">
        <v>1519</v>
      </c>
      <c r="M3811" s="2" t="s">
        <v>1520</v>
      </c>
      <c r="N3811" s="5" t="s">
        <v>1521</v>
      </c>
      <c r="O3811" s="5" t="s">
        <v>38</v>
      </c>
      <c r="P3811" s="5" t="s">
        <v>39</v>
      </c>
      <c r="Q3811" s="5" t="s">
        <v>40</v>
      </c>
      <c r="R3811" s="5" t="s">
        <v>1522</v>
      </c>
      <c r="S3811" s="5" t="s">
        <v>1523</v>
      </c>
      <c r="T3811" s="5" t="s">
        <v>42</v>
      </c>
      <c r="U3811" s="2">
        <v>2.282</v>
      </c>
      <c r="V3811" s="2">
        <v>1.8460000000000001</v>
      </c>
      <c r="W3811" s="2">
        <v>1.2999999999999999E-2</v>
      </c>
      <c r="X3811" s="2">
        <v>159.1</v>
      </c>
      <c r="Y3811" s="2">
        <v>7.6</v>
      </c>
      <c r="Z3811" s="2">
        <v>10.6</v>
      </c>
      <c r="AA3811" s="5"/>
      <c r="AB3811" s="5" t="s">
        <v>43</v>
      </c>
      <c r="AC3811" s="5" t="s">
        <v>44</v>
      </c>
      <c r="AD3811" s="2"/>
      <c r="AE3811" s="1"/>
    </row>
    <row r="3812" spans="1:31" ht="14.45">
      <c r="A3812" s="11"/>
      <c r="B3812" s="20"/>
      <c r="C3812" s="2" t="s">
        <v>11890</v>
      </c>
      <c r="D3812" s="14" t="s">
        <v>11891</v>
      </c>
      <c r="E3812" s="2" t="s">
        <v>11892</v>
      </c>
      <c r="F3812" s="2" t="s">
        <v>7563</v>
      </c>
      <c r="G3812" s="8">
        <v>164</v>
      </c>
      <c r="H3812" s="5">
        <v>6</v>
      </c>
      <c r="I3812" s="5" t="s">
        <v>1518</v>
      </c>
      <c r="J3812" s="5" t="s">
        <v>1519</v>
      </c>
      <c r="K3812" s="2" t="s">
        <v>1520</v>
      </c>
      <c r="L3812" s="5" t="s">
        <v>1519</v>
      </c>
      <c r="M3812" s="2" t="s">
        <v>1520</v>
      </c>
      <c r="N3812" s="5" t="s">
        <v>1521</v>
      </c>
      <c r="O3812" s="5" t="s">
        <v>38</v>
      </c>
      <c r="P3812" s="5" t="s">
        <v>39</v>
      </c>
      <c r="Q3812" s="5" t="s">
        <v>40</v>
      </c>
      <c r="R3812" s="5" t="s">
        <v>1522</v>
      </c>
      <c r="S3812" s="5" t="s">
        <v>1523</v>
      </c>
      <c r="T3812" s="5" t="s">
        <v>42</v>
      </c>
      <c r="U3812" s="2">
        <v>2.2610000000000001</v>
      </c>
      <c r="V3812" s="2">
        <v>1.825</v>
      </c>
      <c r="W3812" s="2">
        <v>1.2999999999999999E-2</v>
      </c>
      <c r="X3812" s="2">
        <v>159.1</v>
      </c>
      <c r="Y3812" s="2">
        <v>7.6</v>
      </c>
      <c r="Z3812" s="2">
        <v>10.6</v>
      </c>
      <c r="AA3812" s="5"/>
      <c r="AB3812" s="5" t="s">
        <v>43</v>
      </c>
      <c r="AC3812" s="5" t="s">
        <v>44</v>
      </c>
      <c r="AD3812" s="2"/>
      <c r="AE3812" s="1"/>
    </row>
    <row r="3813" spans="1:31" ht="14.45">
      <c r="A3813" s="11"/>
      <c r="B3813" s="20"/>
      <c r="C3813" s="2" t="s">
        <v>11893</v>
      </c>
      <c r="D3813" s="14" t="s">
        <v>11894</v>
      </c>
      <c r="E3813" s="2" t="s">
        <v>11895</v>
      </c>
      <c r="F3813" s="2" t="s">
        <v>7567</v>
      </c>
      <c r="G3813" s="8">
        <v>164</v>
      </c>
      <c r="H3813" s="5">
        <v>6</v>
      </c>
      <c r="I3813" s="5" t="s">
        <v>1518</v>
      </c>
      <c r="J3813" s="5" t="s">
        <v>1519</v>
      </c>
      <c r="K3813" s="2" t="s">
        <v>1520</v>
      </c>
      <c r="L3813" s="5" t="s">
        <v>1519</v>
      </c>
      <c r="M3813" s="2" t="s">
        <v>1520</v>
      </c>
      <c r="N3813" s="5" t="s">
        <v>1521</v>
      </c>
      <c r="O3813" s="5" t="s">
        <v>38</v>
      </c>
      <c r="P3813" s="5" t="s">
        <v>39</v>
      </c>
      <c r="Q3813" s="5" t="s">
        <v>40</v>
      </c>
      <c r="R3813" s="5" t="s">
        <v>1522</v>
      </c>
      <c r="S3813" s="5" t="s">
        <v>1523</v>
      </c>
      <c r="T3813" s="5" t="s">
        <v>42</v>
      </c>
      <c r="U3813" s="2">
        <v>2.3149999999999999</v>
      </c>
      <c r="V3813" s="2">
        <v>1.879</v>
      </c>
      <c r="W3813" s="2">
        <v>1.2999999999999999E-2</v>
      </c>
      <c r="X3813" s="2">
        <v>159.1</v>
      </c>
      <c r="Y3813" s="2">
        <v>7.6</v>
      </c>
      <c r="Z3813" s="2">
        <v>10.6</v>
      </c>
      <c r="AA3813" s="5"/>
      <c r="AB3813" s="5" t="s">
        <v>43</v>
      </c>
      <c r="AC3813" s="5" t="s">
        <v>44</v>
      </c>
      <c r="AD3813" s="2"/>
      <c r="AE3813" s="1"/>
    </row>
    <row r="3814" spans="1:31" ht="14.45">
      <c r="A3814" s="11"/>
      <c r="B3814" s="20"/>
      <c r="C3814" s="2" t="s">
        <v>11896</v>
      </c>
      <c r="D3814" s="14" t="s">
        <v>11897</v>
      </c>
      <c r="E3814" s="2" t="s">
        <v>11898</v>
      </c>
      <c r="F3814" s="2" t="s">
        <v>7429</v>
      </c>
      <c r="G3814" s="8">
        <v>164</v>
      </c>
      <c r="H3814" s="5">
        <v>6</v>
      </c>
      <c r="I3814" s="5" t="s">
        <v>1518</v>
      </c>
      <c r="J3814" s="5" t="s">
        <v>1519</v>
      </c>
      <c r="K3814" s="2" t="s">
        <v>1520</v>
      </c>
      <c r="L3814" s="5" t="s">
        <v>1519</v>
      </c>
      <c r="M3814" s="2" t="s">
        <v>1520</v>
      </c>
      <c r="N3814" s="5" t="s">
        <v>1521</v>
      </c>
      <c r="O3814" s="5" t="s">
        <v>38</v>
      </c>
      <c r="P3814" s="5" t="s">
        <v>39</v>
      </c>
      <c r="Q3814" s="5" t="s">
        <v>40</v>
      </c>
      <c r="R3814" s="5" t="s">
        <v>1522</v>
      </c>
      <c r="S3814" s="5" t="s">
        <v>1523</v>
      </c>
      <c r="T3814" s="5" t="s">
        <v>42</v>
      </c>
      <c r="U3814" s="2">
        <v>2.2610000000000001</v>
      </c>
      <c r="V3814" s="2">
        <v>1.825</v>
      </c>
      <c r="W3814" s="2">
        <v>1.2999999999999999E-2</v>
      </c>
      <c r="X3814" s="2">
        <v>159.1</v>
      </c>
      <c r="Y3814" s="2">
        <v>7.6</v>
      </c>
      <c r="Z3814" s="2">
        <v>10.6</v>
      </c>
      <c r="AA3814" s="5"/>
      <c r="AB3814" s="5" t="s">
        <v>43</v>
      </c>
      <c r="AC3814" s="5" t="s">
        <v>44</v>
      </c>
      <c r="AD3814" s="2"/>
      <c r="AE3814" s="1"/>
    </row>
    <row r="3815" spans="1:31" ht="14.45">
      <c r="A3815" s="11"/>
      <c r="B3815" s="20"/>
      <c r="C3815" s="2" t="s">
        <v>11899</v>
      </c>
      <c r="D3815" s="14" t="s">
        <v>11900</v>
      </c>
      <c r="E3815" s="2" t="s">
        <v>11901</v>
      </c>
      <c r="F3815" s="2" t="s">
        <v>7574</v>
      </c>
      <c r="G3815" s="8">
        <v>164</v>
      </c>
      <c r="H3815" s="5">
        <v>6</v>
      </c>
      <c r="I3815" s="5" t="s">
        <v>1518</v>
      </c>
      <c r="J3815" s="5" t="s">
        <v>1519</v>
      </c>
      <c r="K3815" s="2" t="s">
        <v>1520</v>
      </c>
      <c r="L3815" s="5" t="s">
        <v>1519</v>
      </c>
      <c r="M3815" s="2" t="s">
        <v>1520</v>
      </c>
      <c r="N3815" s="5" t="s">
        <v>1521</v>
      </c>
      <c r="O3815" s="5" t="s">
        <v>38</v>
      </c>
      <c r="P3815" s="5" t="s">
        <v>39</v>
      </c>
      <c r="Q3815" s="5" t="s">
        <v>40</v>
      </c>
      <c r="R3815" s="5" t="s">
        <v>1522</v>
      </c>
      <c r="S3815" s="5" t="s">
        <v>1523</v>
      </c>
      <c r="T3815" s="5" t="s">
        <v>42</v>
      </c>
      <c r="U3815" s="2">
        <v>2.3149999999999999</v>
      </c>
      <c r="V3815" s="2">
        <v>1.879</v>
      </c>
      <c r="W3815" s="2">
        <v>1.2999999999999999E-2</v>
      </c>
      <c r="X3815" s="2">
        <v>159.1</v>
      </c>
      <c r="Y3815" s="2">
        <v>7.6</v>
      </c>
      <c r="Z3815" s="2">
        <v>10.6</v>
      </c>
      <c r="AA3815" s="5"/>
      <c r="AB3815" s="5" t="s">
        <v>43</v>
      </c>
      <c r="AC3815" s="5" t="s">
        <v>44</v>
      </c>
      <c r="AD3815" s="2"/>
      <c r="AE3815" s="1"/>
    </row>
    <row r="3816" spans="1:31" ht="14.45">
      <c r="A3816" s="11"/>
      <c r="B3816" s="20"/>
      <c r="C3816" s="2" t="s">
        <v>11902</v>
      </c>
      <c r="D3816" s="14" t="s">
        <v>11903</v>
      </c>
      <c r="E3816" s="2" t="s">
        <v>11904</v>
      </c>
      <c r="F3816" s="2" t="s">
        <v>7449</v>
      </c>
      <c r="G3816" s="8">
        <v>164</v>
      </c>
      <c r="H3816" s="5">
        <v>6</v>
      </c>
      <c r="I3816" s="5" t="s">
        <v>1518</v>
      </c>
      <c r="J3816" s="5" t="s">
        <v>1519</v>
      </c>
      <c r="K3816" s="2" t="s">
        <v>1520</v>
      </c>
      <c r="L3816" s="5" t="s">
        <v>1519</v>
      </c>
      <c r="M3816" s="2" t="s">
        <v>1520</v>
      </c>
      <c r="N3816" s="5" t="s">
        <v>1521</v>
      </c>
      <c r="O3816" s="5" t="s">
        <v>38</v>
      </c>
      <c r="P3816" s="5" t="s">
        <v>39</v>
      </c>
      <c r="Q3816" s="5" t="s">
        <v>40</v>
      </c>
      <c r="R3816" s="5" t="s">
        <v>1522</v>
      </c>
      <c r="S3816" s="5" t="s">
        <v>1523</v>
      </c>
      <c r="T3816" s="5" t="s">
        <v>42</v>
      </c>
      <c r="U3816" s="2">
        <v>2.2610000000000001</v>
      </c>
      <c r="V3816" s="2">
        <v>1.825</v>
      </c>
      <c r="W3816" s="2">
        <v>1.2999999999999999E-2</v>
      </c>
      <c r="X3816" s="2">
        <v>159.1</v>
      </c>
      <c r="Y3816" s="2">
        <v>7.6</v>
      </c>
      <c r="Z3816" s="2">
        <v>10.6</v>
      </c>
      <c r="AA3816" s="5"/>
      <c r="AB3816" s="5" t="s">
        <v>43</v>
      </c>
      <c r="AC3816" s="5" t="s">
        <v>44</v>
      </c>
      <c r="AD3816" s="2"/>
      <c r="AE3816" s="1"/>
    </row>
    <row r="3817" spans="1:31" ht="14.45">
      <c r="A3817" s="11"/>
      <c r="B3817" s="20"/>
      <c r="C3817" s="2" t="s">
        <v>11905</v>
      </c>
      <c r="D3817" s="14" t="s">
        <v>11906</v>
      </c>
      <c r="E3817" s="2" t="s">
        <v>11907</v>
      </c>
      <c r="F3817" s="2" t="s">
        <v>7581</v>
      </c>
      <c r="G3817" s="8">
        <v>164</v>
      </c>
      <c r="H3817" s="5">
        <v>6</v>
      </c>
      <c r="I3817" s="5" t="s">
        <v>1518</v>
      </c>
      <c r="J3817" s="5" t="s">
        <v>1519</v>
      </c>
      <c r="K3817" s="2" t="s">
        <v>1520</v>
      </c>
      <c r="L3817" s="5" t="s">
        <v>1519</v>
      </c>
      <c r="M3817" s="2" t="s">
        <v>1520</v>
      </c>
      <c r="N3817" s="5" t="s">
        <v>1521</v>
      </c>
      <c r="O3817" s="5" t="s">
        <v>38</v>
      </c>
      <c r="P3817" s="5" t="s">
        <v>39</v>
      </c>
      <c r="Q3817" s="5" t="s">
        <v>40</v>
      </c>
      <c r="R3817" s="5" t="s">
        <v>1522</v>
      </c>
      <c r="S3817" s="5" t="s">
        <v>1523</v>
      </c>
      <c r="T3817" s="5" t="s">
        <v>42</v>
      </c>
      <c r="U3817" s="2">
        <v>2.3149999999999999</v>
      </c>
      <c r="V3817" s="2">
        <v>1.879</v>
      </c>
      <c r="W3817" s="2">
        <v>1.2999999999999999E-2</v>
      </c>
      <c r="X3817" s="2">
        <v>159.1</v>
      </c>
      <c r="Y3817" s="2">
        <v>7.6</v>
      </c>
      <c r="Z3817" s="2">
        <v>10.6</v>
      </c>
      <c r="AA3817" s="5"/>
      <c r="AB3817" s="5" t="s">
        <v>43</v>
      </c>
      <c r="AC3817" s="5" t="s">
        <v>44</v>
      </c>
      <c r="AD3817" s="2"/>
      <c r="AE3817" s="1"/>
    </row>
    <row r="3818" spans="1:31" ht="14.45">
      <c r="A3818" s="11"/>
      <c r="B3818" s="20"/>
      <c r="C3818" s="2" t="s">
        <v>11908</v>
      </c>
      <c r="D3818" s="14" t="s">
        <v>11909</v>
      </c>
      <c r="E3818" s="2" t="s">
        <v>11910</v>
      </c>
      <c r="F3818" s="2" t="s">
        <v>7585</v>
      </c>
      <c r="G3818" s="8">
        <v>164</v>
      </c>
      <c r="H3818" s="5">
        <v>6</v>
      </c>
      <c r="I3818" s="5" t="s">
        <v>1518</v>
      </c>
      <c r="J3818" s="5" t="s">
        <v>1519</v>
      </c>
      <c r="K3818" s="2" t="s">
        <v>1520</v>
      </c>
      <c r="L3818" s="5" t="s">
        <v>1519</v>
      </c>
      <c r="M3818" s="2" t="s">
        <v>1520</v>
      </c>
      <c r="N3818" s="5" t="s">
        <v>1521</v>
      </c>
      <c r="O3818" s="5" t="s">
        <v>38</v>
      </c>
      <c r="P3818" s="5" t="s">
        <v>39</v>
      </c>
      <c r="Q3818" s="5" t="s">
        <v>40</v>
      </c>
      <c r="R3818" s="5" t="s">
        <v>1522</v>
      </c>
      <c r="S3818" s="5" t="s">
        <v>1523</v>
      </c>
      <c r="T3818" s="5" t="s">
        <v>42</v>
      </c>
      <c r="U3818" s="2">
        <v>2.2280000000000002</v>
      </c>
      <c r="V3818" s="2">
        <v>1.792</v>
      </c>
      <c r="W3818" s="2">
        <v>1.2999999999999999E-2</v>
      </c>
      <c r="X3818" s="2">
        <v>159.1</v>
      </c>
      <c r="Y3818" s="2">
        <v>7.6</v>
      </c>
      <c r="Z3818" s="2">
        <v>10.6</v>
      </c>
      <c r="AA3818" s="5"/>
      <c r="AB3818" s="5" t="s">
        <v>43</v>
      </c>
      <c r="AC3818" s="5" t="s">
        <v>44</v>
      </c>
      <c r="AD3818" s="2"/>
      <c r="AE3818" s="1"/>
    </row>
    <row r="3819" spans="1:31" ht="14.45">
      <c r="A3819" s="11"/>
      <c r="B3819" s="20"/>
      <c r="C3819" s="2" t="s">
        <v>11911</v>
      </c>
      <c r="D3819" s="14" t="s">
        <v>11912</v>
      </c>
      <c r="E3819" s="2" t="s">
        <v>11913</v>
      </c>
      <c r="F3819" s="2" t="s">
        <v>7589</v>
      </c>
      <c r="G3819" s="8">
        <v>164</v>
      </c>
      <c r="H3819" s="5">
        <v>6</v>
      </c>
      <c r="I3819" s="5" t="s">
        <v>1518</v>
      </c>
      <c r="J3819" s="5" t="s">
        <v>1519</v>
      </c>
      <c r="K3819" s="2" t="s">
        <v>1520</v>
      </c>
      <c r="L3819" s="5" t="s">
        <v>1519</v>
      </c>
      <c r="M3819" s="2" t="s">
        <v>1520</v>
      </c>
      <c r="N3819" s="5" t="s">
        <v>1521</v>
      </c>
      <c r="O3819" s="5" t="s">
        <v>38</v>
      </c>
      <c r="P3819" s="5" t="s">
        <v>39</v>
      </c>
      <c r="Q3819" s="5" t="s">
        <v>40</v>
      </c>
      <c r="R3819" s="5" t="s">
        <v>1522</v>
      </c>
      <c r="S3819" s="5" t="s">
        <v>1523</v>
      </c>
      <c r="T3819" s="5" t="s">
        <v>42</v>
      </c>
      <c r="U3819" s="2">
        <v>2.282</v>
      </c>
      <c r="V3819" s="2">
        <v>1.8460000000000001</v>
      </c>
      <c r="W3819" s="2">
        <v>1.2999999999999999E-2</v>
      </c>
      <c r="X3819" s="2">
        <v>159.1</v>
      </c>
      <c r="Y3819" s="2">
        <v>7.6</v>
      </c>
      <c r="Z3819" s="2">
        <v>10.6</v>
      </c>
      <c r="AA3819" s="5"/>
      <c r="AB3819" s="5" t="s">
        <v>43</v>
      </c>
      <c r="AC3819" s="5" t="s">
        <v>44</v>
      </c>
      <c r="AD3819" s="2"/>
      <c r="AE3819" s="1"/>
    </row>
    <row r="3820" spans="1:31" ht="14.45">
      <c r="A3820" s="11"/>
      <c r="B3820" s="20"/>
      <c r="C3820" s="2" t="s">
        <v>11914</v>
      </c>
      <c r="D3820" s="14" t="s">
        <v>11915</v>
      </c>
      <c r="E3820" s="2" t="s">
        <v>11916</v>
      </c>
      <c r="F3820" s="2" t="s">
        <v>7593</v>
      </c>
      <c r="G3820" s="8">
        <v>164</v>
      </c>
      <c r="H3820" s="5">
        <v>6</v>
      </c>
      <c r="I3820" s="5" t="s">
        <v>1518</v>
      </c>
      <c r="J3820" s="5" t="s">
        <v>1519</v>
      </c>
      <c r="K3820" s="2" t="s">
        <v>1520</v>
      </c>
      <c r="L3820" s="5" t="s">
        <v>1519</v>
      </c>
      <c r="M3820" s="2" t="s">
        <v>1520</v>
      </c>
      <c r="N3820" s="5" t="s">
        <v>1521</v>
      </c>
      <c r="O3820" s="5" t="s">
        <v>38</v>
      </c>
      <c r="P3820" s="5" t="s">
        <v>39</v>
      </c>
      <c r="Q3820" s="5" t="s">
        <v>40</v>
      </c>
      <c r="R3820" s="5" t="s">
        <v>1522</v>
      </c>
      <c r="S3820" s="5" t="s">
        <v>1523</v>
      </c>
      <c r="T3820" s="5" t="s">
        <v>42</v>
      </c>
      <c r="U3820" s="2">
        <v>2.2610000000000001</v>
      </c>
      <c r="V3820" s="2">
        <v>1.825</v>
      </c>
      <c r="W3820" s="2">
        <v>1.2999999999999999E-2</v>
      </c>
      <c r="X3820" s="2">
        <v>159.1</v>
      </c>
      <c r="Y3820" s="2">
        <v>7.6</v>
      </c>
      <c r="Z3820" s="2">
        <v>10.6</v>
      </c>
      <c r="AA3820" s="5"/>
      <c r="AB3820" s="5" t="s">
        <v>43</v>
      </c>
      <c r="AC3820" s="5" t="s">
        <v>44</v>
      </c>
      <c r="AD3820" s="2"/>
      <c r="AE3820" s="1"/>
    </row>
    <row r="3821" spans="1:31" ht="14.45">
      <c r="A3821" s="11"/>
      <c r="B3821" s="20"/>
      <c r="C3821" s="2" t="s">
        <v>11917</v>
      </c>
      <c r="D3821" s="14" t="s">
        <v>11918</v>
      </c>
      <c r="E3821" s="2" t="s">
        <v>11919</v>
      </c>
      <c r="F3821" s="2" t="s">
        <v>7597</v>
      </c>
      <c r="G3821" s="8">
        <v>164</v>
      </c>
      <c r="H3821" s="5">
        <v>6</v>
      </c>
      <c r="I3821" s="5" t="s">
        <v>1518</v>
      </c>
      <c r="J3821" s="5" t="s">
        <v>1519</v>
      </c>
      <c r="K3821" s="2" t="s">
        <v>1520</v>
      </c>
      <c r="L3821" s="5" t="s">
        <v>1519</v>
      </c>
      <c r="M3821" s="2" t="s">
        <v>1520</v>
      </c>
      <c r="N3821" s="5" t="s">
        <v>1521</v>
      </c>
      <c r="O3821" s="5" t="s">
        <v>38</v>
      </c>
      <c r="P3821" s="5" t="s">
        <v>39</v>
      </c>
      <c r="Q3821" s="5" t="s">
        <v>40</v>
      </c>
      <c r="R3821" s="5" t="s">
        <v>1522</v>
      </c>
      <c r="S3821" s="5" t="s">
        <v>1523</v>
      </c>
      <c r="T3821" s="5" t="s">
        <v>42</v>
      </c>
      <c r="U3821" s="2">
        <v>2.3149999999999999</v>
      </c>
      <c r="V3821" s="2">
        <v>1.879</v>
      </c>
      <c r="W3821" s="2">
        <v>1.2999999999999999E-2</v>
      </c>
      <c r="X3821" s="2">
        <v>159.1</v>
      </c>
      <c r="Y3821" s="2">
        <v>7.6</v>
      </c>
      <c r="Z3821" s="2">
        <v>10.6</v>
      </c>
      <c r="AA3821" s="5"/>
      <c r="AB3821" s="5" t="s">
        <v>43</v>
      </c>
      <c r="AC3821" s="5" t="s">
        <v>44</v>
      </c>
      <c r="AD3821" s="2"/>
      <c r="AE3821" s="1"/>
    </row>
    <row r="3822" spans="1:31" ht="14.45">
      <c r="A3822" s="11"/>
      <c r="B3822" s="20"/>
      <c r="C3822" s="2" t="s">
        <v>11920</v>
      </c>
      <c r="D3822" s="14" t="s">
        <v>11921</v>
      </c>
      <c r="E3822" s="2" t="s">
        <v>11922</v>
      </c>
      <c r="F3822" s="2" t="s">
        <v>7410</v>
      </c>
      <c r="G3822" s="8">
        <v>164</v>
      </c>
      <c r="H3822" s="5">
        <v>6</v>
      </c>
      <c r="I3822" s="5" t="s">
        <v>1518</v>
      </c>
      <c r="J3822" s="5" t="s">
        <v>1519</v>
      </c>
      <c r="K3822" s="2" t="s">
        <v>1520</v>
      </c>
      <c r="L3822" s="5" t="s">
        <v>1519</v>
      </c>
      <c r="M3822" s="2" t="s">
        <v>1520</v>
      </c>
      <c r="N3822" s="5" t="s">
        <v>1521</v>
      </c>
      <c r="O3822" s="5" t="s">
        <v>38</v>
      </c>
      <c r="P3822" s="5" t="s">
        <v>39</v>
      </c>
      <c r="Q3822" s="5" t="s">
        <v>40</v>
      </c>
      <c r="R3822" s="5" t="s">
        <v>1522</v>
      </c>
      <c r="S3822" s="5" t="s">
        <v>1523</v>
      </c>
      <c r="T3822" s="5" t="s">
        <v>42</v>
      </c>
      <c r="U3822" s="2">
        <v>2.2610000000000001</v>
      </c>
      <c r="V3822" s="2">
        <v>1.825</v>
      </c>
      <c r="W3822" s="2">
        <v>1.2999999999999999E-2</v>
      </c>
      <c r="X3822" s="2">
        <v>159.1</v>
      </c>
      <c r="Y3822" s="2">
        <v>7.6</v>
      </c>
      <c r="Z3822" s="2">
        <v>10.6</v>
      </c>
      <c r="AA3822" s="5"/>
      <c r="AB3822" s="5" t="s">
        <v>43</v>
      </c>
      <c r="AC3822" s="5" t="s">
        <v>44</v>
      </c>
      <c r="AD3822" s="2"/>
      <c r="AE3822" s="1"/>
    </row>
    <row r="3823" spans="1:31" ht="14.45">
      <c r="A3823" s="11"/>
      <c r="B3823" s="20"/>
      <c r="C3823" s="2" t="s">
        <v>11923</v>
      </c>
      <c r="D3823" s="14" t="s">
        <v>11924</v>
      </c>
      <c r="E3823" s="2" t="s">
        <v>11925</v>
      </c>
      <c r="F3823" s="2" t="s">
        <v>7604</v>
      </c>
      <c r="G3823" s="8">
        <v>164</v>
      </c>
      <c r="H3823" s="5">
        <v>6</v>
      </c>
      <c r="I3823" s="5" t="s">
        <v>1518</v>
      </c>
      <c r="J3823" s="5" t="s">
        <v>1519</v>
      </c>
      <c r="K3823" s="2" t="s">
        <v>1520</v>
      </c>
      <c r="L3823" s="5" t="s">
        <v>1519</v>
      </c>
      <c r="M3823" s="2" t="s">
        <v>1520</v>
      </c>
      <c r="N3823" s="5" t="s">
        <v>1521</v>
      </c>
      <c r="O3823" s="5" t="s">
        <v>38</v>
      </c>
      <c r="P3823" s="5" t="s">
        <v>39</v>
      </c>
      <c r="Q3823" s="5" t="s">
        <v>40</v>
      </c>
      <c r="R3823" s="5" t="s">
        <v>1522</v>
      </c>
      <c r="S3823" s="5" t="s">
        <v>1523</v>
      </c>
      <c r="T3823" s="5" t="s">
        <v>42</v>
      </c>
      <c r="U3823" s="2">
        <v>2.3149999999999999</v>
      </c>
      <c r="V3823" s="2">
        <v>1.879</v>
      </c>
      <c r="W3823" s="2">
        <v>1.2999999999999999E-2</v>
      </c>
      <c r="X3823" s="2">
        <v>159.1</v>
      </c>
      <c r="Y3823" s="2">
        <v>7.6</v>
      </c>
      <c r="Z3823" s="2">
        <v>10.6</v>
      </c>
      <c r="AA3823" s="5"/>
      <c r="AB3823" s="5" t="s">
        <v>43</v>
      </c>
      <c r="AC3823" s="5" t="s">
        <v>44</v>
      </c>
      <c r="AD3823" s="2"/>
      <c r="AE3823" s="1"/>
    </row>
    <row r="3824" spans="1:31" ht="14.45">
      <c r="A3824" s="11"/>
      <c r="B3824" s="20"/>
      <c r="C3824" s="2" t="s">
        <v>11926</v>
      </c>
      <c r="D3824" s="14" t="s">
        <v>11927</v>
      </c>
      <c r="E3824" s="2" t="s">
        <v>11928</v>
      </c>
      <c r="F3824" s="2" t="s">
        <v>7433</v>
      </c>
      <c r="G3824" s="8">
        <v>164</v>
      </c>
      <c r="H3824" s="5">
        <v>6</v>
      </c>
      <c r="I3824" s="5" t="s">
        <v>1518</v>
      </c>
      <c r="J3824" s="5" t="s">
        <v>1519</v>
      </c>
      <c r="K3824" s="2" t="s">
        <v>1520</v>
      </c>
      <c r="L3824" s="5" t="s">
        <v>1519</v>
      </c>
      <c r="M3824" s="2" t="s">
        <v>1520</v>
      </c>
      <c r="N3824" s="5" t="s">
        <v>1521</v>
      </c>
      <c r="O3824" s="5" t="s">
        <v>38</v>
      </c>
      <c r="P3824" s="5" t="s">
        <v>39</v>
      </c>
      <c r="Q3824" s="5" t="s">
        <v>40</v>
      </c>
      <c r="R3824" s="5" t="s">
        <v>1522</v>
      </c>
      <c r="S3824" s="5" t="s">
        <v>1523</v>
      </c>
      <c r="T3824" s="5" t="s">
        <v>42</v>
      </c>
      <c r="U3824" s="2">
        <v>2.2610000000000001</v>
      </c>
      <c r="V3824" s="2">
        <v>1.825</v>
      </c>
      <c r="W3824" s="2">
        <v>1.2999999999999999E-2</v>
      </c>
      <c r="X3824" s="2">
        <v>159.1</v>
      </c>
      <c r="Y3824" s="2">
        <v>7.6</v>
      </c>
      <c r="Z3824" s="2">
        <v>10.6</v>
      </c>
      <c r="AA3824" s="5"/>
      <c r="AB3824" s="5" t="s">
        <v>43</v>
      </c>
      <c r="AC3824" s="5" t="s">
        <v>44</v>
      </c>
      <c r="AD3824" s="2"/>
      <c r="AE3824" s="1"/>
    </row>
    <row r="3825" spans="1:31" ht="14.45">
      <c r="A3825" s="11"/>
      <c r="B3825" s="20"/>
      <c r="C3825" s="2" t="s">
        <v>11929</v>
      </c>
      <c r="D3825" s="14" t="s">
        <v>11930</v>
      </c>
      <c r="E3825" s="2" t="s">
        <v>11931</v>
      </c>
      <c r="F3825" s="2" t="s">
        <v>7611</v>
      </c>
      <c r="G3825" s="8">
        <v>164</v>
      </c>
      <c r="H3825" s="5">
        <v>6</v>
      </c>
      <c r="I3825" s="5" t="s">
        <v>1518</v>
      </c>
      <c r="J3825" s="5" t="s">
        <v>1519</v>
      </c>
      <c r="K3825" s="2" t="s">
        <v>1520</v>
      </c>
      <c r="L3825" s="5" t="s">
        <v>1519</v>
      </c>
      <c r="M3825" s="2" t="s">
        <v>1520</v>
      </c>
      <c r="N3825" s="5" t="s">
        <v>1521</v>
      </c>
      <c r="O3825" s="5" t="s">
        <v>38</v>
      </c>
      <c r="P3825" s="5" t="s">
        <v>39</v>
      </c>
      <c r="Q3825" s="5" t="s">
        <v>40</v>
      </c>
      <c r="R3825" s="5" t="s">
        <v>1522</v>
      </c>
      <c r="S3825" s="5" t="s">
        <v>1523</v>
      </c>
      <c r="T3825" s="5" t="s">
        <v>42</v>
      </c>
      <c r="U3825" s="2">
        <v>2.3149999999999999</v>
      </c>
      <c r="V3825" s="2">
        <v>1.879</v>
      </c>
      <c r="W3825" s="2">
        <v>1.2999999999999999E-2</v>
      </c>
      <c r="X3825" s="2">
        <v>159.1</v>
      </c>
      <c r="Y3825" s="2">
        <v>7.6</v>
      </c>
      <c r="Z3825" s="2">
        <v>10.6</v>
      </c>
      <c r="AA3825" s="5"/>
      <c r="AB3825" s="5" t="s">
        <v>43</v>
      </c>
      <c r="AC3825" s="5" t="s">
        <v>44</v>
      </c>
      <c r="AD3825" s="2"/>
      <c r="AE3825" s="1"/>
    </row>
    <row r="3826" spans="1:31" ht="14.45">
      <c r="A3826" s="11"/>
      <c r="B3826" s="20"/>
      <c r="C3826" s="2" t="s">
        <v>11932</v>
      </c>
      <c r="D3826" s="14" t="s">
        <v>11933</v>
      </c>
      <c r="E3826" s="2" t="s">
        <v>11934</v>
      </c>
      <c r="F3826" s="2" t="s">
        <v>7615</v>
      </c>
      <c r="G3826" s="8">
        <v>164</v>
      </c>
      <c r="H3826" s="5">
        <v>6</v>
      </c>
      <c r="I3826" s="5" t="s">
        <v>1518</v>
      </c>
      <c r="J3826" s="5" t="s">
        <v>1519</v>
      </c>
      <c r="K3826" s="2" t="s">
        <v>1520</v>
      </c>
      <c r="L3826" s="5" t="s">
        <v>1519</v>
      </c>
      <c r="M3826" s="2" t="s">
        <v>1520</v>
      </c>
      <c r="N3826" s="5" t="s">
        <v>1521</v>
      </c>
      <c r="O3826" s="5" t="s">
        <v>38</v>
      </c>
      <c r="P3826" s="5" t="s">
        <v>39</v>
      </c>
      <c r="Q3826" s="5" t="s">
        <v>40</v>
      </c>
      <c r="R3826" s="5" t="s">
        <v>1522</v>
      </c>
      <c r="S3826" s="5" t="s">
        <v>1523</v>
      </c>
      <c r="T3826" s="5" t="s">
        <v>42</v>
      </c>
      <c r="U3826" s="2">
        <v>2.2280000000000002</v>
      </c>
      <c r="V3826" s="2">
        <v>1.792</v>
      </c>
      <c r="W3826" s="2">
        <v>1.2999999999999999E-2</v>
      </c>
      <c r="X3826" s="2">
        <v>159.1</v>
      </c>
      <c r="Y3826" s="2">
        <v>7.6</v>
      </c>
      <c r="Z3826" s="2">
        <v>10.6</v>
      </c>
      <c r="AA3826" s="5"/>
      <c r="AB3826" s="5" t="s">
        <v>43</v>
      </c>
      <c r="AC3826" s="5" t="s">
        <v>44</v>
      </c>
      <c r="AD3826" s="2"/>
      <c r="AE3826" s="1"/>
    </row>
    <row r="3827" spans="1:31" ht="14.45">
      <c r="A3827" s="11"/>
      <c r="B3827" s="20"/>
      <c r="C3827" s="2" t="s">
        <v>11935</v>
      </c>
      <c r="D3827" s="14" t="s">
        <v>11936</v>
      </c>
      <c r="E3827" s="2" t="s">
        <v>11937</v>
      </c>
      <c r="F3827" s="2" t="s">
        <v>7619</v>
      </c>
      <c r="G3827" s="8">
        <v>164</v>
      </c>
      <c r="H3827" s="5">
        <v>6</v>
      </c>
      <c r="I3827" s="5" t="s">
        <v>1518</v>
      </c>
      <c r="J3827" s="5" t="s">
        <v>1519</v>
      </c>
      <c r="K3827" s="2" t="s">
        <v>1520</v>
      </c>
      <c r="L3827" s="5" t="s">
        <v>1519</v>
      </c>
      <c r="M3827" s="2" t="s">
        <v>1520</v>
      </c>
      <c r="N3827" s="5" t="s">
        <v>1521</v>
      </c>
      <c r="O3827" s="5" t="s">
        <v>38</v>
      </c>
      <c r="P3827" s="5" t="s">
        <v>39</v>
      </c>
      <c r="Q3827" s="5" t="s">
        <v>40</v>
      </c>
      <c r="R3827" s="5" t="s">
        <v>1522</v>
      </c>
      <c r="S3827" s="5" t="s">
        <v>1523</v>
      </c>
      <c r="T3827" s="5" t="s">
        <v>42</v>
      </c>
      <c r="U3827" s="2">
        <v>2.282</v>
      </c>
      <c r="V3827" s="2">
        <v>1.8460000000000001</v>
      </c>
      <c r="W3827" s="2">
        <v>1.2999999999999999E-2</v>
      </c>
      <c r="X3827" s="2">
        <v>159.1</v>
      </c>
      <c r="Y3827" s="2">
        <v>7.6</v>
      </c>
      <c r="Z3827" s="2">
        <v>10.6</v>
      </c>
      <c r="AA3827" s="5"/>
      <c r="AB3827" s="5" t="s">
        <v>43</v>
      </c>
      <c r="AC3827" s="5" t="s">
        <v>44</v>
      </c>
      <c r="AD3827" s="2"/>
      <c r="AE3827" s="1"/>
    </row>
    <row r="3828" spans="1:31" ht="14.45">
      <c r="A3828" s="11"/>
      <c r="B3828" s="20"/>
      <c r="C3828" s="2" t="s">
        <v>11938</v>
      </c>
      <c r="D3828" s="14" t="s">
        <v>11939</v>
      </c>
      <c r="E3828" s="2" t="s">
        <v>11940</v>
      </c>
      <c r="F3828" s="2" t="s">
        <v>1823</v>
      </c>
      <c r="G3828" s="8">
        <v>164</v>
      </c>
      <c r="H3828" s="5">
        <v>18</v>
      </c>
      <c r="I3828" s="5" t="s">
        <v>1518</v>
      </c>
      <c r="J3828" s="5" t="s">
        <v>1519</v>
      </c>
      <c r="K3828" s="2" t="s">
        <v>1520</v>
      </c>
      <c r="L3828" s="5" t="s">
        <v>1519</v>
      </c>
      <c r="M3828" s="2" t="s">
        <v>1520</v>
      </c>
      <c r="N3828" s="5" t="s">
        <v>1521</v>
      </c>
      <c r="O3828" s="5" t="s">
        <v>38</v>
      </c>
      <c r="P3828" s="5" t="s">
        <v>39</v>
      </c>
      <c r="Q3828" s="5" t="s">
        <v>40</v>
      </c>
      <c r="R3828" s="5" t="s">
        <v>1522</v>
      </c>
      <c r="S3828" s="5" t="s">
        <v>1523</v>
      </c>
      <c r="T3828" s="5" t="s">
        <v>42</v>
      </c>
      <c r="U3828" s="2">
        <v>2.2869999999999999</v>
      </c>
      <c r="V3828" s="2">
        <v>1.851</v>
      </c>
      <c r="W3828" s="2">
        <v>1.2999999999999999E-2</v>
      </c>
      <c r="X3828" s="2">
        <v>159.1</v>
      </c>
      <c r="Y3828" s="2">
        <v>7.6</v>
      </c>
      <c r="Z3828" s="2">
        <v>10.6</v>
      </c>
      <c r="AA3828" s="5"/>
      <c r="AB3828" s="5" t="s">
        <v>43</v>
      </c>
      <c r="AC3828" s="5" t="s">
        <v>44</v>
      </c>
      <c r="AD3828" s="2"/>
      <c r="AE3828" s="1"/>
    </row>
    <row r="3829" spans="1:31" ht="14.45">
      <c r="A3829" s="11"/>
      <c r="B3829" s="20"/>
      <c r="C3829" s="2" t="s">
        <v>11941</v>
      </c>
      <c r="D3829" s="14" t="s">
        <v>11942</v>
      </c>
      <c r="E3829" s="2" t="s">
        <v>11943</v>
      </c>
      <c r="F3829" s="2" t="s">
        <v>1827</v>
      </c>
      <c r="G3829" s="8">
        <v>164</v>
      </c>
      <c r="H3829" s="5">
        <v>18</v>
      </c>
      <c r="I3829" s="5" t="s">
        <v>1518</v>
      </c>
      <c r="J3829" s="5" t="s">
        <v>1519</v>
      </c>
      <c r="K3829" s="2" t="s">
        <v>1520</v>
      </c>
      <c r="L3829" s="5" t="s">
        <v>1519</v>
      </c>
      <c r="M3829" s="2" t="s">
        <v>1520</v>
      </c>
      <c r="N3829" s="5" t="s">
        <v>1521</v>
      </c>
      <c r="O3829" s="5" t="s">
        <v>38</v>
      </c>
      <c r="P3829" s="5" t="s">
        <v>39</v>
      </c>
      <c r="Q3829" s="5" t="s">
        <v>40</v>
      </c>
      <c r="R3829" s="5" t="s">
        <v>1522</v>
      </c>
      <c r="S3829" s="5" t="s">
        <v>1523</v>
      </c>
      <c r="T3829" s="5" t="s">
        <v>42</v>
      </c>
      <c r="U3829" s="2">
        <v>2.3410000000000002</v>
      </c>
      <c r="V3829" s="2">
        <v>1.905</v>
      </c>
      <c r="W3829" s="2">
        <v>1.2999999999999999E-2</v>
      </c>
      <c r="X3829" s="2">
        <v>159.1</v>
      </c>
      <c r="Y3829" s="2">
        <v>7.6</v>
      </c>
      <c r="Z3829" s="2">
        <v>10.6</v>
      </c>
      <c r="AA3829" s="5"/>
      <c r="AB3829" s="5" t="s">
        <v>43</v>
      </c>
      <c r="AC3829" s="5" t="s">
        <v>44</v>
      </c>
      <c r="AD3829" s="2"/>
      <c r="AE3829" s="1"/>
    </row>
    <row r="3830" spans="1:31" ht="14.45">
      <c r="A3830" s="11"/>
      <c r="B3830" s="20"/>
      <c r="C3830" s="2" t="s">
        <v>11944</v>
      </c>
      <c r="D3830" s="14" t="s">
        <v>11945</v>
      </c>
      <c r="E3830" s="2" t="s">
        <v>11946</v>
      </c>
      <c r="F3830" s="2" t="s">
        <v>1973</v>
      </c>
      <c r="G3830" s="8">
        <v>164</v>
      </c>
      <c r="H3830" s="5">
        <v>18</v>
      </c>
      <c r="I3830" s="5" t="s">
        <v>1518</v>
      </c>
      <c r="J3830" s="5" t="s">
        <v>1519</v>
      </c>
      <c r="K3830" s="2" t="s">
        <v>1520</v>
      </c>
      <c r="L3830" s="5" t="s">
        <v>1519</v>
      </c>
      <c r="M3830" s="2" t="s">
        <v>1520</v>
      </c>
      <c r="N3830" s="5" t="s">
        <v>1521</v>
      </c>
      <c r="O3830" s="5" t="s">
        <v>38</v>
      </c>
      <c r="P3830" s="5" t="s">
        <v>39</v>
      </c>
      <c r="Q3830" s="5" t="s">
        <v>40</v>
      </c>
      <c r="R3830" s="5" t="s">
        <v>1522</v>
      </c>
      <c r="S3830" s="5" t="s">
        <v>1523</v>
      </c>
      <c r="T3830" s="5" t="s">
        <v>42</v>
      </c>
      <c r="U3830" s="2">
        <v>2.2970000000000002</v>
      </c>
      <c r="V3830" s="2">
        <v>1.861</v>
      </c>
      <c r="W3830" s="2">
        <v>1.2999999999999999E-2</v>
      </c>
      <c r="X3830" s="2">
        <v>159.1</v>
      </c>
      <c r="Y3830" s="2">
        <v>7.6</v>
      </c>
      <c r="Z3830" s="2">
        <v>10.6</v>
      </c>
      <c r="AA3830" s="5"/>
      <c r="AB3830" s="5" t="s">
        <v>43</v>
      </c>
      <c r="AC3830" s="5" t="s">
        <v>44</v>
      </c>
      <c r="AD3830" s="2"/>
      <c r="AE3830" s="1"/>
    </row>
    <row r="3831" spans="1:31" ht="14.45">
      <c r="A3831" s="11"/>
      <c r="B3831" s="20"/>
      <c r="C3831" s="2" t="s">
        <v>11947</v>
      </c>
      <c r="D3831" s="14" t="s">
        <v>11948</v>
      </c>
      <c r="E3831" s="2" t="s">
        <v>11949</v>
      </c>
      <c r="F3831" s="2" t="s">
        <v>2348</v>
      </c>
      <c r="G3831" s="8">
        <v>164</v>
      </c>
      <c r="H3831" s="5">
        <v>18</v>
      </c>
      <c r="I3831" s="5" t="s">
        <v>1518</v>
      </c>
      <c r="J3831" s="5" t="s">
        <v>1519</v>
      </c>
      <c r="K3831" s="2" t="s">
        <v>1520</v>
      </c>
      <c r="L3831" s="5" t="s">
        <v>1519</v>
      </c>
      <c r="M3831" s="2" t="s">
        <v>1520</v>
      </c>
      <c r="N3831" s="5" t="s">
        <v>1521</v>
      </c>
      <c r="O3831" s="5" t="s">
        <v>38</v>
      </c>
      <c r="P3831" s="5" t="s">
        <v>39</v>
      </c>
      <c r="Q3831" s="5" t="s">
        <v>40</v>
      </c>
      <c r="R3831" s="5" t="s">
        <v>1522</v>
      </c>
      <c r="S3831" s="5" t="s">
        <v>1523</v>
      </c>
      <c r="T3831" s="5" t="s">
        <v>42</v>
      </c>
      <c r="U3831" s="2">
        <v>2.351</v>
      </c>
      <c r="V3831" s="2">
        <v>1.915</v>
      </c>
      <c r="W3831" s="2">
        <v>1.2999999999999999E-2</v>
      </c>
      <c r="X3831" s="2">
        <v>159.1</v>
      </c>
      <c r="Y3831" s="2">
        <v>7.6</v>
      </c>
      <c r="Z3831" s="2">
        <v>10.6</v>
      </c>
      <c r="AA3831" s="5"/>
      <c r="AB3831" s="5" t="s">
        <v>43</v>
      </c>
      <c r="AC3831" s="5" t="s">
        <v>44</v>
      </c>
      <c r="AD3831" s="2"/>
      <c r="AE3831" s="1"/>
    </row>
    <row r="3832" spans="1:31" ht="14.45">
      <c r="A3832" s="11"/>
      <c r="B3832" s="20"/>
      <c r="C3832" s="2" t="s">
        <v>11950</v>
      </c>
      <c r="D3832" s="14" t="s">
        <v>11951</v>
      </c>
      <c r="E3832" s="2" t="s">
        <v>11952</v>
      </c>
      <c r="F3832" s="2" t="s">
        <v>2204</v>
      </c>
      <c r="G3832" s="8">
        <v>164</v>
      </c>
      <c r="H3832" s="5">
        <v>18</v>
      </c>
      <c r="I3832" s="5" t="s">
        <v>1518</v>
      </c>
      <c r="J3832" s="5" t="s">
        <v>1519</v>
      </c>
      <c r="K3832" s="2" t="s">
        <v>1520</v>
      </c>
      <c r="L3832" s="5" t="s">
        <v>1519</v>
      </c>
      <c r="M3832" s="2" t="s">
        <v>1520</v>
      </c>
      <c r="N3832" s="5" t="s">
        <v>1521</v>
      </c>
      <c r="O3832" s="5" t="s">
        <v>38</v>
      </c>
      <c r="P3832" s="5" t="s">
        <v>39</v>
      </c>
      <c r="Q3832" s="5" t="s">
        <v>40</v>
      </c>
      <c r="R3832" s="5" t="s">
        <v>1522</v>
      </c>
      <c r="S3832" s="5" t="s">
        <v>1523</v>
      </c>
      <c r="T3832" s="5" t="s">
        <v>42</v>
      </c>
      <c r="U3832" s="2">
        <v>2.2970000000000002</v>
      </c>
      <c r="V3832" s="2">
        <v>1.861</v>
      </c>
      <c r="W3832" s="2">
        <v>1.2999999999999999E-2</v>
      </c>
      <c r="X3832" s="2">
        <v>159.1</v>
      </c>
      <c r="Y3832" s="2">
        <v>7.6</v>
      </c>
      <c r="Z3832" s="2">
        <v>10.6</v>
      </c>
      <c r="AA3832" s="5"/>
      <c r="AB3832" s="5" t="s">
        <v>43</v>
      </c>
      <c r="AC3832" s="5" t="s">
        <v>44</v>
      </c>
      <c r="AD3832" s="2"/>
      <c r="AE3832" s="1"/>
    </row>
    <row r="3833" spans="1:31" ht="14.45">
      <c r="A3833" s="11"/>
      <c r="B3833" s="20"/>
      <c r="C3833" s="2" t="s">
        <v>11953</v>
      </c>
      <c r="D3833" s="14" t="s">
        <v>11954</v>
      </c>
      <c r="E3833" s="2" t="s">
        <v>11955</v>
      </c>
      <c r="F3833" s="2" t="s">
        <v>2724</v>
      </c>
      <c r="G3833" s="8">
        <v>164</v>
      </c>
      <c r="H3833" s="5">
        <v>18</v>
      </c>
      <c r="I3833" s="5" t="s">
        <v>1518</v>
      </c>
      <c r="J3833" s="5" t="s">
        <v>1519</v>
      </c>
      <c r="K3833" s="2" t="s">
        <v>1520</v>
      </c>
      <c r="L3833" s="5" t="s">
        <v>1519</v>
      </c>
      <c r="M3833" s="2" t="s">
        <v>1520</v>
      </c>
      <c r="N3833" s="5" t="s">
        <v>1521</v>
      </c>
      <c r="O3833" s="5" t="s">
        <v>38</v>
      </c>
      <c r="P3833" s="5" t="s">
        <v>39</v>
      </c>
      <c r="Q3833" s="5" t="s">
        <v>40</v>
      </c>
      <c r="R3833" s="5" t="s">
        <v>1522</v>
      </c>
      <c r="S3833" s="5" t="s">
        <v>1523</v>
      </c>
      <c r="T3833" s="5" t="s">
        <v>42</v>
      </c>
      <c r="U3833" s="2">
        <v>2.351</v>
      </c>
      <c r="V3833" s="2">
        <v>1.915</v>
      </c>
      <c r="W3833" s="2">
        <v>1.2999999999999999E-2</v>
      </c>
      <c r="X3833" s="2">
        <v>159.1</v>
      </c>
      <c r="Y3833" s="2">
        <v>7.6</v>
      </c>
      <c r="Z3833" s="2">
        <v>10.6</v>
      </c>
      <c r="AA3833" s="5"/>
      <c r="AB3833" s="5" t="s">
        <v>43</v>
      </c>
      <c r="AC3833" s="5" t="s">
        <v>44</v>
      </c>
      <c r="AD3833" s="2"/>
      <c r="AE3833" s="1"/>
    </row>
    <row r="3834" spans="1:31" ht="14.45">
      <c r="A3834" s="11"/>
      <c r="B3834" s="20"/>
      <c r="C3834" s="2" t="s">
        <v>11956</v>
      </c>
      <c r="D3834" s="14" t="s">
        <v>11957</v>
      </c>
      <c r="E3834" s="2" t="s">
        <v>11958</v>
      </c>
      <c r="F3834" s="2" t="s">
        <v>2208</v>
      </c>
      <c r="G3834" s="8">
        <v>164</v>
      </c>
      <c r="H3834" s="5">
        <v>18</v>
      </c>
      <c r="I3834" s="5" t="s">
        <v>1518</v>
      </c>
      <c r="J3834" s="5" t="s">
        <v>1519</v>
      </c>
      <c r="K3834" s="2" t="s">
        <v>1520</v>
      </c>
      <c r="L3834" s="5" t="s">
        <v>1519</v>
      </c>
      <c r="M3834" s="2" t="s">
        <v>1520</v>
      </c>
      <c r="N3834" s="5" t="s">
        <v>1521</v>
      </c>
      <c r="O3834" s="5" t="s">
        <v>38</v>
      </c>
      <c r="P3834" s="5" t="s">
        <v>39</v>
      </c>
      <c r="Q3834" s="5" t="s">
        <v>40</v>
      </c>
      <c r="R3834" s="5" t="s">
        <v>1522</v>
      </c>
      <c r="S3834" s="5" t="s">
        <v>1523</v>
      </c>
      <c r="T3834" s="5" t="s">
        <v>42</v>
      </c>
      <c r="U3834" s="2">
        <v>2.2970000000000002</v>
      </c>
      <c r="V3834" s="2">
        <v>1.861</v>
      </c>
      <c r="W3834" s="2">
        <v>1.2999999999999999E-2</v>
      </c>
      <c r="X3834" s="2">
        <v>159.1</v>
      </c>
      <c r="Y3834" s="2">
        <v>7.6</v>
      </c>
      <c r="Z3834" s="2">
        <v>10.6</v>
      </c>
      <c r="AA3834" s="5"/>
      <c r="AB3834" s="5" t="s">
        <v>43</v>
      </c>
      <c r="AC3834" s="5" t="s">
        <v>44</v>
      </c>
      <c r="AD3834" s="2"/>
      <c r="AE3834" s="1"/>
    </row>
    <row r="3835" spans="1:31" ht="14.45">
      <c r="A3835" s="11"/>
      <c r="B3835" s="20"/>
      <c r="C3835" s="2" t="s">
        <v>11959</v>
      </c>
      <c r="D3835" s="14" t="s">
        <v>11960</v>
      </c>
      <c r="E3835" s="2" t="s">
        <v>11961</v>
      </c>
      <c r="F3835" s="2" t="s">
        <v>2212</v>
      </c>
      <c r="G3835" s="8">
        <v>164</v>
      </c>
      <c r="H3835" s="5">
        <v>18</v>
      </c>
      <c r="I3835" s="5" t="s">
        <v>1518</v>
      </c>
      <c r="J3835" s="5" t="s">
        <v>1519</v>
      </c>
      <c r="K3835" s="2" t="s">
        <v>1520</v>
      </c>
      <c r="L3835" s="5" t="s">
        <v>1519</v>
      </c>
      <c r="M3835" s="2" t="s">
        <v>1520</v>
      </c>
      <c r="N3835" s="5" t="s">
        <v>1521</v>
      </c>
      <c r="O3835" s="5" t="s">
        <v>38</v>
      </c>
      <c r="P3835" s="5" t="s">
        <v>39</v>
      </c>
      <c r="Q3835" s="5" t="s">
        <v>40</v>
      </c>
      <c r="R3835" s="5" t="s">
        <v>1522</v>
      </c>
      <c r="S3835" s="5" t="s">
        <v>1523</v>
      </c>
      <c r="T3835" s="5" t="s">
        <v>42</v>
      </c>
      <c r="U3835" s="2">
        <v>2.351</v>
      </c>
      <c r="V3835" s="2">
        <v>1.915</v>
      </c>
      <c r="W3835" s="2">
        <v>1.2999999999999999E-2</v>
      </c>
      <c r="X3835" s="2">
        <v>159.1</v>
      </c>
      <c r="Y3835" s="2">
        <v>7.6</v>
      </c>
      <c r="Z3835" s="2">
        <v>10.6</v>
      </c>
      <c r="AA3835" s="5"/>
      <c r="AB3835" s="5" t="s">
        <v>43</v>
      </c>
      <c r="AC3835" s="5" t="s">
        <v>44</v>
      </c>
      <c r="AD3835" s="2"/>
      <c r="AE3835" s="1"/>
    </row>
    <row r="3836" spans="1:31" ht="14.45">
      <c r="A3836" s="11"/>
      <c r="B3836" s="20"/>
      <c r="C3836" s="2" t="s">
        <v>11962</v>
      </c>
      <c r="D3836" s="14" t="s">
        <v>11963</v>
      </c>
      <c r="E3836" s="2" t="s">
        <v>11964</v>
      </c>
      <c r="F3836" s="2" t="s">
        <v>1831</v>
      </c>
      <c r="G3836" s="8">
        <v>164</v>
      </c>
      <c r="H3836" s="5">
        <v>18</v>
      </c>
      <c r="I3836" s="5" t="s">
        <v>1518</v>
      </c>
      <c r="J3836" s="5" t="s">
        <v>1519</v>
      </c>
      <c r="K3836" s="2" t="s">
        <v>1520</v>
      </c>
      <c r="L3836" s="5" t="s">
        <v>1519</v>
      </c>
      <c r="M3836" s="2" t="s">
        <v>1520</v>
      </c>
      <c r="N3836" s="5" t="s">
        <v>1521</v>
      </c>
      <c r="O3836" s="5" t="s">
        <v>38</v>
      </c>
      <c r="P3836" s="5" t="s">
        <v>39</v>
      </c>
      <c r="Q3836" s="5" t="s">
        <v>40</v>
      </c>
      <c r="R3836" s="5" t="s">
        <v>1522</v>
      </c>
      <c r="S3836" s="5" t="s">
        <v>1523</v>
      </c>
      <c r="T3836" s="5" t="s">
        <v>42</v>
      </c>
      <c r="U3836" s="2">
        <v>2.2970000000000002</v>
      </c>
      <c r="V3836" s="2">
        <v>1.861</v>
      </c>
      <c r="W3836" s="2">
        <v>1.2999999999999999E-2</v>
      </c>
      <c r="X3836" s="2">
        <v>159.1</v>
      </c>
      <c r="Y3836" s="2">
        <v>7.6</v>
      </c>
      <c r="Z3836" s="2">
        <v>10.6</v>
      </c>
      <c r="AA3836" s="5"/>
      <c r="AB3836" s="5" t="s">
        <v>43</v>
      </c>
      <c r="AC3836" s="5" t="s">
        <v>44</v>
      </c>
      <c r="AD3836" s="2"/>
      <c r="AE3836" s="1"/>
    </row>
    <row r="3837" spans="1:31" ht="14.45">
      <c r="A3837" s="11"/>
      <c r="B3837" s="20"/>
      <c r="C3837" s="2" t="s">
        <v>11965</v>
      </c>
      <c r="D3837" s="14" t="s">
        <v>11966</v>
      </c>
      <c r="E3837" s="2" t="s">
        <v>11967</v>
      </c>
      <c r="F3837" s="2" t="s">
        <v>1835</v>
      </c>
      <c r="G3837" s="8">
        <v>164</v>
      </c>
      <c r="H3837" s="5">
        <v>18</v>
      </c>
      <c r="I3837" s="5" t="s">
        <v>1518</v>
      </c>
      <c r="J3837" s="5" t="s">
        <v>1519</v>
      </c>
      <c r="K3837" s="2" t="s">
        <v>1520</v>
      </c>
      <c r="L3837" s="5" t="s">
        <v>1519</v>
      </c>
      <c r="M3837" s="2" t="s">
        <v>1520</v>
      </c>
      <c r="N3837" s="5" t="s">
        <v>1521</v>
      </c>
      <c r="O3837" s="5" t="s">
        <v>38</v>
      </c>
      <c r="P3837" s="5" t="s">
        <v>39</v>
      </c>
      <c r="Q3837" s="5" t="s">
        <v>40</v>
      </c>
      <c r="R3837" s="5" t="s">
        <v>1522</v>
      </c>
      <c r="S3837" s="5" t="s">
        <v>1523</v>
      </c>
      <c r="T3837" s="5" t="s">
        <v>42</v>
      </c>
      <c r="U3837" s="2">
        <v>2.351</v>
      </c>
      <c r="V3837" s="2">
        <v>1.915</v>
      </c>
      <c r="W3837" s="2">
        <v>1.2999999999999999E-2</v>
      </c>
      <c r="X3837" s="2">
        <v>159.1</v>
      </c>
      <c r="Y3837" s="2">
        <v>7.6</v>
      </c>
      <c r="Z3837" s="2">
        <v>10.6</v>
      </c>
      <c r="AA3837" s="5"/>
      <c r="AB3837" s="5" t="s">
        <v>43</v>
      </c>
      <c r="AC3837" s="5" t="s">
        <v>44</v>
      </c>
      <c r="AD3837" s="2"/>
      <c r="AE3837" s="1"/>
    </row>
    <row r="3838" spans="1:31" ht="14.45">
      <c r="A3838" s="11"/>
      <c r="B3838" s="20"/>
      <c r="C3838" s="2" t="s">
        <v>11968</v>
      </c>
      <c r="D3838" s="14" t="s">
        <v>11969</v>
      </c>
      <c r="E3838" s="2" t="s">
        <v>11970</v>
      </c>
      <c r="F3838" s="2" t="s">
        <v>1839</v>
      </c>
      <c r="G3838" s="8">
        <v>164</v>
      </c>
      <c r="H3838" s="5">
        <v>18</v>
      </c>
      <c r="I3838" s="5" t="s">
        <v>1518</v>
      </c>
      <c r="J3838" s="5" t="s">
        <v>1519</v>
      </c>
      <c r="K3838" s="2" t="s">
        <v>1520</v>
      </c>
      <c r="L3838" s="5" t="s">
        <v>1519</v>
      </c>
      <c r="M3838" s="2" t="s">
        <v>1520</v>
      </c>
      <c r="N3838" s="5" t="s">
        <v>1521</v>
      </c>
      <c r="O3838" s="5" t="s">
        <v>38</v>
      </c>
      <c r="P3838" s="5" t="s">
        <v>39</v>
      </c>
      <c r="Q3838" s="5" t="s">
        <v>40</v>
      </c>
      <c r="R3838" s="5" t="s">
        <v>1522</v>
      </c>
      <c r="S3838" s="5" t="s">
        <v>1523</v>
      </c>
      <c r="T3838" s="5" t="s">
        <v>42</v>
      </c>
      <c r="U3838" s="2">
        <v>2.2970000000000002</v>
      </c>
      <c r="V3838" s="2">
        <v>1.861</v>
      </c>
      <c r="W3838" s="2">
        <v>1.2999999999999999E-2</v>
      </c>
      <c r="X3838" s="2">
        <v>159.1</v>
      </c>
      <c r="Y3838" s="2">
        <v>7.6</v>
      </c>
      <c r="Z3838" s="2">
        <v>10.6</v>
      </c>
      <c r="AA3838" s="5"/>
      <c r="AB3838" s="5" t="s">
        <v>43</v>
      </c>
      <c r="AC3838" s="5" t="s">
        <v>44</v>
      </c>
      <c r="AD3838" s="2"/>
      <c r="AE3838" s="1"/>
    </row>
    <row r="3839" spans="1:31" ht="14.45">
      <c r="A3839" s="11"/>
      <c r="B3839" s="20"/>
      <c r="C3839" s="2" t="s">
        <v>11971</v>
      </c>
      <c r="D3839" s="14" t="s">
        <v>11972</v>
      </c>
      <c r="E3839" s="2" t="s">
        <v>11973</v>
      </c>
      <c r="F3839" s="2" t="s">
        <v>1986</v>
      </c>
      <c r="G3839" s="8">
        <v>164</v>
      </c>
      <c r="H3839" s="5">
        <v>18</v>
      </c>
      <c r="I3839" s="5" t="s">
        <v>1518</v>
      </c>
      <c r="J3839" s="5" t="s">
        <v>1519</v>
      </c>
      <c r="K3839" s="2" t="s">
        <v>1520</v>
      </c>
      <c r="L3839" s="5" t="s">
        <v>1519</v>
      </c>
      <c r="M3839" s="2" t="s">
        <v>1520</v>
      </c>
      <c r="N3839" s="5" t="s">
        <v>1521</v>
      </c>
      <c r="O3839" s="5" t="s">
        <v>38</v>
      </c>
      <c r="P3839" s="5" t="s">
        <v>39</v>
      </c>
      <c r="Q3839" s="5" t="s">
        <v>40</v>
      </c>
      <c r="R3839" s="5" t="s">
        <v>1522</v>
      </c>
      <c r="S3839" s="5" t="s">
        <v>1523</v>
      </c>
      <c r="T3839" s="5" t="s">
        <v>42</v>
      </c>
      <c r="U3839" s="2">
        <v>2.351</v>
      </c>
      <c r="V3839" s="2">
        <v>1.915</v>
      </c>
      <c r="W3839" s="2">
        <v>1.2999999999999999E-2</v>
      </c>
      <c r="X3839" s="2">
        <v>159.1</v>
      </c>
      <c r="Y3839" s="2">
        <v>7.6</v>
      </c>
      <c r="Z3839" s="2">
        <v>10.6</v>
      </c>
      <c r="AA3839" s="5"/>
      <c r="AB3839" s="5" t="s">
        <v>43</v>
      </c>
      <c r="AC3839" s="5" t="s">
        <v>44</v>
      </c>
      <c r="AD3839" s="2"/>
      <c r="AE3839" s="1"/>
    </row>
    <row r="3840" spans="1:31" ht="14.45">
      <c r="A3840" s="11"/>
      <c r="B3840" s="20"/>
      <c r="C3840" s="2" t="s">
        <v>11974</v>
      </c>
      <c r="D3840" s="14" t="s">
        <v>11975</v>
      </c>
      <c r="E3840" s="2" t="s">
        <v>11976</v>
      </c>
      <c r="F3840" s="2" t="s">
        <v>1843</v>
      </c>
      <c r="G3840" s="8">
        <v>164</v>
      </c>
      <c r="H3840" s="5">
        <v>18</v>
      </c>
      <c r="I3840" s="5" t="s">
        <v>1518</v>
      </c>
      <c r="J3840" s="5" t="s">
        <v>1519</v>
      </c>
      <c r="K3840" s="2" t="s">
        <v>1520</v>
      </c>
      <c r="L3840" s="5" t="s">
        <v>1519</v>
      </c>
      <c r="M3840" s="2" t="s">
        <v>1520</v>
      </c>
      <c r="N3840" s="5" t="s">
        <v>1521</v>
      </c>
      <c r="O3840" s="5" t="s">
        <v>38</v>
      </c>
      <c r="P3840" s="5" t="s">
        <v>39</v>
      </c>
      <c r="Q3840" s="5" t="s">
        <v>40</v>
      </c>
      <c r="R3840" s="5" t="s">
        <v>1522</v>
      </c>
      <c r="S3840" s="5" t="s">
        <v>1523</v>
      </c>
      <c r="T3840" s="5" t="s">
        <v>42</v>
      </c>
      <c r="U3840" s="2">
        <v>2.2970000000000002</v>
      </c>
      <c r="V3840" s="2">
        <v>1.861</v>
      </c>
      <c r="W3840" s="2">
        <v>1.2999999999999999E-2</v>
      </c>
      <c r="X3840" s="2">
        <v>159.1</v>
      </c>
      <c r="Y3840" s="2">
        <v>7.6</v>
      </c>
      <c r="Z3840" s="2">
        <v>10.6</v>
      </c>
      <c r="AA3840" s="5"/>
      <c r="AB3840" s="5" t="s">
        <v>43</v>
      </c>
      <c r="AC3840" s="5" t="s">
        <v>44</v>
      </c>
      <c r="AD3840" s="2"/>
      <c r="AE3840" s="1"/>
    </row>
    <row r="3841" spans="1:31" ht="14.45">
      <c r="A3841" s="11"/>
      <c r="B3841" s="20"/>
      <c r="C3841" s="2" t="s">
        <v>11977</v>
      </c>
      <c r="D3841" s="14" t="s">
        <v>11978</v>
      </c>
      <c r="E3841" s="2" t="s">
        <v>11979</v>
      </c>
      <c r="F3841" s="2" t="s">
        <v>1847</v>
      </c>
      <c r="G3841" s="8">
        <v>164</v>
      </c>
      <c r="H3841" s="5">
        <v>18</v>
      </c>
      <c r="I3841" s="5" t="s">
        <v>1518</v>
      </c>
      <c r="J3841" s="5" t="s">
        <v>1519</v>
      </c>
      <c r="K3841" s="2" t="s">
        <v>1520</v>
      </c>
      <c r="L3841" s="5" t="s">
        <v>1519</v>
      </c>
      <c r="M3841" s="2" t="s">
        <v>1520</v>
      </c>
      <c r="N3841" s="5" t="s">
        <v>1521</v>
      </c>
      <c r="O3841" s="5" t="s">
        <v>38</v>
      </c>
      <c r="P3841" s="5" t="s">
        <v>39</v>
      </c>
      <c r="Q3841" s="5" t="s">
        <v>40</v>
      </c>
      <c r="R3841" s="5" t="s">
        <v>1522</v>
      </c>
      <c r="S3841" s="5" t="s">
        <v>1523</v>
      </c>
      <c r="T3841" s="5" t="s">
        <v>42</v>
      </c>
      <c r="U3841" s="2">
        <v>2.351</v>
      </c>
      <c r="V3841" s="2">
        <v>1.915</v>
      </c>
      <c r="W3841" s="2">
        <v>1.2999999999999999E-2</v>
      </c>
      <c r="X3841" s="2">
        <v>159.1</v>
      </c>
      <c r="Y3841" s="2">
        <v>7.6</v>
      </c>
      <c r="Z3841" s="2">
        <v>10.6</v>
      </c>
      <c r="AA3841" s="5"/>
      <c r="AB3841" s="5" t="s">
        <v>43</v>
      </c>
      <c r="AC3841" s="5" t="s">
        <v>44</v>
      </c>
      <c r="AD3841" s="2"/>
      <c r="AE3841" s="1"/>
    </row>
    <row r="3842" spans="1:31" ht="14.45">
      <c r="A3842" s="11"/>
      <c r="B3842" s="20"/>
      <c r="C3842" s="2" t="s">
        <v>11980</v>
      </c>
      <c r="D3842" s="14" t="s">
        <v>11981</v>
      </c>
      <c r="E3842" s="2" t="s">
        <v>11982</v>
      </c>
      <c r="F3842" s="2" t="s">
        <v>1851</v>
      </c>
      <c r="G3842" s="8">
        <v>164</v>
      </c>
      <c r="H3842" s="5">
        <v>18</v>
      </c>
      <c r="I3842" s="5" t="s">
        <v>1518</v>
      </c>
      <c r="J3842" s="5" t="s">
        <v>1519</v>
      </c>
      <c r="K3842" s="2" t="s">
        <v>1520</v>
      </c>
      <c r="L3842" s="5" t="s">
        <v>1519</v>
      </c>
      <c r="M3842" s="2" t="s">
        <v>1520</v>
      </c>
      <c r="N3842" s="5" t="s">
        <v>1521</v>
      </c>
      <c r="O3842" s="5" t="s">
        <v>38</v>
      </c>
      <c r="P3842" s="5" t="s">
        <v>39</v>
      </c>
      <c r="Q3842" s="5" t="s">
        <v>40</v>
      </c>
      <c r="R3842" s="5" t="s">
        <v>1522</v>
      </c>
      <c r="S3842" s="5" t="s">
        <v>1523</v>
      </c>
      <c r="T3842" s="5" t="s">
        <v>42</v>
      </c>
      <c r="U3842" s="2">
        <v>2.2970000000000002</v>
      </c>
      <c r="V3842" s="2">
        <v>1.861</v>
      </c>
      <c r="W3842" s="2">
        <v>1.2999999999999999E-2</v>
      </c>
      <c r="X3842" s="2">
        <v>159.1</v>
      </c>
      <c r="Y3842" s="2">
        <v>7.6</v>
      </c>
      <c r="Z3842" s="2">
        <v>10.6</v>
      </c>
      <c r="AA3842" s="5"/>
      <c r="AB3842" s="5" t="s">
        <v>43</v>
      </c>
      <c r="AC3842" s="5" t="s">
        <v>44</v>
      </c>
      <c r="AD3842" s="2"/>
      <c r="AE3842" s="1"/>
    </row>
    <row r="3843" spans="1:31" ht="14.45">
      <c r="A3843" s="11"/>
      <c r="B3843" s="20"/>
      <c r="C3843" s="2" t="s">
        <v>11983</v>
      </c>
      <c r="D3843" s="14" t="s">
        <v>11984</v>
      </c>
      <c r="E3843" s="2" t="s">
        <v>11985</v>
      </c>
      <c r="F3843" s="2" t="s">
        <v>1999</v>
      </c>
      <c r="G3843" s="8">
        <v>164</v>
      </c>
      <c r="H3843" s="5">
        <v>18</v>
      </c>
      <c r="I3843" s="5" t="s">
        <v>1518</v>
      </c>
      <c r="J3843" s="5" t="s">
        <v>1519</v>
      </c>
      <c r="K3843" s="2" t="s">
        <v>1520</v>
      </c>
      <c r="L3843" s="5" t="s">
        <v>1519</v>
      </c>
      <c r="M3843" s="2" t="s">
        <v>1520</v>
      </c>
      <c r="N3843" s="5" t="s">
        <v>1521</v>
      </c>
      <c r="O3843" s="5" t="s">
        <v>38</v>
      </c>
      <c r="P3843" s="5" t="s">
        <v>39</v>
      </c>
      <c r="Q3843" s="5" t="s">
        <v>40</v>
      </c>
      <c r="R3843" s="5" t="s">
        <v>1522</v>
      </c>
      <c r="S3843" s="5" t="s">
        <v>1523</v>
      </c>
      <c r="T3843" s="5" t="s">
        <v>42</v>
      </c>
      <c r="U3843" s="2">
        <v>2.351</v>
      </c>
      <c r="V3843" s="2">
        <v>1.915</v>
      </c>
      <c r="W3843" s="2">
        <v>1.2999999999999999E-2</v>
      </c>
      <c r="X3843" s="2">
        <v>159.1</v>
      </c>
      <c r="Y3843" s="2">
        <v>7.6</v>
      </c>
      <c r="Z3843" s="2">
        <v>10.6</v>
      </c>
      <c r="AA3843" s="5"/>
      <c r="AB3843" s="5" t="s">
        <v>43</v>
      </c>
      <c r="AC3843" s="5" t="s">
        <v>44</v>
      </c>
      <c r="AD3843" s="2"/>
      <c r="AE3843" s="1"/>
    </row>
    <row r="3844" spans="1:31" ht="14.45">
      <c r="A3844" s="11"/>
      <c r="B3844" s="20"/>
      <c r="C3844" s="2" t="s">
        <v>11986</v>
      </c>
      <c r="D3844" s="14" t="s">
        <v>11987</v>
      </c>
      <c r="E3844" s="2" t="s">
        <v>11988</v>
      </c>
      <c r="F3844" s="2" t="s">
        <v>1855</v>
      </c>
      <c r="G3844" s="8">
        <v>164</v>
      </c>
      <c r="H3844" s="5">
        <v>18</v>
      </c>
      <c r="I3844" s="5" t="s">
        <v>1518</v>
      </c>
      <c r="J3844" s="5" t="s">
        <v>1519</v>
      </c>
      <c r="K3844" s="2" t="s">
        <v>1520</v>
      </c>
      <c r="L3844" s="5" t="s">
        <v>1519</v>
      </c>
      <c r="M3844" s="2" t="s">
        <v>1520</v>
      </c>
      <c r="N3844" s="5" t="s">
        <v>1521</v>
      </c>
      <c r="O3844" s="5" t="s">
        <v>38</v>
      </c>
      <c r="P3844" s="5" t="s">
        <v>39</v>
      </c>
      <c r="Q3844" s="5" t="s">
        <v>40</v>
      </c>
      <c r="R3844" s="5" t="s">
        <v>1522</v>
      </c>
      <c r="S3844" s="5" t="s">
        <v>1523</v>
      </c>
      <c r="T3844" s="5" t="s">
        <v>42</v>
      </c>
      <c r="U3844" s="2">
        <v>2.2970000000000002</v>
      </c>
      <c r="V3844" s="2">
        <v>1.861</v>
      </c>
      <c r="W3844" s="2">
        <v>1.2999999999999999E-2</v>
      </c>
      <c r="X3844" s="2">
        <v>159.1</v>
      </c>
      <c r="Y3844" s="2">
        <v>7.6</v>
      </c>
      <c r="Z3844" s="2">
        <v>10.6</v>
      </c>
      <c r="AA3844" s="5"/>
      <c r="AB3844" s="5" t="s">
        <v>43</v>
      </c>
      <c r="AC3844" s="5" t="s">
        <v>44</v>
      </c>
      <c r="AD3844" s="2"/>
      <c r="AE3844" s="1"/>
    </row>
    <row r="3845" spans="1:31" ht="14.45">
      <c r="A3845" s="11"/>
      <c r="B3845" s="20"/>
      <c r="C3845" s="2" t="s">
        <v>11989</v>
      </c>
      <c r="D3845" s="14" t="s">
        <v>11990</v>
      </c>
      <c r="E3845" s="2" t="s">
        <v>11991</v>
      </c>
      <c r="F3845" s="2" t="s">
        <v>1859</v>
      </c>
      <c r="G3845" s="8">
        <v>164</v>
      </c>
      <c r="H3845" s="5">
        <v>18</v>
      </c>
      <c r="I3845" s="5" t="s">
        <v>1518</v>
      </c>
      <c r="J3845" s="5" t="s">
        <v>1519</v>
      </c>
      <c r="K3845" s="2" t="s">
        <v>1520</v>
      </c>
      <c r="L3845" s="5" t="s">
        <v>1519</v>
      </c>
      <c r="M3845" s="2" t="s">
        <v>1520</v>
      </c>
      <c r="N3845" s="5" t="s">
        <v>1521</v>
      </c>
      <c r="O3845" s="5" t="s">
        <v>38</v>
      </c>
      <c r="P3845" s="5" t="s">
        <v>39</v>
      </c>
      <c r="Q3845" s="5" t="s">
        <v>40</v>
      </c>
      <c r="R3845" s="5" t="s">
        <v>1522</v>
      </c>
      <c r="S3845" s="5" t="s">
        <v>1523</v>
      </c>
      <c r="T3845" s="5" t="s">
        <v>42</v>
      </c>
      <c r="U3845" s="2">
        <v>2.351</v>
      </c>
      <c r="V3845" s="2">
        <v>1.915</v>
      </c>
      <c r="W3845" s="2">
        <v>1.2999999999999999E-2</v>
      </c>
      <c r="X3845" s="2">
        <v>159.1</v>
      </c>
      <c r="Y3845" s="2">
        <v>7.6</v>
      </c>
      <c r="Z3845" s="2">
        <v>10.6</v>
      </c>
      <c r="AA3845" s="5"/>
      <c r="AB3845" s="5" t="s">
        <v>43</v>
      </c>
      <c r="AC3845" s="5" t="s">
        <v>44</v>
      </c>
      <c r="AD3845" s="2"/>
      <c r="AE3845" s="1"/>
    </row>
    <row r="3846" spans="1:31" ht="14.45">
      <c r="A3846" s="11"/>
      <c r="B3846" s="20"/>
      <c r="C3846" s="2" t="s">
        <v>11992</v>
      </c>
      <c r="D3846" s="14" t="s">
        <v>11993</v>
      </c>
      <c r="E3846" s="2" t="s">
        <v>11994</v>
      </c>
      <c r="F3846" s="2" t="s">
        <v>1863</v>
      </c>
      <c r="G3846" s="8">
        <v>164</v>
      </c>
      <c r="H3846" s="5">
        <v>21</v>
      </c>
      <c r="I3846" s="5" t="s">
        <v>1518</v>
      </c>
      <c r="J3846" s="5" t="s">
        <v>1519</v>
      </c>
      <c r="K3846" s="2" t="s">
        <v>1520</v>
      </c>
      <c r="L3846" s="5" t="s">
        <v>1519</v>
      </c>
      <c r="M3846" s="2" t="s">
        <v>1520</v>
      </c>
      <c r="N3846" s="5" t="s">
        <v>1521</v>
      </c>
      <c r="O3846" s="5" t="s">
        <v>38</v>
      </c>
      <c r="P3846" s="5" t="s">
        <v>39</v>
      </c>
      <c r="Q3846" s="5" t="s">
        <v>40</v>
      </c>
      <c r="R3846" s="5" t="s">
        <v>1522</v>
      </c>
      <c r="S3846" s="5" t="s">
        <v>1523</v>
      </c>
      <c r="T3846" s="5" t="s">
        <v>42</v>
      </c>
      <c r="U3846" s="2">
        <v>2.2360000000000002</v>
      </c>
      <c r="V3846" s="2">
        <v>1.798</v>
      </c>
      <c r="W3846" s="2">
        <v>1.2999999999999999E-2</v>
      </c>
      <c r="X3846" s="2">
        <v>159.1</v>
      </c>
      <c r="Y3846" s="2">
        <v>7.6</v>
      </c>
      <c r="Z3846" s="2">
        <v>10.6</v>
      </c>
      <c r="AA3846" s="5"/>
      <c r="AB3846" s="5" t="s">
        <v>43</v>
      </c>
      <c r="AC3846" s="5" t="s">
        <v>44</v>
      </c>
      <c r="AD3846" s="2"/>
      <c r="AE3846" s="1"/>
    </row>
    <row r="3847" spans="1:31" ht="14.45">
      <c r="A3847" s="11"/>
      <c r="B3847" s="20"/>
      <c r="C3847" s="2" t="s">
        <v>11995</v>
      </c>
      <c r="D3847" s="14" t="s">
        <v>11996</v>
      </c>
      <c r="E3847" s="2" t="s">
        <v>11997</v>
      </c>
      <c r="F3847" s="2" t="s">
        <v>1867</v>
      </c>
      <c r="G3847" s="8">
        <v>164</v>
      </c>
      <c r="H3847" s="5">
        <v>21</v>
      </c>
      <c r="I3847" s="5" t="s">
        <v>1518</v>
      </c>
      <c r="J3847" s="5" t="s">
        <v>1519</v>
      </c>
      <c r="K3847" s="2" t="s">
        <v>1520</v>
      </c>
      <c r="L3847" s="5" t="s">
        <v>1519</v>
      </c>
      <c r="M3847" s="2" t="s">
        <v>1520</v>
      </c>
      <c r="N3847" s="5" t="s">
        <v>1521</v>
      </c>
      <c r="O3847" s="5" t="s">
        <v>38</v>
      </c>
      <c r="P3847" s="5" t="s">
        <v>39</v>
      </c>
      <c r="Q3847" s="5" t="s">
        <v>40</v>
      </c>
      <c r="R3847" s="5" t="s">
        <v>1522</v>
      </c>
      <c r="S3847" s="5" t="s">
        <v>1523</v>
      </c>
      <c r="T3847" s="5" t="s">
        <v>42</v>
      </c>
      <c r="U3847" s="2">
        <v>2.29</v>
      </c>
      <c r="V3847" s="2">
        <v>1.8520000000000001</v>
      </c>
      <c r="W3847" s="2">
        <v>1.2999999999999999E-2</v>
      </c>
      <c r="X3847" s="2">
        <v>159.1</v>
      </c>
      <c r="Y3847" s="2">
        <v>7.6</v>
      </c>
      <c r="Z3847" s="2">
        <v>10.6</v>
      </c>
      <c r="AA3847" s="5"/>
      <c r="AB3847" s="5" t="s">
        <v>43</v>
      </c>
      <c r="AC3847" s="5" t="s">
        <v>44</v>
      </c>
      <c r="AD3847" s="2"/>
      <c r="AE3847" s="1"/>
    </row>
    <row r="3848" spans="1:31" ht="14.45">
      <c r="A3848" s="11"/>
      <c r="B3848" s="20"/>
      <c r="C3848" s="2" t="s">
        <v>11998</v>
      </c>
      <c r="D3848" s="14" t="s">
        <v>11999</v>
      </c>
      <c r="E3848" s="2" t="s">
        <v>12000</v>
      </c>
      <c r="F3848" s="2" t="s">
        <v>7396</v>
      </c>
      <c r="G3848" s="8">
        <v>124</v>
      </c>
      <c r="H3848" s="5">
        <v>5</v>
      </c>
      <c r="I3848" s="5" t="s">
        <v>1518</v>
      </c>
      <c r="J3848" s="5" t="s">
        <v>1519</v>
      </c>
      <c r="K3848" s="2" t="s">
        <v>1520</v>
      </c>
      <c r="L3848" s="5" t="s">
        <v>1519</v>
      </c>
      <c r="M3848" s="2" t="s">
        <v>1520</v>
      </c>
      <c r="N3848" s="5" t="s">
        <v>1521</v>
      </c>
      <c r="O3848" s="5" t="s">
        <v>38</v>
      </c>
      <c r="P3848" s="5" t="s">
        <v>39</v>
      </c>
      <c r="Q3848" s="5" t="s">
        <v>40</v>
      </c>
      <c r="R3848" s="5" t="s">
        <v>1522</v>
      </c>
      <c r="S3848" s="5" t="s">
        <v>1523</v>
      </c>
      <c r="T3848" s="5" t="s">
        <v>42</v>
      </c>
      <c r="U3848" s="2">
        <v>1.966</v>
      </c>
      <c r="V3848" s="2">
        <v>1.641</v>
      </c>
      <c r="W3848" s="2">
        <v>0.01</v>
      </c>
      <c r="X3848" s="2">
        <v>118.9</v>
      </c>
      <c r="Y3848" s="2">
        <v>7.6</v>
      </c>
      <c r="Z3848" s="2">
        <v>10.6</v>
      </c>
      <c r="AA3848" s="5"/>
      <c r="AB3848" s="5" t="s">
        <v>43</v>
      </c>
      <c r="AC3848" s="5" t="s">
        <v>44</v>
      </c>
      <c r="AD3848" s="2"/>
      <c r="AE3848" s="1"/>
    </row>
    <row r="3849" spans="1:31" ht="14.45">
      <c r="A3849" s="11"/>
      <c r="B3849" s="20"/>
      <c r="C3849" s="2" t="s">
        <v>12001</v>
      </c>
      <c r="D3849" s="14" t="s">
        <v>12002</v>
      </c>
      <c r="E3849" s="2" t="s">
        <v>12003</v>
      </c>
      <c r="F3849" s="2" t="s">
        <v>7507</v>
      </c>
      <c r="G3849" s="8">
        <v>124</v>
      </c>
      <c r="H3849" s="5">
        <v>5</v>
      </c>
      <c r="I3849" s="5" t="s">
        <v>1518</v>
      </c>
      <c r="J3849" s="5" t="s">
        <v>1519</v>
      </c>
      <c r="K3849" s="2" t="s">
        <v>1520</v>
      </c>
      <c r="L3849" s="5" t="s">
        <v>1519</v>
      </c>
      <c r="M3849" s="2" t="s">
        <v>1520</v>
      </c>
      <c r="N3849" s="5" t="s">
        <v>1521</v>
      </c>
      <c r="O3849" s="5" t="s">
        <v>38</v>
      </c>
      <c r="P3849" s="5" t="s">
        <v>39</v>
      </c>
      <c r="Q3849" s="5" t="s">
        <v>40</v>
      </c>
      <c r="R3849" s="5" t="s">
        <v>1522</v>
      </c>
      <c r="S3849" s="5" t="s">
        <v>1523</v>
      </c>
      <c r="T3849" s="5" t="s">
        <v>42</v>
      </c>
      <c r="U3849" s="2">
        <v>2.0110000000000001</v>
      </c>
      <c r="V3849" s="2">
        <v>1.6859999999999999</v>
      </c>
      <c r="W3849" s="2">
        <v>0.01</v>
      </c>
      <c r="X3849" s="2">
        <v>118.9</v>
      </c>
      <c r="Y3849" s="2">
        <v>7.6</v>
      </c>
      <c r="Z3849" s="2">
        <v>10.6</v>
      </c>
      <c r="AA3849" s="5"/>
      <c r="AB3849" s="5" t="s">
        <v>43</v>
      </c>
      <c r="AC3849" s="5" t="s">
        <v>44</v>
      </c>
      <c r="AD3849" s="2"/>
      <c r="AE3849" s="1"/>
    </row>
    <row r="3850" spans="1:31" ht="14.45">
      <c r="A3850" s="11"/>
      <c r="B3850" s="20"/>
      <c r="C3850" s="2" t="s">
        <v>12004</v>
      </c>
      <c r="D3850" s="14" t="s">
        <v>12005</v>
      </c>
      <c r="E3850" s="2" t="s">
        <v>12006</v>
      </c>
      <c r="F3850" s="2" t="s">
        <v>7204</v>
      </c>
      <c r="G3850" s="8">
        <v>124</v>
      </c>
      <c r="H3850" s="5">
        <v>5</v>
      </c>
      <c r="I3850" s="5" t="s">
        <v>1518</v>
      </c>
      <c r="J3850" s="5" t="s">
        <v>1519</v>
      </c>
      <c r="K3850" s="2" t="s">
        <v>1520</v>
      </c>
      <c r="L3850" s="5" t="s">
        <v>1519</v>
      </c>
      <c r="M3850" s="2" t="s">
        <v>1520</v>
      </c>
      <c r="N3850" s="5" t="s">
        <v>1521</v>
      </c>
      <c r="O3850" s="5" t="s">
        <v>38</v>
      </c>
      <c r="P3850" s="5" t="s">
        <v>39</v>
      </c>
      <c r="Q3850" s="5" t="s">
        <v>40</v>
      </c>
      <c r="R3850" s="5" t="s">
        <v>1522</v>
      </c>
      <c r="S3850" s="5" t="s">
        <v>1523</v>
      </c>
      <c r="T3850" s="5" t="s">
        <v>42</v>
      </c>
      <c r="U3850" s="2">
        <v>1.974</v>
      </c>
      <c r="V3850" s="2">
        <v>1.649</v>
      </c>
      <c r="W3850" s="2">
        <v>0.01</v>
      </c>
      <c r="X3850" s="2">
        <v>118.9</v>
      </c>
      <c r="Y3850" s="2">
        <v>7.6</v>
      </c>
      <c r="Z3850" s="2">
        <v>10.6</v>
      </c>
      <c r="AA3850" s="5"/>
      <c r="AB3850" s="5" t="s">
        <v>43</v>
      </c>
      <c r="AC3850" s="5" t="s">
        <v>44</v>
      </c>
      <c r="AD3850" s="2"/>
      <c r="AE3850" s="1"/>
    </row>
    <row r="3851" spans="1:31" ht="14.45">
      <c r="A3851" s="11"/>
      <c r="B3851" s="20"/>
      <c r="C3851" s="2" t="s">
        <v>12007</v>
      </c>
      <c r="D3851" s="14" t="s">
        <v>12008</v>
      </c>
      <c r="E3851" s="2" t="s">
        <v>12009</v>
      </c>
      <c r="F3851" s="2" t="s">
        <v>7514</v>
      </c>
      <c r="G3851" s="8">
        <v>124</v>
      </c>
      <c r="H3851" s="5">
        <v>5</v>
      </c>
      <c r="I3851" s="5" t="s">
        <v>1518</v>
      </c>
      <c r="J3851" s="5" t="s">
        <v>1519</v>
      </c>
      <c r="K3851" s="2" t="s">
        <v>1520</v>
      </c>
      <c r="L3851" s="5" t="s">
        <v>1519</v>
      </c>
      <c r="M3851" s="2" t="s">
        <v>1520</v>
      </c>
      <c r="N3851" s="5" t="s">
        <v>1521</v>
      </c>
      <c r="O3851" s="5" t="s">
        <v>38</v>
      </c>
      <c r="P3851" s="5" t="s">
        <v>39</v>
      </c>
      <c r="Q3851" s="5" t="s">
        <v>40</v>
      </c>
      <c r="R3851" s="5" t="s">
        <v>1522</v>
      </c>
      <c r="S3851" s="5" t="s">
        <v>1523</v>
      </c>
      <c r="T3851" s="5" t="s">
        <v>42</v>
      </c>
      <c r="U3851" s="2">
        <v>2.0190000000000001</v>
      </c>
      <c r="V3851" s="2">
        <v>1.694</v>
      </c>
      <c r="W3851" s="2">
        <v>0.01</v>
      </c>
      <c r="X3851" s="2">
        <v>118.9</v>
      </c>
      <c r="Y3851" s="2">
        <v>7.6</v>
      </c>
      <c r="Z3851" s="2">
        <v>10.6</v>
      </c>
      <c r="AA3851" s="5"/>
      <c r="AB3851" s="5" t="s">
        <v>43</v>
      </c>
      <c r="AC3851" s="5" t="s">
        <v>44</v>
      </c>
      <c r="AD3851" s="2"/>
      <c r="AE3851" s="1"/>
    </row>
    <row r="3852" spans="1:31" ht="14.45">
      <c r="A3852" s="11"/>
      <c r="B3852" s="20"/>
      <c r="C3852" s="2" t="s">
        <v>12010</v>
      </c>
      <c r="D3852" s="14" t="s">
        <v>12011</v>
      </c>
      <c r="E3852" s="2" t="s">
        <v>12012</v>
      </c>
      <c r="F3852" s="2" t="s">
        <v>7208</v>
      </c>
      <c r="G3852" s="8">
        <v>124</v>
      </c>
      <c r="H3852" s="5">
        <v>5</v>
      </c>
      <c r="I3852" s="5" t="s">
        <v>1518</v>
      </c>
      <c r="J3852" s="5" t="s">
        <v>1519</v>
      </c>
      <c r="K3852" s="2" t="s">
        <v>1520</v>
      </c>
      <c r="L3852" s="5" t="s">
        <v>1519</v>
      </c>
      <c r="M3852" s="2" t="s">
        <v>1520</v>
      </c>
      <c r="N3852" s="5" t="s">
        <v>1521</v>
      </c>
      <c r="O3852" s="5" t="s">
        <v>38</v>
      </c>
      <c r="P3852" s="5" t="s">
        <v>39</v>
      </c>
      <c r="Q3852" s="5" t="s">
        <v>40</v>
      </c>
      <c r="R3852" s="5" t="s">
        <v>1522</v>
      </c>
      <c r="S3852" s="5" t="s">
        <v>1523</v>
      </c>
      <c r="T3852" s="5" t="s">
        <v>42</v>
      </c>
      <c r="U3852" s="2">
        <v>1.974</v>
      </c>
      <c r="V3852" s="2">
        <v>1.649</v>
      </c>
      <c r="W3852" s="2">
        <v>0.01</v>
      </c>
      <c r="X3852" s="2">
        <v>118.9</v>
      </c>
      <c r="Y3852" s="2">
        <v>7.6</v>
      </c>
      <c r="Z3852" s="2">
        <v>10.6</v>
      </c>
      <c r="AA3852" s="5"/>
      <c r="AB3852" s="5" t="s">
        <v>43</v>
      </c>
      <c r="AC3852" s="5" t="s">
        <v>44</v>
      </c>
      <c r="AD3852" s="2"/>
      <c r="AE3852" s="1"/>
    </row>
    <row r="3853" spans="1:31" ht="14.45">
      <c r="A3853" s="11"/>
      <c r="B3853" s="20"/>
      <c r="C3853" s="2" t="s">
        <v>12013</v>
      </c>
      <c r="D3853" s="14" t="s">
        <v>12014</v>
      </c>
      <c r="E3853" s="2" t="s">
        <v>12015</v>
      </c>
      <c r="F3853" s="2" t="s">
        <v>7521</v>
      </c>
      <c r="G3853" s="8">
        <v>124</v>
      </c>
      <c r="H3853" s="5">
        <v>5</v>
      </c>
      <c r="I3853" s="5" t="s">
        <v>1518</v>
      </c>
      <c r="J3853" s="5" t="s">
        <v>1519</v>
      </c>
      <c r="K3853" s="2" t="s">
        <v>1520</v>
      </c>
      <c r="L3853" s="5" t="s">
        <v>1519</v>
      </c>
      <c r="M3853" s="2" t="s">
        <v>1520</v>
      </c>
      <c r="N3853" s="5" t="s">
        <v>1521</v>
      </c>
      <c r="O3853" s="5" t="s">
        <v>38</v>
      </c>
      <c r="P3853" s="5" t="s">
        <v>39</v>
      </c>
      <c r="Q3853" s="5" t="s">
        <v>40</v>
      </c>
      <c r="R3853" s="5" t="s">
        <v>1522</v>
      </c>
      <c r="S3853" s="5" t="s">
        <v>1523</v>
      </c>
      <c r="T3853" s="5" t="s">
        <v>42</v>
      </c>
      <c r="U3853" s="2">
        <v>2.0190000000000001</v>
      </c>
      <c r="V3853" s="2">
        <v>1.694</v>
      </c>
      <c r="W3853" s="2">
        <v>0.01</v>
      </c>
      <c r="X3853" s="2">
        <v>118.9</v>
      </c>
      <c r="Y3853" s="2">
        <v>7.6</v>
      </c>
      <c r="Z3853" s="2">
        <v>10.6</v>
      </c>
      <c r="AA3853" s="5"/>
      <c r="AB3853" s="5" t="s">
        <v>43</v>
      </c>
      <c r="AC3853" s="5" t="s">
        <v>44</v>
      </c>
      <c r="AD3853" s="2"/>
      <c r="AE3853" s="1"/>
    </row>
    <row r="3854" spans="1:31" ht="14.45">
      <c r="A3854" s="11"/>
      <c r="B3854" s="20"/>
      <c r="C3854" s="2" t="s">
        <v>12016</v>
      </c>
      <c r="D3854" s="14" t="s">
        <v>12017</v>
      </c>
      <c r="E3854" s="2" t="s">
        <v>12018</v>
      </c>
      <c r="F3854" s="2" t="s">
        <v>7212</v>
      </c>
      <c r="G3854" s="8">
        <v>124</v>
      </c>
      <c r="H3854" s="5">
        <v>5</v>
      </c>
      <c r="I3854" s="5" t="s">
        <v>1518</v>
      </c>
      <c r="J3854" s="5" t="s">
        <v>1519</v>
      </c>
      <c r="K3854" s="2" t="s">
        <v>1520</v>
      </c>
      <c r="L3854" s="5" t="s">
        <v>1519</v>
      </c>
      <c r="M3854" s="2" t="s">
        <v>1520</v>
      </c>
      <c r="N3854" s="5" t="s">
        <v>1521</v>
      </c>
      <c r="O3854" s="5" t="s">
        <v>38</v>
      </c>
      <c r="P3854" s="5" t="s">
        <v>39</v>
      </c>
      <c r="Q3854" s="5" t="s">
        <v>40</v>
      </c>
      <c r="R3854" s="5" t="s">
        <v>1522</v>
      </c>
      <c r="S3854" s="5" t="s">
        <v>1523</v>
      </c>
      <c r="T3854" s="5" t="s">
        <v>42</v>
      </c>
      <c r="U3854" s="2">
        <v>1.95</v>
      </c>
      <c r="V3854" s="2">
        <v>1.625</v>
      </c>
      <c r="W3854" s="2">
        <v>0.01</v>
      </c>
      <c r="X3854" s="2">
        <v>118.9</v>
      </c>
      <c r="Y3854" s="2">
        <v>7.6</v>
      </c>
      <c r="Z3854" s="2">
        <v>10.6</v>
      </c>
      <c r="AA3854" s="5"/>
      <c r="AB3854" s="5" t="s">
        <v>43</v>
      </c>
      <c r="AC3854" s="5" t="s">
        <v>44</v>
      </c>
      <c r="AD3854" s="2"/>
      <c r="AE3854" s="1"/>
    </row>
    <row r="3855" spans="1:31" ht="14.45">
      <c r="A3855" s="11"/>
      <c r="B3855" s="20"/>
      <c r="C3855" s="2" t="s">
        <v>12019</v>
      </c>
      <c r="D3855" s="14" t="s">
        <v>12020</v>
      </c>
      <c r="E3855" s="2" t="s">
        <v>12021</v>
      </c>
      <c r="F3855" s="2" t="s">
        <v>7528</v>
      </c>
      <c r="G3855" s="8">
        <v>124</v>
      </c>
      <c r="H3855" s="5">
        <v>5</v>
      </c>
      <c r="I3855" s="5" t="s">
        <v>1518</v>
      </c>
      <c r="J3855" s="5" t="s">
        <v>1519</v>
      </c>
      <c r="K3855" s="2" t="s">
        <v>1520</v>
      </c>
      <c r="L3855" s="5" t="s">
        <v>1519</v>
      </c>
      <c r="M3855" s="2" t="s">
        <v>1520</v>
      </c>
      <c r="N3855" s="5" t="s">
        <v>1521</v>
      </c>
      <c r="O3855" s="5" t="s">
        <v>38</v>
      </c>
      <c r="P3855" s="5" t="s">
        <v>39</v>
      </c>
      <c r="Q3855" s="5" t="s">
        <v>40</v>
      </c>
      <c r="R3855" s="5" t="s">
        <v>1522</v>
      </c>
      <c r="S3855" s="5" t="s">
        <v>1523</v>
      </c>
      <c r="T3855" s="5" t="s">
        <v>42</v>
      </c>
      <c r="U3855" s="2">
        <v>1.9950000000000001</v>
      </c>
      <c r="V3855" s="2">
        <v>1.67</v>
      </c>
      <c r="W3855" s="2">
        <v>0.01</v>
      </c>
      <c r="X3855" s="2">
        <v>118.9</v>
      </c>
      <c r="Y3855" s="2">
        <v>7.6</v>
      </c>
      <c r="Z3855" s="2">
        <v>10.6</v>
      </c>
      <c r="AA3855" s="5"/>
      <c r="AB3855" s="5" t="s">
        <v>43</v>
      </c>
      <c r="AC3855" s="5" t="s">
        <v>44</v>
      </c>
      <c r="AD3855" s="2"/>
      <c r="AE3855" s="1"/>
    </row>
    <row r="3856" spans="1:31" ht="14.45">
      <c r="A3856" s="11"/>
      <c r="B3856" s="20"/>
      <c r="C3856" s="2" t="s">
        <v>12022</v>
      </c>
      <c r="D3856" s="14" t="s">
        <v>12023</v>
      </c>
      <c r="E3856" s="2" t="s">
        <v>12024</v>
      </c>
      <c r="F3856" s="2" t="s">
        <v>7406</v>
      </c>
      <c r="G3856" s="8">
        <v>143</v>
      </c>
      <c r="H3856" s="5">
        <v>6</v>
      </c>
      <c r="I3856" s="5" t="s">
        <v>1518</v>
      </c>
      <c r="J3856" s="5" t="s">
        <v>1519</v>
      </c>
      <c r="K3856" s="2" t="s">
        <v>1520</v>
      </c>
      <c r="L3856" s="5" t="s">
        <v>1519</v>
      </c>
      <c r="M3856" s="2" t="s">
        <v>1520</v>
      </c>
      <c r="N3856" s="5" t="s">
        <v>1521</v>
      </c>
      <c r="O3856" s="5" t="s">
        <v>38</v>
      </c>
      <c r="P3856" s="5" t="s">
        <v>39</v>
      </c>
      <c r="Q3856" s="5" t="s">
        <v>40</v>
      </c>
      <c r="R3856" s="5" t="s">
        <v>1522</v>
      </c>
      <c r="S3856" s="5" t="s">
        <v>1523</v>
      </c>
      <c r="T3856" s="5" t="s">
        <v>42</v>
      </c>
      <c r="U3856" s="2">
        <v>1.95</v>
      </c>
      <c r="V3856" s="2">
        <v>1.625</v>
      </c>
      <c r="W3856" s="2">
        <v>0.01</v>
      </c>
      <c r="X3856" s="2">
        <v>118.9</v>
      </c>
      <c r="Y3856" s="2">
        <v>7.6</v>
      </c>
      <c r="Z3856" s="2">
        <v>10.6</v>
      </c>
      <c r="AA3856" s="5"/>
      <c r="AB3856" s="5" t="s">
        <v>43</v>
      </c>
      <c r="AC3856" s="5" t="s">
        <v>44</v>
      </c>
      <c r="AD3856" s="2"/>
      <c r="AE3856" s="1"/>
    </row>
    <row r="3857" spans="1:31" ht="14.45">
      <c r="A3857" s="11"/>
      <c r="B3857" s="20"/>
      <c r="C3857" s="2" t="s">
        <v>12025</v>
      </c>
      <c r="D3857" s="14" t="s">
        <v>12026</v>
      </c>
      <c r="E3857" s="2" t="s">
        <v>12027</v>
      </c>
      <c r="F3857" s="2" t="s">
        <v>7535</v>
      </c>
      <c r="G3857" s="8">
        <v>143</v>
      </c>
      <c r="H3857" s="5">
        <v>6</v>
      </c>
      <c r="I3857" s="5" t="s">
        <v>1518</v>
      </c>
      <c r="J3857" s="5" t="s">
        <v>1519</v>
      </c>
      <c r="K3857" s="2" t="s">
        <v>1520</v>
      </c>
      <c r="L3857" s="5" t="s">
        <v>1519</v>
      </c>
      <c r="M3857" s="2" t="s">
        <v>1520</v>
      </c>
      <c r="N3857" s="5" t="s">
        <v>1521</v>
      </c>
      <c r="O3857" s="5" t="s">
        <v>38</v>
      </c>
      <c r="P3857" s="5" t="s">
        <v>39</v>
      </c>
      <c r="Q3857" s="5" t="s">
        <v>40</v>
      </c>
      <c r="R3857" s="5" t="s">
        <v>1522</v>
      </c>
      <c r="S3857" s="5" t="s">
        <v>1523</v>
      </c>
      <c r="T3857" s="5" t="s">
        <v>42</v>
      </c>
      <c r="U3857" s="2">
        <v>1.9950000000000001</v>
      </c>
      <c r="V3857" s="2">
        <v>1.67</v>
      </c>
      <c r="W3857" s="2">
        <v>0.01</v>
      </c>
      <c r="X3857" s="2">
        <v>118.9</v>
      </c>
      <c r="Y3857" s="2">
        <v>7.6</v>
      </c>
      <c r="Z3857" s="2">
        <v>10.6</v>
      </c>
      <c r="AA3857" s="5"/>
      <c r="AB3857" s="5" t="s">
        <v>43</v>
      </c>
      <c r="AC3857" s="5" t="s">
        <v>44</v>
      </c>
      <c r="AD3857" s="2"/>
      <c r="AE3857" s="1"/>
    </row>
    <row r="3858" spans="1:31" ht="14.45">
      <c r="A3858" s="11"/>
      <c r="B3858" s="20"/>
      <c r="C3858" s="2" t="s">
        <v>12028</v>
      </c>
      <c r="D3858" s="14" t="s">
        <v>12029</v>
      </c>
      <c r="E3858" s="2" t="s">
        <v>12030</v>
      </c>
      <c r="F3858" s="2" t="s">
        <v>7539</v>
      </c>
      <c r="G3858" s="8">
        <v>143</v>
      </c>
      <c r="H3858" s="5">
        <v>6</v>
      </c>
      <c r="I3858" s="5" t="s">
        <v>1518</v>
      </c>
      <c r="J3858" s="5" t="s">
        <v>1519</v>
      </c>
      <c r="K3858" s="2" t="s">
        <v>1520</v>
      </c>
      <c r="L3858" s="5" t="s">
        <v>1519</v>
      </c>
      <c r="M3858" s="2" t="s">
        <v>1520</v>
      </c>
      <c r="N3858" s="5" t="s">
        <v>1521</v>
      </c>
      <c r="O3858" s="5" t="s">
        <v>38</v>
      </c>
      <c r="P3858" s="5" t="s">
        <v>39</v>
      </c>
      <c r="Q3858" s="5" t="s">
        <v>40</v>
      </c>
      <c r="R3858" s="5" t="s">
        <v>1522</v>
      </c>
      <c r="S3858" s="5" t="s">
        <v>1523</v>
      </c>
      <c r="T3858" s="5" t="s">
        <v>42</v>
      </c>
      <c r="U3858" s="2">
        <v>1.974</v>
      </c>
      <c r="V3858" s="2">
        <v>1.649</v>
      </c>
      <c r="W3858" s="2">
        <v>0.01</v>
      </c>
      <c r="X3858" s="2">
        <v>118.9</v>
      </c>
      <c r="Y3858" s="2">
        <v>7.6</v>
      </c>
      <c r="Z3858" s="2">
        <v>10.6</v>
      </c>
      <c r="AA3858" s="5"/>
      <c r="AB3858" s="5" t="s">
        <v>43</v>
      </c>
      <c r="AC3858" s="5" t="s">
        <v>44</v>
      </c>
      <c r="AD3858" s="2"/>
      <c r="AE3858" s="1"/>
    </row>
    <row r="3859" spans="1:31" ht="14.45">
      <c r="A3859" s="11"/>
      <c r="B3859" s="20"/>
      <c r="C3859" s="2" t="s">
        <v>12031</v>
      </c>
      <c r="D3859" s="14" t="s">
        <v>12032</v>
      </c>
      <c r="E3859" s="2" t="s">
        <v>12033</v>
      </c>
      <c r="F3859" s="2" t="s">
        <v>7543</v>
      </c>
      <c r="G3859" s="8">
        <v>143</v>
      </c>
      <c r="H3859" s="5">
        <v>6</v>
      </c>
      <c r="I3859" s="5" t="s">
        <v>1518</v>
      </c>
      <c r="J3859" s="5" t="s">
        <v>1519</v>
      </c>
      <c r="K3859" s="2" t="s">
        <v>1520</v>
      </c>
      <c r="L3859" s="5" t="s">
        <v>1519</v>
      </c>
      <c r="M3859" s="2" t="s">
        <v>1520</v>
      </c>
      <c r="N3859" s="5" t="s">
        <v>1521</v>
      </c>
      <c r="O3859" s="5" t="s">
        <v>38</v>
      </c>
      <c r="P3859" s="5" t="s">
        <v>39</v>
      </c>
      <c r="Q3859" s="5" t="s">
        <v>40</v>
      </c>
      <c r="R3859" s="5" t="s">
        <v>1522</v>
      </c>
      <c r="S3859" s="5" t="s">
        <v>1523</v>
      </c>
      <c r="T3859" s="5" t="s">
        <v>42</v>
      </c>
      <c r="U3859" s="2">
        <v>2.0190000000000001</v>
      </c>
      <c r="V3859" s="2">
        <v>1.694</v>
      </c>
      <c r="W3859" s="2">
        <v>0.01</v>
      </c>
      <c r="X3859" s="2">
        <v>118.9</v>
      </c>
      <c r="Y3859" s="2">
        <v>7.6</v>
      </c>
      <c r="Z3859" s="2">
        <v>10.6</v>
      </c>
      <c r="AA3859" s="5"/>
      <c r="AB3859" s="5" t="s">
        <v>43</v>
      </c>
      <c r="AC3859" s="5" t="s">
        <v>44</v>
      </c>
      <c r="AD3859" s="2"/>
      <c r="AE3859" s="1"/>
    </row>
    <row r="3860" spans="1:31" ht="14.45">
      <c r="A3860" s="11"/>
      <c r="B3860" s="20"/>
      <c r="C3860" s="2" t="s">
        <v>12034</v>
      </c>
      <c r="D3860" s="14" t="s">
        <v>12035</v>
      </c>
      <c r="E3860" s="2" t="s">
        <v>12036</v>
      </c>
      <c r="F3860" s="2" t="s">
        <v>7547</v>
      </c>
      <c r="G3860" s="8">
        <v>143</v>
      </c>
      <c r="H3860" s="5">
        <v>6</v>
      </c>
      <c r="I3860" s="5" t="s">
        <v>1518</v>
      </c>
      <c r="J3860" s="5" t="s">
        <v>1519</v>
      </c>
      <c r="K3860" s="2" t="s">
        <v>1520</v>
      </c>
      <c r="L3860" s="5" t="s">
        <v>1519</v>
      </c>
      <c r="M3860" s="2" t="s">
        <v>1520</v>
      </c>
      <c r="N3860" s="5" t="s">
        <v>1521</v>
      </c>
      <c r="O3860" s="5" t="s">
        <v>38</v>
      </c>
      <c r="P3860" s="5" t="s">
        <v>39</v>
      </c>
      <c r="Q3860" s="5" t="s">
        <v>40</v>
      </c>
      <c r="R3860" s="5" t="s">
        <v>1522</v>
      </c>
      <c r="S3860" s="5" t="s">
        <v>1523</v>
      </c>
      <c r="T3860" s="5" t="s">
        <v>42</v>
      </c>
      <c r="U3860" s="2">
        <v>1.95</v>
      </c>
      <c r="V3860" s="2">
        <v>1.625</v>
      </c>
      <c r="W3860" s="2">
        <v>0.01</v>
      </c>
      <c r="X3860" s="2">
        <v>118.9</v>
      </c>
      <c r="Y3860" s="2">
        <v>7.6</v>
      </c>
      <c r="Z3860" s="2">
        <v>10.6</v>
      </c>
      <c r="AA3860" s="5"/>
      <c r="AB3860" s="5" t="s">
        <v>43</v>
      </c>
      <c r="AC3860" s="5" t="s">
        <v>44</v>
      </c>
      <c r="AD3860" s="2"/>
      <c r="AE3860" s="1"/>
    </row>
    <row r="3861" spans="1:31" ht="14.45">
      <c r="A3861" s="11"/>
      <c r="B3861" s="20"/>
      <c r="C3861" s="2" t="s">
        <v>12037</v>
      </c>
      <c r="D3861" s="14" t="s">
        <v>12038</v>
      </c>
      <c r="E3861" s="2" t="s">
        <v>12039</v>
      </c>
      <c r="F3861" s="2" t="s">
        <v>7551</v>
      </c>
      <c r="G3861" s="8">
        <v>143</v>
      </c>
      <c r="H3861" s="5">
        <v>6</v>
      </c>
      <c r="I3861" s="5" t="s">
        <v>1518</v>
      </c>
      <c r="J3861" s="5" t="s">
        <v>1519</v>
      </c>
      <c r="K3861" s="2" t="s">
        <v>1520</v>
      </c>
      <c r="L3861" s="5" t="s">
        <v>1519</v>
      </c>
      <c r="M3861" s="2" t="s">
        <v>1520</v>
      </c>
      <c r="N3861" s="5" t="s">
        <v>1521</v>
      </c>
      <c r="O3861" s="5" t="s">
        <v>38</v>
      </c>
      <c r="P3861" s="5" t="s">
        <v>39</v>
      </c>
      <c r="Q3861" s="5" t="s">
        <v>40</v>
      </c>
      <c r="R3861" s="5" t="s">
        <v>1522</v>
      </c>
      <c r="S3861" s="5" t="s">
        <v>1523</v>
      </c>
      <c r="T3861" s="5" t="s">
        <v>42</v>
      </c>
      <c r="U3861" s="2">
        <v>1.9950000000000001</v>
      </c>
      <c r="V3861" s="2">
        <v>1.67</v>
      </c>
      <c r="W3861" s="2">
        <v>0.01</v>
      </c>
      <c r="X3861" s="2">
        <v>118.9</v>
      </c>
      <c r="Y3861" s="2">
        <v>7.6</v>
      </c>
      <c r="Z3861" s="2">
        <v>10.6</v>
      </c>
      <c r="AA3861" s="5"/>
      <c r="AB3861" s="5" t="s">
        <v>43</v>
      </c>
      <c r="AC3861" s="5" t="s">
        <v>44</v>
      </c>
      <c r="AD3861" s="2"/>
      <c r="AE3861" s="1"/>
    </row>
    <row r="3862" spans="1:31" ht="14.45">
      <c r="A3862" s="11"/>
      <c r="B3862" s="20"/>
      <c r="C3862" s="2" t="s">
        <v>12040</v>
      </c>
      <c r="D3862" s="14" t="s">
        <v>12041</v>
      </c>
      <c r="E3862" s="2" t="s">
        <v>12042</v>
      </c>
      <c r="F3862" s="2" t="s">
        <v>7555</v>
      </c>
      <c r="G3862" s="8">
        <v>143</v>
      </c>
      <c r="H3862" s="5">
        <v>6</v>
      </c>
      <c r="I3862" s="5" t="s">
        <v>1518</v>
      </c>
      <c r="J3862" s="5" t="s">
        <v>1519</v>
      </c>
      <c r="K3862" s="2" t="s">
        <v>1520</v>
      </c>
      <c r="L3862" s="5" t="s">
        <v>1519</v>
      </c>
      <c r="M3862" s="2" t="s">
        <v>1520</v>
      </c>
      <c r="N3862" s="5" t="s">
        <v>1521</v>
      </c>
      <c r="O3862" s="5" t="s">
        <v>38</v>
      </c>
      <c r="P3862" s="5" t="s">
        <v>39</v>
      </c>
      <c r="Q3862" s="5" t="s">
        <v>40</v>
      </c>
      <c r="R3862" s="5" t="s">
        <v>1522</v>
      </c>
      <c r="S3862" s="5" t="s">
        <v>1523</v>
      </c>
      <c r="T3862" s="5" t="s">
        <v>42</v>
      </c>
      <c r="U3862" s="2">
        <v>1.95</v>
      </c>
      <c r="V3862" s="2">
        <v>1.625</v>
      </c>
      <c r="W3862" s="2">
        <v>0.01</v>
      </c>
      <c r="X3862" s="2">
        <v>118.9</v>
      </c>
      <c r="Y3862" s="2">
        <v>7.6</v>
      </c>
      <c r="Z3862" s="2">
        <v>10.6</v>
      </c>
      <c r="AA3862" s="5"/>
      <c r="AB3862" s="5" t="s">
        <v>43</v>
      </c>
      <c r="AC3862" s="5" t="s">
        <v>44</v>
      </c>
      <c r="AD3862" s="2"/>
      <c r="AE3862" s="1"/>
    </row>
    <row r="3863" spans="1:31" ht="14.45">
      <c r="A3863" s="11"/>
      <c r="B3863" s="20"/>
      <c r="C3863" s="2" t="s">
        <v>12043</v>
      </c>
      <c r="D3863" s="14" t="s">
        <v>12044</v>
      </c>
      <c r="E3863" s="2" t="s">
        <v>12045</v>
      </c>
      <c r="F3863" s="2" t="s">
        <v>7559</v>
      </c>
      <c r="G3863" s="8">
        <v>143</v>
      </c>
      <c r="H3863" s="5">
        <v>6</v>
      </c>
      <c r="I3863" s="5" t="s">
        <v>1518</v>
      </c>
      <c r="J3863" s="5" t="s">
        <v>1519</v>
      </c>
      <c r="K3863" s="2" t="s">
        <v>1520</v>
      </c>
      <c r="L3863" s="5" t="s">
        <v>1519</v>
      </c>
      <c r="M3863" s="2" t="s">
        <v>1520</v>
      </c>
      <c r="N3863" s="5" t="s">
        <v>1521</v>
      </c>
      <c r="O3863" s="5" t="s">
        <v>38</v>
      </c>
      <c r="P3863" s="5" t="s">
        <v>39</v>
      </c>
      <c r="Q3863" s="5" t="s">
        <v>40</v>
      </c>
      <c r="R3863" s="5" t="s">
        <v>1522</v>
      </c>
      <c r="S3863" s="5" t="s">
        <v>1523</v>
      </c>
      <c r="T3863" s="5" t="s">
        <v>42</v>
      </c>
      <c r="U3863" s="2">
        <v>1.9950000000000001</v>
      </c>
      <c r="V3863" s="2">
        <v>1.67</v>
      </c>
      <c r="W3863" s="2">
        <v>0.01</v>
      </c>
      <c r="X3863" s="2">
        <v>118.9</v>
      </c>
      <c r="Y3863" s="2">
        <v>7.6</v>
      </c>
      <c r="Z3863" s="2">
        <v>10.6</v>
      </c>
      <c r="AA3863" s="5"/>
      <c r="AB3863" s="5" t="s">
        <v>43</v>
      </c>
      <c r="AC3863" s="5" t="s">
        <v>44</v>
      </c>
      <c r="AD3863" s="2"/>
      <c r="AE3863" s="1"/>
    </row>
    <row r="3864" spans="1:31" ht="14.45">
      <c r="A3864" s="11"/>
      <c r="B3864" s="20"/>
      <c r="C3864" s="2" t="s">
        <v>12046</v>
      </c>
      <c r="D3864" s="14" t="s">
        <v>12047</v>
      </c>
      <c r="E3864" s="2" t="s">
        <v>12048</v>
      </c>
      <c r="F3864" s="2" t="s">
        <v>7563</v>
      </c>
      <c r="G3864" s="8">
        <v>143</v>
      </c>
      <c r="H3864" s="5">
        <v>6</v>
      </c>
      <c r="I3864" s="5" t="s">
        <v>1518</v>
      </c>
      <c r="J3864" s="5" t="s">
        <v>1519</v>
      </c>
      <c r="K3864" s="2" t="s">
        <v>1520</v>
      </c>
      <c r="L3864" s="5" t="s">
        <v>1519</v>
      </c>
      <c r="M3864" s="2" t="s">
        <v>1520</v>
      </c>
      <c r="N3864" s="5" t="s">
        <v>1521</v>
      </c>
      <c r="O3864" s="5" t="s">
        <v>38</v>
      </c>
      <c r="P3864" s="5" t="s">
        <v>39</v>
      </c>
      <c r="Q3864" s="5" t="s">
        <v>40</v>
      </c>
      <c r="R3864" s="5" t="s">
        <v>1522</v>
      </c>
      <c r="S3864" s="5" t="s">
        <v>1523</v>
      </c>
      <c r="T3864" s="5" t="s">
        <v>42</v>
      </c>
      <c r="U3864" s="2">
        <v>1.974</v>
      </c>
      <c r="V3864" s="2">
        <v>1.649</v>
      </c>
      <c r="W3864" s="2">
        <v>0.01</v>
      </c>
      <c r="X3864" s="2">
        <v>118.9</v>
      </c>
      <c r="Y3864" s="2">
        <v>7.6</v>
      </c>
      <c r="Z3864" s="2">
        <v>10.6</v>
      </c>
      <c r="AA3864" s="5"/>
      <c r="AB3864" s="5" t="s">
        <v>43</v>
      </c>
      <c r="AC3864" s="5" t="s">
        <v>44</v>
      </c>
      <c r="AD3864" s="2"/>
      <c r="AE3864" s="1"/>
    </row>
    <row r="3865" spans="1:31" ht="14.45">
      <c r="A3865" s="11"/>
      <c r="B3865" s="20"/>
      <c r="C3865" s="2" t="s">
        <v>12049</v>
      </c>
      <c r="D3865" s="14" t="s">
        <v>12050</v>
      </c>
      <c r="E3865" s="2" t="s">
        <v>12051</v>
      </c>
      <c r="F3865" s="2" t="s">
        <v>7567</v>
      </c>
      <c r="G3865" s="8">
        <v>143</v>
      </c>
      <c r="H3865" s="5">
        <v>6</v>
      </c>
      <c r="I3865" s="5" t="s">
        <v>1518</v>
      </c>
      <c r="J3865" s="5" t="s">
        <v>1519</v>
      </c>
      <c r="K3865" s="2" t="s">
        <v>1520</v>
      </c>
      <c r="L3865" s="5" t="s">
        <v>1519</v>
      </c>
      <c r="M3865" s="2" t="s">
        <v>1520</v>
      </c>
      <c r="N3865" s="5" t="s">
        <v>1521</v>
      </c>
      <c r="O3865" s="5" t="s">
        <v>38</v>
      </c>
      <c r="P3865" s="5" t="s">
        <v>39</v>
      </c>
      <c r="Q3865" s="5" t="s">
        <v>40</v>
      </c>
      <c r="R3865" s="5" t="s">
        <v>1522</v>
      </c>
      <c r="S3865" s="5" t="s">
        <v>1523</v>
      </c>
      <c r="T3865" s="5" t="s">
        <v>42</v>
      </c>
      <c r="U3865" s="2">
        <v>2.0190000000000001</v>
      </c>
      <c r="V3865" s="2">
        <v>1.694</v>
      </c>
      <c r="W3865" s="2">
        <v>0.01</v>
      </c>
      <c r="X3865" s="2">
        <v>118.9</v>
      </c>
      <c r="Y3865" s="2">
        <v>7.6</v>
      </c>
      <c r="Z3865" s="2">
        <v>10.6</v>
      </c>
      <c r="AA3865" s="5"/>
      <c r="AB3865" s="5" t="s">
        <v>43</v>
      </c>
      <c r="AC3865" s="5" t="s">
        <v>44</v>
      </c>
      <c r="AD3865" s="2"/>
      <c r="AE3865" s="1"/>
    </row>
    <row r="3866" spans="1:31" ht="14.45">
      <c r="A3866" s="11"/>
      <c r="B3866" s="20"/>
      <c r="C3866" s="2" t="s">
        <v>12052</v>
      </c>
      <c r="D3866" s="14" t="s">
        <v>12053</v>
      </c>
      <c r="E3866" s="2" t="s">
        <v>12054</v>
      </c>
      <c r="F3866" s="2" t="s">
        <v>7429</v>
      </c>
      <c r="G3866" s="8">
        <v>143</v>
      </c>
      <c r="H3866" s="5">
        <v>6</v>
      </c>
      <c r="I3866" s="5" t="s">
        <v>1518</v>
      </c>
      <c r="J3866" s="5" t="s">
        <v>1519</v>
      </c>
      <c r="K3866" s="2" t="s">
        <v>1520</v>
      </c>
      <c r="L3866" s="5" t="s">
        <v>1519</v>
      </c>
      <c r="M3866" s="2" t="s">
        <v>1520</v>
      </c>
      <c r="N3866" s="5" t="s">
        <v>1521</v>
      </c>
      <c r="O3866" s="5" t="s">
        <v>38</v>
      </c>
      <c r="P3866" s="5" t="s">
        <v>39</v>
      </c>
      <c r="Q3866" s="5" t="s">
        <v>40</v>
      </c>
      <c r="R3866" s="5" t="s">
        <v>1522</v>
      </c>
      <c r="S3866" s="5" t="s">
        <v>1523</v>
      </c>
      <c r="T3866" s="5" t="s">
        <v>42</v>
      </c>
      <c r="U3866" s="2">
        <v>1.974</v>
      </c>
      <c r="V3866" s="2">
        <v>1.649</v>
      </c>
      <c r="W3866" s="2">
        <v>0.01</v>
      </c>
      <c r="X3866" s="2">
        <v>118.9</v>
      </c>
      <c r="Y3866" s="2">
        <v>7.6</v>
      </c>
      <c r="Z3866" s="2">
        <v>10.6</v>
      </c>
      <c r="AA3866" s="5"/>
      <c r="AB3866" s="5" t="s">
        <v>43</v>
      </c>
      <c r="AC3866" s="5" t="s">
        <v>44</v>
      </c>
      <c r="AD3866" s="2"/>
      <c r="AE3866" s="1"/>
    </row>
    <row r="3867" spans="1:31" ht="14.45">
      <c r="A3867" s="11"/>
      <c r="B3867" s="20"/>
      <c r="C3867" s="2" t="s">
        <v>12055</v>
      </c>
      <c r="D3867" s="14" t="s">
        <v>12056</v>
      </c>
      <c r="E3867" s="2" t="s">
        <v>12057</v>
      </c>
      <c r="F3867" s="2" t="s">
        <v>7574</v>
      </c>
      <c r="G3867" s="8">
        <v>143</v>
      </c>
      <c r="H3867" s="5">
        <v>6</v>
      </c>
      <c r="I3867" s="5" t="s">
        <v>1518</v>
      </c>
      <c r="J3867" s="5" t="s">
        <v>1519</v>
      </c>
      <c r="K3867" s="2" t="s">
        <v>1520</v>
      </c>
      <c r="L3867" s="5" t="s">
        <v>1519</v>
      </c>
      <c r="M3867" s="2" t="s">
        <v>1520</v>
      </c>
      <c r="N3867" s="5" t="s">
        <v>1521</v>
      </c>
      <c r="O3867" s="5" t="s">
        <v>38</v>
      </c>
      <c r="P3867" s="5" t="s">
        <v>39</v>
      </c>
      <c r="Q3867" s="5" t="s">
        <v>40</v>
      </c>
      <c r="R3867" s="5" t="s">
        <v>1522</v>
      </c>
      <c r="S3867" s="5" t="s">
        <v>1523</v>
      </c>
      <c r="T3867" s="5" t="s">
        <v>42</v>
      </c>
      <c r="U3867" s="2">
        <v>2.0190000000000001</v>
      </c>
      <c r="V3867" s="2">
        <v>1.694</v>
      </c>
      <c r="W3867" s="2">
        <v>0.01</v>
      </c>
      <c r="X3867" s="2">
        <v>118.9</v>
      </c>
      <c r="Y3867" s="2">
        <v>7.6</v>
      </c>
      <c r="Z3867" s="2">
        <v>10.6</v>
      </c>
      <c r="AA3867" s="5"/>
      <c r="AB3867" s="5" t="s">
        <v>43</v>
      </c>
      <c r="AC3867" s="5" t="s">
        <v>44</v>
      </c>
      <c r="AD3867" s="2"/>
      <c r="AE3867" s="1"/>
    </row>
    <row r="3868" spans="1:31" ht="14.45">
      <c r="A3868" s="11"/>
      <c r="B3868" s="20"/>
      <c r="C3868" s="2" t="s">
        <v>12058</v>
      </c>
      <c r="D3868" s="14" t="s">
        <v>12059</v>
      </c>
      <c r="E3868" s="2" t="s">
        <v>12060</v>
      </c>
      <c r="F3868" s="2" t="s">
        <v>7449</v>
      </c>
      <c r="G3868" s="8">
        <v>143</v>
      </c>
      <c r="H3868" s="5">
        <v>6</v>
      </c>
      <c r="I3868" s="5" t="s">
        <v>1518</v>
      </c>
      <c r="J3868" s="5" t="s">
        <v>1519</v>
      </c>
      <c r="K3868" s="2" t="s">
        <v>1520</v>
      </c>
      <c r="L3868" s="5" t="s">
        <v>1519</v>
      </c>
      <c r="M3868" s="2" t="s">
        <v>1520</v>
      </c>
      <c r="N3868" s="5" t="s">
        <v>1521</v>
      </c>
      <c r="O3868" s="5" t="s">
        <v>38</v>
      </c>
      <c r="P3868" s="5" t="s">
        <v>39</v>
      </c>
      <c r="Q3868" s="5" t="s">
        <v>40</v>
      </c>
      <c r="R3868" s="5" t="s">
        <v>1522</v>
      </c>
      <c r="S3868" s="5" t="s">
        <v>1523</v>
      </c>
      <c r="T3868" s="5" t="s">
        <v>42</v>
      </c>
      <c r="U3868" s="2">
        <v>1.974</v>
      </c>
      <c r="V3868" s="2">
        <v>1.649</v>
      </c>
      <c r="W3868" s="2">
        <v>0.01</v>
      </c>
      <c r="X3868" s="2">
        <v>118.9</v>
      </c>
      <c r="Y3868" s="2">
        <v>7.6</v>
      </c>
      <c r="Z3868" s="2">
        <v>10.6</v>
      </c>
      <c r="AA3868" s="5"/>
      <c r="AB3868" s="5" t="s">
        <v>43</v>
      </c>
      <c r="AC3868" s="5" t="s">
        <v>44</v>
      </c>
      <c r="AD3868" s="2"/>
      <c r="AE3868" s="1"/>
    </row>
    <row r="3869" spans="1:31" ht="14.45">
      <c r="A3869" s="11"/>
      <c r="B3869" s="20"/>
      <c r="C3869" s="2" t="s">
        <v>12061</v>
      </c>
      <c r="D3869" s="14" t="s">
        <v>12062</v>
      </c>
      <c r="E3869" s="2" t="s">
        <v>12063</v>
      </c>
      <c r="F3869" s="2" t="s">
        <v>7581</v>
      </c>
      <c r="G3869" s="8">
        <v>143</v>
      </c>
      <c r="H3869" s="5">
        <v>6</v>
      </c>
      <c r="I3869" s="5" t="s">
        <v>1518</v>
      </c>
      <c r="J3869" s="5" t="s">
        <v>1519</v>
      </c>
      <c r="K3869" s="2" t="s">
        <v>1520</v>
      </c>
      <c r="L3869" s="5" t="s">
        <v>1519</v>
      </c>
      <c r="M3869" s="2" t="s">
        <v>1520</v>
      </c>
      <c r="N3869" s="5" t="s">
        <v>1521</v>
      </c>
      <c r="O3869" s="5" t="s">
        <v>38</v>
      </c>
      <c r="P3869" s="5" t="s">
        <v>39</v>
      </c>
      <c r="Q3869" s="5" t="s">
        <v>40</v>
      </c>
      <c r="R3869" s="5" t="s">
        <v>1522</v>
      </c>
      <c r="S3869" s="5" t="s">
        <v>1523</v>
      </c>
      <c r="T3869" s="5" t="s">
        <v>42</v>
      </c>
      <c r="U3869" s="2">
        <v>2.0190000000000001</v>
      </c>
      <c r="V3869" s="2">
        <v>1.694</v>
      </c>
      <c r="W3869" s="2">
        <v>0.01</v>
      </c>
      <c r="X3869" s="2">
        <v>118.9</v>
      </c>
      <c r="Y3869" s="2">
        <v>7.6</v>
      </c>
      <c r="Z3869" s="2">
        <v>10.6</v>
      </c>
      <c r="AA3869" s="5"/>
      <c r="AB3869" s="5" t="s">
        <v>43</v>
      </c>
      <c r="AC3869" s="5" t="s">
        <v>44</v>
      </c>
      <c r="AD3869" s="2"/>
      <c r="AE3869" s="1"/>
    </row>
    <row r="3870" spans="1:31" ht="14.45">
      <c r="A3870" s="11"/>
      <c r="B3870" s="20"/>
      <c r="C3870" s="2" t="s">
        <v>12064</v>
      </c>
      <c r="D3870" s="14" t="s">
        <v>12065</v>
      </c>
      <c r="E3870" s="2" t="s">
        <v>12066</v>
      </c>
      <c r="F3870" s="2" t="s">
        <v>7585</v>
      </c>
      <c r="G3870" s="8">
        <v>143</v>
      </c>
      <c r="H3870" s="5">
        <v>6</v>
      </c>
      <c r="I3870" s="5" t="s">
        <v>1518</v>
      </c>
      <c r="J3870" s="5" t="s">
        <v>1519</v>
      </c>
      <c r="K3870" s="2" t="s">
        <v>1520</v>
      </c>
      <c r="L3870" s="5" t="s">
        <v>1519</v>
      </c>
      <c r="M3870" s="2" t="s">
        <v>1520</v>
      </c>
      <c r="N3870" s="5" t="s">
        <v>1521</v>
      </c>
      <c r="O3870" s="5" t="s">
        <v>38</v>
      </c>
      <c r="P3870" s="5" t="s">
        <v>39</v>
      </c>
      <c r="Q3870" s="5" t="s">
        <v>40</v>
      </c>
      <c r="R3870" s="5" t="s">
        <v>1522</v>
      </c>
      <c r="S3870" s="5" t="s">
        <v>1523</v>
      </c>
      <c r="T3870" s="5" t="s">
        <v>42</v>
      </c>
      <c r="U3870" s="2">
        <v>1.95</v>
      </c>
      <c r="V3870" s="2">
        <v>1.625</v>
      </c>
      <c r="W3870" s="2">
        <v>0.01</v>
      </c>
      <c r="X3870" s="2">
        <v>118.9</v>
      </c>
      <c r="Y3870" s="2">
        <v>7.6</v>
      </c>
      <c r="Z3870" s="2">
        <v>10.6</v>
      </c>
      <c r="AA3870" s="5"/>
      <c r="AB3870" s="5" t="s">
        <v>43</v>
      </c>
      <c r="AC3870" s="5" t="s">
        <v>44</v>
      </c>
      <c r="AD3870" s="2"/>
      <c r="AE3870" s="1"/>
    </row>
    <row r="3871" spans="1:31" ht="14.45">
      <c r="A3871" s="11"/>
      <c r="B3871" s="20"/>
      <c r="C3871" s="2" t="s">
        <v>12067</v>
      </c>
      <c r="D3871" s="14" t="s">
        <v>12068</v>
      </c>
      <c r="E3871" s="2" t="s">
        <v>12069</v>
      </c>
      <c r="F3871" s="2" t="s">
        <v>7589</v>
      </c>
      <c r="G3871" s="8">
        <v>143</v>
      </c>
      <c r="H3871" s="5">
        <v>6</v>
      </c>
      <c r="I3871" s="5" t="s">
        <v>1518</v>
      </c>
      <c r="J3871" s="5" t="s">
        <v>1519</v>
      </c>
      <c r="K3871" s="2" t="s">
        <v>1520</v>
      </c>
      <c r="L3871" s="5" t="s">
        <v>1519</v>
      </c>
      <c r="M3871" s="2" t="s">
        <v>1520</v>
      </c>
      <c r="N3871" s="5" t="s">
        <v>1521</v>
      </c>
      <c r="O3871" s="5" t="s">
        <v>38</v>
      </c>
      <c r="P3871" s="5" t="s">
        <v>39</v>
      </c>
      <c r="Q3871" s="5" t="s">
        <v>40</v>
      </c>
      <c r="R3871" s="5" t="s">
        <v>1522</v>
      </c>
      <c r="S3871" s="5" t="s">
        <v>1523</v>
      </c>
      <c r="T3871" s="5" t="s">
        <v>42</v>
      </c>
      <c r="U3871" s="2">
        <v>1.9950000000000001</v>
      </c>
      <c r="V3871" s="2">
        <v>1.67</v>
      </c>
      <c r="W3871" s="2">
        <v>0.01</v>
      </c>
      <c r="X3871" s="2">
        <v>118.9</v>
      </c>
      <c r="Y3871" s="2">
        <v>7.6</v>
      </c>
      <c r="Z3871" s="2">
        <v>10.6</v>
      </c>
      <c r="AA3871" s="5"/>
      <c r="AB3871" s="5" t="s">
        <v>43</v>
      </c>
      <c r="AC3871" s="5" t="s">
        <v>44</v>
      </c>
      <c r="AD3871" s="2"/>
      <c r="AE3871" s="1"/>
    </row>
    <row r="3872" spans="1:31" ht="14.45">
      <c r="A3872" s="11"/>
      <c r="B3872" s="20"/>
      <c r="C3872" s="2" t="s">
        <v>12070</v>
      </c>
      <c r="D3872" s="14" t="s">
        <v>12071</v>
      </c>
      <c r="E3872" s="2" t="s">
        <v>12072</v>
      </c>
      <c r="F3872" s="2" t="s">
        <v>7593</v>
      </c>
      <c r="G3872" s="8">
        <v>143</v>
      </c>
      <c r="H3872" s="5">
        <v>6</v>
      </c>
      <c r="I3872" s="5" t="s">
        <v>1518</v>
      </c>
      <c r="J3872" s="5" t="s">
        <v>1519</v>
      </c>
      <c r="K3872" s="2" t="s">
        <v>1520</v>
      </c>
      <c r="L3872" s="5" t="s">
        <v>1519</v>
      </c>
      <c r="M3872" s="2" t="s">
        <v>1520</v>
      </c>
      <c r="N3872" s="5" t="s">
        <v>1521</v>
      </c>
      <c r="O3872" s="5" t="s">
        <v>38</v>
      </c>
      <c r="P3872" s="5" t="s">
        <v>39</v>
      </c>
      <c r="Q3872" s="5" t="s">
        <v>40</v>
      </c>
      <c r="R3872" s="5" t="s">
        <v>1522</v>
      </c>
      <c r="S3872" s="5" t="s">
        <v>1523</v>
      </c>
      <c r="T3872" s="5" t="s">
        <v>42</v>
      </c>
      <c r="U3872" s="2">
        <v>1.974</v>
      </c>
      <c r="V3872" s="2">
        <v>1.649</v>
      </c>
      <c r="W3872" s="2">
        <v>0.01</v>
      </c>
      <c r="X3872" s="2">
        <v>118.9</v>
      </c>
      <c r="Y3872" s="2">
        <v>7.6</v>
      </c>
      <c r="Z3872" s="2">
        <v>10.6</v>
      </c>
      <c r="AA3872" s="5"/>
      <c r="AB3872" s="5" t="s">
        <v>43</v>
      </c>
      <c r="AC3872" s="5" t="s">
        <v>44</v>
      </c>
      <c r="AD3872" s="2"/>
      <c r="AE3872" s="1"/>
    </row>
    <row r="3873" spans="1:31" ht="14.45">
      <c r="A3873" s="11"/>
      <c r="B3873" s="20"/>
      <c r="C3873" s="2" t="s">
        <v>12073</v>
      </c>
      <c r="D3873" s="14" t="s">
        <v>12074</v>
      </c>
      <c r="E3873" s="2" t="s">
        <v>12075</v>
      </c>
      <c r="F3873" s="2" t="s">
        <v>7597</v>
      </c>
      <c r="G3873" s="8">
        <v>143</v>
      </c>
      <c r="H3873" s="5">
        <v>6</v>
      </c>
      <c r="I3873" s="5" t="s">
        <v>1518</v>
      </c>
      <c r="J3873" s="5" t="s">
        <v>1519</v>
      </c>
      <c r="K3873" s="2" t="s">
        <v>1520</v>
      </c>
      <c r="L3873" s="5" t="s">
        <v>1519</v>
      </c>
      <c r="M3873" s="2" t="s">
        <v>1520</v>
      </c>
      <c r="N3873" s="5" t="s">
        <v>1521</v>
      </c>
      <c r="O3873" s="5" t="s">
        <v>38</v>
      </c>
      <c r="P3873" s="5" t="s">
        <v>39</v>
      </c>
      <c r="Q3873" s="5" t="s">
        <v>40</v>
      </c>
      <c r="R3873" s="5" t="s">
        <v>1522</v>
      </c>
      <c r="S3873" s="5" t="s">
        <v>1523</v>
      </c>
      <c r="T3873" s="5" t="s">
        <v>42</v>
      </c>
      <c r="U3873" s="2">
        <v>2.0190000000000001</v>
      </c>
      <c r="V3873" s="2">
        <v>1.694</v>
      </c>
      <c r="W3873" s="2">
        <v>0.01</v>
      </c>
      <c r="X3873" s="2">
        <v>118.9</v>
      </c>
      <c r="Y3873" s="2">
        <v>7.6</v>
      </c>
      <c r="Z3873" s="2">
        <v>10.6</v>
      </c>
      <c r="AA3873" s="5"/>
      <c r="AB3873" s="5" t="s">
        <v>43</v>
      </c>
      <c r="AC3873" s="5" t="s">
        <v>44</v>
      </c>
      <c r="AD3873" s="2"/>
      <c r="AE3873" s="1"/>
    </row>
    <row r="3874" spans="1:31" ht="14.45">
      <c r="A3874" s="11"/>
      <c r="B3874" s="20"/>
      <c r="C3874" s="2" t="s">
        <v>12076</v>
      </c>
      <c r="D3874" s="14" t="s">
        <v>12077</v>
      </c>
      <c r="E3874" s="2" t="s">
        <v>12078</v>
      </c>
      <c r="F3874" s="2" t="s">
        <v>7410</v>
      </c>
      <c r="G3874" s="8">
        <v>143</v>
      </c>
      <c r="H3874" s="5">
        <v>6</v>
      </c>
      <c r="I3874" s="5" t="s">
        <v>1518</v>
      </c>
      <c r="J3874" s="5" t="s">
        <v>1519</v>
      </c>
      <c r="K3874" s="2" t="s">
        <v>1520</v>
      </c>
      <c r="L3874" s="5" t="s">
        <v>1519</v>
      </c>
      <c r="M3874" s="2" t="s">
        <v>1520</v>
      </c>
      <c r="N3874" s="5" t="s">
        <v>1521</v>
      </c>
      <c r="O3874" s="5" t="s">
        <v>38</v>
      </c>
      <c r="P3874" s="5" t="s">
        <v>39</v>
      </c>
      <c r="Q3874" s="5" t="s">
        <v>40</v>
      </c>
      <c r="R3874" s="5" t="s">
        <v>1522</v>
      </c>
      <c r="S3874" s="5" t="s">
        <v>1523</v>
      </c>
      <c r="T3874" s="5" t="s">
        <v>42</v>
      </c>
      <c r="U3874" s="2">
        <v>1.974</v>
      </c>
      <c r="V3874" s="2">
        <v>1.649</v>
      </c>
      <c r="W3874" s="2">
        <v>0.01</v>
      </c>
      <c r="X3874" s="2">
        <v>118.9</v>
      </c>
      <c r="Y3874" s="2">
        <v>7.6</v>
      </c>
      <c r="Z3874" s="2">
        <v>10.6</v>
      </c>
      <c r="AA3874" s="5"/>
      <c r="AB3874" s="5" t="s">
        <v>43</v>
      </c>
      <c r="AC3874" s="5" t="s">
        <v>44</v>
      </c>
      <c r="AD3874" s="2"/>
      <c r="AE3874" s="1"/>
    </row>
    <row r="3875" spans="1:31" ht="14.45">
      <c r="A3875" s="11"/>
      <c r="B3875" s="20"/>
      <c r="C3875" s="2" t="s">
        <v>12079</v>
      </c>
      <c r="D3875" s="14" t="s">
        <v>12080</v>
      </c>
      <c r="E3875" s="2" t="s">
        <v>12081</v>
      </c>
      <c r="F3875" s="2" t="s">
        <v>7604</v>
      </c>
      <c r="G3875" s="8">
        <v>143</v>
      </c>
      <c r="H3875" s="5">
        <v>6</v>
      </c>
      <c r="I3875" s="5" t="s">
        <v>1518</v>
      </c>
      <c r="J3875" s="5" t="s">
        <v>1519</v>
      </c>
      <c r="K3875" s="2" t="s">
        <v>1520</v>
      </c>
      <c r="L3875" s="5" t="s">
        <v>1519</v>
      </c>
      <c r="M3875" s="2" t="s">
        <v>1520</v>
      </c>
      <c r="N3875" s="5" t="s">
        <v>1521</v>
      </c>
      <c r="O3875" s="5" t="s">
        <v>38</v>
      </c>
      <c r="P3875" s="5" t="s">
        <v>39</v>
      </c>
      <c r="Q3875" s="5" t="s">
        <v>40</v>
      </c>
      <c r="R3875" s="5" t="s">
        <v>1522</v>
      </c>
      <c r="S3875" s="5" t="s">
        <v>1523</v>
      </c>
      <c r="T3875" s="5" t="s">
        <v>42</v>
      </c>
      <c r="U3875" s="2">
        <v>2.0190000000000001</v>
      </c>
      <c r="V3875" s="2">
        <v>1.694</v>
      </c>
      <c r="W3875" s="2">
        <v>0.01</v>
      </c>
      <c r="X3875" s="2">
        <v>118.9</v>
      </c>
      <c r="Y3875" s="2">
        <v>7.6</v>
      </c>
      <c r="Z3875" s="2">
        <v>10.6</v>
      </c>
      <c r="AA3875" s="5"/>
      <c r="AB3875" s="5" t="s">
        <v>43</v>
      </c>
      <c r="AC3875" s="5" t="s">
        <v>44</v>
      </c>
      <c r="AD3875" s="2"/>
      <c r="AE3875" s="1"/>
    </row>
    <row r="3876" spans="1:31" ht="14.45">
      <c r="A3876" s="11"/>
      <c r="B3876" s="20"/>
      <c r="C3876" s="2" t="s">
        <v>12082</v>
      </c>
      <c r="D3876" s="14" t="s">
        <v>12083</v>
      </c>
      <c r="E3876" s="2" t="s">
        <v>12084</v>
      </c>
      <c r="F3876" s="2" t="s">
        <v>7433</v>
      </c>
      <c r="G3876" s="8">
        <v>143</v>
      </c>
      <c r="H3876" s="5">
        <v>6</v>
      </c>
      <c r="I3876" s="5" t="s">
        <v>1518</v>
      </c>
      <c r="J3876" s="5" t="s">
        <v>1519</v>
      </c>
      <c r="K3876" s="2" t="s">
        <v>1520</v>
      </c>
      <c r="L3876" s="5" t="s">
        <v>1519</v>
      </c>
      <c r="M3876" s="2" t="s">
        <v>1520</v>
      </c>
      <c r="N3876" s="5" t="s">
        <v>1521</v>
      </c>
      <c r="O3876" s="5" t="s">
        <v>38</v>
      </c>
      <c r="P3876" s="5" t="s">
        <v>39</v>
      </c>
      <c r="Q3876" s="5" t="s">
        <v>40</v>
      </c>
      <c r="R3876" s="5" t="s">
        <v>1522</v>
      </c>
      <c r="S3876" s="5" t="s">
        <v>1523</v>
      </c>
      <c r="T3876" s="5" t="s">
        <v>42</v>
      </c>
      <c r="U3876" s="2">
        <v>1.974</v>
      </c>
      <c r="V3876" s="2">
        <v>1.649</v>
      </c>
      <c r="W3876" s="2">
        <v>0.01</v>
      </c>
      <c r="X3876" s="2">
        <v>118.9</v>
      </c>
      <c r="Y3876" s="2">
        <v>7.6</v>
      </c>
      <c r="Z3876" s="2">
        <v>10.6</v>
      </c>
      <c r="AA3876" s="5"/>
      <c r="AB3876" s="5" t="s">
        <v>43</v>
      </c>
      <c r="AC3876" s="5" t="s">
        <v>44</v>
      </c>
      <c r="AD3876" s="2"/>
      <c r="AE3876" s="1"/>
    </row>
    <row r="3877" spans="1:31" ht="14.45">
      <c r="A3877" s="11"/>
      <c r="B3877" s="20"/>
      <c r="C3877" s="2" t="s">
        <v>12085</v>
      </c>
      <c r="D3877" s="14" t="s">
        <v>12086</v>
      </c>
      <c r="E3877" s="2" t="s">
        <v>12087</v>
      </c>
      <c r="F3877" s="2" t="s">
        <v>7611</v>
      </c>
      <c r="G3877" s="8">
        <v>143</v>
      </c>
      <c r="H3877" s="5">
        <v>6</v>
      </c>
      <c r="I3877" s="5" t="s">
        <v>1518</v>
      </c>
      <c r="J3877" s="5" t="s">
        <v>1519</v>
      </c>
      <c r="K3877" s="2" t="s">
        <v>1520</v>
      </c>
      <c r="L3877" s="5" t="s">
        <v>1519</v>
      </c>
      <c r="M3877" s="2" t="s">
        <v>1520</v>
      </c>
      <c r="N3877" s="5" t="s">
        <v>1521</v>
      </c>
      <c r="O3877" s="5" t="s">
        <v>38</v>
      </c>
      <c r="P3877" s="5" t="s">
        <v>39</v>
      </c>
      <c r="Q3877" s="5" t="s">
        <v>40</v>
      </c>
      <c r="R3877" s="5" t="s">
        <v>1522</v>
      </c>
      <c r="S3877" s="5" t="s">
        <v>1523</v>
      </c>
      <c r="T3877" s="5" t="s">
        <v>42</v>
      </c>
      <c r="U3877" s="2">
        <v>2.0190000000000001</v>
      </c>
      <c r="V3877" s="2">
        <v>1.694</v>
      </c>
      <c r="W3877" s="2">
        <v>0.01</v>
      </c>
      <c r="X3877" s="2">
        <v>118.9</v>
      </c>
      <c r="Y3877" s="2">
        <v>7.6</v>
      </c>
      <c r="Z3877" s="2">
        <v>10.6</v>
      </c>
      <c r="AA3877" s="5"/>
      <c r="AB3877" s="5" t="s">
        <v>43</v>
      </c>
      <c r="AC3877" s="5" t="s">
        <v>44</v>
      </c>
      <c r="AD3877" s="2"/>
      <c r="AE3877" s="1"/>
    </row>
    <row r="3878" spans="1:31" ht="14.45">
      <c r="A3878" s="11"/>
      <c r="B3878" s="20"/>
      <c r="C3878" s="2" t="s">
        <v>12088</v>
      </c>
      <c r="D3878" s="14" t="s">
        <v>12089</v>
      </c>
      <c r="E3878" s="2" t="s">
        <v>12090</v>
      </c>
      <c r="F3878" s="2" t="s">
        <v>7615</v>
      </c>
      <c r="G3878" s="8">
        <v>143</v>
      </c>
      <c r="H3878" s="5">
        <v>6</v>
      </c>
      <c r="I3878" s="5" t="s">
        <v>1518</v>
      </c>
      <c r="J3878" s="5" t="s">
        <v>1519</v>
      </c>
      <c r="K3878" s="2" t="s">
        <v>1520</v>
      </c>
      <c r="L3878" s="5" t="s">
        <v>1519</v>
      </c>
      <c r="M3878" s="2" t="s">
        <v>1520</v>
      </c>
      <c r="N3878" s="5" t="s">
        <v>1521</v>
      </c>
      <c r="O3878" s="5" t="s">
        <v>38</v>
      </c>
      <c r="P3878" s="5" t="s">
        <v>39</v>
      </c>
      <c r="Q3878" s="5" t="s">
        <v>40</v>
      </c>
      <c r="R3878" s="5" t="s">
        <v>1522</v>
      </c>
      <c r="S3878" s="5" t="s">
        <v>1523</v>
      </c>
      <c r="T3878" s="5" t="s">
        <v>42</v>
      </c>
      <c r="U3878" s="2">
        <v>1.95</v>
      </c>
      <c r="V3878" s="2">
        <v>1.625</v>
      </c>
      <c r="W3878" s="2">
        <v>0.01</v>
      </c>
      <c r="X3878" s="2">
        <v>118.9</v>
      </c>
      <c r="Y3878" s="2">
        <v>7.6</v>
      </c>
      <c r="Z3878" s="2">
        <v>10.6</v>
      </c>
      <c r="AA3878" s="5"/>
      <c r="AB3878" s="5" t="s">
        <v>43</v>
      </c>
      <c r="AC3878" s="5" t="s">
        <v>44</v>
      </c>
      <c r="AD3878" s="2"/>
      <c r="AE3878" s="1"/>
    </row>
    <row r="3879" spans="1:31" ht="14.45">
      <c r="A3879" s="11"/>
      <c r="B3879" s="20"/>
      <c r="C3879" s="2" t="s">
        <v>12091</v>
      </c>
      <c r="D3879" s="14" t="s">
        <v>12092</v>
      </c>
      <c r="E3879" s="2" t="s">
        <v>12093</v>
      </c>
      <c r="F3879" s="2" t="s">
        <v>7619</v>
      </c>
      <c r="G3879" s="8">
        <v>143</v>
      </c>
      <c r="H3879" s="5">
        <v>6</v>
      </c>
      <c r="I3879" s="5" t="s">
        <v>1518</v>
      </c>
      <c r="J3879" s="5" t="s">
        <v>1519</v>
      </c>
      <c r="K3879" s="2" t="s">
        <v>1520</v>
      </c>
      <c r="L3879" s="5" t="s">
        <v>1519</v>
      </c>
      <c r="M3879" s="2" t="s">
        <v>1520</v>
      </c>
      <c r="N3879" s="5" t="s">
        <v>1521</v>
      </c>
      <c r="O3879" s="5" t="s">
        <v>38</v>
      </c>
      <c r="P3879" s="5" t="s">
        <v>39</v>
      </c>
      <c r="Q3879" s="5" t="s">
        <v>40</v>
      </c>
      <c r="R3879" s="5" t="s">
        <v>1522</v>
      </c>
      <c r="S3879" s="5" t="s">
        <v>1523</v>
      </c>
      <c r="T3879" s="5" t="s">
        <v>42</v>
      </c>
      <c r="U3879" s="2">
        <v>1.9950000000000001</v>
      </c>
      <c r="V3879" s="2">
        <v>1.67</v>
      </c>
      <c r="W3879" s="2">
        <v>0.01</v>
      </c>
      <c r="X3879" s="2">
        <v>118.9</v>
      </c>
      <c r="Y3879" s="2">
        <v>7.6</v>
      </c>
      <c r="Z3879" s="2">
        <v>10.6</v>
      </c>
      <c r="AA3879" s="5"/>
      <c r="AB3879" s="5" t="s">
        <v>43</v>
      </c>
      <c r="AC3879" s="5" t="s">
        <v>44</v>
      </c>
      <c r="AD3879" s="2"/>
      <c r="AE3879" s="1"/>
    </row>
    <row r="3880" spans="1:31" ht="14.45">
      <c r="A3880" s="11"/>
      <c r="B3880" s="20"/>
      <c r="C3880" s="2" t="s">
        <v>12094</v>
      </c>
      <c r="D3880" s="14" t="s">
        <v>12095</v>
      </c>
      <c r="E3880" s="2" t="s">
        <v>12096</v>
      </c>
      <c r="F3880" s="2" t="s">
        <v>1823</v>
      </c>
      <c r="G3880" s="8">
        <v>143</v>
      </c>
      <c r="H3880" s="5">
        <v>8</v>
      </c>
      <c r="I3880" s="5" t="s">
        <v>1518</v>
      </c>
      <c r="J3880" s="5" t="s">
        <v>1519</v>
      </c>
      <c r="K3880" s="2" t="s">
        <v>1520</v>
      </c>
      <c r="L3880" s="5" t="s">
        <v>1519</v>
      </c>
      <c r="M3880" s="2" t="s">
        <v>1520</v>
      </c>
      <c r="N3880" s="5" t="s">
        <v>1521</v>
      </c>
      <c r="O3880" s="5" t="s">
        <v>38</v>
      </c>
      <c r="P3880" s="5" t="s">
        <v>39</v>
      </c>
      <c r="Q3880" s="5" t="s">
        <v>40</v>
      </c>
      <c r="R3880" s="5" t="s">
        <v>1522</v>
      </c>
      <c r="S3880" s="5" t="s">
        <v>1523</v>
      </c>
      <c r="T3880" s="5" t="s">
        <v>42</v>
      </c>
      <c r="U3880" s="2">
        <v>1.992</v>
      </c>
      <c r="V3880" s="2">
        <v>1.667</v>
      </c>
      <c r="W3880" s="2">
        <v>0.01</v>
      </c>
      <c r="X3880" s="2">
        <v>118.9</v>
      </c>
      <c r="Y3880" s="2">
        <v>7.6</v>
      </c>
      <c r="Z3880" s="2">
        <v>10.6</v>
      </c>
      <c r="AA3880" s="5"/>
      <c r="AB3880" s="5" t="s">
        <v>43</v>
      </c>
      <c r="AC3880" s="5" t="s">
        <v>44</v>
      </c>
      <c r="AD3880" s="2"/>
      <c r="AE3880" s="1"/>
    </row>
    <row r="3881" spans="1:31" ht="14.45">
      <c r="A3881" s="11"/>
      <c r="B3881" s="20"/>
      <c r="C3881" s="2" t="s">
        <v>12097</v>
      </c>
      <c r="D3881" s="14" t="s">
        <v>12098</v>
      </c>
      <c r="E3881" s="2" t="s">
        <v>12099</v>
      </c>
      <c r="F3881" s="2" t="s">
        <v>1827</v>
      </c>
      <c r="G3881" s="8">
        <v>143</v>
      </c>
      <c r="H3881" s="5">
        <v>8</v>
      </c>
      <c r="I3881" s="5" t="s">
        <v>1518</v>
      </c>
      <c r="J3881" s="5" t="s">
        <v>1519</v>
      </c>
      <c r="K3881" s="2" t="s">
        <v>1520</v>
      </c>
      <c r="L3881" s="5" t="s">
        <v>1519</v>
      </c>
      <c r="M3881" s="2" t="s">
        <v>1520</v>
      </c>
      <c r="N3881" s="5" t="s">
        <v>1521</v>
      </c>
      <c r="O3881" s="5" t="s">
        <v>38</v>
      </c>
      <c r="P3881" s="5" t="s">
        <v>39</v>
      </c>
      <c r="Q3881" s="5" t="s">
        <v>40</v>
      </c>
      <c r="R3881" s="5" t="s">
        <v>1522</v>
      </c>
      <c r="S3881" s="5" t="s">
        <v>1523</v>
      </c>
      <c r="T3881" s="5" t="s">
        <v>42</v>
      </c>
      <c r="U3881" s="2">
        <v>2.0369999999999999</v>
      </c>
      <c r="V3881" s="2">
        <v>1.712</v>
      </c>
      <c r="W3881" s="2">
        <v>0.01</v>
      </c>
      <c r="X3881" s="2">
        <v>118.9</v>
      </c>
      <c r="Y3881" s="2">
        <v>7.6</v>
      </c>
      <c r="Z3881" s="2">
        <v>10.6</v>
      </c>
      <c r="AA3881" s="5"/>
      <c r="AB3881" s="5" t="s">
        <v>43</v>
      </c>
      <c r="AC3881" s="5" t="s">
        <v>44</v>
      </c>
      <c r="AD3881" s="2"/>
      <c r="AE3881" s="1"/>
    </row>
    <row r="3882" spans="1:31" ht="14.45">
      <c r="A3882" s="11"/>
      <c r="B3882" s="20"/>
      <c r="C3882" s="2" t="s">
        <v>12100</v>
      </c>
      <c r="D3882" s="14" t="s">
        <v>12101</v>
      </c>
      <c r="E3882" s="2" t="s">
        <v>12102</v>
      </c>
      <c r="F3882" s="2" t="s">
        <v>2724</v>
      </c>
      <c r="G3882" s="8">
        <v>143</v>
      </c>
      <c r="H3882" s="5">
        <v>13</v>
      </c>
      <c r="I3882" s="5" t="s">
        <v>1518</v>
      </c>
      <c r="J3882" s="5" t="s">
        <v>1519</v>
      </c>
      <c r="K3882" s="2" t="s">
        <v>1520</v>
      </c>
      <c r="L3882" s="5" t="s">
        <v>1519</v>
      </c>
      <c r="M3882" s="2" t="s">
        <v>1520</v>
      </c>
      <c r="N3882" s="5" t="s">
        <v>1521</v>
      </c>
      <c r="O3882" s="5" t="s">
        <v>38</v>
      </c>
      <c r="P3882" s="5" t="s">
        <v>39</v>
      </c>
      <c r="Q3882" s="5" t="s">
        <v>40</v>
      </c>
      <c r="R3882" s="5" t="s">
        <v>1522</v>
      </c>
      <c r="S3882" s="5" t="s">
        <v>1523</v>
      </c>
      <c r="T3882" s="5" t="s">
        <v>42</v>
      </c>
      <c r="U3882" s="2">
        <v>2.052</v>
      </c>
      <c r="V3882" s="2">
        <v>1.7270000000000001</v>
      </c>
      <c r="W3882" s="2">
        <v>0.01</v>
      </c>
      <c r="X3882" s="2">
        <v>118.9</v>
      </c>
      <c r="Y3882" s="2">
        <v>7.6</v>
      </c>
      <c r="Z3882" s="2">
        <v>10.6</v>
      </c>
      <c r="AA3882" s="5"/>
      <c r="AB3882" s="5" t="s">
        <v>43</v>
      </c>
      <c r="AC3882" s="5" t="s">
        <v>44</v>
      </c>
      <c r="AD3882" s="2"/>
      <c r="AE3882" s="1"/>
    </row>
    <row r="3883" spans="1:31" ht="14.45">
      <c r="A3883" s="11"/>
      <c r="B3883" s="20"/>
      <c r="C3883" s="2" t="s">
        <v>12103</v>
      </c>
      <c r="D3883" s="14" t="s">
        <v>12104</v>
      </c>
      <c r="E3883" s="2" t="s">
        <v>12105</v>
      </c>
      <c r="F3883" s="2" t="s">
        <v>2212</v>
      </c>
      <c r="G3883" s="8">
        <v>143</v>
      </c>
      <c r="H3883" s="5">
        <v>13</v>
      </c>
      <c r="I3883" s="5" t="s">
        <v>1518</v>
      </c>
      <c r="J3883" s="5" t="s">
        <v>1519</v>
      </c>
      <c r="K3883" s="2" t="s">
        <v>1520</v>
      </c>
      <c r="L3883" s="5" t="s">
        <v>1519</v>
      </c>
      <c r="M3883" s="2" t="s">
        <v>1520</v>
      </c>
      <c r="N3883" s="5" t="s">
        <v>1521</v>
      </c>
      <c r="O3883" s="5" t="s">
        <v>38</v>
      </c>
      <c r="P3883" s="5" t="s">
        <v>39</v>
      </c>
      <c r="Q3883" s="5" t="s">
        <v>40</v>
      </c>
      <c r="R3883" s="5" t="s">
        <v>1522</v>
      </c>
      <c r="S3883" s="5" t="s">
        <v>1523</v>
      </c>
      <c r="T3883" s="5" t="s">
        <v>42</v>
      </c>
      <c r="U3883" s="2">
        <v>2.052</v>
      </c>
      <c r="V3883" s="2">
        <v>1.7270000000000001</v>
      </c>
      <c r="W3883" s="2">
        <v>0.01</v>
      </c>
      <c r="X3883" s="2">
        <v>118.9</v>
      </c>
      <c r="Y3883" s="2">
        <v>7.6</v>
      </c>
      <c r="Z3883" s="2">
        <v>10.6</v>
      </c>
      <c r="AA3883" s="5"/>
      <c r="AB3883" s="5" t="s">
        <v>43</v>
      </c>
      <c r="AC3883" s="5" t="s">
        <v>44</v>
      </c>
      <c r="AD3883" s="2"/>
      <c r="AE3883" s="1"/>
    </row>
    <row r="3884" spans="1:31" ht="14.45">
      <c r="A3884" s="11"/>
      <c r="B3884" s="20"/>
      <c r="C3884" s="2" t="s">
        <v>12106</v>
      </c>
      <c r="D3884" s="14" t="s">
        <v>12107</v>
      </c>
      <c r="E3884" s="2" t="s">
        <v>12108</v>
      </c>
      <c r="F3884" s="2" t="s">
        <v>1831</v>
      </c>
      <c r="G3884" s="8">
        <v>143</v>
      </c>
      <c r="H3884" s="5">
        <v>13</v>
      </c>
      <c r="I3884" s="5" t="s">
        <v>1518</v>
      </c>
      <c r="J3884" s="5" t="s">
        <v>1519</v>
      </c>
      <c r="K3884" s="2" t="s">
        <v>1520</v>
      </c>
      <c r="L3884" s="5" t="s">
        <v>1519</v>
      </c>
      <c r="M3884" s="2" t="s">
        <v>1520</v>
      </c>
      <c r="N3884" s="5" t="s">
        <v>1521</v>
      </c>
      <c r="O3884" s="5" t="s">
        <v>38</v>
      </c>
      <c r="P3884" s="5" t="s">
        <v>39</v>
      </c>
      <c r="Q3884" s="5" t="s">
        <v>40</v>
      </c>
      <c r="R3884" s="5" t="s">
        <v>1522</v>
      </c>
      <c r="S3884" s="5" t="s">
        <v>1523</v>
      </c>
      <c r="T3884" s="5" t="s">
        <v>42</v>
      </c>
      <c r="U3884" s="2">
        <v>2.0070000000000001</v>
      </c>
      <c r="V3884" s="2">
        <v>1.6819999999999999</v>
      </c>
      <c r="W3884" s="2">
        <v>0.01</v>
      </c>
      <c r="X3884" s="2">
        <v>118.9</v>
      </c>
      <c r="Y3884" s="2">
        <v>7.6</v>
      </c>
      <c r="Z3884" s="2">
        <v>10.6</v>
      </c>
      <c r="AA3884" s="5"/>
      <c r="AB3884" s="5" t="s">
        <v>43</v>
      </c>
      <c r="AC3884" s="5" t="s">
        <v>44</v>
      </c>
      <c r="AD3884" s="2"/>
      <c r="AE3884" s="1"/>
    </row>
    <row r="3885" spans="1:31" ht="14.45">
      <c r="A3885" s="11"/>
      <c r="B3885" s="20"/>
      <c r="C3885" s="2" t="s">
        <v>12109</v>
      </c>
      <c r="D3885" s="14" t="s">
        <v>12110</v>
      </c>
      <c r="E3885" s="2" t="s">
        <v>12111</v>
      </c>
      <c r="F3885" s="2" t="s">
        <v>1835</v>
      </c>
      <c r="G3885" s="8">
        <v>143</v>
      </c>
      <c r="H3885" s="5">
        <v>13</v>
      </c>
      <c r="I3885" s="5" t="s">
        <v>1518</v>
      </c>
      <c r="J3885" s="5" t="s">
        <v>1519</v>
      </c>
      <c r="K3885" s="2" t="s">
        <v>1520</v>
      </c>
      <c r="L3885" s="5" t="s">
        <v>1519</v>
      </c>
      <c r="M3885" s="2" t="s">
        <v>1520</v>
      </c>
      <c r="N3885" s="5" t="s">
        <v>1521</v>
      </c>
      <c r="O3885" s="5" t="s">
        <v>38</v>
      </c>
      <c r="P3885" s="5" t="s">
        <v>39</v>
      </c>
      <c r="Q3885" s="5" t="s">
        <v>40</v>
      </c>
      <c r="R3885" s="5" t="s">
        <v>1522</v>
      </c>
      <c r="S3885" s="5" t="s">
        <v>1523</v>
      </c>
      <c r="T3885" s="5" t="s">
        <v>42</v>
      </c>
      <c r="U3885" s="2">
        <v>2.052</v>
      </c>
      <c r="V3885" s="2">
        <v>1.7270000000000001</v>
      </c>
      <c r="W3885" s="2">
        <v>0.01</v>
      </c>
      <c r="X3885" s="2">
        <v>118.9</v>
      </c>
      <c r="Y3885" s="2">
        <v>7.6</v>
      </c>
      <c r="Z3885" s="2">
        <v>10.6</v>
      </c>
      <c r="AA3885" s="5"/>
      <c r="AB3885" s="5" t="s">
        <v>43</v>
      </c>
      <c r="AC3885" s="5" t="s">
        <v>44</v>
      </c>
      <c r="AD3885" s="2"/>
      <c r="AE3885" s="1"/>
    </row>
    <row r="3886" spans="1:31" ht="14.45">
      <c r="A3886" s="11"/>
      <c r="B3886" s="20"/>
      <c r="C3886" s="2" t="s">
        <v>12112</v>
      </c>
      <c r="D3886" s="14" t="s">
        <v>12113</v>
      </c>
      <c r="E3886" s="2" t="s">
        <v>12114</v>
      </c>
      <c r="F3886" s="2" t="s">
        <v>1839</v>
      </c>
      <c r="G3886" s="8">
        <v>143</v>
      </c>
      <c r="H3886" s="5">
        <v>13</v>
      </c>
      <c r="I3886" s="5" t="s">
        <v>1518</v>
      </c>
      <c r="J3886" s="5" t="s">
        <v>1519</v>
      </c>
      <c r="K3886" s="2" t="s">
        <v>1520</v>
      </c>
      <c r="L3886" s="5" t="s">
        <v>1519</v>
      </c>
      <c r="M3886" s="2" t="s">
        <v>1520</v>
      </c>
      <c r="N3886" s="5" t="s">
        <v>1521</v>
      </c>
      <c r="O3886" s="5" t="s">
        <v>38</v>
      </c>
      <c r="P3886" s="5" t="s">
        <v>39</v>
      </c>
      <c r="Q3886" s="5" t="s">
        <v>40</v>
      </c>
      <c r="R3886" s="5" t="s">
        <v>1522</v>
      </c>
      <c r="S3886" s="5" t="s">
        <v>1523</v>
      </c>
      <c r="T3886" s="5" t="s">
        <v>42</v>
      </c>
      <c r="U3886" s="2">
        <v>2.0070000000000001</v>
      </c>
      <c r="V3886" s="2">
        <v>1.6819999999999999</v>
      </c>
      <c r="W3886" s="2">
        <v>0.01</v>
      </c>
      <c r="X3886" s="2">
        <v>118.9</v>
      </c>
      <c r="Y3886" s="2">
        <v>7.6</v>
      </c>
      <c r="Z3886" s="2">
        <v>10.6</v>
      </c>
      <c r="AA3886" s="5"/>
      <c r="AB3886" s="5" t="s">
        <v>43</v>
      </c>
      <c r="AC3886" s="5" t="s">
        <v>44</v>
      </c>
      <c r="AD3886" s="2"/>
      <c r="AE3886" s="1"/>
    </row>
    <row r="3887" spans="1:31" ht="14.45">
      <c r="A3887" s="11"/>
      <c r="B3887" s="20"/>
      <c r="C3887" s="2" t="s">
        <v>12115</v>
      </c>
      <c r="D3887" s="14" t="s">
        <v>12116</v>
      </c>
      <c r="E3887" s="2" t="s">
        <v>12117</v>
      </c>
      <c r="F3887" s="2" t="s">
        <v>1986</v>
      </c>
      <c r="G3887" s="8">
        <v>143</v>
      </c>
      <c r="H3887" s="5">
        <v>13</v>
      </c>
      <c r="I3887" s="5" t="s">
        <v>1518</v>
      </c>
      <c r="J3887" s="5" t="s">
        <v>1519</v>
      </c>
      <c r="K3887" s="2" t="s">
        <v>1520</v>
      </c>
      <c r="L3887" s="5" t="s">
        <v>1519</v>
      </c>
      <c r="M3887" s="2" t="s">
        <v>1520</v>
      </c>
      <c r="N3887" s="5" t="s">
        <v>1521</v>
      </c>
      <c r="O3887" s="5" t="s">
        <v>38</v>
      </c>
      <c r="P3887" s="5" t="s">
        <v>39</v>
      </c>
      <c r="Q3887" s="5" t="s">
        <v>40</v>
      </c>
      <c r="R3887" s="5" t="s">
        <v>1522</v>
      </c>
      <c r="S3887" s="5" t="s">
        <v>1523</v>
      </c>
      <c r="T3887" s="5" t="s">
        <v>42</v>
      </c>
      <c r="U3887" s="2">
        <v>2.052</v>
      </c>
      <c r="V3887" s="2">
        <v>1.7270000000000001</v>
      </c>
      <c r="W3887" s="2">
        <v>0.01</v>
      </c>
      <c r="X3887" s="2">
        <v>118.9</v>
      </c>
      <c r="Y3887" s="2">
        <v>7.6</v>
      </c>
      <c r="Z3887" s="2">
        <v>10.6</v>
      </c>
      <c r="AA3887" s="5"/>
      <c r="AB3887" s="5" t="s">
        <v>43</v>
      </c>
      <c r="AC3887" s="5" t="s">
        <v>44</v>
      </c>
      <c r="AD3887" s="2"/>
      <c r="AE3887" s="1"/>
    </row>
    <row r="3888" spans="1:31" ht="14.45">
      <c r="A3888" s="11"/>
      <c r="B3888" s="20"/>
      <c r="C3888" s="2" t="s">
        <v>12118</v>
      </c>
      <c r="D3888" s="14" t="s">
        <v>12119</v>
      </c>
      <c r="E3888" s="2" t="s">
        <v>12120</v>
      </c>
      <c r="F3888" s="2" t="s">
        <v>1843</v>
      </c>
      <c r="G3888" s="8">
        <v>143</v>
      </c>
      <c r="H3888" s="5">
        <v>13</v>
      </c>
      <c r="I3888" s="5" t="s">
        <v>1518</v>
      </c>
      <c r="J3888" s="5" t="s">
        <v>1519</v>
      </c>
      <c r="K3888" s="2" t="s">
        <v>1520</v>
      </c>
      <c r="L3888" s="5" t="s">
        <v>1519</v>
      </c>
      <c r="M3888" s="2" t="s">
        <v>1520</v>
      </c>
      <c r="N3888" s="5" t="s">
        <v>1521</v>
      </c>
      <c r="O3888" s="5" t="s">
        <v>38</v>
      </c>
      <c r="P3888" s="5" t="s">
        <v>39</v>
      </c>
      <c r="Q3888" s="5" t="s">
        <v>40</v>
      </c>
      <c r="R3888" s="5" t="s">
        <v>1522</v>
      </c>
      <c r="S3888" s="5" t="s">
        <v>1523</v>
      </c>
      <c r="T3888" s="5" t="s">
        <v>42</v>
      </c>
      <c r="U3888" s="2">
        <v>2.0070000000000001</v>
      </c>
      <c r="V3888" s="2">
        <v>1.6819999999999999</v>
      </c>
      <c r="W3888" s="2">
        <v>0.01</v>
      </c>
      <c r="X3888" s="2">
        <v>118.9</v>
      </c>
      <c r="Y3888" s="2">
        <v>7.6</v>
      </c>
      <c r="Z3888" s="2">
        <v>10.6</v>
      </c>
      <c r="AA3888" s="5"/>
      <c r="AB3888" s="5" t="s">
        <v>43</v>
      </c>
      <c r="AC3888" s="5" t="s">
        <v>44</v>
      </c>
      <c r="AD3888" s="2"/>
      <c r="AE3888" s="1"/>
    </row>
    <row r="3889" spans="1:31" ht="14.45">
      <c r="A3889" s="11"/>
      <c r="B3889" s="20"/>
      <c r="C3889" s="2" t="s">
        <v>12121</v>
      </c>
      <c r="D3889" s="14" t="s">
        <v>12122</v>
      </c>
      <c r="E3889" s="2" t="s">
        <v>12123</v>
      </c>
      <c r="F3889" s="2" t="s">
        <v>1847</v>
      </c>
      <c r="G3889" s="8">
        <v>143</v>
      </c>
      <c r="H3889" s="5">
        <v>13</v>
      </c>
      <c r="I3889" s="5" t="s">
        <v>1518</v>
      </c>
      <c r="J3889" s="5" t="s">
        <v>1519</v>
      </c>
      <c r="K3889" s="2" t="s">
        <v>1520</v>
      </c>
      <c r="L3889" s="5" t="s">
        <v>1519</v>
      </c>
      <c r="M3889" s="2" t="s">
        <v>1520</v>
      </c>
      <c r="N3889" s="5" t="s">
        <v>1521</v>
      </c>
      <c r="O3889" s="5" t="s">
        <v>38</v>
      </c>
      <c r="P3889" s="5" t="s">
        <v>39</v>
      </c>
      <c r="Q3889" s="5" t="s">
        <v>40</v>
      </c>
      <c r="R3889" s="5" t="s">
        <v>1522</v>
      </c>
      <c r="S3889" s="5" t="s">
        <v>1523</v>
      </c>
      <c r="T3889" s="5" t="s">
        <v>42</v>
      </c>
      <c r="U3889" s="2">
        <v>2.052</v>
      </c>
      <c r="V3889" s="2">
        <v>1.7270000000000001</v>
      </c>
      <c r="W3889" s="2">
        <v>0.01</v>
      </c>
      <c r="X3889" s="2">
        <v>118.9</v>
      </c>
      <c r="Y3889" s="2">
        <v>7.6</v>
      </c>
      <c r="Z3889" s="2">
        <v>10.6</v>
      </c>
      <c r="AA3889" s="5"/>
      <c r="AB3889" s="5" t="s">
        <v>43</v>
      </c>
      <c r="AC3889" s="5" t="s">
        <v>44</v>
      </c>
      <c r="AD3889" s="2"/>
      <c r="AE3889" s="1"/>
    </row>
    <row r="3890" spans="1:31" ht="14.45">
      <c r="A3890" s="11"/>
      <c r="B3890" s="20"/>
      <c r="C3890" s="2" t="s">
        <v>12124</v>
      </c>
      <c r="D3890" s="14" t="s">
        <v>12125</v>
      </c>
      <c r="E3890" s="2" t="s">
        <v>12126</v>
      </c>
      <c r="F3890" s="2" t="s">
        <v>1851</v>
      </c>
      <c r="G3890" s="8">
        <v>143</v>
      </c>
      <c r="H3890" s="5">
        <v>13</v>
      </c>
      <c r="I3890" s="5" t="s">
        <v>1518</v>
      </c>
      <c r="J3890" s="5" t="s">
        <v>1519</v>
      </c>
      <c r="K3890" s="2" t="s">
        <v>1520</v>
      </c>
      <c r="L3890" s="5" t="s">
        <v>1519</v>
      </c>
      <c r="M3890" s="2" t="s">
        <v>1520</v>
      </c>
      <c r="N3890" s="5" t="s">
        <v>1521</v>
      </c>
      <c r="O3890" s="5" t="s">
        <v>38</v>
      </c>
      <c r="P3890" s="5" t="s">
        <v>39</v>
      </c>
      <c r="Q3890" s="5" t="s">
        <v>40</v>
      </c>
      <c r="R3890" s="5" t="s">
        <v>1522</v>
      </c>
      <c r="S3890" s="5" t="s">
        <v>1523</v>
      </c>
      <c r="T3890" s="5" t="s">
        <v>42</v>
      </c>
      <c r="U3890" s="2">
        <v>2.0070000000000001</v>
      </c>
      <c r="V3890" s="2">
        <v>1.6819999999999999</v>
      </c>
      <c r="W3890" s="2">
        <v>0.01</v>
      </c>
      <c r="X3890" s="2">
        <v>118.9</v>
      </c>
      <c r="Y3890" s="2">
        <v>7.6</v>
      </c>
      <c r="Z3890" s="2">
        <v>10.6</v>
      </c>
      <c r="AA3890" s="5"/>
      <c r="AB3890" s="5" t="s">
        <v>43</v>
      </c>
      <c r="AC3890" s="5" t="s">
        <v>44</v>
      </c>
      <c r="AD3890" s="2"/>
      <c r="AE3890" s="1"/>
    </row>
    <row r="3891" spans="1:31" ht="14.45">
      <c r="A3891" s="11"/>
      <c r="B3891" s="20"/>
      <c r="C3891" s="2" t="s">
        <v>12127</v>
      </c>
      <c r="D3891" s="14" t="s">
        <v>12128</v>
      </c>
      <c r="E3891" s="2" t="s">
        <v>12129</v>
      </c>
      <c r="F3891" s="2" t="s">
        <v>1999</v>
      </c>
      <c r="G3891" s="8">
        <v>143</v>
      </c>
      <c r="H3891" s="5">
        <v>13</v>
      </c>
      <c r="I3891" s="5" t="s">
        <v>1518</v>
      </c>
      <c r="J3891" s="5" t="s">
        <v>1519</v>
      </c>
      <c r="K3891" s="2" t="s">
        <v>1520</v>
      </c>
      <c r="L3891" s="5" t="s">
        <v>1519</v>
      </c>
      <c r="M3891" s="2" t="s">
        <v>1520</v>
      </c>
      <c r="N3891" s="5" t="s">
        <v>1521</v>
      </c>
      <c r="O3891" s="5" t="s">
        <v>38</v>
      </c>
      <c r="P3891" s="5" t="s">
        <v>39</v>
      </c>
      <c r="Q3891" s="5" t="s">
        <v>40</v>
      </c>
      <c r="R3891" s="5" t="s">
        <v>1522</v>
      </c>
      <c r="S3891" s="5" t="s">
        <v>1523</v>
      </c>
      <c r="T3891" s="5" t="s">
        <v>42</v>
      </c>
      <c r="U3891" s="2">
        <v>2.052</v>
      </c>
      <c r="V3891" s="2">
        <v>1.7270000000000001</v>
      </c>
      <c r="W3891" s="2">
        <v>0.01</v>
      </c>
      <c r="X3891" s="2">
        <v>118.9</v>
      </c>
      <c r="Y3891" s="2">
        <v>7.6</v>
      </c>
      <c r="Z3891" s="2">
        <v>10.6</v>
      </c>
      <c r="AA3891" s="5"/>
      <c r="AB3891" s="5" t="s">
        <v>43</v>
      </c>
      <c r="AC3891" s="5" t="s">
        <v>44</v>
      </c>
      <c r="AD3891" s="2"/>
      <c r="AE3891" s="1"/>
    </row>
    <row r="3892" spans="1:31" ht="14.45">
      <c r="A3892" s="11"/>
      <c r="B3892" s="20"/>
      <c r="C3892" s="2" t="s">
        <v>12130</v>
      </c>
      <c r="D3892" s="14" t="s">
        <v>12131</v>
      </c>
      <c r="E3892" s="2" t="s">
        <v>12132</v>
      </c>
      <c r="F3892" s="2" t="s">
        <v>1859</v>
      </c>
      <c r="G3892" s="8">
        <v>143</v>
      </c>
      <c r="H3892" s="5">
        <v>13</v>
      </c>
      <c r="I3892" s="5" t="s">
        <v>1518</v>
      </c>
      <c r="J3892" s="5" t="s">
        <v>1519</v>
      </c>
      <c r="K3892" s="2" t="s">
        <v>1520</v>
      </c>
      <c r="L3892" s="5" t="s">
        <v>1519</v>
      </c>
      <c r="M3892" s="2" t="s">
        <v>1520</v>
      </c>
      <c r="N3892" s="5" t="s">
        <v>1521</v>
      </c>
      <c r="O3892" s="5" t="s">
        <v>38</v>
      </c>
      <c r="P3892" s="5" t="s">
        <v>39</v>
      </c>
      <c r="Q3892" s="5" t="s">
        <v>40</v>
      </c>
      <c r="R3892" s="5" t="s">
        <v>1522</v>
      </c>
      <c r="S3892" s="5" t="s">
        <v>1523</v>
      </c>
      <c r="T3892" s="5" t="s">
        <v>42</v>
      </c>
      <c r="U3892" s="2">
        <v>2.052</v>
      </c>
      <c r="V3892" s="2">
        <v>1.7270000000000001</v>
      </c>
      <c r="W3892" s="2">
        <v>0.01</v>
      </c>
      <c r="X3892" s="2">
        <v>118.9</v>
      </c>
      <c r="Y3892" s="2">
        <v>7.6</v>
      </c>
      <c r="Z3892" s="2">
        <v>10.6</v>
      </c>
      <c r="AA3892" s="5"/>
      <c r="AB3892" s="5" t="s">
        <v>43</v>
      </c>
      <c r="AC3892" s="5" t="s">
        <v>44</v>
      </c>
      <c r="AD3892" s="2"/>
      <c r="AE3892" s="1"/>
    </row>
    <row r="3893" spans="1:31" ht="14.45">
      <c r="A3893" s="11"/>
      <c r="B3893" s="20"/>
      <c r="C3893" s="2" t="s">
        <v>12133</v>
      </c>
      <c r="D3893" s="14" t="s">
        <v>12134</v>
      </c>
      <c r="E3893" s="2" t="s">
        <v>12135</v>
      </c>
      <c r="F3893" s="2" t="s">
        <v>1867</v>
      </c>
      <c r="G3893" s="8">
        <v>143</v>
      </c>
      <c r="H3893" s="5">
        <v>11</v>
      </c>
      <c r="I3893" s="5" t="s">
        <v>1518</v>
      </c>
      <c r="J3893" s="5" t="s">
        <v>1519</v>
      </c>
      <c r="K3893" s="2" t="s">
        <v>1520</v>
      </c>
      <c r="L3893" s="5" t="s">
        <v>1519</v>
      </c>
      <c r="M3893" s="2" t="s">
        <v>1520</v>
      </c>
      <c r="N3893" s="5" t="s">
        <v>1521</v>
      </c>
      <c r="O3893" s="5" t="s">
        <v>38</v>
      </c>
      <c r="P3893" s="5" t="s">
        <v>39</v>
      </c>
      <c r="Q3893" s="5" t="s">
        <v>40</v>
      </c>
      <c r="R3893" s="5" t="s">
        <v>1522</v>
      </c>
      <c r="S3893" s="5" t="s">
        <v>1523</v>
      </c>
      <c r="T3893" s="5" t="s">
        <v>42</v>
      </c>
      <c r="U3893" s="2">
        <v>2.004</v>
      </c>
      <c r="V3893" s="2">
        <v>1.677</v>
      </c>
      <c r="W3893" s="2">
        <v>0.01</v>
      </c>
      <c r="X3893" s="2">
        <v>118.9</v>
      </c>
      <c r="Y3893" s="2">
        <v>7.6</v>
      </c>
      <c r="Z3893" s="2">
        <v>10.6</v>
      </c>
      <c r="AA3893" s="5"/>
      <c r="AB3893" s="5" t="s">
        <v>43</v>
      </c>
      <c r="AC3893" s="5" t="s">
        <v>44</v>
      </c>
      <c r="AD3893" s="2"/>
      <c r="AE3893" s="1"/>
    </row>
    <row r="3894" spans="1:31" ht="14.45">
      <c r="A3894" s="11"/>
      <c r="B3894" s="20"/>
      <c r="C3894" s="2" t="s">
        <v>12136</v>
      </c>
      <c r="D3894" s="14" t="s">
        <v>12137</v>
      </c>
      <c r="E3894" s="2" t="s">
        <v>12138</v>
      </c>
      <c r="F3894" s="2" t="s">
        <v>7396</v>
      </c>
      <c r="G3894" s="8">
        <v>124</v>
      </c>
      <c r="H3894" s="5">
        <v>5</v>
      </c>
      <c r="I3894" s="5" t="s">
        <v>1518</v>
      </c>
      <c r="J3894" s="5" t="s">
        <v>1519</v>
      </c>
      <c r="K3894" s="2" t="s">
        <v>1520</v>
      </c>
      <c r="L3894" s="5" t="s">
        <v>1519</v>
      </c>
      <c r="M3894" s="2" t="s">
        <v>1520</v>
      </c>
      <c r="N3894" s="5" t="s">
        <v>1521</v>
      </c>
      <c r="O3894" s="5" t="s">
        <v>38</v>
      </c>
      <c r="P3894" s="5" t="s">
        <v>39</v>
      </c>
      <c r="Q3894" s="5" t="s">
        <v>40</v>
      </c>
      <c r="R3894" s="5" t="s">
        <v>1522</v>
      </c>
      <c r="S3894" s="5" t="s">
        <v>1523</v>
      </c>
      <c r="T3894" s="5" t="s">
        <v>42</v>
      </c>
      <c r="U3894" s="2">
        <v>2.0990000000000002</v>
      </c>
      <c r="V3894" s="2">
        <v>1.774</v>
      </c>
      <c r="W3894" s="2">
        <v>0.01</v>
      </c>
      <c r="X3894" s="2">
        <v>118.9</v>
      </c>
      <c r="Y3894" s="2">
        <v>7.6</v>
      </c>
      <c r="Z3894" s="2">
        <v>10.6</v>
      </c>
      <c r="AA3894" s="5"/>
      <c r="AB3894" s="5" t="s">
        <v>43</v>
      </c>
      <c r="AC3894" s="5" t="s">
        <v>44</v>
      </c>
      <c r="AD3894" s="2"/>
      <c r="AE3894" s="1"/>
    </row>
    <row r="3895" spans="1:31" ht="14.45">
      <c r="A3895" s="11"/>
      <c r="B3895" s="20"/>
      <c r="C3895" s="2" t="s">
        <v>12139</v>
      </c>
      <c r="D3895" s="14" t="s">
        <v>12140</v>
      </c>
      <c r="E3895" s="2" t="s">
        <v>12141</v>
      </c>
      <c r="F3895" s="2" t="s">
        <v>7507</v>
      </c>
      <c r="G3895" s="8">
        <v>124</v>
      </c>
      <c r="H3895" s="5">
        <v>5</v>
      </c>
      <c r="I3895" s="5" t="s">
        <v>1518</v>
      </c>
      <c r="J3895" s="5" t="s">
        <v>1519</v>
      </c>
      <c r="K3895" s="2" t="s">
        <v>1520</v>
      </c>
      <c r="L3895" s="5" t="s">
        <v>1519</v>
      </c>
      <c r="M3895" s="2" t="s">
        <v>1520</v>
      </c>
      <c r="N3895" s="5" t="s">
        <v>1521</v>
      </c>
      <c r="O3895" s="5" t="s">
        <v>38</v>
      </c>
      <c r="P3895" s="5" t="s">
        <v>39</v>
      </c>
      <c r="Q3895" s="5" t="s">
        <v>40</v>
      </c>
      <c r="R3895" s="5" t="s">
        <v>1522</v>
      </c>
      <c r="S3895" s="5" t="s">
        <v>1523</v>
      </c>
      <c r="T3895" s="5" t="s">
        <v>42</v>
      </c>
      <c r="U3895" s="2">
        <v>2.15</v>
      </c>
      <c r="V3895" s="2">
        <v>1.8240000000000001</v>
      </c>
      <c r="W3895" s="2">
        <v>0.01</v>
      </c>
      <c r="X3895" s="2">
        <v>118.9</v>
      </c>
      <c r="Y3895" s="2">
        <v>7.6</v>
      </c>
      <c r="Z3895" s="2">
        <v>10.6</v>
      </c>
      <c r="AA3895" s="5"/>
      <c r="AB3895" s="5" t="s">
        <v>43</v>
      </c>
      <c r="AC3895" s="5" t="s">
        <v>44</v>
      </c>
      <c r="AD3895" s="2"/>
      <c r="AE3895" s="1"/>
    </row>
    <row r="3896" spans="1:31" ht="14.45">
      <c r="A3896" s="11"/>
      <c r="B3896" s="20"/>
      <c r="C3896" s="2" t="s">
        <v>12142</v>
      </c>
      <c r="D3896" s="14" t="s">
        <v>12143</v>
      </c>
      <c r="E3896" s="2" t="s">
        <v>12144</v>
      </c>
      <c r="F3896" s="2" t="s">
        <v>7204</v>
      </c>
      <c r="G3896" s="8">
        <v>124</v>
      </c>
      <c r="H3896" s="5">
        <v>5</v>
      </c>
      <c r="I3896" s="5" t="s">
        <v>1518</v>
      </c>
      <c r="J3896" s="5" t="s">
        <v>1519</v>
      </c>
      <c r="K3896" s="2" t="s">
        <v>1520</v>
      </c>
      <c r="L3896" s="5" t="s">
        <v>1519</v>
      </c>
      <c r="M3896" s="2" t="s">
        <v>1520</v>
      </c>
      <c r="N3896" s="5" t="s">
        <v>1521</v>
      </c>
      <c r="O3896" s="5" t="s">
        <v>38</v>
      </c>
      <c r="P3896" s="5" t="s">
        <v>39</v>
      </c>
      <c r="Q3896" s="5" t="s">
        <v>40</v>
      </c>
      <c r="R3896" s="5" t="s">
        <v>1522</v>
      </c>
      <c r="S3896" s="5" t="s">
        <v>1523</v>
      </c>
      <c r="T3896" s="5" t="s">
        <v>42</v>
      </c>
      <c r="U3896" s="2">
        <v>2.109</v>
      </c>
      <c r="V3896" s="2">
        <v>1.784</v>
      </c>
      <c r="W3896" s="2">
        <v>0.01</v>
      </c>
      <c r="X3896" s="2">
        <v>118.9</v>
      </c>
      <c r="Y3896" s="2">
        <v>7.6</v>
      </c>
      <c r="Z3896" s="2">
        <v>10.6</v>
      </c>
      <c r="AA3896" s="5"/>
      <c r="AB3896" s="5" t="s">
        <v>43</v>
      </c>
      <c r="AC3896" s="5" t="s">
        <v>44</v>
      </c>
      <c r="AD3896" s="2"/>
      <c r="AE3896" s="1"/>
    </row>
    <row r="3897" spans="1:31" ht="14.45">
      <c r="A3897" s="11"/>
      <c r="B3897" s="20"/>
      <c r="C3897" s="2" t="s">
        <v>12145</v>
      </c>
      <c r="D3897" s="14" t="s">
        <v>12146</v>
      </c>
      <c r="E3897" s="2" t="s">
        <v>12147</v>
      </c>
      <c r="F3897" s="2" t="s">
        <v>7514</v>
      </c>
      <c r="G3897" s="8">
        <v>124</v>
      </c>
      <c r="H3897" s="5">
        <v>5</v>
      </c>
      <c r="I3897" s="5" t="s">
        <v>1518</v>
      </c>
      <c r="J3897" s="5" t="s">
        <v>1519</v>
      </c>
      <c r="K3897" s="2" t="s">
        <v>1520</v>
      </c>
      <c r="L3897" s="5" t="s">
        <v>1519</v>
      </c>
      <c r="M3897" s="2" t="s">
        <v>1520</v>
      </c>
      <c r="N3897" s="5" t="s">
        <v>1521</v>
      </c>
      <c r="O3897" s="5" t="s">
        <v>38</v>
      </c>
      <c r="P3897" s="5" t="s">
        <v>39</v>
      </c>
      <c r="Q3897" s="5" t="s">
        <v>40</v>
      </c>
      <c r="R3897" s="5" t="s">
        <v>1522</v>
      </c>
      <c r="S3897" s="5" t="s">
        <v>1523</v>
      </c>
      <c r="T3897" s="5" t="s">
        <v>42</v>
      </c>
      <c r="U3897" s="2">
        <v>2.16</v>
      </c>
      <c r="V3897" s="2">
        <v>1.8340000000000001</v>
      </c>
      <c r="W3897" s="2">
        <v>0.01</v>
      </c>
      <c r="X3897" s="2">
        <v>118.9</v>
      </c>
      <c r="Y3897" s="2">
        <v>7.6</v>
      </c>
      <c r="Z3897" s="2">
        <v>10.6</v>
      </c>
      <c r="AA3897" s="5"/>
      <c r="AB3897" s="5" t="s">
        <v>43</v>
      </c>
      <c r="AC3897" s="5" t="s">
        <v>44</v>
      </c>
      <c r="AD3897" s="2"/>
      <c r="AE3897" s="1"/>
    </row>
    <row r="3898" spans="1:31" ht="14.45">
      <c r="A3898" s="11"/>
      <c r="B3898" s="20"/>
      <c r="C3898" s="2" t="s">
        <v>12148</v>
      </c>
      <c r="D3898" s="14" t="s">
        <v>12149</v>
      </c>
      <c r="E3898" s="2" t="s">
        <v>12150</v>
      </c>
      <c r="F3898" s="2" t="s">
        <v>7208</v>
      </c>
      <c r="G3898" s="8">
        <v>124</v>
      </c>
      <c r="H3898" s="5">
        <v>5</v>
      </c>
      <c r="I3898" s="5" t="s">
        <v>1518</v>
      </c>
      <c r="J3898" s="5" t="s">
        <v>1519</v>
      </c>
      <c r="K3898" s="2" t="s">
        <v>1520</v>
      </c>
      <c r="L3898" s="5" t="s">
        <v>1519</v>
      </c>
      <c r="M3898" s="2" t="s">
        <v>1520</v>
      </c>
      <c r="N3898" s="5" t="s">
        <v>1521</v>
      </c>
      <c r="O3898" s="5" t="s">
        <v>38</v>
      </c>
      <c r="P3898" s="5" t="s">
        <v>39</v>
      </c>
      <c r="Q3898" s="5" t="s">
        <v>40</v>
      </c>
      <c r="R3898" s="5" t="s">
        <v>1522</v>
      </c>
      <c r="S3898" s="5" t="s">
        <v>1523</v>
      </c>
      <c r="T3898" s="5" t="s">
        <v>42</v>
      </c>
      <c r="U3898" s="2">
        <v>2.109</v>
      </c>
      <c r="V3898" s="2">
        <v>1.784</v>
      </c>
      <c r="W3898" s="2">
        <v>0.01</v>
      </c>
      <c r="X3898" s="2">
        <v>118.9</v>
      </c>
      <c r="Y3898" s="2">
        <v>7.6</v>
      </c>
      <c r="Z3898" s="2">
        <v>10.6</v>
      </c>
      <c r="AA3898" s="5"/>
      <c r="AB3898" s="5" t="s">
        <v>43</v>
      </c>
      <c r="AC3898" s="5" t="s">
        <v>44</v>
      </c>
      <c r="AD3898" s="2"/>
      <c r="AE3898" s="1"/>
    </row>
    <row r="3899" spans="1:31" ht="14.45">
      <c r="A3899" s="11"/>
      <c r="B3899" s="20"/>
      <c r="C3899" s="2" t="s">
        <v>12151</v>
      </c>
      <c r="D3899" s="14" t="s">
        <v>12152</v>
      </c>
      <c r="E3899" s="2" t="s">
        <v>12153</v>
      </c>
      <c r="F3899" s="2" t="s">
        <v>7521</v>
      </c>
      <c r="G3899" s="8">
        <v>124</v>
      </c>
      <c r="H3899" s="5">
        <v>5</v>
      </c>
      <c r="I3899" s="5" t="s">
        <v>1518</v>
      </c>
      <c r="J3899" s="5" t="s">
        <v>1519</v>
      </c>
      <c r="K3899" s="2" t="s">
        <v>1520</v>
      </c>
      <c r="L3899" s="5" t="s">
        <v>1519</v>
      </c>
      <c r="M3899" s="2" t="s">
        <v>1520</v>
      </c>
      <c r="N3899" s="5" t="s">
        <v>1521</v>
      </c>
      <c r="O3899" s="5" t="s">
        <v>38</v>
      </c>
      <c r="P3899" s="5" t="s">
        <v>39</v>
      </c>
      <c r="Q3899" s="5" t="s">
        <v>40</v>
      </c>
      <c r="R3899" s="5" t="s">
        <v>1522</v>
      </c>
      <c r="S3899" s="5" t="s">
        <v>1523</v>
      </c>
      <c r="T3899" s="5" t="s">
        <v>42</v>
      </c>
      <c r="U3899" s="2">
        <v>2.16</v>
      </c>
      <c r="V3899" s="2">
        <v>1.8340000000000001</v>
      </c>
      <c r="W3899" s="2">
        <v>0.01</v>
      </c>
      <c r="X3899" s="2">
        <v>118.9</v>
      </c>
      <c r="Y3899" s="2">
        <v>7.6</v>
      </c>
      <c r="Z3899" s="2">
        <v>10.6</v>
      </c>
      <c r="AA3899" s="5"/>
      <c r="AB3899" s="5" t="s">
        <v>43</v>
      </c>
      <c r="AC3899" s="5" t="s">
        <v>44</v>
      </c>
      <c r="AD3899" s="2"/>
      <c r="AE3899" s="1"/>
    </row>
    <row r="3900" spans="1:31" ht="14.45">
      <c r="A3900" s="11"/>
      <c r="B3900" s="20"/>
      <c r="C3900" s="2" t="s">
        <v>12154</v>
      </c>
      <c r="D3900" s="14" t="s">
        <v>12155</v>
      </c>
      <c r="E3900" s="2" t="s">
        <v>12156</v>
      </c>
      <c r="F3900" s="2" t="s">
        <v>7212</v>
      </c>
      <c r="G3900" s="8">
        <v>124</v>
      </c>
      <c r="H3900" s="5">
        <v>5</v>
      </c>
      <c r="I3900" s="5" t="s">
        <v>1518</v>
      </c>
      <c r="J3900" s="5" t="s">
        <v>1519</v>
      </c>
      <c r="K3900" s="2" t="s">
        <v>1520</v>
      </c>
      <c r="L3900" s="5" t="s">
        <v>1519</v>
      </c>
      <c r="M3900" s="2" t="s">
        <v>1520</v>
      </c>
      <c r="N3900" s="5" t="s">
        <v>1521</v>
      </c>
      <c r="O3900" s="5" t="s">
        <v>38</v>
      </c>
      <c r="P3900" s="5" t="s">
        <v>39</v>
      </c>
      <c r="Q3900" s="5" t="s">
        <v>40</v>
      </c>
      <c r="R3900" s="5" t="s">
        <v>1522</v>
      </c>
      <c r="S3900" s="5" t="s">
        <v>1523</v>
      </c>
      <c r="T3900" s="5" t="s">
        <v>42</v>
      </c>
      <c r="U3900" s="2">
        <v>2.0790000000000002</v>
      </c>
      <c r="V3900" s="2">
        <v>1.754</v>
      </c>
      <c r="W3900" s="2">
        <v>0.01</v>
      </c>
      <c r="X3900" s="2">
        <v>118.9</v>
      </c>
      <c r="Y3900" s="2">
        <v>7.6</v>
      </c>
      <c r="Z3900" s="2">
        <v>10.6</v>
      </c>
      <c r="AA3900" s="5"/>
      <c r="AB3900" s="5" t="s">
        <v>43</v>
      </c>
      <c r="AC3900" s="5" t="s">
        <v>44</v>
      </c>
      <c r="AD3900" s="2"/>
      <c r="AE3900" s="1"/>
    </row>
    <row r="3901" spans="1:31" ht="14.45">
      <c r="A3901" s="11"/>
      <c r="B3901" s="20"/>
      <c r="C3901" s="2" t="s">
        <v>12157</v>
      </c>
      <c r="D3901" s="14" t="s">
        <v>12158</v>
      </c>
      <c r="E3901" s="2" t="s">
        <v>12159</v>
      </c>
      <c r="F3901" s="2" t="s">
        <v>7528</v>
      </c>
      <c r="G3901" s="8">
        <v>124</v>
      </c>
      <c r="H3901" s="5">
        <v>5</v>
      </c>
      <c r="I3901" s="5" t="s">
        <v>1518</v>
      </c>
      <c r="J3901" s="5" t="s">
        <v>1519</v>
      </c>
      <c r="K3901" s="2" t="s">
        <v>1520</v>
      </c>
      <c r="L3901" s="5" t="s">
        <v>1519</v>
      </c>
      <c r="M3901" s="2" t="s">
        <v>1520</v>
      </c>
      <c r="N3901" s="5" t="s">
        <v>1521</v>
      </c>
      <c r="O3901" s="5" t="s">
        <v>38</v>
      </c>
      <c r="P3901" s="5" t="s">
        <v>39</v>
      </c>
      <c r="Q3901" s="5" t="s">
        <v>40</v>
      </c>
      <c r="R3901" s="5" t="s">
        <v>1522</v>
      </c>
      <c r="S3901" s="5" t="s">
        <v>1523</v>
      </c>
      <c r="T3901" s="5" t="s">
        <v>42</v>
      </c>
      <c r="U3901" s="2">
        <v>2.13</v>
      </c>
      <c r="V3901" s="2">
        <v>1.804</v>
      </c>
      <c r="W3901" s="2">
        <v>0.01</v>
      </c>
      <c r="X3901" s="2">
        <v>118.9</v>
      </c>
      <c r="Y3901" s="2">
        <v>7.6</v>
      </c>
      <c r="Z3901" s="2">
        <v>10.6</v>
      </c>
      <c r="AA3901" s="5"/>
      <c r="AB3901" s="5" t="s">
        <v>43</v>
      </c>
      <c r="AC3901" s="5" t="s">
        <v>44</v>
      </c>
      <c r="AD3901" s="2"/>
      <c r="AE3901" s="1"/>
    </row>
    <row r="3902" spans="1:31" ht="14.45">
      <c r="A3902" s="11"/>
      <c r="B3902" s="20"/>
      <c r="C3902" s="2" t="s">
        <v>12160</v>
      </c>
      <c r="D3902" s="14" t="s">
        <v>12161</v>
      </c>
      <c r="E3902" s="2" t="s">
        <v>12162</v>
      </c>
      <c r="F3902" s="2" t="s">
        <v>7406</v>
      </c>
      <c r="G3902" s="8">
        <v>143</v>
      </c>
      <c r="H3902" s="5">
        <v>5</v>
      </c>
      <c r="I3902" s="5" t="s">
        <v>1518</v>
      </c>
      <c r="J3902" s="5" t="s">
        <v>1519</v>
      </c>
      <c r="K3902" s="2" t="s">
        <v>1520</v>
      </c>
      <c r="L3902" s="5" t="s">
        <v>1519</v>
      </c>
      <c r="M3902" s="2" t="s">
        <v>1520</v>
      </c>
      <c r="N3902" s="5" t="s">
        <v>1521</v>
      </c>
      <c r="O3902" s="5" t="s">
        <v>38</v>
      </c>
      <c r="P3902" s="5" t="s">
        <v>39</v>
      </c>
      <c r="Q3902" s="5" t="s">
        <v>40</v>
      </c>
      <c r="R3902" s="5" t="s">
        <v>1522</v>
      </c>
      <c r="S3902" s="5" t="s">
        <v>1523</v>
      </c>
      <c r="T3902" s="5" t="s">
        <v>42</v>
      </c>
      <c r="U3902" s="2">
        <v>2.0790000000000002</v>
      </c>
      <c r="V3902" s="2">
        <v>1.754</v>
      </c>
      <c r="W3902" s="2">
        <v>0.01</v>
      </c>
      <c r="X3902" s="2">
        <v>118.9</v>
      </c>
      <c r="Y3902" s="2">
        <v>7.6</v>
      </c>
      <c r="Z3902" s="2">
        <v>10.6</v>
      </c>
      <c r="AA3902" s="5"/>
      <c r="AB3902" s="5" t="s">
        <v>43</v>
      </c>
      <c r="AC3902" s="5" t="s">
        <v>44</v>
      </c>
      <c r="AD3902" s="2"/>
      <c r="AE3902" s="1"/>
    </row>
    <row r="3903" spans="1:31" ht="14.45">
      <c r="A3903" s="11"/>
      <c r="B3903" s="20"/>
      <c r="C3903" s="2" t="s">
        <v>12163</v>
      </c>
      <c r="D3903" s="14" t="s">
        <v>12164</v>
      </c>
      <c r="E3903" s="2" t="s">
        <v>12165</v>
      </c>
      <c r="F3903" s="2" t="s">
        <v>7535</v>
      </c>
      <c r="G3903" s="8">
        <v>143</v>
      </c>
      <c r="H3903" s="5">
        <v>6</v>
      </c>
      <c r="I3903" s="5" t="s">
        <v>1518</v>
      </c>
      <c r="J3903" s="5" t="s">
        <v>1519</v>
      </c>
      <c r="K3903" s="2" t="s">
        <v>1520</v>
      </c>
      <c r="L3903" s="5" t="s">
        <v>1519</v>
      </c>
      <c r="M3903" s="2" t="s">
        <v>1520</v>
      </c>
      <c r="N3903" s="5" t="s">
        <v>1521</v>
      </c>
      <c r="O3903" s="5" t="s">
        <v>38</v>
      </c>
      <c r="P3903" s="5" t="s">
        <v>39</v>
      </c>
      <c r="Q3903" s="5" t="s">
        <v>40</v>
      </c>
      <c r="R3903" s="5" t="s">
        <v>1522</v>
      </c>
      <c r="S3903" s="5" t="s">
        <v>1523</v>
      </c>
      <c r="T3903" s="5" t="s">
        <v>42</v>
      </c>
      <c r="U3903" s="2">
        <v>2.129</v>
      </c>
      <c r="V3903" s="2">
        <v>1.804</v>
      </c>
      <c r="W3903" s="2">
        <v>0.01</v>
      </c>
      <c r="X3903" s="2">
        <v>118.9</v>
      </c>
      <c r="Y3903" s="2">
        <v>7.6</v>
      </c>
      <c r="Z3903" s="2">
        <v>10.6</v>
      </c>
      <c r="AA3903" s="5"/>
      <c r="AB3903" s="5" t="s">
        <v>43</v>
      </c>
      <c r="AC3903" s="5" t="s">
        <v>44</v>
      </c>
      <c r="AD3903" s="2"/>
      <c r="AE3903" s="1"/>
    </row>
    <row r="3904" spans="1:31" ht="14.45">
      <c r="A3904" s="11"/>
      <c r="B3904" s="20"/>
      <c r="C3904" s="2" t="s">
        <v>12166</v>
      </c>
      <c r="D3904" s="14" t="s">
        <v>12167</v>
      </c>
      <c r="E3904" s="2" t="s">
        <v>12168</v>
      </c>
      <c r="F3904" s="2" t="s">
        <v>7539</v>
      </c>
      <c r="G3904" s="8">
        <v>143</v>
      </c>
      <c r="H3904" s="5">
        <v>5</v>
      </c>
      <c r="I3904" s="5" t="s">
        <v>1518</v>
      </c>
      <c r="J3904" s="5" t="s">
        <v>1519</v>
      </c>
      <c r="K3904" s="2" t="s">
        <v>1520</v>
      </c>
      <c r="L3904" s="5" t="s">
        <v>1519</v>
      </c>
      <c r="M3904" s="2" t="s">
        <v>1520</v>
      </c>
      <c r="N3904" s="5" t="s">
        <v>1521</v>
      </c>
      <c r="O3904" s="5" t="s">
        <v>38</v>
      </c>
      <c r="P3904" s="5" t="s">
        <v>39</v>
      </c>
      <c r="Q3904" s="5" t="s">
        <v>40</v>
      </c>
      <c r="R3904" s="5" t="s">
        <v>1522</v>
      </c>
      <c r="S3904" s="5" t="s">
        <v>1523</v>
      </c>
      <c r="T3904" s="5" t="s">
        <v>42</v>
      </c>
      <c r="U3904" s="2">
        <v>2.109</v>
      </c>
      <c r="V3904" s="2">
        <v>1.784</v>
      </c>
      <c r="W3904" s="2">
        <v>0.01</v>
      </c>
      <c r="X3904" s="2">
        <v>118.9</v>
      </c>
      <c r="Y3904" s="2">
        <v>7.6</v>
      </c>
      <c r="Z3904" s="2">
        <v>10.6</v>
      </c>
      <c r="AA3904" s="5"/>
      <c r="AB3904" s="5" t="s">
        <v>43</v>
      </c>
      <c r="AC3904" s="5" t="s">
        <v>44</v>
      </c>
      <c r="AD3904" s="2"/>
      <c r="AE3904" s="1"/>
    </row>
    <row r="3905" spans="1:31" ht="14.45">
      <c r="A3905" s="11"/>
      <c r="B3905" s="20"/>
      <c r="C3905" s="2" t="s">
        <v>12169</v>
      </c>
      <c r="D3905" s="14" t="s">
        <v>12170</v>
      </c>
      <c r="E3905" s="2" t="s">
        <v>12171</v>
      </c>
      <c r="F3905" s="2" t="s">
        <v>7543</v>
      </c>
      <c r="G3905" s="8">
        <v>143</v>
      </c>
      <c r="H3905" s="5">
        <v>6</v>
      </c>
      <c r="I3905" s="5" t="s">
        <v>1518</v>
      </c>
      <c r="J3905" s="5" t="s">
        <v>1519</v>
      </c>
      <c r="K3905" s="2" t="s">
        <v>1520</v>
      </c>
      <c r="L3905" s="5" t="s">
        <v>1519</v>
      </c>
      <c r="M3905" s="2" t="s">
        <v>1520</v>
      </c>
      <c r="N3905" s="5" t="s">
        <v>1521</v>
      </c>
      <c r="O3905" s="5" t="s">
        <v>38</v>
      </c>
      <c r="P3905" s="5" t="s">
        <v>39</v>
      </c>
      <c r="Q3905" s="5" t="s">
        <v>40</v>
      </c>
      <c r="R3905" s="5" t="s">
        <v>1522</v>
      </c>
      <c r="S3905" s="5" t="s">
        <v>1523</v>
      </c>
      <c r="T3905" s="5" t="s">
        <v>42</v>
      </c>
      <c r="U3905" s="2">
        <v>2.1579999999999999</v>
      </c>
      <c r="V3905" s="2">
        <v>1.833</v>
      </c>
      <c r="W3905" s="2">
        <v>0.01</v>
      </c>
      <c r="X3905" s="2">
        <v>118.9</v>
      </c>
      <c r="Y3905" s="2">
        <v>7.6</v>
      </c>
      <c r="Z3905" s="2">
        <v>10.6</v>
      </c>
      <c r="AA3905" s="5"/>
      <c r="AB3905" s="5" t="s">
        <v>43</v>
      </c>
      <c r="AC3905" s="5" t="s">
        <v>44</v>
      </c>
      <c r="AD3905" s="2"/>
      <c r="AE3905" s="1"/>
    </row>
    <row r="3906" spans="1:31" ht="14.45">
      <c r="A3906" s="11"/>
      <c r="B3906" s="20"/>
      <c r="C3906" s="2" t="s">
        <v>12172</v>
      </c>
      <c r="D3906" s="14" t="s">
        <v>12173</v>
      </c>
      <c r="E3906" s="2" t="s">
        <v>12174</v>
      </c>
      <c r="F3906" s="2" t="s">
        <v>7547</v>
      </c>
      <c r="G3906" s="8">
        <v>143</v>
      </c>
      <c r="H3906" s="5">
        <v>6</v>
      </c>
      <c r="I3906" s="5" t="s">
        <v>1518</v>
      </c>
      <c r="J3906" s="5" t="s">
        <v>1519</v>
      </c>
      <c r="K3906" s="2" t="s">
        <v>1520</v>
      </c>
      <c r="L3906" s="5" t="s">
        <v>1519</v>
      </c>
      <c r="M3906" s="2" t="s">
        <v>1520</v>
      </c>
      <c r="N3906" s="5" t="s">
        <v>1521</v>
      </c>
      <c r="O3906" s="5" t="s">
        <v>38</v>
      </c>
      <c r="P3906" s="5" t="s">
        <v>39</v>
      </c>
      <c r="Q3906" s="5" t="s">
        <v>40</v>
      </c>
      <c r="R3906" s="5" t="s">
        <v>1522</v>
      </c>
      <c r="S3906" s="5" t="s">
        <v>1523</v>
      </c>
      <c r="T3906" s="5" t="s">
        <v>42</v>
      </c>
      <c r="U3906" s="2">
        <v>2.0790000000000002</v>
      </c>
      <c r="V3906" s="2">
        <v>1.754</v>
      </c>
      <c r="W3906" s="2">
        <v>0.01</v>
      </c>
      <c r="X3906" s="2">
        <v>118.9</v>
      </c>
      <c r="Y3906" s="2">
        <v>7.6</v>
      </c>
      <c r="Z3906" s="2">
        <v>10.6</v>
      </c>
      <c r="AA3906" s="5"/>
      <c r="AB3906" s="5" t="s">
        <v>43</v>
      </c>
      <c r="AC3906" s="5" t="s">
        <v>44</v>
      </c>
      <c r="AD3906" s="2"/>
      <c r="AE3906" s="1"/>
    </row>
    <row r="3907" spans="1:31" ht="14.45">
      <c r="A3907" s="11"/>
      <c r="B3907" s="20"/>
      <c r="C3907" s="2" t="s">
        <v>12175</v>
      </c>
      <c r="D3907" s="14" t="s">
        <v>12176</v>
      </c>
      <c r="E3907" s="2" t="s">
        <v>12177</v>
      </c>
      <c r="F3907" s="2" t="s">
        <v>7551</v>
      </c>
      <c r="G3907" s="8">
        <v>143</v>
      </c>
      <c r="H3907" s="5">
        <v>6</v>
      </c>
      <c r="I3907" s="5" t="s">
        <v>1518</v>
      </c>
      <c r="J3907" s="5" t="s">
        <v>1519</v>
      </c>
      <c r="K3907" s="2" t="s">
        <v>1520</v>
      </c>
      <c r="L3907" s="5" t="s">
        <v>1519</v>
      </c>
      <c r="M3907" s="2" t="s">
        <v>1520</v>
      </c>
      <c r="N3907" s="5" t="s">
        <v>1521</v>
      </c>
      <c r="O3907" s="5" t="s">
        <v>38</v>
      </c>
      <c r="P3907" s="5" t="s">
        <v>39</v>
      </c>
      <c r="Q3907" s="5" t="s">
        <v>40</v>
      </c>
      <c r="R3907" s="5" t="s">
        <v>1522</v>
      </c>
      <c r="S3907" s="5" t="s">
        <v>1523</v>
      </c>
      <c r="T3907" s="5" t="s">
        <v>42</v>
      </c>
      <c r="U3907" s="2">
        <v>2.129</v>
      </c>
      <c r="V3907" s="2">
        <v>1.804</v>
      </c>
      <c r="W3907" s="2">
        <v>0.01</v>
      </c>
      <c r="X3907" s="2">
        <v>118.9</v>
      </c>
      <c r="Y3907" s="2">
        <v>7.6</v>
      </c>
      <c r="Z3907" s="2">
        <v>10.6</v>
      </c>
      <c r="AA3907" s="5"/>
      <c r="AB3907" s="5" t="s">
        <v>43</v>
      </c>
      <c r="AC3907" s="5" t="s">
        <v>44</v>
      </c>
      <c r="AD3907" s="2"/>
      <c r="AE3907" s="1"/>
    </row>
    <row r="3908" spans="1:31" ht="14.45">
      <c r="A3908" s="11"/>
      <c r="B3908" s="20"/>
      <c r="C3908" s="2" t="s">
        <v>12178</v>
      </c>
      <c r="D3908" s="14" t="s">
        <v>12179</v>
      </c>
      <c r="E3908" s="2" t="s">
        <v>12180</v>
      </c>
      <c r="F3908" s="2" t="s">
        <v>7555</v>
      </c>
      <c r="G3908" s="8">
        <v>143</v>
      </c>
      <c r="H3908" s="5">
        <v>6</v>
      </c>
      <c r="I3908" s="5" t="s">
        <v>1518</v>
      </c>
      <c r="J3908" s="5" t="s">
        <v>1519</v>
      </c>
      <c r="K3908" s="2" t="s">
        <v>1520</v>
      </c>
      <c r="L3908" s="5" t="s">
        <v>1519</v>
      </c>
      <c r="M3908" s="2" t="s">
        <v>1520</v>
      </c>
      <c r="N3908" s="5" t="s">
        <v>1521</v>
      </c>
      <c r="O3908" s="5" t="s">
        <v>38</v>
      </c>
      <c r="P3908" s="5" t="s">
        <v>39</v>
      </c>
      <c r="Q3908" s="5" t="s">
        <v>40</v>
      </c>
      <c r="R3908" s="5" t="s">
        <v>1522</v>
      </c>
      <c r="S3908" s="5" t="s">
        <v>1523</v>
      </c>
      <c r="T3908" s="5" t="s">
        <v>42</v>
      </c>
      <c r="U3908" s="2">
        <v>2.0790000000000002</v>
      </c>
      <c r="V3908" s="2">
        <v>1.754</v>
      </c>
      <c r="W3908" s="2">
        <v>0.01</v>
      </c>
      <c r="X3908" s="2">
        <v>118.9</v>
      </c>
      <c r="Y3908" s="2">
        <v>7.6</v>
      </c>
      <c r="Z3908" s="2">
        <v>10.6</v>
      </c>
      <c r="AA3908" s="5"/>
      <c r="AB3908" s="5" t="s">
        <v>43</v>
      </c>
      <c r="AC3908" s="5" t="s">
        <v>44</v>
      </c>
      <c r="AD3908" s="2"/>
      <c r="AE3908" s="1"/>
    </row>
    <row r="3909" spans="1:31" ht="14.45">
      <c r="A3909" s="11"/>
      <c r="B3909" s="20"/>
      <c r="C3909" s="2" t="s">
        <v>12181</v>
      </c>
      <c r="D3909" s="14" t="s">
        <v>12182</v>
      </c>
      <c r="E3909" s="2" t="s">
        <v>12183</v>
      </c>
      <c r="F3909" s="2" t="s">
        <v>7559</v>
      </c>
      <c r="G3909" s="8">
        <v>143</v>
      </c>
      <c r="H3909" s="5">
        <v>6</v>
      </c>
      <c r="I3909" s="5" t="s">
        <v>1518</v>
      </c>
      <c r="J3909" s="5" t="s">
        <v>1519</v>
      </c>
      <c r="K3909" s="2" t="s">
        <v>1520</v>
      </c>
      <c r="L3909" s="5" t="s">
        <v>1519</v>
      </c>
      <c r="M3909" s="2" t="s">
        <v>1520</v>
      </c>
      <c r="N3909" s="5" t="s">
        <v>1521</v>
      </c>
      <c r="O3909" s="5" t="s">
        <v>38</v>
      </c>
      <c r="P3909" s="5" t="s">
        <v>39</v>
      </c>
      <c r="Q3909" s="5" t="s">
        <v>40</v>
      </c>
      <c r="R3909" s="5" t="s">
        <v>1522</v>
      </c>
      <c r="S3909" s="5" t="s">
        <v>1523</v>
      </c>
      <c r="T3909" s="5" t="s">
        <v>42</v>
      </c>
      <c r="U3909" s="2">
        <v>2.129</v>
      </c>
      <c r="V3909" s="2">
        <v>1.804</v>
      </c>
      <c r="W3909" s="2">
        <v>0.01</v>
      </c>
      <c r="X3909" s="2">
        <v>118.9</v>
      </c>
      <c r="Y3909" s="2">
        <v>7.6</v>
      </c>
      <c r="Z3909" s="2">
        <v>10.6</v>
      </c>
      <c r="AA3909" s="5"/>
      <c r="AB3909" s="5" t="s">
        <v>43</v>
      </c>
      <c r="AC3909" s="5" t="s">
        <v>44</v>
      </c>
      <c r="AD3909" s="2"/>
      <c r="AE3909" s="1"/>
    </row>
    <row r="3910" spans="1:31" ht="14.45">
      <c r="A3910" s="11"/>
      <c r="B3910" s="20"/>
      <c r="C3910" s="2" t="s">
        <v>12184</v>
      </c>
      <c r="D3910" s="14" t="s">
        <v>12185</v>
      </c>
      <c r="E3910" s="2" t="s">
        <v>12186</v>
      </c>
      <c r="F3910" s="2" t="s">
        <v>7563</v>
      </c>
      <c r="G3910" s="8">
        <v>143</v>
      </c>
      <c r="H3910" s="5">
        <v>6</v>
      </c>
      <c r="I3910" s="5" t="s">
        <v>1518</v>
      </c>
      <c r="J3910" s="5" t="s">
        <v>1519</v>
      </c>
      <c r="K3910" s="2" t="s">
        <v>1520</v>
      </c>
      <c r="L3910" s="5" t="s">
        <v>1519</v>
      </c>
      <c r="M3910" s="2" t="s">
        <v>1520</v>
      </c>
      <c r="N3910" s="5" t="s">
        <v>1521</v>
      </c>
      <c r="O3910" s="5" t="s">
        <v>38</v>
      </c>
      <c r="P3910" s="5" t="s">
        <v>39</v>
      </c>
      <c r="Q3910" s="5" t="s">
        <v>40</v>
      </c>
      <c r="R3910" s="5" t="s">
        <v>1522</v>
      </c>
      <c r="S3910" s="5" t="s">
        <v>1523</v>
      </c>
      <c r="T3910" s="5" t="s">
        <v>42</v>
      </c>
      <c r="U3910" s="2">
        <v>2.1080000000000001</v>
      </c>
      <c r="V3910" s="2">
        <v>1.7829999999999999</v>
      </c>
      <c r="W3910" s="2">
        <v>0.01</v>
      </c>
      <c r="X3910" s="2">
        <v>118.9</v>
      </c>
      <c r="Y3910" s="2">
        <v>7.6</v>
      </c>
      <c r="Z3910" s="2">
        <v>10.6</v>
      </c>
      <c r="AA3910" s="5"/>
      <c r="AB3910" s="5" t="s">
        <v>43</v>
      </c>
      <c r="AC3910" s="5" t="s">
        <v>44</v>
      </c>
      <c r="AD3910" s="2"/>
      <c r="AE3910" s="1"/>
    </row>
    <row r="3911" spans="1:31" ht="14.45">
      <c r="A3911" s="11"/>
      <c r="B3911" s="20"/>
      <c r="C3911" s="2" t="s">
        <v>12187</v>
      </c>
      <c r="D3911" s="14" t="s">
        <v>12188</v>
      </c>
      <c r="E3911" s="2" t="s">
        <v>12189</v>
      </c>
      <c r="F3911" s="2" t="s">
        <v>7567</v>
      </c>
      <c r="G3911" s="8">
        <v>143</v>
      </c>
      <c r="H3911" s="5">
        <v>6</v>
      </c>
      <c r="I3911" s="5" t="s">
        <v>1518</v>
      </c>
      <c r="J3911" s="5" t="s">
        <v>1519</v>
      </c>
      <c r="K3911" s="2" t="s">
        <v>1520</v>
      </c>
      <c r="L3911" s="5" t="s">
        <v>1519</v>
      </c>
      <c r="M3911" s="2" t="s">
        <v>1520</v>
      </c>
      <c r="N3911" s="5" t="s">
        <v>1521</v>
      </c>
      <c r="O3911" s="5" t="s">
        <v>38</v>
      </c>
      <c r="P3911" s="5" t="s">
        <v>39</v>
      </c>
      <c r="Q3911" s="5" t="s">
        <v>40</v>
      </c>
      <c r="R3911" s="5" t="s">
        <v>1522</v>
      </c>
      <c r="S3911" s="5" t="s">
        <v>1523</v>
      </c>
      <c r="T3911" s="5" t="s">
        <v>42</v>
      </c>
      <c r="U3911" s="2">
        <v>2.1579999999999999</v>
      </c>
      <c r="V3911" s="2">
        <v>1.833</v>
      </c>
      <c r="W3911" s="2">
        <v>0.01</v>
      </c>
      <c r="X3911" s="2">
        <v>118.9</v>
      </c>
      <c r="Y3911" s="2">
        <v>7.6</v>
      </c>
      <c r="Z3911" s="2">
        <v>10.6</v>
      </c>
      <c r="AA3911" s="5"/>
      <c r="AB3911" s="5" t="s">
        <v>43</v>
      </c>
      <c r="AC3911" s="5" t="s">
        <v>44</v>
      </c>
      <c r="AD3911" s="2"/>
      <c r="AE3911" s="1"/>
    </row>
    <row r="3912" spans="1:31" ht="14.45">
      <c r="A3912" s="11"/>
      <c r="B3912" s="20"/>
      <c r="C3912" s="2" t="s">
        <v>12190</v>
      </c>
      <c r="D3912" s="14" t="s">
        <v>12191</v>
      </c>
      <c r="E3912" s="2" t="s">
        <v>12192</v>
      </c>
      <c r="F3912" s="2" t="s">
        <v>7429</v>
      </c>
      <c r="G3912" s="8">
        <v>143</v>
      </c>
      <c r="H3912" s="5">
        <v>6</v>
      </c>
      <c r="I3912" s="5" t="s">
        <v>1518</v>
      </c>
      <c r="J3912" s="5" t="s">
        <v>1519</v>
      </c>
      <c r="K3912" s="2" t="s">
        <v>1520</v>
      </c>
      <c r="L3912" s="5" t="s">
        <v>1519</v>
      </c>
      <c r="M3912" s="2" t="s">
        <v>1520</v>
      </c>
      <c r="N3912" s="5" t="s">
        <v>1521</v>
      </c>
      <c r="O3912" s="5" t="s">
        <v>38</v>
      </c>
      <c r="P3912" s="5" t="s">
        <v>39</v>
      </c>
      <c r="Q3912" s="5" t="s">
        <v>40</v>
      </c>
      <c r="R3912" s="5" t="s">
        <v>1522</v>
      </c>
      <c r="S3912" s="5" t="s">
        <v>1523</v>
      </c>
      <c r="T3912" s="5" t="s">
        <v>42</v>
      </c>
      <c r="U3912" s="2">
        <v>2.1080000000000001</v>
      </c>
      <c r="V3912" s="2">
        <v>1.7829999999999999</v>
      </c>
      <c r="W3912" s="2">
        <v>0.01</v>
      </c>
      <c r="X3912" s="2">
        <v>118.9</v>
      </c>
      <c r="Y3912" s="2">
        <v>7.6</v>
      </c>
      <c r="Z3912" s="2">
        <v>10.6</v>
      </c>
      <c r="AA3912" s="5"/>
      <c r="AB3912" s="5" t="s">
        <v>43</v>
      </c>
      <c r="AC3912" s="5" t="s">
        <v>44</v>
      </c>
      <c r="AD3912" s="2"/>
      <c r="AE3912" s="1"/>
    </row>
    <row r="3913" spans="1:31" ht="14.45">
      <c r="A3913" s="11"/>
      <c r="B3913" s="20"/>
      <c r="C3913" s="2" t="s">
        <v>12193</v>
      </c>
      <c r="D3913" s="14" t="s">
        <v>12194</v>
      </c>
      <c r="E3913" s="2" t="s">
        <v>12195</v>
      </c>
      <c r="F3913" s="2" t="s">
        <v>7574</v>
      </c>
      <c r="G3913" s="8">
        <v>143</v>
      </c>
      <c r="H3913" s="5">
        <v>6</v>
      </c>
      <c r="I3913" s="5" t="s">
        <v>1518</v>
      </c>
      <c r="J3913" s="5" t="s">
        <v>1519</v>
      </c>
      <c r="K3913" s="2" t="s">
        <v>1520</v>
      </c>
      <c r="L3913" s="5" t="s">
        <v>1519</v>
      </c>
      <c r="M3913" s="2" t="s">
        <v>1520</v>
      </c>
      <c r="N3913" s="5" t="s">
        <v>1521</v>
      </c>
      <c r="O3913" s="5" t="s">
        <v>38</v>
      </c>
      <c r="P3913" s="5" t="s">
        <v>39</v>
      </c>
      <c r="Q3913" s="5" t="s">
        <v>40</v>
      </c>
      <c r="R3913" s="5" t="s">
        <v>1522</v>
      </c>
      <c r="S3913" s="5" t="s">
        <v>1523</v>
      </c>
      <c r="T3913" s="5" t="s">
        <v>42</v>
      </c>
      <c r="U3913" s="2">
        <v>2.1579999999999999</v>
      </c>
      <c r="V3913" s="2">
        <v>1.833</v>
      </c>
      <c r="W3913" s="2">
        <v>0.01</v>
      </c>
      <c r="X3913" s="2">
        <v>118.9</v>
      </c>
      <c r="Y3913" s="2">
        <v>7.6</v>
      </c>
      <c r="Z3913" s="2">
        <v>10.6</v>
      </c>
      <c r="AA3913" s="5"/>
      <c r="AB3913" s="5" t="s">
        <v>43</v>
      </c>
      <c r="AC3913" s="5" t="s">
        <v>44</v>
      </c>
      <c r="AD3913" s="2"/>
      <c r="AE3913" s="1"/>
    </row>
    <row r="3914" spans="1:31" ht="14.45">
      <c r="A3914" s="11"/>
      <c r="B3914" s="20"/>
      <c r="C3914" s="2" t="s">
        <v>12196</v>
      </c>
      <c r="D3914" s="14" t="s">
        <v>12197</v>
      </c>
      <c r="E3914" s="2" t="s">
        <v>12198</v>
      </c>
      <c r="F3914" s="2" t="s">
        <v>7449</v>
      </c>
      <c r="G3914" s="8">
        <v>143</v>
      </c>
      <c r="H3914" s="5">
        <v>6</v>
      </c>
      <c r="I3914" s="5" t="s">
        <v>1518</v>
      </c>
      <c r="J3914" s="5" t="s">
        <v>1519</v>
      </c>
      <c r="K3914" s="2" t="s">
        <v>1520</v>
      </c>
      <c r="L3914" s="5" t="s">
        <v>1519</v>
      </c>
      <c r="M3914" s="2" t="s">
        <v>1520</v>
      </c>
      <c r="N3914" s="5" t="s">
        <v>1521</v>
      </c>
      <c r="O3914" s="5" t="s">
        <v>38</v>
      </c>
      <c r="P3914" s="5" t="s">
        <v>39</v>
      </c>
      <c r="Q3914" s="5" t="s">
        <v>40</v>
      </c>
      <c r="R3914" s="5" t="s">
        <v>1522</v>
      </c>
      <c r="S3914" s="5" t="s">
        <v>1523</v>
      </c>
      <c r="T3914" s="5" t="s">
        <v>42</v>
      </c>
      <c r="U3914" s="2">
        <v>2.1080000000000001</v>
      </c>
      <c r="V3914" s="2">
        <v>1.7829999999999999</v>
      </c>
      <c r="W3914" s="2">
        <v>0.01</v>
      </c>
      <c r="X3914" s="2">
        <v>118.9</v>
      </c>
      <c r="Y3914" s="2">
        <v>7.6</v>
      </c>
      <c r="Z3914" s="2">
        <v>10.6</v>
      </c>
      <c r="AA3914" s="5"/>
      <c r="AB3914" s="5" t="s">
        <v>43</v>
      </c>
      <c r="AC3914" s="5" t="s">
        <v>44</v>
      </c>
      <c r="AD3914" s="2"/>
      <c r="AE3914" s="1"/>
    </row>
    <row r="3915" spans="1:31" ht="14.45">
      <c r="A3915" s="11"/>
      <c r="B3915" s="20"/>
      <c r="C3915" s="2" t="s">
        <v>12199</v>
      </c>
      <c r="D3915" s="14" t="s">
        <v>12200</v>
      </c>
      <c r="E3915" s="2" t="s">
        <v>12201</v>
      </c>
      <c r="F3915" s="2" t="s">
        <v>7581</v>
      </c>
      <c r="G3915" s="8">
        <v>143</v>
      </c>
      <c r="H3915" s="5">
        <v>6</v>
      </c>
      <c r="I3915" s="5" t="s">
        <v>1518</v>
      </c>
      <c r="J3915" s="5" t="s">
        <v>1519</v>
      </c>
      <c r="K3915" s="2" t="s">
        <v>1520</v>
      </c>
      <c r="L3915" s="5" t="s">
        <v>1519</v>
      </c>
      <c r="M3915" s="2" t="s">
        <v>1520</v>
      </c>
      <c r="N3915" s="5" t="s">
        <v>1521</v>
      </c>
      <c r="O3915" s="5" t="s">
        <v>38</v>
      </c>
      <c r="P3915" s="5" t="s">
        <v>39</v>
      </c>
      <c r="Q3915" s="5" t="s">
        <v>40</v>
      </c>
      <c r="R3915" s="5" t="s">
        <v>1522</v>
      </c>
      <c r="S3915" s="5" t="s">
        <v>1523</v>
      </c>
      <c r="T3915" s="5" t="s">
        <v>42</v>
      </c>
      <c r="U3915" s="2">
        <v>2.1579999999999999</v>
      </c>
      <c r="V3915" s="2">
        <v>1.833</v>
      </c>
      <c r="W3915" s="2">
        <v>0.01</v>
      </c>
      <c r="X3915" s="2">
        <v>118.9</v>
      </c>
      <c r="Y3915" s="2">
        <v>7.6</v>
      </c>
      <c r="Z3915" s="2">
        <v>10.6</v>
      </c>
      <c r="AA3915" s="5"/>
      <c r="AB3915" s="5" t="s">
        <v>43</v>
      </c>
      <c r="AC3915" s="5" t="s">
        <v>44</v>
      </c>
      <c r="AD3915" s="2"/>
      <c r="AE3915" s="1"/>
    </row>
    <row r="3916" spans="1:31" ht="14.45">
      <c r="A3916" s="11"/>
      <c r="B3916" s="20"/>
      <c r="C3916" s="2" t="s">
        <v>12202</v>
      </c>
      <c r="D3916" s="14" t="s">
        <v>12203</v>
      </c>
      <c r="E3916" s="2" t="s">
        <v>12204</v>
      </c>
      <c r="F3916" s="2" t="s">
        <v>7585</v>
      </c>
      <c r="G3916" s="8">
        <v>143</v>
      </c>
      <c r="H3916" s="5">
        <v>6</v>
      </c>
      <c r="I3916" s="5" t="s">
        <v>1518</v>
      </c>
      <c r="J3916" s="5" t="s">
        <v>1519</v>
      </c>
      <c r="K3916" s="2" t="s">
        <v>1520</v>
      </c>
      <c r="L3916" s="5" t="s">
        <v>1519</v>
      </c>
      <c r="M3916" s="2" t="s">
        <v>1520</v>
      </c>
      <c r="N3916" s="5" t="s">
        <v>1521</v>
      </c>
      <c r="O3916" s="5" t="s">
        <v>38</v>
      </c>
      <c r="P3916" s="5" t="s">
        <v>39</v>
      </c>
      <c r="Q3916" s="5" t="s">
        <v>40</v>
      </c>
      <c r="R3916" s="5" t="s">
        <v>1522</v>
      </c>
      <c r="S3916" s="5" t="s">
        <v>1523</v>
      </c>
      <c r="T3916" s="5" t="s">
        <v>42</v>
      </c>
      <c r="U3916" s="2">
        <v>2.0790000000000002</v>
      </c>
      <c r="V3916" s="2">
        <v>1.754</v>
      </c>
      <c r="W3916" s="2">
        <v>0.01</v>
      </c>
      <c r="X3916" s="2">
        <v>118.9</v>
      </c>
      <c r="Y3916" s="2">
        <v>7.6</v>
      </c>
      <c r="Z3916" s="2">
        <v>10.6</v>
      </c>
      <c r="AA3916" s="5"/>
      <c r="AB3916" s="5" t="s">
        <v>43</v>
      </c>
      <c r="AC3916" s="5" t="s">
        <v>44</v>
      </c>
      <c r="AD3916" s="2"/>
      <c r="AE3916" s="1"/>
    </row>
    <row r="3917" spans="1:31" ht="14.45">
      <c r="A3917" s="11"/>
      <c r="B3917" s="20"/>
      <c r="C3917" s="2" t="s">
        <v>12205</v>
      </c>
      <c r="D3917" s="14" t="s">
        <v>12206</v>
      </c>
      <c r="E3917" s="2" t="s">
        <v>12207</v>
      </c>
      <c r="F3917" s="2" t="s">
        <v>7589</v>
      </c>
      <c r="G3917" s="8">
        <v>143</v>
      </c>
      <c r="H3917" s="5">
        <v>6</v>
      </c>
      <c r="I3917" s="5" t="s">
        <v>1518</v>
      </c>
      <c r="J3917" s="5" t="s">
        <v>1519</v>
      </c>
      <c r="K3917" s="2" t="s">
        <v>1520</v>
      </c>
      <c r="L3917" s="5" t="s">
        <v>1519</v>
      </c>
      <c r="M3917" s="2" t="s">
        <v>1520</v>
      </c>
      <c r="N3917" s="5" t="s">
        <v>1521</v>
      </c>
      <c r="O3917" s="5" t="s">
        <v>38</v>
      </c>
      <c r="P3917" s="5" t="s">
        <v>39</v>
      </c>
      <c r="Q3917" s="5" t="s">
        <v>40</v>
      </c>
      <c r="R3917" s="5" t="s">
        <v>1522</v>
      </c>
      <c r="S3917" s="5" t="s">
        <v>1523</v>
      </c>
      <c r="T3917" s="5" t="s">
        <v>42</v>
      </c>
      <c r="U3917" s="2">
        <v>2.129</v>
      </c>
      <c r="V3917" s="2">
        <v>1.804</v>
      </c>
      <c r="W3917" s="2">
        <v>0.01</v>
      </c>
      <c r="X3917" s="2">
        <v>118.9</v>
      </c>
      <c r="Y3917" s="2">
        <v>7.6</v>
      </c>
      <c r="Z3917" s="2">
        <v>10.6</v>
      </c>
      <c r="AA3917" s="5"/>
      <c r="AB3917" s="5" t="s">
        <v>43</v>
      </c>
      <c r="AC3917" s="5" t="s">
        <v>44</v>
      </c>
      <c r="AD3917" s="2"/>
      <c r="AE3917" s="1"/>
    </row>
    <row r="3918" spans="1:31" ht="14.45">
      <c r="A3918" s="11"/>
      <c r="B3918" s="20"/>
      <c r="C3918" s="2" t="s">
        <v>12208</v>
      </c>
      <c r="D3918" s="14" t="s">
        <v>12209</v>
      </c>
      <c r="E3918" s="2" t="s">
        <v>12210</v>
      </c>
      <c r="F3918" s="2" t="s">
        <v>7593</v>
      </c>
      <c r="G3918" s="8">
        <v>143</v>
      </c>
      <c r="H3918" s="5">
        <v>6</v>
      </c>
      <c r="I3918" s="5" t="s">
        <v>1518</v>
      </c>
      <c r="J3918" s="5" t="s">
        <v>1519</v>
      </c>
      <c r="K3918" s="2" t="s">
        <v>1520</v>
      </c>
      <c r="L3918" s="5" t="s">
        <v>1519</v>
      </c>
      <c r="M3918" s="2" t="s">
        <v>1520</v>
      </c>
      <c r="N3918" s="5" t="s">
        <v>1521</v>
      </c>
      <c r="O3918" s="5" t="s">
        <v>38</v>
      </c>
      <c r="P3918" s="5" t="s">
        <v>39</v>
      </c>
      <c r="Q3918" s="5" t="s">
        <v>40</v>
      </c>
      <c r="R3918" s="5" t="s">
        <v>1522</v>
      </c>
      <c r="S3918" s="5" t="s">
        <v>1523</v>
      </c>
      <c r="T3918" s="5" t="s">
        <v>42</v>
      </c>
      <c r="U3918" s="2">
        <v>2.1080000000000001</v>
      </c>
      <c r="V3918" s="2">
        <v>1.7829999999999999</v>
      </c>
      <c r="W3918" s="2">
        <v>0.01</v>
      </c>
      <c r="X3918" s="2">
        <v>118.9</v>
      </c>
      <c r="Y3918" s="2">
        <v>7.6</v>
      </c>
      <c r="Z3918" s="2">
        <v>10.6</v>
      </c>
      <c r="AA3918" s="5"/>
      <c r="AB3918" s="5" t="s">
        <v>43</v>
      </c>
      <c r="AC3918" s="5" t="s">
        <v>44</v>
      </c>
      <c r="AD3918" s="2"/>
      <c r="AE3918" s="1"/>
    </row>
    <row r="3919" spans="1:31" ht="14.45">
      <c r="A3919" s="11"/>
      <c r="B3919" s="20"/>
      <c r="C3919" s="2" t="s">
        <v>12211</v>
      </c>
      <c r="D3919" s="14" t="s">
        <v>12212</v>
      </c>
      <c r="E3919" s="2" t="s">
        <v>12213</v>
      </c>
      <c r="F3919" s="2" t="s">
        <v>7597</v>
      </c>
      <c r="G3919" s="8">
        <v>143</v>
      </c>
      <c r="H3919" s="5">
        <v>6</v>
      </c>
      <c r="I3919" s="5" t="s">
        <v>1518</v>
      </c>
      <c r="J3919" s="5" t="s">
        <v>1519</v>
      </c>
      <c r="K3919" s="2" t="s">
        <v>1520</v>
      </c>
      <c r="L3919" s="5" t="s">
        <v>1519</v>
      </c>
      <c r="M3919" s="2" t="s">
        <v>1520</v>
      </c>
      <c r="N3919" s="5" t="s">
        <v>1521</v>
      </c>
      <c r="O3919" s="5" t="s">
        <v>38</v>
      </c>
      <c r="P3919" s="5" t="s">
        <v>39</v>
      </c>
      <c r="Q3919" s="5" t="s">
        <v>40</v>
      </c>
      <c r="R3919" s="5" t="s">
        <v>1522</v>
      </c>
      <c r="S3919" s="5" t="s">
        <v>1523</v>
      </c>
      <c r="T3919" s="5" t="s">
        <v>42</v>
      </c>
      <c r="U3919" s="2">
        <v>2.1579999999999999</v>
      </c>
      <c r="V3919" s="2">
        <v>1.833</v>
      </c>
      <c r="W3919" s="2">
        <v>0.01</v>
      </c>
      <c r="X3919" s="2">
        <v>118.9</v>
      </c>
      <c r="Y3919" s="2">
        <v>7.6</v>
      </c>
      <c r="Z3919" s="2">
        <v>10.6</v>
      </c>
      <c r="AA3919" s="5"/>
      <c r="AB3919" s="5" t="s">
        <v>43</v>
      </c>
      <c r="AC3919" s="5" t="s">
        <v>44</v>
      </c>
      <c r="AD3919" s="2"/>
      <c r="AE3919" s="1"/>
    </row>
    <row r="3920" spans="1:31" ht="14.45">
      <c r="A3920" s="11"/>
      <c r="B3920" s="20"/>
      <c r="C3920" s="2" t="s">
        <v>12214</v>
      </c>
      <c r="D3920" s="14" t="s">
        <v>12215</v>
      </c>
      <c r="E3920" s="2" t="s">
        <v>12216</v>
      </c>
      <c r="F3920" s="2" t="s">
        <v>7410</v>
      </c>
      <c r="G3920" s="8">
        <v>143</v>
      </c>
      <c r="H3920" s="5">
        <v>6</v>
      </c>
      <c r="I3920" s="5" t="s">
        <v>1518</v>
      </c>
      <c r="J3920" s="5" t="s">
        <v>1519</v>
      </c>
      <c r="K3920" s="2" t="s">
        <v>1520</v>
      </c>
      <c r="L3920" s="5" t="s">
        <v>1519</v>
      </c>
      <c r="M3920" s="2" t="s">
        <v>1520</v>
      </c>
      <c r="N3920" s="5" t="s">
        <v>1521</v>
      </c>
      <c r="O3920" s="5" t="s">
        <v>38</v>
      </c>
      <c r="P3920" s="5" t="s">
        <v>39</v>
      </c>
      <c r="Q3920" s="5" t="s">
        <v>40</v>
      </c>
      <c r="R3920" s="5" t="s">
        <v>1522</v>
      </c>
      <c r="S3920" s="5" t="s">
        <v>1523</v>
      </c>
      <c r="T3920" s="5" t="s">
        <v>42</v>
      </c>
      <c r="U3920" s="2">
        <v>2.1080000000000001</v>
      </c>
      <c r="V3920" s="2">
        <v>1.7829999999999999</v>
      </c>
      <c r="W3920" s="2">
        <v>0.01</v>
      </c>
      <c r="X3920" s="2">
        <v>118.9</v>
      </c>
      <c r="Y3920" s="2">
        <v>7.6</v>
      </c>
      <c r="Z3920" s="2">
        <v>10.6</v>
      </c>
      <c r="AA3920" s="5"/>
      <c r="AB3920" s="5" t="s">
        <v>43</v>
      </c>
      <c r="AC3920" s="5" t="s">
        <v>44</v>
      </c>
      <c r="AD3920" s="2"/>
      <c r="AE3920" s="1"/>
    </row>
    <row r="3921" spans="1:31" ht="14.45">
      <c r="A3921" s="11"/>
      <c r="B3921" s="20"/>
      <c r="C3921" s="2" t="s">
        <v>12217</v>
      </c>
      <c r="D3921" s="14" t="s">
        <v>12218</v>
      </c>
      <c r="E3921" s="2" t="s">
        <v>12219</v>
      </c>
      <c r="F3921" s="2" t="s">
        <v>7604</v>
      </c>
      <c r="G3921" s="8">
        <v>143</v>
      </c>
      <c r="H3921" s="5">
        <v>6</v>
      </c>
      <c r="I3921" s="5" t="s">
        <v>1518</v>
      </c>
      <c r="J3921" s="5" t="s">
        <v>1519</v>
      </c>
      <c r="K3921" s="2" t="s">
        <v>1520</v>
      </c>
      <c r="L3921" s="5" t="s">
        <v>1519</v>
      </c>
      <c r="M3921" s="2" t="s">
        <v>1520</v>
      </c>
      <c r="N3921" s="5" t="s">
        <v>1521</v>
      </c>
      <c r="O3921" s="5" t="s">
        <v>38</v>
      </c>
      <c r="P3921" s="5" t="s">
        <v>39</v>
      </c>
      <c r="Q3921" s="5" t="s">
        <v>40</v>
      </c>
      <c r="R3921" s="5" t="s">
        <v>1522</v>
      </c>
      <c r="S3921" s="5" t="s">
        <v>1523</v>
      </c>
      <c r="T3921" s="5" t="s">
        <v>42</v>
      </c>
      <c r="U3921" s="2">
        <v>2.1579999999999999</v>
      </c>
      <c r="V3921" s="2">
        <v>1.833</v>
      </c>
      <c r="W3921" s="2">
        <v>0.01</v>
      </c>
      <c r="X3921" s="2">
        <v>118.9</v>
      </c>
      <c r="Y3921" s="2">
        <v>7.6</v>
      </c>
      <c r="Z3921" s="2">
        <v>10.6</v>
      </c>
      <c r="AA3921" s="5"/>
      <c r="AB3921" s="5" t="s">
        <v>43</v>
      </c>
      <c r="AC3921" s="5" t="s">
        <v>44</v>
      </c>
      <c r="AD3921" s="2"/>
      <c r="AE3921" s="1"/>
    </row>
    <row r="3922" spans="1:31" ht="14.45">
      <c r="A3922" s="11"/>
      <c r="B3922" s="20"/>
      <c r="C3922" s="2" t="s">
        <v>12220</v>
      </c>
      <c r="D3922" s="14" t="s">
        <v>12221</v>
      </c>
      <c r="E3922" s="2" t="s">
        <v>12222</v>
      </c>
      <c r="F3922" s="2" t="s">
        <v>7433</v>
      </c>
      <c r="G3922" s="8">
        <v>143</v>
      </c>
      <c r="H3922" s="5">
        <v>6</v>
      </c>
      <c r="I3922" s="5" t="s">
        <v>1518</v>
      </c>
      <c r="J3922" s="5" t="s">
        <v>1519</v>
      </c>
      <c r="K3922" s="2" t="s">
        <v>1520</v>
      </c>
      <c r="L3922" s="5" t="s">
        <v>1519</v>
      </c>
      <c r="M3922" s="2" t="s">
        <v>1520</v>
      </c>
      <c r="N3922" s="5" t="s">
        <v>1521</v>
      </c>
      <c r="O3922" s="5" t="s">
        <v>38</v>
      </c>
      <c r="P3922" s="5" t="s">
        <v>39</v>
      </c>
      <c r="Q3922" s="5" t="s">
        <v>40</v>
      </c>
      <c r="R3922" s="5" t="s">
        <v>1522</v>
      </c>
      <c r="S3922" s="5" t="s">
        <v>1523</v>
      </c>
      <c r="T3922" s="5" t="s">
        <v>42</v>
      </c>
      <c r="U3922" s="2">
        <v>2.1080000000000001</v>
      </c>
      <c r="V3922" s="2">
        <v>1.7829999999999999</v>
      </c>
      <c r="W3922" s="2">
        <v>0.01</v>
      </c>
      <c r="X3922" s="2">
        <v>118.9</v>
      </c>
      <c r="Y3922" s="2">
        <v>7.6</v>
      </c>
      <c r="Z3922" s="2">
        <v>10.6</v>
      </c>
      <c r="AA3922" s="5"/>
      <c r="AB3922" s="5" t="s">
        <v>43</v>
      </c>
      <c r="AC3922" s="5" t="s">
        <v>44</v>
      </c>
      <c r="AD3922" s="2"/>
      <c r="AE3922" s="1"/>
    </row>
    <row r="3923" spans="1:31" ht="14.45">
      <c r="A3923" s="11"/>
      <c r="B3923" s="20"/>
      <c r="C3923" s="2" t="s">
        <v>12223</v>
      </c>
      <c r="D3923" s="14" t="s">
        <v>12224</v>
      </c>
      <c r="E3923" s="2" t="s">
        <v>12225</v>
      </c>
      <c r="F3923" s="2" t="s">
        <v>7611</v>
      </c>
      <c r="G3923" s="8">
        <v>143</v>
      </c>
      <c r="H3923" s="5">
        <v>6</v>
      </c>
      <c r="I3923" s="5" t="s">
        <v>1518</v>
      </c>
      <c r="J3923" s="5" t="s">
        <v>1519</v>
      </c>
      <c r="K3923" s="2" t="s">
        <v>1520</v>
      </c>
      <c r="L3923" s="5" t="s">
        <v>1519</v>
      </c>
      <c r="M3923" s="2" t="s">
        <v>1520</v>
      </c>
      <c r="N3923" s="5" t="s">
        <v>1521</v>
      </c>
      <c r="O3923" s="5" t="s">
        <v>38</v>
      </c>
      <c r="P3923" s="5" t="s">
        <v>39</v>
      </c>
      <c r="Q3923" s="5" t="s">
        <v>40</v>
      </c>
      <c r="R3923" s="5" t="s">
        <v>1522</v>
      </c>
      <c r="S3923" s="5" t="s">
        <v>1523</v>
      </c>
      <c r="T3923" s="5" t="s">
        <v>42</v>
      </c>
      <c r="U3923" s="2">
        <v>2.1579999999999999</v>
      </c>
      <c r="V3923" s="2">
        <v>1.833</v>
      </c>
      <c r="W3923" s="2">
        <v>0.01</v>
      </c>
      <c r="X3923" s="2">
        <v>118.9</v>
      </c>
      <c r="Y3923" s="2">
        <v>7.6</v>
      </c>
      <c r="Z3923" s="2">
        <v>10.6</v>
      </c>
      <c r="AA3923" s="5"/>
      <c r="AB3923" s="5" t="s">
        <v>43</v>
      </c>
      <c r="AC3923" s="5" t="s">
        <v>44</v>
      </c>
      <c r="AD3923" s="2"/>
      <c r="AE3923" s="1"/>
    </row>
    <row r="3924" spans="1:31" ht="14.45">
      <c r="A3924" s="11"/>
      <c r="B3924" s="20"/>
      <c r="C3924" s="2" t="s">
        <v>12226</v>
      </c>
      <c r="D3924" s="14" t="s">
        <v>12227</v>
      </c>
      <c r="E3924" s="2" t="s">
        <v>12228</v>
      </c>
      <c r="F3924" s="2" t="s">
        <v>7615</v>
      </c>
      <c r="G3924" s="8">
        <v>143</v>
      </c>
      <c r="H3924" s="5">
        <v>6</v>
      </c>
      <c r="I3924" s="5" t="s">
        <v>1518</v>
      </c>
      <c r="J3924" s="5" t="s">
        <v>1519</v>
      </c>
      <c r="K3924" s="2" t="s">
        <v>1520</v>
      </c>
      <c r="L3924" s="5" t="s">
        <v>1519</v>
      </c>
      <c r="M3924" s="2" t="s">
        <v>1520</v>
      </c>
      <c r="N3924" s="5" t="s">
        <v>1521</v>
      </c>
      <c r="O3924" s="5" t="s">
        <v>38</v>
      </c>
      <c r="P3924" s="5" t="s">
        <v>39</v>
      </c>
      <c r="Q3924" s="5" t="s">
        <v>40</v>
      </c>
      <c r="R3924" s="5" t="s">
        <v>1522</v>
      </c>
      <c r="S3924" s="5" t="s">
        <v>1523</v>
      </c>
      <c r="T3924" s="5" t="s">
        <v>42</v>
      </c>
      <c r="U3924" s="2">
        <v>2.0790000000000002</v>
      </c>
      <c r="V3924" s="2">
        <v>1.754</v>
      </c>
      <c r="W3924" s="2">
        <v>0.01</v>
      </c>
      <c r="X3924" s="2">
        <v>118.9</v>
      </c>
      <c r="Y3924" s="2">
        <v>7.6</v>
      </c>
      <c r="Z3924" s="2">
        <v>10.6</v>
      </c>
      <c r="AA3924" s="5"/>
      <c r="AB3924" s="5" t="s">
        <v>43</v>
      </c>
      <c r="AC3924" s="5" t="s">
        <v>44</v>
      </c>
      <c r="AD3924" s="2"/>
      <c r="AE3924" s="1"/>
    </row>
    <row r="3925" spans="1:31" ht="14.45">
      <c r="A3925" s="11"/>
      <c r="B3925" s="20"/>
      <c r="C3925" s="2" t="s">
        <v>12229</v>
      </c>
      <c r="D3925" s="14" t="s">
        <v>12230</v>
      </c>
      <c r="E3925" s="2" t="s">
        <v>12231</v>
      </c>
      <c r="F3925" s="2" t="s">
        <v>7619</v>
      </c>
      <c r="G3925" s="8">
        <v>143</v>
      </c>
      <c r="H3925" s="5">
        <v>6</v>
      </c>
      <c r="I3925" s="5" t="s">
        <v>1518</v>
      </c>
      <c r="J3925" s="5" t="s">
        <v>1519</v>
      </c>
      <c r="K3925" s="2" t="s">
        <v>1520</v>
      </c>
      <c r="L3925" s="5" t="s">
        <v>1519</v>
      </c>
      <c r="M3925" s="2" t="s">
        <v>1520</v>
      </c>
      <c r="N3925" s="5" t="s">
        <v>1521</v>
      </c>
      <c r="O3925" s="5" t="s">
        <v>38</v>
      </c>
      <c r="P3925" s="5" t="s">
        <v>39</v>
      </c>
      <c r="Q3925" s="5" t="s">
        <v>40</v>
      </c>
      <c r="R3925" s="5" t="s">
        <v>1522</v>
      </c>
      <c r="S3925" s="5" t="s">
        <v>1523</v>
      </c>
      <c r="T3925" s="5" t="s">
        <v>42</v>
      </c>
      <c r="U3925" s="2">
        <v>2.129</v>
      </c>
      <c r="V3925" s="2">
        <v>1.804</v>
      </c>
      <c r="W3925" s="2">
        <v>0.01</v>
      </c>
      <c r="X3925" s="2">
        <v>118.9</v>
      </c>
      <c r="Y3925" s="2">
        <v>7.6</v>
      </c>
      <c r="Z3925" s="2">
        <v>10.6</v>
      </c>
      <c r="AA3925" s="5"/>
      <c r="AB3925" s="5" t="s">
        <v>43</v>
      </c>
      <c r="AC3925" s="5" t="s">
        <v>44</v>
      </c>
      <c r="AD3925" s="2"/>
      <c r="AE3925" s="1"/>
    </row>
    <row r="3926" spans="1:31" ht="14.45">
      <c r="A3926" s="11"/>
      <c r="B3926" s="20"/>
      <c r="C3926" s="2" t="s">
        <v>12232</v>
      </c>
      <c r="D3926" s="14" t="s">
        <v>12233</v>
      </c>
      <c r="E3926" s="2" t="s">
        <v>12234</v>
      </c>
      <c r="F3926" s="2" t="s">
        <v>1823</v>
      </c>
      <c r="G3926" s="8">
        <v>143</v>
      </c>
      <c r="H3926" s="5">
        <v>8</v>
      </c>
      <c r="I3926" s="5" t="s">
        <v>1518</v>
      </c>
      <c r="J3926" s="5" t="s">
        <v>1519</v>
      </c>
      <c r="K3926" s="2" t="s">
        <v>1520</v>
      </c>
      <c r="L3926" s="5" t="s">
        <v>1519</v>
      </c>
      <c r="M3926" s="2" t="s">
        <v>1520</v>
      </c>
      <c r="N3926" s="5" t="s">
        <v>1521</v>
      </c>
      <c r="O3926" s="5" t="s">
        <v>38</v>
      </c>
      <c r="P3926" s="5" t="s">
        <v>39</v>
      </c>
      <c r="Q3926" s="5" t="s">
        <v>40</v>
      </c>
      <c r="R3926" s="5" t="s">
        <v>1522</v>
      </c>
      <c r="S3926" s="5" t="s">
        <v>1523</v>
      </c>
      <c r="T3926" s="5" t="s">
        <v>42</v>
      </c>
      <c r="U3926" s="2">
        <v>2.13</v>
      </c>
      <c r="V3926" s="2">
        <v>1.8049999999999999</v>
      </c>
      <c r="W3926" s="2">
        <v>0.01</v>
      </c>
      <c r="X3926" s="2">
        <v>118.9</v>
      </c>
      <c r="Y3926" s="2">
        <v>7.6</v>
      </c>
      <c r="Z3926" s="2">
        <v>10.6</v>
      </c>
      <c r="AA3926" s="5"/>
      <c r="AB3926" s="5" t="s">
        <v>43</v>
      </c>
      <c r="AC3926" s="5" t="s">
        <v>44</v>
      </c>
      <c r="AD3926" s="2"/>
      <c r="AE3926" s="1"/>
    </row>
    <row r="3927" spans="1:31" ht="14.45">
      <c r="A3927" s="11"/>
      <c r="B3927" s="20"/>
      <c r="C3927" s="2" t="s">
        <v>12235</v>
      </c>
      <c r="D3927" s="14" t="s">
        <v>12236</v>
      </c>
      <c r="E3927" s="2" t="s">
        <v>12237</v>
      </c>
      <c r="F3927" s="2" t="s">
        <v>1827</v>
      </c>
      <c r="G3927" s="8">
        <v>143</v>
      </c>
      <c r="H3927" s="5">
        <v>8</v>
      </c>
      <c r="I3927" s="5" t="s">
        <v>1518</v>
      </c>
      <c r="J3927" s="5" t="s">
        <v>1519</v>
      </c>
      <c r="K3927" s="2" t="s">
        <v>1520</v>
      </c>
      <c r="L3927" s="5" t="s">
        <v>1519</v>
      </c>
      <c r="M3927" s="2" t="s">
        <v>1520</v>
      </c>
      <c r="N3927" s="5" t="s">
        <v>1521</v>
      </c>
      <c r="O3927" s="5" t="s">
        <v>38</v>
      </c>
      <c r="P3927" s="5" t="s">
        <v>39</v>
      </c>
      <c r="Q3927" s="5" t="s">
        <v>40</v>
      </c>
      <c r="R3927" s="5" t="s">
        <v>1522</v>
      </c>
      <c r="S3927" s="5" t="s">
        <v>1523</v>
      </c>
      <c r="T3927" s="5" t="s">
        <v>42</v>
      </c>
      <c r="U3927" s="2">
        <v>2.1800000000000002</v>
      </c>
      <c r="V3927" s="2">
        <v>1.855</v>
      </c>
      <c r="W3927" s="2">
        <v>0.01</v>
      </c>
      <c r="X3927" s="2">
        <v>118.9</v>
      </c>
      <c r="Y3927" s="2">
        <v>7.6</v>
      </c>
      <c r="Z3927" s="2">
        <v>10.6</v>
      </c>
      <c r="AA3927" s="5"/>
      <c r="AB3927" s="5" t="s">
        <v>43</v>
      </c>
      <c r="AC3927" s="5" t="s">
        <v>44</v>
      </c>
      <c r="AD3927" s="2"/>
      <c r="AE3927" s="1"/>
    </row>
    <row r="3928" spans="1:31" ht="14.45">
      <c r="A3928" s="11"/>
      <c r="B3928" s="20"/>
      <c r="C3928" s="2" t="s">
        <v>12238</v>
      </c>
      <c r="D3928" s="14" t="s">
        <v>12239</v>
      </c>
      <c r="E3928" s="2" t="s">
        <v>12240</v>
      </c>
      <c r="F3928" s="2" t="s">
        <v>1973</v>
      </c>
      <c r="G3928" s="8">
        <v>143</v>
      </c>
      <c r="H3928" s="5">
        <v>13</v>
      </c>
      <c r="I3928" s="5" t="s">
        <v>1518</v>
      </c>
      <c r="J3928" s="5" t="s">
        <v>1519</v>
      </c>
      <c r="K3928" s="2" t="s">
        <v>1520</v>
      </c>
      <c r="L3928" s="5" t="s">
        <v>1519</v>
      </c>
      <c r="M3928" s="2" t="s">
        <v>1520</v>
      </c>
      <c r="N3928" s="5" t="s">
        <v>1521</v>
      </c>
      <c r="O3928" s="5" t="s">
        <v>38</v>
      </c>
      <c r="P3928" s="5" t="s">
        <v>39</v>
      </c>
      <c r="Q3928" s="5" t="s">
        <v>40</v>
      </c>
      <c r="R3928" s="5" t="s">
        <v>1522</v>
      </c>
      <c r="S3928" s="5" t="s">
        <v>1523</v>
      </c>
      <c r="T3928" s="5" t="s">
        <v>42</v>
      </c>
      <c r="U3928" s="2">
        <v>2.1560000000000001</v>
      </c>
      <c r="V3928" s="2">
        <v>1.831</v>
      </c>
      <c r="W3928" s="2">
        <v>0.01</v>
      </c>
      <c r="X3928" s="2">
        <v>118.9</v>
      </c>
      <c r="Y3928" s="2">
        <v>7.6</v>
      </c>
      <c r="Z3928" s="2">
        <v>10.6</v>
      </c>
      <c r="AA3928" s="5"/>
      <c r="AB3928" s="5" t="s">
        <v>43</v>
      </c>
      <c r="AC3928" s="5" t="s">
        <v>44</v>
      </c>
      <c r="AD3928" s="2"/>
      <c r="AE3928" s="1"/>
    </row>
    <row r="3929" spans="1:31" ht="14.45">
      <c r="A3929" s="11"/>
      <c r="B3929" s="20"/>
      <c r="C3929" s="2" t="s">
        <v>12241</v>
      </c>
      <c r="D3929" s="14" t="s">
        <v>12242</v>
      </c>
      <c r="E3929" s="2" t="s">
        <v>12243</v>
      </c>
      <c r="F3929" s="2" t="s">
        <v>2348</v>
      </c>
      <c r="G3929" s="8">
        <v>143</v>
      </c>
      <c r="H3929" s="5">
        <v>13</v>
      </c>
      <c r="I3929" s="5" t="s">
        <v>1518</v>
      </c>
      <c r="J3929" s="5" t="s">
        <v>1519</v>
      </c>
      <c r="K3929" s="2" t="s">
        <v>1520</v>
      </c>
      <c r="L3929" s="5" t="s">
        <v>1519</v>
      </c>
      <c r="M3929" s="2" t="s">
        <v>1520</v>
      </c>
      <c r="N3929" s="5" t="s">
        <v>1521</v>
      </c>
      <c r="O3929" s="5" t="s">
        <v>38</v>
      </c>
      <c r="P3929" s="5" t="s">
        <v>39</v>
      </c>
      <c r="Q3929" s="5" t="s">
        <v>40</v>
      </c>
      <c r="R3929" s="5" t="s">
        <v>1522</v>
      </c>
      <c r="S3929" s="5" t="s">
        <v>1523</v>
      </c>
      <c r="T3929" s="5" t="s">
        <v>42</v>
      </c>
      <c r="U3929" s="2">
        <v>2.206</v>
      </c>
      <c r="V3929" s="2">
        <v>1.881</v>
      </c>
      <c r="W3929" s="2">
        <v>0.01</v>
      </c>
      <c r="X3929" s="2">
        <v>118.9</v>
      </c>
      <c r="Y3929" s="2">
        <v>7.6</v>
      </c>
      <c r="Z3929" s="2">
        <v>10.6</v>
      </c>
      <c r="AA3929" s="5"/>
      <c r="AB3929" s="5" t="s">
        <v>43</v>
      </c>
      <c r="AC3929" s="5" t="s">
        <v>44</v>
      </c>
      <c r="AD3929" s="2"/>
      <c r="AE3929" s="1"/>
    </row>
    <row r="3930" spans="1:31" ht="14.45">
      <c r="A3930" s="11"/>
      <c r="B3930" s="20"/>
      <c r="C3930" s="2" t="s">
        <v>12244</v>
      </c>
      <c r="D3930" s="14" t="s">
        <v>12245</v>
      </c>
      <c r="E3930" s="2" t="s">
        <v>12246</v>
      </c>
      <c r="F3930" s="2" t="s">
        <v>2204</v>
      </c>
      <c r="G3930" s="8">
        <v>143</v>
      </c>
      <c r="H3930" s="5">
        <v>13</v>
      </c>
      <c r="I3930" s="5" t="s">
        <v>1518</v>
      </c>
      <c r="J3930" s="5" t="s">
        <v>1519</v>
      </c>
      <c r="K3930" s="2" t="s">
        <v>1520</v>
      </c>
      <c r="L3930" s="5" t="s">
        <v>1519</v>
      </c>
      <c r="M3930" s="2" t="s">
        <v>1520</v>
      </c>
      <c r="N3930" s="5" t="s">
        <v>1521</v>
      </c>
      <c r="O3930" s="5" t="s">
        <v>38</v>
      </c>
      <c r="P3930" s="5" t="s">
        <v>39</v>
      </c>
      <c r="Q3930" s="5" t="s">
        <v>40</v>
      </c>
      <c r="R3930" s="5" t="s">
        <v>1522</v>
      </c>
      <c r="S3930" s="5" t="s">
        <v>1523</v>
      </c>
      <c r="T3930" s="5" t="s">
        <v>42</v>
      </c>
      <c r="U3930" s="2">
        <v>2.1560000000000001</v>
      </c>
      <c r="V3930" s="2">
        <v>1.831</v>
      </c>
      <c r="W3930" s="2">
        <v>0.01</v>
      </c>
      <c r="X3930" s="2">
        <v>118.9</v>
      </c>
      <c r="Y3930" s="2">
        <v>7.6</v>
      </c>
      <c r="Z3930" s="2">
        <v>10.6</v>
      </c>
      <c r="AA3930" s="5"/>
      <c r="AB3930" s="5" t="s">
        <v>43</v>
      </c>
      <c r="AC3930" s="5" t="s">
        <v>44</v>
      </c>
      <c r="AD3930" s="2"/>
      <c r="AE3930" s="1"/>
    </row>
    <row r="3931" spans="1:31" ht="14.45">
      <c r="A3931" s="11"/>
      <c r="B3931" s="20"/>
      <c r="C3931" s="2" t="s">
        <v>12247</v>
      </c>
      <c r="D3931" s="14" t="s">
        <v>12248</v>
      </c>
      <c r="E3931" s="2" t="s">
        <v>12249</v>
      </c>
      <c r="F3931" s="2" t="s">
        <v>2724</v>
      </c>
      <c r="G3931" s="8">
        <v>143</v>
      </c>
      <c r="H3931" s="5">
        <v>13</v>
      </c>
      <c r="I3931" s="5" t="s">
        <v>1518</v>
      </c>
      <c r="J3931" s="5" t="s">
        <v>1519</v>
      </c>
      <c r="K3931" s="2" t="s">
        <v>1520</v>
      </c>
      <c r="L3931" s="5" t="s">
        <v>1519</v>
      </c>
      <c r="M3931" s="2" t="s">
        <v>1520</v>
      </c>
      <c r="N3931" s="5" t="s">
        <v>1521</v>
      </c>
      <c r="O3931" s="5" t="s">
        <v>38</v>
      </c>
      <c r="P3931" s="5" t="s">
        <v>39</v>
      </c>
      <c r="Q3931" s="5" t="s">
        <v>40</v>
      </c>
      <c r="R3931" s="5" t="s">
        <v>1522</v>
      </c>
      <c r="S3931" s="5" t="s">
        <v>1523</v>
      </c>
      <c r="T3931" s="5" t="s">
        <v>42</v>
      </c>
      <c r="U3931" s="2">
        <v>2.206</v>
      </c>
      <c r="V3931" s="2">
        <v>1.881</v>
      </c>
      <c r="W3931" s="2">
        <v>0.01</v>
      </c>
      <c r="X3931" s="2">
        <v>118.9</v>
      </c>
      <c r="Y3931" s="2">
        <v>7.6</v>
      </c>
      <c r="Z3931" s="2">
        <v>10.6</v>
      </c>
      <c r="AA3931" s="5"/>
      <c r="AB3931" s="5" t="s">
        <v>43</v>
      </c>
      <c r="AC3931" s="5" t="s">
        <v>44</v>
      </c>
      <c r="AD3931" s="2"/>
      <c r="AE3931" s="1"/>
    </row>
    <row r="3932" spans="1:31" ht="14.45">
      <c r="A3932" s="11"/>
      <c r="B3932" s="20"/>
      <c r="C3932" s="2" t="s">
        <v>12250</v>
      </c>
      <c r="D3932" s="14" t="s">
        <v>12251</v>
      </c>
      <c r="E3932" s="2" t="s">
        <v>12252</v>
      </c>
      <c r="F3932" s="2" t="s">
        <v>2208</v>
      </c>
      <c r="G3932" s="8">
        <v>143</v>
      </c>
      <c r="H3932" s="5">
        <v>13</v>
      </c>
      <c r="I3932" s="5" t="s">
        <v>1518</v>
      </c>
      <c r="J3932" s="5" t="s">
        <v>1519</v>
      </c>
      <c r="K3932" s="2" t="s">
        <v>1520</v>
      </c>
      <c r="L3932" s="5" t="s">
        <v>1519</v>
      </c>
      <c r="M3932" s="2" t="s">
        <v>1520</v>
      </c>
      <c r="N3932" s="5" t="s">
        <v>1521</v>
      </c>
      <c r="O3932" s="5" t="s">
        <v>38</v>
      </c>
      <c r="P3932" s="5" t="s">
        <v>39</v>
      </c>
      <c r="Q3932" s="5" t="s">
        <v>40</v>
      </c>
      <c r="R3932" s="5" t="s">
        <v>1522</v>
      </c>
      <c r="S3932" s="5" t="s">
        <v>1523</v>
      </c>
      <c r="T3932" s="5" t="s">
        <v>42</v>
      </c>
      <c r="U3932" s="2">
        <v>2.1560000000000001</v>
      </c>
      <c r="V3932" s="2">
        <v>1.831</v>
      </c>
      <c r="W3932" s="2">
        <v>0.01</v>
      </c>
      <c r="X3932" s="2">
        <v>118.9</v>
      </c>
      <c r="Y3932" s="2">
        <v>7.6</v>
      </c>
      <c r="Z3932" s="2">
        <v>10.6</v>
      </c>
      <c r="AA3932" s="5"/>
      <c r="AB3932" s="5" t="s">
        <v>43</v>
      </c>
      <c r="AC3932" s="5" t="s">
        <v>44</v>
      </c>
      <c r="AD3932" s="2"/>
      <c r="AE3932" s="1"/>
    </row>
    <row r="3933" spans="1:31" ht="14.45">
      <c r="A3933" s="11"/>
      <c r="B3933" s="20"/>
      <c r="C3933" s="2" t="s">
        <v>12253</v>
      </c>
      <c r="D3933" s="14" t="s">
        <v>12254</v>
      </c>
      <c r="E3933" s="2" t="s">
        <v>12255</v>
      </c>
      <c r="F3933" s="2" t="s">
        <v>2212</v>
      </c>
      <c r="G3933" s="8">
        <v>143</v>
      </c>
      <c r="H3933" s="5">
        <v>13</v>
      </c>
      <c r="I3933" s="5" t="s">
        <v>1518</v>
      </c>
      <c r="J3933" s="5" t="s">
        <v>1519</v>
      </c>
      <c r="K3933" s="2" t="s">
        <v>1520</v>
      </c>
      <c r="L3933" s="5" t="s">
        <v>1519</v>
      </c>
      <c r="M3933" s="2" t="s">
        <v>1520</v>
      </c>
      <c r="N3933" s="5" t="s">
        <v>1521</v>
      </c>
      <c r="O3933" s="5" t="s">
        <v>38</v>
      </c>
      <c r="P3933" s="5" t="s">
        <v>39</v>
      </c>
      <c r="Q3933" s="5" t="s">
        <v>40</v>
      </c>
      <c r="R3933" s="5" t="s">
        <v>1522</v>
      </c>
      <c r="S3933" s="5" t="s">
        <v>1523</v>
      </c>
      <c r="T3933" s="5" t="s">
        <v>42</v>
      </c>
      <c r="U3933" s="2">
        <v>2.206</v>
      </c>
      <c r="V3933" s="2">
        <v>1.881</v>
      </c>
      <c r="W3933" s="2">
        <v>0.01</v>
      </c>
      <c r="X3933" s="2">
        <v>118.9</v>
      </c>
      <c r="Y3933" s="2">
        <v>7.6</v>
      </c>
      <c r="Z3933" s="2">
        <v>10.6</v>
      </c>
      <c r="AA3933" s="5"/>
      <c r="AB3933" s="5" t="s">
        <v>43</v>
      </c>
      <c r="AC3933" s="5" t="s">
        <v>44</v>
      </c>
      <c r="AD3933" s="2"/>
      <c r="AE3933" s="1"/>
    </row>
    <row r="3934" spans="1:31" ht="14.45">
      <c r="A3934" s="11"/>
      <c r="B3934" s="20"/>
      <c r="C3934" s="2" t="s">
        <v>12256</v>
      </c>
      <c r="D3934" s="14" t="s">
        <v>12257</v>
      </c>
      <c r="E3934" s="2" t="s">
        <v>12258</v>
      </c>
      <c r="F3934" s="2" t="s">
        <v>1831</v>
      </c>
      <c r="G3934" s="8">
        <v>143</v>
      </c>
      <c r="H3934" s="5">
        <v>13</v>
      </c>
      <c r="I3934" s="5" t="s">
        <v>1518</v>
      </c>
      <c r="J3934" s="5" t="s">
        <v>1519</v>
      </c>
      <c r="K3934" s="2" t="s">
        <v>1520</v>
      </c>
      <c r="L3934" s="5" t="s">
        <v>1519</v>
      </c>
      <c r="M3934" s="2" t="s">
        <v>1520</v>
      </c>
      <c r="N3934" s="5" t="s">
        <v>1521</v>
      </c>
      <c r="O3934" s="5" t="s">
        <v>38</v>
      </c>
      <c r="P3934" s="5" t="s">
        <v>39</v>
      </c>
      <c r="Q3934" s="5" t="s">
        <v>40</v>
      </c>
      <c r="R3934" s="5" t="s">
        <v>1522</v>
      </c>
      <c r="S3934" s="5" t="s">
        <v>1523</v>
      </c>
      <c r="T3934" s="5" t="s">
        <v>42</v>
      </c>
      <c r="U3934" s="2">
        <v>2.1560000000000001</v>
      </c>
      <c r="V3934" s="2">
        <v>1.831</v>
      </c>
      <c r="W3934" s="2">
        <v>0.01</v>
      </c>
      <c r="X3934" s="2">
        <v>118.9</v>
      </c>
      <c r="Y3934" s="2">
        <v>7.6</v>
      </c>
      <c r="Z3934" s="2">
        <v>10.6</v>
      </c>
      <c r="AA3934" s="5"/>
      <c r="AB3934" s="5" t="s">
        <v>43</v>
      </c>
      <c r="AC3934" s="5" t="s">
        <v>44</v>
      </c>
      <c r="AD3934" s="2"/>
      <c r="AE3934" s="1"/>
    </row>
    <row r="3935" spans="1:31" ht="14.45">
      <c r="A3935" s="11"/>
      <c r="B3935" s="20"/>
      <c r="C3935" s="2" t="s">
        <v>12259</v>
      </c>
      <c r="D3935" s="14" t="s">
        <v>12260</v>
      </c>
      <c r="E3935" s="2" t="s">
        <v>12261</v>
      </c>
      <c r="F3935" s="2" t="s">
        <v>1835</v>
      </c>
      <c r="G3935" s="8">
        <v>143</v>
      </c>
      <c r="H3935" s="5">
        <v>13</v>
      </c>
      <c r="I3935" s="5" t="s">
        <v>1518</v>
      </c>
      <c r="J3935" s="5" t="s">
        <v>1519</v>
      </c>
      <c r="K3935" s="2" t="s">
        <v>1520</v>
      </c>
      <c r="L3935" s="5" t="s">
        <v>1519</v>
      </c>
      <c r="M3935" s="2" t="s">
        <v>1520</v>
      </c>
      <c r="N3935" s="5" t="s">
        <v>1521</v>
      </c>
      <c r="O3935" s="5" t="s">
        <v>38</v>
      </c>
      <c r="P3935" s="5" t="s">
        <v>39</v>
      </c>
      <c r="Q3935" s="5" t="s">
        <v>40</v>
      </c>
      <c r="R3935" s="5" t="s">
        <v>1522</v>
      </c>
      <c r="S3935" s="5" t="s">
        <v>1523</v>
      </c>
      <c r="T3935" s="5" t="s">
        <v>42</v>
      </c>
      <c r="U3935" s="2">
        <v>2.206</v>
      </c>
      <c r="V3935" s="2">
        <v>1.881</v>
      </c>
      <c r="W3935" s="2">
        <v>0.01</v>
      </c>
      <c r="X3935" s="2">
        <v>118.9</v>
      </c>
      <c r="Y3935" s="2">
        <v>7.6</v>
      </c>
      <c r="Z3935" s="2">
        <v>10.6</v>
      </c>
      <c r="AA3935" s="5"/>
      <c r="AB3935" s="5" t="s">
        <v>43</v>
      </c>
      <c r="AC3935" s="5" t="s">
        <v>44</v>
      </c>
      <c r="AD3935" s="2"/>
      <c r="AE3935" s="1"/>
    </row>
    <row r="3936" spans="1:31" ht="14.45">
      <c r="A3936" s="11"/>
      <c r="B3936" s="20"/>
      <c r="C3936" s="2" t="s">
        <v>12262</v>
      </c>
      <c r="D3936" s="14" t="s">
        <v>12263</v>
      </c>
      <c r="E3936" s="2" t="s">
        <v>12264</v>
      </c>
      <c r="F3936" s="2" t="s">
        <v>1839</v>
      </c>
      <c r="G3936" s="8">
        <v>143</v>
      </c>
      <c r="H3936" s="5">
        <v>13</v>
      </c>
      <c r="I3936" s="5" t="s">
        <v>1518</v>
      </c>
      <c r="J3936" s="5" t="s">
        <v>1519</v>
      </c>
      <c r="K3936" s="2" t="s">
        <v>1520</v>
      </c>
      <c r="L3936" s="5" t="s">
        <v>1519</v>
      </c>
      <c r="M3936" s="2" t="s">
        <v>1520</v>
      </c>
      <c r="N3936" s="5" t="s">
        <v>1521</v>
      </c>
      <c r="O3936" s="5" t="s">
        <v>38</v>
      </c>
      <c r="P3936" s="5" t="s">
        <v>39</v>
      </c>
      <c r="Q3936" s="5" t="s">
        <v>40</v>
      </c>
      <c r="R3936" s="5" t="s">
        <v>1522</v>
      </c>
      <c r="S3936" s="5" t="s">
        <v>1523</v>
      </c>
      <c r="T3936" s="5" t="s">
        <v>42</v>
      </c>
      <c r="U3936" s="2">
        <v>2.1560000000000001</v>
      </c>
      <c r="V3936" s="2">
        <v>1.831</v>
      </c>
      <c r="W3936" s="2">
        <v>0.01</v>
      </c>
      <c r="X3936" s="2">
        <v>118.9</v>
      </c>
      <c r="Y3936" s="2">
        <v>7.6</v>
      </c>
      <c r="Z3936" s="2">
        <v>10.6</v>
      </c>
      <c r="AA3936" s="5"/>
      <c r="AB3936" s="5" t="s">
        <v>43</v>
      </c>
      <c r="AC3936" s="5" t="s">
        <v>44</v>
      </c>
      <c r="AD3936" s="2"/>
      <c r="AE3936" s="1"/>
    </row>
    <row r="3937" spans="1:31" ht="14.45">
      <c r="A3937" s="11"/>
      <c r="B3937" s="20"/>
      <c r="C3937" s="2" t="s">
        <v>12265</v>
      </c>
      <c r="D3937" s="14" t="s">
        <v>12266</v>
      </c>
      <c r="E3937" s="2" t="s">
        <v>12267</v>
      </c>
      <c r="F3937" s="2" t="s">
        <v>1986</v>
      </c>
      <c r="G3937" s="8">
        <v>143</v>
      </c>
      <c r="H3937" s="5">
        <v>13</v>
      </c>
      <c r="I3937" s="5" t="s">
        <v>1518</v>
      </c>
      <c r="J3937" s="5" t="s">
        <v>1519</v>
      </c>
      <c r="K3937" s="2" t="s">
        <v>1520</v>
      </c>
      <c r="L3937" s="5" t="s">
        <v>1519</v>
      </c>
      <c r="M3937" s="2" t="s">
        <v>1520</v>
      </c>
      <c r="N3937" s="5" t="s">
        <v>1521</v>
      </c>
      <c r="O3937" s="5" t="s">
        <v>38</v>
      </c>
      <c r="P3937" s="5" t="s">
        <v>39</v>
      </c>
      <c r="Q3937" s="5" t="s">
        <v>40</v>
      </c>
      <c r="R3937" s="5" t="s">
        <v>1522</v>
      </c>
      <c r="S3937" s="5" t="s">
        <v>1523</v>
      </c>
      <c r="T3937" s="5" t="s">
        <v>42</v>
      </c>
      <c r="U3937" s="2">
        <v>2.206</v>
      </c>
      <c r="V3937" s="2">
        <v>1.881</v>
      </c>
      <c r="W3937" s="2">
        <v>0.01</v>
      </c>
      <c r="X3937" s="2">
        <v>118.9</v>
      </c>
      <c r="Y3937" s="2">
        <v>7.6</v>
      </c>
      <c r="Z3937" s="2">
        <v>10.6</v>
      </c>
      <c r="AA3937" s="5"/>
      <c r="AB3937" s="5" t="s">
        <v>43</v>
      </c>
      <c r="AC3937" s="5" t="s">
        <v>44</v>
      </c>
      <c r="AD3937" s="2"/>
      <c r="AE3937" s="1"/>
    </row>
    <row r="3938" spans="1:31" ht="14.45">
      <c r="A3938" s="11"/>
      <c r="B3938" s="20"/>
      <c r="C3938" s="2" t="s">
        <v>12268</v>
      </c>
      <c r="D3938" s="14" t="s">
        <v>12269</v>
      </c>
      <c r="E3938" s="2" t="s">
        <v>12270</v>
      </c>
      <c r="F3938" s="2" t="s">
        <v>1843</v>
      </c>
      <c r="G3938" s="8">
        <v>143</v>
      </c>
      <c r="H3938" s="5">
        <v>13</v>
      </c>
      <c r="I3938" s="5" t="s">
        <v>1518</v>
      </c>
      <c r="J3938" s="5" t="s">
        <v>1519</v>
      </c>
      <c r="K3938" s="2" t="s">
        <v>1520</v>
      </c>
      <c r="L3938" s="5" t="s">
        <v>1519</v>
      </c>
      <c r="M3938" s="2" t="s">
        <v>1520</v>
      </c>
      <c r="N3938" s="5" t="s">
        <v>1521</v>
      </c>
      <c r="O3938" s="5" t="s">
        <v>38</v>
      </c>
      <c r="P3938" s="5" t="s">
        <v>39</v>
      </c>
      <c r="Q3938" s="5" t="s">
        <v>40</v>
      </c>
      <c r="R3938" s="5" t="s">
        <v>1522</v>
      </c>
      <c r="S3938" s="5" t="s">
        <v>1523</v>
      </c>
      <c r="T3938" s="5" t="s">
        <v>42</v>
      </c>
      <c r="U3938" s="2">
        <v>2.1560000000000001</v>
      </c>
      <c r="V3938" s="2">
        <v>1.831</v>
      </c>
      <c r="W3938" s="2">
        <v>0.01</v>
      </c>
      <c r="X3938" s="2">
        <v>118.9</v>
      </c>
      <c r="Y3938" s="2">
        <v>7.6</v>
      </c>
      <c r="Z3938" s="2">
        <v>10.6</v>
      </c>
      <c r="AA3938" s="5"/>
      <c r="AB3938" s="5" t="s">
        <v>43</v>
      </c>
      <c r="AC3938" s="5" t="s">
        <v>44</v>
      </c>
      <c r="AD3938" s="2"/>
      <c r="AE3938" s="1"/>
    </row>
    <row r="3939" spans="1:31" ht="14.45">
      <c r="A3939" s="11"/>
      <c r="B3939" s="20"/>
      <c r="C3939" s="2" t="s">
        <v>12271</v>
      </c>
      <c r="D3939" s="14" t="s">
        <v>12272</v>
      </c>
      <c r="E3939" s="2" t="s">
        <v>12273</v>
      </c>
      <c r="F3939" s="2" t="s">
        <v>1847</v>
      </c>
      <c r="G3939" s="8">
        <v>143</v>
      </c>
      <c r="H3939" s="5">
        <v>13</v>
      </c>
      <c r="I3939" s="5" t="s">
        <v>1518</v>
      </c>
      <c r="J3939" s="5" t="s">
        <v>1519</v>
      </c>
      <c r="K3939" s="2" t="s">
        <v>1520</v>
      </c>
      <c r="L3939" s="5" t="s">
        <v>1519</v>
      </c>
      <c r="M3939" s="2" t="s">
        <v>1520</v>
      </c>
      <c r="N3939" s="5" t="s">
        <v>1521</v>
      </c>
      <c r="O3939" s="5" t="s">
        <v>38</v>
      </c>
      <c r="P3939" s="5" t="s">
        <v>39</v>
      </c>
      <c r="Q3939" s="5" t="s">
        <v>40</v>
      </c>
      <c r="R3939" s="5" t="s">
        <v>1522</v>
      </c>
      <c r="S3939" s="5" t="s">
        <v>1523</v>
      </c>
      <c r="T3939" s="5" t="s">
        <v>42</v>
      </c>
      <c r="U3939" s="2">
        <v>2.206</v>
      </c>
      <c r="V3939" s="2">
        <v>1.881</v>
      </c>
      <c r="W3939" s="2">
        <v>0.01</v>
      </c>
      <c r="X3939" s="2">
        <v>118.9</v>
      </c>
      <c r="Y3939" s="2">
        <v>7.6</v>
      </c>
      <c r="Z3939" s="2">
        <v>10.6</v>
      </c>
      <c r="AA3939" s="5"/>
      <c r="AB3939" s="5" t="s">
        <v>43</v>
      </c>
      <c r="AC3939" s="5" t="s">
        <v>44</v>
      </c>
      <c r="AD3939" s="2"/>
      <c r="AE3939" s="1"/>
    </row>
    <row r="3940" spans="1:31" ht="14.45">
      <c r="A3940" s="11"/>
      <c r="B3940" s="20"/>
      <c r="C3940" s="2" t="s">
        <v>12274</v>
      </c>
      <c r="D3940" s="14" t="s">
        <v>12275</v>
      </c>
      <c r="E3940" s="2" t="s">
        <v>12276</v>
      </c>
      <c r="F3940" s="2" t="s">
        <v>1851</v>
      </c>
      <c r="G3940" s="8">
        <v>143</v>
      </c>
      <c r="H3940" s="5">
        <v>13</v>
      </c>
      <c r="I3940" s="5" t="s">
        <v>1518</v>
      </c>
      <c r="J3940" s="5" t="s">
        <v>1519</v>
      </c>
      <c r="K3940" s="2" t="s">
        <v>1520</v>
      </c>
      <c r="L3940" s="5" t="s">
        <v>1519</v>
      </c>
      <c r="M3940" s="2" t="s">
        <v>1520</v>
      </c>
      <c r="N3940" s="5" t="s">
        <v>1521</v>
      </c>
      <c r="O3940" s="5" t="s">
        <v>38</v>
      </c>
      <c r="P3940" s="5" t="s">
        <v>39</v>
      </c>
      <c r="Q3940" s="5" t="s">
        <v>40</v>
      </c>
      <c r="R3940" s="5" t="s">
        <v>1522</v>
      </c>
      <c r="S3940" s="5" t="s">
        <v>1523</v>
      </c>
      <c r="T3940" s="5" t="s">
        <v>42</v>
      </c>
      <c r="U3940" s="2">
        <v>2.1560000000000001</v>
      </c>
      <c r="V3940" s="2">
        <v>1.831</v>
      </c>
      <c r="W3940" s="2">
        <v>0.01</v>
      </c>
      <c r="X3940" s="2">
        <v>118.9</v>
      </c>
      <c r="Y3940" s="2">
        <v>7.6</v>
      </c>
      <c r="Z3940" s="2">
        <v>10.6</v>
      </c>
      <c r="AA3940" s="5"/>
      <c r="AB3940" s="5" t="s">
        <v>43</v>
      </c>
      <c r="AC3940" s="5" t="s">
        <v>44</v>
      </c>
      <c r="AD3940" s="2"/>
      <c r="AE3940" s="1"/>
    </row>
    <row r="3941" spans="1:31" ht="14.45">
      <c r="A3941" s="11"/>
      <c r="B3941" s="20"/>
      <c r="C3941" s="2" t="s">
        <v>12277</v>
      </c>
      <c r="D3941" s="14" t="s">
        <v>12278</v>
      </c>
      <c r="E3941" s="2" t="s">
        <v>12279</v>
      </c>
      <c r="F3941" s="2" t="s">
        <v>1999</v>
      </c>
      <c r="G3941" s="8">
        <v>143</v>
      </c>
      <c r="H3941" s="5">
        <v>13</v>
      </c>
      <c r="I3941" s="5" t="s">
        <v>1518</v>
      </c>
      <c r="J3941" s="5" t="s">
        <v>1519</v>
      </c>
      <c r="K3941" s="2" t="s">
        <v>1520</v>
      </c>
      <c r="L3941" s="5" t="s">
        <v>1519</v>
      </c>
      <c r="M3941" s="2" t="s">
        <v>1520</v>
      </c>
      <c r="N3941" s="5" t="s">
        <v>1521</v>
      </c>
      <c r="O3941" s="5" t="s">
        <v>38</v>
      </c>
      <c r="P3941" s="5" t="s">
        <v>39</v>
      </c>
      <c r="Q3941" s="5" t="s">
        <v>40</v>
      </c>
      <c r="R3941" s="5" t="s">
        <v>1522</v>
      </c>
      <c r="S3941" s="5" t="s">
        <v>1523</v>
      </c>
      <c r="T3941" s="5" t="s">
        <v>42</v>
      </c>
      <c r="U3941" s="2">
        <v>2.206</v>
      </c>
      <c r="V3941" s="2">
        <v>1.881</v>
      </c>
      <c r="W3941" s="2">
        <v>0.01</v>
      </c>
      <c r="X3941" s="2">
        <v>118.9</v>
      </c>
      <c r="Y3941" s="2">
        <v>7.6</v>
      </c>
      <c r="Z3941" s="2">
        <v>10.6</v>
      </c>
      <c r="AA3941" s="5"/>
      <c r="AB3941" s="5" t="s">
        <v>43</v>
      </c>
      <c r="AC3941" s="5" t="s">
        <v>44</v>
      </c>
      <c r="AD3941" s="2"/>
      <c r="AE3941" s="1"/>
    </row>
    <row r="3942" spans="1:31" ht="14.45">
      <c r="A3942" s="11"/>
      <c r="B3942" s="20"/>
      <c r="C3942" s="2" t="s">
        <v>12280</v>
      </c>
      <c r="D3942" s="14" t="s">
        <v>12281</v>
      </c>
      <c r="E3942" s="2" t="s">
        <v>12282</v>
      </c>
      <c r="F3942" s="2" t="s">
        <v>1855</v>
      </c>
      <c r="G3942" s="8">
        <v>143</v>
      </c>
      <c r="H3942" s="5">
        <v>13</v>
      </c>
      <c r="I3942" s="5" t="s">
        <v>1518</v>
      </c>
      <c r="J3942" s="5" t="s">
        <v>1519</v>
      </c>
      <c r="K3942" s="2" t="s">
        <v>1520</v>
      </c>
      <c r="L3942" s="5" t="s">
        <v>1519</v>
      </c>
      <c r="M3942" s="2" t="s">
        <v>1520</v>
      </c>
      <c r="N3942" s="5" t="s">
        <v>1521</v>
      </c>
      <c r="O3942" s="5" t="s">
        <v>38</v>
      </c>
      <c r="P3942" s="5" t="s">
        <v>39</v>
      </c>
      <c r="Q3942" s="5" t="s">
        <v>40</v>
      </c>
      <c r="R3942" s="5" t="s">
        <v>1522</v>
      </c>
      <c r="S3942" s="5" t="s">
        <v>1523</v>
      </c>
      <c r="T3942" s="5" t="s">
        <v>42</v>
      </c>
      <c r="U3942" s="2">
        <v>2.1560000000000001</v>
      </c>
      <c r="V3942" s="2">
        <v>1.831</v>
      </c>
      <c r="W3942" s="2">
        <v>0.01</v>
      </c>
      <c r="X3942" s="2">
        <v>118.9</v>
      </c>
      <c r="Y3942" s="2">
        <v>7.6</v>
      </c>
      <c r="Z3942" s="2">
        <v>10.6</v>
      </c>
      <c r="AA3942" s="5"/>
      <c r="AB3942" s="5" t="s">
        <v>43</v>
      </c>
      <c r="AC3942" s="5" t="s">
        <v>44</v>
      </c>
      <c r="AD3942" s="2"/>
      <c r="AE3942" s="1"/>
    </row>
    <row r="3943" spans="1:31" ht="14.45">
      <c r="A3943" s="11"/>
      <c r="B3943" s="20"/>
      <c r="C3943" s="2" t="s">
        <v>12283</v>
      </c>
      <c r="D3943" s="14" t="s">
        <v>12284</v>
      </c>
      <c r="E3943" s="2" t="s">
        <v>12285</v>
      </c>
      <c r="F3943" s="2" t="s">
        <v>1859</v>
      </c>
      <c r="G3943" s="8">
        <v>143</v>
      </c>
      <c r="H3943" s="5">
        <v>13</v>
      </c>
      <c r="I3943" s="5" t="s">
        <v>1518</v>
      </c>
      <c r="J3943" s="5" t="s">
        <v>1519</v>
      </c>
      <c r="K3943" s="2" t="s">
        <v>1520</v>
      </c>
      <c r="L3943" s="5" t="s">
        <v>1519</v>
      </c>
      <c r="M3943" s="2" t="s">
        <v>1520</v>
      </c>
      <c r="N3943" s="5" t="s">
        <v>1521</v>
      </c>
      <c r="O3943" s="5" t="s">
        <v>38</v>
      </c>
      <c r="P3943" s="5" t="s">
        <v>39</v>
      </c>
      <c r="Q3943" s="5" t="s">
        <v>40</v>
      </c>
      <c r="R3943" s="5" t="s">
        <v>1522</v>
      </c>
      <c r="S3943" s="5" t="s">
        <v>1523</v>
      </c>
      <c r="T3943" s="5" t="s">
        <v>42</v>
      </c>
      <c r="U3943" s="2">
        <v>2.206</v>
      </c>
      <c r="V3943" s="2">
        <v>1.881</v>
      </c>
      <c r="W3943" s="2">
        <v>0.01</v>
      </c>
      <c r="X3943" s="2">
        <v>118.9</v>
      </c>
      <c r="Y3943" s="2">
        <v>7.6</v>
      </c>
      <c r="Z3943" s="2">
        <v>10.6</v>
      </c>
      <c r="AA3943" s="5"/>
      <c r="AB3943" s="5" t="s">
        <v>43</v>
      </c>
      <c r="AC3943" s="5" t="s">
        <v>44</v>
      </c>
      <c r="AD3943" s="2"/>
      <c r="AE3943" s="1"/>
    </row>
    <row r="3944" spans="1:31" ht="14.45">
      <c r="A3944" s="11"/>
      <c r="B3944" s="20"/>
      <c r="C3944" s="2" t="s">
        <v>12286</v>
      </c>
      <c r="D3944" s="14" t="s">
        <v>12287</v>
      </c>
      <c r="E3944" s="2" t="s">
        <v>12288</v>
      </c>
      <c r="F3944" s="2" t="s">
        <v>1863</v>
      </c>
      <c r="G3944" s="8">
        <v>143</v>
      </c>
      <c r="H3944" s="5">
        <v>11</v>
      </c>
      <c r="I3944" s="5" t="s">
        <v>1518</v>
      </c>
      <c r="J3944" s="5" t="s">
        <v>1519</v>
      </c>
      <c r="K3944" s="2" t="s">
        <v>1520</v>
      </c>
      <c r="L3944" s="5" t="s">
        <v>1519</v>
      </c>
      <c r="M3944" s="2" t="s">
        <v>1520</v>
      </c>
      <c r="N3944" s="5" t="s">
        <v>1521</v>
      </c>
      <c r="O3944" s="5" t="s">
        <v>38</v>
      </c>
      <c r="P3944" s="5" t="s">
        <v>39</v>
      </c>
      <c r="Q3944" s="5" t="s">
        <v>40</v>
      </c>
      <c r="R3944" s="5" t="s">
        <v>1522</v>
      </c>
      <c r="S3944" s="5" t="s">
        <v>1523</v>
      </c>
      <c r="T3944" s="5" t="s">
        <v>42</v>
      </c>
      <c r="U3944" s="2">
        <v>2.0880000000000001</v>
      </c>
      <c r="V3944" s="2">
        <v>1.7609999999999999</v>
      </c>
      <c r="W3944" s="2">
        <v>0.01</v>
      </c>
      <c r="X3944" s="2">
        <v>118.9</v>
      </c>
      <c r="Y3944" s="2">
        <v>7.6</v>
      </c>
      <c r="Z3944" s="2">
        <v>10.6</v>
      </c>
      <c r="AA3944" s="5"/>
      <c r="AB3944" s="5" t="s">
        <v>43</v>
      </c>
      <c r="AC3944" s="5" t="s">
        <v>44</v>
      </c>
      <c r="AD3944" s="2"/>
      <c r="AE3944" s="1"/>
    </row>
    <row r="3945" spans="1:31" ht="14.45">
      <c r="A3945" s="11"/>
      <c r="B3945" s="20"/>
      <c r="C3945" s="2" t="s">
        <v>12289</v>
      </c>
      <c r="D3945" s="14" t="s">
        <v>12290</v>
      </c>
      <c r="E3945" s="2" t="s">
        <v>12291</v>
      </c>
      <c r="F3945" s="2" t="s">
        <v>1867</v>
      </c>
      <c r="G3945" s="8">
        <v>143</v>
      </c>
      <c r="H3945" s="5">
        <v>11</v>
      </c>
      <c r="I3945" s="5" t="s">
        <v>1518</v>
      </c>
      <c r="J3945" s="5" t="s">
        <v>1519</v>
      </c>
      <c r="K3945" s="2" t="s">
        <v>1520</v>
      </c>
      <c r="L3945" s="5" t="s">
        <v>1519</v>
      </c>
      <c r="M3945" s="2" t="s">
        <v>1520</v>
      </c>
      <c r="N3945" s="5" t="s">
        <v>1521</v>
      </c>
      <c r="O3945" s="5" t="s">
        <v>38</v>
      </c>
      <c r="P3945" s="5" t="s">
        <v>39</v>
      </c>
      <c r="Q3945" s="5" t="s">
        <v>40</v>
      </c>
      <c r="R3945" s="5" t="s">
        <v>1522</v>
      </c>
      <c r="S3945" s="5" t="s">
        <v>1523</v>
      </c>
      <c r="T3945" s="5" t="s">
        <v>42</v>
      </c>
      <c r="U3945" s="2">
        <v>2.1379999999999999</v>
      </c>
      <c r="V3945" s="2">
        <v>1.8109999999999999</v>
      </c>
      <c r="W3945" s="2">
        <v>0.01</v>
      </c>
      <c r="X3945" s="2">
        <v>118.9</v>
      </c>
      <c r="Y3945" s="2">
        <v>7.6</v>
      </c>
      <c r="Z3945" s="2">
        <v>10.6</v>
      </c>
      <c r="AA3945" s="5"/>
      <c r="AB3945" s="5" t="s">
        <v>43</v>
      </c>
      <c r="AC3945" s="5" t="s">
        <v>44</v>
      </c>
      <c r="AD3945" s="2"/>
      <c r="AE3945" s="1"/>
    </row>
    <row r="3946" spans="1:31" ht="14.45">
      <c r="A3946" s="11"/>
      <c r="B3946" s="20"/>
      <c r="C3946" s="2" t="s">
        <v>12292</v>
      </c>
      <c r="D3946" s="14" t="s">
        <v>12293</v>
      </c>
      <c r="E3946" s="2" t="s">
        <v>12294</v>
      </c>
      <c r="F3946" s="2" t="s">
        <v>7396</v>
      </c>
      <c r="G3946" s="8">
        <v>131</v>
      </c>
      <c r="H3946" s="5">
        <v>5</v>
      </c>
      <c r="I3946" s="5" t="s">
        <v>1518</v>
      </c>
      <c r="J3946" s="5" t="s">
        <v>1519</v>
      </c>
      <c r="K3946" s="2" t="s">
        <v>1520</v>
      </c>
      <c r="L3946" s="5" t="s">
        <v>1519</v>
      </c>
      <c r="M3946" s="2" t="s">
        <v>1520</v>
      </c>
      <c r="N3946" s="5" t="s">
        <v>1521</v>
      </c>
      <c r="O3946" s="5" t="s">
        <v>38</v>
      </c>
      <c r="P3946" s="5" t="s">
        <v>39</v>
      </c>
      <c r="Q3946" s="5" t="s">
        <v>40</v>
      </c>
      <c r="R3946" s="5" t="s">
        <v>1522</v>
      </c>
      <c r="S3946" s="5" t="s">
        <v>1523</v>
      </c>
      <c r="T3946" s="5" t="s">
        <v>42</v>
      </c>
      <c r="U3946" s="2">
        <v>2.246</v>
      </c>
      <c r="V3946" s="2">
        <v>1.921</v>
      </c>
      <c r="W3946" s="2">
        <v>0.01</v>
      </c>
      <c r="X3946" s="2">
        <v>118.9</v>
      </c>
      <c r="Y3946" s="2">
        <v>7.6</v>
      </c>
      <c r="Z3946" s="2">
        <v>10.6</v>
      </c>
      <c r="AA3946" s="5"/>
      <c r="AB3946" s="5" t="s">
        <v>43</v>
      </c>
      <c r="AC3946" s="5" t="s">
        <v>44</v>
      </c>
      <c r="AD3946" s="2"/>
      <c r="AE3946" s="1"/>
    </row>
    <row r="3947" spans="1:31" ht="14.45">
      <c r="A3947" s="11"/>
      <c r="B3947" s="20"/>
      <c r="C3947" s="2" t="s">
        <v>12295</v>
      </c>
      <c r="D3947" s="14" t="s">
        <v>12296</v>
      </c>
      <c r="E3947" s="2" t="s">
        <v>12297</v>
      </c>
      <c r="F3947" s="2" t="s">
        <v>7507</v>
      </c>
      <c r="G3947" s="8">
        <v>131</v>
      </c>
      <c r="H3947" s="5">
        <v>5</v>
      </c>
      <c r="I3947" s="5" t="s">
        <v>1518</v>
      </c>
      <c r="J3947" s="5" t="s">
        <v>1519</v>
      </c>
      <c r="K3947" s="2" t="s">
        <v>1520</v>
      </c>
      <c r="L3947" s="5" t="s">
        <v>1519</v>
      </c>
      <c r="M3947" s="2" t="s">
        <v>1520</v>
      </c>
      <c r="N3947" s="5" t="s">
        <v>1521</v>
      </c>
      <c r="O3947" s="5" t="s">
        <v>38</v>
      </c>
      <c r="P3947" s="5" t="s">
        <v>39</v>
      </c>
      <c r="Q3947" s="5" t="s">
        <v>40</v>
      </c>
      <c r="R3947" s="5" t="s">
        <v>1522</v>
      </c>
      <c r="S3947" s="5" t="s">
        <v>1523</v>
      </c>
      <c r="T3947" s="5" t="s">
        <v>42</v>
      </c>
      <c r="U3947" s="2">
        <v>2.2999999999999998</v>
      </c>
      <c r="V3947" s="2">
        <v>1.9750000000000001</v>
      </c>
      <c r="W3947" s="2">
        <v>0.01</v>
      </c>
      <c r="X3947" s="2">
        <v>118.9</v>
      </c>
      <c r="Y3947" s="2">
        <v>7.6</v>
      </c>
      <c r="Z3947" s="2">
        <v>10.6</v>
      </c>
      <c r="AA3947" s="5"/>
      <c r="AB3947" s="5" t="s">
        <v>43</v>
      </c>
      <c r="AC3947" s="5" t="s">
        <v>44</v>
      </c>
      <c r="AD3947" s="2"/>
      <c r="AE3947" s="1"/>
    </row>
    <row r="3948" spans="1:31" ht="14.45">
      <c r="A3948" s="11"/>
      <c r="B3948" s="20"/>
      <c r="C3948" s="2" t="s">
        <v>12298</v>
      </c>
      <c r="D3948" s="14" t="s">
        <v>12299</v>
      </c>
      <c r="E3948" s="2" t="s">
        <v>12300</v>
      </c>
      <c r="F3948" s="2" t="s">
        <v>7204</v>
      </c>
      <c r="G3948" s="8">
        <v>131</v>
      </c>
      <c r="H3948" s="5">
        <v>5</v>
      </c>
      <c r="I3948" s="5" t="s">
        <v>1518</v>
      </c>
      <c r="J3948" s="5" t="s">
        <v>1519</v>
      </c>
      <c r="K3948" s="2" t="s">
        <v>1520</v>
      </c>
      <c r="L3948" s="5" t="s">
        <v>1519</v>
      </c>
      <c r="M3948" s="2" t="s">
        <v>1520</v>
      </c>
      <c r="N3948" s="5" t="s">
        <v>1521</v>
      </c>
      <c r="O3948" s="5" t="s">
        <v>38</v>
      </c>
      <c r="P3948" s="5" t="s">
        <v>39</v>
      </c>
      <c r="Q3948" s="5" t="s">
        <v>40</v>
      </c>
      <c r="R3948" s="5" t="s">
        <v>1522</v>
      </c>
      <c r="S3948" s="5" t="s">
        <v>1523</v>
      </c>
      <c r="T3948" s="5" t="s">
        <v>42</v>
      </c>
      <c r="U3948" s="2">
        <v>2.258</v>
      </c>
      <c r="V3948" s="2">
        <v>1.9330000000000001</v>
      </c>
      <c r="W3948" s="2">
        <v>0.01</v>
      </c>
      <c r="X3948" s="2">
        <v>118.9</v>
      </c>
      <c r="Y3948" s="2">
        <v>7.6</v>
      </c>
      <c r="Z3948" s="2">
        <v>10.6</v>
      </c>
      <c r="AA3948" s="5"/>
      <c r="AB3948" s="5" t="s">
        <v>43</v>
      </c>
      <c r="AC3948" s="5" t="s">
        <v>44</v>
      </c>
      <c r="AD3948" s="2"/>
      <c r="AE3948" s="1"/>
    </row>
    <row r="3949" spans="1:31" ht="14.45">
      <c r="A3949" s="11"/>
      <c r="B3949" s="20"/>
      <c r="C3949" s="2" t="s">
        <v>12301</v>
      </c>
      <c r="D3949" s="14" t="s">
        <v>12302</v>
      </c>
      <c r="E3949" s="2" t="s">
        <v>12303</v>
      </c>
      <c r="F3949" s="2" t="s">
        <v>7514</v>
      </c>
      <c r="G3949" s="8">
        <v>131</v>
      </c>
      <c r="H3949" s="5">
        <v>5</v>
      </c>
      <c r="I3949" s="5" t="s">
        <v>1518</v>
      </c>
      <c r="J3949" s="5" t="s">
        <v>1519</v>
      </c>
      <c r="K3949" s="2" t="s">
        <v>1520</v>
      </c>
      <c r="L3949" s="5" t="s">
        <v>1519</v>
      </c>
      <c r="M3949" s="2" t="s">
        <v>1520</v>
      </c>
      <c r="N3949" s="5" t="s">
        <v>1521</v>
      </c>
      <c r="O3949" s="5" t="s">
        <v>38</v>
      </c>
      <c r="P3949" s="5" t="s">
        <v>39</v>
      </c>
      <c r="Q3949" s="5" t="s">
        <v>40</v>
      </c>
      <c r="R3949" s="5" t="s">
        <v>1522</v>
      </c>
      <c r="S3949" s="5" t="s">
        <v>1523</v>
      </c>
      <c r="T3949" s="5" t="s">
        <v>42</v>
      </c>
      <c r="U3949" s="2">
        <v>2.3119999999999998</v>
      </c>
      <c r="V3949" s="2">
        <v>1.9870000000000001</v>
      </c>
      <c r="W3949" s="2">
        <v>0.01</v>
      </c>
      <c r="X3949" s="2">
        <v>118.9</v>
      </c>
      <c r="Y3949" s="2">
        <v>7.6</v>
      </c>
      <c r="Z3949" s="2">
        <v>10.6</v>
      </c>
      <c r="AA3949" s="5"/>
      <c r="AB3949" s="5" t="s">
        <v>43</v>
      </c>
      <c r="AC3949" s="5" t="s">
        <v>44</v>
      </c>
      <c r="AD3949" s="2"/>
      <c r="AE3949" s="1"/>
    </row>
    <row r="3950" spans="1:31" ht="14.45">
      <c r="A3950" s="11"/>
      <c r="B3950" s="20"/>
      <c r="C3950" s="2" t="s">
        <v>12304</v>
      </c>
      <c r="D3950" s="14" t="s">
        <v>12305</v>
      </c>
      <c r="E3950" s="2" t="s">
        <v>12306</v>
      </c>
      <c r="F3950" s="2" t="s">
        <v>7208</v>
      </c>
      <c r="G3950" s="8">
        <v>131</v>
      </c>
      <c r="H3950" s="5">
        <v>5</v>
      </c>
      <c r="I3950" s="5" t="s">
        <v>1518</v>
      </c>
      <c r="J3950" s="5" t="s">
        <v>1519</v>
      </c>
      <c r="K3950" s="2" t="s">
        <v>1520</v>
      </c>
      <c r="L3950" s="5" t="s">
        <v>1519</v>
      </c>
      <c r="M3950" s="2" t="s">
        <v>1520</v>
      </c>
      <c r="N3950" s="5" t="s">
        <v>1521</v>
      </c>
      <c r="O3950" s="5" t="s">
        <v>38</v>
      </c>
      <c r="P3950" s="5" t="s">
        <v>39</v>
      </c>
      <c r="Q3950" s="5" t="s">
        <v>40</v>
      </c>
      <c r="R3950" s="5" t="s">
        <v>1522</v>
      </c>
      <c r="S3950" s="5" t="s">
        <v>1523</v>
      </c>
      <c r="T3950" s="5" t="s">
        <v>42</v>
      </c>
      <c r="U3950" s="2">
        <v>2.258</v>
      </c>
      <c r="V3950" s="2">
        <v>1.9330000000000001</v>
      </c>
      <c r="W3950" s="2">
        <v>0.01</v>
      </c>
      <c r="X3950" s="2">
        <v>118.9</v>
      </c>
      <c r="Y3950" s="2">
        <v>7.6</v>
      </c>
      <c r="Z3950" s="2">
        <v>10.6</v>
      </c>
      <c r="AA3950" s="5"/>
      <c r="AB3950" s="5" t="s">
        <v>43</v>
      </c>
      <c r="AC3950" s="5" t="s">
        <v>44</v>
      </c>
      <c r="AD3950" s="2"/>
      <c r="AE3950" s="1"/>
    </row>
    <row r="3951" spans="1:31" ht="14.45">
      <c r="A3951" s="11"/>
      <c r="B3951" s="20"/>
      <c r="C3951" s="2" t="s">
        <v>12307</v>
      </c>
      <c r="D3951" s="14" t="s">
        <v>12308</v>
      </c>
      <c r="E3951" s="2" t="s">
        <v>12309</v>
      </c>
      <c r="F3951" s="2" t="s">
        <v>7521</v>
      </c>
      <c r="G3951" s="8">
        <v>131</v>
      </c>
      <c r="H3951" s="5">
        <v>5</v>
      </c>
      <c r="I3951" s="5" t="s">
        <v>1518</v>
      </c>
      <c r="J3951" s="5" t="s">
        <v>1519</v>
      </c>
      <c r="K3951" s="2" t="s">
        <v>1520</v>
      </c>
      <c r="L3951" s="5" t="s">
        <v>1519</v>
      </c>
      <c r="M3951" s="2" t="s">
        <v>1520</v>
      </c>
      <c r="N3951" s="5" t="s">
        <v>1521</v>
      </c>
      <c r="O3951" s="5" t="s">
        <v>38</v>
      </c>
      <c r="P3951" s="5" t="s">
        <v>39</v>
      </c>
      <c r="Q3951" s="5" t="s">
        <v>40</v>
      </c>
      <c r="R3951" s="5" t="s">
        <v>1522</v>
      </c>
      <c r="S3951" s="5" t="s">
        <v>1523</v>
      </c>
      <c r="T3951" s="5" t="s">
        <v>42</v>
      </c>
      <c r="U3951" s="2">
        <v>2.3109999999999999</v>
      </c>
      <c r="V3951" s="2">
        <v>1.986</v>
      </c>
      <c r="W3951" s="2">
        <v>0.01</v>
      </c>
      <c r="X3951" s="2">
        <v>118.9</v>
      </c>
      <c r="Y3951" s="2">
        <v>7.6</v>
      </c>
      <c r="Z3951" s="2">
        <v>10.6</v>
      </c>
      <c r="AA3951" s="5"/>
      <c r="AB3951" s="5" t="s">
        <v>43</v>
      </c>
      <c r="AC3951" s="5" t="s">
        <v>44</v>
      </c>
      <c r="AD3951" s="2"/>
      <c r="AE3951" s="1"/>
    </row>
    <row r="3952" spans="1:31" ht="14.45">
      <c r="A3952" s="11"/>
      <c r="B3952" s="20"/>
      <c r="C3952" s="2" t="s">
        <v>12310</v>
      </c>
      <c r="D3952" s="14" t="s">
        <v>12311</v>
      </c>
      <c r="E3952" s="2" t="s">
        <v>12312</v>
      </c>
      <c r="F3952" s="2" t="s">
        <v>7212</v>
      </c>
      <c r="G3952" s="8">
        <v>131</v>
      </c>
      <c r="H3952" s="5">
        <v>5</v>
      </c>
      <c r="I3952" s="5" t="s">
        <v>1518</v>
      </c>
      <c r="J3952" s="5" t="s">
        <v>1519</v>
      </c>
      <c r="K3952" s="2" t="s">
        <v>1520</v>
      </c>
      <c r="L3952" s="5" t="s">
        <v>1519</v>
      </c>
      <c r="M3952" s="2" t="s">
        <v>1520</v>
      </c>
      <c r="N3952" s="5" t="s">
        <v>1521</v>
      </c>
      <c r="O3952" s="5" t="s">
        <v>38</v>
      </c>
      <c r="P3952" s="5" t="s">
        <v>39</v>
      </c>
      <c r="Q3952" s="5" t="s">
        <v>40</v>
      </c>
      <c r="R3952" s="5" t="s">
        <v>1522</v>
      </c>
      <c r="S3952" s="5" t="s">
        <v>1523</v>
      </c>
      <c r="T3952" s="5" t="s">
        <v>42</v>
      </c>
      <c r="U3952" s="2">
        <v>2.222</v>
      </c>
      <c r="V3952" s="2">
        <v>1.897</v>
      </c>
      <c r="W3952" s="2">
        <v>0.01</v>
      </c>
      <c r="X3952" s="2">
        <v>118.9</v>
      </c>
      <c r="Y3952" s="2">
        <v>7.6</v>
      </c>
      <c r="Z3952" s="2">
        <v>10.6</v>
      </c>
      <c r="AA3952" s="5"/>
      <c r="AB3952" s="5" t="s">
        <v>43</v>
      </c>
      <c r="AC3952" s="5" t="s">
        <v>44</v>
      </c>
      <c r="AD3952" s="2"/>
      <c r="AE3952" s="1"/>
    </row>
    <row r="3953" spans="1:31" ht="14.45">
      <c r="A3953" s="11"/>
      <c r="B3953" s="20"/>
      <c r="C3953" s="2" t="s">
        <v>12313</v>
      </c>
      <c r="D3953" s="14" t="s">
        <v>12314</v>
      </c>
      <c r="E3953" s="2" t="s">
        <v>12315</v>
      </c>
      <c r="F3953" s="2" t="s">
        <v>7528</v>
      </c>
      <c r="G3953" s="8">
        <v>131</v>
      </c>
      <c r="H3953" s="5">
        <v>5</v>
      </c>
      <c r="I3953" s="5" t="s">
        <v>1518</v>
      </c>
      <c r="J3953" s="5" t="s">
        <v>1519</v>
      </c>
      <c r="K3953" s="2" t="s">
        <v>1520</v>
      </c>
      <c r="L3953" s="5" t="s">
        <v>1519</v>
      </c>
      <c r="M3953" s="2" t="s">
        <v>1520</v>
      </c>
      <c r="N3953" s="5" t="s">
        <v>1521</v>
      </c>
      <c r="O3953" s="5" t="s">
        <v>38</v>
      </c>
      <c r="P3953" s="5" t="s">
        <v>39</v>
      </c>
      <c r="Q3953" s="5" t="s">
        <v>40</v>
      </c>
      <c r="R3953" s="5" t="s">
        <v>1522</v>
      </c>
      <c r="S3953" s="5" t="s">
        <v>1523</v>
      </c>
      <c r="T3953" s="5" t="s">
        <v>42</v>
      </c>
      <c r="U3953" s="2">
        <v>2.2759999999999998</v>
      </c>
      <c r="V3953" s="2">
        <v>1.9510000000000001</v>
      </c>
      <c r="W3953" s="2">
        <v>0.01</v>
      </c>
      <c r="X3953" s="2">
        <v>118.9</v>
      </c>
      <c r="Y3953" s="2">
        <v>7.6</v>
      </c>
      <c r="Z3953" s="2">
        <v>10.6</v>
      </c>
      <c r="AA3953" s="5"/>
      <c r="AB3953" s="5" t="s">
        <v>43</v>
      </c>
      <c r="AC3953" s="5" t="s">
        <v>44</v>
      </c>
      <c r="AD3953" s="2"/>
      <c r="AE3953" s="1"/>
    </row>
    <row r="3954" spans="1:31" ht="14.45">
      <c r="A3954" s="11"/>
      <c r="B3954" s="20"/>
      <c r="C3954" s="2" t="s">
        <v>12316</v>
      </c>
      <c r="D3954" s="14" t="s">
        <v>12317</v>
      </c>
      <c r="E3954" s="2" t="s">
        <v>12318</v>
      </c>
      <c r="F3954" s="2" t="s">
        <v>7406</v>
      </c>
      <c r="G3954" s="8">
        <v>151</v>
      </c>
      <c r="H3954" s="5">
        <v>6</v>
      </c>
      <c r="I3954" s="5" t="s">
        <v>1518</v>
      </c>
      <c r="J3954" s="5" t="s">
        <v>1519</v>
      </c>
      <c r="K3954" s="2" t="s">
        <v>1520</v>
      </c>
      <c r="L3954" s="5" t="s">
        <v>1519</v>
      </c>
      <c r="M3954" s="2" t="s">
        <v>1520</v>
      </c>
      <c r="N3954" s="5" t="s">
        <v>1521</v>
      </c>
      <c r="O3954" s="5" t="s">
        <v>38</v>
      </c>
      <c r="P3954" s="5" t="s">
        <v>39</v>
      </c>
      <c r="Q3954" s="5" t="s">
        <v>40</v>
      </c>
      <c r="R3954" s="5" t="s">
        <v>1522</v>
      </c>
      <c r="S3954" s="5" t="s">
        <v>1523</v>
      </c>
      <c r="T3954" s="5" t="s">
        <v>42</v>
      </c>
      <c r="U3954" s="2">
        <v>2.222</v>
      </c>
      <c r="V3954" s="2">
        <v>1.897</v>
      </c>
      <c r="W3954" s="2">
        <v>0.01</v>
      </c>
      <c r="X3954" s="2">
        <v>118.9</v>
      </c>
      <c r="Y3954" s="2">
        <v>7.6</v>
      </c>
      <c r="Z3954" s="2">
        <v>10.6</v>
      </c>
      <c r="AA3954" s="5"/>
      <c r="AB3954" s="5" t="s">
        <v>43</v>
      </c>
      <c r="AC3954" s="5" t="s">
        <v>44</v>
      </c>
      <c r="AD3954" s="2"/>
      <c r="AE3954" s="1"/>
    </row>
    <row r="3955" spans="1:31" ht="14.45">
      <c r="A3955" s="11"/>
      <c r="B3955" s="20"/>
      <c r="C3955" s="2" t="s">
        <v>12319</v>
      </c>
      <c r="D3955" s="14" t="s">
        <v>12320</v>
      </c>
      <c r="E3955" s="2" t="s">
        <v>12321</v>
      </c>
      <c r="F3955" s="2" t="s">
        <v>7535</v>
      </c>
      <c r="G3955" s="8">
        <v>151</v>
      </c>
      <c r="H3955" s="5">
        <v>6</v>
      </c>
      <c r="I3955" s="5" t="s">
        <v>1518</v>
      </c>
      <c r="J3955" s="5" t="s">
        <v>1519</v>
      </c>
      <c r="K3955" s="2" t="s">
        <v>1520</v>
      </c>
      <c r="L3955" s="5" t="s">
        <v>1519</v>
      </c>
      <c r="M3955" s="2" t="s">
        <v>1520</v>
      </c>
      <c r="N3955" s="5" t="s">
        <v>1521</v>
      </c>
      <c r="O3955" s="5" t="s">
        <v>38</v>
      </c>
      <c r="P3955" s="5" t="s">
        <v>39</v>
      </c>
      <c r="Q3955" s="5" t="s">
        <v>40</v>
      </c>
      <c r="R3955" s="5" t="s">
        <v>1522</v>
      </c>
      <c r="S3955" s="5" t="s">
        <v>1523</v>
      </c>
      <c r="T3955" s="5" t="s">
        <v>42</v>
      </c>
      <c r="U3955" s="2">
        <v>2.2759999999999998</v>
      </c>
      <c r="V3955" s="2">
        <v>1.9510000000000001</v>
      </c>
      <c r="W3955" s="2">
        <v>0.01</v>
      </c>
      <c r="X3955" s="2">
        <v>118.9</v>
      </c>
      <c r="Y3955" s="2">
        <v>7.6</v>
      </c>
      <c r="Z3955" s="2">
        <v>10.6</v>
      </c>
      <c r="AA3955" s="5"/>
      <c r="AB3955" s="5" t="s">
        <v>43</v>
      </c>
      <c r="AC3955" s="5" t="s">
        <v>44</v>
      </c>
      <c r="AD3955" s="2"/>
      <c r="AE3955" s="1"/>
    </row>
    <row r="3956" spans="1:31" ht="14.45">
      <c r="A3956" s="11"/>
      <c r="B3956" s="20"/>
      <c r="C3956" s="2" t="s">
        <v>12322</v>
      </c>
      <c r="D3956" s="14" t="s">
        <v>12323</v>
      </c>
      <c r="E3956" s="2" t="s">
        <v>12324</v>
      </c>
      <c r="F3956" s="2" t="s">
        <v>7539</v>
      </c>
      <c r="G3956" s="8">
        <v>151</v>
      </c>
      <c r="H3956" s="5">
        <v>6</v>
      </c>
      <c r="I3956" s="5" t="s">
        <v>1518</v>
      </c>
      <c r="J3956" s="5" t="s">
        <v>1519</v>
      </c>
      <c r="K3956" s="2" t="s">
        <v>1520</v>
      </c>
      <c r="L3956" s="5" t="s">
        <v>1519</v>
      </c>
      <c r="M3956" s="2" t="s">
        <v>1520</v>
      </c>
      <c r="N3956" s="5" t="s">
        <v>1521</v>
      </c>
      <c r="O3956" s="5" t="s">
        <v>38</v>
      </c>
      <c r="P3956" s="5" t="s">
        <v>39</v>
      </c>
      <c r="Q3956" s="5" t="s">
        <v>40</v>
      </c>
      <c r="R3956" s="5" t="s">
        <v>1522</v>
      </c>
      <c r="S3956" s="5" t="s">
        <v>1523</v>
      </c>
      <c r="T3956" s="5" t="s">
        <v>42</v>
      </c>
      <c r="U3956" s="2">
        <v>2.2570000000000001</v>
      </c>
      <c r="V3956" s="2">
        <v>1.9319999999999999</v>
      </c>
      <c r="W3956" s="2">
        <v>0.01</v>
      </c>
      <c r="X3956" s="2">
        <v>118.9</v>
      </c>
      <c r="Y3956" s="2">
        <v>7.6</v>
      </c>
      <c r="Z3956" s="2">
        <v>10.6</v>
      </c>
      <c r="AA3956" s="5"/>
      <c r="AB3956" s="5" t="s">
        <v>43</v>
      </c>
      <c r="AC3956" s="5" t="s">
        <v>44</v>
      </c>
      <c r="AD3956" s="2"/>
      <c r="AE3956" s="1"/>
    </row>
    <row r="3957" spans="1:31" ht="14.45">
      <c r="A3957" s="11"/>
      <c r="B3957" s="20"/>
      <c r="C3957" s="2" t="s">
        <v>12325</v>
      </c>
      <c r="D3957" s="14" t="s">
        <v>12326</v>
      </c>
      <c r="E3957" s="2" t="s">
        <v>12327</v>
      </c>
      <c r="F3957" s="2" t="s">
        <v>7543</v>
      </c>
      <c r="G3957" s="8">
        <v>151</v>
      </c>
      <c r="H3957" s="5">
        <v>6</v>
      </c>
      <c r="I3957" s="5" t="s">
        <v>1518</v>
      </c>
      <c r="J3957" s="5" t="s">
        <v>1519</v>
      </c>
      <c r="K3957" s="2" t="s">
        <v>1520</v>
      </c>
      <c r="L3957" s="5" t="s">
        <v>1519</v>
      </c>
      <c r="M3957" s="2" t="s">
        <v>1520</v>
      </c>
      <c r="N3957" s="5" t="s">
        <v>1521</v>
      </c>
      <c r="O3957" s="5" t="s">
        <v>38</v>
      </c>
      <c r="P3957" s="5" t="s">
        <v>39</v>
      </c>
      <c r="Q3957" s="5" t="s">
        <v>40</v>
      </c>
      <c r="R3957" s="5" t="s">
        <v>1522</v>
      </c>
      <c r="S3957" s="5" t="s">
        <v>1523</v>
      </c>
      <c r="T3957" s="5" t="s">
        <v>42</v>
      </c>
      <c r="U3957" s="2">
        <v>2.3109999999999999</v>
      </c>
      <c r="V3957" s="2">
        <v>1.986</v>
      </c>
      <c r="W3957" s="2">
        <v>0.01</v>
      </c>
      <c r="X3957" s="2">
        <v>118.9</v>
      </c>
      <c r="Y3957" s="2">
        <v>7.6</v>
      </c>
      <c r="Z3957" s="2">
        <v>10.6</v>
      </c>
      <c r="AA3957" s="5"/>
      <c r="AB3957" s="5" t="s">
        <v>43</v>
      </c>
      <c r="AC3957" s="5" t="s">
        <v>44</v>
      </c>
      <c r="AD3957" s="2"/>
      <c r="AE3957" s="1"/>
    </row>
    <row r="3958" spans="1:31" ht="14.45">
      <c r="A3958" s="11"/>
      <c r="B3958" s="20"/>
      <c r="C3958" s="2" t="s">
        <v>12328</v>
      </c>
      <c r="D3958" s="14" t="s">
        <v>12329</v>
      </c>
      <c r="E3958" s="2" t="s">
        <v>12330</v>
      </c>
      <c r="F3958" s="2" t="s">
        <v>7547</v>
      </c>
      <c r="G3958" s="8">
        <v>151</v>
      </c>
      <c r="H3958" s="5">
        <v>6</v>
      </c>
      <c r="I3958" s="5" t="s">
        <v>1518</v>
      </c>
      <c r="J3958" s="5" t="s">
        <v>1519</v>
      </c>
      <c r="K3958" s="2" t="s">
        <v>1520</v>
      </c>
      <c r="L3958" s="5" t="s">
        <v>1519</v>
      </c>
      <c r="M3958" s="2" t="s">
        <v>1520</v>
      </c>
      <c r="N3958" s="5" t="s">
        <v>1521</v>
      </c>
      <c r="O3958" s="5" t="s">
        <v>38</v>
      </c>
      <c r="P3958" s="5" t="s">
        <v>39</v>
      </c>
      <c r="Q3958" s="5" t="s">
        <v>40</v>
      </c>
      <c r="R3958" s="5" t="s">
        <v>1522</v>
      </c>
      <c r="S3958" s="5" t="s">
        <v>1523</v>
      </c>
      <c r="T3958" s="5" t="s">
        <v>42</v>
      </c>
      <c r="U3958" s="2">
        <v>2.222</v>
      </c>
      <c r="V3958" s="2">
        <v>1.897</v>
      </c>
      <c r="W3958" s="2">
        <v>0.01</v>
      </c>
      <c r="X3958" s="2">
        <v>118.9</v>
      </c>
      <c r="Y3958" s="2">
        <v>7.6</v>
      </c>
      <c r="Z3958" s="2">
        <v>10.6</v>
      </c>
      <c r="AA3958" s="5"/>
      <c r="AB3958" s="5" t="s">
        <v>43</v>
      </c>
      <c r="AC3958" s="5" t="s">
        <v>44</v>
      </c>
      <c r="AD3958" s="2"/>
      <c r="AE3958" s="1"/>
    </row>
    <row r="3959" spans="1:31" ht="14.45">
      <c r="A3959" s="11"/>
      <c r="B3959" s="20"/>
      <c r="C3959" s="2" t="s">
        <v>12331</v>
      </c>
      <c r="D3959" s="14" t="s">
        <v>12332</v>
      </c>
      <c r="E3959" s="2" t="s">
        <v>12333</v>
      </c>
      <c r="F3959" s="2" t="s">
        <v>7551</v>
      </c>
      <c r="G3959" s="8">
        <v>151</v>
      </c>
      <c r="H3959" s="5">
        <v>6</v>
      </c>
      <c r="I3959" s="5" t="s">
        <v>1518</v>
      </c>
      <c r="J3959" s="5" t="s">
        <v>1519</v>
      </c>
      <c r="K3959" s="2" t="s">
        <v>1520</v>
      </c>
      <c r="L3959" s="5" t="s">
        <v>1519</v>
      </c>
      <c r="M3959" s="2" t="s">
        <v>1520</v>
      </c>
      <c r="N3959" s="5" t="s">
        <v>1521</v>
      </c>
      <c r="O3959" s="5" t="s">
        <v>38</v>
      </c>
      <c r="P3959" s="5" t="s">
        <v>39</v>
      </c>
      <c r="Q3959" s="5" t="s">
        <v>40</v>
      </c>
      <c r="R3959" s="5" t="s">
        <v>1522</v>
      </c>
      <c r="S3959" s="5" t="s">
        <v>1523</v>
      </c>
      <c r="T3959" s="5" t="s">
        <v>42</v>
      </c>
      <c r="U3959" s="2">
        <v>2.2759999999999998</v>
      </c>
      <c r="V3959" s="2">
        <v>1.9510000000000001</v>
      </c>
      <c r="W3959" s="2">
        <v>0.01</v>
      </c>
      <c r="X3959" s="2">
        <v>118.9</v>
      </c>
      <c r="Y3959" s="2">
        <v>7.6</v>
      </c>
      <c r="Z3959" s="2">
        <v>10.6</v>
      </c>
      <c r="AA3959" s="5"/>
      <c r="AB3959" s="5" t="s">
        <v>43</v>
      </c>
      <c r="AC3959" s="5" t="s">
        <v>44</v>
      </c>
      <c r="AD3959" s="2"/>
      <c r="AE3959" s="1"/>
    </row>
    <row r="3960" spans="1:31" ht="14.45">
      <c r="A3960" s="11"/>
      <c r="B3960" s="20"/>
      <c r="C3960" s="2" t="s">
        <v>12334</v>
      </c>
      <c r="D3960" s="14" t="s">
        <v>12335</v>
      </c>
      <c r="E3960" s="2" t="s">
        <v>12336</v>
      </c>
      <c r="F3960" s="2" t="s">
        <v>7555</v>
      </c>
      <c r="G3960" s="8">
        <v>151</v>
      </c>
      <c r="H3960" s="5">
        <v>6</v>
      </c>
      <c r="I3960" s="5" t="s">
        <v>1518</v>
      </c>
      <c r="J3960" s="5" t="s">
        <v>1519</v>
      </c>
      <c r="K3960" s="2" t="s">
        <v>1520</v>
      </c>
      <c r="L3960" s="5" t="s">
        <v>1519</v>
      </c>
      <c r="M3960" s="2" t="s">
        <v>1520</v>
      </c>
      <c r="N3960" s="5" t="s">
        <v>1521</v>
      </c>
      <c r="O3960" s="5" t="s">
        <v>38</v>
      </c>
      <c r="P3960" s="5" t="s">
        <v>39</v>
      </c>
      <c r="Q3960" s="5" t="s">
        <v>40</v>
      </c>
      <c r="R3960" s="5" t="s">
        <v>1522</v>
      </c>
      <c r="S3960" s="5" t="s">
        <v>1523</v>
      </c>
      <c r="T3960" s="5" t="s">
        <v>42</v>
      </c>
      <c r="U3960" s="2">
        <v>2.222</v>
      </c>
      <c r="V3960" s="2">
        <v>1.897</v>
      </c>
      <c r="W3960" s="2">
        <v>0.01</v>
      </c>
      <c r="X3960" s="2">
        <v>118.9</v>
      </c>
      <c r="Y3960" s="2">
        <v>7.6</v>
      </c>
      <c r="Z3960" s="2">
        <v>10.6</v>
      </c>
      <c r="AA3960" s="5"/>
      <c r="AB3960" s="5" t="s">
        <v>43</v>
      </c>
      <c r="AC3960" s="5" t="s">
        <v>44</v>
      </c>
      <c r="AD3960" s="2"/>
      <c r="AE3960" s="1"/>
    </row>
    <row r="3961" spans="1:31" ht="14.45">
      <c r="A3961" s="11"/>
      <c r="B3961" s="20"/>
      <c r="C3961" s="2" t="s">
        <v>12337</v>
      </c>
      <c r="D3961" s="14" t="s">
        <v>12338</v>
      </c>
      <c r="E3961" s="2" t="s">
        <v>12339</v>
      </c>
      <c r="F3961" s="2" t="s">
        <v>7559</v>
      </c>
      <c r="G3961" s="8">
        <v>151</v>
      </c>
      <c r="H3961" s="5">
        <v>6</v>
      </c>
      <c r="I3961" s="5" t="s">
        <v>1518</v>
      </c>
      <c r="J3961" s="5" t="s">
        <v>1519</v>
      </c>
      <c r="K3961" s="2" t="s">
        <v>1520</v>
      </c>
      <c r="L3961" s="5" t="s">
        <v>1519</v>
      </c>
      <c r="M3961" s="2" t="s">
        <v>1520</v>
      </c>
      <c r="N3961" s="5" t="s">
        <v>1521</v>
      </c>
      <c r="O3961" s="5" t="s">
        <v>38</v>
      </c>
      <c r="P3961" s="5" t="s">
        <v>39</v>
      </c>
      <c r="Q3961" s="5" t="s">
        <v>40</v>
      </c>
      <c r="R3961" s="5" t="s">
        <v>1522</v>
      </c>
      <c r="S3961" s="5" t="s">
        <v>1523</v>
      </c>
      <c r="T3961" s="5" t="s">
        <v>42</v>
      </c>
      <c r="U3961" s="2">
        <v>2.2759999999999998</v>
      </c>
      <c r="V3961" s="2">
        <v>1.9510000000000001</v>
      </c>
      <c r="W3961" s="2">
        <v>0.01</v>
      </c>
      <c r="X3961" s="2">
        <v>118.9</v>
      </c>
      <c r="Y3961" s="2">
        <v>7.6</v>
      </c>
      <c r="Z3961" s="2">
        <v>10.6</v>
      </c>
      <c r="AA3961" s="5"/>
      <c r="AB3961" s="5" t="s">
        <v>43</v>
      </c>
      <c r="AC3961" s="5" t="s">
        <v>44</v>
      </c>
      <c r="AD3961" s="2"/>
      <c r="AE3961" s="1"/>
    </row>
    <row r="3962" spans="1:31" ht="14.45">
      <c r="A3962" s="11"/>
      <c r="B3962" s="20"/>
      <c r="C3962" s="2" t="s">
        <v>12340</v>
      </c>
      <c r="D3962" s="14" t="s">
        <v>12341</v>
      </c>
      <c r="E3962" s="2" t="s">
        <v>12342</v>
      </c>
      <c r="F3962" s="2" t="s">
        <v>7563</v>
      </c>
      <c r="G3962" s="8">
        <v>151</v>
      </c>
      <c r="H3962" s="5">
        <v>6</v>
      </c>
      <c r="I3962" s="5" t="s">
        <v>1518</v>
      </c>
      <c r="J3962" s="5" t="s">
        <v>1519</v>
      </c>
      <c r="K3962" s="2" t="s">
        <v>1520</v>
      </c>
      <c r="L3962" s="5" t="s">
        <v>1519</v>
      </c>
      <c r="M3962" s="2" t="s">
        <v>1520</v>
      </c>
      <c r="N3962" s="5" t="s">
        <v>1521</v>
      </c>
      <c r="O3962" s="5" t="s">
        <v>38</v>
      </c>
      <c r="P3962" s="5" t="s">
        <v>39</v>
      </c>
      <c r="Q3962" s="5" t="s">
        <v>40</v>
      </c>
      <c r="R3962" s="5" t="s">
        <v>1522</v>
      </c>
      <c r="S3962" s="5" t="s">
        <v>1523</v>
      </c>
      <c r="T3962" s="5" t="s">
        <v>42</v>
      </c>
      <c r="U3962" s="2">
        <v>2.2570000000000001</v>
      </c>
      <c r="V3962" s="2">
        <v>1.9319999999999999</v>
      </c>
      <c r="W3962" s="2">
        <v>0.01</v>
      </c>
      <c r="X3962" s="2">
        <v>118.9</v>
      </c>
      <c r="Y3962" s="2">
        <v>7.6</v>
      </c>
      <c r="Z3962" s="2">
        <v>10.6</v>
      </c>
      <c r="AA3962" s="5"/>
      <c r="AB3962" s="5" t="s">
        <v>43</v>
      </c>
      <c r="AC3962" s="5" t="s">
        <v>44</v>
      </c>
      <c r="AD3962" s="2"/>
      <c r="AE3962" s="1"/>
    </row>
    <row r="3963" spans="1:31" ht="14.45">
      <c r="A3963" s="11"/>
      <c r="B3963" s="20"/>
      <c r="C3963" s="2" t="s">
        <v>12343</v>
      </c>
      <c r="D3963" s="14" t="s">
        <v>12344</v>
      </c>
      <c r="E3963" s="2" t="s">
        <v>12345</v>
      </c>
      <c r="F3963" s="2" t="s">
        <v>7567</v>
      </c>
      <c r="G3963" s="8">
        <v>151</v>
      </c>
      <c r="H3963" s="5">
        <v>6</v>
      </c>
      <c r="I3963" s="5" t="s">
        <v>1518</v>
      </c>
      <c r="J3963" s="5" t="s">
        <v>1519</v>
      </c>
      <c r="K3963" s="2" t="s">
        <v>1520</v>
      </c>
      <c r="L3963" s="5" t="s">
        <v>1519</v>
      </c>
      <c r="M3963" s="2" t="s">
        <v>1520</v>
      </c>
      <c r="N3963" s="5" t="s">
        <v>1521</v>
      </c>
      <c r="O3963" s="5" t="s">
        <v>38</v>
      </c>
      <c r="P3963" s="5" t="s">
        <v>39</v>
      </c>
      <c r="Q3963" s="5" t="s">
        <v>40</v>
      </c>
      <c r="R3963" s="5" t="s">
        <v>1522</v>
      </c>
      <c r="S3963" s="5" t="s">
        <v>1523</v>
      </c>
      <c r="T3963" s="5" t="s">
        <v>42</v>
      </c>
      <c r="U3963" s="2">
        <v>2.3109999999999999</v>
      </c>
      <c r="V3963" s="2">
        <v>1.986</v>
      </c>
      <c r="W3963" s="2">
        <v>0.01</v>
      </c>
      <c r="X3963" s="2">
        <v>118.9</v>
      </c>
      <c r="Y3963" s="2">
        <v>7.6</v>
      </c>
      <c r="Z3963" s="2">
        <v>10.6</v>
      </c>
      <c r="AA3963" s="5"/>
      <c r="AB3963" s="5" t="s">
        <v>43</v>
      </c>
      <c r="AC3963" s="5" t="s">
        <v>44</v>
      </c>
      <c r="AD3963" s="2"/>
      <c r="AE3963" s="1"/>
    </row>
    <row r="3964" spans="1:31" ht="14.45">
      <c r="A3964" s="11"/>
      <c r="B3964" s="20"/>
      <c r="C3964" s="2" t="s">
        <v>12346</v>
      </c>
      <c r="D3964" s="14" t="s">
        <v>12347</v>
      </c>
      <c r="E3964" s="2" t="s">
        <v>12348</v>
      </c>
      <c r="F3964" s="2" t="s">
        <v>7429</v>
      </c>
      <c r="G3964" s="8">
        <v>151</v>
      </c>
      <c r="H3964" s="5">
        <v>6</v>
      </c>
      <c r="I3964" s="5" t="s">
        <v>1518</v>
      </c>
      <c r="J3964" s="5" t="s">
        <v>1519</v>
      </c>
      <c r="K3964" s="2" t="s">
        <v>1520</v>
      </c>
      <c r="L3964" s="5" t="s">
        <v>1519</v>
      </c>
      <c r="M3964" s="2" t="s">
        <v>1520</v>
      </c>
      <c r="N3964" s="5" t="s">
        <v>1521</v>
      </c>
      <c r="O3964" s="5" t="s">
        <v>38</v>
      </c>
      <c r="P3964" s="5" t="s">
        <v>39</v>
      </c>
      <c r="Q3964" s="5" t="s">
        <v>40</v>
      </c>
      <c r="R3964" s="5" t="s">
        <v>1522</v>
      </c>
      <c r="S3964" s="5" t="s">
        <v>1523</v>
      </c>
      <c r="T3964" s="5" t="s">
        <v>42</v>
      </c>
      <c r="U3964" s="2">
        <v>2.2570000000000001</v>
      </c>
      <c r="V3964" s="2">
        <v>1.9319999999999999</v>
      </c>
      <c r="W3964" s="2">
        <v>0.01</v>
      </c>
      <c r="X3964" s="2">
        <v>118.9</v>
      </c>
      <c r="Y3964" s="2">
        <v>7.6</v>
      </c>
      <c r="Z3964" s="2">
        <v>10.6</v>
      </c>
      <c r="AA3964" s="5"/>
      <c r="AB3964" s="5" t="s">
        <v>43</v>
      </c>
      <c r="AC3964" s="5" t="s">
        <v>44</v>
      </c>
      <c r="AD3964" s="2"/>
      <c r="AE3964" s="1"/>
    </row>
    <row r="3965" spans="1:31" ht="14.45">
      <c r="A3965" s="11"/>
      <c r="B3965" s="20"/>
      <c r="C3965" s="2" t="s">
        <v>12349</v>
      </c>
      <c r="D3965" s="14" t="s">
        <v>12350</v>
      </c>
      <c r="E3965" s="2" t="s">
        <v>12351</v>
      </c>
      <c r="F3965" s="2" t="s">
        <v>7574</v>
      </c>
      <c r="G3965" s="8">
        <v>151</v>
      </c>
      <c r="H3965" s="5">
        <v>6</v>
      </c>
      <c r="I3965" s="5" t="s">
        <v>1518</v>
      </c>
      <c r="J3965" s="5" t="s">
        <v>1519</v>
      </c>
      <c r="K3965" s="2" t="s">
        <v>1520</v>
      </c>
      <c r="L3965" s="5" t="s">
        <v>1519</v>
      </c>
      <c r="M3965" s="2" t="s">
        <v>1520</v>
      </c>
      <c r="N3965" s="5" t="s">
        <v>1521</v>
      </c>
      <c r="O3965" s="5" t="s">
        <v>38</v>
      </c>
      <c r="P3965" s="5" t="s">
        <v>39</v>
      </c>
      <c r="Q3965" s="5" t="s">
        <v>40</v>
      </c>
      <c r="R3965" s="5" t="s">
        <v>1522</v>
      </c>
      <c r="S3965" s="5" t="s">
        <v>1523</v>
      </c>
      <c r="T3965" s="5" t="s">
        <v>42</v>
      </c>
      <c r="U3965" s="2">
        <v>2.3109999999999999</v>
      </c>
      <c r="V3965" s="2">
        <v>1.986</v>
      </c>
      <c r="W3965" s="2">
        <v>0.01</v>
      </c>
      <c r="X3965" s="2">
        <v>118.9</v>
      </c>
      <c r="Y3965" s="2">
        <v>7.6</v>
      </c>
      <c r="Z3965" s="2">
        <v>10.6</v>
      </c>
      <c r="AA3965" s="5"/>
      <c r="AB3965" s="5" t="s">
        <v>43</v>
      </c>
      <c r="AC3965" s="5" t="s">
        <v>44</v>
      </c>
      <c r="AD3965" s="2"/>
      <c r="AE3965" s="1"/>
    </row>
    <row r="3966" spans="1:31" ht="14.45">
      <c r="A3966" s="11"/>
      <c r="B3966" s="20"/>
      <c r="C3966" s="2" t="s">
        <v>12352</v>
      </c>
      <c r="D3966" s="14" t="s">
        <v>12353</v>
      </c>
      <c r="E3966" s="2" t="s">
        <v>12354</v>
      </c>
      <c r="F3966" s="2" t="s">
        <v>7449</v>
      </c>
      <c r="G3966" s="8">
        <v>151</v>
      </c>
      <c r="H3966" s="5">
        <v>6</v>
      </c>
      <c r="I3966" s="5" t="s">
        <v>1518</v>
      </c>
      <c r="J3966" s="5" t="s">
        <v>1519</v>
      </c>
      <c r="K3966" s="2" t="s">
        <v>1520</v>
      </c>
      <c r="L3966" s="5" t="s">
        <v>1519</v>
      </c>
      <c r="M3966" s="2" t="s">
        <v>1520</v>
      </c>
      <c r="N3966" s="5" t="s">
        <v>1521</v>
      </c>
      <c r="O3966" s="5" t="s">
        <v>38</v>
      </c>
      <c r="P3966" s="5" t="s">
        <v>39</v>
      </c>
      <c r="Q3966" s="5" t="s">
        <v>40</v>
      </c>
      <c r="R3966" s="5" t="s">
        <v>1522</v>
      </c>
      <c r="S3966" s="5" t="s">
        <v>1523</v>
      </c>
      <c r="T3966" s="5" t="s">
        <v>42</v>
      </c>
      <c r="U3966" s="2">
        <v>2.2570000000000001</v>
      </c>
      <c r="V3966" s="2">
        <v>1.9319999999999999</v>
      </c>
      <c r="W3966" s="2">
        <v>0.01</v>
      </c>
      <c r="X3966" s="2">
        <v>118.9</v>
      </c>
      <c r="Y3966" s="2">
        <v>7.6</v>
      </c>
      <c r="Z3966" s="2">
        <v>10.6</v>
      </c>
      <c r="AA3966" s="5"/>
      <c r="AB3966" s="5" t="s">
        <v>43</v>
      </c>
      <c r="AC3966" s="5" t="s">
        <v>44</v>
      </c>
      <c r="AD3966" s="2"/>
      <c r="AE3966" s="1"/>
    </row>
    <row r="3967" spans="1:31" ht="14.45">
      <c r="A3967" s="11"/>
      <c r="B3967" s="20"/>
      <c r="C3967" s="2" t="s">
        <v>12355</v>
      </c>
      <c r="D3967" s="14" t="s">
        <v>12356</v>
      </c>
      <c r="E3967" s="2" t="s">
        <v>12357</v>
      </c>
      <c r="F3967" s="2" t="s">
        <v>7581</v>
      </c>
      <c r="G3967" s="8">
        <v>151</v>
      </c>
      <c r="H3967" s="5">
        <v>6</v>
      </c>
      <c r="I3967" s="5" t="s">
        <v>1518</v>
      </c>
      <c r="J3967" s="5" t="s">
        <v>1519</v>
      </c>
      <c r="K3967" s="2" t="s">
        <v>1520</v>
      </c>
      <c r="L3967" s="5" t="s">
        <v>1519</v>
      </c>
      <c r="M3967" s="2" t="s">
        <v>1520</v>
      </c>
      <c r="N3967" s="5" t="s">
        <v>1521</v>
      </c>
      <c r="O3967" s="5" t="s">
        <v>38</v>
      </c>
      <c r="P3967" s="5" t="s">
        <v>39</v>
      </c>
      <c r="Q3967" s="5" t="s">
        <v>40</v>
      </c>
      <c r="R3967" s="5" t="s">
        <v>1522</v>
      </c>
      <c r="S3967" s="5" t="s">
        <v>1523</v>
      </c>
      <c r="T3967" s="5" t="s">
        <v>42</v>
      </c>
      <c r="U3967" s="2">
        <v>2.3109999999999999</v>
      </c>
      <c r="V3967" s="2">
        <v>1.986</v>
      </c>
      <c r="W3967" s="2">
        <v>0.01</v>
      </c>
      <c r="X3967" s="2">
        <v>118.9</v>
      </c>
      <c r="Y3967" s="2">
        <v>7.6</v>
      </c>
      <c r="Z3967" s="2">
        <v>10.6</v>
      </c>
      <c r="AA3967" s="5"/>
      <c r="AB3967" s="5" t="s">
        <v>43</v>
      </c>
      <c r="AC3967" s="5" t="s">
        <v>44</v>
      </c>
      <c r="AD3967" s="2"/>
      <c r="AE3967" s="1"/>
    </row>
    <row r="3968" spans="1:31" ht="14.45">
      <c r="A3968" s="11"/>
      <c r="B3968" s="20"/>
      <c r="C3968" s="2" t="s">
        <v>12358</v>
      </c>
      <c r="D3968" s="14" t="s">
        <v>12359</v>
      </c>
      <c r="E3968" s="2" t="s">
        <v>12360</v>
      </c>
      <c r="F3968" s="2" t="s">
        <v>7585</v>
      </c>
      <c r="G3968" s="8">
        <v>151</v>
      </c>
      <c r="H3968" s="5">
        <v>6</v>
      </c>
      <c r="I3968" s="5" t="s">
        <v>1518</v>
      </c>
      <c r="J3968" s="5" t="s">
        <v>1519</v>
      </c>
      <c r="K3968" s="2" t="s">
        <v>1520</v>
      </c>
      <c r="L3968" s="5" t="s">
        <v>1519</v>
      </c>
      <c r="M3968" s="2" t="s">
        <v>1520</v>
      </c>
      <c r="N3968" s="5" t="s">
        <v>1521</v>
      </c>
      <c r="O3968" s="5" t="s">
        <v>38</v>
      </c>
      <c r="P3968" s="5" t="s">
        <v>39</v>
      </c>
      <c r="Q3968" s="5" t="s">
        <v>40</v>
      </c>
      <c r="R3968" s="5" t="s">
        <v>1522</v>
      </c>
      <c r="S3968" s="5" t="s">
        <v>1523</v>
      </c>
      <c r="T3968" s="5" t="s">
        <v>42</v>
      </c>
      <c r="U3968" s="2">
        <v>2.222</v>
      </c>
      <c r="V3968" s="2">
        <v>1.897</v>
      </c>
      <c r="W3968" s="2">
        <v>0.01</v>
      </c>
      <c r="X3968" s="2">
        <v>118.9</v>
      </c>
      <c r="Y3968" s="2">
        <v>7.6</v>
      </c>
      <c r="Z3968" s="2">
        <v>10.6</v>
      </c>
      <c r="AA3968" s="5"/>
      <c r="AB3968" s="5" t="s">
        <v>43</v>
      </c>
      <c r="AC3968" s="5" t="s">
        <v>44</v>
      </c>
      <c r="AD3968" s="2"/>
      <c r="AE3968" s="1"/>
    </row>
    <row r="3969" spans="1:31" ht="14.45">
      <c r="A3969" s="11"/>
      <c r="B3969" s="20"/>
      <c r="C3969" s="2" t="s">
        <v>12361</v>
      </c>
      <c r="D3969" s="14" t="s">
        <v>12362</v>
      </c>
      <c r="E3969" s="2" t="s">
        <v>12363</v>
      </c>
      <c r="F3969" s="2" t="s">
        <v>7589</v>
      </c>
      <c r="G3969" s="8">
        <v>151</v>
      </c>
      <c r="H3969" s="5">
        <v>6</v>
      </c>
      <c r="I3969" s="5" t="s">
        <v>1518</v>
      </c>
      <c r="J3969" s="5" t="s">
        <v>1519</v>
      </c>
      <c r="K3969" s="2" t="s">
        <v>1520</v>
      </c>
      <c r="L3969" s="5" t="s">
        <v>1519</v>
      </c>
      <c r="M3969" s="2" t="s">
        <v>1520</v>
      </c>
      <c r="N3969" s="5" t="s">
        <v>1521</v>
      </c>
      <c r="O3969" s="5" t="s">
        <v>38</v>
      </c>
      <c r="P3969" s="5" t="s">
        <v>39</v>
      </c>
      <c r="Q3969" s="5" t="s">
        <v>40</v>
      </c>
      <c r="R3969" s="5" t="s">
        <v>1522</v>
      </c>
      <c r="S3969" s="5" t="s">
        <v>1523</v>
      </c>
      <c r="T3969" s="5" t="s">
        <v>42</v>
      </c>
      <c r="U3969" s="2">
        <v>2.2759999999999998</v>
      </c>
      <c r="V3969" s="2">
        <v>1.9510000000000001</v>
      </c>
      <c r="W3969" s="2">
        <v>0.01</v>
      </c>
      <c r="X3969" s="2">
        <v>118.9</v>
      </c>
      <c r="Y3969" s="2">
        <v>7.6</v>
      </c>
      <c r="Z3969" s="2">
        <v>10.6</v>
      </c>
      <c r="AA3969" s="5"/>
      <c r="AB3969" s="5" t="s">
        <v>43</v>
      </c>
      <c r="AC3969" s="5" t="s">
        <v>44</v>
      </c>
      <c r="AD3969" s="2"/>
      <c r="AE3969" s="1"/>
    </row>
    <row r="3970" spans="1:31" ht="14.45">
      <c r="A3970" s="11"/>
      <c r="B3970" s="20"/>
      <c r="C3970" s="2" t="s">
        <v>12364</v>
      </c>
      <c r="D3970" s="14" t="s">
        <v>12365</v>
      </c>
      <c r="E3970" s="2" t="s">
        <v>12366</v>
      </c>
      <c r="F3970" s="2" t="s">
        <v>7593</v>
      </c>
      <c r="G3970" s="8">
        <v>151</v>
      </c>
      <c r="H3970" s="5">
        <v>6</v>
      </c>
      <c r="I3970" s="5" t="s">
        <v>1518</v>
      </c>
      <c r="J3970" s="5" t="s">
        <v>1519</v>
      </c>
      <c r="K3970" s="2" t="s">
        <v>1520</v>
      </c>
      <c r="L3970" s="5" t="s">
        <v>1519</v>
      </c>
      <c r="M3970" s="2" t="s">
        <v>1520</v>
      </c>
      <c r="N3970" s="5" t="s">
        <v>1521</v>
      </c>
      <c r="O3970" s="5" t="s">
        <v>38</v>
      </c>
      <c r="P3970" s="5" t="s">
        <v>39</v>
      </c>
      <c r="Q3970" s="5" t="s">
        <v>40</v>
      </c>
      <c r="R3970" s="5" t="s">
        <v>1522</v>
      </c>
      <c r="S3970" s="5" t="s">
        <v>1523</v>
      </c>
      <c r="T3970" s="5" t="s">
        <v>42</v>
      </c>
      <c r="U3970" s="2">
        <v>2.2570000000000001</v>
      </c>
      <c r="V3970" s="2">
        <v>1.9319999999999999</v>
      </c>
      <c r="W3970" s="2">
        <v>0.01</v>
      </c>
      <c r="X3970" s="2">
        <v>118.9</v>
      </c>
      <c r="Y3970" s="2">
        <v>7.6</v>
      </c>
      <c r="Z3970" s="2">
        <v>10.6</v>
      </c>
      <c r="AA3970" s="5"/>
      <c r="AB3970" s="5" t="s">
        <v>43</v>
      </c>
      <c r="AC3970" s="5" t="s">
        <v>44</v>
      </c>
      <c r="AD3970" s="2"/>
      <c r="AE3970" s="1"/>
    </row>
    <row r="3971" spans="1:31" ht="14.45">
      <c r="A3971" s="11"/>
      <c r="B3971" s="20"/>
      <c r="C3971" s="2" t="s">
        <v>12367</v>
      </c>
      <c r="D3971" s="14" t="s">
        <v>12368</v>
      </c>
      <c r="E3971" s="2" t="s">
        <v>12369</v>
      </c>
      <c r="F3971" s="2" t="s">
        <v>7597</v>
      </c>
      <c r="G3971" s="8">
        <v>151</v>
      </c>
      <c r="H3971" s="5">
        <v>6</v>
      </c>
      <c r="I3971" s="5" t="s">
        <v>1518</v>
      </c>
      <c r="J3971" s="5" t="s">
        <v>1519</v>
      </c>
      <c r="K3971" s="2" t="s">
        <v>1520</v>
      </c>
      <c r="L3971" s="5" t="s">
        <v>1519</v>
      </c>
      <c r="M3971" s="2" t="s">
        <v>1520</v>
      </c>
      <c r="N3971" s="5" t="s">
        <v>1521</v>
      </c>
      <c r="O3971" s="5" t="s">
        <v>38</v>
      </c>
      <c r="P3971" s="5" t="s">
        <v>39</v>
      </c>
      <c r="Q3971" s="5" t="s">
        <v>40</v>
      </c>
      <c r="R3971" s="5" t="s">
        <v>1522</v>
      </c>
      <c r="S3971" s="5" t="s">
        <v>1523</v>
      </c>
      <c r="T3971" s="5" t="s">
        <v>42</v>
      </c>
      <c r="U3971" s="2">
        <v>2.3109999999999999</v>
      </c>
      <c r="V3971" s="2">
        <v>1.986</v>
      </c>
      <c r="W3971" s="2">
        <v>0.01</v>
      </c>
      <c r="X3971" s="2">
        <v>118.9</v>
      </c>
      <c r="Y3971" s="2">
        <v>7.6</v>
      </c>
      <c r="Z3971" s="2">
        <v>10.6</v>
      </c>
      <c r="AA3971" s="5"/>
      <c r="AB3971" s="5" t="s">
        <v>43</v>
      </c>
      <c r="AC3971" s="5" t="s">
        <v>44</v>
      </c>
      <c r="AD3971" s="2"/>
      <c r="AE3971" s="1"/>
    </row>
    <row r="3972" spans="1:31" ht="14.45">
      <c r="A3972" s="11"/>
      <c r="B3972" s="20"/>
      <c r="C3972" s="2" t="s">
        <v>12370</v>
      </c>
      <c r="D3972" s="14" t="s">
        <v>12371</v>
      </c>
      <c r="E3972" s="2" t="s">
        <v>12372</v>
      </c>
      <c r="F3972" s="2" t="s">
        <v>7410</v>
      </c>
      <c r="G3972" s="8">
        <v>151</v>
      </c>
      <c r="H3972" s="5">
        <v>6</v>
      </c>
      <c r="I3972" s="5" t="s">
        <v>1518</v>
      </c>
      <c r="J3972" s="5" t="s">
        <v>1519</v>
      </c>
      <c r="K3972" s="2" t="s">
        <v>1520</v>
      </c>
      <c r="L3972" s="5" t="s">
        <v>1519</v>
      </c>
      <c r="M3972" s="2" t="s">
        <v>1520</v>
      </c>
      <c r="N3972" s="5" t="s">
        <v>1521</v>
      </c>
      <c r="O3972" s="5" t="s">
        <v>38</v>
      </c>
      <c r="P3972" s="5" t="s">
        <v>39</v>
      </c>
      <c r="Q3972" s="5" t="s">
        <v>40</v>
      </c>
      <c r="R3972" s="5" t="s">
        <v>1522</v>
      </c>
      <c r="S3972" s="5" t="s">
        <v>1523</v>
      </c>
      <c r="T3972" s="5" t="s">
        <v>42</v>
      </c>
      <c r="U3972" s="2">
        <v>2.2570000000000001</v>
      </c>
      <c r="V3972" s="2">
        <v>1.9319999999999999</v>
      </c>
      <c r="W3972" s="2">
        <v>0.01</v>
      </c>
      <c r="X3972" s="2">
        <v>118.9</v>
      </c>
      <c r="Y3972" s="2">
        <v>7.6</v>
      </c>
      <c r="Z3972" s="2">
        <v>10.6</v>
      </c>
      <c r="AA3972" s="5"/>
      <c r="AB3972" s="5" t="s">
        <v>43</v>
      </c>
      <c r="AC3972" s="5" t="s">
        <v>44</v>
      </c>
      <c r="AD3972" s="2"/>
      <c r="AE3972" s="1"/>
    </row>
    <row r="3973" spans="1:31" ht="14.45">
      <c r="A3973" s="11"/>
      <c r="B3973" s="20"/>
      <c r="C3973" s="2" t="s">
        <v>12373</v>
      </c>
      <c r="D3973" s="14" t="s">
        <v>12374</v>
      </c>
      <c r="E3973" s="2" t="s">
        <v>12375</v>
      </c>
      <c r="F3973" s="2" t="s">
        <v>7604</v>
      </c>
      <c r="G3973" s="8">
        <v>151</v>
      </c>
      <c r="H3973" s="5">
        <v>6</v>
      </c>
      <c r="I3973" s="5" t="s">
        <v>1518</v>
      </c>
      <c r="J3973" s="5" t="s">
        <v>1519</v>
      </c>
      <c r="K3973" s="2" t="s">
        <v>1520</v>
      </c>
      <c r="L3973" s="5" t="s">
        <v>1519</v>
      </c>
      <c r="M3973" s="2" t="s">
        <v>1520</v>
      </c>
      <c r="N3973" s="5" t="s">
        <v>1521</v>
      </c>
      <c r="O3973" s="5" t="s">
        <v>38</v>
      </c>
      <c r="P3973" s="5" t="s">
        <v>39</v>
      </c>
      <c r="Q3973" s="5" t="s">
        <v>40</v>
      </c>
      <c r="R3973" s="5" t="s">
        <v>1522</v>
      </c>
      <c r="S3973" s="5" t="s">
        <v>1523</v>
      </c>
      <c r="T3973" s="5" t="s">
        <v>42</v>
      </c>
      <c r="U3973" s="2">
        <v>2.3109999999999999</v>
      </c>
      <c r="V3973" s="2">
        <v>1.986</v>
      </c>
      <c r="W3973" s="2">
        <v>0.01</v>
      </c>
      <c r="X3973" s="2">
        <v>118.9</v>
      </c>
      <c r="Y3973" s="2">
        <v>7.6</v>
      </c>
      <c r="Z3973" s="2">
        <v>10.6</v>
      </c>
      <c r="AA3973" s="5"/>
      <c r="AB3973" s="5" t="s">
        <v>43</v>
      </c>
      <c r="AC3973" s="5" t="s">
        <v>44</v>
      </c>
      <c r="AD3973" s="2"/>
      <c r="AE3973" s="1"/>
    </row>
    <row r="3974" spans="1:31" ht="14.45">
      <c r="A3974" s="11"/>
      <c r="B3974" s="20"/>
      <c r="C3974" s="2" t="s">
        <v>12376</v>
      </c>
      <c r="D3974" s="14" t="s">
        <v>12377</v>
      </c>
      <c r="E3974" s="2" t="s">
        <v>12378</v>
      </c>
      <c r="F3974" s="2" t="s">
        <v>7433</v>
      </c>
      <c r="G3974" s="8">
        <v>151</v>
      </c>
      <c r="H3974" s="5">
        <v>6</v>
      </c>
      <c r="I3974" s="5" t="s">
        <v>1518</v>
      </c>
      <c r="J3974" s="5" t="s">
        <v>1519</v>
      </c>
      <c r="K3974" s="2" t="s">
        <v>1520</v>
      </c>
      <c r="L3974" s="5" t="s">
        <v>1519</v>
      </c>
      <c r="M3974" s="2" t="s">
        <v>1520</v>
      </c>
      <c r="N3974" s="5" t="s">
        <v>1521</v>
      </c>
      <c r="O3974" s="5" t="s">
        <v>38</v>
      </c>
      <c r="P3974" s="5" t="s">
        <v>39</v>
      </c>
      <c r="Q3974" s="5" t="s">
        <v>40</v>
      </c>
      <c r="R3974" s="5" t="s">
        <v>1522</v>
      </c>
      <c r="S3974" s="5" t="s">
        <v>1523</v>
      </c>
      <c r="T3974" s="5" t="s">
        <v>42</v>
      </c>
      <c r="U3974" s="2">
        <v>2.2570000000000001</v>
      </c>
      <c r="V3974" s="2">
        <v>1.9319999999999999</v>
      </c>
      <c r="W3974" s="2">
        <v>0.01</v>
      </c>
      <c r="X3974" s="2">
        <v>118.9</v>
      </c>
      <c r="Y3974" s="2">
        <v>7.6</v>
      </c>
      <c r="Z3974" s="2">
        <v>10.6</v>
      </c>
      <c r="AA3974" s="5"/>
      <c r="AB3974" s="5" t="s">
        <v>43</v>
      </c>
      <c r="AC3974" s="5" t="s">
        <v>44</v>
      </c>
      <c r="AD3974" s="2"/>
      <c r="AE3974" s="1"/>
    </row>
    <row r="3975" spans="1:31" ht="14.45">
      <c r="A3975" s="11"/>
      <c r="B3975" s="20"/>
      <c r="C3975" s="2" t="s">
        <v>12379</v>
      </c>
      <c r="D3975" s="14" t="s">
        <v>12380</v>
      </c>
      <c r="E3975" s="2" t="s">
        <v>12381</v>
      </c>
      <c r="F3975" s="2" t="s">
        <v>7611</v>
      </c>
      <c r="G3975" s="8">
        <v>151</v>
      </c>
      <c r="H3975" s="5">
        <v>6</v>
      </c>
      <c r="I3975" s="5" t="s">
        <v>1518</v>
      </c>
      <c r="J3975" s="5" t="s">
        <v>1519</v>
      </c>
      <c r="K3975" s="2" t="s">
        <v>1520</v>
      </c>
      <c r="L3975" s="5" t="s">
        <v>1519</v>
      </c>
      <c r="M3975" s="2" t="s">
        <v>1520</v>
      </c>
      <c r="N3975" s="5" t="s">
        <v>1521</v>
      </c>
      <c r="O3975" s="5" t="s">
        <v>38</v>
      </c>
      <c r="P3975" s="5" t="s">
        <v>39</v>
      </c>
      <c r="Q3975" s="5" t="s">
        <v>40</v>
      </c>
      <c r="R3975" s="5" t="s">
        <v>1522</v>
      </c>
      <c r="S3975" s="5" t="s">
        <v>1523</v>
      </c>
      <c r="T3975" s="5" t="s">
        <v>42</v>
      </c>
      <c r="U3975" s="2">
        <v>2.3109999999999999</v>
      </c>
      <c r="V3975" s="2">
        <v>1.986</v>
      </c>
      <c r="W3975" s="2">
        <v>0.01</v>
      </c>
      <c r="X3975" s="2">
        <v>118.9</v>
      </c>
      <c r="Y3975" s="2">
        <v>7.6</v>
      </c>
      <c r="Z3975" s="2">
        <v>10.6</v>
      </c>
      <c r="AA3975" s="5"/>
      <c r="AB3975" s="5" t="s">
        <v>43</v>
      </c>
      <c r="AC3975" s="5" t="s">
        <v>44</v>
      </c>
      <c r="AD3975" s="2"/>
      <c r="AE3975" s="1"/>
    </row>
    <row r="3976" spans="1:31" ht="14.45">
      <c r="A3976" s="11"/>
      <c r="B3976" s="20"/>
      <c r="C3976" s="2" t="s">
        <v>12382</v>
      </c>
      <c r="D3976" s="14" t="s">
        <v>12383</v>
      </c>
      <c r="E3976" s="2" t="s">
        <v>12384</v>
      </c>
      <c r="F3976" s="2" t="s">
        <v>7615</v>
      </c>
      <c r="G3976" s="8">
        <v>151</v>
      </c>
      <c r="H3976" s="5">
        <v>6</v>
      </c>
      <c r="I3976" s="5" t="s">
        <v>1518</v>
      </c>
      <c r="J3976" s="5" t="s">
        <v>1519</v>
      </c>
      <c r="K3976" s="2" t="s">
        <v>1520</v>
      </c>
      <c r="L3976" s="5" t="s">
        <v>1519</v>
      </c>
      <c r="M3976" s="2" t="s">
        <v>1520</v>
      </c>
      <c r="N3976" s="5" t="s">
        <v>1521</v>
      </c>
      <c r="O3976" s="5" t="s">
        <v>38</v>
      </c>
      <c r="P3976" s="5" t="s">
        <v>39</v>
      </c>
      <c r="Q3976" s="5" t="s">
        <v>40</v>
      </c>
      <c r="R3976" s="5" t="s">
        <v>1522</v>
      </c>
      <c r="S3976" s="5" t="s">
        <v>1523</v>
      </c>
      <c r="T3976" s="5" t="s">
        <v>42</v>
      </c>
      <c r="U3976" s="2">
        <v>2.222</v>
      </c>
      <c r="V3976" s="2">
        <v>1.897</v>
      </c>
      <c r="W3976" s="2">
        <v>0.01</v>
      </c>
      <c r="X3976" s="2">
        <v>118.9</v>
      </c>
      <c r="Y3976" s="2">
        <v>7.6</v>
      </c>
      <c r="Z3976" s="2">
        <v>10.6</v>
      </c>
      <c r="AA3976" s="5"/>
      <c r="AB3976" s="5" t="s">
        <v>43</v>
      </c>
      <c r="AC3976" s="5" t="s">
        <v>44</v>
      </c>
      <c r="AD3976" s="2"/>
      <c r="AE3976" s="1"/>
    </row>
    <row r="3977" spans="1:31" ht="14.45">
      <c r="A3977" s="11"/>
      <c r="B3977" s="20"/>
      <c r="C3977" s="2" t="s">
        <v>12385</v>
      </c>
      <c r="D3977" s="14" t="s">
        <v>12386</v>
      </c>
      <c r="E3977" s="2" t="s">
        <v>12387</v>
      </c>
      <c r="F3977" s="2" t="s">
        <v>7619</v>
      </c>
      <c r="G3977" s="8">
        <v>151</v>
      </c>
      <c r="H3977" s="5">
        <v>6</v>
      </c>
      <c r="I3977" s="5" t="s">
        <v>1518</v>
      </c>
      <c r="J3977" s="5" t="s">
        <v>1519</v>
      </c>
      <c r="K3977" s="2" t="s">
        <v>1520</v>
      </c>
      <c r="L3977" s="5" t="s">
        <v>1519</v>
      </c>
      <c r="M3977" s="2" t="s">
        <v>1520</v>
      </c>
      <c r="N3977" s="5" t="s">
        <v>1521</v>
      </c>
      <c r="O3977" s="5" t="s">
        <v>38</v>
      </c>
      <c r="P3977" s="5" t="s">
        <v>39</v>
      </c>
      <c r="Q3977" s="5" t="s">
        <v>40</v>
      </c>
      <c r="R3977" s="5" t="s">
        <v>1522</v>
      </c>
      <c r="S3977" s="5" t="s">
        <v>1523</v>
      </c>
      <c r="T3977" s="5" t="s">
        <v>42</v>
      </c>
      <c r="U3977" s="2">
        <v>2.2759999999999998</v>
      </c>
      <c r="V3977" s="2">
        <v>1.9510000000000001</v>
      </c>
      <c r="W3977" s="2">
        <v>0.01</v>
      </c>
      <c r="X3977" s="2">
        <v>118.9</v>
      </c>
      <c r="Y3977" s="2">
        <v>7.6</v>
      </c>
      <c r="Z3977" s="2">
        <v>10.6</v>
      </c>
      <c r="AA3977" s="5"/>
      <c r="AB3977" s="5" t="s">
        <v>43</v>
      </c>
      <c r="AC3977" s="5" t="s">
        <v>44</v>
      </c>
      <c r="AD3977" s="2"/>
      <c r="AE3977" s="1"/>
    </row>
    <row r="3978" spans="1:31" ht="14.45">
      <c r="A3978" s="11"/>
      <c r="B3978" s="20"/>
      <c r="C3978" s="2" t="s">
        <v>12388</v>
      </c>
      <c r="D3978" s="14" t="s">
        <v>12389</v>
      </c>
      <c r="E3978" s="2" t="s">
        <v>12390</v>
      </c>
      <c r="F3978" s="2" t="s">
        <v>1823</v>
      </c>
      <c r="G3978" s="8">
        <v>151</v>
      </c>
      <c r="H3978" s="5">
        <v>8</v>
      </c>
      <c r="I3978" s="5" t="s">
        <v>1518</v>
      </c>
      <c r="J3978" s="5" t="s">
        <v>1519</v>
      </c>
      <c r="K3978" s="2" t="s">
        <v>1520</v>
      </c>
      <c r="L3978" s="5" t="s">
        <v>1519</v>
      </c>
      <c r="M3978" s="2" t="s">
        <v>1520</v>
      </c>
      <c r="N3978" s="5" t="s">
        <v>1521</v>
      </c>
      <c r="O3978" s="5" t="s">
        <v>38</v>
      </c>
      <c r="P3978" s="5" t="s">
        <v>39</v>
      </c>
      <c r="Q3978" s="5" t="s">
        <v>40</v>
      </c>
      <c r="R3978" s="5" t="s">
        <v>1522</v>
      </c>
      <c r="S3978" s="5" t="s">
        <v>1523</v>
      </c>
      <c r="T3978" s="5" t="s">
        <v>42</v>
      </c>
      <c r="U3978" s="2">
        <v>2.2839999999999998</v>
      </c>
      <c r="V3978" s="2">
        <v>1.9590000000000001</v>
      </c>
      <c r="W3978" s="2">
        <v>0.01</v>
      </c>
      <c r="X3978" s="2">
        <v>118.9</v>
      </c>
      <c r="Y3978" s="2">
        <v>7.6</v>
      </c>
      <c r="Z3978" s="2">
        <v>10.6</v>
      </c>
      <c r="AA3978" s="5"/>
      <c r="AB3978" s="5" t="s">
        <v>43</v>
      </c>
      <c r="AC3978" s="5" t="s">
        <v>44</v>
      </c>
      <c r="AD3978" s="2"/>
      <c r="AE3978" s="1"/>
    </row>
    <row r="3979" spans="1:31" ht="14.45">
      <c r="A3979" s="11"/>
      <c r="B3979" s="20"/>
      <c r="C3979" s="2" t="s">
        <v>12391</v>
      </c>
      <c r="D3979" s="14" t="s">
        <v>12392</v>
      </c>
      <c r="E3979" s="2" t="s">
        <v>12393</v>
      </c>
      <c r="F3979" s="2" t="s">
        <v>1827</v>
      </c>
      <c r="G3979" s="8">
        <v>151</v>
      </c>
      <c r="H3979" s="5">
        <v>8</v>
      </c>
      <c r="I3979" s="5" t="s">
        <v>1518</v>
      </c>
      <c r="J3979" s="5" t="s">
        <v>1519</v>
      </c>
      <c r="K3979" s="2" t="s">
        <v>1520</v>
      </c>
      <c r="L3979" s="5" t="s">
        <v>1519</v>
      </c>
      <c r="M3979" s="2" t="s">
        <v>1520</v>
      </c>
      <c r="N3979" s="5" t="s">
        <v>1521</v>
      </c>
      <c r="O3979" s="5" t="s">
        <v>38</v>
      </c>
      <c r="P3979" s="5" t="s">
        <v>39</v>
      </c>
      <c r="Q3979" s="5" t="s">
        <v>40</v>
      </c>
      <c r="R3979" s="5" t="s">
        <v>1522</v>
      </c>
      <c r="S3979" s="5" t="s">
        <v>1523</v>
      </c>
      <c r="T3979" s="5" t="s">
        <v>42</v>
      </c>
      <c r="U3979" s="2">
        <v>2.3380000000000001</v>
      </c>
      <c r="V3979" s="2">
        <v>2.0129999999999999</v>
      </c>
      <c r="W3979" s="2">
        <v>0.01</v>
      </c>
      <c r="X3979" s="2">
        <v>118.9</v>
      </c>
      <c r="Y3979" s="2">
        <v>7.6</v>
      </c>
      <c r="Z3979" s="2">
        <v>10.6</v>
      </c>
      <c r="AA3979" s="5"/>
      <c r="AB3979" s="5" t="s">
        <v>43</v>
      </c>
      <c r="AC3979" s="5" t="s">
        <v>44</v>
      </c>
      <c r="AD3979" s="2"/>
      <c r="AE3979" s="1"/>
    </row>
    <row r="3980" spans="1:31" ht="14.45">
      <c r="A3980" s="11"/>
      <c r="B3980" s="20"/>
      <c r="C3980" s="2" t="s">
        <v>12394</v>
      </c>
      <c r="D3980" s="14" t="s">
        <v>12395</v>
      </c>
      <c r="E3980" s="2" t="s">
        <v>12396</v>
      </c>
      <c r="F3980" s="2" t="s">
        <v>1973</v>
      </c>
      <c r="G3980" s="8">
        <v>151</v>
      </c>
      <c r="H3980" s="5">
        <v>13</v>
      </c>
      <c r="I3980" s="5" t="s">
        <v>1518</v>
      </c>
      <c r="J3980" s="5" t="s">
        <v>1519</v>
      </c>
      <c r="K3980" s="2" t="s">
        <v>1520</v>
      </c>
      <c r="L3980" s="5" t="s">
        <v>1519</v>
      </c>
      <c r="M3980" s="2" t="s">
        <v>1520</v>
      </c>
      <c r="N3980" s="5" t="s">
        <v>1521</v>
      </c>
      <c r="O3980" s="5" t="s">
        <v>38</v>
      </c>
      <c r="P3980" s="5" t="s">
        <v>39</v>
      </c>
      <c r="Q3980" s="5" t="s">
        <v>40</v>
      </c>
      <c r="R3980" s="5" t="s">
        <v>1522</v>
      </c>
      <c r="S3980" s="5" t="s">
        <v>1523</v>
      </c>
      <c r="T3980" s="5" t="s">
        <v>42</v>
      </c>
      <c r="U3980" s="2">
        <v>2.3069999999999999</v>
      </c>
      <c r="V3980" s="2">
        <v>1.982</v>
      </c>
      <c r="W3980" s="2">
        <v>0.01</v>
      </c>
      <c r="X3980" s="2">
        <v>118.9</v>
      </c>
      <c r="Y3980" s="2">
        <v>7.6</v>
      </c>
      <c r="Z3980" s="2">
        <v>10.6</v>
      </c>
      <c r="AA3980" s="5"/>
      <c r="AB3980" s="5" t="s">
        <v>43</v>
      </c>
      <c r="AC3980" s="5" t="s">
        <v>44</v>
      </c>
      <c r="AD3980" s="2"/>
      <c r="AE3980" s="1"/>
    </row>
    <row r="3981" spans="1:31" ht="14.45">
      <c r="A3981" s="11"/>
      <c r="B3981" s="20"/>
      <c r="C3981" s="2" t="s">
        <v>12397</v>
      </c>
      <c r="D3981" s="14" t="s">
        <v>12398</v>
      </c>
      <c r="E3981" s="2" t="s">
        <v>12399</v>
      </c>
      <c r="F3981" s="2" t="s">
        <v>2348</v>
      </c>
      <c r="G3981" s="8">
        <v>151</v>
      </c>
      <c r="H3981" s="5">
        <v>13</v>
      </c>
      <c r="I3981" s="5" t="s">
        <v>1518</v>
      </c>
      <c r="J3981" s="5" t="s">
        <v>1519</v>
      </c>
      <c r="K3981" s="2" t="s">
        <v>1520</v>
      </c>
      <c r="L3981" s="5" t="s">
        <v>1519</v>
      </c>
      <c r="M3981" s="2" t="s">
        <v>1520</v>
      </c>
      <c r="N3981" s="5" t="s">
        <v>1521</v>
      </c>
      <c r="O3981" s="5" t="s">
        <v>38</v>
      </c>
      <c r="P3981" s="5" t="s">
        <v>39</v>
      </c>
      <c r="Q3981" s="5" t="s">
        <v>40</v>
      </c>
      <c r="R3981" s="5" t="s">
        <v>1522</v>
      </c>
      <c r="S3981" s="5" t="s">
        <v>1523</v>
      </c>
      <c r="T3981" s="5" t="s">
        <v>42</v>
      </c>
      <c r="U3981" s="2">
        <v>2.3610000000000002</v>
      </c>
      <c r="V3981" s="2">
        <v>2.036</v>
      </c>
      <c r="W3981" s="2">
        <v>0.01</v>
      </c>
      <c r="X3981" s="2">
        <v>118.9</v>
      </c>
      <c r="Y3981" s="2">
        <v>7.6</v>
      </c>
      <c r="Z3981" s="2">
        <v>10.6</v>
      </c>
      <c r="AA3981" s="5"/>
      <c r="AB3981" s="5" t="s">
        <v>43</v>
      </c>
      <c r="AC3981" s="5" t="s">
        <v>44</v>
      </c>
      <c r="AD3981" s="2"/>
      <c r="AE3981" s="1"/>
    </row>
    <row r="3982" spans="1:31" ht="14.45">
      <c r="A3982" s="11"/>
      <c r="B3982" s="20"/>
      <c r="C3982" s="2" t="s">
        <v>12400</v>
      </c>
      <c r="D3982" s="14" t="s">
        <v>12401</v>
      </c>
      <c r="E3982" s="2" t="s">
        <v>12402</v>
      </c>
      <c r="F3982" s="2" t="s">
        <v>2204</v>
      </c>
      <c r="G3982" s="8">
        <v>151</v>
      </c>
      <c r="H3982" s="5">
        <v>13</v>
      </c>
      <c r="I3982" s="5" t="s">
        <v>1518</v>
      </c>
      <c r="J3982" s="5" t="s">
        <v>1519</v>
      </c>
      <c r="K3982" s="2" t="s">
        <v>1520</v>
      </c>
      <c r="L3982" s="5" t="s">
        <v>1519</v>
      </c>
      <c r="M3982" s="2" t="s">
        <v>1520</v>
      </c>
      <c r="N3982" s="5" t="s">
        <v>1521</v>
      </c>
      <c r="O3982" s="5" t="s">
        <v>38</v>
      </c>
      <c r="P3982" s="5" t="s">
        <v>39</v>
      </c>
      <c r="Q3982" s="5" t="s">
        <v>40</v>
      </c>
      <c r="R3982" s="5" t="s">
        <v>1522</v>
      </c>
      <c r="S3982" s="5" t="s">
        <v>1523</v>
      </c>
      <c r="T3982" s="5" t="s">
        <v>42</v>
      </c>
      <c r="U3982" s="2">
        <v>2.3069999999999999</v>
      </c>
      <c r="V3982" s="2">
        <v>1.982</v>
      </c>
      <c r="W3982" s="2">
        <v>0.01</v>
      </c>
      <c r="X3982" s="2">
        <v>118.9</v>
      </c>
      <c r="Y3982" s="2">
        <v>7.6</v>
      </c>
      <c r="Z3982" s="2">
        <v>10.6</v>
      </c>
      <c r="AA3982" s="5"/>
      <c r="AB3982" s="5" t="s">
        <v>43</v>
      </c>
      <c r="AC3982" s="5" t="s">
        <v>44</v>
      </c>
      <c r="AD3982" s="2"/>
      <c r="AE3982" s="1"/>
    </row>
    <row r="3983" spans="1:31" ht="14.45">
      <c r="A3983" s="11"/>
      <c r="B3983" s="20"/>
      <c r="C3983" s="2" t="s">
        <v>12403</v>
      </c>
      <c r="D3983" s="14" t="s">
        <v>12404</v>
      </c>
      <c r="E3983" s="2" t="s">
        <v>12405</v>
      </c>
      <c r="F3983" s="2" t="s">
        <v>2724</v>
      </c>
      <c r="G3983" s="8">
        <v>151</v>
      </c>
      <c r="H3983" s="5">
        <v>13</v>
      </c>
      <c r="I3983" s="5" t="s">
        <v>1518</v>
      </c>
      <c r="J3983" s="5" t="s">
        <v>1519</v>
      </c>
      <c r="K3983" s="2" t="s">
        <v>1520</v>
      </c>
      <c r="L3983" s="5" t="s">
        <v>1519</v>
      </c>
      <c r="M3983" s="2" t="s">
        <v>1520</v>
      </c>
      <c r="N3983" s="5" t="s">
        <v>1521</v>
      </c>
      <c r="O3983" s="5" t="s">
        <v>38</v>
      </c>
      <c r="P3983" s="5" t="s">
        <v>39</v>
      </c>
      <c r="Q3983" s="5" t="s">
        <v>40</v>
      </c>
      <c r="R3983" s="5" t="s">
        <v>1522</v>
      </c>
      <c r="S3983" s="5" t="s">
        <v>1523</v>
      </c>
      <c r="T3983" s="5" t="s">
        <v>42</v>
      </c>
      <c r="U3983" s="2">
        <v>2.3610000000000002</v>
      </c>
      <c r="V3983" s="2">
        <v>2.036</v>
      </c>
      <c r="W3983" s="2">
        <v>0.01</v>
      </c>
      <c r="X3983" s="2">
        <v>118.9</v>
      </c>
      <c r="Y3983" s="2">
        <v>7.6</v>
      </c>
      <c r="Z3983" s="2">
        <v>10.6</v>
      </c>
      <c r="AA3983" s="5"/>
      <c r="AB3983" s="5" t="s">
        <v>43</v>
      </c>
      <c r="AC3983" s="5" t="s">
        <v>44</v>
      </c>
      <c r="AD3983" s="2"/>
      <c r="AE3983" s="1"/>
    </row>
    <row r="3984" spans="1:31" ht="14.45">
      <c r="A3984" s="11"/>
      <c r="B3984" s="20"/>
      <c r="C3984" s="2" t="s">
        <v>12406</v>
      </c>
      <c r="D3984" s="14" t="s">
        <v>12407</v>
      </c>
      <c r="E3984" s="2" t="s">
        <v>12408</v>
      </c>
      <c r="F3984" s="2" t="s">
        <v>2208</v>
      </c>
      <c r="G3984" s="8">
        <v>151</v>
      </c>
      <c r="H3984" s="5">
        <v>13</v>
      </c>
      <c r="I3984" s="5" t="s">
        <v>1518</v>
      </c>
      <c r="J3984" s="5" t="s">
        <v>1519</v>
      </c>
      <c r="K3984" s="2" t="s">
        <v>1520</v>
      </c>
      <c r="L3984" s="5" t="s">
        <v>1519</v>
      </c>
      <c r="M3984" s="2" t="s">
        <v>1520</v>
      </c>
      <c r="N3984" s="5" t="s">
        <v>1521</v>
      </c>
      <c r="O3984" s="5" t="s">
        <v>38</v>
      </c>
      <c r="P3984" s="5" t="s">
        <v>39</v>
      </c>
      <c r="Q3984" s="5" t="s">
        <v>40</v>
      </c>
      <c r="R3984" s="5" t="s">
        <v>1522</v>
      </c>
      <c r="S3984" s="5" t="s">
        <v>1523</v>
      </c>
      <c r="T3984" s="5" t="s">
        <v>42</v>
      </c>
      <c r="U3984" s="2">
        <v>2.3069999999999999</v>
      </c>
      <c r="V3984" s="2">
        <v>1.982</v>
      </c>
      <c r="W3984" s="2">
        <v>0.01</v>
      </c>
      <c r="X3984" s="2">
        <v>118.9</v>
      </c>
      <c r="Y3984" s="2">
        <v>7.6</v>
      </c>
      <c r="Z3984" s="2">
        <v>10.6</v>
      </c>
      <c r="AA3984" s="5"/>
      <c r="AB3984" s="5" t="s">
        <v>43</v>
      </c>
      <c r="AC3984" s="5" t="s">
        <v>44</v>
      </c>
      <c r="AD3984" s="2"/>
      <c r="AE3984" s="1"/>
    </row>
    <row r="3985" spans="1:31" ht="14.45">
      <c r="A3985" s="11"/>
      <c r="B3985" s="20"/>
      <c r="C3985" s="2" t="s">
        <v>12409</v>
      </c>
      <c r="D3985" s="14" t="s">
        <v>12410</v>
      </c>
      <c r="E3985" s="2" t="s">
        <v>12411</v>
      </c>
      <c r="F3985" s="2" t="s">
        <v>2212</v>
      </c>
      <c r="G3985" s="8">
        <v>151</v>
      </c>
      <c r="H3985" s="5">
        <v>13</v>
      </c>
      <c r="I3985" s="5" t="s">
        <v>1518</v>
      </c>
      <c r="J3985" s="5" t="s">
        <v>1519</v>
      </c>
      <c r="K3985" s="2" t="s">
        <v>1520</v>
      </c>
      <c r="L3985" s="5" t="s">
        <v>1519</v>
      </c>
      <c r="M3985" s="2" t="s">
        <v>1520</v>
      </c>
      <c r="N3985" s="5" t="s">
        <v>1521</v>
      </c>
      <c r="O3985" s="5" t="s">
        <v>38</v>
      </c>
      <c r="P3985" s="5" t="s">
        <v>39</v>
      </c>
      <c r="Q3985" s="5" t="s">
        <v>40</v>
      </c>
      <c r="R3985" s="5" t="s">
        <v>1522</v>
      </c>
      <c r="S3985" s="5" t="s">
        <v>1523</v>
      </c>
      <c r="T3985" s="5" t="s">
        <v>42</v>
      </c>
      <c r="U3985" s="2">
        <v>2.3610000000000002</v>
      </c>
      <c r="V3985" s="2">
        <v>2.036</v>
      </c>
      <c r="W3985" s="2">
        <v>0.01</v>
      </c>
      <c r="X3985" s="2">
        <v>118.9</v>
      </c>
      <c r="Y3985" s="2">
        <v>7.6</v>
      </c>
      <c r="Z3985" s="2">
        <v>10.6</v>
      </c>
      <c r="AA3985" s="5"/>
      <c r="AB3985" s="5" t="s">
        <v>43</v>
      </c>
      <c r="AC3985" s="5" t="s">
        <v>44</v>
      </c>
      <c r="AD3985" s="2"/>
      <c r="AE3985" s="1"/>
    </row>
    <row r="3986" spans="1:31" ht="14.45">
      <c r="A3986" s="11"/>
      <c r="B3986" s="20"/>
      <c r="C3986" s="2" t="s">
        <v>12412</v>
      </c>
      <c r="D3986" s="14" t="s">
        <v>12413</v>
      </c>
      <c r="E3986" s="2" t="s">
        <v>12414</v>
      </c>
      <c r="F3986" s="2" t="s">
        <v>1831</v>
      </c>
      <c r="G3986" s="8">
        <v>151</v>
      </c>
      <c r="H3986" s="5">
        <v>13</v>
      </c>
      <c r="I3986" s="5" t="s">
        <v>1518</v>
      </c>
      <c r="J3986" s="5" t="s">
        <v>1519</v>
      </c>
      <c r="K3986" s="2" t="s">
        <v>1520</v>
      </c>
      <c r="L3986" s="5" t="s">
        <v>1519</v>
      </c>
      <c r="M3986" s="2" t="s">
        <v>1520</v>
      </c>
      <c r="N3986" s="5" t="s">
        <v>1521</v>
      </c>
      <c r="O3986" s="5" t="s">
        <v>38</v>
      </c>
      <c r="P3986" s="5" t="s">
        <v>39</v>
      </c>
      <c r="Q3986" s="5" t="s">
        <v>40</v>
      </c>
      <c r="R3986" s="5" t="s">
        <v>1522</v>
      </c>
      <c r="S3986" s="5" t="s">
        <v>1523</v>
      </c>
      <c r="T3986" s="5" t="s">
        <v>42</v>
      </c>
      <c r="U3986" s="2">
        <v>2.3069999999999999</v>
      </c>
      <c r="V3986" s="2">
        <v>1.982</v>
      </c>
      <c r="W3986" s="2">
        <v>0.01</v>
      </c>
      <c r="X3986" s="2">
        <v>118.9</v>
      </c>
      <c r="Y3986" s="2">
        <v>7.6</v>
      </c>
      <c r="Z3986" s="2">
        <v>10.6</v>
      </c>
      <c r="AA3986" s="5"/>
      <c r="AB3986" s="5" t="s">
        <v>43</v>
      </c>
      <c r="AC3986" s="5" t="s">
        <v>44</v>
      </c>
      <c r="AD3986" s="2"/>
      <c r="AE3986" s="1"/>
    </row>
    <row r="3987" spans="1:31" ht="14.45">
      <c r="A3987" s="11"/>
      <c r="B3987" s="20"/>
      <c r="C3987" s="2" t="s">
        <v>12415</v>
      </c>
      <c r="D3987" s="14" t="s">
        <v>12416</v>
      </c>
      <c r="E3987" s="2" t="s">
        <v>12417</v>
      </c>
      <c r="F3987" s="2" t="s">
        <v>1835</v>
      </c>
      <c r="G3987" s="8">
        <v>151</v>
      </c>
      <c r="H3987" s="5">
        <v>13</v>
      </c>
      <c r="I3987" s="5" t="s">
        <v>1518</v>
      </c>
      <c r="J3987" s="5" t="s">
        <v>1519</v>
      </c>
      <c r="K3987" s="2" t="s">
        <v>1520</v>
      </c>
      <c r="L3987" s="5" t="s">
        <v>1519</v>
      </c>
      <c r="M3987" s="2" t="s">
        <v>1520</v>
      </c>
      <c r="N3987" s="5" t="s">
        <v>1521</v>
      </c>
      <c r="O3987" s="5" t="s">
        <v>38</v>
      </c>
      <c r="P3987" s="5" t="s">
        <v>39</v>
      </c>
      <c r="Q3987" s="5" t="s">
        <v>40</v>
      </c>
      <c r="R3987" s="5" t="s">
        <v>1522</v>
      </c>
      <c r="S3987" s="5" t="s">
        <v>1523</v>
      </c>
      <c r="T3987" s="5" t="s">
        <v>42</v>
      </c>
      <c r="U3987" s="2">
        <v>2.3610000000000002</v>
      </c>
      <c r="V3987" s="2">
        <v>2.036</v>
      </c>
      <c r="W3987" s="2">
        <v>0.01</v>
      </c>
      <c r="X3987" s="2">
        <v>118.9</v>
      </c>
      <c r="Y3987" s="2">
        <v>7.6</v>
      </c>
      <c r="Z3987" s="2">
        <v>10.6</v>
      </c>
      <c r="AA3987" s="5"/>
      <c r="AB3987" s="5" t="s">
        <v>43</v>
      </c>
      <c r="AC3987" s="5" t="s">
        <v>44</v>
      </c>
      <c r="AD3987" s="2"/>
      <c r="AE3987" s="1"/>
    </row>
    <row r="3988" spans="1:31" ht="14.45">
      <c r="A3988" s="11"/>
      <c r="B3988" s="20"/>
      <c r="C3988" s="2" t="s">
        <v>12418</v>
      </c>
      <c r="D3988" s="14" t="s">
        <v>12419</v>
      </c>
      <c r="E3988" s="2" t="s">
        <v>12420</v>
      </c>
      <c r="F3988" s="2" t="s">
        <v>1839</v>
      </c>
      <c r="G3988" s="8">
        <v>151</v>
      </c>
      <c r="H3988" s="5">
        <v>13</v>
      </c>
      <c r="I3988" s="5" t="s">
        <v>1518</v>
      </c>
      <c r="J3988" s="5" t="s">
        <v>1519</v>
      </c>
      <c r="K3988" s="2" t="s">
        <v>1520</v>
      </c>
      <c r="L3988" s="5" t="s">
        <v>1519</v>
      </c>
      <c r="M3988" s="2" t="s">
        <v>1520</v>
      </c>
      <c r="N3988" s="5" t="s">
        <v>1521</v>
      </c>
      <c r="O3988" s="5" t="s">
        <v>38</v>
      </c>
      <c r="P3988" s="5" t="s">
        <v>39</v>
      </c>
      <c r="Q3988" s="5" t="s">
        <v>40</v>
      </c>
      <c r="R3988" s="5" t="s">
        <v>1522</v>
      </c>
      <c r="S3988" s="5" t="s">
        <v>1523</v>
      </c>
      <c r="T3988" s="5" t="s">
        <v>42</v>
      </c>
      <c r="U3988" s="2">
        <v>2.3069999999999999</v>
      </c>
      <c r="V3988" s="2">
        <v>1.982</v>
      </c>
      <c r="W3988" s="2">
        <v>0.01</v>
      </c>
      <c r="X3988" s="2">
        <v>118.9</v>
      </c>
      <c r="Y3988" s="2">
        <v>7.6</v>
      </c>
      <c r="Z3988" s="2">
        <v>10.6</v>
      </c>
      <c r="AA3988" s="5"/>
      <c r="AB3988" s="5" t="s">
        <v>43</v>
      </c>
      <c r="AC3988" s="5" t="s">
        <v>44</v>
      </c>
      <c r="AD3988" s="2"/>
      <c r="AE3988" s="1"/>
    </row>
    <row r="3989" spans="1:31" ht="14.45">
      <c r="A3989" s="11"/>
      <c r="B3989" s="20"/>
      <c r="C3989" s="2" t="s">
        <v>12421</v>
      </c>
      <c r="D3989" s="14" t="s">
        <v>12422</v>
      </c>
      <c r="E3989" s="2" t="s">
        <v>12423</v>
      </c>
      <c r="F3989" s="2" t="s">
        <v>1986</v>
      </c>
      <c r="G3989" s="8">
        <v>151</v>
      </c>
      <c r="H3989" s="5">
        <v>13</v>
      </c>
      <c r="I3989" s="5" t="s">
        <v>1518</v>
      </c>
      <c r="J3989" s="5" t="s">
        <v>1519</v>
      </c>
      <c r="K3989" s="2" t="s">
        <v>1520</v>
      </c>
      <c r="L3989" s="5" t="s">
        <v>1519</v>
      </c>
      <c r="M3989" s="2" t="s">
        <v>1520</v>
      </c>
      <c r="N3989" s="5" t="s">
        <v>1521</v>
      </c>
      <c r="O3989" s="5" t="s">
        <v>38</v>
      </c>
      <c r="P3989" s="5" t="s">
        <v>39</v>
      </c>
      <c r="Q3989" s="5" t="s">
        <v>40</v>
      </c>
      <c r="R3989" s="5" t="s">
        <v>1522</v>
      </c>
      <c r="S3989" s="5" t="s">
        <v>1523</v>
      </c>
      <c r="T3989" s="5" t="s">
        <v>42</v>
      </c>
      <c r="U3989" s="2">
        <v>2.3610000000000002</v>
      </c>
      <c r="V3989" s="2">
        <v>2.036</v>
      </c>
      <c r="W3989" s="2">
        <v>0.01</v>
      </c>
      <c r="X3989" s="2">
        <v>118.9</v>
      </c>
      <c r="Y3989" s="2">
        <v>7.6</v>
      </c>
      <c r="Z3989" s="2">
        <v>10.6</v>
      </c>
      <c r="AA3989" s="5"/>
      <c r="AB3989" s="5" t="s">
        <v>43</v>
      </c>
      <c r="AC3989" s="5" t="s">
        <v>44</v>
      </c>
      <c r="AD3989" s="2"/>
      <c r="AE3989" s="1"/>
    </row>
    <row r="3990" spans="1:31" ht="14.45">
      <c r="A3990" s="11"/>
      <c r="B3990" s="20"/>
      <c r="C3990" s="2" t="s">
        <v>12424</v>
      </c>
      <c r="D3990" s="14" t="s">
        <v>12425</v>
      </c>
      <c r="E3990" s="2" t="s">
        <v>12426</v>
      </c>
      <c r="F3990" s="2" t="s">
        <v>1843</v>
      </c>
      <c r="G3990" s="8">
        <v>151</v>
      </c>
      <c r="H3990" s="5">
        <v>13</v>
      </c>
      <c r="I3990" s="5" t="s">
        <v>1518</v>
      </c>
      <c r="J3990" s="5" t="s">
        <v>1519</v>
      </c>
      <c r="K3990" s="2" t="s">
        <v>1520</v>
      </c>
      <c r="L3990" s="5" t="s">
        <v>1519</v>
      </c>
      <c r="M3990" s="2" t="s">
        <v>1520</v>
      </c>
      <c r="N3990" s="5" t="s">
        <v>1521</v>
      </c>
      <c r="O3990" s="5" t="s">
        <v>38</v>
      </c>
      <c r="P3990" s="5" t="s">
        <v>39</v>
      </c>
      <c r="Q3990" s="5" t="s">
        <v>40</v>
      </c>
      <c r="R3990" s="5" t="s">
        <v>1522</v>
      </c>
      <c r="S3990" s="5" t="s">
        <v>1523</v>
      </c>
      <c r="T3990" s="5" t="s">
        <v>42</v>
      </c>
      <c r="U3990" s="2">
        <v>2.3069999999999999</v>
      </c>
      <c r="V3990" s="2">
        <v>1.982</v>
      </c>
      <c r="W3990" s="2">
        <v>0.01</v>
      </c>
      <c r="X3990" s="2">
        <v>118.9</v>
      </c>
      <c r="Y3990" s="2">
        <v>7.6</v>
      </c>
      <c r="Z3990" s="2">
        <v>10.6</v>
      </c>
      <c r="AA3990" s="5"/>
      <c r="AB3990" s="5" t="s">
        <v>43</v>
      </c>
      <c r="AC3990" s="5" t="s">
        <v>44</v>
      </c>
      <c r="AD3990" s="2"/>
      <c r="AE3990" s="1"/>
    </row>
    <row r="3991" spans="1:31" ht="14.45">
      <c r="A3991" s="11"/>
      <c r="B3991" s="20"/>
      <c r="C3991" s="2" t="s">
        <v>12427</v>
      </c>
      <c r="D3991" s="14" t="s">
        <v>12428</v>
      </c>
      <c r="E3991" s="2" t="s">
        <v>12429</v>
      </c>
      <c r="F3991" s="2" t="s">
        <v>1847</v>
      </c>
      <c r="G3991" s="8">
        <v>151</v>
      </c>
      <c r="H3991" s="5">
        <v>13</v>
      </c>
      <c r="I3991" s="5" t="s">
        <v>1518</v>
      </c>
      <c r="J3991" s="5" t="s">
        <v>1519</v>
      </c>
      <c r="K3991" s="2" t="s">
        <v>1520</v>
      </c>
      <c r="L3991" s="5" t="s">
        <v>1519</v>
      </c>
      <c r="M3991" s="2" t="s">
        <v>1520</v>
      </c>
      <c r="N3991" s="5" t="s">
        <v>1521</v>
      </c>
      <c r="O3991" s="5" t="s">
        <v>38</v>
      </c>
      <c r="P3991" s="5" t="s">
        <v>39</v>
      </c>
      <c r="Q3991" s="5" t="s">
        <v>40</v>
      </c>
      <c r="R3991" s="5" t="s">
        <v>1522</v>
      </c>
      <c r="S3991" s="5" t="s">
        <v>1523</v>
      </c>
      <c r="T3991" s="5" t="s">
        <v>42</v>
      </c>
      <c r="U3991" s="2">
        <v>2.3610000000000002</v>
      </c>
      <c r="V3991" s="2">
        <v>2.036</v>
      </c>
      <c r="W3991" s="2">
        <v>0.01</v>
      </c>
      <c r="X3991" s="2">
        <v>118.9</v>
      </c>
      <c r="Y3991" s="2">
        <v>7.6</v>
      </c>
      <c r="Z3991" s="2">
        <v>10.6</v>
      </c>
      <c r="AA3991" s="5"/>
      <c r="AB3991" s="5" t="s">
        <v>43</v>
      </c>
      <c r="AC3991" s="5" t="s">
        <v>44</v>
      </c>
      <c r="AD3991" s="2"/>
      <c r="AE3991" s="1"/>
    </row>
    <row r="3992" spans="1:31" ht="14.45">
      <c r="A3992" s="11"/>
      <c r="B3992" s="20"/>
      <c r="C3992" s="2" t="s">
        <v>12430</v>
      </c>
      <c r="D3992" s="14" t="s">
        <v>12431</v>
      </c>
      <c r="E3992" s="2" t="s">
        <v>12432</v>
      </c>
      <c r="F3992" s="2" t="s">
        <v>1851</v>
      </c>
      <c r="G3992" s="8">
        <v>151</v>
      </c>
      <c r="H3992" s="5">
        <v>13</v>
      </c>
      <c r="I3992" s="5" t="s">
        <v>1518</v>
      </c>
      <c r="J3992" s="5" t="s">
        <v>1519</v>
      </c>
      <c r="K3992" s="2" t="s">
        <v>1520</v>
      </c>
      <c r="L3992" s="5" t="s">
        <v>1519</v>
      </c>
      <c r="M3992" s="2" t="s">
        <v>1520</v>
      </c>
      <c r="N3992" s="5" t="s">
        <v>1521</v>
      </c>
      <c r="O3992" s="5" t="s">
        <v>38</v>
      </c>
      <c r="P3992" s="5" t="s">
        <v>39</v>
      </c>
      <c r="Q3992" s="5" t="s">
        <v>40</v>
      </c>
      <c r="R3992" s="5" t="s">
        <v>1522</v>
      </c>
      <c r="S3992" s="5" t="s">
        <v>1523</v>
      </c>
      <c r="T3992" s="5" t="s">
        <v>42</v>
      </c>
      <c r="U3992" s="2">
        <v>2.3069999999999999</v>
      </c>
      <c r="V3992" s="2">
        <v>1.982</v>
      </c>
      <c r="W3992" s="2">
        <v>0.01</v>
      </c>
      <c r="X3992" s="2">
        <v>118.9</v>
      </c>
      <c r="Y3992" s="2">
        <v>7.6</v>
      </c>
      <c r="Z3992" s="2">
        <v>10.6</v>
      </c>
      <c r="AA3992" s="5"/>
      <c r="AB3992" s="5" t="s">
        <v>43</v>
      </c>
      <c r="AC3992" s="5" t="s">
        <v>44</v>
      </c>
      <c r="AD3992" s="2"/>
      <c r="AE3992" s="1"/>
    </row>
    <row r="3993" spans="1:31" ht="14.45">
      <c r="A3993" s="11"/>
      <c r="B3993" s="20"/>
      <c r="C3993" s="2" t="s">
        <v>12433</v>
      </c>
      <c r="D3993" s="14" t="s">
        <v>12434</v>
      </c>
      <c r="E3993" s="2" t="s">
        <v>12435</v>
      </c>
      <c r="F3993" s="2" t="s">
        <v>1999</v>
      </c>
      <c r="G3993" s="8">
        <v>151</v>
      </c>
      <c r="H3993" s="5">
        <v>13</v>
      </c>
      <c r="I3993" s="5" t="s">
        <v>1518</v>
      </c>
      <c r="J3993" s="5" t="s">
        <v>1519</v>
      </c>
      <c r="K3993" s="2" t="s">
        <v>1520</v>
      </c>
      <c r="L3993" s="5" t="s">
        <v>1519</v>
      </c>
      <c r="M3993" s="2" t="s">
        <v>1520</v>
      </c>
      <c r="N3993" s="5" t="s">
        <v>1521</v>
      </c>
      <c r="O3993" s="5" t="s">
        <v>38</v>
      </c>
      <c r="P3993" s="5" t="s">
        <v>39</v>
      </c>
      <c r="Q3993" s="5" t="s">
        <v>40</v>
      </c>
      <c r="R3993" s="5" t="s">
        <v>1522</v>
      </c>
      <c r="S3993" s="5" t="s">
        <v>1523</v>
      </c>
      <c r="T3993" s="5" t="s">
        <v>42</v>
      </c>
      <c r="U3993" s="2">
        <v>2.3610000000000002</v>
      </c>
      <c r="V3993" s="2">
        <v>2.036</v>
      </c>
      <c r="W3993" s="2">
        <v>0.01</v>
      </c>
      <c r="X3993" s="2">
        <v>118.9</v>
      </c>
      <c r="Y3993" s="2">
        <v>7.6</v>
      </c>
      <c r="Z3993" s="2">
        <v>10.6</v>
      </c>
      <c r="AA3993" s="5"/>
      <c r="AB3993" s="5" t="s">
        <v>43</v>
      </c>
      <c r="AC3993" s="5" t="s">
        <v>44</v>
      </c>
      <c r="AD3993" s="2"/>
      <c r="AE3993" s="1"/>
    </row>
    <row r="3994" spans="1:31" ht="14.45">
      <c r="A3994" s="11"/>
      <c r="B3994" s="20"/>
      <c r="C3994" s="2" t="s">
        <v>12436</v>
      </c>
      <c r="D3994" s="14" t="s">
        <v>12437</v>
      </c>
      <c r="E3994" s="2" t="s">
        <v>12438</v>
      </c>
      <c r="F3994" s="2" t="s">
        <v>1855</v>
      </c>
      <c r="G3994" s="8">
        <v>151</v>
      </c>
      <c r="H3994" s="5">
        <v>13</v>
      </c>
      <c r="I3994" s="5" t="s">
        <v>1518</v>
      </c>
      <c r="J3994" s="5" t="s">
        <v>1519</v>
      </c>
      <c r="K3994" s="2" t="s">
        <v>1520</v>
      </c>
      <c r="L3994" s="5" t="s">
        <v>1519</v>
      </c>
      <c r="M3994" s="2" t="s">
        <v>1520</v>
      </c>
      <c r="N3994" s="5" t="s">
        <v>1521</v>
      </c>
      <c r="O3994" s="5" t="s">
        <v>38</v>
      </c>
      <c r="P3994" s="5" t="s">
        <v>39</v>
      </c>
      <c r="Q3994" s="5" t="s">
        <v>40</v>
      </c>
      <c r="R3994" s="5" t="s">
        <v>1522</v>
      </c>
      <c r="S3994" s="5" t="s">
        <v>1523</v>
      </c>
      <c r="T3994" s="5" t="s">
        <v>42</v>
      </c>
      <c r="U3994" s="2">
        <v>2.3069999999999999</v>
      </c>
      <c r="V3994" s="2">
        <v>1.982</v>
      </c>
      <c r="W3994" s="2">
        <v>0.01</v>
      </c>
      <c r="X3994" s="2">
        <v>118.9</v>
      </c>
      <c r="Y3994" s="2">
        <v>7.6</v>
      </c>
      <c r="Z3994" s="2">
        <v>10.6</v>
      </c>
      <c r="AA3994" s="5"/>
      <c r="AB3994" s="5" t="s">
        <v>43</v>
      </c>
      <c r="AC3994" s="5" t="s">
        <v>44</v>
      </c>
      <c r="AD3994" s="2"/>
      <c r="AE3994" s="1"/>
    </row>
    <row r="3995" spans="1:31" ht="14.45">
      <c r="A3995" s="11"/>
      <c r="B3995" s="20"/>
      <c r="C3995" s="2" t="s">
        <v>12439</v>
      </c>
      <c r="D3995" s="14" t="s">
        <v>12440</v>
      </c>
      <c r="E3995" s="2" t="s">
        <v>12441</v>
      </c>
      <c r="F3995" s="2" t="s">
        <v>1859</v>
      </c>
      <c r="G3995" s="8">
        <v>151</v>
      </c>
      <c r="H3995" s="5">
        <v>13</v>
      </c>
      <c r="I3995" s="5" t="s">
        <v>1518</v>
      </c>
      <c r="J3995" s="5" t="s">
        <v>1519</v>
      </c>
      <c r="K3995" s="2" t="s">
        <v>1520</v>
      </c>
      <c r="L3995" s="5" t="s">
        <v>1519</v>
      </c>
      <c r="M3995" s="2" t="s">
        <v>1520</v>
      </c>
      <c r="N3995" s="5" t="s">
        <v>1521</v>
      </c>
      <c r="O3995" s="5" t="s">
        <v>38</v>
      </c>
      <c r="P3995" s="5" t="s">
        <v>39</v>
      </c>
      <c r="Q3995" s="5" t="s">
        <v>40</v>
      </c>
      <c r="R3995" s="5" t="s">
        <v>1522</v>
      </c>
      <c r="S3995" s="5" t="s">
        <v>1523</v>
      </c>
      <c r="T3995" s="5" t="s">
        <v>42</v>
      </c>
      <c r="U3995" s="2">
        <v>2.3610000000000002</v>
      </c>
      <c r="V3995" s="2">
        <v>2.036</v>
      </c>
      <c r="W3995" s="2">
        <v>0.01</v>
      </c>
      <c r="X3995" s="2">
        <v>118.9</v>
      </c>
      <c r="Y3995" s="2">
        <v>7.6</v>
      </c>
      <c r="Z3995" s="2">
        <v>10.6</v>
      </c>
      <c r="AA3995" s="5"/>
      <c r="AB3995" s="5" t="s">
        <v>43</v>
      </c>
      <c r="AC3995" s="5" t="s">
        <v>44</v>
      </c>
      <c r="AD3995" s="2"/>
      <c r="AE3995" s="1"/>
    </row>
    <row r="3996" spans="1:31" ht="14.45">
      <c r="A3996" s="11"/>
      <c r="B3996" s="20"/>
      <c r="C3996" s="2" t="s">
        <v>12442</v>
      </c>
      <c r="D3996" s="14" t="s">
        <v>12443</v>
      </c>
      <c r="E3996" s="2" t="s">
        <v>12444</v>
      </c>
      <c r="F3996" s="2" t="s">
        <v>1863</v>
      </c>
      <c r="G3996" s="8">
        <v>151</v>
      </c>
      <c r="H3996" s="5">
        <v>11</v>
      </c>
      <c r="I3996" s="5" t="s">
        <v>1518</v>
      </c>
      <c r="J3996" s="5" t="s">
        <v>1519</v>
      </c>
      <c r="K3996" s="2" t="s">
        <v>1520</v>
      </c>
      <c r="L3996" s="5" t="s">
        <v>1519</v>
      </c>
      <c r="M3996" s="2" t="s">
        <v>1520</v>
      </c>
      <c r="N3996" s="5" t="s">
        <v>1521</v>
      </c>
      <c r="O3996" s="5" t="s">
        <v>38</v>
      </c>
      <c r="P3996" s="5" t="s">
        <v>39</v>
      </c>
      <c r="Q3996" s="5" t="s">
        <v>40</v>
      </c>
      <c r="R3996" s="5" t="s">
        <v>1522</v>
      </c>
      <c r="S3996" s="5" t="s">
        <v>1523</v>
      </c>
      <c r="T3996" s="5" t="s">
        <v>42</v>
      </c>
      <c r="U3996" s="2">
        <v>2.2320000000000002</v>
      </c>
      <c r="V3996" s="2">
        <v>1.905</v>
      </c>
      <c r="W3996" s="2">
        <v>0.01</v>
      </c>
      <c r="X3996" s="2">
        <v>118.9</v>
      </c>
      <c r="Y3996" s="2">
        <v>7.6</v>
      </c>
      <c r="Z3996" s="2">
        <v>10.6</v>
      </c>
      <c r="AA3996" s="5"/>
      <c r="AB3996" s="5" t="s">
        <v>43</v>
      </c>
      <c r="AC3996" s="5" t="s">
        <v>44</v>
      </c>
      <c r="AD3996" s="2"/>
      <c r="AE3996" s="1"/>
    </row>
    <row r="3997" spans="1:31" ht="14.45">
      <c r="A3997" s="11"/>
      <c r="B3997" s="20"/>
      <c r="C3997" s="2" t="s">
        <v>12445</v>
      </c>
      <c r="D3997" s="14" t="s">
        <v>12446</v>
      </c>
      <c r="E3997" s="2" t="s">
        <v>12447</v>
      </c>
      <c r="F3997" s="2" t="s">
        <v>1867</v>
      </c>
      <c r="G3997" s="8">
        <v>151</v>
      </c>
      <c r="H3997" s="5">
        <v>11</v>
      </c>
      <c r="I3997" s="5" t="s">
        <v>1518</v>
      </c>
      <c r="J3997" s="5" t="s">
        <v>1519</v>
      </c>
      <c r="K3997" s="2" t="s">
        <v>1520</v>
      </c>
      <c r="L3997" s="5" t="s">
        <v>1519</v>
      </c>
      <c r="M3997" s="2" t="s">
        <v>1520</v>
      </c>
      <c r="N3997" s="5" t="s">
        <v>1521</v>
      </c>
      <c r="O3997" s="5" t="s">
        <v>38</v>
      </c>
      <c r="P3997" s="5" t="s">
        <v>39</v>
      </c>
      <c r="Q3997" s="5" t="s">
        <v>40</v>
      </c>
      <c r="R3997" s="5" t="s">
        <v>1522</v>
      </c>
      <c r="S3997" s="5" t="s">
        <v>1523</v>
      </c>
      <c r="T3997" s="5" t="s">
        <v>42</v>
      </c>
      <c r="U3997" s="2">
        <v>2.286</v>
      </c>
      <c r="V3997" s="2">
        <v>1.9590000000000001</v>
      </c>
      <c r="W3997" s="2">
        <v>0.01</v>
      </c>
      <c r="X3997" s="2">
        <v>118.9</v>
      </c>
      <c r="Y3997" s="2">
        <v>7.6</v>
      </c>
      <c r="Z3997" s="2">
        <v>10.6</v>
      </c>
      <c r="AA3997" s="5"/>
      <c r="AB3997" s="5" t="s">
        <v>43</v>
      </c>
      <c r="AC3997" s="5" t="s">
        <v>44</v>
      </c>
      <c r="AD3997" s="2"/>
      <c r="AE3997" s="1"/>
    </row>
    <row r="3998" spans="1:31" ht="14.45">
      <c r="A3998" s="11"/>
      <c r="B3998" s="20"/>
      <c r="C3998" s="2" t="s">
        <v>12448</v>
      </c>
      <c r="D3998" s="14" t="s">
        <v>12449</v>
      </c>
      <c r="E3998" s="2" t="s">
        <v>12450</v>
      </c>
      <c r="F3998" s="2" t="s">
        <v>7396</v>
      </c>
      <c r="G3998" s="8">
        <v>148</v>
      </c>
      <c r="H3998" s="5">
        <v>5</v>
      </c>
      <c r="I3998" s="5" t="s">
        <v>1518</v>
      </c>
      <c r="J3998" s="5" t="s">
        <v>1519</v>
      </c>
      <c r="K3998" s="2" t="s">
        <v>1520</v>
      </c>
      <c r="L3998" s="5" t="s">
        <v>1519</v>
      </c>
      <c r="M3998" s="2" t="s">
        <v>1520</v>
      </c>
      <c r="N3998" s="5" t="s">
        <v>1521</v>
      </c>
      <c r="O3998" s="5" t="s">
        <v>38</v>
      </c>
      <c r="P3998" s="5" t="s">
        <v>39</v>
      </c>
      <c r="Q3998" s="5" t="s">
        <v>40</v>
      </c>
      <c r="R3998" s="5" t="s">
        <v>1522</v>
      </c>
      <c r="S3998" s="5" t="s">
        <v>1523</v>
      </c>
      <c r="T3998" s="5" t="s">
        <v>42</v>
      </c>
      <c r="U3998" s="2">
        <v>2.4319999999999999</v>
      </c>
      <c r="V3998" s="2">
        <v>2.0539999999999998</v>
      </c>
      <c r="W3998" s="2">
        <v>1.0999999999999999E-2</v>
      </c>
      <c r="X3998" s="2">
        <v>139.1</v>
      </c>
      <c r="Y3998" s="2">
        <v>7.6</v>
      </c>
      <c r="Z3998" s="2">
        <v>10.6</v>
      </c>
      <c r="AA3998" s="5"/>
      <c r="AB3998" s="5" t="s">
        <v>43</v>
      </c>
      <c r="AC3998" s="5" t="s">
        <v>44</v>
      </c>
      <c r="AD3998" s="2"/>
      <c r="AE3998" s="1"/>
    </row>
    <row r="3999" spans="1:31" ht="14.45">
      <c r="A3999" s="11"/>
      <c r="B3999" s="20"/>
      <c r="C3999" s="2" t="s">
        <v>12451</v>
      </c>
      <c r="D3999" s="14" t="s">
        <v>12452</v>
      </c>
      <c r="E3999" s="2" t="s">
        <v>12453</v>
      </c>
      <c r="F3999" s="2" t="s">
        <v>7507</v>
      </c>
      <c r="G3999" s="8">
        <v>148</v>
      </c>
      <c r="H3999" s="5">
        <v>5</v>
      </c>
      <c r="I3999" s="5" t="s">
        <v>1518</v>
      </c>
      <c r="J3999" s="5" t="s">
        <v>1519</v>
      </c>
      <c r="K3999" s="2" t="s">
        <v>1520</v>
      </c>
      <c r="L3999" s="5" t="s">
        <v>1519</v>
      </c>
      <c r="M3999" s="2" t="s">
        <v>1520</v>
      </c>
      <c r="N3999" s="5" t="s">
        <v>1521</v>
      </c>
      <c r="O3999" s="5" t="s">
        <v>38</v>
      </c>
      <c r="P3999" s="5" t="s">
        <v>39</v>
      </c>
      <c r="Q3999" s="5" t="s">
        <v>40</v>
      </c>
      <c r="R3999" s="5" t="s">
        <v>1522</v>
      </c>
      <c r="S3999" s="5" t="s">
        <v>1523</v>
      </c>
      <c r="T3999" s="5" t="s">
        <v>42</v>
      </c>
      <c r="U3999" s="2">
        <v>2.4910000000000001</v>
      </c>
      <c r="V3999" s="2">
        <v>2.113</v>
      </c>
      <c r="W3999" s="2">
        <v>1.0999999999999999E-2</v>
      </c>
      <c r="X3999" s="2">
        <v>139.1</v>
      </c>
      <c r="Y3999" s="2">
        <v>7.6</v>
      </c>
      <c r="Z3999" s="2">
        <v>10.6</v>
      </c>
      <c r="AA3999" s="5"/>
      <c r="AB3999" s="5" t="s">
        <v>43</v>
      </c>
      <c r="AC3999" s="5" t="s">
        <v>44</v>
      </c>
      <c r="AD3999" s="2"/>
      <c r="AE3999" s="1"/>
    </row>
    <row r="4000" spans="1:31" ht="14.45">
      <c r="A4000" s="11"/>
      <c r="B4000" s="20"/>
      <c r="C4000" s="2" t="s">
        <v>12454</v>
      </c>
      <c r="D4000" s="14" t="s">
        <v>12455</v>
      </c>
      <c r="E4000" s="2" t="s">
        <v>12456</v>
      </c>
      <c r="F4000" s="2" t="s">
        <v>7204</v>
      </c>
      <c r="G4000" s="8">
        <v>148</v>
      </c>
      <c r="H4000" s="5">
        <v>5</v>
      </c>
      <c r="I4000" s="5" t="s">
        <v>1518</v>
      </c>
      <c r="J4000" s="5" t="s">
        <v>1519</v>
      </c>
      <c r="K4000" s="2" t="s">
        <v>1520</v>
      </c>
      <c r="L4000" s="5" t="s">
        <v>1519</v>
      </c>
      <c r="M4000" s="2" t="s">
        <v>1520</v>
      </c>
      <c r="N4000" s="5" t="s">
        <v>1521</v>
      </c>
      <c r="O4000" s="5" t="s">
        <v>38</v>
      </c>
      <c r="P4000" s="5" t="s">
        <v>39</v>
      </c>
      <c r="Q4000" s="5" t="s">
        <v>40</v>
      </c>
      <c r="R4000" s="5" t="s">
        <v>1522</v>
      </c>
      <c r="S4000" s="5" t="s">
        <v>1523</v>
      </c>
      <c r="T4000" s="5" t="s">
        <v>42</v>
      </c>
      <c r="U4000" s="2">
        <v>2.4460000000000002</v>
      </c>
      <c r="V4000" s="2">
        <v>2.0680000000000001</v>
      </c>
      <c r="W4000" s="2">
        <v>1.0999999999999999E-2</v>
      </c>
      <c r="X4000" s="2">
        <v>139.1</v>
      </c>
      <c r="Y4000" s="2">
        <v>7.6</v>
      </c>
      <c r="Z4000" s="2">
        <v>10.6</v>
      </c>
      <c r="AA4000" s="5"/>
      <c r="AB4000" s="5" t="s">
        <v>43</v>
      </c>
      <c r="AC4000" s="5" t="s">
        <v>44</v>
      </c>
      <c r="AD4000" s="2"/>
      <c r="AE4000" s="1"/>
    </row>
    <row r="4001" spans="1:31" ht="14.45">
      <c r="A4001" s="11"/>
      <c r="B4001" s="20"/>
      <c r="C4001" s="2" t="s">
        <v>12457</v>
      </c>
      <c r="D4001" s="14" t="s">
        <v>12458</v>
      </c>
      <c r="E4001" s="2" t="s">
        <v>12459</v>
      </c>
      <c r="F4001" s="2" t="s">
        <v>7514</v>
      </c>
      <c r="G4001" s="8">
        <v>148</v>
      </c>
      <c r="H4001" s="5">
        <v>5</v>
      </c>
      <c r="I4001" s="5" t="s">
        <v>1518</v>
      </c>
      <c r="J4001" s="5" t="s">
        <v>1519</v>
      </c>
      <c r="K4001" s="2" t="s">
        <v>1520</v>
      </c>
      <c r="L4001" s="5" t="s">
        <v>1519</v>
      </c>
      <c r="M4001" s="2" t="s">
        <v>1520</v>
      </c>
      <c r="N4001" s="5" t="s">
        <v>1521</v>
      </c>
      <c r="O4001" s="5" t="s">
        <v>38</v>
      </c>
      <c r="P4001" s="5" t="s">
        <v>39</v>
      </c>
      <c r="Q4001" s="5" t="s">
        <v>40</v>
      </c>
      <c r="R4001" s="5" t="s">
        <v>1522</v>
      </c>
      <c r="S4001" s="5" t="s">
        <v>1523</v>
      </c>
      <c r="T4001" s="5" t="s">
        <v>42</v>
      </c>
      <c r="U4001" s="2">
        <v>2.5049999999999999</v>
      </c>
      <c r="V4001" s="2">
        <v>2.1269999999999998</v>
      </c>
      <c r="W4001" s="2">
        <v>1.0999999999999999E-2</v>
      </c>
      <c r="X4001" s="2">
        <v>139.1</v>
      </c>
      <c r="Y4001" s="2">
        <v>7.6</v>
      </c>
      <c r="Z4001" s="2">
        <v>10.6</v>
      </c>
      <c r="AA4001" s="5"/>
      <c r="AB4001" s="5" t="s">
        <v>43</v>
      </c>
      <c r="AC4001" s="5" t="s">
        <v>44</v>
      </c>
      <c r="AD4001" s="2"/>
      <c r="AE4001" s="1"/>
    </row>
    <row r="4002" spans="1:31" ht="14.45">
      <c r="A4002" s="11"/>
      <c r="B4002" s="20"/>
      <c r="C4002" s="2" t="s">
        <v>12460</v>
      </c>
      <c r="D4002" s="14" t="s">
        <v>12461</v>
      </c>
      <c r="E4002" s="2" t="s">
        <v>12462</v>
      </c>
      <c r="F4002" s="2" t="s">
        <v>7208</v>
      </c>
      <c r="G4002" s="8">
        <v>148</v>
      </c>
      <c r="H4002" s="5">
        <v>5</v>
      </c>
      <c r="I4002" s="5" t="s">
        <v>1518</v>
      </c>
      <c r="J4002" s="5" t="s">
        <v>1519</v>
      </c>
      <c r="K4002" s="2" t="s">
        <v>1520</v>
      </c>
      <c r="L4002" s="5" t="s">
        <v>1519</v>
      </c>
      <c r="M4002" s="2" t="s">
        <v>1520</v>
      </c>
      <c r="N4002" s="5" t="s">
        <v>1521</v>
      </c>
      <c r="O4002" s="5" t="s">
        <v>38</v>
      </c>
      <c r="P4002" s="5" t="s">
        <v>39</v>
      </c>
      <c r="Q4002" s="5" t="s">
        <v>40</v>
      </c>
      <c r="R4002" s="5" t="s">
        <v>1522</v>
      </c>
      <c r="S4002" s="5" t="s">
        <v>1523</v>
      </c>
      <c r="T4002" s="5" t="s">
        <v>42</v>
      </c>
      <c r="U4002" s="2">
        <v>2.4460000000000002</v>
      </c>
      <c r="V4002" s="2">
        <v>2.0680000000000001</v>
      </c>
      <c r="W4002" s="2">
        <v>1.0999999999999999E-2</v>
      </c>
      <c r="X4002" s="2">
        <v>139.1</v>
      </c>
      <c r="Y4002" s="2">
        <v>7.6</v>
      </c>
      <c r="Z4002" s="2">
        <v>10.6</v>
      </c>
      <c r="AA4002" s="5"/>
      <c r="AB4002" s="5" t="s">
        <v>43</v>
      </c>
      <c r="AC4002" s="5" t="s">
        <v>44</v>
      </c>
      <c r="AD4002" s="2"/>
      <c r="AE4002" s="1"/>
    </row>
    <row r="4003" spans="1:31" ht="14.45">
      <c r="A4003" s="11"/>
      <c r="B4003" s="20"/>
      <c r="C4003" s="2" t="s">
        <v>12463</v>
      </c>
      <c r="D4003" s="14" t="s">
        <v>12464</v>
      </c>
      <c r="E4003" s="2" t="s">
        <v>12465</v>
      </c>
      <c r="F4003" s="2" t="s">
        <v>7521</v>
      </c>
      <c r="G4003" s="8">
        <v>148</v>
      </c>
      <c r="H4003" s="5">
        <v>5</v>
      </c>
      <c r="I4003" s="5" t="s">
        <v>1518</v>
      </c>
      <c r="J4003" s="5" t="s">
        <v>1519</v>
      </c>
      <c r="K4003" s="2" t="s">
        <v>1520</v>
      </c>
      <c r="L4003" s="5" t="s">
        <v>1519</v>
      </c>
      <c r="M4003" s="2" t="s">
        <v>1520</v>
      </c>
      <c r="N4003" s="5" t="s">
        <v>1521</v>
      </c>
      <c r="O4003" s="5" t="s">
        <v>38</v>
      </c>
      <c r="P4003" s="5" t="s">
        <v>39</v>
      </c>
      <c r="Q4003" s="5" t="s">
        <v>40</v>
      </c>
      <c r="R4003" s="5" t="s">
        <v>1522</v>
      </c>
      <c r="S4003" s="5" t="s">
        <v>1523</v>
      </c>
      <c r="T4003" s="5" t="s">
        <v>42</v>
      </c>
      <c r="U4003" s="2">
        <v>2.5049999999999999</v>
      </c>
      <c r="V4003" s="2">
        <v>2.1269999999999998</v>
      </c>
      <c r="W4003" s="2">
        <v>1.0999999999999999E-2</v>
      </c>
      <c r="X4003" s="2">
        <v>139.1</v>
      </c>
      <c r="Y4003" s="2">
        <v>7.6</v>
      </c>
      <c r="Z4003" s="2">
        <v>10.6</v>
      </c>
      <c r="AA4003" s="5"/>
      <c r="AB4003" s="5" t="s">
        <v>43</v>
      </c>
      <c r="AC4003" s="5" t="s">
        <v>44</v>
      </c>
      <c r="AD4003" s="2"/>
      <c r="AE4003" s="1"/>
    </row>
    <row r="4004" spans="1:31" ht="14.45">
      <c r="A4004" s="11"/>
      <c r="B4004" s="20"/>
      <c r="C4004" s="2" t="s">
        <v>12466</v>
      </c>
      <c r="D4004" s="14" t="s">
        <v>12467</v>
      </c>
      <c r="E4004" s="2" t="s">
        <v>12468</v>
      </c>
      <c r="F4004" s="2" t="s">
        <v>7212</v>
      </c>
      <c r="G4004" s="8">
        <v>148</v>
      </c>
      <c r="H4004" s="5">
        <v>5</v>
      </c>
      <c r="I4004" s="5" t="s">
        <v>1518</v>
      </c>
      <c r="J4004" s="5" t="s">
        <v>1519</v>
      </c>
      <c r="K4004" s="2" t="s">
        <v>1520</v>
      </c>
      <c r="L4004" s="5" t="s">
        <v>1519</v>
      </c>
      <c r="M4004" s="2" t="s">
        <v>1520</v>
      </c>
      <c r="N4004" s="5" t="s">
        <v>1521</v>
      </c>
      <c r="O4004" s="5" t="s">
        <v>38</v>
      </c>
      <c r="P4004" s="5" t="s">
        <v>39</v>
      </c>
      <c r="Q4004" s="5" t="s">
        <v>40</v>
      </c>
      <c r="R4004" s="5" t="s">
        <v>1522</v>
      </c>
      <c r="S4004" s="5" t="s">
        <v>1523</v>
      </c>
      <c r="T4004" s="5" t="s">
        <v>42</v>
      </c>
      <c r="U4004" s="2">
        <v>2.4039999999999999</v>
      </c>
      <c r="V4004" s="2">
        <v>2.0259999999999998</v>
      </c>
      <c r="W4004" s="2">
        <v>1.0999999999999999E-2</v>
      </c>
      <c r="X4004" s="2">
        <v>139.1</v>
      </c>
      <c r="Y4004" s="2">
        <v>7.6</v>
      </c>
      <c r="Z4004" s="2">
        <v>10.6</v>
      </c>
      <c r="AA4004" s="5"/>
      <c r="AB4004" s="5" t="s">
        <v>43</v>
      </c>
      <c r="AC4004" s="5" t="s">
        <v>44</v>
      </c>
      <c r="AD4004" s="2"/>
      <c r="AE4004" s="1"/>
    </row>
    <row r="4005" spans="1:31" ht="14.45">
      <c r="A4005" s="11"/>
      <c r="B4005" s="20"/>
      <c r="C4005" s="2" t="s">
        <v>12469</v>
      </c>
      <c r="D4005" s="14" t="s">
        <v>12470</v>
      </c>
      <c r="E4005" s="2" t="s">
        <v>12471</v>
      </c>
      <c r="F4005" s="2" t="s">
        <v>7528</v>
      </c>
      <c r="G4005" s="8">
        <v>148</v>
      </c>
      <c r="H4005" s="5">
        <v>5</v>
      </c>
      <c r="I4005" s="5" t="s">
        <v>1518</v>
      </c>
      <c r="J4005" s="5" t="s">
        <v>1519</v>
      </c>
      <c r="K4005" s="2" t="s">
        <v>1520</v>
      </c>
      <c r="L4005" s="5" t="s">
        <v>1519</v>
      </c>
      <c r="M4005" s="2" t="s">
        <v>1520</v>
      </c>
      <c r="N4005" s="5" t="s">
        <v>1521</v>
      </c>
      <c r="O4005" s="5" t="s">
        <v>38</v>
      </c>
      <c r="P4005" s="5" t="s">
        <v>39</v>
      </c>
      <c r="Q4005" s="5" t="s">
        <v>40</v>
      </c>
      <c r="R4005" s="5" t="s">
        <v>1522</v>
      </c>
      <c r="S4005" s="5" t="s">
        <v>1523</v>
      </c>
      <c r="T4005" s="5" t="s">
        <v>42</v>
      </c>
      <c r="U4005" s="2">
        <v>2.4630000000000001</v>
      </c>
      <c r="V4005" s="2">
        <v>2.085</v>
      </c>
      <c r="W4005" s="2">
        <v>1.0999999999999999E-2</v>
      </c>
      <c r="X4005" s="2">
        <v>139.1</v>
      </c>
      <c r="Y4005" s="2">
        <v>7.6</v>
      </c>
      <c r="Z4005" s="2">
        <v>10.6</v>
      </c>
      <c r="AA4005" s="5"/>
      <c r="AB4005" s="5" t="s">
        <v>43</v>
      </c>
      <c r="AC4005" s="5" t="s">
        <v>44</v>
      </c>
      <c r="AD4005" s="2"/>
      <c r="AE4005" s="1"/>
    </row>
    <row r="4006" spans="1:31" ht="14.45">
      <c r="A4006" s="11"/>
      <c r="B4006" s="20"/>
      <c r="C4006" s="2" t="s">
        <v>12472</v>
      </c>
      <c r="D4006" s="14" t="s">
        <v>12473</v>
      </c>
      <c r="E4006" s="2" t="s">
        <v>12474</v>
      </c>
      <c r="F4006" s="2" t="s">
        <v>7406</v>
      </c>
      <c r="G4006" s="8">
        <v>170</v>
      </c>
      <c r="H4006" s="5">
        <v>6</v>
      </c>
      <c r="I4006" s="5" t="s">
        <v>1518</v>
      </c>
      <c r="J4006" s="5" t="s">
        <v>1519</v>
      </c>
      <c r="K4006" s="2" t="s">
        <v>1520</v>
      </c>
      <c r="L4006" s="5" t="s">
        <v>1519</v>
      </c>
      <c r="M4006" s="2" t="s">
        <v>1520</v>
      </c>
      <c r="N4006" s="5" t="s">
        <v>1521</v>
      </c>
      <c r="O4006" s="5" t="s">
        <v>38</v>
      </c>
      <c r="P4006" s="5" t="s">
        <v>39</v>
      </c>
      <c r="Q4006" s="5" t="s">
        <v>40</v>
      </c>
      <c r="R4006" s="5" t="s">
        <v>1522</v>
      </c>
      <c r="S4006" s="5" t="s">
        <v>1523</v>
      </c>
      <c r="T4006" s="5" t="s">
        <v>42</v>
      </c>
      <c r="U4006" s="2">
        <v>2.4039999999999999</v>
      </c>
      <c r="V4006" s="2">
        <v>2.0259999999999998</v>
      </c>
      <c r="W4006" s="2">
        <v>1.0999999999999999E-2</v>
      </c>
      <c r="X4006" s="2">
        <v>139.1</v>
      </c>
      <c r="Y4006" s="2">
        <v>7.6</v>
      </c>
      <c r="Z4006" s="2">
        <v>10.6</v>
      </c>
      <c r="AA4006" s="5"/>
      <c r="AB4006" s="5" t="s">
        <v>43</v>
      </c>
      <c r="AC4006" s="5" t="s">
        <v>44</v>
      </c>
      <c r="AD4006" s="2"/>
      <c r="AE4006" s="1"/>
    </row>
    <row r="4007" spans="1:31" ht="14.45">
      <c r="A4007" s="11"/>
      <c r="B4007" s="20"/>
      <c r="C4007" s="2" t="s">
        <v>12475</v>
      </c>
      <c r="D4007" s="14" t="s">
        <v>12476</v>
      </c>
      <c r="E4007" s="2" t="s">
        <v>12477</v>
      </c>
      <c r="F4007" s="2" t="s">
        <v>7535</v>
      </c>
      <c r="G4007" s="8">
        <v>170</v>
      </c>
      <c r="H4007" s="5">
        <v>6</v>
      </c>
      <c r="I4007" s="5" t="s">
        <v>1518</v>
      </c>
      <c r="J4007" s="5" t="s">
        <v>1519</v>
      </c>
      <c r="K4007" s="2" t="s">
        <v>1520</v>
      </c>
      <c r="L4007" s="5" t="s">
        <v>1519</v>
      </c>
      <c r="M4007" s="2" t="s">
        <v>1520</v>
      </c>
      <c r="N4007" s="5" t="s">
        <v>1521</v>
      </c>
      <c r="O4007" s="5" t="s">
        <v>38</v>
      </c>
      <c r="P4007" s="5" t="s">
        <v>39</v>
      </c>
      <c r="Q4007" s="5" t="s">
        <v>40</v>
      </c>
      <c r="R4007" s="5" t="s">
        <v>1522</v>
      </c>
      <c r="S4007" s="5" t="s">
        <v>1523</v>
      </c>
      <c r="T4007" s="5" t="s">
        <v>42</v>
      </c>
      <c r="U4007" s="2">
        <v>2.4630000000000001</v>
      </c>
      <c r="V4007" s="2">
        <v>2.085</v>
      </c>
      <c r="W4007" s="2">
        <v>1.0999999999999999E-2</v>
      </c>
      <c r="X4007" s="2">
        <v>139.1</v>
      </c>
      <c r="Y4007" s="2">
        <v>7.6</v>
      </c>
      <c r="Z4007" s="2">
        <v>10.6</v>
      </c>
      <c r="AA4007" s="5"/>
      <c r="AB4007" s="5" t="s">
        <v>43</v>
      </c>
      <c r="AC4007" s="5" t="s">
        <v>44</v>
      </c>
      <c r="AD4007" s="2"/>
      <c r="AE4007" s="1"/>
    </row>
    <row r="4008" spans="1:31" ht="14.45">
      <c r="A4008" s="11"/>
      <c r="B4008" s="20"/>
      <c r="C4008" s="2" t="s">
        <v>12478</v>
      </c>
      <c r="D4008" s="14" t="s">
        <v>12479</v>
      </c>
      <c r="E4008" s="2" t="s">
        <v>12480</v>
      </c>
      <c r="F4008" s="2" t="s">
        <v>7539</v>
      </c>
      <c r="G4008" s="8">
        <v>170</v>
      </c>
      <c r="H4008" s="5">
        <v>6</v>
      </c>
      <c r="I4008" s="5" t="s">
        <v>1518</v>
      </c>
      <c r="J4008" s="5" t="s">
        <v>1519</v>
      </c>
      <c r="K4008" s="2" t="s">
        <v>1520</v>
      </c>
      <c r="L4008" s="5" t="s">
        <v>1519</v>
      </c>
      <c r="M4008" s="2" t="s">
        <v>1520</v>
      </c>
      <c r="N4008" s="5" t="s">
        <v>1521</v>
      </c>
      <c r="O4008" s="5" t="s">
        <v>38</v>
      </c>
      <c r="P4008" s="5" t="s">
        <v>39</v>
      </c>
      <c r="Q4008" s="5" t="s">
        <v>40</v>
      </c>
      <c r="R4008" s="5" t="s">
        <v>1522</v>
      </c>
      <c r="S4008" s="5" t="s">
        <v>1523</v>
      </c>
      <c r="T4008" s="5" t="s">
        <v>42</v>
      </c>
      <c r="U4008" s="2">
        <v>2.4460000000000002</v>
      </c>
      <c r="V4008" s="2">
        <v>2.0680000000000001</v>
      </c>
      <c r="W4008" s="2">
        <v>1.0999999999999999E-2</v>
      </c>
      <c r="X4008" s="2">
        <v>139.1</v>
      </c>
      <c r="Y4008" s="2">
        <v>7.6</v>
      </c>
      <c r="Z4008" s="2">
        <v>10.6</v>
      </c>
      <c r="AA4008" s="5"/>
      <c r="AB4008" s="5" t="s">
        <v>43</v>
      </c>
      <c r="AC4008" s="5" t="s">
        <v>44</v>
      </c>
      <c r="AD4008" s="2"/>
      <c r="AE4008" s="1"/>
    </row>
    <row r="4009" spans="1:31" ht="14.45">
      <c r="A4009" s="11"/>
      <c r="B4009" s="20"/>
      <c r="C4009" s="2" t="s">
        <v>12481</v>
      </c>
      <c r="D4009" s="14" t="s">
        <v>12482</v>
      </c>
      <c r="E4009" s="2" t="s">
        <v>12483</v>
      </c>
      <c r="F4009" s="2" t="s">
        <v>7543</v>
      </c>
      <c r="G4009" s="8">
        <v>170</v>
      </c>
      <c r="H4009" s="5">
        <v>6</v>
      </c>
      <c r="I4009" s="5" t="s">
        <v>1518</v>
      </c>
      <c r="J4009" s="5" t="s">
        <v>1519</v>
      </c>
      <c r="K4009" s="2" t="s">
        <v>1520</v>
      </c>
      <c r="L4009" s="5" t="s">
        <v>1519</v>
      </c>
      <c r="M4009" s="2" t="s">
        <v>1520</v>
      </c>
      <c r="N4009" s="5" t="s">
        <v>1521</v>
      </c>
      <c r="O4009" s="5" t="s">
        <v>38</v>
      </c>
      <c r="P4009" s="5" t="s">
        <v>39</v>
      </c>
      <c r="Q4009" s="5" t="s">
        <v>40</v>
      </c>
      <c r="R4009" s="5" t="s">
        <v>1522</v>
      </c>
      <c r="S4009" s="5" t="s">
        <v>1523</v>
      </c>
      <c r="T4009" s="5" t="s">
        <v>42</v>
      </c>
      <c r="U4009" s="2">
        <v>2.5049999999999999</v>
      </c>
      <c r="V4009" s="2">
        <v>2.1269999999999998</v>
      </c>
      <c r="W4009" s="2">
        <v>1.0999999999999999E-2</v>
      </c>
      <c r="X4009" s="2">
        <v>139.1</v>
      </c>
      <c r="Y4009" s="2">
        <v>7.6</v>
      </c>
      <c r="Z4009" s="2">
        <v>10.6</v>
      </c>
      <c r="AA4009" s="5"/>
      <c r="AB4009" s="5" t="s">
        <v>43</v>
      </c>
      <c r="AC4009" s="5" t="s">
        <v>44</v>
      </c>
      <c r="AD4009" s="2"/>
      <c r="AE4009" s="1"/>
    </row>
    <row r="4010" spans="1:31" ht="14.45">
      <c r="A4010" s="11"/>
      <c r="B4010" s="20"/>
      <c r="C4010" s="2" t="s">
        <v>12484</v>
      </c>
      <c r="D4010" s="14" t="s">
        <v>12485</v>
      </c>
      <c r="E4010" s="2" t="s">
        <v>12486</v>
      </c>
      <c r="F4010" s="2" t="s">
        <v>7547</v>
      </c>
      <c r="G4010" s="8">
        <v>170</v>
      </c>
      <c r="H4010" s="5">
        <v>6</v>
      </c>
      <c r="I4010" s="5" t="s">
        <v>1518</v>
      </c>
      <c r="J4010" s="5" t="s">
        <v>1519</v>
      </c>
      <c r="K4010" s="2" t="s">
        <v>1520</v>
      </c>
      <c r="L4010" s="5" t="s">
        <v>1519</v>
      </c>
      <c r="M4010" s="2" t="s">
        <v>1520</v>
      </c>
      <c r="N4010" s="5" t="s">
        <v>1521</v>
      </c>
      <c r="O4010" s="5" t="s">
        <v>38</v>
      </c>
      <c r="P4010" s="5" t="s">
        <v>39</v>
      </c>
      <c r="Q4010" s="5" t="s">
        <v>40</v>
      </c>
      <c r="R4010" s="5" t="s">
        <v>1522</v>
      </c>
      <c r="S4010" s="5" t="s">
        <v>1523</v>
      </c>
      <c r="T4010" s="5" t="s">
        <v>42</v>
      </c>
      <c r="U4010" s="2">
        <v>2.4039999999999999</v>
      </c>
      <c r="V4010" s="2">
        <v>2.0259999999999998</v>
      </c>
      <c r="W4010" s="2">
        <v>1.0999999999999999E-2</v>
      </c>
      <c r="X4010" s="2">
        <v>139.1</v>
      </c>
      <c r="Y4010" s="2">
        <v>7.6</v>
      </c>
      <c r="Z4010" s="2">
        <v>10.6</v>
      </c>
      <c r="AA4010" s="5"/>
      <c r="AB4010" s="5" t="s">
        <v>43</v>
      </c>
      <c r="AC4010" s="5" t="s">
        <v>44</v>
      </c>
      <c r="AD4010" s="2"/>
      <c r="AE4010" s="1"/>
    </row>
    <row r="4011" spans="1:31" ht="14.45">
      <c r="A4011" s="11"/>
      <c r="B4011" s="20"/>
      <c r="C4011" s="2" t="s">
        <v>12487</v>
      </c>
      <c r="D4011" s="14" t="s">
        <v>12488</v>
      </c>
      <c r="E4011" s="2" t="s">
        <v>12489</v>
      </c>
      <c r="F4011" s="2" t="s">
        <v>7551</v>
      </c>
      <c r="G4011" s="8">
        <v>170</v>
      </c>
      <c r="H4011" s="5">
        <v>6</v>
      </c>
      <c r="I4011" s="5" t="s">
        <v>1518</v>
      </c>
      <c r="J4011" s="5" t="s">
        <v>1519</v>
      </c>
      <c r="K4011" s="2" t="s">
        <v>1520</v>
      </c>
      <c r="L4011" s="5" t="s">
        <v>1519</v>
      </c>
      <c r="M4011" s="2" t="s">
        <v>1520</v>
      </c>
      <c r="N4011" s="5" t="s">
        <v>1521</v>
      </c>
      <c r="O4011" s="5" t="s">
        <v>38</v>
      </c>
      <c r="P4011" s="5" t="s">
        <v>39</v>
      </c>
      <c r="Q4011" s="5" t="s">
        <v>40</v>
      </c>
      <c r="R4011" s="5" t="s">
        <v>1522</v>
      </c>
      <c r="S4011" s="5" t="s">
        <v>1523</v>
      </c>
      <c r="T4011" s="5" t="s">
        <v>42</v>
      </c>
      <c r="U4011" s="2">
        <v>2.4630000000000001</v>
      </c>
      <c r="V4011" s="2">
        <v>2.085</v>
      </c>
      <c r="W4011" s="2">
        <v>1.0999999999999999E-2</v>
      </c>
      <c r="X4011" s="2">
        <v>139.1</v>
      </c>
      <c r="Y4011" s="2">
        <v>7.6</v>
      </c>
      <c r="Z4011" s="2">
        <v>10.6</v>
      </c>
      <c r="AA4011" s="5"/>
      <c r="AB4011" s="5" t="s">
        <v>43</v>
      </c>
      <c r="AC4011" s="5" t="s">
        <v>44</v>
      </c>
      <c r="AD4011" s="2"/>
      <c r="AE4011" s="1"/>
    </row>
    <row r="4012" spans="1:31" ht="14.45">
      <c r="A4012" s="11"/>
      <c r="B4012" s="20"/>
      <c r="C4012" s="2" t="s">
        <v>12490</v>
      </c>
      <c r="D4012" s="14" t="s">
        <v>12491</v>
      </c>
      <c r="E4012" s="2" t="s">
        <v>12492</v>
      </c>
      <c r="F4012" s="2" t="s">
        <v>7555</v>
      </c>
      <c r="G4012" s="8">
        <v>170</v>
      </c>
      <c r="H4012" s="5">
        <v>6</v>
      </c>
      <c r="I4012" s="5" t="s">
        <v>1518</v>
      </c>
      <c r="J4012" s="5" t="s">
        <v>1519</v>
      </c>
      <c r="K4012" s="2" t="s">
        <v>1520</v>
      </c>
      <c r="L4012" s="5" t="s">
        <v>1519</v>
      </c>
      <c r="M4012" s="2" t="s">
        <v>1520</v>
      </c>
      <c r="N4012" s="5" t="s">
        <v>1521</v>
      </c>
      <c r="O4012" s="5" t="s">
        <v>38</v>
      </c>
      <c r="P4012" s="5" t="s">
        <v>39</v>
      </c>
      <c r="Q4012" s="5" t="s">
        <v>40</v>
      </c>
      <c r="R4012" s="5" t="s">
        <v>1522</v>
      </c>
      <c r="S4012" s="5" t="s">
        <v>1523</v>
      </c>
      <c r="T4012" s="5" t="s">
        <v>42</v>
      </c>
      <c r="U4012" s="2">
        <v>2.4039999999999999</v>
      </c>
      <c r="V4012" s="2">
        <v>2.0259999999999998</v>
      </c>
      <c r="W4012" s="2">
        <v>1.0999999999999999E-2</v>
      </c>
      <c r="X4012" s="2">
        <v>139.1</v>
      </c>
      <c r="Y4012" s="2">
        <v>7.6</v>
      </c>
      <c r="Z4012" s="2">
        <v>10.6</v>
      </c>
      <c r="AA4012" s="5"/>
      <c r="AB4012" s="5" t="s">
        <v>43</v>
      </c>
      <c r="AC4012" s="5" t="s">
        <v>44</v>
      </c>
      <c r="AD4012" s="2"/>
      <c r="AE4012" s="1"/>
    </row>
    <row r="4013" spans="1:31" ht="14.45">
      <c r="A4013" s="11"/>
      <c r="B4013" s="20"/>
      <c r="C4013" s="2" t="s">
        <v>12493</v>
      </c>
      <c r="D4013" s="14" t="s">
        <v>12494</v>
      </c>
      <c r="E4013" s="2" t="s">
        <v>12495</v>
      </c>
      <c r="F4013" s="2" t="s">
        <v>7559</v>
      </c>
      <c r="G4013" s="8">
        <v>170</v>
      </c>
      <c r="H4013" s="5">
        <v>6</v>
      </c>
      <c r="I4013" s="5" t="s">
        <v>1518</v>
      </c>
      <c r="J4013" s="5" t="s">
        <v>1519</v>
      </c>
      <c r="K4013" s="2" t="s">
        <v>1520</v>
      </c>
      <c r="L4013" s="5" t="s">
        <v>1519</v>
      </c>
      <c r="M4013" s="2" t="s">
        <v>1520</v>
      </c>
      <c r="N4013" s="5" t="s">
        <v>1521</v>
      </c>
      <c r="O4013" s="5" t="s">
        <v>38</v>
      </c>
      <c r="P4013" s="5" t="s">
        <v>39</v>
      </c>
      <c r="Q4013" s="5" t="s">
        <v>40</v>
      </c>
      <c r="R4013" s="5" t="s">
        <v>1522</v>
      </c>
      <c r="S4013" s="5" t="s">
        <v>1523</v>
      </c>
      <c r="T4013" s="5" t="s">
        <v>42</v>
      </c>
      <c r="U4013" s="2">
        <v>2.4630000000000001</v>
      </c>
      <c r="V4013" s="2">
        <v>2.085</v>
      </c>
      <c r="W4013" s="2">
        <v>1.0999999999999999E-2</v>
      </c>
      <c r="X4013" s="2">
        <v>139.1</v>
      </c>
      <c r="Y4013" s="2">
        <v>7.6</v>
      </c>
      <c r="Z4013" s="2">
        <v>10.6</v>
      </c>
      <c r="AA4013" s="5"/>
      <c r="AB4013" s="5" t="s">
        <v>43</v>
      </c>
      <c r="AC4013" s="5" t="s">
        <v>44</v>
      </c>
      <c r="AD4013" s="2"/>
      <c r="AE4013" s="1"/>
    </row>
    <row r="4014" spans="1:31" ht="14.45">
      <c r="A4014" s="11"/>
      <c r="B4014" s="20"/>
      <c r="C4014" s="2" t="s">
        <v>12496</v>
      </c>
      <c r="D4014" s="14" t="s">
        <v>12497</v>
      </c>
      <c r="E4014" s="2" t="s">
        <v>12498</v>
      </c>
      <c r="F4014" s="2" t="s">
        <v>7563</v>
      </c>
      <c r="G4014" s="8">
        <v>170</v>
      </c>
      <c r="H4014" s="5">
        <v>6</v>
      </c>
      <c r="I4014" s="5" t="s">
        <v>1518</v>
      </c>
      <c r="J4014" s="5" t="s">
        <v>1519</v>
      </c>
      <c r="K4014" s="2" t="s">
        <v>1520</v>
      </c>
      <c r="L4014" s="5" t="s">
        <v>1519</v>
      </c>
      <c r="M4014" s="2" t="s">
        <v>1520</v>
      </c>
      <c r="N4014" s="5" t="s">
        <v>1521</v>
      </c>
      <c r="O4014" s="5" t="s">
        <v>38</v>
      </c>
      <c r="P4014" s="5" t="s">
        <v>39</v>
      </c>
      <c r="Q4014" s="5" t="s">
        <v>40</v>
      </c>
      <c r="R4014" s="5" t="s">
        <v>1522</v>
      </c>
      <c r="S4014" s="5" t="s">
        <v>1523</v>
      </c>
      <c r="T4014" s="5" t="s">
        <v>42</v>
      </c>
      <c r="U4014" s="2">
        <v>2.4460000000000002</v>
      </c>
      <c r="V4014" s="2">
        <v>2.0680000000000001</v>
      </c>
      <c r="W4014" s="2">
        <v>1.0999999999999999E-2</v>
      </c>
      <c r="X4014" s="2">
        <v>139.1</v>
      </c>
      <c r="Y4014" s="2">
        <v>7.6</v>
      </c>
      <c r="Z4014" s="2">
        <v>10.6</v>
      </c>
      <c r="AA4014" s="5"/>
      <c r="AB4014" s="5" t="s">
        <v>43</v>
      </c>
      <c r="AC4014" s="5" t="s">
        <v>44</v>
      </c>
      <c r="AD4014" s="2"/>
      <c r="AE4014" s="1"/>
    </row>
    <row r="4015" spans="1:31" ht="14.45">
      <c r="A4015" s="11"/>
      <c r="B4015" s="20"/>
      <c r="C4015" s="2" t="s">
        <v>12499</v>
      </c>
      <c r="D4015" s="14" t="s">
        <v>12500</v>
      </c>
      <c r="E4015" s="2" t="s">
        <v>12501</v>
      </c>
      <c r="F4015" s="2" t="s">
        <v>7567</v>
      </c>
      <c r="G4015" s="8">
        <v>170</v>
      </c>
      <c r="H4015" s="5">
        <v>6</v>
      </c>
      <c r="I4015" s="5" t="s">
        <v>1518</v>
      </c>
      <c r="J4015" s="5" t="s">
        <v>1519</v>
      </c>
      <c r="K4015" s="2" t="s">
        <v>1520</v>
      </c>
      <c r="L4015" s="5" t="s">
        <v>1519</v>
      </c>
      <c r="M4015" s="2" t="s">
        <v>1520</v>
      </c>
      <c r="N4015" s="5" t="s">
        <v>1521</v>
      </c>
      <c r="O4015" s="5" t="s">
        <v>38</v>
      </c>
      <c r="P4015" s="5" t="s">
        <v>39</v>
      </c>
      <c r="Q4015" s="5" t="s">
        <v>40</v>
      </c>
      <c r="R4015" s="5" t="s">
        <v>1522</v>
      </c>
      <c r="S4015" s="5" t="s">
        <v>1523</v>
      </c>
      <c r="T4015" s="5" t="s">
        <v>42</v>
      </c>
      <c r="U4015" s="2">
        <v>2.5049999999999999</v>
      </c>
      <c r="V4015" s="2">
        <v>2.1269999999999998</v>
      </c>
      <c r="W4015" s="2">
        <v>1.0999999999999999E-2</v>
      </c>
      <c r="X4015" s="2">
        <v>139.1</v>
      </c>
      <c r="Y4015" s="2">
        <v>7.6</v>
      </c>
      <c r="Z4015" s="2">
        <v>10.6</v>
      </c>
      <c r="AA4015" s="5"/>
      <c r="AB4015" s="5" t="s">
        <v>43</v>
      </c>
      <c r="AC4015" s="5" t="s">
        <v>44</v>
      </c>
      <c r="AD4015" s="2"/>
      <c r="AE4015" s="1"/>
    </row>
    <row r="4016" spans="1:31" ht="14.45">
      <c r="A4016" s="11"/>
      <c r="B4016" s="20"/>
      <c r="C4016" s="2" t="s">
        <v>12502</v>
      </c>
      <c r="D4016" s="14" t="s">
        <v>12503</v>
      </c>
      <c r="E4016" s="2" t="s">
        <v>12504</v>
      </c>
      <c r="F4016" s="2" t="s">
        <v>7429</v>
      </c>
      <c r="G4016" s="8">
        <v>170</v>
      </c>
      <c r="H4016" s="5">
        <v>6</v>
      </c>
      <c r="I4016" s="5" t="s">
        <v>1518</v>
      </c>
      <c r="J4016" s="5" t="s">
        <v>1519</v>
      </c>
      <c r="K4016" s="2" t="s">
        <v>1520</v>
      </c>
      <c r="L4016" s="5" t="s">
        <v>1519</v>
      </c>
      <c r="M4016" s="2" t="s">
        <v>1520</v>
      </c>
      <c r="N4016" s="5" t="s">
        <v>1521</v>
      </c>
      <c r="O4016" s="5" t="s">
        <v>38</v>
      </c>
      <c r="P4016" s="5" t="s">
        <v>39</v>
      </c>
      <c r="Q4016" s="5" t="s">
        <v>40</v>
      </c>
      <c r="R4016" s="5" t="s">
        <v>1522</v>
      </c>
      <c r="S4016" s="5" t="s">
        <v>1523</v>
      </c>
      <c r="T4016" s="5" t="s">
        <v>42</v>
      </c>
      <c r="U4016" s="2">
        <v>2.4460000000000002</v>
      </c>
      <c r="V4016" s="2">
        <v>2.0680000000000001</v>
      </c>
      <c r="W4016" s="2">
        <v>1.0999999999999999E-2</v>
      </c>
      <c r="X4016" s="2">
        <v>139.1</v>
      </c>
      <c r="Y4016" s="2">
        <v>7.6</v>
      </c>
      <c r="Z4016" s="2">
        <v>10.6</v>
      </c>
      <c r="AA4016" s="5"/>
      <c r="AB4016" s="5" t="s">
        <v>43</v>
      </c>
      <c r="AC4016" s="5" t="s">
        <v>44</v>
      </c>
      <c r="AD4016" s="2"/>
      <c r="AE4016" s="1"/>
    </row>
    <row r="4017" spans="1:31" ht="14.45">
      <c r="A4017" s="11"/>
      <c r="B4017" s="20"/>
      <c r="C4017" s="2" t="s">
        <v>12505</v>
      </c>
      <c r="D4017" s="14" t="s">
        <v>12506</v>
      </c>
      <c r="E4017" s="2" t="s">
        <v>12507</v>
      </c>
      <c r="F4017" s="2" t="s">
        <v>7574</v>
      </c>
      <c r="G4017" s="8">
        <v>170</v>
      </c>
      <c r="H4017" s="5">
        <v>6</v>
      </c>
      <c r="I4017" s="5" t="s">
        <v>1518</v>
      </c>
      <c r="J4017" s="5" t="s">
        <v>1519</v>
      </c>
      <c r="K4017" s="2" t="s">
        <v>1520</v>
      </c>
      <c r="L4017" s="5" t="s">
        <v>1519</v>
      </c>
      <c r="M4017" s="2" t="s">
        <v>1520</v>
      </c>
      <c r="N4017" s="5" t="s">
        <v>1521</v>
      </c>
      <c r="O4017" s="5" t="s">
        <v>38</v>
      </c>
      <c r="P4017" s="5" t="s">
        <v>39</v>
      </c>
      <c r="Q4017" s="5" t="s">
        <v>40</v>
      </c>
      <c r="R4017" s="5" t="s">
        <v>1522</v>
      </c>
      <c r="S4017" s="5" t="s">
        <v>1523</v>
      </c>
      <c r="T4017" s="5" t="s">
        <v>42</v>
      </c>
      <c r="U4017" s="2">
        <v>2.5049999999999999</v>
      </c>
      <c r="V4017" s="2">
        <v>2.1269999999999998</v>
      </c>
      <c r="W4017" s="2">
        <v>1.0999999999999999E-2</v>
      </c>
      <c r="X4017" s="2">
        <v>139.1</v>
      </c>
      <c r="Y4017" s="2">
        <v>7.6</v>
      </c>
      <c r="Z4017" s="2">
        <v>10.6</v>
      </c>
      <c r="AA4017" s="5"/>
      <c r="AB4017" s="5" t="s">
        <v>43</v>
      </c>
      <c r="AC4017" s="5" t="s">
        <v>44</v>
      </c>
      <c r="AD4017" s="2"/>
      <c r="AE4017" s="1"/>
    </row>
    <row r="4018" spans="1:31" ht="14.45">
      <c r="A4018" s="11"/>
      <c r="B4018" s="20"/>
      <c r="C4018" s="2" t="s">
        <v>12508</v>
      </c>
      <c r="D4018" s="14" t="s">
        <v>12509</v>
      </c>
      <c r="E4018" s="2" t="s">
        <v>12510</v>
      </c>
      <c r="F4018" s="2" t="s">
        <v>7449</v>
      </c>
      <c r="G4018" s="8">
        <v>170</v>
      </c>
      <c r="H4018" s="5">
        <v>6</v>
      </c>
      <c r="I4018" s="5" t="s">
        <v>1518</v>
      </c>
      <c r="J4018" s="5" t="s">
        <v>1519</v>
      </c>
      <c r="K4018" s="2" t="s">
        <v>1520</v>
      </c>
      <c r="L4018" s="5" t="s">
        <v>1519</v>
      </c>
      <c r="M4018" s="2" t="s">
        <v>1520</v>
      </c>
      <c r="N4018" s="5" t="s">
        <v>1521</v>
      </c>
      <c r="O4018" s="5" t="s">
        <v>38</v>
      </c>
      <c r="P4018" s="5" t="s">
        <v>39</v>
      </c>
      <c r="Q4018" s="5" t="s">
        <v>40</v>
      </c>
      <c r="R4018" s="5" t="s">
        <v>1522</v>
      </c>
      <c r="S4018" s="5" t="s">
        <v>1523</v>
      </c>
      <c r="T4018" s="5" t="s">
        <v>42</v>
      </c>
      <c r="U4018" s="2">
        <v>2.4460000000000002</v>
      </c>
      <c r="V4018" s="2">
        <v>2.0680000000000001</v>
      </c>
      <c r="W4018" s="2">
        <v>1.0999999999999999E-2</v>
      </c>
      <c r="X4018" s="2">
        <v>139.1</v>
      </c>
      <c r="Y4018" s="2">
        <v>7.6</v>
      </c>
      <c r="Z4018" s="2">
        <v>10.6</v>
      </c>
      <c r="AA4018" s="5"/>
      <c r="AB4018" s="5" t="s">
        <v>43</v>
      </c>
      <c r="AC4018" s="5" t="s">
        <v>44</v>
      </c>
      <c r="AD4018" s="2"/>
      <c r="AE4018" s="1"/>
    </row>
    <row r="4019" spans="1:31" ht="14.45">
      <c r="A4019" s="11"/>
      <c r="B4019" s="20"/>
      <c r="C4019" s="2" t="s">
        <v>12511</v>
      </c>
      <c r="D4019" s="14" t="s">
        <v>12512</v>
      </c>
      <c r="E4019" s="2" t="s">
        <v>12513</v>
      </c>
      <c r="F4019" s="2" t="s">
        <v>7581</v>
      </c>
      <c r="G4019" s="8">
        <v>170</v>
      </c>
      <c r="H4019" s="5">
        <v>6</v>
      </c>
      <c r="I4019" s="5" t="s">
        <v>1518</v>
      </c>
      <c r="J4019" s="5" t="s">
        <v>1519</v>
      </c>
      <c r="K4019" s="2" t="s">
        <v>1520</v>
      </c>
      <c r="L4019" s="5" t="s">
        <v>1519</v>
      </c>
      <c r="M4019" s="2" t="s">
        <v>1520</v>
      </c>
      <c r="N4019" s="5" t="s">
        <v>1521</v>
      </c>
      <c r="O4019" s="5" t="s">
        <v>38</v>
      </c>
      <c r="P4019" s="5" t="s">
        <v>39</v>
      </c>
      <c r="Q4019" s="5" t="s">
        <v>40</v>
      </c>
      <c r="R4019" s="5" t="s">
        <v>1522</v>
      </c>
      <c r="S4019" s="5" t="s">
        <v>1523</v>
      </c>
      <c r="T4019" s="5" t="s">
        <v>42</v>
      </c>
      <c r="U4019" s="2">
        <v>2.5049999999999999</v>
      </c>
      <c r="V4019" s="2">
        <v>2.1269999999999998</v>
      </c>
      <c r="W4019" s="2">
        <v>1.0999999999999999E-2</v>
      </c>
      <c r="X4019" s="2">
        <v>139.1</v>
      </c>
      <c r="Y4019" s="2">
        <v>7.6</v>
      </c>
      <c r="Z4019" s="2">
        <v>10.6</v>
      </c>
      <c r="AA4019" s="5"/>
      <c r="AB4019" s="5" t="s">
        <v>43</v>
      </c>
      <c r="AC4019" s="5" t="s">
        <v>44</v>
      </c>
      <c r="AD4019" s="2"/>
      <c r="AE4019" s="1"/>
    </row>
    <row r="4020" spans="1:31" ht="14.45">
      <c r="A4020" s="11"/>
      <c r="B4020" s="20"/>
      <c r="C4020" s="2" t="s">
        <v>12514</v>
      </c>
      <c r="D4020" s="14" t="s">
        <v>12515</v>
      </c>
      <c r="E4020" s="2" t="s">
        <v>12516</v>
      </c>
      <c r="F4020" s="2" t="s">
        <v>7585</v>
      </c>
      <c r="G4020" s="8">
        <v>170</v>
      </c>
      <c r="H4020" s="5">
        <v>6</v>
      </c>
      <c r="I4020" s="5" t="s">
        <v>1518</v>
      </c>
      <c r="J4020" s="5" t="s">
        <v>1519</v>
      </c>
      <c r="K4020" s="2" t="s">
        <v>1520</v>
      </c>
      <c r="L4020" s="5" t="s">
        <v>1519</v>
      </c>
      <c r="M4020" s="2" t="s">
        <v>1520</v>
      </c>
      <c r="N4020" s="5" t="s">
        <v>1521</v>
      </c>
      <c r="O4020" s="5" t="s">
        <v>38</v>
      </c>
      <c r="P4020" s="5" t="s">
        <v>39</v>
      </c>
      <c r="Q4020" s="5" t="s">
        <v>40</v>
      </c>
      <c r="R4020" s="5" t="s">
        <v>1522</v>
      </c>
      <c r="S4020" s="5" t="s">
        <v>1523</v>
      </c>
      <c r="T4020" s="5" t="s">
        <v>42</v>
      </c>
      <c r="U4020" s="2">
        <v>2.4039999999999999</v>
      </c>
      <c r="V4020" s="2">
        <v>2.0259999999999998</v>
      </c>
      <c r="W4020" s="2">
        <v>1.0999999999999999E-2</v>
      </c>
      <c r="X4020" s="2">
        <v>139.1</v>
      </c>
      <c r="Y4020" s="2">
        <v>7.6</v>
      </c>
      <c r="Z4020" s="2">
        <v>10.6</v>
      </c>
      <c r="AA4020" s="5"/>
      <c r="AB4020" s="5" t="s">
        <v>43</v>
      </c>
      <c r="AC4020" s="5" t="s">
        <v>44</v>
      </c>
      <c r="AD4020" s="2"/>
      <c r="AE4020" s="1"/>
    </row>
    <row r="4021" spans="1:31" ht="14.45">
      <c r="A4021" s="11"/>
      <c r="B4021" s="20"/>
      <c r="C4021" s="2" t="s">
        <v>12517</v>
      </c>
      <c r="D4021" s="14" t="s">
        <v>12518</v>
      </c>
      <c r="E4021" s="2" t="s">
        <v>12519</v>
      </c>
      <c r="F4021" s="2" t="s">
        <v>7589</v>
      </c>
      <c r="G4021" s="8">
        <v>170</v>
      </c>
      <c r="H4021" s="5">
        <v>6</v>
      </c>
      <c r="I4021" s="5" t="s">
        <v>1518</v>
      </c>
      <c r="J4021" s="5" t="s">
        <v>1519</v>
      </c>
      <c r="K4021" s="2" t="s">
        <v>1520</v>
      </c>
      <c r="L4021" s="5" t="s">
        <v>1519</v>
      </c>
      <c r="M4021" s="2" t="s">
        <v>1520</v>
      </c>
      <c r="N4021" s="5" t="s">
        <v>1521</v>
      </c>
      <c r="O4021" s="5" t="s">
        <v>38</v>
      </c>
      <c r="P4021" s="5" t="s">
        <v>39</v>
      </c>
      <c r="Q4021" s="5" t="s">
        <v>40</v>
      </c>
      <c r="R4021" s="5" t="s">
        <v>1522</v>
      </c>
      <c r="S4021" s="5" t="s">
        <v>1523</v>
      </c>
      <c r="T4021" s="5" t="s">
        <v>42</v>
      </c>
      <c r="U4021" s="2">
        <v>2.4630000000000001</v>
      </c>
      <c r="V4021" s="2">
        <v>2.085</v>
      </c>
      <c r="W4021" s="2">
        <v>1.0999999999999999E-2</v>
      </c>
      <c r="X4021" s="2">
        <v>139.1</v>
      </c>
      <c r="Y4021" s="2">
        <v>7.6</v>
      </c>
      <c r="Z4021" s="2">
        <v>10.6</v>
      </c>
      <c r="AA4021" s="5"/>
      <c r="AB4021" s="5" t="s">
        <v>43</v>
      </c>
      <c r="AC4021" s="5" t="s">
        <v>44</v>
      </c>
      <c r="AD4021" s="2"/>
      <c r="AE4021" s="1"/>
    </row>
    <row r="4022" spans="1:31" ht="14.45">
      <c r="A4022" s="11"/>
      <c r="B4022" s="20"/>
      <c r="C4022" s="2" t="s">
        <v>12520</v>
      </c>
      <c r="D4022" s="14" t="s">
        <v>12521</v>
      </c>
      <c r="E4022" s="2" t="s">
        <v>12522</v>
      </c>
      <c r="F4022" s="2" t="s">
        <v>7593</v>
      </c>
      <c r="G4022" s="8">
        <v>170</v>
      </c>
      <c r="H4022" s="5">
        <v>6</v>
      </c>
      <c r="I4022" s="5" t="s">
        <v>1518</v>
      </c>
      <c r="J4022" s="5" t="s">
        <v>1519</v>
      </c>
      <c r="K4022" s="2" t="s">
        <v>1520</v>
      </c>
      <c r="L4022" s="5" t="s">
        <v>1519</v>
      </c>
      <c r="M4022" s="2" t="s">
        <v>1520</v>
      </c>
      <c r="N4022" s="5" t="s">
        <v>1521</v>
      </c>
      <c r="O4022" s="5" t="s">
        <v>38</v>
      </c>
      <c r="P4022" s="5" t="s">
        <v>39</v>
      </c>
      <c r="Q4022" s="5" t="s">
        <v>40</v>
      </c>
      <c r="R4022" s="5" t="s">
        <v>1522</v>
      </c>
      <c r="S4022" s="5" t="s">
        <v>1523</v>
      </c>
      <c r="T4022" s="5" t="s">
        <v>42</v>
      </c>
      <c r="U4022" s="2">
        <v>2.4460000000000002</v>
      </c>
      <c r="V4022" s="2">
        <v>2.0680000000000001</v>
      </c>
      <c r="W4022" s="2">
        <v>1.0999999999999999E-2</v>
      </c>
      <c r="X4022" s="2">
        <v>139.1</v>
      </c>
      <c r="Y4022" s="2">
        <v>7.6</v>
      </c>
      <c r="Z4022" s="2">
        <v>10.6</v>
      </c>
      <c r="AA4022" s="5"/>
      <c r="AB4022" s="5" t="s">
        <v>43</v>
      </c>
      <c r="AC4022" s="5" t="s">
        <v>44</v>
      </c>
      <c r="AD4022" s="2"/>
      <c r="AE4022" s="1"/>
    </row>
    <row r="4023" spans="1:31" ht="14.45">
      <c r="A4023" s="11"/>
      <c r="B4023" s="20"/>
      <c r="C4023" s="2" t="s">
        <v>12523</v>
      </c>
      <c r="D4023" s="14" t="s">
        <v>12524</v>
      </c>
      <c r="E4023" s="2" t="s">
        <v>12525</v>
      </c>
      <c r="F4023" s="2" t="s">
        <v>7597</v>
      </c>
      <c r="G4023" s="8">
        <v>170</v>
      </c>
      <c r="H4023" s="5">
        <v>6</v>
      </c>
      <c r="I4023" s="5" t="s">
        <v>1518</v>
      </c>
      <c r="J4023" s="5" t="s">
        <v>1519</v>
      </c>
      <c r="K4023" s="2" t="s">
        <v>1520</v>
      </c>
      <c r="L4023" s="5" t="s">
        <v>1519</v>
      </c>
      <c r="M4023" s="2" t="s">
        <v>1520</v>
      </c>
      <c r="N4023" s="5" t="s">
        <v>1521</v>
      </c>
      <c r="O4023" s="5" t="s">
        <v>38</v>
      </c>
      <c r="P4023" s="5" t="s">
        <v>39</v>
      </c>
      <c r="Q4023" s="5" t="s">
        <v>40</v>
      </c>
      <c r="R4023" s="5" t="s">
        <v>1522</v>
      </c>
      <c r="S4023" s="5" t="s">
        <v>1523</v>
      </c>
      <c r="T4023" s="5" t="s">
        <v>42</v>
      </c>
      <c r="U4023" s="2">
        <v>2.5049999999999999</v>
      </c>
      <c r="V4023" s="2">
        <v>2.1269999999999998</v>
      </c>
      <c r="W4023" s="2">
        <v>1.0999999999999999E-2</v>
      </c>
      <c r="X4023" s="2">
        <v>139.1</v>
      </c>
      <c r="Y4023" s="2">
        <v>7.6</v>
      </c>
      <c r="Z4023" s="2">
        <v>10.6</v>
      </c>
      <c r="AA4023" s="5"/>
      <c r="AB4023" s="5" t="s">
        <v>43</v>
      </c>
      <c r="AC4023" s="5" t="s">
        <v>44</v>
      </c>
      <c r="AD4023" s="2"/>
      <c r="AE4023" s="1"/>
    </row>
    <row r="4024" spans="1:31" ht="14.45">
      <c r="A4024" s="11"/>
      <c r="B4024" s="20"/>
      <c r="C4024" s="2" t="s">
        <v>12526</v>
      </c>
      <c r="D4024" s="14" t="s">
        <v>12527</v>
      </c>
      <c r="E4024" s="2" t="s">
        <v>12528</v>
      </c>
      <c r="F4024" s="2" t="s">
        <v>7410</v>
      </c>
      <c r="G4024" s="8">
        <v>170</v>
      </c>
      <c r="H4024" s="5">
        <v>6</v>
      </c>
      <c r="I4024" s="5" t="s">
        <v>1518</v>
      </c>
      <c r="J4024" s="5" t="s">
        <v>1519</v>
      </c>
      <c r="K4024" s="2" t="s">
        <v>1520</v>
      </c>
      <c r="L4024" s="5" t="s">
        <v>1519</v>
      </c>
      <c r="M4024" s="2" t="s">
        <v>1520</v>
      </c>
      <c r="N4024" s="5" t="s">
        <v>1521</v>
      </c>
      <c r="O4024" s="5" t="s">
        <v>38</v>
      </c>
      <c r="P4024" s="5" t="s">
        <v>39</v>
      </c>
      <c r="Q4024" s="5" t="s">
        <v>40</v>
      </c>
      <c r="R4024" s="5" t="s">
        <v>1522</v>
      </c>
      <c r="S4024" s="5" t="s">
        <v>1523</v>
      </c>
      <c r="T4024" s="5" t="s">
        <v>42</v>
      </c>
      <c r="U4024" s="2">
        <v>2.4460000000000002</v>
      </c>
      <c r="V4024" s="2">
        <v>2.0680000000000001</v>
      </c>
      <c r="W4024" s="2">
        <v>1.0999999999999999E-2</v>
      </c>
      <c r="X4024" s="2">
        <v>139.1</v>
      </c>
      <c r="Y4024" s="2">
        <v>7.6</v>
      </c>
      <c r="Z4024" s="2">
        <v>10.6</v>
      </c>
      <c r="AA4024" s="5"/>
      <c r="AB4024" s="5" t="s">
        <v>43</v>
      </c>
      <c r="AC4024" s="5" t="s">
        <v>44</v>
      </c>
      <c r="AD4024" s="2"/>
      <c r="AE4024" s="1"/>
    </row>
    <row r="4025" spans="1:31" ht="14.45">
      <c r="A4025" s="11"/>
      <c r="B4025" s="20"/>
      <c r="C4025" s="2" t="s">
        <v>12529</v>
      </c>
      <c r="D4025" s="14" t="s">
        <v>12530</v>
      </c>
      <c r="E4025" s="2" t="s">
        <v>12531</v>
      </c>
      <c r="F4025" s="2" t="s">
        <v>7604</v>
      </c>
      <c r="G4025" s="8">
        <v>170</v>
      </c>
      <c r="H4025" s="5">
        <v>6</v>
      </c>
      <c r="I4025" s="5" t="s">
        <v>1518</v>
      </c>
      <c r="J4025" s="5" t="s">
        <v>1519</v>
      </c>
      <c r="K4025" s="2" t="s">
        <v>1520</v>
      </c>
      <c r="L4025" s="5" t="s">
        <v>1519</v>
      </c>
      <c r="M4025" s="2" t="s">
        <v>1520</v>
      </c>
      <c r="N4025" s="5" t="s">
        <v>1521</v>
      </c>
      <c r="O4025" s="5" t="s">
        <v>38</v>
      </c>
      <c r="P4025" s="5" t="s">
        <v>39</v>
      </c>
      <c r="Q4025" s="5" t="s">
        <v>40</v>
      </c>
      <c r="R4025" s="5" t="s">
        <v>1522</v>
      </c>
      <c r="S4025" s="5" t="s">
        <v>1523</v>
      </c>
      <c r="T4025" s="5" t="s">
        <v>42</v>
      </c>
      <c r="U4025" s="2">
        <v>2.5049999999999999</v>
      </c>
      <c r="V4025" s="2">
        <v>2.1269999999999998</v>
      </c>
      <c r="W4025" s="2">
        <v>1.0999999999999999E-2</v>
      </c>
      <c r="X4025" s="2">
        <v>139.1</v>
      </c>
      <c r="Y4025" s="2">
        <v>7.6</v>
      </c>
      <c r="Z4025" s="2">
        <v>10.6</v>
      </c>
      <c r="AA4025" s="5"/>
      <c r="AB4025" s="5" t="s">
        <v>43</v>
      </c>
      <c r="AC4025" s="5" t="s">
        <v>44</v>
      </c>
      <c r="AD4025" s="2"/>
      <c r="AE4025" s="1"/>
    </row>
    <row r="4026" spans="1:31" ht="14.45">
      <c r="A4026" s="11"/>
      <c r="B4026" s="20"/>
      <c r="C4026" s="2" t="s">
        <v>12532</v>
      </c>
      <c r="D4026" s="14" t="s">
        <v>12533</v>
      </c>
      <c r="E4026" s="2" t="s">
        <v>12534</v>
      </c>
      <c r="F4026" s="2" t="s">
        <v>7433</v>
      </c>
      <c r="G4026" s="8">
        <v>170</v>
      </c>
      <c r="H4026" s="5">
        <v>6</v>
      </c>
      <c r="I4026" s="5" t="s">
        <v>1518</v>
      </c>
      <c r="J4026" s="5" t="s">
        <v>1519</v>
      </c>
      <c r="K4026" s="2" t="s">
        <v>1520</v>
      </c>
      <c r="L4026" s="5" t="s">
        <v>1519</v>
      </c>
      <c r="M4026" s="2" t="s">
        <v>1520</v>
      </c>
      <c r="N4026" s="5" t="s">
        <v>1521</v>
      </c>
      <c r="O4026" s="5" t="s">
        <v>38</v>
      </c>
      <c r="P4026" s="5" t="s">
        <v>39</v>
      </c>
      <c r="Q4026" s="5" t="s">
        <v>40</v>
      </c>
      <c r="R4026" s="5" t="s">
        <v>1522</v>
      </c>
      <c r="S4026" s="5" t="s">
        <v>1523</v>
      </c>
      <c r="T4026" s="5" t="s">
        <v>42</v>
      </c>
      <c r="U4026" s="2">
        <v>2.4460000000000002</v>
      </c>
      <c r="V4026" s="2">
        <v>2.0680000000000001</v>
      </c>
      <c r="W4026" s="2">
        <v>1.0999999999999999E-2</v>
      </c>
      <c r="X4026" s="2">
        <v>139.1</v>
      </c>
      <c r="Y4026" s="2">
        <v>7.6</v>
      </c>
      <c r="Z4026" s="2">
        <v>10.6</v>
      </c>
      <c r="AA4026" s="5"/>
      <c r="AB4026" s="5" t="s">
        <v>43</v>
      </c>
      <c r="AC4026" s="5" t="s">
        <v>44</v>
      </c>
      <c r="AD4026" s="2"/>
      <c r="AE4026" s="1"/>
    </row>
    <row r="4027" spans="1:31" ht="14.45">
      <c r="A4027" s="11"/>
      <c r="B4027" s="20"/>
      <c r="C4027" s="2" t="s">
        <v>12535</v>
      </c>
      <c r="D4027" s="14" t="s">
        <v>12536</v>
      </c>
      <c r="E4027" s="2" t="s">
        <v>12537</v>
      </c>
      <c r="F4027" s="2" t="s">
        <v>7611</v>
      </c>
      <c r="G4027" s="8">
        <v>170</v>
      </c>
      <c r="H4027" s="5">
        <v>6</v>
      </c>
      <c r="I4027" s="5" t="s">
        <v>1518</v>
      </c>
      <c r="J4027" s="5" t="s">
        <v>1519</v>
      </c>
      <c r="K4027" s="2" t="s">
        <v>1520</v>
      </c>
      <c r="L4027" s="5" t="s">
        <v>1519</v>
      </c>
      <c r="M4027" s="2" t="s">
        <v>1520</v>
      </c>
      <c r="N4027" s="5" t="s">
        <v>1521</v>
      </c>
      <c r="O4027" s="5" t="s">
        <v>38</v>
      </c>
      <c r="P4027" s="5" t="s">
        <v>39</v>
      </c>
      <c r="Q4027" s="5" t="s">
        <v>40</v>
      </c>
      <c r="R4027" s="5" t="s">
        <v>1522</v>
      </c>
      <c r="S4027" s="5" t="s">
        <v>1523</v>
      </c>
      <c r="T4027" s="5" t="s">
        <v>42</v>
      </c>
      <c r="U4027" s="2">
        <v>2.5049999999999999</v>
      </c>
      <c r="V4027" s="2">
        <v>2.1269999999999998</v>
      </c>
      <c r="W4027" s="2">
        <v>1.0999999999999999E-2</v>
      </c>
      <c r="X4027" s="2">
        <v>139.1</v>
      </c>
      <c r="Y4027" s="2">
        <v>7.6</v>
      </c>
      <c r="Z4027" s="2">
        <v>10.6</v>
      </c>
      <c r="AA4027" s="5"/>
      <c r="AB4027" s="5" t="s">
        <v>43</v>
      </c>
      <c r="AC4027" s="5" t="s">
        <v>44</v>
      </c>
      <c r="AD4027" s="2"/>
      <c r="AE4027" s="1"/>
    </row>
    <row r="4028" spans="1:31" ht="14.45">
      <c r="A4028" s="11"/>
      <c r="B4028" s="20"/>
      <c r="C4028" s="2" t="s">
        <v>12538</v>
      </c>
      <c r="D4028" s="14" t="s">
        <v>12539</v>
      </c>
      <c r="E4028" s="2" t="s">
        <v>12540</v>
      </c>
      <c r="F4028" s="2" t="s">
        <v>7615</v>
      </c>
      <c r="G4028" s="8">
        <v>170</v>
      </c>
      <c r="H4028" s="5">
        <v>6</v>
      </c>
      <c r="I4028" s="5" t="s">
        <v>1518</v>
      </c>
      <c r="J4028" s="5" t="s">
        <v>1519</v>
      </c>
      <c r="K4028" s="2" t="s">
        <v>1520</v>
      </c>
      <c r="L4028" s="5" t="s">
        <v>1519</v>
      </c>
      <c r="M4028" s="2" t="s">
        <v>1520</v>
      </c>
      <c r="N4028" s="5" t="s">
        <v>1521</v>
      </c>
      <c r="O4028" s="5" t="s">
        <v>38</v>
      </c>
      <c r="P4028" s="5" t="s">
        <v>39</v>
      </c>
      <c r="Q4028" s="5" t="s">
        <v>40</v>
      </c>
      <c r="R4028" s="5" t="s">
        <v>1522</v>
      </c>
      <c r="S4028" s="5" t="s">
        <v>1523</v>
      </c>
      <c r="T4028" s="5" t="s">
        <v>42</v>
      </c>
      <c r="U4028" s="2">
        <v>2.4039999999999999</v>
      </c>
      <c r="V4028" s="2">
        <v>2.0259999999999998</v>
      </c>
      <c r="W4028" s="2">
        <v>1.0999999999999999E-2</v>
      </c>
      <c r="X4028" s="2">
        <v>139.1</v>
      </c>
      <c r="Y4028" s="2">
        <v>7.6</v>
      </c>
      <c r="Z4028" s="2">
        <v>10.6</v>
      </c>
      <c r="AA4028" s="5"/>
      <c r="AB4028" s="5" t="s">
        <v>43</v>
      </c>
      <c r="AC4028" s="5" t="s">
        <v>44</v>
      </c>
      <c r="AD4028" s="2"/>
      <c r="AE4028" s="1"/>
    </row>
    <row r="4029" spans="1:31" ht="14.45">
      <c r="A4029" s="11"/>
      <c r="B4029" s="20"/>
      <c r="C4029" s="2" t="s">
        <v>12541</v>
      </c>
      <c r="D4029" s="14" t="s">
        <v>12542</v>
      </c>
      <c r="E4029" s="2" t="s">
        <v>12543</v>
      </c>
      <c r="F4029" s="2" t="s">
        <v>7619</v>
      </c>
      <c r="G4029" s="8">
        <v>170</v>
      </c>
      <c r="H4029" s="5">
        <v>6</v>
      </c>
      <c r="I4029" s="5" t="s">
        <v>1518</v>
      </c>
      <c r="J4029" s="5" t="s">
        <v>1519</v>
      </c>
      <c r="K4029" s="2" t="s">
        <v>1520</v>
      </c>
      <c r="L4029" s="5" t="s">
        <v>1519</v>
      </c>
      <c r="M4029" s="2" t="s">
        <v>1520</v>
      </c>
      <c r="N4029" s="5" t="s">
        <v>1521</v>
      </c>
      <c r="O4029" s="5" t="s">
        <v>38</v>
      </c>
      <c r="P4029" s="5" t="s">
        <v>39</v>
      </c>
      <c r="Q4029" s="5" t="s">
        <v>40</v>
      </c>
      <c r="R4029" s="5" t="s">
        <v>1522</v>
      </c>
      <c r="S4029" s="5" t="s">
        <v>1523</v>
      </c>
      <c r="T4029" s="5" t="s">
        <v>42</v>
      </c>
      <c r="U4029" s="2">
        <v>2.4630000000000001</v>
      </c>
      <c r="V4029" s="2">
        <v>2.085</v>
      </c>
      <c r="W4029" s="2">
        <v>1.0999999999999999E-2</v>
      </c>
      <c r="X4029" s="2">
        <v>139.1</v>
      </c>
      <c r="Y4029" s="2">
        <v>7.6</v>
      </c>
      <c r="Z4029" s="2">
        <v>10.6</v>
      </c>
      <c r="AA4029" s="5"/>
      <c r="AB4029" s="5" t="s">
        <v>43</v>
      </c>
      <c r="AC4029" s="5" t="s">
        <v>44</v>
      </c>
      <c r="AD4029" s="2"/>
      <c r="AE4029" s="1"/>
    </row>
    <row r="4030" spans="1:31" ht="14.45">
      <c r="A4030" s="11"/>
      <c r="B4030" s="20"/>
      <c r="C4030" s="2" t="s">
        <v>12544</v>
      </c>
      <c r="D4030" s="14" t="s">
        <v>12545</v>
      </c>
      <c r="E4030" s="2" t="s">
        <v>12546</v>
      </c>
      <c r="F4030" s="2" t="s">
        <v>1823</v>
      </c>
      <c r="G4030" s="8">
        <v>170</v>
      </c>
      <c r="H4030" s="5">
        <v>18</v>
      </c>
      <c r="I4030" s="5" t="s">
        <v>1518</v>
      </c>
      <c r="J4030" s="5" t="s">
        <v>1519</v>
      </c>
      <c r="K4030" s="2" t="s">
        <v>1520</v>
      </c>
      <c r="L4030" s="5" t="s">
        <v>1519</v>
      </c>
      <c r="M4030" s="2" t="s">
        <v>1520</v>
      </c>
      <c r="N4030" s="5" t="s">
        <v>1521</v>
      </c>
      <c r="O4030" s="5" t="s">
        <v>38</v>
      </c>
      <c r="P4030" s="5" t="s">
        <v>39</v>
      </c>
      <c r="Q4030" s="5" t="s">
        <v>40</v>
      </c>
      <c r="R4030" s="5" t="s">
        <v>1522</v>
      </c>
      <c r="S4030" s="5" t="s">
        <v>1523</v>
      </c>
      <c r="T4030" s="5" t="s">
        <v>42</v>
      </c>
      <c r="U4030" s="2">
        <v>2.476</v>
      </c>
      <c r="V4030" s="2">
        <v>2.0979999999999999</v>
      </c>
      <c r="W4030" s="2">
        <v>1.0999999999999999E-2</v>
      </c>
      <c r="X4030" s="2">
        <v>139.1</v>
      </c>
      <c r="Y4030" s="2">
        <v>7.6</v>
      </c>
      <c r="Z4030" s="2">
        <v>10.6</v>
      </c>
      <c r="AA4030" s="5"/>
      <c r="AB4030" s="5" t="s">
        <v>43</v>
      </c>
      <c r="AC4030" s="5" t="s">
        <v>44</v>
      </c>
      <c r="AD4030" s="2"/>
      <c r="AE4030" s="1"/>
    </row>
    <row r="4031" spans="1:31" ht="14.45">
      <c r="A4031" s="11"/>
      <c r="B4031" s="20"/>
      <c r="C4031" s="2" t="s">
        <v>12547</v>
      </c>
      <c r="D4031" s="14" t="s">
        <v>12548</v>
      </c>
      <c r="E4031" s="2" t="s">
        <v>12549</v>
      </c>
      <c r="F4031" s="2" t="s">
        <v>1827</v>
      </c>
      <c r="G4031" s="8">
        <v>170</v>
      </c>
      <c r="H4031" s="5">
        <v>18</v>
      </c>
      <c r="I4031" s="5" t="s">
        <v>1518</v>
      </c>
      <c r="J4031" s="5" t="s">
        <v>1519</v>
      </c>
      <c r="K4031" s="2" t="s">
        <v>1520</v>
      </c>
      <c r="L4031" s="5" t="s">
        <v>1519</v>
      </c>
      <c r="M4031" s="2" t="s">
        <v>1520</v>
      </c>
      <c r="N4031" s="5" t="s">
        <v>1521</v>
      </c>
      <c r="O4031" s="5" t="s">
        <v>38</v>
      </c>
      <c r="P4031" s="5" t="s">
        <v>39</v>
      </c>
      <c r="Q4031" s="5" t="s">
        <v>40</v>
      </c>
      <c r="R4031" s="5" t="s">
        <v>1522</v>
      </c>
      <c r="S4031" s="5" t="s">
        <v>1523</v>
      </c>
      <c r="T4031" s="5" t="s">
        <v>42</v>
      </c>
      <c r="U4031" s="2">
        <v>2.5350000000000001</v>
      </c>
      <c r="V4031" s="2">
        <v>2.157</v>
      </c>
      <c r="W4031" s="2">
        <v>1.0999999999999999E-2</v>
      </c>
      <c r="X4031" s="2">
        <v>139.1</v>
      </c>
      <c r="Y4031" s="2">
        <v>7.6</v>
      </c>
      <c r="Z4031" s="2">
        <v>10.6</v>
      </c>
      <c r="AA4031" s="5"/>
      <c r="AB4031" s="5" t="s">
        <v>43</v>
      </c>
      <c r="AC4031" s="5" t="s">
        <v>44</v>
      </c>
      <c r="AD4031" s="2"/>
      <c r="AE4031" s="1"/>
    </row>
    <row r="4032" spans="1:31" ht="14.45">
      <c r="A4032" s="11"/>
      <c r="B4032" s="20"/>
      <c r="C4032" s="2" t="s">
        <v>12550</v>
      </c>
      <c r="D4032" s="14" t="s">
        <v>12551</v>
      </c>
      <c r="E4032" s="2" t="s">
        <v>12552</v>
      </c>
      <c r="F4032" s="2" t="s">
        <v>2204</v>
      </c>
      <c r="G4032" s="8">
        <v>170</v>
      </c>
      <c r="H4032" s="5">
        <v>18</v>
      </c>
      <c r="I4032" s="5" t="s">
        <v>1518</v>
      </c>
      <c r="J4032" s="5" t="s">
        <v>1519</v>
      </c>
      <c r="K4032" s="2" t="s">
        <v>1520</v>
      </c>
      <c r="L4032" s="5" t="s">
        <v>1519</v>
      </c>
      <c r="M4032" s="2" t="s">
        <v>1520</v>
      </c>
      <c r="N4032" s="5" t="s">
        <v>1521</v>
      </c>
      <c r="O4032" s="5" t="s">
        <v>38</v>
      </c>
      <c r="P4032" s="5" t="s">
        <v>39</v>
      </c>
      <c r="Q4032" s="5" t="s">
        <v>40</v>
      </c>
      <c r="R4032" s="5" t="s">
        <v>1522</v>
      </c>
      <c r="S4032" s="5" t="s">
        <v>1523</v>
      </c>
      <c r="T4032" s="5" t="s">
        <v>42</v>
      </c>
      <c r="U4032" s="2">
        <v>2.5</v>
      </c>
      <c r="V4032" s="2">
        <v>2.1219999999999999</v>
      </c>
      <c r="W4032" s="2">
        <v>1.0999999999999999E-2</v>
      </c>
      <c r="X4032" s="2">
        <v>139.1</v>
      </c>
      <c r="Y4032" s="2">
        <v>7.6</v>
      </c>
      <c r="Z4032" s="2">
        <v>10.6</v>
      </c>
      <c r="AA4032" s="5"/>
      <c r="AB4032" s="5" t="s">
        <v>43</v>
      </c>
      <c r="AC4032" s="5" t="s">
        <v>44</v>
      </c>
      <c r="AD4032" s="2"/>
      <c r="AE4032" s="1"/>
    </row>
    <row r="4033" spans="1:31" ht="14.45">
      <c r="A4033" s="11"/>
      <c r="B4033" s="20"/>
      <c r="C4033" s="2" t="s">
        <v>12553</v>
      </c>
      <c r="D4033" s="14" t="s">
        <v>12554</v>
      </c>
      <c r="E4033" s="2" t="s">
        <v>12555</v>
      </c>
      <c r="F4033" s="2" t="s">
        <v>2208</v>
      </c>
      <c r="G4033" s="8">
        <v>170</v>
      </c>
      <c r="H4033" s="5">
        <v>18</v>
      </c>
      <c r="I4033" s="5" t="s">
        <v>1518</v>
      </c>
      <c r="J4033" s="5" t="s">
        <v>1519</v>
      </c>
      <c r="K4033" s="2" t="s">
        <v>1520</v>
      </c>
      <c r="L4033" s="5" t="s">
        <v>1519</v>
      </c>
      <c r="M4033" s="2" t="s">
        <v>1520</v>
      </c>
      <c r="N4033" s="5" t="s">
        <v>1521</v>
      </c>
      <c r="O4033" s="5" t="s">
        <v>38</v>
      </c>
      <c r="P4033" s="5" t="s">
        <v>39</v>
      </c>
      <c r="Q4033" s="5" t="s">
        <v>40</v>
      </c>
      <c r="R4033" s="5" t="s">
        <v>1522</v>
      </c>
      <c r="S4033" s="5" t="s">
        <v>1523</v>
      </c>
      <c r="T4033" s="5" t="s">
        <v>42</v>
      </c>
      <c r="U4033" s="2">
        <v>2.5</v>
      </c>
      <c r="V4033" s="2">
        <v>2.1219999999999999</v>
      </c>
      <c r="W4033" s="2">
        <v>1.0999999999999999E-2</v>
      </c>
      <c r="X4033" s="2">
        <v>139.1</v>
      </c>
      <c r="Y4033" s="2">
        <v>7.6</v>
      </c>
      <c r="Z4033" s="2">
        <v>10.6</v>
      </c>
      <c r="AA4033" s="5"/>
      <c r="AB4033" s="5" t="s">
        <v>43</v>
      </c>
      <c r="AC4033" s="5" t="s">
        <v>44</v>
      </c>
      <c r="AD4033" s="2"/>
      <c r="AE4033" s="1"/>
    </row>
    <row r="4034" spans="1:31" ht="14.45">
      <c r="A4034" s="11"/>
      <c r="B4034" s="20"/>
      <c r="C4034" s="2" t="s">
        <v>12556</v>
      </c>
      <c r="D4034" s="14" t="s">
        <v>12557</v>
      </c>
      <c r="E4034" s="2" t="s">
        <v>12558</v>
      </c>
      <c r="F4034" s="2" t="s">
        <v>1831</v>
      </c>
      <c r="G4034" s="8">
        <v>170</v>
      </c>
      <c r="H4034" s="5">
        <v>18</v>
      </c>
      <c r="I4034" s="5" t="s">
        <v>1518</v>
      </c>
      <c r="J4034" s="5" t="s">
        <v>1519</v>
      </c>
      <c r="K4034" s="2" t="s">
        <v>1520</v>
      </c>
      <c r="L4034" s="5" t="s">
        <v>1519</v>
      </c>
      <c r="M4034" s="2" t="s">
        <v>1520</v>
      </c>
      <c r="N4034" s="5" t="s">
        <v>1521</v>
      </c>
      <c r="O4034" s="5" t="s">
        <v>38</v>
      </c>
      <c r="P4034" s="5" t="s">
        <v>39</v>
      </c>
      <c r="Q4034" s="5" t="s">
        <v>40</v>
      </c>
      <c r="R4034" s="5" t="s">
        <v>1522</v>
      </c>
      <c r="S4034" s="5" t="s">
        <v>1523</v>
      </c>
      <c r="T4034" s="5" t="s">
        <v>42</v>
      </c>
      <c r="U4034" s="2">
        <v>2.5</v>
      </c>
      <c r="V4034" s="2">
        <v>2.1219999999999999</v>
      </c>
      <c r="W4034" s="2">
        <v>1.0999999999999999E-2</v>
      </c>
      <c r="X4034" s="2">
        <v>139.1</v>
      </c>
      <c r="Y4034" s="2">
        <v>7.6</v>
      </c>
      <c r="Z4034" s="2">
        <v>10.6</v>
      </c>
      <c r="AA4034" s="5"/>
      <c r="AB4034" s="5" t="s">
        <v>43</v>
      </c>
      <c r="AC4034" s="5" t="s">
        <v>44</v>
      </c>
      <c r="AD4034" s="2"/>
      <c r="AE4034" s="1"/>
    </row>
    <row r="4035" spans="1:31" ht="14.45">
      <c r="A4035" s="11"/>
      <c r="B4035" s="20"/>
      <c r="C4035" s="2" t="s">
        <v>12559</v>
      </c>
      <c r="D4035" s="14" t="s">
        <v>12560</v>
      </c>
      <c r="E4035" s="2" t="s">
        <v>12561</v>
      </c>
      <c r="F4035" s="2" t="s">
        <v>1839</v>
      </c>
      <c r="G4035" s="8">
        <v>170</v>
      </c>
      <c r="H4035" s="5">
        <v>18</v>
      </c>
      <c r="I4035" s="5" t="s">
        <v>1518</v>
      </c>
      <c r="J4035" s="5" t="s">
        <v>1519</v>
      </c>
      <c r="K4035" s="2" t="s">
        <v>1520</v>
      </c>
      <c r="L4035" s="5" t="s">
        <v>1519</v>
      </c>
      <c r="M4035" s="2" t="s">
        <v>1520</v>
      </c>
      <c r="N4035" s="5" t="s">
        <v>1521</v>
      </c>
      <c r="O4035" s="5" t="s">
        <v>38</v>
      </c>
      <c r="P4035" s="5" t="s">
        <v>39</v>
      </c>
      <c r="Q4035" s="5" t="s">
        <v>40</v>
      </c>
      <c r="R4035" s="5" t="s">
        <v>1522</v>
      </c>
      <c r="S4035" s="5" t="s">
        <v>1523</v>
      </c>
      <c r="T4035" s="5" t="s">
        <v>42</v>
      </c>
      <c r="U4035" s="2">
        <v>2.5</v>
      </c>
      <c r="V4035" s="2">
        <v>2.1219999999999999</v>
      </c>
      <c r="W4035" s="2">
        <v>1.0999999999999999E-2</v>
      </c>
      <c r="X4035" s="2">
        <v>139.1</v>
      </c>
      <c r="Y4035" s="2">
        <v>7.6</v>
      </c>
      <c r="Z4035" s="2">
        <v>10.6</v>
      </c>
      <c r="AA4035" s="5"/>
      <c r="AB4035" s="5" t="s">
        <v>43</v>
      </c>
      <c r="AC4035" s="5" t="s">
        <v>44</v>
      </c>
      <c r="AD4035" s="2"/>
      <c r="AE4035" s="1"/>
    </row>
    <row r="4036" spans="1:31" ht="14.45">
      <c r="A4036" s="11"/>
      <c r="B4036" s="20"/>
      <c r="C4036" s="2" t="s">
        <v>12562</v>
      </c>
      <c r="D4036" s="14" t="s">
        <v>12563</v>
      </c>
      <c r="E4036" s="2" t="s">
        <v>12564</v>
      </c>
      <c r="F4036" s="2" t="s">
        <v>1843</v>
      </c>
      <c r="G4036" s="8">
        <v>170</v>
      </c>
      <c r="H4036" s="5">
        <v>18</v>
      </c>
      <c r="I4036" s="5" t="s">
        <v>1518</v>
      </c>
      <c r="J4036" s="5" t="s">
        <v>1519</v>
      </c>
      <c r="K4036" s="2" t="s">
        <v>1520</v>
      </c>
      <c r="L4036" s="5" t="s">
        <v>1519</v>
      </c>
      <c r="M4036" s="2" t="s">
        <v>1520</v>
      </c>
      <c r="N4036" s="5" t="s">
        <v>1521</v>
      </c>
      <c r="O4036" s="5" t="s">
        <v>38</v>
      </c>
      <c r="P4036" s="5" t="s">
        <v>39</v>
      </c>
      <c r="Q4036" s="5" t="s">
        <v>40</v>
      </c>
      <c r="R4036" s="5" t="s">
        <v>1522</v>
      </c>
      <c r="S4036" s="5" t="s">
        <v>1523</v>
      </c>
      <c r="T4036" s="5" t="s">
        <v>42</v>
      </c>
      <c r="U4036" s="2">
        <v>2.5</v>
      </c>
      <c r="V4036" s="2">
        <v>2.1219999999999999</v>
      </c>
      <c r="W4036" s="2">
        <v>1.0999999999999999E-2</v>
      </c>
      <c r="X4036" s="2">
        <v>139.1</v>
      </c>
      <c r="Y4036" s="2">
        <v>7.6</v>
      </c>
      <c r="Z4036" s="2">
        <v>10.6</v>
      </c>
      <c r="AA4036" s="5"/>
      <c r="AB4036" s="5" t="s">
        <v>43</v>
      </c>
      <c r="AC4036" s="5" t="s">
        <v>44</v>
      </c>
      <c r="AD4036" s="2"/>
      <c r="AE4036" s="1"/>
    </row>
    <row r="4037" spans="1:31" ht="14.45">
      <c r="A4037" s="11"/>
      <c r="B4037" s="20"/>
      <c r="C4037" s="2" t="s">
        <v>12565</v>
      </c>
      <c r="D4037" s="14" t="s">
        <v>12566</v>
      </c>
      <c r="E4037" s="2" t="s">
        <v>12567</v>
      </c>
      <c r="F4037" s="2" t="s">
        <v>1847</v>
      </c>
      <c r="G4037" s="8">
        <v>170</v>
      </c>
      <c r="H4037" s="5">
        <v>18</v>
      </c>
      <c r="I4037" s="5" t="s">
        <v>1518</v>
      </c>
      <c r="J4037" s="5" t="s">
        <v>1519</v>
      </c>
      <c r="K4037" s="2" t="s">
        <v>1520</v>
      </c>
      <c r="L4037" s="5" t="s">
        <v>1519</v>
      </c>
      <c r="M4037" s="2" t="s">
        <v>1520</v>
      </c>
      <c r="N4037" s="5" t="s">
        <v>1521</v>
      </c>
      <c r="O4037" s="5" t="s">
        <v>38</v>
      </c>
      <c r="P4037" s="5" t="s">
        <v>39</v>
      </c>
      <c r="Q4037" s="5" t="s">
        <v>40</v>
      </c>
      <c r="R4037" s="5" t="s">
        <v>1522</v>
      </c>
      <c r="S4037" s="5" t="s">
        <v>1523</v>
      </c>
      <c r="T4037" s="5" t="s">
        <v>42</v>
      </c>
      <c r="U4037" s="2">
        <v>2.5590000000000002</v>
      </c>
      <c r="V4037" s="2">
        <v>2.181</v>
      </c>
      <c r="W4037" s="2">
        <v>1.0999999999999999E-2</v>
      </c>
      <c r="X4037" s="2">
        <v>139.1</v>
      </c>
      <c r="Y4037" s="2">
        <v>7.6</v>
      </c>
      <c r="Z4037" s="2">
        <v>10.6</v>
      </c>
      <c r="AA4037" s="5"/>
      <c r="AB4037" s="5" t="s">
        <v>43</v>
      </c>
      <c r="AC4037" s="5" t="s">
        <v>44</v>
      </c>
      <c r="AD4037" s="2"/>
      <c r="AE4037" s="1"/>
    </row>
    <row r="4038" spans="1:31" ht="14.45">
      <c r="A4038" s="11"/>
      <c r="B4038" s="20"/>
      <c r="C4038" s="2" t="s">
        <v>12568</v>
      </c>
      <c r="D4038" s="14" t="s">
        <v>12569</v>
      </c>
      <c r="E4038" s="2" t="s">
        <v>12570</v>
      </c>
      <c r="F4038" s="2" t="s">
        <v>1851</v>
      </c>
      <c r="G4038" s="8">
        <v>170</v>
      </c>
      <c r="H4038" s="5">
        <v>18</v>
      </c>
      <c r="I4038" s="5" t="s">
        <v>1518</v>
      </c>
      <c r="J4038" s="5" t="s">
        <v>1519</v>
      </c>
      <c r="K4038" s="2" t="s">
        <v>1520</v>
      </c>
      <c r="L4038" s="5" t="s">
        <v>1519</v>
      </c>
      <c r="M4038" s="2" t="s">
        <v>1520</v>
      </c>
      <c r="N4038" s="5" t="s">
        <v>1521</v>
      </c>
      <c r="O4038" s="5" t="s">
        <v>38</v>
      </c>
      <c r="P4038" s="5" t="s">
        <v>39</v>
      </c>
      <c r="Q4038" s="5" t="s">
        <v>40</v>
      </c>
      <c r="R4038" s="5" t="s">
        <v>1522</v>
      </c>
      <c r="S4038" s="5" t="s">
        <v>1523</v>
      </c>
      <c r="T4038" s="5" t="s">
        <v>42</v>
      </c>
      <c r="U4038" s="2">
        <v>2.5</v>
      </c>
      <c r="V4038" s="2">
        <v>2.1219999999999999</v>
      </c>
      <c r="W4038" s="2">
        <v>1.0999999999999999E-2</v>
      </c>
      <c r="X4038" s="2">
        <v>139.1</v>
      </c>
      <c r="Y4038" s="2">
        <v>7.6</v>
      </c>
      <c r="Z4038" s="2">
        <v>10.6</v>
      </c>
      <c r="AA4038" s="5"/>
      <c r="AB4038" s="5" t="s">
        <v>43</v>
      </c>
      <c r="AC4038" s="5" t="s">
        <v>44</v>
      </c>
      <c r="AD4038" s="2"/>
      <c r="AE4038" s="1"/>
    </row>
    <row r="4039" spans="1:31" ht="14.45">
      <c r="A4039" s="11"/>
      <c r="B4039" s="20"/>
      <c r="C4039" s="2" t="s">
        <v>12571</v>
      </c>
      <c r="D4039" s="14" t="s">
        <v>12572</v>
      </c>
      <c r="E4039" s="2" t="s">
        <v>12573</v>
      </c>
      <c r="F4039" s="2" t="s">
        <v>1855</v>
      </c>
      <c r="G4039" s="8">
        <v>170</v>
      </c>
      <c r="H4039" s="5">
        <v>18</v>
      </c>
      <c r="I4039" s="5" t="s">
        <v>1518</v>
      </c>
      <c r="J4039" s="5" t="s">
        <v>1519</v>
      </c>
      <c r="K4039" s="2" t="s">
        <v>1520</v>
      </c>
      <c r="L4039" s="5" t="s">
        <v>1519</v>
      </c>
      <c r="M4039" s="2" t="s">
        <v>1520</v>
      </c>
      <c r="N4039" s="5" t="s">
        <v>1521</v>
      </c>
      <c r="O4039" s="5" t="s">
        <v>38</v>
      </c>
      <c r="P4039" s="5" t="s">
        <v>39</v>
      </c>
      <c r="Q4039" s="5" t="s">
        <v>40</v>
      </c>
      <c r="R4039" s="5" t="s">
        <v>1522</v>
      </c>
      <c r="S4039" s="5" t="s">
        <v>1523</v>
      </c>
      <c r="T4039" s="5" t="s">
        <v>42</v>
      </c>
      <c r="U4039" s="2">
        <v>2.5</v>
      </c>
      <c r="V4039" s="2">
        <v>2.1219999999999999</v>
      </c>
      <c r="W4039" s="2">
        <v>1.0999999999999999E-2</v>
      </c>
      <c r="X4039" s="2">
        <v>139.1</v>
      </c>
      <c r="Y4039" s="2">
        <v>7.6</v>
      </c>
      <c r="Z4039" s="2">
        <v>10.6</v>
      </c>
      <c r="AA4039" s="5"/>
      <c r="AB4039" s="5" t="s">
        <v>43</v>
      </c>
      <c r="AC4039" s="5" t="s">
        <v>44</v>
      </c>
      <c r="AD4039" s="2"/>
      <c r="AE4039" s="1"/>
    </row>
    <row r="4040" spans="1:31" ht="14.45">
      <c r="A4040" s="11"/>
      <c r="B4040" s="20"/>
      <c r="C4040" s="2" t="s">
        <v>12574</v>
      </c>
      <c r="D4040" s="14" t="s">
        <v>12575</v>
      </c>
      <c r="E4040" s="2" t="s">
        <v>12576</v>
      </c>
      <c r="F4040" s="2" t="s">
        <v>1863</v>
      </c>
      <c r="G4040" s="8">
        <v>170</v>
      </c>
      <c r="H4040" s="5">
        <v>21</v>
      </c>
      <c r="I4040" s="5" t="s">
        <v>1518</v>
      </c>
      <c r="J4040" s="5" t="s">
        <v>1519</v>
      </c>
      <c r="K4040" s="2" t="s">
        <v>1520</v>
      </c>
      <c r="L4040" s="5" t="s">
        <v>1519</v>
      </c>
      <c r="M4040" s="2" t="s">
        <v>1520</v>
      </c>
      <c r="N4040" s="5" t="s">
        <v>1521</v>
      </c>
      <c r="O4040" s="5" t="s">
        <v>38</v>
      </c>
      <c r="P4040" s="5" t="s">
        <v>39</v>
      </c>
      <c r="Q4040" s="5" t="s">
        <v>40</v>
      </c>
      <c r="R4040" s="5" t="s">
        <v>1522</v>
      </c>
      <c r="S4040" s="5" t="s">
        <v>1523</v>
      </c>
      <c r="T4040" s="5" t="s">
        <v>42</v>
      </c>
      <c r="U4040" s="2">
        <v>2.4159999999999999</v>
      </c>
      <c r="V4040" s="2">
        <v>2.036</v>
      </c>
      <c r="W4040" s="2">
        <v>1.0999999999999999E-2</v>
      </c>
      <c r="X4040" s="2">
        <v>139.1</v>
      </c>
      <c r="Y4040" s="2">
        <v>7.6</v>
      </c>
      <c r="Z4040" s="2">
        <v>10.6</v>
      </c>
      <c r="AA4040" s="5"/>
      <c r="AB4040" s="5" t="s">
        <v>43</v>
      </c>
      <c r="AC4040" s="5" t="s">
        <v>44</v>
      </c>
      <c r="AD4040" s="2"/>
      <c r="AE4040" s="1"/>
    </row>
    <row r="4041" spans="1:31" ht="14.45">
      <c r="A4041" s="11"/>
      <c r="B4041" s="20"/>
      <c r="C4041" s="2" t="s">
        <v>12577</v>
      </c>
      <c r="D4041" s="14" t="s">
        <v>12578</v>
      </c>
      <c r="E4041" s="2" t="s">
        <v>12579</v>
      </c>
      <c r="F4041" s="2" t="s">
        <v>1867</v>
      </c>
      <c r="G4041" s="8">
        <v>170</v>
      </c>
      <c r="H4041" s="5">
        <v>21</v>
      </c>
      <c r="I4041" s="5" t="s">
        <v>1518</v>
      </c>
      <c r="J4041" s="5" t="s">
        <v>1519</v>
      </c>
      <c r="K4041" s="2" t="s">
        <v>1520</v>
      </c>
      <c r="L4041" s="5" t="s">
        <v>1519</v>
      </c>
      <c r="M4041" s="2" t="s">
        <v>1520</v>
      </c>
      <c r="N4041" s="5" t="s">
        <v>1521</v>
      </c>
      <c r="O4041" s="5" t="s">
        <v>38</v>
      </c>
      <c r="P4041" s="5" t="s">
        <v>39</v>
      </c>
      <c r="Q4041" s="5" t="s">
        <v>40</v>
      </c>
      <c r="R4041" s="5" t="s">
        <v>1522</v>
      </c>
      <c r="S4041" s="5" t="s">
        <v>1523</v>
      </c>
      <c r="T4041" s="5" t="s">
        <v>42</v>
      </c>
      <c r="U4041" s="2">
        <v>2.4750000000000001</v>
      </c>
      <c r="V4041" s="2">
        <v>2.0950000000000002</v>
      </c>
      <c r="W4041" s="2">
        <v>1.0999999999999999E-2</v>
      </c>
      <c r="X4041" s="2">
        <v>139.1</v>
      </c>
      <c r="Y4041" s="2">
        <v>7.6</v>
      </c>
      <c r="Z4041" s="2">
        <v>10.6</v>
      </c>
      <c r="AA4041" s="5"/>
      <c r="AB4041" s="5" t="s">
        <v>43</v>
      </c>
      <c r="AC4041" s="5" t="s">
        <v>44</v>
      </c>
      <c r="AD4041" s="2"/>
      <c r="AE4041" s="1"/>
    </row>
    <row r="4042" spans="1:31" ht="14.45">
      <c r="A4042" s="11"/>
      <c r="B4042" s="20"/>
      <c r="C4042" s="2" t="s">
        <v>12580</v>
      </c>
      <c r="D4042" s="14" t="s">
        <v>12581</v>
      </c>
      <c r="E4042" s="2" t="s">
        <v>12582</v>
      </c>
      <c r="F4042" s="2" t="s">
        <v>7396</v>
      </c>
      <c r="G4042" s="8">
        <v>124</v>
      </c>
      <c r="H4042" s="5">
        <v>5</v>
      </c>
      <c r="I4042" s="5" t="s">
        <v>1518</v>
      </c>
      <c r="J4042" s="5" t="s">
        <v>1519</v>
      </c>
      <c r="K4042" s="2" t="s">
        <v>1520</v>
      </c>
      <c r="L4042" s="5" t="s">
        <v>1519</v>
      </c>
      <c r="M4042" s="2" t="s">
        <v>1520</v>
      </c>
      <c r="N4042" s="5" t="s">
        <v>1521</v>
      </c>
      <c r="O4042" s="5" t="s">
        <v>38</v>
      </c>
      <c r="P4042" s="5" t="s">
        <v>39</v>
      </c>
      <c r="Q4042" s="5" t="s">
        <v>40</v>
      </c>
      <c r="R4042" s="5" t="s">
        <v>1522</v>
      </c>
      <c r="S4042" s="5" t="s">
        <v>1523</v>
      </c>
      <c r="T4042" s="5" t="s">
        <v>42</v>
      </c>
      <c r="U4042" s="2">
        <v>1.73</v>
      </c>
      <c r="V4042" s="2">
        <v>1.405</v>
      </c>
      <c r="W4042" s="2">
        <v>0.01</v>
      </c>
      <c r="X4042" s="2">
        <v>118.9</v>
      </c>
      <c r="Y4042" s="2">
        <v>7.6</v>
      </c>
      <c r="Z4042" s="2">
        <v>10.6</v>
      </c>
      <c r="AA4042" s="5"/>
      <c r="AB4042" s="5" t="s">
        <v>43</v>
      </c>
      <c r="AC4042" s="5" t="s">
        <v>44</v>
      </c>
      <c r="AD4042" s="2"/>
      <c r="AE4042" s="1"/>
    </row>
    <row r="4043" spans="1:31" ht="14.45">
      <c r="A4043" s="11"/>
      <c r="B4043" s="20"/>
      <c r="C4043" s="2" t="s">
        <v>12583</v>
      </c>
      <c r="D4043" s="14" t="s">
        <v>12584</v>
      </c>
      <c r="E4043" s="2" t="s">
        <v>12585</v>
      </c>
      <c r="F4043" s="2" t="s">
        <v>7507</v>
      </c>
      <c r="G4043" s="8">
        <v>124</v>
      </c>
      <c r="H4043" s="5">
        <v>6</v>
      </c>
      <c r="I4043" s="5" t="s">
        <v>1518</v>
      </c>
      <c r="J4043" s="5" t="s">
        <v>1519</v>
      </c>
      <c r="K4043" s="2" t="s">
        <v>1520</v>
      </c>
      <c r="L4043" s="5" t="s">
        <v>1519</v>
      </c>
      <c r="M4043" s="2" t="s">
        <v>1520</v>
      </c>
      <c r="N4043" s="5" t="s">
        <v>1521</v>
      </c>
      <c r="O4043" s="5" t="s">
        <v>38</v>
      </c>
      <c r="P4043" s="5" t="s">
        <v>39</v>
      </c>
      <c r="Q4043" s="5" t="s">
        <v>40</v>
      </c>
      <c r="R4043" s="5" t="s">
        <v>1522</v>
      </c>
      <c r="S4043" s="5" t="s">
        <v>1523</v>
      </c>
      <c r="T4043" s="5" t="s">
        <v>42</v>
      </c>
      <c r="U4043" s="2">
        <v>1.768</v>
      </c>
      <c r="V4043" s="2">
        <v>1.4430000000000001</v>
      </c>
      <c r="W4043" s="2">
        <v>0.01</v>
      </c>
      <c r="X4043" s="2">
        <v>118.9</v>
      </c>
      <c r="Y4043" s="2">
        <v>7.6</v>
      </c>
      <c r="Z4043" s="2">
        <v>10.6</v>
      </c>
      <c r="AA4043" s="5"/>
      <c r="AB4043" s="5" t="s">
        <v>43</v>
      </c>
      <c r="AC4043" s="5" t="s">
        <v>44</v>
      </c>
      <c r="AD4043" s="2"/>
      <c r="AE4043" s="1"/>
    </row>
    <row r="4044" spans="1:31" ht="14.45">
      <c r="A4044" s="11"/>
      <c r="B4044" s="20"/>
      <c r="C4044" s="2" t="s">
        <v>12586</v>
      </c>
      <c r="D4044" s="14" t="s">
        <v>12587</v>
      </c>
      <c r="E4044" s="2" t="s">
        <v>12588</v>
      </c>
      <c r="F4044" s="2" t="s">
        <v>7204</v>
      </c>
      <c r="G4044" s="8">
        <v>124</v>
      </c>
      <c r="H4044" s="5">
        <v>5</v>
      </c>
      <c r="I4044" s="5" t="s">
        <v>1518</v>
      </c>
      <c r="J4044" s="5" t="s">
        <v>1519</v>
      </c>
      <c r="K4044" s="2" t="s">
        <v>1520</v>
      </c>
      <c r="L4044" s="5" t="s">
        <v>1519</v>
      </c>
      <c r="M4044" s="2" t="s">
        <v>1520</v>
      </c>
      <c r="N4044" s="5" t="s">
        <v>1521</v>
      </c>
      <c r="O4044" s="5" t="s">
        <v>38</v>
      </c>
      <c r="P4044" s="5" t="s">
        <v>39</v>
      </c>
      <c r="Q4044" s="5" t="s">
        <v>40</v>
      </c>
      <c r="R4044" s="5" t="s">
        <v>1522</v>
      </c>
      <c r="S4044" s="5" t="s">
        <v>1523</v>
      </c>
      <c r="T4044" s="5" t="s">
        <v>42</v>
      </c>
      <c r="U4044" s="2">
        <v>1.734</v>
      </c>
      <c r="V4044" s="2">
        <v>1.409</v>
      </c>
      <c r="W4044" s="2">
        <v>0.01</v>
      </c>
      <c r="X4044" s="2">
        <v>118.9</v>
      </c>
      <c r="Y4044" s="2">
        <v>7.6</v>
      </c>
      <c r="Z4044" s="2">
        <v>10.6</v>
      </c>
      <c r="AA4044" s="5"/>
      <c r="AB4044" s="5" t="s">
        <v>43</v>
      </c>
      <c r="AC4044" s="5" t="s">
        <v>44</v>
      </c>
      <c r="AD4044" s="2"/>
      <c r="AE4044" s="1"/>
    </row>
    <row r="4045" spans="1:31" ht="14.45">
      <c r="A4045" s="11"/>
      <c r="B4045" s="20"/>
      <c r="C4045" s="2" t="s">
        <v>12589</v>
      </c>
      <c r="D4045" s="14" t="s">
        <v>12590</v>
      </c>
      <c r="E4045" s="2" t="s">
        <v>12591</v>
      </c>
      <c r="F4045" s="2" t="s">
        <v>7514</v>
      </c>
      <c r="G4045" s="8">
        <v>124</v>
      </c>
      <c r="H4045" s="5">
        <v>6</v>
      </c>
      <c r="I4045" s="5" t="s">
        <v>1518</v>
      </c>
      <c r="J4045" s="5" t="s">
        <v>1519</v>
      </c>
      <c r="K4045" s="2" t="s">
        <v>1520</v>
      </c>
      <c r="L4045" s="5" t="s">
        <v>1519</v>
      </c>
      <c r="M4045" s="2" t="s">
        <v>1520</v>
      </c>
      <c r="N4045" s="5" t="s">
        <v>1521</v>
      </c>
      <c r="O4045" s="5" t="s">
        <v>38</v>
      </c>
      <c r="P4045" s="5" t="s">
        <v>39</v>
      </c>
      <c r="Q4045" s="5" t="s">
        <v>40</v>
      </c>
      <c r="R4045" s="5" t="s">
        <v>1522</v>
      </c>
      <c r="S4045" s="5" t="s">
        <v>1523</v>
      </c>
      <c r="T4045" s="5" t="s">
        <v>42</v>
      </c>
      <c r="U4045" s="2">
        <v>1.772</v>
      </c>
      <c r="V4045" s="2">
        <v>1.4470000000000001</v>
      </c>
      <c r="W4045" s="2">
        <v>0.01</v>
      </c>
      <c r="X4045" s="2">
        <v>118.9</v>
      </c>
      <c r="Y4045" s="2">
        <v>7.6</v>
      </c>
      <c r="Z4045" s="2">
        <v>10.6</v>
      </c>
      <c r="AA4045" s="5"/>
      <c r="AB4045" s="5" t="s">
        <v>43</v>
      </c>
      <c r="AC4045" s="5" t="s">
        <v>44</v>
      </c>
      <c r="AD4045" s="2"/>
      <c r="AE4045" s="1"/>
    </row>
    <row r="4046" spans="1:31" ht="14.45">
      <c r="A4046" s="11"/>
      <c r="B4046" s="20"/>
      <c r="C4046" s="2" t="s">
        <v>12592</v>
      </c>
      <c r="D4046" s="14" t="s">
        <v>12593</v>
      </c>
      <c r="E4046" s="2" t="s">
        <v>12594</v>
      </c>
      <c r="F4046" s="2" t="s">
        <v>7208</v>
      </c>
      <c r="G4046" s="8">
        <v>124</v>
      </c>
      <c r="H4046" s="5">
        <v>5</v>
      </c>
      <c r="I4046" s="5" t="s">
        <v>1518</v>
      </c>
      <c r="J4046" s="5" t="s">
        <v>1519</v>
      </c>
      <c r="K4046" s="2" t="s">
        <v>1520</v>
      </c>
      <c r="L4046" s="5" t="s">
        <v>1519</v>
      </c>
      <c r="M4046" s="2" t="s">
        <v>1520</v>
      </c>
      <c r="N4046" s="5" t="s">
        <v>1521</v>
      </c>
      <c r="O4046" s="5" t="s">
        <v>38</v>
      </c>
      <c r="P4046" s="5" t="s">
        <v>39</v>
      </c>
      <c r="Q4046" s="5" t="s">
        <v>40</v>
      </c>
      <c r="R4046" s="5" t="s">
        <v>1522</v>
      </c>
      <c r="S4046" s="5" t="s">
        <v>1523</v>
      </c>
      <c r="T4046" s="5" t="s">
        <v>42</v>
      </c>
      <c r="U4046" s="2">
        <v>1.734</v>
      </c>
      <c r="V4046" s="2">
        <v>1.409</v>
      </c>
      <c r="W4046" s="2">
        <v>0.01</v>
      </c>
      <c r="X4046" s="2">
        <v>118.9</v>
      </c>
      <c r="Y4046" s="2">
        <v>7.6</v>
      </c>
      <c r="Z4046" s="2">
        <v>10.6</v>
      </c>
      <c r="AA4046" s="5"/>
      <c r="AB4046" s="5" t="s">
        <v>43</v>
      </c>
      <c r="AC4046" s="5" t="s">
        <v>44</v>
      </c>
      <c r="AD4046" s="2"/>
      <c r="AE4046" s="1"/>
    </row>
    <row r="4047" spans="1:31" ht="14.45">
      <c r="A4047" s="11"/>
      <c r="B4047" s="20"/>
      <c r="C4047" s="2" t="s">
        <v>12595</v>
      </c>
      <c r="D4047" s="14" t="s">
        <v>12596</v>
      </c>
      <c r="E4047" s="2" t="s">
        <v>12597</v>
      </c>
      <c r="F4047" s="2" t="s">
        <v>7521</v>
      </c>
      <c r="G4047" s="8">
        <v>124</v>
      </c>
      <c r="H4047" s="5">
        <v>6</v>
      </c>
      <c r="I4047" s="5" t="s">
        <v>1518</v>
      </c>
      <c r="J4047" s="5" t="s">
        <v>1519</v>
      </c>
      <c r="K4047" s="2" t="s">
        <v>1520</v>
      </c>
      <c r="L4047" s="5" t="s">
        <v>1519</v>
      </c>
      <c r="M4047" s="2" t="s">
        <v>1520</v>
      </c>
      <c r="N4047" s="5" t="s">
        <v>1521</v>
      </c>
      <c r="O4047" s="5" t="s">
        <v>38</v>
      </c>
      <c r="P4047" s="5" t="s">
        <v>39</v>
      </c>
      <c r="Q4047" s="5" t="s">
        <v>40</v>
      </c>
      <c r="R4047" s="5" t="s">
        <v>1522</v>
      </c>
      <c r="S4047" s="5" t="s">
        <v>1523</v>
      </c>
      <c r="T4047" s="5" t="s">
        <v>42</v>
      </c>
      <c r="U4047" s="2">
        <v>1.772</v>
      </c>
      <c r="V4047" s="2">
        <v>1.4470000000000001</v>
      </c>
      <c r="W4047" s="2">
        <v>0.01</v>
      </c>
      <c r="X4047" s="2">
        <v>118.9</v>
      </c>
      <c r="Y4047" s="2">
        <v>7.6</v>
      </c>
      <c r="Z4047" s="2">
        <v>10.6</v>
      </c>
      <c r="AA4047" s="5"/>
      <c r="AB4047" s="5" t="s">
        <v>43</v>
      </c>
      <c r="AC4047" s="5" t="s">
        <v>44</v>
      </c>
      <c r="AD4047" s="2"/>
      <c r="AE4047" s="1"/>
    </row>
    <row r="4048" spans="1:31" ht="14.45">
      <c r="A4048" s="11"/>
      <c r="B4048" s="20"/>
      <c r="C4048" s="2" t="s">
        <v>12598</v>
      </c>
      <c r="D4048" s="14" t="s">
        <v>12599</v>
      </c>
      <c r="E4048" s="2" t="s">
        <v>12600</v>
      </c>
      <c r="F4048" s="2" t="s">
        <v>7212</v>
      </c>
      <c r="G4048" s="8">
        <v>124</v>
      </c>
      <c r="H4048" s="5">
        <v>5</v>
      </c>
      <c r="I4048" s="5" t="s">
        <v>1518</v>
      </c>
      <c r="J4048" s="5" t="s">
        <v>1519</v>
      </c>
      <c r="K4048" s="2" t="s">
        <v>1520</v>
      </c>
      <c r="L4048" s="5" t="s">
        <v>1519</v>
      </c>
      <c r="M4048" s="2" t="s">
        <v>1520</v>
      </c>
      <c r="N4048" s="5" t="s">
        <v>1521</v>
      </c>
      <c r="O4048" s="5" t="s">
        <v>38</v>
      </c>
      <c r="P4048" s="5" t="s">
        <v>39</v>
      </c>
      <c r="Q4048" s="5" t="s">
        <v>40</v>
      </c>
      <c r="R4048" s="5" t="s">
        <v>1522</v>
      </c>
      <c r="S4048" s="5" t="s">
        <v>1523</v>
      </c>
      <c r="T4048" s="5" t="s">
        <v>42</v>
      </c>
      <c r="U4048" s="2">
        <v>1.72</v>
      </c>
      <c r="V4048" s="2">
        <v>1.395</v>
      </c>
      <c r="W4048" s="2">
        <v>0.01</v>
      </c>
      <c r="X4048" s="2">
        <v>118.9</v>
      </c>
      <c r="Y4048" s="2">
        <v>7.6</v>
      </c>
      <c r="Z4048" s="2">
        <v>10.6</v>
      </c>
      <c r="AA4048" s="5"/>
      <c r="AB4048" s="5" t="s">
        <v>43</v>
      </c>
      <c r="AC4048" s="5" t="s">
        <v>44</v>
      </c>
      <c r="AD4048" s="2"/>
      <c r="AE4048" s="1"/>
    </row>
    <row r="4049" spans="1:31" ht="14.45">
      <c r="A4049" s="11"/>
      <c r="B4049" s="20"/>
      <c r="C4049" s="2" t="s">
        <v>12601</v>
      </c>
      <c r="D4049" s="14" t="s">
        <v>12602</v>
      </c>
      <c r="E4049" s="2" t="s">
        <v>12603</v>
      </c>
      <c r="F4049" s="2" t="s">
        <v>7528</v>
      </c>
      <c r="G4049" s="8">
        <v>124</v>
      </c>
      <c r="H4049" s="5">
        <v>6</v>
      </c>
      <c r="I4049" s="5" t="s">
        <v>1518</v>
      </c>
      <c r="J4049" s="5" t="s">
        <v>1519</v>
      </c>
      <c r="K4049" s="2" t="s">
        <v>1520</v>
      </c>
      <c r="L4049" s="5" t="s">
        <v>1519</v>
      </c>
      <c r="M4049" s="2" t="s">
        <v>1520</v>
      </c>
      <c r="N4049" s="5" t="s">
        <v>1521</v>
      </c>
      <c r="O4049" s="5" t="s">
        <v>38</v>
      </c>
      <c r="P4049" s="5" t="s">
        <v>39</v>
      </c>
      <c r="Q4049" s="5" t="s">
        <v>40</v>
      </c>
      <c r="R4049" s="5" t="s">
        <v>1522</v>
      </c>
      <c r="S4049" s="5" t="s">
        <v>1523</v>
      </c>
      <c r="T4049" s="5" t="s">
        <v>42</v>
      </c>
      <c r="U4049" s="2">
        <v>1.758</v>
      </c>
      <c r="V4049" s="2">
        <v>1.4330000000000001</v>
      </c>
      <c r="W4049" s="2">
        <v>0.01</v>
      </c>
      <c r="X4049" s="2">
        <v>118.9</v>
      </c>
      <c r="Y4049" s="2">
        <v>7.6</v>
      </c>
      <c r="Z4049" s="2">
        <v>10.6</v>
      </c>
      <c r="AA4049" s="5"/>
      <c r="AB4049" s="5" t="s">
        <v>43</v>
      </c>
      <c r="AC4049" s="5" t="s">
        <v>44</v>
      </c>
      <c r="AD4049" s="2"/>
      <c r="AE4049" s="1"/>
    </row>
    <row r="4050" spans="1:31" ht="14.45">
      <c r="A4050" s="11"/>
      <c r="B4050" s="20"/>
      <c r="C4050" s="2" t="s">
        <v>12604</v>
      </c>
      <c r="D4050" s="14" t="s">
        <v>12605</v>
      </c>
      <c r="E4050" s="2" t="s">
        <v>12606</v>
      </c>
      <c r="F4050" s="2" t="s">
        <v>7406</v>
      </c>
      <c r="G4050" s="8">
        <v>143</v>
      </c>
      <c r="H4050" s="5">
        <v>6</v>
      </c>
      <c r="I4050" s="5" t="s">
        <v>1518</v>
      </c>
      <c r="J4050" s="5" t="s">
        <v>1519</v>
      </c>
      <c r="K4050" s="2" t="s">
        <v>1520</v>
      </c>
      <c r="L4050" s="5" t="s">
        <v>1519</v>
      </c>
      <c r="M4050" s="2" t="s">
        <v>1520</v>
      </c>
      <c r="N4050" s="5" t="s">
        <v>1521</v>
      </c>
      <c r="O4050" s="5" t="s">
        <v>38</v>
      </c>
      <c r="P4050" s="5" t="s">
        <v>39</v>
      </c>
      <c r="Q4050" s="5" t="s">
        <v>40</v>
      </c>
      <c r="R4050" s="5" t="s">
        <v>1522</v>
      </c>
      <c r="S4050" s="5" t="s">
        <v>1523</v>
      </c>
      <c r="T4050" s="5" t="s">
        <v>42</v>
      </c>
      <c r="U4050" s="2">
        <v>1.72</v>
      </c>
      <c r="V4050" s="2">
        <v>1.395</v>
      </c>
      <c r="W4050" s="2">
        <v>0.01</v>
      </c>
      <c r="X4050" s="2">
        <v>118.9</v>
      </c>
      <c r="Y4050" s="2">
        <v>7.6</v>
      </c>
      <c r="Z4050" s="2">
        <v>10.6</v>
      </c>
      <c r="AA4050" s="5"/>
      <c r="AB4050" s="5" t="s">
        <v>43</v>
      </c>
      <c r="AC4050" s="5" t="s">
        <v>44</v>
      </c>
      <c r="AD4050" s="2"/>
      <c r="AE4050" s="1"/>
    </row>
    <row r="4051" spans="1:31" ht="14.45">
      <c r="A4051" s="11"/>
      <c r="B4051" s="20"/>
      <c r="C4051" s="2" t="s">
        <v>12607</v>
      </c>
      <c r="D4051" s="14" t="s">
        <v>12608</v>
      </c>
      <c r="E4051" s="2" t="s">
        <v>12609</v>
      </c>
      <c r="F4051" s="2" t="s">
        <v>7535</v>
      </c>
      <c r="G4051" s="8">
        <v>143</v>
      </c>
      <c r="H4051" s="5">
        <v>6</v>
      </c>
      <c r="I4051" s="5" t="s">
        <v>1518</v>
      </c>
      <c r="J4051" s="5" t="s">
        <v>1519</v>
      </c>
      <c r="K4051" s="2" t="s">
        <v>1520</v>
      </c>
      <c r="L4051" s="5" t="s">
        <v>1519</v>
      </c>
      <c r="M4051" s="2" t="s">
        <v>1520</v>
      </c>
      <c r="N4051" s="5" t="s">
        <v>1521</v>
      </c>
      <c r="O4051" s="5" t="s">
        <v>38</v>
      </c>
      <c r="P4051" s="5" t="s">
        <v>39</v>
      </c>
      <c r="Q4051" s="5" t="s">
        <v>40</v>
      </c>
      <c r="R4051" s="5" t="s">
        <v>1522</v>
      </c>
      <c r="S4051" s="5" t="s">
        <v>1523</v>
      </c>
      <c r="T4051" s="5" t="s">
        <v>42</v>
      </c>
      <c r="U4051" s="2">
        <v>1.758</v>
      </c>
      <c r="V4051" s="2">
        <v>1.4330000000000001</v>
      </c>
      <c r="W4051" s="2">
        <v>0.01</v>
      </c>
      <c r="X4051" s="2">
        <v>118.9</v>
      </c>
      <c r="Y4051" s="2">
        <v>7.6</v>
      </c>
      <c r="Z4051" s="2">
        <v>10.6</v>
      </c>
      <c r="AA4051" s="5"/>
      <c r="AB4051" s="5" t="s">
        <v>43</v>
      </c>
      <c r="AC4051" s="5" t="s">
        <v>44</v>
      </c>
      <c r="AD4051" s="2"/>
      <c r="AE4051" s="1"/>
    </row>
    <row r="4052" spans="1:31" ht="14.45">
      <c r="A4052" s="11"/>
      <c r="B4052" s="20"/>
      <c r="C4052" s="2" t="s">
        <v>12610</v>
      </c>
      <c r="D4052" s="14" t="s">
        <v>12611</v>
      </c>
      <c r="E4052" s="2" t="s">
        <v>12612</v>
      </c>
      <c r="F4052" s="2" t="s">
        <v>7539</v>
      </c>
      <c r="G4052" s="8">
        <v>143</v>
      </c>
      <c r="H4052" s="5">
        <v>6</v>
      </c>
      <c r="I4052" s="5" t="s">
        <v>1518</v>
      </c>
      <c r="J4052" s="5" t="s">
        <v>1519</v>
      </c>
      <c r="K4052" s="2" t="s">
        <v>1520</v>
      </c>
      <c r="L4052" s="5" t="s">
        <v>1519</v>
      </c>
      <c r="M4052" s="2" t="s">
        <v>1520</v>
      </c>
      <c r="N4052" s="5" t="s">
        <v>1521</v>
      </c>
      <c r="O4052" s="5" t="s">
        <v>38</v>
      </c>
      <c r="P4052" s="5" t="s">
        <v>39</v>
      </c>
      <c r="Q4052" s="5" t="s">
        <v>40</v>
      </c>
      <c r="R4052" s="5" t="s">
        <v>1522</v>
      </c>
      <c r="S4052" s="5" t="s">
        <v>1523</v>
      </c>
      <c r="T4052" s="5" t="s">
        <v>42</v>
      </c>
      <c r="U4052" s="2">
        <v>1.734</v>
      </c>
      <c r="V4052" s="2">
        <v>1.409</v>
      </c>
      <c r="W4052" s="2">
        <v>0.01</v>
      </c>
      <c r="X4052" s="2">
        <v>118.9</v>
      </c>
      <c r="Y4052" s="2">
        <v>7.6</v>
      </c>
      <c r="Z4052" s="2">
        <v>10.6</v>
      </c>
      <c r="AA4052" s="5"/>
      <c r="AB4052" s="5" t="s">
        <v>43</v>
      </c>
      <c r="AC4052" s="5" t="s">
        <v>44</v>
      </c>
      <c r="AD4052" s="2"/>
      <c r="AE4052" s="1"/>
    </row>
    <row r="4053" spans="1:31" ht="14.45">
      <c r="A4053" s="11"/>
      <c r="B4053" s="20"/>
      <c r="C4053" s="2" t="s">
        <v>12613</v>
      </c>
      <c r="D4053" s="14" t="s">
        <v>12614</v>
      </c>
      <c r="E4053" s="2" t="s">
        <v>12615</v>
      </c>
      <c r="F4053" s="2" t="s">
        <v>7543</v>
      </c>
      <c r="G4053" s="8">
        <v>143</v>
      </c>
      <c r="H4053" s="5">
        <v>6</v>
      </c>
      <c r="I4053" s="5" t="s">
        <v>1518</v>
      </c>
      <c r="J4053" s="5" t="s">
        <v>1519</v>
      </c>
      <c r="K4053" s="2" t="s">
        <v>1520</v>
      </c>
      <c r="L4053" s="5" t="s">
        <v>1519</v>
      </c>
      <c r="M4053" s="2" t="s">
        <v>1520</v>
      </c>
      <c r="N4053" s="5" t="s">
        <v>1521</v>
      </c>
      <c r="O4053" s="5" t="s">
        <v>38</v>
      </c>
      <c r="P4053" s="5" t="s">
        <v>39</v>
      </c>
      <c r="Q4053" s="5" t="s">
        <v>40</v>
      </c>
      <c r="R4053" s="5" t="s">
        <v>1522</v>
      </c>
      <c r="S4053" s="5" t="s">
        <v>1523</v>
      </c>
      <c r="T4053" s="5" t="s">
        <v>42</v>
      </c>
      <c r="U4053" s="2">
        <v>1.772</v>
      </c>
      <c r="V4053" s="2">
        <v>1.4470000000000001</v>
      </c>
      <c r="W4053" s="2">
        <v>0.01</v>
      </c>
      <c r="X4053" s="2">
        <v>118.9</v>
      </c>
      <c r="Y4053" s="2">
        <v>7.6</v>
      </c>
      <c r="Z4053" s="2">
        <v>10.6</v>
      </c>
      <c r="AA4053" s="5"/>
      <c r="AB4053" s="5" t="s">
        <v>43</v>
      </c>
      <c r="AC4053" s="5" t="s">
        <v>44</v>
      </c>
      <c r="AD4053" s="2"/>
      <c r="AE4053" s="1"/>
    </row>
    <row r="4054" spans="1:31" ht="14.45">
      <c r="A4054" s="11"/>
      <c r="B4054" s="20"/>
      <c r="C4054" s="2" t="s">
        <v>12616</v>
      </c>
      <c r="D4054" s="14" t="s">
        <v>12617</v>
      </c>
      <c r="E4054" s="2" t="s">
        <v>12618</v>
      </c>
      <c r="F4054" s="2" t="s">
        <v>7547</v>
      </c>
      <c r="G4054" s="8">
        <v>143</v>
      </c>
      <c r="H4054" s="5">
        <v>6</v>
      </c>
      <c r="I4054" s="5" t="s">
        <v>1518</v>
      </c>
      <c r="J4054" s="5" t="s">
        <v>1519</v>
      </c>
      <c r="K4054" s="2" t="s">
        <v>1520</v>
      </c>
      <c r="L4054" s="5" t="s">
        <v>1519</v>
      </c>
      <c r="M4054" s="2" t="s">
        <v>1520</v>
      </c>
      <c r="N4054" s="5" t="s">
        <v>1521</v>
      </c>
      <c r="O4054" s="5" t="s">
        <v>38</v>
      </c>
      <c r="P4054" s="5" t="s">
        <v>39</v>
      </c>
      <c r="Q4054" s="5" t="s">
        <v>40</v>
      </c>
      <c r="R4054" s="5" t="s">
        <v>1522</v>
      </c>
      <c r="S4054" s="5" t="s">
        <v>1523</v>
      </c>
      <c r="T4054" s="5" t="s">
        <v>42</v>
      </c>
      <c r="U4054" s="2">
        <v>1.72</v>
      </c>
      <c r="V4054" s="2">
        <v>1.395</v>
      </c>
      <c r="W4054" s="2">
        <v>0.01</v>
      </c>
      <c r="X4054" s="2">
        <v>118.9</v>
      </c>
      <c r="Y4054" s="2">
        <v>7.6</v>
      </c>
      <c r="Z4054" s="2">
        <v>10.6</v>
      </c>
      <c r="AA4054" s="5"/>
      <c r="AB4054" s="5" t="s">
        <v>43</v>
      </c>
      <c r="AC4054" s="5" t="s">
        <v>44</v>
      </c>
      <c r="AD4054" s="2"/>
      <c r="AE4054" s="1"/>
    </row>
    <row r="4055" spans="1:31" ht="14.45">
      <c r="A4055" s="11"/>
      <c r="B4055" s="20"/>
      <c r="C4055" s="2" t="s">
        <v>12619</v>
      </c>
      <c r="D4055" s="14" t="s">
        <v>12620</v>
      </c>
      <c r="E4055" s="2" t="s">
        <v>12621</v>
      </c>
      <c r="F4055" s="2" t="s">
        <v>7551</v>
      </c>
      <c r="G4055" s="8">
        <v>143</v>
      </c>
      <c r="H4055" s="5">
        <v>6</v>
      </c>
      <c r="I4055" s="5" t="s">
        <v>1518</v>
      </c>
      <c r="J4055" s="5" t="s">
        <v>1519</v>
      </c>
      <c r="K4055" s="2" t="s">
        <v>1520</v>
      </c>
      <c r="L4055" s="5" t="s">
        <v>1519</v>
      </c>
      <c r="M4055" s="2" t="s">
        <v>1520</v>
      </c>
      <c r="N4055" s="5" t="s">
        <v>1521</v>
      </c>
      <c r="O4055" s="5" t="s">
        <v>38</v>
      </c>
      <c r="P4055" s="5" t="s">
        <v>39</v>
      </c>
      <c r="Q4055" s="5" t="s">
        <v>40</v>
      </c>
      <c r="R4055" s="5" t="s">
        <v>1522</v>
      </c>
      <c r="S4055" s="5" t="s">
        <v>1523</v>
      </c>
      <c r="T4055" s="5" t="s">
        <v>42</v>
      </c>
      <c r="U4055" s="2">
        <v>1.758</v>
      </c>
      <c r="V4055" s="2">
        <v>1.4330000000000001</v>
      </c>
      <c r="W4055" s="2">
        <v>0.01</v>
      </c>
      <c r="X4055" s="2">
        <v>118.9</v>
      </c>
      <c r="Y4055" s="2">
        <v>7.6</v>
      </c>
      <c r="Z4055" s="2">
        <v>10.6</v>
      </c>
      <c r="AA4055" s="5"/>
      <c r="AB4055" s="5" t="s">
        <v>43</v>
      </c>
      <c r="AC4055" s="5" t="s">
        <v>44</v>
      </c>
      <c r="AD4055" s="2"/>
      <c r="AE4055" s="1"/>
    </row>
    <row r="4056" spans="1:31" ht="14.45">
      <c r="A4056" s="11"/>
      <c r="B4056" s="20"/>
      <c r="C4056" s="2" t="s">
        <v>12622</v>
      </c>
      <c r="D4056" s="14" t="s">
        <v>12623</v>
      </c>
      <c r="E4056" s="2" t="s">
        <v>12624</v>
      </c>
      <c r="F4056" s="2" t="s">
        <v>7555</v>
      </c>
      <c r="G4056" s="8">
        <v>143</v>
      </c>
      <c r="H4056" s="5">
        <v>6</v>
      </c>
      <c r="I4056" s="5" t="s">
        <v>1518</v>
      </c>
      <c r="J4056" s="5" t="s">
        <v>1519</v>
      </c>
      <c r="K4056" s="2" t="s">
        <v>1520</v>
      </c>
      <c r="L4056" s="5" t="s">
        <v>1519</v>
      </c>
      <c r="M4056" s="2" t="s">
        <v>1520</v>
      </c>
      <c r="N4056" s="5" t="s">
        <v>1521</v>
      </c>
      <c r="O4056" s="5" t="s">
        <v>38</v>
      </c>
      <c r="P4056" s="5" t="s">
        <v>39</v>
      </c>
      <c r="Q4056" s="5" t="s">
        <v>40</v>
      </c>
      <c r="R4056" s="5" t="s">
        <v>1522</v>
      </c>
      <c r="S4056" s="5" t="s">
        <v>1523</v>
      </c>
      <c r="T4056" s="5" t="s">
        <v>42</v>
      </c>
      <c r="U4056" s="2">
        <v>1.72</v>
      </c>
      <c r="V4056" s="2">
        <v>1.395</v>
      </c>
      <c r="W4056" s="2">
        <v>0.01</v>
      </c>
      <c r="X4056" s="2">
        <v>118.9</v>
      </c>
      <c r="Y4056" s="2">
        <v>7.6</v>
      </c>
      <c r="Z4056" s="2">
        <v>10.6</v>
      </c>
      <c r="AA4056" s="5"/>
      <c r="AB4056" s="5" t="s">
        <v>43</v>
      </c>
      <c r="AC4056" s="5" t="s">
        <v>44</v>
      </c>
      <c r="AD4056" s="2"/>
      <c r="AE4056" s="1"/>
    </row>
    <row r="4057" spans="1:31" ht="14.45">
      <c r="A4057" s="11"/>
      <c r="B4057" s="20"/>
      <c r="C4057" s="2" t="s">
        <v>12625</v>
      </c>
      <c r="D4057" s="14" t="s">
        <v>12626</v>
      </c>
      <c r="E4057" s="2" t="s">
        <v>12627</v>
      </c>
      <c r="F4057" s="2" t="s">
        <v>7559</v>
      </c>
      <c r="G4057" s="8">
        <v>143</v>
      </c>
      <c r="H4057" s="5">
        <v>6</v>
      </c>
      <c r="I4057" s="5" t="s">
        <v>1518</v>
      </c>
      <c r="J4057" s="5" t="s">
        <v>1519</v>
      </c>
      <c r="K4057" s="2" t="s">
        <v>1520</v>
      </c>
      <c r="L4057" s="5" t="s">
        <v>1519</v>
      </c>
      <c r="M4057" s="2" t="s">
        <v>1520</v>
      </c>
      <c r="N4057" s="5" t="s">
        <v>1521</v>
      </c>
      <c r="O4057" s="5" t="s">
        <v>38</v>
      </c>
      <c r="P4057" s="5" t="s">
        <v>39</v>
      </c>
      <c r="Q4057" s="5" t="s">
        <v>40</v>
      </c>
      <c r="R4057" s="5" t="s">
        <v>1522</v>
      </c>
      <c r="S4057" s="5" t="s">
        <v>1523</v>
      </c>
      <c r="T4057" s="5" t="s">
        <v>42</v>
      </c>
      <c r="U4057" s="2">
        <v>1.758</v>
      </c>
      <c r="V4057" s="2">
        <v>1.4330000000000001</v>
      </c>
      <c r="W4057" s="2">
        <v>0.01</v>
      </c>
      <c r="X4057" s="2">
        <v>118.9</v>
      </c>
      <c r="Y4057" s="2">
        <v>7.6</v>
      </c>
      <c r="Z4057" s="2">
        <v>10.6</v>
      </c>
      <c r="AA4057" s="5"/>
      <c r="AB4057" s="5" t="s">
        <v>43</v>
      </c>
      <c r="AC4057" s="5" t="s">
        <v>44</v>
      </c>
      <c r="AD4057" s="2"/>
      <c r="AE4057" s="1"/>
    </row>
    <row r="4058" spans="1:31" ht="14.45">
      <c r="A4058" s="11"/>
      <c r="B4058" s="20"/>
      <c r="C4058" s="2" t="s">
        <v>12628</v>
      </c>
      <c r="D4058" s="14" t="s">
        <v>12629</v>
      </c>
      <c r="E4058" s="2" t="s">
        <v>12630</v>
      </c>
      <c r="F4058" s="2" t="s">
        <v>7567</v>
      </c>
      <c r="G4058" s="8">
        <v>143</v>
      </c>
      <c r="H4058" s="5">
        <v>6</v>
      </c>
      <c r="I4058" s="5" t="s">
        <v>1518</v>
      </c>
      <c r="J4058" s="5" t="s">
        <v>1519</v>
      </c>
      <c r="K4058" s="2" t="s">
        <v>1520</v>
      </c>
      <c r="L4058" s="5" t="s">
        <v>1519</v>
      </c>
      <c r="M4058" s="2" t="s">
        <v>1520</v>
      </c>
      <c r="N4058" s="5" t="s">
        <v>1521</v>
      </c>
      <c r="O4058" s="5" t="s">
        <v>38</v>
      </c>
      <c r="P4058" s="5" t="s">
        <v>39</v>
      </c>
      <c r="Q4058" s="5" t="s">
        <v>40</v>
      </c>
      <c r="R4058" s="5" t="s">
        <v>1522</v>
      </c>
      <c r="S4058" s="5" t="s">
        <v>1523</v>
      </c>
      <c r="T4058" s="5" t="s">
        <v>42</v>
      </c>
      <c r="U4058" s="2">
        <v>1.772</v>
      </c>
      <c r="V4058" s="2">
        <v>1.4470000000000001</v>
      </c>
      <c r="W4058" s="2">
        <v>0.01</v>
      </c>
      <c r="X4058" s="2">
        <v>118.9</v>
      </c>
      <c r="Y4058" s="2">
        <v>7.6</v>
      </c>
      <c r="Z4058" s="2">
        <v>10.6</v>
      </c>
      <c r="AA4058" s="5"/>
      <c r="AB4058" s="5" t="s">
        <v>43</v>
      </c>
      <c r="AC4058" s="5" t="s">
        <v>44</v>
      </c>
      <c r="AD4058" s="2"/>
      <c r="AE4058" s="1"/>
    </row>
    <row r="4059" spans="1:31" ht="14.45">
      <c r="A4059" s="11"/>
      <c r="B4059" s="20"/>
      <c r="C4059" s="2" t="s">
        <v>12631</v>
      </c>
      <c r="D4059" s="14" t="s">
        <v>12632</v>
      </c>
      <c r="E4059" s="2" t="s">
        <v>12633</v>
      </c>
      <c r="F4059" s="2" t="s">
        <v>7429</v>
      </c>
      <c r="G4059" s="8">
        <v>143</v>
      </c>
      <c r="H4059" s="5">
        <v>6</v>
      </c>
      <c r="I4059" s="5" t="s">
        <v>1518</v>
      </c>
      <c r="J4059" s="5" t="s">
        <v>1519</v>
      </c>
      <c r="K4059" s="2" t="s">
        <v>1520</v>
      </c>
      <c r="L4059" s="5" t="s">
        <v>1519</v>
      </c>
      <c r="M4059" s="2" t="s">
        <v>1520</v>
      </c>
      <c r="N4059" s="5" t="s">
        <v>1521</v>
      </c>
      <c r="O4059" s="5" t="s">
        <v>38</v>
      </c>
      <c r="P4059" s="5" t="s">
        <v>39</v>
      </c>
      <c r="Q4059" s="5" t="s">
        <v>40</v>
      </c>
      <c r="R4059" s="5" t="s">
        <v>1522</v>
      </c>
      <c r="S4059" s="5" t="s">
        <v>1523</v>
      </c>
      <c r="T4059" s="5" t="s">
        <v>42</v>
      </c>
      <c r="U4059" s="2">
        <v>1.734</v>
      </c>
      <c r="V4059" s="2">
        <v>1.409</v>
      </c>
      <c r="W4059" s="2">
        <v>0.01</v>
      </c>
      <c r="X4059" s="2">
        <v>118.9</v>
      </c>
      <c r="Y4059" s="2">
        <v>7.6</v>
      </c>
      <c r="Z4059" s="2">
        <v>10.6</v>
      </c>
      <c r="AA4059" s="5"/>
      <c r="AB4059" s="5" t="s">
        <v>43</v>
      </c>
      <c r="AC4059" s="5" t="s">
        <v>44</v>
      </c>
      <c r="AD4059" s="2"/>
      <c r="AE4059" s="1"/>
    </row>
    <row r="4060" spans="1:31" ht="14.45">
      <c r="A4060" s="11"/>
      <c r="B4060" s="20"/>
      <c r="C4060" s="2" t="s">
        <v>12634</v>
      </c>
      <c r="D4060" s="14" t="s">
        <v>12635</v>
      </c>
      <c r="E4060" s="2" t="s">
        <v>12636</v>
      </c>
      <c r="F4060" s="2" t="s">
        <v>7574</v>
      </c>
      <c r="G4060" s="8">
        <v>143</v>
      </c>
      <c r="H4060" s="5">
        <v>6</v>
      </c>
      <c r="I4060" s="5" t="s">
        <v>1518</v>
      </c>
      <c r="J4060" s="5" t="s">
        <v>1519</v>
      </c>
      <c r="K4060" s="2" t="s">
        <v>1520</v>
      </c>
      <c r="L4060" s="5" t="s">
        <v>1519</v>
      </c>
      <c r="M4060" s="2" t="s">
        <v>1520</v>
      </c>
      <c r="N4060" s="5" t="s">
        <v>1521</v>
      </c>
      <c r="O4060" s="5" t="s">
        <v>38</v>
      </c>
      <c r="P4060" s="5" t="s">
        <v>39</v>
      </c>
      <c r="Q4060" s="5" t="s">
        <v>40</v>
      </c>
      <c r="R4060" s="5" t="s">
        <v>1522</v>
      </c>
      <c r="S4060" s="5" t="s">
        <v>1523</v>
      </c>
      <c r="T4060" s="5" t="s">
        <v>42</v>
      </c>
      <c r="U4060" s="2">
        <v>1.772</v>
      </c>
      <c r="V4060" s="2">
        <v>1.4470000000000001</v>
      </c>
      <c r="W4060" s="2">
        <v>0.01</v>
      </c>
      <c r="X4060" s="2">
        <v>118.9</v>
      </c>
      <c r="Y4060" s="2">
        <v>7.6</v>
      </c>
      <c r="Z4060" s="2">
        <v>10.6</v>
      </c>
      <c r="AA4060" s="5"/>
      <c r="AB4060" s="5" t="s">
        <v>43</v>
      </c>
      <c r="AC4060" s="5" t="s">
        <v>44</v>
      </c>
      <c r="AD4060" s="2"/>
      <c r="AE4060" s="1"/>
    </row>
    <row r="4061" spans="1:31" ht="14.45">
      <c r="A4061" s="11"/>
      <c r="B4061" s="20"/>
      <c r="C4061" s="2" t="s">
        <v>12637</v>
      </c>
      <c r="D4061" s="14" t="s">
        <v>12638</v>
      </c>
      <c r="E4061" s="2" t="s">
        <v>12639</v>
      </c>
      <c r="F4061" s="2" t="s">
        <v>7449</v>
      </c>
      <c r="G4061" s="8">
        <v>143</v>
      </c>
      <c r="H4061" s="5">
        <v>6</v>
      </c>
      <c r="I4061" s="5" t="s">
        <v>1518</v>
      </c>
      <c r="J4061" s="5" t="s">
        <v>1519</v>
      </c>
      <c r="K4061" s="2" t="s">
        <v>1520</v>
      </c>
      <c r="L4061" s="5" t="s">
        <v>1519</v>
      </c>
      <c r="M4061" s="2" t="s">
        <v>1520</v>
      </c>
      <c r="N4061" s="5" t="s">
        <v>1521</v>
      </c>
      <c r="O4061" s="5" t="s">
        <v>38</v>
      </c>
      <c r="P4061" s="5" t="s">
        <v>39</v>
      </c>
      <c r="Q4061" s="5" t="s">
        <v>40</v>
      </c>
      <c r="R4061" s="5" t="s">
        <v>1522</v>
      </c>
      <c r="S4061" s="5" t="s">
        <v>1523</v>
      </c>
      <c r="T4061" s="5" t="s">
        <v>42</v>
      </c>
      <c r="U4061" s="2">
        <v>1.734</v>
      </c>
      <c r="V4061" s="2">
        <v>1.409</v>
      </c>
      <c r="W4061" s="2">
        <v>0.01</v>
      </c>
      <c r="X4061" s="2">
        <v>118.9</v>
      </c>
      <c r="Y4061" s="2">
        <v>7.6</v>
      </c>
      <c r="Z4061" s="2">
        <v>10.6</v>
      </c>
      <c r="AA4061" s="5"/>
      <c r="AB4061" s="5" t="s">
        <v>43</v>
      </c>
      <c r="AC4061" s="5" t="s">
        <v>44</v>
      </c>
      <c r="AD4061" s="2"/>
      <c r="AE4061" s="1"/>
    </row>
    <row r="4062" spans="1:31" ht="14.45">
      <c r="A4062" s="11"/>
      <c r="B4062" s="20"/>
      <c r="C4062" s="2" t="s">
        <v>12640</v>
      </c>
      <c r="D4062" s="14" t="s">
        <v>12641</v>
      </c>
      <c r="E4062" s="2" t="s">
        <v>12642</v>
      </c>
      <c r="F4062" s="2" t="s">
        <v>7581</v>
      </c>
      <c r="G4062" s="8">
        <v>143</v>
      </c>
      <c r="H4062" s="5">
        <v>6</v>
      </c>
      <c r="I4062" s="5" t="s">
        <v>1518</v>
      </c>
      <c r="J4062" s="5" t="s">
        <v>1519</v>
      </c>
      <c r="K4062" s="2" t="s">
        <v>1520</v>
      </c>
      <c r="L4062" s="5" t="s">
        <v>1519</v>
      </c>
      <c r="M4062" s="2" t="s">
        <v>1520</v>
      </c>
      <c r="N4062" s="5" t="s">
        <v>1521</v>
      </c>
      <c r="O4062" s="5" t="s">
        <v>38</v>
      </c>
      <c r="P4062" s="5" t="s">
        <v>39</v>
      </c>
      <c r="Q4062" s="5" t="s">
        <v>40</v>
      </c>
      <c r="R4062" s="5" t="s">
        <v>1522</v>
      </c>
      <c r="S4062" s="5" t="s">
        <v>1523</v>
      </c>
      <c r="T4062" s="5" t="s">
        <v>42</v>
      </c>
      <c r="U4062" s="2">
        <v>1.772</v>
      </c>
      <c r="V4062" s="2">
        <v>1.4470000000000001</v>
      </c>
      <c r="W4062" s="2">
        <v>0.01</v>
      </c>
      <c r="X4062" s="2">
        <v>118.9</v>
      </c>
      <c r="Y4062" s="2">
        <v>7.6</v>
      </c>
      <c r="Z4062" s="2">
        <v>10.6</v>
      </c>
      <c r="AA4062" s="5"/>
      <c r="AB4062" s="5" t="s">
        <v>43</v>
      </c>
      <c r="AC4062" s="5" t="s">
        <v>44</v>
      </c>
      <c r="AD4062" s="2"/>
      <c r="AE4062" s="1"/>
    </row>
    <row r="4063" spans="1:31" ht="14.45">
      <c r="A4063" s="11"/>
      <c r="B4063" s="20"/>
      <c r="C4063" s="2" t="s">
        <v>12643</v>
      </c>
      <c r="D4063" s="14" t="s">
        <v>12644</v>
      </c>
      <c r="E4063" s="2" t="s">
        <v>12645</v>
      </c>
      <c r="F4063" s="2" t="s">
        <v>7585</v>
      </c>
      <c r="G4063" s="8">
        <v>143</v>
      </c>
      <c r="H4063" s="5">
        <v>6</v>
      </c>
      <c r="I4063" s="5" t="s">
        <v>1518</v>
      </c>
      <c r="J4063" s="5" t="s">
        <v>1519</v>
      </c>
      <c r="K4063" s="2" t="s">
        <v>1520</v>
      </c>
      <c r="L4063" s="5" t="s">
        <v>1519</v>
      </c>
      <c r="M4063" s="2" t="s">
        <v>1520</v>
      </c>
      <c r="N4063" s="5" t="s">
        <v>1521</v>
      </c>
      <c r="O4063" s="5" t="s">
        <v>38</v>
      </c>
      <c r="P4063" s="5" t="s">
        <v>39</v>
      </c>
      <c r="Q4063" s="5" t="s">
        <v>40</v>
      </c>
      <c r="R4063" s="5" t="s">
        <v>1522</v>
      </c>
      <c r="S4063" s="5" t="s">
        <v>1523</v>
      </c>
      <c r="T4063" s="5" t="s">
        <v>42</v>
      </c>
      <c r="U4063" s="2">
        <v>1.72</v>
      </c>
      <c r="V4063" s="2">
        <v>1.395</v>
      </c>
      <c r="W4063" s="2">
        <v>0.01</v>
      </c>
      <c r="X4063" s="2">
        <v>118.9</v>
      </c>
      <c r="Y4063" s="2">
        <v>7.6</v>
      </c>
      <c r="Z4063" s="2">
        <v>10.6</v>
      </c>
      <c r="AA4063" s="5"/>
      <c r="AB4063" s="5" t="s">
        <v>43</v>
      </c>
      <c r="AC4063" s="5" t="s">
        <v>44</v>
      </c>
      <c r="AD4063" s="2"/>
      <c r="AE4063" s="1"/>
    </row>
    <row r="4064" spans="1:31" ht="14.45">
      <c r="A4064" s="11"/>
      <c r="B4064" s="20"/>
      <c r="C4064" s="2" t="s">
        <v>12646</v>
      </c>
      <c r="D4064" s="14" t="s">
        <v>12647</v>
      </c>
      <c r="E4064" s="2" t="s">
        <v>12648</v>
      </c>
      <c r="F4064" s="2" t="s">
        <v>7589</v>
      </c>
      <c r="G4064" s="8">
        <v>143</v>
      </c>
      <c r="H4064" s="5">
        <v>6</v>
      </c>
      <c r="I4064" s="5" t="s">
        <v>1518</v>
      </c>
      <c r="J4064" s="5" t="s">
        <v>1519</v>
      </c>
      <c r="K4064" s="2" t="s">
        <v>1520</v>
      </c>
      <c r="L4064" s="5" t="s">
        <v>1519</v>
      </c>
      <c r="M4064" s="2" t="s">
        <v>1520</v>
      </c>
      <c r="N4064" s="5" t="s">
        <v>1521</v>
      </c>
      <c r="O4064" s="5" t="s">
        <v>38</v>
      </c>
      <c r="P4064" s="5" t="s">
        <v>39</v>
      </c>
      <c r="Q4064" s="5" t="s">
        <v>40</v>
      </c>
      <c r="R4064" s="5" t="s">
        <v>1522</v>
      </c>
      <c r="S4064" s="5" t="s">
        <v>1523</v>
      </c>
      <c r="T4064" s="5" t="s">
        <v>42</v>
      </c>
      <c r="U4064" s="2">
        <v>1.758</v>
      </c>
      <c r="V4064" s="2">
        <v>1.4330000000000001</v>
      </c>
      <c r="W4064" s="2">
        <v>0.01</v>
      </c>
      <c r="X4064" s="2">
        <v>118.9</v>
      </c>
      <c r="Y4064" s="2">
        <v>7.6</v>
      </c>
      <c r="Z4064" s="2">
        <v>10.6</v>
      </c>
      <c r="AA4064" s="5"/>
      <c r="AB4064" s="5" t="s">
        <v>43</v>
      </c>
      <c r="AC4064" s="5" t="s">
        <v>44</v>
      </c>
      <c r="AD4064" s="2"/>
      <c r="AE4064" s="1"/>
    </row>
    <row r="4065" spans="1:31" ht="14.45">
      <c r="A4065" s="11"/>
      <c r="B4065" s="20"/>
      <c r="C4065" s="2" t="s">
        <v>12649</v>
      </c>
      <c r="D4065" s="14" t="s">
        <v>12650</v>
      </c>
      <c r="E4065" s="2" t="s">
        <v>12651</v>
      </c>
      <c r="F4065" s="2" t="s">
        <v>7593</v>
      </c>
      <c r="G4065" s="8">
        <v>143</v>
      </c>
      <c r="H4065" s="5">
        <v>6</v>
      </c>
      <c r="I4065" s="5" t="s">
        <v>1518</v>
      </c>
      <c r="J4065" s="5" t="s">
        <v>1519</v>
      </c>
      <c r="K4065" s="2" t="s">
        <v>1520</v>
      </c>
      <c r="L4065" s="5" t="s">
        <v>1519</v>
      </c>
      <c r="M4065" s="2" t="s">
        <v>1520</v>
      </c>
      <c r="N4065" s="5" t="s">
        <v>1521</v>
      </c>
      <c r="O4065" s="5" t="s">
        <v>38</v>
      </c>
      <c r="P4065" s="5" t="s">
        <v>39</v>
      </c>
      <c r="Q4065" s="5" t="s">
        <v>40</v>
      </c>
      <c r="R4065" s="5" t="s">
        <v>1522</v>
      </c>
      <c r="S4065" s="5" t="s">
        <v>1523</v>
      </c>
      <c r="T4065" s="5" t="s">
        <v>42</v>
      </c>
      <c r="U4065" s="2">
        <v>1.734</v>
      </c>
      <c r="V4065" s="2">
        <v>1.409</v>
      </c>
      <c r="W4065" s="2">
        <v>0.01</v>
      </c>
      <c r="X4065" s="2">
        <v>118.9</v>
      </c>
      <c r="Y4065" s="2">
        <v>7.6</v>
      </c>
      <c r="Z4065" s="2">
        <v>10.6</v>
      </c>
      <c r="AA4065" s="5"/>
      <c r="AB4065" s="5" t="s">
        <v>43</v>
      </c>
      <c r="AC4065" s="5" t="s">
        <v>44</v>
      </c>
      <c r="AD4065" s="2"/>
      <c r="AE4065" s="1"/>
    </row>
    <row r="4066" spans="1:31" ht="14.45">
      <c r="A4066" s="11"/>
      <c r="B4066" s="20"/>
      <c r="C4066" s="2" t="s">
        <v>12652</v>
      </c>
      <c r="D4066" s="14" t="s">
        <v>12653</v>
      </c>
      <c r="E4066" s="2" t="s">
        <v>12654</v>
      </c>
      <c r="F4066" s="2" t="s">
        <v>7597</v>
      </c>
      <c r="G4066" s="8">
        <v>143</v>
      </c>
      <c r="H4066" s="5">
        <v>6</v>
      </c>
      <c r="I4066" s="5" t="s">
        <v>1518</v>
      </c>
      <c r="J4066" s="5" t="s">
        <v>1519</v>
      </c>
      <c r="K4066" s="2" t="s">
        <v>1520</v>
      </c>
      <c r="L4066" s="5" t="s">
        <v>1519</v>
      </c>
      <c r="M4066" s="2" t="s">
        <v>1520</v>
      </c>
      <c r="N4066" s="5" t="s">
        <v>1521</v>
      </c>
      <c r="O4066" s="5" t="s">
        <v>38</v>
      </c>
      <c r="P4066" s="5" t="s">
        <v>39</v>
      </c>
      <c r="Q4066" s="5" t="s">
        <v>40</v>
      </c>
      <c r="R4066" s="5" t="s">
        <v>1522</v>
      </c>
      <c r="S4066" s="5" t="s">
        <v>1523</v>
      </c>
      <c r="T4066" s="5" t="s">
        <v>42</v>
      </c>
      <c r="U4066" s="2">
        <v>1.772</v>
      </c>
      <c r="V4066" s="2">
        <v>1.4470000000000001</v>
      </c>
      <c r="W4066" s="2">
        <v>0.01</v>
      </c>
      <c r="X4066" s="2">
        <v>118.9</v>
      </c>
      <c r="Y4066" s="2">
        <v>7.6</v>
      </c>
      <c r="Z4066" s="2">
        <v>10.6</v>
      </c>
      <c r="AA4066" s="5"/>
      <c r="AB4066" s="5" t="s">
        <v>43</v>
      </c>
      <c r="AC4066" s="5" t="s">
        <v>44</v>
      </c>
      <c r="AD4066" s="2"/>
      <c r="AE4066" s="1"/>
    </row>
    <row r="4067" spans="1:31" ht="14.45">
      <c r="A4067" s="11"/>
      <c r="B4067" s="20"/>
      <c r="C4067" s="2" t="s">
        <v>12655</v>
      </c>
      <c r="D4067" s="14" t="s">
        <v>12656</v>
      </c>
      <c r="E4067" s="2" t="s">
        <v>12657</v>
      </c>
      <c r="F4067" s="2" t="s">
        <v>7410</v>
      </c>
      <c r="G4067" s="8">
        <v>143</v>
      </c>
      <c r="H4067" s="5">
        <v>6</v>
      </c>
      <c r="I4067" s="5" t="s">
        <v>1518</v>
      </c>
      <c r="J4067" s="5" t="s">
        <v>1519</v>
      </c>
      <c r="K4067" s="2" t="s">
        <v>1520</v>
      </c>
      <c r="L4067" s="5" t="s">
        <v>1519</v>
      </c>
      <c r="M4067" s="2" t="s">
        <v>1520</v>
      </c>
      <c r="N4067" s="5" t="s">
        <v>1521</v>
      </c>
      <c r="O4067" s="5" t="s">
        <v>38</v>
      </c>
      <c r="P4067" s="5" t="s">
        <v>39</v>
      </c>
      <c r="Q4067" s="5" t="s">
        <v>40</v>
      </c>
      <c r="R4067" s="5" t="s">
        <v>1522</v>
      </c>
      <c r="S4067" s="5" t="s">
        <v>1523</v>
      </c>
      <c r="T4067" s="5" t="s">
        <v>42</v>
      </c>
      <c r="U4067" s="2">
        <v>1.734</v>
      </c>
      <c r="V4067" s="2">
        <v>1.409</v>
      </c>
      <c r="W4067" s="2">
        <v>0.01</v>
      </c>
      <c r="X4067" s="2">
        <v>118.9</v>
      </c>
      <c r="Y4067" s="2">
        <v>7.6</v>
      </c>
      <c r="Z4067" s="2">
        <v>10.6</v>
      </c>
      <c r="AA4067" s="5"/>
      <c r="AB4067" s="5" t="s">
        <v>43</v>
      </c>
      <c r="AC4067" s="5" t="s">
        <v>44</v>
      </c>
      <c r="AD4067" s="2"/>
      <c r="AE4067" s="1"/>
    </row>
    <row r="4068" spans="1:31" ht="14.45">
      <c r="A4068" s="11"/>
      <c r="B4068" s="20"/>
      <c r="C4068" s="2" t="s">
        <v>12658</v>
      </c>
      <c r="D4068" s="14" t="s">
        <v>12659</v>
      </c>
      <c r="E4068" s="2" t="s">
        <v>12660</v>
      </c>
      <c r="F4068" s="2" t="s">
        <v>7604</v>
      </c>
      <c r="G4068" s="8">
        <v>143</v>
      </c>
      <c r="H4068" s="5">
        <v>6</v>
      </c>
      <c r="I4068" s="5" t="s">
        <v>1518</v>
      </c>
      <c r="J4068" s="5" t="s">
        <v>1519</v>
      </c>
      <c r="K4068" s="2" t="s">
        <v>1520</v>
      </c>
      <c r="L4068" s="5" t="s">
        <v>1519</v>
      </c>
      <c r="M4068" s="2" t="s">
        <v>1520</v>
      </c>
      <c r="N4068" s="5" t="s">
        <v>1521</v>
      </c>
      <c r="O4068" s="5" t="s">
        <v>38</v>
      </c>
      <c r="P4068" s="5" t="s">
        <v>39</v>
      </c>
      <c r="Q4068" s="5" t="s">
        <v>40</v>
      </c>
      <c r="R4068" s="5" t="s">
        <v>1522</v>
      </c>
      <c r="S4068" s="5" t="s">
        <v>1523</v>
      </c>
      <c r="T4068" s="5" t="s">
        <v>42</v>
      </c>
      <c r="U4068" s="2">
        <v>1.772</v>
      </c>
      <c r="V4068" s="2">
        <v>1.4470000000000001</v>
      </c>
      <c r="W4068" s="2">
        <v>0.01</v>
      </c>
      <c r="X4068" s="2">
        <v>118.9</v>
      </c>
      <c r="Y4068" s="2">
        <v>7.6</v>
      </c>
      <c r="Z4068" s="2">
        <v>10.6</v>
      </c>
      <c r="AA4068" s="5"/>
      <c r="AB4068" s="5" t="s">
        <v>43</v>
      </c>
      <c r="AC4068" s="5" t="s">
        <v>44</v>
      </c>
      <c r="AD4068" s="2"/>
      <c r="AE4068" s="1"/>
    </row>
    <row r="4069" spans="1:31" ht="14.45">
      <c r="A4069" s="11"/>
      <c r="B4069" s="20"/>
      <c r="C4069" s="2" t="s">
        <v>12661</v>
      </c>
      <c r="D4069" s="14" t="s">
        <v>12662</v>
      </c>
      <c r="E4069" s="2" t="s">
        <v>12663</v>
      </c>
      <c r="F4069" s="2" t="s">
        <v>7433</v>
      </c>
      <c r="G4069" s="8">
        <v>143</v>
      </c>
      <c r="H4069" s="5">
        <v>6</v>
      </c>
      <c r="I4069" s="5" t="s">
        <v>1518</v>
      </c>
      <c r="J4069" s="5" t="s">
        <v>1519</v>
      </c>
      <c r="K4069" s="2" t="s">
        <v>1520</v>
      </c>
      <c r="L4069" s="5" t="s">
        <v>1519</v>
      </c>
      <c r="M4069" s="2" t="s">
        <v>1520</v>
      </c>
      <c r="N4069" s="5" t="s">
        <v>1521</v>
      </c>
      <c r="O4069" s="5" t="s">
        <v>38</v>
      </c>
      <c r="P4069" s="5" t="s">
        <v>39</v>
      </c>
      <c r="Q4069" s="5" t="s">
        <v>40</v>
      </c>
      <c r="R4069" s="5" t="s">
        <v>1522</v>
      </c>
      <c r="S4069" s="5" t="s">
        <v>1523</v>
      </c>
      <c r="T4069" s="5" t="s">
        <v>42</v>
      </c>
      <c r="U4069" s="2">
        <v>1.734</v>
      </c>
      <c r="V4069" s="2">
        <v>1.409</v>
      </c>
      <c r="W4069" s="2">
        <v>0.01</v>
      </c>
      <c r="X4069" s="2">
        <v>118.9</v>
      </c>
      <c r="Y4069" s="2">
        <v>7.6</v>
      </c>
      <c r="Z4069" s="2">
        <v>10.6</v>
      </c>
      <c r="AA4069" s="5"/>
      <c r="AB4069" s="5" t="s">
        <v>43</v>
      </c>
      <c r="AC4069" s="5" t="s">
        <v>44</v>
      </c>
      <c r="AD4069" s="2"/>
      <c r="AE4069" s="1"/>
    </row>
    <row r="4070" spans="1:31" ht="14.45">
      <c r="A4070" s="11"/>
      <c r="B4070" s="20"/>
      <c r="C4070" s="2" t="s">
        <v>12664</v>
      </c>
      <c r="D4070" s="14" t="s">
        <v>12665</v>
      </c>
      <c r="E4070" s="2" t="s">
        <v>12666</v>
      </c>
      <c r="F4070" s="2" t="s">
        <v>7611</v>
      </c>
      <c r="G4070" s="8">
        <v>143</v>
      </c>
      <c r="H4070" s="5">
        <v>6</v>
      </c>
      <c r="I4070" s="5" t="s">
        <v>1518</v>
      </c>
      <c r="J4070" s="5" t="s">
        <v>1519</v>
      </c>
      <c r="K4070" s="2" t="s">
        <v>1520</v>
      </c>
      <c r="L4070" s="5" t="s">
        <v>1519</v>
      </c>
      <c r="M4070" s="2" t="s">
        <v>1520</v>
      </c>
      <c r="N4070" s="5" t="s">
        <v>1521</v>
      </c>
      <c r="O4070" s="5" t="s">
        <v>38</v>
      </c>
      <c r="P4070" s="5" t="s">
        <v>39</v>
      </c>
      <c r="Q4070" s="5" t="s">
        <v>40</v>
      </c>
      <c r="R4070" s="5" t="s">
        <v>1522</v>
      </c>
      <c r="S4070" s="5" t="s">
        <v>1523</v>
      </c>
      <c r="T4070" s="5" t="s">
        <v>42</v>
      </c>
      <c r="U4070" s="2">
        <v>1.772</v>
      </c>
      <c r="V4070" s="2">
        <v>1.4470000000000001</v>
      </c>
      <c r="W4070" s="2">
        <v>0.01</v>
      </c>
      <c r="X4070" s="2">
        <v>118.9</v>
      </c>
      <c r="Y4070" s="2">
        <v>7.6</v>
      </c>
      <c r="Z4070" s="2">
        <v>10.6</v>
      </c>
      <c r="AA4070" s="5"/>
      <c r="AB4070" s="5" t="s">
        <v>43</v>
      </c>
      <c r="AC4070" s="5" t="s">
        <v>44</v>
      </c>
      <c r="AD4070" s="2"/>
      <c r="AE4070" s="1"/>
    </row>
    <row r="4071" spans="1:31" ht="14.45">
      <c r="A4071" s="11"/>
      <c r="B4071" s="20"/>
      <c r="C4071" s="2" t="s">
        <v>12667</v>
      </c>
      <c r="D4071" s="14" t="s">
        <v>12668</v>
      </c>
      <c r="E4071" s="2" t="s">
        <v>12669</v>
      </c>
      <c r="F4071" s="2" t="s">
        <v>7615</v>
      </c>
      <c r="G4071" s="8">
        <v>143</v>
      </c>
      <c r="H4071" s="5">
        <v>6</v>
      </c>
      <c r="I4071" s="5" t="s">
        <v>1518</v>
      </c>
      <c r="J4071" s="5" t="s">
        <v>1519</v>
      </c>
      <c r="K4071" s="2" t="s">
        <v>1520</v>
      </c>
      <c r="L4071" s="5" t="s">
        <v>1519</v>
      </c>
      <c r="M4071" s="2" t="s">
        <v>1520</v>
      </c>
      <c r="N4071" s="5" t="s">
        <v>1521</v>
      </c>
      <c r="O4071" s="5" t="s">
        <v>38</v>
      </c>
      <c r="P4071" s="5" t="s">
        <v>39</v>
      </c>
      <c r="Q4071" s="5" t="s">
        <v>40</v>
      </c>
      <c r="R4071" s="5" t="s">
        <v>1522</v>
      </c>
      <c r="S4071" s="5" t="s">
        <v>1523</v>
      </c>
      <c r="T4071" s="5" t="s">
        <v>42</v>
      </c>
      <c r="U4071" s="2">
        <v>1.72</v>
      </c>
      <c r="V4071" s="2">
        <v>1.395</v>
      </c>
      <c r="W4071" s="2">
        <v>0.01</v>
      </c>
      <c r="X4071" s="2">
        <v>118.9</v>
      </c>
      <c r="Y4071" s="2">
        <v>7.6</v>
      </c>
      <c r="Z4071" s="2">
        <v>10.6</v>
      </c>
      <c r="AA4071" s="5"/>
      <c r="AB4071" s="5" t="s">
        <v>43</v>
      </c>
      <c r="AC4071" s="5" t="s">
        <v>44</v>
      </c>
      <c r="AD4071" s="2"/>
      <c r="AE4071" s="1"/>
    </row>
    <row r="4072" spans="1:31" ht="14.45">
      <c r="A4072" s="11"/>
      <c r="B4072" s="20"/>
      <c r="C4072" s="2" t="s">
        <v>12670</v>
      </c>
      <c r="D4072" s="14" t="s">
        <v>12671</v>
      </c>
      <c r="E4072" s="2" t="s">
        <v>12672</v>
      </c>
      <c r="F4072" s="2" t="s">
        <v>7619</v>
      </c>
      <c r="G4072" s="8">
        <v>143</v>
      </c>
      <c r="H4072" s="5">
        <v>6</v>
      </c>
      <c r="I4072" s="5" t="s">
        <v>1518</v>
      </c>
      <c r="J4072" s="5" t="s">
        <v>1519</v>
      </c>
      <c r="K4072" s="2" t="s">
        <v>1520</v>
      </c>
      <c r="L4072" s="5" t="s">
        <v>1519</v>
      </c>
      <c r="M4072" s="2" t="s">
        <v>1520</v>
      </c>
      <c r="N4072" s="5" t="s">
        <v>1521</v>
      </c>
      <c r="O4072" s="5" t="s">
        <v>38</v>
      </c>
      <c r="P4072" s="5" t="s">
        <v>39</v>
      </c>
      <c r="Q4072" s="5" t="s">
        <v>40</v>
      </c>
      <c r="R4072" s="5" t="s">
        <v>1522</v>
      </c>
      <c r="S4072" s="5" t="s">
        <v>1523</v>
      </c>
      <c r="T4072" s="5" t="s">
        <v>42</v>
      </c>
      <c r="U4072" s="2">
        <v>1.758</v>
      </c>
      <c r="V4072" s="2">
        <v>1.4330000000000001</v>
      </c>
      <c r="W4072" s="2">
        <v>0.01</v>
      </c>
      <c r="X4072" s="2">
        <v>118.9</v>
      </c>
      <c r="Y4072" s="2">
        <v>7.6</v>
      </c>
      <c r="Z4072" s="2">
        <v>10.6</v>
      </c>
      <c r="AA4072" s="5"/>
      <c r="AB4072" s="5" t="s">
        <v>43</v>
      </c>
      <c r="AC4072" s="5" t="s">
        <v>44</v>
      </c>
      <c r="AD4072" s="2"/>
      <c r="AE4072" s="1"/>
    </row>
    <row r="4073" spans="1:31" ht="14.45">
      <c r="A4073" s="11"/>
      <c r="B4073" s="20"/>
      <c r="C4073" s="2" t="s">
        <v>12673</v>
      </c>
      <c r="D4073" s="14" t="s">
        <v>12674</v>
      </c>
      <c r="E4073" s="2" t="s">
        <v>12675</v>
      </c>
      <c r="F4073" s="2" t="s">
        <v>1823</v>
      </c>
      <c r="G4073" s="8">
        <v>143</v>
      </c>
      <c r="H4073" s="5">
        <v>8</v>
      </c>
      <c r="I4073" s="5" t="s">
        <v>1518</v>
      </c>
      <c r="J4073" s="5" t="s">
        <v>1519</v>
      </c>
      <c r="K4073" s="2" t="s">
        <v>1520</v>
      </c>
      <c r="L4073" s="5" t="s">
        <v>1519</v>
      </c>
      <c r="M4073" s="2" t="s">
        <v>1520</v>
      </c>
      <c r="N4073" s="5" t="s">
        <v>1521</v>
      </c>
      <c r="O4073" s="5" t="s">
        <v>38</v>
      </c>
      <c r="P4073" s="5" t="s">
        <v>39</v>
      </c>
      <c r="Q4073" s="5" t="s">
        <v>40</v>
      </c>
      <c r="R4073" s="5" t="s">
        <v>1522</v>
      </c>
      <c r="S4073" s="5" t="s">
        <v>1523</v>
      </c>
      <c r="T4073" s="5" t="s">
        <v>42</v>
      </c>
      <c r="U4073" s="2">
        <v>1.7450000000000001</v>
      </c>
      <c r="V4073" s="2">
        <v>1.42</v>
      </c>
      <c r="W4073" s="2">
        <v>0.01</v>
      </c>
      <c r="X4073" s="2">
        <v>118.9</v>
      </c>
      <c r="Y4073" s="2">
        <v>7.6</v>
      </c>
      <c r="Z4073" s="2">
        <v>10.6</v>
      </c>
      <c r="AA4073" s="5"/>
      <c r="AB4073" s="5" t="s">
        <v>43</v>
      </c>
      <c r="AC4073" s="5" t="s">
        <v>44</v>
      </c>
      <c r="AD4073" s="2"/>
      <c r="AE4073" s="1"/>
    </row>
    <row r="4074" spans="1:31" ht="14.45">
      <c r="A4074" s="11"/>
      <c r="B4074" s="20"/>
      <c r="C4074" s="2" t="s">
        <v>12676</v>
      </c>
      <c r="D4074" s="14" t="s">
        <v>12677</v>
      </c>
      <c r="E4074" s="2" t="s">
        <v>12678</v>
      </c>
      <c r="F4074" s="2" t="s">
        <v>2348</v>
      </c>
      <c r="G4074" s="8">
        <v>143</v>
      </c>
      <c r="H4074" s="5">
        <v>13</v>
      </c>
      <c r="I4074" s="5" t="s">
        <v>1518</v>
      </c>
      <c r="J4074" s="5" t="s">
        <v>1519</v>
      </c>
      <c r="K4074" s="2" t="s">
        <v>1520</v>
      </c>
      <c r="L4074" s="5" t="s">
        <v>1519</v>
      </c>
      <c r="M4074" s="2" t="s">
        <v>1520</v>
      </c>
      <c r="N4074" s="5" t="s">
        <v>1521</v>
      </c>
      <c r="O4074" s="5" t="s">
        <v>38</v>
      </c>
      <c r="P4074" s="5" t="s">
        <v>39</v>
      </c>
      <c r="Q4074" s="5" t="s">
        <v>40</v>
      </c>
      <c r="R4074" s="5" t="s">
        <v>1522</v>
      </c>
      <c r="S4074" s="5" t="s">
        <v>1523</v>
      </c>
      <c r="T4074" s="5" t="s">
        <v>42</v>
      </c>
      <c r="U4074" s="2">
        <v>1.8009999999999999</v>
      </c>
      <c r="V4074" s="2">
        <v>1.476</v>
      </c>
      <c r="W4074" s="2">
        <v>0.01</v>
      </c>
      <c r="X4074" s="2">
        <v>118.9</v>
      </c>
      <c r="Y4074" s="2">
        <v>7.6</v>
      </c>
      <c r="Z4074" s="2">
        <v>10.6</v>
      </c>
      <c r="AA4074" s="5"/>
      <c r="AB4074" s="5" t="s">
        <v>43</v>
      </c>
      <c r="AC4074" s="5" t="s">
        <v>44</v>
      </c>
      <c r="AD4074" s="2"/>
      <c r="AE4074" s="1"/>
    </row>
    <row r="4075" spans="1:31" ht="14.45">
      <c r="A4075" s="11"/>
      <c r="B4075" s="20"/>
      <c r="C4075" s="2" t="s">
        <v>12679</v>
      </c>
      <c r="D4075" s="14" t="s">
        <v>12680</v>
      </c>
      <c r="E4075" s="2" t="s">
        <v>12681</v>
      </c>
      <c r="F4075" s="2" t="s">
        <v>1835</v>
      </c>
      <c r="G4075" s="8">
        <v>143</v>
      </c>
      <c r="H4075" s="5">
        <v>13</v>
      </c>
      <c r="I4075" s="5" t="s">
        <v>1518</v>
      </c>
      <c r="J4075" s="5" t="s">
        <v>1519</v>
      </c>
      <c r="K4075" s="2" t="s">
        <v>1520</v>
      </c>
      <c r="L4075" s="5" t="s">
        <v>1519</v>
      </c>
      <c r="M4075" s="2" t="s">
        <v>1520</v>
      </c>
      <c r="N4075" s="5" t="s">
        <v>1521</v>
      </c>
      <c r="O4075" s="5" t="s">
        <v>38</v>
      </c>
      <c r="P4075" s="5" t="s">
        <v>39</v>
      </c>
      <c r="Q4075" s="5" t="s">
        <v>40</v>
      </c>
      <c r="R4075" s="5" t="s">
        <v>1522</v>
      </c>
      <c r="S4075" s="5" t="s">
        <v>1523</v>
      </c>
      <c r="T4075" s="5" t="s">
        <v>42</v>
      </c>
      <c r="U4075" s="2">
        <v>1.8009999999999999</v>
      </c>
      <c r="V4075" s="2">
        <v>1.476</v>
      </c>
      <c r="W4075" s="2">
        <v>0.01</v>
      </c>
      <c r="X4075" s="2">
        <v>118.9</v>
      </c>
      <c r="Y4075" s="2">
        <v>7.6</v>
      </c>
      <c r="Z4075" s="2">
        <v>10.6</v>
      </c>
      <c r="AA4075" s="5"/>
      <c r="AB4075" s="5" t="s">
        <v>43</v>
      </c>
      <c r="AC4075" s="5" t="s">
        <v>44</v>
      </c>
      <c r="AD4075" s="2"/>
      <c r="AE4075" s="1"/>
    </row>
    <row r="4076" spans="1:31" ht="14.45">
      <c r="A4076" s="11"/>
      <c r="B4076" s="20"/>
      <c r="C4076" s="2" t="s">
        <v>12682</v>
      </c>
      <c r="D4076" s="14" t="s">
        <v>12683</v>
      </c>
      <c r="E4076" s="2" t="s">
        <v>12684</v>
      </c>
      <c r="F4076" s="2" t="s">
        <v>1843</v>
      </c>
      <c r="G4076" s="8">
        <v>143</v>
      </c>
      <c r="H4076" s="5">
        <v>13</v>
      </c>
      <c r="I4076" s="5" t="s">
        <v>1518</v>
      </c>
      <c r="J4076" s="5" t="s">
        <v>1519</v>
      </c>
      <c r="K4076" s="2" t="s">
        <v>1520</v>
      </c>
      <c r="L4076" s="5" t="s">
        <v>1519</v>
      </c>
      <c r="M4076" s="2" t="s">
        <v>1520</v>
      </c>
      <c r="N4076" s="5" t="s">
        <v>1521</v>
      </c>
      <c r="O4076" s="5" t="s">
        <v>38</v>
      </c>
      <c r="P4076" s="5" t="s">
        <v>39</v>
      </c>
      <c r="Q4076" s="5" t="s">
        <v>40</v>
      </c>
      <c r="R4076" s="5" t="s">
        <v>1522</v>
      </c>
      <c r="S4076" s="5" t="s">
        <v>1523</v>
      </c>
      <c r="T4076" s="5" t="s">
        <v>42</v>
      </c>
      <c r="U4076" s="2">
        <v>1.7629999999999999</v>
      </c>
      <c r="V4076" s="2">
        <v>1.4379999999999999</v>
      </c>
      <c r="W4076" s="2">
        <v>0.01</v>
      </c>
      <c r="X4076" s="2">
        <v>118.9</v>
      </c>
      <c r="Y4076" s="2">
        <v>7.6</v>
      </c>
      <c r="Z4076" s="2">
        <v>10.6</v>
      </c>
      <c r="AA4076" s="5"/>
      <c r="AB4076" s="5" t="s">
        <v>43</v>
      </c>
      <c r="AC4076" s="5" t="s">
        <v>44</v>
      </c>
      <c r="AD4076" s="2"/>
      <c r="AE4076" s="1"/>
    </row>
    <row r="4077" spans="1:31" ht="14.45">
      <c r="A4077" s="11"/>
      <c r="B4077" s="20"/>
      <c r="C4077" s="2" t="s">
        <v>12685</v>
      </c>
      <c r="D4077" s="14" t="s">
        <v>12686</v>
      </c>
      <c r="E4077" s="2" t="s">
        <v>12687</v>
      </c>
      <c r="F4077" s="2" t="s">
        <v>1851</v>
      </c>
      <c r="G4077" s="8">
        <v>143</v>
      </c>
      <c r="H4077" s="5">
        <v>13</v>
      </c>
      <c r="I4077" s="5" t="s">
        <v>1518</v>
      </c>
      <c r="J4077" s="5" t="s">
        <v>1519</v>
      </c>
      <c r="K4077" s="2" t="s">
        <v>1520</v>
      </c>
      <c r="L4077" s="5" t="s">
        <v>1519</v>
      </c>
      <c r="M4077" s="2" t="s">
        <v>1520</v>
      </c>
      <c r="N4077" s="5" t="s">
        <v>1521</v>
      </c>
      <c r="O4077" s="5" t="s">
        <v>38</v>
      </c>
      <c r="P4077" s="5" t="s">
        <v>39</v>
      </c>
      <c r="Q4077" s="5" t="s">
        <v>40</v>
      </c>
      <c r="R4077" s="5" t="s">
        <v>1522</v>
      </c>
      <c r="S4077" s="5" t="s">
        <v>1523</v>
      </c>
      <c r="T4077" s="5" t="s">
        <v>42</v>
      </c>
      <c r="U4077" s="2">
        <v>1.7629999999999999</v>
      </c>
      <c r="V4077" s="2">
        <v>1.4379999999999999</v>
      </c>
      <c r="W4077" s="2">
        <v>0.01</v>
      </c>
      <c r="X4077" s="2">
        <v>118.9</v>
      </c>
      <c r="Y4077" s="2">
        <v>7.6</v>
      </c>
      <c r="Z4077" s="2">
        <v>10.6</v>
      </c>
      <c r="AA4077" s="5"/>
      <c r="AB4077" s="5" t="s">
        <v>43</v>
      </c>
      <c r="AC4077" s="5" t="s">
        <v>44</v>
      </c>
      <c r="AD4077" s="2"/>
      <c r="AE4077" s="1"/>
    </row>
    <row r="4078" spans="1:31" ht="14.45">
      <c r="A4078" s="11"/>
      <c r="B4078" s="20"/>
      <c r="C4078" s="2" t="s">
        <v>12688</v>
      </c>
      <c r="D4078" s="14" t="s">
        <v>12689</v>
      </c>
      <c r="E4078" s="2" t="s">
        <v>12690</v>
      </c>
      <c r="F4078" s="2" t="s">
        <v>1859</v>
      </c>
      <c r="G4078" s="8">
        <v>143</v>
      </c>
      <c r="H4078" s="5">
        <v>13</v>
      </c>
      <c r="I4078" s="5" t="s">
        <v>1518</v>
      </c>
      <c r="J4078" s="5" t="s">
        <v>1519</v>
      </c>
      <c r="K4078" s="2" t="s">
        <v>1520</v>
      </c>
      <c r="L4078" s="5" t="s">
        <v>1519</v>
      </c>
      <c r="M4078" s="2" t="s">
        <v>1520</v>
      </c>
      <c r="N4078" s="5" t="s">
        <v>1521</v>
      </c>
      <c r="O4078" s="5" t="s">
        <v>38</v>
      </c>
      <c r="P4078" s="5" t="s">
        <v>39</v>
      </c>
      <c r="Q4078" s="5" t="s">
        <v>40</v>
      </c>
      <c r="R4078" s="5" t="s">
        <v>1522</v>
      </c>
      <c r="S4078" s="5" t="s">
        <v>1523</v>
      </c>
      <c r="T4078" s="5" t="s">
        <v>42</v>
      </c>
      <c r="U4078" s="2">
        <v>1.8009999999999999</v>
      </c>
      <c r="V4078" s="2">
        <v>1.476</v>
      </c>
      <c r="W4078" s="2">
        <v>0.01</v>
      </c>
      <c r="X4078" s="2">
        <v>118.9</v>
      </c>
      <c r="Y4078" s="2">
        <v>7.6</v>
      </c>
      <c r="Z4078" s="2">
        <v>10.6</v>
      </c>
      <c r="AA4078" s="5"/>
      <c r="AB4078" s="5" t="s">
        <v>43</v>
      </c>
      <c r="AC4078" s="5" t="s">
        <v>44</v>
      </c>
      <c r="AD4078" s="2"/>
      <c r="AE4078" s="1"/>
    </row>
    <row r="4079" spans="1:31" ht="14.45">
      <c r="A4079" s="11"/>
      <c r="B4079" s="20"/>
      <c r="C4079" s="2" t="s">
        <v>12691</v>
      </c>
      <c r="D4079" s="14" t="s">
        <v>12692</v>
      </c>
      <c r="E4079" s="2" t="s">
        <v>12693</v>
      </c>
      <c r="F4079" s="2" t="s">
        <v>10098</v>
      </c>
      <c r="G4079" s="8">
        <v>143</v>
      </c>
      <c r="H4079" s="5">
        <v>11</v>
      </c>
      <c r="I4079" s="5" t="s">
        <v>1518</v>
      </c>
      <c r="J4079" s="5" t="s">
        <v>1519</v>
      </c>
      <c r="K4079" s="2" t="s">
        <v>1520</v>
      </c>
      <c r="L4079" s="5" t="s">
        <v>1519</v>
      </c>
      <c r="M4079" s="2" t="s">
        <v>1520</v>
      </c>
      <c r="N4079" s="5" t="s">
        <v>1521</v>
      </c>
      <c r="O4079" s="5" t="s">
        <v>38</v>
      </c>
      <c r="P4079" s="5" t="s">
        <v>39</v>
      </c>
      <c r="Q4079" s="5" t="s">
        <v>40</v>
      </c>
      <c r="R4079" s="5" t="s">
        <v>1522</v>
      </c>
      <c r="S4079" s="5" t="s">
        <v>1523</v>
      </c>
      <c r="T4079" s="5" t="s">
        <v>42</v>
      </c>
      <c r="U4079" s="2">
        <v>1.7270000000000001</v>
      </c>
      <c r="V4079" s="2">
        <v>1.4</v>
      </c>
      <c r="W4079" s="2">
        <v>0.01</v>
      </c>
      <c r="X4079" s="2">
        <v>118.9</v>
      </c>
      <c r="Y4079" s="2">
        <v>7.6</v>
      </c>
      <c r="Z4079" s="2">
        <v>10.6</v>
      </c>
      <c r="AA4079" s="5"/>
      <c r="AB4079" s="5" t="s">
        <v>43</v>
      </c>
      <c r="AC4079" s="5" t="s">
        <v>44</v>
      </c>
      <c r="AD4079" s="2"/>
      <c r="AE4079" s="1"/>
    </row>
    <row r="4080" spans="1:31" ht="14.45">
      <c r="A4080" s="11"/>
      <c r="B4080" s="20"/>
      <c r="C4080" s="2" t="s">
        <v>12694</v>
      </c>
      <c r="D4080" s="14" t="s">
        <v>12695</v>
      </c>
      <c r="E4080" s="2" t="s">
        <v>12696</v>
      </c>
      <c r="F4080" s="2" t="s">
        <v>1867</v>
      </c>
      <c r="G4080" s="8">
        <v>143</v>
      </c>
      <c r="H4080" s="5">
        <v>11</v>
      </c>
      <c r="I4080" s="5" t="s">
        <v>1518</v>
      </c>
      <c r="J4080" s="5" t="s">
        <v>1519</v>
      </c>
      <c r="K4080" s="2" t="s">
        <v>1520</v>
      </c>
      <c r="L4080" s="5" t="s">
        <v>1519</v>
      </c>
      <c r="M4080" s="2" t="s">
        <v>1520</v>
      </c>
      <c r="N4080" s="5" t="s">
        <v>1521</v>
      </c>
      <c r="O4080" s="5" t="s">
        <v>38</v>
      </c>
      <c r="P4080" s="5" t="s">
        <v>39</v>
      </c>
      <c r="Q4080" s="5" t="s">
        <v>40</v>
      </c>
      <c r="R4080" s="5" t="s">
        <v>1522</v>
      </c>
      <c r="S4080" s="5" t="s">
        <v>1523</v>
      </c>
      <c r="T4080" s="5" t="s">
        <v>42</v>
      </c>
      <c r="U4080" s="2">
        <v>1.7649999999999999</v>
      </c>
      <c r="V4080" s="2">
        <v>1.4379999999999999</v>
      </c>
      <c r="W4080" s="2">
        <v>0.01</v>
      </c>
      <c r="X4080" s="2">
        <v>118.9</v>
      </c>
      <c r="Y4080" s="2">
        <v>7.6</v>
      </c>
      <c r="Z4080" s="2">
        <v>10.6</v>
      </c>
      <c r="AA4080" s="5"/>
      <c r="AB4080" s="5" t="s">
        <v>43</v>
      </c>
      <c r="AC4080" s="5" t="s">
        <v>44</v>
      </c>
      <c r="AD4080" s="2"/>
      <c r="AE4080" s="1"/>
    </row>
    <row r="4081" spans="1:31" ht="14.45">
      <c r="A4081" s="11"/>
      <c r="B4081" s="20"/>
      <c r="C4081" s="2" t="s">
        <v>12697</v>
      </c>
      <c r="D4081" s="14" t="s">
        <v>12698</v>
      </c>
      <c r="E4081" s="2" t="s">
        <v>12699</v>
      </c>
      <c r="F4081" s="2" t="s">
        <v>7396</v>
      </c>
      <c r="G4081" s="8">
        <v>138</v>
      </c>
      <c r="H4081" s="5">
        <v>5</v>
      </c>
      <c r="I4081" s="5" t="s">
        <v>1518</v>
      </c>
      <c r="J4081" s="5" t="s">
        <v>1519</v>
      </c>
      <c r="K4081" s="2" t="s">
        <v>1520</v>
      </c>
      <c r="L4081" s="5" t="s">
        <v>1519</v>
      </c>
      <c r="M4081" s="2" t="s">
        <v>1520</v>
      </c>
      <c r="N4081" s="5" t="s">
        <v>1521</v>
      </c>
      <c r="O4081" s="5" t="s">
        <v>38</v>
      </c>
      <c r="P4081" s="5" t="s">
        <v>39</v>
      </c>
      <c r="Q4081" s="5" t="s">
        <v>40</v>
      </c>
      <c r="R4081" s="5" t="s">
        <v>1522</v>
      </c>
      <c r="S4081" s="5" t="s">
        <v>1523</v>
      </c>
      <c r="T4081" s="5" t="s">
        <v>42</v>
      </c>
      <c r="U4081" s="2">
        <v>2.1349999999999998</v>
      </c>
      <c r="V4081" s="2">
        <v>1.81</v>
      </c>
      <c r="W4081" s="2">
        <v>0.01</v>
      </c>
      <c r="X4081" s="2">
        <v>118.9</v>
      </c>
      <c r="Y4081" s="2">
        <v>7.6</v>
      </c>
      <c r="Z4081" s="2">
        <v>10.6</v>
      </c>
      <c r="AA4081" s="5"/>
      <c r="AB4081" s="5" t="s">
        <v>43</v>
      </c>
      <c r="AC4081" s="5" t="s">
        <v>44</v>
      </c>
      <c r="AD4081" s="2"/>
      <c r="AE4081" s="1"/>
    </row>
    <row r="4082" spans="1:31" ht="14.45">
      <c r="A4082" s="11"/>
      <c r="B4082" s="20"/>
      <c r="C4082" s="2" t="s">
        <v>12700</v>
      </c>
      <c r="D4082" s="14" t="s">
        <v>12701</v>
      </c>
      <c r="E4082" s="2" t="s">
        <v>12702</v>
      </c>
      <c r="F4082" s="2" t="s">
        <v>7507</v>
      </c>
      <c r="G4082" s="8">
        <v>138</v>
      </c>
      <c r="H4082" s="5">
        <v>5</v>
      </c>
      <c r="I4082" s="5" t="s">
        <v>1518</v>
      </c>
      <c r="J4082" s="5" t="s">
        <v>1519</v>
      </c>
      <c r="K4082" s="2" t="s">
        <v>1520</v>
      </c>
      <c r="L4082" s="5" t="s">
        <v>1519</v>
      </c>
      <c r="M4082" s="2" t="s">
        <v>1520</v>
      </c>
      <c r="N4082" s="5" t="s">
        <v>1521</v>
      </c>
      <c r="O4082" s="5" t="s">
        <v>38</v>
      </c>
      <c r="P4082" s="5" t="s">
        <v>39</v>
      </c>
      <c r="Q4082" s="5" t="s">
        <v>40</v>
      </c>
      <c r="R4082" s="5" t="s">
        <v>1522</v>
      </c>
      <c r="S4082" s="5" t="s">
        <v>1523</v>
      </c>
      <c r="T4082" s="5" t="s">
        <v>42</v>
      </c>
      <c r="U4082" s="2">
        <v>2.1869999999999998</v>
      </c>
      <c r="V4082" s="2">
        <v>1.861</v>
      </c>
      <c r="W4082" s="2">
        <v>0.01</v>
      </c>
      <c r="X4082" s="2">
        <v>118.9</v>
      </c>
      <c r="Y4082" s="2">
        <v>7.6</v>
      </c>
      <c r="Z4082" s="2">
        <v>10.6</v>
      </c>
      <c r="AA4082" s="5"/>
      <c r="AB4082" s="5" t="s">
        <v>43</v>
      </c>
      <c r="AC4082" s="5" t="s">
        <v>44</v>
      </c>
      <c r="AD4082" s="2"/>
      <c r="AE4082" s="1"/>
    </row>
    <row r="4083" spans="1:31" ht="14.45">
      <c r="A4083" s="11"/>
      <c r="B4083" s="20"/>
      <c r="C4083" s="2" t="s">
        <v>12703</v>
      </c>
      <c r="D4083" s="14" t="s">
        <v>12704</v>
      </c>
      <c r="E4083" s="2" t="s">
        <v>12705</v>
      </c>
      <c r="F4083" s="2" t="s">
        <v>7204</v>
      </c>
      <c r="G4083" s="8">
        <v>138</v>
      </c>
      <c r="H4083" s="5">
        <v>5</v>
      </c>
      <c r="I4083" s="5" t="s">
        <v>1518</v>
      </c>
      <c r="J4083" s="5" t="s">
        <v>1519</v>
      </c>
      <c r="K4083" s="2" t="s">
        <v>1520</v>
      </c>
      <c r="L4083" s="5" t="s">
        <v>1519</v>
      </c>
      <c r="M4083" s="2" t="s">
        <v>1520</v>
      </c>
      <c r="N4083" s="5" t="s">
        <v>1521</v>
      </c>
      <c r="O4083" s="5" t="s">
        <v>38</v>
      </c>
      <c r="P4083" s="5" t="s">
        <v>39</v>
      </c>
      <c r="Q4083" s="5" t="s">
        <v>40</v>
      </c>
      <c r="R4083" s="5" t="s">
        <v>1522</v>
      </c>
      <c r="S4083" s="5" t="s">
        <v>1523</v>
      </c>
      <c r="T4083" s="5" t="s">
        <v>42</v>
      </c>
      <c r="U4083" s="2">
        <v>2.145</v>
      </c>
      <c r="V4083" s="2">
        <v>1.82</v>
      </c>
      <c r="W4083" s="2">
        <v>0.01</v>
      </c>
      <c r="X4083" s="2">
        <v>118.9</v>
      </c>
      <c r="Y4083" s="2">
        <v>7.6</v>
      </c>
      <c r="Z4083" s="2">
        <v>10.6</v>
      </c>
      <c r="AA4083" s="5"/>
      <c r="AB4083" s="5" t="s">
        <v>43</v>
      </c>
      <c r="AC4083" s="5" t="s">
        <v>44</v>
      </c>
      <c r="AD4083" s="2"/>
      <c r="AE4083" s="1"/>
    </row>
    <row r="4084" spans="1:31" ht="14.45">
      <c r="A4084" s="11"/>
      <c r="B4084" s="20"/>
      <c r="C4084" s="2" t="s">
        <v>12706</v>
      </c>
      <c r="D4084" s="14" t="s">
        <v>12707</v>
      </c>
      <c r="E4084" s="2" t="s">
        <v>12708</v>
      </c>
      <c r="F4084" s="2" t="s">
        <v>7514</v>
      </c>
      <c r="G4084" s="8">
        <v>138</v>
      </c>
      <c r="H4084" s="5">
        <v>5</v>
      </c>
      <c r="I4084" s="5" t="s">
        <v>1518</v>
      </c>
      <c r="J4084" s="5" t="s">
        <v>1519</v>
      </c>
      <c r="K4084" s="2" t="s">
        <v>1520</v>
      </c>
      <c r="L4084" s="5" t="s">
        <v>1519</v>
      </c>
      <c r="M4084" s="2" t="s">
        <v>1520</v>
      </c>
      <c r="N4084" s="5" t="s">
        <v>1521</v>
      </c>
      <c r="O4084" s="5" t="s">
        <v>38</v>
      </c>
      <c r="P4084" s="5" t="s">
        <v>39</v>
      </c>
      <c r="Q4084" s="5" t="s">
        <v>40</v>
      </c>
      <c r="R4084" s="5" t="s">
        <v>1522</v>
      </c>
      <c r="S4084" s="5" t="s">
        <v>1523</v>
      </c>
      <c r="T4084" s="5" t="s">
        <v>42</v>
      </c>
      <c r="U4084" s="2">
        <v>2.1970000000000001</v>
      </c>
      <c r="V4084" s="2">
        <v>1.871</v>
      </c>
      <c r="W4084" s="2">
        <v>0.01</v>
      </c>
      <c r="X4084" s="2">
        <v>118.9</v>
      </c>
      <c r="Y4084" s="2">
        <v>7.6</v>
      </c>
      <c r="Z4084" s="2">
        <v>10.6</v>
      </c>
      <c r="AA4084" s="5"/>
      <c r="AB4084" s="5" t="s">
        <v>43</v>
      </c>
      <c r="AC4084" s="5" t="s">
        <v>44</v>
      </c>
      <c r="AD4084" s="2"/>
      <c r="AE4084" s="1"/>
    </row>
    <row r="4085" spans="1:31" ht="14.45">
      <c r="A4085" s="11"/>
      <c r="B4085" s="20"/>
      <c r="C4085" s="2" t="s">
        <v>12709</v>
      </c>
      <c r="D4085" s="14" t="s">
        <v>12710</v>
      </c>
      <c r="E4085" s="2" t="s">
        <v>12711</v>
      </c>
      <c r="F4085" s="2" t="s">
        <v>7208</v>
      </c>
      <c r="G4085" s="8">
        <v>138</v>
      </c>
      <c r="H4085" s="5">
        <v>5</v>
      </c>
      <c r="I4085" s="5" t="s">
        <v>1518</v>
      </c>
      <c r="J4085" s="5" t="s">
        <v>1519</v>
      </c>
      <c r="K4085" s="2" t="s">
        <v>1520</v>
      </c>
      <c r="L4085" s="5" t="s">
        <v>1519</v>
      </c>
      <c r="M4085" s="2" t="s">
        <v>1520</v>
      </c>
      <c r="N4085" s="5" t="s">
        <v>1521</v>
      </c>
      <c r="O4085" s="5" t="s">
        <v>38</v>
      </c>
      <c r="P4085" s="5" t="s">
        <v>39</v>
      </c>
      <c r="Q4085" s="5" t="s">
        <v>40</v>
      </c>
      <c r="R4085" s="5" t="s">
        <v>1522</v>
      </c>
      <c r="S4085" s="5" t="s">
        <v>1523</v>
      </c>
      <c r="T4085" s="5" t="s">
        <v>42</v>
      </c>
      <c r="U4085" s="2">
        <v>2.145</v>
      </c>
      <c r="V4085" s="2">
        <v>1.82</v>
      </c>
      <c r="W4085" s="2">
        <v>0.01</v>
      </c>
      <c r="X4085" s="2">
        <v>118.9</v>
      </c>
      <c r="Y4085" s="2">
        <v>7.6</v>
      </c>
      <c r="Z4085" s="2">
        <v>10.6</v>
      </c>
      <c r="AA4085" s="5"/>
      <c r="AB4085" s="5" t="s">
        <v>43</v>
      </c>
      <c r="AC4085" s="5" t="s">
        <v>44</v>
      </c>
      <c r="AD4085" s="2"/>
      <c r="AE4085" s="1"/>
    </row>
    <row r="4086" spans="1:31" ht="14.45">
      <c r="A4086" s="11"/>
      <c r="B4086" s="20"/>
      <c r="C4086" s="2" t="s">
        <v>12712</v>
      </c>
      <c r="D4086" s="14" t="s">
        <v>12713</v>
      </c>
      <c r="E4086" s="2" t="s">
        <v>12714</v>
      </c>
      <c r="F4086" s="2" t="s">
        <v>7521</v>
      </c>
      <c r="G4086" s="8">
        <v>138</v>
      </c>
      <c r="H4086" s="5">
        <v>5</v>
      </c>
      <c r="I4086" s="5" t="s">
        <v>1518</v>
      </c>
      <c r="J4086" s="5" t="s">
        <v>1519</v>
      </c>
      <c r="K4086" s="2" t="s">
        <v>1520</v>
      </c>
      <c r="L4086" s="5" t="s">
        <v>1519</v>
      </c>
      <c r="M4086" s="2" t="s">
        <v>1520</v>
      </c>
      <c r="N4086" s="5" t="s">
        <v>1521</v>
      </c>
      <c r="O4086" s="5" t="s">
        <v>38</v>
      </c>
      <c r="P4086" s="5" t="s">
        <v>39</v>
      </c>
      <c r="Q4086" s="5" t="s">
        <v>40</v>
      </c>
      <c r="R4086" s="5" t="s">
        <v>1522</v>
      </c>
      <c r="S4086" s="5" t="s">
        <v>1523</v>
      </c>
      <c r="T4086" s="5" t="s">
        <v>42</v>
      </c>
      <c r="U4086" s="2">
        <v>2.1970000000000001</v>
      </c>
      <c r="V4086" s="2">
        <v>1.871</v>
      </c>
      <c r="W4086" s="2">
        <v>0.01</v>
      </c>
      <c r="X4086" s="2">
        <v>118.9</v>
      </c>
      <c r="Y4086" s="2">
        <v>7.6</v>
      </c>
      <c r="Z4086" s="2">
        <v>10.6</v>
      </c>
      <c r="AA4086" s="5"/>
      <c r="AB4086" s="5" t="s">
        <v>43</v>
      </c>
      <c r="AC4086" s="5" t="s">
        <v>44</v>
      </c>
      <c r="AD4086" s="2"/>
      <c r="AE4086" s="1"/>
    </row>
    <row r="4087" spans="1:31" ht="14.45">
      <c r="A4087" s="11"/>
      <c r="B4087" s="20"/>
      <c r="C4087" s="2" t="s">
        <v>12715</v>
      </c>
      <c r="D4087" s="14" t="s">
        <v>12716</v>
      </c>
      <c r="E4087" s="2" t="s">
        <v>12717</v>
      </c>
      <c r="F4087" s="2" t="s">
        <v>7212</v>
      </c>
      <c r="G4087" s="8">
        <v>138</v>
      </c>
      <c r="H4087" s="5">
        <v>5</v>
      </c>
      <c r="I4087" s="5" t="s">
        <v>1518</v>
      </c>
      <c r="J4087" s="5" t="s">
        <v>1519</v>
      </c>
      <c r="K4087" s="2" t="s">
        <v>1520</v>
      </c>
      <c r="L4087" s="5" t="s">
        <v>1519</v>
      </c>
      <c r="M4087" s="2" t="s">
        <v>1520</v>
      </c>
      <c r="N4087" s="5" t="s">
        <v>1521</v>
      </c>
      <c r="O4087" s="5" t="s">
        <v>38</v>
      </c>
      <c r="P4087" s="5" t="s">
        <v>39</v>
      </c>
      <c r="Q4087" s="5" t="s">
        <v>40</v>
      </c>
      <c r="R4087" s="5" t="s">
        <v>1522</v>
      </c>
      <c r="S4087" s="5" t="s">
        <v>1523</v>
      </c>
      <c r="T4087" s="5" t="s">
        <v>42</v>
      </c>
      <c r="U4087" s="2">
        <v>2.1139999999999999</v>
      </c>
      <c r="V4087" s="2">
        <v>1.7889999999999999</v>
      </c>
      <c r="W4087" s="2">
        <v>0.01</v>
      </c>
      <c r="X4087" s="2">
        <v>118.9</v>
      </c>
      <c r="Y4087" s="2">
        <v>7.6</v>
      </c>
      <c r="Z4087" s="2">
        <v>10.6</v>
      </c>
      <c r="AA4087" s="5"/>
      <c r="AB4087" s="5" t="s">
        <v>43</v>
      </c>
      <c r="AC4087" s="5" t="s">
        <v>44</v>
      </c>
      <c r="AD4087" s="2"/>
      <c r="AE4087" s="1"/>
    </row>
    <row r="4088" spans="1:31" ht="14.45">
      <c r="A4088" s="11"/>
      <c r="B4088" s="20"/>
      <c r="C4088" s="2" t="s">
        <v>12718</v>
      </c>
      <c r="D4088" s="14" t="s">
        <v>12719</v>
      </c>
      <c r="E4088" s="2" t="s">
        <v>12720</v>
      </c>
      <c r="F4088" s="2" t="s">
        <v>7528</v>
      </c>
      <c r="G4088" s="8">
        <v>138</v>
      </c>
      <c r="H4088" s="5">
        <v>5</v>
      </c>
      <c r="I4088" s="5" t="s">
        <v>1518</v>
      </c>
      <c r="J4088" s="5" t="s">
        <v>1519</v>
      </c>
      <c r="K4088" s="2" t="s">
        <v>1520</v>
      </c>
      <c r="L4088" s="5" t="s">
        <v>1519</v>
      </c>
      <c r="M4088" s="2" t="s">
        <v>1520</v>
      </c>
      <c r="N4088" s="5" t="s">
        <v>1521</v>
      </c>
      <c r="O4088" s="5" t="s">
        <v>38</v>
      </c>
      <c r="P4088" s="5" t="s">
        <v>39</v>
      </c>
      <c r="Q4088" s="5" t="s">
        <v>40</v>
      </c>
      <c r="R4088" s="5" t="s">
        <v>1522</v>
      </c>
      <c r="S4088" s="5" t="s">
        <v>1523</v>
      </c>
      <c r="T4088" s="5" t="s">
        <v>42</v>
      </c>
      <c r="U4088" s="2">
        <v>2.1659999999999999</v>
      </c>
      <c r="V4088" s="2">
        <v>1.84</v>
      </c>
      <c r="W4088" s="2">
        <v>0.01</v>
      </c>
      <c r="X4088" s="2">
        <v>118.9</v>
      </c>
      <c r="Y4088" s="2">
        <v>7.6</v>
      </c>
      <c r="Z4088" s="2">
        <v>10.6</v>
      </c>
      <c r="AA4088" s="5"/>
      <c r="AB4088" s="5" t="s">
        <v>43</v>
      </c>
      <c r="AC4088" s="5" t="s">
        <v>44</v>
      </c>
      <c r="AD4088" s="2"/>
      <c r="AE4088" s="1"/>
    </row>
    <row r="4089" spans="1:31" ht="14.45">
      <c r="A4089" s="11"/>
      <c r="B4089" s="20"/>
      <c r="C4089" s="2" t="s">
        <v>12721</v>
      </c>
      <c r="D4089" s="14" t="s">
        <v>12722</v>
      </c>
      <c r="E4089" s="2" t="s">
        <v>12723</v>
      </c>
      <c r="F4089" s="2" t="s">
        <v>7406</v>
      </c>
      <c r="G4089" s="8">
        <v>159</v>
      </c>
      <c r="H4089" s="5">
        <v>5</v>
      </c>
      <c r="I4089" s="5" t="s">
        <v>1518</v>
      </c>
      <c r="J4089" s="5" t="s">
        <v>1519</v>
      </c>
      <c r="K4089" s="2" t="s">
        <v>1520</v>
      </c>
      <c r="L4089" s="5" t="s">
        <v>1519</v>
      </c>
      <c r="M4089" s="2" t="s">
        <v>1520</v>
      </c>
      <c r="N4089" s="5" t="s">
        <v>1521</v>
      </c>
      <c r="O4089" s="5" t="s">
        <v>38</v>
      </c>
      <c r="P4089" s="5" t="s">
        <v>39</v>
      </c>
      <c r="Q4089" s="5" t="s">
        <v>40</v>
      </c>
      <c r="R4089" s="5" t="s">
        <v>1522</v>
      </c>
      <c r="S4089" s="5" t="s">
        <v>1523</v>
      </c>
      <c r="T4089" s="5" t="s">
        <v>42</v>
      </c>
      <c r="U4089" s="2">
        <v>2.1139999999999999</v>
      </c>
      <c r="V4089" s="2">
        <v>1.7889999999999999</v>
      </c>
      <c r="W4089" s="2">
        <v>0.01</v>
      </c>
      <c r="X4089" s="2">
        <v>118.9</v>
      </c>
      <c r="Y4089" s="2">
        <v>7.6</v>
      </c>
      <c r="Z4089" s="2">
        <v>10.6</v>
      </c>
      <c r="AA4089" s="5"/>
      <c r="AB4089" s="5" t="s">
        <v>43</v>
      </c>
      <c r="AC4089" s="5" t="s">
        <v>44</v>
      </c>
      <c r="AD4089" s="2"/>
      <c r="AE4089" s="1"/>
    </row>
    <row r="4090" spans="1:31" ht="14.45">
      <c r="A4090" s="11"/>
      <c r="B4090" s="20"/>
      <c r="C4090" s="2" t="s">
        <v>12724</v>
      </c>
      <c r="D4090" s="14" t="s">
        <v>12725</v>
      </c>
      <c r="E4090" s="2" t="s">
        <v>12726</v>
      </c>
      <c r="F4090" s="2" t="s">
        <v>7535</v>
      </c>
      <c r="G4090" s="8">
        <v>159</v>
      </c>
      <c r="H4090" s="5">
        <v>5</v>
      </c>
      <c r="I4090" s="5" t="s">
        <v>1518</v>
      </c>
      <c r="J4090" s="5" t="s">
        <v>1519</v>
      </c>
      <c r="K4090" s="2" t="s">
        <v>1520</v>
      </c>
      <c r="L4090" s="5" t="s">
        <v>1519</v>
      </c>
      <c r="M4090" s="2" t="s">
        <v>1520</v>
      </c>
      <c r="N4090" s="5" t="s">
        <v>1521</v>
      </c>
      <c r="O4090" s="5" t="s">
        <v>38</v>
      </c>
      <c r="P4090" s="5" t="s">
        <v>39</v>
      </c>
      <c r="Q4090" s="5" t="s">
        <v>40</v>
      </c>
      <c r="R4090" s="5" t="s">
        <v>1522</v>
      </c>
      <c r="S4090" s="5" t="s">
        <v>1523</v>
      </c>
      <c r="T4090" s="5" t="s">
        <v>42</v>
      </c>
      <c r="U4090" s="2">
        <v>2.165</v>
      </c>
      <c r="V4090" s="2">
        <v>1.84</v>
      </c>
      <c r="W4090" s="2">
        <v>0.01</v>
      </c>
      <c r="X4090" s="2">
        <v>118.9</v>
      </c>
      <c r="Y4090" s="2">
        <v>7.6</v>
      </c>
      <c r="Z4090" s="2">
        <v>10.6</v>
      </c>
      <c r="AA4090" s="5"/>
      <c r="AB4090" s="5" t="s">
        <v>43</v>
      </c>
      <c r="AC4090" s="5" t="s">
        <v>44</v>
      </c>
      <c r="AD4090" s="2"/>
      <c r="AE4090" s="1"/>
    </row>
    <row r="4091" spans="1:31" ht="14.45">
      <c r="A4091" s="11"/>
      <c r="B4091" s="20"/>
      <c r="C4091" s="2" t="s">
        <v>12727</v>
      </c>
      <c r="D4091" s="14" t="s">
        <v>12728</v>
      </c>
      <c r="E4091" s="2" t="s">
        <v>12729</v>
      </c>
      <c r="F4091" s="2" t="s">
        <v>7539</v>
      </c>
      <c r="G4091" s="8">
        <v>159</v>
      </c>
      <c r="H4091" s="5">
        <v>6</v>
      </c>
      <c r="I4091" s="5" t="s">
        <v>1518</v>
      </c>
      <c r="J4091" s="5" t="s">
        <v>1519</v>
      </c>
      <c r="K4091" s="2" t="s">
        <v>1520</v>
      </c>
      <c r="L4091" s="5" t="s">
        <v>1519</v>
      </c>
      <c r="M4091" s="2" t="s">
        <v>1520</v>
      </c>
      <c r="N4091" s="5" t="s">
        <v>1521</v>
      </c>
      <c r="O4091" s="5" t="s">
        <v>38</v>
      </c>
      <c r="P4091" s="5" t="s">
        <v>39</v>
      </c>
      <c r="Q4091" s="5" t="s">
        <v>40</v>
      </c>
      <c r="R4091" s="5" t="s">
        <v>1522</v>
      </c>
      <c r="S4091" s="5" t="s">
        <v>1523</v>
      </c>
      <c r="T4091" s="5" t="s">
        <v>42</v>
      </c>
      <c r="U4091" s="2">
        <v>2.145</v>
      </c>
      <c r="V4091" s="2">
        <v>1.82</v>
      </c>
      <c r="W4091" s="2">
        <v>0.01</v>
      </c>
      <c r="X4091" s="2">
        <v>118.9</v>
      </c>
      <c r="Y4091" s="2">
        <v>7.6</v>
      </c>
      <c r="Z4091" s="2">
        <v>10.6</v>
      </c>
      <c r="AA4091" s="5"/>
      <c r="AB4091" s="5" t="s">
        <v>43</v>
      </c>
      <c r="AC4091" s="5" t="s">
        <v>44</v>
      </c>
      <c r="AD4091" s="2"/>
      <c r="AE4091" s="1"/>
    </row>
    <row r="4092" spans="1:31" ht="14.45">
      <c r="A4092" s="11"/>
      <c r="B4092" s="20"/>
      <c r="C4092" s="2" t="s">
        <v>12730</v>
      </c>
      <c r="D4092" s="14" t="s">
        <v>12731</v>
      </c>
      <c r="E4092" s="2" t="s">
        <v>12732</v>
      </c>
      <c r="F4092" s="2" t="s">
        <v>7543</v>
      </c>
      <c r="G4092" s="8">
        <v>159</v>
      </c>
      <c r="H4092" s="5">
        <v>5</v>
      </c>
      <c r="I4092" s="5" t="s">
        <v>1518</v>
      </c>
      <c r="J4092" s="5" t="s">
        <v>1519</v>
      </c>
      <c r="K4092" s="2" t="s">
        <v>1520</v>
      </c>
      <c r="L4092" s="5" t="s">
        <v>1519</v>
      </c>
      <c r="M4092" s="2" t="s">
        <v>1520</v>
      </c>
      <c r="N4092" s="5" t="s">
        <v>1521</v>
      </c>
      <c r="O4092" s="5" t="s">
        <v>38</v>
      </c>
      <c r="P4092" s="5" t="s">
        <v>39</v>
      </c>
      <c r="Q4092" s="5" t="s">
        <v>40</v>
      </c>
      <c r="R4092" s="5" t="s">
        <v>1522</v>
      </c>
      <c r="S4092" s="5" t="s">
        <v>1523</v>
      </c>
      <c r="T4092" s="5" t="s">
        <v>42</v>
      </c>
      <c r="U4092" s="2">
        <v>2.1960000000000002</v>
      </c>
      <c r="V4092" s="2">
        <v>1.871</v>
      </c>
      <c r="W4092" s="2">
        <v>0.01</v>
      </c>
      <c r="X4092" s="2">
        <v>118.9</v>
      </c>
      <c r="Y4092" s="2">
        <v>7.6</v>
      </c>
      <c r="Z4092" s="2">
        <v>10.6</v>
      </c>
      <c r="AA4092" s="5"/>
      <c r="AB4092" s="5" t="s">
        <v>43</v>
      </c>
      <c r="AC4092" s="5" t="s">
        <v>44</v>
      </c>
      <c r="AD4092" s="2"/>
      <c r="AE4092" s="1"/>
    </row>
    <row r="4093" spans="1:31" ht="14.45">
      <c r="A4093" s="11"/>
      <c r="B4093" s="20"/>
      <c r="C4093" s="2" t="s">
        <v>12733</v>
      </c>
      <c r="D4093" s="14" t="s">
        <v>12734</v>
      </c>
      <c r="E4093" s="2" t="s">
        <v>12735</v>
      </c>
      <c r="F4093" s="2" t="s">
        <v>7547</v>
      </c>
      <c r="G4093" s="8">
        <v>159</v>
      </c>
      <c r="H4093" s="5">
        <v>6</v>
      </c>
      <c r="I4093" s="5" t="s">
        <v>1518</v>
      </c>
      <c r="J4093" s="5" t="s">
        <v>1519</v>
      </c>
      <c r="K4093" s="2" t="s">
        <v>1520</v>
      </c>
      <c r="L4093" s="5" t="s">
        <v>1519</v>
      </c>
      <c r="M4093" s="2" t="s">
        <v>1520</v>
      </c>
      <c r="N4093" s="5" t="s">
        <v>1521</v>
      </c>
      <c r="O4093" s="5" t="s">
        <v>38</v>
      </c>
      <c r="P4093" s="5" t="s">
        <v>39</v>
      </c>
      <c r="Q4093" s="5" t="s">
        <v>40</v>
      </c>
      <c r="R4093" s="5" t="s">
        <v>1522</v>
      </c>
      <c r="S4093" s="5" t="s">
        <v>1523</v>
      </c>
      <c r="T4093" s="5" t="s">
        <v>42</v>
      </c>
      <c r="U4093" s="2">
        <v>2.1139999999999999</v>
      </c>
      <c r="V4093" s="2">
        <v>1.7889999999999999</v>
      </c>
      <c r="W4093" s="2">
        <v>0.01</v>
      </c>
      <c r="X4093" s="2">
        <v>118.9</v>
      </c>
      <c r="Y4093" s="2">
        <v>7.6</v>
      </c>
      <c r="Z4093" s="2">
        <v>10.6</v>
      </c>
      <c r="AA4093" s="5"/>
      <c r="AB4093" s="5" t="s">
        <v>43</v>
      </c>
      <c r="AC4093" s="5" t="s">
        <v>44</v>
      </c>
      <c r="AD4093" s="2"/>
      <c r="AE4093" s="1"/>
    </row>
    <row r="4094" spans="1:31" ht="14.45">
      <c r="A4094" s="11"/>
      <c r="B4094" s="20"/>
      <c r="C4094" s="2" t="s">
        <v>12736</v>
      </c>
      <c r="D4094" s="14" t="s">
        <v>12737</v>
      </c>
      <c r="E4094" s="2" t="s">
        <v>12738</v>
      </c>
      <c r="F4094" s="2" t="s">
        <v>7551</v>
      </c>
      <c r="G4094" s="8">
        <v>159</v>
      </c>
      <c r="H4094" s="5">
        <v>6</v>
      </c>
      <c r="I4094" s="5" t="s">
        <v>1518</v>
      </c>
      <c r="J4094" s="5" t="s">
        <v>1519</v>
      </c>
      <c r="K4094" s="2" t="s">
        <v>1520</v>
      </c>
      <c r="L4094" s="5" t="s">
        <v>1519</v>
      </c>
      <c r="M4094" s="2" t="s">
        <v>1520</v>
      </c>
      <c r="N4094" s="5" t="s">
        <v>1521</v>
      </c>
      <c r="O4094" s="5" t="s">
        <v>38</v>
      </c>
      <c r="P4094" s="5" t="s">
        <v>39</v>
      </c>
      <c r="Q4094" s="5" t="s">
        <v>40</v>
      </c>
      <c r="R4094" s="5" t="s">
        <v>1522</v>
      </c>
      <c r="S4094" s="5" t="s">
        <v>1523</v>
      </c>
      <c r="T4094" s="5" t="s">
        <v>42</v>
      </c>
      <c r="U4094" s="2">
        <v>2.165</v>
      </c>
      <c r="V4094" s="2">
        <v>1.84</v>
      </c>
      <c r="W4094" s="2">
        <v>0.01</v>
      </c>
      <c r="X4094" s="2">
        <v>118.9</v>
      </c>
      <c r="Y4094" s="2">
        <v>7.6</v>
      </c>
      <c r="Z4094" s="2">
        <v>10.6</v>
      </c>
      <c r="AA4094" s="5"/>
      <c r="AB4094" s="5" t="s">
        <v>43</v>
      </c>
      <c r="AC4094" s="5" t="s">
        <v>44</v>
      </c>
      <c r="AD4094" s="2"/>
      <c r="AE4094" s="1"/>
    </row>
    <row r="4095" spans="1:31" ht="14.45">
      <c r="A4095" s="11"/>
      <c r="B4095" s="20"/>
      <c r="C4095" s="2" t="s">
        <v>12739</v>
      </c>
      <c r="D4095" s="14" t="s">
        <v>12740</v>
      </c>
      <c r="E4095" s="2" t="s">
        <v>12741</v>
      </c>
      <c r="F4095" s="2" t="s">
        <v>7555</v>
      </c>
      <c r="G4095" s="8">
        <v>159</v>
      </c>
      <c r="H4095" s="5">
        <v>6</v>
      </c>
      <c r="I4095" s="5" t="s">
        <v>1518</v>
      </c>
      <c r="J4095" s="5" t="s">
        <v>1519</v>
      </c>
      <c r="K4095" s="2" t="s">
        <v>1520</v>
      </c>
      <c r="L4095" s="5" t="s">
        <v>1519</v>
      </c>
      <c r="M4095" s="2" t="s">
        <v>1520</v>
      </c>
      <c r="N4095" s="5" t="s">
        <v>1521</v>
      </c>
      <c r="O4095" s="5" t="s">
        <v>38</v>
      </c>
      <c r="P4095" s="5" t="s">
        <v>39</v>
      </c>
      <c r="Q4095" s="5" t="s">
        <v>40</v>
      </c>
      <c r="R4095" s="5" t="s">
        <v>1522</v>
      </c>
      <c r="S4095" s="5" t="s">
        <v>1523</v>
      </c>
      <c r="T4095" s="5" t="s">
        <v>42</v>
      </c>
      <c r="U4095" s="2">
        <v>2.1139999999999999</v>
      </c>
      <c r="V4095" s="2">
        <v>1.7889999999999999</v>
      </c>
      <c r="W4095" s="2">
        <v>0.01</v>
      </c>
      <c r="X4095" s="2">
        <v>118.9</v>
      </c>
      <c r="Y4095" s="2">
        <v>7.6</v>
      </c>
      <c r="Z4095" s="2">
        <v>10.6</v>
      </c>
      <c r="AA4095" s="5"/>
      <c r="AB4095" s="5" t="s">
        <v>43</v>
      </c>
      <c r="AC4095" s="5" t="s">
        <v>44</v>
      </c>
      <c r="AD4095" s="2"/>
      <c r="AE4095" s="1"/>
    </row>
    <row r="4096" spans="1:31" ht="14.45">
      <c r="A4096" s="11"/>
      <c r="B4096" s="20"/>
      <c r="C4096" s="2" t="s">
        <v>12742</v>
      </c>
      <c r="D4096" s="14" t="s">
        <v>12743</v>
      </c>
      <c r="E4096" s="2" t="s">
        <v>12744</v>
      </c>
      <c r="F4096" s="2" t="s">
        <v>7559</v>
      </c>
      <c r="G4096" s="8">
        <v>159</v>
      </c>
      <c r="H4096" s="5">
        <v>6</v>
      </c>
      <c r="I4096" s="5" t="s">
        <v>1518</v>
      </c>
      <c r="J4096" s="5" t="s">
        <v>1519</v>
      </c>
      <c r="K4096" s="2" t="s">
        <v>1520</v>
      </c>
      <c r="L4096" s="5" t="s">
        <v>1519</v>
      </c>
      <c r="M4096" s="2" t="s">
        <v>1520</v>
      </c>
      <c r="N4096" s="5" t="s">
        <v>1521</v>
      </c>
      <c r="O4096" s="5" t="s">
        <v>38</v>
      </c>
      <c r="P4096" s="5" t="s">
        <v>39</v>
      </c>
      <c r="Q4096" s="5" t="s">
        <v>40</v>
      </c>
      <c r="R4096" s="5" t="s">
        <v>1522</v>
      </c>
      <c r="S4096" s="5" t="s">
        <v>1523</v>
      </c>
      <c r="T4096" s="5" t="s">
        <v>42</v>
      </c>
      <c r="U4096" s="2">
        <v>2.165</v>
      </c>
      <c r="V4096" s="2">
        <v>1.84</v>
      </c>
      <c r="W4096" s="2">
        <v>0.01</v>
      </c>
      <c r="X4096" s="2">
        <v>118.9</v>
      </c>
      <c r="Y4096" s="2">
        <v>7.6</v>
      </c>
      <c r="Z4096" s="2">
        <v>10.6</v>
      </c>
      <c r="AA4096" s="5"/>
      <c r="AB4096" s="5" t="s">
        <v>43</v>
      </c>
      <c r="AC4096" s="5" t="s">
        <v>44</v>
      </c>
      <c r="AD4096" s="2"/>
      <c r="AE4096" s="1"/>
    </row>
    <row r="4097" spans="1:31" ht="14.45">
      <c r="A4097" s="11"/>
      <c r="B4097" s="20"/>
      <c r="C4097" s="2" t="s">
        <v>12745</v>
      </c>
      <c r="D4097" s="14" t="s">
        <v>12746</v>
      </c>
      <c r="E4097" s="2" t="s">
        <v>12747</v>
      </c>
      <c r="F4097" s="2" t="s">
        <v>7563</v>
      </c>
      <c r="G4097" s="8">
        <v>159</v>
      </c>
      <c r="H4097" s="5">
        <v>6</v>
      </c>
      <c r="I4097" s="5" t="s">
        <v>1518</v>
      </c>
      <c r="J4097" s="5" t="s">
        <v>1519</v>
      </c>
      <c r="K4097" s="2" t="s">
        <v>1520</v>
      </c>
      <c r="L4097" s="5" t="s">
        <v>1519</v>
      </c>
      <c r="M4097" s="2" t="s">
        <v>1520</v>
      </c>
      <c r="N4097" s="5" t="s">
        <v>1521</v>
      </c>
      <c r="O4097" s="5" t="s">
        <v>38</v>
      </c>
      <c r="P4097" s="5" t="s">
        <v>39</v>
      </c>
      <c r="Q4097" s="5" t="s">
        <v>40</v>
      </c>
      <c r="R4097" s="5" t="s">
        <v>1522</v>
      </c>
      <c r="S4097" s="5" t="s">
        <v>1523</v>
      </c>
      <c r="T4097" s="5" t="s">
        <v>42</v>
      </c>
      <c r="U4097" s="2">
        <v>2.145</v>
      </c>
      <c r="V4097" s="2">
        <v>1.82</v>
      </c>
      <c r="W4097" s="2">
        <v>0.01</v>
      </c>
      <c r="X4097" s="2">
        <v>118.9</v>
      </c>
      <c r="Y4097" s="2">
        <v>7.6</v>
      </c>
      <c r="Z4097" s="2">
        <v>10.6</v>
      </c>
      <c r="AA4097" s="5"/>
      <c r="AB4097" s="5" t="s">
        <v>43</v>
      </c>
      <c r="AC4097" s="5" t="s">
        <v>44</v>
      </c>
      <c r="AD4097" s="2"/>
      <c r="AE4097" s="1"/>
    </row>
    <row r="4098" spans="1:31" ht="14.45">
      <c r="A4098" s="11"/>
      <c r="B4098" s="20"/>
      <c r="C4098" s="2" t="s">
        <v>12748</v>
      </c>
      <c r="D4098" s="14" t="s">
        <v>12749</v>
      </c>
      <c r="E4098" s="2" t="s">
        <v>12750</v>
      </c>
      <c r="F4098" s="2" t="s">
        <v>7567</v>
      </c>
      <c r="G4098" s="8">
        <v>159</v>
      </c>
      <c r="H4098" s="5">
        <v>6</v>
      </c>
      <c r="I4098" s="5" t="s">
        <v>1518</v>
      </c>
      <c r="J4098" s="5" t="s">
        <v>1519</v>
      </c>
      <c r="K4098" s="2" t="s">
        <v>1520</v>
      </c>
      <c r="L4098" s="5" t="s">
        <v>1519</v>
      </c>
      <c r="M4098" s="2" t="s">
        <v>1520</v>
      </c>
      <c r="N4098" s="5" t="s">
        <v>1521</v>
      </c>
      <c r="O4098" s="5" t="s">
        <v>38</v>
      </c>
      <c r="P4098" s="5" t="s">
        <v>39</v>
      </c>
      <c r="Q4098" s="5" t="s">
        <v>40</v>
      </c>
      <c r="R4098" s="5" t="s">
        <v>1522</v>
      </c>
      <c r="S4098" s="5" t="s">
        <v>1523</v>
      </c>
      <c r="T4098" s="5" t="s">
        <v>42</v>
      </c>
      <c r="U4098" s="2">
        <v>2.1960000000000002</v>
      </c>
      <c r="V4098" s="2">
        <v>1.871</v>
      </c>
      <c r="W4098" s="2">
        <v>0.01</v>
      </c>
      <c r="X4098" s="2">
        <v>118.9</v>
      </c>
      <c r="Y4098" s="2">
        <v>7.6</v>
      </c>
      <c r="Z4098" s="2">
        <v>10.6</v>
      </c>
      <c r="AA4098" s="5"/>
      <c r="AB4098" s="5" t="s">
        <v>43</v>
      </c>
      <c r="AC4098" s="5" t="s">
        <v>44</v>
      </c>
      <c r="AD4098" s="2"/>
      <c r="AE4098" s="1"/>
    </row>
    <row r="4099" spans="1:31" ht="14.45">
      <c r="A4099" s="11"/>
      <c r="B4099" s="20"/>
      <c r="C4099" s="2" t="s">
        <v>12751</v>
      </c>
      <c r="D4099" s="14" t="s">
        <v>12752</v>
      </c>
      <c r="E4099" s="2" t="s">
        <v>12753</v>
      </c>
      <c r="F4099" s="2" t="s">
        <v>7429</v>
      </c>
      <c r="G4099" s="8">
        <v>159</v>
      </c>
      <c r="H4099" s="5">
        <v>6</v>
      </c>
      <c r="I4099" s="5" t="s">
        <v>1518</v>
      </c>
      <c r="J4099" s="5" t="s">
        <v>1519</v>
      </c>
      <c r="K4099" s="2" t="s">
        <v>1520</v>
      </c>
      <c r="L4099" s="5" t="s">
        <v>1519</v>
      </c>
      <c r="M4099" s="2" t="s">
        <v>1520</v>
      </c>
      <c r="N4099" s="5" t="s">
        <v>1521</v>
      </c>
      <c r="O4099" s="5" t="s">
        <v>38</v>
      </c>
      <c r="P4099" s="5" t="s">
        <v>39</v>
      </c>
      <c r="Q4099" s="5" t="s">
        <v>40</v>
      </c>
      <c r="R4099" s="5" t="s">
        <v>1522</v>
      </c>
      <c r="S4099" s="5" t="s">
        <v>1523</v>
      </c>
      <c r="T4099" s="5" t="s">
        <v>42</v>
      </c>
      <c r="U4099" s="2">
        <v>2.145</v>
      </c>
      <c r="V4099" s="2">
        <v>1.82</v>
      </c>
      <c r="W4099" s="2">
        <v>0.01</v>
      </c>
      <c r="X4099" s="2">
        <v>118.9</v>
      </c>
      <c r="Y4099" s="2">
        <v>7.6</v>
      </c>
      <c r="Z4099" s="2">
        <v>10.6</v>
      </c>
      <c r="AA4099" s="5"/>
      <c r="AB4099" s="5" t="s">
        <v>43</v>
      </c>
      <c r="AC4099" s="5" t="s">
        <v>44</v>
      </c>
      <c r="AD4099" s="2"/>
      <c r="AE4099" s="1"/>
    </row>
    <row r="4100" spans="1:31" ht="14.45">
      <c r="A4100" s="11"/>
      <c r="B4100" s="20"/>
      <c r="C4100" s="2" t="s">
        <v>12754</v>
      </c>
      <c r="D4100" s="14" t="s">
        <v>12755</v>
      </c>
      <c r="E4100" s="2" t="s">
        <v>12756</v>
      </c>
      <c r="F4100" s="2" t="s">
        <v>7574</v>
      </c>
      <c r="G4100" s="8">
        <v>159</v>
      </c>
      <c r="H4100" s="5">
        <v>6</v>
      </c>
      <c r="I4100" s="5" t="s">
        <v>1518</v>
      </c>
      <c r="J4100" s="5" t="s">
        <v>1519</v>
      </c>
      <c r="K4100" s="2" t="s">
        <v>1520</v>
      </c>
      <c r="L4100" s="5" t="s">
        <v>1519</v>
      </c>
      <c r="M4100" s="2" t="s">
        <v>1520</v>
      </c>
      <c r="N4100" s="5" t="s">
        <v>1521</v>
      </c>
      <c r="O4100" s="5" t="s">
        <v>38</v>
      </c>
      <c r="P4100" s="5" t="s">
        <v>39</v>
      </c>
      <c r="Q4100" s="5" t="s">
        <v>40</v>
      </c>
      <c r="R4100" s="5" t="s">
        <v>1522</v>
      </c>
      <c r="S4100" s="5" t="s">
        <v>1523</v>
      </c>
      <c r="T4100" s="5" t="s">
        <v>42</v>
      </c>
      <c r="U4100" s="2">
        <v>2.1960000000000002</v>
      </c>
      <c r="V4100" s="2">
        <v>1.871</v>
      </c>
      <c r="W4100" s="2">
        <v>0.01</v>
      </c>
      <c r="X4100" s="2">
        <v>118.9</v>
      </c>
      <c r="Y4100" s="2">
        <v>7.6</v>
      </c>
      <c r="Z4100" s="2">
        <v>10.6</v>
      </c>
      <c r="AA4100" s="5"/>
      <c r="AB4100" s="5" t="s">
        <v>43</v>
      </c>
      <c r="AC4100" s="5" t="s">
        <v>44</v>
      </c>
      <c r="AD4100" s="2"/>
      <c r="AE4100" s="1"/>
    </row>
    <row r="4101" spans="1:31" ht="14.45">
      <c r="A4101" s="11"/>
      <c r="B4101" s="20"/>
      <c r="C4101" s="2" t="s">
        <v>12757</v>
      </c>
      <c r="D4101" s="14" t="s">
        <v>12758</v>
      </c>
      <c r="E4101" s="2" t="s">
        <v>12759</v>
      </c>
      <c r="F4101" s="2" t="s">
        <v>7449</v>
      </c>
      <c r="G4101" s="8">
        <v>159</v>
      </c>
      <c r="H4101" s="5">
        <v>6</v>
      </c>
      <c r="I4101" s="5" t="s">
        <v>1518</v>
      </c>
      <c r="J4101" s="5" t="s">
        <v>1519</v>
      </c>
      <c r="K4101" s="2" t="s">
        <v>1520</v>
      </c>
      <c r="L4101" s="5" t="s">
        <v>1519</v>
      </c>
      <c r="M4101" s="2" t="s">
        <v>1520</v>
      </c>
      <c r="N4101" s="5" t="s">
        <v>1521</v>
      </c>
      <c r="O4101" s="5" t="s">
        <v>38</v>
      </c>
      <c r="P4101" s="5" t="s">
        <v>39</v>
      </c>
      <c r="Q4101" s="5" t="s">
        <v>40</v>
      </c>
      <c r="R4101" s="5" t="s">
        <v>1522</v>
      </c>
      <c r="S4101" s="5" t="s">
        <v>1523</v>
      </c>
      <c r="T4101" s="5" t="s">
        <v>42</v>
      </c>
      <c r="U4101" s="2">
        <v>2.145</v>
      </c>
      <c r="V4101" s="2">
        <v>1.82</v>
      </c>
      <c r="W4101" s="2">
        <v>0.01</v>
      </c>
      <c r="X4101" s="2">
        <v>118.9</v>
      </c>
      <c r="Y4101" s="2">
        <v>7.6</v>
      </c>
      <c r="Z4101" s="2">
        <v>10.6</v>
      </c>
      <c r="AA4101" s="5"/>
      <c r="AB4101" s="5" t="s">
        <v>43</v>
      </c>
      <c r="AC4101" s="5" t="s">
        <v>44</v>
      </c>
      <c r="AD4101" s="2"/>
      <c r="AE4101" s="1"/>
    </row>
    <row r="4102" spans="1:31" ht="14.45">
      <c r="A4102" s="11"/>
      <c r="B4102" s="20"/>
      <c r="C4102" s="2" t="s">
        <v>12760</v>
      </c>
      <c r="D4102" s="14" t="s">
        <v>12761</v>
      </c>
      <c r="E4102" s="2" t="s">
        <v>12762</v>
      </c>
      <c r="F4102" s="2" t="s">
        <v>7581</v>
      </c>
      <c r="G4102" s="8">
        <v>159</v>
      </c>
      <c r="H4102" s="5">
        <v>6</v>
      </c>
      <c r="I4102" s="5" t="s">
        <v>1518</v>
      </c>
      <c r="J4102" s="5" t="s">
        <v>1519</v>
      </c>
      <c r="K4102" s="2" t="s">
        <v>1520</v>
      </c>
      <c r="L4102" s="5" t="s">
        <v>1519</v>
      </c>
      <c r="M4102" s="2" t="s">
        <v>1520</v>
      </c>
      <c r="N4102" s="5" t="s">
        <v>1521</v>
      </c>
      <c r="O4102" s="5" t="s">
        <v>38</v>
      </c>
      <c r="P4102" s="5" t="s">
        <v>39</v>
      </c>
      <c r="Q4102" s="5" t="s">
        <v>40</v>
      </c>
      <c r="R4102" s="5" t="s">
        <v>1522</v>
      </c>
      <c r="S4102" s="5" t="s">
        <v>1523</v>
      </c>
      <c r="T4102" s="5" t="s">
        <v>42</v>
      </c>
      <c r="U4102" s="2">
        <v>2.1960000000000002</v>
      </c>
      <c r="V4102" s="2">
        <v>1.871</v>
      </c>
      <c r="W4102" s="2">
        <v>0.01</v>
      </c>
      <c r="X4102" s="2">
        <v>118.9</v>
      </c>
      <c r="Y4102" s="2">
        <v>7.6</v>
      </c>
      <c r="Z4102" s="2">
        <v>10.6</v>
      </c>
      <c r="AA4102" s="5"/>
      <c r="AB4102" s="5" t="s">
        <v>43</v>
      </c>
      <c r="AC4102" s="5" t="s">
        <v>44</v>
      </c>
      <c r="AD4102" s="2"/>
      <c r="AE4102" s="1"/>
    </row>
    <row r="4103" spans="1:31" ht="14.45">
      <c r="A4103" s="11"/>
      <c r="B4103" s="20"/>
      <c r="C4103" s="2" t="s">
        <v>12763</v>
      </c>
      <c r="D4103" s="14" t="s">
        <v>12764</v>
      </c>
      <c r="E4103" s="2" t="s">
        <v>12765</v>
      </c>
      <c r="F4103" s="2" t="s">
        <v>7585</v>
      </c>
      <c r="G4103" s="8">
        <v>159</v>
      </c>
      <c r="H4103" s="5">
        <v>6</v>
      </c>
      <c r="I4103" s="5" t="s">
        <v>1518</v>
      </c>
      <c r="J4103" s="5" t="s">
        <v>1519</v>
      </c>
      <c r="K4103" s="2" t="s">
        <v>1520</v>
      </c>
      <c r="L4103" s="5" t="s">
        <v>1519</v>
      </c>
      <c r="M4103" s="2" t="s">
        <v>1520</v>
      </c>
      <c r="N4103" s="5" t="s">
        <v>1521</v>
      </c>
      <c r="O4103" s="5" t="s">
        <v>38</v>
      </c>
      <c r="P4103" s="5" t="s">
        <v>39</v>
      </c>
      <c r="Q4103" s="5" t="s">
        <v>40</v>
      </c>
      <c r="R4103" s="5" t="s">
        <v>1522</v>
      </c>
      <c r="S4103" s="5" t="s">
        <v>1523</v>
      </c>
      <c r="T4103" s="5" t="s">
        <v>42</v>
      </c>
      <c r="U4103" s="2">
        <v>2.1139999999999999</v>
      </c>
      <c r="V4103" s="2">
        <v>1.7889999999999999</v>
      </c>
      <c r="W4103" s="2">
        <v>0.01</v>
      </c>
      <c r="X4103" s="2">
        <v>118.9</v>
      </c>
      <c r="Y4103" s="2">
        <v>7.6</v>
      </c>
      <c r="Z4103" s="2">
        <v>10.6</v>
      </c>
      <c r="AA4103" s="5"/>
      <c r="AB4103" s="5" t="s">
        <v>43</v>
      </c>
      <c r="AC4103" s="5" t="s">
        <v>44</v>
      </c>
      <c r="AD4103" s="2"/>
      <c r="AE4103" s="1"/>
    </row>
    <row r="4104" spans="1:31" ht="14.45">
      <c r="A4104" s="11"/>
      <c r="B4104" s="20"/>
      <c r="C4104" s="2" t="s">
        <v>12766</v>
      </c>
      <c r="D4104" s="14" t="s">
        <v>12767</v>
      </c>
      <c r="E4104" s="2" t="s">
        <v>12768</v>
      </c>
      <c r="F4104" s="2" t="s">
        <v>7589</v>
      </c>
      <c r="G4104" s="8">
        <v>159</v>
      </c>
      <c r="H4104" s="5">
        <v>6</v>
      </c>
      <c r="I4104" s="5" t="s">
        <v>1518</v>
      </c>
      <c r="J4104" s="5" t="s">
        <v>1519</v>
      </c>
      <c r="K4104" s="2" t="s">
        <v>1520</v>
      </c>
      <c r="L4104" s="5" t="s">
        <v>1519</v>
      </c>
      <c r="M4104" s="2" t="s">
        <v>1520</v>
      </c>
      <c r="N4104" s="5" t="s">
        <v>1521</v>
      </c>
      <c r="O4104" s="5" t="s">
        <v>38</v>
      </c>
      <c r="P4104" s="5" t="s">
        <v>39</v>
      </c>
      <c r="Q4104" s="5" t="s">
        <v>40</v>
      </c>
      <c r="R4104" s="5" t="s">
        <v>1522</v>
      </c>
      <c r="S4104" s="5" t="s">
        <v>1523</v>
      </c>
      <c r="T4104" s="5" t="s">
        <v>42</v>
      </c>
      <c r="U4104" s="2">
        <v>2.165</v>
      </c>
      <c r="V4104" s="2">
        <v>1.84</v>
      </c>
      <c r="W4104" s="2">
        <v>0.01</v>
      </c>
      <c r="X4104" s="2">
        <v>118.9</v>
      </c>
      <c r="Y4104" s="2">
        <v>7.6</v>
      </c>
      <c r="Z4104" s="2">
        <v>10.6</v>
      </c>
      <c r="AA4104" s="5"/>
      <c r="AB4104" s="5" t="s">
        <v>43</v>
      </c>
      <c r="AC4104" s="5" t="s">
        <v>44</v>
      </c>
      <c r="AD4104" s="2"/>
      <c r="AE4104" s="1"/>
    </row>
    <row r="4105" spans="1:31" ht="14.45">
      <c r="A4105" s="11"/>
      <c r="B4105" s="20"/>
      <c r="C4105" s="2" t="s">
        <v>12769</v>
      </c>
      <c r="D4105" s="14" t="s">
        <v>12770</v>
      </c>
      <c r="E4105" s="2" t="s">
        <v>12771</v>
      </c>
      <c r="F4105" s="2" t="s">
        <v>7593</v>
      </c>
      <c r="G4105" s="8">
        <v>159</v>
      </c>
      <c r="H4105" s="5">
        <v>6</v>
      </c>
      <c r="I4105" s="5" t="s">
        <v>1518</v>
      </c>
      <c r="J4105" s="5" t="s">
        <v>1519</v>
      </c>
      <c r="K4105" s="2" t="s">
        <v>1520</v>
      </c>
      <c r="L4105" s="5" t="s">
        <v>1519</v>
      </c>
      <c r="M4105" s="2" t="s">
        <v>1520</v>
      </c>
      <c r="N4105" s="5" t="s">
        <v>1521</v>
      </c>
      <c r="O4105" s="5" t="s">
        <v>38</v>
      </c>
      <c r="P4105" s="5" t="s">
        <v>39</v>
      </c>
      <c r="Q4105" s="5" t="s">
        <v>40</v>
      </c>
      <c r="R4105" s="5" t="s">
        <v>1522</v>
      </c>
      <c r="S4105" s="5" t="s">
        <v>1523</v>
      </c>
      <c r="T4105" s="5" t="s">
        <v>42</v>
      </c>
      <c r="U4105" s="2">
        <v>2.145</v>
      </c>
      <c r="V4105" s="2">
        <v>1.82</v>
      </c>
      <c r="W4105" s="2">
        <v>0.01</v>
      </c>
      <c r="X4105" s="2">
        <v>118.9</v>
      </c>
      <c r="Y4105" s="2">
        <v>7.6</v>
      </c>
      <c r="Z4105" s="2">
        <v>10.6</v>
      </c>
      <c r="AA4105" s="5"/>
      <c r="AB4105" s="5" t="s">
        <v>43</v>
      </c>
      <c r="AC4105" s="5" t="s">
        <v>44</v>
      </c>
      <c r="AD4105" s="2"/>
      <c r="AE4105" s="1"/>
    </row>
    <row r="4106" spans="1:31" ht="14.45">
      <c r="A4106" s="11"/>
      <c r="B4106" s="20"/>
      <c r="C4106" s="2" t="s">
        <v>12772</v>
      </c>
      <c r="D4106" s="14" t="s">
        <v>12773</v>
      </c>
      <c r="E4106" s="2" t="s">
        <v>12774</v>
      </c>
      <c r="F4106" s="2" t="s">
        <v>7597</v>
      </c>
      <c r="G4106" s="8">
        <v>159</v>
      </c>
      <c r="H4106" s="5">
        <v>6</v>
      </c>
      <c r="I4106" s="5" t="s">
        <v>1518</v>
      </c>
      <c r="J4106" s="5" t="s">
        <v>1519</v>
      </c>
      <c r="K4106" s="2" t="s">
        <v>1520</v>
      </c>
      <c r="L4106" s="5" t="s">
        <v>1519</v>
      </c>
      <c r="M4106" s="2" t="s">
        <v>1520</v>
      </c>
      <c r="N4106" s="5" t="s">
        <v>1521</v>
      </c>
      <c r="O4106" s="5" t="s">
        <v>38</v>
      </c>
      <c r="P4106" s="5" t="s">
        <v>39</v>
      </c>
      <c r="Q4106" s="5" t="s">
        <v>40</v>
      </c>
      <c r="R4106" s="5" t="s">
        <v>1522</v>
      </c>
      <c r="S4106" s="5" t="s">
        <v>1523</v>
      </c>
      <c r="T4106" s="5" t="s">
        <v>42</v>
      </c>
      <c r="U4106" s="2">
        <v>2.1960000000000002</v>
      </c>
      <c r="V4106" s="2">
        <v>1.871</v>
      </c>
      <c r="W4106" s="2">
        <v>0.01</v>
      </c>
      <c r="X4106" s="2">
        <v>118.9</v>
      </c>
      <c r="Y4106" s="2">
        <v>7.6</v>
      </c>
      <c r="Z4106" s="2">
        <v>10.6</v>
      </c>
      <c r="AA4106" s="5"/>
      <c r="AB4106" s="5" t="s">
        <v>43</v>
      </c>
      <c r="AC4106" s="5" t="s">
        <v>44</v>
      </c>
      <c r="AD4106" s="2"/>
      <c r="AE4106" s="1"/>
    </row>
    <row r="4107" spans="1:31" ht="14.45">
      <c r="A4107" s="11"/>
      <c r="B4107" s="20"/>
      <c r="C4107" s="2" t="s">
        <v>12775</v>
      </c>
      <c r="D4107" s="14" t="s">
        <v>12776</v>
      </c>
      <c r="E4107" s="2" t="s">
        <v>12777</v>
      </c>
      <c r="F4107" s="2" t="s">
        <v>7410</v>
      </c>
      <c r="G4107" s="8">
        <v>159</v>
      </c>
      <c r="H4107" s="5">
        <v>6</v>
      </c>
      <c r="I4107" s="5" t="s">
        <v>1518</v>
      </c>
      <c r="J4107" s="5" t="s">
        <v>1519</v>
      </c>
      <c r="K4107" s="2" t="s">
        <v>1520</v>
      </c>
      <c r="L4107" s="5" t="s">
        <v>1519</v>
      </c>
      <c r="M4107" s="2" t="s">
        <v>1520</v>
      </c>
      <c r="N4107" s="5" t="s">
        <v>1521</v>
      </c>
      <c r="O4107" s="5" t="s">
        <v>38</v>
      </c>
      <c r="P4107" s="5" t="s">
        <v>39</v>
      </c>
      <c r="Q4107" s="5" t="s">
        <v>40</v>
      </c>
      <c r="R4107" s="5" t="s">
        <v>1522</v>
      </c>
      <c r="S4107" s="5" t="s">
        <v>1523</v>
      </c>
      <c r="T4107" s="5" t="s">
        <v>42</v>
      </c>
      <c r="U4107" s="2">
        <v>2.145</v>
      </c>
      <c r="V4107" s="2">
        <v>1.82</v>
      </c>
      <c r="W4107" s="2">
        <v>0.01</v>
      </c>
      <c r="X4107" s="2">
        <v>118.9</v>
      </c>
      <c r="Y4107" s="2">
        <v>7.6</v>
      </c>
      <c r="Z4107" s="2">
        <v>10.6</v>
      </c>
      <c r="AA4107" s="5"/>
      <c r="AB4107" s="5" t="s">
        <v>43</v>
      </c>
      <c r="AC4107" s="5" t="s">
        <v>44</v>
      </c>
      <c r="AD4107" s="2"/>
      <c r="AE4107" s="1"/>
    </row>
    <row r="4108" spans="1:31" ht="14.45">
      <c r="A4108" s="11"/>
      <c r="B4108" s="20"/>
      <c r="C4108" s="2" t="s">
        <v>12778</v>
      </c>
      <c r="D4108" s="14" t="s">
        <v>12779</v>
      </c>
      <c r="E4108" s="2" t="s">
        <v>12780</v>
      </c>
      <c r="F4108" s="2" t="s">
        <v>7604</v>
      </c>
      <c r="G4108" s="8">
        <v>159</v>
      </c>
      <c r="H4108" s="5">
        <v>6</v>
      </c>
      <c r="I4108" s="5" t="s">
        <v>1518</v>
      </c>
      <c r="J4108" s="5" t="s">
        <v>1519</v>
      </c>
      <c r="K4108" s="2" t="s">
        <v>1520</v>
      </c>
      <c r="L4108" s="5" t="s">
        <v>1519</v>
      </c>
      <c r="M4108" s="2" t="s">
        <v>1520</v>
      </c>
      <c r="N4108" s="5" t="s">
        <v>1521</v>
      </c>
      <c r="O4108" s="5" t="s">
        <v>38</v>
      </c>
      <c r="P4108" s="5" t="s">
        <v>39</v>
      </c>
      <c r="Q4108" s="5" t="s">
        <v>40</v>
      </c>
      <c r="R4108" s="5" t="s">
        <v>1522</v>
      </c>
      <c r="S4108" s="5" t="s">
        <v>1523</v>
      </c>
      <c r="T4108" s="5" t="s">
        <v>42</v>
      </c>
      <c r="U4108" s="2">
        <v>2.1960000000000002</v>
      </c>
      <c r="V4108" s="2">
        <v>1.871</v>
      </c>
      <c r="W4108" s="2">
        <v>0.01</v>
      </c>
      <c r="X4108" s="2">
        <v>118.9</v>
      </c>
      <c r="Y4108" s="2">
        <v>7.6</v>
      </c>
      <c r="Z4108" s="2">
        <v>10.6</v>
      </c>
      <c r="AA4108" s="5"/>
      <c r="AB4108" s="5" t="s">
        <v>43</v>
      </c>
      <c r="AC4108" s="5" t="s">
        <v>44</v>
      </c>
      <c r="AD4108" s="2"/>
      <c r="AE4108" s="1"/>
    </row>
    <row r="4109" spans="1:31" ht="14.45">
      <c r="A4109" s="11"/>
      <c r="B4109" s="20"/>
      <c r="C4109" s="2" t="s">
        <v>12781</v>
      </c>
      <c r="D4109" s="14" t="s">
        <v>12782</v>
      </c>
      <c r="E4109" s="2" t="s">
        <v>12783</v>
      </c>
      <c r="F4109" s="2" t="s">
        <v>7433</v>
      </c>
      <c r="G4109" s="8">
        <v>159</v>
      </c>
      <c r="H4109" s="5">
        <v>6</v>
      </c>
      <c r="I4109" s="5" t="s">
        <v>1518</v>
      </c>
      <c r="J4109" s="5" t="s">
        <v>1519</v>
      </c>
      <c r="K4109" s="2" t="s">
        <v>1520</v>
      </c>
      <c r="L4109" s="5" t="s">
        <v>1519</v>
      </c>
      <c r="M4109" s="2" t="s">
        <v>1520</v>
      </c>
      <c r="N4109" s="5" t="s">
        <v>1521</v>
      </c>
      <c r="O4109" s="5" t="s">
        <v>38</v>
      </c>
      <c r="P4109" s="5" t="s">
        <v>39</v>
      </c>
      <c r="Q4109" s="5" t="s">
        <v>40</v>
      </c>
      <c r="R4109" s="5" t="s">
        <v>1522</v>
      </c>
      <c r="S4109" s="5" t="s">
        <v>1523</v>
      </c>
      <c r="T4109" s="5" t="s">
        <v>42</v>
      </c>
      <c r="U4109" s="2">
        <v>2.145</v>
      </c>
      <c r="V4109" s="2">
        <v>1.82</v>
      </c>
      <c r="W4109" s="2">
        <v>0.01</v>
      </c>
      <c r="X4109" s="2">
        <v>118.9</v>
      </c>
      <c r="Y4109" s="2">
        <v>7.6</v>
      </c>
      <c r="Z4109" s="2">
        <v>10.6</v>
      </c>
      <c r="AA4109" s="5"/>
      <c r="AB4109" s="5" t="s">
        <v>43</v>
      </c>
      <c r="AC4109" s="5" t="s">
        <v>44</v>
      </c>
      <c r="AD4109" s="2"/>
      <c r="AE4109" s="1"/>
    </row>
    <row r="4110" spans="1:31" ht="14.45">
      <c r="A4110" s="11"/>
      <c r="B4110" s="20"/>
      <c r="C4110" s="2" t="s">
        <v>12784</v>
      </c>
      <c r="D4110" s="14" t="s">
        <v>12785</v>
      </c>
      <c r="E4110" s="2" t="s">
        <v>12786</v>
      </c>
      <c r="F4110" s="2" t="s">
        <v>7611</v>
      </c>
      <c r="G4110" s="8">
        <v>159</v>
      </c>
      <c r="H4110" s="5">
        <v>6</v>
      </c>
      <c r="I4110" s="5" t="s">
        <v>1518</v>
      </c>
      <c r="J4110" s="5" t="s">
        <v>1519</v>
      </c>
      <c r="K4110" s="2" t="s">
        <v>1520</v>
      </c>
      <c r="L4110" s="5" t="s">
        <v>1519</v>
      </c>
      <c r="M4110" s="2" t="s">
        <v>1520</v>
      </c>
      <c r="N4110" s="5" t="s">
        <v>1521</v>
      </c>
      <c r="O4110" s="5" t="s">
        <v>38</v>
      </c>
      <c r="P4110" s="5" t="s">
        <v>39</v>
      </c>
      <c r="Q4110" s="5" t="s">
        <v>40</v>
      </c>
      <c r="R4110" s="5" t="s">
        <v>1522</v>
      </c>
      <c r="S4110" s="5" t="s">
        <v>1523</v>
      </c>
      <c r="T4110" s="5" t="s">
        <v>42</v>
      </c>
      <c r="U4110" s="2">
        <v>2.1960000000000002</v>
      </c>
      <c r="V4110" s="2">
        <v>1.871</v>
      </c>
      <c r="W4110" s="2">
        <v>0.01</v>
      </c>
      <c r="X4110" s="2">
        <v>118.9</v>
      </c>
      <c r="Y4110" s="2">
        <v>7.6</v>
      </c>
      <c r="Z4110" s="2">
        <v>10.6</v>
      </c>
      <c r="AA4110" s="5"/>
      <c r="AB4110" s="5" t="s">
        <v>43</v>
      </c>
      <c r="AC4110" s="5" t="s">
        <v>44</v>
      </c>
      <c r="AD4110" s="2"/>
      <c r="AE4110" s="1"/>
    </row>
    <row r="4111" spans="1:31" ht="14.45">
      <c r="A4111" s="11"/>
      <c r="B4111" s="20"/>
      <c r="C4111" s="2" t="s">
        <v>12787</v>
      </c>
      <c r="D4111" s="14" t="s">
        <v>12788</v>
      </c>
      <c r="E4111" s="2" t="s">
        <v>12789</v>
      </c>
      <c r="F4111" s="2" t="s">
        <v>7615</v>
      </c>
      <c r="G4111" s="8">
        <v>159</v>
      </c>
      <c r="H4111" s="5">
        <v>6</v>
      </c>
      <c r="I4111" s="5" t="s">
        <v>1518</v>
      </c>
      <c r="J4111" s="5" t="s">
        <v>1519</v>
      </c>
      <c r="K4111" s="2" t="s">
        <v>1520</v>
      </c>
      <c r="L4111" s="5" t="s">
        <v>1519</v>
      </c>
      <c r="M4111" s="2" t="s">
        <v>1520</v>
      </c>
      <c r="N4111" s="5" t="s">
        <v>1521</v>
      </c>
      <c r="O4111" s="5" t="s">
        <v>38</v>
      </c>
      <c r="P4111" s="5" t="s">
        <v>39</v>
      </c>
      <c r="Q4111" s="5" t="s">
        <v>40</v>
      </c>
      <c r="R4111" s="5" t="s">
        <v>1522</v>
      </c>
      <c r="S4111" s="5" t="s">
        <v>1523</v>
      </c>
      <c r="T4111" s="5" t="s">
        <v>42</v>
      </c>
      <c r="U4111" s="2">
        <v>2.1139999999999999</v>
      </c>
      <c r="V4111" s="2">
        <v>1.7889999999999999</v>
      </c>
      <c r="W4111" s="2">
        <v>0.01</v>
      </c>
      <c r="X4111" s="2">
        <v>118.9</v>
      </c>
      <c r="Y4111" s="2">
        <v>7.6</v>
      </c>
      <c r="Z4111" s="2">
        <v>10.6</v>
      </c>
      <c r="AA4111" s="5"/>
      <c r="AB4111" s="5" t="s">
        <v>43</v>
      </c>
      <c r="AC4111" s="5" t="s">
        <v>44</v>
      </c>
      <c r="AD4111" s="2"/>
      <c r="AE4111" s="1"/>
    </row>
    <row r="4112" spans="1:31" ht="14.45">
      <c r="A4112" s="11"/>
      <c r="B4112" s="20"/>
      <c r="C4112" s="2" t="s">
        <v>12790</v>
      </c>
      <c r="D4112" s="14" t="s">
        <v>12791</v>
      </c>
      <c r="E4112" s="2" t="s">
        <v>12792</v>
      </c>
      <c r="F4112" s="2" t="s">
        <v>7619</v>
      </c>
      <c r="G4112" s="8">
        <v>159</v>
      </c>
      <c r="H4112" s="5">
        <v>5</v>
      </c>
      <c r="I4112" s="5" t="s">
        <v>1518</v>
      </c>
      <c r="J4112" s="5" t="s">
        <v>1519</v>
      </c>
      <c r="K4112" s="2" t="s">
        <v>1520</v>
      </c>
      <c r="L4112" s="5" t="s">
        <v>1519</v>
      </c>
      <c r="M4112" s="2" t="s">
        <v>1520</v>
      </c>
      <c r="N4112" s="5" t="s">
        <v>1521</v>
      </c>
      <c r="O4112" s="5" t="s">
        <v>38</v>
      </c>
      <c r="P4112" s="5" t="s">
        <v>39</v>
      </c>
      <c r="Q4112" s="5" t="s">
        <v>40</v>
      </c>
      <c r="R4112" s="5" t="s">
        <v>1522</v>
      </c>
      <c r="S4112" s="5" t="s">
        <v>1523</v>
      </c>
      <c r="T4112" s="5" t="s">
        <v>42</v>
      </c>
      <c r="U4112" s="2">
        <v>2.165</v>
      </c>
      <c r="V4112" s="2">
        <v>1.84</v>
      </c>
      <c r="W4112" s="2">
        <v>0.01</v>
      </c>
      <c r="X4112" s="2">
        <v>118.9</v>
      </c>
      <c r="Y4112" s="2">
        <v>7.6</v>
      </c>
      <c r="Z4112" s="2">
        <v>10.6</v>
      </c>
      <c r="AA4112" s="5"/>
      <c r="AB4112" s="5" t="s">
        <v>43</v>
      </c>
      <c r="AC4112" s="5" t="s">
        <v>44</v>
      </c>
      <c r="AD4112" s="2"/>
      <c r="AE4112" s="1"/>
    </row>
    <row r="4113" spans="1:31" ht="14.45">
      <c r="A4113" s="11"/>
      <c r="B4113" s="20"/>
      <c r="C4113" s="2" t="s">
        <v>12793</v>
      </c>
      <c r="D4113" s="14" t="s">
        <v>12794</v>
      </c>
      <c r="E4113" s="2" t="s">
        <v>12795</v>
      </c>
      <c r="F4113" s="2" t="s">
        <v>1823</v>
      </c>
      <c r="G4113" s="8">
        <v>159</v>
      </c>
      <c r="H4113" s="5">
        <v>8</v>
      </c>
      <c r="I4113" s="5" t="s">
        <v>1518</v>
      </c>
      <c r="J4113" s="5" t="s">
        <v>1519</v>
      </c>
      <c r="K4113" s="2" t="s">
        <v>1520</v>
      </c>
      <c r="L4113" s="5" t="s">
        <v>1519</v>
      </c>
      <c r="M4113" s="2" t="s">
        <v>1520</v>
      </c>
      <c r="N4113" s="5" t="s">
        <v>1521</v>
      </c>
      <c r="O4113" s="5" t="s">
        <v>38</v>
      </c>
      <c r="P4113" s="5" t="s">
        <v>39</v>
      </c>
      <c r="Q4113" s="5" t="s">
        <v>40</v>
      </c>
      <c r="R4113" s="5" t="s">
        <v>1522</v>
      </c>
      <c r="S4113" s="5" t="s">
        <v>1523</v>
      </c>
      <c r="T4113" s="5" t="s">
        <v>42</v>
      </c>
      <c r="U4113" s="2">
        <v>2.1680000000000001</v>
      </c>
      <c r="V4113" s="2">
        <v>1.843</v>
      </c>
      <c r="W4113" s="2">
        <v>0.01</v>
      </c>
      <c r="X4113" s="2">
        <v>118.9</v>
      </c>
      <c r="Y4113" s="2">
        <v>7.6</v>
      </c>
      <c r="Z4113" s="2">
        <v>10.6</v>
      </c>
      <c r="AA4113" s="5"/>
      <c r="AB4113" s="5" t="s">
        <v>43</v>
      </c>
      <c r="AC4113" s="5" t="s">
        <v>44</v>
      </c>
      <c r="AD4113" s="2"/>
      <c r="AE4113" s="1"/>
    </row>
    <row r="4114" spans="1:31" ht="14.45">
      <c r="A4114" s="11"/>
      <c r="B4114" s="20"/>
      <c r="C4114" s="2" t="s">
        <v>12796</v>
      </c>
      <c r="D4114" s="14" t="s">
        <v>12797</v>
      </c>
      <c r="E4114" s="2" t="s">
        <v>12798</v>
      </c>
      <c r="F4114" s="2" t="s">
        <v>1827</v>
      </c>
      <c r="G4114" s="8">
        <v>159</v>
      </c>
      <c r="H4114" s="5">
        <v>8</v>
      </c>
      <c r="I4114" s="5" t="s">
        <v>1518</v>
      </c>
      <c r="J4114" s="5" t="s">
        <v>1519</v>
      </c>
      <c r="K4114" s="2" t="s">
        <v>1520</v>
      </c>
      <c r="L4114" s="5" t="s">
        <v>1519</v>
      </c>
      <c r="M4114" s="2" t="s">
        <v>1520</v>
      </c>
      <c r="N4114" s="5" t="s">
        <v>1521</v>
      </c>
      <c r="O4114" s="5" t="s">
        <v>38</v>
      </c>
      <c r="P4114" s="5" t="s">
        <v>39</v>
      </c>
      <c r="Q4114" s="5" t="s">
        <v>40</v>
      </c>
      <c r="R4114" s="5" t="s">
        <v>1522</v>
      </c>
      <c r="S4114" s="5" t="s">
        <v>1523</v>
      </c>
      <c r="T4114" s="5" t="s">
        <v>42</v>
      </c>
      <c r="U4114" s="2">
        <v>2.2189999999999999</v>
      </c>
      <c r="V4114" s="2">
        <v>1.8939999999999999</v>
      </c>
      <c r="W4114" s="2">
        <v>0.01</v>
      </c>
      <c r="X4114" s="2">
        <v>118.9</v>
      </c>
      <c r="Y4114" s="2">
        <v>7.6</v>
      </c>
      <c r="Z4114" s="2">
        <v>10.6</v>
      </c>
      <c r="AA4114" s="5"/>
      <c r="AB4114" s="5" t="s">
        <v>43</v>
      </c>
      <c r="AC4114" s="5" t="s">
        <v>44</v>
      </c>
      <c r="AD4114" s="2"/>
      <c r="AE4114" s="1"/>
    </row>
    <row r="4115" spans="1:31" ht="14.45">
      <c r="A4115" s="11"/>
      <c r="B4115" s="20"/>
      <c r="C4115" s="2" t="s">
        <v>12799</v>
      </c>
      <c r="D4115" s="14" t="s">
        <v>12800</v>
      </c>
      <c r="E4115" s="2" t="s">
        <v>12801</v>
      </c>
      <c r="F4115" s="2" t="s">
        <v>1973</v>
      </c>
      <c r="G4115" s="8">
        <v>159</v>
      </c>
      <c r="H4115" s="5">
        <v>13</v>
      </c>
      <c r="I4115" s="5" t="s">
        <v>1518</v>
      </c>
      <c r="J4115" s="5" t="s">
        <v>1519</v>
      </c>
      <c r="K4115" s="2" t="s">
        <v>1520</v>
      </c>
      <c r="L4115" s="5" t="s">
        <v>1519</v>
      </c>
      <c r="M4115" s="2" t="s">
        <v>1520</v>
      </c>
      <c r="N4115" s="5" t="s">
        <v>1521</v>
      </c>
      <c r="O4115" s="5" t="s">
        <v>38</v>
      </c>
      <c r="P4115" s="5" t="s">
        <v>39</v>
      </c>
      <c r="Q4115" s="5" t="s">
        <v>40</v>
      </c>
      <c r="R4115" s="5" t="s">
        <v>1522</v>
      </c>
      <c r="S4115" s="5" t="s">
        <v>1523</v>
      </c>
      <c r="T4115" s="5" t="s">
        <v>42</v>
      </c>
      <c r="U4115" s="2">
        <v>2.1800000000000002</v>
      </c>
      <c r="V4115" s="2">
        <v>1.855</v>
      </c>
      <c r="W4115" s="2">
        <v>0.01</v>
      </c>
      <c r="X4115" s="2">
        <v>118.9</v>
      </c>
      <c r="Y4115" s="2">
        <v>7.6</v>
      </c>
      <c r="Z4115" s="2">
        <v>10.6</v>
      </c>
      <c r="AA4115" s="5"/>
      <c r="AB4115" s="5" t="s">
        <v>43</v>
      </c>
      <c r="AC4115" s="5" t="s">
        <v>44</v>
      </c>
      <c r="AD4115" s="2"/>
      <c r="AE4115" s="1"/>
    </row>
    <row r="4116" spans="1:31" ht="14.45">
      <c r="A4116" s="11"/>
      <c r="B4116" s="20"/>
      <c r="C4116" s="2" t="s">
        <v>12802</v>
      </c>
      <c r="D4116" s="14" t="s">
        <v>12803</v>
      </c>
      <c r="E4116" s="2" t="s">
        <v>12804</v>
      </c>
      <c r="F4116" s="2" t="s">
        <v>2348</v>
      </c>
      <c r="G4116" s="8">
        <v>159</v>
      </c>
      <c r="H4116" s="5">
        <v>13</v>
      </c>
      <c r="I4116" s="5" t="s">
        <v>1518</v>
      </c>
      <c r="J4116" s="5" t="s">
        <v>1519</v>
      </c>
      <c r="K4116" s="2" t="s">
        <v>1520</v>
      </c>
      <c r="L4116" s="5" t="s">
        <v>1519</v>
      </c>
      <c r="M4116" s="2" t="s">
        <v>1520</v>
      </c>
      <c r="N4116" s="5" t="s">
        <v>1521</v>
      </c>
      <c r="O4116" s="5" t="s">
        <v>38</v>
      </c>
      <c r="P4116" s="5" t="s">
        <v>39</v>
      </c>
      <c r="Q4116" s="5" t="s">
        <v>40</v>
      </c>
      <c r="R4116" s="5" t="s">
        <v>1522</v>
      </c>
      <c r="S4116" s="5" t="s">
        <v>1523</v>
      </c>
      <c r="T4116" s="5" t="s">
        <v>42</v>
      </c>
      <c r="U4116" s="2">
        <v>2.2309999999999999</v>
      </c>
      <c r="V4116" s="2">
        <v>1.9059999999999999</v>
      </c>
      <c r="W4116" s="2">
        <v>0.01</v>
      </c>
      <c r="X4116" s="2">
        <v>118.9</v>
      </c>
      <c r="Y4116" s="2">
        <v>7.6</v>
      </c>
      <c r="Z4116" s="2">
        <v>10.6</v>
      </c>
      <c r="AA4116" s="5"/>
      <c r="AB4116" s="5" t="s">
        <v>43</v>
      </c>
      <c r="AC4116" s="5" t="s">
        <v>44</v>
      </c>
      <c r="AD4116" s="2"/>
      <c r="AE4116" s="1"/>
    </row>
    <row r="4117" spans="1:31" ht="14.45">
      <c r="A4117" s="11"/>
      <c r="B4117" s="20"/>
      <c r="C4117" s="2" t="s">
        <v>12805</v>
      </c>
      <c r="D4117" s="14" t="s">
        <v>12806</v>
      </c>
      <c r="E4117" s="2" t="s">
        <v>12807</v>
      </c>
      <c r="F4117" s="2" t="s">
        <v>2204</v>
      </c>
      <c r="G4117" s="8">
        <v>159</v>
      </c>
      <c r="H4117" s="5">
        <v>13</v>
      </c>
      <c r="I4117" s="5" t="s">
        <v>1518</v>
      </c>
      <c r="J4117" s="5" t="s">
        <v>1519</v>
      </c>
      <c r="K4117" s="2" t="s">
        <v>1520</v>
      </c>
      <c r="L4117" s="5" t="s">
        <v>1519</v>
      </c>
      <c r="M4117" s="2" t="s">
        <v>1520</v>
      </c>
      <c r="N4117" s="5" t="s">
        <v>1521</v>
      </c>
      <c r="O4117" s="5" t="s">
        <v>38</v>
      </c>
      <c r="P4117" s="5" t="s">
        <v>39</v>
      </c>
      <c r="Q4117" s="5" t="s">
        <v>40</v>
      </c>
      <c r="R4117" s="5" t="s">
        <v>1522</v>
      </c>
      <c r="S4117" s="5" t="s">
        <v>1523</v>
      </c>
      <c r="T4117" s="5" t="s">
        <v>42</v>
      </c>
      <c r="U4117" s="2">
        <v>2.1800000000000002</v>
      </c>
      <c r="V4117" s="2">
        <v>1.855</v>
      </c>
      <c r="W4117" s="2">
        <v>0.01</v>
      </c>
      <c r="X4117" s="2">
        <v>118.9</v>
      </c>
      <c r="Y4117" s="2">
        <v>7.6</v>
      </c>
      <c r="Z4117" s="2">
        <v>10.6</v>
      </c>
      <c r="AA4117" s="5"/>
      <c r="AB4117" s="5" t="s">
        <v>43</v>
      </c>
      <c r="AC4117" s="5" t="s">
        <v>44</v>
      </c>
      <c r="AD4117" s="2"/>
      <c r="AE4117" s="1"/>
    </row>
    <row r="4118" spans="1:31" ht="14.45">
      <c r="A4118" s="11"/>
      <c r="B4118" s="20"/>
      <c r="C4118" s="2" t="s">
        <v>12808</v>
      </c>
      <c r="D4118" s="14" t="s">
        <v>12809</v>
      </c>
      <c r="E4118" s="2" t="s">
        <v>12810</v>
      </c>
      <c r="F4118" s="2" t="s">
        <v>2724</v>
      </c>
      <c r="G4118" s="8">
        <v>159</v>
      </c>
      <c r="H4118" s="5">
        <v>13</v>
      </c>
      <c r="I4118" s="5" t="s">
        <v>1518</v>
      </c>
      <c r="J4118" s="5" t="s">
        <v>1519</v>
      </c>
      <c r="K4118" s="2" t="s">
        <v>1520</v>
      </c>
      <c r="L4118" s="5" t="s">
        <v>1519</v>
      </c>
      <c r="M4118" s="2" t="s">
        <v>1520</v>
      </c>
      <c r="N4118" s="5" t="s">
        <v>1521</v>
      </c>
      <c r="O4118" s="5" t="s">
        <v>38</v>
      </c>
      <c r="P4118" s="5" t="s">
        <v>39</v>
      </c>
      <c r="Q4118" s="5" t="s">
        <v>40</v>
      </c>
      <c r="R4118" s="5" t="s">
        <v>1522</v>
      </c>
      <c r="S4118" s="5" t="s">
        <v>1523</v>
      </c>
      <c r="T4118" s="5" t="s">
        <v>42</v>
      </c>
      <c r="U4118" s="2">
        <v>2.2309999999999999</v>
      </c>
      <c r="V4118" s="2">
        <v>1.9059999999999999</v>
      </c>
      <c r="W4118" s="2">
        <v>0.01</v>
      </c>
      <c r="X4118" s="2">
        <v>118.9</v>
      </c>
      <c r="Y4118" s="2">
        <v>7.6</v>
      </c>
      <c r="Z4118" s="2">
        <v>10.6</v>
      </c>
      <c r="AA4118" s="5"/>
      <c r="AB4118" s="5" t="s">
        <v>43</v>
      </c>
      <c r="AC4118" s="5" t="s">
        <v>44</v>
      </c>
      <c r="AD4118" s="2"/>
      <c r="AE4118" s="1"/>
    </row>
    <row r="4119" spans="1:31" ht="14.45">
      <c r="A4119" s="11"/>
      <c r="B4119" s="20"/>
      <c r="C4119" s="2" t="s">
        <v>12811</v>
      </c>
      <c r="D4119" s="14" t="s">
        <v>12812</v>
      </c>
      <c r="E4119" s="2" t="s">
        <v>12813</v>
      </c>
      <c r="F4119" s="2" t="s">
        <v>2208</v>
      </c>
      <c r="G4119" s="8">
        <v>159</v>
      </c>
      <c r="H4119" s="5">
        <v>13</v>
      </c>
      <c r="I4119" s="5" t="s">
        <v>1518</v>
      </c>
      <c r="J4119" s="5" t="s">
        <v>1519</v>
      </c>
      <c r="K4119" s="2" t="s">
        <v>1520</v>
      </c>
      <c r="L4119" s="5" t="s">
        <v>1519</v>
      </c>
      <c r="M4119" s="2" t="s">
        <v>1520</v>
      </c>
      <c r="N4119" s="5" t="s">
        <v>1521</v>
      </c>
      <c r="O4119" s="5" t="s">
        <v>38</v>
      </c>
      <c r="P4119" s="5" t="s">
        <v>39</v>
      </c>
      <c r="Q4119" s="5" t="s">
        <v>40</v>
      </c>
      <c r="R4119" s="5" t="s">
        <v>1522</v>
      </c>
      <c r="S4119" s="5" t="s">
        <v>1523</v>
      </c>
      <c r="T4119" s="5" t="s">
        <v>42</v>
      </c>
      <c r="U4119" s="2">
        <v>2.1800000000000002</v>
      </c>
      <c r="V4119" s="2">
        <v>1.855</v>
      </c>
      <c r="W4119" s="2">
        <v>0.01</v>
      </c>
      <c r="X4119" s="2">
        <v>118.9</v>
      </c>
      <c r="Y4119" s="2">
        <v>7.6</v>
      </c>
      <c r="Z4119" s="2">
        <v>10.6</v>
      </c>
      <c r="AA4119" s="5"/>
      <c r="AB4119" s="5" t="s">
        <v>43</v>
      </c>
      <c r="AC4119" s="5" t="s">
        <v>44</v>
      </c>
      <c r="AD4119" s="2"/>
      <c r="AE4119" s="1"/>
    </row>
    <row r="4120" spans="1:31" ht="14.45">
      <c r="A4120" s="11"/>
      <c r="B4120" s="20"/>
      <c r="C4120" s="2" t="s">
        <v>12814</v>
      </c>
      <c r="D4120" s="14" t="s">
        <v>12815</v>
      </c>
      <c r="E4120" s="2" t="s">
        <v>12816</v>
      </c>
      <c r="F4120" s="2" t="s">
        <v>2212</v>
      </c>
      <c r="G4120" s="8">
        <v>159</v>
      </c>
      <c r="H4120" s="5">
        <v>13</v>
      </c>
      <c r="I4120" s="5" t="s">
        <v>1518</v>
      </c>
      <c r="J4120" s="5" t="s">
        <v>1519</v>
      </c>
      <c r="K4120" s="2" t="s">
        <v>1520</v>
      </c>
      <c r="L4120" s="5" t="s">
        <v>1519</v>
      </c>
      <c r="M4120" s="2" t="s">
        <v>1520</v>
      </c>
      <c r="N4120" s="5" t="s">
        <v>1521</v>
      </c>
      <c r="O4120" s="5" t="s">
        <v>38</v>
      </c>
      <c r="P4120" s="5" t="s">
        <v>39</v>
      </c>
      <c r="Q4120" s="5" t="s">
        <v>40</v>
      </c>
      <c r="R4120" s="5" t="s">
        <v>1522</v>
      </c>
      <c r="S4120" s="5" t="s">
        <v>1523</v>
      </c>
      <c r="T4120" s="5" t="s">
        <v>42</v>
      </c>
      <c r="U4120" s="2">
        <v>2.2309999999999999</v>
      </c>
      <c r="V4120" s="2">
        <v>1.9059999999999999</v>
      </c>
      <c r="W4120" s="2">
        <v>0.01</v>
      </c>
      <c r="X4120" s="2">
        <v>118.9</v>
      </c>
      <c r="Y4120" s="2">
        <v>7.6</v>
      </c>
      <c r="Z4120" s="2">
        <v>10.6</v>
      </c>
      <c r="AA4120" s="5"/>
      <c r="AB4120" s="5" t="s">
        <v>43</v>
      </c>
      <c r="AC4120" s="5" t="s">
        <v>44</v>
      </c>
      <c r="AD4120" s="2"/>
      <c r="AE4120" s="1"/>
    </row>
    <row r="4121" spans="1:31" ht="14.45">
      <c r="A4121" s="11"/>
      <c r="B4121" s="20"/>
      <c r="C4121" s="2" t="s">
        <v>12817</v>
      </c>
      <c r="D4121" s="14" t="s">
        <v>12818</v>
      </c>
      <c r="E4121" s="2" t="s">
        <v>12819</v>
      </c>
      <c r="F4121" s="2" t="s">
        <v>1831</v>
      </c>
      <c r="G4121" s="8">
        <v>159</v>
      </c>
      <c r="H4121" s="5">
        <v>13</v>
      </c>
      <c r="I4121" s="5" t="s">
        <v>1518</v>
      </c>
      <c r="J4121" s="5" t="s">
        <v>1519</v>
      </c>
      <c r="K4121" s="2" t="s">
        <v>1520</v>
      </c>
      <c r="L4121" s="5" t="s">
        <v>1519</v>
      </c>
      <c r="M4121" s="2" t="s">
        <v>1520</v>
      </c>
      <c r="N4121" s="5" t="s">
        <v>1521</v>
      </c>
      <c r="O4121" s="5" t="s">
        <v>38</v>
      </c>
      <c r="P4121" s="5" t="s">
        <v>39</v>
      </c>
      <c r="Q4121" s="5" t="s">
        <v>40</v>
      </c>
      <c r="R4121" s="5" t="s">
        <v>1522</v>
      </c>
      <c r="S4121" s="5" t="s">
        <v>1523</v>
      </c>
      <c r="T4121" s="5" t="s">
        <v>42</v>
      </c>
      <c r="U4121" s="2">
        <v>2.1800000000000002</v>
      </c>
      <c r="V4121" s="2">
        <v>1.855</v>
      </c>
      <c r="W4121" s="2">
        <v>0.01</v>
      </c>
      <c r="X4121" s="2">
        <v>118.9</v>
      </c>
      <c r="Y4121" s="2">
        <v>7.6</v>
      </c>
      <c r="Z4121" s="2">
        <v>10.6</v>
      </c>
      <c r="AA4121" s="5"/>
      <c r="AB4121" s="5" t="s">
        <v>43</v>
      </c>
      <c r="AC4121" s="5" t="s">
        <v>44</v>
      </c>
      <c r="AD4121" s="2"/>
      <c r="AE4121" s="1"/>
    </row>
    <row r="4122" spans="1:31" ht="14.45">
      <c r="A4122" s="11"/>
      <c r="B4122" s="20"/>
      <c r="C4122" s="2" t="s">
        <v>12820</v>
      </c>
      <c r="D4122" s="14" t="s">
        <v>12821</v>
      </c>
      <c r="E4122" s="2" t="s">
        <v>12822</v>
      </c>
      <c r="F4122" s="2" t="s">
        <v>1835</v>
      </c>
      <c r="G4122" s="8">
        <v>159</v>
      </c>
      <c r="H4122" s="5">
        <v>13</v>
      </c>
      <c r="I4122" s="5" t="s">
        <v>1518</v>
      </c>
      <c r="J4122" s="5" t="s">
        <v>1519</v>
      </c>
      <c r="K4122" s="2" t="s">
        <v>1520</v>
      </c>
      <c r="L4122" s="5" t="s">
        <v>1519</v>
      </c>
      <c r="M4122" s="2" t="s">
        <v>1520</v>
      </c>
      <c r="N4122" s="5" t="s">
        <v>1521</v>
      </c>
      <c r="O4122" s="5" t="s">
        <v>38</v>
      </c>
      <c r="P4122" s="5" t="s">
        <v>39</v>
      </c>
      <c r="Q4122" s="5" t="s">
        <v>40</v>
      </c>
      <c r="R4122" s="5" t="s">
        <v>1522</v>
      </c>
      <c r="S4122" s="5" t="s">
        <v>1523</v>
      </c>
      <c r="T4122" s="5" t="s">
        <v>42</v>
      </c>
      <c r="U4122" s="2">
        <v>2.2309999999999999</v>
      </c>
      <c r="V4122" s="2">
        <v>1.9059999999999999</v>
      </c>
      <c r="W4122" s="2">
        <v>0.01</v>
      </c>
      <c r="X4122" s="2">
        <v>118.9</v>
      </c>
      <c r="Y4122" s="2">
        <v>7.6</v>
      </c>
      <c r="Z4122" s="2">
        <v>10.6</v>
      </c>
      <c r="AA4122" s="5"/>
      <c r="AB4122" s="5" t="s">
        <v>43</v>
      </c>
      <c r="AC4122" s="5" t="s">
        <v>44</v>
      </c>
      <c r="AD4122" s="2"/>
      <c r="AE4122" s="1"/>
    </row>
    <row r="4123" spans="1:31" ht="14.45">
      <c r="A4123" s="11"/>
      <c r="B4123" s="20"/>
      <c r="C4123" s="2" t="s">
        <v>12823</v>
      </c>
      <c r="D4123" s="14" t="s">
        <v>12824</v>
      </c>
      <c r="E4123" s="2" t="s">
        <v>12825</v>
      </c>
      <c r="F4123" s="2" t="s">
        <v>1839</v>
      </c>
      <c r="G4123" s="8">
        <v>159</v>
      </c>
      <c r="H4123" s="5">
        <v>13</v>
      </c>
      <c r="I4123" s="5" t="s">
        <v>1518</v>
      </c>
      <c r="J4123" s="5" t="s">
        <v>1519</v>
      </c>
      <c r="K4123" s="2" t="s">
        <v>1520</v>
      </c>
      <c r="L4123" s="5" t="s">
        <v>1519</v>
      </c>
      <c r="M4123" s="2" t="s">
        <v>1520</v>
      </c>
      <c r="N4123" s="5" t="s">
        <v>1521</v>
      </c>
      <c r="O4123" s="5" t="s">
        <v>38</v>
      </c>
      <c r="P4123" s="5" t="s">
        <v>39</v>
      </c>
      <c r="Q4123" s="5" t="s">
        <v>40</v>
      </c>
      <c r="R4123" s="5" t="s">
        <v>1522</v>
      </c>
      <c r="S4123" s="5" t="s">
        <v>1523</v>
      </c>
      <c r="T4123" s="5" t="s">
        <v>42</v>
      </c>
      <c r="U4123" s="2">
        <v>2.1800000000000002</v>
      </c>
      <c r="V4123" s="2">
        <v>1.855</v>
      </c>
      <c r="W4123" s="2">
        <v>0.01</v>
      </c>
      <c r="X4123" s="2">
        <v>118.9</v>
      </c>
      <c r="Y4123" s="2">
        <v>7.6</v>
      </c>
      <c r="Z4123" s="2">
        <v>10.6</v>
      </c>
      <c r="AA4123" s="5"/>
      <c r="AB4123" s="5" t="s">
        <v>43</v>
      </c>
      <c r="AC4123" s="5" t="s">
        <v>44</v>
      </c>
      <c r="AD4123" s="2"/>
      <c r="AE4123" s="1"/>
    </row>
    <row r="4124" spans="1:31" ht="14.45">
      <c r="A4124" s="11"/>
      <c r="B4124" s="20"/>
      <c r="C4124" s="2" t="s">
        <v>12826</v>
      </c>
      <c r="D4124" s="14" t="s">
        <v>12827</v>
      </c>
      <c r="E4124" s="2" t="s">
        <v>12828</v>
      </c>
      <c r="F4124" s="2" t="s">
        <v>1986</v>
      </c>
      <c r="G4124" s="8">
        <v>159</v>
      </c>
      <c r="H4124" s="5">
        <v>13</v>
      </c>
      <c r="I4124" s="5" t="s">
        <v>1518</v>
      </c>
      <c r="J4124" s="5" t="s">
        <v>1519</v>
      </c>
      <c r="K4124" s="2" t="s">
        <v>1520</v>
      </c>
      <c r="L4124" s="5" t="s">
        <v>1519</v>
      </c>
      <c r="M4124" s="2" t="s">
        <v>1520</v>
      </c>
      <c r="N4124" s="5" t="s">
        <v>1521</v>
      </c>
      <c r="O4124" s="5" t="s">
        <v>38</v>
      </c>
      <c r="P4124" s="5" t="s">
        <v>39</v>
      </c>
      <c r="Q4124" s="5" t="s">
        <v>40</v>
      </c>
      <c r="R4124" s="5" t="s">
        <v>1522</v>
      </c>
      <c r="S4124" s="5" t="s">
        <v>1523</v>
      </c>
      <c r="T4124" s="5" t="s">
        <v>42</v>
      </c>
      <c r="U4124" s="2">
        <v>2.2309999999999999</v>
      </c>
      <c r="V4124" s="2">
        <v>1.9059999999999999</v>
      </c>
      <c r="W4124" s="2">
        <v>0.01</v>
      </c>
      <c r="X4124" s="2">
        <v>118.9</v>
      </c>
      <c r="Y4124" s="2">
        <v>7.6</v>
      </c>
      <c r="Z4124" s="2">
        <v>10.6</v>
      </c>
      <c r="AA4124" s="5"/>
      <c r="AB4124" s="5" t="s">
        <v>43</v>
      </c>
      <c r="AC4124" s="5" t="s">
        <v>44</v>
      </c>
      <c r="AD4124" s="2"/>
      <c r="AE4124" s="1"/>
    </row>
    <row r="4125" spans="1:31" ht="14.45">
      <c r="A4125" s="11"/>
      <c r="B4125" s="20"/>
      <c r="C4125" s="2" t="s">
        <v>12829</v>
      </c>
      <c r="D4125" s="14" t="s">
        <v>12830</v>
      </c>
      <c r="E4125" s="2" t="s">
        <v>12831</v>
      </c>
      <c r="F4125" s="2" t="s">
        <v>1843</v>
      </c>
      <c r="G4125" s="8">
        <v>159</v>
      </c>
      <c r="H4125" s="5">
        <v>13</v>
      </c>
      <c r="I4125" s="5" t="s">
        <v>1518</v>
      </c>
      <c r="J4125" s="5" t="s">
        <v>1519</v>
      </c>
      <c r="K4125" s="2" t="s">
        <v>1520</v>
      </c>
      <c r="L4125" s="5" t="s">
        <v>1519</v>
      </c>
      <c r="M4125" s="2" t="s">
        <v>1520</v>
      </c>
      <c r="N4125" s="5" t="s">
        <v>1521</v>
      </c>
      <c r="O4125" s="5" t="s">
        <v>38</v>
      </c>
      <c r="P4125" s="5" t="s">
        <v>39</v>
      </c>
      <c r="Q4125" s="5" t="s">
        <v>40</v>
      </c>
      <c r="R4125" s="5" t="s">
        <v>1522</v>
      </c>
      <c r="S4125" s="5" t="s">
        <v>1523</v>
      </c>
      <c r="T4125" s="5" t="s">
        <v>42</v>
      </c>
      <c r="U4125" s="2">
        <v>2.1800000000000002</v>
      </c>
      <c r="V4125" s="2">
        <v>1.855</v>
      </c>
      <c r="W4125" s="2">
        <v>0.01</v>
      </c>
      <c r="X4125" s="2">
        <v>118.9</v>
      </c>
      <c r="Y4125" s="2">
        <v>7.6</v>
      </c>
      <c r="Z4125" s="2">
        <v>10.6</v>
      </c>
      <c r="AA4125" s="5"/>
      <c r="AB4125" s="5" t="s">
        <v>43</v>
      </c>
      <c r="AC4125" s="5" t="s">
        <v>44</v>
      </c>
      <c r="AD4125" s="2"/>
      <c r="AE4125" s="1"/>
    </row>
    <row r="4126" spans="1:31" ht="14.45">
      <c r="A4126" s="11"/>
      <c r="B4126" s="20"/>
      <c r="C4126" s="2" t="s">
        <v>12832</v>
      </c>
      <c r="D4126" s="14" t="s">
        <v>12833</v>
      </c>
      <c r="E4126" s="2" t="s">
        <v>12834</v>
      </c>
      <c r="F4126" s="2" t="s">
        <v>1847</v>
      </c>
      <c r="G4126" s="8">
        <v>159</v>
      </c>
      <c r="H4126" s="5">
        <v>13</v>
      </c>
      <c r="I4126" s="5" t="s">
        <v>1518</v>
      </c>
      <c r="J4126" s="5" t="s">
        <v>1519</v>
      </c>
      <c r="K4126" s="2" t="s">
        <v>1520</v>
      </c>
      <c r="L4126" s="5" t="s">
        <v>1519</v>
      </c>
      <c r="M4126" s="2" t="s">
        <v>1520</v>
      </c>
      <c r="N4126" s="5" t="s">
        <v>1521</v>
      </c>
      <c r="O4126" s="5" t="s">
        <v>38</v>
      </c>
      <c r="P4126" s="5" t="s">
        <v>39</v>
      </c>
      <c r="Q4126" s="5" t="s">
        <v>40</v>
      </c>
      <c r="R4126" s="5" t="s">
        <v>1522</v>
      </c>
      <c r="S4126" s="5" t="s">
        <v>1523</v>
      </c>
      <c r="T4126" s="5" t="s">
        <v>42</v>
      </c>
      <c r="U4126" s="2">
        <v>2.2309999999999999</v>
      </c>
      <c r="V4126" s="2">
        <v>1.9059999999999999</v>
      </c>
      <c r="W4126" s="2">
        <v>0.01</v>
      </c>
      <c r="X4126" s="2">
        <v>118.9</v>
      </c>
      <c r="Y4126" s="2">
        <v>7.6</v>
      </c>
      <c r="Z4126" s="2">
        <v>10.6</v>
      </c>
      <c r="AA4126" s="5"/>
      <c r="AB4126" s="5" t="s">
        <v>43</v>
      </c>
      <c r="AC4126" s="5" t="s">
        <v>44</v>
      </c>
      <c r="AD4126" s="2"/>
      <c r="AE4126" s="1"/>
    </row>
    <row r="4127" spans="1:31" ht="14.45">
      <c r="A4127" s="11"/>
      <c r="B4127" s="20"/>
      <c r="C4127" s="2" t="s">
        <v>12835</v>
      </c>
      <c r="D4127" s="14" t="s">
        <v>12836</v>
      </c>
      <c r="E4127" s="2" t="s">
        <v>12837</v>
      </c>
      <c r="F4127" s="2" t="s">
        <v>1851</v>
      </c>
      <c r="G4127" s="8">
        <v>159</v>
      </c>
      <c r="H4127" s="5">
        <v>13</v>
      </c>
      <c r="I4127" s="5" t="s">
        <v>1518</v>
      </c>
      <c r="J4127" s="5" t="s">
        <v>1519</v>
      </c>
      <c r="K4127" s="2" t="s">
        <v>1520</v>
      </c>
      <c r="L4127" s="5" t="s">
        <v>1519</v>
      </c>
      <c r="M4127" s="2" t="s">
        <v>1520</v>
      </c>
      <c r="N4127" s="5" t="s">
        <v>1521</v>
      </c>
      <c r="O4127" s="5" t="s">
        <v>38</v>
      </c>
      <c r="P4127" s="5" t="s">
        <v>39</v>
      </c>
      <c r="Q4127" s="5" t="s">
        <v>40</v>
      </c>
      <c r="R4127" s="5" t="s">
        <v>1522</v>
      </c>
      <c r="S4127" s="5" t="s">
        <v>1523</v>
      </c>
      <c r="T4127" s="5" t="s">
        <v>42</v>
      </c>
      <c r="U4127" s="2">
        <v>2.1800000000000002</v>
      </c>
      <c r="V4127" s="2">
        <v>1.855</v>
      </c>
      <c r="W4127" s="2">
        <v>0.01</v>
      </c>
      <c r="X4127" s="2">
        <v>118.9</v>
      </c>
      <c r="Y4127" s="2">
        <v>7.6</v>
      </c>
      <c r="Z4127" s="2">
        <v>10.6</v>
      </c>
      <c r="AA4127" s="5"/>
      <c r="AB4127" s="5" t="s">
        <v>43</v>
      </c>
      <c r="AC4127" s="5" t="s">
        <v>44</v>
      </c>
      <c r="AD4127" s="2"/>
      <c r="AE4127" s="1"/>
    </row>
    <row r="4128" spans="1:31" ht="14.45">
      <c r="A4128" s="11"/>
      <c r="B4128" s="20"/>
      <c r="C4128" s="2" t="s">
        <v>12838</v>
      </c>
      <c r="D4128" s="14" t="s">
        <v>12839</v>
      </c>
      <c r="E4128" s="2" t="s">
        <v>12840</v>
      </c>
      <c r="F4128" s="2" t="s">
        <v>1999</v>
      </c>
      <c r="G4128" s="8">
        <v>159</v>
      </c>
      <c r="H4128" s="5">
        <v>13</v>
      </c>
      <c r="I4128" s="5" t="s">
        <v>1518</v>
      </c>
      <c r="J4128" s="5" t="s">
        <v>1519</v>
      </c>
      <c r="K4128" s="2" t="s">
        <v>1520</v>
      </c>
      <c r="L4128" s="5" t="s">
        <v>1519</v>
      </c>
      <c r="M4128" s="2" t="s">
        <v>1520</v>
      </c>
      <c r="N4128" s="5" t="s">
        <v>1521</v>
      </c>
      <c r="O4128" s="5" t="s">
        <v>38</v>
      </c>
      <c r="P4128" s="5" t="s">
        <v>39</v>
      </c>
      <c r="Q4128" s="5" t="s">
        <v>40</v>
      </c>
      <c r="R4128" s="5" t="s">
        <v>1522</v>
      </c>
      <c r="S4128" s="5" t="s">
        <v>1523</v>
      </c>
      <c r="T4128" s="5" t="s">
        <v>42</v>
      </c>
      <c r="U4128" s="2">
        <v>2.2309999999999999</v>
      </c>
      <c r="V4128" s="2">
        <v>1.9059999999999999</v>
      </c>
      <c r="W4128" s="2">
        <v>0.01</v>
      </c>
      <c r="X4128" s="2">
        <v>118.9</v>
      </c>
      <c r="Y4128" s="2">
        <v>7.6</v>
      </c>
      <c r="Z4128" s="2">
        <v>10.6</v>
      </c>
      <c r="AA4128" s="5"/>
      <c r="AB4128" s="5" t="s">
        <v>43</v>
      </c>
      <c r="AC4128" s="5" t="s">
        <v>44</v>
      </c>
      <c r="AD4128" s="2"/>
      <c r="AE4128" s="1"/>
    </row>
    <row r="4129" spans="1:31" ht="14.45">
      <c r="A4129" s="11"/>
      <c r="B4129" s="20"/>
      <c r="C4129" s="2" t="s">
        <v>12841</v>
      </c>
      <c r="D4129" s="14" t="s">
        <v>12842</v>
      </c>
      <c r="E4129" s="2" t="s">
        <v>12843</v>
      </c>
      <c r="F4129" s="2" t="s">
        <v>1855</v>
      </c>
      <c r="G4129" s="8">
        <v>159</v>
      </c>
      <c r="H4129" s="5">
        <v>13</v>
      </c>
      <c r="I4129" s="5" t="s">
        <v>1518</v>
      </c>
      <c r="J4129" s="5" t="s">
        <v>1519</v>
      </c>
      <c r="K4129" s="2" t="s">
        <v>1520</v>
      </c>
      <c r="L4129" s="5" t="s">
        <v>1519</v>
      </c>
      <c r="M4129" s="2" t="s">
        <v>1520</v>
      </c>
      <c r="N4129" s="5" t="s">
        <v>1521</v>
      </c>
      <c r="O4129" s="5" t="s">
        <v>38</v>
      </c>
      <c r="P4129" s="5" t="s">
        <v>39</v>
      </c>
      <c r="Q4129" s="5" t="s">
        <v>40</v>
      </c>
      <c r="R4129" s="5" t="s">
        <v>1522</v>
      </c>
      <c r="S4129" s="5" t="s">
        <v>1523</v>
      </c>
      <c r="T4129" s="5" t="s">
        <v>42</v>
      </c>
      <c r="U4129" s="2">
        <v>2.1800000000000002</v>
      </c>
      <c r="V4129" s="2">
        <v>1.855</v>
      </c>
      <c r="W4129" s="2">
        <v>0.01</v>
      </c>
      <c r="X4129" s="2">
        <v>118.9</v>
      </c>
      <c r="Y4129" s="2">
        <v>7.6</v>
      </c>
      <c r="Z4129" s="2">
        <v>10.6</v>
      </c>
      <c r="AA4129" s="5"/>
      <c r="AB4129" s="5" t="s">
        <v>43</v>
      </c>
      <c r="AC4129" s="5" t="s">
        <v>44</v>
      </c>
      <c r="AD4129" s="2"/>
      <c r="AE4129" s="1"/>
    </row>
    <row r="4130" spans="1:31" ht="14.45">
      <c r="A4130" s="11"/>
      <c r="B4130" s="20"/>
      <c r="C4130" s="2" t="s">
        <v>12844</v>
      </c>
      <c r="D4130" s="14" t="s">
        <v>12845</v>
      </c>
      <c r="E4130" s="2" t="s">
        <v>12846</v>
      </c>
      <c r="F4130" s="2" t="s">
        <v>1859</v>
      </c>
      <c r="G4130" s="8">
        <v>159</v>
      </c>
      <c r="H4130" s="5">
        <v>13</v>
      </c>
      <c r="I4130" s="5" t="s">
        <v>1518</v>
      </c>
      <c r="J4130" s="5" t="s">
        <v>1519</v>
      </c>
      <c r="K4130" s="2" t="s">
        <v>1520</v>
      </c>
      <c r="L4130" s="5" t="s">
        <v>1519</v>
      </c>
      <c r="M4130" s="2" t="s">
        <v>1520</v>
      </c>
      <c r="N4130" s="5" t="s">
        <v>1521</v>
      </c>
      <c r="O4130" s="5" t="s">
        <v>38</v>
      </c>
      <c r="P4130" s="5" t="s">
        <v>39</v>
      </c>
      <c r="Q4130" s="5" t="s">
        <v>40</v>
      </c>
      <c r="R4130" s="5" t="s">
        <v>1522</v>
      </c>
      <c r="S4130" s="5" t="s">
        <v>1523</v>
      </c>
      <c r="T4130" s="5" t="s">
        <v>42</v>
      </c>
      <c r="U4130" s="2">
        <v>2.2309999999999999</v>
      </c>
      <c r="V4130" s="2">
        <v>1.9059999999999999</v>
      </c>
      <c r="W4130" s="2">
        <v>0.01</v>
      </c>
      <c r="X4130" s="2">
        <v>118.9</v>
      </c>
      <c r="Y4130" s="2">
        <v>7.6</v>
      </c>
      <c r="Z4130" s="2">
        <v>10.6</v>
      </c>
      <c r="AA4130" s="5"/>
      <c r="AB4130" s="5" t="s">
        <v>43</v>
      </c>
      <c r="AC4130" s="5" t="s">
        <v>44</v>
      </c>
      <c r="AD4130" s="2"/>
      <c r="AE4130" s="1"/>
    </row>
    <row r="4131" spans="1:31" ht="14.45">
      <c r="A4131" s="11"/>
      <c r="B4131" s="20"/>
      <c r="C4131" s="2" t="s">
        <v>12847</v>
      </c>
      <c r="D4131" s="14" t="s">
        <v>12848</v>
      </c>
      <c r="E4131" s="2" t="s">
        <v>12849</v>
      </c>
      <c r="F4131" s="2" t="s">
        <v>1863</v>
      </c>
      <c r="G4131" s="8">
        <v>159</v>
      </c>
      <c r="H4131" s="5">
        <v>11</v>
      </c>
      <c r="I4131" s="5" t="s">
        <v>1518</v>
      </c>
      <c r="J4131" s="5" t="s">
        <v>1519</v>
      </c>
      <c r="K4131" s="2" t="s">
        <v>1520</v>
      </c>
      <c r="L4131" s="5" t="s">
        <v>1519</v>
      </c>
      <c r="M4131" s="2" t="s">
        <v>1520</v>
      </c>
      <c r="N4131" s="5" t="s">
        <v>1521</v>
      </c>
      <c r="O4131" s="5" t="s">
        <v>38</v>
      </c>
      <c r="P4131" s="5" t="s">
        <v>39</v>
      </c>
      <c r="Q4131" s="5" t="s">
        <v>40</v>
      </c>
      <c r="R4131" s="5" t="s">
        <v>1522</v>
      </c>
      <c r="S4131" s="5" t="s">
        <v>1523</v>
      </c>
      <c r="T4131" s="5" t="s">
        <v>42</v>
      </c>
      <c r="U4131" s="2">
        <v>2.1230000000000002</v>
      </c>
      <c r="V4131" s="2">
        <v>1.796</v>
      </c>
      <c r="W4131" s="2">
        <v>0.01</v>
      </c>
      <c r="X4131" s="2">
        <v>118.9</v>
      </c>
      <c r="Y4131" s="2">
        <v>7.6</v>
      </c>
      <c r="Z4131" s="2">
        <v>10.6</v>
      </c>
      <c r="AA4131" s="5"/>
      <c r="AB4131" s="5" t="s">
        <v>43</v>
      </c>
      <c r="AC4131" s="5" t="s">
        <v>44</v>
      </c>
      <c r="AD4131" s="2"/>
      <c r="AE4131" s="1"/>
    </row>
    <row r="4132" spans="1:31" ht="14.45">
      <c r="A4132" s="11"/>
      <c r="B4132" s="20"/>
      <c r="C4132" s="2" t="s">
        <v>12850</v>
      </c>
      <c r="D4132" s="14" t="s">
        <v>12851</v>
      </c>
      <c r="E4132" s="2" t="s">
        <v>12852</v>
      </c>
      <c r="F4132" s="2" t="s">
        <v>1867</v>
      </c>
      <c r="G4132" s="8">
        <v>159</v>
      </c>
      <c r="H4132" s="5">
        <v>11</v>
      </c>
      <c r="I4132" s="5" t="s">
        <v>1518</v>
      </c>
      <c r="J4132" s="5" t="s">
        <v>1519</v>
      </c>
      <c r="K4132" s="2" t="s">
        <v>1520</v>
      </c>
      <c r="L4132" s="5" t="s">
        <v>1519</v>
      </c>
      <c r="M4132" s="2" t="s">
        <v>1520</v>
      </c>
      <c r="N4132" s="5" t="s">
        <v>1521</v>
      </c>
      <c r="O4132" s="5" t="s">
        <v>38</v>
      </c>
      <c r="P4132" s="5" t="s">
        <v>39</v>
      </c>
      <c r="Q4132" s="5" t="s">
        <v>40</v>
      </c>
      <c r="R4132" s="5" t="s">
        <v>1522</v>
      </c>
      <c r="S4132" s="5" t="s">
        <v>1523</v>
      </c>
      <c r="T4132" s="5" t="s">
        <v>42</v>
      </c>
      <c r="U4132" s="2">
        <v>2.1739999999999999</v>
      </c>
      <c r="V4132" s="2">
        <v>1.847</v>
      </c>
      <c r="W4132" s="2">
        <v>0.01</v>
      </c>
      <c r="X4132" s="2">
        <v>118.9</v>
      </c>
      <c r="Y4132" s="2">
        <v>7.6</v>
      </c>
      <c r="Z4132" s="2">
        <v>10.6</v>
      </c>
      <c r="AA4132" s="5"/>
      <c r="AB4132" s="5" t="s">
        <v>43</v>
      </c>
      <c r="AC4132" s="5" t="s">
        <v>44</v>
      </c>
      <c r="AD4132" s="2"/>
      <c r="AE4132" s="1"/>
    </row>
    <row r="4133" spans="1:31" ht="14.45">
      <c r="A4133" s="11"/>
      <c r="B4133" s="20"/>
      <c r="C4133" s="2" t="s">
        <v>12853</v>
      </c>
      <c r="D4133" s="14" t="s">
        <v>12854</v>
      </c>
      <c r="E4133" s="2" t="s">
        <v>12855</v>
      </c>
      <c r="F4133" s="2" t="s">
        <v>7396</v>
      </c>
      <c r="G4133" s="8">
        <v>146</v>
      </c>
      <c r="H4133" s="5">
        <v>5</v>
      </c>
      <c r="I4133" s="5" t="s">
        <v>1518</v>
      </c>
      <c r="J4133" s="5" t="s">
        <v>1519</v>
      </c>
      <c r="K4133" s="2" t="s">
        <v>1520</v>
      </c>
      <c r="L4133" s="5" t="s">
        <v>1519</v>
      </c>
      <c r="M4133" s="2" t="s">
        <v>1520</v>
      </c>
      <c r="N4133" s="5" t="s">
        <v>1521</v>
      </c>
      <c r="O4133" s="5" t="s">
        <v>38</v>
      </c>
      <c r="P4133" s="5" t="s">
        <v>39</v>
      </c>
      <c r="Q4133" s="5" t="s">
        <v>40</v>
      </c>
      <c r="R4133" s="5" t="s">
        <v>1522</v>
      </c>
      <c r="S4133" s="5" t="s">
        <v>1523</v>
      </c>
      <c r="T4133" s="5" t="s">
        <v>42</v>
      </c>
      <c r="U4133" s="2">
        <v>2.3340000000000001</v>
      </c>
      <c r="V4133" s="2">
        <v>1.956</v>
      </c>
      <c r="W4133" s="2">
        <v>1.0999999999999999E-2</v>
      </c>
      <c r="X4133" s="2">
        <v>139.1</v>
      </c>
      <c r="Y4133" s="2">
        <v>7.6</v>
      </c>
      <c r="Z4133" s="2">
        <v>10.6</v>
      </c>
      <c r="AA4133" s="5"/>
      <c r="AB4133" s="5" t="s">
        <v>43</v>
      </c>
      <c r="AC4133" s="5" t="s">
        <v>44</v>
      </c>
      <c r="AD4133" s="2"/>
      <c r="AE4133" s="1"/>
    </row>
    <row r="4134" spans="1:31" ht="14.45">
      <c r="A4134" s="11"/>
      <c r="B4134" s="20"/>
      <c r="C4134" s="2" t="s">
        <v>12856</v>
      </c>
      <c r="D4134" s="14" t="s">
        <v>12857</v>
      </c>
      <c r="E4134" s="2" t="s">
        <v>12858</v>
      </c>
      <c r="F4134" s="2" t="s">
        <v>7507</v>
      </c>
      <c r="G4134" s="8">
        <v>146</v>
      </c>
      <c r="H4134" s="5">
        <v>5</v>
      </c>
      <c r="I4134" s="5" t="s">
        <v>1518</v>
      </c>
      <c r="J4134" s="5" t="s">
        <v>1519</v>
      </c>
      <c r="K4134" s="2" t="s">
        <v>1520</v>
      </c>
      <c r="L4134" s="5" t="s">
        <v>1519</v>
      </c>
      <c r="M4134" s="2" t="s">
        <v>1520</v>
      </c>
      <c r="N4134" s="5" t="s">
        <v>1521</v>
      </c>
      <c r="O4134" s="5" t="s">
        <v>38</v>
      </c>
      <c r="P4134" s="5" t="s">
        <v>39</v>
      </c>
      <c r="Q4134" s="5" t="s">
        <v>40</v>
      </c>
      <c r="R4134" s="5" t="s">
        <v>1522</v>
      </c>
      <c r="S4134" s="5" t="s">
        <v>1523</v>
      </c>
      <c r="T4134" s="5" t="s">
        <v>42</v>
      </c>
      <c r="U4134" s="2">
        <v>2.39</v>
      </c>
      <c r="V4134" s="2">
        <v>2.012</v>
      </c>
      <c r="W4134" s="2">
        <v>1.0999999999999999E-2</v>
      </c>
      <c r="X4134" s="2">
        <v>139.1</v>
      </c>
      <c r="Y4134" s="2">
        <v>7.6</v>
      </c>
      <c r="Z4134" s="2">
        <v>10.6</v>
      </c>
      <c r="AA4134" s="5"/>
      <c r="AB4134" s="5" t="s">
        <v>43</v>
      </c>
      <c r="AC4134" s="5" t="s">
        <v>44</v>
      </c>
      <c r="AD4134" s="2"/>
      <c r="AE4134" s="1"/>
    </row>
    <row r="4135" spans="1:31" ht="14.45">
      <c r="A4135" s="11"/>
      <c r="B4135" s="20"/>
      <c r="C4135" s="2" t="s">
        <v>12859</v>
      </c>
      <c r="D4135" s="14" t="s">
        <v>12860</v>
      </c>
      <c r="E4135" s="2" t="s">
        <v>12861</v>
      </c>
      <c r="F4135" s="2" t="s">
        <v>7204</v>
      </c>
      <c r="G4135" s="8">
        <v>146</v>
      </c>
      <c r="H4135" s="5">
        <v>5</v>
      </c>
      <c r="I4135" s="5" t="s">
        <v>1518</v>
      </c>
      <c r="J4135" s="5" t="s">
        <v>1519</v>
      </c>
      <c r="K4135" s="2" t="s">
        <v>1520</v>
      </c>
      <c r="L4135" s="5" t="s">
        <v>1519</v>
      </c>
      <c r="M4135" s="2" t="s">
        <v>1520</v>
      </c>
      <c r="N4135" s="5" t="s">
        <v>1521</v>
      </c>
      <c r="O4135" s="5" t="s">
        <v>38</v>
      </c>
      <c r="P4135" s="5" t="s">
        <v>39</v>
      </c>
      <c r="Q4135" s="5" t="s">
        <v>40</v>
      </c>
      <c r="R4135" s="5" t="s">
        <v>1522</v>
      </c>
      <c r="S4135" s="5" t="s">
        <v>1523</v>
      </c>
      <c r="T4135" s="5" t="s">
        <v>42</v>
      </c>
      <c r="U4135" s="2">
        <v>2.3460000000000001</v>
      </c>
      <c r="V4135" s="2">
        <v>1.968</v>
      </c>
      <c r="W4135" s="2">
        <v>1.0999999999999999E-2</v>
      </c>
      <c r="X4135" s="2">
        <v>139.1</v>
      </c>
      <c r="Y4135" s="2">
        <v>7.6</v>
      </c>
      <c r="Z4135" s="2">
        <v>10.6</v>
      </c>
      <c r="AA4135" s="5"/>
      <c r="AB4135" s="5" t="s">
        <v>43</v>
      </c>
      <c r="AC4135" s="5" t="s">
        <v>44</v>
      </c>
      <c r="AD4135" s="2"/>
      <c r="AE4135" s="1"/>
    </row>
    <row r="4136" spans="1:31" ht="14.45">
      <c r="A4136" s="11"/>
      <c r="B4136" s="20"/>
      <c r="C4136" s="2" t="s">
        <v>12862</v>
      </c>
      <c r="D4136" s="14" t="s">
        <v>12863</v>
      </c>
      <c r="E4136" s="2" t="s">
        <v>12864</v>
      </c>
      <c r="F4136" s="2" t="s">
        <v>7514</v>
      </c>
      <c r="G4136" s="8">
        <v>146</v>
      </c>
      <c r="H4136" s="5">
        <v>5</v>
      </c>
      <c r="I4136" s="5" t="s">
        <v>1518</v>
      </c>
      <c r="J4136" s="5" t="s">
        <v>1519</v>
      </c>
      <c r="K4136" s="2" t="s">
        <v>1520</v>
      </c>
      <c r="L4136" s="5" t="s">
        <v>1519</v>
      </c>
      <c r="M4136" s="2" t="s">
        <v>1520</v>
      </c>
      <c r="N4136" s="5" t="s">
        <v>1521</v>
      </c>
      <c r="O4136" s="5" t="s">
        <v>38</v>
      </c>
      <c r="P4136" s="5" t="s">
        <v>39</v>
      </c>
      <c r="Q4136" s="5" t="s">
        <v>40</v>
      </c>
      <c r="R4136" s="5" t="s">
        <v>1522</v>
      </c>
      <c r="S4136" s="5" t="s">
        <v>1523</v>
      </c>
      <c r="T4136" s="5" t="s">
        <v>42</v>
      </c>
      <c r="U4136" s="2">
        <v>2.4020000000000001</v>
      </c>
      <c r="V4136" s="2">
        <v>2.024</v>
      </c>
      <c r="W4136" s="2">
        <v>1.0999999999999999E-2</v>
      </c>
      <c r="X4136" s="2">
        <v>139.1</v>
      </c>
      <c r="Y4136" s="2">
        <v>7.6</v>
      </c>
      <c r="Z4136" s="2">
        <v>10.6</v>
      </c>
      <c r="AA4136" s="5"/>
      <c r="AB4136" s="5" t="s">
        <v>43</v>
      </c>
      <c r="AC4136" s="5" t="s">
        <v>44</v>
      </c>
      <c r="AD4136" s="2"/>
      <c r="AE4136" s="1"/>
    </row>
    <row r="4137" spans="1:31" ht="14.45">
      <c r="A4137" s="11"/>
      <c r="B4137" s="20"/>
      <c r="C4137" s="2" t="s">
        <v>12865</v>
      </c>
      <c r="D4137" s="14" t="s">
        <v>12866</v>
      </c>
      <c r="E4137" s="2" t="s">
        <v>12867</v>
      </c>
      <c r="F4137" s="2" t="s">
        <v>7208</v>
      </c>
      <c r="G4137" s="8">
        <v>146</v>
      </c>
      <c r="H4137" s="5">
        <v>5</v>
      </c>
      <c r="I4137" s="5" t="s">
        <v>1518</v>
      </c>
      <c r="J4137" s="5" t="s">
        <v>1519</v>
      </c>
      <c r="K4137" s="2" t="s">
        <v>1520</v>
      </c>
      <c r="L4137" s="5" t="s">
        <v>1519</v>
      </c>
      <c r="M4137" s="2" t="s">
        <v>1520</v>
      </c>
      <c r="N4137" s="5" t="s">
        <v>1521</v>
      </c>
      <c r="O4137" s="5" t="s">
        <v>38</v>
      </c>
      <c r="P4137" s="5" t="s">
        <v>39</v>
      </c>
      <c r="Q4137" s="5" t="s">
        <v>40</v>
      </c>
      <c r="R4137" s="5" t="s">
        <v>1522</v>
      </c>
      <c r="S4137" s="5" t="s">
        <v>1523</v>
      </c>
      <c r="T4137" s="5" t="s">
        <v>42</v>
      </c>
      <c r="U4137" s="2">
        <v>2.3460000000000001</v>
      </c>
      <c r="V4137" s="2">
        <v>1.968</v>
      </c>
      <c r="W4137" s="2">
        <v>1.0999999999999999E-2</v>
      </c>
      <c r="X4137" s="2">
        <v>139.1</v>
      </c>
      <c r="Y4137" s="2">
        <v>7.6</v>
      </c>
      <c r="Z4137" s="2">
        <v>10.6</v>
      </c>
      <c r="AA4137" s="5"/>
      <c r="AB4137" s="5" t="s">
        <v>43</v>
      </c>
      <c r="AC4137" s="5" t="s">
        <v>44</v>
      </c>
      <c r="AD4137" s="2"/>
      <c r="AE4137" s="1"/>
    </row>
    <row r="4138" spans="1:31" ht="14.45">
      <c r="A4138" s="11"/>
      <c r="B4138" s="20"/>
      <c r="C4138" s="2" t="s">
        <v>12868</v>
      </c>
      <c r="D4138" s="14" t="s">
        <v>12869</v>
      </c>
      <c r="E4138" s="2" t="s">
        <v>12870</v>
      </c>
      <c r="F4138" s="2" t="s">
        <v>7521</v>
      </c>
      <c r="G4138" s="8">
        <v>146</v>
      </c>
      <c r="H4138" s="5">
        <v>5</v>
      </c>
      <c r="I4138" s="5" t="s">
        <v>1518</v>
      </c>
      <c r="J4138" s="5" t="s">
        <v>1519</v>
      </c>
      <c r="K4138" s="2" t="s">
        <v>1520</v>
      </c>
      <c r="L4138" s="5" t="s">
        <v>1519</v>
      </c>
      <c r="M4138" s="2" t="s">
        <v>1520</v>
      </c>
      <c r="N4138" s="5" t="s">
        <v>1521</v>
      </c>
      <c r="O4138" s="5" t="s">
        <v>38</v>
      </c>
      <c r="P4138" s="5" t="s">
        <v>39</v>
      </c>
      <c r="Q4138" s="5" t="s">
        <v>40</v>
      </c>
      <c r="R4138" s="5" t="s">
        <v>1522</v>
      </c>
      <c r="S4138" s="5" t="s">
        <v>1523</v>
      </c>
      <c r="T4138" s="5" t="s">
        <v>42</v>
      </c>
      <c r="U4138" s="2">
        <v>2.4020000000000001</v>
      </c>
      <c r="V4138" s="2">
        <v>2.024</v>
      </c>
      <c r="W4138" s="2">
        <v>1.0999999999999999E-2</v>
      </c>
      <c r="X4138" s="2">
        <v>139.1</v>
      </c>
      <c r="Y4138" s="2">
        <v>7.6</v>
      </c>
      <c r="Z4138" s="2">
        <v>10.6</v>
      </c>
      <c r="AA4138" s="5"/>
      <c r="AB4138" s="5" t="s">
        <v>43</v>
      </c>
      <c r="AC4138" s="5" t="s">
        <v>44</v>
      </c>
      <c r="AD4138" s="2"/>
      <c r="AE4138" s="1"/>
    </row>
    <row r="4139" spans="1:31" ht="14.45">
      <c r="A4139" s="11"/>
      <c r="B4139" s="20"/>
      <c r="C4139" s="2" t="s">
        <v>12871</v>
      </c>
      <c r="D4139" s="14" t="s">
        <v>12872</v>
      </c>
      <c r="E4139" s="2" t="s">
        <v>12873</v>
      </c>
      <c r="F4139" s="2" t="s">
        <v>7212</v>
      </c>
      <c r="G4139" s="8">
        <v>146</v>
      </c>
      <c r="H4139" s="5">
        <v>5</v>
      </c>
      <c r="I4139" s="5" t="s">
        <v>1518</v>
      </c>
      <c r="J4139" s="5" t="s">
        <v>1519</v>
      </c>
      <c r="K4139" s="2" t="s">
        <v>1520</v>
      </c>
      <c r="L4139" s="5" t="s">
        <v>1519</v>
      </c>
      <c r="M4139" s="2" t="s">
        <v>1520</v>
      </c>
      <c r="N4139" s="5" t="s">
        <v>1521</v>
      </c>
      <c r="O4139" s="5" t="s">
        <v>38</v>
      </c>
      <c r="P4139" s="5" t="s">
        <v>39</v>
      </c>
      <c r="Q4139" s="5" t="s">
        <v>40</v>
      </c>
      <c r="R4139" s="5" t="s">
        <v>1522</v>
      </c>
      <c r="S4139" s="5" t="s">
        <v>1523</v>
      </c>
      <c r="T4139" s="5" t="s">
        <v>42</v>
      </c>
      <c r="U4139" s="2">
        <v>2.3090000000000002</v>
      </c>
      <c r="V4139" s="2">
        <v>1.931</v>
      </c>
      <c r="W4139" s="2">
        <v>1.0999999999999999E-2</v>
      </c>
      <c r="X4139" s="2">
        <v>139.1</v>
      </c>
      <c r="Y4139" s="2">
        <v>7.6</v>
      </c>
      <c r="Z4139" s="2">
        <v>10.6</v>
      </c>
      <c r="AA4139" s="5"/>
      <c r="AB4139" s="5" t="s">
        <v>43</v>
      </c>
      <c r="AC4139" s="5" t="s">
        <v>44</v>
      </c>
      <c r="AD4139" s="2"/>
      <c r="AE4139" s="1"/>
    </row>
    <row r="4140" spans="1:31" ht="14.45">
      <c r="A4140" s="11"/>
      <c r="B4140" s="20"/>
      <c r="C4140" s="2" t="s">
        <v>12874</v>
      </c>
      <c r="D4140" s="14" t="s">
        <v>12875</v>
      </c>
      <c r="E4140" s="2" t="s">
        <v>12876</v>
      </c>
      <c r="F4140" s="2" t="s">
        <v>7528</v>
      </c>
      <c r="G4140" s="8">
        <v>146</v>
      </c>
      <c r="H4140" s="5">
        <v>5</v>
      </c>
      <c r="I4140" s="5" t="s">
        <v>1518</v>
      </c>
      <c r="J4140" s="5" t="s">
        <v>1519</v>
      </c>
      <c r="K4140" s="2" t="s">
        <v>1520</v>
      </c>
      <c r="L4140" s="5" t="s">
        <v>1519</v>
      </c>
      <c r="M4140" s="2" t="s">
        <v>1520</v>
      </c>
      <c r="N4140" s="5" t="s">
        <v>1521</v>
      </c>
      <c r="O4140" s="5" t="s">
        <v>38</v>
      </c>
      <c r="P4140" s="5" t="s">
        <v>39</v>
      </c>
      <c r="Q4140" s="5" t="s">
        <v>40</v>
      </c>
      <c r="R4140" s="5" t="s">
        <v>1522</v>
      </c>
      <c r="S4140" s="5" t="s">
        <v>1523</v>
      </c>
      <c r="T4140" s="5" t="s">
        <v>42</v>
      </c>
      <c r="U4140" s="2">
        <v>2.3650000000000002</v>
      </c>
      <c r="V4140" s="2">
        <v>1.9870000000000001</v>
      </c>
      <c r="W4140" s="2">
        <v>1.0999999999999999E-2</v>
      </c>
      <c r="X4140" s="2">
        <v>139.1</v>
      </c>
      <c r="Y4140" s="2">
        <v>7.6</v>
      </c>
      <c r="Z4140" s="2">
        <v>10.6</v>
      </c>
      <c r="AA4140" s="5"/>
      <c r="AB4140" s="5" t="s">
        <v>43</v>
      </c>
      <c r="AC4140" s="5" t="s">
        <v>44</v>
      </c>
      <c r="AD4140" s="2"/>
      <c r="AE4140" s="1"/>
    </row>
    <row r="4141" spans="1:31" ht="14.45">
      <c r="A4141" s="11"/>
      <c r="B4141" s="20"/>
      <c r="C4141" s="2" t="s">
        <v>12877</v>
      </c>
      <c r="D4141" s="14" t="s">
        <v>12878</v>
      </c>
      <c r="E4141" s="2" t="s">
        <v>12879</v>
      </c>
      <c r="F4141" s="2" t="s">
        <v>7406</v>
      </c>
      <c r="G4141" s="8">
        <v>168</v>
      </c>
      <c r="H4141" s="5">
        <v>6</v>
      </c>
      <c r="I4141" s="5" t="s">
        <v>1518</v>
      </c>
      <c r="J4141" s="5" t="s">
        <v>1519</v>
      </c>
      <c r="K4141" s="2" t="s">
        <v>1520</v>
      </c>
      <c r="L4141" s="5" t="s">
        <v>1519</v>
      </c>
      <c r="M4141" s="2" t="s">
        <v>1520</v>
      </c>
      <c r="N4141" s="5" t="s">
        <v>1521</v>
      </c>
      <c r="O4141" s="5" t="s">
        <v>38</v>
      </c>
      <c r="P4141" s="5" t="s">
        <v>39</v>
      </c>
      <c r="Q4141" s="5" t="s">
        <v>40</v>
      </c>
      <c r="R4141" s="5" t="s">
        <v>1522</v>
      </c>
      <c r="S4141" s="5" t="s">
        <v>1523</v>
      </c>
      <c r="T4141" s="5" t="s">
        <v>42</v>
      </c>
      <c r="U4141" s="2">
        <v>2.3090000000000002</v>
      </c>
      <c r="V4141" s="2">
        <v>1.931</v>
      </c>
      <c r="W4141" s="2">
        <v>1.0999999999999999E-2</v>
      </c>
      <c r="X4141" s="2">
        <v>139.1</v>
      </c>
      <c r="Y4141" s="2">
        <v>7.6</v>
      </c>
      <c r="Z4141" s="2">
        <v>10.6</v>
      </c>
      <c r="AA4141" s="5"/>
      <c r="AB4141" s="5" t="s">
        <v>43</v>
      </c>
      <c r="AC4141" s="5" t="s">
        <v>44</v>
      </c>
      <c r="AD4141" s="2"/>
      <c r="AE4141" s="1"/>
    </row>
    <row r="4142" spans="1:31" ht="14.45">
      <c r="A4142" s="11"/>
      <c r="B4142" s="20"/>
      <c r="C4142" s="2" t="s">
        <v>12880</v>
      </c>
      <c r="D4142" s="14" t="s">
        <v>12881</v>
      </c>
      <c r="E4142" s="2" t="s">
        <v>12882</v>
      </c>
      <c r="F4142" s="2" t="s">
        <v>7535</v>
      </c>
      <c r="G4142" s="8">
        <v>168</v>
      </c>
      <c r="H4142" s="5">
        <v>5</v>
      </c>
      <c r="I4142" s="5" t="s">
        <v>1518</v>
      </c>
      <c r="J4142" s="5" t="s">
        <v>1519</v>
      </c>
      <c r="K4142" s="2" t="s">
        <v>1520</v>
      </c>
      <c r="L4142" s="5" t="s">
        <v>1519</v>
      </c>
      <c r="M4142" s="2" t="s">
        <v>1520</v>
      </c>
      <c r="N4142" s="5" t="s">
        <v>1521</v>
      </c>
      <c r="O4142" s="5" t="s">
        <v>38</v>
      </c>
      <c r="P4142" s="5" t="s">
        <v>39</v>
      </c>
      <c r="Q4142" s="5" t="s">
        <v>40</v>
      </c>
      <c r="R4142" s="5" t="s">
        <v>1522</v>
      </c>
      <c r="S4142" s="5" t="s">
        <v>1523</v>
      </c>
      <c r="T4142" s="5" t="s">
        <v>42</v>
      </c>
      <c r="U4142" s="2">
        <v>2.3650000000000002</v>
      </c>
      <c r="V4142" s="2">
        <v>1.9870000000000001</v>
      </c>
      <c r="W4142" s="2">
        <v>1.0999999999999999E-2</v>
      </c>
      <c r="X4142" s="2">
        <v>139.1</v>
      </c>
      <c r="Y4142" s="2">
        <v>7.6</v>
      </c>
      <c r="Z4142" s="2">
        <v>10.6</v>
      </c>
      <c r="AA4142" s="5"/>
      <c r="AB4142" s="5" t="s">
        <v>43</v>
      </c>
      <c r="AC4142" s="5" t="s">
        <v>44</v>
      </c>
      <c r="AD4142" s="2"/>
      <c r="AE4142" s="1"/>
    </row>
    <row r="4143" spans="1:31" ht="14.45">
      <c r="A4143" s="11"/>
      <c r="B4143" s="20"/>
      <c r="C4143" s="2" t="s">
        <v>12883</v>
      </c>
      <c r="D4143" s="14" t="s">
        <v>12884</v>
      </c>
      <c r="E4143" s="2" t="s">
        <v>12885</v>
      </c>
      <c r="F4143" s="2" t="s">
        <v>7539</v>
      </c>
      <c r="G4143" s="8">
        <v>168</v>
      </c>
      <c r="H4143" s="5">
        <v>6</v>
      </c>
      <c r="I4143" s="5" t="s">
        <v>1518</v>
      </c>
      <c r="J4143" s="5" t="s">
        <v>1519</v>
      </c>
      <c r="K4143" s="2" t="s">
        <v>1520</v>
      </c>
      <c r="L4143" s="5" t="s">
        <v>1519</v>
      </c>
      <c r="M4143" s="2" t="s">
        <v>1520</v>
      </c>
      <c r="N4143" s="5" t="s">
        <v>1521</v>
      </c>
      <c r="O4143" s="5" t="s">
        <v>38</v>
      </c>
      <c r="P4143" s="5" t="s">
        <v>39</v>
      </c>
      <c r="Q4143" s="5" t="s">
        <v>40</v>
      </c>
      <c r="R4143" s="5" t="s">
        <v>1522</v>
      </c>
      <c r="S4143" s="5" t="s">
        <v>1523</v>
      </c>
      <c r="T4143" s="5" t="s">
        <v>42</v>
      </c>
      <c r="U4143" s="2">
        <v>2.3460000000000001</v>
      </c>
      <c r="V4143" s="2">
        <v>1.968</v>
      </c>
      <c r="W4143" s="2">
        <v>1.0999999999999999E-2</v>
      </c>
      <c r="X4143" s="2">
        <v>139.1</v>
      </c>
      <c r="Y4143" s="2">
        <v>7.6</v>
      </c>
      <c r="Z4143" s="2">
        <v>10.6</v>
      </c>
      <c r="AA4143" s="5"/>
      <c r="AB4143" s="5" t="s">
        <v>43</v>
      </c>
      <c r="AC4143" s="5" t="s">
        <v>44</v>
      </c>
      <c r="AD4143" s="2"/>
      <c r="AE4143" s="1"/>
    </row>
    <row r="4144" spans="1:31" ht="14.45">
      <c r="A4144" s="11"/>
      <c r="B4144" s="20"/>
      <c r="C4144" s="2" t="s">
        <v>12886</v>
      </c>
      <c r="D4144" s="14" t="s">
        <v>12887</v>
      </c>
      <c r="E4144" s="2" t="s">
        <v>12888</v>
      </c>
      <c r="F4144" s="2" t="s">
        <v>7543</v>
      </c>
      <c r="G4144" s="8">
        <v>168</v>
      </c>
      <c r="H4144" s="5">
        <v>6</v>
      </c>
      <c r="I4144" s="5" t="s">
        <v>1518</v>
      </c>
      <c r="J4144" s="5" t="s">
        <v>1519</v>
      </c>
      <c r="K4144" s="2" t="s">
        <v>1520</v>
      </c>
      <c r="L4144" s="5" t="s">
        <v>1519</v>
      </c>
      <c r="M4144" s="2" t="s">
        <v>1520</v>
      </c>
      <c r="N4144" s="5" t="s">
        <v>1521</v>
      </c>
      <c r="O4144" s="5" t="s">
        <v>38</v>
      </c>
      <c r="P4144" s="5" t="s">
        <v>39</v>
      </c>
      <c r="Q4144" s="5" t="s">
        <v>40</v>
      </c>
      <c r="R4144" s="5" t="s">
        <v>1522</v>
      </c>
      <c r="S4144" s="5" t="s">
        <v>1523</v>
      </c>
      <c r="T4144" s="5" t="s">
        <v>42</v>
      </c>
      <c r="U4144" s="2">
        <v>2.4020000000000001</v>
      </c>
      <c r="V4144" s="2">
        <v>2.024</v>
      </c>
      <c r="W4144" s="2">
        <v>1.0999999999999999E-2</v>
      </c>
      <c r="X4144" s="2">
        <v>139.1</v>
      </c>
      <c r="Y4144" s="2">
        <v>7.6</v>
      </c>
      <c r="Z4144" s="2">
        <v>10.6</v>
      </c>
      <c r="AA4144" s="5"/>
      <c r="AB4144" s="5" t="s">
        <v>43</v>
      </c>
      <c r="AC4144" s="5" t="s">
        <v>44</v>
      </c>
      <c r="AD4144" s="2"/>
      <c r="AE4144" s="1"/>
    </row>
    <row r="4145" spans="1:31" ht="14.45">
      <c r="A4145" s="11"/>
      <c r="B4145" s="20"/>
      <c r="C4145" s="2" t="s">
        <v>12889</v>
      </c>
      <c r="D4145" s="14" t="s">
        <v>12890</v>
      </c>
      <c r="E4145" s="2" t="s">
        <v>12891</v>
      </c>
      <c r="F4145" s="2" t="s">
        <v>7547</v>
      </c>
      <c r="G4145" s="8">
        <v>168</v>
      </c>
      <c r="H4145" s="5">
        <v>6</v>
      </c>
      <c r="I4145" s="5" t="s">
        <v>1518</v>
      </c>
      <c r="J4145" s="5" t="s">
        <v>1519</v>
      </c>
      <c r="K4145" s="2" t="s">
        <v>1520</v>
      </c>
      <c r="L4145" s="5" t="s">
        <v>1519</v>
      </c>
      <c r="M4145" s="2" t="s">
        <v>1520</v>
      </c>
      <c r="N4145" s="5" t="s">
        <v>1521</v>
      </c>
      <c r="O4145" s="5" t="s">
        <v>38</v>
      </c>
      <c r="P4145" s="5" t="s">
        <v>39</v>
      </c>
      <c r="Q4145" s="5" t="s">
        <v>40</v>
      </c>
      <c r="R4145" s="5" t="s">
        <v>1522</v>
      </c>
      <c r="S4145" s="5" t="s">
        <v>1523</v>
      </c>
      <c r="T4145" s="5" t="s">
        <v>42</v>
      </c>
      <c r="U4145" s="2">
        <v>2.3090000000000002</v>
      </c>
      <c r="V4145" s="2">
        <v>1.931</v>
      </c>
      <c r="W4145" s="2">
        <v>1.0999999999999999E-2</v>
      </c>
      <c r="X4145" s="2">
        <v>139.1</v>
      </c>
      <c r="Y4145" s="2">
        <v>7.6</v>
      </c>
      <c r="Z4145" s="2">
        <v>10.6</v>
      </c>
      <c r="AA4145" s="5"/>
      <c r="AB4145" s="5" t="s">
        <v>43</v>
      </c>
      <c r="AC4145" s="5" t="s">
        <v>44</v>
      </c>
      <c r="AD4145" s="2"/>
      <c r="AE4145" s="1"/>
    </row>
    <row r="4146" spans="1:31" ht="14.45">
      <c r="A4146" s="11"/>
      <c r="B4146" s="20"/>
      <c r="C4146" s="2" t="s">
        <v>12892</v>
      </c>
      <c r="D4146" s="14" t="s">
        <v>12893</v>
      </c>
      <c r="E4146" s="2" t="s">
        <v>12894</v>
      </c>
      <c r="F4146" s="2" t="s">
        <v>7551</v>
      </c>
      <c r="G4146" s="8">
        <v>168</v>
      </c>
      <c r="H4146" s="5">
        <v>6</v>
      </c>
      <c r="I4146" s="5" t="s">
        <v>1518</v>
      </c>
      <c r="J4146" s="5" t="s">
        <v>1519</v>
      </c>
      <c r="K4146" s="2" t="s">
        <v>1520</v>
      </c>
      <c r="L4146" s="5" t="s">
        <v>1519</v>
      </c>
      <c r="M4146" s="2" t="s">
        <v>1520</v>
      </c>
      <c r="N4146" s="5" t="s">
        <v>1521</v>
      </c>
      <c r="O4146" s="5" t="s">
        <v>38</v>
      </c>
      <c r="P4146" s="5" t="s">
        <v>39</v>
      </c>
      <c r="Q4146" s="5" t="s">
        <v>40</v>
      </c>
      <c r="R4146" s="5" t="s">
        <v>1522</v>
      </c>
      <c r="S4146" s="5" t="s">
        <v>1523</v>
      </c>
      <c r="T4146" s="5" t="s">
        <v>42</v>
      </c>
      <c r="U4146" s="2">
        <v>2.3650000000000002</v>
      </c>
      <c r="V4146" s="2">
        <v>1.9870000000000001</v>
      </c>
      <c r="W4146" s="2">
        <v>1.0999999999999999E-2</v>
      </c>
      <c r="X4146" s="2">
        <v>139.1</v>
      </c>
      <c r="Y4146" s="2">
        <v>7.6</v>
      </c>
      <c r="Z4146" s="2">
        <v>10.6</v>
      </c>
      <c r="AA4146" s="5"/>
      <c r="AB4146" s="5" t="s">
        <v>43</v>
      </c>
      <c r="AC4146" s="5" t="s">
        <v>44</v>
      </c>
      <c r="AD4146" s="2"/>
      <c r="AE4146" s="1"/>
    </row>
    <row r="4147" spans="1:31" ht="14.45">
      <c r="A4147" s="11"/>
      <c r="B4147" s="20"/>
      <c r="C4147" s="2" t="s">
        <v>12895</v>
      </c>
      <c r="D4147" s="14" t="s">
        <v>12896</v>
      </c>
      <c r="E4147" s="2" t="s">
        <v>12897</v>
      </c>
      <c r="F4147" s="2" t="s">
        <v>7555</v>
      </c>
      <c r="G4147" s="8">
        <v>168</v>
      </c>
      <c r="H4147" s="5">
        <v>6</v>
      </c>
      <c r="I4147" s="5" t="s">
        <v>1518</v>
      </c>
      <c r="J4147" s="5" t="s">
        <v>1519</v>
      </c>
      <c r="K4147" s="2" t="s">
        <v>1520</v>
      </c>
      <c r="L4147" s="5" t="s">
        <v>1519</v>
      </c>
      <c r="M4147" s="2" t="s">
        <v>1520</v>
      </c>
      <c r="N4147" s="5" t="s">
        <v>1521</v>
      </c>
      <c r="O4147" s="5" t="s">
        <v>38</v>
      </c>
      <c r="P4147" s="5" t="s">
        <v>39</v>
      </c>
      <c r="Q4147" s="5" t="s">
        <v>40</v>
      </c>
      <c r="R4147" s="5" t="s">
        <v>1522</v>
      </c>
      <c r="S4147" s="5" t="s">
        <v>1523</v>
      </c>
      <c r="T4147" s="5" t="s">
        <v>42</v>
      </c>
      <c r="U4147" s="2">
        <v>2.3090000000000002</v>
      </c>
      <c r="V4147" s="2">
        <v>1.931</v>
      </c>
      <c r="W4147" s="2">
        <v>1.0999999999999999E-2</v>
      </c>
      <c r="X4147" s="2">
        <v>139.1</v>
      </c>
      <c r="Y4147" s="2">
        <v>7.6</v>
      </c>
      <c r="Z4147" s="2">
        <v>10.6</v>
      </c>
      <c r="AA4147" s="5"/>
      <c r="AB4147" s="5" t="s">
        <v>43</v>
      </c>
      <c r="AC4147" s="5" t="s">
        <v>44</v>
      </c>
      <c r="AD4147" s="2"/>
      <c r="AE4147" s="1"/>
    </row>
    <row r="4148" spans="1:31" ht="14.45">
      <c r="A4148" s="11"/>
      <c r="B4148" s="20"/>
      <c r="C4148" s="2" t="s">
        <v>12898</v>
      </c>
      <c r="D4148" s="14" t="s">
        <v>12899</v>
      </c>
      <c r="E4148" s="2" t="s">
        <v>12900</v>
      </c>
      <c r="F4148" s="2" t="s">
        <v>7559</v>
      </c>
      <c r="G4148" s="8">
        <v>168</v>
      </c>
      <c r="H4148" s="5">
        <v>6</v>
      </c>
      <c r="I4148" s="5" t="s">
        <v>1518</v>
      </c>
      <c r="J4148" s="5" t="s">
        <v>1519</v>
      </c>
      <c r="K4148" s="2" t="s">
        <v>1520</v>
      </c>
      <c r="L4148" s="5" t="s">
        <v>1519</v>
      </c>
      <c r="M4148" s="2" t="s">
        <v>1520</v>
      </c>
      <c r="N4148" s="5" t="s">
        <v>1521</v>
      </c>
      <c r="O4148" s="5" t="s">
        <v>38</v>
      </c>
      <c r="P4148" s="5" t="s">
        <v>39</v>
      </c>
      <c r="Q4148" s="5" t="s">
        <v>40</v>
      </c>
      <c r="R4148" s="5" t="s">
        <v>1522</v>
      </c>
      <c r="S4148" s="5" t="s">
        <v>1523</v>
      </c>
      <c r="T4148" s="5" t="s">
        <v>42</v>
      </c>
      <c r="U4148" s="2">
        <v>2.3650000000000002</v>
      </c>
      <c r="V4148" s="2">
        <v>1.9870000000000001</v>
      </c>
      <c r="W4148" s="2">
        <v>1.0999999999999999E-2</v>
      </c>
      <c r="X4148" s="2">
        <v>139.1</v>
      </c>
      <c r="Y4148" s="2">
        <v>7.6</v>
      </c>
      <c r="Z4148" s="2">
        <v>10.6</v>
      </c>
      <c r="AA4148" s="5"/>
      <c r="AB4148" s="5" t="s">
        <v>43</v>
      </c>
      <c r="AC4148" s="5" t="s">
        <v>44</v>
      </c>
      <c r="AD4148" s="2"/>
      <c r="AE4148" s="1"/>
    </row>
    <row r="4149" spans="1:31" ht="14.45">
      <c r="A4149" s="11"/>
      <c r="B4149" s="20"/>
      <c r="C4149" s="2" t="s">
        <v>12901</v>
      </c>
      <c r="D4149" s="14" t="s">
        <v>12902</v>
      </c>
      <c r="E4149" s="2" t="s">
        <v>12903</v>
      </c>
      <c r="F4149" s="2" t="s">
        <v>7563</v>
      </c>
      <c r="G4149" s="8">
        <v>168</v>
      </c>
      <c r="H4149" s="5">
        <v>6</v>
      </c>
      <c r="I4149" s="5" t="s">
        <v>1518</v>
      </c>
      <c r="J4149" s="5" t="s">
        <v>1519</v>
      </c>
      <c r="K4149" s="2" t="s">
        <v>1520</v>
      </c>
      <c r="L4149" s="5" t="s">
        <v>1519</v>
      </c>
      <c r="M4149" s="2" t="s">
        <v>1520</v>
      </c>
      <c r="N4149" s="5" t="s">
        <v>1521</v>
      </c>
      <c r="O4149" s="5" t="s">
        <v>38</v>
      </c>
      <c r="P4149" s="5" t="s">
        <v>39</v>
      </c>
      <c r="Q4149" s="5" t="s">
        <v>40</v>
      </c>
      <c r="R4149" s="5" t="s">
        <v>1522</v>
      </c>
      <c r="S4149" s="5" t="s">
        <v>1523</v>
      </c>
      <c r="T4149" s="5" t="s">
        <v>42</v>
      </c>
      <c r="U4149" s="2">
        <v>2.3460000000000001</v>
      </c>
      <c r="V4149" s="2">
        <v>1.968</v>
      </c>
      <c r="W4149" s="2">
        <v>1.0999999999999999E-2</v>
      </c>
      <c r="X4149" s="2">
        <v>139.1</v>
      </c>
      <c r="Y4149" s="2">
        <v>7.6</v>
      </c>
      <c r="Z4149" s="2">
        <v>10.6</v>
      </c>
      <c r="AA4149" s="5"/>
      <c r="AB4149" s="5" t="s">
        <v>43</v>
      </c>
      <c r="AC4149" s="5" t="s">
        <v>44</v>
      </c>
      <c r="AD4149" s="2"/>
      <c r="AE4149" s="1"/>
    </row>
    <row r="4150" spans="1:31" ht="14.45">
      <c r="A4150" s="11"/>
      <c r="B4150" s="20"/>
      <c r="C4150" s="2" t="s">
        <v>12904</v>
      </c>
      <c r="D4150" s="14" t="s">
        <v>12905</v>
      </c>
      <c r="E4150" s="2" t="s">
        <v>12906</v>
      </c>
      <c r="F4150" s="2" t="s">
        <v>7567</v>
      </c>
      <c r="G4150" s="8">
        <v>168</v>
      </c>
      <c r="H4150" s="5">
        <v>6</v>
      </c>
      <c r="I4150" s="5" t="s">
        <v>1518</v>
      </c>
      <c r="J4150" s="5" t="s">
        <v>1519</v>
      </c>
      <c r="K4150" s="2" t="s">
        <v>1520</v>
      </c>
      <c r="L4150" s="5" t="s">
        <v>1519</v>
      </c>
      <c r="M4150" s="2" t="s">
        <v>1520</v>
      </c>
      <c r="N4150" s="5" t="s">
        <v>1521</v>
      </c>
      <c r="O4150" s="5" t="s">
        <v>38</v>
      </c>
      <c r="P4150" s="5" t="s">
        <v>39</v>
      </c>
      <c r="Q4150" s="5" t="s">
        <v>40</v>
      </c>
      <c r="R4150" s="5" t="s">
        <v>1522</v>
      </c>
      <c r="S4150" s="5" t="s">
        <v>1523</v>
      </c>
      <c r="T4150" s="5" t="s">
        <v>42</v>
      </c>
      <c r="U4150" s="2">
        <v>2.4020000000000001</v>
      </c>
      <c r="V4150" s="2">
        <v>2.024</v>
      </c>
      <c r="W4150" s="2">
        <v>1.0999999999999999E-2</v>
      </c>
      <c r="X4150" s="2">
        <v>139.1</v>
      </c>
      <c r="Y4150" s="2">
        <v>7.6</v>
      </c>
      <c r="Z4150" s="2">
        <v>10.6</v>
      </c>
      <c r="AA4150" s="5"/>
      <c r="AB4150" s="5" t="s">
        <v>43</v>
      </c>
      <c r="AC4150" s="5" t="s">
        <v>44</v>
      </c>
      <c r="AD4150" s="2"/>
      <c r="AE4150" s="1"/>
    </row>
    <row r="4151" spans="1:31" ht="14.45">
      <c r="A4151" s="11"/>
      <c r="B4151" s="20"/>
      <c r="C4151" s="2" t="s">
        <v>12907</v>
      </c>
      <c r="D4151" s="14" t="s">
        <v>12908</v>
      </c>
      <c r="E4151" s="2" t="s">
        <v>12909</v>
      </c>
      <c r="F4151" s="2" t="s">
        <v>7429</v>
      </c>
      <c r="G4151" s="8">
        <v>168</v>
      </c>
      <c r="H4151" s="5">
        <v>6</v>
      </c>
      <c r="I4151" s="5" t="s">
        <v>1518</v>
      </c>
      <c r="J4151" s="5" t="s">
        <v>1519</v>
      </c>
      <c r="K4151" s="2" t="s">
        <v>1520</v>
      </c>
      <c r="L4151" s="5" t="s">
        <v>1519</v>
      </c>
      <c r="M4151" s="2" t="s">
        <v>1520</v>
      </c>
      <c r="N4151" s="5" t="s">
        <v>1521</v>
      </c>
      <c r="O4151" s="5" t="s">
        <v>38</v>
      </c>
      <c r="P4151" s="5" t="s">
        <v>39</v>
      </c>
      <c r="Q4151" s="5" t="s">
        <v>40</v>
      </c>
      <c r="R4151" s="5" t="s">
        <v>1522</v>
      </c>
      <c r="S4151" s="5" t="s">
        <v>1523</v>
      </c>
      <c r="T4151" s="5" t="s">
        <v>42</v>
      </c>
      <c r="U4151" s="2">
        <v>2.3460000000000001</v>
      </c>
      <c r="V4151" s="2">
        <v>1.968</v>
      </c>
      <c r="W4151" s="2">
        <v>1.0999999999999999E-2</v>
      </c>
      <c r="X4151" s="2">
        <v>139.1</v>
      </c>
      <c r="Y4151" s="2">
        <v>7.6</v>
      </c>
      <c r="Z4151" s="2">
        <v>10.6</v>
      </c>
      <c r="AA4151" s="5"/>
      <c r="AB4151" s="5" t="s">
        <v>43</v>
      </c>
      <c r="AC4151" s="5" t="s">
        <v>44</v>
      </c>
      <c r="AD4151" s="2"/>
      <c r="AE4151" s="1"/>
    </row>
    <row r="4152" spans="1:31" ht="14.45">
      <c r="A4152" s="11"/>
      <c r="B4152" s="20"/>
      <c r="C4152" s="2" t="s">
        <v>12910</v>
      </c>
      <c r="D4152" s="14" t="s">
        <v>12911</v>
      </c>
      <c r="E4152" s="2" t="s">
        <v>12912</v>
      </c>
      <c r="F4152" s="2" t="s">
        <v>7574</v>
      </c>
      <c r="G4152" s="8">
        <v>168</v>
      </c>
      <c r="H4152" s="5">
        <v>6</v>
      </c>
      <c r="I4152" s="5" t="s">
        <v>1518</v>
      </c>
      <c r="J4152" s="5" t="s">
        <v>1519</v>
      </c>
      <c r="K4152" s="2" t="s">
        <v>1520</v>
      </c>
      <c r="L4152" s="5" t="s">
        <v>1519</v>
      </c>
      <c r="M4152" s="2" t="s">
        <v>1520</v>
      </c>
      <c r="N4152" s="5" t="s">
        <v>1521</v>
      </c>
      <c r="O4152" s="5" t="s">
        <v>38</v>
      </c>
      <c r="P4152" s="5" t="s">
        <v>39</v>
      </c>
      <c r="Q4152" s="5" t="s">
        <v>40</v>
      </c>
      <c r="R4152" s="5" t="s">
        <v>1522</v>
      </c>
      <c r="S4152" s="5" t="s">
        <v>1523</v>
      </c>
      <c r="T4152" s="5" t="s">
        <v>42</v>
      </c>
      <c r="U4152" s="2">
        <v>2.4020000000000001</v>
      </c>
      <c r="V4152" s="2">
        <v>2.024</v>
      </c>
      <c r="W4152" s="2">
        <v>1.0999999999999999E-2</v>
      </c>
      <c r="X4152" s="2">
        <v>139.1</v>
      </c>
      <c r="Y4152" s="2">
        <v>7.6</v>
      </c>
      <c r="Z4152" s="2">
        <v>10.6</v>
      </c>
      <c r="AA4152" s="5"/>
      <c r="AB4152" s="5" t="s">
        <v>43</v>
      </c>
      <c r="AC4152" s="5" t="s">
        <v>44</v>
      </c>
      <c r="AD4152" s="2"/>
      <c r="AE4152" s="1"/>
    </row>
    <row r="4153" spans="1:31" ht="14.45">
      <c r="A4153" s="11"/>
      <c r="B4153" s="20"/>
      <c r="C4153" s="2" t="s">
        <v>12913</v>
      </c>
      <c r="D4153" s="14" t="s">
        <v>12914</v>
      </c>
      <c r="E4153" s="2" t="s">
        <v>12915</v>
      </c>
      <c r="F4153" s="2" t="s">
        <v>7449</v>
      </c>
      <c r="G4153" s="8">
        <v>168</v>
      </c>
      <c r="H4153" s="5">
        <v>6</v>
      </c>
      <c r="I4153" s="5" t="s">
        <v>1518</v>
      </c>
      <c r="J4153" s="5" t="s">
        <v>1519</v>
      </c>
      <c r="K4153" s="2" t="s">
        <v>1520</v>
      </c>
      <c r="L4153" s="5" t="s">
        <v>1519</v>
      </c>
      <c r="M4153" s="2" t="s">
        <v>1520</v>
      </c>
      <c r="N4153" s="5" t="s">
        <v>1521</v>
      </c>
      <c r="O4153" s="5" t="s">
        <v>38</v>
      </c>
      <c r="P4153" s="5" t="s">
        <v>39</v>
      </c>
      <c r="Q4153" s="5" t="s">
        <v>40</v>
      </c>
      <c r="R4153" s="5" t="s">
        <v>1522</v>
      </c>
      <c r="S4153" s="5" t="s">
        <v>1523</v>
      </c>
      <c r="T4153" s="5" t="s">
        <v>42</v>
      </c>
      <c r="U4153" s="2">
        <v>2.3460000000000001</v>
      </c>
      <c r="V4153" s="2">
        <v>1.968</v>
      </c>
      <c r="W4153" s="2">
        <v>1.0999999999999999E-2</v>
      </c>
      <c r="X4153" s="2">
        <v>139.1</v>
      </c>
      <c r="Y4153" s="2">
        <v>7.6</v>
      </c>
      <c r="Z4153" s="2">
        <v>10.6</v>
      </c>
      <c r="AA4153" s="5"/>
      <c r="AB4153" s="5" t="s">
        <v>43</v>
      </c>
      <c r="AC4153" s="5" t="s">
        <v>44</v>
      </c>
      <c r="AD4153" s="2"/>
      <c r="AE4153" s="1"/>
    </row>
    <row r="4154" spans="1:31" ht="14.45">
      <c r="A4154" s="11"/>
      <c r="B4154" s="20"/>
      <c r="C4154" s="2" t="s">
        <v>12916</v>
      </c>
      <c r="D4154" s="14" t="s">
        <v>12917</v>
      </c>
      <c r="E4154" s="2" t="s">
        <v>12918</v>
      </c>
      <c r="F4154" s="2" t="s">
        <v>7581</v>
      </c>
      <c r="G4154" s="8">
        <v>168</v>
      </c>
      <c r="H4154" s="5">
        <v>6</v>
      </c>
      <c r="I4154" s="5" t="s">
        <v>1518</v>
      </c>
      <c r="J4154" s="5" t="s">
        <v>1519</v>
      </c>
      <c r="K4154" s="2" t="s">
        <v>1520</v>
      </c>
      <c r="L4154" s="5" t="s">
        <v>1519</v>
      </c>
      <c r="M4154" s="2" t="s">
        <v>1520</v>
      </c>
      <c r="N4154" s="5" t="s">
        <v>1521</v>
      </c>
      <c r="O4154" s="5" t="s">
        <v>38</v>
      </c>
      <c r="P4154" s="5" t="s">
        <v>39</v>
      </c>
      <c r="Q4154" s="5" t="s">
        <v>40</v>
      </c>
      <c r="R4154" s="5" t="s">
        <v>1522</v>
      </c>
      <c r="S4154" s="5" t="s">
        <v>1523</v>
      </c>
      <c r="T4154" s="5" t="s">
        <v>42</v>
      </c>
      <c r="U4154" s="2">
        <v>2.4020000000000001</v>
      </c>
      <c r="V4154" s="2">
        <v>2.024</v>
      </c>
      <c r="W4154" s="2">
        <v>1.0999999999999999E-2</v>
      </c>
      <c r="X4154" s="2">
        <v>139.1</v>
      </c>
      <c r="Y4154" s="2">
        <v>7.6</v>
      </c>
      <c r="Z4154" s="2">
        <v>10.6</v>
      </c>
      <c r="AA4154" s="5"/>
      <c r="AB4154" s="5" t="s">
        <v>43</v>
      </c>
      <c r="AC4154" s="5" t="s">
        <v>44</v>
      </c>
      <c r="AD4154" s="2"/>
      <c r="AE4154" s="1"/>
    </row>
    <row r="4155" spans="1:31" ht="14.45">
      <c r="A4155" s="11"/>
      <c r="B4155" s="20"/>
      <c r="C4155" s="2" t="s">
        <v>12919</v>
      </c>
      <c r="D4155" s="14" t="s">
        <v>12920</v>
      </c>
      <c r="E4155" s="2" t="s">
        <v>12921</v>
      </c>
      <c r="F4155" s="2" t="s">
        <v>7585</v>
      </c>
      <c r="G4155" s="8">
        <v>168</v>
      </c>
      <c r="H4155" s="5">
        <v>6</v>
      </c>
      <c r="I4155" s="5" t="s">
        <v>1518</v>
      </c>
      <c r="J4155" s="5" t="s">
        <v>1519</v>
      </c>
      <c r="K4155" s="2" t="s">
        <v>1520</v>
      </c>
      <c r="L4155" s="5" t="s">
        <v>1519</v>
      </c>
      <c r="M4155" s="2" t="s">
        <v>1520</v>
      </c>
      <c r="N4155" s="5" t="s">
        <v>1521</v>
      </c>
      <c r="O4155" s="5" t="s">
        <v>38</v>
      </c>
      <c r="P4155" s="5" t="s">
        <v>39</v>
      </c>
      <c r="Q4155" s="5" t="s">
        <v>40</v>
      </c>
      <c r="R4155" s="5" t="s">
        <v>1522</v>
      </c>
      <c r="S4155" s="5" t="s">
        <v>1523</v>
      </c>
      <c r="T4155" s="5" t="s">
        <v>42</v>
      </c>
      <c r="U4155" s="2">
        <v>2.3090000000000002</v>
      </c>
      <c r="V4155" s="2">
        <v>1.931</v>
      </c>
      <c r="W4155" s="2">
        <v>1.0999999999999999E-2</v>
      </c>
      <c r="X4155" s="2">
        <v>139.1</v>
      </c>
      <c r="Y4155" s="2">
        <v>7.6</v>
      </c>
      <c r="Z4155" s="2">
        <v>10.6</v>
      </c>
      <c r="AA4155" s="5"/>
      <c r="AB4155" s="5" t="s">
        <v>43</v>
      </c>
      <c r="AC4155" s="5" t="s">
        <v>44</v>
      </c>
      <c r="AD4155" s="2"/>
      <c r="AE4155" s="1"/>
    </row>
    <row r="4156" spans="1:31" ht="14.45">
      <c r="A4156" s="11"/>
      <c r="B4156" s="20"/>
      <c r="C4156" s="2" t="s">
        <v>12922</v>
      </c>
      <c r="D4156" s="14" t="s">
        <v>12923</v>
      </c>
      <c r="E4156" s="2" t="s">
        <v>12924</v>
      </c>
      <c r="F4156" s="2" t="s">
        <v>7589</v>
      </c>
      <c r="G4156" s="8">
        <v>168</v>
      </c>
      <c r="H4156" s="5">
        <v>6</v>
      </c>
      <c r="I4156" s="5" t="s">
        <v>1518</v>
      </c>
      <c r="J4156" s="5" t="s">
        <v>1519</v>
      </c>
      <c r="K4156" s="2" t="s">
        <v>1520</v>
      </c>
      <c r="L4156" s="5" t="s">
        <v>1519</v>
      </c>
      <c r="M4156" s="2" t="s">
        <v>1520</v>
      </c>
      <c r="N4156" s="5" t="s">
        <v>1521</v>
      </c>
      <c r="O4156" s="5" t="s">
        <v>38</v>
      </c>
      <c r="P4156" s="5" t="s">
        <v>39</v>
      </c>
      <c r="Q4156" s="5" t="s">
        <v>40</v>
      </c>
      <c r="R4156" s="5" t="s">
        <v>1522</v>
      </c>
      <c r="S4156" s="5" t="s">
        <v>1523</v>
      </c>
      <c r="T4156" s="5" t="s">
        <v>42</v>
      </c>
      <c r="U4156" s="2">
        <v>2.3650000000000002</v>
      </c>
      <c r="V4156" s="2">
        <v>1.9870000000000001</v>
      </c>
      <c r="W4156" s="2">
        <v>1.0999999999999999E-2</v>
      </c>
      <c r="X4156" s="2">
        <v>139.1</v>
      </c>
      <c r="Y4156" s="2">
        <v>7.6</v>
      </c>
      <c r="Z4156" s="2">
        <v>10.6</v>
      </c>
      <c r="AA4156" s="5"/>
      <c r="AB4156" s="5" t="s">
        <v>43</v>
      </c>
      <c r="AC4156" s="5" t="s">
        <v>44</v>
      </c>
      <c r="AD4156" s="2"/>
      <c r="AE4156" s="1"/>
    </row>
    <row r="4157" spans="1:31" ht="14.45">
      <c r="A4157" s="11"/>
      <c r="B4157" s="20"/>
      <c r="C4157" s="2" t="s">
        <v>12925</v>
      </c>
      <c r="D4157" s="14" t="s">
        <v>12926</v>
      </c>
      <c r="E4157" s="2" t="s">
        <v>12927</v>
      </c>
      <c r="F4157" s="2" t="s">
        <v>7593</v>
      </c>
      <c r="G4157" s="8">
        <v>168</v>
      </c>
      <c r="H4157" s="5">
        <v>6</v>
      </c>
      <c r="I4157" s="5" t="s">
        <v>1518</v>
      </c>
      <c r="J4157" s="5" t="s">
        <v>1519</v>
      </c>
      <c r="K4157" s="2" t="s">
        <v>1520</v>
      </c>
      <c r="L4157" s="5" t="s">
        <v>1519</v>
      </c>
      <c r="M4157" s="2" t="s">
        <v>1520</v>
      </c>
      <c r="N4157" s="5" t="s">
        <v>1521</v>
      </c>
      <c r="O4157" s="5" t="s">
        <v>38</v>
      </c>
      <c r="P4157" s="5" t="s">
        <v>39</v>
      </c>
      <c r="Q4157" s="5" t="s">
        <v>40</v>
      </c>
      <c r="R4157" s="5" t="s">
        <v>1522</v>
      </c>
      <c r="S4157" s="5" t="s">
        <v>1523</v>
      </c>
      <c r="T4157" s="5" t="s">
        <v>42</v>
      </c>
      <c r="U4157" s="2">
        <v>2.3460000000000001</v>
      </c>
      <c r="V4157" s="2">
        <v>1.968</v>
      </c>
      <c r="W4157" s="2">
        <v>1.0999999999999999E-2</v>
      </c>
      <c r="X4157" s="2">
        <v>139.1</v>
      </c>
      <c r="Y4157" s="2">
        <v>7.6</v>
      </c>
      <c r="Z4157" s="2">
        <v>10.6</v>
      </c>
      <c r="AA4157" s="5"/>
      <c r="AB4157" s="5" t="s">
        <v>43</v>
      </c>
      <c r="AC4157" s="5" t="s">
        <v>44</v>
      </c>
      <c r="AD4157" s="2"/>
      <c r="AE4157" s="1"/>
    </row>
    <row r="4158" spans="1:31" ht="14.45">
      <c r="A4158" s="11"/>
      <c r="B4158" s="20"/>
      <c r="C4158" s="2" t="s">
        <v>12928</v>
      </c>
      <c r="D4158" s="14" t="s">
        <v>12929</v>
      </c>
      <c r="E4158" s="2" t="s">
        <v>12930</v>
      </c>
      <c r="F4158" s="2" t="s">
        <v>7597</v>
      </c>
      <c r="G4158" s="8">
        <v>168</v>
      </c>
      <c r="H4158" s="5">
        <v>6</v>
      </c>
      <c r="I4158" s="5" t="s">
        <v>1518</v>
      </c>
      <c r="J4158" s="5" t="s">
        <v>1519</v>
      </c>
      <c r="K4158" s="2" t="s">
        <v>1520</v>
      </c>
      <c r="L4158" s="5" t="s">
        <v>1519</v>
      </c>
      <c r="M4158" s="2" t="s">
        <v>1520</v>
      </c>
      <c r="N4158" s="5" t="s">
        <v>1521</v>
      </c>
      <c r="O4158" s="5" t="s">
        <v>38</v>
      </c>
      <c r="P4158" s="5" t="s">
        <v>39</v>
      </c>
      <c r="Q4158" s="5" t="s">
        <v>40</v>
      </c>
      <c r="R4158" s="5" t="s">
        <v>1522</v>
      </c>
      <c r="S4158" s="5" t="s">
        <v>1523</v>
      </c>
      <c r="T4158" s="5" t="s">
        <v>42</v>
      </c>
      <c r="U4158" s="2">
        <v>2.4020000000000001</v>
      </c>
      <c r="V4158" s="2">
        <v>2.024</v>
      </c>
      <c r="W4158" s="2">
        <v>1.0999999999999999E-2</v>
      </c>
      <c r="X4158" s="2">
        <v>139.1</v>
      </c>
      <c r="Y4158" s="2">
        <v>7.6</v>
      </c>
      <c r="Z4158" s="2">
        <v>10.6</v>
      </c>
      <c r="AA4158" s="5"/>
      <c r="AB4158" s="5" t="s">
        <v>43</v>
      </c>
      <c r="AC4158" s="5" t="s">
        <v>44</v>
      </c>
      <c r="AD4158" s="2"/>
      <c r="AE4158" s="1"/>
    </row>
    <row r="4159" spans="1:31" ht="14.45">
      <c r="A4159" s="11"/>
      <c r="B4159" s="20"/>
      <c r="C4159" s="2" t="s">
        <v>12931</v>
      </c>
      <c r="D4159" s="14" t="s">
        <v>12932</v>
      </c>
      <c r="E4159" s="2" t="s">
        <v>12933</v>
      </c>
      <c r="F4159" s="2" t="s">
        <v>7410</v>
      </c>
      <c r="G4159" s="8">
        <v>168</v>
      </c>
      <c r="H4159" s="5">
        <v>6</v>
      </c>
      <c r="I4159" s="5" t="s">
        <v>1518</v>
      </c>
      <c r="J4159" s="5" t="s">
        <v>1519</v>
      </c>
      <c r="K4159" s="2" t="s">
        <v>1520</v>
      </c>
      <c r="L4159" s="5" t="s">
        <v>1519</v>
      </c>
      <c r="M4159" s="2" t="s">
        <v>1520</v>
      </c>
      <c r="N4159" s="5" t="s">
        <v>1521</v>
      </c>
      <c r="O4159" s="5" t="s">
        <v>38</v>
      </c>
      <c r="P4159" s="5" t="s">
        <v>39</v>
      </c>
      <c r="Q4159" s="5" t="s">
        <v>40</v>
      </c>
      <c r="R4159" s="5" t="s">
        <v>1522</v>
      </c>
      <c r="S4159" s="5" t="s">
        <v>1523</v>
      </c>
      <c r="T4159" s="5" t="s">
        <v>42</v>
      </c>
      <c r="U4159" s="2">
        <v>2.3460000000000001</v>
      </c>
      <c r="V4159" s="2">
        <v>1.968</v>
      </c>
      <c r="W4159" s="2">
        <v>1.0999999999999999E-2</v>
      </c>
      <c r="X4159" s="2">
        <v>139.1</v>
      </c>
      <c r="Y4159" s="2">
        <v>7.6</v>
      </c>
      <c r="Z4159" s="2">
        <v>10.6</v>
      </c>
      <c r="AA4159" s="5"/>
      <c r="AB4159" s="5" t="s">
        <v>43</v>
      </c>
      <c r="AC4159" s="5" t="s">
        <v>44</v>
      </c>
      <c r="AD4159" s="2"/>
      <c r="AE4159" s="1"/>
    </row>
    <row r="4160" spans="1:31" ht="14.45">
      <c r="A4160" s="11"/>
      <c r="B4160" s="20"/>
      <c r="C4160" s="2" t="s">
        <v>12934</v>
      </c>
      <c r="D4160" s="14" t="s">
        <v>12935</v>
      </c>
      <c r="E4160" s="2" t="s">
        <v>12936</v>
      </c>
      <c r="F4160" s="2" t="s">
        <v>7604</v>
      </c>
      <c r="G4160" s="8">
        <v>168</v>
      </c>
      <c r="H4160" s="5">
        <v>6</v>
      </c>
      <c r="I4160" s="5" t="s">
        <v>1518</v>
      </c>
      <c r="J4160" s="5" t="s">
        <v>1519</v>
      </c>
      <c r="K4160" s="2" t="s">
        <v>1520</v>
      </c>
      <c r="L4160" s="5" t="s">
        <v>1519</v>
      </c>
      <c r="M4160" s="2" t="s">
        <v>1520</v>
      </c>
      <c r="N4160" s="5" t="s">
        <v>1521</v>
      </c>
      <c r="O4160" s="5" t="s">
        <v>38</v>
      </c>
      <c r="P4160" s="5" t="s">
        <v>39</v>
      </c>
      <c r="Q4160" s="5" t="s">
        <v>40</v>
      </c>
      <c r="R4160" s="5" t="s">
        <v>1522</v>
      </c>
      <c r="S4160" s="5" t="s">
        <v>1523</v>
      </c>
      <c r="T4160" s="5" t="s">
        <v>42</v>
      </c>
      <c r="U4160" s="2">
        <v>2.4020000000000001</v>
      </c>
      <c r="V4160" s="2">
        <v>2.024</v>
      </c>
      <c r="W4160" s="2">
        <v>1.0999999999999999E-2</v>
      </c>
      <c r="X4160" s="2">
        <v>139.1</v>
      </c>
      <c r="Y4160" s="2">
        <v>7.6</v>
      </c>
      <c r="Z4160" s="2">
        <v>10.6</v>
      </c>
      <c r="AA4160" s="5"/>
      <c r="AB4160" s="5" t="s">
        <v>43</v>
      </c>
      <c r="AC4160" s="5" t="s">
        <v>44</v>
      </c>
      <c r="AD4160" s="2"/>
      <c r="AE4160" s="1"/>
    </row>
    <row r="4161" spans="1:31" ht="14.45">
      <c r="A4161" s="11"/>
      <c r="B4161" s="20"/>
      <c r="C4161" s="2" t="s">
        <v>12937</v>
      </c>
      <c r="D4161" s="14" t="s">
        <v>12938</v>
      </c>
      <c r="E4161" s="2" t="s">
        <v>12939</v>
      </c>
      <c r="F4161" s="2" t="s">
        <v>7433</v>
      </c>
      <c r="G4161" s="8">
        <v>168</v>
      </c>
      <c r="H4161" s="5">
        <v>6</v>
      </c>
      <c r="I4161" s="5" t="s">
        <v>1518</v>
      </c>
      <c r="J4161" s="5" t="s">
        <v>1519</v>
      </c>
      <c r="K4161" s="2" t="s">
        <v>1520</v>
      </c>
      <c r="L4161" s="5" t="s">
        <v>1519</v>
      </c>
      <c r="M4161" s="2" t="s">
        <v>1520</v>
      </c>
      <c r="N4161" s="5" t="s">
        <v>1521</v>
      </c>
      <c r="O4161" s="5" t="s">
        <v>38</v>
      </c>
      <c r="P4161" s="5" t="s">
        <v>39</v>
      </c>
      <c r="Q4161" s="5" t="s">
        <v>40</v>
      </c>
      <c r="R4161" s="5" t="s">
        <v>1522</v>
      </c>
      <c r="S4161" s="5" t="s">
        <v>1523</v>
      </c>
      <c r="T4161" s="5" t="s">
        <v>42</v>
      </c>
      <c r="U4161" s="2">
        <v>2.3460000000000001</v>
      </c>
      <c r="V4161" s="2">
        <v>1.968</v>
      </c>
      <c r="W4161" s="2">
        <v>1.0999999999999999E-2</v>
      </c>
      <c r="X4161" s="2">
        <v>139.1</v>
      </c>
      <c r="Y4161" s="2">
        <v>7.6</v>
      </c>
      <c r="Z4161" s="2">
        <v>10.6</v>
      </c>
      <c r="AA4161" s="5"/>
      <c r="AB4161" s="5" t="s">
        <v>43</v>
      </c>
      <c r="AC4161" s="5" t="s">
        <v>44</v>
      </c>
      <c r="AD4161" s="2"/>
      <c r="AE4161" s="1"/>
    </row>
    <row r="4162" spans="1:31" ht="14.45">
      <c r="A4162" s="11"/>
      <c r="B4162" s="20"/>
      <c r="C4162" s="2" t="s">
        <v>12940</v>
      </c>
      <c r="D4162" s="14" t="s">
        <v>12941</v>
      </c>
      <c r="E4162" s="2" t="s">
        <v>12942</v>
      </c>
      <c r="F4162" s="2" t="s">
        <v>7611</v>
      </c>
      <c r="G4162" s="8">
        <v>168</v>
      </c>
      <c r="H4162" s="5">
        <v>6</v>
      </c>
      <c r="I4162" s="5" t="s">
        <v>1518</v>
      </c>
      <c r="J4162" s="5" t="s">
        <v>1519</v>
      </c>
      <c r="K4162" s="2" t="s">
        <v>1520</v>
      </c>
      <c r="L4162" s="5" t="s">
        <v>1519</v>
      </c>
      <c r="M4162" s="2" t="s">
        <v>1520</v>
      </c>
      <c r="N4162" s="5" t="s">
        <v>1521</v>
      </c>
      <c r="O4162" s="5" t="s">
        <v>38</v>
      </c>
      <c r="P4162" s="5" t="s">
        <v>39</v>
      </c>
      <c r="Q4162" s="5" t="s">
        <v>40</v>
      </c>
      <c r="R4162" s="5" t="s">
        <v>1522</v>
      </c>
      <c r="S4162" s="5" t="s">
        <v>1523</v>
      </c>
      <c r="T4162" s="5" t="s">
        <v>42</v>
      </c>
      <c r="U4162" s="2">
        <v>2.4020000000000001</v>
      </c>
      <c r="V4162" s="2">
        <v>2.024</v>
      </c>
      <c r="W4162" s="2">
        <v>1.0999999999999999E-2</v>
      </c>
      <c r="X4162" s="2">
        <v>139.1</v>
      </c>
      <c r="Y4162" s="2">
        <v>7.6</v>
      </c>
      <c r="Z4162" s="2">
        <v>10.6</v>
      </c>
      <c r="AA4162" s="5"/>
      <c r="AB4162" s="5" t="s">
        <v>43</v>
      </c>
      <c r="AC4162" s="5" t="s">
        <v>44</v>
      </c>
      <c r="AD4162" s="2"/>
      <c r="AE4162" s="1"/>
    </row>
    <row r="4163" spans="1:31" ht="14.45">
      <c r="A4163" s="11"/>
      <c r="B4163" s="20"/>
      <c r="C4163" s="2" t="s">
        <v>12943</v>
      </c>
      <c r="D4163" s="14" t="s">
        <v>12944</v>
      </c>
      <c r="E4163" s="2" t="s">
        <v>12945</v>
      </c>
      <c r="F4163" s="2" t="s">
        <v>7615</v>
      </c>
      <c r="G4163" s="8">
        <v>168</v>
      </c>
      <c r="H4163" s="5">
        <v>6</v>
      </c>
      <c r="I4163" s="5" t="s">
        <v>1518</v>
      </c>
      <c r="J4163" s="5" t="s">
        <v>1519</v>
      </c>
      <c r="K4163" s="2" t="s">
        <v>1520</v>
      </c>
      <c r="L4163" s="5" t="s">
        <v>1519</v>
      </c>
      <c r="M4163" s="2" t="s">
        <v>1520</v>
      </c>
      <c r="N4163" s="5" t="s">
        <v>1521</v>
      </c>
      <c r="O4163" s="5" t="s">
        <v>38</v>
      </c>
      <c r="P4163" s="5" t="s">
        <v>39</v>
      </c>
      <c r="Q4163" s="5" t="s">
        <v>40</v>
      </c>
      <c r="R4163" s="5" t="s">
        <v>1522</v>
      </c>
      <c r="S4163" s="5" t="s">
        <v>1523</v>
      </c>
      <c r="T4163" s="5" t="s">
        <v>42</v>
      </c>
      <c r="U4163" s="2">
        <v>2.3090000000000002</v>
      </c>
      <c r="V4163" s="2">
        <v>1.931</v>
      </c>
      <c r="W4163" s="2">
        <v>1.0999999999999999E-2</v>
      </c>
      <c r="X4163" s="2">
        <v>139.1</v>
      </c>
      <c r="Y4163" s="2">
        <v>7.6</v>
      </c>
      <c r="Z4163" s="2">
        <v>10.6</v>
      </c>
      <c r="AA4163" s="5"/>
      <c r="AB4163" s="5" t="s">
        <v>43</v>
      </c>
      <c r="AC4163" s="5" t="s">
        <v>44</v>
      </c>
      <c r="AD4163" s="2"/>
      <c r="AE4163" s="1"/>
    </row>
    <row r="4164" spans="1:31" ht="14.45">
      <c r="A4164" s="11"/>
      <c r="B4164" s="20"/>
      <c r="C4164" s="2" t="s">
        <v>12946</v>
      </c>
      <c r="D4164" s="14" t="s">
        <v>12947</v>
      </c>
      <c r="E4164" s="2" t="s">
        <v>12948</v>
      </c>
      <c r="F4164" s="2" t="s">
        <v>7619</v>
      </c>
      <c r="G4164" s="8">
        <v>168</v>
      </c>
      <c r="H4164" s="5">
        <v>6</v>
      </c>
      <c r="I4164" s="5" t="s">
        <v>1518</v>
      </c>
      <c r="J4164" s="5" t="s">
        <v>1519</v>
      </c>
      <c r="K4164" s="2" t="s">
        <v>1520</v>
      </c>
      <c r="L4164" s="5" t="s">
        <v>1519</v>
      </c>
      <c r="M4164" s="2" t="s">
        <v>1520</v>
      </c>
      <c r="N4164" s="5" t="s">
        <v>1521</v>
      </c>
      <c r="O4164" s="5" t="s">
        <v>38</v>
      </c>
      <c r="P4164" s="5" t="s">
        <v>39</v>
      </c>
      <c r="Q4164" s="5" t="s">
        <v>40</v>
      </c>
      <c r="R4164" s="5" t="s">
        <v>1522</v>
      </c>
      <c r="S4164" s="5" t="s">
        <v>1523</v>
      </c>
      <c r="T4164" s="5" t="s">
        <v>42</v>
      </c>
      <c r="U4164" s="2">
        <v>2.3650000000000002</v>
      </c>
      <c r="V4164" s="2">
        <v>1.9870000000000001</v>
      </c>
      <c r="W4164" s="2">
        <v>1.0999999999999999E-2</v>
      </c>
      <c r="X4164" s="2">
        <v>139.1</v>
      </c>
      <c r="Y4164" s="2">
        <v>7.6</v>
      </c>
      <c r="Z4164" s="2">
        <v>10.6</v>
      </c>
      <c r="AA4164" s="5"/>
      <c r="AB4164" s="5" t="s">
        <v>43</v>
      </c>
      <c r="AC4164" s="5" t="s">
        <v>44</v>
      </c>
      <c r="AD4164" s="2"/>
      <c r="AE4164" s="1"/>
    </row>
    <row r="4165" spans="1:31" ht="14.45">
      <c r="A4165" s="11"/>
      <c r="B4165" s="20"/>
      <c r="C4165" s="2" t="s">
        <v>12949</v>
      </c>
      <c r="D4165" s="14" t="s">
        <v>12950</v>
      </c>
      <c r="E4165" s="2" t="s">
        <v>12951</v>
      </c>
      <c r="F4165" s="2" t="s">
        <v>1823</v>
      </c>
      <c r="G4165" s="8">
        <v>168</v>
      </c>
      <c r="H4165" s="5">
        <v>8</v>
      </c>
      <c r="I4165" s="5" t="s">
        <v>1518</v>
      </c>
      <c r="J4165" s="5" t="s">
        <v>1519</v>
      </c>
      <c r="K4165" s="2" t="s">
        <v>1520</v>
      </c>
      <c r="L4165" s="5" t="s">
        <v>1519</v>
      </c>
      <c r="M4165" s="2" t="s">
        <v>1520</v>
      </c>
      <c r="N4165" s="5" t="s">
        <v>1521</v>
      </c>
      <c r="O4165" s="5" t="s">
        <v>38</v>
      </c>
      <c r="P4165" s="5" t="s">
        <v>39</v>
      </c>
      <c r="Q4165" s="5" t="s">
        <v>40</v>
      </c>
      <c r="R4165" s="5" t="s">
        <v>1522</v>
      </c>
      <c r="S4165" s="5" t="s">
        <v>1523</v>
      </c>
      <c r="T4165" s="5" t="s">
        <v>42</v>
      </c>
      <c r="U4165" s="2">
        <v>2.3730000000000002</v>
      </c>
      <c r="V4165" s="2">
        <v>1.9950000000000001</v>
      </c>
      <c r="W4165" s="2">
        <v>1.0999999999999999E-2</v>
      </c>
      <c r="X4165" s="2">
        <v>139.1</v>
      </c>
      <c r="Y4165" s="2">
        <v>7.6</v>
      </c>
      <c r="Z4165" s="2">
        <v>10.6</v>
      </c>
      <c r="AA4165" s="5"/>
      <c r="AB4165" s="5" t="s">
        <v>43</v>
      </c>
      <c r="AC4165" s="5" t="s">
        <v>44</v>
      </c>
      <c r="AD4165" s="2"/>
      <c r="AE4165" s="1"/>
    </row>
    <row r="4166" spans="1:31" ht="14.45">
      <c r="A4166" s="11"/>
      <c r="B4166" s="20"/>
      <c r="C4166" s="2" t="s">
        <v>12952</v>
      </c>
      <c r="D4166" s="14" t="s">
        <v>12953</v>
      </c>
      <c r="E4166" s="2" t="s">
        <v>12954</v>
      </c>
      <c r="F4166" s="2" t="s">
        <v>1827</v>
      </c>
      <c r="G4166" s="8">
        <v>168</v>
      </c>
      <c r="H4166" s="5">
        <v>8</v>
      </c>
      <c r="I4166" s="5" t="s">
        <v>1518</v>
      </c>
      <c r="J4166" s="5" t="s">
        <v>1519</v>
      </c>
      <c r="K4166" s="2" t="s">
        <v>1520</v>
      </c>
      <c r="L4166" s="5" t="s">
        <v>1519</v>
      </c>
      <c r="M4166" s="2" t="s">
        <v>1520</v>
      </c>
      <c r="N4166" s="5" t="s">
        <v>1521</v>
      </c>
      <c r="O4166" s="5" t="s">
        <v>38</v>
      </c>
      <c r="P4166" s="5" t="s">
        <v>39</v>
      </c>
      <c r="Q4166" s="5" t="s">
        <v>40</v>
      </c>
      <c r="R4166" s="5" t="s">
        <v>1522</v>
      </c>
      <c r="S4166" s="5" t="s">
        <v>1523</v>
      </c>
      <c r="T4166" s="5" t="s">
        <v>42</v>
      </c>
      <c r="U4166" s="2">
        <v>2.4289999999999998</v>
      </c>
      <c r="V4166" s="2">
        <v>2.0510000000000002</v>
      </c>
      <c r="W4166" s="2">
        <v>1.0999999999999999E-2</v>
      </c>
      <c r="X4166" s="2">
        <v>139.1</v>
      </c>
      <c r="Y4166" s="2">
        <v>7.6</v>
      </c>
      <c r="Z4166" s="2">
        <v>10.6</v>
      </c>
      <c r="AA4166" s="5"/>
      <c r="AB4166" s="5" t="s">
        <v>43</v>
      </c>
      <c r="AC4166" s="5" t="s">
        <v>44</v>
      </c>
      <c r="AD4166" s="2"/>
      <c r="AE4166" s="1"/>
    </row>
    <row r="4167" spans="1:31" ht="14.45">
      <c r="A4167" s="11"/>
      <c r="B4167" s="20"/>
      <c r="C4167" s="2" t="s">
        <v>12955</v>
      </c>
      <c r="D4167" s="14" t="s">
        <v>12956</v>
      </c>
      <c r="E4167" s="2" t="s">
        <v>12957</v>
      </c>
      <c r="F4167" s="2" t="s">
        <v>1973</v>
      </c>
      <c r="G4167" s="8">
        <v>168</v>
      </c>
      <c r="H4167" s="5">
        <v>13</v>
      </c>
      <c r="I4167" s="5" t="s">
        <v>1518</v>
      </c>
      <c r="J4167" s="5" t="s">
        <v>1519</v>
      </c>
      <c r="K4167" s="2" t="s">
        <v>1520</v>
      </c>
      <c r="L4167" s="5" t="s">
        <v>1519</v>
      </c>
      <c r="M4167" s="2" t="s">
        <v>1520</v>
      </c>
      <c r="N4167" s="5" t="s">
        <v>1521</v>
      </c>
      <c r="O4167" s="5" t="s">
        <v>38</v>
      </c>
      <c r="P4167" s="5" t="s">
        <v>39</v>
      </c>
      <c r="Q4167" s="5" t="s">
        <v>40</v>
      </c>
      <c r="R4167" s="5" t="s">
        <v>1522</v>
      </c>
      <c r="S4167" s="5" t="s">
        <v>1523</v>
      </c>
      <c r="T4167" s="5" t="s">
        <v>42</v>
      </c>
      <c r="U4167" s="2">
        <v>2.383</v>
      </c>
      <c r="V4167" s="2">
        <v>2.0049999999999999</v>
      </c>
      <c r="W4167" s="2">
        <v>1.0999999999999999E-2</v>
      </c>
      <c r="X4167" s="2">
        <v>139.1</v>
      </c>
      <c r="Y4167" s="2">
        <v>7.6</v>
      </c>
      <c r="Z4167" s="2">
        <v>10.6</v>
      </c>
      <c r="AA4167" s="5"/>
      <c r="AB4167" s="5" t="s">
        <v>43</v>
      </c>
      <c r="AC4167" s="5" t="s">
        <v>44</v>
      </c>
      <c r="AD4167" s="2"/>
      <c r="AE4167" s="1"/>
    </row>
    <row r="4168" spans="1:31" ht="14.45">
      <c r="A4168" s="11"/>
      <c r="B4168" s="20"/>
      <c r="C4168" s="2" t="s">
        <v>12958</v>
      </c>
      <c r="D4168" s="14" t="s">
        <v>12959</v>
      </c>
      <c r="E4168" s="2" t="s">
        <v>12960</v>
      </c>
      <c r="F4168" s="2" t="s">
        <v>2348</v>
      </c>
      <c r="G4168" s="8">
        <v>168</v>
      </c>
      <c r="H4168" s="5">
        <v>13</v>
      </c>
      <c r="I4168" s="5" t="s">
        <v>1518</v>
      </c>
      <c r="J4168" s="5" t="s">
        <v>1519</v>
      </c>
      <c r="K4168" s="2" t="s">
        <v>1520</v>
      </c>
      <c r="L4168" s="5" t="s">
        <v>1519</v>
      </c>
      <c r="M4168" s="2" t="s">
        <v>1520</v>
      </c>
      <c r="N4168" s="5" t="s">
        <v>1521</v>
      </c>
      <c r="O4168" s="5" t="s">
        <v>38</v>
      </c>
      <c r="P4168" s="5" t="s">
        <v>39</v>
      </c>
      <c r="Q4168" s="5" t="s">
        <v>40</v>
      </c>
      <c r="R4168" s="5" t="s">
        <v>1522</v>
      </c>
      <c r="S4168" s="5" t="s">
        <v>1523</v>
      </c>
      <c r="T4168" s="5" t="s">
        <v>42</v>
      </c>
      <c r="U4168" s="2">
        <v>2.4390000000000001</v>
      </c>
      <c r="V4168" s="2">
        <v>2.0609999999999999</v>
      </c>
      <c r="W4168" s="2">
        <v>1.0999999999999999E-2</v>
      </c>
      <c r="X4168" s="2">
        <v>139.1</v>
      </c>
      <c r="Y4168" s="2">
        <v>7.6</v>
      </c>
      <c r="Z4168" s="2">
        <v>10.6</v>
      </c>
      <c r="AA4168" s="5"/>
      <c r="AB4168" s="5" t="s">
        <v>43</v>
      </c>
      <c r="AC4168" s="5" t="s">
        <v>44</v>
      </c>
      <c r="AD4168" s="2"/>
      <c r="AE4168" s="1"/>
    </row>
    <row r="4169" spans="1:31" ht="14.45">
      <c r="A4169" s="11"/>
      <c r="B4169" s="20"/>
      <c r="C4169" s="2" t="s">
        <v>12961</v>
      </c>
      <c r="D4169" s="14" t="s">
        <v>12962</v>
      </c>
      <c r="E4169" s="2" t="s">
        <v>12963</v>
      </c>
      <c r="F4169" s="2" t="s">
        <v>2724</v>
      </c>
      <c r="G4169" s="8">
        <v>168</v>
      </c>
      <c r="H4169" s="5">
        <v>13</v>
      </c>
      <c r="I4169" s="5" t="s">
        <v>1518</v>
      </c>
      <c r="J4169" s="5" t="s">
        <v>1519</v>
      </c>
      <c r="K4169" s="2" t="s">
        <v>1520</v>
      </c>
      <c r="L4169" s="5" t="s">
        <v>1519</v>
      </c>
      <c r="M4169" s="2" t="s">
        <v>1520</v>
      </c>
      <c r="N4169" s="5" t="s">
        <v>1521</v>
      </c>
      <c r="O4169" s="5" t="s">
        <v>38</v>
      </c>
      <c r="P4169" s="5" t="s">
        <v>39</v>
      </c>
      <c r="Q4169" s="5" t="s">
        <v>40</v>
      </c>
      <c r="R4169" s="5" t="s">
        <v>1522</v>
      </c>
      <c r="S4169" s="5" t="s">
        <v>1523</v>
      </c>
      <c r="T4169" s="5" t="s">
        <v>42</v>
      </c>
      <c r="U4169" s="2">
        <v>2.4390000000000001</v>
      </c>
      <c r="V4169" s="2">
        <v>2.0609999999999999</v>
      </c>
      <c r="W4169" s="2">
        <v>1.0999999999999999E-2</v>
      </c>
      <c r="X4169" s="2">
        <v>139.1</v>
      </c>
      <c r="Y4169" s="2">
        <v>7.6</v>
      </c>
      <c r="Z4169" s="2">
        <v>10.6</v>
      </c>
      <c r="AA4169" s="5"/>
      <c r="AB4169" s="5" t="s">
        <v>43</v>
      </c>
      <c r="AC4169" s="5" t="s">
        <v>44</v>
      </c>
      <c r="AD4169" s="2"/>
      <c r="AE4169" s="1"/>
    </row>
    <row r="4170" spans="1:31" ht="14.45">
      <c r="A4170" s="11"/>
      <c r="B4170" s="20"/>
      <c r="C4170" s="2" t="s">
        <v>12964</v>
      </c>
      <c r="D4170" s="14" t="s">
        <v>12965</v>
      </c>
      <c r="E4170" s="2" t="s">
        <v>12966</v>
      </c>
      <c r="F4170" s="2" t="s">
        <v>2208</v>
      </c>
      <c r="G4170" s="8">
        <v>168</v>
      </c>
      <c r="H4170" s="5">
        <v>13</v>
      </c>
      <c r="I4170" s="5" t="s">
        <v>1518</v>
      </c>
      <c r="J4170" s="5" t="s">
        <v>1519</v>
      </c>
      <c r="K4170" s="2" t="s">
        <v>1520</v>
      </c>
      <c r="L4170" s="5" t="s">
        <v>1519</v>
      </c>
      <c r="M4170" s="2" t="s">
        <v>1520</v>
      </c>
      <c r="N4170" s="5" t="s">
        <v>1521</v>
      </c>
      <c r="O4170" s="5" t="s">
        <v>38</v>
      </c>
      <c r="P4170" s="5" t="s">
        <v>39</v>
      </c>
      <c r="Q4170" s="5" t="s">
        <v>40</v>
      </c>
      <c r="R4170" s="5" t="s">
        <v>1522</v>
      </c>
      <c r="S4170" s="5" t="s">
        <v>1523</v>
      </c>
      <c r="T4170" s="5" t="s">
        <v>42</v>
      </c>
      <c r="U4170" s="2">
        <v>2.383</v>
      </c>
      <c r="V4170" s="2">
        <v>2.0049999999999999</v>
      </c>
      <c r="W4170" s="2">
        <v>1.0999999999999999E-2</v>
      </c>
      <c r="X4170" s="2">
        <v>139.1</v>
      </c>
      <c r="Y4170" s="2">
        <v>7.6</v>
      </c>
      <c r="Z4170" s="2">
        <v>10.6</v>
      </c>
      <c r="AA4170" s="5"/>
      <c r="AB4170" s="5" t="s">
        <v>43</v>
      </c>
      <c r="AC4170" s="5" t="s">
        <v>44</v>
      </c>
      <c r="AD4170" s="2"/>
      <c r="AE4170" s="1"/>
    </row>
    <row r="4171" spans="1:31" ht="14.45">
      <c r="A4171" s="11"/>
      <c r="B4171" s="20"/>
      <c r="C4171" s="2" t="s">
        <v>12967</v>
      </c>
      <c r="D4171" s="14" t="s">
        <v>12968</v>
      </c>
      <c r="E4171" s="2" t="s">
        <v>12969</v>
      </c>
      <c r="F4171" s="2" t="s">
        <v>2212</v>
      </c>
      <c r="G4171" s="8">
        <v>168</v>
      </c>
      <c r="H4171" s="5">
        <v>13</v>
      </c>
      <c r="I4171" s="5" t="s">
        <v>1518</v>
      </c>
      <c r="J4171" s="5" t="s">
        <v>1519</v>
      </c>
      <c r="K4171" s="2" t="s">
        <v>1520</v>
      </c>
      <c r="L4171" s="5" t="s">
        <v>1519</v>
      </c>
      <c r="M4171" s="2" t="s">
        <v>1520</v>
      </c>
      <c r="N4171" s="5" t="s">
        <v>1521</v>
      </c>
      <c r="O4171" s="5" t="s">
        <v>38</v>
      </c>
      <c r="P4171" s="5" t="s">
        <v>39</v>
      </c>
      <c r="Q4171" s="5" t="s">
        <v>40</v>
      </c>
      <c r="R4171" s="5" t="s">
        <v>1522</v>
      </c>
      <c r="S4171" s="5" t="s">
        <v>1523</v>
      </c>
      <c r="T4171" s="5" t="s">
        <v>42</v>
      </c>
      <c r="U4171" s="2">
        <v>2.4390000000000001</v>
      </c>
      <c r="V4171" s="2">
        <v>2.0609999999999999</v>
      </c>
      <c r="W4171" s="2">
        <v>1.0999999999999999E-2</v>
      </c>
      <c r="X4171" s="2">
        <v>139.1</v>
      </c>
      <c r="Y4171" s="2">
        <v>7.6</v>
      </c>
      <c r="Z4171" s="2">
        <v>10.6</v>
      </c>
      <c r="AA4171" s="5"/>
      <c r="AB4171" s="5" t="s">
        <v>43</v>
      </c>
      <c r="AC4171" s="5" t="s">
        <v>44</v>
      </c>
      <c r="AD4171" s="2"/>
      <c r="AE4171" s="1"/>
    </row>
    <row r="4172" spans="1:31" ht="14.45">
      <c r="A4172" s="11"/>
      <c r="B4172" s="20"/>
      <c r="C4172" s="2" t="s">
        <v>12970</v>
      </c>
      <c r="D4172" s="14" t="s">
        <v>12971</v>
      </c>
      <c r="E4172" s="2" t="s">
        <v>12972</v>
      </c>
      <c r="F4172" s="2" t="s">
        <v>1831</v>
      </c>
      <c r="G4172" s="8">
        <v>168</v>
      </c>
      <c r="H4172" s="5">
        <v>13</v>
      </c>
      <c r="I4172" s="5" t="s">
        <v>1518</v>
      </c>
      <c r="J4172" s="5" t="s">
        <v>1519</v>
      </c>
      <c r="K4172" s="2" t="s">
        <v>1520</v>
      </c>
      <c r="L4172" s="5" t="s">
        <v>1519</v>
      </c>
      <c r="M4172" s="2" t="s">
        <v>1520</v>
      </c>
      <c r="N4172" s="5" t="s">
        <v>1521</v>
      </c>
      <c r="O4172" s="5" t="s">
        <v>38</v>
      </c>
      <c r="P4172" s="5" t="s">
        <v>39</v>
      </c>
      <c r="Q4172" s="5" t="s">
        <v>40</v>
      </c>
      <c r="R4172" s="5" t="s">
        <v>1522</v>
      </c>
      <c r="S4172" s="5" t="s">
        <v>1523</v>
      </c>
      <c r="T4172" s="5" t="s">
        <v>42</v>
      </c>
      <c r="U4172" s="2">
        <v>2.383</v>
      </c>
      <c r="V4172" s="2">
        <v>2.0049999999999999</v>
      </c>
      <c r="W4172" s="2">
        <v>1.0999999999999999E-2</v>
      </c>
      <c r="X4172" s="2">
        <v>139.1</v>
      </c>
      <c r="Y4172" s="2">
        <v>7.6</v>
      </c>
      <c r="Z4172" s="2">
        <v>10.6</v>
      </c>
      <c r="AA4172" s="5"/>
      <c r="AB4172" s="5" t="s">
        <v>43</v>
      </c>
      <c r="AC4172" s="5" t="s">
        <v>44</v>
      </c>
      <c r="AD4172" s="2"/>
      <c r="AE4172" s="1"/>
    </row>
    <row r="4173" spans="1:31" ht="14.45">
      <c r="A4173" s="11"/>
      <c r="B4173" s="20"/>
      <c r="C4173" s="2" t="s">
        <v>12973</v>
      </c>
      <c r="D4173" s="14" t="s">
        <v>12974</v>
      </c>
      <c r="E4173" s="2" t="s">
        <v>12975</v>
      </c>
      <c r="F4173" s="2" t="s">
        <v>1835</v>
      </c>
      <c r="G4173" s="8">
        <v>168</v>
      </c>
      <c r="H4173" s="5">
        <v>13</v>
      </c>
      <c r="I4173" s="5" t="s">
        <v>1518</v>
      </c>
      <c r="J4173" s="5" t="s">
        <v>1519</v>
      </c>
      <c r="K4173" s="2" t="s">
        <v>1520</v>
      </c>
      <c r="L4173" s="5" t="s">
        <v>1519</v>
      </c>
      <c r="M4173" s="2" t="s">
        <v>1520</v>
      </c>
      <c r="N4173" s="5" t="s">
        <v>1521</v>
      </c>
      <c r="O4173" s="5" t="s">
        <v>38</v>
      </c>
      <c r="P4173" s="5" t="s">
        <v>39</v>
      </c>
      <c r="Q4173" s="5" t="s">
        <v>40</v>
      </c>
      <c r="R4173" s="5" t="s">
        <v>1522</v>
      </c>
      <c r="S4173" s="5" t="s">
        <v>1523</v>
      </c>
      <c r="T4173" s="5" t="s">
        <v>42</v>
      </c>
      <c r="U4173" s="2">
        <v>2.4390000000000001</v>
      </c>
      <c r="V4173" s="2">
        <v>2.0609999999999999</v>
      </c>
      <c r="W4173" s="2">
        <v>1.0999999999999999E-2</v>
      </c>
      <c r="X4173" s="2">
        <v>139.1</v>
      </c>
      <c r="Y4173" s="2">
        <v>7.6</v>
      </c>
      <c r="Z4173" s="2">
        <v>10.6</v>
      </c>
      <c r="AA4173" s="5"/>
      <c r="AB4173" s="5" t="s">
        <v>43</v>
      </c>
      <c r="AC4173" s="5" t="s">
        <v>44</v>
      </c>
      <c r="AD4173" s="2"/>
      <c r="AE4173" s="1"/>
    </row>
    <row r="4174" spans="1:31" ht="14.45">
      <c r="A4174" s="11"/>
      <c r="B4174" s="20"/>
      <c r="C4174" s="2" t="s">
        <v>12976</v>
      </c>
      <c r="D4174" s="14" t="s">
        <v>12977</v>
      </c>
      <c r="E4174" s="2" t="s">
        <v>12978</v>
      </c>
      <c r="F4174" s="2" t="s">
        <v>1839</v>
      </c>
      <c r="G4174" s="8">
        <v>168</v>
      </c>
      <c r="H4174" s="5">
        <v>13</v>
      </c>
      <c r="I4174" s="5" t="s">
        <v>1518</v>
      </c>
      <c r="J4174" s="5" t="s">
        <v>1519</v>
      </c>
      <c r="K4174" s="2" t="s">
        <v>1520</v>
      </c>
      <c r="L4174" s="5" t="s">
        <v>1519</v>
      </c>
      <c r="M4174" s="2" t="s">
        <v>1520</v>
      </c>
      <c r="N4174" s="5" t="s">
        <v>1521</v>
      </c>
      <c r="O4174" s="5" t="s">
        <v>38</v>
      </c>
      <c r="P4174" s="5" t="s">
        <v>39</v>
      </c>
      <c r="Q4174" s="5" t="s">
        <v>40</v>
      </c>
      <c r="R4174" s="5" t="s">
        <v>1522</v>
      </c>
      <c r="S4174" s="5" t="s">
        <v>1523</v>
      </c>
      <c r="T4174" s="5" t="s">
        <v>42</v>
      </c>
      <c r="U4174" s="2">
        <v>2.383</v>
      </c>
      <c r="V4174" s="2">
        <v>2.0049999999999999</v>
      </c>
      <c r="W4174" s="2">
        <v>1.0999999999999999E-2</v>
      </c>
      <c r="X4174" s="2">
        <v>139.1</v>
      </c>
      <c r="Y4174" s="2">
        <v>7.6</v>
      </c>
      <c r="Z4174" s="2">
        <v>10.6</v>
      </c>
      <c r="AA4174" s="5"/>
      <c r="AB4174" s="5" t="s">
        <v>43</v>
      </c>
      <c r="AC4174" s="5" t="s">
        <v>44</v>
      </c>
      <c r="AD4174" s="2"/>
      <c r="AE4174" s="1"/>
    </row>
    <row r="4175" spans="1:31" ht="14.45">
      <c r="A4175" s="11"/>
      <c r="B4175" s="20"/>
      <c r="C4175" s="2" t="s">
        <v>12979</v>
      </c>
      <c r="D4175" s="14" t="s">
        <v>12980</v>
      </c>
      <c r="E4175" s="2" t="s">
        <v>12981</v>
      </c>
      <c r="F4175" s="2" t="s">
        <v>1986</v>
      </c>
      <c r="G4175" s="8">
        <v>168</v>
      </c>
      <c r="H4175" s="5">
        <v>13</v>
      </c>
      <c r="I4175" s="5" t="s">
        <v>1518</v>
      </c>
      <c r="J4175" s="5" t="s">
        <v>1519</v>
      </c>
      <c r="K4175" s="2" t="s">
        <v>1520</v>
      </c>
      <c r="L4175" s="5" t="s">
        <v>1519</v>
      </c>
      <c r="M4175" s="2" t="s">
        <v>1520</v>
      </c>
      <c r="N4175" s="5" t="s">
        <v>1521</v>
      </c>
      <c r="O4175" s="5" t="s">
        <v>38</v>
      </c>
      <c r="P4175" s="5" t="s">
        <v>39</v>
      </c>
      <c r="Q4175" s="5" t="s">
        <v>40</v>
      </c>
      <c r="R4175" s="5" t="s">
        <v>1522</v>
      </c>
      <c r="S4175" s="5" t="s">
        <v>1523</v>
      </c>
      <c r="T4175" s="5" t="s">
        <v>42</v>
      </c>
      <c r="U4175" s="2">
        <v>2.4390000000000001</v>
      </c>
      <c r="V4175" s="2">
        <v>2.0609999999999999</v>
      </c>
      <c r="W4175" s="2">
        <v>1.0999999999999999E-2</v>
      </c>
      <c r="X4175" s="2">
        <v>139.1</v>
      </c>
      <c r="Y4175" s="2">
        <v>7.6</v>
      </c>
      <c r="Z4175" s="2">
        <v>10.6</v>
      </c>
      <c r="AA4175" s="5"/>
      <c r="AB4175" s="5" t="s">
        <v>43</v>
      </c>
      <c r="AC4175" s="5" t="s">
        <v>44</v>
      </c>
      <c r="AD4175" s="2"/>
      <c r="AE4175" s="1"/>
    </row>
    <row r="4176" spans="1:31" ht="14.45">
      <c r="A4176" s="11"/>
      <c r="B4176" s="20"/>
      <c r="C4176" s="2" t="s">
        <v>12982</v>
      </c>
      <c r="D4176" s="14" t="s">
        <v>12983</v>
      </c>
      <c r="E4176" s="2" t="s">
        <v>12984</v>
      </c>
      <c r="F4176" s="2" t="s">
        <v>1843</v>
      </c>
      <c r="G4176" s="8">
        <v>168</v>
      </c>
      <c r="H4176" s="5">
        <v>13</v>
      </c>
      <c r="I4176" s="5" t="s">
        <v>1518</v>
      </c>
      <c r="J4176" s="5" t="s">
        <v>1519</v>
      </c>
      <c r="K4176" s="2" t="s">
        <v>1520</v>
      </c>
      <c r="L4176" s="5" t="s">
        <v>1519</v>
      </c>
      <c r="M4176" s="2" t="s">
        <v>1520</v>
      </c>
      <c r="N4176" s="5" t="s">
        <v>1521</v>
      </c>
      <c r="O4176" s="5" t="s">
        <v>38</v>
      </c>
      <c r="P4176" s="5" t="s">
        <v>39</v>
      </c>
      <c r="Q4176" s="5" t="s">
        <v>40</v>
      </c>
      <c r="R4176" s="5" t="s">
        <v>1522</v>
      </c>
      <c r="S4176" s="5" t="s">
        <v>1523</v>
      </c>
      <c r="T4176" s="5" t="s">
        <v>42</v>
      </c>
      <c r="U4176" s="2">
        <v>2.383</v>
      </c>
      <c r="V4176" s="2">
        <v>2.0049999999999999</v>
      </c>
      <c r="W4176" s="2">
        <v>1.0999999999999999E-2</v>
      </c>
      <c r="X4176" s="2">
        <v>139.1</v>
      </c>
      <c r="Y4176" s="2">
        <v>7.6</v>
      </c>
      <c r="Z4176" s="2">
        <v>10.6</v>
      </c>
      <c r="AA4176" s="5"/>
      <c r="AB4176" s="5" t="s">
        <v>43</v>
      </c>
      <c r="AC4176" s="5" t="s">
        <v>44</v>
      </c>
      <c r="AD4176" s="2"/>
      <c r="AE4176" s="1"/>
    </row>
    <row r="4177" spans="1:31" ht="14.45">
      <c r="A4177" s="11"/>
      <c r="B4177" s="20"/>
      <c r="C4177" s="2" t="s">
        <v>12985</v>
      </c>
      <c r="D4177" s="14" t="s">
        <v>12986</v>
      </c>
      <c r="E4177" s="2" t="s">
        <v>12987</v>
      </c>
      <c r="F4177" s="2" t="s">
        <v>1847</v>
      </c>
      <c r="G4177" s="8">
        <v>168</v>
      </c>
      <c r="H4177" s="5">
        <v>13</v>
      </c>
      <c r="I4177" s="5" t="s">
        <v>1518</v>
      </c>
      <c r="J4177" s="5" t="s">
        <v>1519</v>
      </c>
      <c r="K4177" s="2" t="s">
        <v>1520</v>
      </c>
      <c r="L4177" s="5" t="s">
        <v>1519</v>
      </c>
      <c r="M4177" s="2" t="s">
        <v>1520</v>
      </c>
      <c r="N4177" s="5" t="s">
        <v>1521</v>
      </c>
      <c r="O4177" s="5" t="s">
        <v>38</v>
      </c>
      <c r="P4177" s="5" t="s">
        <v>39</v>
      </c>
      <c r="Q4177" s="5" t="s">
        <v>40</v>
      </c>
      <c r="R4177" s="5" t="s">
        <v>1522</v>
      </c>
      <c r="S4177" s="5" t="s">
        <v>1523</v>
      </c>
      <c r="T4177" s="5" t="s">
        <v>42</v>
      </c>
      <c r="U4177" s="2">
        <v>2.4390000000000001</v>
      </c>
      <c r="V4177" s="2">
        <v>2.0609999999999999</v>
      </c>
      <c r="W4177" s="2">
        <v>1.0999999999999999E-2</v>
      </c>
      <c r="X4177" s="2">
        <v>139.1</v>
      </c>
      <c r="Y4177" s="2">
        <v>7.6</v>
      </c>
      <c r="Z4177" s="2">
        <v>10.6</v>
      </c>
      <c r="AA4177" s="5"/>
      <c r="AB4177" s="5" t="s">
        <v>43</v>
      </c>
      <c r="AC4177" s="5" t="s">
        <v>44</v>
      </c>
      <c r="AD4177" s="2"/>
      <c r="AE4177" s="1"/>
    </row>
    <row r="4178" spans="1:31" ht="14.45">
      <c r="A4178" s="11"/>
      <c r="B4178" s="20"/>
      <c r="C4178" s="2" t="s">
        <v>12988</v>
      </c>
      <c r="D4178" s="14" t="s">
        <v>12989</v>
      </c>
      <c r="E4178" s="2" t="s">
        <v>12990</v>
      </c>
      <c r="F4178" s="2" t="s">
        <v>1851</v>
      </c>
      <c r="G4178" s="8">
        <v>168</v>
      </c>
      <c r="H4178" s="5">
        <v>13</v>
      </c>
      <c r="I4178" s="5" t="s">
        <v>1518</v>
      </c>
      <c r="J4178" s="5" t="s">
        <v>1519</v>
      </c>
      <c r="K4178" s="2" t="s">
        <v>1520</v>
      </c>
      <c r="L4178" s="5" t="s">
        <v>1519</v>
      </c>
      <c r="M4178" s="2" t="s">
        <v>1520</v>
      </c>
      <c r="N4178" s="5" t="s">
        <v>1521</v>
      </c>
      <c r="O4178" s="5" t="s">
        <v>38</v>
      </c>
      <c r="P4178" s="5" t="s">
        <v>39</v>
      </c>
      <c r="Q4178" s="5" t="s">
        <v>40</v>
      </c>
      <c r="R4178" s="5" t="s">
        <v>1522</v>
      </c>
      <c r="S4178" s="5" t="s">
        <v>1523</v>
      </c>
      <c r="T4178" s="5" t="s">
        <v>42</v>
      </c>
      <c r="U4178" s="2">
        <v>2.383</v>
      </c>
      <c r="V4178" s="2">
        <v>2.0049999999999999</v>
      </c>
      <c r="W4178" s="2">
        <v>1.0999999999999999E-2</v>
      </c>
      <c r="X4178" s="2">
        <v>139.1</v>
      </c>
      <c r="Y4178" s="2">
        <v>7.6</v>
      </c>
      <c r="Z4178" s="2">
        <v>10.6</v>
      </c>
      <c r="AA4178" s="5"/>
      <c r="AB4178" s="5" t="s">
        <v>43</v>
      </c>
      <c r="AC4178" s="5" t="s">
        <v>44</v>
      </c>
      <c r="AD4178" s="2"/>
      <c r="AE4178" s="1"/>
    </row>
    <row r="4179" spans="1:31" ht="14.45">
      <c r="A4179" s="11"/>
      <c r="B4179" s="20"/>
      <c r="C4179" s="2" t="s">
        <v>12991</v>
      </c>
      <c r="D4179" s="14" t="s">
        <v>12992</v>
      </c>
      <c r="E4179" s="2" t="s">
        <v>12993</v>
      </c>
      <c r="F4179" s="2" t="s">
        <v>1999</v>
      </c>
      <c r="G4179" s="8">
        <v>168</v>
      </c>
      <c r="H4179" s="5">
        <v>13</v>
      </c>
      <c r="I4179" s="5" t="s">
        <v>1518</v>
      </c>
      <c r="J4179" s="5" t="s">
        <v>1519</v>
      </c>
      <c r="K4179" s="2" t="s">
        <v>1520</v>
      </c>
      <c r="L4179" s="5" t="s">
        <v>1519</v>
      </c>
      <c r="M4179" s="2" t="s">
        <v>1520</v>
      </c>
      <c r="N4179" s="5" t="s">
        <v>1521</v>
      </c>
      <c r="O4179" s="5" t="s">
        <v>38</v>
      </c>
      <c r="P4179" s="5" t="s">
        <v>39</v>
      </c>
      <c r="Q4179" s="5" t="s">
        <v>40</v>
      </c>
      <c r="R4179" s="5" t="s">
        <v>1522</v>
      </c>
      <c r="S4179" s="5" t="s">
        <v>1523</v>
      </c>
      <c r="T4179" s="5" t="s">
        <v>42</v>
      </c>
      <c r="U4179" s="2">
        <v>2.4390000000000001</v>
      </c>
      <c r="V4179" s="2">
        <v>2.0609999999999999</v>
      </c>
      <c r="W4179" s="2">
        <v>1.0999999999999999E-2</v>
      </c>
      <c r="X4179" s="2">
        <v>139.1</v>
      </c>
      <c r="Y4179" s="2">
        <v>7.6</v>
      </c>
      <c r="Z4179" s="2">
        <v>10.6</v>
      </c>
      <c r="AA4179" s="5"/>
      <c r="AB4179" s="5" t="s">
        <v>43</v>
      </c>
      <c r="AC4179" s="5" t="s">
        <v>44</v>
      </c>
      <c r="AD4179" s="2"/>
      <c r="AE4179" s="1"/>
    </row>
    <row r="4180" spans="1:31" ht="14.45">
      <c r="A4180" s="11"/>
      <c r="B4180" s="20"/>
      <c r="C4180" s="2" t="s">
        <v>12994</v>
      </c>
      <c r="D4180" s="14" t="s">
        <v>12995</v>
      </c>
      <c r="E4180" s="2" t="s">
        <v>12996</v>
      </c>
      <c r="F4180" s="2" t="s">
        <v>1855</v>
      </c>
      <c r="G4180" s="8">
        <v>168</v>
      </c>
      <c r="H4180" s="5">
        <v>13</v>
      </c>
      <c r="I4180" s="5" t="s">
        <v>1518</v>
      </c>
      <c r="J4180" s="5" t="s">
        <v>1519</v>
      </c>
      <c r="K4180" s="2" t="s">
        <v>1520</v>
      </c>
      <c r="L4180" s="5" t="s">
        <v>1519</v>
      </c>
      <c r="M4180" s="2" t="s">
        <v>1520</v>
      </c>
      <c r="N4180" s="5" t="s">
        <v>1521</v>
      </c>
      <c r="O4180" s="5" t="s">
        <v>38</v>
      </c>
      <c r="P4180" s="5" t="s">
        <v>39</v>
      </c>
      <c r="Q4180" s="5" t="s">
        <v>40</v>
      </c>
      <c r="R4180" s="5" t="s">
        <v>1522</v>
      </c>
      <c r="S4180" s="5" t="s">
        <v>1523</v>
      </c>
      <c r="T4180" s="5" t="s">
        <v>42</v>
      </c>
      <c r="U4180" s="2">
        <v>2.383</v>
      </c>
      <c r="V4180" s="2">
        <v>2.0049999999999999</v>
      </c>
      <c r="W4180" s="2">
        <v>1.0999999999999999E-2</v>
      </c>
      <c r="X4180" s="2">
        <v>139.1</v>
      </c>
      <c r="Y4180" s="2">
        <v>7.6</v>
      </c>
      <c r="Z4180" s="2">
        <v>10.6</v>
      </c>
      <c r="AA4180" s="5"/>
      <c r="AB4180" s="5" t="s">
        <v>43</v>
      </c>
      <c r="AC4180" s="5" t="s">
        <v>44</v>
      </c>
      <c r="AD4180" s="2"/>
      <c r="AE4180" s="1"/>
    </row>
    <row r="4181" spans="1:31" ht="14.45">
      <c r="A4181" s="11"/>
      <c r="B4181" s="20"/>
      <c r="C4181" s="2" t="s">
        <v>12997</v>
      </c>
      <c r="D4181" s="14" t="s">
        <v>12998</v>
      </c>
      <c r="E4181" s="2" t="s">
        <v>12999</v>
      </c>
      <c r="F4181" s="2" t="s">
        <v>1859</v>
      </c>
      <c r="G4181" s="8">
        <v>168</v>
      </c>
      <c r="H4181" s="5">
        <v>13</v>
      </c>
      <c r="I4181" s="5" t="s">
        <v>1518</v>
      </c>
      <c r="J4181" s="5" t="s">
        <v>1519</v>
      </c>
      <c r="K4181" s="2" t="s">
        <v>1520</v>
      </c>
      <c r="L4181" s="5" t="s">
        <v>1519</v>
      </c>
      <c r="M4181" s="2" t="s">
        <v>1520</v>
      </c>
      <c r="N4181" s="5" t="s">
        <v>1521</v>
      </c>
      <c r="O4181" s="5" t="s">
        <v>38</v>
      </c>
      <c r="P4181" s="5" t="s">
        <v>39</v>
      </c>
      <c r="Q4181" s="5" t="s">
        <v>40</v>
      </c>
      <c r="R4181" s="5" t="s">
        <v>1522</v>
      </c>
      <c r="S4181" s="5" t="s">
        <v>1523</v>
      </c>
      <c r="T4181" s="5" t="s">
        <v>42</v>
      </c>
      <c r="U4181" s="2">
        <v>2.4390000000000001</v>
      </c>
      <c r="V4181" s="2">
        <v>2.0609999999999999</v>
      </c>
      <c r="W4181" s="2">
        <v>1.0999999999999999E-2</v>
      </c>
      <c r="X4181" s="2">
        <v>139.1</v>
      </c>
      <c r="Y4181" s="2">
        <v>7.6</v>
      </c>
      <c r="Z4181" s="2">
        <v>10.6</v>
      </c>
      <c r="AA4181" s="5"/>
      <c r="AB4181" s="5" t="s">
        <v>43</v>
      </c>
      <c r="AC4181" s="5" t="s">
        <v>44</v>
      </c>
      <c r="AD4181" s="2"/>
      <c r="AE4181" s="1"/>
    </row>
    <row r="4182" spans="1:31" ht="14.45">
      <c r="A4182" s="11"/>
      <c r="B4182" s="20"/>
      <c r="C4182" s="2" t="s">
        <v>13000</v>
      </c>
      <c r="D4182" s="14" t="s">
        <v>13001</v>
      </c>
      <c r="E4182" s="2" t="s">
        <v>13002</v>
      </c>
      <c r="F4182" s="2" t="s">
        <v>1863</v>
      </c>
      <c r="G4182" s="8">
        <v>168</v>
      </c>
      <c r="H4182" s="5">
        <v>11</v>
      </c>
      <c r="I4182" s="5" t="s">
        <v>1518</v>
      </c>
      <c r="J4182" s="5" t="s">
        <v>1519</v>
      </c>
      <c r="K4182" s="2" t="s">
        <v>1520</v>
      </c>
      <c r="L4182" s="5" t="s">
        <v>1519</v>
      </c>
      <c r="M4182" s="2" t="s">
        <v>1520</v>
      </c>
      <c r="N4182" s="5" t="s">
        <v>1521</v>
      </c>
      <c r="O4182" s="5" t="s">
        <v>38</v>
      </c>
      <c r="P4182" s="5" t="s">
        <v>39</v>
      </c>
      <c r="Q4182" s="5" t="s">
        <v>40</v>
      </c>
      <c r="R4182" s="5" t="s">
        <v>1522</v>
      </c>
      <c r="S4182" s="5" t="s">
        <v>1523</v>
      </c>
      <c r="T4182" s="5" t="s">
        <v>42</v>
      </c>
      <c r="U4182" s="2">
        <v>2.319</v>
      </c>
      <c r="V4182" s="2">
        <v>1.9390000000000001</v>
      </c>
      <c r="W4182" s="2">
        <v>1.0999999999999999E-2</v>
      </c>
      <c r="X4182" s="2">
        <v>139.1</v>
      </c>
      <c r="Y4182" s="2">
        <v>7.6</v>
      </c>
      <c r="Z4182" s="2">
        <v>10.6</v>
      </c>
      <c r="AA4182" s="5"/>
      <c r="AB4182" s="5" t="s">
        <v>43</v>
      </c>
      <c r="AC4182" s="5" t="s">
        <v>44</v>
      </c>
      <c r="AD4182" s="2"/>
      <c r="AE4182" s="1"/>
    </row>
    <row r="4183" spans="1:31" ht="14.45">
      <c r="A4183" s="11"/>
      <c r="B4183" s="20"/>
      <c r="C4183" s="2" t="s">
        <v>13003</v>
      </c>
      <c r="D4183" s="14" t="s">
        <v>13004</v>
      </c>
      <c r="E4183" s="2" t="s">
        <v>13005</v>
      </c>
      <c r="F4183" s="2" t="s">
        <v>1867</v>
      </c>
      <c r="G4183" s="8">
        <v>168</v>
      </c>
      <c r="H4183" s="5">
        <v>11</v>
      </c>
      <c r="I4183" s="5" t="s">
        <v>1518</v>
      </c>
      <c r="J4183" s="5" t="s">
        <v>1519</v>
      </c>
      <c r="K4183" s="2" t="s">
        <v>1520</v>
      </c>
      <c r="L4183" s="5" t="s">
        <v>1519</v>
      </c>
      <c r="M4183" s="2" t="s">
        <v>1520</v>
      </c>
      <c r="N4183" s="5" t="s">
        <v>1521</v>
      </c>
      <c r="O4183" s="5" t="s">
        <v>38</v>
      </c>
      <c r="P4183" s="5" t="s">
        <v>39</v>
      </c>
      <c r="Q4183" s="5" t="s">
        <v>40</v>
      </c>
      <c r="R4183" s="5" t="s">
        <v>1522</v>
      </c>
      <c r="S4183" s="5" t="s">
        <v>1523</v>
      </c>
      <c r="T4183" s="5" t="s">
        <v>42</v>
      </c>
      <c r="U4183" s="2">
        <v>2.375</v>
      </c>
      <c r="V4183" s="2">
        <v>1.9950000000000001</v>
      </c>
      <c r="W4183" s="2">
        <v>1.0999999999999999E-2</v>
      </c>
      <c r="X4183" s="2">
        <v>139.1</v>
      </c>
      <c r="Y4183" s="2">
        <v>7.6</v>
      </c>
      <c r="Z4183" s="2">
        <v>10.6</v>
      </c>
      <c r="AA4183" s="5"/>
      <c r="AB4183" s="5" t="s">
        <v>43</v>
      </c>
      <c r="AC4183" s="5" t="s">
        <v>44</v>
      </c>
      <c r="AD4183" s="2"/>
      <c r="AE4183" s="1"/>
    </row>
    <row r="4184" spans="1:31" ht="14.45">
      <c r="A4184" s="11"/>
      <c r="B4184" s="20"/>
      <c r="C4184" s="2" t="s">
        <v>13006</v>
      </c>
      <c r="D4184" s="14" t="s">
        <v>13007</v>
      </c>
      <c r="E4184" s="2" t="s">
        <v>13008</v>
      </c>
      <c r="F4184" s="2" t="s">
        <v>7396</v>
      </c>
      <c r="G4184" s="8">
        <v>164</v>
      </c>
      <c r="H4184" s="5">
        <v>5</v>
      </c>
      <c r="I4184" s="5" t="s">
        <v>1518</v>
      </c>
      <c r="J4184" s="5" t="s">
        <v>1519</v>
      </c>
      <c r="K4184" s="2" t="s">
        <v>1520</v>
      </c>
      <c r="L4184" s="5" t="s">
        <v>1519</v>
      </c>
      <c r="M4184" s="2" t="s">
        <v>1520</v>
      </c>
      <c r="N4184" s="5" t="s">
        <v>1521</v>
      </c>
      <c r="O4184" s="5" t="s">
        <v>38</v>
      </c>
      <c r="P4184" s="5" t="s">
        <v>39</v>
      </c>
      <c r="Q4184" s="5" t="s">
        <v>40</v>
      </c>
      <c r="R4184" s="5" t="s">
        <v>1522</v>
      </c>
      <c r="S4184" s="5" t="s">
        <v>1523</v>
      </c>
      <c r="T4184" s="5" t="s">
        <v>42</v>
      </c>
      <c r="U4184" s="2">
        <v>2.5139999999999998</v>
      </c>
      <c r="V4184" s="2">
        <v>2.0920000000000001</v>
      </c>
      <c r="W4184" s="2">
        <v>1.2999999999999999E-2</v>
      </c>
      <c r="X4184" s="2">
        <v>159.1</v>
      </c>
      <c r="Y4184" s="2">
        <v>7.6</v>
      </c>
      <c r="Z4184" s="2">
        <v>10.6</v>
      </c>
      <c r="AA4184" s="5"/>
      <c r="AB4184" s="5" t="s">
        <v>43</v>
      </c>
      <c r="AC4184" s="5" t="s">
        <v>44</v>
      </c>
      <c r="AD4184" s="2"/>
      <c r="AE4184" s="1"/>
    </row>
    <row r="4185" spans="1:31" ht="14.45">
      <c r="A4185" s="11"/>
      <c r="B4185" s="20"/>
      <c r="C4185" s="2" t="s">
        <v>13009</v>
      </c>
      <c r="D4185" s="14" t="s">
        <v>13010</v>
      </c>
      <c r="E4185" s="2" t="s">
        <v>13011</v>
      </c>
      <c r="F4185" s="2" t="s">
        <v>7507</v>
      </c>
      <c r="G4185" s="8">
        <v>164</v>
      </c>
      <c r="H4185" s="5">
        <v>5</v>
      </c>
      <c r="I4185" s="5" t="s">
        <v>1518</v>
      </c>
      <c r="J4185" s="5" t="s">
        <v>1519</v>
      </c>
      <c r="K4185" s="2" t="s">
        <v>1520</v>
      </c>
      <c r="L4185" s="5" t="s">
        <v>1519</v>
      </c>
      <c r="M4185" s="2" t="s">
        <v>1520</v>
      </c>
      <c r="N4185" s="5" t="s">
        <v>1521</v>
      </c>
      <c r="O4185" s="5" t="s">
        <v>38</v>
      </c>
      <c r="P4185" s="5" t="s">
        <v>39</v>
      </c>
      <c r="Q4185" s="5" t="s">
        <v>40</v>
      </c>
      <c r="R4185" s="5" t="s">
        <v>1522</v>
      </c>
      <c r="S4185" s="5" t="s">
        <v>1523</v>
      </c>
      <c r="T4185" s="5" t="s">
        <v>42</v>
      </c>
      <c r="U4185" s="2">
        <v>2.5739999999999998</v>
      </c>
      <c r="V4185" s="2">
        <v>2.1520000000000001</v>
      </c>
      <c r="W4185" s="2">
        <v>1.2999999999999999E-2</v>
      </c>
      <c r="X4185" s="2">
        <v>159.1</v>
      </c>
      <c r="Y4185" s="2">
        <v>7.6</v>
      </c>
      <c r="Z4185" s="2">
        <v>10.6</v>
      </c>
      <c r="AA4185" s="5"/>
      <c r="AB4185" s="5" t="s">
        <v>43</v>
      </c>
      <c r="AC4185" s="5" t="s">
        <v>44</v>
      </c>
      <c r="AD4185" s="2"/>
      <c r="AE4185" s="1"/>
    </row>
    <row r="4186" spans="1:31" ht="14.45">
      <c r="A4186" s="11"/>
      <c r="B4186" s="20"/>
      <c r="C4186" s="2" t="s">
        <v>13012</v>
      </c>
      <c r="D4186" s="14" t="s">
        <v>13013</v>
      </c>
      <c r="E4186" s="2" t="s">
        <v>13014</v>
      </c>
      <c r="F4186" s="2" t="s">
        <v>7204</v>
      </c>
      <c r="G4186" s="8">
        <v>164</v>
      </c>
      <c r="H4186" s="5">
        <v>5</v>
      </c>
      <c r="I4186" s="5" t="s">
        <v>1518</v>
      </c>
      <c r="J4186" s="5" t="s">
        <v>1519</v>
      </c>
      <c r="K4186" s="2" t="s">
        <v>1520</v>
      </c>
      <c r="L4186" s="5" t="s">
        <v>1519</v>
      </c>
      <c r="M4186" s="2" t="s">
        <v>1520</v>
      </c>
      <c r="N4186" s="5" t="s">
        <v>1521</v>
      </c>
      <c r="O4186" s="5" t="s">
        <v>38</v>
      </c>
      <c r="P4186" s="5" t="s">
        <v>39</v>
      </c>
      <c r="Q4186" s="5" t="s">
        <v>40</v>
      </c>
      <c r="R4186" s="5" t="s">
        <v>1522</v>
      </c>
      <c r="S4186" s="5" t="s">
        <v>1523</v>
      </c>
      <c r="T4186" s="5" t="s">
        <v>42</v>
      </c>
      <c r="U4186" s="2">
        <v>2.5270000000000001</v>
      </c>
      <c r="V4186" s="2">
        <v>2.105</v>
      </c>
      <c r="W4186" s="2">
        <v>1.2999999999999999E-2</v>
      </c>
      <c r="X4186" s="2">
        <v>159.1</v>
      </c>
      <c r="Y4186" s="2">
        <v>7.6</v>
      </c>
      <c r="Z4186" s="2">
        <v>10.6</v>
      </c>
      <c r="AA4186" s="5"/>
      <c r="AB4186" s="5" t="s">
        <v>43</v>
      </c>
      <c r="AC4186" s="5" t="s">
        <v>44</v>
      </c>
      <c r="AD4186" s="2"/>
      <c r="AE4186" s="1"/>
    </row>
    <row r="4187" spans="1:31" ht="14.45">
      <c r="A4187" s="11"/>
      <c r="B4187" s="20"/>
      <c r="C4187" s="2" t="s">
        <v>13015</v>
      </c>
      <c r="D4187" s="14" t="s">
        <v>13016</v>
      </c>
      <c r="E4187" s="2" t="s">
        <v>13017</v>
      </c>
      <c r="F4187" s="2" t="s">
        <v>7514</v>
      </c>
      <c r="G4187" s="8">
        <v>164</v>
      </c>
      <c r="H4187" s="5">
        <v>5</v>
      </c>
      <c r="I4187" s="5" t="s">
        <v>1518</v>
      </c>
      <c r="J4187" s="5" t="s">
        <v>1519</v>
      </c>
      <c r="K4187" s="2" t="s">
        <v>1520</v>
      </c>
      <c r="L4187" s="5" t="s">
        <v>1519</v>
      </c>
      <c r="M4187" s="2" t="s">
        <v>1520</v>
      </c>
      <c r="N4187" s="5" t="s">
        <v>1521</v>
      </c>
      <c r="O4187" s="5" t="s">
        <v>38</v>
      </c>
      <c r="P4187" s="5" t="s">
        <v>39</v>
      </c>
      <c r="Q4187" s="5" t="s">
        <v>40</v>
      </c>
      <c r="R4187" s="5" t="s">
        <v>1522</v>
      </c>
      <c r="S4187" s="5" t="s">
        <v>1523</v>
      </c>
      <c r="T4187" s="5" t="s">
        <v>42</v>
      </c>
      <c r="U4187" s="2">
        <v>2.5880000000000001</v>
      </c>
      <c r="V4187" s="2">
        <v>2.1659999999999999</v>
      </c>
      <c r="W4187" s="2">
        <v>1.2999999999999999E-2</v>
      </c>
      <c r="X4187" s="2">
        <v>159.1</v>
      </c>
      <c r="Y4187" s="2">
        <v>7.6</v>
      </c>
      <c r="Z4187" s="2">
        <v>10.6</v>
      </c>
      <c r="AA4187" s="5"/>
      <c r="AB4187" s="5" t="s">
        <v>43</v>
      </c>
      <c r="AC4187" s="5" t="s">
        <v>44</v>
      </c>
      <c r="AD4187" s="2"/>
      <c r="AE4187" s="1"/>
    </row>
    <row r="4188" spans="1:31" ht="14.45">
      <c r="A4188" s="11"/>
      <c r="B4188" s="20"/>
      <c r="C4188" s="2" t="s">
        <v>13018</v>
      </c>
      <c r="D4188" s="14" t="s">
        <v>13019</v>
      </c>
      <c r="E4188" s="2" t="s">
        <v>13020</v>
      </c>
      <c r="F4188" s="2" t="s">
        <v>7208</v>
      </c>
      <c r="G4188" s="8">
        <v>164</v>
      </c>
      <c r="H4188" s="5">
        <v>5</v>
      </c>
      <c r="I4188" s="5" t="s">
        <v>1518</v>
      </c>
      <c r="J4188" s="5" t="s">
        <v>1519</v>
      </c>
      <c r="K4188" s="2" t="s">
        <v>1520</v>
      </c>
      <c r="L4188" s="5" t="s">
        <v>1519</v>
      </c>
      <c r="M4188" s="2" t="s">
        <v>1520</v>
      </c>
      <c r="N4188" s="5" t="s">
        <v>1521</v>
      </c>
      <c r="O4188" s="5" t="s">
        <v>38</v>
      </c>
      <c r="P4188" s="5" t="s">
        <v>39</v>
      </c>
      <c r="Q4188" s="5" t="s">
        <v>40</v>
      </c>
      <c r="R4188" s="5" t="s">
        <v>1522</v>
      </c>
      <c r="S4188" s="5" t="s">
        <v>1523</v>
      </c>
      <c r="T4188" s="5" t="s">
        <v>42</v>
      </c>
      <c r="U4188" s="2">
        <v>2.5270000000000001</v>
      </c>
      <c r="V4188" s="2">
        <v>2.105</v>
      </c>
      <c r="W4188" s="2">
        <v>1.2999999999999999E-2</v>
      </c>
      <c r="X4188" s="2">
        <v>159.1</v>
      </c>
      <c r="Y4188" s="2">
        <v>7.6</v>
      </c>
      <c r="Z4188" s="2">
        <v>10.6</v>
      </c>
      <c r="AA4188" s="5"/>
      <c r="AB4188" s="5" t="s">
        <v>43</v>
      </c>
      <c r="AC4188" s="5" t="s">
        <v>44</v>
      </c>
      <c r="AD4188" s="2"/>
      <c r="AE4188" s="1"/>
    </row>
    <row r="4189" spans="1:31" ht="14.45">
      <c r="A4189" s="11"/>
      <c r="B4189" s="20"/>
      <c r="C4189" s="2" t="s">
        <v>13021</v>
      </c>
      <c r="D4189" s="14" t="s">
        <v>13022</v>
      </c>
      <c r="E4189" s="2" t="s">
        <v>13023</v>
      </c>
      <c r="F4189" s="2" t="s">
        <v>7521</v>
      </c>
      <c r="G4189" s="8">
        <v>164</v>
      </c>
      <c r="H4189" s="5">
        <v>5</v>
      </c>
      <c r="I4189" s="5" t="s">
        <v>1518</v>
      </c>
      <c r="J4189" s="5" t="s">
        <v>1519</v>
      </c>
      <c r="K4189" s="2" t="s">
        <v>1520</v>
      </c>
      <c r="L4189" s="5" t="s">
        <v>1519</v>
      </c>
      <c r="M4189" s="2" t="s">
        <v>1520</v>
      </c>
      <c r="N4189" s="5" t="s">
        <v>1521</v>
      </c>
      <c r="O4189" s="5" t="s">
        <v>38</v>
      </c>
      <c r="P4189" s="5" t="s">
        <v>39</v>
      </c>
      <c r="Q4189" s="5" t="s">
        <v>40</v>
      </c>
      <c r="R4189" s="5" t="s">
        <v>1522</v>
      </c>
      <c r="S4189" s="5" t="s">
        <v>1523</v>
      </c>
      <c r="T4189" s="5" t="s">
        <v>42</v>
      </c>
      <c r="U4189" s="2">
        <v>2.5870000000000002</v>
      </c>
      <c r="V4189" s="2">
        <v>2.165</v>
      </c>
      <c r="W4189" s="2">
        <v>1.2999999999999999E-2</v>
      </c>
      <c r="X4189" s="2">
        <v>159.1</v>
      </c>
      <c r="Y4189" s="2">
        <v>7.6</v>
      </c>
      <c r="Z4189" s="2">
        <v>10.6</v>
      </c>
      <c r="AA4189" s="5"/>
      <c r="AB4189" s="5" t="s">
        <v>43</v>
      </c>
      <c r="AC4189" s="5" t="s">
        <v>44</v>
      </c>
      <c r="AD4189" s="2"/>
      <c r="AE4189" s="1"/>
    </row>
    <row r="4190" spans="1:31" ht="14.45">
      <c r="A4190" s="11"/>
      <c r="B4190" s="20"/>
      <c r="C4190" s="2" t="s">
        <v>13024</v>
      </c>
      <c r="D4190" s="14" t="s">
        <v>13025</v>
      </c>
      <c r="E4190" s="2" t="s">
        <v>13026</v>
      </c>
      <c r="F4190" s="2" t="s">
        <v>7212</v>
      </c>
      <c r="G4190" s="8">
        <v>164</v>
      </c>
      <c r="H4190" s="5">
        <v>5</v>
      </c>
      <c r="I4190" s="5" t="s">
        <v>1518</v>
      </c>
      <c r="J4190" s="5" t="s">
        <v>1519</v>
      </c>
      <c r="K4190" s="2" t="s">
        <v>1520</v>
      </c>
      <c r="L4190" s="5" t="s">
        <v>1519</v>
      </c>
      <c r="M4190" s="2" t="s">
        <v>1520</v>
      </c>
      <c r="N4190" s="5" t="s">
        <v>1521</v>
      </c>
      <c r="O4190" s="5" t="s">
        <v>38</v>
      </c>
      <c r="P4190" s="5" t="s">
        <v>39</v>
      </c>
      <c r="Q4190" s="5" t="s">
        <v>40</v>
      </c>
      <c r="R4190" s="5" t="s">
        <v>1522</v>
      </c>
      <c r="S4190" s="5" t="s">
        <v>1523</v>
      </c>
      <c r="T4190" s="5" t="s">
        <v>42</v>
      </c>
      <c r="U4190" s="2">
        <v>2.4849999999999999</v>
      </c>
      <c r="V4190" s="2">
        <v>2.0630000000000002</v>
      </c>
      <c r="W4190" s="2">
        <v>1.2999999999999999E-2</v>
      </c>
      <c r="X4190" s="2">
        <v>159.1</v>
      </c>
      <c r="Y4190" s="2">
        <v>7.6</v>
      </c>
      <c r="Z4190" s="2">
        <v>10.6</v>
      </c>
      <c r="AA4190" s="5"/>
      <c r="AB4190" s="5" t="s">
        <v>43</v>
      </c>
      <c r="AC4190" s="5" t="s">
        <v>44</v>
      </c>
      <c r="AD4190" s="2"/>
      <c r="AE4190" s="1"/>
    </row>
    <row r="4191" spans="1:31" ht="14.45">
      <c r="A4191" s="11"/>
      <c r="B4191" s="20"/>
      <c r="C4191" s="2" t="s">
        <v>13027</v>
      </c>
      <c r="D4191" s="14" t="s">
        <v>13028</v>
      </c>
      <c r="E4191" s="2" t="s">
        <v>13029</v>
      </c>
      <c r="F4191" s="2" t="s">
        <v>7528</v>
      </c>
      <c r="G4191" s="8">
        <v>164</v>
      </c>
      <c r="H4191" s="5">
        <v>5</v>
      </c>
      <c r="I4191" s="5" t="s">
        <v>1518</v>
      </c>
      <c r="J4191" s="5" t="s">
        <v>1519</v>
      </c>
      <c r="K4191" s="2" t="s">
        <v>1520</v>
      </c>
      <c r="L4191" s="5" t="s">
        <v>1519</v>
      </c>
      <c r="M4191" s="2" t="s">
        <v>1520</v>
      </c>
      <c r="N4191" s="5" t="s">
        <v>1521</v>
      </c>
      <c r="O4191" s="5" t="s">
        <v>38</v>
      </c>
      <c r="P4191" s="5" t="s">
        <v>39</v>
      </c>
      <c r="Q4191" s="5" t="s">
        <v>40</v>
      </c>
      <c r="R4191" s="5" t="s">
        <v>1522</v>
      </c>
      <c r="S4191" s="5" t="s">
        <v>1523</v>
      </c>
      <c r="T4191" s="5" t="s">
        <v>42</v>
      </c>
      <c r="U4191" s="2">
        <v>2.5449999999999999</v>
      </c>
      <c r="V4191" s="2">
        <v>2.1230000000000002</v>
      </c>
      <c r="W4191" s="2">
        <v>1.2999999999999999E-2</v>
      </c>
      <c r="X4191" s="2">
        <v>159.1</v>
      </c>
      <c r="Y4191" s="2">
        <v>7.6</v>
      </c>
      <c r="Z4191" s="2">
        <v>10.6</v>
      </c>
      <c r="AA4191" s="5"/>
      <c r="AB4191" s="5" t="s">
        <v>43</v>
      </c>
      <c r="AC4191" s="5" t="s">
        <v>44</v>
      </c>
      <c r="AD4191" s="2"/>
      <c r="AE4191" s="1"/>
    </row>
    <row r="4192" spans="1:31" ht="14.45">
      <c r="A4192" s="11"/>
      <c r="B4192" s="20"/>
      <c r="C4192" s="2" t="s">
        <v>13030</v>
      </c>
      <c r="D4192" s="14" t="s">
        <v>13031</v>
      </c>
      <c r="E4192" s="2" t="s">
        <v>13032</v>
      </c>
      <c r="F4192" s="2" t="s">
        <v>7406</v>
      </c>
      <c r="G4192" s="8">
        <v>189</v>
      </c>
      <c r="H4192" s="5">
        <v>6</v>
      </c>
      <c r="I4192" s="5" t="s">
        <v>1518</v>
      </c>
      <c r="J4192" s="5" t="s">
        <v>1519</v>
      </c>
      <c r="K4192" s="2" t="s">
        <v>1520</v>
      </c>
      <c r="L4192" s="5" t="s">
        <v>1519</v>
      </c>
      <c r="M4192" s="2" t="s">
        <v>1520</v>
      </c>
      <c r="N4192" s="5" t="s">
        <v>1521</v>
      </c>
      <c r="O4192" s="5" t="s">
        <v>38</v>
      </c>
      <c r="P4192" s="5" t="s">
        <v>39</v>
      </c>
      <c r="Q4192" s="5" t="s">
        <v>40</v>
      </c>
      <c r="R4192" s="5" t="s">
        <v>1522</v>
      </c>
      <c r="S4192" s="5" t="s">
        <v>1523</v>
      </c>
      <c r="T4192" s="5" t="s">
        <v>42</v>
      </c>
      <c r="U4192" s="2">
        <v>2.4849999999999999</v>
      </c>
      <c r="V4192" s="2">
        <v>2.0630000000000002</v>
      </c>
      <c r="W4192" s="2">
        <v>1.2999999999999999E-2</v>
      </c>
      <c r="X4192" s="2">
        <v>159.1</v>
      </c>
      <c r="Y4192" s="2">
        <v>7.6</v>
      </c>
      <c r="Z4192" s="2">
        <v>10.6</v>
      </c>
      <c r="AA4192" s="5"/>
      <c r="AB4192" s="5" t="s">
        <v>43</v>
      </c>
      <c r="AC4192" s="5" t="s">
        <v>44</v>
      </c>
      <c r="AD4192" s="2"/>
      <c r="AE4192" s="1"/>
    </row>
    <row r="4193" spans="1:31" ht="14.45">
      <c r="A4193" s="11"/>
      <c r="B4193" s="20"/>
      <c r="C4193" s="2" t="s">
        <v>13033</v>
      </c>
      <c r="D4193" s="14" t="s">
        <v>13034</v>
      </c>
      <c r="E4193" s="2" t="s">
        <v>13035</v>
      </c>
      <c r="F4193" s="2" t="s">
        <v>7535</v>
      </c>
      <c r="G4193" s="8">
        <v>189</v>
      </c>
      <c r="H4193" s="5">
        <v>6</v>
      </c>
      <c r="I4193" s="5" t="s">
        <v>1518</v>
      </c>
      <c r="J4193" s="5" t="s">
        <v>1519</v>
      </c>
      <c r="K4193" s="2" t="s">
        <v>1520</v>
      </c>
      <c r="L4193" s="5" t="s">
        <v>1519</v>
      </c>
      <c r="M4193" s="2" t="s">
        <v>1520</v>
      </c>
      <c r="N4193" s="5" t="s">
        <v>1521</v>
      </c>
      <c r="O4193" s="5" t="s">
        <v>38</v>
      </c>
      <c r="P4193" s="5" t="s">
        <v>39</v>
      </c>
      <c r="Q4193" s="5" t="s">
        <v>40</v>
      </c>
      <c r="R4193" s="5" t="s">
        <v>1522</v>
      </c>
      <c r="S4193" s="5" t="s">
        <v>1523</v>
      </c>
      <c r="T4193" s="5" t="s">
        <v>42</v>
      </c>
      <c r="U4193" s="2">
        <v>2.5449999999999999</v>
      </c>
      <c r="V4193" s="2">
        <v>2.1230000000000002</v>
      </c>
      <c r="W4193" s="2">
        <v>1.2999999999999999E-2</v>
      </c>
      <c r="X4193" s="2">
        <v>159.1</v>
      </c>
      <c r="Y4193" s="2">
        <v>7.6</v>
      </c>
      <c r="Z4193" s="2">
        <v>10.6</v>
      </c>
      <c r="AA4193" s="5"/>
      <c r="AB4193" s="5" t="s">
        <v>43</v>
      </c>
      <c r="AC4193" s="5" t="s">
        <v>44</v>
      </c>
      <c r="AD4193" s="2"/>
      <c r="AE4193" s="1"/>
    </row>
    <row r="4194" spans="1:31" ht="14.45">
      <c r="A4194" s="11"/>
      <c r="B4194" s="20"/>
      <c r="C4194" s="2" t="s">
        <v>13036</v>
      </c>
      <c r="D4194" s="14" t="s">
        <v>13037</v>
      </c>
      <c r="E4194" s="2" t="s">
        <v>13038</v>
      </c>
      <c r="F4194" s="2" t="s">
        <v>7539</v>
      </c>
      <c r="G4194" s="8">
        <v>189</v>
      </c>
      <c r="H4194" s="5">
        <v>6</v>
      </c>
      <c r="I4194" s="5" t="s">
        <v>1518</v>
      </c>
      <c r="J4194" s="5" t="s">
        <v>1519</v>
      </c>
      <c r="K4194" s="2" t="s">
        <v>1520</v>
      </c>
      <c r="L4194" s="5" t="s">
        <v>1519</v>
      </c>
      <c r="M4194" s="2" t="s">
        <v>1520</v>
      </c>
      <c r="N4194" s="5" t="s">
        <v>1521</v>
      </c>
      <c r="O4194" s="5" t="s">
        <v>38</v>
      </c>
      <c r="P4194" s="5" t="s">
        <v>39</v>
      </c>
      <c r="Q4194" s="5" t="s">
        <v>40</v>
      </c>
      <c r="R4194" s="5" t="s">
        <v>1522</v>
      </c>
      <c r="S4194" s="5" t="s">
        <v>1523</v>
      </c>
      <c r="T4194" s="5" t="s">
        <v>42</v>
      </c>
      <c r="U4194" s="2">
        <v>2.5270000000000001</v>
      </c>
      <c r="V4194" s="2">
        <v>2.105</v>
      </c>
      <c r="W4194" s="2">
        <v>1.2999999999999999E-2</v>
      </c>
      <c r="X4194" s="2">
        <v>159.1</v>
      </c>
      <c r="Y4194" s="2">
        <v>7.6</v>
      </c>
      <c r="Z4194" s="2">
        <v>10.6</v>
      </c>
      <c r="AA4194" s="5"/>
      <c r="AB4194" s="5" t="s">
        <v>43</v>
      </c>
      <c r="AC4194" s="5" t="s">
        <v>44</v>
      </c>
      <c r="AD4194" s="2"/>
      <c r="AE4194" s="1"/>
    </row>
    <row r="4195" spans="1:31" ht="14.45">
      <c r="A4195" s="11"/>
      <c r="B4195" s="20"/>
      <c r="C4195" s="2" t="s">
        <v>13039</v>
      </c>
      <c r="D4195" s="14" t="s">
        <v>13040</v>
      </c>
      <c r="E4195" s="2" t="s">
        <v>13041</v>
      </c>
      <c r="F4195" s="2" t="s">
        <v>7543</v>
      </c>
      <c r="G4195" s="8">
        <v>189</v>
      </c>
      <c r="H4195" s="5">
        <v>6</v>
      </c>
      <c r="I4195" s="5" t="s">
        <v>1518</v>
      </c>
      <c r="J4195" s="5" t="s">
        <v>1519</v>
      </c>
      <c r="K4195" s="2" t="s">
        <v>1520</v>
      </c>
      <c r="L4195" s="5" t="s">
        <v>1519</v>
      </c>
      <c r="M4195" s="2" t="s">
        <v>1520</v>
      </c>
      <c r="N4195" s="5" t="s">
        <v>1521</v>
      </c>
      <c r="O4195" s="5" t="s">
        <v>38</v>
      </c>
      <c r="P4195" s="5" t="s">
        <v>39</v>
      </c>
      <c r="Q4195" s="5" t="s">
        <v>40</v>
      </c>
      <c r="R4195" s="5" t="s">
        <v>1522</v>
      </c>
      <c r="S4195" s="5" t="s">
        <v>1523</v>
      </c>
      <c r="T4195" s="5" t="s">
        <v>42</v>
      </c>
      <c r="U4195" s="2">
        <v>2.5870000000000002</v>
      </c>
      <c r="V4195" s="2">
        <v>2.165</v>
      </c>
      <c r="W4195" s="2">
        <v>1.2999999999999999E-2</v>
      </c>
      <c r="X4195" s="2">
        <v>159.1</v>
      </c>
      <c r="Y4195" s="2">
        <v>7.6</v>
      </c>
      <c r="Z4195" s="2">
        <v>10.6</v>
      </c>
      <c r="AA4195" s="5"/>
      <c r="AB4195" s="5" t="s">
        <v>43</v>
      </c>
      <c r="AC4195" s="5" t="s">
        <v>44</v>
      </c>
      <c r="AD4195" s="2"/>
      <c r="AE4195" s="1"/>
    </row>
    <row r="4196" spans="1:31" ht="14.45">
      <c r="A4196" s="11"/>
      <c r="B4196" s="20"/>
      <c r="C4196" s="2" t="s">
        <v>13042</v>
      </c>
      <c r="D4196" s="14" t="s">
        <v>13043</v>
      </c>
      <c r="E4196" s="2" t="s">
        <v>13044</v>
      </c>
      <c r="F4196" s="2" t="s">
        <v>7547</v>
      </c>
      <c r="G4196" s="8">
        <v>189</v>
      </c>
      <c r="H4196" s="5">
        <v>6</v>
      </c>
      <c r="I4196" s="5" t="s">
        <v>1518</v>
      </c>
      <c r="J4196" s="5" t="s">
        <v>1519</v>
      </c>
      <c r="K4196" s="2" t="s">
        <v>1520</v>
      </c>
      <c r="L4196" s="5" t="s">
        <v>1519</v>
      </c>
      <c r="M4196" s="2" t="s">
        <v>1520</v>
      </c>
      <c r="N4196" s="5" t="s">
        <v>1521</v>
      </c>
      <c r="O4196" s="5" t="s">
        <v>38</v>
      </c>
      <c r="P4196" s="5" t="s">
        <v>39</v>
      </c>
      <c r="Q4196" s="5" t="s">
        <v>40</v>
      </c>
      <c r="R4196" s="5" t="s">
        <v>1522</v>
      </c>
      <c r="S4196" s="5" t="s">
        <v>1523</v>
      </c>
      <c r="T4196" s="5" t="s">
        <v>42</v>
      </c>
      <c r="U4196" s="2">
        <v>2.4849999999999999</v>
      </c>
      <c r="V4196" s="2">
        <v>2.0630000000000002</v>
      </c>
      <c r="W4196" s="2">
        <v>1.2999999999999999E-2</v>
      </c>
      <c r="X4196" s="2">
        <v>159.1</v>
      </c>
      <c r="Y4196" s="2">
        <v>7.6</v>
      </c>
      <c r="Z4196" s="2">
        <v>10.6</v>
      </c>
      <c r="AA4196" s="5"/>
      <c r="AB4196" s="5" t="s">
        <v>43</v>
      </c>
      <c r="AC4196" s="5" t="s">
        <v>44</v>
      </c>
      <c r="AD4196" s="2"/>
      <c r="AE4196" s="1"/>
    </row>
    <row r="4197" spans="1:31" ht="14.45">
      <c r="A4197" s="11"/>
      <c r="B4197" s="20"/>
      <c r="C4197" s="2" t="s">
        <v>13045</v>
      </c>
      <c r="D4197" s="14" t="s">
        <v>13046</v>
      </c>
      <c r="E4197" s="2" t="s">
        <v>13047</v>
      </c>
      <c r="F4197" s="2" t="s">
        <v>7551</v>
      </c>
      <c r="G4197" s="8">
        <v>189</v>
      </c>
      <c r="H4197" s="5">
        <v>6</v>
      </c>
      <c r="I4197" s="5" t="s">
        <v>1518</v>
      </c>
      <c r="J4197" s="5" t="s">
        <v>1519</v>
      </c>
      <c r="K4197" s="2" t="s">
        <v>1520</v>
      </c>
      <c r="L4197" s="5" t="s">
        <v>1519</v>
      </c>
      <c r="M4197" s="2" t="s">
        <v>1520</v>
      </c>
      <c r="N4197" s="5" t="s">
        <v>1521</v>
      </c>
      <c r="O4197" s="5" t="s">
        <v>38</v>
      </c>
      <c r="P4197" s="5" t="s">
        <v>39</v>
      </c>
      <c r="Q4197" s="5" t="s">
        <v>40</v>
      </c>
      <c r="R4197" s="5" t="s">
        <v>1522</v>
      </c>
      <c r="S4197" s="5" t="s">
        <v>1523</v>
      </c>
      <c r="T4197" s="5" t="s">
        <v>42</v>
      </c>
      <c r="U4197" s="2">
        <v>2.5449999999999999</v>
      </c>
      <c r="V4197" s="2">
        <v>2.1230000000000002</v>
      </c>
      <c r="W4197" s="2">
        <v>1.2999999999999999E-2</v>
      </c>
      <c r="X4197" s="2">
        <v>159.1</v>
      </c>
      <c r="Y4197" s="2">
        <v>7.6</v>
      </c>
      <c r="Z4197" s="2">
        <v>10.6</v>
      </c>
      <c r="AA4197" s="5"/>
      <c r="AB4197" s="5" t="s">
        <v>43</v>
      </c>
      <c r="AC4197" s="5" t="s">
        <v>44</v>
      </c>
      <c r="AD4197" s="2"/>
      <c r="AE4197" s="1"/>
    </row>
    <row r="4198" spans="1:31" ht="14.45">
      <c r="A4198" s="11"/>
      <c r="B4198" s="20"/>
      <c r="C4198" s="2" t="s">
        <v>13048</v>
      </c>
      <c r="D4198" s="14" t="s">
        <v>13049</v>
      </c>
      <c r="E4198" s="2" t="s">
        <v>13050</v>
      </c>
      <c r="F4198" s="2" t="s">
        <v>7555</v>
      </c>
      <c r="G4198" s="8">
        <v>189</v>
      </c>
      <c r="H4198" s="5">
        <v>6</v>
      </c>
      <c r="I4198" s="5" t="s">
        <v>1518</v>
      </c>
      <c r="J4198" s="5" t="s">
        <v>1519</v>
      </c>
      <c r="K4198" s="2" t="s">
        <v>1520</v>
      </c>
      <c r="L4198" s="5" t="s">
        <v>1519</v>
      </c>
      <c r="M4198" s="2" t="s">
        <v>1520</v>
      </c>
      <c r="N4198" s="5" t="s">
        <v>1521</v>
      </c>
      <c r="O4198" s="5" t="s">
        <v>38</v>
      </c>
      <c r="P4198" s="5" t="s">
        <v>39</v>
      </c>
      <c r="Q4198" s="5" t="s">
        <v>40</v>
      </c>
      <c r="R4198" s="5" t="s">
        <v>1522</v>
      </c>
      <c r="S4198" s="5" t="s">
        <v>1523</v>
      </c>
      <c r="T4198" s="5" t="s">
        <v>42</v>
      </c>
      <c r="U4198" s="2">
        <v>2.4849999999999999</v>
      </c>
      <c r="V4198" s="2">
        <v>2.0630000000000002</v>
      </c>
      <c r="W4198" s="2">
        <v>1.2999999999999999E-2</v>
      </c>
      <c r="X4198" s="2">
        <v>159.1</v>
      </c>
      <c r="Y4198" s="2">
        <v>7.6</v>
      </c>
      <c r="Z4198" s="2">
        <v>10.6</v>
      </c>
      <c r="AA4198" s="5"/>
      <c r="AB4198" s="5" t="s">
        <v>43</v>
      </c>
      <c r="AC4198" s="5" t="s">
        <v>44</v>
      </c>
      <c r="AD4198" s="2"/>
      <c r="AE4198" s="1"/>
    </row>
    <row r="4199" spans="1:31" ht="14.45">
      <c r="A4199" s="11"/>
      <c r="B4199" s="20"/>
      <c r="C4199" s="2" t="s">
        <v>13051</v>
      </c>
      <c r="D4199" s="14" t="s">
        <v>13052</v>
      </c>
      <c r="E4199" s="2" t="s">
        <v>13053</v>
      </c>
      <c r="F4199" s="2" t="s">
        <v>7559</v>
      </c>
      <c r="G4199" s="8">
        <v>189</v>
      </c>
      <c r="H4199" s="5">
        <v>6</v>
      </c>
      <c r="I4199" s="5" t="s">
        <v>1518</v>
      </c>
      <c r="J4199" s="5" t="s">
        <v>1519</v>
      </c>
      <c r="K4199" s="2" t="s">
        <v>1520</v>
      </c>
      <c r="L4199" s="5" t="s">
        <v>1519</v>
      </c>
      <c r="M4199" s="2" t="s">
        <v>1520</v>
      </c>
      <c r="N4199" s="5" t="s">
        <v>1521</v>
      </c>
      <c r="O4199" s="5" t="s">
        <v>38</v>
      </c>
      <c r="P4199" s="5" t="s">
        <v>39</v>
      </c>
      <c r="Q4199" s="5" t="s">
        <v>40</v>
      </c>
      <c r="R4199" s="5" t="s">
        <v>1522</v>
      </c>
      <c r="S4199" s="5" t="s">
        <v>1523</v>
      </c>
      <c r="T4199" s="5" t="s">
        <v>42</v>
      </c>
      <c r="U4199" s="2">
        <v>2.5449999999999999</v>
      </c>
      <c r="V4199" s="2">
        <v>2.1230000000000002</v>
      </c>
      <c r="W4199" s="2">
        <v>1.2999999999999999E-2</v>
      </c>
      <c r="X4199" s="2">
        <v>159.1</v>
      </c>
      <c r="Y4199" s="2">
        <v>7.6</v>
      </c>
      <c r="Z4199" s="2">
        <v>10.6</v>
      </c>
      <c r="AA4199" s="5"/>
      <c r="AB4199" s="5" t="s">
        <v>43</v>
      </c>
      <c r="AC4199" s="5" t="s">
        <v>44</v>
      </c>
      <c r="AD4199" s="2"/>
      <c r="AE4199" s="1"/>
    </row>
    <row r="4200" spans="1:31" ht="14.45">
      <c r="A4200" s="11"/>
      <c r="B4200" s="20"/>
      <c r="C4200" s="2" t="s">
        <v>13054</v>
      </c>
      <c r="D4200" s="14" t="s">
        <v>13055</v>
      </c>
      <c r="E4200" s="2" t="s">
        <v>13056</v>
      </c>
      <c r="F4200" s="2" t="s">
        <v>7563</v>
      </c>
      <c r="G4200" s="8">
        <v>189</v>
      </c>
      <c r="H4200" s="5">
        <v>6</v>
      </c>
      <c r="I4200" s="5" t="s">
        <v>1518</v>
      </c>
      <c r="J4200" s="5" t="s">
        <v>1519</v>
      </c>
      <c r="K4200" s="2" t="s">
        <v>1520</v>
      </c>
      <c r="L4200" s="5" t="s">
        <v>1519</v>
      </c>
      <c r="M4200" s="2" t="s">
        <v>1520</v>
      </c>
      <c r="N4200" s="5" t="s">
        <v>1521</v>
      </c>
      <c r="O4200" s="5" t="s">
        <v>38</v>
      </c>
      <c r="P4200" s="5" t="s">
        <v>39</v>
      </c>
      <c r="Q4200" s="5" t="s">
        <v>40</v>
      </c>
      <c r="R4200" s="5" t="s">
        <v>1522</v>
      </c>
      <c r="S4200" s="5" t="s">
        <v>1523</v>
      </c>
      <c r="T4200" s="5" t="s">
        <v>42</v>
      </c>
      <c r="U4200" s="2">
        <v>2.5270000000000001</v>
      </c>
      <c r="V4200" s="2">
        <v>2.105</v>
      </c>
      <c r="W4200" s="2">
        <v>1.2999999999999999E-2</v>
      </c>
      <c r="X4200" s="2">
        <v>159.1</v>
      </c>
      <c r="Y4200" s="2">
        <v>7.6</v>
      </c>
      <c r="Z4200" s="2">
        <v>10.6</v>
      </c>
      <c r="AA4200" s="5"/>
      <c r="AB4200" s="5" t="s">
        <v>43</v>
      </c>
      <c r="AC4200" s="5" t="s">
        <v>44</v>
      </c>
      <c r="AD4200" s="2"/>
      <c r="AE4200" s="1"/>
    </row>
    <row r="4201" spans="1:31" ht="14.45">
      <c r="A4201" s="11"/>
      <c r="B4201" s="20"/>
      <c r="C4201" s="2" t="s">
        <v>13057</v>
      </c>
      <c r="D4201" s="14" t="s">
        <v>13058</v>
      </c>
      <c r="E4201" s="2" t="s">
        <v>13059</v>
      </c>
      <c r="F4201" s="2" t="s">
        <v>7567</v>
      </c>
      <c r="G4201" s="8">
        <v>189</v>
      </c>
      <c r="H4201" s="5">
        <v>6</v>
      </c>
      <c r="I4201" s="5" t="s">
        <v>1518</v>
      </c>
      <c r="J4201" s="5" t="s">
        <v>1519</v>
      </c>
      <c r="K4201" s="2" t="s">
        <v>1520</v>
      </c>
      <c r="L4201" s="5" t="s">
        <v>1519</v>
      </c>
      <c r="M4201" s="2" t="s">
        <v>1520</v>
      </c>
      <c r="N4201" s="5" t="s">
        <v>1521</v>
      </c>
      <c r="O4201" s="5" t="s">
        <v>38</v>
      </c>
      <c r="P4201" s="5" t="s">
        <v>39</v>
      </c>
      <c r="Q4201" s="5" t="s">
        <v>40</v>
      </c>
      <c r="R4201" s="5" t="s">
        <v>1522</v>
      </c>
      <c r="S4201" s="5" t="s">
        <v>1523</v>
      </c>
      <c r="T4201" s="5" t="s">
        <v>42</v>
      </c>
      <c r="U4201" s="2">
        <v>2.5870000000000002</v>
      </c>
      <c r="V4201" s="2">
        <v>2.165</v>
      </c>
      <c r="W4201" s="2">
        <v>1.2999999999999999E-2</v>
      </c>
      <c r="X4201" s="2">
        <v>159.1</v>
      </c>
      <c r="Y4201" s="2">
        <v>7.6</v>
      </c>
      <c r="Z4201" s="2">
        <v>10.6</v>
      </c>
      <c r="AA4201" s="5"/>
      <c r="AB4201" s="5" t="s">
        <v>43</v>
      </c>
      <c r="AC4201" s="5" t="s">
        <v>44</v>
      </c>
      <c r="AD4201" s="2"/>
      <c r="AE4201" s="1"/>
    </row>
    <row r="4202" spans="1:31" ht="14.45">
      <c r="A4202" s="11"/>
      <c r="B4202" s="20"/>
      <c r="C4202" s="2" t="s">
        <v>13060</v>
      </c>
      <c r="D4202" s="14" t="s">
        <v>13061</v>
      </c>
      <c r="E4202" s="2" t="s">
        <v>13062</v>
      </c>
      <c r="F4202" s="2" t="s">
        <v>7429</v>
      </c>
      <c r="G4202" s="8">
        <v>189</v>
      </c>
      <c r="H4202" s="5">
        <v>6</v>
      </c>
      <c r="I4202" s="5" t="s">
        <v>1518</v>
      </c>
      <c r="J4202" s="5" t="s">
        <v>1519</v>
      </c>
      <c r="K4202" s="2" t="s">
        <v>1520</v>
      </c>
      <c r="L4202" s="5" t="s">
        <v>1519</v>
      </c>
      <c r="M4202" s="2" t="s">
        <v>1520</v>
      </c>
      <c r="N4202" s="5" t="s">
        <v>1521</v>
      </c>
      <c r="O4202" s="5" t="s">
        <v>38</v>
      </c>
      <c r="P4202" s="5" t="s">
        <v>39</v>
      </c>
      <c r="Q4202" s="5" t="s">
        <v>40</v>
      </c>
      <c r="R4202" s="5" t="s">
        <v>1522</v>
      </c>
      <c r="S4202" s="5" t="s">
        <v>1523</v>
      </c>
      <c r="T4202" s="5" t="s">
        <v>42</v>
      </c>
      <c r="U4202" s="2">
        <v>2.5270000000000001</v>
      </c>
      <c r="V4202" s="2">
        <v>2.105</v>
      </c>
      <c r="W4202" s="2">
        <v>1.2999999999999999E-2</v>
      </c>
      <c r="X4202" s="2">
        <v>159.1</v>
      </c>
      <c r="Y4202" s="2">
        <v>7.6</v>
      </c>
      <c r="Z4202" s="2">
        <v>10.6</v>
      </c>
      <c r="AA4202" s="5"/>
      <c r="AB4202" s="5" t="s">
        <v>43</v>
      </c>
      <c r="AC4202" s="5" t="s">
        <v>44</v>
      </c>
      <c r="AD4202" s="2"/>
      <c r="AE4202" s="1"/>
    </row>
    <row r="4203" spans="1:31" ht="14.45">
      <c r="A4203" s="11"/>
      <c r="B4203" s="20"/>
      <c r="C4203" s="2" t="s">
        <v>13063</v>
      </c>
      <c r="D4203" s="14" t="s">
        <v>13064</v>
      </c>
      <c r="E4203" s="2" t="s">
        <v>13065</v>
      </c>
      <c r="F4203" s="2" t="s">
        <v>7574</v>
      </c>
      <c r="G4203" s="8">
        <v>189</v>
      </c>
      <c r="H4203" s="5">
        <v>6</v>
      </c>
      <c r="I4203" s="5" t="s">
        <v>1518</v>
      </c>
      <c r="J4203" s="5" t="s">
        <v>1519</v>
      </c>
      <c r="K4203" s="2" t="s">
        <v>1520</v>
      </c>
      <c r="L4203" s="5" t="s">
        <v>1519</v>
      </c>
      <c r="M4203" s="2" t="s">
        <v>1520</v>
      </c>
      <c r="N4203" s="5" t="s">
        <v>1521</v>
      </c>
      <c r="O4203" s="5" t="s">
        <v>38</v>
      </c>
      <c r="P4203" s="5" t="s">
        <v>39</v>
      </c>
      <c r="Q4203" s="5" t="s">
        <v>40</v>
      </c>
      <c r="R4203" s="5" t="s">
        <v>1522</v>
      </c>
      <c r="S4203" s="5" t="s">
        <v>1523</v>
      </c>
      <c r="T4203" s="5" t="s">
        <v>42</v>
      </c>
      <c r="U4203" s="2">
        <v>2.5870000000000002</v>
      </c>
      <c r="V4203" s="2">
        <v>2.165</v>
      </c>
      <c r="W4203" s="2">
        <v>1.2999999999999999E-2</v>
      </c>
      <c r="X4203" s="2">
        <v>159.1</v>
      </c>
      <c r="Y4203" s="2">
        <v>7.6</v>
      </c>
      <c r="Z4203" s="2">
        <v>10.6</v>
      </c>
      <c r="AA4203" s="5"/>
      <c r="AB4203" s="5" t="s">
        <v>43</v>
      </c>
      <c r="AC4203" s="5" t="s">
        <v>44</v>
      </c>
      <c r="AD4203" s="2"/>
      <c r="AE4203" s="1"/>
    </row>
    <row r="4204" spans="1:31" ht="14.45">
      <c r="A4204" s="11"/>
      <c r="B4204" s="20"/>
      <c r="C4204" s="2" t="s">
        <v>13066</v>
      </c>
      <c r="D4204" s="14" t="s">
        <v>13067</v>
      </c>
      <c r="E4204" s="2" t="s">
        <v>13068</v>
      </c>
      <c r="F4204" s="2" t="s">
        <v>7449</v>
      </c>
      <c r="G4204" s="8">
        <v>189</v>
      </c>
      <c r="H4204" s="5">
        <v>6</v>
      </c>
      <c r="I4204" s="5" t="s">
        <v>1518</v>
      </c>
      <c r="J4204" s="5" t="s">
        <v>1519</v>
      </c>
      <c r="K4204" s="2" t="s">
        <v>1520</v>
      </c>
      <c r="L4204" s="5" t="s">
        <v>1519</v>
      </c>
      <c r="M4204" s="2" t="s">
        <v>1520</v>
      </c>
      <c r="N4204" s="5" t="s">
        <v>1521</v>
      </c>
      <c r="O4204" s="5" t="s">
        <v>38</v>
      </c>
      <c r="P4204" s="5" t="s">
        <v>39</v>
      </c>
      <c r="Q4204" s="5" t="s">
        <v>40</v>
      </c>
      <c r="R4204" s="5" t="s">
        <v>1522</v>
      </c>
      <c r="S4204" s="5" t="s">
        <v>1523</v>
      </c>
      <c r="T4204" s="5" t="s">
        <v>42</v>
      </c>
      <c r="U4204" s="2">
        <v>2.5270000000000001</v>
      </c>
      <c r="V4204" s="2">
        <v>2.105</v>
      </c>
      <c r="W4204" s="2">
        <v>1.2999999999999999E-2</v>
      </c>
      <c r="X4204" s="2">
        <v>159.1</v>
      </c>
      <c r="Y4204" s="2">
        <v>7.6</v>
      </c>
      <c r="Z4204" s="2">
        <v>10.6</v>
      </c>
      <c r="AA4204" s="5"/>
      <c r="AB4204" s="5" t="s">
        <v>43</v>
      </c>
      <c r="AC4204" s="5" t="s">
        <v>44</v>
      </c>
      <c r="AD4204" s="2"/>
      <c r="AE4204" s="1"/>
    </row>
    <row r="4205" spans="1:31" ht="14.45">
      <c r="A4205" s="11"/>
      <c r="B4205" s="20"/>
      <c r="C4205" s="2" t="s">
        <v>13069</v>
      </c>
      <c r="D4205" s="14" t="s">
        <v>13070</v>
      </c>
      <c r="E4205" s="2" t="s">
        <v>13071</v>
      </c>
      <c r="F4205" s="2" t="s">
        <v>7581</v>
      </c>
      <c r="G4205" s="8">
        <v>189</v>
      </c>
      <c r="H4205" s="5">
        <v>6</v>
      </c>
      <c r="I4205" s="5" t="s">
        <v>1518</v>
      </c>
      <c r="J4205" s="5" t="s">
        <v>1519</v>
      </c>
      <c r="K4205" s="2" t="s">
        <v>1520</v>
      </c>
      <c r="L4205" s="5" t="s">
        <v>1519</v>
      </c>
      <c r="M4205" s="2" t="s">
        <v>1520</v>
      </c>
      <c r="N4205" s="5" t="s">
        <v>1521</v>
      </c>
      <c r="O4205" s="5" t="s">
        <v>38</v>
      </c>
      <c r="P4205" s="5" t="s">
        <v>39</v>
      </c>
      <c r="Q4205" s="5" t="s">
        <v>40</v>
      </c>
      <c r="R4205" s="5" t="s">
        <v>1522</v>
      </c>
      <c r="S4205" s="5" t="s">
        <v>1523</v>
      </c>
      <c r="T4205" s="5" t="s">
        <v>42</v>
      </c>
      <c r="U4205" s="2">
        <v>2.5870000000000002</v>
      </c>
      <c r="V4205" s="2">
        <v>2.165</v>
      </c>
      <c r="W4205" s="2">
        <v>1.2999999999999999E-2</v>
      </c>
      <c r="X4205" s="2">
        <v>159.1</v>
      </c>
      <c r="Y4205" s="2">
        <v>7.6</v>
      </c>
      <c r="Z4205" s="2">
        <v>10.6</v>
      </c>
      <c r="AA4205" s="5"/>
      <c r="AB4205" s="5" t="s">
        <v>43</v>
      </c>
      <c r="AC4205" s="5" t="s">
        <v>44</v>
      </c>
      <c r="AD4205" s="2"/>
      <c r="AE4205" s="1"/>
    </row>
    <row r="4206" spans="1:31" ht="14.45">
      <c r="A4206" s="11"/>
      <c r="B4206" s="20"/>
      <c r="C4206" s="2" t="s">
        <v>13072</v>
      </c>
      <c r="D4206" s="14" t="s">
        <v>13073</v>
      </c>
      <c r="E4206" s="2" t="s">
        <v>13074</v>
      </c>
      <c r="F4206" s="2" t="s">
        <v>7585</v>
      </c>
      <c r="G4206" s="8">
        <v>189</v>
      </c>
      <c r="H4206" s="5">
        <v>6</v>
      </c>
      <c r="I4206" s="5" t="s">
        <v>1518</v>
      </c>
      <c r="J4206" s="5" t="s">
        <v>1519</v>
      </c>
      <c r="K4206" s="2" t="s">
        <v>1520</v>
      </c>
      <c r="L4206" s="5" t="s">
        <v>1519</v>
      </c>
      <c r="M4206" s="2" t="s">
        <v>1520</v>
      </c>
      <c r="N4206" s="5" t="s">
        <v>1521</v>
      </c>
      <c r="O4206" s="5" t="s">
        <v>38</v>
      </c>
      <c r="P4206" s="5" t="s">
        <v>39</v>
      </c>
      <c r="Q4206" s="5" t="s">
        <v>40</v>
      </c>
      <c r="R4206" s="5" t="s">
        <v>1522</v>
      </c>
      <c r="S4206" s="5" t="s">
        <v>1523</v>
      </c>
      <c r="T4206" s="5" t="s">
        <v>42</v>
      </c>
      <c r="U4206" s="2">
        <v>2.4849999999999999</v>
      </c>
      <c r="V4206" s="2">
        <v>2.0630000000000002</v>
      </c>
      <c r="W4206" s="2">
        <v>1.2999999999999999E-2</v>
      </c>
      <c r="X4206" s="2">
        <v>159.1</v>
      </c>
      <c r="Y4206" s="2">
        <v>7.6</v>
      </c>
      <c r="Z4206" s="2">
        <v>10.6</v>
      </c>
      <c r="AA4206" s="5"/>
      <c r="AB4206" s="5" t="s">
        <v>43</v>
      </c>
      <c r="AC4206" s="5" t="s">
        <v>44</v>
      </c>
      <c r="AD4206" s="2"/>
      <c r="AE4206" s="1"/>
    </row>
    <row r="4207" spans="1:31" ht="14.45">
      <c r="A4207" s="11"/>
      <c r="B4207" s="20"/>
      <c r="C4207" s="2" t="s">
        <v>13075</v>
      </c>
      <c r="D4207" s="14" t="s">
        <v>13076</v>
      </c>
      <c r="E4207" s="2" t="s">
        <v>13077</v>
      </c>
      <c r="F4207" s="2" t="s">
        <v>7589</v>
      </c>
      <c r="G4207" s="8">
        <v>189</v>
      </c>
      <c r="H4207" s="5">
        <v>6</v>
      </c>
      <c r="I4207" s="5" t="s">
        <v>1518</v>
      </c>
      <c r="J4207" s="5" t="s">
        <v>1519</v>
      </c>
      <c r="K4207" s="2" t="s">
        <v>1520</v>
      </c>
      <c r="L4207" s="5" t="s">
        <v>1519</v>
      </c>
      <c r="M4207" s="2" t="s">
        <v>1520</v>
      </c>
      <c r="N4207" s="5" t="s">
        <v>1521</v>
      </c>
      <c r="O4207" s="5" t="s">
        <v>38</v>
      </c>
      <c r="P4207" s="5" t="s">
        <v>39</v>
      </c>
      <c r="Q4207" s="5" t="s">
        <v>40</v>
      </c>
      <c r="R4207" s="5" t="s">
        <v>1522</v>
      </c>
      <c r="S4207" s="5" t="s">
        <v>1523</v>
      </c>
      <c r="T4207" s="5" t="s">
        <v>42</v>
      </c>
      <c r="U4207" s="2">
        <v>2.5449999999999999</v>
      </c>
      <c r="V4207" s="2">
        <v>2.1230000000000002</v>
      </c>
      <c r="W4207" s="2">
        <v>1.2999999999999999E-2</v>
      </c>
      <c r="X4207" s="2">
        <v>159.1</v>
      </c>
      <c r="Y4207" s="2">
        <v>7.6</v>
      </c>
      <c r="Z4207" s="2">
        <v>10.6</v>
      </c>
      <c r="AA4207" s="5"/>
      <c r="AB4207" s="5" t="s">
        <v>43</v>
      </c>
      <c r="AC4207" s="5" t="s">
        <v>44</v>
      </c>
      <c r="AD4207" s="2"/>
      <c r="AE4207" s="1"/>
    </row>
    <row r="4208" spans="1:31" ht="14.45">
      <c r="A4208" s="11"/>
      <c r="B4208" s="20"/>
      <c r="C4208" s="2" t="s">
        <v>13078</v>
      </c>
      <c r="D4208" s="14" t="s">
        <v>13079</v>
      </c>
      <c r="E4208" s="2" t="s">
        <v>13080</v>
      </c>
      <c r="F4208" s="2" t="s">
        <v>7593</v>
      </c>
      <c r="G4208" s="8">
        <v>189</v>
      </c>
      <c r="H4208" s="5">
        <v>6</v>
      </c>
      <c r="I4208" s="5" t="s">
        <v>1518</v>
      </c>
      <c r="J4208" s="5" t="s">
        <v>1519</v>
      </c>
      <c r="K4208" s="2" t="s">
        <v>1520</v>
      </c>
      <c r="L4208" s="5" t="s">
        <v>1519</v>
      </c>
      <c r="M4208" s="2" t="s">
        <v>1520</v>
      </c>
      <c r="N4208" s="5" t="s">
        <v>1521</v>
      </c>
      <c r="O4208" s="5" t="s">
        <v>38</v>
      </c>
      <c r="P4208" s="5" t="s">
        <v>39</v>
      </c>
      <c r="Q4208" s="5" t="s">
        <v>40</v>
      </c>
      <c r="R4208" s="5" t="s">
        <v>1522</v>
      </c>
      <c r="S4208" s="5" t="s">
        <v>1523</v>
      </c>
      <c r="T4208" s="5" t="s">
        <v>42</v>
      </c>
      <c r="U4208" s="2">
        <v>2.5270000000000001</v>
      </c>
      <c r="V4208" s="2">
        <v>2.105</v>
      </c>
      <c r="W4208" s="2">
        <v>1.2999999999999999E-2</v>
      </c>
      <c r="X4208" s="2">
        <v>159.1</v>
      </c>
      <c r="Y4208" s="2">
        <v>7.6</v>
      </c>
      <c r="Z4208" s="2">
        <v>10.6</v>
      </c>
      <c r="AA4208" s="5"/>
      <c r="AB4208" s="5" t="s">
        <v>43</v>
      </c>
      <c r="AC4208" s="5" t="s">
        <v>44</v>
      </c>
      <c r="AD4208" s="2"/>
      <c r="AE4208" s="1"/>
    </row>
    <row r="4209" spans="1:31" ht="14.45">
      <c r="A4209" s="11"/>
      <c r="B4209" s="20"/>
      <c r="C4209" s="2" t="s">
        <v>13081</v>
      </c>
      <c r="D4209" s="14" t="s">
        <v>13082</v>
      </c>
      <c r="E4209" s="2" t="s">
        <v>13083</v>
      </c>
      <c r="F4209" s="2" t="s">
        <v>7597</v>
      </c>
      <c r="G4209" s="8">
        <v>189</v>
      </c>
      <c r="H4209" s="5">
        <v>6</v>
      </c>
      <c r="I4209" s="5" t="s">
        <v>1518</v>
      </c>
      <c r="J4209" s="5" t="s">
        <v>1519</v>
      </c>
      <c r="K4209" s="2" t="s">
        <v>1520</v>
      </c>
      <c r="L4209" s="5" t="s">
        <v>1519</v>
      </c>
      <c r="M4209" s="2" t="s">
        <v>1520</v>
      </c>
      <c r="N4209" s="5" t="s">
        <v>1521</v>
      </c>
      <c r="O4209" s="5" t="s">
        <v>38</v>
      </c>
      <c r="P4209" s="5" t="s">
        <v>39</v>
      </c>
      <c r="Q4209" s="5" t="s">
        <v>40</v>
      </c>
      <c r="R4209" s="5" t="s">
        <v>1522</v>
      </c>
      <c r="S4209" s="5" t="s">
        <v>1523</v>
      </c>
      <c r="T4209" s="5" t="s">
        <v>42</v>
      </c>
      <c r="U4209" s="2">
        <v>2.5870000000000002</v>
      </c>
      <c r="V4209" s="2">
        <v>2.165</v>
      </c>
      <c r="W4209" s="2">
        <v>1.2999999999999999E-2</v>
      </c>
      <c r="X4209" s="2">
        <v>159.1</v>
      </c>
      <c r="Y4209" s="2">
        <v>7.6</v>
      </c>
      <c r="Z4209" s="2">
        <v>10.6</v>
      </c>
      <c r="AA4209" s="5"/>
      <c r="AB4209" s="5" t="s">
        <v>43</v>
      </c>
      <c r="AC4209" s="5" t="s">
        <v>44</v>
      </c>
      <c r="AD4209" s="2"/>
      <c r="AE4209" s="1"/>
    </row>
    <row r="4210" spans="1:31" ht="14.45">
      <c r="A4210" s="11"/>
      <c r="B4210" s="20"/>
      <c r="C4210" s="2" t="s">
        <v>13084</v>
      </c>
      <c r="D4210" s="14" t="s">
        <v>13085</v>
      </c>
      <c r="E4210" s="2" t="s">
        <v>13086</v>
      </c>
      <c r="F4210" s="2" t="s">
        <v>7410</v>
      </c>
      <c r="G4210" s="8">
        <v>189</v>
      </c>
      <c r="H4210" s="5">
        <v>6</v>
      </c>
      <c r="I4210" s="5" t="s">
        <v>1518</v>
      </c>
      <c r="J4210" s="5" t="s">
        <v>1519</v>
      </c>
      <c r="K4210" s="2" t="s">
        <v>1520</v>
      </c>
      <c r="L4210" s="5" t="s">
        <v>1519</v>
      </c>
      <c r="M4210" s="2" t="s">
        <v>1520</v>
      </c>
      <c r="N4210" s="5" t="s">
        <v>1521</v>
      </c>
      <c r="O4210" s="5" t="s">
        <v>38</v>
      </c>
      <c r="P4210" s="5" t="s">
        <v>39</v>
      </c>
      <c r="Q4210" s="5" t="s">
        <v>40</v>
      </c>
      <c r="R4210" s="5" t="s">
        <v>1522</v>
      </c>
      <c r="S4210" s="5" t="s">
        <v>1523</v>
      </c>
      <c r="T4210" s="5" t="s">
        <v>42</v>
      </c>
      <c r="U4210" s="2">
        <v>2.5270000000000001</v>
      </c>
      <c r="V4210" s="2">
        <v>2.105</v>
      </c>
      <c r="W4210" s="2">
        <v>1.2999999999999999E-2</v>
      </c>
      <c r="X4210" s="2">
        <v>159.1</v>
      </c>
      <c r="Y4210" s="2">
        <v>7.6</v>
      </c>
      <c r="Z4210" s="2">
        <v>10.6</v>
      </c>
      <c r="AA4210" s="5"/>
      <c r="AB4210" s="5" t="s">
        <v>43</v>
      </c>
      <c r="AC4210" s="5" t="s">
        <v>44</v>
      </c>
      <c r="AD4210" s="2"/>
      <c r="AE4210" s="1"/>
    </row>
    <row r="4211" spans="1:31" ht="14.45">
      <c r="A4211" s="11"/>
      <c r="B4211" s="20"/>
      <c r="C4211" s="2" t="s">
        <v>13087</v>
      </c>
      <c r="D4211" s="14" t="s">
        <v>13088</v>
      </c>
      <c r="E4211" s="2" t="s">
        <v>13089</v>
      </c>
      <c r="F4211" s="2" t="s">
        <v>7604</v>
      </c>
      <c r="G4211" s="8">
        <v>189</v>
      </c>
      <c r="H4211" s="5">
        <v>6</v>
      </c>
      <c r="I4211" s="5" t="s">
        <v>1518</v>
      </c>
      <c r="J4211" s="5" t="s">
        <v>1519</v>
      </c>
      <c r="K4211" s="2" t="s">
        <v>1520</v>
      </c>
      <c r="L4211" s="5" t="s">
        <v>1519</v>
      </c>
      <c r="M4211" s="2" t="s">
        <v>1520</v>
      </c>
      <c r="N4211" s="5" t="s">
        <v>1521</v>
      </c>
      <c r="O4211" s="5" t="s">
        <v>38</v>
      </c>
      <c r="P4211" s="5" t="s">
        <v>39</v>
      </c>
      <c r="Q4211" s="5" t="s">
        <v>40</v>
      </c>
      <c r="R4211" s="5" t="s">
        <v>1522</v>
      </c>
      <c r="S4211" s="5" t="s">
        <v>1523</v>
      </c>
      <c r="T4211" s="5" t="s">
        <v>42</v>
      </c>
      <c r="U4211" s="2">
        <v>2.5870000000000002</v>
      </c>
      <c r="V4211" s="2">
        <v>2.165</v>
      </c>
      <c r="W4211" s="2">
        <v>1.2999999999999999E-2</v>
      </c>
      <c r="X4211" s="2">
        <v>159.1</v>
      </c>
      <c r="Y4211" s="2">
        <v>7.6</v>
      </c>
      <c r="Z4211" s="2">
        <v>10.6</v>
      </c>
      <c r="AA4211" s="5"/>
      <c r="AB4211" s="5" t="s">
        <v>43</v>
      </c>
      <c r="AC4211" s="5" t="s">
        <v>44</v>
      </c>
      <c r="AD4211" s="2"/>
      <c r="AE4211" s="1"/>
    </row>
    <row r="4212" spans="1:31" ht="14.45">
      <c r="A4212" s="11"/>
      <c r="B4212" s="20"/>
      <c r="C4212" s="2" t="s">
        <v>13090</v>
      </c>
      <c r="D4212" s="14" t="s">
        <v>13091</v>
      </c>
      <c r="E4212" s="2" t="s">
        <v>13092</v>
      </c>
      <c r="F4212" s="2" t="s">
        <v>7433</v>
      </c>
      <c r="G4212" s="8">
        <v>189</v>
      </c>
      <c r="H4212" s="5">
        <v>6</v>
      </c>
      <c r="I4212" s="5" t="s">
        <v>1518</v>
      </c>
      <c r="J4212" s="5" t="s">
        <v>1519</v>
      </c>
      <c r="K4212" s="2" t="s">
        <v>1520</v>
      </c>
      <c r="L4212" s="5" t="s">
        <v>1519</v>
      </c>
      <c r="M4212" s="2" t="s">
        <v>1520</v>
      </c>
      <c r="N4212" s="5" t="s">
        <v>1521</v>
      </c>
      <c r="O4212" s="5" t="s">
        <v>38</v>
      </c>
      <c r="P4212" s="5" t="s">
        <v>39</v>
      </c>
      <c r="Q4212" s="5" t="s">
        <v>40</v>
      </c>
      <c r="R4212" s="5" t="s">
        <v>1522</v>
      </c>
      <c r="S4212" s="5" t="s">
        <v>1523</v>
      </c>
      <c r="T4212" s="5" t="s">
        <v>42</v>
      </c>
      <c r="U4212" s="2">
        <v>2.5270000000000001</v>
      </c>
      <c r="V4212" s="2">
        <v>2.105</v>
      </c>
      <c r="W4212" s="2">
        <v>1.2999999999999999E-2</v>
      </c>
      <c r="X4212" s="2">
        <v>159.1</v>
      </c>
      <c r="Y4212" s="2">
        <v>7.6</v>
      </c>
      <c r="Z4212" s="2">
        <v>10.6</v>
      </c>
      <c r="AA4212" s="5"/>
      <c r="AB4212" s="5" t="s">
        <v>43</v>
      </c>
      <c r="AC4212" s="5" t="s">
        <v>44</v>
      </c>
      <c r="AD4212" s="2"/>
      <c r="AE4212" s="1"/>
    </row>
    <row r="4213" spans="1:31" ht="14.45">
      <c r="A4213" s="11"/>
      <c r="B4213" s="20"/>
      <c r="C4213" s="2" t="s">
        <v>13093</v>
      </c>
      <c r="D4213" s="14" t="s">
        <v>13094</v>
      </c>
      <c r="E4213" s="2" t="s">
        <v>13095</v>
      </c>
      <c r="F4213" s="2" t="s">
        <v>7611</v>
      </c>
      <c r="G4213" s="8">
        <v>189</v>
      </c>
      <c r="H4213" s="5">
        <v>6</v>
      </c>
      <c r="I4213" s="5" t="s">
        <v>1518</v>
      </c>
      <c r="J4213" s="5" t="s">
        <v>1519</v>
      </c>
      <c r="K4213" s="2" t="s">
        <v>1520</v>
      </c>
      <c r="L4213" s="5" t="s">
        <v>1519</v>
      </c>
      <c r="M4213" s="2" t="s">
        <v>1520</v>
      </c>
      <c r="N4213" s="5" t="s">
        <v>1521</v>
      </c>
      <c r="O4213" s="5" t="s">
        <v>38</v>
      </c>
      <c r="P4213" s="5" t="s">
        <v>39</v>
      </c>
      <c r="Q4213" s="5" t="s">
        <v>40</v>
      </c>
      <c r="R4213" s="5" t="s">
        <v>1522</v>
      </c>
      <c r="S4213" s="5" t="s">
        <v>1523</v>
      </c>
      <c r="T4213" s="5" t="s">
        <v>42</v>
      </c>
      <c r="U4213" s="2">
        <v>2.5870000000000002</v>
      </c>
      <c r="V4213" s="2">
        <v>2.165</v>
      </c>
      <c r="W4213" s="2">
        <v>1.2999999999999999E-2</v>
      </c>
      <c r="X4213" s="2">
        <v>159.1</v>
      </c>
      <c r="Y4213" s="2">
        <v>7.6</v>
      </c>
      <c r="Z4213" s="2">
        <v>10.6</v>
      </c>
      <c r="AA4213" s="5"/>
      <c r="AB4213" s="5" t="s">
        <v>43</v>
      </c>
      <c r="AC4213" s="5" t="s">
        <v>44</v>
      </c>
      <c r="AD4213" s="2"/>
      <c r="AE4213" s="1"/>
    </row>
    <row r="4214" spans="1:31" ht="14.45">
      <c r="A4214" s="11"/>
      <c r="B4214" s="20"/>
      <c r="C4214" s="2" t="s">
        <v>13096</v>
      </c>
      <c r="D4214" s="14" t="s">
        <v>13097</v>
      </c>
      <c r="E4214" s="2" t="s">
        <v>13098</v>
      </c>
      <c r="F4214" s="2" t="s">
        <v>7615</v>
      </c>
      <c r="G4214" s="8">
        <v>189</v>
      </c>
      <c r="H4214" s="5">
        <v>6</v>
      </c>
      <c r="I4214" s="5" t="s">
        <v>1518</v>
      </c>
      <c r="J4214" s="5" t="s">
        <v>1519</v>
      </c>
      <c r="K4214" s="2" t="s">
        <v>1520</v>
      </c>
      <c r="L4214" s="5" t="s">
        <v>1519</v>
      </c>
      <c r="M4214" s="2" t="s">
        <v>1520</v>
      </c>
      <c r="N4214" s="5" t="s">
        <v>1521</v>
      </c>
      <c r="O4214" s="5" t="s">
        <v>38</v>
      </c>
      <c r="P4214" s="5" t="s">
        <v>39</v>
      </c>
      <c r="Q4214" s="5" t="s">
        <v>40</v>
      </c>
      <c r="R4214" s="5" t="s">
        <v>1522</v>
      </c>
      <c r="S4214" s="5" t="s">
        <v>1523</v>
      </c>
      <c r="T4214" s="5" t="s">
        <v>42</v>
      </c>
      <c r="U4214" s="2">
        <v>2.4849999999999999</v>
      </c>
      <c r="V4214" s="2">
        <v>2.0630000000000002</v>
      </c>
      <c r="W4214" s="2">
        <v>1.2999999999999999E-2</v>
      </c>
      <c r="X4214" s="2">
        <v>159.1</v>
      </c>
      <c r="Y4214" s="2">
        <v>7.6</v>
      </c>
      <c r="Z4214" s="2">
        <v>10.6</v>
      </c>
      <c r="AA4214" s="5"/>
      <c r="AB4214" s="5" t="s">
        <v>43</v>
      </c>
      <c r="AC4214" s="5" t="s">
        <v>44</v>
      </c>
      <c r="AD4214" s="2"/>
      <c r="AE4214" s="1"/>
    </row>
    <row r="4215" spans="1:31" ht="14.45">
      <c r="A4215" s="11"/>
      <c r="B4215" s="20"/>
      <c r="C4215" s="2" t="s">
        <v>13099</v>
      </c>
      <c r="D4215" s="14" t="s">
        <v>13100</v>
      </c>
      <c r="E4215" s="2" t="s">
        <v>13101</v>
      </c>
      <c r="F4215" s="2" t="s">
        <v>7619</v>
      </c>
      <c r="G4215" s="8">
        <v>189</v>
      </c>
      <c r="H4215" s="5">
        <v>6</v>
      </c>
      <c r="I4215" s="5" t="s">
        <v>1518</v>
      </c>
      <c r="J4215" s="5" t="s">
        <v>1519</v>
      </c>
      <c r="K4215" s="2" t="s">
        <v>1520</v>
      </c>
      <c r="L4215" s="5" t="s">
        <v>1519</v>
      </c>
      <c r="M4215" s="2" t="s">
        <v>1520</v>
      </c>
      <c r="N4215" s="5" t="s">
        <v>1521</v>
      </c>
      <c r="O4215" s="5" t="s">
        <v>38</v>
      </c>
      <c r="P4215" s="5" t="s">
        <v>39</v>
      </c>
      <c r="Q4215" s="5" t="s">
        <v>40</v>
      </c>
      <c r="R4215" s="5" t="s">
        <v>1522</v>
      </c>
      <c r="S4215" s="5" t="s">
        <v>1523</v>
      </c>
      <c r="T4215" s="5" t="s">
        <v>42</v>
      </c>
      <c r="U4215" s="2">
        <v>2.5449999999999999</v>
      </c>
      <c r="V4215" s="2">
        <v>2.1230000000000002</v>
      </c>
      <c r="W4215" s="2">
        <v>1.2999999999999999E-2</v>
      </c>
      <c r="X4215" s="2">
        <v>159.1</v>
      </c>
      <c r="Y4215" s="2">
        <v>7.6</v>
      </c>
      <c r="Z4215" s="2">
        <v>10.6</v>
      </c>
      <c r="AA4215" s="5"/>
      <c r="AB4215" s="5" t="s">
        <v>43</v>
      </c>
      <c r="AC4215" s="5" t="s">
        <v>44</v>
      </c>
      <c r="AD4215" s="2"/>
      <c r="AE4215" s="1"/>
    </row>
    <row r="4216" spans="1:31" ht="14.45">
      <c r="A4216" s="11"/>
      <c r="B4216" s="20"/>
      <c r="C4216" s="2" t="s">
        <v>13102</v>
      </c>
      <c r="D4216" s="14" t="s">
        <v>13103</v>
      </c>
      <c r="E4216" s="2" t="s">
        <v>13104</v>
      </c>
      <c r="F4216" s="2" t="s">
        <v>1823</v>
      </c>
      <c r="G4216" s="8">
        <v>189</v>
      </c>
      <c r="H4216" s="5">
        <v>18</v>
      </c>
      <c r="I4216" s="5" t="s">
        <v>1518</v>
      </c>
      <c r="J4216" s="5" t="s">
        <v>1519</v>
      </c>
      <c r="K4216" s="2" t="s">
        <v>1520</v>
      </c>
      <c r="L4216" s="5" t="s">
        <v>1519</v>
      </c>
      <c r="M4216" s="2" t="s">
        <v>1520</v>
      </c>
      <c r="N4216" s="5" t="s">
        <v>1521</v>
      </c>
      <c r="O4216" s="5" t="s">
        <v>38</v>
      </c>
      <c r="P4216" s="5" t="s">
        <v>39</v>
      </c>
      <c r="Q4216" s="5" t="s">
        <v>40</v>
      </c>
      <c r="R4216" s="5" t="s">
        <v>1522</v>
      </c>
      <c r="S4216" s="5" t="s">
        <v>1523</v>
      </c>
      <c r="T4216" s="5" t="s">
        <v>42</v>
      </c>
      <c r="U4216" s="2">
        <v>2.56</v>
      </c>
      <c r="V4216" s="2">
        <v>2.1379999999999999</v>
      </c>
      <c r="W4216" s="2">
        <v>1.2999999999999999E-2</v>
      </c>
      <c r="X4216" s="2">
        <v>159.1</v>
      </c>
      <c r="Y4216" s="2">
        <v>7.6</v>
      </c>
      <c r="Z4216" s="2">
        <v>10.6</v>
      </c>
      <c r="AA4216" s="5"/>
      <c r="AB4216" s="5" t="s">
        <v>43</v>
      </c>
      <c r="AC4216" s="5" t="s">
        <v>44</v>
      </c>
      <c r="AD4216" s="2"/>
      <c r="AE4216" s="1"/>
    </row>
    <row r="4217" spans="1:31" ht="14.45">
      <c r="A4217" s="11"/>
      <c r="B4217" s="20"/>
      <c r="C4217" s="2" t="s">
        <v>13105</v>
      </c>
      <c r="D4217" s="14" t="s">
        <v>13106</v>
      </c>
      <c r="E4217" s="2" t="s">
        <v>13107</v>
      </c>
      <c r="F4217" s="2" t="s">
        <v>1827</v>
      </c>
      <c r="G4217" s="8">
        <v>189</v>
      </c>
      <c r="H4217" s="5">
        <v>18</v>
      </c>
      <c r="I4217" s="5" t="s">
        <v>1518</v>
      </c>
      <c r="J4217" s="5" t="s">
        <v>1519</v>
      </c>
      <c r="K4217" s="2" t="s">
        <v>1520</v>
      </c>
      <c r="L4217" s="5" t="s">
        <v>1519</v>
      </c>
      <c r="M4217" s="2" t="s">
        <v>1520</v>
      </c>
      <c r="N4217" s="5" t="s">
        <v>1521</v>
      </c>
      <c r="O4217" s="5" t="s">
        <v>38</v>
      </c>
      <c r="P4217" s="5" t="s">
        <v>39</v>
      </c>
      <c r="Q4217" s="5" t="s">
        <v>40</v>
      </c>
      <c r="R4217" s="5" t="s">
        <v>1522</v>
      </c>
      <c r="S4217" s="5" t="s">
        <v>1523</v>
      </c>
      <c r="T4217" s="5" t="s">
        <v>42</v>
      </c>
      <c r="U4217" s="2">
        <v>2.62</v>
      </c>
      <c r="V4217" s="2">
        <v>2.198</v>
      </c>
      <c r="W4217" s="2">
        <v>1.2999999999999999E-2</v>
      </c>
      <c r="X4217" s="2">
        <v>159.1</v>
      </c>
      <c r="Y4217" s="2">
        <v>7.6</v>
      </c>
      <c r="Z4217" s="2">
        <v>10.6</v>
      </c>
      <c r="AA4217" s="5"/>
      <c r="AB4217" s="5" t="s">
        <v>43</v>
      </c>
      <c r="AC4217" s="5" t="s">
        <v>44</v>
      </c>
      <c r="AD4217" s="2"/>
      <c r="AE4217" s="1"/>
    </row>
    <row r="4218" spans="1:31" ht="14.45">
      <c r="A4218" s="11"/>
      <c r="B4218" s="20"/>
      <c r="C4218" s="2" t="s">
        <v>13108</v>
      </c>
      <c r="D4218" s="14" t="s">
        <v>13109</v>
      </c>
      <c r="E4218" s="2" t="s">
        <v>13110</v>
      </c>
      <c r="F4218" s="2" t="s">
        <v>2348</v>
      </c>
      <c r="G4218" s="8">
        <v>189</v>
      </c>
      <c r="H4218" s="5">
        <v>18</v>
      </c>
      <c r="I4218" s="5" t="s">
        <v>1518</v>
      </c>
      <c r="J4218" s="5" t="s">
        <v>1519</v>
      </c>
      <c r="K4218" s="2" t="s">
        <v>1520</v>
      </c>
      <c r="L4218" s="5" t="s">
        <v>1519</v>
      </c>
      <c r="M4218" s="2" t="s">
        <v>1520</v>
      </c>
      <c r="N4218" s="5" t="s">
        <v>1521</v>
      </c>
      <c r="O4218" s="5" t="s">
        <v>38</v>
      </c>
      <c r="P4218" s="5" t="s">
        <v>39</v>
      </c>
      <c r="Q4218" s="5" t="s">
        <v>40</v>
      </c>
      <c r="R4218" s="5" t="s">
        <v>1522</v>
      </c>
      <c r="S4218" s="5" t="s">
        <v>1523</v>
      </c>
      <c r="T4218" s="5" t="s">
        <v>42</v>
      </c>
      <c r="U4218" s="2">
        <v>2.6269999999999998</v>
      </c>
      <c r="V4218" s="2">
        <v>2.2050000000000001</v>
      </c>
      <c r="W4218" s="2">
        <v>1.2999999999999999E-2</v>
      </c>
      <c r="X4218" s="2">
        <v>159.1</v>
      </c>
      <c r="Y4218" s="2">
        <v>7.6</v>
      </c>
      <c r="Z4218" s="2">
        <v>10.6</v>
      </c>
      <c r="AA4218" s="5"/>
      <c r="AB4218" s="5" t="s">
        <v>43</v>
      </c>
      <c r="AC4218" s="5" t="s">
        <v>44</v>
      </c>
      <c r="AD4218" s="2"/>
      <c r="AE4218" s="1"/>
    </row>
    <row r="4219" spans="1:31" ht="14.45">
      <c r="A4219" s="11"/>
      <c r="B4219" s="20"/>
      <c r="C4219" s="2" t="s">
        <v>13111</v>
      </c>
      <c r="D4219" s="14" t="s">
        <v>13112</v>
      </c>
      <c r="E4219" s="2" t="s">
        <v>13113</v>
      </c>
      <c r="F4219" s="2" t="s">
        <v>2204</v>
      </c>
      <c r="G4219" s="8">
        <v>189</v>
      </c>
      <c r="H4219" s="5">
        <v>18</v>
      </c>
      <c r="I4219" s="5" t="s">
        <v>1518</v>
      </c>
      <c r="J4219" s="5" t="s">
        <v>1519</v>
      </c>
      <c r="K4219" s="2" t="s">
        <v>1520</v>
      </c>
      <c r="L4219" s="5" t="s">
        <v>1519</v>
      </c>
      <c r="M4219" s="2" t="s">
        <v>1520</v>
      </c>
      <c r="N4219" s="5" t="s">
        <v>1521</v>
      </c>
      <c r="O4219" s="5" t="s">
        <v>38</v>
      </c>
      <c r="P4219" s="5" t="s">
        <v>39</v>
      </c>
      <c r="Q4219" s="5" t="s">
        <v>40</v>
      </c>
      <c r="R4219" s="5" t="s">
        <v>1522</v>
      </c>
      <c r="S4219" s="5" t="s">
        <v>1523</v>
      </c>
      <c r="T4219" s="5" t="s">
        <v>42</v>
      </c>
      <c r="U4219" s="2">
        <v>2.5670000000000002</v>
      </c>
      <c r="V4219" s="2">
        <v>2.145</v>
      </c>
      <c r="W4219" s="2">
        <v>1.2999999999999999E-2</v>
      </c>
      <c r="X4219" s="2">
        <v>159.1</v>
      </c>
      <c r="Y4219" s="2">
        <v>7.6</v>
      </c>
      <c r="Z4219" s="2">
        <v>10.6</v>
      </c>
      <c r="AA4219" s="5"/>
      <c r="AB4219" s="5" t="s">
        <v>43</v>
      </c>
      <c r="AC4219" s="5" t="s">
        <v>44</v>
      </c>
      <c r="AD4219" s="2"/>
      <c r="AE4219" s="1"/>
    </row>
    <row r="4220" spans="1:31" ht="14.45">
      <c r="A4220" s="11"/>
      <c r="B4220" s="20"/>
      <c r="C4220" s="2" t="s">
        <v>13114</v>
      </c>
      <c r="D4220" s="14" t="s">
        <v>13115</v>
      </c>
      <c r="E4220" s="2" t="s">
        <v>13116</v>
      </c>
      <c r="F4220" s="2" t="s">
        <v>2724</v>
      </c>
      <c r="G4220" s="8">
        <v>189</v>
      </c>
      <c r="H4220" s="5">
        <v>18</v>
      </c>
      <c r="I4220" s="5" t="s">
        <v>1518</v>
      </c>
      <c r="J4220" s="5" t="s">
        <v>1519</v>
      </c>
      <c r="K4220" s="2" t="s">
        <v>1520</v>
      </c>
      <c r="L4220" s="5" t="s">
        <v>1519</v>
      </c>
      <c r="M4220" s="2" t="s">
        <v>1520</v>
      </c>
      <c r="N4220" s="5" t="s">
        <v>1521</v>
      </c>
      <c r="O4220" s="5" t="s">
        <v>38</v>
      </c>
      <c r="P4220" s="5" t="s">
        <v>39</v>
      </c>
      <c r="Q4220" s="5" t="s">
        <v>40</v>
      </c>
      <c r="R4220" s="5" t="s">
        <v>1522</v>
      </c>
      <c r="S4220" s="5" t="s">
        <v>1523</v>
      </c>
      <c r="T4220" s="5" t="s">
        <v>42</v>
      </c>
      <c r="U4220" s="2">
        <v>2.6269999999999998</v>
      </c>
      <c r="V4220" s="2">
        <v>2.2050000000000001</v>
      </c>
      <c r="W4220" s="2">
        <v>1.2999999999999999E-2</v>
      </c>
      <c r="X4220" s="2">
        <v>159.1</v>
      </c>
      <c r="Y4220" s="2">
        <v>7.6</v>
      </c>
      <c r="Z4220" s="2">
        <v>10.6</v>
      </c>
      <c r="AA4220" s="5"/>
      <c r="AB4220" s="5" t="s">
        <v>43</v>
      </c>
      <c r="AC4220" s="5" t="s">
        <v>44</v>
      </c>
      <c r="AD4220" s="2"/>
      <c r="AE4220" s="1"/>
    </row>
    <row r="4221" spans="1:31" ht="14.45">
      <c r="A4221" s="11"/>
      <c r="B4221" s="20"/>
      <c r="C4221" s="2" t="s">
        <v>13117</v>
      </c>
      <c r="D4221" s="14" t="s">
        <v>13118</v>
      </c>
      <c r="E4221" s="2" t="s">
        <v>13119</v>
      </c>
      <c r="F4221" s="2" t="s">
        <v>2208</v>
      </c>
      <c r="G4221" s="8">
        <v>189</v>
      </c>
      <c r="H4221" s="5">
        <v>18</v>
      </c>
      <c r="I4221" s="5" t="s">
        <v>1518</v>
      </c>
      <c r="J4221" s="5" t="s">
        <v>1519</v>
      </c>
      <c r="K4221" s="2" t="s">
        <v>1520</v>
      </c>
      <c r="L4221" s="5" t="s">
        <v>1519</v>
      </c>
      <c r="M4221" s="2" t="s">
        <v>1520</v>
      </c>
      <c r="N4221" s="5" t="s">
        <v>1521</v>
      </c>
      <c r="O4221" s="5" t="s">
        <v>38</v>
      </c>
      <c r="P4221" s="5" t="s">
        <v>39</v>
      </c>
      <c r="Q4221" s="5" t="s">
        <v>40</v>
      </c>
      <c r="R4221" s="5" t="s">
        <v>1522</v>
      </c>
      <c r="S4221" s="5" t="s">
        <v>1523</v>
      </c>
      <c r="T4221" s="5" t="s">
        <v>42</v>
      </c>
      <c r="U4221" s="2">
        <v>2.5670000000000002</v>
      </c>
      <c r="V4221" s="2">
        <v>2.145</v>
      </c>
      <c r="W4221" s="2">
        <v>1.2999999999999999E-2</v>
      </c>
      <c r="X4221" s="2">
        <v>159.1</v>
      </c>
      <c r="Y4221" s="2">
        <v>7.6</v>
      </c>
      <c r="Z4221" s="2">
        <v>10.6</v>
      </c>
      <c r="AA4221" s="5"/>
      <c r="AB4221" s="5" t="s">
        <v>43</v>
      </c>
      <c r="AC4221" s="5" t="s">
        <v>44</v>
      </c>
      <c r="AD4221" s="2"/>
      <c r="AE4221" s="1"/>
    </row>
    <row r="4222" spans="1:31" ht="14.45">
      <c r="A4222" s="11"/>
      <c r="B4222" s="20"/>
      <c r="C4222" s="2" t="s">
        <v>13120</v>
      </c>
      <c r="D4222" s="14" t="s">
        <v>13121</v>
      </c>
      <c r="E4222" s="2" t="s">
        <v>13122</v>
      </c>
      <c r="F4222" s="2" t="s">
        <v>2212</v>
      </c>
      <c r="G4222" s="8">
        <v>189</v>
      </c>
      <c r="H4222" s="5">
        <v>18</v>
      </c>
      <c r="I4222" s="5" t="s">
        <v>1518</v>
      </c>
      <c r="J4222" s="5" t="s">
        <v>1519</v>
      </c>
      <c r="K4222" s="2" t="s">
        <v>1520</v>
      </c>
      <c r="L4222" s="5" t="s">
        <v>1519</v>
      </c>
      <c r="M4222" s="2" t="s">
        <v>1520</v>
      </c>
      <c r="N4222" s="5" t="s">
        <v>1521</v>
      </c>
      <c r="O4222" s="5" t="s">
        <v>38</v>
      </c>
      <c r="P4222" s="5" t="s">
        <v>39</v>
      </c>
      <c r="Q4222" s="5" t="s">
        <v>40</v>
      </c>
      <c r="R4222" s="5" t="s">
        <v>1522</v>
      </c>
      <c r="S4222" s="5" t="s">
        <v>1523</v>
      </c>
      <c r="T4222" s="5" t="s">
        <v>42</v>
      </c>
      <c r="U4222" s="2">
        <v>2.6269999999999998</v>
      </c>
      <c r="V4222" s="2">
        <v>2.2050000000000001</v>
      </c>
      <c r="W4222" s="2">
        <v>1.2999999999999999E-2</v>
      </c>
      <c r="X4222" s="2">
        <v>159.1</v>
      </c>
      <c r="Y4222" s="2">
        <v>7.6</v>
      </c>
      <c r="Z4222" s="2">
        <v>10.6</v>
      </c>
      <c r="AA4222" s="5"/>
      <c r="AB4222" s="5" t="s">
        <v>43</v>
      </c>
      <c r="AC4222" s="5" t="s">
        <v>44</v>
      </c>
      <c r="AD4222" s="2"/>
      <c r="AE4222" s="1"/>
    </row>
    <row r="4223" spans="1:31" ht="14.45">
      <c r="A4223" s="11"/>
      <c r="B4223" s="20"/>
      <c r="C4223" s="2" t="s">
        <v>13123</v>
      </c>
      <c r="D4223" s="14" t="s">
        <v>13124</v>
      </c>
      <c r="E4223" s="2" t="s">
        <v>13125</v>
      </c>
      <c r="F4223" s="2" t="s">
        <v>1831</v>
      </c>
      <c r="G4223" s="8">
        <v>189</v>
      </c>
      <c r="H4223" s="5">
        <v>18</v>
      </c>
      <c r="I4223" s="5" t="s">
        <v>1518</v>
      </c>
      <c r="J4223" s="5" t="s">
        <v>1519</v>
      </c>
      <c r="K4223" s="2" t="s">
        <v>1520</v>
      </c>
      <c r="L4223" s="5" t="s">
        <v>1519</v>
      </c>
      <c r="M4223" s="2" t="s">
        <v>1520</v>
      </c>
      <c r="N4223" s="5" t="s">
        <v>1521</v>
      </c>
      <c r="O4223" s="5" t="s">
        <v>38</v>
      </c>
      <c r="P4223" s="5" t="s">
        <v>39</v>
      </c>
      <c r="Q4223" s="5" t="s">
        <v>40</v>
      </c>
      <c r="R4223" s="5" t="s">
        <v>1522</v>
      </c>
      <c r="S4223" s="5" t="s">
        <v>1523</v>
      </c>
      <c r="T4223" s="5" t="s">
        <v>42</v>
      </c>
      <c r="U4223" s="2">
        <v>2.5670000000000002</v>
      </c>
      <c r="V4223" s="2">
        <v>2.145</v>
      </c>
      <c r="W4223" s="2">
        <v>1.2999999999999999E-2</v>
      </c>
      <c r="X4223" s="2">
        <v>159.1</v>
      </c>
      <c r="Y4223" s="2">
        <v>7.6</v>
      </c>
      <c r="Z4223" s="2">
        <v>10.6</v>
      </c>
      <c r="AA4223" s="5"/>
      <c r="AB4223" s="5" t="s">
        <v>43</v>
      </c>
      <c r="AC4223" s="5" t="s">
        <v>44</v>
      </c>
      <c r="AD4223" s="2"/>
      <c r="AE4223" s="1"/>
    </row>
    <row r="4224" spans="1:31" ht="14.45">
      <c r="A4224" s="11"/>
      <c r="B4224" s="20"/>
      <c r="C4224" s="2" t="s">
        <v>13126</v>
      </c>
      <c r="D4224" s="14" t="s">
        <v>13127</v>
      </c>
      <c r="E4224" s="2" t="s">
        <v>13128</v>
      </c>
      <c r="F4224" s="2" t="s">
        <v>1835</v>
      </c>
      <c r="G4224" s="8">
        <v>189</v>
      </c>
      <c r="H4224" s="5">
        <v>18</v>
      </c>
      <c r="I4224" s="5" t="s">
        <v>1518</v>
      </c>
      <c r="J4224" s="5" t="s">
        <v>1519</v>
      </c>
      <c r="K4224" s="2" t="s">
        <v>1520</v>
      </c>
      <c r="L4224" s="5" t="s">
        <v>1519</v>
      </c>
      <c r="M4224" s="2" t="s">
        <v>1520</v>
      </c>
      <c r="N4224" s="5" t="s">
        <v>1521</v>
      </c>
      <c r="O4224" s="5" t="s">
        <v>38</v>
      </c>
      <c r="P4224" s="5" t="s">
        <v>39</v>
      </c>
      <c r="Q4224" s="5" t="s">
        <v>40</v>
      </c>
      <c r="R4224" s="5" t="s">
        <v>1522</v>
      </c>
      <c r="S4224" s="5" t="s">
        <v>1523</v>
      </c>
      <c r="T4224" s="5" t="s">
        <v>42</v>
      </c>
      <c r="U4224" s="2">
        <v>2.6269999999999998</v>
      </c>
      <c r="V4224" s="2">
        <v>2.2050000000000001</v>
      </c>
      <c r="W4224" s="2">
        <v>1.2999999999999999E-2</v>
      </c>
      <c r="X4224" s="2">
        <v>159.1</v>
      </c>
      <c r="Y4224" s="2">
        <v>7.6</v>
      </c>
      <c r="Z4224" s="2">
        <v>10.6</v>
      </c>
      <c r="AA4224" s="5"/>
      <c r="AB4224" s="5" t="s">
        <v>43</v>
      </c>
      <c r="AC4224" s="5" t="s">
        <v>44</v>
      </c>
      <c r="AD4224" s="2"/>
      <c r="AE4224" s="1"/>
    </row>
    <row r="4225" spans="1:31" ht="14.45">
      <c r="A4225" s="11"/>
      <c r="B4225" s="20"/>
      <c r="C4225" s="2" t="s">
        <v>13129</v>
      </c>
      <c r="D4225" s="14" t="s">
        <v>13130</v>
      </c>
      <c r="E4225" s="2" t="s">
        <v>13131</v>
      </c>
      <c r="F4225" s="2" t="s">
        <v>1986</v>
      </c>
      <c r="G4225" s="8">
        <v>189</v>
      </c>
      <c r="H4225" s="5">
        <v>18</v>
      </c>
      <c r="I4225" s="5" t="s">
        <v>1518</v>
      </c>
      <c r="J4225" s="5" t="s">
        <v>1519</v>
      </c>
      <c r="K4225" s="2" t="s">
        <v>1520</v>
      </c>
      <c r="L4225" s="5" t="s">
        <v>1519</v>
      </c>
      <c r="M4225" s="2" t="s">
        <v>1520</v>
      </c>
      <c r="N4225" s="5" t="s">
        <v>1521</v>
      </c>
      <c r="O4225" s="5" t="s">
        <v>38</v>
      </c>
      <c r="P4225" s="5" t="s">
        <v>39</v>
      </c>
      <c r="Q4225" s="5" t="s">
        <v>40</v>
      </c>
      <c r="R4225" s="5" t="s">
        <v>1522</v>
      </c>
      <c r="S4225" s="5" t="s">
        <v>1523</v>
      </c>
      <c r="T4225" s="5" t="s">
        <v>42</v>
      </c>
      <c r="U4225" s="2">
        <v>2.6269999999999998</v>
      </c>
      <c r="V4225" s="2">
        <v>2.2050000000000001</v>
      </c>
      <c r="W4225" s="2">
        <v>1.2999999999999999E-2</v>
      </c>
      <c r="X4225" s="2">
        <v>159.1</v>
      </c>
      <c r="Y4225" s="2">
        <v>7.6</v>
      </c>
      <c r="Z4225" s="2">
        <v>10.6</v>
      </c>
      <c r="AA4225" s="5"/>
      <c r="AB4225" s="5" t="s">
        <v>43</v>
      </c>
      <c r="AC4225" s="5" t="s">
        <v>44</v>
      </c>
      <c r="AD4225" s="2"/>
      <c r="AE4225" s="1"/>
    </row>
    <row r="4226" spans="1:31" ht="14.45">
      <c r="A4226" s="11"/>
      <c r="B4226" s="20"/>
      <c r="C4226" s="2" t="s">
        <v>13132</v>
      </c>
      <c r="D4226" s="14" t="s">
        <v>13133</v>
      </c>
      <c r="E4226" s="2" t="s">
        <v>13134</v>
      </c>
      <c r="F4226" s="2" t="s">
        <v>1843</v>
      </c>
      <c r="G4226" s="8">
        <v>189</v>
      </c>
      <c r="H4226" s="5">
        <v>18</v>
      </c>
      <c r="I4226" s="5" t="s">
        <v>1518</v>
      </c>
      <c r="J4226" s="5" t="s">
        <v>1519</v>
      </c>
      <c r="K4226" s="2" t="s">
        <v>1520</v>
      </c>
      <c r="L4226" s="5" t="s">
        <v>1519</v>
      </c>
      <c r="M4226" s="2" t="s">
        <v>1520</v>
      </c>
      <c r="N4226" s="5" t="s">
        <v>1521</v>
      </c>
      <c r="O4226" s="5" t="s">
        <v>38</v>
      </c>
      <c r="P4226" s="5" t="s">
        <v>39</v>
      </c>
      <c r="Q4226" s="5" t="s">
        <v>40</v>
      </c>
      <c r="R4226" s="5" t="s">
        <v>1522</v>
      </c>
      <c r="S4226" s="5" t="s">
        <v>1523</v>
      </c>
      <c r="T4226" s="5" t="s">
        <v>42</v>
      </c>
      <c r="U4226" s="2">
        <v>2.5670000000000002</v>
      </c>
      <c r="V4226" s="2">
        <v>2.145</v>
      </c>
      <c r="W4226" s="2">
        <v>1.2999999999999999E-2</v>
      </c>
      <c r="X4226" s="2">
        <v>159.1</v>
      </c>
      <c r="Y4226" s="2">
        <v>7.6</v>
      </c>
      <c r="Z4226" s="2">
        <v>10.6</v>
      </c>
      <c r="AA4226" s="5"/>
      <c r="AB4226" s="5" t="s">
        <v>43</v>
      </c>
      <c r="AC4226" s="5" t="s">
        <v>44</v>
      </c>
      <c r="AD4226" s="2"/>
      <c r="AE4226" s="1"/>
    </row>
    <row r="4227" spans="1:31" ht="14.45">
      <c r="A4227" s="11"/>
      <c r="B4227" s="20"/>
      <c r="C4227" s="2" t="s">
        <v>13135</v>
      </c>
      <c r="D4227" s="14" t="s">
        <v>13136</v>
      </c>
      <c r="E4227" s="2" t="s">
        <v>13137</v>
      </c>
      <c r="F4227" s="2" t="s">
        <v>1847</v>
      </c>
      <c r="G4227" s="8">
        <v>189</v>
      </c>
      <c r="H4227" s="5">
        <v>18</v>
      </c>
      <c r="I4227" s="5" t="s">
        <v>1518</v>
      </c>
      <c r="J4227" s="5" t="s">
        <v>1519</v>
      </c>
      <c r="K4227" s="2" t="s">
        <v>1520</v>
      </c>
      <c r="L4227" s="5" t="s">
        <v>1519</v>
      </c>
      <c r="M4227" s="2" t="s">
        <v>1520</v>
      </c>
      <c r="N4227" s="5" t="s">
        <v>1521</v>
      </c>
      <c r="O4227" s="5" t="s">
        <v>38</v>
      </c>
      <c r="P4227" s="5" t="s">
        <v>39</v>
      </c>
      <c r="Q4227" s="5" t="s">
        <v>40</v>
      </c>
      <c r="R4227" s="5" t="s">
        <v>1522</v>
      </c>
      <c r="S4227" s="5" t="s">
        <v>1523</v>
      </c>
      <c r="T4227" s="5" t="s">
        <v>42</v>
      </c>
      <c r="U4227" s="2">
        <v>2.6269999999999998</v>
      </c>
      <c r="V4227" s="2">
        <v>2.2050000000000001</v>
      </c>
      <c r="W4227" s="2">
        <v>1.2999999999999999E-2</v>
      </c>
      <c r="X4227" s="2">
        <v>159.1</v>
      </c>
      <c r="Y4227" s="2">
        <v>7.6</v>
      </c>
      <c r="Z4227" s="2">
        <v>10.6</v>
      </c>
      <c r="AA4227" s="5"/>
      <c r="AB4227" s="5" t="s">
        <v>43</v>
      </c>
      <c r="AC4227" s="5" t="s">
        <v>44</v>
      </c>
      <c r="AD4227" s="2"/>
      <c r="AE4227" s="1"/>
    </row>
    <row r="4228" spans="1:31" ht="14.45">
      <c r="A4228" s="11"/>
      <c r="B4228" s="20"/>
      <c r="C4228" s="2" t="s">
        <v>13138</v>
      </c>
      <c r="D4228" s="14" t="s">
        <v>13139</v>
      </c>
      <c r="E4228" s="2" t="s">
        <v>13140</v>
      </c>
      <c r="F4228" s="2" t="s">
        <v>1851</v>
      </c>
      <c r="G4228" s="8">
        <v>189</v>
      </c>
      <c r="H4228" s="5">
        <v>18</v>
      </c>
      <c r="I4228" s="5" t="s">
        <v>1518</v>
      </c>
      <c r="J4228" s="5" t="s">
        <v>1519</v>
      </c>
      <c r="K4228" s="2" t="s">
        <v>1520</v>
      </c>
      <c r="L4228" s="5" t="s">
        <v>1519</v>
      </c>
      <c r="M4228" s="2" t="s">
        <v>1520</v>
      </c>
      <c r="N4228" s="5" t="s">
        <v>1521</v>
      </c>
      <c r="O4228" s="5" t="s">
        <v>38</v>
      </c>
      <c r="P4228" s="5" t="s">
        <v>39</v>
      </c>
      <c r="Q4228" s="5" t="s">
        <v>40</v>
      </c>
      <c r="R4228" s="5" t="s">
        <v>1522</v>
      </c>
      <c r="S4228" s="5" t="s">
        <v>1523</v>
      </c>
      <c r="T4228" s="5" t="s">
        <v>42</v>
      </c>
      <c r="U4228" s="2">
        <v>2.5670000000000002</v>
      </c>
      <c r="V4228" s="2">
        <v>2.145</v>
      </c>
      <c r="W4228" s="2">
        <v>1.2999999999999999E-2</v>
      </c>
      <c r="X4228" s="2">
        <v>159.1</v>
      </c>
      <c r="Y4228" s="2">
        <v>7.6</v>
      </c>
      <c r="Z4228" s="2">
        <v>10.6</v>
      </c>
      <c r="AA4228" s="5"/>
      <c r="AB4228" s="5" t="s">
        <v>43</v>
      </c>
      <c r="AC4228" s="5" t="s">
        <v>44</v>
      </c>
      <c r="AD4228" s="2"/>
      <c r="AE4228" s="1"/>
    </row>
    <row r="4229" spans="1:31" ht="14.45">
      <c r="A4229" s="11"/>
      <c r="B4229" s="20"/>
      <c r="C4229" s="2" t="s">
        <v>13141</v>
      </c>
      <c r="D4229" s="14" t="s">
        <v>13142</v>
      </c>
      <c r="E4229" s="2" t="s">
        <v>13143</v>
      </c>
      <c r="F4229" s="2" t="s">
        <v>1999</v>
      </c>
      <c r="G4229" s="8">
        <v>189</v>
      </c>
      <c r="H4229" s="5">
        <v>18</v>
      </c>
      <c r="I4229" s="5" t="s">
        <v>1518</v>
      </c>
      <c r="J4229" s="5" t="s">
        <v>1519</v>
      </c>
      <c r="K4229" s="2" t="s">
        <v>1520</v>
      </c>
      <c r="L4229" s="5" t="s">
        <v>1519</v>
      </c>
      <c r="M4229" s="2" t="s">
        <v>1520</v>
      </c>
      <c r="N4229" s="5" t="s">
        <v>1521</v>
      </c>
      <c r="O4229" s="5" t="s">
        <v>38</v>
      </c>
      <c r="P4229" s="5" t="s">
        <v>39</v>
      </c>
      <c r="Q4229" s="5" t="s">
        <v>40</v>
      </c>
      <c r="R4229" s="5" t="s">
        <v>1522</v>
      </c>
      <c r="S4229" s="5" t="s">
        <v>1523</v>
      </c>
      <c r="T4229" s="5" t="s">
        <v>42</v>
      </c>
      <c r="U4229" s="2">
        <v>2.6269999999999998</v>
      </c>
      <c r="V4229" s="2">
        <v>2.2050000000000001</v>
      </c>
      <c r="W4229" s="2">
        <v>1.2999999999999999E-2</v>
      </c>
      <c r="X4229" s="2">
        <v>159.1</v>
      </c>
      <c r="Y4229" s="2">
        <v>7.6</v>
      </c>
      <c r="Z4229" s="2">
        <v>10.6</v>
      </c>
      <c r="AA4229" s="5"/>
      <c r="AB4229" s="5" t="s">
        <v>43</v>
      </c>
      <c r="AC4229" s="5" t="s">
        <v>44</v>
      </c>
      <c r="AD4229" s="2"/>
      <c r="AE4229" s="1"/>
    </row>
    <row r="4230" spans="1:31" ht="14.45">
      <c r="A4230" s="11"/>
      <c r="B4230" s="20"/>
      <c r="C4230" s="2" t="s">
        <v>13144</v>
      </c>
      <c r="D4230" s="14" t="s">
        <v>13145</v>
      </c>
      <c r="E4230" s="2" t="s">
        <v>13146</v>
      </c>
      <c r="F4230" s="2" t="s">
        <v>1855</v>
      </c>
      <c r="G4230" s="8">
        <v>189</v>
      </c>
      <c r="H4230" s="5">
        <v>18</v>
      </c>
      <c r="I4230" s="5" t="s">
        <v>1518</v>
      </c>
      <c r="J4230" s="5" t="s">
        <v>1519</v>
      </c>
      <c r="K4230" s="2" t="s">
        <v>1520</v>
      </c>
      <c r="L4230" s="5" t="s">
        <v>1519</v>
      </c>
      <c r="M4230" s="2" t="s">
        <v>1520</v>
      </c>
      <c r="N4230" s="5" t="s">
        <v>1521</v>
      </c>
      <c r="O4230" s="5" t="s">
        <v>38</v>
      </c>
      <c r="P4230" s="5" t="s">
        <v>39</v>
      </c>
      <c r="Q4230" s="5" t="s">
        <v>40</v>
      </c>
      <c r="R4230" s="5" t="s">
        <v>1522</v>
      </c>
      <c r="S4230" s="5" t="s">
        <v>1523</v>
      </c>
      <c r="T4230" s="5" t="s">
        <v>42</v>
      </c>
      <c r="U4230" s="2">
        <v>2.5670000000000002</v>
      </c>
      <c r="V4230" s="2">
        <v>2.145</v>
      </c>
      <c r="W4230" s="2">
        <v>1.2999999999999999E-2</v>
      </c>
      <c r="X4230" s="2">
        <v>159.1</v>
      </c>
      <c r="Y4230" s="2">
        <v>7.6</v>
      </c>
      <c r="Z4230" s="2">
        <v>10.6</v>
      </c>
      <c r="AA4230" s="5"/>
      <c r="AB4230" s="5" t="s">
        <v>43</v>
      </c>
      <c r="AC4230" s="5" t="s">
        <v>44</v>
      </c>
      <c r="AD4230" s="2"/>
      <c r="AE4230" s="1"/>
    </row>
    <row r="4231" spans="1:31" ht="14.45">
      <c r="A4231" s="11"/>
      <c r="B4231" s="20"/>
      <c r="C4231" s="2" t="s">
        <v>13147</v>
      </c>
      <c r="D4231" s="14" t="s">
        <v>13148</v>
      </c>
      <c r="E4231" s="2" t="s">
        <v>13149</v>
      </c>
      <c r="F4231" s="2" t="s">
        <v>1859</v>
      </c>
      <c r="G4231" s="8">
        <v>189</v>
      </c>
      <c r="H4231" s="5">
        <v>18</v>
      </c>
      <c r="I4231" s="5" t="s">
        <v>1518</v>
      </c>
      <c r="J4231" s="5" t="s">
        <v>1519</v>
      </c>
      <c r="K4231" s="2" t="s">
        <v>1520</v>
      </c>
      <c r="L4231" s="5" t="s">
        <v>1519</v>
      </c>
      <c r="M4231" s="2" t="s">
        <v>1520</v>
      </c>
      <c r="N4231" s="5" t="s">
        <v>1521</v>
      </c>
      <c r="O4231" s="5" t="s">
        <v>38</v>
      </c>
      <c r="P4231" s="5" t="s">
        <v>39</v>
      </c>
      <c r="Q4231" s="5" t="s">
        <v>40</v>
      </c>
      <c r="R4231" s="5" t="s">
        <v>1522</v>
      </c>
      <c r="S4231" s="5" t="s">
        <v>1523</v>
      </c>
      <c r="T4231" s="5" t="s">
        <v>42</v>
      </c>
      <c r="U4231" s="2">
        <v>2.6269999999999998</v>
      </c>
      <c r="V4231" s="2">
        <v>2.2050000000000001</v>
      </c>
      <c r="W4231" s="2">
        <v>1.2999999999999999E-2</v>
      </c>
      <c r="X4231" s="2">
        <v>159.1</v>
      </c>
      <c r="Y4231" s="2">
        <v>7.6</v>
      </c>
      <c r="Z4231" s="2">
        <v>10.6</v>
      </c>
      <c r="AA4231" s="5"/>
      <c r="AB4231" s="5" t="s">
        <v>43</v>
      </c>
      <c r="AC4231" s="5" t="s">
        <v>44</v>
      </c>
      <c r="AD4231" s="2"/>
      <c r="AE4231" s="1"/>
    </row>
    <row r="4232" spans="1:31" ht="14.45">
      <c r="A4232" s="11"/>
      <c r="B4232" s="20"/>
      <c r="C4232" s="2" t="s">
        <v>13150</v>
      </c>
      <c r="D4232" s="14" t="s">
        <v>13151</v>
      </c>
      <c r="E4232" s="2" t="s">
        <v>13152</v>
      </c>
      <c r="F4232" s="2" t="s">
        <v>1863</v>
      </c>
      <c r="G4232" s="8">
        <v>189</v>
      </c>
      <c r="H4232" s="5">
        <v>21</v>
      </c>
      <c r="I4232" s="5" t="s">
        <v>1518</v>
      </c>
      <c r="J4232" s="5" t="s">
        <v>1519</v>
      </c>
      <c r="K4232" s="2" t="s">
        <v>1520</v>
      </c>
      <c r="L4232" s="5" t="s">
        <v>1519</v>
      </c>
      <c r="M4232" s="2" t="s">
        <v>1520</v>
      </c>
      <c r="N4232" s="5" t="s">
        <v>1521</v>
      </c>
      <c r="O4232" s="5" t="s">
        <v>38</v>
      </c>
      <c r="P4232" s="5" t="s">
        <v>39</v>
      </c>
      <c r="Q4232" s="5" t="s">
        <v>40</v>
      </c>
      <c r="R4232" s="5" t="s">
        <v>1522</v>
      </c>
      <c r="S4232" s="5" t="s">
        <v>1523</v>
      </c>
      <c r="T4232" s="5" t="s">
        <v>42</v>
      </c>
      <c r="U4232" s="2">
        <v>2.496</v>
      </c>
      <c r="V4232" s="2">
        <v>2.0720000000000001</v>
      </c>
      <c r="W4232" s="2">
        <v>1.2999999999999999E-2</v>
      </c>
      <c r="X4232" s="2">
        <v>159.1</v>
      </c>
      <c r="Y4232" s="2">
        <v>7.6</v>
      </c>
      <c r="Z4232" s="2">
        <v>10.6</v>
      </c>
      <c r="AA4232" s="5"/>
      <c r="AB4232" s="5" t="s">
        <v>43</v>
      </c>
      <c r="AC4232" s="5" t="s">
        <v>44</v>
      </c>
      <c r="AD4232" s="2"/>
      <c r="AE4232" s="1"/>
    </row>
    <row r="4233" spans="1:31" ht="14.45">
      <c r="A4233" s="11"/>
      <c r="B4233" s="20"/>
      <c r="C4233" s="2" t="s">
        <v>13153</v>
      </c>
      <c r="D4233" s="14" t="s">
        <v>13154</v>
      </c>
      <c r="E4233" s="2" t="s">
        <v>13155</v>
      </c>
      <c r="F4233" s="2" t="s">
        <v>1867</v>
      </c>
      <c r="G4233" s="8">
        <v>189</v>
      </c>
      <c r="H4233" s="5">
        <v>21</v>
      </c>
      <c r="I4233" s="5" t="s">
        <v>1518</v>
      </c>
      <c r="J4233" s="5" t="s">
        <v>1519</v>
      </c>
      <c r="K4233" s="2" t="s">
        <v>1520</v>
      </c>
      <c r="L4233" s="5" t="s">
        <v>1519</v>
      </c>
      <c r="M4233" s="2" t="s">
        <v>1520</v>
      </c>
      <c r="N4233" s="5" t="s">
        <v>1521</v>
      </c>
      <c r="O4233" s="5" t="s">
        <v>38</v>
      </c>
      <c r="P4233" s="5" t="s">
        <v>39</v>
      </c>
      <c r="Q4233" s="5" t="s">
        <v>40</v>
      </c>
      <c r="R4233" s="5" t="s">
        <v>1522</v>
      </c>
      <c r="S4233" s="5" t="s">
        <v>1523</v>
      </c>
      <c r="T4233" s="5" t="s">
        <v>42</v>
      </c>
      <c r="U4233" s="2">
        <v>2.556</v>
      </c>
      <c r="V4233" s="2">
        <v>2.1320000000000001</v>
      </c>
      <c r="W4233" s="2">
        <v>1.2999999999999999E-2</v>
      </c>
      <c r="X4233" s="2">
        <v>159.1</v>
      </c>
      <c r="Y4233" s="2">
        <v>7.6</v>
      </c>
      <c r="Z4233" s="2">
        <v>10.6</v>
      </c>
      <c r="AA4233" s="5"/>
      <c r="AB4233" s="5" t="s">
        <v>43</v>
      </c>
      <c r="AC4233" s="5" t="s">
        <v>44</v>
      </c>
      <c r="AD4233" s="2"/>
      <c r="AE4233" s="1"/>
    </row>
    <row r="4234" spans="1:31" ht="14.45">
      <c r="A4234" s="11"/>
      <c r="B4234" s="20"/>
      <c r="C4234" s="2" t="s">
        <v>13156</v>
      </c>
      <c r="D4234" s="14" t="s">
        <v>13157</v>
      </c>
      <c r="E4234" s="2" t="s">
        <v>13158</v>
      </c>
      <c r="F4234" s="2" t="s">
        <v>7396</v>
      </c>
      <c r="G4234" s="8">
        <v>131</v>
      </c>
      <c r="H4234" s="5">
        <v>5</v>
      </c>
      <c r="I4234" s="5" t="s">
        <v>1518</v>
      </c>
      <c r="J4234" s="5" t="s">
        <v>1519</v>
      </c>
      <c r="K4234" s="2" t="s">
        <v>1520</v>
      </c>
      <c r="L4234" s="5" t="s">
        <v>1519</v>
      </c>
      <c r="M4234" s="2" t="s">
        <v>1520</v>
      </c>
      <c r="N4234" s="5" t="s">
        <v>1521</v>
      </c>
      <c r="O4234" s="5" t="s">
        <v>38</v>
      </c>
      <c r="P4234" s="5" t="s">
        <v>39</v>
      </c>
      <c r="Q4234" s="5" t="s">
        <v>40</v>
      </c>
      <c r="R4234" s="5" t="s">
        <v>1522</v>
      </c>
      <c r="S4234" s="5" t="s">
        <v>1523</v>
      </c>
      <c r="T4234" s="5" t="s">
        <v>42</v>
      </c>
      <c r="U4234" s="2">
        <v>2.25</v>
      </c>
      <c r="V4234" s="2">
        <v>1.8859999999999999</v>
      </c>
      <c r="W4234" s="2">
        <v>1.0999999999999999E-2</v>
      </c>
      <c r="X4234" s="2">
        <v>139.1</v>
      </c>
      <c r="Y4234" s="2">
        <v>7.6</v>
      </c>
      <c r="Z4234" s="2">
        <v>10.6</v>
      </c>
      <c r="AA4234" s="5"/>
      <c r="AB4234" s="5" t="s">
        <v>43</v>
      </c>
      <c r="AC4234" s="5" t="s">
        <v>44</v>
      </c>
      <c r="AD4234" s="2"/>
      <c r="AE4234" s="1"/>
    </row>
    <row r="4235" spans="1:31" ht="14.45">
      <c r="A4235" s="11"/>
      <c r="B4235" s="20"/>
      <c r="C4235" s="2" t="s">
        <v>13159</v>
      </c>
      <c r="D4235" s="14" t="s">
        <v>13160</v>
      </c>
      <c r="E4235" s="2" t="s">
        <v>13161</v>
      </c>
      <c r="F4235" s="2" t="s">
        <v>7507</v>
      </c>
      <c r="G4235" s="8">
        <v>131</v>
      </c>
      <c r="H4235" s="5">
        <v>5</v>
      </c>
      <c r="I4235" s="5" t="s">
        <v>1518</v>
      </c>
      <c r="J4235" s="5" t="s">
        <v>1519</v>
      </c>
      <c r="K4235" s="2" t="s">
        <v>1520</v>
      </c>
      <c r="L4235" s="5" t="s">
        <v>1519</v>
      </c>
      <c r="M4235" s="2" t="s">
        <v>1520</v>
      </c>
      <c r="N4235" s="5" t="s">
        <v>1521</v>
      </c>
      <c r="O4235" s="5" t="s">
        <v>38</v>
      </c>
      <c r="P4235" s="5" t="s">
        <v>39</v>
      </c>
      <c r="Q4235" s="5" t="s">
        <v>40</v>
      </c>
      <c r="R4235" s="5" t="s">
        <v>1522</v>
      </c>
      <c r="S4235" s="5" t="s">
        <v>1523</v>
      </c>
      <c r="T4235" s="5" t="s">
        <v>42</v>
      </c>
      <c r="U4235" s="2">
        <v>2.3029999999999999</v>
      </c>
      <c r="V4235" s="2">
        <v>1.9379999999999999</v>
      </c>
      <c r="W4235" s="2">
        <v>1.0999999999999999E-2</v>
      </c>
      <c r="X4235" s="2">
        <v>139.1</v>
      </c>
      <c r="Y4235" s="2">
        <v>7.6</v>
      </c>
      <c r="Z4235" s="2">
        <v>10.6</v>
      </c>
      <c r="AA4235" s="5"/>
      <c r="AB4235" s="5" t="s">
        <v>43</v>
      </c>
      <c r="AC4235" s="5" t="s">
        <v>44</v>
      </c>
      <c r="AD4235" s="2"/>
      <c r="AE4235" s="1"/>
    </row>
    <row r="4236" spans="1:31" ht="14.45">
      <c r="A4236" s="11"/>
      <c r="B4236" s="20"/>
      <c r="C4236" s="2" t="s">
        <v>13162</v>
      </c>
      <c r="D4236" s="14" t="s">
        <v>13163</v>
      </c>
      <c r="E4236" s="2" t="s">
        <v>13164</v>
      </c>
      <c r="F4236" s="2" t="s">
        <v>7204</v>
      </c>
      <c r="G4236" s="8">
        <v>131</v>
      </c>
      <c r="H4236" s="5">
        <v>5</v>
      </c>
      <c r="I4236" s="5" t="s">
        <v>1518</v>
      </c>
      <c r="J4236" s="5" t="s">
        <v>1519</v>
      </c>
      <c r="K4236" s="2" t="s">
        <v>1520</v>
      </c>
      <c r="L4236" s="5" t="s">
        <v>1519</v>
      </c>
      <c r="M4236" s="2" t="s">
        <v>1520</v>
      </c>
      <c r="N4236" s="5" t="s">
        <v>1521</v>
      </c>
      <c r="O4236" s="5" t="s">
        <v>38</v>
      </c>
      <c r="P4236" s="5" t="s">
        <v>39</v>
      </c>
      <c r="Q4236" s="5" t="s">
        <v>40</v>
      </c>
      <c r="R4236" s="5" t="s">
        <v>1522</v>
      </c>
      <c r="S4236" s="5" t="s">
        <v>1523</v>
      </c>
      <c r="T4236" s="5" t="s">
        <v>42</v>
      </c>
      <c r="U4236" s="2">
        <v>2.2589999999999999</v>
      </c>
      <c r="V4236" s="2">
        <v>1.895</v>
      </c>
      <c r="W4236" s="2">
        <v>1.0999999999999999E-2</v>
      </c>
      <c r="X4236" s="2">
        <v>139.1</v>
      </c>
      <c r="Y4236" s="2">
        <v>7.6</v>
      </c>
      <c r="Z4236" s="2">
        <v>10.6</v>
      </c>
      <c r="AA4236" s="5"/>
      <c r="AB4236" s="5" t="s">
        <v>43</v>
      </c>
      <c r="AC4236" s="5" t="s">
        <v>44</v>
      </c>
      <c r="AD4236" s="2"/>
      <c r="AE4236" s="1"/>
    </row>
    <row r="4237" spans="1:31" ht="14.45">
      <c r="A4237" s="11"/>
      <c r="B4237" s="20"/>
      <c r="C4237" s="2" t="s">
        <v>13165</v>
      </c>
      <c r="D4237" s="14" t="s">
        <v>13166</v>
      </c>
      <c r="E4237" s="2" t="s">
        <v>13167</v>
      </c>
      <c r="F4237" s="2" t="s">
        <v>7514</v>
      </c>
      <c r="G4237" s="8">
        <v>131</v>
      </c>
      <c r="H4237" s="5">
        <v>5</v>
      </c>
      <c r="I4237" s="5" t="s">
        <v>1518</v>
      </c>
      <c r="J4237" s="5" t="s">
        <v>1519</v>
      </c>
      <c r="K4237" s="2" t="s">
        <v>1520</v>
      </c>
      <c r="L4237" s="5" t="s">
        <v>1519</v>
      </c>
      <c r="M4237" s="2" t="s">
        <v>1520</v>
      </c>
      <c r="N4237" s="5" t="s">
        <v>1521</v>
      </c>
      <c r="O4237" s="5" t="s">
        <v>38</v>
      </c>
      <c r="P4237" s="5" t="s">
        <v>39</v>
      </c>
      <c r="Q4237" s="5" t="s">
        <v>40</v>
      </c>
      <c r="R4237" s="5" t="s">
        <v>1522</v>
      </c>
      <c r="S4237" s="5" t="s">
        <v>1523</v>
      </c>
      <c r="T4237" s="5" t="s">
        <v>42</v>
      </c>
      <c r="U4237" s="2">
        <v>2.3130000000000002</v>
      </c>
      <c r="V4237" s="2">
        <v>1.948</v>
      </c>
      <c r="W4237" s="2">
        <v>1.0999999999999999E-2</v>
      </c>
      <c r="X4237" s="2">
        <v>139.1</v>
      </c>
      <c r="Y4237" s="2">
        <v>7.6</v>
      </c>
      <c r="Z4237" s="2">
        <v>10.6</v>
      </c>
      <c r="AA4237" s="5"/>
      <c r="AB4237" s="5" t="s">
        <v>43</v>
      </c>
      <c r="AC4237" s="5" t="s">
        <v>44</v>
      </c>
      <c r="AD4237" s="2"/>
      <c r="AE4237" s="1"/>
    </row>
    <row r="4238" spans="1:31" ht="14.45">
      <c r="A4238" s="11"/>
      <c r="B4238" s="20"/>
      <c r="C4238" s="2" t="s">
        <v>13168</v>
      </c>
      <c r="D4238" s="14" t="s">
        <v>13169</v>
      </c>
      <c r="E4238" s="2" t="s">
        <v>13170</v>
      </c>
      <c r="F4238" s="2" t="s">
        <v>7208</v>
      </c>
      <c r="G4238" s="8">
        <v>131</v>
      </c>
      <c r="H4238" s="5">
        <v>5</v>
      </c>
      <c r="I4238" s="5" t="s">
        <v>1518</v>
      </c>
      <c r="J4238" s="5" t="s">
        <v>1519</v>
      </c>
      <c r="K4238" s="2" t="s">
        <v>1520</v>
      </c>
      <c r="L4238" s="5" t="s">
        <v>1519</v>
      </c>
      <c r="M4238" s="2" t="s">
        <v>1520</v>
      </c>
      <c r="N4238" s="5" t="s">
        <v>1521</v>
      </c>
      <c r="O4238" s="5" t="s">
        <v>38</v>
      </c>
      <c r="P4238" s="5" t="s">
        <v>39</v>
      </c>
      <c r="Q4238" s="5" t="s">
        <v>40</v>
      </c>
      <c r="R4238" s="5" t="s">
        <v>1522</v>
      </c>
      <c r="S4238" s="5" t="s">
        <v>1523</v>
      </c>
      <c r="T4238" s="5" t="s">
        <v>42</v>
      </c>
      <c r="U4238" s="2">
        <v>2.2589999999999999</v>
      </c>
      <c r="V4238" s="2">
        <v>1.895</v>
      </c>
      <c r="W4238" s="2">
        <v>1.0999999999999999E-2</v>
      </c>
      <c r="X4238" s="2">
        <v>139.1</v>
      </c>
      <c r="Y4238" s="2">
        <v>7.6</v>
      </c>
      <c r="Z4238" s="2">
        <v>10.6</v>
      </c>
      <c r="AA4238" s="5"/>
      <c r="AB4238" s="5" t="s">
        <v>43</v>
      </c>
      <c r="AC4238" s="5" t="s">
        <v>44</v>
      </c>
      <c r="AD4238" s="2"/>
      <c r="AE4238" s="1"/>
    </row>
    <row r="4239" spans="1:31" ht="14.45">
      <c r="A4239" s="11"/>
      <c r="B4239" s="20"/>
      <c r="C4239" s="2" t="s">
        <v>13171</v>
      </c>
      <c r="D4239" s="14" t="s">
        <v>13172</v>
      </c>
      <c r="E4239" s="2" t="s">
        <v>13173</v>
      </c>
      <c r="F4239" s="2" t="s">
        <v>7521</v>
      </c>
      <c r="G4239" s="8">
        <v>131</v>
      </c>
      <c r="H4239" s="5">
        <v>5</v>
      </c>
      <c r="I4239" s="5" t="s">
        <v>1518</v>
      </c>
      <c r="J4239" s="5" t="s">
        <v>1519</v>
      </c>
      <c r="K4239" s="2" t="s">
        <v>1520</v>
      </c>
      <c r="L4239" s="5" t="s">
        <v>1519</v>
      </c>
      <c r="M4239" s="2" t="s">
        <v>1520</v>
      </c>
      <c r="N4239" s="5" t="s">
        <v>1521</v>
      </c>
      <c r="O4239" s="5" t="s">
        <v>38</v>
      </c>
      <c r="P4239" s="5" t="s">
        <v>39</v>
      </c>
      <c r="Q4239" s="5" t="s">
        <v>40</v>
      </c>
      <c r="R4239" s="5" t="s">
        <v>1522</v>
      </c>
      <c r="S4239" s="5" t="s">
        <v>1523</v>
      </c>
      <c r="T4239" s="5" t="s">
        <v>42</v>
      </c>
      <c r="U4239" s="2">
        <v>2.3130000000000002</v>
      </c>
      <c r="V4239" s="2">
        <v>1.948</v>
      </c>
      <c r="W4239" s="2">
        <v>1.0999999999999999E-2</v>
      </c>
      <c r="X4239" s="2">
        <v>139.1</v>
      </c>
      <c r="Y4239" s="2">
        <v>7.6</v>
      </c>
      <c r="Z4239" s="2">
        <v>10.6</v>
      </c>
      <c r="AA4239" s="5"/>
      <c r="AB4239" s="5" t="s">
        <v>43</v>
      </c>
      <c r="AC4239" s="5" t="s">
        <v>44</v>
      </c>
      <c r="AD4239" s="2"/>
      <c r="AE4239" s="1"/>
    </row>
    <row r="4240" spans="1:31" ht="14.45">
      <c r="A4240" s="11"/>
      <c r="B4240" s="20"/>
      <c r="C4240" s="2" t="s">
        <v>13174</v>
      </c>
      <c r="D4240" s="14" t="s">
        <v>13175</v>
      </c>
      <c r="E4240" s="2" t="s">
        <v>13176</v>
      </c>
      <c r="F4240" s="2" t="s">
        <v>7212</v>
      </c>
      <c r="G4240" s="8">
        <v>131</v>
      </c>
      <c r="H4240" s="5">
        <v>5</v>
      </c>
      <c r="I4240" s="5" t="s">
        <v>1518</v>
      </c>
      <c r="J4240" s="5" t="s">
        <v>1519</v>
      </c>
      <c r="K4240" s="2" t="s">
        <v>1520</v>
      </c>
      <c r="L4240" s="5" t="s">
        <v>1519</v>
      </c>
      <c r="M4240" s="2" t="s">
        <v>1520</v>
      </c>
      <c r="N4240" s="5" t="s">
        <v>1521</v>
      </c>
      <c r="O4240" s="5" t="s">
        <v>38</v>
      </c>
      <c r="P4240" s="5" t="s">
        <v>39</v>
      </c>
      <c r="Q4240" s="5" t="s">
        <v>40</v>
      </c>
      <c r="R4240" s="5" t="s">
        <v>1522</v>
      </c>
      <c r="S4240" s="5" t="s">
        <v>1523</v>
      </c>
      <c r="T4240" s="5" t="s">
        <v>42</v>
      </c>
      <c r="U4240" s="2">
        <v>2.23</v>
      </c>
      <c r="V4240" s="2">
        <v>1.8660000000000001</v>
      </c>
      <c r="W4240" s="2">
        <v>1.0999999999999999E-2</v>
      </c>
      <c r="X4240" s="2">
        <v>139.1</v>
      </c>
      <c r="Y4240" s="2">
        <v>7.6</v>
      </c>
      <c r="Z4240" s="2">
        <v>10.6</v>
      </c>
      <c r="AA4240" s="5"/>
      <c r="AB4240" s="5" t="s">
        <v>43</v>
      </c>
      <c r="AC4240" s="5" t="s">
        <v>44</v>
      </c>
      <c r="AD4240" s="2"/>
      <c r="AE4240" s="1"/>
    </row>
    <row r="4241" spans="1:31" ht="14.45">
      <c r="A4241" s="11"/>
      <c r="B4241" s="20"/>
      <c r="C4241" s="2" t="s">
        <v>13177</v>
      </c>
      <c r="D4241" s="14" t="s">
        <v>13178</v>
      </c>
      <c r="E4241" s="2" t="s">
        <v>13179</v>
      </c>
      <c r="F4241" s="2" t="s">
        <v>7528</v>
      </c>
      <c r="G4241" s="8">
        <v>131</v>
      </c>
      <c r="H4241" s="5">
        <v>5</v>
      </c>
      <c r="I4241" s="5" t="s">
        <v>1518</v>
      </c>
      <c r="J4241" s="5" t="s">
        <v>1519</v>
      </c>
      <c r="K4241" s="2" t="s">
        <v>1520</v>
      </c>
      <c r="L4241" s="5" t="s">
        <v>1519</v>
      </c>
      <c r="M4241" s="2" t="s">
        <v>1520</v>
      </c>
      <c r="N4241" s="5" t="s">
        <v>1521</v>
      </c>
      <c r="O4241" s="5" t="s">
        <v>38</v>
      </c>
      <c r="P4241" s="5" t="s">
        <v>39</v>
      </c>
      <c r="Q4241" s="5" t="s">
        <v>40</v>
      </c>
      <c r="R4241" s="5" t="s">
        <v>1522</v>
      </c>
      <c r="S4241" s="5" t="s">
        <v>1523</v>
      </c>
      <c r="T4241" s="5" t="s">
        <v>42</v>
      </c>
      <c r="U4241" s="2">
        <v>2.2829999999999999</v>
      </c>
      <c r="V4241" s="2">
        <v>1.9179999999999999</v>
      </c>
      <c r="W4241" s="2">
        <v>1.0999999999999999E-2</v>
      </c>
      <c r="X4241" s="2">
        <v>139.1</v>
      </c>
      <c r="Y4241" s="2">
        <v>7.6</v>
      </c>
      <c r="Z4241" s="2">
        <v>10.6</v>
      </c>
      <c r="AA4241" s="5"/>
      <c r="AB4241" s="5" t="s">
        <v>43</v>
      </c>
      <c r="AC4241" s="5" t="s">
        <v>44</v>
      </c>
      <c r="AD4241" s="2"/>
      <c r="AE4241" s="1"/>
    </row>
    <row r="4242" spans="1:31" ht="14.45">
      <c r="A4242" s="11"/>
      <c r="B4242" s="20"/>
      <c r="C4242" s="2" t="s">
        <v>13180</v>
      </c>
      <c r="D4242" s="14" t="s">
        <v>13181</v>
      </c>
      <c r="E4242" s="2" t="s">
        <v>13182</v>
      </c>
      <c r="F4242" s="2" t="s">
        <v>7406</v>
      </c>
      <c r="G4242" s="8">
        <v>151</v>
      </c>
      <c r="H4242" s="5">
        <v>5</v>
      </c>
      <c r="I4242" s="5" t="s">
        <v>1518</v>
      </c>
      <c r="J4242" s="5" t="s">
        <v>1519</v>
      </c>
      <c r="K4242" s="2" t="s">
        <v>1520</v>
      </c>
      <c r="L4242" s="5" t="s">
        <v>1519</v>
      </c>
      <c r="M4242" s="2" t="s">
        <v>1520</v>
      </c>
      <c r="N4242" s="5" t="s">
        <v>1521</v>
      </c>
      <c r="O4242" s="5" t="s">
        <v>38</v>
      </c>
      <c r="P4242" s="5" t="s">
        <v>39</v>
      </c>
      <c r="Q4242" s="5" t="s">
        <v>40</v>
      </c>
      <c r="R4242" s="5" t="s">
        <v>1522</v>
      </c>
      <c r="S4242" s="5" t="s">
        <v>1523</v>
      </c>
      <c r="T4242" s="5" t="s">
        <v>42</v>
      </c>
      <c r="U4242" s="2">
        <v>2.23</v>
      </c>
      <c r="V4242" s="2">
        <v>1.8660000000000001</v>
      </c>
      <c r="W4242" s="2">
        <v>1.0999999999999999E-2</v>
      </c>
      <c r="X4242" s="2">
        <v>139.1</v>
      </c>
      <c r="Y4242" s="2">
        <v>7.6</v>
      </c>
      <c r="Z4242" s="2">
        <v>10.6</v>
      </c>
      <c r="AA4242" s="5"/>
      <c r="AB4242" s="5" t="s">
        <v>43</v>
      </c>
      <c r="AC4242" s="5" t="s">
        <v>44</v>
      </c>
      <c r="AD4242" s="2"/>
      <c r="AE4242" s="1"/>
    </row>
    <row r="4243" spans="1:31" ht="14.45">
      <c r="A4243" s="11"/>
      <c r="B4243" s="20"/>
      <c r="C4243" s="2" t="s">
        <v>13183</v>
      </c>
      <c r="D4243" s="14" t="s">
        <v>13184</v>
      </c>
      <c r="E4243" s="2" t="s">
        <v>13185</v>
      </c>
      <c r="F4243" s="2" t="s">
        <v>7535</v>
      </c>
      <c r="G4243" s="8">
        <v>151</v>
      </c>
      <c r="H4243" s="5">
        <v>6</v>
      </c>
      <c r="I4243" s="5" t="s">
        <v>1518</v>
      </c>
      <c r="J4243" s="5" t="s">
        <v>1519</v>
      </c>
      <c r="K4243" s="2" t="s">
        <v>1520</v>
      </c>
      <c r="L4243" s="5" t="s">
        <v>1519</v>
      </c>
      <c r="M4243" s="2" t="s">
        <v>1520</v>
      </c>
      <c r="N4243" s="5" t="s">
        <v>1521</v>
      </c>
      <c r="O4243" s="5" t="s">
        <v>38</v>
      </c>
      <c r="P4243" s="5" t="s">
        <v>39</v>
      </c>
      <c r="Q4243" s="5" t="s">
        <v>40</v>
      </c>
      <c r="R4243" s="5" t="s">
        <v>1522</v>
      </c>
      <c r="S4243" s="5" t="s">
        <v>1523</v>
      </c>
      <c r="T4243" s="5" t="s">
        <v>42</v>
      </c>
      <c r="U4243" s="2">
        <v>2.282</v>
      </c>
      <c r="V4243" s="2">
        <v>1.9179999999999999</v>
      </c>
      <c r="W4243" s="2">
        <v>1.0999999999999999E-2</v>
      </c>
      <c r="X4243" s="2">
        <v>139.1</v>
      </c>
      <c r="Y4243" s="2">
        <v>7.6</v>
      </c>
      <c r="Z4243" s="2">
        <v>10.6</v>
      </c>
      <c r="AA4243" s="5"/>
      <c r="AB4243" s="5" t="s">
        <v>43</v>
      </c>
      <c r="AC4243" s="5" t="s">
        <v>44</v>
      </c>
      <c r="AD4243" s="2"/>
      <c r="AE4243" s="1"/>
    </row>
    <row r="4244" spans="1:31" ht="14.45">
      <c r="A4244" s="11"/>
      <c r="B4244" s="20"/>
      <c r="C4244" s="2" t="s">
        <v>13186</v>
      </c>
      <c r="D4244" s="14" t="s">
        <v>13187</v>
      </c>
      <c r="E4244" s="2" t="s">
        <v>13188</v>
      </c>
      <c r="F4244" s="2" t="s">
        <v>7539</v>
      </c>
      <c r="G4244" s="8">
        <v>151</v>
      </c>
      <c r="H4244" s="5">
        <v>6</v>
      </c>
      <c r="I4244" s="5" t="s">
        <v>1518</v>
      </c>
      <c r="J4244" s="5" t="s">
        <v>1519</v>
      </c>
      <c r="K4244" s="2" t="s">
        <v>1520</v>
      </c>
      <c r="L4244" s="5" t="s">
        <v>1519</v>
      </c>
      <c r="M4244" s="2" t="s">
        <v>1520</v>
      </c>
      <c r="N4244" s="5" t="s">
        <v>1521</v>
      </c>
      <c r="O4244" s="5" t="s">
        <v>38</v>
      </c>
      <c r="P4244" s="5" t="s">
        <v>39</v>
      </c>
      <c r="Q4244" s="5" t="s">
        <v>40</v>
      </c>
      <c r="R4244" s="5" t="s">
        <v>1522</v>
      </c>
      <c r="S4244" s="5" t="s">
        <v>1523</v>
      </c>
      <c r="T4244" s="5" t="s">
        <v>42</v>
      </c>
      <c r="U4244" s="2">
        <v>2.2589999999999999</v>
      </c>
      <c r="V4244" s="2">
        <v>1.895</v>
      </c>
      <c r="W4244" s="2">
        <v>1.0999999999999999E-2</v>
      </c>
      <c r="X4244" s="2">
        <v>139.1</v>
      </c>
      <c r="Y4244" s="2">
        <v>7.6</v>
      </c>
      <c r="Z4244" s="2">
        <v>10.6</v>
      </c>
      <c r="AA4244" s="5"/>
      <c r="AB4244" s="5" t="s">
        <v>43</v>
      </c>
      <c r="AC4244" s="5" t="s">
        <v>44</v>
      </c>
      <c r="AD4244" s="2"/>
      <c r="AE4244" s="1"/>
    </row>
    <row r="4245" spans="1:31" ht="14.45">
      <c r="A4245" s="11"/>
      <c r="B4245" s="20"/>
      <c r="C4245" s="2" t="s">
        <v>13189</v>
      </c>
      <c r="D4245" s="14" t="s">
        <v>13190</v>
      </c>
      <c r="E4245" s="2" t="s">
        <v>13191</v>
      </c>
      <c r="F4245" s="2" t="s">
        <v>7543</v>
      </c>
      <c r="G4245" s="8">
        <v>151</v>
      </c>
      <c r="H4245" s="5">
        <v>6</v>
      </c>
      <c r="I4245" s="5" t="s">
        <v>1518</v>
      </c>
      <c r="J4245" s="5" t="s">
        <v>1519</v>
      </c>
      <c r="K4245" s="2" t="s">
        <v>1520</v>
      </c>
      <c r="L4245" s="5" t="s">
        <v>1519</v>
      </c>
      <c r="M4245" s="2" t="s">
        <v>1520</v>
      </c>
      <c r="N4245" s="5" t="s">
        <v>1521</v>
      </c>
      <c r="O4245" s="5" t="s">
        <v>38</v>
      </c>
      <c r="P4245" s="5" t="s">
        <v>39</v>
      </c>
      <c r="Q4245" s="5" t="s">
        <v>40</v>
      </c>
      <c r="R4245" s="5" t="s">
        <v>1522</v>
      </c>
      <c r="S4245" s="5" t="s">
        <v>1523</v>
      </c>
      <c r="T4245" s="5" t="s">
        <v>42</v>
      </c>
      <c r="U4245" s="2">
        <v>2.3109999999999999</v>
      </c>
      <c r="V4245" s="2">
        <v>1.9470000000000001</v>
      </c>
      <c r="W4245" s="2">
        <v>1.0999999999999999E-2</v>
      </c>
      <c r="X4245" s="2">
        <v>139.1</v>
      </c>
      <c r="Y4245" s="2">
        <v>7.6</v>
      </c>
      <c r="Z4245" s="2">
        <v>10.6</v>
      </c>
      <c r="AA4245" s="5"/>
      <c r="AB4245" s="5" t="s">
        <v>43</v>
      </c>
      <c r="AC4245" s="5" t="s">
        <v>44</v>
      </c>
      <c r="AD4245" s="2"/>
      <c r="AE4245" s="1"/>
    </row>
    <row r="4246" spans="1:31" ht="14.45">
      <c r="A4246" s="11"/>
      <c r="B4246" s="20"/>
      <c r="C4246" s="2" t="s">
        <v>13192</v>
      </c>
      <c r="D4246" s="14" t="s">
        <v>13193</v>
      </c>
      <c r="E4246" s="2" t="s">
        <v>13194</v>
      </c>
      <c r="F4246" s="2" t="s">
        <v>7547</v>
      </c>
      <c r="G4246" s="8">
        <v>151</v>
      </c>
      <c r="H4246" s="5">
        <v>6</v>
      </c>
      <c r="I4246" s="5" t="s">
        <v>1518</v>
      </c>
      <c r="J4246" s="5" t="s">
        <v>1519</v>
      </c>
      <c r="K4246" s="2" t="s">
        <v>1520</v>
      </c>
      <c r="L4246" s="5" t="s">
        <v>1519</v>
      </c>
      <c r="M4246" s="2" t="s">
        <v>1520</v>
      </c>
      <c r="N4246" s="5" t="s">
        <v>1521</v>
      </c>
      <c r="O4246" s="5" t="s">
        <v>38</v>
      </c>
      <c r="P4246" s="5" t="s">
        <v>39</v>
      </c>
      <c r="Q4246" s="5" t="s">
        <v>40</v>
      </c>
      <c r="R4246" s="5" t="s">
        <v>1522</v>
      </c>
      <c r="S4246" s="5" t="s">
        <v>1523</v>
      </c>
      <c r="T4246" s="5" t="s">
        <v>42</v>
      </c>
      <c r="U4246" s="2">
        <v>2.23</v>
      </c>
      <c r="V4246" s="2">
        <v>1.8660000000000001</v>
      </c>
      <c r="W4246" s="2">
        <v>1.0999999999999999E-2</v>
      </c>
      <c r="X4246" s="2">
        <v>139.1</v>
      </c>
      <c r="Y4246" s="2">
        <v>7.6</v>
      </c>
      <c r="Z4246" s="2">
        <v>10.6</v>
      </c>
      <c r="AA4246" s="5"/>
      <c r="AB4246" s="5" t="s">
        <v>43</v>
      </c>
      <c r="AC4246" s="5" t="s">
        <v>44</v>
      </c>
      <c r="AD4246" s="2"/>
      <c r="AE4246" s="1"/>
    </row>
    <row r="4247" spans="1:31" ht="14.45">
      <c r="A4247" s="11"/>
      <c r="B4247" s="20"/>
      <c r="C4247" s="2" t="s">
        <v>13195</v>
      </c>
      <c r="D4247" s="14" t="s">
        <v>13196</v>
      </c>
      <c r="E4247" s="2" t="s">
        <v>13197</v>
      </c>
      <c r="F4247" s="2" t="s">
        <v>7551</v>
      </c>
      <c r="G4247" s="8">
        <v>151</v>
      </c>
      <c r="H4247" s="5">
        <v>6</v>
      </c>
      <c r="I4247" s="5" t="s">
        <v>1518</v>
      </c>
      <c r="J4247" s="5" t="s">
        <v>1519</v>
      </c>
      <c r="K4247" s="2" t="s">
        <v>1520</v>
      </c>
      <c r="L4247" s="5" t="s">
        <v>1519</v>
      </c>
      <c r="M4247" s="2" t="s">
        <v>1520</v>
      </c>
      <c r="N4247" s="5" t="s">
        <v>1521</v>
      </c>
      <c r="O4247" s="5" t="s">
        <v>38</v>
      </c>
      <c r="P4247" s="5" t="s">
        <v>39</v>
      </c>
      <c r="Q4247" s="5" t="s">
        <v>40</v>
      </c>
      <c r="R4247" s="5" t="s">
        <v>1522</v>
      </c>
      <c r="S4247" s="5" t="s">
        <v>1523</v>
      </c>
      <c r="T4247" s="5" t="s">
        <v>42</v>
      </c>
      <c r="U4247" s="2">
        <v>2.282</v>
      </c>
      <c r="V4247" s="2">
        <v>1.9179999999999999</v>
      </c>
      <c r="W4247" s="2">
        <v>1.0999999999999999E-2</v>
      </c>
      <c r="X4247" s="2">
        <v>139.1</v>
      </c>
      <c r="Y4247" s="2">
        <v>7.6</v>
      </c>
      <c r="Z4247" s="2">
        <v>10.6</v>
      </c>
      <c r="AA4247" s="5"/>
      <c r="AB4247" s="5" t="s">
        <v>43</v>
      </c>
      <c r="AC4247" s="5" t="s">
        <v>44</v>
      </c>
      <c r="AD4247" s="2"/>
      <c r="AE4247" s="1"/>
    </row>
    <row r="4248" spans="1:31" ht="14.45">
      <c r="A4248" s="11"/>
      <c r="B4248" s="20"/>
      <c r="C4248" s="2" t="s">
        <v>13198</v>
      </c>
      <c r="D4248" s="14" t="s">
        <v>13199</v>
      </c>
      <c r="E4248" s="2" t="s">
        <v>13200</v>
      </c>
      <c r="F4248" s="2" t="s">
        <v>7555</v>
      </c>
      <c r="G4248" s="8">
        <v>151</v>
      </c>
      <c r="H4248" s="5">
        <v>6</v>
      </c>
      <c r="I4248" s="5" t="s">
        <v>1518</v>
      </c>
      <c r="J4248" s="5" t="s">
        <v>1519</v>
      </c>
      <c r="K4248" s="2" t="s">
        <v>1520</v>
      </c>
      <c r="L4248" s="5" t="s">
        <v>1519</v>
      </c>
      <c r="M4248" s="2" t="s">
        <v>1520</v>
      </c>
      <c r="N4248" s="5" t="s">
        <v>1521</v>
      </c>
      <c r="O4248" s="5" t="s">
        <v>38</v>
      </c>
      <c r="P4248" s="5" t="s">
        <v>39</v>
      </c>
      <c r="Q4248" s="5" t="s">
        <v>40</v>
      </c>
      <c r="R4248" s="5" t="s">
        <v>1522</v>
      </c>
      <c r="S4248" s="5" t="s">
        <v>1523</v>
      </c>
      <c r="T4248" s="5" t="s">
        <v>42</v>
      </c>
      <c r="U4248" s="2">
        <v>2.23</v>
      </c>
      <c r="V4248" s="2">
        <v>1.8660000000000001</v>
      </c>
      <c r="W4248" s="2">
        <v>1.0999999999999999E-2</v>
      </c>
      <c r="X4248" s="2">
        <v>139.1</v>
      </c>
      <c r="Y4248" s="2">
        <v>7.6</v>
      </c>
      <c r="Z4248" s="2">
        <v>10.6</v>
      </c>
      <c r="AA4248" s="5"/>
      <c r="AB4248" s="5" t="s">
        <v>43</v>
      </c>
      <c r="AC4248" s="5" t="s">
        <v>44</v>
      </c>
      <c r="AD4248" s="2"/>
      <c r="AE4248" s="1"/>
    </row>
    <row r="4249" spans="1:31" ht="14.45">
      <c r="A4249" s="11"/>
      <c r="B4249" s="20"/>
      <c r="C4249" s="2" t="s">
        <v>13201</v>
      </c>
      <c r="D4249" s="14" t="s">
        <v>13202</v>
      </c>
      <c r="E4249" s="2" t="s">
        <v>13203</v>
      </c>
      <c r="F4249" s="2" t="s">
        <v>7559</v>
      </c>
      <c r="G4249" s="8">
        <v>151</v>
      </c>
      <c r="H4249" s="5">
        <v>6</v>
      </c>
      <c r="I4249" s="5" t="s">
        <v>1518</v>
      </c>
      <c r="J4249" s="5" t="s">
        <v>1519</v>
      </c>
      <c r="K4249" s="2" t="s">
        <v>1520</v>
      </c>
      <c r="L4249" s="5" t="s">
        <v>1519</v>
      </c>
      <c r="M4249" s="2" t="s">
        <v>1520</v>
      </c>
      <c r="N4249" s="5" t="s">
        <v>1521</v>
      </c>
      <c r="O4249" s="5" t="s">
        <v>38</v>
      </c>
      <c r="P4249" s="5" t="s">
        <v>39</v>
      </c>
      <c r="Q4249" s="5" t="s">
        <v>40</v>
      </c>
      <c r="R4249" s="5" t="s">
        <v>1522</v>
      </c>
      <c r="S4249" s="5" t="s">
        <v>1523</v>
      </c>
      <c r="T4249" s="5" t="s">
        <v>42</v>
      </c>
      <c r="U4249" s="2">
        <v>2.282</v>
      </c>
      <c r="V4249" s="2">
        <v>1.9179999999999999</v>
      </c>
      <c r="W4249" s="2">
        <v>1.0999999999999999E-2</v>
      </c>
      <c r="X4249" s="2">
        <v>139.1</v>
      </c>
      <c r="Y4249" s="2">
        <v>7.6</v>
      </c>
      <c r="Z4249" s="2">
        <v>10.6</v>
      </c>
      <c r="AA4249" s="5"/>
      <c r="AB4249" s="5" t="s">
        <v>43</v>
      </c>
      <c r="AC4249" s="5" t="s">
        <v>44</v>
      </c>
      <c r="AD4249" s="2"/>
      <c r="AE4249" s="1"/>
    </row>
    <row r="4250" spans="1:31" ht="14.45">
      <c r="A4250" s="11"/>
      <c r="B4250" s="20"/>
      <c r="C4250" s="2" t="s">
        <v>13204</v>
      </c>
      <c r="D4250" s="14" t="s">
        <v>13205</v>
      </c>
      <c r="E4250" s="2" t="s">
        <v>13206</v>
      </c>
      <c r="F4250" s="2" t="s">
        <v>7563</v>
      </c>
      <c r="G4250" s="8">
        <v>151</v>
      </c>
      <c r="H4250" s="5">
        <v>6</v>
      </c>
      <c r="I4250" s="5" t="s">
        <v>1518</v>
      </c>
      <c r="J4250" s="5" t="s">
        <v>1519</v>
      </c>
      <c r="K4250" s="2" t="s">
        <v>1520</v>
      </c>
      <c r="L4250" s="5" t="s">
        <v>1519</v>
      </c>
      <c r="M4250" s="2" t="s">
        <v>1520</v>
      </c>
      <c r="N4250" s="5" t="s">
        <v>1521</v>
      </c>
      <c r="O4250" s="5" t="s">
        <v>38</v>
      </c>
      <c r="P4250" s="5" t="s">
        <v>39</v>
      </c>
      <c r="Q4250" s="5" t="s">
        <v>40</v>
      </c>
      <c r="R4250" s="5" t="s">
        <v>1522</v>
      </c>
      <c r="S4250" s="5" t="s">
        <v>1523</v>
      </c>
      <c r="T4250" s="5" t="s">
        <v>42</v>
      </c>
      <c r="U4250" s="2">
        <v>2.2589999999999999</v>
      </c>
      <c r="V4250" s="2">
        <v>1.895</v>
      </c>
      <c r="W4250" s="2">
        <v>1.0999999999999999E-2</v>
      </c>
      <c r="X4250" s="2">
        <v>139.1</v>
      </c>
      <c r="Y4250" s="2">
        <v>7.6</v>
      </c>
      <c r="Z4250" s="2">
        <v>10.6</v>
      </c>
      <c r="AA4250" s="5"/>
      <c r="AB4250" s="5" t="s">
        <v>43</v>
      </c>
      <c r="AC4250" s="5" t="s">
        <v>44</v>
      </c>
      <c r="AD4250" s="2"/>
      <c r="AE4250" s="1"/>
    </row>
    <row r="4251" spans="1:31" ht="14.45">
      <c r="A4251" s="11"/>
      <c r="B4251" s="20"/>
      <c r="C4251" s="2" t="s">
        <v>13207</v>
      </c>
      <c r="D4251" s="14" t="s">
        <v>13208</v>
      </c>
      <c r="E4251" s="2" t="s">
        <v>13209</v>
      </c>
      <c r="F4251" s="2" t="s">
        <v>7567</v>
      </c>
      <c r="G4251" s="8">
        <v>151</v>
      </c>
      <c r="H4251" s="5">
        <v>6</v>
      </c>
      <c r="I4251" s="5" t="s">
        <v>1518</v>
      </c>
      <c r="J4251" s="5" t="s">
        <v>1519</v>
      </c>
      <c r="K4251" s="2" t="s">
        <v>1520</v>
      </c>
      <c r="L4251" s="5" t="s">
        <v>1519</v>
      </c>
      <c r="M4251" s="2" t="s">
        <v>1520</v>
      </c>
      <c r="N4251" s="5" t="s">
        <v>1521</v>
      </c>
      <c r="O4251" s="5" t="s">
        <v>38</v>
      </c>
      <c r="P4251" s="5" t="s">
        <v>39</v>
      </c>
      <c r="Q4251" s="5" t="s">
        <v>40</v>
      </c>
      <c r="R4251" s="5" t="s">
        <v>1522</v>
      </c>
      <c r="S4251" s="5" t="s">
        <v>1523</v>
      </c>
      <c r="T4251" s="5" t="s">
        <v>42</v>
      </c>
      <c r="U4251" s="2">
        <v>2.3109999999999999</v>
      </c>
      <c r="V4251" s="2">
        <v>1.9470000000000001</v>
      </c>
      <c r="W4251" s="2">
        <v>1.0999999999999999E-2</v>
      </c>
      <c r="X4251" s="2">
        <v>139.1</v>
      </c>
      <c r="Y4251" s="2">
        <v>7.6</v>
      </c>
      <c r="Z4251" s="2">
        <v>10.6</v>
      </c>
      <c r="AA4251" s="5"/>
      <c r="AB4251" s="5" t="s">
        <v>43</v>
      </c>
      <c r="AC4251" s="5" t="s">
        <v>44</v>
      </c>
      <c r="AD4251" s="2"/>
      <c r="AE4251" s="1"/>
    </row>
    <row r="4252" spans="1:31" ht="14.45">
      <c r="A4252" s="11"/>
      <c r="B4252" s="20"/>
      <c r="C4252" s="2" t="s">
        <v>13210</v>
      </c>
      <c r="D4252" s="14" t="s">
        <v>13211</v>
      </c>
      <c r="E4252" s="2" t="s">
        <v>13212</v>
      </c>
      <c r="F4252" s="2" t="s">
        <v>7429</v>
      </c>
      <c r="G4252" s="8">
        <v>151</v>
      </c>
      <c r="H4252" s="5">
        <v>6</v>
      </c>
      <c r="I4252" s="5" t="s">
        <v>1518</v>
      </c>
      <c r="J4252" s="5" t="s">
        <v>1519</v>
      </c>
      <c r="K4252" s="2" t="s">
        <v>1520</v>
      </c>
      <c r="L4252" s="5" t="s">
        <v>1519</v>
      </c>
      <c r="M4252" s="2" t="s">
        <v>1520</v>
      </c>
      <c r="N4252" s="5" t="s">
        <v>1521</v>
      </c>
      <c r="O4252" s="5" t="s">
        <v>38</v>
      </c>
      <c r="P4252" s="5" t="s">
        <v>39</v>
      </c>
      <c r="Q4252" s="5" t="s">
        <v>40</v>
      </c>
      <c r="R4252" s="5" t="s">
        <v>1522</v>
      </c>
      <c r="S4252" s="5" t="s">
        <v>1523</v>
      </c>
      <c r="T4252" s="5" t="s">
        <v>42</v>
      </c>
      <c r="U4252" s="2">
        <v>2.2589999999999999</v>
      </c>
      <c r="V4252" s="2">
        <v>1.895</v>
      </c>
      <c r="W4252" s="2">
        <v>1.0999999999999999E-2</v>
      </c>
      <c r="X4252" s="2">
        <v>139.1</v>
      </c>
      <c r="Y4252" s="2">
        <v>7.6</v>
      </c>
      <c r="Z4252" s="2">
        <v>10.6</v>
      </c>
      <c r="AA4252" s="5"/>
      <c r="AB4252" s="5" t="s">
        <v>43</v>
      </c>
      <c r="AC4252" s="5" t="s">
        <v>44</v>
      </c>
      <c r="AD4252" s="2"/>
      <c r="AE4252" s="1"/>
    </row>
    <row r="4253" spans="1:31" ht="14.45">
      <c r="A4253" s="11"/>
      <c r="B4253" s="20"/>
      <c r="C4253" s="2" t="s">
        <v>13213</v>
      </c>
      <c r="D4253" s="14" t="s">
        <v>13214</v>
      </c>
      <c r="E4253" s="2" t="s">
        <v>13215</v>
      </c>
      <c r="F4253" s="2" t="s">
        <v>7574</v>
      </c>
      <c r="G4253" s="8">
        <v>151</v>
      </c>
      <c r="H4253" s="5">
        <v>6</v>
      </c>
      <c r="I4253" s="5" t="s">
        <v>1518</v>
      </c>
      <c r="J4253" s="5" t="s">
        <v>1519</v>
      </c>
      <c r="K4253" s="2" t="s">
        <v>1520</v>
      </c>
      <c r="L4253" s="5" t="s">
        <v>1519</v>
      </c>
      <c r="M4253" s="2" t="s">
        <v>1520</v>
      </c>
      <c r="N4253" s="5" t="s">
        <v>1521</v>
      </c>
      <c r="O4253" s="5" t="s">
        <v>38</v>
      </c>
      <c r="P4253" s="5" t="s">
        <v>39</v>
      </c>
      <c r="Q4253" s="5" t="s">
        <v>40</v>
      </c>
      <c r="R4253" s="5" t="s">
        <v>1522</v>
      </c>
      <c r="S4253" s="5" t="s">
        <v>1523</v>
      </c>
      <c r="T4253" s="5" t="s">
        <v>42</v>
      </c>
      <c r="U4253" s="2">
        <v>2.3109999999999999</v>
      </c>
      <c r="V4253" s="2">
        <v>1.9470000000000001</v>
      </c>
      <c r="W4253" s="2">
        <v>1.0999999999999999E-2</v>
      </c>
      <c r="X4253" s="2">
        <v>139.1</v>
      </c>
      <c r="Y4253" s="2">
        <v>7.6</v>
      </c>
      <c r="Z4253" s="2">
        <v>10.6</v>
      </c>
      <c r="AA4253" s="5"/>
      <c r="AB4253" s="5" t="s">
        <v>43</v>
      </c>
      <c r="AC4253" s="5" t="s">
        <v>44</v>
      </c>
      <c r="AD4253" s="2"/>
      <c r="AE4253" s="1"/>
    </row>
    <row r="4254" spans="1:31" ht="14.45">
      <c r="A4254" s="11"/>
      <c r="B4254" s="20"/>
      <c r="C4254" s="2" t="s">
        <v>13216</v>
      </c>
      <c r="D4254" s="14" t="s">
        <v>13217</v>
      </c>
      <c r="E4254" s="2" t="s">
        <v>13218</v>
      </c>
      <c r="F4254" s="2" t="s">
        <v>7449</v>
      </c>
      <c r="G4254" s="8">
        <v>151</v>
      </c>
      <c r="H4254" s="5">
        <v>6</v>
      </c>
      <c r="I4254" s="5" t="s">
        <v>1518</v>
      </c>
      <c r="J4254" s="5" t="s">
        <v>1519</v>
      </c>
      <c r="K4254" s="2" t="s">
        <v>1520</v>
      </c>
      <c r="L4254" s="5" t="s">
        <v>1519</v>
      </c>
      <c r="M4254" s="2" t="s">
        <v>1520</v>
      </c>
      <c r="N4254" s="5" t="s">
        <v>1521</v>
      </c>
      <c r="O4254" s="5" t="s">
        <v>38</v>
      </c>
      <c r="P4254" s="5" t="s">
        <v>39</v>
      </c>
      <c r="Q4254" s="5" t="s">
        <v>40</v>
      </c>
      <c r="R4254" s="5" t="s">
        <v>1522</v>
      </c>
      <c r="S4254" s="5" t="s">
        <v>1523</v>
      </c>
      <c r="T4254" s="5" t="s">
        <v>42</v>
      </c>
      <c r="U4254" s="2">
        <v>2.2589999999999999</v>
      </c>
      <c r="V4254" s="2">
        <v>1.895</v>
      </c>
      <c r="W4254" s="2">
        <v>1.0999999999999999E-2</v>
      </c>
      <c r="X4254" s="2">
        <v>139.1</v>
      </c>
      <c r="Y4254" s="2">
        <v>7.6</v>
      </c>
      <c r="Z4254" s="2">
        <v>10.6</v>
      </c>
      <c r="AA4254" s="5"/>
      <c r="AB4254" s="5" t="s">
        <v>43</v>
      </c>
      <c r="AC4254" s="5" t="s">
        <v>44</v>
      </c>
      <c r="AD4254" s="2"/>
      <c r="AE4254" s="1"/>
    </row>
    <row r="4255" spans="1:31" ht="14.45">
      <c r="A4255" s="11"/>
      <c r="B4255" s="20"/>
      <c r="C4255" s="2" t="s">
        <v>13219</v>
      </c>
      <c r="D4255" s="14" t="s">
        <v>13220</v>
      </c>
      <c r="E4255" s="2" t="s">
        <v>13221</v>
      </c>
      <c r="F4255" s="2" t="s">
        <v>7581</v>
      </c>
      <c r="G4255" s="8">
        <v>151</v>
      </c>
      <c r="H4255" s="5">
        <v>6</v>
      </c>
      <c r="I4255" s="5" t="s">
        <v>1518</v>
      </c>
      <c r="J4255" s="5" t="s">
        <v>1519</v>
      </c>
      <c r="K4255" s="2" t="s">
        <v>1520</v>
      </c>
      <c r="L4255" s="5" t="s">
        <v>1519</v>
      </c>
      <c r="M4255" s="2" t="s">
        <v>1520</v>
      </c>
      <c r="N4255" s="5" t="s">
        <v>1521</v>
      </c>
      <c r="O4255" s="5" t="s">
        <v>38</v>
      </c>
      <c r="P4255" s="5" t="s">
        <v>39</v>
      </c>
      <c r="Q4255" s="5" t="s">
        <v>40</v>
      </c>
      <c r="R4255" s="5" t="s">
        <v>1522</v>
      </c>
      <c r="S4255" s="5" t="s">
        <v>1523</v>
      </c>
      <c r="T4255" s="5" t="s">
        <v>42</v>
      </c>
      <c r="U4255" s="2">
        <v>2.3109999999999999</v>
      </c>
      <c r="V4255" s="2">
        <v>1.9470000000000001</v>
      </c>
      <c r="W4255" s="2">
        <v>1.0999999999999999E-2</v>
      </c>
      <c r="X4255" s="2">
        <v>139.1</v>
      </c>
      <c r="Y4255" s="2">
        <v>7.6</v>
      </c>
      <c r="Z4255" s="2">
        <v>10.6</v>
      </c>
      <c r="AA4255" s="5"/>
      <c r="AB4255" s="5" t="s">
        <v>43</v>
      </c>
      <c r="AC4255" s="5" t="s">
        <v>44</v>
      </c>
      <c r="AD4255" s="2"/>
      <c r="AE4255" s="1"/>
    </row>
    <row r="4256" spans="1:31" ht="14.45">
      <c r="A4256" s="11"/>
      <c r="B4256" s="20"/>
      <c r="C4256" s="2" t="s">
        <v>13222</v>
      </c>
      <c r="D4256" s="14" t="s">
        <v>13223</v>
      </c>
      <c r="E4256" s="2" t="s">
        <v>13224</v>
      </c>
      <c r="F4256" s="2" t="s">
        <v>7585</v>
      </c>
      <c r="G4256" s="8">
        <v>151</v>
      </c>
      <c r="H4256" s="5">
        <v>6</v>
      </c>
      <c r="I4256" s="5" t="s">
        <v>1518</v>
      </c>
      <c r="J4256" s="5" t="s">
        <v>1519</v>
      </c>
      <c r="K4256" s="2" t="s">
        <v>1520</v>
      </c>
      <c r="L4256" s="5" t="s">
        <v>1519</v>
      </c>
      <c r="M4256" s="2" t="s">
        <v>1520</v>
      </c>
      <c r="N4256" s="5" t="s">
        <v>1521</v>
      </c>
      <c r="O4256" s="5" t="s">
        <v>38</v>
      </c>
      <c r="P4256" s="5" t="s">
        <v>39</v>
      </c>
      <c r="Q4256" s="5" t="s">
        <v>40</v>
      </c>
      <c r="R4256" s="5" t="s">
        <v>1522</v>
      </c>
      <c r="S4256" s="5" t="s">
        <v>1523</v>
      </c>
      <c r="T4256" s="5" t="s">
        <v>42</v>
      </c>
      <c r="U4256" s="2">
        <v>2.23</v>
      </c>
      <c r="V4256" s="2">
        <v>1.8660000000000001</v>
      </c>
      <c r="W4256" s="2">
        <v>1.0999999999999999E-2</v>
      </c>
      <c r="X4256" s="2">
        <v>139.1</v>
      </c>
      <c r="Y4256" s="2">
        <v>7.6</v>
      </c>
      <c r="Z4256" s="2">
        <v>10.6</v>
      </c>
      <c r="AA4256" s="5"/>
      <c r="AB4256" s="5" t="s">
        <v>43</v>
      </c>
      <c r="AC4256" s="5" t="s">
        <v>44</v>
      </c>
      <c r="AD4256" s="2"/>
      <c r="AE4256" s="1"/>
    </row>
    <row r="4257" spans="1:31" ht="14.45">
      <c r="A4257" s="11"/>
      <c r="B4257" s="20"/>
      <c r="C4257" s="2" t="s">
        <v>13225</v>
      </c>
      <c r="D4257" s="14" t="s">
        <v>13226</v>
      </c>
      <c r="E4257" s="2" t="s">
        <v>13227</v>
      </c>
      <c r="F4257" s="2" t="s">
        <v>7589</v>
      </c>
      <c r="G4257" s="8">
        <v>151</v>
      </c>
      <c r="H4257" s="5">
        <v>6</v>
      </c>
      <c r="I4257" s="5" t="s">
        <v>1518</v>
      </c>
      <c r="J4257" s="5" t="s">
        <v>1519</v>
      </c>
      <c r="K4257" s="2" t="s">
        <v>1520</v>
      </c>
      <c r="L4257" s="5" t="s">
        <v>1519</v>
      </c>
      <c r="M4257" s="2" t="s">
        <v>1520</v>
      </c>
      <c r="N4257" s="5" t="s">
        <v>1521</v>
      </c>
      <c r="O4257" s="5" t="s">
        <v>38</v>
      </c>
      <c r="P4257" s="5" t="s">
        <v>39</v>
      </c>
      <c r="Q4257" s="5" t="s">
        <v>40</v>
      </c>
      <c r="R4257" s="5" t="s">
        <v>1522</v>
      </c>
      <c r="S4257" s="5" t="s">
        <v>1523</v>
      </c>
      <c r="T4257" s="5" t="s">
        <v>42</v>
      </c>
      <c r="U4257" s="2">
        <v>2.282</v>
      </c>
      <c r="V4257" s="2">
        <v>1.9179999999999999</v>
      </c>
      <c r="W4257" s="2">
        <v>1.0999999999999999E-2</v>
      </c>
      <c r="X4257" s="2">
        <v>139.1</v>
      </c>
      <c r="Y4257" s="2">
        <v>7.6</v>
      </c>
      <c r="Z4257" s="2">
        <v>10.6</v>
      </c>
      <c r="AA4257" s="5"/>
      <c r="AB4257" s="5" t="s">
        <v>43</v>
      </c>
      <c r="AC4257" s="5" t="s">
        <v>44</v>
      </c>
      <c r="AD4257" s="2"/>
      <c r="AE4257" s="1"/>
    </row>
    <row r="4258" spans="1:31" ht="14.45">
      <c r="A4258" s="11"/>
      <c r="B4258" s="20"/>
      <c r="C4258" s="2" t="s">
        <v>13228</v>
      </c>
      <c r="D4258" s="14" t="s">
        <v>13229</v>
      </c>
      <c r="E4258" s="2" t="s">
        <v>13230</v>
      </c>
      <c r="F4258" s="2" t="s">
        <v>7593</v>
      </c>
      <c r="G4258" s="8">
        <v>151</v>
      </c>
      <c r="H4258" s="5">
        <v>6</v>
      </c>
      <c r="I4258" s="5" t="s">
        <v>1518</v>
      </c>
      <c r="J4258" s="5" t="s">
        <v>1519</v>
      </c>
      <c r="K4258" s="2" t="s">
        <v>1520</v>
      </c>
      <c r="L4258" s="5" t="s">
        <v>1519</v>
      </c>
      <c r="M4258" s="2" t="s">
        <v>1520</v>
      </c>
      <c r="N4258" s="5" t="s">
        <v>1521</v>
      </c>
      <c r="O4258" s="5" t="s">
        <v>38</v>
      </c>
      <c r="P4258" s="5" t="s">
        <v>39</v>
      </c>
      <c r="Q4258" s="5" t="s">
        <v>40</v>
      </c>
      <c r="R4258" s="5" t="s">
        <v>1522</v>
      </c>
      <c r="S4258" s="5" t="s">
        <v>1523</v>
      </c>
      <c r="T4258" s="5" t="s">
        <v>42</v>
      </c>
      <c r="U4258" s="2">
        <v>2.2589999999999999</v>
      </c>
      <c r="V4258" s="2">
        <v>1.895</v>
      </c>
      <c r="W4258" s="2">
        <v>1.0999999999999999E-2</v>
      </c>
      <c r="X4258" s="2">
        <v>139.1</v>
      </c>
      <c r="Y4258" s="2">
        <v>7.6</v>
      </c>
      <c r="Z4258" s="2">
        <v>10.6</v>
      </c>
      <c r="AA4258" s="5"/>
      <c r="AB4258" s="5" t="s">
        <v>43</v>
      </c>
      <c r="AC4258" s="5" t="s">
        <v>44</v>
      </c>
      <c r="AD4258" s="2"/>
      <c r="AE4258" s="1"/>
    </row>
    <row r="4259" spans="1:31" ht="14.45">
      <c r="A4259" s="11"/>
      <c r="B4259" s="20"/>
      <c r="C4259" s="2" t="s">
        <v>13231</v>
      </c>
      <c r="D4259" s="14" t="s">
        <v>13232</v>
      </c>
      <c r="E4259" s="2" t="s">
        <v>13233</v>
      </c>
      <c r="F4259" s="2" t="s">
        <v>7597</v>
      </c>
      <c r="G4259" s="8">
        <v>151</v>
      </c>
      <c r="H4259" s="5">
        <v>6</v>
      </c>
      <c r="I4259" s="5" t="s">
        <v>1518</v>
      </c>
      <c r="J4259" s="5" t="s">
        <v>1519</v>
      </c>
      <c r="K4259" s="2" t="s">
        <v>1520</v>
      </c>
      <c r="L4259" s="5" t="s">
        <v>1519</v>
      </c>
      <c r="M4259" s="2" t="s">
        <v>1520</v>
      </c>
      <c r="N4259" s="5" t="s">
        <v>1521</v>
      </c>
      <c r="O4259" s="5" t="s">
        <v>38</v>
      </c>
      <c r="P4259" s="5" t="s">
        <v>39</v>
      </c>
      <c r="Q4259" s="5" t="s">
        <v>40</v>
      </c>
      <c r="R4259" s="5" t="s">
        <v>1522</v>
      </c>
      <c r="S4259" s="5" t="s">
        <v>1523</v>
      </c>
      <c r="T4259" s="5" t="s">
        <v>42</v>
      </c>
      <c r="U4259" s="2">
        <v>2.3109999999999999</v>
      </c>
      <c r="V4259" s="2">
        <v>1.9470000000000001</v>
      </c>
      <c r="W4259" s="2">
        <v>1.0999999999999999E-2</v>
      </c>
      <c r="X4259" s="2">
        <v>139.1</v>
      </c>
      <c r="Y4259" s="2">
        <v>7.6</v>
      </c>
      <c r="Z4259" s="2">
        <v>10.6</v>
      </c>
      <c r="AA4259" s="5"/>
      <c r="AB4259" s="5" t="s">
        <v>43</v>
      </c>
      <c r="AC4259" s="5" t="s">
        <v>44</v>
      </c>
      <c r="AD4259" s="2"/>
      <c r="AE4259" s="1"/>
    </row>
    <row r="4260" spans="1:31" ht="14.45">
      <c r="A4260" s="11"/>
      <c r="B4260" s="20"/>
      <c r="C4260" s="2" t="s">
        <v>13234</v>
      </c>
      <c r="D4260" s="14" t="s">
        <v>13235</v>
      </c>
      <c r="E4260" s="2" t="s">
        <v>13236</v>
      </c>
      <c r="F4260" s="2" t="s">
        <v>7410</v>
      </c>
      <c r="G4260" s="8">
        <v>151</v>
      </c>
      <c r="H4260" s="5">
        <v>6</v>
      </c>
      <c r="I4260" s="5" t="s">
        <v>1518</v>
      </c>
      <c r="J4260" s="5" t="s">
        <v>1519</v>
      </c>
      <c r="K4260" s="2" t="s">
        <v>1520</v>
      </c>
      <c r="L4260" s="5" t="s">
        <v>1519</v>
      </c>
      <c r="M4260" s="2" t="s">
        <v>1520</v>
      </c>
      <c r="N4260" s="5" t="s">
        <v>1521</v>
      </c>
      <c r="O4260" s="5" t="s">
        <v>38</v>
      </c>
      <c r="P4260" s="5" t="s">
        <v>39</v>
      </c>
      <c r="Q4260" s="5" t="s">
        <v>40</v>
      </c>
      <c r="R4260" s="5" t="s">
        <v>1522</v>
      </c>
      <c r="S4260" s="5" t="s">
        <v>1523</v>
      </c>
      <c r="T4260" s="5" t="s">
        <v>42</v>
      </c>
      <c r="U4260" s="2">
        <v>2.2589999999999999</v>
      </c>
      <c r="V4260" s="2">
        <v>1.895</v>
      </c>
      <c r="W4260" s="2">
        <v>1.0999999999999999E-2</v>
      </c>
      <c r="X4260" s="2">
        <v>139.1</v>
      </c>
      <c r="Y4260" s="2">
        <v>7.6</v>
      </c>
      <c r="Z4260" s="2">
        <v>10.6</v>
      </c>
      <c r="AA4260" s="5"/>
      <c r="AB4260" s="5" t="s">
        <v>43</v>
      </c>
      <c r="AC4260" s="5" t="s">
        <v>44</v>
      </c>
      <c r="AD4260" s="2"/>
      <c r="AE4260" s="1"/>
    </row>
    <row r="4261" spans="1:31" ht="14.45">
      <c r="A4261" s="11"/>
      <c r="B4261" s="20"/>
      <c r="C4261" s="2" t="s">
        <v>13237</v>
      </c>
      <c r="D4261" s="14" t="s">
        <v>13238</v>
      </c>
      <c r="E4261" s="2" t="s">
        <v>13239</v>
      </c>
      <c r="F4261" s="2" t="s">
        <v>7604</v>
      </c>
      <c r="G4261" s="8">
        <v>151</v>
      </c>
      <c r="H4261" s="5">
        <v>6</v>
      </c>
      <c r="I4261" s="5" t="s">
        <v>1518</v>
      </c>
      <c r="J4261" s="5" t="s">
        <v>1519</v>
      </c>
      <c r="K4261" s="2" t="s">
        <v>1520</v>
      </c>
      <c r="L4261" s="5" t="s">
        <v>1519</v>
      </c>
      <c r="M4261" s="2" t="s">
        <v>1520</v>
      </c>
      <c r="N4261" s="5" t="s">
        <v>1521</v>
      </c>
      <c r="O4261" s="5" t="s">
        <v>38</v>
      </c>
      <c r="P4261" s="5" t="s">
        <v>39</v>
      </c>
      <c r="Q4261" s="5" t="s">
        <v>40</v>
      </c>
      <c r="R4261" s="5" t="s">
        <v>1522</v>
      </c>
      <c r="S4261" s="5" t="s">
        <v>1523</v>
      </c>
      <c r="T4261" s="5" t="s">
        <v>42</v>
      </c>
      <c r="U4261" s="2">
        <v>2.3109999999999999</v>
      </c>
      <c r="V4261" s="2">
        <v>1.9470000000000001</v>
      </c>
      <c r="W4261" s="2">
        <v>1.0999999999999999E-2</v>
      </c>
      <c r="X4261" s="2">
        <v>139.1</v>
      </c>
      <c r="Y4261" s="2">
        <v>7.6</v>
      </c>
      <c r="Z4261" s="2">
        <v>10.6</v>
      </c>
      <c r="AA4261" s="5"/>
      <c r="AB4261" s="5" t="s">
        <v>43</v>
      </c>
      <c r="AC4261" s="5" t="s">
        <v>44</v>
      </c>
      <c r="AD4261" s="2"/>
      <c r="AE4261" s="1"/>
    </row>
    <row r="4262" spans="1:31" ht="14.45">
      <c r="A4262" s="11"/>
      <c r="B4262" s="20"/>
      <c r="C4262" s="2" t="s">
        <v>13240</v>
      </c>
      <c r="D4262" s="14" t="s">
        <v>13241</v>
      </c>
      <c r="E4262" s="2" t="s">
        <v>13242</v>
      </c>
      <c r="F4262" s="2" t="s">
        <v>7433</v>
      </c>
      <c r="G4262" s="8">
        <v>151</v>
      </c>
      <c r="H4262" s="5">
        <v>6</v>
      </c>
      <c r="I4262" s="5" t="s">
        <v>1518</v>
      </c>
      <c r="J4262" s="5" t="s">
        <v>1519</v>
      </c>
      <c r="K4262" s="2" t="s">
        <v>1520</v>
      </c>
      <c r="L4262" s="5" t="s">
        <v>1519</v>
      </c>
      <c r="M4262" s="2" t="s">
        <v>1520</v>
      </c>
      <c r="N4262" s="5" t="s">
        <v>1521</v>
      </c>
      <c r="O4262" s="5" t="s">
        <v>38</v>
      </c>
      <c r="P4262" s="5" t="s">
        <v>39</v>
      </c>
      <c r="Q4262" s="5" t="s">
        <v>40</v>
      </c>
      <c r="R4262" s="5" t="s">
        <v>1522</v>
      </c>
      <c r="S4262" s="5" t="s">
        <v>1523</v>
      </c>
      <c r="T4262" s="5" t="s">
        <v>42</v>
      </c>
      <c r="U4262" s="2">
        <v>2.2589999999999999</v>
      </c>
      <c r="V4262" s="2">
        <v>1.895</v>
      </c>
      <c r="W4262" s="2">
        <v>1.0999999999999999E-2</v>
      </c>
      <c r="X4262" s="2">
        <v>139.1</v>
      </c>
      <c r="Y4262" s="2">
        <v>7.6</v>
      </c>
      <c r="Z4262" s="2">
        <v>10.6</v>
      </c>
      <c r="AA4262" s="5"/>
      <c r="AB4262" s="5" t="s">
        <v>43</v>
      </c>
      <c r="AC4262" s="5" t="s">
        <v>44</v>
      </c>
      <c r="AD4262" s="2"/>
      <c r="AE4262" s="1"/>
    </row>
    <row r="4263" spans="1:31" ht="14.45">
      <c r="A4263" s="11"/>
      <c r="B4263" s="20"/>
      <c r="C4263" s="2" t="s">
        <v>13243</v>
      </c>
      <c r="D4263" s="14" t="s">
        <v>13244</v>
      </c>
      <c r="E4263" s="2" t="s">
        <v>13245</v>
      </c>
      <c r="F4263" s="2" t="s">
        <v>7611</v>
      </c>
      <c r="G4263" s="8">
        <v>151</v>
      </c>
      <c r="H4263" s="5">
        <v>6</v>
      </c>
      <c r="I4263" s="5" t="s">
        <v>1518</v>
      </c>
      <c r="J4263" s="5" t="s">
        <v>1519</v>
      </c>
      <c r="K4263" s="2" t="s">
        <v>1520</v>
      </c>
      <c r="L4263" s="5" t="s">
        <v>1519</v>
      </c>
      <c r="M4263" s="2" t="s">
        <v>1520</v>
      </c>
      <c r="N4263" s="5" t="s">
        <v>1521</v>
      </c>
      <c r="O4263" s="5" t="s">
        <v>38</v>
      </c>
      <c r="P4263" s="5" t="s">
        <v>39</v>
      </c>
      <c r="Q4263" s="5" t="s">
        <v>40</v>
      </c>
      <c r="R4263" s="5" t="s">
        <v>1522</v>
      </c>
      <c r="S4263" s="5" t="s">
        <v>1523</v>
      </c>
      <c r="T4263" s="5" t="s">
        <v>42</v>
      </c>
      <c r="U4263" s="2">
        <v>2.3109999999999999</v>
      </c>
      <c r="V4263" s="2">
        <v>1.9470000000000001</v>
      </c>
      <c r="W4263" s="2">
        <v>1.0999999999999999E-2</v>
      </c>
      <c r="X4263" s="2">
        <v>139.1</v>
      </c>
      <c r="Y4263" s="2">
        <v>7.6</v>
      </c>
      <c r="Z4263" s="2">
        <v>10.6</v>
      </c>
      <c r="AA4263" s="5"/>
      <c r="AB4263" s="5" t="s">
        <v>43</v>
      </c>
      <c r="AC4263" s="5" t="s">
        <v>44</v>
      </c>
      <c r="AD4263" s="2"/>
      <c r="AE4263" s="1"/>
    </row>
    <row r="4264" spans="1:31" ht="14.45">
      <c r="A4264" s="11"/>
      <c r="B4264" s="20"/>
      <c r="C4264" s="2" t="s">
        <v>13246</v>
      </c>
      <c r="D4264" s="14" t="s">
        <v>13247</v>
      </c>
      <c r="E4264" s="2" t="s">
        <v>13248</v>
      </c>
      <c r="F4264" s="2" t="s">
        <v>7615</v>
      </c>
      <c r="G4264" s="8">
        <v>151</v>
      </c>
      <c r="H4264" s="5">
        <v>6</v>
      </c>
      <c r="I4264" s="5" t="s">
        <v>1518</v>
      </c>
      <c r="J4264" s="5" t="s">
        <v>1519</v>
      </c>
      <c r="K4264" s="2" t="s">
        <v>1520</v>
      </c>
      <c r="L4264" s="5" t="s">
        <v>1519</v>
      </c>
      <c r="M4264" s="2" t="s">
        <v>1520</v>
      </c>
      <c r="N4264" s="5" t="s">
        <v>1521</v>
      </c>
      <c r="O4264" s="5" t="s">
        <v>38</v>
      </c>
      <c r="P4264" s="5" t="s">
        <v>39</v>
      </c>
      <c r="Q4264" s="5" t="s">
        <v>40</v>
      </c>
      <c r="R4264" s="5" t="s">
        <v>1522</v>
      </c>
      <c r="S4264" s="5" t="s">
        <v>1523</v>
      </c>
      <c r="T4264" s="5" t="s">
        <v>42</v>
      </c>
      <c r="U4264" s="2">
        <v>2.23</v>
      </c>
      <c r="V4264" s="2">
        <v>1.8660000000000001</v>
      </c>
      <c r="W4264" s="2">
        <v>1.0999999999999999E-2</v>
      </c>
      <c r="X4264" s="2">
        <v>139.1</v>
      </c>
      <c r="Y4264" s="2">
        <v>7.6</v>
      </c>
      <c r="Z4264" s="2">
        <v>10.6</v>
      </c>
      <c r="AA4264" s="5"/>
      <c r="AB4264" s="5" t="s">
        <v>43</v>
      </c>
      <c r="AC4264" s="5" t="s">
        <v>44</v>
      </c>
      <c r="AD4264" s="2"/>
      <c r="AE4264" s="1"/>
    </row>
    <row r="4265" spans="1:31" ht="14.45">
      <c r="A4265" s="11"/>
      <c r="B4265" s="20"/>
      <c r="C4265" s="2" t="s">
        <v>13249</v>
      </c>
      <c r="D4265" s="14" t="s">
        <v>13250</v>
      </c>
      <c r="E4265" s="2" t="s">
        <v>13251</v>
      </c>
      <c r="F4265" s="2" t="s">
        <v>7619</v>
      </c>
      <c r="G4265" s="8">
        <v>151</v>
      </c>
      <c r="H4265" s="5">
        <v>6</v>
      </c>
      <c r="I4265" s="5" t="s">
        <v>1518</v>
      </c>
      <c r="J4265" s="5" t="s">
        <v>1519</v>
      </c>
      <c r="K4265" s="2" t="s">
        <v>1520</v>
      </c>
      <c r="L4265" s="5" t="s">
        <v>1519</v>
      </c>
      <c r="M4265" s="2" t="s">
        <v>1520</v>
      </c>
      <c r="N4265" s="5" t="s">
        <v>1521</v>
      </c>
      <c r="O4265" s="5" t="s">
        <v>38</v>
      </c>
      <c r="P4265" s="5" t="s">
        <v>39</v>
      </c>
      <c r="Q4265" s="5" t="s">
        <v>40</v>
      </c>
      <c r="R4265" s="5" t="s">
        <v>1522</v>
      </c>
      <c r="S4265" s="5" t="s">
        <v>1523</v>
      </c>
      <c r="T4265" s="5" t="s">
        <v>42</v>
      </c>
      <c r="U4265" s="2">
        <v>2.282</v>
      </c>
      <c r="V4265" s="2">
        <v>1.9179999999999999</v>
      </c>
      <c r="W4265" s="2">
        <v>1.0999999999999999E-2</v>
      </c>
      <c r="X4265" s="2">
        <v>139.1</v>
      </c>
      <c r="Y4265" s="2">
        <v>7.6</v>
      </c>
      <c r="Z4265" s="2">
        <v>10.6</v>
      </c>
      <c r="AA4265" s="5"/>
      <c r="AB4265" s="5" t="s">
        <v>43</v>
      </c>
      <c r="AC4265" s="5" t="s">
        <v>44</v>
      </c>
      <c r="AD4265" s="2"/>
      <c r="AE4265" s="1"/>
    </row>
    <row r="4266" spans="1:31" ht="14.45">
      <c r="A4266" s="11"/>
      <c r="B4266" s="20"/>
      <c r="C4266" s="2" t="s">
        <v>13252</v>
      </c>
      <c r="D4266" s="14" t="s">
        <v>13253</v>
      </c>
      <c r="E4266" s="2" t="s">
        <v>13254</v>
      </c>
      <c r="F4266" s="2" t="s">
        <v>1823</v>
      </c>
      <c r="G4266" s="8">
        <v>151</v>
      </c>
      <c r="H4266" s="5">
        <v>8</v>
      </c>
      <c r="I4266" s="5" t="s">
        <v>1518</v>
      </c>
      <c r="J4266" s="5" t="s">
        <v>1519</v>
      </c>
      <c r="K4266" s="2" t="s">
        <v>1520</v>
      </c>
      <c r="L4266" s="5" t="s">
        <v>1519</v>
      </c>
      <c r="M4266" s="2" t="s">
        <v>1520</v>
      </c>
      <c r="N4266" s="5" t="s">
        <v>1521</v>
      </c>
      <c r="O4266" s="5" t="s">
        <v>38</v>
      </c>
      <c r="P4266" s="5" t="s">
        <v>39</v>
      </c>
      <c r="Q4266" s="5" t="s">
        <v>40</v>
      </c>
      <c r="R4266" s="5" t="s">
        <v>1522</v>
      </c>
      <c r="S4266" s="5" t="s">
        <v>1523</v>
      </c>
      <c r="T4266" s="5" t="s">
        <v>42</v>
      </c>
      <c r="U4266" s="2">
        <v>2.2810000000000001</v>
      </c>
      <c r="V4266" s="2">
        <v>1.917</v>
      </c>
      <c r="W4266" s="2">
        <v>1.0999999999999999E-2</v>
      </c>
      <c r="X4266" s="2">
        <v>139.1</v>
      </c>
      <c r="Y4266" s="2">
        <v>7.6</v>
      </c>
      <c r="Z4266" s="2">
        <v>10.6</v>
      </c>
      <c r="AA4266" s="5"/>
      <c r="AB4266" s="5" t="s">
        <v>43</v>
      </c>
      <c r="AC4266" s="5" t="s">
        <v>44</v>
      </c>
      <c r="AD4266" s="2"/>
      <c r="AE4266" s="1"/>
    </row>
    <row r="4267" spans="1:31" ht="14.45">
      <c r="A4267" s="11"/>
      <c r="B4267" s="20"/>
      <c r="C4267" s="2" t="s">
        <v>13255</v>
      </c>
      <c r="D4267" s="14" t="s">
        <v>13256</v>
      </c>
      <c r="E4267" s="2" t="s">
        <v>13257</v>
      </c>
      <c r="F4267" s="2" t="s">
        <v>1827</v>
      </c>
      <c r="G4267" s="8">
        <v>151</v>
      </c>
      <c r="H4267" s="5">
        <v>8</v>
      </c>
      <c r="I4267" s="5" t="s">
        <v>1518</v>
      </c>
      <c r="J4267" s="5" t="s">
        <v>1519</v>
      </c>
      <c r="K4267" s="2" t="s">
        <v>1520</v>
      </c>
      <c r="L4267" s="5" t="s">
        <v>1519</v>
      </c>
      <c r="M4267" s="2" t="s">
        <v>1520</v>
      </c>
      <c r="N4267" s="5" t="s">
        <v>1521</v>
      </c>
      <c r="O4267" s="5" t="s">
        <v>38</v>
      </c>
      <c r="P4267" s="5" t="s">
        <v>39</v>
      </c>
      <c r="Q4267" s="5" t="s">
        <v>40</v>
      </c>
      <c r="R4267" s="5" t="s">
        <v>1522</v>
      </c>
      <c r="S4267" s="5" t="s">
        <v>1523</v>
      </c>
      <c r="T4267" s="5" t="s">
        <v>42</v>
      </c>
      <c r="U4267" s="2">
        <v>2.3330000000000002</v>
      </c>
      <c r="V4267" s="2">
        <v>1.9690000000000001</v>
      </c>
      <c r="W4267" s="2">
        <v>1.0999999999999999E-2</v>
      </c>
      <c r="X4267" s="2">
        <v>139.1</v>
      </c>
      <c r="Y4267" s="2">
        <v>7.6</v>
      </c>
      <c r="Z4267" s="2">
        <v>10.6</v>
      </c>
      <c r="AA4267" s="5"/>
      <c r="AB4267" s="5" t="s">
        <v>43</v>
      </c>
      <c r="AC4267" s="5" t="s">
        <v>44</v>
      </c>
      <c r="AD4267" s="2"/>
      <c r="AE4267" s="1"/>
    </row>
    <row r="4268" spans="1:31" ht="14.45">
      <c r="A4268" s="11"/>
      <c r="B4268" s="20"/>
      <c r="C4268" s="2" t="s">
        <v>13258</v>
      </c>
      <c r="D4268" s="14" t="s">
        <v>13259</v>
      </c>
      <c r="E4268" s="2" t="s">
        <v>13260</v>
      </c>
      <c r="F4268" s="2" t="s">
        <v>1973</v>
      </c>
      <c r="G4268" s="8">
        <v>151</v>
      </c>
      <c r="H4268" s="5">
        <v>13</v>
      </c>
      <c r="I4268" s="5" t="s">
        <v>1518</v>
      </c>
      <c r="J4268" s="5" t="s">
        <v>1519</v>
      </c>
      <c r="K4268" s="2" t="s">
        <v>1520</v>
      </c>
      <c r="L4268" s="5" t="s">
        <v>1519</v>
      </c>
      <c r="M4268" s="2" t="s">
        <v>1520</v>
      </c>
      <c r="N4268" s="5" t="s">
        <v>1521</v>
      </c>
      <c r="O4268" s="5" t="s">
        <v>38</v>
      </c>
      <c r="P4268" s="5" t="s">
        <v>39</v>
      </c>
      <c r="Q4268" s="5" t="s">
        <v>40</v>
      </c>
      <c r="R4268" s="5" t="s">
        <v>1522</v>
      </c>
      <c r="S4268" s="5" t="s">
        <v>1523</v>
      </c>
      <c r="T4268" s="5" t="s">
        <v>42</v>
      </c>
      <c r="U4268" s="2">
        <v>2.3090000000000002</v>
      </c>
      <c r="V4268" s="2">
        <v>1.9450000000000001</v>
      </c>
      <c r="W4268" s="2">
        <v>1.0999999999999999E-2</v>
      </c>
      <c r="X4268" s="2">
        <v>139.1</v>
      </c>
      <c r="Y4268" s="2">
        <v>7.6</v>
      </c>
      <c r="Z4268" s="2">
        <v>10.6</v>
      </c>
      <c r="AA4268" s="5"/>
      <c r="AB4268" s="5" t="s">
        <v>43</v>
      </c>
      <c r="AC4268" s="5" t="s">
        <v>44</v>
      </c>
      <c r="AD4268" s="2"/>
      <c r="AE4268" s="1"/>
    </row>
    <row r="4269" spans="1:31" ht="14.45">
      <c r="A4269" s="11"/>
      <c r="B4269" s="20"/>
      <c r="C4269" s="2" t="s">
        <v>13261</v>
      </c>
      <c r="D4269" s="14" t="s">
        <v>13262</v>
      </c>
      <c r="E4269" s="2" t="s">
        <v>13263</v>
      </c>
      <c r="F4269" s="2" t="s">
        <v>2348</v>
      </c>
      <c r="G4269" s="8">
        <v>151</v>
      </c>
      <c r="H4269" s="5">
        <v>13</v>
      </c>
      <c r="I4269" s="5" t="s">
        <v>1518</v>
      </c>
      <c r="J4269" s="5" t="s">
        <v>1519</v>
      </c>
      <c r="K4269" s="2" t="s">
        <v>1520</v>
      </c>
      <c r="L4269" s="5" t="s">
        <v>1519</v>
      </c>
      <c r="M4269" s="2" t="s">
        <v>1520</v>
      </c>
      <c r="N4269" s="5" t="s">
        <v>1521</v>
      </c>
      <c r="O4269" s="5" t="s">
        <v>38</v>
      </c>
      <c r="P4269" s="5" t="s">
        <v>39</v>
      </c>
      <c r="Q4269" s="5" t="s">
        <v>40</v>
      </c>
      <c r="R4269" s="5" t="s">
        <v>1522</v>
      </c>
      <c r="S4269" s="5" t="s">
        <v>1523</v>
      </c>
      <c r="T4269" s="5" t="s">
        <v>42</v>
      </c>
      <c r="U4269" s="2">
        <v>2.3610000000000002</v>
      </c>
      <c r="V4269" s="2">
        <v>1.9970000000000001</v>
      </c>
      <c r="W4269" s="2">
        <v>1.0999999999999999E-2</v>
      </c>
      <c r="X4269" s="2">
        <v>139.1</v>
      </c>
      <c r="Y4269" s="2">
        <v>7.6</v>
      </c>
      <c r="Z4269" s="2">
        <v>10.6</v>
      </c>
      <c r="AA4269" s="5"/>
      <c r="AB4269" s="5" t="s">
        <v>43</v>
      </c>
      <c r="AC4269" s="5" t="s">
        <v>44</v>
      </c>
      <c r="AD4269" s="2"/>
      <c r="AE4269" s="1"/>
    </row>
    <row r="4270" spans="1:31" ht="14.45">
      <c r="A4270" s="11"/>
      <c r="B4270" s="20"/>
      <c r="C4270" s="2" t="s">
        <v>13264</v>
      </c>
      <c r="D4270" s="14" t="s">
        <v>13265</v>
      </c>
      <c r="E4270" s="2" t="s">
        <v>13266</v>
      </c>
      <c r="F4270" s="2" t="s">
        <v>2204</v>
      </c>
      <c r="G4270" s="8">
        <v>151</v>
      </c>
      <c r="H4270" s="5">
        <v>13</v>
      </c>
      <c r="I4270" s="5" t="s">
        <v>1518</v>
      </c>
      <c r="J4270" s="5" t="s">
        <v>1519</v>
      </c>
      <c r="K4270" s="2" t="s">
        <v>1520</v>
      </c>
      <c r="L4270" s="5" t="s">
        <v>1519</v>
      </c>
      <c r="M4270" s="2" t="s">
        <v>1520</v>
      </c>
      <c r="N4270" s="5" t="s">
        <v>1521</v>
      </c>
      <c r="O4270" s="5" t="s">
        <v>38</v>
      </c>
      <c r="P4270" s="5" t="s">
        <v>39</v>
      </c>
      <c r="Q4270" s="5" t="s">
        <v>40</v>
      </c>
      <c r="R4270" s="5" t="s">
        <v>1522</v>
      </c>
      <c r="S4270" s="5" t="s">
        <v>1523</v>
      </c>
      <c r="T4270" s="5" t="s">
        <v>42</v>
      </c>
      <c r="U4270" s="2">
        <v>2.3090000000000002</v>
      </c>
      <c r="V4270" s="2">
        <v>1.9450000000000001</v>
      </c>
      <c r="W4270" s="2">
        <v>1.0999999999999999E-2</v>
      </c>
      <c r="X4270" s="2">
        <v>139.1</v>
      </c>
      <c r="Y4270" s="2">
        <v>7.6</v>
      </c>
      <c r="Z4270" s="2">
        <v>10.6</v>
      </c>
      <c r="AA4270" s="5"/>
      <c r="AB4270" s="5" t="s">
        <v>43</v>
      </c>
      <c r="AC4270" s="5" t="s">
        <v>44</v>
      </c>
      <c r="AD4270" s="2"/>
      <c r="AE4270" s="1"/>
    </row>
    <row r="4271" spans="1:31" ht="14.45">
      <c r="A4271" s="11"/>
      <c r="B4271" s="20"/>
      <c r="C4271" s="2" t="s">
        <v>13267</v>
      </c>
      <c r="D4271" s="14" t="s">
        <v>13268</v>
      </c>
      <c r="E4271" s="2" t="s">
        <v>13269</v>
      </c>
      <c r="F4271" s="2" t="s">
        <v>2724</v>
      </c>
      <c r="G4271" s="8">
        <v>151</v>
      </c>
      <c r="H4271" s="5">
        <v>13</v>
      </c>
      <c r="I4271" s="5" t="s">
        <v>1518</v>
      </c>
      <c r="J4271" s="5" t="s">
        <v>1519</v>
      </c>
      <c r="K4271" s="2" t="s">
        <v>1520</v>
      </c>
      <c r="L4271" s="5" t="s">
        <v>1519</v>
      </c>
      <c r="M4271" s="2" t="s">
        <v>1520</v>
      </c>
      <c r="N4271" s="5" t="s">
        <v>1521</v>
      </c>
      <c r="O4271" s="5" t="s">
        <v>38</v>
      </c>
      <c r="P4271" s="5" t="s">
        <v>39</v>
      </c>
      <c r="Q4271" s="5" t="s">
        <v>40</v>
      </c>
      <c r="R4271" s="5" t="s">
        <v>1522</v>
      </c>
      <c r="S4271" s="5" t="s">
        <v>1523</v>
      </c>
      <c r="T4271" s="5" t="s">
        <v>42</v>
      </c>
      <c r="U4271" s="2">
        <v>2.3610000000000002</v>
      </c>
      <c r="V4271" s="2">
        <v>1.9970000000000001</v>
      </c>
      <c r="W4271" s="2">
        <v>1.0999999999999999E-2</v>
      </c>
      <c r="X4271" s="2">
        <v>139.1</v>
      </c>
      <c r="Y4271" s="2">
        <v>7.6</v>
      </c>
      <c r="Z4271" s="2">
        <v>10.6</v>
      </c>
      <c r="AA4271" s="5"/>
      <c r="AB4271" s="5" t="s">
        <v>43</v>
      </c>
      <c r="AC4271" s="5" t="s">
        <v>44</v>
      </c>
      <c r="AD4271" s="2"/>
      <c r="AE4271" s="1"/>
    </row>
    <row r="4272" spans="1:31" ht="14.45">
      <c r="A4272" s="11"/>
      <c r="B4272" s="20"/>
      <c r="C4272" s="2" t="s">
        <v>13270</v>
      </c>
      <c r="D4272" s="14" t="s">
        <v>13271</v>
      </c>
      <c r="E4272" s="2" t="s">
        <v>13272</v>
      </c>
      <c r="F4272" s="2" t="s">
        <v>2208</v>
      </c>
      <c r="G4272" s="8">
        <v>151</v>
      </c>
      <c r="H4272" s="5">
        <v>13</v>
      </c>
      <c r="I4272" s="5" t="s">
        <v>1518</v>
      </c>
      <c r="J4272" s="5" t="s">
        <v>1519</v>
      </c>
      <c r="K4272" s="2" t="s">
        <v>1520</v>
      </c>
      <c r="L4272" s="5" t="s">
        <v>1519</v>
      </c>
      <c r="M4272" s="2" t="s">
        <v>1520</v>
      </c>
      <c r="N4272" s="5" t="s">
        <v>1521</v>
      </c>
      <c r="O4272" s="5" t="s">
        <v>38</v>
      </c>
      <c r="P4272" s="5" t="s">
        <v>39</v>
      </c>
      <c r="Q4272" s="5" t="s">
        <v>40</v>
      </c>
      <c r="R4272" s="5" t="s">
        <v>1522</v>
      </c>
      <c r="S4272" s="5" t="s">
        <v>1523</v>
      </c>
      <c r="T4272" s="5" t="s">
        <v>42</v>
      </c>
      <c r="U4272" s="2">
        <v>2.3090000000000002</v>
      </c>
      <c r="V4272" s="2">
        <v>1.9450000000000001</v>
      </c>
      <c r="W4272" s="2">
        <v>1.0999999999999999E-2</v>
      </c>
      <c r="X4272" s="2">
        <v>139.1</v>
      </c>
      <c r="Y4272" s="2">
        <v>7.6</v>
      </c>
      <c r="Z4272" s="2">
        <v>10.6</v>
      </c>
      <c r="AA4272" s="5"/>
      <c r="AB4272" s="5" t="s">
        <v>43</v>
      </c>
      <c r="AC4272" s="5" t="s">
        <v>44</v>
      </c>
      <c r="AD4272" s="2"/>
      <c r="AE4272" s="1"/>
    </row>
    <row r="4273" spans="1:31" ht="14.45">
      <c r="A4273" s="11"/>
      <c r="B4273" s="20"/>
      <c r="C4273" s="2" t="s">
        <v>13273</v>
      </c>
      <c r="D4273" s="14" t="s">
        <v>13274</v>
      </c>
      <c r="E4273" s="2" t="s">
        <v>13275</v>
      </c>
      <c r="F4273" s="2" t="s">
        <v>2212</v>
      </c>
      <c r="G4273" s="8">
        <v>151</v>
      </c>
      <c r="H4273" s="5">
        <v>13</v>
      </c>
      <c r="I4273" s="5" t="s">
        <v>1518</v>
      </c>
      <c r="J4273" s="5" t="s">
        <v>1519</v>
      </c>
      <c r="K4273" s="2" t="s">
        <v>1520</v>
      </c>
      <c r="L4273" s="5" t="s">
        <v>1519</v>
      </c>
      <c r="M4273" s="2" t="s">
        <v>1520</v>
      </c>
      <c r="N4273" s="5" t="s">
        <v>1521</v>
      </c>
      <c r="O4273" s="5" t="s">
        <v>38</v>
      </c>
      <c r="P4273" s="5" t="s">
        <v>39</v>
      </c>
      <c r="Q4273" s="5" t="s">
        <v>40</v>
      </c>
      <c r="R4273" s="5" t="s">
        <v>1522</v>
      </c>
      <c r="S4273" s="5" t="s">
        <v>1523</v>
      </c>
      <c r="T4273" s="5" t="s">
        <v>42</v>
      </c>
      <c r="U4273" s="2">
        <v>2.3610000000000002</v>
      </c>
      <c r="V4273" s="2">
        <v>1.9970000000000001</v>
      </c>
      <c r="W4273" s="2">
        <v>1.0999999999999999E-2</v>
      </c>
      <c r="X4273" s="2">
        <v>139.1</v>
      </c>
      <c r="Y4273" s="2">
        <v>7.6</v>
      </c>
      <c r="Z4273" s="2">
        <v>10.6</v>
      </c>
      <c r="AA4273" s="5"/>
      <c r="AB4273" s="5" t="s">
        <v>43</v>
      </c>
      <c r="AC4273" s="5" t="s">
        <v>44</v>
      </c>
      <c r="AD4273" s="2"/>
      <c r="AE4273" s="1"/>
    </row>
    <row r="4274" spans="1:31" ht="14.45">
      <c r="A4274" s="11"/>
      <c r="B4274" s="20"/>
      <c r="C4274" s="2" t="s">
        <v>13276</v>
      </c>
      <c r="D4274" s="14" t="s">
        <v>13277</v>
      </c>
      <c r="E4274" s="2" t="s">
        <v>13278</v>
      </c>
      <c r="F4274" s="2" t="s">
        <v>1831</v>
      </c>
      <c r="G4274" s="8">
        <v>151</v>
      </c>
      <c r="H4274" s="5">
        <v>13</v>
      </c>
      <c r="I4274" s="5" t="s">
        <v>1518</v>
      </c>
      <c r="J4274" s="5" t="s">
        <v>1519</v>
      </c>
      <c r="K4274" s="2" t="s">
        <v>1520</v>
      </c>
      <c r="L4274" s="5" t="s">
        <v>1519</v>
      </c>
      <c r="M4274" s="2" t="s">
        <v>1520</v>
      </c>
      <c r="N4274" s="5" t="s">
        <v>1521</v>
      </c>
      <c r="O4274" s="5" t="s">
        <v>38</v>
      </c>
      <c r="P4274" s="5" t="s">
        <v>39</v>
      </c>
      <c r="Q4274" s="5" t="s">
        <v>40</v>
      </c>
      <c r="R4274" s="5" t="s">
        <v>1522</v>
      </c>
      <c r="S4274" s="5" t="s">
        <v>1523</v>
      </c>
      <c r="T4274" s="5" t="s">
        <v>42</v>
      </c>
      <c r="U4274" s="2">
        <v>2.3090000000000002</v>
      </c>
      <c r="V4274" s="2">
        <v>1.9450000000000001</v>
      </c>
      <c r="W4274" s="2">
        <v>1.0999999999999999E-2</v>
      </c>
      <c r="X4274" s="2">
        <v>139.1</v>
      </c>
      <c r="Y4274" s="2">
        <v>7.6</v>
      </c>
      <c r="Z4274" s="2">
        <v>10.6</v>
      </c>
      <c r="AA4274" s="5"/>
      <c r="AB4274" s="5" t="s">
        <v>43</v>
      </c>
      <c r="AC4274" s="5" t="s">
        <v>44</v>
      </c>
      <c r="AD4274" s="2"/>
      <c r="AE4274" s="1"/>
    </row>
    <row r="4275" spans="1:31" ht="14.45">
      <c r="A4275" s="11"/>
      <c r="B4275" s="20"/>
      <c r="C4275" s="2" t="s">
        <v>13279</v>
      </c>
      <c r="D4275" s="14" t="s">
        <v>13280</v>
      </c>
      <c r="E4275" s="2" t="s">
        <v>13281</v>
      </c>
      <c r="F4275" s="2" t="s">
        <v>1835</v>
      </c>
      <c r="G4275" s="8">
        <v>151</v>
      </c>
      <c r="H4275" s="5">
        <v>13</v>
      </c>
      <c r="I4275" s="5" t="s">
        <v>1518</v>
      </c>
      <c r="J4275" s="5" t="s">
        <v>1519</v>
      </c>
      <c r="K4275" s="2" t="s">
        <v>1520</v>
      </c>
      <c r="L4275" s="5" t="s">
        <v>1519</v>
      </c>
      <c r="M4275" s="2" t="s">
        <v>1520</v>
      </c>
      <c r="N4275" s="5" t="s">
        <v>1521</v>
      </c>
      <c r="O4275" s="5" t="s">
        <v>38</v>
      </c>
      <c r="P4275" s="5" t="s">
        <v>39</v>
      </c>
      <c r="Q4275" s="5" t="s">
        <v>40</v>
      </c>
      <c r="R4275" s="5" t="s">
        <v>1522</v>
      </c>
      <c r="S4275" s="5" t="s">
        <v>1523</v>
      </c>
      <c r="T4275" s="5" t="s">
        <v>42</v>
      </c>
      <c r="U4275" s="2">
        <v>2.3610000000000002</v>
      </c>
      <c r="V4275" s="2">
        <v>1.9970000000000001</v>
      </c>
      <c r="W4275" s="2">
        <v>1.0999999999999999E-2</v>
      </c>
      <c r="X4275" s="2">
        <v>139.1</v>
      </c>
      <c r="Y4275" s="2">
        <v>7.6</v>
      </c>
      <c r="Z4275" s="2">
        <v>10.6</v>
      </c>
      <c r="AA4275" s="5"/>
      <c r="AB4275" s="5" t="s">
        <v>43</v>
      </c>
      <c r="AC4275" s="5" t="s">
        <v>44</v>
      </c>
      <c r="AD4275" s="2"/>
      <c r="AE4275" s="1"/>
    </row>
    <row r="4276" spans="1:31" ht="14.45">
      <c r="A4276" s="11"/>
      <c r="B4276" s="20"/>
      <c r="C4276" s="2" t="s">
        <v>13282</v>
      </c>
      <c r="D4276" s="14" t="s">
        <v>13283</v>
      </c>
      <c r="E4276" s="2" t="s">
        <v>13284</v>
      </c>
      <c r="F4276" s="2" t="s">
        <v>1839</v>
      </c>
      <c r="G4276" s="8">
        <v>151</v>
      </c>
      <c r="H4276" s="5">
        <v>13</v>
      </c>
      <c r="I4276" s="5" t="s">
        <v>1518</v>
      </c>
      <c r="J4276" s="5" t="s">
        <v>1519</v>
      </c>
      <c r="K4276" s="2" t="s">
        <v>1520</v>
      </c>
      <c r="L4276" s="5" t="s">
        <v>1519</v>
      </c>
      <c r="M4276" s="2" t="s">
        <v>1520</v>
      </c>
      <c r="N4276" s="5" t="s">
        <v>1521</v>
      </c>
      <c r="O4276" s="5" t="s">
        <v>38</v>
      </c>
      <c r="P4276" s="5" t="s">
        <v>39</v>
      </c>
      <c r="Q4276" s="5" t="s">
        <v>40</v>
      </c>
      <c r="R4276" s="5" t="s">
        <v>1522</v>
      </c>
      <c r="S4276" s="5" t="s">
        <v>1523</v>
      </c>
      <c r="T4276" s="5" t="s">
        <v>42</v>
      </c>
      <c r="U4276" s="2">
        <v>2.3090000000000002</v>
      </c>
      <c r="V4276" s="2">
        <v>1.9450000000000001</v>
      </c>
      <c r="W4276" s="2">
        <v>1.0999999999999999E-2</v>
      </c>
      <c r="X4276" s="2">
        <v>139.1</v>
      </c>
      <c r="Y4276" s="2">
        <v>7.6</v>
      </c>
      <c r="Z4276" s="2">
        <v>10.6</v>
      </c>
      <c r="AA4276" s="5"/>
      <c r="AB4276" s="5" t="s">
        <v>43</v>
      </c>
      <c r="AC4276" s="5" t="s">
        <v>44</v>
      </c>
      <c r="AD4276" s="2"/>
      <c r="AE4276" s="1"/>
    </row>
    <row r="4277" spans="1:31" ht="14.45">
      <c r="A4277" s="11"/>
      <c r="B4277" s="20"/>
      <c r="C4277" s="2" t="s">
        <v>13285</v>
      </c>
      <c r="D4277" s="14" t="s">
        <v>13286</v>
      </c>
      <c r="E4277" s="2" t="s">
        <v>13287</v>
      </c>
      <c r="F4277" s="2" t="s">
        <v>1986</v>
      </c>
      <c r="G4277" s="8">
        <v>151</v>
      </c>
      <c r="H4277" s="5">
        <v>13</v>
      </c>
      <c r="I4277" s="5" t="s">
        <v>1518</v>
      </c>
      <c r="J4277" s="5" t="s">
        <v>1519</v>
      </c>
      <c r="K4277" s="2" t="s">
        <v>1520</v>
      </c>
      <c r="L4277" s="5" t="s">
        <v>1519</v>
      </c>
      <c r="M4277" s="2" t="s">
        <v>1520</v>
      </c>
      <c r="N4277" s="5" t="s">
        <v>1521</v>
      </c>
      <c r="O4277" s="5" t="s">
        <v>38</v>
      </c>
      <c r="P4277" s="5" t="s">
        <v>39</v>
      </c>
      <c r="Q4277" s="5" t="s">
        <v>40</v>
      </c>
      <c r="R4277" s="5" t="s">
        <v>1522</v>
      </c>
      <c r="S4277" s="5" t="s">
        <v>1523</v>
      </c>
      <c r="T4277" s="5" t="s">
        <v>42</v>
      </c>
      <c r="U4277" s="2">
        <v>2.3610000000000002</v>
      </c>
      <c r="V4277" s="2">
        <v>1.9970000000000001</v>
      </c>
      <c r="W4277" s="2">
        <v>1.0999999999999999E-2</v>
      </c>
      <c r="X4277" s="2">
        <v>139.1</v>
      </c>
      <c r="Y4277" s="2">
        <v>7.6</v>
      </c>
      <c r="Z4277" s="2">
        <v>10.6</v>
      </c>
      <c r="AA4277" s="5"/>
      <c r="AB4277" s="5" t="s">
        <v>43</v>
      </c>
      <c r="AC4277" s="5" t="s">
        <v>44</v>
      </c>
      <c r="AD4277" s="2"/>
      <c r="AE4277" s="1"/>
    </row>
    <row r="4278" spans="1:31" ht="14.45">
      <c r="A4278" s="11"/>
      <c r="B4278" s="20"/>
      <c r="C4278" s="2" t="s">
        <v>13288</v>
      </c>
      <c r="D4278" s="14" t="s">
        <v>13289</v>
      </c>
      <c r="E4278" s="2" t="s">
        <v>13290</v>
      </c>
      <c r="F4278" s="2" t="s">
        <v>1843</v>
      </c>
      <c r="G4278" s="8">
        <v>151</v>
      </c>
      <c r="H4278" s="5">
        <v>13</v>
      </c>
      <c r="I4278" s="5" t="s">
        <v>1518</v>
      </c>
      <c r="J4278" s="5" t="s">
        <v>1519</v>
      </c>
      <c r="K4278" s="2" t="s">
        <v>1520</v>
      </c>
      <c r="L4278" s="5" t="s">
        <v>1519</v>
      </c>
      <c r="M4278" s="2" t="s">
        <v>1520</v>
      </c>
      <c r="N4278" s="5" t="s">
        <v>1521</v>
      </c>
      <c r="O4278" s="5" t="s">
        <v>38</v>
      </c>
      <c r="P4278" s="5" t="s">
        <v>39</v>
      </c>
      <c r="Q4278" s="5" t="s">
        <v>40</v>
      </c>
      <c r="R4278" s="5" t="s">
        <v>1522</v>
      </c>
      <c r="S4278" s="5" t="s">
        <v>1523</v>
      </c>
      <c r="T4278" s="5" t="s">
        <v>42</v>
      </c>
      <c r="U4278" s="2">
        <v>2.3090000000000002</v>
      </c>
      <c r="V4278" s="2">
        <v>1.9450000000000001</v>
      </c>
      <c r="W4278" s="2">
        <v>1.0999999999999999E-2</v>
      </c>
      <c r="X4278" s="2">
        <v>139.1</v>
      </c>
      <c r="Y4278" s="2">
        <v>7.6</v>
      </c>
      <c r="Z4278" s="2">
        <v>10.6</v>
      </c>
      <c r="AA4278" s="5"/>
      <c r="AB4278" s="5" t="s">
        <v>43</v>
      </c>
      <c r="AC4278" s="5" t="s">
        <v>44</v>
      </c>
      <c r="AD4278" s="2"/>
      <c r="AE4278" s="1"/>
    </row>
    <row r="4279" spans="1:31" ht="14.45">
      <c r="A4279" s="11"/>
      <c r="B4279" s="20"/>
      <c r="C4279" s="2" t="s">
        <v>13291</v>
      </c>
      <c r="D4279" s="14" t="s">
        <v>13292</v>
      </c>
      <c r="E4279" s="2" t="s">
        <v>13293</v>
      </c>
      <c r="F4279" s="2" t="s">
        <v>1847</v>
      </c>
      <c r="G4279" s="8">
        <v>151</v>
      </c>
      <c r="H4279" s="5">
        <v>13</v>
      </c>
      <c r="I4279" s="5" t="s">
        <v>1518</v>
      </c>
      <c r="J4279" s="5" t="s">
        <v>1519</v>
      </c>
      <c r="K4279" s="2" t="s">
        <v>1520</v>
      </c>
      <c r="L4279" s="5" t="s">
        <v>1519</v>
      </c>
      <c r="M4279" s="2" t="s">
        <v>1520</v>
      </c>
      <c r="N4279" s="5" t="s">
        <v>1521</v>
      </c>
      <c r="O4279" s="5" t="s">
        <v>38</v>
      </c>
      <c r="P4279" s="5" t="s">
        <v>39</v>
      </c>
      <c r="Q4279" s="5" t="s">
        <v>40</v>
      </c>
      <c r="R4279" s="5" t="s">
        <v>1522</v>
      </c>
      <c r="S4279" s="5" t="s">
        <v>1523</v>
      </c>
      <c r="T4279" s="5" t="s">
        <v>42</v>
      </c>
      <c r="U4279" s="2">
        <v>2.3610000000000002</v>
      </c>
      <c r="V4279" s="2">
        <v>1.9970000000000001</v>
      </c>
      <c r="W4279" s="2">
        <v>1.0999999999999999E-2</v>
      </c>
      <c r="X4279" s="2">
        <v>139.1</v>
      </c>
      <c r="Y4279" s="2">
        <v>7.6</v>
      </c>
      <c r="Z4279" s="2">
        <v>10.6</v>
      </c>
      <c r="AA4279" s="5"/>
      <c r="AB4279" s="5" t="s">
        <v>43</v>
      </c>
      <c r="AC4279" s="5" t="s">
        <v>44</v>
      </c>
      <c r="AD4279" s="2"/>
      <c r="AE4279" s="1"/>
    </row>
    <row r="4280" spans="1:31" ht="14.45">
      <c r="A4280" s="11"/>
      <c r="B4280" s="20"/>
      <c r="C4280" s="2" t="s">
        <v>13294</v>
      </c>
      <c r="D4280" s="14" t="s">
        <v>13295</v>
      </c>
      <c r="E4280" s="2" t="s">
        <v>13296</v>
      </c>
      <c r="F4280" s="2" t="s">
        <v>1851</v>
      </c>
      <c r="G4280" s="8">
        <v>151</v>
      </c>
      <c r="H4280" s="5">
        <v>13</v>
      </c>
      <c r="I4280" s="5" t="s">
        <v>1518</v>
      </c>
      <c r="J4280" s="5" t="s">
        <v>1519</v>
      </c>
      <c r="K4280" s="2" t="s">
        <v>1520</v>
      </c>
      <c r="L4280" s="5" t="s">
        <v>1519</v>
      </c>
      <c r="M4280" s="2" t="s">
        <v>1520</v>
      </c>
      <c r="N4280" s="5" t="s">
        <v>1521</v>
      </c>
      <c r="O4280" s="5" t="s">
        <v>38</v>
      </c>
      <c r="P4280" s="5" t="s">
        <v>39</v>
      </c>
      <c r="Q4280" s="5" t="s">
        <v>40</v>
      </c>
      <c r="R4280" s="5" t="s">
        <v>1522</v>
      </c>
      <c r="S4280" s="5" t="s">
        <v>1523</v>
      </c>
      <c r="T4280" s="5" t="s">
        <v>42</v>
      </c>
      <c r="U4280" s="2">
        <v>2.3090000000000002</v>
      </c>
      <c r="V4280" s="2">
        <v>1.9450000000000001</v>
      </c>
      <c r="W4280" s="2">
        <v>1.0999999999999999E-2</v>
      </c>
      <c r="X4280" s="2">
        <v>139.1</v>
      </c>
      <c r="Y4280" s="2">
        <v>7.6</v>
      </c>
      <c r="Z4280" s="2">
        <v>10.6</v>
      </c>
      <c r="AA4280" s="5"/>
      <c r="AB4280" s="5" t="s">
        <v>43</v>
      </c>
      <c r="AC4280" s="5" t="s">
        <v>44</v>
      </c>
      <c r="AD4280" s="2"/>
      <c r="AE4280" s="1"/>
    </row>
    <row r="4281" spans="1:31" ht="14.45">
      <c r="A4281" s="11"/>
      <c r="B4281" s="20"/>
      <c r="C4281" s="2" t="s">
        <v>13297</v>
      </c>
      <c r="D4281" s="14" t="s">
        <v>13298</v>
      </c>
      <c r="E4281" s="2" t="s">
        <v>13299</v>
      </c>
      <c r="F4281" s="2" t="s">
        <v>1999</v>
      </c>
      <c r="G4281" s="8">
        <v>151</v>
      </c>
      <c r="H4281" s="5">
        <v>13</v>
      </c>
      <c r="I4281" s="5" t="s">
        <v>1518</v>
      </c>
      <c r="J4281" s="5" t="s">
        <v>1519</v>
      </c>
      <c r="K4281" s="2" t="s">
        <v>1520</v>
      </c>
      <c r="L4281" s="5" t="s">
        <v>1519</v>
      </c>
      <c r="M4281" s="2" t="s">
        <v>1520</v>
      </c>
      <c r="N4281" s="5" t="s">
        <v>1521</v>
      </c>
      <c r="O4281" s="5" t="s">
        <v>38</v>
      </c>
      <c r="P4281" s="5" t="s">
        <v>39</v>
      </c>
      <c r="Q4281" s="5" t="s">
        <v>40</v>
      </c>
      <c r="R4281" s="5" t="s">
        <v>1522</v>
      </c>
      <c r="S4281" s="5" t="s">
        <v>1523</v>
      </c>
      <c r="T4281" s="5" t="s">
        <v>42</v>
      </c>
      <c r="U4281" s="2">
        <v>2.3610000000000002</v>
      </c>
      <c r="V4281" s="2">
        <v>1.9970000000000001</v>
      </c>
      <c r="W4281" s="2">
        <v>1.0999999999999999E-2</v>
      </c>
      <c r="X4281" s="2">
        <v>139.1</v>
      </c>
      <c r="Y4281" s="2">
        <v>7.6</v>
      </c>
      <c r="Z4281" s="2">
        <v>10.6</v>
      </c>
      <c r="AA4281" s="5"/>
      <c r="AB4281" s="5" t="s">
        <v>43</v>
      </c>
      <c r="AC4281" s="5" t="s">
        <v>44</v>
      </c>
      <c r="AD4281" s="2"/>
      <c r="AE4281" s="1"/>
    </row>
    <row r="4282" spans="1:31" ht="14.45">
      <c r="A4282" s="11"/>
      <c r="B4282" s="20"/>
      <c r="C4282" s="2" t="s">
        <v>13300</v>
      </c>
      <c r="D4282" s="14" t="s">
        <v>13301</v>
      </c>
      <c r="E4282" s="2" t="s">
        <v>13302</v>
      </c>
      <c r="F4282" s="2" t="s">
        <v>1855</v>
      </c>
      <c r="G4282" s="8">
        <v>151</v>
      </c>
      <c r="H4282" s="5">
        <v>13</v>
      </c>
      <c r="I4282" s="5" t="s">
        <v>1518</v>
      </c>
      <c r="J4282" s="5" t="s">
        <v>1519</v>
      </c>
      <c r="K4282" s="2" t="s">
        <v>1520</v>
      </c>
      <c r="L4282" s="5" t="s">
        <v>1519</v>
      </c>
      <c r="M4282" s="2" t="s">
        <v>1520</v>
      </c>
      <c r="N4282" s="5" t="s">
        <v>1521</v>
      </c>
      <c r="O4282" s="5" t="s">
        <v>38</v>
      </c>
      <c r="P4282" s="5" t="s">
        <v>39</v>
      </c>
      <c r="Q4282" s="5" t="s">
        <v>40</v>
      </c>
      <c r="R4282" s="5" t="s">
        <v>1522</v>
      </c>
      <c r="S4282" s="5" t="s">
        <v>1523</v>
      </c>
      <c r="T4282" s="5" t="s">
        <v>42</v>
      </c>
      <c r="U4282" s="2">
        <v>2.3090000000000002</v>
      </c>
      <c r="V4282" s="2">
        <v>1.9450000000000001</v>
      </c>
      <c r="W4282" s="2">
        <v>1.0999999999999999E-2</v>
      </c>
      <c r="X4282" s="2">
        <v>139.1</v>
      </c>
      <c r="Y4282" s="2">
        <v>7.6</v>
      </c>
      <c r="Z4282" s="2">
        <v>10.6</v>
      </c>
      <c r="AA4282" s="5"/>
      <c r="AB4282" s="5" t="s">
        <v>43</v>
      </c>
      <c r="AC4282" s="5" t="s">
        <v>44</v>
      </c>
      <c r="AD4282" s="2"/>
      <c r="AE4282" s="1"/>
    </row>
    <row r="4283" spans="1:31" ht="14.45">
      <c r="A4283" s="11"/>
      <c r="B4283" s="20"/>
      <c r="C4283" s="2" t="s">
        <v>13303</v>
      </c>
      <c r="D4283" s="14" t="s">
        <v>13304</v>
      </c>
      <c r="E4283" s="2" t="s">
        <v>13305</v>
      </c>
      <c r="F4283" s="2" t="s">
        <v>1859</v>
      </c>
      <c r="G4283" s="8">
        <v>151</v>
      </c>
      <c r="H4283" s="5">
        <v>13</v>
      </c>
      <c r="I4283" s="5" t="s">
        <v>1518</v>
      </c>
      <c r="J4283" s="5" t="s">
        <v>1519</v>
      </c>
      <c r="K4283" s="2" t="s">
        <v>1520</v>
      </c>
      <c r="L4283" s="5" t="s">
        <v>1519</v>
      </c>
      <c r="M4283" s="2" t="s">
        <v>1520</v>
      </c>
      <c r="N4283" s="5" t="s">
        <v>1521</v>
      </c>
      <c r="O4283" s="5" t="s">
        <v>38</v>
      </c>
      <c r="P4283" s="5" t="s">
        <v>39</v>
      </c>
      <c r="Q4283" s="5" t="s">
        <v>40</v>
      </c>
      <c r="R4283" s="5" t="s">
        <v>1522</v>
      </c>
      <c r="S4283" s="5" t="s">
        <v>1523</v>
      </c>
      <c r="T4283" s="5" t="s">
        <v>42</v>
      </c>
      <c r="U4283" s="2">
        <v>2.3610000000000002</v>
      </c>
      <c r="V4283" s="2">
        <v>1.9970000000000001</v>
      </c>
      <c r="W4283" s="2">
        <v>1.0999999999999999E-2</v>
      </c>
      <c r="X4283" s="2">
        <v>139.1</v>
      </c>
      <c r="Y4283" s="2">
        <v>7.6</v>
      </c>
      <c r="Z4283" s="2">
        <v>10.6</v>
      </c>
      <c r="AA4283" s="5"/>
      <c r="AB4283" s="5" t="s">
        <v>43</v>
      </c>
      <c r="AC4283" s="5" t="s">
        <v>44</v>
      </c>
      <c r="AD4283" s="2"/>
      <c r="AE4283" s="1"/>
    </row>
    <row r="4284" spans="1:31" ht="14.45">
      <c r="A4284" s="11"/>
      <c r="B4284" s="20"/>
      <c r="C4284" s="2" t="s">
        <v>13306</v>
      </c>
      <c r="D4284" s="14" t="s">
        <v>13307</v>
      </c>
      <c r="E4284" s="2" t="s">
        <v>13308</v>
      </c>
      <c r="F4284" s="2" t="s">
        <v>1863</v>
      </c>
      <c r="G4284" s="8">
        <v>151</v>
      </c>
      <c r="H4284" s="5">
        <v>11</v>
      </c>
      <c r="I4284" s="5" t="s">
        <v>1518</v>
      </c>
      <c r="J4284" s="5" t="s">
        <v>1519</v>
      </c>
      <c r="K4284" s="2" t="s">
        <v>1520</v>
      </c>
      <c r="L4284" s="5" t="s">
        <v>1519</v>
      </c>
      <c r="M4284" s="2" t="s">
        <v>1520</v>
      </c>
      <c r="N4284" s="5" t="s">
        <v>1521</v>
      </c>
      <c r="O4284" s="5" t="s">
        <v>38</v>
      </c>
      <c r="P4284" s="5" t="s">
        <v>39</v>
      </c>
      <c r="Q4284" s="5" t="s">
        <v>40</v>
      </c>
      <c r="R4284" s="5" t="s">
        <v>1522</v>
      </c>
      <c r="S4284" s="5" t="s">
        <v>1523</v>
      </c>
      <c r="T4284" s="5" t="s">
        <v>42</v>
      </c>
      <c r="U4284" s="2">
        <v>2.2389999999999999</v>
      </c>
      <c r="V4284" s="2">
        <v>1.873</v>
      </c>
      <c r="W4284" s="2">
        <v>1.0999999999999999E-2</v>
      </c>
      <c r="X4284" s="2">
        <v>139.1</v>
      </c>
      <c r="Y4284" s="2">
        <v>7.6</v>
      </c>
      <c r="Z4284" s="2">
        <v>10.6</v>
      </c>
      <c r="AA4284" s="5"/>
      <c r="AB4284" s="5" t="s">
        <v>43</v>
      </c>
      <c r="AC4284" s="5" t="s">
        <v>44</v>
      </c>
      <c r="AD4284" s="2"/>
      <c r="AE4284" s="1"/>
    </row>
    <row r="4285" spans="1:31" ht="14.45">
      <c r="A4285" s="11"/>
      <c r="B4285" s="20"/>
      <c r="C4285" s="2" t="s">
        <v>13309</v>
      </c>
      <c r="D4285" s="14" t="s">
        <v>13310</v>
      </c>
      <c r="E4285" s="2" t="s">
        <v>13311</v>
      </c>
      <c r="F4285" s="2" t="s">
        <v>1867</v>
      </c>
      <c r="G4285" s="8">
        <v>151</v>
      </c>
      <c r="H4285" s="5">
        <v>11</v>
      </c>
      <c r="I4285" s="5" t="s">
        <v>1518</v>
      </c>
      <c r="J4285" s="5" t="s">
        <v>1519</v>
      </c>
      <c r="K4285" s="2" t="s">
        <v>1520</v>
      </c>
      <c r="L4285" s="5" t="s">
        <v>1519</v>
      </c>
      <c r="M4285" s="2" t="s">
        <v>1520</v>
      </c>
      <c r="N4285" s="5" t="s">
        <v>1521</v>
      </c>
      <c r="O4285" s="5" t="s">
        <v>38</v>
      </c>
      <c r="P4285" s="5" t="s">
        <v>39</v>
      </c>
      <c r="Q4285" s="5" t="s">
        <v>40</v>
      </c>
      <c r="R4285" s="5" t="s">
        <v>1522</v>
      </c>
      <c r="S4285" s="5" t="s">
        <v>1523</v>
      </c>
      <c r="T4285" s="5" t="s">
        <v>42</v>
      </c>
      <c r="U4285" s="2">
        <v>2.2919999999999998</v>
      </c>
      <c r="V4285" s="2">
        <v>1.9259999999999999</v>
      </c>
      <c r="W4285" s="2">
        <v>1.0999999999999999E-2</v>
      </c>
      <c r="X4285" s="2">
        <v>139.1</v>
      </c>
      <c r="Y4285" s="2">
        <v>7.6</v>
      </c>
      <c r="Z4285" s="2">
        <v>10.6</v>
      </c>
      <c r="AA4285" s="5"/>
      <c r="AB4285" s="5" t="s">
        <v>43</v>
      </c>
      <c r="AC4285" s="5" t="s">
        <v>44</v>
      </c>
      <c r="AD4285" s="2"/>
      <c r="AE4285" s="1"/>
    </row>
    <row r="4286" spans="1:31" ht="14.45">
      <c r="A4286" s="11"/>
      <c r="B4286" s="20"/>
      <c r="C4286" s="2" t="s">
        <v>13312</v>
      </c>
      <c r="D4286" s="14" t="s">
        <v>13313</v>
      </c>
      <c r="E4286" s="2" t="s">
        <v>13314</v>
      </c>
      <c r="F4286" s="2" t="s">
        <v>7396</v>
      </c>
      <c r="G4286" s="8">
        <v>143</v>
      </c>
      <c r="H4286" s="5">
        <v>5</v>
      </c>
      <c r="I4286" s="5" t="s">
        <v>1518</v>
      </c>
      <c r="J4286" s="5" t="s">
        <v>1519</v>
      </c>
      <c r="K4286" s="2" t="s">
        <v>1520</v>
      </c>
      <c r="L4286" s="5" t="s">
        <v>1519</v>
      </c>
      <c r="M4286" s="2" t="s">
        <v>1520</v>
      </c>
      <c r="N4286" s="5" t="s">
        <v>1521</v>
      </c>
      <c r="O4286" s="5" t="s">
        <v>38</v>
      </c>
      <c r="P4286" s="5" t="s">
        <v>39</v>
      </c>
      <c r="Q4286" s="5" t="s">
        <v>40</v>
      </c>
      <c r="R4286" s="5" t="s">
        <v>1522</v>
      </c>
      <c r="S4286" s="5" t="s">
        <v>1523</v>
      </c>
      <c r="T4286" s="5" t="s">
        <v>42</v>
      </c>
      <c r="U4286" s="2">
        <v>2.5510000000000002</v>
      </c>
      <c r="V4286" s="2">
        <v>2.1869999999999998</v>
      </c>
      <c r="W4286" s="2">
        <v>1.0999999999999999E-2</v>
      </c>
      <c r="X4286" s="2">
        <v>139.1</v>
      </c>
      <c r="Y4286" s="2">
        <v>7.6</v>
      </c>
      <c r="Z4286" s="2">
        <v>10.6</v>
      </c>
      <c r="AA4286" s="5"/>
      <c r="AB4286" s="5" t="s">
        <v>43</v>
      </c>
      <c r="AC4286" s="5" t="s">
        <v>44</v>
      </c>
      <c r="AD4286" s="2"/>
      <c r="AE4286" s="1"/>
    </row>
    <row r="4287" spans="1:31" ht="14.45">
      <c r="A4287" s="11"/>
      <c r="B4287" s="20"/>
      <c r="C4287" s="2" t="s">
        <v>13315</v>
      </c>
      <c r="D4287" s="14" t="s">
        <v>13316</v>
      </c>
      <c r="E4287" s="2" t="s">
        <v>13317</v>
      </c>
      <c r="F4287" s="2" t="s">
        <v>7507</v>
      </c>
      <c r="G4287" s="8">
        <v>143</v>
      </c>
      <c r="H4287" s="5">
        <v>5</v>
      </c>
      <c r="I4287" s="5" t="s">
        <v>1518</v>
      </c>
      <c r="J4287" s="5" t="s">
        <v>1519</v>
      </c>
      <c r="K4287" s="2" t="s">
        <v>1520</v>
      </c>
      <c r="L4287" s="5" t="s">
        <v>1519</v>
      </c>
      <c r="M4287" s="2" t="s">
        <v>1520</v>
      </c>
      <c r="N4287" s="5" t="s">
        <v>1521</v>
      </c>
      <c r="O4287" s="5" t="s">
        <v>38</v>
      </c>
      <c r="P4287" s="5" t="s">
        <v>39</v>
      </c>
      <c r="Q4287" s="5" t="s">
        <v>40</v>
      </c>
      <c r="R4287" s="5" t="s">
        <v>1522</v>
      </c>
      <c r="S4287" s="5" t="s">
        <v>1523</v>
      </c>
      <c r="T4287" s="5" t="s">
        <v>42</v>
      </c>
      <c r="U4287" s="2">
        <v>2.6110000000000002</v>
      </c>
      <c r="V4287" s="2">
        <v>2.2469999999999999</v>
      </c>
      <c r="W4287" s="2">
        <v>1.0999999999999999E-2</v>
      </c>
      <c r="X4287" s="2">
        <v>139.1</v>
      </c>
      <c r="Y4287" s="2">
        <v>7.6</v>
      </c>
      <c r="Z4287" s="2">
        <v>10.6</v>
      </c>
      <c r="AA4287" s="5"/>
      <c r="AB4287" s="5" t="s">
        <v>43</v>
      </c>
      <c r="AC4287" s="5" t="s">
        <v>44</v>
      </c>
      <c r="AD4287" s="2"/>
      <c r="AE4287" s="1"/>
    </row>
    <row r="4288" spans="1:31" ht="14.45">
      <c r="A4288" s="11"/>
      <c r="B4288" s="20"/>
      <c r="C4288" s="2" t="s">
        <v>13318</v>
      </c>
      <c r="D4288" s="14" t="s">
        <v>13319</v>
      </c>
      <c r="E4288" s="2" t="s">
        <v>13320</v>
      </c>
      <c r="F4288" s="2" t="s">
        <v>7204</v>
      </c>
      <c r="G4288" s="8">
        <v>143</v>
      </c>
      <c r="H4288" s="5">
        <v>5</v>
      </c>
      <c r="I4288" s="5" t="s">
        <v>1518</v>
      </c>
      <c r="J4288" s="5" t="s">
        <v>1519</v>
      </c>
      <c r="K4288" s="2" t="s">
        <v>1520</v>
      </c>
      <c r="L4288" s="5" t="s">
        <v>1519</v>
      </c>
      <c r="M4288" s="2" t="s">
        <v>1520</v>
      </c>
      <c r="N4288" s="5" t="s">
        <v>1521</v>
      </c>
      <c r="O4288" s="5" t="s">
        <v>38</v>
      </c>
      <c r="P4288" s="5" t="s">
        <v>39</v>
      </c>
      <c r="Q4288" s="5" t="s">
        <v>40</v>
      </c>
      <c r="R4288" s="5" t="s">
        <v>1522</v>
      </c>
      <c r="S4288" s="5" t="s">
        <v>1523</v>
      </c>
      <c r="T4288" s="5" t="s">
        <v>42</v>
      </c>
      <c r="U4288" s="2">
        <v>2.5649999999999999</v>
      </c>
      <c r="V4288" s="2">
        <v>2.2010000000000001</v>
      </c>
      <c r="W4288" s="2">
        <v>1.0999999999999999E-2</v>
      </c>
      <c r="X4288" s="2">
        <v>139.1</v>
      </c>
      <c r="Y4288" s="2">
        <v>7.6</v>
      </c>
      <c r="Z4288" s="2">
        <v>10.6</v>
      </c>
      <c r="AA4288" s="5"/>
      <c r="AB4288" s="5" t="s">
        <v>43</v>
      </c>
      <c r="AC4288" s="5" t="s">
        <v>44</v>
      </c>
      <c r="AD4288" s="2"/>
      <c r="AE4288" s="1"/>
    </row>
    <row r="4289" spans="1:31" ht="14.45">
      <c r="A4289" s="11"/>
      <c r="B4289" s="20"/>
      <c r="C4289" s="2" t="s">
        <v>13321</v>
      </c>
      <c r="D4289" s="14" t="s">
        <v>13322</v>
      </c>
      <c r="E4289" s="2" t="s">
        <v>13323</v>
      </c>
      <c r="F4289" s="2" t="s">
        <v>7514</v>
      </c>
      <c r="G4289" s="8">
        <v>143</v>
      </c>
      <c r="H4289" s="5">
        <v>5</v>
      </c>
      <c r="I4289" s="5" t="s">
        <v>1518</v>
      </c>
      <c r="J4289" s="5" t="s">
        <v>1519</v>
      </c>
      <c r="K4289" s="2" t="s">
        <v>1520</v>
      </c>
      <c r="L4289" s="5" t="s">
        <v>1519</v>
      </c>
      <c r="M4289" s="2" t="s">
        <v>1520</v>
      </c>
      <c r="N4289" s="5" t="s">
        <v>1521</v>
      </c>
      <c r="O4289" s="5" t="s">
        <v>38</v>
      </c>
      <c r="P4289" s="5" t="s">
        <v>39</v>
      </c>
      <c r="Q4289" s="5" t="s">
        <v>40</v>
      </c>
      <c r="R4289" s="5" t="s">
        <v>1522</v>
      </c>
      <c r="S4289" s="5" t="s">
        <v>1523</v>
      </c>
      <c r="T4289" s="5" t="s">
        <v>42</v>
      </c>
      <c r="U4289" s="2">
        <v>2.6259999999999999</v>
      </c>
      <c r="V4289" s="2">
        <v>2.262</v>
      </c>
      <c r="W4289" s="2">
        <v>1.0999999999999999E-2</v>
      </c>
      <c r="X4289" s="2">
        <v>139.1</v>
      </c>
      <c r="Y4289" s="2">
        <v>7.6</v>
      </c>
      <c r="Z4289" s="2">
        <v>10.6</v>
      </c>
      <c r="AA4289" s="5"/>
      <c r="AB4289" s="5" t="s">
        <v>43</v>
      </c>
      <c r="AC4289" s="5" t="s">
        <v>44</v>
      </c>
      <c r="AD4289" s="2"/>
      <c r="AE4289" s="1"/>
    </row>
    <row r="4290" spans="1:31" ht="14.45">
      <c r="A4290" s="11"/>
      <c r="B4290" s="20"/>
      <c r="C4290" s="2" t="s">
        <v>13324</v>
      </c>
      <c r="D4290" s="14" t="s">
        <v>13325</v>
      </c>
      <c r="E4290" s="2" t="s">
        <v>13326</v>
      </c>
      <c r="F4290" s="2" t="s">
        <v>7208</v>
      </c>
      <c r="G4290" s="8">
        <v>143</v>
      </c>
      <c r="H4290" s="5">
        <v>5</v>
      </c>
      <c r="I4290" s="5" t="s">
        <v>1518</v>
      </c>
      <c r="J4290" s="5" t="s">
        <v>1519</v>
      </c>
      <c r="K4290" s="2" t="s">
        <v>1520</v>
      </c>
      <c r="L4290" s="5" t="s">
        <v>1519</v>
      </c>
      <c r="M4290" s="2" t="s">
        <v>1520</v>
      </c>
      <c r="N4290" s="5" t="s">
        <v>1521</v>
      </c>
      <c r="O4290" s="5" t="s">
        <v>38</v>
      </c>
      <c r="P4290" s="5" t="s">
        <v>39</v>
      </c>
      <c r="Q4290" s="5" t="s">
        <v>40</v>
      </c>
      <c r="R4290" s="5" t="s">
        <v>1522</v>
      </c>
      <c r="S4290" s="5" t="s">
        <v>1523</v>
      </c>
      <c r="T4290" s="5" t="s">
        <v>42</v>
      </c>
      <c r="U4290" s="2">
        <v>2.5649999999999999</v>
      </c>
      <c r="V4290" s="2">
        <v>2.2010000000000001</v>
      </c>
      <c r="W4290" s="2">
        <v>1.0999999999999999E-2</v>
      </c>
      <c r="X4290" s="2">
        <v>139.1</v>
      </c>
      <c r="Y4290" s="2">
        <v>7.6</v>
      </c>
      <c r="Z4290" s="2">
        <v>10.6</v>
      </c>
      <c r="AA4290" s="5"/>
      <c r="AB4290" s="5" t="s">
        <v>43</v>
      </c>
      <c r="AC4290" s="5" t="s">
        <v>44</v>
      </c>
      <c r="AD4290" s="2"/>
      <c r="AE4290" s="1"/>
    </row>
    <row r="4291" spans="1:31" ht="14.45">
      <c r="A4291" s="11"/>
      <c r="B4291" s="20"/>
      <c r="C4291" s="2" t="s">
        <v>13327</v>
      </c>
      <c r="D4291" s="14" t="s">
        <v>13328</v>
      </c>
      <c r="E4291" s="2" t="s">
        <v>13329</v>
      </c>
      <c r="F4291" s="2" t="s">
        <v>7521</v>
      </c>
      <c r="G4291" s="8">
        <v>143</v>
      </c>
      <c r="H4291" s="5">
        <v>5</v>
      </c>
      <c r="I4291" s="5" t="s">
        <v>1518</v>
      </c>
      <c r="J4291" s="5" t="s">
        <v>1519</v>
      </c>
      <c r="K4291" s="2" t="s">
        <v>1520</v>
      </c>
      <c r="L4291" s="5" t="s">
        <v>1519</v>
      </c>
      <c r="M4291" s="2" t="s">
        <v>1520</v>
      </c>
      <c r="N4291" s="5" t="s">
        <v>1521</v>
      </c>
      <c r="O4291" s="5" t="s">
        <v>38</v>
      </c>
      <c r="P4291" s="5" t="s">
        <v>39</v>
      </c>
      <c r="Q4291" s="5" t="s">
        <v>40</v>
      </c>
      <c r="R4291" s="5" t="s">
        <v>1522</v>
      </c>
      <c r="S4291" s="5" t="s">
        <v>1523</v>
      </c>
      <c r="T4291" s="5" t="s">
        <v>42</v>
      </c>
      <c r="U4291" s="2">
        <v>2.625</v>
      </c>
      <c r="V4291" s="2">
        <v>2.2610000000000001</v>
      </c>
      <c r="W4291" s="2">
        <v>1.0999999999999999E-2</v>
      </c>
      <c r="X4291" s="2">
        <v>139.1</v>
      </c>
      <c r="Y4291" s="2">
        <v>7.6</v>
      </c>
      <c r="Z4291" s="2">
        <v>10.6</v>
      </c>
      <c r="AA4291" s="5"/>
      <c r="AB4291" s="5" t="s">
        <v>43</v>
      </c>
      <c r="AC4291" s="5" t="s">
        <v>44</v>
      </c>
      <c r="AD4291" s="2"/>
      <c r="AE4291" s="1"/>
    </row>
    <row r="4292" spans="1:31" ht="14.45">
      <c r="A4292" s="11"/>
      <c r="B4292" s="20"/>
      <c r="C4292" s="2" t="s">
        <v>13330</v>
      </c>
      <c r="D4292" s="14" t="s">
        <v>13331</v>
      </c>
      <c r="E4292" s="2" t="s">
        <v>13332</v>
      </c>
      <c r="F4292" s="2" t="s">
        <v>7212</v>
      </c>
      <c r="G4292" s="8">
        <v>143</v>
      </c>
      <c r="H4292" s="5">
        <v>5</v>
      </c>
      <c r="I4292" s="5" t="s">
        <v>1518</v>
      </c>
      <c r="J4292" s="5" t="s">
        <v>1519</v>
      </c>
      <c r="K4292" s="2" t="s">
        <v>1520</v>
      </c>
      <c r="L4292" s="5" t="s">
        <v>1519</v>
      </c>
      <c r="M4292" s="2" t="s">
        <v>1520</v>
      </c>
      <c r="N4292" s="5" t="s">
        <v>1521</v>
      </c>
      <c r="O4292" s="5" t="s">
        <v>38</v>
      </c>
      <c r="P4292" s="5" t="s">
        <v>39</v>
      </c>
      <c r="Q4292" s="5" t="s">
        <v>40</v>
      </c>
      <c r="R4292" s="5" t="s">
        <v>1522</v>
      </c>
      <c r="S4292" s="5" t="s">
        <v>1523</v>
      </c>
      <c r="T4292" s="5" t="s">
        <v>42</v>
      </c>
      <c r="U4292" s="2">
        <v>2.5209999999999999</v>
      </c>
      <c r="V4292" s="2">
        <v>2.157</v>
      </c>
      <c r="W4292" s="2">
        <v>1.0999999999999999E-2</v>
      </c>
      <c r="X4292" s="2">
        <v>139.1</v>
      </c>
      <c r="Y4292" s="2">
        <v>7.6</v>
      </c>
      <c r="Z4292" s="2">
        <v>10.6</v>
      </c>
      <c r="AA4292" s="5"/>
      <c r="AB4292" s="5" t="s">
        <v>43</v>
      </c>
      <c r="AC4292" s="5" t="s">
        <v>44</v>
      </c>
      <c r="AD4292" s="2"/>
      <c r="AE4292" s="1"/>
    </row>
    <row r="4293" spans="1:31" ht="14.45">
      <c r="A4293" s="11"/>
      <c r="B4293" s="20"/>
      <c r="C4293" s="2" t="s">
        <v>13333</v>
      </c>
      <c r="D4293" s="14" t="s">
        <v>13334</v>
      </c>
      <c r="E4293" s="2" t="s">
        <v>13335</v>
      </c>
      <c r="F4293" s="2" t="s">
        <v>7528</v>
      </c>
      <c r="G4293" s="8">
        <v>143</v>
      </c>
      <c r="H4293" s="5">
        <v>5</v>
      </c>
      <c r="I4293" s="5" t="s">
        <v>1518</v>
      </c>
      <c r="J4293" s="5" t="s">
        <v>1519</v>
      </c>
      <c r="K4293" s="2" t="s">
        <v>1520</v>
      </c>
      <c r="L4293" s="5" t="s">
        <v>1519</v>
      </c>
      <c r="M4293" s="2" t="s">
        <v>1520</v>
      </c>
      <c r="N4293" s="5" t="s">
        <v>1521</v>
      </c>
      <c r="O4293" s="5" t="s">
        <v>38</v>
      </c>
      <c r="P4293" s="5" t="s">
        <v>39</v>
      </c>
      <c r="Q4293" s="5" t="s">
        <v>40</v>
      </c>
      <c r="R4293" s="5" t="s">
        <v>1522</v>
      </c>
      <c r="S4293" s="5" t="s">
        <v>1523</v>
      </c>
      <c r="T4293" s="5" t="s">
        <v>42</v>
      </c>
      <c r="U4293" s="2">
        <v>2.5819999999999999</v>
      </c>
      <c r="V4293" s="2">
        <v>2.218</v>
      </c>
      <c r="W4293" s="2">
        <v>1.0999999999999999E-2</v>
      </c>
      <c r="X4293" s="2">
        <v>139.1</v>
      </c>
      <c r="Y4293" s="2">
        <v>7.6</v>
      </c>
      <c r="Z4293" s="2">
        <v>10.6</v>
      </c>
      <c r="AA4293" s="5"/>
      <c r="AB4293" s="5" t="s">
        <v>43</v>
      </c>
      <c r="AC4293" s="5" t="s">
        <v>44</v>
      </c>
      <c r="AD4293" s="2"/>
      <c r="AE4293" s="1"/>
    </row>
    <row r="4294" spans="1:31" ht="14.45">
      <c r="A4294" s="11"/>
      <c r="B4294" s="20"/>
      <c r="C4294" s="2" t="s">
        <v>13336</v>
      </c>
      <c r="D4294" s="14" t="s">
        <v>13337</v>
      </c>
      <c r="E4294" s="2" t="s">
        <v>13338</v>
      </c>
      <c r="F4294" s="2" t="s">
        <v>7406</v>
      </c>
      <c r="G4294" s="8">
        <v>164</v>
      </c>
      <c r="H4294" s="5">
        <v>6</v>
      </c>
      <c r="I4294" s="5" t="s">
        <v>1518</v>
      </c>
      <c r="J4294" s="5" t="s">
        <v>1519</v>
      </c>
      <c r="K4294" s="2" t="s">
        <v>1520</v>
      </c>
      <c r="L4294" s="5" t="s">
        <v>1519</v>
      </c>
      <c r="M4294" s="2" t="s">
        <v>1520</v>
      </c>
      <c r="N4294" s="5" t="s">
        <v>1521</v>
      </c>
      <c r="O4294" s="5" t="s">
        <v>38</v>
      </c>
      <c r="P4294" s="5" t="s">
        <v>39</v>
      </c>
      <c r="Q4294" s="5" t="s">
        <v>40</v>
      </c>
      <c r="R4294" s="5" t="s">
        <v>1522</v>
      </c>
      <c r="S4294" s="5" t="s">
        <v>1523</v>
      </c>
      <c r="T4294" s="5" t="s">
        <v>42</v>
      </c>
      <c r="U4294" s="2">
        <v>2.5209999999999999</v>
      </c>
      <c r="V4294" s="2">
        <v>2.157</v>
      </c>
      <c r="W4294" s="2">
        <v>1.0999999999999999E-2</v>
      </c>
      <c r="X4294" s="2">
        <v>139.1</v>
      </c>
      <c r="Y4294" s="2">
        <v>7.6</v>
      </c>
      <c r="Z4294" s="2">
        <v>10.6</v>
      </c>
      <c r="AA4294" s="5"/>
      <c r="AB4294" s="5" t="s">
        <v>43</v>
      </c>
      <c r="AC4294" s="5" t="s">
        <v>44</v>
      </c>
      <c r="AD4294" s="2"/>
      <c r="AE4294" s="1"/>
    </row>
    <row r="4295" spans="1:31" ht="14.45">
      <c r="A4295" s="11"/>
      <c r="B4295" s="20"/>
      <c r="C4295" s="2" t="s">
        <v>13339</v>
      </c>
      <c r="D4295" s="14" t="s">
        <v>13340</v>
      </c>
      <c r="E4295" s="2" t="s">
        <v>13341</v>
      </c>
      <c r="F4295" s="2" t="s">
        <v>7535</v>
      </c>
      <c r="G4295" s="8">
        <v>164</v>
      </c>
      <c r="H4295" s="5">
        <v>6</v>
      </c>
      <c r="I4295" s="5" t="s">
        <v>1518</v>
      </c>
      <c r="J4295" s="5" t="s">
        <v>1519</v>
      </c>
      <c r="K4295" s="2" t="s">
        <v>1520</v>
      </c>
      <c r="L4295" s="5" t="s">
        <v>1519</v>
      </c>
      <c r="M4295" s="2" t="s">
        <v>1520</v>
      </c>
      <c r="N4295" s="5" t="s">
        <v>1521</v>
      </c>
      <c r="O4295" s="5" t="s">
        <v>38</v>
      </c>
      <c r="P4295" s="5" t="s">
        <v>39</v>
      </c>
      <c r="Q4295" s="5" t="s">
        <v>40</v>
      </c>
      <c r="R4295" s="5" t="s">
        <v>1522</v>
      </c>
      <c r="S4295" s="5" t="s">
        <v>1523</v>
      </c>
      <c r="T4295" s="5" t="s">
        <v>42</v>
      </c>
      <c r="U4295" s="2">
        <v>2.5819999999999999</v>
      </c>
      <c r="V4295" s="2">
        <v>2.218</v>
      </c>
      <c r="W4295" s="2">
        <v>1.0999999999999999E-2</v>
      </c>
      <c r="X4295" s="2">
        <v>139.1</v>
      </c>
      <c r="Y4295" s="2">
        <v>7.6</v>
      </c>
      <c r="Z4295" s="2">
        <v>10.6</v>
      </c>
      <c r="AA4295" s="5"/>
      <c r="AB4295" s="5" t="s">
        <v>43</v>
      </c>
      <c r="AC4295" s="5" t="s">
        <v>44</v>
      </c>
      <c r="AD4295" s="2"/>
      <c r="AE4295" s="1"/>
    </row>
    <row r="4296" spans="1:31" ht="14.45">
      <c r="A4296" s="11"/>
      <c r="B4296" s="20"/>
      <c r="C4296" s="2" t="s">
        <v>13342</v>
      </c>
      <c r="D4296" s="14" t="s">
        <v>13343</v>
      </c>
      <c r="E4296" s="2" t="s">
        <v>13344</v>
      </c>
      <c r="F4296" s="2" t="s">
        <v>7539</v>
      </c>
      <c r="G4296" s="8">
        <v>164</v>
      </c>
      <c r="H4296" s="5">
        <v>6</v>
      </c>
      <c r="I4296" s="5" t="s">
        <v>1518</v>
      </c>
      <c r="J4296" s="5" t="s">
        <v>1519</v>
      </c>
      <c r="K4296" s="2" t="s">
        <v>1520</v>
      </c>
      <c r="L4296" s="5" t="s">
        <v>1519</v>
      </c>
      <c r="M4296" s="2" t="s">
        <v>1520</v>
      </c>
      <c r="N4296" s="5" t="s">
        <v>1521</v>
      </c>
      <c r="O4296" s="5" t="s">
        <v>38</v>
      </c>
      <c r="P4296" s="5" t="s">
        <v>39</v>
      </c>
      <c r="Q4296" s="5" t="s">
        <v>40</v>
      </c>
      <c r="R4296" s="5" t="s">
        <v>1522</v>
      </c>
      <c r="S4296" s="5" t="s">
        <v>1523</v>
      </c>
      <c r="T4296" s="5" t="s">
        <v>42</v>
      </c>
      <c r="U4296" s="2">
        <v>2.5640000000000001</v>
      </c>
      <c r="V4296" s="2">
        <v>2.2000000000000002</v>
      </c>
      <c r="W4296" s="2">
        <v>1.0999999999999999E-2</v>
      </c>
      <c r="X4296" s="2">
        <v>139.1</v>
      </c>
      <c r="Y4296" s="2">
        <v>7.6</v>
      </c>
      <c r="Z4296" s="2">
        <v>10.6</v>
      </c>
      <c r="AA4296" s="5"/>
      <c r="AB4296" s="5" t="s">
        <v>43</v>
      </c>
      <c r="AC4296" s="5" t="s">
        <v>44</v>
      </c>
      <c r="AD4296" s="2"/>
      <c r="AE4296" s="1"/>
    </row>
    <row r="4297" spans="1:31" ht="14.45">
      <c r="A4297" s="11"/>
      <c r="B4297" s="20"/>
      <c r="C4297" s="2" t="s">
        <v>13345</v>
      </c>
      <c r="D4297" s="14" t="s">
        <v>13346</v>
      </c>
      <c r="E4297" s="2" t="s">
        <v>13347</v>
      </c>
      <c r="F4297" s="2" t="s">
        <v>7543</v>
      </c>
      <c r="G4297" s="8">
        <v>164</v>
      </c>
      <c r="H4297" s="5">
        <v>6</v>
      </c>
      <c r="I4297" s="5" t="s">
        <v>1518</v>
      </c>
      <c r="J4297" s="5" t="s">
        <v>1519</v>
      </c>
      <c r="K4297" s="2" t="s">
        <v>1520</v>
      </c>
      <c r="L4297" s="5" t="s">
        <v>1519</v>
      </c>
      <c r="M4297" s="2" t="s">
        <v>1520</v>
      </c>
      <c r="N4297" s="5" t="s">
        <v>1521</v>
      </c>
      <c r="O4297" s="5" t="s">
        <v>38</v>
      </c>
      <c r="P4297" s="5" t="s">
        <v>39</v>
      </c>
      <c r="Q4297" s="5" t="s">
        <v>40</v>
      </c>
      <c r="R4297" s="5" t="s">
        <v>1522</v>
      </c>
      <c r="S4297" s="5" t="s">
        <v>1523</v>
      </c>
      <c r="T4297" s="5" t="s">
        <v>42</v>
      </c>
      <c r="U4297" s="2">
        <v>2.625</v>
      </c>
      <c r="V4297" s="2">
        <v>2.2610000000000001</v>
      </c>
      <c r="W4297" s="2">
        <v>1.0999999999999999E-2</v>
      </c>
      <c r="X4297" s="2">
        <v>139.1</v>
      </c>
      <c r="Y4297" s="2">
        <v>7.6</v>
      </c>
      <c r="Z4297" s="2">
        <v>10.6</v>
      </c>
      <c r="AA4297" s="5"/>
      <c r="AB4297" s="5" t="s">
        <v>43</v>
      </c>
      <c r="AC4297" s="5" t="s">
        <v>44</v>
      </c>
      <c r="AD4297" s="2"/>
      <c r="AE4297" s="1"/>
    </row>
    <row r="4298" spans="1:31" ht="14.45">
      <c r="A4298" s="11"/>
      <c r="B4298" s="20"/>
      <c r="C4298" s="2" t="s">
        <v>13348</v>
      </c>
      <c r="D4298" s="14" t="s">
        <v>13349</v>
      </c>
      <c r="E4298" s="2" t="s">
        <v>13350</v>
      </c>
      <c r="F4298" s="2" t="s">
        <v>7547</v>
      </c>
      <c r="G4298" s="8">
        <v>164</v>
      </c>
      <c r="H4298" s="5">
        <v>6</v>
      </c>
      <c r="I4298" s="5" t="s">
        <v>1518</v>
      </c>
      <c r="J4298" s="5" t="s">
        <v>1519</v>
      </c>
      <c r="K4298" s="2" t="s">
        <v>1520</v>
      </c>
      <c r="L4298" s="5" t="s">
        <v>1519</v>
      </c>
      <c r="M4298" s="2" t="s">
        <v>1520</v>
      </c>
      <c r="N4298" s="5" t="s">
        <v>1521</v>
      </c>
      <c r="O4298" s="5" t="s">
        <v>38</v>
      </c>
      <c r="P4298" s="5" t="s">
        <v>39</v>
      </c>
      <c r="Q4298" s="5" t="s">
        <v>40</v>
      </c>
      <c r="R4298" s="5" t="s">
        <v>1522</v>
      </c>
      <c r="S4298" s="5" t="s">
        <v>1523</v>
      </c>
      <c r="T4298" s="5" t="s">
        <v>42</v>
      </c>
      <c r="U4298" s="2">
        <v>2.5209999999999999</v>
      </c>
      <c r="V4298" s="2">
        <v>2.157</v>
      </c>
      <c r="W4298" s="2">
        <v>1.0999999999999999E-2</v>
      </c>
      <c r="X4298" s="2">
        <v>139.1</v>
      </c>
      <c r="Y4298" s="2">
        <v>7.6</v>
      </c>
      <c r="Z4298" s="2">
        <v>10.6</v>
      </c>
      <c r="AA4298" s="5"/>
      <c r="AB4298" s="5" t="s">
        <v>43</v>
      </c>
      <c r="AC4298" s="5" t="s">
        <v>44</v>
      </c>
      <c r="AD4298" s="2"/>
      <c r="AE4298" s="1"/>
    </row>
    <row r="4299" spans="1:31" ht="14.45">
      <c r="A4299" s="11"/>
      <c r="B4299" s="20"/>
      <c r="C4299" s="2" t="s">
        <v>13351</v>
      </c>
      <c r="D4299" s="14" t="s">
        <v>13352</v>
      </c>
      <c r="E4299" s="2" t="s">
        <v>13353</v>
      </c>
      <c r="F4299" s="2" t="s">
        <v>7551</v>
      </c>
      <c r="G4299" s="8">
        <v>164</v>
      </c>
      <c r="H4299" s="5">
        <v>6</v>
      </c>
      <c r="I4299" s="5" t="s">
        <v>1518</v>
      </c>
      <c r="J4299" s="5" t="s">
        <v>1519</v>
      </c>
      <c r="K4299" s="2" t="s">
        <v>1520</v>
      </c>
      <c r="L4299" s="5" t="s">
        <v>1519</v>
      </c>
      <c r="M4299" s="2" t="s">
        <v>1520</v>
      </c>
      <c r="N4299" s="5" t="s">
        <v>1521</v>
      </c>
      <c r="O4299" s="5" t="s">
        <v>38</v>
      </c>
      <c r="P4299" s="5" t="s">
        <v>39</v>
      </c>
      <c r="Q4299" s="5" t="s">
        <v>40</v>
      </c>
      <c r="R4299" s="5" t="s">
        <v>1522</v>
      </c>
      <c r="S4299" s="5" t="s">
        <v>1523</v>
      </c>
      <c r="T4299" s="5" t="s">
        <v>42</v>
      </c>
      <c r="U4299" s="2">
        <v>2.5819999999999999</v>
      </c>
      <c r="V4299" s="2">
        <v>2.218</v>
      </c>
      <c r="W4299" s="2">
        <v>1.0999999999999999E-2</v>
      </c>
      <c r="X4299" s="2">
        <v>139.1</v>
      </c>
      <c r="Y4299" s="2">
        <v>7.6</v>
      </c>
      <c r="Z4299" s="2">
        <v>10.6</v>
      </c>
      <c r="AA4299" s="5"/>
      <c r="AB4299" s="5" t="s">
        <v>43</v>
      </c>
      <c r="AC4299" s="5" t="s">
        <v>44</v>
      </c>
      <c r="AD4299" s="2"/>
      <c r="AE4299" s="1"/>
    </row>
    <row r="4300" spans="1:31" ht="14.45">
      <c r="A4300" s="11"/>
      <c r="B4300" s="20"/>
      <c r="C4300" s="2" t="s">
        <v>13354</v>
      </c>
      <c r="D4300" s="14" t="s">
        <v>13355</v>
      </c>
      <c r="E4300" s="2" t="s">
        <v>13356</v>
      </c>
      <c r="F4300" s="2" t="s">
        <v>7555</v>
      </c>
      <c r="G4300" s="8">
        <v>164</v>
      </c>
      <c r="H4300" s="5">
        <v>6</v>
      </c>
      <c r="I4300" s="5" t="s">
        <v>1518</v>
      </c>
      <c r="J4300" s="5" t="s">
        <v>1519</v>
      </c>
      <c r="K4300" s="2" t="s">
        <v>1520</v>
      </c>
      <c r="L4300" s="5" t="s">
        <v>1519</v>
      </c>
      <c r="M4300" s="2" t="s">
        <v>1520</v>
      </c>
      <c r="N4300" s="5" t="s">
        <v>1521</v>
      </c>
      <c r="O4300" s="5" t="s">
        <v>38</v>
      </c>
      <c r="P4300" s="5" t="s">
        <v>39</v>
      </c>
      <c r="Q4300" s="5" t="s">
        <v>40</v>
      </c>
      <c r="R4300" s="5" t="s">
        <v>1522</v>
      </c>
      <c r="S4300" s="5" t="s">
        <v>1523</v>
      </c>
      <c r="T4300" s="5" t="s">
        <v>42</v>
      </c>
      <c r="U4300" s="2">
        <v>2.5209999999999999</v>
      </c>
      <c r="V4300" s="2">
        <v>2.157</v>
      </c>
      <c r="W4300" s="2">
        <v>1.0999999999999999E-2</v>
      </c>
      <c r="X4300" s="2">
        <v>139.1</v>
      </c>
      <c r="Y4300" s="2">
        <v>7.6</v>
      </c>
      <c r="Z4300" s="2">
        <v>10.6</v>
      </c>
      <c r="AA4300" s="5"/>
      <c r="AB4300" s="5" t="s">
        <v>43</v>
      </c>
      <c r="AC4300" s="5" t="s">
        <v>44</v>
      </c>
      <c r="AD4300" s="2"/>
      <c r="AE4300" s="1"/>
    </row>
    <row r="4301" spans="1:31" ht="14.45">
      <c r="A4301" s="11"/>
      <c r="B4301" s="20"/>
      <c r="C4301" s="2" t="s">
        <v>13357</v>
      </c>
      <c r="D4301" s="14" t="s">
        <v>13358</v>
      </c>
      <c r="E4301" s="2" t="s">
        <v>13359</v>
      </c>
      <c r="F4301" s="2" t="s">
        <v>7559</v>
      </c>
      <c r="G4301" s="8">
        <v>164</v>
      </c>
      <c r="H4301" s="5">
        <v>6</v>
      </c>
      <c r="I4301" s="5" t="s">
        <v>1518</v>
      </c>
      <c r="J4301" s="5" t="s">
        <v>1519</v>
      </c>
      <c r="K4301" s="2" t="s">
        <v>1520</v>
      </c>
      <c r="L4301" s="5" t="s">
        <v>1519</v>
      </c>
      <c r="M4301" s="2" t="s">
        <v>1520</v>
      </c>
      <c r="N4301" s="5" t="s">
        <v>1521</v>
      </c>
      <c r="O4301" s="5" t="s">
        <v>38</v>
      </c>
      <c r="P4301" s="5" t="s">
        <v>39</v>
      </c>
      <c r="Q4301" s="5" t="s">
        <v>40</v>
      </c>
      <c r="R4301" s="5" t="s">
        <v>1522</v>
      </c>
      <c r="S4301" s="5" t="s">
        <v>1523</v>
      </c>
      <c r="T4301" s="5" t="s">
        <v>42</v>
      </c>
      <c r="U4301" s="2">
        <v>2.5819999999999999</v>
      </c>
      <c r="V4301" s="2">
        <v>2.218</v>
      </c>
      <c r="W4301" s="2">
        <v>1.0999999999999999E-2</v>
      </c>
      <c r="X4301" s="2">
        <v>139.1</v>
      </c>
      <c r="Y4301" s="2">
        <v>7.6</v>
      </c>
      <c r="Z4301" s="2">
        <v>10.6</v>
      </c>
      <c r="AA4301" s="5"/>
      <c r="AB4301" s="5" t="s">
        <v>43</v>
      </c>
      <c r="AC4301" s="5" t="s">
        <v>44</v>
      </c>
      <c r="AD4301" s="2"/>
      <c r="AE4301" s="1"/>
    </row>
    <row r="4302" spans="1:31" ht="14.45">
      <c r="A4302" s="11"/>
      <c r="B4302" s="20"/>
      <c r="C4302" s="2" t="s">
        <v>13360</v>
      </c>
      <c r="D4302" s="14" t="s">
        <v>13361</v>
      </c>
      <c r="E4302" s="2" t="s">
        <v>13362</v>
      </c>
      <c r="F4302" s="2" t="s">
        <v>7563</v>
      </c>
      <c r="G4302" s="8">
        <v>164</v>
      </c>
      <c r="H4302" s="5">
        <v>6</v>
      </c>
      <c r="I4302" s="5" t="s">
        <v>1518</v>
      </c>
      <c r="J4302" s="5" t="s">
        <v>1519</v>
      </c>
      <c r="K4302" s="2" t="s">
        <v>1520</v>
      </c>
      <c r="L4302" s="5" t="s">
        <v>1519</v>
      </c>
      <c r="M4302" s="2" t="s">
        <v>1520</v>
      </c>
      <c r="N4302" s="5" t="s">
        <v>1521</v>
      </c>
      <c r="O4302" s="5" t="s">
        <v>38</v>
      </c>
      <c r="P4302" s="5" t="s">
        <v>39</v>
      </c>
      <c r="Q4302" s="5" t="s">
        <v>40</v>
      </c>
      <c r="R4302" s="5" t="s">
        <v>1522</v>
      </c>
      <c r="S4302" s="5" t="s">
        <v>1523</v>
      </c>
      <c r="T4302" s="5" t="s">
        <v>42</v>
      </c>
      <c r="U4302" s="2">
        <v>2.5640000000000001</v>
      </c>
      <c r="V4302" s="2">
        <v>2.2000000000000002</v>
      </c>
      <c r="W4302" s="2">
        <v>1.0999999999999999E-2</v>
      </c>
      <c r="X4302" s="2">
        <v>139.1</v>
      </c>
      <c r="Y4302" s="2">
        <v>7.6</v>
      </c>
      <c r="Z4302" s="2">
        <v>10.6</v>
      </c>
      <c r="AA4302" s="5"/>
      <c r="AB4302" s="5" t="s">
        <v>43</v>
      </c>
      <c r="AC4302" s="5" t="s">
        <v>44</v>
      </c>
      <c r="AD4302" s="2"/>
      <c r="AE4302" s="1"/>
    </row>
    <row r="4303" spans="1:31" ht="14.45">
      <c r="A4303" s="11"/>
      <c r="B4303" s="20"/>
      <c r="C4303" s="2" t="s">
        <v>13363</v>
      </c>
      <c r="D4303" s="14" t="s">
        <v>13364</v>
      </c>
      <c r="E4303" s="2" t="s">
        <v>13365</v>
      </c>
      <c r="F4303" s="2" t="s">
        <v>7567</v>
      </c>
      <c r="G4303" s="8">
        <v>164</v>
      </c>
      <c r="H4303" s="5">
        <v>6</v>
      </c>
      <c r="I4303" s="5" t="s">
        <v>1518</v>
      </c>
      <c r="J4303" s="5" t="s">
        <v>1519</v>
      </c>
      <c r="K4303" s="2" t="s">
        <v>1520</v>
      </c>
      <c r="L4303" s="5" t="s">
        <v>1519</v>
      </c>
      <c r="M4303" s="2" t="s">
        <v>1520</v>
      </c>
      <c r="N4303" s="5" t="s">
        <v>1521</v>
      </c>
      <c r="O4303" s="5" t="s">
        <v>38</v>
      </c>
      <c r="P4303" s="5" t="s">
        <v>39</v>
      </c>
      <c r="Q4303" s="5" t="s">
        <v>40</v>
      </c>
      <c r="R4303" s="5" t="s">
        <v>1522</v>
      </c>
      <c r="S4303" s="5" t="s">
        <v>1523</v>
      </c>
      <c r="T4303" s="5" t="s">
        <v>42</v>
      </c>
      <c r="U4303" s="2">
        <v>2.625</v>
      </c>
      <c r="V4303" s="2">
        <v>2.2610000000000001</v>
      </c>
      <c r="W4303" s="2">
        <v>1.0999999999999999E-2</v>
      </c>
      <c r="X4303" s="2">
        <v>139.1</v>
      </c>
      <c r="Y4303" s="2">
        <v>7.6</v>
      </c>
      <c r="Z4303" s="2">
        <v>10.6</v>
      </c>
      <c r="AA4303" s="5"/>
      <c r="AB4303" s="5" t="s">
        <v>43</v>
      </c>
      <c r="AC4303" s="5" t="s">
        <v>44</v>
      </c>
      <c r="AD4303" s="2"/>
      <c r="AE4303" s="1"/>
    </row>
    <row r="4304" spans="1:31" ht="14.45">
      <c r="A4304" s="11"/>
      <c r="B4304" s="20"/>
      <c r="C4304" s="2" t="s">
        <v>13366</v>
      </c>
      <c r="D4304" s="14" t="s">
        <v>13367</v>
      </c>
      <c r="E4304" s="2" t="s">
        <v>13368</v>
      </c>
      <c r="F4304" s="2" t="s">
        <v>7429</v>
      </c>
      <c r="G4304" s="8">
        <v>164</v>
      </c>
      <c r="H4304" s="5">
        <v>6</v>
      </c>
      <c r="I4304" s="5" t="s">
        <v>1518</v>
      </c>
      <c r="J4304" s="5" t="s">
        <v>1519</v>
      </c>
      <c r="K4304" s="2" t="s">
        <v>1520</v>
      </c>
      <c r="L4304" s="5" t="s">
        <v>1519</v>
      </c>
      <c r="M4304" s="2" t="s">
        <v>1520</v>
      </c>
      <c r="N4304" s="5" t="s">
        <v>1521</v>
      </c>
      <c r="O4304" s="5" t="s">
        <v>38</v>
      </c>
      <c r="P4304" s="5" t="s">
        <v>39</v>
      </c>
      <c r="Q4304" s="5" t="s">
        <v>40</v>
      </c>
      <c r="R4304" s="5" t="s">
        <v>1522</v>
      </c>
      <c r="S4304" s="5" t="s">
        <v>1523</v>
      </c>
      <c r="T4304" s="5" t="s">
        <v>42</v>
      </c>
      <c r="U4304" s="2">
        <v>2.5640000000000001</v>
      </c>
      <c r="V4304" s="2">
        <v>2.2000000000000002</v>
      </c>
      <c r="W4304" s="2">
        <v>1.0999999999999999E-2</v>
      </c>
      <c r="X4304" s="2">
        <v>139.1</v>
      </c>
      <c r="Y4304" s="2">
        <v>7.6</v>
      </c>
      <c r="Z4304" s="2">
        <v>10.6</v>
      </c>
      <c r="AA4304" s="5"/>
      <c r="AB4304" s="5" t="s">
        <v>43</v>
      </c>
      <c r="AC4304" s="5" t="s">
        <v>44</v>
      </c>
      <c r="AD4304" s="2"/>
      <c r="AE4304" s="1"/>
    </row>
    <row r="4305" spans="1:31" ht="14.45">
      <c r="A4305" s="11"/>
      <c r="B4305" s="20"/>
      <c r="C4305" s="2" t="s">
        <v>13369</v>
      </c>
      <c r="D4305" s="14" t="s">
        <v>13370</v>
      </c>
      <c r="E4305" s="2" t="s">
        <v>13371</v>
      </c>
      <c r="F4305" s="2" t="s">
        <v>7574</v>
      </c>
      <c r="G4305" s="8">
        <v>164</v>
      </c>
      <c r="H4305" s="5">
        <v>6</v>
      </c>
      <c r="I4305" s="5" t="s">
        <v>1518</v>
      </c>
      <c r="J4305" s="5" t="s">
        <v>1519</v>
      </c>
      <c r="K4305" s="2" t="s">
        <v>1520</v>
      </c>
      <c r="L4305" s="5" t="s">
        <v>1519</v>
      </c>
      <c r="M4305" s="2" t="s">
        <v>1520</v>
      </c>
      <c r="N4305" s="5" t="s">
        <v>1521</v>
      </c>
      <c r="O4305" s="5" t="s">
        <v>38</v>
      </c>
      <c r="P4305" s="5" t="s">
        <v>39</v>
      </c>
      <c r="Q4305" s="5" t="s">
        <v>40</v>
      </c>
      <c r="R4305" s="5" t="s">
        <v>1522</v>
      </c>
      <c r="S4305" s="5" t="s">
        <v>1523</v>
      </c>
      <c r="T4305" s="5" t="s">
        <v>42</v>
      </c>
      <c r="U4305" s="2">
        <v>2.625</v>
      </c>
      <c r="V4305" s="2">
        <v>2.2610000000000001</v>
      </c>
      <c r="W4305" s="2">
        <v>1.0999999999999999E-2</v>
      </c>
      <c r="X4305" s="2">
        <v>139.1</v>
      </c>
      <c r="Y4305" s="2">
        <v>7.6</v>
      </c>
      <c r="Z4305" s="2">
        <v>10.6</v>
      </c>
      <c r="AA4305" s="5"/>
      <c r="AB4305" s="5" t="s">
        <v>43</v>
      </c>
      <c r="AC4305" s="5" t="s">
        <v>44</v>
      </c>
      <c r="AD4305" s="2"/>
      <c r="AE4305" s="1"/>
    </row>
    <row r="4306" spans="1:31" ht="14.45">
      <c r="A4306" s="11"/>
      <c r="B4306" s="20"/>
      <c r="C4306" s="2" t="s">
        <v>13372</v>
      </c>
      <c r="D4306" s="14" t="s">
        <v>13373</v>
      </c>
      <c r="E4306" s="2" t="s">
        <v>13374</v>
      </c>
      <c r="F4306" s="2" t="s">
        <v>7449</v>
      </c>
      <c r="G4306" s="8">
        <v>164</v>
      </c>
      <c r="H4306" s="5">
        <v>6</v>
      </c>
      <c r="I4306" s="5" t="s">
        <v>1518</v>
      </c>
      <c r="J4306" s="5" t="s">
        <v>1519</v>
      </c>
      <c r="K4306" s="2" t="s">
        <v>1520</v>
      </c>
      <c r="L4306" s="5" t="s">
        <v>1519</v>
      </c>
      <c r="M4306" s="2" t="s">
        <v>1520</v>
      </c>
      <c r="N4306" s="5" t="s">
        <v>1521</v>
      </c>
      <c r="O4306" s="5" t="s">
        <v>38</v>
      </c>
      <c r="P4306" s="5" t="s">
        <v>39</v>
      </c>
      <c r="Q4306" s="5" t="s">
        <v>40</v>
      </c>
      <c r="R4306" s="5" t="s">
        <v>1522</v>
      </c>
      <c r="S4306" s="5" t="s">
        <v>1523</v>
      </c>
      <c r="T4306" s="5" t="s">
        <v>42</v>
      </c>
      <c r="U4306" s="2">
        <v>2.5640000000000001</v>
      </c>
      <c r="V4306" s="2">
        <v>2.2000000000000002</v>
      </c>
      <c r="W4306" s="2">
        <v>1.0999999999999999E-2</v>
      </c>
      <c r="X4306" s="2">
        <v>139.1</v>
      </c>
      <c r="Y4306" s="2">
        <v>7.6</v>
      </c>
      <c r="Z4306" s="2">
        <v>10.6</v>
      </c>
      <c r="AA4306" s="5"/>
      <c r="AB4306" s="5" t="s">
        <v>43</v>
      </c>
      <c r="AC4306" s="5" t="s">
        <v>44</v>
      </c>
      <c r="AD4306" s="2"/>
      <c r="AE4306" s="1"/>
    </row>
    <row r="4307" spans="1:31" ht="14.45">
      <c r="A4307" s="11"/>
      <c r="B4307" s="20"/>
      <c r="C4307" s="2" t="s">
        <v>13375</v>
      </c>
      <c r="D4307" s="14" t="s">
        <v>13376</v>
      </c>
      <c r="E4307" s="2" t="s">
        <v>13377</v>
      </c>
      <c r="F4307" s="2" t="s">
        <v>7581</v>
      </c>
      <c r="G4307" s="8">
        <v>164</v>
      </c>
      <c r="H4307" s="5">
        <v>6</v>
      </c>
      <c r="I4307" s="5" t="s">
        <v>1518</v>
      </c>
      <c r="J4307" s="5" t="s">
        <v>1519</v>
      </c>
      <c r="K4307" s="2" t="s">
        <v>1520</v>
      </c>
      <c r="L4307" s="5" t="s">
        <v>1519</v>
      </c>
      <c r="M4307" s="2" t="s">
        <v>1520</v>
      </c>
      <c r="N4307" s="5" t="s">
        <v>1521</v>
      </c>
      <c r="O4307" s="5" t="s">
        <v>38</v>
      </c>
      <c r="P4307" s="5" t="s">
        <v>39</v>
      </c>
      <c r="Q4307" s="5" t="s">
        <v>40</v>
      </c>
      <c r="R4307" s="5" t="s">
        <v>1522</v>
      </c>
      <c r="S4307" s="5" t="s">
        <v>1523</v>
      </c>
      <c r="T4307" s="5" t="s">
        <v>42</v>
      </c>
      <c r="U4307" s="2">
        <v>2.625</v>
      </c>
      <c r="V4307" s="2">
        <v>2.2610000000000001</v>
      </c>
      <c r="W4307" s="2">
        <v>1.0999999999999999E-2</v>
      </c>
      <c r="X4307" s="2">
        <v>139.1</v>
      </c>
      <c r="Y4307" s="2">
        <v>7.6</v>
      </c>
      <c r="Z4307" s="2">
        <v>10.6</v>
      </c>
      <c r="AA4307" s="5"/>
      <c r="AB4307" s="5" t="s">
        <v>43</v>
      </c>
      <c r="AC4307" s="5" t="s">
        <v>44</v>
      </c>
      <c r="AD4307" s="2"/>
      <c r="AE4307" s="1"/>
    </row>
    <row r="4308" spans="1:31" ht="14.45">
      <c r="A4308" s="11"/>
      <c r="B4308" s="20"/>
      <c r="C4308" s="2" t="s">
        <v>13378</v>
      </c>
      <c r="D4308" s="14" t="s">
        <v>13379</v>
      </c>
      <c r="E4308" s="2" t="s">
        <v>13380</v>
      </c>
      <c r="F4308" s="2" t="s">
        <v>7585</v>
      </c>
      <c r="G4308" s="8">
        <v>164</v>
      </c>
      <c r="H4308" s="5">
        <v>6</v>
      </c>
      <c r="I4308" s="5" t="s">
        <v>1518</v>
      </c>
      <c r="J4308" s="5" t="s">
        <v>1519</v>
      </c>
      <c r="K4308" s="2" t="s">
        <v>1520</v>
      </c>
      <c r="L4308" s="5" t="s">
        <v>1519</v>
      </c>
      <c r="M4308" s="2" t="s">
        <v>1520</v>
      </c>
      <c r="N4308" s="5" t="s">
        <v>1521</v>
      </c>
      <c r="O4308" s="5" t="s">
        <v>38</v>
      </c>
      <c r="P4308" s="5" t="s">
        <v>39</v>
      </c>
      <c r="Q4308" s="5" t="s">
        <v>40</v>
      </c>
      <c r="R4308" s="5" t="s">
        <v>1522</v>
      </c>
      <c r="S4308" s="5" t="s">
        <v>1523</v>
      </c>
      <c r="T4308" s="5" t="s">
        <v>42</v>
      </c>
      <c r="U4308" s="2">
        <v>2.5209999999999999</v>
      </c>
      <c r="V4308" s="2">
        <v>2.157</v>
      </c>
      <c r="W4308" s="2">
        <v>1.0999999999999999E-2</v>
      </c>
      <c r="X4308" s="2">
        <v>139.1</v>
      </c>
      <c r="Y4308" s="2">
        <v>7.6</v>
      </c>
      <c r="Z4308" s="2">
        <v>10.6</v>
      </c>
      <c r="AA4308" s="5"/>
      <c r="AB4308" s="5" t="s">
        <v>43</v>
      </c>
      <c r="AC4308" s="5" t="s">
        <v>44</v>
      </c>
      <c r="AD4308" s="2"/>
      <c r="AE4308" s="1"/>
    </row>
    <row r="4309" spans="1:31" ht="14.45">
      <c r="A4309" s="11"/>
      <c r="B4309" s="20"/>
      <c r="C4309" s="2" t="s">
        <v>13381</v>
      </c>
      <c r="D4309" s="14" t="s">
        <v>13382</v>
      </c>
      <c r="E4309" s="2" t="s">
        <v>13383</v>
      </c>
      <c r="F4309" s="2" t="s">
        <v>7589</v>
      </c>
      <c r="G4309" s="8">
        <v>164</v>
      </c>
      <c r="H4309" s="5">
        <v>6</v>
      </c>
      <c r="I4309" s="5" t="s">
        <v>1518</v>
      </c>
      <c r="J4309" s="5" t="s">
        <v>1519</v>
      </c>
      <c r="K4309" s="2" t="s">
        <v>1520</v>
      </c>
      <c r="L4309" s="5" t="s">
        <v>1519</v>
      </c>
      <c r="M4309" s="2" t="s">
        <v>1520</v>
      </c>
      <c r="N4309" s="5" t="s">
        <v>1521</v>
      </c>
      <c r="O4309" s="5" t="s">
        <v>38</v>
      </c>
      <c r="P4309" s="5" t="s">
        <v>39</v>
      </c>
      <c r="Q4309" s="5" t="s">
        <v>40</v>
      </c>
      <c r="R4309" s="5" t="s">
        <v>1522</v>
      </c>
      <c r="S4309" s="5" t="s">
        <v>1523</v>
      </c>
      <c r="T4309" s="5" t="s">
        <v>42</v>
      </c>
      <c r="U4309" s="2">
        <v>2.5819999999999999</v>
      </c>
      <c r="V4309" s="2">
        <v>2.218</v>
      </c>
      <c r="W4309" s="2">
        <v>1.0999999999999999E-2</v>
      </c>
      <c r="X4309" s="2">
        <v>139.1</v>
      </c>
      <c r="Y4309" s="2">
        <v>7.6</v>
      </c>
      <c r="Z4309" s="2">
        <v>10.6</v>
      </c>
      <c r="AA4309" s="5"/>
      <c r="AB4309" s="5" t="s">
        <v>43</v>
      </c>
      <c r="AC4309" s="5" t="s">
        <v>44</v>
      </c>
      <c r="AD4309" s="2"/>
      <c r="AE4309" s="1"/>
    </row>
    <row r="4310" spans="1:31" ht="14.45">
      <c r="A4310" s="11"/>
      <c r="B4310" s="20"/>
      <c r="C4310" s="2" t="s">
        <v>13384</v>
      </c>
      <c r="D4310" s="14" t="s">
        <v>13385</v>
      </c>
      <c r="E4310" s="2" t="s">
        <v>13386</v>
      </c>
      <c r="F4310" s="2" t="s">
        <v>7593</v>
      </c>
      <c r="G4310" s="8">
        <v>164</v>
      </c>
      <c r="H4310" s="5">
        <v>6</v>
      </c>
      <c r="I4310" s="5" t="s">
        <v>1518</v>
      </c>
      <c r="J4310" s="5" t="s">
        <v>1519</v>
      </c>
      <c r="K4310" s="2" t="s">
        <v>1520</v>
      </c>
      <c r="L4310" s="5" t="s">
        <v>1519</v>
      </c>
      <c r="M4310" s="2" t="s">
        <v>1520</v>
      </c>
      <c r="N4310" s="5" t="s">
        <v>1521</v>
      </c>
      <c r="O4310" s="5" t="s">
        <v>38</v>
      </c>
      <c r="P4310" s="5" t="s">
        <v>39</v>
      </c>
      <c r="Q4310" s="5" t="s">
        <v>40</v>
      </c>
      <c r="R4310" s="5" t="s">
        <v>1522</v>
      </c>
      <c r="S4310" s="5" t="s">
        <v>1523</v>
      </c>
      <c r="T4310" s="5" t="s">
        <v>42</v>
      </c>
      <c r="U4310" s="2">
        <v>2.5640000000000001</v>
      </c>
      <c r="V4310" s="2">
        <v>2.2000000000000002</v>
      </c>
      <c r="W4310" s="2">
        <v>1.0999999999999999E-2</v>
      </c>
      <c r="X4310" s="2">
        <v>139.1</v>
      </c>
      <c r="Y4310" s="2">
        <v>7.6</v>
      </c>
      <c r="Z4310" s="2">
        <v>10.6</v>
      </c>
      <c r="AA4310" s="5"/>
      <c r="AB4310" s="5" t="s">
        <v>43</v>
      </c>
      <c r="AC4310" s="5" t="s">
        <v>44</v>
      </c>
      <c r="AD4310" s="2"/>
      <c r="AE4310" s="1"/>
    </row>
    <row r="4311" spans="1:31" ht="14.45">
      <c r="A4311" s="11"/>
      <c r="B4311" s="20"/>
      <c r="C4311" s="2" t="s">
        <v>13387</v>
      </c>
      <c r="D4311" s="14" t="s">
        <v>13388</v>
      </c>
      <c r="E4311" s="2" t="s">
        <v>13389</v>
      </c>
      <c r="F4311" s="2" t="s">
        <v>7597</v>
      </c>
      <c r="G4311" s="8">
        <v>164</v>
      </c>
      <c r="H4311" s="5">
        <v>6</v>
      </c>
      <c r="I4311" s="5" t="s">
        <v>1518</v>
      </c>
      <c r="J4311" s="5" t="s">
        <v>1519</v>
      </c>
      <c r="K4311" s="2" t="s">
        <v>1520</v>
      </c>
      <c r="L4311" s="5" t="s">
        <v>1519</v>
      </c>
      <c r="M4311" s="2" t="s">
        <v>1520</v>
      </c>
      <c r="N4311" s="5" t="s">
        <v>1521</v>
      </c>
      <c r="O4311" s="5" t="s">
        <v>38</v>
      </c>
      <c r="P4311" s="5" t="s">
        <v>39</v>
      </c>
      <c r="Q4311" s="5" t="s">
        <v>40</v>
      </c>
      <c r="R4311" s="5" t="s">
        <v>1522</v>
      </c>
      <c r="S4311" s="5" t="s">
        <v>1523</v>
      </c>
      <c r="T4311" s="5" t="s">
        <v>42</v>
      </c>
      <c r="U4311" s="2">
        <v>2.625</v>
      </c>
      <c r="V4311" s="2">
        <v>2.2610000000000001</v>
      </c>
      <c r="W4311" s="2">
        <v>1.0999999999999999E-2</v>
      </c>
      <c r="X4311" s="2">
        <v>139.1</v>
      </c>
      <c r="Y4311" s="2">
        <v>7.6</v>
      </c>
      <c r="Z4311" s="2">
        <v>10.6</v>
      </c>
      <c r="AA4311" s="5"/>
      <c r="AB4311" s="5" t="s">
        <v>43</v>
      </c>
      <c r="AC4311" s="5" t="s">
        <v>44</v>
      </c>
      <c r="AD4311" s="2"/>
      <c r="AE4311" s="1"/>
    </row>
    <row r="4312" spans="1:31" ht="14.45">
      <c r="A4312" s="11"/>
      <c r="B4312" s="20"/>
      <c r="C4312" s="2" t="s">
        <v>13390</v>
      </c>
      <c r="D4312" s="14" t="s">
        <v>13391</v>
      </c>
      <c r="E4312" s="2" t="s">
        <v>13392</v>
      </c>
      <c r="F4312" s="2" t="s">
        <v>7410</v>
      </c>
      <c r="G4312" s="8">
        <v>164</v>
      </c>
      <c r="H4312" s="5">
        <v>6</v>
      </c>
      <c r="I4312" s="5" t="s">
        <v>1518</v>
      </c>
      <c r="J4312" s="5" t="s">
        <v>1519</v>
      </c>
      <c r="K4312" s="2" t="s">
        <v>1520</v>
      </c>
      <c r="L4312" s="5" t="s">
        <v>1519</v>
      </c>
      <c r="M4312" s="2" t="s">
        <v>1520</v>
      </c>
      <c r="N4312" s="5" t="s">
        <v>1521</v>
      </c>
      <c r="O4312" s="5" t="s">
        <v>38</v>
      </c>
      <c r="P4312" s="5" t="s">
        <v>39</v>
      </c>
      <c r="Q4312" s="5" t="s">
        <v>40</v>
      </c>
      <c r="R4312" s="5" t="s">
        <v>1522</v>
      </c>
      <c r="S4312" s="5" t="s">
        <v>1523</v>
      </c>
      <c r="T4312" s="5" t="s">
        <v>42</v>
      </c>
      <c r="U4312" s="2">
        <v>2.5640000000000001</v>
      </c>
      <c r="V4312" s="2">
        <v>2.2000000000000002</v>
      </c>
      <c r="W4312" s="2">
        <v>1.0999999999999999E-2</v>
      </c>
      <c r="X4312" s="2">
        <v>139.1</v>
      </c>
      <c r="Y4312" s="2">
        <v>7.6</v>
      </c>
      <c r="Z4312" s="2">
        <v>10.6</v>
      </c>
      <c r="AA4312" s="5"/>
      <c r="AB4312" s="5" t="s">
        <v>43</v>
      </c>
      <c r="AC4312" s="5" t="s">
        <v>44</v>
      </c>
      <c r="AD4312" s="2"/>
      <c r="AE4312" s="1"/>
    </row>
    <row r="4313" spans="1:31" ht="14.45">
      <c r="A4313" s="11"/>
      <c r="B4313" s="20"/>
      <c r="C4313" s="2" t="s">
        <v>13393</v>
      </c>
      <c r="D4313" s="14" t="s">
        <v>13394</v>
      </c>
      <c r="E4313" s="2" t="s">
        <v>13395</v>
      </c>
      <c r="F4313" s="2" t="s">
        <v>7604</v>
      </c>
      <c r="G4313" s="8">
        <v>164</v>
      </c>
      <c r="H4313" s="5">
        <v>6</v>
      </c>
      <c r="I4313" s="5" t="s">
        <v>1518</v>
      </c>
      <c r="J4313" s="5" t="s">
        <v>1519</v>
      </c>
      <c r="K4313" s="2" t="s">
        <v>1520</v>
      </c>
      <c r="L4313" s="5" t="s">
        <v>1519</v>
      </c>
      <c r="M4313" s="2" t="s">
        <v>1520</v>
      </c>
      <c r="N4313" s="5" t="s">
        <v>1521</v>
      </c>
      <c r="O4313" s="5" t="s">
        <v>38</v>
      </c>
      <c r="P4313" s="5" t="s">
        <v>39</v>
      </c>
      <c r="Q4313" s="5" t="s">
        <v>40</v>
      </c>
      <c r="R4313" s="5" t="s">
        <v>1522</v>
      </c>
      <c r="S4313" s="5" t="s">
        <v>1523</v>
      </c>
      <c r="T4313" s="5" t="s">
        <v>42</v>
      </c>
      <c r="U4313" s="2">
        <v>2.625</v>
      </c>
      <c r="V4313" s="2">
        <v>2.2610000000000001</v>
      </c>
      <c r="W4313" s="2">
        <v>1.0999999999999999E-2</v>
      </c>
      <c r="X4313" s="2">
        <v>139.1</v>
      </c>
      <c r="Y4313" s="2">
        <v>7.6</v>
      </c>
      <c r="Z4313" s="2">
        <v>10.6</v>
      </c>
      <c r="AA4313" s="5"/>
      <c r="AB4313" s="5" t="s">
        <v>43</v>
      </c>
      <c r="AC4313" s="5" t="s">
        <v>44</v>
      </c>
      <c r="AD4313" s="2"/>
      <c r="AE4313" s="1"/>
    </row>
    <row r="4314" spans="1:31" ht="14.45">
      <c r="A4314" s="11"/>
      <c r="B4314" s="20"/>
      <c r="C4314" s="2" t="s">
        <v>13396</v>
      </c>
      <c r="D4314" s="14" t="s">
        <v>13397</v>
      </c>
      <c r="E4314" s="2" t="s">
        <v>13398</v>
      </c>
      <c r="F4314" s="2" t="s">
        <v>7433</v>
      </c>
      <c r="G4314" s="8">
        <v>164</v>
      </c>
      <c r="H4314" s="5">
        <v>6</v>
      </c>
      <c r="I4314" s="5" t="s">
        <v>1518</v>
      </c>
      <c r="J4314" s="5" t="s">
        <v>1519</v>
      </c>
      <c r="K4314" s="2" t="s">
        <v>1520</v>
      </c>
      <c r="L4314" s="5" t="s">
        <v>1519</v>
      </c>
      <c r="M4314" s="2" t="s">
        <v>1520</v>
      </c>
      <c r="N4314" s="5" t="s">
        <v>1521</v>
      </c>
      <c r="O4314" s="5" t="s">
        <v>38</v>
      </c>
      <c r="P4314" s="5" t="s">
        <v>39</v>
      </c>
      <c r="Q4314" s="5" t="s">
        <v>40</v>
      </c>
      <c r="R4314" s="5" t="s">
        <v>1522</v>
      </c>
      <c r="S4314" s="5" t="s">
        <v>1523</v>
      </c>
      <c r="T4314" s="5" t="s">
        <v>42</v>
      </c>
      <c r="U4314" s="2">
        <v>2.5640000000000001</v>
      </c>
      <c r="V4314" s="2">
        <v>2.2000000000000002</v>
      </c>
      <c r="W4314" s="2">
        <v>1.0999999999999999E-2</v>
      </c>
      <c r="X4314" s="2">
        <v>139.1</v>
      </c>
      <c r="Y4314" s="2">
        <v>7.6</v>
      </c>
      <c r="Z4314" s="2">
        <v>10.6</v>
      </c>
      <c r="AA4314" s="5"/>
      <c r="AB4314" s="5" t="s">
        <v>43</v>
      </c>
      <c r="AC4314" s="5" t="s">
        <v>44</v>
      </c>
      <c r="AD4314" s="2"/>
      <c r="AE4314" s="1"/>
    </row>
    <row r="4315" spans="1:31" ht="14.45">
      <c r="A4315" s="11"/>
      <c r="B4315" s="20"/>
      <c r="C4315" s="2" t="s">
        <v>13399</v>
      </c>
      <c r="D4315" s="14" t="s">
        <v>13400</v>
      </c>
      <c r="E4315" s="2" t="s">
        <v>13401</v>
      </c>
      <c r="F4315" s="2" t="s">
        <v>7611</v>
      </c>
      <c r="G4315" s="8">
        <v>164</v>
      </c>
      <c r="H4315" s="5">
        <v>6</v>
      </c>
      <c r="I4315" s="5" t="s">
        <v>1518</v>
      </c>
      <c r="J4315" s="5" t="s">
        <v>1519</v>
      </c>
      <c r="K4315" s="2" t="s">
        <v>1520</v>
      </c>
      <c r="L4315" s="5" t="s">
        <v>1519</v>
      </c>
      <c r="M4315" s="2" t="s">
        <v>1520</v>
      </c>
      <c r="N4315" s="5" t="s">
        <v>1521</v>
      </c>
      <c r="O4315" s="5" t="s">
        <v>38</v>
      </c>
      <c r="P4315" s="5" t="s">
        <v>39</v>
      </c>
      <c r="Q4315" s="5" t="s">
        <v>40</v>
      </c>
      <c r="R4315" s="5" t="s">
        <v>1522</v>
      </c>
      <c r="S4315" s="5" t="s">
        <v>1523</v>
      </c>
      <c r="T4315" s="5" t="s">
        <v>42</v>
      </c>
      <c r="U4315" s="2">
        <v>2.625</v>
      </c>
      <c r="V4315" s="2">
        <v>2.2610000000000001</v>
      </c>
      <c r="W4315" s="2">
        <v>1.0999999999999999E-2</v>
      </c>
      <c r="X4315" s="2">
        <v>139.1</v>
      </c>
      <c r="Y4315" s="2">
        <v>7.6</v>
      </c>
      <c r="Z4315" s="2">
        <v>10.6</v>
      </c>
      <c r="AA4315" s="5"/>
      <c r="AB4315" s="5" t="s">
        <v>43</v>
      </c>
      <c r="AC4315" s="5" t="s">
        <v>44</v>
      </c>
      <c r="AD4315" s="2"/>
      <c r="AE4315" s="1"/>
    </row>
    <row r="4316" spans="1:31" ht="14.45">
      <c r="A4316" s="11"/>
      <c r="B4316" s="20"/>
      <c r="C4316" s="2" t="s">
        <v>13402</v>
      </c>
      <c r="D4316" s="14" t="s">
        <v>13403</v>
      </c>
      <c r="E4316" s="2" t="s">
        <v>13404</v>
      </c>
      <c r="F4316" s="2" t="s">
        <v>7615</v>
      </c>
      <c r="G4316" s="8">
        <v>164</v>
      </c>
      <c r="H4316" s="5">
        <v>6</v>
      </c>
      <c r="I4316" s="5" t="s">
        <v>1518</v>
      </c>
      <c r="J4316" s="5" t="s">
        <v>1519</v>
      </c>
      <c r="K4316" s="2" t="s">
        <v>1520</v>
      </c>
      <c r="L4316" s="5" t="s">
        <v>1519</v>
      </c>
      <c r="M4316" s="2" t="s">
        <v>1520</v>
      </c>
      <c r="N4316" s="5" t="s">
        <v>1521</v>
      </c>
      <c r="O4316" s="5" t="s">
        <v>38</v>
      </c>
      <c r="P4316" s="5" t="s">
        <v>39</v>
      </c>
      <c r="Q4316" s="5" t="s">
        <v>40</v>
      </c>
      <c r="R4316" s="5" t="s">
        <v>1522</v>
      </c>
      <c r="S4316" s="5" t="s">
        <v>1523</v>
      </c>
      <c r="T4316" s="5" t="s">
        <v>42</v>
      </c>
      <c r="U4316" s="2">
        <v>2.5209999999999999</v>
      </c>
      <c r="V4316" s="2">
        <v>2.157</v>
      </c>
      <c r="W4316" s="2">
        <v>1.0999999999999999E-2</v>
      </c>
      <c r="X4316" s="2">
        <v>139.1</v>
      </c>
      <c r="Y4316" s="2">
        <v>7.6</v>
      </c>
      <c r="Z4316" s="2">
        <v>10.6</v>
      </c>
      <c r="AA4316" s="5"/>
      <c r="AB4316" s="5" t="s">
        <v>43</v>
      </c>
      <c r="AC4316" s="5" t="s">
        <v>44</v>
      </c>
      <c r="AD4316" s="2"/>
      <c r="AE4316" s="1"/>
    </row>
    <row r="4317" spans="1:31" ht="14.45">
      <c r="A4317" s="11"/>
      <c r="B4317" s="20"/>
      <c r="C4317" s="2" t="s">
        <v>13405</v>
      </c>
      <c r="D4317" s="14" t="s">
        <v>13406</v>
      </c>
      <c r="E4317" s="2" t="s">
        <v>13407</v>
      </c>
      <c r="F4317" s="2" t="s">
        <v>7619</v>
      </c>
      <c r="G4317" s="8">
        <v>164</v>
      </c>
      <c r="H4317" s="5">
        <v>6</v>
      </c>
      <c r="I4317" s="5" t="s">
        <v>1518</v>
      </c>
      <c r="J4317" s="5" t="s">
        <v>1519</v>
      </c>
      <c r="K4317" s="2" t="s">
        <v>1520</v>
      </c>
      <c r="L4317" s="5" t="s">
        <v>1519</v>
      </c>
      <c r="M4317" s="2" t="s">
        <v>1520</v>
      </c>
      <c r="N4317" s="5" t="s">
        <v>1521</v>
      </c>
      <c r="O4317" s="5" t="s">
        <v>38</v>
      </c>
      <c r="P4317" s="5" t="s">
        <v>39</v>
      </c>
      <c r="Q4317" s="5" t="s">
        <v>40</v>
      </c>
      <c r="R4317" s="5" t="s">
        <v>1522</v>
      </c>
      <c r="S4317" s="5" t="s">
        <v>1523</v>
      </c>
      <c r="T4317" s="5" t="s">
        <v>42</v>
      </c>
      <c r="U4317" s="2">
        <v>2.5819999999999999</v>
      </c>
      <c r="V4317" s="2">
        <v>2.218</v>
      </c>
      <c r="W4317" s="2">
        <v>1.0999999999999999E-2</v>
      </c>
      <c r="X4317" s="2">
        <v>139.1</v>
      </c>
      <c r="Y4317" s="2">
        <v>7.6</v>
      </c>
      <c r="Z4317" s="2">
        <v>10.6</v>
      </c>
      <c r="AA4317" s="5"/>
      <c r="AB4317" s="5" t="s">
        <v>43</v>
      </c>
      <c r="AC4317" s="5" t="s">
        <v>44</v>
      </c>
      <c r="AD4317" s="2"/>
      <c r="AE4317" s="1"/>
    </row>
    <row r="4318" spans="1:31" ht="14.45">
      <c r="A4318" s="11"/>
      <c r="B4318" s="20"/>
      <c r="C4318" s="2" t="s">
        <v>13408</v>
      </c>
      <c r="D4318" s="14" t="s">
        <v>13409</v>
      </c>
      <c r="E4318" s="2" t="s">
        <v>13410</v>
      </c>
      <c r="F4318" s="2" t="s">
        <v>1823</v>
      </c>
      <c r="G4318" s="8">
        <v>164</v>
      </c>
      <c r="H4318" s="5">
        <v>8</v>
      </c>
      <c r="I4318" s="5" t="s">
        <v>1518</v>
      </c>
      <c r="J4318" s="5" t="s">
        <v>1519</v>
      </c>
      <c r="K4318" s="2" t="s">
        <v>1520</v>
      </c>
      <c r="L4318" s="5" t="s">
        <v>1519</v>
      </c>
      <c r="M4318" s="2" t="s">
        <v>1520</v>
      </c>
      <c r="N4318" s="5" t="s">
        <v>1521</v>
      </c>
      <c r="O4318" s="5" t="s">
        <v>38</v>
      </c>
      <c r="P4318" s="5" t="s">
        <v>39</v>
      </c>
      <c r="Q4318" s="5" t="s">
        <v>40</v>
      </c>
      <c r="R4318" s="5" t="s">
        <v>1522</v>
      </c>
      <c r="S4318" s="5" t="s">
        <v>1523</v>
      </c>
      <c r="T4318" s="5" t="s">
        <v>42</v>
      </c>
      <c r="U4318" s="2">
        <v>2.597</v>
      </c>
      <c r="V4318" s="2">
        <v>2.2330000000000001</v>
      </c>
      <c r="W4318" s="2">
        <v>1.0999999999999999E-2</v>
      </c>
      <c r="X4318" s="2">
        <v>139.1</v>
      </c>
      <c r="Y4318" s="2">
        <v>7.6</v>
      </c>
      <c r="Z4318" s="2">
        <v>10.6</v>
      </c>
      <c r="AA4318" s="5"/>
      <c r="AB4318" s="5" t="s">
        <v>43</v>
      </c>
      <c r="AC4318" s="5" t="s">
        <v>44</v>
      </c>
      <c r="AD4318" s="2"/>
      <c r="AE4318" s="1"/>
    </row>
    <row r="4319" spans="1:31" ht="14.45">
      <c r="A4319" s="11"/>
      <c r="B4319" s="20"/>
      <c r="C4319" s="2" t="s">
        <v>13411</v>
      </c>
      <c r="D4319" s="14" t="s">
        <v>13412</v>
      </c>
      <c r="E4319" s="2" t="s">
        <v>13413</v>
      </c>
      <c r="F4319" s="2" t="s">
        <v>1827</v>
      </c>
      <c r="G4319" s="8">
        <v>164</v>
      </c>
      <c r="H4319" s="5">
        <v>8</v>
      </c>
      <c r="I4319" s="5" t="s">
        <v>1518</v>
      </c>
      <c r="J4319" s="5" t="s">
        <v>1519</v>
      </c>
      <c r="K4319" s="2" t="s">
        <v>1520</v>
      </c>
      <c r="L4319" s="5" t="s">
        <v>1519</v>
      </c>
      <c r="M4319" s="2" t="s">
        <v>1520</v>
      </c>
      <c r="N4319" s="5" t="s">
        <v>1521</v>
      </c>
      <c r="O4319" s="5" t="s">
        <v>38</v>
      </c>
      <c r="P4319" s="5" t="s">
        <v>39</v>
      </c>
      <c r="Q4319" s="5" t="s">
        <v>40</v>
      </c>
      <c r="R4319" s="5" t="s">
        <v>1522</v>
      </c>
      <c r="S4319" s="5" t="s">
        <v>1523</v>
      </c>
      <c r="T4319" s="5" t="s">
        <v>42</v>
      </c>
      <c r="U4319" s="2">
        <v>2.6579999999999999</v>
      </c>
      <c r="V4319" s="2">
        <v>2.294</v>
      </c>
      <c r="W4319" s="2">
        <v>1.0999999999999999E-2</v>
      </c>
      <c r="X4319" s="2">
        <v>139.1</v>
      </c>
      <c r="Y4319" s="2">
        <v>7.6</v>
      </c>
      <c r="Z4319" s="2">
        <v>10.6</v>
      </c>
      <c r="AA4319" s="5"/>
      <c r="AB4319" s="5" t="s">
        <v>43</v>
      </c>
      <c r="AC4319" s="5" t="s">
        <v>44</v>
      </c>
      <c r="AD4319" s="2"/>
      <c r="AE4319" s="1"/>
    </row>
    <row r="4320" spans="1:31" ht="14.45">
      <c r="A4320" s="11"/>
      <c r="B4320" s="20"/>
      <c r="C4320" s="2" t="s">
        <v>13414</v>
      </c>
      <c r="D4320" s="14" t="s">
        <v>13415</v>
      </c>
      <c r="E4320" s="2" t="s">
        <v>13416</v>
      </c>
      <c r="F4320" s="2" t="s">
        <v>1973</v>
      </c>
      <c r="G4320" s="8">
        <v>164</v>
      </c>
      <c r="H4320" s="5">
        <v>13</v>
      </c>
      <c r="I4320" s="5" t="s">
        <v>1518</v>
      </c>
      <c r="J4320" s="5" t="s">
        <v>1519</v>
      </c>
      <c r="K4320" s="2" t="s">
        <v>1520</v>
      </c>
      <c r="L4320" s="5" t="s">
        <v>1519</v>
      </c>
      <c r="M4320" s="2" t="s">
        <v>1520</v>
      </c>
      <c r="N4320" s="5" t="s">
        <v>1521</v>
      </c>
      <c r="O4320" s="5" t="s">
        <v>38</v>
      </c>
      <c r="P4320" s="5" t="s">
        <v>39</v>
      </c>
      <c r="Q4320" s="5" t="s">
        <v>40</v>
      </c>
      <c r="R4320" s="5" t="s">
        <v>1522</v>
      </c>
      <c r="S4320" s="5" t="s">
        <v>1523</v>
      </c>
      <c r="T4320" s="5" t="s">
        <v>42</v>
      </c>
      <c r="U4320" s="2">
        <v>2.6190000000000002</v>
      </c>
      <c r="V4320" s="2">
        <v>2.2549999999999999</v>
      </c>
      <c r="W4320" s="2">
        <v>1.0999999999999999E-2</v>
      </c>
      <c r="X4320" s="2">
        <v>139.1</v>
      </c>
      <c r="Y4320" s="2">
        <v>7.6</v>
      </c>
      <c r="Z4320" s="2">
        <v>10.6</v>
      </c>
      <c r="AA4320" s="5"/>
      <c r="AB4320" s="5" t="s">
        <v>43</v>
      </c>
      <c r="AC4320" s="5" t="s">
        <v>44</v>
      </c>
      <c r="AD4320" s="2"/>
      <c r="AE4320" s="1"/>
    </row>
    <row r="4321" spans="1:31" ht="14.45">
      <c r="A4321" s="11"/>
      <c r="B4321" s="20"/>
      <c r="C4321" s="2" t="s">
        <v>13417</v>
      </c>
      <c r="D4321" s="14" t="s">
        <v>13418</v>
      </c>
      <c r="E4321" s="2" t="s">
        <v>13419</v>
      </c>
      <c r="F4321" s="2" t="s">
        <v>2348</v>
      </c>
      <c r="G4321" s="8">
        <v>164</v>
      </c>
      <c r="H4321" s="5">
        <v>13</v>
      </c>
      <c r="I4321" s="5" t="s">
        <v>1518</v>
      </c>
      <c r="J4321" s="5" t="s">
        <v>1519</v>
      </c>
      <c r="K4321" s="2" t="s">
        <v>1520</v>
      </c>
      <c r="L4321" s="5" t="s">
        <v>1519</v>
      </c>
      <c r="M4321" s="2" t="s">
        <v>1520</v>
      </c>
      <c r="N4321" s="5" t="s">
        <v>1521</v>
      </c>
      <c r="O4321" s="5" t="s">
        <v>38</v>
      </c>
      <c r="P4321" s="5" t="s">
        <v>39</v>
      </c>
      <c r="Q4321" s="5" t="s">
        <v>40</v>
      </c>
      <c r="R4321" s="5" t="s">
        <v>1522</v>
      </c>
      <c r="S4321" s="5" t="s">
        <v>1523</v>
      </c>
      <c r="T4321" s="5" t="s">
        <v>42</v>
      </c>
      <c r="U4321" s="2">
        <v>2.68</v>
      </c>
      <c r="V4321" s="2">
        <v>2.3159999999999998</v>
      </c>
      <c r="W4321" s="2">
        <v>1.0999999999999999E-2</v>
      </c>
      <c r="X4321" s="2">
        <v>139.1</v>
      </c>
      <c r="Y4321" s="2">
        <v>7.6</v>
      </c>
      <c r="Z4321" s="2">
        <v>10.6</v>
      </c>
      <c r="AA4321" s="5"/>
      <c r="AB4321" s="5" t="s">
        <v>43</v>
      </c>
      <c r="AC4321" s="5" t="s">
        <v>44</v>
      </c>
      <c r="AD4321" s="2"/>
      <c r="AE4321" s="1"/>
    </row>
    <row r="4322" spans="1:31" ht="14.45">
      <c r="A4322" s="11"/>
      <c r="B4322" s="20"/>
      <c r="C4322" s="2" t="s">
        <v>13420</v>
      </c>
      <c r="D4322" s="14" t="s">
        <v>13421</v>
      </c>
      <c r="E4322" s="2" t="s">
        <v>13422</v>
      </c>
      <c r="F4322" s="2" t="s">
        <v>2204</v>
      </c>
      <c r="G4322" s="8">
        <v>164</v>
      </c>
      <c r="H4322" s="5">
        <v>13</v>
      </c>
      <c r="I4322" s="5" t="s">
        <v>1518</v>
      </c>
      <c r="J4322" s="5" t="s">
        <v>1519</v>
      </c>
      <c r="K4322" s="2" t="s">
        <v>1520</v>
      </c>
      <c r="L4322" s="5" t="s">
        <v>1519</v>
      </c>
      <c r="M4322" s="2" t="s">
        <v>1520</v>
      </c>
      <c r="N4322" s="5" t="s">
        <v>1521</v>
      </c>
      <c r="O4322" s="5" t="s">
        <v>38</v>
      </c>
      <c r="P4322" s="5" t="s">
        <v>39</v>
      </c>
      <c r="Q4322" s="5" t="s">
        <v>40</v>
      </c>
      <c r="R4322" s="5" t="s">
        <v>1522</v>
      </c>
      <c r="S4322" s="5" t="s">
        <v>1523</v>
      </c>
      <c r="T4322" s="5" t="s">
        <v>42</v>
      </c>
      <c r="U4322" s="2">
        <v>2.6190000000000002</v>
      </c>
      <c r="V4322" s="2">
        <v>2.2549999999999999</v>
      </c>
      <c r="W4322" s="2">
        <v>1.0999999999999999E-2</v>
      </c>
      <c r="X4322" s="2">
        <v>139.1</v>
      </c>
      <c r="Y4322" s="2">
        <v>7.6</v>
      </c>
      <c r="Z4322" s="2">
        <v>10.6</v>
      </c>
      <c r="AA4322" s="5"/>
      <c r="AB4322" s="5" t="s">
        <v>43</v>
      </c>
      <c r="AC4322" s="5" t="s">
        <v>44</v>
      </c>
      <c r="AD4322" s="2"/>
      <c r="AE4322" s="1"/>
    </row>
    <row r="4323" spans="1:31" ht="14.45">
      <c r="A4323" s="11"/>
      <c r="B4323" s="20"/>
      <c r="C4323" s="2" t="s">
        <v>13423</v>
      </c>
      <c r="D4323" s="14" t="s">
        <v>13424</v>
      </c>
      <c r="E4323" s="2" t="s">
        <v>13425</v>
      </c>
      <c r="F4323" s="2" t="s">
        <v>2208</v>
      </c>
      <c r="G4323" s="8">
        <v>164</v>
      </c>
      <c r="H4323" s="5">
        <v>13</v>
      </c>
      <c r="I4323" s="5" t="s">
        <v>1518</v>
      </c>
      <c r="J4323" s="5" t="s">
        <v>1519</v>
      </c>
      <c r="K4323" s="2" t="s">
        <v>1520</v>
      </c>
      <c r="L4323" s="5" t="s">
        <v>1519</v>
      </c>
      <c r="M4323" s="2" t="s">
        <v>1520</v>
      </c>
      <c r="N4323" s="5" t="s">
        <v>1521</v>
      </c>
      <c r="O4323" s="5" t="s">
        <v>38</v>
      </c>
      <c r="P4323" s="5" t="s">
        <v>39</v>
      </c>
      <c r="Q4323" s="5" t="s">
        <v>40</v>
      </c>
      <c r="R4323" s="5" t="s">
        <v>1522</v>
      </c>
      <c r="S4323" s="5" t="s">
        <v>1523</v>
      </c>
      <c r="T4323" s="5" t="s">
        <v>42</v>
      </c>
      <c r="U4323" s="2">
        <v>2.6190000000000002</v>
      </c>
      <c r="V4323" s="2">
        <v>2.2549999999999999</v>
      </c>
      <c r="W4323" s="2">
        <v>1.0999999999999999E-2</v>
      </c>
      <c r="X4323" s="2">
        <v>139.1</v>
      </c>
      <c r="Y4323" s="2">
        <v>7.6</v>
      </c>
      <c r="Z4323" s="2">
        <v>10.6</v>
      </c>
      <c r="AA4323" s="5"/>
      <c r="AB4323" s="5" t="s">
        <v>43</v>
      </c>
      <c r="AC4323" s="5" t="s">
        <v>44</v>
      </c>
      <c r="AD4323" s="2"/>
      <c r="AE4323" s="1"/>
    </row>
    <row r="4324" spans="1:31" ht="14.45">
      <c r="A4324" s="11"/>
      <c r="B4324" s="20"/>
      <c r="C4324" s="2" t="s">
        <v>13426</v>
      </c>
      <c r="D4324" s="14" t="s">
        <v>13427</v>
      </c>
      <c r="E4324" s="2" t="s">
        <v>13428</v>
      </c>
      <c r="F4324" s="2" t="s">
        <v>2212</v>
      </c>
      <c r="G4324" s="8">
        <v>164</v>
      </c>
      <c r="H4324" s="5">
        <v>13</v>
      </c>
      <c r="I4324" s="5" t="s">
        <v>1518</v>
      </c>
      <c r="J4324" s="5" t="s">
        <v>1519</v>
      </c>
      <c r="K4324" s="2" t="s">
        <v>1520</v>
      </c>
      <c r="L4324" s="5" t="s">
        <v>1519</v>
      </c>
      <c r="M4324" s="2" t="s">
        <v>1520</v>
      </c>
      <c r="N4324" s="5" t="s">
        <v>1521</v>
      </c>
      <c r="O4324" s="5" t="s">
        <v>38</v>
      </c>
      <c r="P4324" s="5" t="s">
        <v>39</v>
      </c>
      <c r="Q4324" s="5" t="s">
        <v>40</v>
      </c>
      <c r="R4324" s="5" t="s">
        <v>1522</v>
      </c>
      <c r="S4324" s="5" t="s">
        <v>1523</v>
      </c>
      <c r="T4324" s="5" t="s">
        <v>42</v>
      </c>
      <c r="U4324" s="2">
        <v>2.68</v>
      </c>
      <c r="V4324" s="2">
        <v>2.3159999999999998</v>
      </c>
      <c r="W4324" s="2">
        <v>1.0999999999999999E-2</v>
      </c>
      <c r="X4324" s="2">
        <v>139.1</v>
      </c>
      <c r="Y4324" s="2">
        <v>7.6</v>
      </c>
      <c r="Z4324" s="2">
        <v>10.6</v>
      </c>
      <c r="AA4324" s="5"/>
      <c r="AB4324" s="5" t="s">
        <v>43</v>
      </c>
      <c r="AC4324" s="5" t="s">
        <v>44</v>
      </c>
      <c r="AD4324" s="2"/>
      <c r="AE4324" s="1"/>
    </row>
    <row r="4325" spans="1:31" ht="14.45">
      <c r="A4325" s="11"/>
      <c r="B4325" s="20"/>
      <c r="C4325" s="2" t="s">
        <v>13429</v>
      </c>
      <c r="D4325" s="14" t="s">
        <v>13430</v>
      </c>
      <c r="E4325" s="2" t="s">
        <v>13431</v>
      </c>
      <c r="F4325" s="2" t="s">
        <v>1831</v>
      </c>
      <c r="G4325" s="8">
        <v>164</v>
      </c>
      <c r="H4325" s="5">
        <v>13</v>
      </c>
      <c r="I4325" s="5" t="s">
        <v>1518</v>
      </c>
      <c r="J4325" s="5" t="s">
        <v>1519</v>
      </c>
      <c r="K4325" s="2" t="s">
        <v>1520</v>
      </c>
      <c r="L4325" s="5" t="s">
        <v>1519</v>
      </c>
      <c r="M4325" s="2" t="s">
        <v>1520</v>
      </c>
      <c r="N4325" s="5" t="s">
        <v>1521</v>
      </c>
      <c r="O4325" s="5" t="s">
        <v>38</v>
      </c>
      <c r="P4325" s="5" t="s">
        <v>39</v>
      </c>
      <c r="Q4325" s="5" t="s">
        <v>40</v>
      </c>
      <c r="R4325" s="5" t="s">
        <v>1522</v>
      </c>
      <c r="S4325" s="5" t="s">
        <v>1523</v>
      </c>
      <c r="T4325" s="5" t="s">
        <v>42</v>
      </c>
      <c r="U4325" s="2">
        <v>2.6190000000000002</v>
      </c>
      <c r="V4325" s="2">
        <v>2.2549999999999999</v>
      </c>
      <c r="W4325" s="2">
        <v>1.0999999999999999E-2</v>
      </c>
      <c r="X4325" s="2">
        <v>139.1</v>
      </c>
      <c r="Y4325" s="2">
        <v>7.6</v>
      </c>
      <c r="Z4325" s="2">
        <v>10.6</v>
      </c>
      <c r="AA4325" s="5"/>
      <c r="AB4325" s="5" t="s">
        <v>43</v>
      </c>
      <c r="AC4325" s="5" t="s">
        <v>44</v>
      </c>
      <c r="AD4325" s="2"/>
      <c r="AE4325" s="1"/>
    </row>
    <row r="4326" spans="1:31" ht="14.45">
      <c r="A4326" s="11"/>
      <c r="B4326" s="20"/>
      <c r="C4326" s="2" t="s">
        <v>13432</v>
      </c>
      <c r="D4326" s="14" t="s">
        <v>13433</v>
      </c>
      <c r="E4326" s="2" t="s">
        <v>13434</v>
      </c>
      <c r="F4326" s="2" t="s">
        <v>1835</v>
      </c>
      <c r="G4326" s="8">
        <v>164</v>
      </c>
      <c r="H4326" s="5">
        <v>13</v>
      </c>
      <c r="I4326" s="5" t="s">
        <v>1518</v>
      </c>
      <c r="J4326" s="5" t="s">
        <v>1519</v>
      </c>
      <c r="K4326" s="2" t="s">
        <v>1520</v>
      </c>
      <c r="L4326" s="5" t="s">
        <v>1519</v>
      </c>
      <c r="M4326" s="2" t="s">
        <v>1520</v>
      </c>
      <c r="N4326" s="5" t="s">
        <v>1521</v>
      </c>
      <c r="O4326" s="5" t="s">
        <v>38</v>
      </c>
      <c r="P4326" s="5" t="s">
        <v>39</v>
      </c>
      <c r="Q4326" s="5" t="s">
        <v>40</v>
      </c>
      <c r="R4326" s="5" t="s">
        <v>1522</v>
      </c>
      <c r="S4326" s="5" t="s">
        <v>1523</v>
      </c>
      <c r="T4326" s="5" t="s">
        <v>42</v>
      </c>
      <c r="U4326" s="2">
        <v>2.68</v>
      </c>
      <c r="V4326" s="2">
        <v>2.3159999999999998</v>
      </c>
      <c r="W4326" s="2">
        <v>1.0999999999999999E-2</v>
      </c>
      <c r="X4326" s="2">
        <v>139.1</v>
      </c>
      <c r="Y4326" s="2">
        <v>7.6</v>
      </c>
      <c r="Z4326" s="2">
        <v>10.6</v>
      </c>
      <c r="AA4326" s="5"/>
      <c r="AB4326" s="5" t="s">
        <v>43</v>
      </c>
      <c r="AC4326" s="5" t="s">
        <v>44</v>
      </c>
      <c r="AD4326" s="2"/>
      <c r="AE4326" s="1"/>
    </row>
    <row r="4327" spans="1:31" ht="14.45">
      <c r="A4327" s="11"/>
      <c r="B4327" s="20"/>
      <c r="C4327" s="2" t="s">
        <v>13435</v>
      </c>
      <c r="D4327" s="14" t="s">
        <v>13436</v>
      </c>
      <c r="E4327" s="2" t="s">
        <v>13437</v>
      </c>
      <c r="F4327" s="2" t="s">
        <v>1839</v>
      </c>
      <c r="G4327" s="8">
        <v>164</v>
      </c>
      <c r="H4327" s="5">
        <v>13</v>
      </c>
      <c r="I4327" s="5" t="s">
        <v>1518</v>
      </c>
      <c r="J4327" s="5" t="s">
        <v>1519</v>
      </c>
      <c r="K4327" s="2" t="s">
        <v>1520</v>
      </c>
      <c r="L4327" s="5" t="s">
        <v>1519</v>
      </c>
      <c r="M4327" s="2" t="s">
        <v>1520</v>
      </c>
      <c r="N4327" s="5" t="s">
        <v>1521</v>
      </c>
      <c r="O4327" s="5" t="s">
        <v>38</v>
      </c>
      <c r="P4327" s="5" t="s">
        <v>39</v>
      </c>
      <c r="Q4327" s="5" t="s">
        <v>40</v>
      </c>
      <c r="R4327" s="5" t="s">
        <v>1522</v>
      </c>
      <c r="S4327" s="5" t="s">
        <v>1523</v>
      </c>
      <c r="T4327" s="5" t="s">
        <v>42</v>
      </c>
      <c r="U4327" s="2">
        <v>2.6190000000000002</v>
      </c>
      <c r="V4327" s="2">
        <v>2.2549999999999999</v>
      </c>
      <c r="W4327" s="2">
        <v>1.0999999999999999E-2</v>
      </c>
      <c r="X4327" s="2">
        <v>139.1</v>
      </c>
      <c r="Y4327" s="2">
        <v>7.6</v>
      </c>
      <c r="Z4327" s="2">
        <v>10.6</v>
      </c>
      <c r="AA4327" s="5"/>
      <c r="AB4327" s="5" t="s">
        <v>43</v>
      </c>
      <c r="AC4327" s="5" t="s">
        <v>44</v>
      </c>
      <c r="AD4327" s="2"/>
      <c r="AE4327" s="1"/>
    </row>
    <row r="4328" spans="1:31" ht="14.45">
      <c r="A4328" s="11"/>
      <c r="B4328" s="20"/>
      <c r="C4328" s="2" t="s">
        <v>13438</v>
      </c>
      <c r="D4328" s="14" t="s">
        <v>13439</v>
      </c>
      <c r="E4328" s="2" t="s">
        <v>13440</v>
      </c>
      <c r="F4328" s="2" t="s">
        <v>1986</v>
      </c>
      <c r="G4328" s="8">
        <v>164</v>
      </c>
      <c r="H4328" s="5">
        <v>13</v>
      </c>
      <c r="I4328" s="5" t="s">
        <v>1518</v>
      </c>
      <c r="J4328" s="5" t="s">
        <v>1519</v>
      </c>
      <c r="K4328" s="2" t="s">
        <v>1520</v>
      </c>
      <c r="L4328" s="5" t="s">
        <v>1519</v>
      </c>
      <c r="M4328" s="2" t="s">
        <v>1520</v>
      </c>
      <c r="N4328" s="5" t="s">
        <v>1521</v>
      </c>
      <c r="O4328" s="5" t="s">
        <v>38</v>
      </c>
      <c r="P4328" s="5" t="s">
        <v>39</v>
      </c>
      <c r="Q4328" s="5" t="s">
        <v>40</v>
      </c>
      <c r="R4328" s="5" t="s">
        <v>1522</v>
      </c>
      <c r="S4328" s="5" t="s">
        <v>1523</v>
      </c>
      <c r="T4328" s="5" t="s">
        <v>42</v>
      </c>
      <c r="U4328" s="2">
        <v>2.68</v>
      </c>
      <c r="V4328" s="2">
        <v>2.3159999999999998</v>
      </c>
      <c r="W4328" s="2">
        <v>1.0999999999999999E-2</v>
      </c>
      <c r="X4328" s="2">
        <v>139.1</v>
      </c>
      <c r="Y4328" s="2">
        <v>7.6</v>
      </c>
      <c r="Z4328" s="2">
        <v>10.6</v>
      </c>
      <c r="AA4328" s="5"/>
      <c r="AB4328" s="5" t="s">
        <v>43</v>
      </c>
      <c r="AC4328" s="5" t="s">
        <v>44</v>
      </c>
      <c r="AD4328" s="2"/>
      <c r="AE4328" s="1"/>
    </row>
    <row r="4329" spans="1:31" ht="14.45">
      <c r="A4329" s="11"/>
      <c r="B4329" s="20"/>
      <c r="C4329" s="2" t="s">
        <v>13441</v>
      </c>
      <c r="D4329" s="14" t="s">
        <v>13442</v>
      </c>
      <c r="E4329" s="2" t="s">
        <v>13443</v>
      </c>
      <c r="F4329" s="2" t="s">
        <v>1843</v>
      </c>
      <c r="G4329" s="8">
        <v>164</v>
      </c>
      <c r="H4329" s="5">
        <v>13</v>
      </c>
      <c r="I4329" s="5" t="s">
        <v>1518</v>
      </c>
      <c r="J4329" s="5" t="s">
        <v>1519</v>
      </c>
      <c r="K4329" s="2" t="s">
        <v>1520</v>
      </c>
      <c r="L4329" s="5" t="s">
        <v>1519</v>
      </c>
      <c r="M4329" s="2" t="s">
        <v>1520</v>
      </c>
      <c r="N4329" s="5" t="s">
        <v>1521</v>
      </c>
      <c r="O4329" s="5" t="s">
        <v>38</v>
      </c>
      <c r="P4329" s="5" t="s">
        <v>39</v>
      </c>
      <c r="Q4329" s="5" t="s">
        <v>40</v>
      </c>
      <c r="R4329" s="5" t="s">
        <v>1522</v>
      </c>
      <c r="S4329" s="5" t="s">
        <v>1523</v>
      </c>
      <c r="T4329" s="5" t="s">
        <v>42</v>
      </c>
      <c r="U4329" s="2">
        <v>2.6190000000000002</v>
      </c>
      <c r="V4329" s="2">
        <v>2.2549999999999999</v>
      </c>
      <c r="W4329" s="2">
        <v>1.0999999999999999E-2</v>
      </c>
      <c r="X4329" s="2">
        <v>139.1</v>
      </c>
      <c r="Y4329" s="2">
        <v>7.6</v>
      </c>
      <c r="Z4329" s="2">
        <v>10.6</v>
      </c>
      <c r="AA4329" s="5"/>
      <c r="AB4329" s="5" t="s">
        <v>43</v>
      </c>
      <c r="AC4329" s="5" t="s">
        <v>44</v>
      </c>
      <c r="AD4329" s="2"/>
      <c r="AE4329" s="1"/>
    </row>
    <row r="4330" spans="1:31" ht="14.45">
      <c r="A4330" s="11"/>
      <c r="B4330" s="20"/>
      <c r="C4330" s="2" t="s">
        <v>13444</v>
      </c>
      <c r="D4330" s="14" t="s">
        <v>13445</v>
      </c>
      <c r="E4330" s="2" t="s">
        <v>13446</v>
      </c>
      <c r="F4330" s="2" t="s">
        <v>1847</v>
      </c>
      <c r="G4330" s="8">
        <v>164</v>
      </c>
      <c r="H4330" s="5">
        <v>13</v>
      </c>
      <c r="I4330" s="5" t="s">
        <v>1518</v>
      </c>
      <c r="J4330" s="5" t="s">
        <v>1519</v>
      </c>
      <c r="K4330" s="2" t="s">
        <v>1520</v>
      </c>
      <c r="L4330" s="5" t="s">
        <v>1519</v>
      </c>
      <c r="M4330" s="2" t="s">
        <v>1520</v>
      </c>
      <c r="N4330" s="5" t="s">
        <v>1521</v>
      </c>
      <c r="O4330" s="5" t="s">
        <v>38</v>
      </c>
      <c r="P4330" s="5" t="s">
        <v>39</v>
      </c>
      <c r="Q4330" s="5" t="s">
        <v>40</v>
      </c>
      <c r="R4330" s="5" t="s">
        <v>1522</v>
      </c>
      <c r="S4330" s="5" t="s">
        <v>1523</v>
      </c>
      <c r="T4330" s="5" t="s">
        <v>42</v>
      </c>
      <c r="U4330" s="2">
        <v>2.68</v>
      </c>
      <c r="V4330" s="2">
        <v>2.3159999999999998</v>
      </c>
      <c r="W4330" s="2">
        <v>1.0999999999999999E-2</v>
      </c>
      <c r="X4330" s="2">
        <v>139.1</v>
      </c>
      <c r="Y4330" s="2">
        <v>7.6</v>
      </c>
      <c r="Z4330" s="2">
        <v>10.6</v>
      </c>
      <c r="AA4330" s="5"/>
      <c r="AB4330" s="5" t="s">
        <v>43</v>
      </c>
      <c r="AC4330" s="5" t="s">
        <v>44</v>
      </c>
      <c r="AD4330" s="2"/>
      <c r="AE4330" s="1"/>
    </row>
    <row r="4331" spans="1:31" ht="14.45">
      <c r="A4331" s="11"/>
      <c r="B4331" s="20"/>
      <c r="C4331" s="2" t="s">
        <v>13447</v>
      </c>
      <c r="D4331" s="14" t="s">
        <v>13448</v>
      </c>
      <c r="E4331" s="2" t="s">
        <v>13449</v>
      </c>
      <c r="F4331" s="2" t="s">
        <v>1851</v>
      </c>
      <c r="G4331" s="8">
        <v>164</v>
      </c>
      <c r="H4331" s="5">
        <v>13</v>
      </c>
      <c r="I4331" s="5" t="s">
        <v>1518</v>
      </c>
      <c r="J4331" s="5" t="s">
        <v>1519</v>
      </c>
      <c r="K4331" s="2" t="s">
        <v>1520</v>
      </c>
      <c r="L4331" s="5" t="s">
        <v>1519</v>
      </c>
      <c r="M4331" s="2" t="s">
        <v>1520</v>
      </c>
      <c r="N4331" s="5" t="s">
        <v>1521</v>
      </c>
      <c r="O4331" s="5" t="s">
        <v>38</v>
      </c>
      <c r="P4331" s="5" t="s">
        <v>39</v>
      </c>
      <c r="Q4331" s="5" t="s">
        <v>40</v>
      </c>
      <c r="R4331" s="5" t="s">
        <v>1522</v>
      </c>
      <c r="S4331" s="5" t="s">
        <v>1523</v>
      </c>
      <c r="T4331" s="5" t="s">
        <v>42</v>
      </c>
      <c r="U4331" s="2">
        <v>2.6190000000000002</v>
      </c>
      <c r="V4331" s="2">
        <v>2.2549999999999999</v>
      </c>
      <c r="W4331" s="2">
        <v>1.0999999999999999E-2</v>
      </c>
      <c r="X4331" s="2">
        <v>139.1</v>
      </c>
      <c r="Y4331" s="2">
        <v>7.6</v>
      </c>
      <c r="Z4331" s="2">
        <v>10.6</v>
      </c>
      <c r="AA4331" s="5"/>
      <c r="AB4331" s="5" t="s">
        <v>43</v>
      </c>
      <c r="AC4331" s="5" t="s">
        <v>44</v>
      </c>
      <c r="AD4331" s="2"/>
      <c r="AE4331" s="1"/>
    </row>
    <row r="4332" spans="1:31" ht="14.45">
      <c r="A4332" s="11"/>
      <c r="B4332" s="20"/>
      <c r="C4332" s="2" t="s">
        <v>13450</v>
      </c>
      <c r="D4332" s="14" t="s">
        <v>13451</v>
      </c>
      <c r="E4332" s="2" t="s">
        <v>13452</v>
      </c>
      <c r="F4332" s="2" t="s">
        <v>1999</v>
      </c>
      <c r="G4332" s="8">
        <v>164</v>
      </c>
      <c r="H4332" s="5">
        <v>13</v>
      </c>
      <c r="I4332" s="5" t="s">
        <v>1518</v>
      </c>
      <c r="J4332" s="5" t="s">
        <v>1519</v>
      </c>
      <c r="K4332" s="2" t="s">
        <v>1520</v>
      </c>
      <c r="L4332" s="5" t="s">
        <v>1519</v>
      </c>
      <c r="M4332" s="2" t="s">
        <v>1520</v>
      </c>
      <c r="N4332" s="5" t="s">
        <v>1521</v>
      </c>
      <c r="O4332" s="5" t="s">
        <v>38</v>
      </c>
      <c r="P4332" s="5" t="s">
        <v>39</v>
      </c>
      <c r="Q4332" s="5" t="s">
        <v>40</v>
      </c>
      <c r="R4332" s="5" t="s">
        <v>1522</v>
      </c>
      <c r="S4332" s="5" t="s">
        <v>1523</v>
      </c>
      <c r="T4332" s="5" t="s">
        <v>42</v>
      </c>
      <c r="U4332" s="2">
        <v>2.68</v>
      </c>
      <c r="V4332" s="2">
        <v>2.3159999999999998</v>
      </c>
      <c r="W4332" s="2">
        <v>1.0999999999999999E-2</v>
      </c>
      <c r="X4332" s="2">
        <v>139.1</v>
      </c>
      <c r="Y4332" s="2">
        <v>7.6</v>
      </c>
      <c r="Z4332" s="2">
        <v>10.6</v>
      </c>
      <c r="AA4332" s="5"/>
      <c r="AB4332" s="5" t="s">
        <v>43</v>
      </c>
      <c r="AC4332" s="5" t="s">
        <v>44</v>
      </c>
      <c r="AD4332" s="2"/>
      <c r="AE4332" s="1"/>
    </row>
    <row r="4333" spans="1:31" ht="14.45">
      <c r="A4333" s="11"/>
      <c r="B4333" s="20"/>
      <c r="C4333" s="2" t="s">
        <v>13453</v>
      </c>
      <c r="D4333" s="14" t="s">
        <v>13454</v>
      </c>
      <c r="E4333" s="2" t="s">
        <v>13455</v>
      </c>
      <c r="F4333" s="2" t="s">
        <v>1855</v>
      </c>
      <c r="G4333" s="8">
        <v>164</v>
      </c>
      <c r="H4333" s="5">
        <v>13</v>
      </c>
      <c r="I4333" s="5" t="s">
        <v>1518</v>
      </c>
      <c r="J4333" s="5" t="s">
        <v>1519</v>
      </c>
      <c r="K4333" s="2" t="s">
        <v>1520</v>
      </c>
      <c r="L4333" s="5" t="s">
        <v>1519</v>
      </c>
      <c r="M4333" s="2" t="s">
        <v>1520</v>
      </c>
      <c r="N4333" s="5" t="s">
        <v>1521</v>
      </c>
      <c r="O4333" s="5" t="s">
        <v>38</v>
      </c>
      <c r="P4333" s="5" t="s">
        <v>39</v>
      </c>
      <c r="Q4333" s="5" t="s">
        <v>40</v>
      </c>
      <c r="R4333" s="5" t="s">
        <v>1522</v>
      </c>
      <c r="S4333" s="5" t="s">
        <v>1523</v>
      </c>
      <c r="T4333" s="5" t="s">
        <v>42</v>
      </c>
      <c r="U4333" s="2">
        <v>2.6190000000000002</v>
      </c>
      <c r="V4333" s="2">
        <v>2.2549999999999999</v>
      </c>
      <c r="W4333" s="2">
        <v>1.0999999999999999E-2</v>
      </c>
      <c r="X4333" s="2">
        <v>139.1</v>
      </c>
      <c r="Y4333" s="2">
        <v>7.6</v>
      </c>
      <c r="Z4333" s="2">
        <v>10.6</v>
      </c>
      <c r="AA4333" s="5"/>
      <c r="AB4333" s="5" t="s">
        <v>43</v>
      </c>
      <c r="AC4333" s="5" t="s">
        <v>44</v>
      </c>
      <c r="AD4333" s="2"/>
      <c r="AE4333" s="1"/>
    </row>
    <row r="4334" spans="1:31" ht="14.45">
      <c r="A4334" s="11"/>
      <c r="B4334" s="20"/>
      <c r="C4334" s="2" t="s">
        <v>13456</v>
      </c>
      <c r="D4334" s="14" t="s">
        <v>13457</v>
      </c>
      <c r="E4334" s="2" t="s">
        <v>13458</v>
      </c>
      <c r="F4334" s="2" t="s">
        <v>1859</v>
      </c>
      <c r="G4334" s="8">
        <v>164</v>
      </c>
      <c r="H4334" s="5">
        <v>13</v>
      </c>
      <c r="I4334" s="5" t="s">
        <v>1518</v>
      </c>
      <c r="J4334" s="5" t="s">
        <v>1519</v>
      </c>
      <c r="K4334" s="2" t="s">
        <v>1520</v>
      </c>
      <c r="L4334" s="5" t="s">
        <v>1519</v>
      </c>
      <c r="M4334" s="2" t="s">
        <v>1520</v>
      </c>
      <c r="N4334" s="5" t="s">
        <v>1521</v>
      </c>
      <c r="O4334" s="5" t="s">
        <v>38</v>
      </c>
      <c r="P4334" s="5" t="s">
        <v>39</v>
      </c>
      <c r="Q4334" s="5" t="s">
        <v>40</v>
      </c>
      <c r="R4334" s="5" t="s">
        <v>1522</v>
      </c>
      <c r="S4334" s="5" t="s">
        <v>1523</v>
      </c>
      <c r="T4334" s="5" t="s">
        <v>42</v>
      </c>
      <c r="U4334" s="2">
        <v>2.68</v>
      </c>
      <c r="V4334" s="2">
        <v>2.3159999999999998</v>
      </c>
      <c r="W4334" s="2">
        <v>1.0999999999999999E-2</v>
      </c>
      <c r="X4334" s="2">
        <v>139.1</v>
      </c>
      <c r="Y4334" s="2">
        <v>7.6</v>
      </c>
      <c r="Z4334" s="2">
        <v>10.6</v>
      </c>
      <c r="AA4334" s="5"/>
      <c r="AB4334" s="5" t="s">
        <v>43</v>
      </c>
      <c r="AC4334" s="5" t="s">
        <v>44</v>
      </c>
      <c r="AD4334" s="2"/>
      <c r="AE4334" s="1"/>
    </row>
    <row r="4335" spans="1:31" ht="14.45">
      <c r="A4335" s="11"/>
      <c r="B4335" s="20"/>
      <c r="C4335" s="2" t="s">
        <v>13459</v>
      </c>
      <c r="D4335" s="14" t="s">
        <v>13460</v>
      </c>
      <c r="E4335" s="2" t="s">
        <v>13461</v>
      </c>
      <c r="F4335" s="2" t="s">
        <v>1863</v>
      </c>
      <c r="G4335" s="8">
        <v>164</v>
      </c>
      <c r="H4335" s="5">
        <v>11</v>
      </c>
      <c r="I4335" s="5" t="s">
        <v>1518</v>
      </c>
      <c r="J4335" s="5" t="s">
        <v>1519</v>
      </c>
      <c r="K4335" s="2" t="s">
        <v>1520</v>
      </c>
      <c r="L4335" s="5" t="s">
        <v>1519</v>
      </c>
      <c r="M4335" s="2" t="s">
        <v>1520</v>
      </c>
      <c r="N4335" s="5" t="s">
        <v>1521</v>
      </c>
      <c r="O4335" s="5" t="s">
        <v>38</v>
      </c>
      <c r="P4335" s="5" t="s">
        <v>39</v>
      </c>
      <c r="Q4335" s="5" t="s">
        <v>40</v>
      </c>
      <c r="R4335" s="5" t="s">
        <v>1522</v>
      </c>
      <c r="S4335" s="5" t="s">
        <v>1523</v>
      </c>
      <c r="T4335" s="5" t="s">
        <v>42</v>
      </c>
      <c r="U4335" s="2">
        <v>2.5329999999999999</v>
      </c>
      <c r="V4335" s="2">
        <v>2.1669999999999998</v>
      </c>
      <c r="W4335" s="2">
        <v>1.0999999999999999E-2</v>
      </c>
      <c r="X4335" s="2">
        <v>139.1</v>
      </c>
      <c r="Y4335" s="2">
        <v>7.6</v>
      </c>
      <c r="Z4335" s="2">
        <v>10.6</v>
      </c>
      <c r="AA4335" s="5"/>
      <c r="AB4335" s="5" t="s">
        <v>43</v>
      </c>
      <c r="AC4335" s="5" t="s">
        <v>44</v>
      </c>
      <c r="AD4335" s="2"/>
      <c r="AE4335" s="1"/>
    </row>
    <row r="4336" spans="1:31" ht="14.45">
      <c r="A4336" s="11"/>
      <c r="B4336" s="20"/>
      <c r="C4336" s="2" t="s">
        <v>13462</v>
      </c>
      <c r="D4336" s="14" t="s">
        <v>13463</v>
      </c>
      <c r="E4336" s="2" t="s">
        <v>13464</v>
      </c>
      <c r="F4336" s="2" t="s">
        <v>1867</v>
      </c>
      <c r="G4336" s="8">
        <v>164</v>
      </c>
      <c r="H4336" s="5">
        <v>11</v>
      </c>
      <c r="I4336" s="5" t="s">
        <v>1518</v>
      </c>
      <c r="J4336" s="5" t="s">
        <v>1519</v>
      </c>
      <c r="K4336" s="2" t="s">
        <v>1520</v>
      </c>
      <c r="L4336" s="5" t="s">
        <v>1519</v>
      </c>
      <c r="M4336" s="2" t="s">
        <v>1520</v>
      </c>
      <c r="N4336" s="5" t="s">
        <v>1521</v>
      </c>
      <c r="O4336" s="5" t="s">
        <v>38</v>
      </c>
      <c r="P4336" s="5" t="s">
        <v>39</v>
      </c>
      <c r="Q4336" s="5" t="s">
        <v>40</v>
      </c>
      <c r="R4336" s="5" t="s">
        <v>1522</v>
      </c>
      <c r="S4336" s="5" t="s">
        <v>1523</v>
      </c>
      <c r="T4336" s="5" t="s">
        <v>42</v>
      </c>
      <c r="U4336" s="2">
        <v>2.5939999999999999</v>
      </c>
      <c r="V4336" s="2">
        <v>2.2280000000000002</v>
      </c>
      <c r="W4336" s="2">
        <v>1.0999999999999999E-2</v>
      </c>
      <c r="X4336" s="2">
        <v>139.1</v>
      </c>
      <c r="Y4336" s="2">
        <v>7.6</v>
      </c>
      <c r="Z4336" s="2">
        <v>10.6</v>
      </c>
      <c r="AA4336" s="5"/>
      <c r="AB4336" s="5" t="s">
        <v>43</v>
      </c>
      <c r="AC4336" s="5" t="s">
        <v>44</v>
      </c>
      <c r="AD4336" s="2"/>
      <c r="AE4336" s="1"/>
    </row>
    <row r="4337" spans="1:31" ht="14.45">
      <c r="A4337" s="11"/>
      <c r="B4337" s="20"/>
      <c r="C4337" s="2" t="s">
        <v>13465</v>
      </c>
      <c r="D4337" s="14" t="s">
        <v>13466</v>
      </c>
      <c r="E4337" s="2" t="s">
        <v>13467</v>
      </c>
      <c r="F4337" s="2" t="s">
        <v>7396</v>
      </c>
      <c r="G4337" s="8">
        <v>158</v>
      </c>
      <c r="H4337" s="5">
        <v>5</v>
      </c>
      <c r="I4337" s="5" t="s">
        <v>1518</v>
      </c>
      <c r="J4337" s="5" t="s">
        <v>1519</v>
      </c>
      <c r="K4337" s="2" t="s">
        <v>1520</v>
      </c>
      <c r="L4337" s="5" t="s">
        <v>1519</v>
      </c>
      <c r="M4337" s="2" t="s">
        <v>1520</v>
      </c>
      <c r="N4337" s="5" t="s">
        <v>1521</v>
      </c>
      <c r="O4337" s="5" t="s">
        <v>38</v>
      </c>
      <c r="P4337" s="5" t="s">
        <v>39</v>
      </c>
      <c r="Q4337" s="5" t="s">
        <v>40</v>
      </c>
      <c r="R4337" s="5" t="s">
        <v>1522</v>
      </c>
      <c r="S4337" s="5" t="s">
        <v>1523</v>
      </c>
      <c r="T4337" s="5" t="s">
        <v>42</v>
      </c>
      <c r="U4337" s="2">
        <v>2.6960000000000002</v>
      </c>
      <c r="V4337" s="2">
        <v>2.3319999999999999</v>
      </c>
      <c r="W4337" s="2">
        <v>1.0999999999999999E-2</v>
      </c>
      <c r="X4337" s="2">
        <v>139.1</v>
      </c>
      <c r="Y4337" s="2">
        <v>7.6</v>
      </c>
      <c r="Z4337" s="2">
        <v>10.6</v>
      </c>
      <c r="AA4337" s="5"/>
      <c r="AB4337" s="5" t="s">
        <v>43</v>
      </c>
      <c r="AC4337" s="5" t="s">
        <v>44</v>
      </c>
      <c r="AD4337" s="2"/>
      <c r="AE4337" s="1"/>
    </row>
    <row r="4338" spans="1:31" ht="14.45">
      <c r="A4338" s="11"/>
      <c r="B4338" s="20"/>
      <c r="C4338" s="2" t="s">
        <v>13468</v>
      </c>
      <c r="D4338" s="14" t="s">
        <v>13469</v>
      </c>
      <c r="E4338" s="2" t="s">
        <v>13470</v>
      </c>
      <c r="F4338" s="2" t="s">
        <v>7507</v>
      </c>
      <c r="G4338" s="8">
        <v>158</v>
      </c>
      <c r="H4338" s="5">
        <v>5</v>
      </c>
      <c r="I4338" s="5" t="s">
        <v>1518</v>
      </c>
      <c r="J4338" s="5" t="s">
        <v>1519</v>
      </c>
      <c r="K4338" s="2" t="s">
        <v>1520</v>
      </c>
      <c r="L4338" s="5" t="s">
        <v>1519</v>
      </c>
      <c r="M4338" s="2" t="s">
        <v>1520</v>
      </c>
      <c r="N4338" s="5" t="s">
        <v>1521</v>
      </c>
      <c r="O4338" s="5" t="s">
        <v>38</v>
      </c>
      <c r="P4338" s="5" t="s">
        <v>39</v>
      </c>
      <c r="Q4338" s="5" t="s">
        <v>40</v>
      </c>
      <c r="R4338" s="5" t="s">
        <v>1522</v>
      </c>
      <c r="S4338" s="5" t="s">
        <v>1523</v>
      </c>
      <c r="T4338" s="5" t="s">
        <v>42</v>
      </c>
      <c r="U4338" s="2">
        <v>2.762</v>
      </c>
      <c r="V4338" s="2">
        <v>2.3980000000000001</v>
      </c>
      <c r="W4338" s="2">
        <v>1.0999999999999999E-2</v>
      </c>
      <c r="X4338" s="2">
        <v>139.1</v>
      </c>
      <c r="Y4338" s="2">
        <v>7.6</v>
      </c>
      <c r="Z4338" s="2">
        <v>10.6</v>
      </c>
      <c r="AA4338" s="5"/>
      <c r="AB4338" s="5" t="s">
        <v>43</v>
      </c>
      <c r="AC4338" s="5" t="s">
        <v>44</v>
      </c>
      <c r="AD4338" s="2"/>
      <c r="AE4338" s="1"/>
    </row>
    <row r="4339" spans="1:31" ht="14.45">
      <c r="A4339" s="11"/>
      <c r="B4339" s="20"/>
      <c r="C4339" s="2" t="s">
        <v>13471</v>
      </c>
      <c r="D4339" s="14" t="s">
        <v>13472</v>
      </c>
      <c r="E4339" s="2" t="s">
        <v>13473</v>
      </c>
      <c r="F4339" s="2" t="s">
        <v>7204</v>
      </c>
      <c r="G4339" s="8">
        <v>158</v>
      </c>
      <c r="H4339" s="5">
        <v>5</v>
      </c>
      <c r="I4339" s="5" t="s">
        <v>1518</v>
      </c>
      <c r="J4339" s="5" t="s">
        <v>1519</v>
      </c>
      <c r="K4339" s="2" t="s">
        <v>1520</v>
      </c>
      <c r="L4339" s="5" t="s">
        <v>1519</v>
      </c>
      <c r="M4339" s="2" t="s">
        <v>1520</v>
      </c>
      <c r="N4339" s="5" t="s">
        <v>1521</v>
      </c>
      <c r="O4339" s="5" t="s">
        <v>38</v>
      </c>
      <c r="P4339" s="5" t="s">
        <v>39</v>
      </c>
      <c r="Q4339" s="5" t="s">
        <v>40</v>
      </c>
      <c r="R4339" s="5" t="s">
        <v>1522</v>
      </c>
      <c r="S4339" s="5" t="s">
        <v>1523</v>
      </c>
      <c r="T4339" s="5" t="s">
        <v>42</v>
      </c>
      <c r="U4339" s="2">
        <v>2.7120000000000002</v>
      </c>
      <c r="V4339" s="2">
        <v>2.3479999999999999</v>
      </c>
      <c r="W4339" s="2">
        <v>1.0999999999999999E-2</v>
      </c>
      <c r="X4339" s="2">
        <v>139.1</v>
      </c>
      <c r="Y4339" s="2">
        <v>7.6</v>
      </c>
      <c r="Z4339" s="2">
        <v>10.6</v>
      </c>
      <c r="AA4339" s="5"/>
      <c r="AB4339" s="5" t="s">
        <v>43</v>
      </c>
      <c r="AC4339" s="5" t="s">
        <v>44</v>
      </c>
      <c r="AD4339" s="2"/>
      <c r="AE4339" s="1"/>
    </row>
    <row r="4340" spans="1:31" ht="14.45">
      <c r="A4340" s="11"/>
      <c r="B4340" s="20"/>
      <c r="C4340" s="2" t="s">
        <v>13474</v>
      </c>
      <c r="D4340" s="14" t="s">
        <v>13475</v>
      </c>
      <c r="E4340" s="2" t="s">
        <v>13476</v>
      </c>
      <c r="F4340" s="2" t="s">
        <v>7514</v>
      </c>
      <c r="G4340" s="8">
        <v>158</v>
      </c>
      <c r="H4340" s="5">
        <v>5</v>
      </c>
      <c r="I4340" s="5" t="s">
        <v>1518</v>
      </c>
      <c r="J4340" s="5" t="s">
        <v>1519</v>
      </c>
      <c r="K4340" s="2" t="s">
        <v>1520</v>
      </c>
      <c r="L4340" s="5" t="s">
        <v>1519</v>
      </c>
      <c r="M4340" s="2" t="s">
        <v>1520</v>
      </c>
      <c r="N4340" s="5" t="s">
        <v>1521</v>
      </c>
      <c r="O4340" s="5" t="s">
        <v>38</v>
      </c>
      <c r="P4340" s="5" t="s">
        <v>39</v>
      </c>
      <c r="Q4340" s="5" t="s">
        <v>40</v>
      </c>
      <c r="R4340" s="5" t="s">
        <v>1522</v>
      </c>
      <c r="S4340" s="5" t="s">
        <v>1523</v>
      </c>
      <c r="T4340" s="5" t="s">
        <v>42</v>
      </c>
      <c r="U4340" s="2">
        <v>2.778</v>
      </c>
      <c r="V4340" s="2">
        <v>2.4140000000000001</v>
      </c>
      <c r="W4340" s="2">
        <v>1.0999999999999999E-2</v>
      </c>
      <c r="X4340" s="2">
        <v>139.1</v>
      </c>
      <c r="Y4340" s="2">
        <v>7.6</v>
      </c>
      <c r="Z4340" s="2">
        <v>10.6</v>
      </c>
      <c r="AA4340" s="5"/>
      <c r="AB4340" s="5" t="s">
        <v>43</v>
      </c>
      <c r="AC4340" s="5" t="s">
        <v>44</v>
      </c>
      <c r="AD4340" s="2"/>
      <c r="AE4340" s="1"/>
    </row>
    <row r="4341" spans="1:31" ht="14.45">
      <c r="A4341" s="11"/>
      <c r="B4341" s="20"/>
      <c r="C4341" s="2" t="s">
        <v>13477</v>
      </c>
      <c r="D4341" s="14" t="s">
        <v>13478</v>
      </c>
      <c r="E4341" s="2" t="s">
        <v>13479</v>
      </c>
      <c r="F4341" s="2" t="s">
        <v>7208</v>
      </c>
      <c r="G4341" s="8">
        <v>158</v>
      </c>
      <c r="H4341" s="5">
        <v>5</v>
      </c>
      <c r="I4341" s="5" t="s">
        <v>1518</v>
      </c>
      <c r="J4341" s="5" t="s">
        <v>1519</v>
      </c>
      <c r="K4341" s="2" t="s">
        <v>1520</v>
      </c>
      <c r="L4341" s="5" t="s">
        <v>1519</v>
      </c>
      <c r="M4341" s="2" t="s">
        <v>1520</v>
      </c>
      <c r="N4341" s="5" t="s">
        <v>1521</v>
      </c>
      <c r="O4341" s="5" t="s">
        <v>38</v>
      </c>
      <c r="P4341" s="5" t="s">
        <v>39</v>
      </c>
      <c r="Q4341" s="5" t="s">
        <v>40</v>
      </c>
      <c r="R4341" s="5" t="s">
        <v>1522</v>
      </c>
      <c r="S4341" s="5" t="s">
        <v>1523</v>
      </c>
      <c r="T4341" s="5" t="s">
        <v>42</v>
      </c>
      <c r="U4341" s="2">
        <v>2.7120000000000002</v>
      </c>
      <c r="V4341" s="2">
        <v>2.3479999999999999</v>
      </c>
      <c r="W4341" s="2">
        <v>1.0999999999999999E-2</v>
      </c>
      <c r="X4341" s="2">
        <v>139.1</v>
      </c>
      <c r="Y4341" s="2">
        <v>7.6</v>
      </c>
      <c r="Z4341" s="2">
        <v>10.6</v>
      </c>
      <c r="AA4341" s="5"/>
      <c r="AB4341" s="5" t="s">
        <v>43</v>
      </c>
      <c r="AC4341" s="5" t="s">
        <v>44</v>
      </c>
      <c r="AD4341" s="2"/>
      <c r="AE4341" s="1"/>
    </row>
    <row r="4342" spans="1:31" ht="14.45">
      <c r="A4342" s="11"/>
      <c r="B4342" s="20"/>
      <c r="C4342" s="2" t="s">
        <v>13480</v>
      </c>
      <c r="D4342" s="14" t="s">
        <v>13481</v>
      </c>
      <c r="E4342" s="2" t="s">
        <v>13482</v>
      </c>
      <c r="F4342" s="2" t="s">
        <v>7521</v>
      </c>
      <c r="G4342" s="8">
        <v>158</v>
      </c>
      <c r="H4342" s="5">
        <v>6</v>
      </c>
      <c r="I4342" s="5" t="s">
        <v>1518</v>
      </c>
      <c r="J4342" s="5" t="s">
        <v>1519</v>
      </c>
      <c r="K4342" s="2" t="s">
        <v>1520</v>
      </c>
      <c r="L4342" s="5" t="s">
        <v>1519</v>
      </c>
      <c r="M4342" s="2" t="s">
        <v>1520</v>
      </c>
      <c r="N4342" s="5" t="s">
        <v>1521</v>
      </c>
      <c r="O4342" s="5" t="s">
        <v>38</v>
      </c>
      <c r="P4342" s="5" t="s">
        <v>39</v>
      </c>
      <c r="Q4342" s="5" t="s">
        <v>40</v>
      </c>
      <c r="R4342" s="5" t="s">
        <v>1522</v>
      </c>
      <c r="S4342" s="5" t="s">
        <v>1523</v>
      </c>
      <c r="T4342" s="5" t="s">
        <v>42</v>
      </c>
      <c r="U4342" s="2">
        <v>2.778</v>
      </c>
      <c r="V4342" s="2">
        <v>2.4140000000000001</v>
      </c>
      <c r="W4342" s="2">
        <v>1.0999999999999999E-2</v>
      </c>
      <c r="X4342" s="2">
        <v>139.1</v>
      </c>
      <c r="Y4342" s="2">
        <v>7.6</v>
      </c>
      <c r="Z4342" s="2">
        <v>10.6</v>
      </c>
      <c r="AA4342" s="5"/>
      <c r="AB4342" s="5" t="s">
        <v>43</v>
      </c>
      <c r="AC4342" s="5" t="s">
        <v>44</v>
      </c>
      <c r="AD4342" s="2"/>
      <c r="AE4342" s="1"/>
    </row>
    <row r="4343" spans="1:31" ht="14.45">
      <c r="A4343" s="11"/>
      <c r="B4343" s="20"/>
      <c r="C4343" s="2" t="s">
        <v>13483</v>
      </c>
      <c r="D4343" s="14" t="s">
        <v>13484</v>
      </c>
      <c r="E4343" s="2" t="s">
        <v>13485</v>
      </c>
      <c r="F4343" s="2" t="s">
        <v>7212</v>
      </c>
      <c r="G4343" s="8">
        <v>158</v>
      </c>
      <c r="H4343" s="5">
        <v>5</v>
      </c>
      <c r="I4343" s="5" t="s">
        <v>1518</v>
      </c>
      <c r="J4343" s="5" t="s">
        <v>1519</v>
      </c>
      <c r="K4343" s="2" t="s">
        <v>1520</v>
      </c>
      <c r="L4343" s="5" t="s">
        <v>1519</v>
      </c>
      <c r="M4343" s="2" t="s">
        <v>1520</v>
      </c>
      <c r="N4343" s="5" t="s">
        <v>1521</v>
      </c>
      <c r="O4343" s="5" t="s">
        <v>38</v>
      </c>
      <c r="P4343" s="5" t="s">
        <v>39</v>
      </c>
      <c r="Q4343" s="5" t="s">
        <v>40</v>
      </c>
      <c r="R4343" s="5" t="s">
        <v>1522</v>
      </c>
      <c r="S4343" s="5" t="s">
        <v>1523</v>
      </c>
      <c r="T4343" s="5" t="s">
        <v>42</v>
      </c>
      <c r="U4343" s="2">
        <v>2.6619999999999999</v>
      </c>
      <c r="V4343" s="2">
        <v>2.298</v>
      </c>
      <c r="W4343" s="2">
        <v>1.0999999999999999E-2</v>
      </c>
      <c r="X4343" s="2">
        <v>139.1</v>
      </c>
      <c r="Y4343" s="2">
        <v>7.6</v>
      </c>
      <c r="Z4343" s="2">
        <v>10.6</v>
      </c>
      <c r="AA4343" s="5"/>
      <c r="AB4343" s="5" t="s">
        <v>43</v>
      </c>
      <c r="AC4343" s="5" t="s">
        <v>44</v>
      </c>
      <c r="AD4343" s="2"/>
      <c r="AE4343" s="1"/>
    </row>
    <row r="4344" spans="1:31" ht="14.45">
      <c r="A4344" s="11"/>
      <c r="B4344" s="20"/>
      <c r="C4344" s="2" t="s">
        <v>13486</v>
      </c>
      <c r="D4344" s="14" t="s">
        <v>13487</v>
      </c>
      <c r="E4344" s="2" t="s">
        <v>13488</v>
      </c>
      <c r="F4344" s="2" t="s">
        <v>7528</v>
      </c>
      <c r="G4344" s="8">
        <v>158</v>
      </c>
      <c r="H4344" s="5">
        <v>6</v>
      </c>
      <c r="I4344" s="5" t="s">
        <v>1518</v>
      </c>
      <c r="J4344" s="5" t="s">
        <v>1519</v>
      </c>
      <c r="K4344" s="2" t="s">
        <v>1520</v>
      </c>
      <c r="L4344" s="5" t="s">
        <v>1519</v>
      </c>
      <c r="M4344" s="2" t="s">
        <v>1520</v>
      </c>
      <c r="N4344" s="5" t="s">
        <v>1521</v>
      </c>
      <c r="O4344" s="5" t="s">
        <v>38</v>
      </c>
      <c r="P4344" s="5" t="s">
        <v>39</v>
      </c>
      <c r="Q4344" s="5" t="s">
        <v>40</v>
      </c>
      <c r="R4344" s="5" t="s">
        <v>1522</v>
      </c>
      <c r="S4344" s="5" t="s">
        <v>1523</v>
      </c>
      <c r="T4344" s="5" t="s">
        <v>42</v>
      </c>
      <c r="U4344" s="2">
        <v>2.7280000000000002</v>
      </c>
      <c r="V4344" s="2">
        <v>2.3639999999999999</v>
      </c>
      <c r="W4344" s="2">
        <v>1.0999999999999999E-2</v>
      </c>
      <c r="X4344" s="2">
        <v>139.1</v>
      </c>
      <c r="Y4344" s="2">
        <v>7.6</v>
      </c>
      <c r="Z4344" s="2">
        <v>10.6</v>
      </c>
      <c r="AA4344" s="5"/>
      <c r="AB4344" s="5" t="s">
        <v>43</v>
      </c>
      <c r="AC4344" s="5" t="s">
        <v>44</v>
      </c>
      <c r="AD4344" s="2"/>
      <c r="AE4344" s="1"/>
    </row>
    <row r="4345" spans="1:31" ht="14.45">
      <c r="A4345" s="11"/>
      <c r="B4345" s="20"/>
      <c r="C4345" s="2" t="s">
        <v>13489</v>
      </c>
      <c r="D4345" s="14" t="s">
        <v>13490</v>
      </c>
      <c r="E4345" s="2" t="s">
        <v>13491</v>
      </c>
      <c r="F4345" s="2" t="s">
        <v>7406</v>
      </c>
      <c r="G4345" s="8">
        <v>182</v>
      </c>
      <c r="H4345" s="5">
        <v>6</v>
      </c>
      <c r="I4345" s="5" t="s">
        <v>1518</v>
      </c>
      <c r="J4345" s="5" t="s">
        <v>1519</v>
      </c>
      <c r="K4345" s="2" t="s">
        <v>1520</v>
      </c>
      <c r="L4345" s="5" t="s">
        <v>1519</v>
      </c>
      <c r="M4345" s="2" t="s">
        <v>1520</v>
      </c>
      <c r="N4345" s="5" t="s">
        <v>1521</v>
      </c>
      <c r="O4345" s="5" t="s">
        <v>38</v>
      </c>
      <c r="P4345" s="5" t="s">
        <v>39</v>
      </c>
      <c r="Q4345" s="5" t="s">
        <v>40</v>
      </c>
      <c r="R4345" s="5" t="s">
        <v>1522</v>
      </c>
      <c r="S4345" s="5" t="s">
        <v>1523</v>
      </c>
      <c r="T4345" s="5" t="s">
        <v>42</v>
      </c>
      <c r="U4345" s="2">
        <v>2.6619999999999999</v>
      </c>
      <c r="V4345" s="2">
        <v>2.298</v>
      </c>
      <c r="W4345" s="2">
        <v>1.0999999999999999E-2</v>
      </c>
      <c r="X4345" s="2">
        <v>139.1</v>
      </c>
      <c r="Y4345" s="2">
        <v>7.6</v>
      </c>
      <c r="Z4345" s="2">
        <v>10.6</v>
      </c>
      <c r="AA4345" s="5"/>
      <c r="AB4345" s="5" t="s">
        <v>43</v>
      </c>
      <c r="AC4345" s="5" t="s">
        <v>44</v>
      </c>
      <c r="AD4345" s="2"/>
      <c r="AE4345" s="1"/>
    </row>
    <row r="4346" spans="1:31" ht="14.45">
      <c r="A4346" s="11"/>
      <c r="B4346" s="20"/>
      <c r="C4346" s="2" t="s">
        <v>13492</v>
      </c>
      <c r="D4346" s="14" t="s">
        <v>13493</v>
      </c>
      <c r="E4346" s="2" t="s">
        <v>13494</v>
      </c>
      <c r="F4346" s="2" t="s">
        <v>7535</v>
      </c>
      <c r="G4346" s="8">
        <v>182</v>
      </c>
      <c r="H4346" s="5">
        <v>6</v>
      </c>
      <c r="I4346" s="5" t="s">
        <v>1518</v>
      </c>
      <c r="J4346" s="5" t="s">
        <v>1519</v>
      </c>
      <c r="K4346" s="2" t="s">
        <v>1520</v>
      </c>
      <c r="L4346" s="5" t="s">
        <v>1519</v>
      </c>
      <c r="M4346" s="2" t="s">
        <v>1520</v>
      </c>
      <c r="N4346" s="5" t="s">
        <v>1521</v>
      </c>
      <c r="O4346" s="5" t="s">
        <v>38</v>
      </c>
      <c r="P4346" s="5" t="s">
        <v>39</v>
      </c>
      <c r="Q4346" s="5" t="s">
        <v>40</v>
      </c>
      <c r="R4346" s="5" t="s">
        <v>1522</v>
      </c>
      <c r="S4346" s="5" t="s">
        <v>1523</v>
      </c>
      <c r="T4346" s="5" t="s">
        <v>42</v>
      </c>
      <c r="U4346" s="2">
        <v>2.7280000000000002</v>
      </c>
      <c r="V4346" s="2">
        <v>2.3639999999999999</v>
      </c>
      <c r="W4346" s="2">
        <v>1.0999999999999999E-2</v>
      </c>
      <c r="X4346" s="2">
        <v>139.1</v>
      </c>
      <c r="Y4346" s="2">
        <v>7.6</v>
      </c>
      <c r="Z4346" s="2">
        <v>10.6</v>
      </c>
      <c r="AA4346" s="5"/>
      <c r="AB4346" s="5" t="s">
        <v>43</v>
      </c>
      <c r="AC4346" s="5" t="s">
        <v>44</v>
      </c>
      <c r="AD4346" s="2"/>
      <c r="AE4346" s="1"/>
    </row>
    <row r="4347" spans="1:31" ht="14.45">
      <c r="A4347" s="11"/>
      <c r="B4347" s="20"/>
      <c r="C4347" s="2" t="s">
        <v>13495</v>
      </c>
      <c r="D4347" s="14" t="s">
        <v>13496</v>
      </c>
      <c r="E4347" s="2" t="s">
        <v>13497</v>
      </c>
      <c r="F4347" s="2" t="s">
        <v>7539</v>
      </c>
      <c r="G4347" s="8">
        <v>182</v>
      </c>
      <c r="H4347" s="5">
        <v>6</v>
      </c>
      <c r="I4347" s="5" t="s">
        <v>1518</v>
      </c>
      <c r="J4347" s="5" t="s">
        <v>1519</v>
      </c>
      <c r="K4347" s="2" t="s">
        <v>1520</v>
      </c>
      <c r="L4347" s="5" t="s">
        <v>1519</v>
      </c>
      <c r="M4347" s="2" t="s">
        <v>1520</v>
      </c>
      <c r="N4347" s="5" t="s">
        <v>1521</v>
      </c>
      <c r="O4347" s="5" t="s">
        <v>38</v>
      </c>
      <c r="P4347" s="5" t="s">
        <v>39</v>
      </c>
      <c r="Q4347" s="5" t="s">
        <v>40</v>
      </c>
      <c r="R4347" s="5" t="s">
        <v>1522</v>
      </c>
      <c r="S4347" s="5" t="s">
        <v>1523</v>
      </c>
      <c r="T4347" s="5" t="s">
        <v>42</v>
      </c>
      <c r="U4347" s="2">
        <v>2.7120000000000002</v>
      </c>
      <c r="V4347" s="2">
        <v>2.3479999999999999</v>
      </c>
      <c r="W4347" s="2">
        <v>1.0999999999999999E-2</v>
      </c>
      <c r="X4347" s="2">
        <v>139.1</v>
      </c>
      <c r="Y4347" s="2">
        <v>7.6</v>
      </c>
      <c r="Z4347" s="2">
        <v>10.6</v>
      </c>
      <c r="AA4347" s="5"/>
      <c r="AB4347" s="5" t="s">
        <v>43</v>
      </c>
      <c r="AC4347" s="5" t="s">
        <v>44</v>
      </c>
      <c r="AD4347" s="2"/>
      <c r="AE4347" s="1"/>
    </row>
    <row r="4348" spans="1:31" ht="14.45">
      <c r="A4348" s="11"/>
      <c r="B4348" s="20"/>
      <c r="C4348" s="2" t="s">
        <v>13498</v>
      </c>
      <c r="D4348" s="14" t="s">
        <v>13499</v>
      </c>
      <c r="E4348" s="2" t="s">
        <v>13500</v>
      </c>
      <c r="F4348" s="2" t="s">
        <v>7543</v>
      </c>
      <c r="G4348" s="8">
        <v>182</v>
      </c>
      <c r="H4348" s="5">
        <v>6</v>
      </c>
      <c r="I4348" s="5" t="s">
        <v>1518</v>
      </c>
      <c r="J4348" s="5" t="s">
        <v>1519</v>
      </c>
      <c r="K4348" s="2" t="s">
        <v>1520</v>
      </c>
      <c r="L4348" s="5" t="s">
        <v>1519</v>
      </c>
      <c r="M4348" s="2" t="s">
        <v>1520</v>
      </c>
      <c r="N4348" s="5" t="s">
        <v>1521</v>
      </c>
      <c r="O4348" s="5" t="s">
        <v>38</v>
      </c>
      <c r="P4348" s="5" t="s">
        <v>39</v>
      </c>
      <c r="Q4348" s="5" t="s">
        <v>40</v>
      </c>
      <c r="R4348" s="5" t="s">
        <v>1522</v>
      </c>
      <c r="S4348" s="5" t="s">
        <v>1523</v>
      </c>
      <c r="T4348" s="5" t="s">
        <v>42</v>
      </c>
      <c r="U4348" s="2">
        <v>2.778</v>
      </c>
      <c r="V4348" s="2">
        <v>2.4140000000000001</v>
      </c>
      <c r="W4348" s="2">
        <v>1.0999999999999999E-2</v>
      </c>
      <c r="X4348" s="2">
        <v>139.1</v>
      </c>
      <c r="Y4348" s="2">
        <v>7.6</v>
      </c>
      <c r="Z4348" s="2">
        <v>10.6</v>
      </c>
      <c r="AA4348" s="5"/>
      <c r="AB4348" s="5" t="s">
        <v>43</v>
      </c>
      <c r="AC4348" s="5" t="s">
        <v>44</v>
      </c>
      <c r="AD4348" s="2"/>
      <c r="AE4348" s="1"/>
    </row>
    <row r="4349" spans="1:31" ht="14.45">
      <c r="A4349" s="11"/>
      <c r="B4349" s="20"/>
      <c r="C4349" s="2" t="s">
        <v>13501</v>
      </c>
      <c r="D4349" s="14" t="s">
        <v>13502</v>
      </c>
      <c r="E4349" s="2" t="s">
        <v>13503</v>
      </c>
      <c r="F4349" s="2" t="s">
        <v>7547</v>
      </c>
      <c r="G4349" s="8">
        <v>182</v>
      </c>
      <c r="H4349" s="5">
        <v>6</v>
      </c>
      <c r="I4349" s="5" t="s">
        <v>1518</v>
      </c>
      <c r="J4349" s="5" t="s">
        <v>1519</v>
      </c>
      <c r="K4349" s="2" t="s">
        <v>1520</v>
      </c>
      <c r="L4349" s="5" t="s">
        <v>1519</v>
      </c>
      <c r="M4349" s="2" t="s">
        <v>1520</v>
      </c>
      <c r="N4349" s="5" t="s">
        <v>1521</v>
      </c>
      <c r="O4349" s="5" t="s">
        <v>38</v>
      </c>
      <c r="P4349" s="5" t="s">
        <v>39</v>
      </c>
      <c r="Q4349" s="5" t="s">
        <v>40</v>
      </c>
      <c r="R4349" s="5" t="s">
        <v>1522</v>
      </c>
      <c r="S4349" s="5" t="s">
        <v>1523</v>
      </c>
      <c r="T4349" s="5" t="s">
        <v>42</v>
      </c>
      <c r="U4349" s="2">
        <v>2.6619999999999999</v>
      </c>
      <c r="V4349" s="2">
        <v>2.298</v>
      </c>
      <c r="W4349" s="2">
        <v>1.0999999999999999E-2</v>
      </c>
      <c r="X4349" s="2">
        <v>139.1</v>
      </c>
      <c r="Y4349" s="2">
        <v>7.6</v>
      </c>
      <c r="Z4349" s="2">
        <v>10.6</v>
      </c>
      <c r="AA4349" s="5"/>
      <c r="AB4349" s="5" t="s">
        <v>43</v>
      </c>
      <c r="AC4349" s="5" t="s">
        <v>44</v>
      </c>
      <c r="AD4349" s="2"/>
      <c r="AE4349" s="1"/>
    </row>
    <row r="4350" spans="1:31" ht="14.45">
      <c r="A4350" s="11"/>
      <c r="B4350" s="20"/>
      <c r="C4350" s="2" t="s">
        <v>13504</v>
      </c>
      <c r="D4350" s="14" t="s">
        <v>13505</v>
      </c>
      <c r="E4350" s="2" t="s">
        <v>13506</v>
      </c>
      <c r="F4350" s="2" t="s">
        <v>7555</v>
      </c>
      <c r="G4350" s="8">
        <v>182</v>
      </c>
      <c r="H4350" s="5">
        <v>6</v>
      </c>
      <c r="I4350" s="5" t="s">
        <v>1518</v>
      </c>
      <c r="J4350" s="5" t="s">
        <v>1519</v>
      </c>
      <c r="K4350" s="2" t="s">
        <v>1520</v>
      </c>
      <c r="L4350" s="5" t="s">
        <v>1519</v>
      </c>
      <c r="M4350" s="2" t="s">
        <v>1520</v>
      </c>
      <c r="N4350" s="5" t="s">
        <v>1521</v>
      </c>
      <c r="O4350" s="5" t="s">
        <v>38</v>
      </c>
      <c r="P4350" s="5" t="s">
        <v>39</v>
      </c>
      <c r="Q4350" s="5" t="s">
        <v>40</v>
      </c>
      <c r="R4350" s="5" t="s">
        <v>1522</v>
      </c>
      <c r="S4350" s="5" t="s">
        <v>1523</v>
      </c>
      <c r="T4350" s="5" t="s">
        <v>42</v>
      </c>
      <c r="U4350" s="2">
        <v>2.6619999999999999</v>
      </c>
      <c r="V4350" s="2">
        <v>2.298</v>
      </c>
      <c r="W4350" s="2">
        <v>1.0999999999999999E-2</v>
      </c>
      <c r="X4350" s="2">
        <v>139.1</v>
      </c>
      <c r="Y4350" s="2">
        <v>7.6</v>
      </c>
      <c r="Z4350" s="2">
        <v>10.6</v>
      </c>
      <c r="AA4350" s="5"/>
      <c r="AB4350" s="5" t="s">
        <v>43</v>
      </c>
      <c r="AC4350" s="5" t="s">
        <v>44</v>
      </c>
      <c r="AD4350" s="2"/>
      <c r="AE4350" s="1"/>
    </row>
    <row r="4351" spans="1:31" ht="14.45">
      <c r="A4351" s="11"/>
      <c r="B4351" s="20"/>
      <c r="C4351" s="2" t="s">
        <v>13507</v>
      </c>
      <c r="D4351" s="14" t="s">
        <v>13508</v>
      </c>
      <c r="E4351" s="2" t="s">
        <v>13509</v>
      </c>
      <c r="F4351" s="2" t="s">
        <v>7559</v>
      </c>
      <c r="G4351" s="8">
        <v>182</v>
      </c>
      <c r="H4351" s="5">
        <v>6</v>
      </c>
      <c r="I4351" s="5" t="s">
        <v>1518</v>
      </c>
      <c r="J4351" s="5" t="s">
        <v>1519</v>
      </c>
      <c r="K4351" s="2" t="s">
        <v>1520</v>
      </c>
      <c r="L4351" s="5" t="s">
        <v>1519</v>
      </c>
      <c r="M4351" s="2" t="s">
        <v>1520</v>
      </c>
      <c r="N4351" s="5" t="s">
        <v>1521</v>
      </c>
      <c r="O4351" s="5" t="s">
        <v>38</v>
      </c>
      <c r="P4351" s="5" t="s">
        <v>39</v>
      </c>
      <c r="Q4351" s="5" t="s">
        <v>40</v>
      </c>
      <c r="R4351" s="5" t="s">
        <v>1522</v>
      </c>
      <c r="S4351" s="5" t="s">
        <v>1523</v>
      </c>
      <c r="T4351" s="5" t="s">
        <v>42</v>
      </c>
      <c r="U4351" s="2">
        <v>2.7280000000000002</v>
      </c>
      <c r="V4351" s="2">
        <v>2.3639999999999999</v>
      </c>
      <c r="W4351" s="2">
        <v>1.0999999999999999E-2</v>
      </c>
      <c r="X4351" s="2">
        <v>139.1</v>
      </c>
      <c r="Y4351" s="2">
        <v>7.6</v>
      </c>
      <c r="Z4351" s="2">
        <v>10.6</v>
      </c>
      <c r="AA4351" s="5"/>
      <c r="AB4351" s="5" t="s">
        <v>43</v>
      </c>
      <c r="AC4351" s="5" t="s">
        <v>44</v>
      </c>
      <c r="AD4351" s="2"/>
      <c r="AE4351" s="1"/>
    </row>
    <row r="4352" spans="1:31" ht="14.45">
      <c r="A4352" s="11"/>
      <c r="B4352" s="20"/>
      <c r="C4352" s="2" t="s">
        <v>13510</v>
      </c>
      <c r="D4352" s="14" t="s">
        <v>13511</v>
      </c>
      <c r="E4352" s="2" t="s">
        <v>13512</v>
      </c>
      <c r="F4352" s="2" t="s">
        <v>7563</v>
      </c>
      <c r="G4352" s="8">
        <v>182</v>
      </c>
      <c r="H4352" s="5">
        <v>6</v>
      </c>
      <c r="I4352" s="5" t="s">
        <v>1518</v>
      </c>
      <c r="J4352" s="5" t="s">
        <v>1519</v>
      </c>
      <c r="K4352" s="2" t="s">
        <v>1520</v>
      </c>
      <c r="L4352" s="5" t="s">
        <v>1519</v>
      </c>
      <c r="M4352" s="2" t="s">
        <v>1520</v>
      </c>
      <c r="N4352" s="5" t="s">
        <v>1521</v>
      </c>
      <c r="O4352" s="5" t="s">
        <v>38</v>
      </c>
      <c r="P4352" s="5" t="s">
        <v>39</v>
      </c>
      <c r="Q4352" s="5" t="s">
        <v>40</v>
      </c>
      <c r="R4352" s="5" t="s">
        <v>1522</v>
      </c>
      <c r="S4352" s="5" t="s">
        <v>1523</v>
      </c>
      <c r="T4352" s="5" t="s">
        <v>42</v>
      </c>
      <c r="U4352" s="2">
        <v>2.7120000000000002</v>
      </c>
      <c r="V4352" s="2">
        <v>2.3479999999999999</v>
      </c>
      <c r="W4352" s="2">
        <v>6.0000000000000001E-3</v>
      </c>
      <c r="X4352" s="2">
        <v>76.900000000000006</v>
      </c>
      <c r="Y4352" s="2">
        <v>7.6</v>
      </c>
      <c r="Z4352" s="2">
        <v>10.6</v>
      </c>
      <c r="AA4352" s="5"/>
      <c r="AB4352" s="5" t="s">
        <v>43</v>
      </c>
      <c r="AC4352" s="5" t="s">
        <v>44</v>
      </c>
      <c r="AD4352" s="2"/>
      <c r="AE4352" s="1"/>
    </row>
    <row r="4353" spans="1:31" ht="14.45">
      <c r="A4353" s="11"/>
      <c r="B4353" s="20"/>
      <c r="C4353" s="2" t="s">
        <v>13513</v>
      </c>
      <c r="D4353" s="14" t="s">
        <v>13514</v>
      </c>
      <c r="E4353" s="2" t="s">
        <v>13515</v>
      </c>
      <c r="F4353" s="2" t="s">
        <v>7567</v>
      </c>
      <c r="G4353" s="8">
        <v>182</v>
      </c>
      <c r="H4353" s="5">
        <v>6</v>
      </c>
      <c r="I4353" s="5" t="s">
        <v>1518</v>
      </c>
      <c r="J4353" s="5" t="s">
        <v>1519</v>
      </c>
      <c r="K4353" s="2" t="s">
        <v>1520</v>
      </c>
      <c r="L4353" s="5" t="s">
        <v>1519</v>
      </c>
      <c r="M4353" s="2" t="s">
        <v>1520</v>
      </c>
      <c r="N4353" s="5" t="s">
        <v>1521</v>
      </c>
      <c r="O4353" s="5" t="s">
        <v>38</v>
      </c>
      <c r="P4353" s="5" t="s">
        <v>39</v>
      </c>
      <c r="Q4353" s="5" t="s">
        <v>40</v>
      </c>
      <c r="R4353" s="5" t="s">
        <v>1522</v>
      </c>
      <c r="S4353" s="5" t="s">
        <v>1523</v>
      </c>
      <c r="T4353" s="5" t="s">
        <v>42</v>
      </c>
      <c r="U4353" s="2">
        <v>2.778</v>
      </c>
      <c r="V4353" s="2">
        <v>2.4140000000000001</v>
      </c>
      <c r="W4353" s="2">
        <v>6.0000000000000001E-3</v>
      </c>
      <c r="X4353" s="2">
        <v>76.900000000000006</v>
      </c>
      <c r="Y4353" s="2">
        <v>7.6</v>
      </c>
      <c r="Z4353" s="2">
        <v>10.6</v>
      </c>
      <c r="AA4353" s="5"/>
      <c r="AB4353" s="5" t="s">
        <v>43</v>
      </c>
      <c r="AC4353" s="5" t="s">
        <v>44</v>
      </c>
      <c r="AD4353" s="2"/>
      <c r="AE4353" s="1"/>
    </row>
    <row r="4354" spans="1:31" ht="14.45">
      <c r="A4354" s="11"/>
      <c r="B4354" s="20"/>
      <c r="C4354" s="2" t="s">
        <v>13516</v>
      </c>
      <c r="D4354" s="14" t="s">
        <v>13517</v>
      </c>
      <c r="E4354" s="2" t="s">
        <v>13518</v>
      </c>
      <c r="F4354" s="2" t="s">
        <v>7429</v>
      </c>
      <c r="G4354" s="8">
        <v>182</v>
      </c>
      <c r="H4354" s="5">
        <v>6</v>
      </c>
      <c r="I4354" s="5" t="s">
        <v>1518</v>
      </c>
      <c r="J4354" s="5" t="s">
        <v>1519</v>
      </c>
      <c r="K4354" s="2" t="s">
        <v>1520</v>
      </c>
      <c r="L4354" s="5" t="s">
        <v>1519</v>
      </c>
      <c r="M4354" s="2" t="s">
        <v>1520</v>
      </c>
      <c r="N4354" s="5" t="s">
        <v>1521</v>
      </c>
      <c r="O4354" s="5" t="s">
        <v>38</v>
      </c>
      <c r="P4354" s="5" t="s">
        <v>39</v>
      </c>
      <c r="Q4354" s="5" t="s">
        <v>40</v>
      </c>
      <c r="R4354" s="5" t="s">
        <v>1522</v>
      </c>
      <c r="S4354" s="5" t="s">
        <v>1523</v>
      </c>
      <c r="T4354" s="5" t="s">
        <v>42</v>
      </c>
      <c r="U4354" s="2">
        <v>2.7120000000000002</v>
      </c>
      <c r="V4354" s="2">
        <v>2.3479999999999999</v>
      </c>
      <c r="W4354" s="2">
        <v>6.0000000000000001E-3</v>
      </c>
      <c r="X4354" s="2">
        <v>76.900000000000006</v>
      </c>
      <c r="Y4354" s="2">
        <v>7.6</v>
      </c>
      <c r="Z4354" s="2">
        <v>10.6</v>
      </c>
      <c r="AA4354" s="5"/>
      <c r="AB4354" s="5" t="s">
        <v>43</v>
      </c>
      <c r="AC4354" s="5" t="s">
        <v>44</v>
      </c>
      <c r="AD4354" s="2"/>
      <c r="AE4354" s="1"/>
    </row>
    <row r="4355" spans="1:31" ht="14.45">
      <c r="A4355" s="11"/>
      <c r="B4355" s="20"/>
      <c r="C4355" s="2" t="s">
        <v>13519</v>
      </c>
      <c r="D4355" s="14" t="s">
        <v>13520</v>
      </c>
      <c r="E4355" s="2" t="s">
        <v>13521</v>
      </c>
      <c r="F4355" s="2" t="s">
        <v>7574</v>
      </c>
      <c r="G4355" s="8">
        <v>182</v>
      </c>
      <c r="H4355" s="5">
        <v>6</v>
      </c>
      <c r="I4355" s="5" t="s">
        <v>1518</v>
      </c>
      <c r="J4355" s="5" t="s">
        <v>1519</v>
      </c>
      <c r="K4355" s="2" t="s">
        <v>1520</v>
      </c>
      <c r="L4355" s="5" t="s">
        <v>1519</v>
      </c>
      <c r="M4355" s="2" t="s">
        <v>1520</v>
      </c>
      <c r="N4355" s="5" t="s">
        <v>1521</v>
      </c>
      <c r="O4355" s="5" t="s">
        <v>38</v>
      </c>
      <c r="P4355" s="5" t="s">
        <v>39</v>
      </c>
      <c r="Q4355" s="5" t="s">
        <v>40</v>
      </c>
      <c r="R4355" s="5" t="s">
        <v>1522</v>
      </c>
      <c r="S4355" s="5" t="s">
        <v>1523</v>
      </c>
      <c r="T4355" s="5" t="s">
        <v>42</v>
      </c>
      <c r="U4355" s="2">
        <v>2.778</v>
      </c>
      <c r="V4355" s="2">
        <v>2.4140000000000001</v>
      </c>
      <c r="W4355" s="2">
        <v>6.0000000000000001E-3</v>
      </c>
      <c r="X4355" s="2">
        <v>76.900000000000006</v>
      </c>
      <c r="Y4355" s="2">
        <v>7.6</v>
      </c>
      <c r="Z4355" s="2">
        <v>10.6</v>
      </c>
      <c r="AA4355" s="5"/>
      <c r="AB4355" s="5" t="s">
        <v>43</v>
      </c>
      <c r="AC4355" s="5" t="s">
        <v>44</v>
      </c>
      <c r="AD4355" s="2"/>
      <c r="AE4355" s="1"/>
    </row>
    <row r="4356" spans="1:31" ht="14.45">
      <c r="A4356" s="11"/>
      <c r="B4356" s="20"/>
      <c r="C4356" s="2" t="s">
        <v>13522</v>
      </c>
      <c r="D4356" s="14" t="s">
        <v>13523</v>
      </c>
      <c r="E4356" s="2" t="s">
        <v>13524</v>
      </c>
      <c r="F4356" s="2" t="s">
        <v>7449</v>
      </c>
      <c r="G4356" s="8">
        <v>182</v>
      </c>
      <c r="H4356" s="5">
        <v>6</v>
      </c>
      <c r="I4356" s="5" t="s">
        <v>1518</v>
      </c>
      <c r="J4356" s="5" t="s">
        <v>1519</v>
      </c>
      <c r="K4356" s="2" t="s">
        <v>1520</v>
      </c>
      <c r="L4356" s="5" t="s">
        <v>1519</v>
      </c>
      <c r="M4356" s="2" t="s">
        <v>1520</v>
      </c>
      <c r="N4356" s="5" t="s">
        <v>1521</v>
      </c>
      <c r="O4356" s="5" t="s">
        <v>38</v>
      </c>
      <c r="P4356" s="5" t="s">
        <v>39</v>
      </c>
      <c r="Q4356" s="5" t="s">
        <v>40</v>
      </c>
      <c r="R4356" s="5" t="s">
        <v>1522</v>
      </c>
      <c r="S4356" s="5" t="s">
        <v>1523</v>
      </c>
      <c r="T4356" s="5" t="s">
        <v>42</v>
      </c>
      <c r="U4356" s="2">
        <v>2.7120000000000002</v>
      </c>
      <c r="V4356" s="2">
        <v>2.3479999999999999</v>
      </c>
      <c r="W4356" s="2">
        <v>6.0000000000000001E-3</v>
      </c>
      <c r="X4356" s="2">
        <v>76.900000000000006</v>
      </c>
      <c r="Y4356" s="2">
        <v>7.6</v>
      </c>
      <c r="Z4356" s="2">
        <v>10.6</v>
      </c>
      <c r="AA4356" s="5"/>
      <c r="AB4356" s="5" t="s">
        <v>43</v>
      </c>
      <c r="AC4356" s="5" t="s">
        <v>44</v>
      </c>
      <c r="AD4356" s="2"/>
      <c r="AE4356" s="1"/>
    </row>
    <row r="4357" spans="1:31" ht="14.45">
      <c r="A4357" s="11"/>
      <c r="B4357" s="20"/>
      <c r="C4357" s="2" t="s">
        <v>13525</v>
      </c>
      <c r="D4357" s="14" t="s">
        <v>13526</v>
      </c>
      <c r="E4357" s="2" t="s">
        <v>13527</v>
      </c>
      <c r="F4357" s="2" t="s">
        <v>7581</v>
      </c>
      <c r="G4357" s="8">
        <v>182</v>
      </c>
      <c r="H4357" s="5">
        <v>6</v>
      </c>
      <c r="I4357" s="5" t="s">
        <v>1518</v>
      </c>
      <c r="J4357" s="5" t="s">
        <v>1519</v>
      </c>
      <c r="K4357" s="2" t="s">
        <v>1520</v>
      </c>
      <c r="L4357" s="5" t="s">
        <v>1519</v>
      </c>
      <c r="M4357" s="2" t="s">
        <v>1520</v>
      </c>
      <c r="N4357" s="5" t="s">
        <v>1521</v>
      </c>
      <c r="O4357" s="5" t="s">
        <v>38</v>
      </c>
      <c r="P4357" s="5" t="s">
        <v>39</v>
      </c>
      <c r="Q4357" s="5" t="s">
        <v>40</v>
      </c>
      <c r="R4357" s="5" t="s">
        <v>1522</v>
      </c>
      <c r="S4357" s="5" t="s">
        <v>1523</v>
      </c>
      <c r="T4357" s="5" t="s">
        <v>42</v>
      </c>
      <c r="U4357" s="2">
        <v>2.778</v>
      </c>
      <c r="V4357" s="2">
        <v>2.4140000000000001</v>
      </c>
      <c r="W4357" s="2">
        <v>6.0000000000000001E-3</v>
      </c>
      <c r="X4357" s="2">
        <v>76.900000000000006</v>
      </c>
      <c r="Y4357" s="2">
        <v>7.6</v>
      </c>
      <c r="Z4357" s="2">
        <v>10.6</v>
      </c>
      <c r="AA4357" s="5"/>
      <c r="AB4357" s="5" t="s">
        <v>43</v>
      </c>
      <c r="AC4357" s="5" t="s">
        <v>44</v>
      </c>
      <c r="AD4357" s="2"/>
      <c r="AE4357" s="1"/>
    </row>
    <row r="4358" spans="1:31" ht="14.45">
      <c r="A4358" s="11"/>
      <c r="B4358" s="20"/>
      <c r="C4358" s="2" t="s">
        <v>13528</v>
      </c>
      <c r="D4358" s="14" t="s">
        <v>13529</v>
      </c>
      <c r="E4358" s="2" t="s">
        <v>13530</v>
      </c>
      <c r="F4358" s="2" t="s">
        <v>7585</v>
      </c>
      <c r="G4358" s="8">
        <v>182</v>
      </c>
      <c r="H4358" s="5">
        <v>6</v>
      </c>
      <c r="I4358" s="5" t="s">
        <v>1518</v>
      </c>
      <c r="J4358" s="5" t="s">
        <v>1519</v>
      </c>
      <c r="K4358" s="2" t="s">
        <v>1520</v>
      </c>
      <c r="L4358" s="5" t="s">
        <v>1519</v>
      </c>
      <c r="M4358" s="2" t="s">
        <v>1520</v>
      </c>
      <c r="N4358" s="5" t="s">
        <v>1521</v>
      </c>
      <c r="O4358" s="5" t="s">
        <v>38</v>
      </c>
      <c r="P4358" s="5" t="s">
        <v>39</v>
      </c>
      <c r="Q4358" s="5" t="s">
        <v>40</v>
      </c>
      <c r="R4358" s="5" t="s">
        <v>1522</v>
      </c>
      <c r="S4358" s="5" t="s">
        <v>1523</v>
      </c>
      <c r="T4358" s="5" t="s">
        <v>42</v>
      </c>
      <c r="U4358" s="2">
        <v>2.6619999999999999</v>
      </c>
      <c r="V4358" s="2">
        <v>2.298</v>
      </c>
      <c r="W4358" s="2">
        <v>6.0000000000000001E-3</v>
      </c>
      <c r="X4358" s="2">
        <v>76.900000000000006</v>
      </c>
      <c r="Y4358" s="2">
        <v>7.6</v>
      </c>
      <c r="Z4358" s="2">
        <v>10.6</v>
      </c>
      <c r="AA4358" s="5"/>
      <c r="AB4358" s="5" t="s">
        <v>43</v>
      </c>
      <c r="AC4358" s="5" t="s">
        <v>44</v>
      </c>
      <c r="AD4358" s="2"/>
      <c r="AE4358" s="1"/>
    </row>
    <row r="4359" spans="1:31" ht="14.45">
      <c r="A4359" s="11"/>
      <c r="B4359" s="20"/>
      <c r="C4359" s="2" t="s">
        <v>13531</v>
      </c>
      <c r="D4359" s="14" t="s">
        <v>13532</v>
      </c>
      <c r="E4359" s="2" t="s">
        <v>13533</v>
      </c>
      <c r="F4359" s="2" t="s">
        <v>7589</v>
      </c>
      <c r="G4359" s="8">
        <v>182</v>
      </c>
      <c r="H4359" s="5">
        <v>6</v>
      </c>
      <c r="I4359" s="5" t="s">
        <v>1518</v>
      </c>
      <c r="J4359" s="5" t="s">
        <v>1519</v>
      </c>
      <c r="K4359" s="2" t="s">
        <v>1520</v>
      </c>
      <c r="L4359" s="5" t="s">
        <v>1519</v>
      </c>
      <c r="M4359" s="2" t="s">
        <v>1520</v>
      </c>
      <c r="N4359" s="5" t="s">
        <v>1521</v>
      </c>
      <c r="O4359" s="5" t="s">
        <v>38</v>
      </c>
      <c r="P4359" s="5" t="s">
        <v>39</v>
      </c>
      <c r="Q4359" s="5" t="s">
        <v>40</v>
      </c>
      <c r="R4359" s="5" t="s">
        <v>1522</v>
      </c>
      <c r="S4359" s="5" t="s">
        <v>1523</v>
      </c>
      <c r="T4359" s="5" t="s">
        <v>42</v>
      </c>
      <c r="U4359" s="2">
        <v>2.7280000000000002</v>
      </c>
      <c r="V4359" s="2">
        <v>2.3639999999999999</v>
      </c>
      <c r="W4359" s="2">
        <v>6.0000000000000001E-3</v>
      </c>
      <c r="X4359" s="2">
        <v>76.900000000000006</v>
      </c>
      <c r="Y4359" s="2">
        <v>7.6</v>
      </c>
      <c r="Z4359" s="2">
        <v>10.6</v>
      </c>
      <c r="AA4359" s="5"/>
      <c r="AB4359" s="5" t="s">
        <v>43</v>
      </c>
      <c r="AC4359" s="5" t="s">
        <v>44</v>
      </c>
      <c r="AD4359" s="2"/>
      <c r="AE4359" s="1"/>
    </row>
    <row r="4360" spans="1:31" ht="14.45">
      <c r="A4360" s="11"/>
      <c r="B4360" s="20"/>
      <c r="C4360" s="2" t="s">
        <v>13534</v>
      </c>
      <c r="D4360" s="14" t="s">
        <v>13535</v>
      </c>
      <c r="E4360" s="2" t="s">
        <v>13536</v>
      </c>
      <c r="F4360" s="2" t="s">
        <v>7593</v>
      </c>
      <c r="G4360" s="8">
        <v>182</v>
      </c>
      <c r="H4360" s="5">
        <v>6</v>
      </c>
      <c r="I4360" s="5" t="s">
        <v>1518</v>
      </c>
      <c r="J4360" s="5" t="s">
        <v>1519</v>
      </c>
      <c r="K4360" s="2" t="s">
        <v>1520</v>
      </c>
      <c r="L4360" s="5" t="s">
        <v>1519</v>
      </c>
      <c r="M4360" s="2" t="s">
        <v>1520</v>
      </c>
      <c r="N4360" s="5" t="s">
        <v>1521</v>
      </c>
      <c r="O4360" s="5" t="s">
        <v>38</v>
      </c>
      <c r="P4360" s="5" t="s">
        <v>39</v>
      </c>
      <c r="Q4360" s="5" t="s">
        <v>40</v>
      </c>
      <c r="R4360" s="5" t="s">
        <v>1522</v>
      </c>
      <c r="S4360" s="5" t="s">
        <v>1523</v>
      </c>
      <c r="T4360" s="5" t="s">
        <v>42</v>
      </c>
      <c r="U4360" s="2">
        <v>2.7120000000000002</v>
      </c>
      <c r="V4360" s="2">
        <v>2.3479999999999999</v>
      </c>
      <c r="W4360" s="2">
        <v>6.0000000000000001E-3</v>
      </c>
      <c r="X4360" s="2">
        <v>76.900000000000006</v>
      </c>
      <c r="Y4360" s="2">
        <v>7.6</v>
      </c>
      <c r="Z4360" s="2">
        <v>10.6</v>
      </c>
      <c r="AA4360" s="5"/>
      <c r="AB4360" s="5" t="s">
        <v>43</v>
      </c>
      <c r="AC4360" s="5" t="s">
        <v>44</v>
      </c>
      <c r="AD4360" s="2"/>
      <c r="AE4360" s="1"/>
    </row>
    <row r="4361" spans="1:31" ht="14.45">
      <c r="A4361" s="11"/>
      <c r="B4361" s="20"/>
      <c r="C4361" s="2" t="s">
        <v>13537</v>
      </c>
      <c r="D4361" s="14" t="s">
        <v>13538</v>
      </c>
      <c r="E4361" s="2" t="s">
        <v>13539</v>
      </c>
      <c r="F4361" s="2" t="s">
        <v>7597</v>
      </c>
      <c r="G4361" s="8">
        <v>182</v>
      </c>
      <c r="H4361" s="5">
        <v>6</v>
      </c>
      <c r="I4361" s="5" t="s">
        <v>1518</v>
      </c>
      <c r="J4361" s="5" t="s">
        <v>1519</v>
      </c>
      <c r="K4361" s="2" t="s">
        <v>1520</v>
      </c>
      <c r="L4361" s="5" t="s">
        <v>1519</v>
      </c>
      <c r="M4361" s="2" t="s">
        <v>1520</v>
      </c>
      <c r="N4361" s="5" t="s">
        <v>1521</v>
      </c>
      <c r="O4361" s="5" t="s">
        <v>38</v>
      </c>
      <c r="P4361" s="5" t="s">
        <v>39</v>
      </c>
      <c r="Q4361" s="5" t="s">
        <v>40</v>
      </c>
      <c r="R4361" s="5" t="s">
        <v>1522</v>
      </c>
      <c r="S4361" s="5" t="s">
        <v>1523</v>
      </c>
      <c r="T4361" s="5" t="s">
        <v>42</v>
      </c>
      <c r="U4361" s="2">
        <v>2.778</v>
      </c>
      <c r="V4361" s="2">
        <v>2.4140000000000001</v>
      </c>
      <c r="W4361" s="2">
        <v>6.0000000000000001E-3</v>
      </c>
      <c r="X4361" s="2">
        <v>76.900000000000006</v>
      </c>
      <c r="Y4361" s="2">
        <v>7.6</v>
      </c>
      <c r="Z4361" s="2">
        <v>10.6</v>
      </c>
      <c r="AA4361" s="5"/>
      <c r="AB4361" s="5" t="s">
        <v>43</v>
      </c>
      <c r="AC4361" s="5" t="s">
        <v>44</v>
      </c>
      <c r="AD4361" s="2"/>
      <c r="AE4361" s="1"/>
    </row>
    <row r="4362" spans="1:31" ht="14.45">
      <c r="A4362" s="11"/>
      <c r="B4362" s="20"/>
      <c r="C4362" s="2" t="s">
        <v>13540</v>
      </c>
      <c r="D4362" s="14" t="s">
        <v>13541</v>
      </c>
      <c r="E4362" s="2" t="s">
        <v>13542</v>
      </c>
      <c r="F4362" s="2" t="s">
        <v>7410</v>
      </c>
      <c r="G4362" s="8">
        <v>182</v>
      </c>
      <c r="H4362" s="5">
        <v>6</v>
      </c>
      <c r="I4362" s="5" t="s">
        <v>1518</v>
      </c>
      <c r="J4362" s="5" t="s">
        <v>1519</v>
      </c>
      <c r="K4362" s="2" t="s">
        <v>1520</v>
      </c>
      <c r="L4362" s="5" t="s">
        <v>1519</v>
      </c>
      <c r="M4362" s="2" t="s">
        <v>1520</v>
      </c>
      <c r="N4362" s="5" t="s">
        <v>1521</v>
      </c>
      <c r="O4362" s="5" t="s">
        <v>38</v>
      </c>
      <c r="P4362" s="5" t="s">
        <v>39</v>
      </c>
      <c r="Q4362" s="5" t="s">
        <v>40</v>
      </c>
      <c r="R4362" s="5" t="s">
        <v>1522</v>
      </c>
      <c r="S4362" s="5" t="s">
        <v>1523</v>
      </c>
      <c r="T4362" s="5" t="s">
        <v>42</v>
      </c>
      <c r="U4362" s="2">
        <v>2.7120000000000002</v>
      </c>
      <c r="V4362" s="2">
        <v>2.3479999999999999</v>
      </c>
      <c r="W4362" s="2">
        <v>6.0000000000000001E-3</v>
      </c>
      <c r="X4362" s="2">
        <v>76.900000000000006</v>
      </c>
      <c r="Y4362" s="2">
        <v>7.6</v>
      </c>
      <c r="Z4362" s="2">
        <v>10.6</v>
      </c>
      <c r="AA4362" s="5"/>
      <c r="AB4362" s="5" t="s">
        <v>43</v>
      </c>
      <c r="AC4362" s="5" t="s">
        <v>44</v>
      </c>
      <c r="AD4362" s="2"/>
      <c r="AE4362" s="1"/>
    </row>
    <row r="4363" spans="1:31" ht="14.45">
      <c r="A4363" s="11"/>
      <c r="B4363" s="20"/>
      <c r="C4363" s="2" t="s">
        <v>13543</v>
      </c>
      <c r="D4363" s="14" t="s">
        <v>13544</v>
      </c>
      <c r="E4363" s="2" t="s">
        <v>13545</v>
      </c>
      <c r="F4363" s="2" t="s">
        <v>7604</v>
      </c>
      <c r="G4363" s="8">
        <v>182</v>
      </c>
      <c r="H4363" s="5">
        <v>6</v>
      </c>
      <c r="I4363" s="5" t="s">
        <v>1518</v>
      </c>
      <c r="J4363" s="5" t="s">
        <v>1519</v>
      </c>
      <c r="K4363" s="2" t="s">
        <v>1520</v>
      </c>
      <c r="L4363" s="5" t="s">
        <v>1519</v>
      </c>
      <c r="M4363" s="2" t="s">
        <v>1520</v>
      </c>
      <c r="N4363" s="5" t="s">
        <v>1521</v>
      </c>
      <c r="O4363" s="5" t="s">
        <v>38</v>
      </c>
      <c r="P4363" s="5" t="s">
        <v>39</v>
      </c>
      <c r="Q4363" s="5" t="s">
        <v>40</v>
      </c>
      <c r="R4363" s="5" t="s">
        <v>1522</v>
      </c>
      <c r="S4363" s="5" t="s">
        <v>1523</v>
      </c>
      <c r="T4363" s="5" t="s">
        <v>42</v>
      </c>
      <c r="U4363" s="2">
        <v>2.778</v>
      </c>
      <c r="V4363" s="2">
        <v>2.4140000000000001</v>
      </c>
      <c r="W4363" s="2">
        <v>6.0000000000000001E-3</v>
      </c>
      <c r="X4363" s="2">
        <v>76.900000000000006</v>
      </c>
      <c r="Y4363" s="2">
        <v>7.6</v>
      </c>
      <c r="Z4363" s="2">
        <v>10.6</v>
      </c>
      <c r="AA4363" s="5"/>
      <c r="AB4363" s="5" t="s">
        <v>43</v>
      </c>
      <c r="AC4363" s="5" t="s">
        <v>44</v>
      </c>
      <c r="AD4363" s="2"/>
      <c r="AE4363" s="1"/>
    </row>
    <row r="4364" spans="1:31" ht="14.45">
      <c r="A4364" s="11"/>
      <c r="B4364" s="20"/>
      <c r="C4364" s="2" t="s">
        <v>13546</v>
      </c>
      <c r="D4364" s="14" t="s">
        <v>13547</v>
      </c>
      <c r="E4364" s="2" t="s">
        <v>13548</v>
      </c>
      <c r="F4364" s="2" t="s">
        <v>7433</v>
      </c>
      <c r="G4364" s="8">
        <v>182</v>
      </c>
      <c r="H4364" s="5">
        <v>6</v>
      </c>
      <c r="I4364" s="5" t="s">
        <v>1518</v>
      </c>
      <c r="J4364" s="5" t="s">
        <v>1519</v>
      </c>
      <c r="K4364" s="2" t="s">
        <v>1520</v>
      </c>
      <c r="L4364" s="5" t="s">
        <v>1519</v>
      </c>
      <c r="M4364" s="2" t="s">
        <v>1520</v>
      </c>
      <c r="N4364" s="5" t="s">
        <v>1521</v>
      </c>
      <c r="O4364" s="5" t="s">
        <v>38</v>
      </c>
      <c r="P4364" s="5" t="s">
        <v>39</v>
      </c>
      <c r="Q4364" s="5" t="s">
        <v>40</v>
      </c>
      <c r="R4364" s="5" t="s">
        <v>1522</v>
      </c>
      <c r="S4364" s="5" t="s">
        <v>1523</v>
      </c>
      <c r="T4364" s="5" t="s">
        <v>42</v>
      </c>
      <c r="U4364" s="2">
        <v>2.7120000000000002</v>
      </c>
      <c r="V4364" s="2">
        <v>2.3479999999999999</v>
      </c>
      <c r="W4364" s="2">
        <v>6.0000000000000001E-3</v>
      </c>
      <c r="X4364" s="2">
        <v>76.900000000000006</v>
      </c>
      <c r="Y4364" s="2">
        <v>7.6</v>
      </c>
      <c r="Z4364" s="2">
        <v>10.6</v>
      </c>
      <c r="AA4364" s="5"/>
      <c r="AB4364" s="5" t="s">
        <v>43</v>
      </c>
      <c r="AC4364" s="5" t="s">
        <v>44</v>
      </c>
      <c r="AD4364" s="2"/>
      <c r="AE4364" s="1"/>
    </row>
    <row r="4365" spans="1:31" ht="14.45">
      <c r="A4365" s="11"/>
      <c r="B4365" s="20"/>
      <c r="C4365" s="2" t="s">
        <v>13549</v>
      </c>
      <c r="D4365" s="14" t="s">
        <v>13550</v>
      </c>
      <c r="E4365" s="2" t="s">
        <v>13551</v>
      </c>
      <c r="F4365" s="2" t="s">
        <v>7611</v>
      </c>
      <c r="G4365" s="8">
        <v>182</v>
      </c>
      <c r="H4365" s="5">
        <v>6</v>
      </c>
      <c r="I4365" s="5" t="s">
        <v>1518</v>
      </c>
      <c r="J4365" s="5" t="s">
        <v>1519</v>
      </c>
      <c r="K4365" s="2" t="s">
        <v>1520</v>
      </c>
      <c r="L4365" s="5" t="s">
        <v>1519</v>
      </c>
      <c r="M4365" s="2" t="s">
        <v>1520</v>
      </c>
      <c r="N4365" s="5" t="s">
        <v>1521</v>
      </c>
      <c r="O4365" s="5" t="s">
        <v>38</v>
      </c>
      <c r="P4365" s="5" t="s">
        <v>39</v>
      </c>
      <c r="Q4365" s="5" t="s">
        <v>40</v>
      </c>
      <c r="R4365" s="5" t="s">
        <v>1522</v>
      </c>
      <c r="S4365" s="5" t="s">
        <v>1523</v>
      </c>
      <c r="T4365" s="5" t="s">
        <v>42</v>
      </c>
      <c r="U4365" s="2">
        <v>2.778</v>
      </c>
      <c r="V4365" s="2">
        <v>2.4140000000000001</v>
      </c>
      <c r="W4365" s="2">
        <v>6.0000000000000001E-3</v>
      </c>
      <c r="X4365" s="2">
        <v>76.900000000000006</v>
      </c>
      <c r="Y4365" s="2">
        <v>7.6</v>
      </c>
      <c r="Z4365" s="2">
        <v>10.6</v>
      </c>
      <c r="AA4365" s="5"/>
      <c r="AB4365" s="5" t="s">
        <v>43</v>
      </c>
      <c r="AC4365" s="5" t="s">
        <v>44</v>
      </c>
      <c r="AD4365" s="2"/>
      <c r="AE4365" s="1"/>
    </row>
    <row r="4366" spans="1:31" ht="14.45">
      <c r="A4366" s="11"/>
      <c r="B4366" s="20"/>
      <c r="C4366" s="2" t="s">
        <v>13552</v>
      </c>
      <c r="D4366" s="14" t="s">
        <v>13553</v>
      </c>
      <c r="E4366" s="2" t="s">
        <v>13554</v>
      </c>
      <c r="F4366" s="2" t="s">
        <v>7615</v>
      </c>
      <c r="G4366" s="8">
        <v>182</v>
      </c>
      <c r="H4366" s="5">
        <v>6</v>
      </c>
      <c r="I4366" s="5" t="s">
        <v>1518</v>
      </c>
      <c r="J4366" s="5" t="s">
        <v>1519</v>
      </c>
      <c r="K4366" s="2" t="s">
        <v>1520</v>
      </c>
      <c r="L4366" s="5" t="s">
        <v>1519</v>
      </c>
      <c r="M4366" s="2" t="s">
        <v>1520</v>
      </c>
      <c r="N4366" s="5" t="s">
        <v>1521</v>
      </c>
      <c r="O4366" s="5" t="s">
        <v>38</v>
      </c>
      <c r="P4366" s="5" t="s">
        <v>39</v>
      </c>
      <c r="Q4366" s="5" t="s">
        <v>40</v>
      </c>
      <c r="R4366" s="5" t="s">
        <v>1522</v>
      </c>
      <c r="S4366" s="5" t="s">
        <v>1523</v>
      </c>
      <c r="T4366" s="5" t="s">
        <v>42</v>
      </c>
      <c r="U4366" s="2">
        <v>2.6619999999999999</v>
      </c>
      <c r="V4366" s="2">
        <v>2.298</v>
      </c>
      <c r="W4366" s="2">
        <v>6.0000000000000001E-3</v>
      </c>
      <c r="X4366" s="2">
        <v>76.900000000000006</v>
      </c>
      <c r="Y4366" s="2">
        <v>7.6</v>
      </c>
      <c r="Z4366" s="2">
        <v>10.6</v>
      </c>
      <c r="AA4366" s="5"/>
      <c r="AB4366" s="5" t="s">
        <v>43</v>
      </c>
      <c r="AC4366" s="5" t="s">
        <v>44</v>
      </c>
      <c r="AD4366" s="2"/>
      <c r="AE4366" s="1"/>
    </row>
    <row r="4367" spans="1:31" ht="14.45">
      <c r="A4367" s="11"/>
      <c r="B4367" s="20"/>
      <c r="C4367" s="2" t="s">
        <v>13555</v>
      </c>
      <c r="D4367" s="14" t="s">
        <v>13556</v>
      </c>
      <c r="E4367" s="2" t="s">
        <v>13557</v>
      </c>
      <c r="F4367" s="2" t="s">
        <v>7619</v>
      </c>
      <c r="G4367" s="8">
        <v>182</v>
      </c>
      <c r="H4367" s="5">
        <v>6</v>
      </c>
      <c r="I4367" s="5" t="s">
        <v>1518</v>
      </c>
      <c r="J4367" s="5" t="s">
        <v>1519</v>
      </c>
      <c r="K4367" s="2" t="s">
        <v>1520</v>
      </c>
      <c r="L4367" s="5" t="s">
        <v>1519</v>
      </c>
      <c r="M4367" s="2" t="s">
        <v>1520</v>
      </c>
      <c r="N4367" s="5" t="s">
        <v>1521</v>
      </c>
      <c r="O4367" s="5" t="s">
        <v>38</v>
      </c>
      <c r="P4367" s="5" t="s">
        <v>39</v>
      </c>
      <c r="Q4367" s="5" t="s">
        <v>40</v>
      </c>
      <c r="R4367" s="5" t="s">
        <v>1522</v>
      </c>
      <c r="S4367" s="5" t="s">
        <v>1523</v>
      </c>
      <c r="T4367" s="5" t="s">
        <v>42</v>
      </c>
      <c r="U4367" s="2">
        <v>2.7280000000000002</v>
      </c>
      <c r="V4367" s="2">
        <v>2.3639999999999999</v>
      </c>
      <c r="W4367" s="2">
        <v>6.0000000000000001E-3</v>
      </c>
      <c r="X4367" s="2">
        <v>76.900000000000006</v>
      </c>
      <c r="Y4367" s="2">
        <v>7.6</v>
      </c>
      <c r="Z4367" s="2">
        <v>10.6</v>
      </c>
      <c r="AA4367" s="5"/>
      <c r="AB4367" s="5" t="s">
        <v>43</v>
      </c>
      <c r="AC4367" s="5" t="s">
        <v>44</v>
      </c>
      <c r="AD4367" s="2"/>
      <c r="AE4367" s="1"/>
    </row>
    <row r="4368" spans="1:31" ht="14.45">
      <c r="A4368" s="11"/>
      <c r="B4368" s="20"/>
      <c r="C4368" s="2" t="s">
        <v>13558</v>
      </c>
      <c r="D4368" s="14" t="s">
        <v>13559</v>
      </c>
      <c r="E4368" s="2" t="s">
        <v>13560</v>
      </c>
      <c r="F4368" s="2" t="s">
        <v>1823</v>
      </c>
      <c r="G4368" s="8">
        <v>182</v>
      </c>
      <c r="H4368" s="5">
        <v>18</v>
      </c>
      <c r="I4368" s="5" t="s">
        <v>1518</v>
      </c>
      <c r="J4368" s="5" t="s">
        <v>1519</v>
      </c>
      <c r="K4368" s="2" t="s">
        <v>1520</v>
      </c>
      <c r="L4368" s="5" t="s">
        <v>1519</v>
      </c>
      <c r="M4368" s="2" t="s">
        <v>1520</v>
      </c>
      <c r="N4368" s="5" t="s">
        <v>1521</v>
      </c>
      <c r="O4368" s="5" t="s">
        <v>38</v>
      </c>
      <c r="P4368" s="5" t="s">
        <v>39</v>
      </c>
      <c r="Q4368" s="5" t="s">
        <v>40</v>
      </c>
      <c r="R4368" s="5" t="s">
        <v>1522</v>
      </c>
      <c r="S4368" s="5" t="s">
        <v>1523</v>
      </c>
      <c r="T4368" s="5" t="s">
        <v>42</v>
      </c>
      <c r="U4368" s="2">
        <v>2.75</v>
      </c>
      <c r="V4368" s="2">
        <v>2.3860000000000001</v>
      </c>
      <c r="W4368" s="2">
        <v>1.0999999999999999E-2</v>
      </c>
      <c r="X4368" s="2">
        <v>139.1</v>
      </c>
      <c r="Y4368" s="2">
        <v>7.6</v>
      </c>
      <c r="Z4368" s="2">
        <v>10.6</v>
      </c>
      <c r="AA4368" s="5"/>
      <c r="AB4368" s="5" t="s">
        <v>43</v>
      </c>
      <c r="AC4368" s="5" t="s">
        <v>44</v>
      </c>
      <c r="AD4368" s="2"/>
      <c r="AE4368" s="1"/>
    </row>
    <row r="4369" spans="1:31" ht="14.45">
      <c r="A4369" s="11"/>
      <c r="B4369" s="20"/>
      <c r="C4369" s="2" t="s">
        <v>13561</v>
      </c>
      <c r="D4369" s="14" t="s">
        <v>13562</v>
      </c>
      <c r="E4369" s="2" t="s">
        <v>13563</v>
      </c>
      <c r="F4369" s="2" t="s">
        <v>1827</v>
      </c>
      <c r="G4369" s="8">
        <v>182</v>
      </c>
      <c r="H4369" s="5">
        <v>18</v>
      </c>
      <c r="I4369" s="5" t="s">
        <v>1518</v>
      </c>
      <c r="J4369" s="5" t="s">
        <v>1519</v>
      </c>
      <c r="K4369" s="2" t="s">
        <v>1520</v>
      </c>
      <c r="L4369" s="5" t="s">
        <v>1519</v>
      </c>
      <c r="M4369" s="2" t="s">
        <v>1520</v>
      </c>
      <c r="N4369" s="5" t="s">
        <v>1521</v>
      </c>
      <c r="O4369" s="5" t="s">
        <v>38</v>
      </c>
      <c r="P4369" s="5" t="s">
        <v>39</v>
      </c>
      <c r="Q4369" s="5" t="s">
        <v>40</v>
      </c>
      <c r="R4369" s="5" t="s">
        <v>1522</v>
      </c>
      <c r="S4369" s="5" t="s">
        <v>1523</v>
      </c>
      <c r="T4369" s="5" t="s">
        <v>42</v>
      </c>
      <c r="U4369" s="2">
        <v>2.8159999999999998</v>
      </c>
      <c r="V4369" s="2">
        <v>2.452</v>
      </c>
      <c r="W4369" s="2">
        <v>1.0999999999999999E-2</v>
      </c>
      <c r="X4369" s="2">
        <v>139.1</v>
      </c>
      <c r="Y4369" s="2">
        <v>7.6</v>
      </c>
      <c r="Z4369" s="2">
        <v>10.6</v>
      </c>
      <c r="AA4369" s="5"/>
      <c r="AB4369" s="5" t="s">
        <v>43</v>
      </c>
      <c r="AC4369" s="5" t="s">
        <v>44</v>
      </c>
      <c r="AD4369" s="2"/>
      <c r="AE4369" s="1"/>
    </row>
    <row r="4370" spans="1:31" ht="14.45">
      <c r="A4370" s="11"/>
      <c r="B4370" s="20"/>
      <c r="C4370" s="2" t="s">
        <v>13564</v>
      </c>
      <c r="D4370" s="14" t="s">
        <v>13565</v>
      </c>
      <c r="E4370" s="2" t="s">
        <v>13566</v>
      </c>
      <c r="F4370" s="2" t="s">
        <v>2208</v>
      </c>
      <c r="G4370" s="8">
        <v>182</v>
      </c>
      <c r="H4370" s="5">
        <v>18</v>
      </c>
      <c r="I4370" s="5" t="s">
        <v>1518</v>
      </c>
      <c r="J4370" s="5" t="s">
        <v>1519</v>
      </c>
      <c r="K4370" s="2" t="s">
        <v>1520</v>
      </c>
      <c r="L4370" s="5" t="s">
        <v>1519</v>
      </c>
      <c r="M4370" s="2" t="s">
        <v>1520</v>
      </c>
      <c r="N4370" s="5" t="s">
        <v>1521</v>
      </c>
      <c r="O4370" s="5" t="s">
        <v>38</v>
      </c>
      <c r="P4370" s="5" t="s">
        <v>39</v>
      </c>
      <c r="Q4370" s="5" t="s">
        <v>40</v>
      </c>
      <c r="R4370" s="5" t="s">
        <v>1522</v>
      </c>
      <c r="S4370" s="5" t="s">
        <v>1523</v>
      </c>
      <c r="T4370" s="5" t="s">
        <v>42</v>
      </c>
      <c r="U4370" s="2">
        <v>2.7719999999999998</v>
      </c>
      <c r="V4370" s="2">
        <v>2.4079999999999999</v>
      </c>
      <c r="W4370" s="2">
        <v>1.0999999999999999E-2</v>
      </c>
      <c r="X4370" s="2">
        <v>139.1</v>
      </c>
      <c r="Y4370" s="2">
        <v>7.6</v>
      </c>
      <c r="Z4370" s="2">
        <v>10.6</v>
      </c>
      <c r="AA4370" s="5"/>
      <c r="AB4370" s="5" t="s">
        <v>43</v>
      </c>
      <c r="AC4370" s="5" t="s">
        <v>44</v>
      </c>
      <c r="AD4370" s="2"/>
      <c r="AE4370" s="1"/>
    </row>
    <row r="4371" spans="1:31" ht="14.45">
      <c r="A4371" s="11"/>
      <c r="B4371" s="20"/>
      <c r="C4371" s="2" t="s">
        <v>13567</v>
      </c>
      <c r="D4371" s="14" t="s">
        <v>13568</v>
      </c>
      <c r="E4371" s="2" t="s">
        <v>13569</v>
      </c>
      <c r="F4371" s="2" t="s">
        <v>2212</v>
      </c>
      <c r="G4371" s="8">
        <v>182</v>
      </c>
      <c r="H4371" s="5">
        <v>18</v>
      </c>
      <c r="I4371" s="5" t="s">
        <v>1518</v>
      </c>
      <c r="J4371" s="5" t="s">
        <v>1519</v>
      </c>
      <c r="K4371" s="2" t="s">
        <v>1520</v>
      </c>
      <c r="L4371" s="5" t="s">
        <v>1519</v>
      </c>
      <c r="M4371" s="2" t="s">
        <v>1520</v>
      </c>
      <c r="N4371" s="5" t="s">
        <v>1521</v>
      </c>
      <c r="O4371" s="5" t="s">
        <v>38</v>
      </c>
      <c r="P4371" s="5" t="s">
        <v>39</v>
      </c>
      <c r="Q4371" s="5" t="s">
        <v>40</v>
      </c>
      <c r="R4371" s="5" t="s">
        <v>1522</v>
      </c>
      <c r="S4371" s="5" t="s">
        <v>1523</v>
      </c>
      <c r="T4371" s="5" t="s">
        <v>42</v>
      </c>
      <c r="U4371" s="2">
        <v>2.8380000000000001</v>
      </c>
      <c r="V4371" s="2">
        <v>2.4740000000000002</v>
      </c>
      <c r="W4371" s="2">
        <v>1.0999999999999999E-2</v>
      </c>
      <c r="X4371" s="2">
        <v>139.1</v>
      </c>
      <c r="Y4371" s="2">
        <v>7.6</v>
      </c>
      <c r="Z4371" s="2">
        <v>10.6</v>
      </c>
      <c r="AA4371" s="5"/>
      <c r="AB4371" s="5" t="s">
        <v>43</v>
      </c>
      <c r="AC4371" s="5" t="s">
        <v>44</v>
      </c>
      <c r="AD4371" s="2"/>
      <c r="AE4371" s="1"/>
    </row>
    <row r="4372" spans="1:31" ht="14.45">
      <c r="A4372" s="11"/>
      <c r="B4372" s="20"/>
      <c r="C4372" s="2" t="s">
        <v>13570</v>
      </c>
      <c r="D4372" s="14" t="s">
        <v>13571</v>
      </c>
      <c r="E4372" s="2" t="s">
        <v>13572</v>
      </c>
      <c r="F4372" s="2" t="s">
        <v>1831</v>
      </c>
      <c r="G4372" s="8">
        <v>182</v>
      </c>
      <c r="H4372" s="5">
        <v>18</v>
      </c>
      <c r="I4372" s="5" t="s">
        <v>1518</v>
      </c>
      <c r="J4372" s="5" t="s">
        <v>1519</v>
      </c>
      <c r="K4372" s="2" t="s">
        <v>1520</v>
      </c>
      <c r="L4372" s="5" t="s">
        <v>1519</v>
      </c>
      <c r="M4372" s="2" t="s">
        <v>1520</v>
      </c>
      <c r="N4372" s="5" t="s">
        <v>1521</v>
      </c>
      <c r="O4372" s="5" t="s">
        <v>38</v>
      </c>
      <c r="P4372" s="5" t="s">
        <v>39</v>
      </c>
      <c r="Q4372" s="5" t="s">
        <v>40</v>
      </c>
      <c r="R4372" s="5" t="s">
        <v>1522</v>
      </c>
      <c r="S4372" s="5" t="s">
        <v>1523</v>
      </c>
      <c r="T4372" s="5" t="s">
        <v>42</v>
      </c>
      <c r="U4372" s="2">
        <v>2.7719999999999998</v>
      </c>
      <c r="V4372" s="2">
        <v>2.4079999999999999</v>
      </c>
      <c r="W4372" s="2">
        <v>1.0999999999999999E-2</v>
      </c>
      <c r="X4372" s="2">
        <v>139.1</v>
      </c>
      <c r="Y4372" s="2">
        <v>7.6</v>
      </c>
      <c r="Z4372" s="2">
        <v>10.6</v>
      </c>
      <c r="AA4372" s="5"/>
      <c r="AB4372" s="5" t="s">
        <v>43</v>
      </c>
      <c r="AC4372" s="5" t="s">
        <v>44</v>
      </c>
      <c r="AD4372" s="2"/>
      <c r="AE4372" s="1"/>
    </row>
    <row r="4373" spans="1:31" ht="14.45">
      <c r="A4373" s="11"/>
      <c r="B4373" s="20"/>
      <c r="C4373" s="2" t="s">
        <v>13573</v>
      </c>
      <c r="D4373" s="14" t="s">
        <v>13574</v>
      </c>
      <c r="E4373" s="2" t="s">
        <v>13575</v>
      </c>
      <c r="F4373" s="2" t="s">
        <v>1863</v>
      </c>
      <c r="G4373" s="8">
        <v>182</v>
      </c>
      <c r="H4373" s="5">
        <v>21</v>
      </c>
      <c r="I4373" s="5" t="s">
        <v>1518</v>
      </c>
      <c r="J4373" s="5" t="s">
        <v>1519</v>
      </c>
      <c r="K4373" s="2" t="s">
        <v>1520</v>
      </c>
      <c r="L4373" s="5" t="s">
        <v>1519</v>
      </c>
      <c r="M4373" s="2" t="s">
        <v>1520</v>
      </c>
      <c r="N4373" s="5" t="s">
        <v>1521</v>
      </c>
      <c r="O4373" s="5" t="s">
        <v>38</v>
      </c>
      <c r="P4373" s="5" t="s">
        <v>39</v>
      </c>
      <c r="Q4373" s="5" t="s">
        <v>40</v>
      </c>
      <c r="R4373" s="5" t="s">
        <v>1522</v>
      </c>
      <c r="S4373" s="5" t="s">
        <v>1523</v>
      </c>
      <c r="T4373" s="5" t="s">
        <v>42</v>
      </c>
      <c r="U4373" s="2">
        <v>2.6749999999999998</v>
      </c>
      <c r="V4373" s="2">
        <v>2.3090000000000002</v>
      </c>
      <c r="W4373" s="2">
        <v>1.0999999999999999E-2</v>
      </c>
      <c r="X4373" s="2">
        <v>139.1</v>
      </c>
      <c r="Y4373" s="2">
        <v>7.6</v>
      </c>
      <c r="Z4373" s="2">
        <v>10.6</v>
      </c>
      <c r="AA4373" s="5"/>
      <c r="AB4373" s="5" t="s">
        <v>43</v>
      </c>
      <c r="AC4373" s="5" t="s">
        <v>44</v>
      </c>
      <c r="AD4373" s="2"/>
      <c r="AE4373" s="1"/>
    </row>
    <row r="4374" spans="1:31" ht="14.45">
      <c r="A4374" s="11"/>
      <c r="B4374" s="20"/>
      <c r="C4374" s="2" t="s">
        <v>13576</v>
      </c>
      <c r="D4374" s="14" t="s">
        <v>13577</v>
      </c>
      <c r="E4374" s="2" t="s">
        <v>13578</v>
      </c>
      <c r="F4374" s="2" t="s">
        <v>1867</v>
      </c>
      <c r="G4374" s="8">
        <v>182</v>
      </c>
      <c r="H4374" s="5">
        <v>21</v>
      </c>
      <c r="I4374" s="5" t="s">
        <v>1518</v>
      </c>
      <c r="J4374" s="5" t="s">
        <v>1519</v>
      </c>
      <c r="K4374" s="2" t="s">
        <v>1520</v>
      </c>
      <c r="L4374" s="5" t="s">
        <v>1519</v>
      </c>
      <c r="M4374" s="2" t="s">
        <v>1520</v>
      </c>
      <c r="N4374" s="5" t="s">
        <v>1521</v>
      </c>
      <c r="O4374" s="5" t="s">
        <v>38</v>
      </c>
      <c r="P4374" s="5" t="s">
        <v>39</v>
      </c>
      <c r="Q4374" s="5" t="s">
        <v>40</v>
      </c>
      <c r="R4374" s="5" t="s">
        <v>1522</v>
      </c>
      <c r="S4374" s="5" t="s">
        <v>1523</v>
      </c>
      <c r="T4374" s="5" t="s">
        <v>42</v>
      </c>
      <c r="U4374" s="2">
        <v>2.7410000000000001</v>
      </c>
      <c r="V4374" s="2">
        <v>2.375</v>
      </c>
      <c r="W4374" s="2">
        <v>1.0999999999999999E-2</v>
      </c>
      <c r="X4374" s="2">
        <v>139.1</v>
      </c>
      <c r="Y4374" s="2">
        <v>7.6</v>
      </c>
      <c r="Z4374" s="2">
        <v>10.6</v>
      </c>
      <c r="AA4374" s="5"/>
      <c r="AB4374" s="5" t="s">
        <v>43</v>
      </c>
      <c r="AC4374" s="5" t="s">
        <v>44</v>
      </c>
      <c r="AD4374" s="2"/>
      <c r="AE4374" s="1"/>
    </row>
    <row r="4375" spans="1:31" ht="14.45">
      <c r="A4375" s="11"/>
      <c r="B4375" s="20"/>
      <c r="C4375" s="2" t="s">
        <v>13579</v>
      </c>
      <c r="D4375" s="14" t="s">
        <v>13580</v>
      </c>
      <c r="E4375" s="2" t="s">
        <v>13581</v>
      </c>
      <c r="F4375" s="2" t="s">
        <v>7396</v>
      </c>
      <c r="G4375" s="8">
        <v>131</v>
      </c>
      <c r="H4375" s="5">
        <v>5</v>
      </c>
      <c r="I4375" s="5" t="s">
        <v>1518</v>
      </c>
      <c r="J4375" s="5" t="s">
        <v>1519</v>
      </c>
      <c r="K4375" s="2" t="s">
        <v>1520</v>
      </c>
      <c r="L4375" s="5" t="s">
        <v>1519</v>
      </c>
      <c r="M4375" s="2" t="s">
        <v>1520</v>
      </c>
      <c r="N4375" s="5" t="s">
        <v>1521</v>
      </c>
      <c r="O4375" s="5" t="s">
        <v>38</v>
      </c>
      <c r="P4375" s="5" t="s">
        <v>39</v>
      </c>
      <c r="Q4375" s="5" t="s">
        <v>40</v>
      </c>
      <c r="R4375" s="5" t="s">
        <v>1522</v>
      </c>
      <c r="S4375" s="5" t="s">
        <v>1523</v>
      </c>
      <c r="T4375" s="5" t="s">
        <v>42</v>
      </c>
      <c r="U4375" s="2">
        <v>1.998</v>
      </c>
      <c r="V4375" s="2">
        <v>1.6339999999999999</v>
      </c>
      <c r="W4375" s="2">
        <v>1.0999999999999999E-2</v>
      </c>
      <c r="X4375" s="2">
        <v>139.1</v>
      </c>
      <c r="Y4375" s="2">
        <v>7.6</v>
      </c>
      <c r="Z4375" s="2">
        <v>10.6</v>
      </c>
      <c r="AA4375" s="5"/>
      <c r="AB4375" s="5" t="s">
        <v>43</v>
      </c>
      <c r="AC4375" s="5" t="s">
        <v>44</v>
      </c>
      <c r="AD4375" s="2"/>
      <c r="AE4375" s="1"/>
    </row>
    <row r="4376" spans="1:31" ht="14.45">
      <c r="A4376" s="11"/>
      <c r="B4376" s="20"/>
      <c r="C4376" s="2" t="s">
        <v>13582</v>
      </c>
      <c r="D4376" s="14" t="s">
        <v>13583</v>
      </c>
      <c r="E4376" s="2" t="s">
        <v>13584</v>
      </c>
      <c r="F4376" s="2" t="s">
        <v>7507</v>
      </c>
      <c r="G4376" s="8">
        <v>131</v>
      </c>
      <c r="H4376" s="5">
        <v>6</v>
      </c>
      <c r="I4376" s="5" t="s">
        <v>1518</v>
      </c>
      <c r="J4376" s="5" t="s">
        <v>1519</v>
      </c>
      <c r="K4376" s="2" t="s">
        <v>1520</v>
      </c>
      <c r="L4376" s="5" t="s">
        <v>1519</v>
      </c>
      <c r="M4376" s="2" t="s">
        <v>1520</v>
      </c>
      <c r="N4376" s="5" t="s">
        <v>1521</v>
      </c>
      <c r="O4376" s="5" t="s">
        <v>38</v>
      </c>
      <c r="P4376" s="5" t="s">
        <v>39</v>
      </c>
      <c r="Q4376" s="5" t="s">
        <v>40</v>
      </c>
      <c r="R4376" s="5" t="s">
        <v>1522</v>
      </c>
      <c r="S4376" s="5" t="s">
        <v>1523</v>
      </c>
      <c r="T4376" s="5" t="s">
        <v>42</v>
      </c>
      <c r="U4376" s="2">
        <v>2.0430000000000001</v>
      </c>
      <c r="V4376" s="2">
        <v>1.679</v>
      </c>
      <c r="W4376" s="2">
        <v>1.0999999999999999E-2</v>
      </c>
      <c r="X4376" s="2">
        <v>139.1</v>
      </c>
      <c r="Y4376" s="2">
        <v>7.6</v>
      </c>
      <c r="Z4376" s="2">
        <v>10.6</v>
      </c>
      <c r="AA4376" s="5"/>
      <c r="AB4376" s="5" t="s">
        <v>43</v>
      </c>
      <c r="AC4376" s="5" t="s">
        <v>44</v>
      </c>
      <c r="AD4376" s="2"/>
      <c r="AE4376" s="1"/>
    </row>
    <row r="4377" spans="1:31" ht="14.45">
      <c r="A4377" s="11"/>
      <c r="B4377" s="20"/>
      <c r="C4377" s="2" t="s">
        <v>13585</v>
      </c>
      <c r="D4377" s="14" t="s">
        <v>13586</v>
      </c>
      <c r="E4377" s="2" t="s">
        <v>13587</v>
      </c>
      <c r="F4377" s="2" t="s">
        <v>7204</v>
      </c>
      <c r="G4377" s="8">
        <v>131</v>
      </c>
      <c r="H4377" s="5">
        <v>5</v>
      </c>
      <c r="I4377" s="5" t="s">
        <v>1518</v>
      </c>
      <c r="J4377" s="5" t="s">
        <v>1519</v>
      </c>
      <c r="K4377" s="2" t="s">
        <v>1520</v>
      </c>
      <c r="L4377" s="5" t="s">
        <v>1519</v>
      </c>
      <c r="M4377" s="2" t="s">
        <v>1520</v>
      </c>
      <c r="N4377" s="5" t="s">
        <v>1521</v>
      </c>
      <c r="O4377" s="5" t="s">
        <v>38</v>
      </c>
      <c r="P4377" s="5" t="s">
        <v>39</v>
      </c>
      <c r="Q4377" s="5" t="s">
        <v>40</v>
      </c>
      <c r="R4377" s="5" t="s">
        <v>1522</v>
      </c>
      <c r="S4377" s="5" t="s">
        <v>1523</v>
      </c>
      <c r="T4377" s="5" t="s">
        <v>42</v>
      </c>
      <c r="U4377" s="2">
        <v>2.0030000000000001</v>
      </c>
      <c r="V4377" s="2">
        <v>1.639</v>
      </c>
      <c r="W4377" s="2">
        <v>1.0999999999999999E-2</v>
      </c>
      <c r="X4377" s="2">
        <v>139.1</v>
      </c>
      <c r="Y4377" s="2">
        <v>7.6</v>
      </c>
      <c r="Z4377" s="2">
        <v>10.6</v>
      </c>
      <c r="AA4377" s="5"/>
      <c r="AB4377" s="5" t="s">
        <v>43</v>
      </c>
      <c r="AC4377" s="5" t="s">
        <v>44</v>
      </c>
      <c r="AD4377" s="2"/>
      <c r="AE4377" s="1"/>
    </row>
    <row r="4378" spans="1:31" ht="14.45">
      <c r="A4378" s="11"/>
      <c r="B4378" s="20"/>
      <c r="C4378" s="2" t="s">
        <v>13588</v>
      </c>
      <c r="D4378" s="14" t="s">
        <v>13589</v>
      </c>
      <c r="E4378" s="2" t="s">
        <v>13590</v>
      </c>
      <c r="F4378" s="2" t="s">
        <v>7514</v>
      </c>
      <c r="G4378" s="8">
        <v>131</v>
      </c>
      <c r="H4378" s="5">
        <v>6</v>
      </c>
      <c r="I4378" s="5" t="s">
        <v>1518</v>
      </c>
      <c r="J4378" s="5" t="s">
        <v>1519</v>
      </c>
      <c r="K4378" s="2" t="s">
        <v>1520</v>
      </c>
      <c r="L4378" s="5" t="s">
        <v>1519</v>
      </c>
      <c r="M4378" s="2" t="s">
        <v>1520</v>
      </c>
      <c r="N4378" s="5" t="s">
        <v>1521</v>
      </c>
      <c r="O4378" s="5" t="s">
        <v>38</v>
      </c>
      <c r="P4378" s="5" t="s">
        <v>39</v>
      </c>
      <c r="Q4378" s="5" t="s">
        <v>40</v>
      </c>
      <c r="R4378" s="5" t="s">
        <v>1522</v>
      </c>
      <c r="S4378" s="5" t="s">
        <v>1523</v>
      </c>
      <c r="T4378" s="5" t="s">
        <v>42</v>
      </c>
      <c r="U4378" s="2">
        <v>2.048</v>
      </c>
      <c r="V4378" s="2">
        <v>1.6839999999999999</v>
      </c>
      <c r="W4378" s="2">
        <v>1.0999999999999999E-2</v>
      </c>
      <c r="X4378" s="2">
        <v>139.1</v>
      </c>
      <c r="Y4378" s="2">
        <v>7.6</v>
      </c>
      <c r="Z4378" s="2">
        <v>10.6</v>
      </c>
      <c r="AA4378" s="5"/>
      <c r="AB4378" s="5" t="s">
        <v>43</v>
      </c>
      <c r="AC4378" s="5" t="s">
        <v>44</v>
      </c>
      <c r="AD4378" s="2"/>
      <c r="AE4378" s="1"/>
    </row>
    <row r="4379" spans="1:31" ht="14.45">
      <c r="A4379" s="11"/>
      <c r="B4379" s="20"/>
      <c r="C4379" s="2" t="s">
        <v>13591</v>
      </c>
      <c r="D4379" s="14" t="s">
        <v>13592</v>
      </c>
      <c r="E4379" s="2" t="s">
        <v>13593</v>
      </c>
      <c r="F4379" s="2" t="s">
        <v>7208</v>
      </c>
      <c r="G4379" s="8">
        <v>131</v>
      </c>
      <c r="H4379" s="5">
        <v>5</v>
      </c>
      <c r="I4379" s="5" t="s">
        <v>1518</v>
      </c>
      <c r="J4379" s="5" t="s">
        <v>1519</v>
      </c>
      <c r="K4379" s="2" t="s">
        <v>1520</v>
      </c>
      <c r="L4379" s="5" t="s">
        <v>1519</v>
      </c>
      <c r="M4379" s="2" t="s">
        <v>1520</v>
      </c>
      <c r="N4379" s="5" t="s">
        <v>1521</v>
      </c>
      <c r="O4379" s="5" t="s">
        <v>38</v>
      </c>
      <c r="P4379" s="5" t="s">
        <v>39</v>
      </c>
      <c r="Q4379" s="5" t="s">
        <v>40</v>
      </c>
      <c r="R4379" s="5" t="s">
        <v>1522</v>
      </c>
      <c r="S4379" s="5" t="s">
        <v>1523</v>
      </c>
      <c r="T4379" s="5" t="s">
        <v>42</v>
      </c>
      <c r="U4379" s="2">
        <v>2.0030000000000001</v>
      </c>
      <c r="V4379" s="2">
        <v>1.639</v>
      </c>
      <c r="W4379" s="2">
        <v>1.0999999999999999E-2</v>
      </c>
      <c r="X4379" s="2">
        <v>139.1</v>
      </c>
      <c r="Y4379" s="2">
        <v>7.6</v>
      </c>
      <c r="Z4379" s="2">
        <v>10.6</v>
      </c>
      <c r="AA4379" s="5"/>
      <c r="AB4379" s="5" t="s">
        <v>43</v>
      </c>
      <c r="AC4379" s="5" t="s">
        <v>44</v>
      </c>
      <c r="AD4379" s="2"/>
      <c r="AE4379" s="1"/>
    </row>
    <row r="4380" spans="1:31" ht="14.45">
      <c r="A4380" s="11"/>
      <c r="B4380" s="20"/>
      <c r="C4380" s="2" t="s">
        <v>13594</v>
      </c>
      <c r="D4380" s="14" t="s">
        <v>13595</v>
      </c>
      <c r="E4380" s="2" t="s">
        <v>13596</v>
      </c>
      <c r="F4380" s="2" t="s">
        <v>7521</v>
      </c>
      <c r="G4380" s="8">
        <v>131</v>
      </c>
      <c r="H4380" s="5">
        <v>6</v>
      </c>
      <c r="I4380" s="5" t="s">
        <v>1518</v>
      </c>
      <c r="J4380" s="5" t="s">
        <v>1519</v>
      </c>
      <c r="K4380" s="2" t="s">
        <v>1520</v>
      </c>
      <c r="L4380" s="5" t="s">
        <v>1519</v>
      </c>
      <c r="M4380" s="2" t="s">
        <v>1520</v>
      </c>
      <c r="N4380" s="5" t="s">
        <v>1521</v>
      </c>
      <c r="O4380" s="5" t="s">
        <v>38</v>
      </c>
      <c r="P4380" s="5" t="s">
        <v>39</v>
      </c>
      <c r="Q4380" s="5" t="s">
        <v>40</v>
      </c>
      <c r="R4380" s="5" t="s">
        <v>1522</v>
      </c>
      <c r="S4380" s="5" t="s">
        <v>1523</v>
      </c>
      <c r="T4380" s="5" t="s">
        <v>42</v>
      </c>
      <c r="U4380" s="2">
        <v>2.048</v>
      </c>
      <c r="V4380" s="2">
        <v>1.6839999999999999</v>
      </c>
      <c r="W4380" s="2">
        <v>1.0999999999999999E-2</v>
      </c>
      <c r="X4380" s="2">
        <v>139.1</v>
      </c>
      <c r="Y4380" s="2">
        <v>7.6</v>
      </c>
      <c r="Z4380" s="2">
        <v>10.6</v>
      </c>
      <c r="AA4380" s="5"/>
      <c r="AB4380" s="5" t="s">
        <v>43</v>
      </c>
      <c r="AC4380" s="5" t="s">
        <v>44</v>
      </c>
      <c r="AD4380" s="2"/>
      <c r="AE4380" s="1"/>
    </row>
    <row r="4381" spans="1:31" ht="14.45">
      <c r="A4381" s="11"/>
      <c r="B4381" s="20"/>
      <c r="C4381" s="2" t="s">
        <v>13597</v>
      </c>
      <c r="D4381" s="14" t="s">
        <v>13598</v>
      </c>
      <c r="E4381" s="2" t="s">
        <v>13599</v>
      </c>
      <c r="F4381" s="2" t="s">
        <v>7212</v>
      </c>
      <c r="G4381" s="8">
        <v>131</v>
      </c>
      <c r="H4381" s="5">
        <v>5</v>
      </c>
      <c r="I4381" s="5" t="s">
        <v>1518</v>
      </c>
      <c r="J4381" s="5" t="s">
        <v>1519</v>
      </c>
      <c r="K4381" s="2" t="s">
        <v>1520</v>
      </c>
      <c r="L4381" s="5" t="s">
        <v>1519</v>
      </c>
      <c r="M4381" s="2" t="s">
        <v>1520</v>
      </c>
      <c r="N4381" s="5" t="s">
        <v>1521</v>
      </c>
      <c r="O4381" s="5" t="s">
        <v>38</v>
      </c>
      <c r="P4381" s="5" t="s">
        <v>39</v>
      </c>
      <c r="Q4381" s="5" t="s">
        <v>40</v>
      </c>
      <c r="R4381" s="5" t="s">
        <v>1522</v>
      </c>
      <c r="S4381" s="5" t="s">
        <v>1523</v>
      </c>
      <c r="T4381" s="5" t="s">
        <v>42</v>
      </c>
      <c r="U4381" s="2">
        <v>1.986</v>
      </c>
      <c r="V4381" s="2">
        <v>1.6220000000000001</v>
      </c>
      <c r="W4381" s="2">
        <v>1.0999999999999999E-2</v>
      </c>
      <c r="X4381" s="2">
        <v>139.1</v>
      </c>
      <c r="Y4381" s="2">
        <v>7.6</v>
      </c>
      <c r="Z4381" s="2">
        <v>10.6</v>
      </c>
      <c r="AA4381" s="5"/>
      <c r="AB4381" s="5" t="s">
        <v>43</v>
      </c>
      <c r="AC4381" s="5" t="s">
        <v>44</v>
      </c>
      <c r="AD4381" s="2"/>
      <c r="AE4381" s="1"/>
    </row>
    <row r="4382" spans="1:31" ht="14.45">
      <c r="A4382" s="11"/>
      <c r="B4382" s="20"/>
      <c r="C4382" s="2" t="s">
        <v>13600</v>
      </c>
      <c r="D4382" s="14" t="s">
        <v>13601</v>
      </c>
      <c r="E4382" s="2" t="s">
        <v>13602</v>
      </c>
      <c r="F4382" s="2" t="s">
        <v>7528</v>
      </c>
      <c r="G4382" s="8">
        <v>131</v>
      </c>
      <c r="H4382" s="5">
        <v>6</v>
      </c>
      <c r="I4382" s="5" t="s">
        <v>1518</v>
      </c>
      <c r="J4382" s="5" t="s">
        <v>1519</v>
      </c>
      <c r="K4382" s="2" t="s">
        <v>1520</v>
      </c>
      <c r="L4382" s="5" t="s">
        <v>1519</v>
      </c>
      <c r="M4382" s="2" t="s">
        <v>1520</v>
      </c>
      <c r="N4382" s="5" t="s">
        <v>1521</v>
      </c>
      <c r="O4382" s="5" t="s">
        <v>38</v>
      </c>
      <c r="P4382" s="5" t="s">
        <v>39</v>
      </c>
      <c r="Q4382" s="5" t="s">
        <v>40</v>
      </c>
      <c r="R4382" s="5" t="s">
        <v>1522</v>
      </c>
      <c r="S4382" s="5" t="s">
        <v>1523</v>
      </c>
      <c r="T4382" s="5" t="s">
        <v>42</v>
      </c>
      <c r="U4382" s="2">
        <v>2.0310000000000001</v>
      </c>
      <c r="V4382" s="2">
        <v>1.667</v>
      </c>
      <c r="W4382" s="2">
        <v>1.0999999999999999E-2</v>
      </c>
      <c r="X4382" s="2">
        <v>139.1</v>
      </c>
      <c r="Y4382" s="2">
        <v>7.6</v>
      </c>
      <c r="Z4382" s="2">
        <v>10.6</v>
      </c>
      <c r="AA4382" s="5"/>
      <c r="AB4382" s="5" t="s">
        <v>43</v>
      </c>
      <c r="AC4382" s="5" t="s">
        <v>44</v>
      </c>
      <c r="AD4382" s="2"/>
      <c r="AE4382" s="1"/>
    </row>
    <row r="4383" spans="1:31" ht="14.45">
      <c r="A4383" s="11"/>
      <c r="B4383" s="20"/>
      <c r="C4383" s="2" t="s">
        <v>13603</v>
      </c>
      <c r="D4383" s="14" t="s">
        <v>13604</v>
      </c>
      <c r="E4383" s="2" t="s">
        <v>13605</v>
      </c>
      <c r="F4383" s="2" t="s">
        <v>7406</v>
      </c>
      <c r="G4383" s="8">
        <v>151</v>
      </c>
      <c r="H4383" s="5">
        <v>6</v>
      </c>
      <c r="I4383" s="5" t="s">
        <v>1518</v>
      </c>
      <c r="J4383" s="5" t="s">
        <v>1519</v>
      </c>
      <c r="K4383" s="2" t="s">
        <v>1520</v>
      </c>
      <c r="L4383" s="5" t="s">
        <v>1519</v>
      </c>
      <c r="M4383" s="2" t="s">
        <v>1520</v>
      </c>
      <c r="N4383" s="5" t="s">
        <v>1521</v>
      </c>
      <c r="O4383" s="5" t="s">
        <v>38</v>
      </c>
      <c r="P4383" s="5" t="s">
        <v>39</v>
      </c>
      <c r="Q4383" s="5" t="s">
        <v>40</v>
      </c>
      <c r="R4383" s="5" t="s">
        <v>1522</v>
      </c>
      <c r="S4383" s="5" t="s">
        <v>1523</v>
      </c>
      <c r="T4383" s="5" t="s">
        <v>42</v>
      </c>
      <c r="U4383" s="2">
        <v>1.986</v>
      </c>
      <c r="V4383" s="2">
        <v>1.6220000000000001</v>
      </c>
      <c r="W4383" s="2">
        <v>1.0999999999999999E-2</v>
      </c>
      <c r="X4383" s="2">
        <v>139.1</v>
      </c>
      <c r="Y4383" s="2">
        <v>7.6</v>
      </c>
      <c r="Z4383" s="2">
        <v>10.6</v>
      </c>
      <c r="AA4383" s="5"/>
      <c r="AB4383" s="5" t="s">
        <v>43</v>
      </c>
      <c r="AC4383" s="5" t="s">
        <v>44</v>
      </c>
      <c r="AD4383" s="2"/>
      <c r="AE4383" s="1"/>
    </row>
    <row r="4384" spans="1:31" ht="14.45">
      <c r="A4384" s="11"/>
      <c r="B4384" s="20"/>
      <c r="C4384" s="2" t="s">
        <v>13606</v>
      </c>
      <c r="D4384" s="14" t="s">
        <v>13607</v>
      </c>
      <c r="E4384" s="2" t="s">
        <v>13608</v>
      </c>
      <c r="F4384" s="2" t="s">
        <v>7535</v>
      </c>
      <c r="G4384" s="8">
        <v>151</v>
      </c>
      <c r="H4384" s="5">
        <v>6</v>
      </c>
      <c r="I4384" s="5" t="s">
        <v>1518</v>
      </c>
      <c r="J4384" s="5" t="s">
        <v>1519</v>
      </c>
      <c r="K4384" s="2" t="s">
        <v>1520</v>
      </c>
      <c r="L4384" s="5" t="s">
        <v>1519</v>
      </c>
      <c r="M4384" s="2" t="s">
        <v>1520</v>
      </c>
      <c r="N4384" s="5" t="s">
        <v>1521</v>
      </c>
      <c r="O4384" s="5" t="s">
        <v>38</v>
      </c>
      <c r="P4384" s="5" t="s">
        <v>39</v>
      </c>
      <c r="Q4384" s="5" t="s">
        <v>40</v>
      </c>
      <c r="R4384" s="5" t="s">
        <v>1522</v>
      </c>
      <c r="S4384" s="5" t="s">
        <v>1523</v>
      </c>
      <c r="T4384" s="5" t="s">
        <v>42</v>
      </c>
      <c r="U4384" s="2">
        <v>2.0310000000000001</v>
      </c>
      <c r="V4384" s="2">
        <v>1.667</v>
      </c>
      <c r="W4384" s="2">
        <v>1.0999999999999999E-2</v>
      </c>
      <c r="X4384" s="2">
        <v>139.1</v>
      </c>
      <c r="Y4384" s="2">
        <v>7.6</v>
      </c>
      <c r="Z4384" s="2">
        <v>10.6</v>
      </c>
      <c r="AA4384" s="5"/>
      <c r="AB4384" s="5" t="s">
        <v>43</v>
      </c>
      <c r="AC4384" s="5" t="s">
        <v>44</v>
      </c>
      <c r="AD4384" s="2"/>
      <c r="AE4384" s="1"/>
    </row>
    <row r="4385" spans="1:31" ht="14.45">
      <c r="A4385" s="11"/>
      <c r="B4385" s="20"/>
      <c r="C4385" s="2" t="s">
        <v>13609</v>
      </c>
      <c r="D4385" s="14" t="s">
        <v>13610</v>
      </c>
      <c r="E4385" s="2" t="s">
        <v>13611</v>
      </c>
      <c r="F4385" s="2" t="s">
        <v>7539</v>
      </c>
      <c r="G4385" s="8">
        <v>151</v>
      </c>
      <c r="H4385" s="5">
        <v>6</v>
      </c>
      <c r="I4385" s="5" t="s">
        <v>1518</v>
      </c>
      <c r="J4385" s="5" t="s">
        <v>1519</v>
      </c>
      <c r="K4385" s="2" t="s">
        <v>1520</v>
      </c>
      <c r="L4385" s="5" t="s">
        <v>1519</v>
      </c>
      <c r="M4385" s="2" t="s">
        <v>1520</v>
      </c>
      <c r="N4385" s="5" t="s">
        <v>1521</v>
      </c>
      <c r="O4385" s="5" t="s">
        <v>38</v>
      </c>
      <c r="P4385" s="5" t="s">
        <v>39</v>
      </c>
      <c r="Q4385" s="5" t="s">
        <v>40</v>
      </c>
      <c r="R4385" s="5" t="s">
        <v>1522</v>
      </c>
      <c r="S4385" s="5" t="s">
        <v>1523</v>
      </c>
      <c r="T4385" s="5" t="s">
        <v>42</v>
      </c>
      <c r="U4385" s="2">
        <v>2.0030000000000001</v>
      </c>
      <c r="V4385" s="2">
        <v>1.639</v>
      </c>
      <c r="W4385" s="2">
        <v>1.0999999999999999E-2</v>
      </c>
      <c r="X4385" s="2">
        <v>139.1</v>
      </c>
      <c r="Y4385" s="2">
        <v>7.6</v>
      </c>
      <c r="Z4385" s="2">
        <v>10.6</v>
      </c>
      <c r="AA4385" s="5"/>
      <c r="AB4385" s="5" t="s">
        <v>43</v>
      </c>
      <c r="AC4385" s="5" t="s">
        <v>44</v>
      </c>
      <c r="AD4385" s="2"/>
      <c r="AE4385" s="1"/>
    </row>
    <row r="4386" spans="1:31" ht="14.45">
      <c r="A4386" s="11"/>
      <c r="B4386" s="20"/>
      <c r="C4386" s="2" t="s">
        <v>13612</v>
      </c>
      <c r="D4386" s="14" t="s">
        <v>13613</v>
      </c>
      <c r="E4386" s="2" t="s">
        <v>13614</v>
      </c>
      <c r="F4386" s="2" t="s">
        <v>7543</v>
      </c>
      <c r="G4386" s="8">
        <v>151</v>
      </c>
      <c r="H4386" s="5">
        <v>6</v>
      </c>
      <c r="I4386" s="5" t="s">
        <v>1518</v>
      </c>
      <c r="J4386" s="5" t="s">
        <v>1519</v>
      </c>
      <c r="K4386" s="2" t="s">
        <v>1520</v>
      </c>
      <c r="L4386" s="5" t="s">
        <v>1519</v>
      </c>
      <c r="M4386" s="2" t="s">
        <v>1520</v>
      </c>
      <c r="N4386" s="5" t="s">
        <v>1521</v>
      </c>
      <c r="O4386" s="5" t="s">
        <v>38</v>
      </c>
      <c r="P4386" s="5" t="s">
        <v>39</v>
      </c>
      <c r="Q4386" s="5" t="s">
        <v>40</v>
      </c>
      <c r="R4386" s="5" t="s">
        <v>1522</v>
      </c>
      <c r="S4386" s="5" t="s">
        <v>1523</v>
      </c>
      <c r="T4386" s="5" t="s">
        <v>42</v>
      </c>
      <c r="U4386" s="2">
        <v>2.048</v>
      </c>
      <c r="V4386" s="2">
        <v>1.6839999999999999</v>
      </c>
      <c r="W4386" s="2">
        <v>1.0999999999999999E-2</v>
      </c>
      <c r="X4386" s="2">
        <v>139.1</v>
      </c>
      <c r="Y4386" s="2">
        <v>7.6</v>
      </c>
      <c r="Z4386" s="2">
        <v>10.6</v>
      </c>
      <c r="AA4386" s="5"/>
      <c r="AB4386" s="5" t="s">
        <v>43</v>
      </c>
      <c r="AC4386" s="5" t="s">
        <v>44</v>
      </c>
      <c r="AD4386" s="2"/>
      <c r="AE4386" s="1"/>
    </row>
    <row r="4387" spans="1:31" ht="14.45">
      <c r="A4387" s="11"/>
      <c r="B4387" s="20"/>
      <c r="C4387" s="2" t="s">
        <v>13615</v>
      </c>
      <c r="D4387" s="14" t="s">
        <v>13616</v>
      </c>
      <c r="E4387" s="2" t="s">
        <v>13617</v>
      </c>
      <c r="F4387" s="2" t="s">
        <v>7547</v>
      </c>
      <c r="G4387" s="8">
        <v>151</v>
      </c>
      <c r="H4387" s="5">
        <v>6</v>
      </c>
      <c r="I4387" s="5" t="s">
        <v>1518</v>
      </c>
      <c r="J4387" s="5" t="s">
        <v>1519</v>
      </c>
      <c r="K4387" s="2" t="s">
        <v>1520</v>
      </c>
      <c r="L4387" s="5" t="s">
        <v>1519</v>
      </c>
      <c r="M4387" s="2" t="s">
        <v>1520</v>
      </c>
      <c r="N4387" s="5" t="s">
        <v>1521</v>
      </c>
      <c r="O4387" s="5" t="s">
        <v>38</v>
      </c>
      <c r="P4387" s="5" t="s">
        <v>39</v>
      </c>
      <c r="Q4387" s="5" t="s">
        <v>40</v>
      </c>
      <c r="R4387" s="5" t="s">
        <v>1522</v>
      </c>
      <c r="S4387" s="5" t="s">
        <v>1523</v>
      </c>
      <c r="T4387" s="5" t="s">
        <v>42</v>
      </c>
      <c r="U4387" s="2">
        <v>1.986</v>
      </c>
      <c r="V4387" s="2">
        <v>1.6220000000000001</v>
      </c>
      <c r="W4387" s="2">
        <v>1.0999999999999999E-2</v>
      </c>
      <c r="X4387" s="2">
        <v>139.1</v>
      </c>
      <c r="Y4387" s="2">
        <v>7.6</v>
      </c>
      <c r="Z4387" s="2">
        <v>10.6</v>
      </c>
      <c r="AA4387" s="5"/>
      <c r="AB4387" s="5" t="s">
        <v>43</v>
      </c>
      <c r="AC4387" s="5" t="s">
        <v>44</v>
      </c>
      <c r="AD4387" s="2"/>
      <c r="AE4387" s="1"/>
    </row>
    <row r="4388" spans="1:31" ht="14.45">
      <c r="A4388" s="11"/>
      <c r="B4388" s="20"/>
      <c r="C4388" s="2" t="s">
        <v>13618</v>
      </c>
      <c r="D4388" s="14" t="s">
        <v>13619</v>
      </c>
      <c r="E4388" s="2" t="s">
        <v>13620</v>
      </c>
      <c r="F4388" s="2" t="s">
        <v>7551</v>
      </c>
      <c r="G4388" s="8">
        <v>151</v>
      </c>
      <c r="H4388" s="5">
        <v>6</v>
      </c>
      <c r="I4388" s="5" t="s">
        <v>1518</v>
      </c>
      <c r="J4388" s="5" t="s">
        <v>1519</v>
      </c>
      <c r="K4388" s="2" t="s">
        <v>1520</v>
      </c>
      <c r="L4388" s="5" t="s">
        <v>1519</v>
      </c>
      <c r="M4388" s="2" t="s">
        <v>1520</v>
      </c>
      <c r="N4388" s="5" t="s">
        <v>1521</v>
      </c>
      <c r="O4388" s="5" t="s">
        <v>38</v>
      </c>
      <c r="P4388" s="5" t="s">
        <v>39</v>
      </c>
      <c r="Q4388" s="5" t="s">
        <v>40</v>
      </c>
      <c r="R4388" s="5" t="s">
        <v>1522</v>
      </c>
      <c r="S4388" s="5" t="s">
        <v>1523</v>
      </c>
      <c r="T4388" s="5" t="s">
        <v>42</v>
      </c>
      <c r="U4388" s="2">
        <v>2.0310000000000001</v>
      </c>
      <c r="V4388" s="2">
        <v>1.667</v>
      </c>
      <c r="W4388" s="2">
        <v>1.0999999999999999E-2</v>
      </c>
      <c r="X4388" s="2">
        <v>139.1</v>
      </c>
      <c r="Y4388" s="2">
        <v>7.6</v>
      </c>
      <c r="Z4388" s="2">
        <v>10.6</v>
      </c>
      <c r="AA4388" s="5"/>
      <c r="AB4388" s="5" t="s">
        <v>43</v>
      </c>
      <c r="AC4388" s="5" t="s">
        <v>44</v>
      </c>
      <c r="AD4388" s="2"/>
      <c r="AE4388" s="1"/>
    </row>
    <row r="4389" spans="1:31" ht="14.45">
      <c r="A4389" s="11"/>
      <c r="B4389" s="20"/>
      <c r="C4389" s="2" t="s">
        <v>13621</v>
      </c>
      <c r="D4389" s="14" t="s">
        <v>13622</v>
      </c>
      <c r="E4389" s="2" t="s">
        <v>13623</v>
      </c>
      <c r="F4389" s="2" t="s">
        <v>7555</v>
      </c>
      <c r="G4389" s="8">
        <v>151</v>
      </c>
      <c r="H4389" s="5">
        <v>6</v>
      </c>
      <c r="I4389" s="5" t="s">
        <v>1518</v>
      </c>
      <c r="J4389" s="5" t="s">
        <v>1519</v>
      </c>
      <c r="K4389" s="2" t="s">
        <v>1520</v>
      </c>
      <c r="L4389" s="5" t="s">
        <v>1519</v>
      </c>
      <c r="M4389" s="2" t="s">
        <v>1520</v>
      </c>
      <c r="N4389" s="5" t="s">
        <v>1521</v>
      </c>
      <c r="O4389" s="5" t="s">
        <v>38</v>
      </c>
      <c r="P4389" s="5" t="s">
        <v>39</v>
      </c>
      <c r="Q4389" s="5" t="s">
        <v>40</v>
      </c>
      <c r="R4389" s="5" t="s">
        <v>1522</v>
      </c>
      <c r="S4389" s="5" t="s">
        <v>1523</v>
      </c>
      <c r="T4389" s="5" t="s">
        <v>42</v>
      </c>
      <c r="U4389" s="2">
        <v>1.986</v>
      </c>
      <c r="V4389" s="2">
        <v>1.6220000000000001</v>
      </c>
      <c r="W4389" s="2">
        <v>1.0999999999999999E-2</v>
      </c>
      <c r="X4389" s="2">
        <v>139.1</v>
      </c>
      <c r="Y4389" s="2">
        <v>7.6</v>
      </c>
      <c r="Z4389" s="2">
        <v>10.6</v>
      </c>
      <c r="AA4389" s="5"/>
      <c r="AB4389" s="5" t="s">
        <v>43</v>
      </c>
      <c r="AC4389" s="5" t="s">
        <v>44</v>
      </c>
      <c r="AD4389" s="2"/>
      <c r="AE4389" s="1"/>
    </row>
    <row r="4390" spans="1:31" ht="14.45">
      <c r="A4390" s="11"/>
      <c r="B4390" s="20"/>
      <c r="C4390" s="2" t="s">
        <v>13624</v>
      </c>
      <c r="D4390" s="14" t="s">
        <v>13625</v>
      </c>
      <c r="E4390" s="2" t="s">
        <v>13626</v>
      </c>
      <c r="F4390" s="2" t="s">
        <v>7559</v>
      </c>
      <c r="G4390" s="8">
        <v>151</v>
      </c>
      <c r="H4390" s="5">
        <v>6</v>
      </c>
      <c r="I4390" s="5" t="s">
        <v>1518</v>
      </c>
      <c r="J4390" s="5" t="s">
        <v>1519</v>
      </c>
      <c r="K4390" s="2" t="s">
        <v>1520</v>
      </c>
      <c r="L4390" s="5" t="s">
        <v>1519</v>
      </c>
      <c r="M4390" s="2" t="s">
        <v>1520</v>
      </c>
      <c r="N4390" s="5" t="s">
        <v>1521</v>
      </c>
      <c r="O4390" s="5" t="s">
        <v>38</v>
      </c>
      <c r="P4390" s="5" t="s">
        <v>39</v>
      </c>
      <c r="Q4390" s="5" t="s">
        <v>40</v>
      </c>
      <c r="R4390" s="5" t="s">
        <v>1522</v>
      </c>
      <c r="S4390" s="5" t="s">
        <v>1523</v>
      </c>
      <c r="T4390" s="5" t="s">
        <v>42</v>
      </c>
      <c r="U4390" s="2">
        <v>2.0310000000000001</v>
      </c>
      <c r="V4390" s="2">
        <v>1.667</v>
      </c>
      <c r="W4390" s="2">
        <v>1.0999999999999999E-2</v>
      </c>
      <c r="X4390" s="2">
        <v>139.1</v>
      </c>
      <c r="Y4390" s="2">
        <v>7.6</v>
      </c>
      <c r="Z4390" s="2">
        <v>10.6</v>
      </c>
      <c r="AA4390" s="5"/>
      <c r="AB4390" s="5" t="s">
        <v>43</v>
      </c>
      <c r="AC4390" s="5" t="s">
        <v>44</v>
      </c>
      <c r="AD4390" s="2"/>
      <c r="AE4390" s="1"/>
    </row>
    <row r="4391" spans="1:31" ht="14.45">
      <c r="A4391" s="11"/>
      <c r="B4391" s="20"/>
      <c r="C4391" s="2" t="s">
        <v>13627</v>
      </c>
      <c r="D4391" s="14" t="s">
        <v>13628</v>
      </c>
      <c r="E4391" s="2" t="s">
        <v>13629</v>
      </c>
      <c r="F4391" s="2" t="s">
        <v>7567</v>
      </c>
      <c r="G4391" s="8">
        <v>151</v>
      </c>
      <c r="H4391" s="5">
        <v>6</v>
      </c>
      <c r="I4391" s="5" t="s">
        <v>1518</v>
      </c>
      <c r="J4391" s="5" t="s">
        <v>1519</v>
      </c>
      <c r="K4391" s="2" t="s">
        <v>1520</v>
      </c>
      <c r="L4391" s="5" t="s">
        <v>1519</v>
      </c>
      <c r="M4391" s="2" t="s">
        <v>1520</v>
      </c>
      <c r="N4391" s="5" t="s">
        <v>1521</v>
      </c>
      <c r="O4391" s="5" t="s">
        <v>38</v>
      </c>
      <c r="P4391" s="5" t="s">
        <v>39</v>
      </c>
      <c r="Q4391" s="5" t="s">
        <v>40</v>
      </c>
      <c r="R4391" s="5" t="s">
        <v>1522</v>
      </c>
      <c r="S4391" s="5" t="s">
        <v>1523</v>
      </c>
      <c r="T4391" s="5" t="s">
        <v>42</v>
      </c>
      <c r="U4391" s="2">
        <v>2.048</v>
      </c>
      <c r="V4391" s="2">
        <v>1.6839999999999999</v>
      </c>
      <c r="W4391" s="2">
        <v>1.0999999999999999E-2</v>
      </c>
      <c r="X4391" s="2">
        <v>139.1</v>
      </c>
      <c r="Y4391" s="2">
        <v>7.6</v>
      </c>
      <c r="Z4391" s="2">
        <v>10.6</v>
      </c>
      <c r="AA4391" s="5"/>
      <c r="AB4391" s="5" t="s">
        <v>43</v>
      </c>
      <c r="AC4391" s="5" t="s">
        <v>44</v>
      </c>
      <c r="AD4391" s="2"/>
      <c r="AE4391" s="1"/>
    </row>
    <row r="4392" spans="1:31" ht="14.45">
      <c r="A4392" s="11"/>
      <c r="B4392" s="20"/>
      <c r="C4392" s="2" t="s">
        <v>13630</v>
      </c>
      <c r="D4392" s="14" t="s">
        <v>13631</v>
      </c>
      <c r="E4392" s="2" t="s">
        <v>13632</v>
      </c>
      <c r="F4392" s="2" t="s">
        <v>7429</v>
      </c>
      <c r="G4392" s="8">
        <v>151</v>
      </c>
      <c r="H4392" s="5">
        <v>6</v>
      </c>
      <c r="I4392" s="5" t="s">
        <v>1518</v>
      </c>
      <c r="J4392" s="5" t="s">
        <v>1519</v>
      </c>
      <c r="K4392" s="2" t="s">
        <v>1520</v>
      </c>
      <c r="L4392" s="5" t="s">
        <v>1519</v>
      </c>
      <c r="M4392" s="2" t="s">
        <v>1520</v>
      </c>
      <c r="N4392" s="5" t="s">
        <v>1521</v>
      </c>
      <c r="O4392" s="5" t="s">
        <v>38</v>
      </c>
      <c r="P4392" s="5" t="s">
        <v>39</v>
      </c>
      <c r="Q4392" s="5" t="s">
        <v>40</v>
      </c>
      <c r="R4392" s="5" t="s">
        <v>1522</v>
      </c>
      <c r="S4392" s="5" t="s">
        <v>1523</v>
      </c>
      <c r="T4392" s="5" t="s">
        <v>42</v>
      </c>
      <c r="U4392" s="2">
        <v>2.0030000000000001</v>
      </c>
      <c r="V4392" s="2">
        <v>1.639</v>
      </c>
      <c r="W4392" s="2">
        <v>1.0999999999999999E-2</v>
      </c>
      <c r="X4392" s="2">
        <v>139.1</v>
      </c>
      <c r="Y4392" s="2">
        <v>7.6</v>
      </c>
      <c r="Z4392" s="2">
        <v>10.6</v>
      </c>
      <c r="AA4392" s="5"/>
      <c r="AB4392" s="5" t="s">
        <v>43</v>
      </c>
      <c r="AC4392" s="5" t="s">
        <v>44</v>
      </c>
      <c r="AD4392" s="2"/>
      <c r="AE4392" s="1"/>
    </row>
    <row r="4393" spans="1:31" ht="14.45">
      <c r="A4393" s="11"/>
      <c r="B4393" s="20"/>
      <c r="C4393" s="2" t="s">
        <v>13633</v>
      </c>
      <c r="D4393" s="14" t="s">
        <v>13634</v>
      </c>
      <c r="E4393" s="2" t="s">
        <v>13635</v>
      </c>
      <c r="F4393" s="2" t="s">
        <v>7449</v>
      </c>
      <c r="G4393" s="8">
        <v>151</v>
      </c>
      <c r="H4393" s="5">
        <v>6</v>
      </c>
      <c r="I4393" s="5" t="s">
        <v>1518</v>
      </c>
      <c r="J4393" s="5" t="s">
        <v>1519</v>
      </c>
      <c r="K4393" s="2" t="s">
        <v>1520</v>
      </c>
      <c r="L4393" s="5" t="s">
        <v>1519</v>
      </c>
      <c r="M4393" s="2" t="s">
        <v>1520</v>
      </c>
      <c r="N4393" s="5" t="s">
        <v>1521</v>
      </c>
      <c r="O4393" s="5" t="s">
        <v>38</v>
      </c>
      <c r="P4393" s="5" t="s">
        <v>39</v>
      </c>
      <c r="Q4393" s="5" t="s">
        <v>40</v>
      </c>
      <c r="R4393" s="5" t="s">
        <v>1522</v>
      </c>
      <c r="S4393" s="5" t="s">
        <v>1523</v>
      </c>
      <c r="T4393" s="5" t="s">
        <v>42</v>
      </c>
      <c r="U4393" s="2">
        <v>2.0030000000000001</v>
      </c>
      <c r="V4393" s="2">
        <v>1.639</v>
      </c>
      <c r="W4393" s="2">
        <v>1.0999999999999999E-2</v>
      </c>
      <c r="X4393" s="2">
        <v>139.1</v>
      </c>
      <c r="Y4393" s="2">
        <v>7.6</v>
      </c>
      <c r="Z4393" s="2">
        <v>10.6</v>
      </c>
      <c r="AA4393" s="5"/>
      <c r="AB4393" s="5" t="s">
        <v>43</v>
      </c>
      <c r="AC4393" s="5" t="s">
        <v>44</v>
      </c>
      <c r="AD4393" s="2"/>
      <c r="AE4393" s="1"/>
    </row>
    <row r="4394" spans="1:31" ht="14.45">
      <c r="A4394" s="11"/>
      <c r="B4394" s="20"/>
      <c r="C4394" s="2" t="s">
        <v>13636</v>
      </c>
      <c r="D4394" s="14" t="s">
        <v>13637</v>
      </c>
      <c r="E4394" s="2" t="s">
        <v>13638</v>
      </c>
      <c r="F4394" s="2" t="s">
        <v>7585</v>
      </c>
      <c r="G4394" s="8">
        <v>151</v>
      </c>
      <c r="H4394" s="5">
        <v>6</v>
      </c>
      <c r="I4394" s="5" t="s">
        <v>1518</v>
      </c>
      <c r="J4394" s="5" t="s">
        <v>1519</v>
      </c>
      <c r="K4394" s="2" t="s">
        <v>1520</v>
      </c>
      <c r="L4394" s="5" t="s">
        <v>1519</v>
      </c>
      <c r="M4394" s="2" t="s">
        <v>1520</v>
      </c>
      <c r="N4394" s="5" t="s">
        <v>1521</v>
      </c>
      <c r="O4394" s="5" t="s">
        <v>38</v>
      </c>
      <c r="P4394" s="5" t="s">
        <v>39</v>
      </c>
      <c r="Q4394" s="5" t="s">
        <v>40</v>
      </c>
      <c r="R4394" s="5" t="s">
        <v>1522</v>
      </c>
      <c r="S4394" s="5" t="s">
        <v>1523</v>
      </c>
      <c r="T4394" s="5" t="s">
        <v>42</v>
      </c>
      <c r="U4394" s="2">
        <v>1.986</v>
      </c>
      <c r="V4394" s="2">
        <v>1.6220000000000001</v>
      </c>
      <c r="W4394" s="2">
        <v>1.0999999999999999E-2</v>
      </c>
      <c r="X4394" s="2">
        <v>139.1</v>
      </c>
      <c r="Y4394" s="2">
        <v>7.6</v>
      </c>
      <c r="Z4394" s="2">
        <v>10.6</v>
      </c>
      <c r="AA4394" s="5"/>
      <c r="AB4394" s="5" t="s">
        <v>43</v>
      </c>
      <c r="AC4394" s="5" t="s">
        <v>44</v>
      </c>
      <c r="AD4394" s="2"/>
      <c r="AE4394" s="1"/>
    </row>
    <row r="4395" spans="1:31" ht="14.45">
      <c r="A4395" s="11"/>
      <c r="B4395" s="20"/>
      <c r="C4395" s="2" t="s">
        <v>13639</v>
      </c>
      <c r="D4395" s="14" t="s">
        <v>13640</v>
      </c>
      <c r="E4395" s="2" t="s">
        <v>13641</v>
      </c>
      <c r="F4395" s="2" t="s">
        <v>7593</v>
      </c>
      <c r="G4395" s="8">
        <v>151</v>
      </c>
      <c r="H4395" s="5">
        <v>6</v>
      </c>
      <c r="I4395" s="5" t="s">
        <v>1518</v>
      </c>
      <c r="J4395" s="5" t="s">
        <v>1519</v>
      </c>
      <c r="K4395" s="2" t="s">
        <v>1520</v>
      </c>
      <c r="L4395" s="5" t="s">
        <v>1519</v>
      </c>
      <c r="M4395" s="2" t="s">
        <v>1520</v>
      </c>
      <c r="N4395" s="5" t="s">
        <v>1521</v>
      </c>
      <c r="O4395" s="5" t="s">
        <v>38</v>
      </c>
      <c r="P4395" s="5" t="s">
        <v>39</v>
      </c>
      <c r="Q4395" s="5" t="s">
        <v>40</v>
      </c>
      <c r="R4395" s="5" t="s">
        <v>1522</v>
      </c>
      <c r="S4395" s="5" t="s">
        <v>1523</v>
      </c>
      <c r="T4395" s="5" t="s">
        <v>42</v>
      </c>
      <c r="U4395" s="2">
        <v>2.0030000000000001</v>
      </c>
      <c r="V4395" s="2">
        <v>1.639</v>
      </c>
      <c r="W4395" s="2">
        <v>1.0999999999999999E-2</v>
      </c>
      <c r="X4395" s="2">
        <v>139.1</v>
      </c>
      <c r="Y4395" s="2">
        <v>7.6</v>
      </c>
      <c r="Z4395" s="2">
        <v>10.6</v>
      </c>
      <c r="AA4395" s="5"/>
      <c r="AB4395" s="5" t="s">
        <v>43</v>
      </c>
      <c r="AC4395" s="5" t="s">
        <v>44</v>
      </c>
      <c r="AD4395" s="2"/>
      <c r="AE4395" s="1"/>
    </row>
    <row r="4396" spans="1:31" ht="14.45">
      <c r="A4396" s="11"/>
      <c r="B4396" s="20"/>
      <c r="C4396" s="2" t="s">
        <v>13642</v>
      </c>
      <c r="D4396" s="14" t="s">
        <v>13643</v>
      </c>
      <c r="E4396" s="2" t="s">
        <v>13644</v>
      </c>
      <c r="F4396" s="2" t="s">
        <v>7597</v>
      </c>
      <c r="G4396" s="8">
        <v>151</v>
      </c>
      <c r="H4396" s="5">
        <v>6</v>
      </c>
      <c r="I4396" s="5" t="s">
        <v>1518</v>
      </c>
      <c r="J4396" s="5" t="s">
        <v>1519</v>
      </c>
      <c r="K4396" s="2" t="s">
        <v>1520</v>
      </c>
      <c r="L4396" s="5" t="s">
        <v>1519</v>
      </c>
      <c r="M4396" s="2" t="s">
        <v>1520</v>
      </c>
      <c r="N4396" s="5" t="s">
        <v>1521</v>
      </c>
      <c r="O4396" s="5" t="s">
        <v>38</v>
      </c>
      <c r="P4396" s="5" t="s">
        <v>39</v>
      </c>
      <c r="Q4396" s="5" t="s">
        <v>40</v>
      </c>
      <c r="R4396" s="5" t="s">
        <v>1522</v>
      </c>
      <c r="S4396" s="5" t="s">
        <v>1523</v>
      </c>
      <c r="T4396" s="5" t="s">
        <v>42</v>
      </c>
      <c r="U4396" s="2">
        <v>2.048</v>
      </c>
      <c r="V4396" s="2">
        <v>1.6839999999999999</v>
      </c>
      <c r="W4396" s="2">
        <v>1.0999999999999999E-2</v>
      </c>
      <c r="X4396" s="2">
        <v>139.1</v>
      </c>
      <c r="Y4396" s="2">
        <v>7.6</v>
      </c>
      <c r="Z4396" s="2">
        <v>10.6</v>
      </c>
      <c r="AA4396" s="5"/>
      <c r="AB4396" s="5" t="s">
        <v>43</v>
      </c>
      <c r="AC4396" s="5" t="s">
        <v>44</v>
      </c>
      <c r="AD4396" s="2"/>
      <c r="AE4396" s="1"/>
    </row>
    <row r="4397" spans="1:31" ht="14.45">
      <c r="A4397" s="11"/>
      <c r="B4397" s="20"/>
      <c r="C4397" s="2" t="s">
        <v>13645</v>
      </c>
      <c r="D4397" s="14" t="s">
        <v>13646</v>
      </c>
      <c r="E4397" s="2" t="s">
        <v>13647</v>
      </c>
      <c r="F4397" s="2" t="s">
        <v>7604</v>
      </c>
      <c r="G4397" s="8">
        <v>151</v>
      </c>
      <c r="H4397" s="5">
        <v>6</v>
      </c>
      <c r="I4397" s="5" t="s">
        <v>1518</v>
      </c>
      <c r="J4397" s="5" t="s">
        <v>1519</v>
      </c>
      <c r="K4397" s="2" t="s">
        <v>1520</v>
      </c>
      <c r="L4397" s="5" t="s">
        <v>1519</v>
      </c>
      <c r="M4397" s="2" t="s">
        <v>1520</v>
      </c>
      <c r="N4397" s="5" t="s">
        <v>1521</v>
      </c>
      <c r="O4397" s="5" t="s">
        <v>38</v>
      </c>
      <c r="P4397" s="5" t="s">
        <v>39</v>
      </c>
      <c r="Q4397" s="5" t="s">
        <v>40</v>
      </c>
      <c r="R4397" s="5" t="s">
        <v>1522</v>
      </c>
      <c r="S4397" s="5" t="s">
        <v>1523</v>
      </c>
      <c r="T4397" s="5" t="s">
        <v>42</v>
      </c>
      <c r="U4397" s="2">
        <v>2.048</v>
      </c>
      <c r="V4397" s="2">
        <v>1.6839999999999999</v>
      </c>
      <c r="W4397" s="2">
        <v>1.0999999999999999E-2</v>
      </c>
      <c r="X4397" s="2">
        <v>139.1</v>
      </c>
      <c r="Y4397" s="2">
        <v>7.6</v>
      </c>
      <c r="Z4397" s="2">
        <v>10.6</v>
      </c>
      <c r="AA4397" s="5"/>
      <c r="AB4397" s="5" t="s">
        <v>43</v>
      </c>
      <c r="AC4397" s="5" t="s">
        <v>44</v>
      </c>
      <c r="AD4397" s="2"/>
      <c r="AE4397" s="1"/>
    </row>
    <row r="4398" spans="1:31" ht="14.45">
      <c r="A4398" s="11"/>
      <c r="B4398" s="20"/>
      <c r="C4398" s="2" t="s">
        <v>13648</v>
      </c>
      <c r="D4398" s="14" t="s">
        <v>13649</v>
      </c>
      <c r="E4398" s="2" t="s">
        <v>13650</v>
      </c>
      <c r="F4398" s="2" t="s">
        <v>7433</v>
      </c>
      <c r="G4398" s="8">
        <v>151</v>
      </c>
      <c r="H4398" s="5">
        <v>6</v>
      </c>
      <c r="I4398" s="5" t="s">
        <v>1518</v>
      </c>
      <c r="J4398" s="5" t="s">
        <v>1519</v>
      </c>
      <c r="K4398" s="2" t="s">
        <v>1520</v>
      </c>
      <c r="L4398" s="5" t="s">
        <v>1519</v>
      </c>
      <c r="M4398" s="2" t="s">
        <v>1520</v>
      </c>
      <c r="N4398" s="5" t="s">
        <v>1521</v>
      </c>
      <c r="O4398" s="5" t="s">
        <v>38</v>
      </c>
      <c r="P4398" s="5" t="s">
        <v>39</v>
      </c>
      <c r="Q4398" s="5" t="s">
        <v>40</v>
      </c>
      <c r="R4398" s="5" t="s">
        <v>1522</v>
      </c>
      <c r="S4398" s="5" t="s">
        <v>1523</v>
      </c>
      <c r="T4398" s="5" t="s">
        <v>42</v>
      </c>
      <c r="U4398" s="2">
        <v>2.0030000000000001</v>
      </c>
      <c r="V4398" s="2">
        <v>1.639</v>
      </c>
      <c r="W4398" s="2">
        <v>1.0999999999999999E-2</v>
      </c>
      <c r="X4398" s="2">
        <v>139.1</v>
      </c>
      <c r="Y4398" s="2">
        <v>7.6</v>
      </c>
      <c r="Z4398" s="2">
        <v>10.6</v>
      </c>
      <c r="AA4398" s="5"/>
      <c r="AB4398" s="5" t="s">
        <v>43</v>
      </c>
      <c r="AC4398" s="5" t="s">
        <v>44</v>
      </c>
      <c r="AD4398" s="2"/>
      <c r="AE4398" s="1"/>
    </row>
    <row r="4399" spans="1:31" ht="14.45">
      <c r="A4399" s="11"/>
      <c r="B4399" s="20"/>
      <c r="C4399" s="2" t="s">
        <v>13651</v>
      </c>
      <c r="D4399" s="14" t="s">
        <v>13652</v>
      </c>
      <c r="E4399" s="2" t="s">
        <v>13653</v>
      </c>
      <c r="F4399" s="2" t="s">
        <v>7611</v>
      </c>
      <c r="G4399" s="8">
        <v>151</v>
      </c>
      <c r="H4399" s="5">
        <v>6</v>
      </c>
      <c r="I4399" s="5" t="s">
        <v>1518</v>
      </c>
      <c r="J4399" s="5" t="s">
        <v>1519</v>
      </c>
      <c r="K4399" s="2" t="s">
        <v>1520</v>
      </c>
      <c r="L4399" s="5" t="s">
        <v>1519</v>
      </c>
      <c r="M4399" s="2" t="s">
        <v>1520</v>
      </c>
      <c r="N4399" s="5" t="s">
        <v>1521</v>
      </c>
      <c r="O4399" s="5" t="s">
        <v>38</v>
      </c>
      <c r="P4399" s="5" t="s">
        <v>39</v>
      </c>
      <c r="Q4399" s="5" t="s">
        <v>40</v>
      </c>
      <c r="R4399" s="5" t="s">
        <v>1522</v>
      </c>
      <c r="S4399" s="5" t="s">
        <v>1523</v>
      </c>
      <c r="T4399" s="5" t="s">
        <v>42</v>
      </c>
      <c r="U4399" s="2">
        <v>2.048</v>
      </c>
      <c r="V4399" s="2">
        <v>1.6839999999999999</v>
      </c>
      <c r="W4399" s="2">
        <v>1.0999999999999999E-2</v>
      </c>
      <c r="X4399" s="2">
        <v>139.1</v>
      </c>
      <c r="Y4399" s="2">
        <v>7.6</v>
      </c>
      <c r="Z4399" s="2">
        <v>10.6</v>
      </c>
      <c r="AA4399" s="5"/>
      <c r="AB4399" s="5" t="s">
        <v>43</v>
      </c>
      <c r="AC4399" s="5" t="s">
        <v>44</v>
      </c>
      <c r="AD4399" s="2"/>
      <c r="AE4399" s="1"/>
    </row>
    <row r="4400" spans="1:31" ht="14.45">
      <c r="A4400" s="11"/>
      <c r="B4400" s="20"/>
      <c r="C4400" s="2" t="s">
        <v>13654</v>
      </c>
      <c r="D4400" s="14" t="s">
        <v>13655</v>
      </c>
      <c r="E4400" s="2" t="s">
        <v>13656</v>
      </c>
      <c r="F4400" s="2" t="s">
        <v>7615</v>
      </c>
      <c r="G4400" s="8">
        <v>151</v>
      </c>
      <c r="H4400" s="5">
        <v>6</v>
      </c>
      <c r="I4400" s="5" t="s">
        <v>1518</v>
      </c>
      <c r="J4400" s="5" t="s">
        <v>1519</v>
      </c>
      <c r="K4400" s="2" t="s">
        <v>1520</v>
      </c>
      <c r="L4400" s="5" t="s">
        <v>1519</v>
      </c>
      <c r="M4400" s="2" t="s">
        <v>1520</v>
      </c>
      <c r="N4400" s="5" t="s">
        <v>1521</v>
      </c>
      <c r="O4400" s="5" t="s">
        <v>38</v>
      </c>
      <c r="P4400" s="5" t="s">
        <v>39</v>
      </c>
      <c r="Q4400" s="5" t="s">
        <v>40</v>
      </c>
      <c r="R4400" s="5" t="s">
        <v>1522</v>
      </c>
      <c r="S4400" s="5" t="s">
        <v>1523</v>
      </c>
      <c r="T4400" s="5" t="s">
        <v>42</v>
      </c>
      <c r="U4400" s="2">
        <v>1.986</v>
      </c>
      <c r="V4400" s="2">
        <v>1.6220000000000001</v>
      </c>
      <c r="W4400" s="2">
        <v>1.0999999999999999E-2</v>
      </c>
      <c r="X4400" s="2">
        <v>139.1</v>
      </c>
      <c r="Y4400" s="2">
        <v>7.6</v>
      </c>
      <c r="Z4400" s="2">
        <v>10.6</v>
      </c>
      <c r="AA4400" s="5"/>
      <c r="AB4400" s="5" t="s">
        <v>43</v>
      </c>
      <c r="AC4400" s="5" t="s">
        <v>44</v>
      </c>
      <c r="AD4400" s="2"/>
      <c r="AE4400" s="1"/>
    </row>
    <row r="4401" spans="1:31" ht="14.45">
      <c r="A4401" s="11"/>
      <c r="B4401" s="20"/>
      <c r="C4401" s="2" t="s">
        <v>13657</v>
      </c>
      <c r="D4401" s="14" t="s">
        <v>13658</v>
      </c>
      <c r="E4401" s="2" t="s">
        <v>13659</v>
      </c>
      <c r="F4401" s="2" t="s">
        <v>10098</v>
      </c>
      <c r="G4401" s="8">
        <v>151</v>
      </c>
      <c r="H4401" s="5">
        <v>11</v>
      </c>
      <c r="I4401" s="5" t="s">
        <v>1518</v>
      </c>
      <c r="J4401" s="5" t="s">
        <v>1519</v>
      </c>
      <c r="K4401" s="2" t="s">
        <v>1520</v>
      </c>
      <c r="L4401" s="5" t="s">
        <v>1519</v>
      </c>
      <c r="M4401" s="2" t="s">
        <v>1520</v>
      </c>
      <c r="N4401" s="5" t="s">
        <v>1521</v>
      </c>
      <c r="O4401" s="5" t="s">
        <v>38</v>
      </c>
      <c r="P4401" s="5" t="s">
        <v>39</v>
      </c>
      <c r="Q4401" s="5" t="s">
        <v>40</v>
      </c>
      <c r="R4401" s="5" t="s">
        <v>1522</v>
      </c>
      <c r="S4401" s="5" t="s">
        <v>1523</v>
      </c>
      <c r="T4401" s="5" t="s">
        <v>42</v>
      </c>
      <c r="U4401" s="2">
        <v>1.9930000000000001</v>
      </c>
      <c r="V4401" s="2">
        <v>1.627</v>
      </c>
      <c r="W4401" s="2">
        <v>1.0999999999999999E-2</v>
      </c>
      <c r="X4401" s="2">
        <v>139.1</v>
      </c>
      <c r="Y4401" s="2">
        <v>7.6</v>
      </c>
      <c r="Z4401" s="2">
        <v>10.6</v>
      </c>
      <c r="AA4401" s="5"/>
      <c r="AB4401" s="5" t="s">
        <v>43</v>
      </c>
      <c r="AC4401" s="5" t="s">
        <v>44</v>
      </c>
      <c r="AD4401" s="2"/>
      <c r="AE4401" s="1"/>
    </row>
    <row r="4402" spans="1:31" ht="14.45">
      <c r="A4402" s="11"/>
      <c r="B4402" s="20"/>
      <c r="C4402" s="2" t="s">
        <v>13660</v>
      </c>
      <c r="D4402" s="14" t="s">
        <v>13661</v>
      </c>
      <c r="E4402" s="2" t="s">
        <v>13662</v>
      </c>
      <c r="F4402" s="2" t="s">
        <v>1867</v>
      </c>
      <c r="G4402" s="8">
        <v>151</v>
      </c>
      <c r="H4402" s="5">
        <v>11</v>
      </c>
      <c r="I4402" s="5" t="s">
        <v>1518</v>
      </c>
      <c r="J4402" s="5" t="s">
        <v>1519</v>
      </c>
      <c r="K4402" s="2" t="s">
        <v>1520</v>
      </c>
      <c r="L4402" s="5" t="s">
        <v>1519</v>
      </c>
      <c r="M4402" s="2" t="s">
        <v>1520</v>
      </c>
      <c r="N4402" s="5" t="s">
        <v>1521</v>
      </c>
      <c r="O4402" s="5" t="s">
        <v>38</v>
      </c>
      <c r="P4402" s="5" t="s">
        <v>39</v>
      </c>
      <c r="Q4402" s="5" t="s">
        <v>40</v>
      </c>
      <c r="R4402" s="5" t="s">
        <v>1522</v>
      </c>
      <c r="S4402" s="5" t="s">
        <v>1523</v>
      </c>
      <c r="T4402" s="5" t="s">
        <v>42</v>
      </c>
      <c r="U4402" s="2">
        <v>2.0379999999999998</v>
      </c>
      <c r="V4402" s="2">
        <v>1.6719999999999999</v>
      </c>
      <c r="W4402" s="2">
        <v>1.0999999999999999E-2</v>
      </c>
      <c r="X4402" s="2">
        <v>139.1</v>
      </c>
      <c r="Y4402" s="2">
        <v>7.6</v>
      </c>
      <c r="Z4402" s="2">
        <v>10.6</v>
      </c>
      <c r="AA4402" s="5"/>
      <c r="AB4402" s="5" t="s">
        <v>43</v>
      </c>
      <c r="AC4402" s="5" t="s">
        <v>44</v>
      </c>
      <c r="AD4402" s="2"/>
      <c r="AE4402" s="1"/>
    </row>
    <row r="4403" spans="1:31" ht="14.45">
      <c r="A4403" s="11"/>
      <c r="B4403" s="20"/>
      <c r="C4403" s="2" t="s">
        <v>13663</v>
      </c>
      <c r="D4403" s="14" t="s">
        <v>13664</v>
      </c>
      <c r="E4403" s="2" t="s">
        <v>13665</v>
      </c>
      <c r="F4403" s="2" t="s">
        <v>7396</v>
      </c>
      <c r="G4403" s="8">
        <v>146</v>
      </c>
      <c r="H4403" s="5">
        <v>5</v>
      </c>
      <c r="I4403" s="5" t="s">
        <v>1518</v>
      </c>
      <c r="J4403" s="5" t="s">
        <v>1519</v>
      </c>
      <c r="K4403" s="2" t="s">
        <v>1520</v>
      </c>
      <c r="L4403" s="5" t="s">
        <v>1519</v>
      </c>
      <c r="M4403" s="2" t="s">
        <v>1520</v>
      </c>
      <c r="N4403" s="5" t="s">
        <v>1521</v>
      </c>
      <c r="O4403" s="5" t="s">
        <v>38</v>
      </c>
      <c r="P4403" s="5" t="s">
        <v>39</v>
      </c>
      <c r="Q4403" s="5" t="s">
        <v>40</v>
      </c>
      <c r="R4403" s="5" t="s">
        <v>1522</v>
      </c>
      <c r="S4403" s="5" t="s">
        <v>1523</v>
      </c>
      <c r="T4403" s="5" t="s">
        <v>42</v>
      </c>
      <c r="U4403" s="2">
        <v>2.2869999999999999</v>
      </c>
      <c r="V4403" s="2">
        <v>1.923</v>
      </c>
      <c r="W4403" s="2">
        <v>1.0999999999999999E-2</v>
      </c>
      <c r="X4403" s="2">
        <v>139.1</v>
      </c>
      <c r="Y4403" s="2">
        <v>7.6</v>
      </c>
      <c r="Z4403" s="2">
        <v>10.6</v>
      </c>
      <c r="AA4403" s="5"/>
      <c r="AB4403" s="5" t="s">
        <v>43</v>
      </c>
      <c r="AC4403" s="5" t="s">
        <v>44</v>
      </c>
      <c r="AD4403" s="2"/>
      <c r="AE4403" s="1"/>
    </row>
    <row r="4404" spans="1:31" ht="14.45">
      <c r="A4404" s="11"/>
      <c r="B4404" s="20"/>
      <c r="C4404" s="2" t="s">
        <v>13666</v>
      </c>
      <c r="D4404" s="14" t="s">
        <v>13667</v>
      </c>
      <c r="E4404" s="2" t="s">
        <v>13668</v>
      </c>
      <c r="F4404" s="2" t="s">
        <v>7507</v>
      </c>
      <c r="G4404" s="8">
        <v>146</v>
      </c>
      <c r="H4404" s="5">
        <v>5</v>
      </c>
      <c r="I4404" s="5" t="s">
        <v>1518</v>
      </c>
      <c r="J4404" s="5" t="s">
        <v>1519</v>
      </c>
      <c r="K4404" s="2" t="s">
        <v>1520</v>
      </c>
      <c r="L4404" s="5" t="s">
        <v>1519</v>
      </c>
      <c r="M4404" s="2" t="s">
        <v>1520</v>
      </c>
      <c r="N4404" s="5" t="s">
        <v>1521</v>
      </c>
      <c r="O4404" s="5" t="s">
        <v>38</v>
      </c>
      <c r="P4404" s="5" t="s">
        <v>39</v>
      </c>
      <c r="Q4404" s="5" t="s">
        <v>40</v>
      </c>
      <c r="R4404" s="5" t="s">
        <v>1522</v>
      </c>
      <c r="S4404" s="5" t="s">
        <v>1523</v>
      </c>
      <c r="T4404" s="5" t="s">
        <v>42</v>
      </c>
      <c r="U4404" s="2">
        <v>2.3420000000000001</v>
      </c>
      <c r="V4404" s="2">
        <v>1.9770000000000001</v>
      </c>
      <c r="W4404" s="2">
        <v>1.0999999999999999E-2</v>
      </c>
      <c r="X4404" s="2">
        <v>139.1</v>
      </c>
      <c r="Y4404" s="2">
        <v>7.6</v>
      </c>
      <c r="Z4404" s="2">
        <v>10.6</v>
      </c>
      <c r="AA4404" s="5"/>
      <c r="AB4404" s="5" t="s">
        <v>43</v>
      </c>
      <c r="AC4404" s="5" t="s">
        <v>44</v>
      </c>
      <c r="AD4404" s="2"/>
      <c r="AE4404" s="1"/>
    </row>
    <row r="4405" spans="1:31" ht="14.45">
      <c r="A4405" s="11"/>
      <c r="B4405" s="20"/>
      <c r="C4405" s="2" t="s">
        <v>13669</v>
      </c>
      <c r="D4405" s="14" t="s">
        <v>13670</v>
      </c>
      <c r="E4405" s="2" t="s">
        <v>13671</v>
      </c>
      <c r="F4405" s="2" t="s">
        <v>7204</v>
      </c>
      <c r="G4405" s="8">
        <v>146</v>
      </c>
      <c r="H4405" s="5">
        <v>5</v>
      </c>
      <c r="I4405" s="5" t="s">
        <v>1518</v>
      </c>
      <c r="J4405" s="5" t="s">
        <v>1519</v>
      </c>
      <c r="K4405" s="2" t="s">
        <v>1520</v>
      </c>
      <c r="L4405" s="5" t="s">
        <v>1519</v>
      </c>
      <c r="M4405" s="2" t="s">
        <v>1520</v>
      </c>
      <c r="N4405" s="5" t="s">
        <v>1521</v>
      </c>
      <c r="O4405" s="5" t="s">
        <v>38</v>
      </c>
      <c r="P4405" s="5" t="s">
        <v>39</v>
      </c>
      <c r="Q4405" s="5" t="s">
        <v>40</v>
      </c>
      <c r="R4405" s="5" t="s">
        <v>1522</v>
      </c>
      <c r="S4405" s="5" t="s">
        <v>1523</v>
      </c>
      <c r="T4405" s="5" t="s">
        <v>42</v>
      </c>
      <c r="U4405" s="2">
        <v>2.298</v>
      </c>
      <c r="V4405" s="2">
        <v>1.9339999999999999</v>
      </c>
      <c r="W4405" s="2">
        <v>1.0999999999999999E-2</v>
      </c>
      <c r="X4405" s="2">
        <v>139.1</v>
      </c>
      <c r="Y4405" s="2">
        <v>7.6</v>
      </c>
      <c r="Z4405" s="2">
        <v>10.6</v>
      </c>
      <c r="AA4405" s="5"/>
      <c r="AB4405" s="5" t="s">
        <v>43</v>
      </c>
      <c r="AC4405" s="5" t="s">
        <v>44</v>
      </c>
      <c r="AD4405" s="2"/>
      <c r="AE4405" s="1"/>
    </row>
    <row r="4406" spans="1:31" ht="14.45">
      <c r="A4406" s="11"/>
      <c r="B4406" s="20"/>
      <c r="C4406" s="2" t="s">
        <v>13672</v>
      </c>
      <c r="D4406" s="14" t="s">
        <v>13673</v>
      </c>
      <c r="E4406" s="2" t="s">
        <v>13674</v>
      </c>
      <c r="F4406" s="2" t="s">
        <v>7514</v>
      </c>
      <c r="G4406" s="8">
        <v>146</v>
      </c>
      <c r="H4406" s="5">
        <v>5</v>
      </c>
      <c r="I4406" s="5" t="s">
        <v>1518</v>
      </c>
      <c r="J4406" s="5" t="s">
        <v>1519</v>
      </c>
      <c r="K4406" s="2" t="s">
        <v>1520</v>
      </c>
      <c r="L4406" s="5" t="s">
        <v>1519</v>
      </c>
      <c r="M4406" s="2" t="s">
        <v>1520</v>
      </c>
      <c r="N4406" s="5" t="s">
        <v>1521</v>
      </c>
      <c r="O4406" s="5" t="s">
        <v>38</v>
      </c>
      <c r="P4406" s="5" t="s">
        <v>39</v>
      </c>
      <c r="Q4406" s="5" t="s">
        <v>40</v>
      </c>
      <c r="R4406" s="5" t="s">
        <v>1522</v>
      </c>
      <c r="S4406" s="5" t="s">
        <v>1523</v>
      </c>
      <c r="T4406" s="5" t="s">
        <v>42</v>
      </c>
      <c r="U4406" s="2">
        <v>2.3530000000000002</v>
      </c>
      <c r="V4406" s="2">
        <v>1.988</v>
      </c>
      <c r="W4406" s="2">
        <v>1.0999999999999999E-2</v>
      </c>
      <c r="X4406" s="2">
        <v>139.1</v>
      </c>
      <c r="Y4406" s="2">
        <v>7.6</v>
      </c>
      <c r="Z4406" s="2">
        <v>10.6</v>
      </c>
      <c r="AA4406" s="5"/>
      <c r="AB4406" s="5" t="s">
        <v>43</v>
      </c>
      <c r="AC4406" s="5" t="s">
        <v>44</v>
      </c>
      <c r="AD4406" s="2"/>
      <c r="AE4406" s="1"/>
    </row>
    <row r="4407" spans="1:31" ht="14.45">
      <c r="A4407" s="11"/>
      <c r="B4407" s="20"/>
      <c r="C4407" s="2" t="s">
        <v>13675</v>
      </c>
      <c r="D4407" s="14" t="s">
        <v>13676</v>
      </c>
      <c r="E4407" s="2" t="s">
        <v>13677</v>
      </c>
      <c r="F4407" s="2" t="s">
        <v>7208</v>
      </c>
      <c r="G4407" s="8">
        <v>146</v>
      </c>
      <c r="H4407" s="5">
        <v>5</v>
      </c>
      <c r="I4407" s="5" t="s">
        <v>1518</v>
      </c>
      <c r="J4407" s="5" t="s">
        <v>1519</v>
      </c>
      <c r="K4407" s="2" t="s">
        <v>1520</v>
      </c>
      <c r="L4407" s="5" t="s">
        <v>1519</v>
      </c>
      <c r="M4407" s="2" t="s">
        <v>1520</v>
      </c>
      <c r="N4407" s="5" t="s">
        <v>1521</v>
      </c>
      <c r="O4407" s="5" t="s">
        <v>38</v>
      </c>
      <c r="P4407" s="5" t="s">
        <v>39</v>
      </c>
      <c r="Q4407" s="5" t="s">
        <v>40</v>
      </c>
      <c r="R4407" s="5" t="s">
        <v>1522</v>
      </c>
      <c r="S4407" s="5" t="s">
        <v>1523</v>
      </c>
      <c r="T4407" s="5" t="s">
        <v>42</v>
      </c>
      <c r="U4407" s="2">
        <v>2.2970000000000002</v>
      </c>
      <c r="V4407" s="2">
        <v>1.9330000000000001</v>
      </c>
      <c r="W4407" s="2">
        <v>1.0999999999999999E-2</v>
      </c>
      <c r="X4407" s="2">
        <v>139.1</v>
      </c>
      <c r="Y4407" s="2">
        <v>7.6</v>
      </c>
      <c r="Z4407" s="2">
        <v>10.6</v>
      </c>
      <c r="AA4407" s="5"/>
      <c r="AB4407" s="5" t="s">
        <v>43</v>
      </c>
      <c r="AC4407" s="5" t="s">
        <v>44</v>
      </c>
      <c r="AD4407" s="2"/>
      <c r="AE4407" s="1"/>
    </row>
    <row r="4408" spans="1:31" ht="14.45">
      <c r="A4408" s="11"/>
      <c r="B4408" s="20"/>
      <c r="C4408" s="2" t="s">
        <v>13678</v>
      </c>
      <c r="D4408" s="14" t="s">
        <v>13679</v>
      </c>
      <c r="E4408" s="2" t="s">
        <v>13680</v>
      </c>
      <c r="F4408" s="2" t="s">
        <v>7521</v>
      </c>
      <c r="G4408" s="8">
        <v>146</v>
      </c>
      <c r="H4408" s="5">
        <v>5</v>
      </c>
      <c r="I4408" s="5" t="s">
        <v>1518</v>
      </c>
      <c r="J4408" s="5" t="s">
        <v>1519</v>
      </c>
      <c r="K4408" s="2" t="s">
        <v>1520</v>
      </c>
      <c r="L4408" s="5" t="s">
        <v>1519</v>
      </c>
      <c r="M4408" s="2" t="s">
        <v>1520</v>
      </c>
      <c r="N4408" s="5" t="s">
        <v>1521</v>
      </c>
      <c r="O4408" s="5" t="s">
        <v>38</v>
      </c>
      <c r="P4408" s="5" t="s">
        <v>39</v>
      </c>
      <c r="Q4408" s="5" t="s">
        <v>40</v>
      </c>
      <c r="R4408" s="5" t="s">
        <v>1522</v>
      </c>
      <c r="S4408" s="5" t="s">
        <v>1523</v>
      </c>
      <c r="T4408" s="5" t="s">
        <v>42</v>
      </c>
      <c r="U4408" s="2">
        <v>2.3530000000000002</v>
      </c>
      <c r="V4408" s="2">
        <v>1.988</v>
      </c>
      <c r="W4408" s="2">
        <v>1.0999999999999999E-2</v>
      </c>
      <c r="X4408" s="2">
        <v>139.1</v>
      </c>
      <c r="Y4408" s="2">
        <v>7.6</v>
      </c>
      <c r="Z4408" s="2">
        <v>10.6</v>
      </c>
      <c r="AA4408" s="5"/>
      <c r="AB4408" s="5" t="s">
        <v>43</v>
      </c>
      <c r="AC4408" s="5" t="s">
        <v>44</v>
      </c>
      <c r="AD4408" s="2"/>
      <c r="AE4408" s="1"/>
    </row>
    <row r="4409" spans="1:31" ht="14.45">
      <c r="A4409" s="11"/>
      <c r="B4409" s="20"/>
      <c r="C4409" s="2" t="s">
        <v>13681</v>
      </c>
      <c r="D4409" s="14" t="s">
        <v>13682</v>
      </c>
      <c r="E4409" s="2" t="s">
        <v>13683</v>
      </c>
      <c r="F4409" s="2" t="s">
        <v>7212</v>
      </c>
      <c r="G4409" s="8">
        <v>146</v>
      </c>
      <c r="H4409" s="5">
        <v>5</v>
      </c>
      <c r="I4409" s="5" t="s">
        <v>1518</v>
      </c>
      <c r="J4409" s="5" t="s">
        <v>1519</v>
      </c>
      <c r="K4409" s="2" t="s">
        <v>1520</v>
      </c>
      <c r="L4409" s="5" t="s">
        <v>1519</v>
      </c>
      <c r="M4409" s="2" t="s">
        <v>1520</v>
      </c>
      <c r="N4409" s="5" t="s">
        <v>1521</v>
      </c>
      <c r="O4409" s="5" t="s">
        <v>38</v>
      </c>
      <c r="P4409" s="5" t="s">
        <v>39</v>
      </c>
      <c r="Q4409" s="5" t="s">
        <v>40</v>
      </c>
      <c r="R4409" s="5" t="s">
        <v>1522</v>
      </c>
      <c r="S4409" s="5" t="s">
        <v>1523</v>
      </c>
      <c r="T4409" s="5" t="s">
        <v>42</v>
      </c>
      <c r="U4409" s="2">
        <v>2.2669999999999999</v>
      </c>
      <c r="V4409" s="2">
        <v>1.903</v>
      </c>
      <c r="W4409" s="2">
        <v>1.0999999999999999E-2</v>
      </c>
      <c r="X4409" s="2">
        <v>139.1</v>
      </c>
      <c r="Y4409" s="2">
        <v>7.6</v>
      </c>
      <c r="Z4409" s="2">
        <v>10.6</v>
      </c>
      <c r="AA4409" s="5"/>
      <c r="AB4409" s="5" t="s">
        <v>43</v>
      </c>
      <c r="AC4409" s="5" t="s">
        <v>44</v>
      </c>
      <c r="AD4409" s="2"/>
      <c r="AE4409" s="1"/>
    </row>
    <row r="4410" spans="1:31" ht="14.45">
      <c r="A4410" s="11"/>
      <c r="B4410" s="20"/>
      <c r="C4410" s="2" t="s">
        <v>13684</v>
      </c>
      <c r="D4410" s="14" t="s">
        <v>13685</v>
      </c>
      <c r="E4410" s="2" t="s">
        <v>13686</v>
      </c>
      <c r="F4410" s="2" t="s">
        <v>7528</v>
      </c>
      <c r="G4410" s="8">
        <v>146</v>
      </c>
      <c r="H4410" s="5">
        <v>5</v>
      </c>
      <c r="I4410" s="5" t="s">
        <v>1518</v>
      </c>
      <c r="J4410" s="5" t="s">
        <v>1519</v>
      </c>
      <c r="K4410" s="2" t="s">
        <v>1520</v>
      </c>
      <c r="L4410" s="5" t="s">
        <v>1519</v>
      </c>
      <c r="M4410" s="2" t="s">
        <v>1520</v>
      </c>
      <c r="N4410" s="5" t="s">
        <v>1521</v>
      </c>
      <c r="O4410" s="5" t="s">
        <v>38</v>
      </c>
      <c r="P4410" s="5" t="s">
        <v>39</v>
      </c>
      <c r="Q4410" s="5" t="s">
        <v>40</v>
      </c>
      <c r="R4410" s="5" t="s">
        <v>1522</v>
      </c>
      <c r="S4410" s="5" t="s">
        <v>1523</v>
      </c>
      <c r="T4410" s="5" t="s">
        <v>42</v>
      </c>
      <c r="U4410" s="2">
        <v>2.3220000000000001</v>
      </c>
      <c r="V4410" s="2">
        <v>1.9570000000000001</v>
      </c>
      <c r="W4410" s="2">
        <v>1.0999999999999999E-2</v>
      </c>
      <c r="X4410" s="2">
        <v>139.1</v>
      </c>
      <c r="Y4410" s="2">
        <v>7.6</v>
      </c>
      <c r="Z4410" s="2">
        <v>10.6</v>
      </c>
      <c r="AA4410" s="5"/>
      <c r="AB4410" s="5" t="s">
        <v>43</v>
      </c>
      <c r="AC4410" s="5" t="s">
        <v>44</v>
      </c>
      <c r="AD4410" s="2"/>
      <c r="AE4410" s="1"/>
    </row>
    <row r="4411" spans="1:31" ht="14.45">
      <c r="A4411" s="11"/>
      <c r="B4411" s="20"/>
      <c r="C4411" s="2" t="s">
        <v>13687</v>
      </c>
      <c r="D4411" s="14" t="s">
        <v>13688</v>
      </c>
      <c r="E4411" s="2" t="s">
        <v>13689</v>
      </c>
      <c r="F4411" s="2" t="s">
        <v>7406</v>
      </c>
      <c r="G4411" s="8">
        <v>168</v>
      </c>
      <c r="H4411" s="5">
        <v>5</v>
      </c>
      <c r="I4411" s="5" t="s">
        <v>1518</v>
      </c>
      <c r="J4411" s="5" t="s">
        <v>1519</v>
      </c>
      <c r="K4411" s="2" t="s">
        <v>1520</v>
      </c>
      <c r="L4411" s="5" t="s">
        <v>1519</v>
      </c>
      <c r="M4411" s="2" t="s">
        <v>1520</v>
      </c>
      <c r="N4411" s="5" t="s">
        <v>1521</v>
      </c>
      <c r="O4411" s="5" t="s">
        <v>38</v>
      </c>
      <c r="P4411" s="5" t="s">
        <v>39</v>
      </c>
      <c r="Q4411" s="5" t="s">
        <v>40</v>
      </c>
      <c r="R4411" s="5" t="s">
        <v>1522</v>
      </c>
      <c r="S4411" s="5" t="s">
        <v>1523</v>
      </c>
      <c r="T4411" s="5" t="s">
        <v>42</v>
      </c>
      <c r="U4411" s="2">
        <v>2.2669999999999999</v>
      </c>
      <c r="V4411" s="2">
        <v>1.903</v>
      </c>
      <c r="W4411" s="2">
        <v>1.0999999999999999E-2</v>
      </c>
      <c r="X4411" s="2">
        <v>139.1</v>
      </c>
      <c r="Y4411" s="2">
        <v>7.6</v>
      </c>
      <c r="Z4411" s="2">
        <v>10.6</v>
      </c>
      <c r="AA4411" s="5"/>
      <c r="AB4411" s="5" t="s">
        <v>43</v>
      </c>
      <c r="AC4411" s="5" t="s">
        <v>44</v>
      </c>
      <c r="AD4411" s="2"/>
      <c r="AE4411" s="1"/>
    </row>
    <row r="4412" spans="1:31" ht="14.45">
      <c r="A4412" s="11"/>
      <c r="B4412" s="20"/>
      <c r="C4412" s="2" t="s">
        <v>13690</v>
      </c>
      <c r="D4412" s="14" t="s">
        <v>13691</v>
      </c>
      <c r="E4412" s="2" t="s">
        <v>13692</v>
      </c>
      <c r="F4412" s="2" t="s">
        <v>7535</v>
      </c>
      <c r="G4412" s="8">
        <v>168</v>
      </c>
      <c r="H4412" s="5">
        <v>5</v>
      </c>
      <c r="I4412" s="5" t="s">
        <v>1518</v>
      </c>
      <c r="J4412" s="5" t="s">
        <v>1519</v>
      </c>
      <c r="K4412" s="2" t="s">
        <v>1520</v>
      </c>
      <c r="L4412" s="5" t="s">
        <v>1519</v>
      </c>
      <c r="M4412" s="2" t="s">
        <v>1520</v>
      </c>
      <c r="N4412" s="5" t="s">
        <v>1521</v>
      </c>
      <c r="O4412" s="5" t="s">
        <v>38</v>
      </c>
      <c r="P4412" s="5" t="s">
        <v>39</v>
      </c>
      <c r="Q4412" s="5" t="s">
        <v>40</v>
      </c>
      <c r="R4412" s="5" t="s">
        <v>1522</v>
      </c>
      <c r="S4412" s="5" t="s">
        <v>1523</v>
      </c>
      <c r="T4412" s="5" t="s">
        <v>42</v>
      </c>
      <c r="U4412" s="2">
        <v>2.3210000000000002</v>
      </c>
      <c r="V4412" s="2">
        <v>1.9570000000000001</v>
      </c>
      <c r="W4412" s="2">
        <v>1.0999999999999999E-2</v>
      </c>
      <c r="X4412" s="2">
        <v>139.1</v>
      </c>
      <c r="Y4412" s="2">
        <v>7.6</v>
      </c>
      <c r="Z4412" s="2">
        <v>10.6</v>
      </c>
      <c r="AA4412" s="5"/>
      <c r="AB4412" s="5" t="s">
        <v>43</v>
      </c>
      <c r="AC4412" s="5" t="s">
        <v>44</v>
      </c>
      <c r="AD4412" s="2"/>
      <c r="AE4412" s="1"/>
    </row>
    <row r="4413" spans="1:31" ht="14.45">
      <c r="A4413" s="11"/>
      <c r="B4413" s="20"/>
      <c r="C4413" s="2" t="s">
        <v>13693</v>
      </c>
      <c r="D4413" s="14" t="s">
        <v>13694</v>
      </c>
      <c r="E4413" s="2" t="s">
        <v>13695</v>
      </c>
      <c r="F4413" s="2" t="s">
        <v>7539</v>
      </c>
      <c r="G4413" s="8">
        <v>168</v>
      </c>
      <c r="H4413" s="5">
        <v>6</v>
      </c>
      <c r="I4413" s="5" t="s">
        <v>1518</v>
      </c>
      <c r="J4413" s="5" t="s">
        <v>1519</v>
      </c>
      <c r="K4413" s="2" t="s">
        <v>1520</v>
      </c>
      <c r="L4413" s="5" t="s">
        <v>1519</v>
      </c>
      <c r="M4413" s="2" t="s">
        <v>1520</v>
      </c>
      <c r="N4413" s="5" t="s">
        <v>1521</v>
      </c>
      <c r="O4413" s="5" t="s">
        <v>38</v>
      </c>
      <c r="P4413" s="5" t="s">
        <v>39</v>
      </c>
      <c r="Q4413" s="5" t="s">
        <v>40</v>
      </c>
      <c r="R4413" s="5" t="s">
        <v>1522</v>
      </c>
      <c r="S4413" s="5" t="s">
        <v>1523</v>
      </c>
      <c r="T4413" s="5" t="s">
        <v>42</v>
      </c>
      <c r="U4413" s="2">
        <v>2.2970000000000002</v>
      </c>
      <c r="V4413" s="2">
        <v>1.9330000000000001</v>
      </c>
      <c r="W4413" s="2">
        <v>1.0999999999999999E-2</v>
      </c>
      <c r="X4413" s="2">
        <v>139.1</v>
      </c>
      <c r="Y4413" s="2">
        <v>7.6</v>
      </c>
      <c r="Z4413" s="2">
        <v>10.6</v>
      </c>
      <c r="AA4413" s="5"/>
      <c r="AB4413" s="5" t="s">
        <v>43</v>
      </c>
      <c r="AC4413" s="5" t="s">
        <v>44</v>
      </c>
      <c r="AD4413" s="2"/>
      <c r="AE4413" s="1"/>
    </row>
    <row r="4414" spans="1:31" ht="14.45">
      <c r="A4414" s="11"/>
      <c r="B4414" s="20"/>
      <c r="C4414" s="2" t="s">
        <v>13696</v>
      </c>
      <c r="D4414" s="14" t="s">
        <v>13697</v>
      </c>
      <c r="E4414" s="2" t="s">
        <v>13698</v>
      </c>
      <c r="F4414" s="2" t="s">
        <v>7543</v>
      </c>
      <c r="G4414" s="8">
        <v>168</v>
      </c>
      <c r="H4414" s="5">
        <v>6</v>
      </c>
      <c r="I4414" s="5" t="s">
        <v>1518</v>
      </c>
      <c r="J4414" s="5" t="s">
        <v>1519</v>
      </c>
      <c r="K4414" s="2" t="s">
        <v>1520</v>
      </c>
      <c r="L4414" s="5" t="s">
        <v>1519</v>
      </c>
      <c r="M4414" s="2" t="s">
        <v>1520</v>
      </c>
      <c r="N4414" s="5" t="s">
        <v>1521</v>
      </c>
      <c r="O4414" s="5" t="s">
        <v>38</v>
      </c>
      <c r="P4414" s="5" t="s">
        <v>39</v>
      </c>
      <c r="Q4414" s="5" t="s">
        <v>40</v>
      </c>
      <c r="R4414" s="5" t="s">
        <v>1522</v>
      </c>
      <c r="S4414" s="5" t="s">
        <v>1523</v>
      </c>
      <c r="T4414" s="5" t="s">
        <v>42</v>
      </c>
      <c r="U4414" s="2">
        <v>2.351</v>
      </c>
      <c r="V4414" s="2">
        <v>1.9870000000000001</v>
      </c>
      <c r="W4414" s="2">
        <v>1.0999999999999999E-2</v>
      </c>
      <c r="X4414" s="2">
        <v>139.1</v>
      </c>
      <c r="Y4414" s="2">
        <v>7.6</v>
      </c>
      <c r="Z4414" s="2">
        <v>10.6</v>
      </c>
      <c r="AA4414" s="5"/>
      <c r="AB4414" s="5" t="s">
        <v>43</v>
      </c>
      <c r="AC4414" s="5" t="s">
        <v>44</v>
      </c>
      <c r="AD4414" s="2"/>
      <c r="AE4414" s="1"/>
    </row>
    <row r="4415" spans="1:31" ht="14.45">
      <c r="A4415" s="11"/>
      <c r="B4415" s="20"/>
      <c r="C4415" s="2" t="s">
        <v>13699</v>
      </c>
      <c r="D4415" s="14" t="s">
        <v>13700</v>
      </c>
      <c r="E4415" s="2" t="s">
        <v>13701</v>
      </c>
      <c r="F4415" s="2" t="s">
        <v>7547</v>
      </c>
      <c r="G4415" s="8">
        <v>168</v>
      </c>
      <c r="H4415" s="5">
        <v>6</v>
      </c>
      <c r="I4415" s="5" t="s">
        <v>1518</v>
      </c>
      <c r="J4415" s="5" t="s">
        <v>1519</v>
      </c>
      <c r="K4415" s="2" t="s">
        <v>1520</v>
      </c>
      <c r="L4415" s="5" t="s">
        <v>1519</v>
      </c>
      <c r="M4415" s="2" t="s">
        <v>1520</v>
      </c>
      <c r="N4415" s="5" t="s">
        <v>1521</v>
      </c>
      <c r="O4415" s="5" t="s">
        <v>38</v>
      </c>
      <c r="P4415" s="5" t="s">
        <v>39</v>
      </c>
      <c r="Q4415" s="5" t="s">
        <v>40</v>
      </c>
      <c r="R4415" s="5" t="s">
        <v>1522</v>
      </c>
      <c r="S4415" s="5" t="s">
        <v>1523</v>
      </c>
      <c r="T4415" s="5" t="s">
        <v>42</v>
      </c>
      <c r="U4415" s="2">
        <v>2.2669999999999999</v>
      </c>
      <c r="V4415" s="2">
        <v>1.903</v>
      </c>
      <c r="W4415" s="2">
        <v>1.0999999999999999E-2</v>
      </c>
      <c r="X4415" s="2">
        <v>139.1</v>
      </c>
      <c r="Y4415" s="2">
        <v>7.6</v>
      </c>
      <c r="Z4415" s="2">
        <v>10.6</v>
      </c>
      <c r="AA4415" s="5"/>
      <c r="AB4415" s="5" t="s">
        <v>43</v>
      </c>
      <c r="AC4415" s="5" t="s">
        <v>44</v>
      </c>
      <c r="AD4415" s="2"/>
      <c r="AE4415" s="1"/>
    </row>
    <row r="4416" spans="1:31" ht="14.45">
      <c r="A4416" s="11"/>
      <c r="B4416" s="20"/>
      <c r="C4416" s="2" t="s">
        <v>13702</v>
      </c>
      <c r="D4416" s="14" t="s">
        <v>13703</v>
      </c>
      <c r="E4416" s="2" t="s">
        <v>13704</v>
      </c>
      <c r="F4416" s="2" t="s">
        <v>7551</v>
      </c>
      <c r="G4416" s="8">
        <v>168</v>
      </c>
      <c r="H4416" s="5">
        <v>6</v>
      </c>
      <c r="I4416" s="5" t="s">
        <v>1518</v>
      </c>
      <c r="J4416" s="5" t="s">
        <v>1519</v>
      </c>
      <c r="K4416" s="2" t="s">
        <v>1520</v>
      </c>
      <c r="L4416" s="5" t="s">
        <v>1519</v>
      </c>
      <c r="M4416" s="2" t="s">
        <v>1520</v>
      </c>
      <c r="N4416" s="5" t="s">
        <v>1521</v>
      </c>
      <c r="O4416" s="5" t="s">
        <v>38</v>
      </c>
      <c r="P4416" s="5" t="s">
        <v>39</v>
      </c>
      <c r="Q4416" s="5" t="s">
        <v>40</v>
      </c>
      <c r="R4416" s="5" t="s">
        <v>1522</v>
      </c>
      <c r="S4416" s="5" t="s">
        <v>1523</v>
      </c>
      <c r="T4416" s="5" t="s">
        <v>42</v>
      </c>
      <c r="U4416" s="2">
        <v>2.3210000000000002</v>
      </c>
      <c r="V4416" s="2">
        <v>1.9570000000000001</v>
      </c>
      <c r="W4416" s="2">
        <v>1.0999999999999999E-2</v>
      </c>
      <c r="X4416" s="2">
        <v>139.1</v>
      </c>
      <c r="Y4416" s="2">
        <v>7.6</v>
      </c>
      <c r="Z4416" s="2">
        <v>10.6</v>
      </c>
      <c r="AA4416" s="5"/>
      <c r="AB4416" s="5" t="s">
        <v>43</v>
      </c>
      <c r="AC4416" s="5" t="s">
        <v>44</v>
      </c>
      <c r="AD4416" s="2"/>
      <c r="AE4416" s="1"/>
    </row>
    <row r="4417" spans="1:31" ht="14.45">
      <c r="A4417" s="11"/>
      <c r="B4417" s="20"/>
      <c r="C4417" s="2" t="s">
        <v>13705</v>
      </c>
      <c r="D4417" s="14" t="s">
        <v>13706</v>
      </c>
      <c r="E4417" s="2" t="s">
        <v>13707</v>
      </c>
      <c r="F4417" s="2" t="s">
        <v>7555</v>
      </c>
      <c r="G4417" s="8">
        <v>168</v>
      </c>
      <c r="H4417" s="5">
        <v>6</v>
      </c>
      <c r="I4417" s="5" t="s">
        <v>1518</v>
      </c>
      <c r="J4417" s="5" t="s">
        <v>1519</v>
      </c>
      <c r="K4417" s="2" t="s">
        <v>1520</v>
      </c>
      <c r="L4417" s="5" t="s">
        <v>1519</v>
      </c>
      <c r="M4417" s="2" t="s">
        <v>1520</v>
      </c>
      <c r="N4417" s="5" t="s">
        <v>1521</v>
      </c>
      <c r="O4417" s="5" t="s">
        <v>38</v>
      </c>
      <c r="P4417" s="5" t="s">
        <v>39</v>
      </c>
      <c r="Q4417" s="5" t="s">
        <v>40</v>
      </c>
      <c r="R4417" s="5" t="s">
        <v>1522</v>
      </c>
      <c r="S4417" s="5" t="s">
        <v>1523</v>
      </c>
      <c r="T4417" s="5" t="s">
        <v>42</v>
      </c>
      <c r="U4417" s="2">
        <v>2.2669999999999999</v>
      </c>
      <c r="V4417" s="2">
        <v>1.903</v>
      </c>
      <c r="W4417" s="2">
        <v>1.0999999999999999E-2</v>
      </c>
      <c r="X4417" s="2">
        <v>139.1</v>
      </c>
      <c r="Y4417" s="2">
        <v>7.6</v>
      </c>
      <c r="Z4417" s="2">
        <v>10.6</v>
      </c>
      <c r="AA4417" s="5"/>
      <c r="AB4417" s="5" t="s">
        <v>43</v>
      </c>
      <c r="AC4417" s="5" t="s">
        <v>44</v>
      </c>
      <c r="AD4417" s="2"/>
      <c r="AE4417" s="1"/>
    </row>
    <row r="4418" spans="1:31" ht="14.45">
      <c r="A4418" s="11"/>
      <c r="B4418" s="20"/>
      <c r="C4418" s="2" t="s">
        <v>13708</v>
      </c>
      <c r="D4418" s="14" t="s">
        <v>13709</v>
      </c>
      <c r="E4418" s="2" t="s">
        <v>13710</v>
      </c>
      <c r="F4418" s="2" t="s">
        <v>7559</v>
      </c>
      <c r="G4418" s="8">
        <v>168</v>
      </c>
      <c r="H4418" s="5">
        <v>6</v>
      </c>
      <c r="I4418" s="5" t="s">
        <v>1518</v>
      </c>
      <c r="J4418" s="5" t="s">
        <v>1519</v>
      </c>
      <c r="K4418" s="2" t="s">
        <v>1520</v>
      </c>
      <c r="L4418" s="5" t="s">
        <v>1519</v>
      </c>
      <c r="M4418" s="2" t="s">
        <v>1520</v>
      </c>
      <c r="N4418" s="5" t="s">
        <v>1521</v>
      </c>
      <c r="O4418" s="5" t="s">
        <v>38</v>
      </c>
      <c r="P4418" s="5" t="s">
        <v>39</v>
      </c>
      <c r="Q4418" s="5" t="s">
        <v>40</v>
      </c>
      <c r="R4418" s="5" t="s">
        <v>1522</v>
      </c>
      <c r="S4418" s="5" t="s">
        <v>1523</v>
      </c>
      <c r="T4418" s="5" t="s">
        <v>42</v>
      </c>
      <c r="U4418" s="2">
        <v>2.3210000000000002</v>
      </c>
      <c r="V4418" s="2">
        <v>1.9570000000000001</v>
      </c>
      <c r="W4418" s="2">
        <v>1.0999999999999999E-2</v>
      </c>
      <c r="X4418" s="2">
        <v>139.1</v>
      </c>
      <c r="Y4418" s="2">
        <v>7.6</v>
      </c>
      <c r="Z4418" s="2">
        <v>10.6</v>
      </c>
      <c r="AA4418" s="5"/>
      <c r="AB4418" s="5" t="s">
        <v>43</v>
      </c>
      <c r="AC4418" s="5" t="s">
        <v>44</v>
      </c>
      <c r="AD4418" s="2"/>
      <c r="AE4418" s="1"/>
    </row>
    <row r="4419" spans="1:31" ht="14.45">
      <c r="A4419" s="11"/>
      <c r="B4419" s="20"/>
      <c r="C4419" s="2" t="s">
        <v>13711</v>
      </c>
      <c r="D4419" s="14" t="s">
        <v>13712</v>
      </c>
      <c r="E4419" s="2" t="s">
        <v>13713</v>
      </c>
      <c r="F4419" s="2" t="s">
        <v>7563</v>
      </c>
      <c r="G4419" s="8">
        <v>168</v>
      </c>
      <c r="H4419" s="5">
        <v>6</v>
      </c>
      <c r="I4419" s="5" t="s">
        <v>1518</v>
      </c>
      <c r="J4419" s="5" t="s">
        <v>1519</v>
      </c>
      <c r="K4419" s="2" t="s">
        <v>1520</v>
      </c>
      <c r="L4419" s="5" t="s">
        <v>1519</v>
      </c>
      <c r="M4419" s="2" t="s">
        <v>1520</v>
      </c>
      <c r="N4419" s="5" t="s">
        <v>1521</v>
      </c>
      <c r="O4419" s="5" t="s">
        <v>38</v>
      </c>
      <c r="P4419" s="5" t="s">
        <v>39</v>
      </c>
      <c r="Q4419" s="5" t="s">
        <v>40</v>
      </c>
      <c r="R4419" s="5" t="s">
        <v>1522</v>
      </c>
      <c r="S4419" s="5" t="s">
        <v>1523</v>
      </c>
      <c r="T4419" s="5" t="s">
        <v>42</v>
      </c>
      <c r="U4419" s="2">
        <v>2.2970000000000002</v>
      </c>
      <c r="V4419" s="2">
        <v>1.9330000000000001</v>
      </c>
      <c r="W4419" s="2">
        <v>1.0999999999999999E-2</v>
      </c>
      <c r="X4419" s="2">
        <v>139.1</v>
      </c>
      <c r="Y4419" s="2">
        <v>7.6</v>
      </c>
      <c r="Z4419" s="2">
        <v>10.6</v>
      </c>
      <c r="AA4419" s="5"/>
      <c r="AB4419" s="5" t="s">
        <v>43</v>
      </c>
      <c r="AC4419" s="5" t="s">
        <v>44</v>
      </c>
      <c r="AD4419" s="2"/>
      <c r="AE4419" s="1"/>
    </row>
    <row r="4420" spans="1:31" ht="14.45">
      <c r="A4420" s="11"/>
      <c r="B4420" s="20"/>
      <c r="C4420" s="2" t="s">
        <v>13714</v>
      </c>
      <c r="D4420" s="14" t="s">
        <v>13715</v>
      </c>
      <c r="E4420" s="2" t="s">
        <v>13716</v>
      </c>
      <c r="F4420" s="2" t="s">
        <v>7567</v>
      </c>
      <c r="G4420" s="8">
        <v>168</v>
      </c>
      <c r="H4420" s="5">
        <v>6</v>
      </c>
      <c r="I4420" s="5" t="s">
        <v>1518</v>
      </c>
      <c r="J4420" s="5" t="s">
        <v>1519</v>
      </c>
      <c r="K4420" s="2" t="s">
        <v>1520</v>
      </c>
      <c r="L4420" s="5" t="s">
        <v>1519</v>
      </c>
      <c r="M4420" s="2" t="s">
        <v>1520</v>
      </c>
      <c r="N4420" s="5" t="s">
        <v>1521</v>
      </c>
      <c r="O4420" s="5" t="s">
        <v>38</v>
      </c>
      <c r="P4420" s="5" t="s">
        <v>39</v>
      </c>
      <c r="Q4420" s="5" t="s">
        <v>40</v>
      </c>
      <c r="R4420" s="5" t="s">
        <v>1522</v>
      </c>
      <c r="S4420" s="5" t="s">
        <v>1523</v>
      </c>
      <c r="T4420" s="5" t="s">
        <v>42</v>
      </c>
      <c r="U4420" s="2">
        <v>2.351</v>
      </c>
      <c r="V4420" s="2">
        <v>1.9870000000000001</v>
      </c>
      <c r="W4420" s="2">
        <v>1.0999999999999999E-2</v>
      </c>
      <c r="X4420" s="2">
        <v>139.1</v>
      </c>
      <c r="Y4420" s="2">
        <v>7.6</v>
      </c>
      <c r="Z4420" s="2">
        <v>10.6</v>
      </c>
      <c r="AA4420" s="5"/>
      <c r="AB4420" s="5" t="s">
        <v>43</v>
      </c>
      <c r="AC4420" s="5" t="s">
        <v>44</v>
      </c>
      <c r="AD4420" s="2"/>
      <c r="AE4420" s="1"/>
    </row>
    <row r="4421" spans="1:31" ht="14.45">
      <c r="A4421" s="11"/>
      <c r="B4421" s="20"/>
      <c r="C4421" s="2" t="s">
        <v>13717</v>
      </c>
      <c r="D4421" s="14" t="s">
        <v>13718</v>
      </c>
      <c r="E4421" s="2" t="s">
        <v>13719</v>
      </c>
      <c r="F4421" s="2" t="s">
        <v>7429</v>
      </c>
      <c r="G4421" s="8">
        <v>168</v>
      </c>
      <c r="H4421" s="5">
        <v>6</v>
      </c>
      <c r="I4421" s="5" t="s">
        <v>1518</v>
      </c>
      <c r="J4421" s="5" t="s">
        <v>1519</v>
      </c>
      <c r="K4421" s="2" t="s">
        <v>1520</v>
      </c>
      <c r="L4421" s="5" t="s">
        <v>1519</v>
      </c>
      <c r="M4421" s="2" t="s">
        <v>1520</v>
      </c>
      <c r="N4421" s="5" t="s">
        <v>1521</v>
      </c>
      <c r="O4421" s="5" t="s">
        <v>38</v>
      </c>
      <c r="P4421" s="5" t="s">
        <v>39</v>
      </c>
      <c r="Q4421" s="5" t="s">
        <v>40</v>
      </c>
      <c r="R4421" s="5" t="s">
        <v>1522</v>
      </c>
      <c r="S4421" s="5" t="s">
        <v>1523</v>
      </c>
      <c r="T4421" s="5" t="s">
        <v>42</v>
      </c>
      <c r="U4421" s="2">
        <v>2.2970000000000002</v>
      </c>
      <c r="V4421" s="2">
        <v>1.9330000000000001</v>
      </c>
      <c r="W4421" s="2">
        <v>1.0999999999999999E-2</v>
      </c>
      <c r="X4421" s="2">
        <v>139.1</v>
      </c>
      <c r="Y4421" s="2">
        <v>7.6</v>
      </c>
      <c r="Z4421" s="2">
        <v>10.6</v>
      </c>
      <c r="AA4421" s="5"/>
      <c r="AB4421" s="5" t="s">
        <v>43</v>
      </c>
      <c r="AC4421" s="5" t="s">
        <v>44</v>
      </c>
      <c r="AD4421" s="2"/>
      <c r="AE4421" s="1"/>
    </row>
    <row r="4422" spans="1:31" ht="14.45">
      <c r="A4422" s="11"/>
      <c r="B4422" s="20"/>
      <c r="C4422" s="2" t="s">
        <v>13720</v>
      </c>
      <c r="D4422" s="14" t="s">
        <v>13721</v>
      </c>
      <c r="E4422" s="2" t="s">
        <v>13722</v>
      </c>
      <c r="F4422" s="2" t="s">
        <v>7574</v>
      </c>
      <c r="G4422" s="8">
        <v>168</v>
      </c>
      <c r="H4422" s="5">
        <v>6</v>
      </c>
      <c r="I4422" s="5" t="s">
        <v>1518</v>
      </c>
      <c r="J4422" s="5" t="s">
        <v>1519</v>
      </c>
      <c r="K4422" s="2" t="s">
        <v>1520</v>
      </c>
      <c r="L4422" s="5" t="s">
        <v>1519</v>
      </c>
      <c r="M4422" s="2" t="s">
        <v>1520</v>
      </c>
      <c r="N4422" s="5" t="s">
        <v>1521</v>
      </c>
      <c r="O4422" s="5" t="s">
        <v>38</v>
      </c>
      <c r="P4422" s="5" t="s">
        <v>39</v>
      </c>
      <c r="Q4422" s="5" t="s">
        <v>40</v>
      </c>
      <c r="R4422" s="5" t="s">
        <v>1522</v>
      </c>
      <c r="S4422" s="5" t="s">
        <v>1523</v>
      </c>
      <c r="T4422" s="5" t="s">
        <v>42</v>
      </c>
      <c r="U4422" s="2">
        <v>2.351</v>
      </c>
      <c r="V4422" s="2">
        <v>1.9870000000000001</v>
      </c>
      <c r="W4422" s="2">
        <v>1.0999999999999999E-2</v>
      </c>
      <c r="X4422" s="2">
        <v>139.1</v>
      </c>
      <c r="Y4422" s="2">
        <v>7.6</v>
      </c>
      <c r="Z4422" s="2">
        <v>10.6</v>
      </c>
      <c r="AA4422" s="5"/>
      <c r="AB4422" s="5" t="s">
        <v>43</v>
      </c>
      <c r="AC4422" s="5" t="s">
        <v>44</v>
      </c>
      <c r="AD4422" s="2"/>
      <c r="AE4422" s="1"/>
    </row>
    <row r="4423" spans="1:31" ht="14.45">
      <c r="A4423" s="11"/>
      <c r="B4423" s="20"/>
      <c r="C4423" s="2" t="s">
        <v>13723</v>
      </c>
      <c r="D4423" s="14" t="s">
        <v>13724</v>
      </c>
      <c r="E4423" s="2" t="s">
        <v>13725</v>
      </c>
      <c r="F4423" s="2" t="s">
        <v>7449</v>
      </c>
      <c r="G4423" s="8">
        <v>168</v>
      </c>
      <c r="H4423" s="5">
        <v>6</v>
      </c>
      <c r="I4423" s="5" t="s">
        <v>1518</v>
      </c>
      <c r="J4423" s="5" t="s">
        <v>1519</v>
      </c>
      <c r="K4423" s="2" t="s">
        <v>1520</v>
      </c>
      <c r="L4423" s="5" t="s">
        <v>1519</v>
      </c>
      <c r="M4423" s="2" t="s">
        <v>1520</v>
      </c>
      <c r="N4423" s="5" t="s">
        <v>1521</v>
      </c>
      <c r="O4423" s="5" t="s">
        <v>38</v>
      </c>
      <c r="P4423" s="5" t="s">
        <v>39</v>
      </c>
      <c r="Q4423" s="5" t="s">
        <v>40</v>
      </c>
      <c r="R4423" s="5" t="s">
        <v>1522</v>
      </c>
      <c r="S4423" s="5" t="s">
        <v>1523</v>
      </c>
      <c r="T4423" s="5" t="s">
        <v>42</v>
      </c>
      <c r="U4423" s="2">
        <v>2.2970000000000002</v>
      </c>
      <c r="V4423" s="2">
        <v>1.9330000000000001</v>
      </c>
      <c r="W4423" s="2">
        <v>1.0999999999999999E-2</v>
      </c>
      <c r="X4423" s="2">
        <v>139.1</v>
      </c>
      <c r="Y4423" s="2">
        <v>7.6</v>
      </c>
      <c r="Z4423" s="2">
        <v>10.6</v>
      </c>
      <c r="AA4423" s="5"/>
      <c r="AB4423" s="5" t="s">
        <v>43</v>
      </c>
      <c r="AC4423" s="5" t="s">
        <v>44</v>
      </c>
      <c r="AD4423" s="2"/>
      <c r="AE4423" s="1"/>
    </row>
    <row r="4424" spans="1:31" ht="14.45">
      <c r="A4424" s="11"/>
      <c r="B4424" s="20"/>
      <c r="C4424" s="2" t="s">
        <v>13726</v>
      </c>
      <c r="D4424" s="14" t="s">
        <v>13727</v>
      </c>
      <c r="E4424" s="2" t="s">
        <v>13728</v>
      </c>
      <c r="F4424" s="2" t="s">
        <v>7581</v>
      </c>
      <c r="G4424" s="8">
        <v>168</v>
      </c>
      <c r="H4424" s="5">
        <v>6</v>
      </c>
      <c r="I4424" s="5" t="s">
        <v>1518</v>
      </c>
      <c r="J4424" s="5" t="s">
        <v>1519</v>
      </c>
      <c r="K4424" s="2" t="s">
        <v>1520</v>
      </c>
      <c r="L4424" s="5" t="s">
        <v>1519</v>
      </c>
      <c r="M4424" s="2" t="s">
        <v>1520</v>
      </c>
      <c r="N4424" s="5" t="s">
        <v>1521</v>
      </c>
      <c r="O4424" s="5" t="s">
        <v>38</v>
      </c>
      <c r="P4424" s="5" t="s">
        <v>39</v>
      </c>
      <c r="Q4424" s="5" t="s">
        <v>40</v>
      </c>
      <c r="R4424" s="5" t="s">
        <v>1522</v>
      </c>
      <c r="S4424" s="5" t="s">
        <v>1523</v>
      </c>
      <c r="T4424" s="5" t="s">
        <v>42</v>
      </c>
      <c r="U4424" s="2">
        <v>2.351</v>
      </c>
      <c r="V4424" s="2">
        <v>1.9870000000000001</v>
      </c>
      <c r="W4424" s="2">
        <v>1.0999999999999999E-2</v>
      </c>
      <c r="X4424" s="2">
        <v>139.1</v>
      </c>
      <c r="Y4424" s="2">
        <v>7.6</v>
      </c>
      <c r="Z4424" s="2">
        <v>10.6</v>
      </c>
      <c r="AA4424" s="5"/>
      <c r="AB4424" s="5" t="s">
        <v>43</v>
      </c>
      <c r="AC4424" s="5" t="s">
        <v>44</v>
      </c>
      <c r="AD4424" s="2"/>
      <c r="AE4424" s="1"/>
    </row>
    <row r="4425" spans="1:31" ht="14.45">
      <c r="A4425" s="11"/>
      <c r="B4425" s="20"/>
      <c r="C4425" s="2" t="s">
        <v>13729</v>
      </c>
      <c r="D4425" s="14" t="s">
        <v>13730</v>
      </c>
      <c r="E4425" s="2" t="s">
        <v>13731</v>
      </c>
      <c r="F4425" s="2" t="s">
        <v>7585</v>
      </c>
      <c r="G4425" s="8">
        <v>168</v>
      </c>
      <c r="H4425" s="5">
        <v>6</v>
      </c>
      <c r="I4425" s="5" t="s">
        <v>1518</v>
      </c>
      <c r="J4425" s="5" t="s">
        <v>1519</v>
      </c>
      <c r="K4425" s="2" t="s">
        <v>1520</v>
      </c>
      <c r="L4425" s="5" t="s">
        <v>1519</v>
      </c>
      <c r="M4425" s="2" t="s">
        <v>1520</v>
      </c>
      <c r="N4425" s="5" t="s">
        <v>1521</v>
      </c>
      <c r="O4425" s="5" t="s">
        <v>38</v>
      </c>
      <c r="P4425" s="5" t="s">
        <v>39</v>
      </c>
      <c r="Q4425" s="5" t="s">
        <v>40</v>
      </c>
      <c r="R4425" s="5" t="s">
        <v>1522</v>
      </c>
      <c r="S4425" s="5" t="s">
        <v>1523</v>
      </c>
      <c r="T4425" s="5" t="s">
        <v>42</v>
      </c>
      <c r="U4425" s="2">
        <v>2.2669999999999999</v>
      </c>
      <c r="V4425" s="2">
        <v>1.903</v>
      </c>
      <c r="W4425" s="2">
        <v>1.0999999999999999E-2</v>
      </c>
      <c r="X4425" s="2">
        <v>139.1</v>
      </c>
      <c r="Y4425" s="2">
        <v>7.6</v>
      </c>
      <c r="Z4425" s="2">
        <v>10.6</v>
      </c>
      <c r="AA4425" s="5"/>
      <c r="AB4425" s="5" t="s">
        <v>43</v>
      </c>
      <c r="AC4425" s="5" t="s">
        <v>44</v>
      </c>
      <c r="AD4425" s="2"/>
      <c r="AE4425" s="1"/>
    </row>
    <row r="4426" spans="1:31" ht="14.45">
      <c r="A4426" s="11"/>
      <c r="B4426" s="20"/>
      <c r="C4426" s="2" t="s">
        <v>13732</v>
      </c>
      <c r="D4426" s="14" t="s">
        <v>13733</v>
      </c>
      <c r="E4426" s="2" t="s">
        <v>13734</v>
      </c>
      <c r="F4426" s="2" t="s">
        <v>7589</v>
      </c>
      <c r="G4426" s="8">
        <v>168</v>
      </c>
      <c r="H4426" s="5">
        <v>6</v>
      </c>
      <c r="I4426" s="5" t="s">
        <v>1518</v>
      </c>
      <c r="J4426" s="5" t="s">
        <v>1519</v>
      </c>
      <c r="K4426" s="2" t="s">
        <v>1520</v>
      </c>
      <c r="L4426" s="5" t="s">
        <v>1519</v>
      </c>
      <c r="M4426" s="2" t="s">
        <v>1520</v>
      </c>
      <c r="N4426" s="5" t="s">
        <v>1521</v>
      </c>
      <c r="O4426" s="5" t="s">
        <v>38</v>
      </c>
      <c r="P4426" s="5" t="s">
        <v>39</v>
      </c>
      <c r="Q4426" s="5" t="s">
        <v>40</v>
      </c>
      <c r="R4426" s="5" t="s">
        <v>1522</v>
      </c>
      <c r="S4426" s="5" t="s">
        <v>1523</v>
      </c>
      <c r="T4426" s="5" t="s">
        <v>42</v>
      </c>
      <c r="U4426" s="2">
        <v>2.3210000000000002</v>
      </c>
      <c r="V4426" s="2">
        <v>1.9570000000000001</v>
      </c>
      <c r="W4426" s="2">
        <v>1.0999999999999999E-2</v>
      </c>
      <c r="X4426" s="2">
        <v>139.1</v>
      </c>
      <c r="Y4426" s="2">
        <v>7.6</v>
      </c>
      <c r="Z4426" s="2">
        <v>10.6</v>
      </c>
      <c r="AA4426" s="5"/>
      <c r="AB4426" s="5" t="s">
        <v>43</v>
      </c>
      <c r="AC4426" s="5" t="s">
        <v>44</v>
      </c>
      <c r="AD4426" s="2"/>
      <c r="AE4426" s="1"/>
    </row>
    <row r="4427" spans="1:31" ht="14.45">
      <c r="A4427" s="11"/>
      <c r="B4427" s="20"/>
      <c r="C4427" s="2" t="s">
        <v>13735</v>
      </c>
      <c r="D4427" s="14" t="s">
        <v>13736</v>
      </c>
      <c r="E4427" s="2" t="s">
        <v>13737</v>
      </c>
      <c r="F4427" s="2" t="s">
        <v>7593</v>
      </c>
      <c r="G4427" s="8">
        <v>168</v>
      </c>
      <c r="H4427" s="5">
        <v>6</v>
      </c>
      <c r="I4427" s="5" t="s">
        <v>1518</v>
      </c>
      <c r="J4427" s="5" t="s">
        <v>1519</v>
      </c>
      <c r="K4427" s="2" t="s">
        <v>1520</v>
      </c>
      <c r="L4427" s="5" t="s">
        <v>1519</v>
      </c>
      <c r="M4427" s="2" t="s">
        <v>1520</v>
      </c>
      <c r="N4427" s="5" t="s">
        <v>1521</v>
      </c>
      <c r="O4427" s="5" t="s">
        <v>38</v>
      </c>
      <c r="P4427" s="5" t="s">
        <v>39</v>
      </c>
      <c r="Q4427" s="5" t="s">
        <v>40</v>
      </c>
      <c r="R4427" s="5" t="s">
        <v>1522</v>
      </c>
      <c r="S4427" s="5" t="s">
        <v>1523</v>
      </c>
      <c r="T4427" s="5" t="s">
        <v>42</v>
      </c>
      <c r="U4427" s="2">
        <v>2.2970000000000002</v>
      </c>
      <c r="V4427" s="2">
        <v>1.9330000000000001</v>
      </c>
      <c r="W4427" s="2">
        <v>1.0999999999999999E-2</v>
      </c>
      <c r="X4427" s="2">
        <v>139.1</v>
      </c>
      <c r="Y4427" s="2">
        <v>7.6</v>
      </c>
      <c r="Z4427" s="2">
        <v>10.6</v>
      </c>
      <c r="AA4427" s="5"/>
      <c r="AB4427" s="5" t="s">
        <v>43</v>
      </c>
      <c r="AC4427" s="5" t="s">
        <v>44</v>
      </c>
      <c r="AD4427" s="2"/>
      <c r="AE4427" s="1"/>
    </row>
    <row r="4428" spans="1:31" ht="14.45">
      <c r="A4428" s="11"/>
      <c r="B4428" s="20"/>
      <c r="C4428" s="2" t="s">
        <v>13738</v>
      </c>
      <c r="D4428" s="14" t="s">
        <v>13739</v>
      </c>
      <c r="E4428" s="2" t="s">
        <v>13740</v>
      </c>
      <c r="F4428" s="2" t="s">
        <v>7597</v>
      </c>
      <c r="G4428" s="8">
        <v>168</v>
      </c>
      <c r="H4428" s="5">
        <v>6</v>
      </c>
      <c r="I4428" s="5" t="s">
        <v>1518</v>
      </c>
      <c r="J4428" s="5" t="s">
        <v>1519</v>
      </c>
      <c r="K4428" s="2" t="s">
        <v>1520</v>
      </c>
      <c r="L4428" s="5" t="s">
        <v>1519</v>
      </c>
      <c r="M4428" s="2" t="s">
        <v>1520</v>
      </c>
      <c r="N4428" s="5" t="s">
        <v>1521</v>
      </c>
      <c r="O4428" s="5" t="s">
        <v>38</v>
      </c>
      <c r="P4428" s="5" t="s">
        <v>39</v>
      </c>
      <c r="Q4428" s="5" t="s">
        <v>40</v>
      </c>
      <c r="R4428" s="5" t="s">
        <v>1522</v>
      </c>
      <c r="S4428" s="5" t="s">
        <v>1523</v>
      </c>
      <c r="T4428" s="5" t="s">
        <v>42</v>
      </c>
      <c r="U4428" s="2">
        <v>2.351</v>
      </c>
      <c r="V4428" s="2">
        <v>1.9870000000000001</v>
      </c>
      <c r="W4428" s="2">
        <v>1.0999999999999999E-2</v>
      </c>
      <c r="X4428" s="2">
        <v>139.1</v>
      </c>
      <c r="Y4428" s="2">
        <v>7.6</v>
      </c>
      <c r="Z4428" s="2">
        <v>10.6</v>
      </c>
      <c r="AA4428" s="5"/>
      <c r="AB4428" s="5" t="s">
        <v>43</v>
      </c>
      <c r="AC4428" s="5" t="s">
        <v>44</v>
      </c>
      <c r="AD4428" s="2"/>
      <c r="AE4428" s="1"/>
    </row>
    <row r="4429" spans="1:31" ht="14.45">
      <c r="A4429" s="11"/>
      <c r="B4429" s="20"/>
      <c r="C4429" s="2" t="s">
        <v>13741</v>
      </c>
      <c r="D4429" s="14" t="s">
        <v>13742</v>
      </c>
      <c r="E4429" s="2" t="s">
        <v>13743</v>
      </c>
      <c r="F4429" s="2" t="s">
        <v>7410</v>
      </c>
      <c r="G4429" s="8">
        <v>168</v>
      </c>
      <c r="H4429" s="5">
        <v>6</v>
      </c>
      <c r="I4429" s="5" t="s">
        <v>1518</v>
      </c>
      <c r="J4429" s="5" t="s">
        <v>1519</v>
      </c>
      <c r="K4429" s="2" t="s">
        <v>1520</v>
      </c>
      <c r="L4429" s="5" t="s">
        <v>1519</v>
      </c>
      <c r="M4429" s="2" t="s">
        <v>1520</v>
      </c>
      <c r="N4429" s="5" t="s">
        <v>1521</v>
      </c>
      <c r="O4429" s="5" t="s">
        <v>38</v>
      </c>
      <c r="P4429" s="5" t="s">
        <v>39</v>
      </c>
      <c r="Q4429" s="5" t="s">
        <v>40</v>
      </c>
      <c r="R4429" s="5" t="s">
        <v>1522</v>
      </c>
      <c r="S4429" s="5" t="s">
        <v>1523</v>
      </c>
      <c r="T4429" s="5" t="s">
        <v>42</v>
      </c>
      <c r="U4429" s="2">
        <v>2.2970000000000002</v>
      </c>
      <c r="V4429" s="2">
        <v>1.9330000000000001</v>
      </c>
      <c r="W4429" s="2">
        <v>1.0999999999999999E-2</v>
      </c>
      <c r="X4429" s="2">
        <v>139.1</v>
      </c>
      <c r="Y4429" s="2">
        <v>7.6</v>
      </c>
      <c r="Z4429" s="2">
        <v>10.6</v>
      </c>
      <c r="AA4429" s="5"/>
      <c r="AB4429" s="5" t="s">
        <v>43</v>
      </c>
      <c r="AC4429" s="5" t="s">
        <v>44</v>
      </c>
      <c r="AD4429" s="2"/>
      <c r="AE4429" s="1"/>
    </row>
    <row r="4430" spans="1:31" ht="14.45">
      <c r="A4430" s="11"/>
      <c r="B4430" s="20"/>
      <c r="C4430" s="2" t="s">
        <v>13744</v>
      </c>
      <c r="D4430" s="14" t="s">
        <v>13745</v>
      </c>
      <c r="E4430" s="2" t="s">
        <v>13746</v>
      </c>
      <c r="F4430" s="2" t="s">
        <v>7604</v>
      </c>
      <c r="G4430" s="8">
        <v>168</v>
      </c>
      <c r="H4430" s="5">
        <v>6</v>
      </c>
      <c r="I4430" s="5" t="s">
        <v>1518</v>
      </c>
      <c r="J4430" s="5" t="s">
        <v>1519</v>
      </c>
      <c r="K4430" s="2" t="s">
        <v>1520</v>
      </c>
      <c r="L4430" s="5" t="s">
        <v>1519</v>
      </c>
      <c r="M4430" s="2" t="s">
        <v>1520</v>
      </c>
      <c r="N4430" s="5" t="s">
        <v>1521</v>
      </c>
      <c r="O4430" s="5" t="s">
        <v>38</v>
      </c>
      <c r="P4430" s="5" t="s">
        <v>39</v>
      </c>
      <c r="Q4430" s="5" t="s">
        <v>40</v>
      </c>
      <c r="R4430" s="5" t="s">
        <v>1522</v>
      </c>
      <c r="S4430" s="5" t="s">
        <v>1523</v>
      </c>
      <c r="T4430" s="5" t="s">
        <v>42</v>
      </c>
      <c r="U4430" s="2">
        <v>2.351</v>
      </c>
      <c r="V4430" s="2">
        <v>1.9870000000000001</v>
      </c>
      <c r="W4430" s="2">
        <v>1.0999999999999999E-2</v>
      </c>
      <c r="X4430" s="2">
        <v>139.1</v>
      </c>
      <c r="Y4430" s="2">
        <v>7.6</v>
      </c>
      <c r="Z4430" s="2">
        <v>10.6</v>
      </c>
      <c r="AA4430" s="5"/>
      <c r="AB4430" s="5" t="s">
        <v>43</v>
      </c>
      <c r="AC4430" s="5" t="s">
        <v>44</v>
      </c>
      <c r="AD4430" s="2"/>
      <c r="AE4430" s="1"/>
    </row>
    <row r="4431" spans="1:31" ht="14.45">
      <c r="A4431" s="11"/>
      <c r="B4431" s="20"/>
      <c r="C4431" s="2" t="s">
        <v>13747</v>
      </c>
      <c r="D4431" s="14" t="s">
        <v>13748</v>
      </c>
      <c r="E4431" s="2" t="s">
        <v>13749</v>
      </c>
      <c r="F4431" s="2" t="s">
        <v>7433</v>
      </c>
      <c r="G4431" s="8">
        <v>168</v>
      </c>
      <c r="H4431" s="5">
        <v>6</v>
      </c>
      <c r="I4431" s="5" t="s">
        <v>1518</v>
      </c>
      <c r="J4431" s="5" t="s">
        <v>1519</v>
      </c>
      <c r="K4431" s="2" t="s">
        <v>1520</v>
      </c>
      <c r="L4431" s="5" t="s">
        <v>1519</v>
      </c>
      <c r="M4431" s="2" t="s">
        <v>1520</v>
      </c>
      <c r="N4431" s="5" t="s">
        <v>1521</v>
      </c>
      <c r="O4431" s="5" t="s">
        <v>38</v>
      </c>
      <c r="P4431" s="5" t="s">
        <v>39</v>
      </c>
      <c r="Q4431" s="5" t="s">
        <v>40</v>
      </c>
      <c r="R4431" s="5" t="s">
        <v>1522</v>
      </c>
      <c r="S4431" s="5" t="s">
        <v>1523</v>
      </c>
      <c r="T4431" s="5" t="s">
        <v>42</v>
      </c>
      <c r="U4431" s="2">
        <v>2.2970000000000002</v>
      </c>
      <c r="V4431" s="2">
        <v>1.9330000000000001</v>
      </c>
      <c r="W4431" s="2">
        <v>1.0999999999999999E-2</v>
      </c>
      <c r="X4431" s="2">
        <v>139.1</v>
      </c>
      <c r="Y4431" s="2">
        <v>7.6</v>
      </c>
      <c r="Z4431" s="2">
        <v>10.6</v>
      </c>
      <c r="AA4431" s="5"/>
      <c r="AB4431" s="5" t="s">
        <v>43</v>
      </c>
      <c r="AC4431" s="5" t="s">
        <v>44</v>
      </c>
      <c r="AD4431" s="2"/>
      <c r="AE4431" s="1"/>
    </row>
    <row r="4432" spans="1:31" ht="14.45">
      <c r="A4432" s="11"/>
      <c r="B4432" s="20"/>
      <c r="C4432" s="2" t="s">
        <v>13750</v>
      </c>
      <c r="D4432" s="14" t="s">
        <v>13751</v>
      </c>
      <c r="E4432" s="2" t="s">
        <v>13752</v>
      </c>
      <c r="F4432" s="2" t="s">
        <v>7611</v>
      </c>
      <c r="G4432" s="8">
        <v>168</v>
      </c>
      <c r="H4432" s="5">
        <v>6</v>
      </c>
      <c r="I4432" s="5" t="s">
        <v>1518</v>
      </c>
      <c r="J4432" s="5" t="s">
        <v>1519</v>
      </c>
      <c r="K4432" s="2" t="s">
        <v>1520</v>
      </c>
      <c r="L4432" s="5" t="s">
        <v>1519</v>
      </c>
      <c r="M4432" s="2" t="s">
        <v>1520</v>
      </c>
      <c r="N4432" s="5" t="s">
        <v>1521</v>
      </c>
      <c r="O4432" s="5" t="s">
        <v>38</v>
      </c>
      <c r="P4432" s="5" t="s">
        <v>39</v>
      </c>
      <c r="Q4432" s="5" t="s">
        <v>40</v>
      </c>
      <c r="R4432" s="5" t="s">
        <v>1522</v>
      </c>
      <c r="S4432" s="5" t="s">
        <v>1523</v>
      </c>
      <c r="T4432" s="5" t="s">
        <v>42</v>
      </c>
      <c r="U4432" s="2">
        <v>2.351</v>
      </c>
      <c r="V4432" s="2">
        <v>1.9870000000000001</v>
      </c>
      <c r="W4432" s="2">
        <v>1.0999999999999999E-2</v>
      </c>
      <c r="X4432" s="2">
        <v>139.1</v>
      </c>
      <c r="Y4432" s="2">
        <v>7.6</v>
      </c>
      <c r="Z4432" s="2">
        <v>10.6</v>
      </c>
      <c r="AA4432" s="5"/>
      <c r="AB4432" s="5" t="s">
        <v>43</v>
      </c>
      <c r="AC4432" s="5" t="s">
        <v>44</v>
      </c>
      <c r="AD4432" s="2"/>
      <c r="AE4432" s="1"/>
    </row>
    <row r="4433" spans="1:31" ht="14.45">
      <c r="A4433" s="11"/>
      <c r="B4433" s="20"/>
      <c r="C4433" s="2" t="s">
        <v>13753</v>
      </c>
      <c r="D4433" s="14" t="s">
        <v>13754</v>
      </c>
      <c r="E4433" s="2" t="s">
        <v>13755</v>
      </c>
      <c r="F4433" s="2" t="s">
        <v>7615</v>
      </c>
      <c r="G4433" s="8">
        <v>168</v>
      </c>
      <c r="H4433" s="5">
        <v>6</v>
      </c>
      <c r="I4433" s="5" t="s">
        <v>1518</v>
      </c>
      <c r="J4433" s="5" t="s">
        <v>1519</v>
      </c>
      <c r="K4433" s="2" t="s">
        <v>1520</v>
      </c>
      <c r="L4433" s="5" t="s">
        <v>1519</v>
      </c>
      <c r="M4433" s="2" t="s">
        <v>1520</v>
      </c>
      <c r="N4433" s="5" t="s">
        <v>1521</v>
      </c>
      <c r="O4433" s="5" t="s">
        <v>38</v>
      </c>
      <c r="P4433" s="5" t="s">
        <v>39</v>
      </c>
      <c r="Q4433" s="5" t="s">
        <v>40</v>
      </c>
      <c r="R4433" s="5" t="s">
        <v>1522</v>
      </c>
      <c r="S4433" s="5" t="s">
        <v>1523</v>
      </c>
      <c r="T4433" s="5" t="s">
        <v>42</v>
      </c>
      <c r="U4433" s="2">
        <v>2.2669999999999999</v>
      </c>
      <c r="V4433" s="2">
        <v>1.903</v>
      </c>
      <c r="W4433" s="2">
        <v>1.0999999999999999E-2</v>
      </c>
      <c r="X4433" s="2">
        <v>139.1</v>
      </c>
      <c r="Y4433" s="2">
        <v>7.6</v>
      </c>
      <c r="Z4433" s="2">
        <v>10.6</v>
      </c>
      <c r="AA4433" s="5"/>
      <c r="AB4433" s="5" t="s">
        <v>43</v>
      </c>
      <c r="AC4433" s="5" t="s">
        <v>44</v>
      </c>
      <c r="AD4433" s="2"/>
      <c r="AE4433" s="1"/>
    </row>
    <row r="4434" spans="1:31" ht="14.45">
      <c r="A4434" s="11"/>
      <c r="B4434" s="20"/>
      <c r="C4434" s="2" t="s">
        <v>13756</v>
      </c>
      <c r="D4434" s="14" t="s">
        <v>13757</v>
      </c>
      <c r="E4434" s="2" t="s">
        <v>13758</v>
      </c>
      <c r="F4434" s="2" t="s">
        <v>7619</v>
      </c>
      <c r="G4434" s="8">
        <v>168</v>
      </c>
      <c r="H4434" s="5">
        <v>6</v>
      </c>
      <c r="I4434" s="5" t="s">
        <v>1518</v>
      </c>
      <c r="J4434" s="5" t="s">
        <v>1519</v>
      </c>
      <c r="K4434" s="2" t="s">
        <v>1520</v>
      </c>
      <c r="L4434" s="5" t="s">
        <v>1519</v>
      </c>
      <c r="M4434" s="2" t="s">
        <v>1520</v>
      </c>
      <c r="N4434" s="5" t="s">
        <v>1521</v>
      </c>
      <c r="O4434" s="5" t="s">
        <v>38</v>
      </c>
      <c r="P4434" s="5" t="s">
        <v>39</v>
      </c>
      <c r="Q4434" s="5" t="s">
        <v>40</v>
      </c>
      <c r="R4434" s="5" t="s">
        <v>1522</v>
      </c>
      <c r="S4434" s="5" t="s">
        <v>1523</v>
      </c>
      <c r="T4434" s="5" t="s">
        <v>42</v>
      </c>
      <c r="U4434" s="2">
        <v>2.3210000000000002</v>
      </c>
      <c r="V4434" s="2">
        <v>1.9570000000000001</v>
      </c>
      <c r="W4434" s="2">
        <v>1.0999999999999999E-2</v>
      </c>
      <c r="X4434" s="2">
        <v>139.1</v>
      </c>
      <c r="Y4434" s="2">
        <v>7.6</v>
      </c>
      <c r="Z4434" s="2">
        <v>10.6</v>
      </c>
      <c r="AA4434" s="5"/>
      <c r="AB4434" s="5" t="s">
        <v>43</v>
      </c>
      <c r="AC4434" s="5" t="s">
        <v>44</v>
      </c>
      <c r="AD4434" s="2"/>
      <c r="AE4434" s="1"/>
    </row>
    <row r="4435" spans="1:31" ht="14.45">
      <c r="A4435" s="11"/>
      <c r="B4435" s="20"/>
      <c r="C4435" s="2" t="s">
        <v>13759</v>
      </c>
      <c r="D4435" s="14" t="s">
        <v>13760</v>
      </c>
      <c r="E4435" s="2" t="s">
        <v>13761</v>
      </c>
      <c r="F4435" s="2" t="s">
        <v>1823</v>
      </c>
      <c r="G4435" s="8">
        <v>168</v>
      </c>
      <c r="H4435" s="5">
        <v>8</v>
      </c>
      <c r="I4435" s="5" t="s">
        <v>1518</v>
      </c>
      <c r="J4435" s="5" t="s">
        <v>1519</v>
      </c>
      <c r="K4435" s="2" t="s">
        <v>1520</v>
      </c>
      <c r="L4435" s="5" t="s">
        <v>1519</v>
      </c>
      <c r="M4435" s="2" t="s">
        <v>1520</v>
      </c>
      <c r="N4435" s="5" t="s">
        <v>1521</v>
      </c>
      <c r="O4435" s="5" t="s">
        <v>38</v>
      </c>
      <c r="P4435" s="5" t="s">
        <v>39</v>
      </c>
      <c r="Q4435" s="5" t="s">
        <v>40</v>
      </c>
      <c r="R4435" s="5" t="s">
        <v>1522</v>
      </c>
      <c r="S4435" s="5" t="s">
        <v>1523</v>
      </c>
      <c r="T4435" s="5" t="s">
        <v>42</v>
      </c>
      <c r="U4435" s="2">
        <v>2.3210000000000002</v>
      </c>
      <c r="V4435" s="2">
        <v>1.9570000000000001</v>
      </c>
      <c r="W4435" s="2">
        <v>1.0999999999999999E-2</v>
      </c>
      <c r="X4435" s="2">
        <v>139.1</v>
      </c>
      <c r="Y4435" s="2">
        <v>7.6</v>
      </c>
      <c r="Z4435" s="2">
        <v>10.6</v>
      </c>
      <c r="AA4435" s="5"/>
      <c r="AB4435" s="5" t="s">
        <v>43</v>
      </c>
      <c r="AC4435" s="5" t="s">
        <v>44</v>
      </c>
      <c r="AD4435" s="2"/>
      <c r="AE4435" s="1"/>
    </row>
    <row r="4436" spans="1:31" ht="14.45">
      <c r="A4436" s="11"/>
      <c r="B4436" s="20"/>
      <c r="C4436" s="2" t="s">
        <v>13762</v>
      </c>
      <c r="D4436" s="14" t="s">
        <v>13763</v>
      </c>
      <c r="E4436" s="2" t="s">
        <v>13764</v>
      </c>
      <c r="F4436" s="2" t="s">
        <v>1827</v>
      </c>
      <c r="G4436" s="8">
        <v>168</v>
      </c>
      <c r="H4436" s="5">
        <v>8</v>
      </c>
      <c r="I4436" s="5" t="s">
        <v>1518</v>
      </c>
      <c r="J4436" s="5" t="s">
        <v>1519</v>
      </c>
      <c r="K4436" s="2" t="s">
        <v>1520</v>
      </c>
      <c r="L4436" s="5" t="s">
        <v>1519</v>
      </c>
      <c r="M4436" s="2" t="s">
        <v>1520</v>
      </c>
      <c r="N4436" s="5" t="s">
        <v>1521</v>
      </c>
      <c r="O4436" s="5" t="s">
        <v>38</v>
      </c>
      <c r="P4436" s="5" t="s">
        <v>39</v>
      </c>
      <c r="Q4436" s="5" t="s">
        <v>40</v>
      </c>
      <c r="R4436" s="5" t="s">
        <v>1522</v>
      </c>
      <c r="S4436" s="5" t="s">
        <v>1523</v>
      </c>
      <c r="T4436" s="5" t="s">
        <v>42</v>
      </c>
      <c r="U4436" s="2">
        <v>2.375</v>
      </c>
      <c r="V4436" s="2">
        <v>2.0110000000000001</v>
      </c>
      <c r="W4436" s="2">
        <v>1.0999999999999999E-2</v>
      </c>
      <c r="X4436" s="2">
        <v>139.1</v>
      </c>
      <c r="Y4436" s="2">
        <v>7.6</v>
      </c>
      <c r="Z4436" s="2">
        <v>10.6</v>
      </c>
      <c r="AA4436" s="5"/>
      <c r="AB4436" s="5" t="s">
        <v>43</v>
      </c>
      <c r="AC4436" s="5" t="s">
        <v>44</v>
      </c>
      <c r="AD4436" s="2"/>
      <c r="AE4436" s="1"/>
    </row>
    <row r="4437" spans="1:31" ht="14.45">
      <c r="A4437" s="11"/>
      <c r="B4437" s="20"/>
      <c r="C4437" s="2" t="s">
        <v>13765</v>
      </c>
      <c r="D4437" s="14" t="s">
        <v>13766</v>
      </c>
      <c r="E4437" s="2" t="s">
        <v>13767</v>
      </c>
      <c r="F4437" s="2" t="s">
        <v>1973</v>
      </c>
      <c r="G4437" s="8">
        <v>168</v>
      </c>
      <c r="H4437" s="5">
        <v>13</v>
      </c>
      <c r="I4437" s="5" t="s">
        <v>1518</v>
      </c>
      <c r="J4437" s="5" t="s">
        <v>1519</v>
      </c>
      <c r="K4437" s="2" t="s">
        <v>1520</v>
      </c>
      <c r="L4437" s="5" t="s">
        <v>1519</v>
      </c>
      <c r="M4437" s="2" t="s">
        <v>1520</v>
      </c>
      <c r="N4437" s="5" t="s">
        <v>1521</v>
      </c>
      <c r="O4437" s="5" t="s">
        <v>38</v>
      </c>
      <c r="P4437" s="5" t="s">
        <v>39</v>
      </c>
      <c r="Q4437" s="5" t="s">
        <v>40</v>
      </c>
      <c r="R4437" s="5" t="s">
        <v>1522</v>
      </c>
      <c r="S4437" s="5" t="s">
        <v>1523</v>
      </c>
      <c r="T4437" s="5" t="s">
        <v>42</v>
      </c>
      <c r="U4437" s="2">
        <v>2.3319999999999999</v>
      </c>
      <c r="V4437" s="2">
        <v>1.968</v>
      </c>
      <c r="W4437" s="2">
        <v>1.0999999999999999E-2</v>
      </c>
      <c r="X4437" s="2">
        <v>139.1</v>
      </c>
      <c r="Y4437" s="2">
        <v>7.6</v>
      </c>
      <c r="Z4437" s="2">
        <v>10.6</v>
      </c>
      <c r="AA4437" s="5"/>
      <c r="AB4437" s="5" t="s">
        <v>43</v>
      </c>
      <c r="AC4437" s="5" t="s">
        <v>44</v>
      </c>
      <c r="AD4437" s="2"/>
      <c r="AE4437" s="1"/>
    </row>
    <row r="4438" spans="1:31" ht="14.45">
      <c r="A4438" s="11"/>
      <c r="B4438" s="20"/>
      <c r="C4438" s="2" t="s">
        <v>13768</v>
      </c>
      <c r="D4438" s="14" t="s">
        <v>13769</v>
      </c>
      <c r="E4438" s="2" t="s">
        <v>13770</v>
      </c>
      <c r="F4438" s="2" t="s">
        <v>2348</v>
      </c>
      <c r="G4438" s="8">
        <v>168</v>
      </c>
      <c r="H4438" s="5">
        <v>13</v>
      </c>
      <c r="I4438" s="5" t="s">
        <v>1518</v>
      </c>
      <c r="J4438" s="5" t="s">
        <v>1519</v>
      </c>
      <c r="K4438" s="2" t="s">
        <v>1520</v>
      </c>
      <c r="L4438" s="5" t="s">
        <v>1519</v>
      </c>
      <c r="M4438" s="2" t="s">
        <v>1520</v>
      </c>
      <c r="N4438" s="5" t="s">
        <v>1521</v>
      </c>
      <c r="O4438" s="5" t="s">
        <v>38</v>
      </c>
      <c r="P4438" s="5" t="s">
        <v>39</v>
      </c>
      <c r="Q4438" s="5" t="s">
        <v>40</v>
      </c>
      <c r="R4438" s="5" t="s">
        <v>1522</v>
      </c>
      <c r="S4438" s="5" t="s">
        <v>1523</v>
      </c>
      <c r="T4438" s="5" t="s">
        <v>42</v>
      </c>
      <c r="U4438" s="2">
        <v>2.3860000000000001</v>
      </c>
      <c r="V4438" s="2">
        <v>2.0219999999999998</v>
      </c>
      <c r="W4438" s="2">
        <v>1.0999999999999999E-2</v>
      </c>
      <c r="X4438" s="2">
        <v>139.1</v>
      </c>
      <c r="Y4438" s="2">
        <v>7.6</v>
      </c>
      <c r="Z4438" s="2">
        <v>10.6</v>
      </c>
      <c r="AA4438" s="5"/>
      <c r="AB4438" s="5" t="s">
        <v>43</v>
      </c>
      <c r="AC4438" s="5" t="s">
        <v>44</v>
      </c>
      <c r="AD4438" s="2"/>
      <c r="AE4438" s="1"/>
    </row>
    <row r="4439" spans="1:31" ht="14.45">
      <c r="A4439" s="11"/>
      <c r="B4439" s="20"/>
      <c r="C4439" s="2" t="s">
        <v>13771</v>
      </c>
      <c r="D4439" s="14" t="s">
        <v>13772</v>
      </c>
      <c r="E4439" s="2" t="s">
        <v>13773</v>
      </c>
      <c r="F4439" s="2" t="s">
        <v>2204</v>
      </c>
      <c r="G4439" s="8">
        <v>168</v>
      </c>
      <c r="H4439" s="5">
        <v>13</v>
      </c>
      <c r="I4439" s="5" t="s">
        <v>1518</v>
      </c>
      <c r="J4439" s="5" t="s">
        <v>1519</v>
      </c>
      <c r="K4439" s="2" t="s">
        <v>1520</v>
      </c>
      <c r="L4439" s="5" t="s">
        <v>1519</v>
      </c>
      <c r="M4439" s="2" t="s">
        <v>1520</v>
      </c>
      <c r="N4439" s="5" t="s">
        <v>1521</v>
      </c>
      <c r="O4439" s="5" t="s">
        <v>38</v>
      </c>
      <c r="P4439" s="5" t="s">
        <v>39</v>
      </c>
      <c r="Q4439" s="5" t="s">
        <v>40</v>
      </c>
      <c r="R4439" s="5" t="s">
        <v>1522</v>
      </c>
      <c r="S4439" s="5" t="s">
        <v>1523</v>
      </c>
      <c r="T4439" s="5" t="s">
        <v>42</v>
      </c>
      <c r="U4439" s="2">
        <v>2.3319999999999999</v>
      </c>
      <c r="V4439" s="2">
        <v>1.968</v>
      </c>
      <c r="W4439" s="2">
        <v>1.0999999999999999E-2</v>
      </c>
      <c r="X4439" s="2">
        <v>139.1</v>
      </c>
      <c r="Y4439" s="2">
        <v>7.6</v>
      </c>
      <c r="Z4439" s="2">
        <v>10.6</v>
      </c>
      <c r="AA4439" s="5"/>
      <c r="AB4439" s="5" t="s">
        <v>43</v>
      </c>
      <c r="AC4439" s="5" t="s">
        <v>44</v>
      </c>
      <c r="AD4439" s="2"/>
      <c r="AE4439" s="1"/>
    </row>
    <row r="4440" spans="1:31" ht="14.45">
      <c r="A4440" s="11"/>
      <c r="B4440" s="20"/>
      <c r="C4440" s="2" t="s">
        <v>13774</v>
      </c>
      <c r="D4440" s="14" t="s">
        <v>13775</v>
      </c>
      <c r="E4440" s="2" t="s">
        <v>13776</v>
      </c>
      <c r="F4440" s="2" t="s">
        <v>2208</v>
      </c>
      <c r="G4440" s="8">
        <v>168</v>
      </c>
      <c r="H4440" s="5">
        <v>13</v>
      </c>
      <c r="I4440" s="5" t="s">
        <v>1518</v>
      </c>
      <c r="J4440" s="5" t="s">
        <v>1519</v>
      </c>
      <c r="K4440" s="2" t="s">
        <v>1520</v>
      </c>
      <c r="L4440" s="5" t="s">
        <v>1519</v>
      </c>
      <c r="M4440" s="2" t="s">
        <v>1520</v>
      </c>
      <c r="N4440" s="5" t="s">
        <v>1521</v>
      </c>
      <c r="O4440" s="5" t="s">
        <v>38</v>
      </c>
      <c r="P4440" s="5" t="s">
        <v>39</v>
      </c>
      <c r="Q4440" s="5" t="s">
        <v>40</v>
      </c>
      <c r="R4440" s="5" t="s">
        <v>1522</v>
      </c>
      <c r="S4440" s="5" t="s">
        <v>1523</v>
      </c>
      <c r="T4440" s="5" t="s">
        <v>42</v>
      </c>
      <c r="U4440" s="2">
        <v>2.3319999999999999</v>
      </c>
      <c r="V4440" s="2">
        <v>1.968</v>
      </c>
      <c r="W4440" s="2">
        <v>1.0999999999999999E-2</v>
      </c>
      <c r="X4440" s="2">
        <v>139.1</v>
      </c>
      <c r="Y4440" s="2">
        <v>7.6</v>
      </c>
      <c r="Z4440" s="2">
        <v>10.6</v>
      </c>
      <c r="AA4440" s="5"/>
      <c r="AB4440" s="5" t="s">
        <v>43</v>
      </c>
      <c r="AC4440" s="5" t="s">
        <v>44</v>
      </c>
      <c r="AD4440" s="2"/>
      <c r="AE4440" s="1"/>
    </row>
    <row r="4441" spans="1:31" ht="14.45">
      <c r="A4441" s="11"/>
      <c r="B4441" s="20"/>
      <c r="C4441" s="2" t="s">
        <v>13777</v>
      </c>
      <c r="D4441" s="14" t="s">
        <v>13778</v>
      </c>
      <c r="E4441" s="2" t="s">
        <v>13779</v>
      </c>
      <c r="F4441" s="2" t="s">
        <v>2212</v>
      </c>
      <c r="G4441" s="8">
        <v>168</v>
      </c>
      <c r="H4441" s="5">
        <v>13</v>
      </c>
      <c r="I4441" s="5" t="s">
        <v>1518</v>
      </c>
      <c r="J4441" s="5" t="s">
        <v>1519</v>
      </c>
      <c r="K4441" s="2" t="s">
        <v>1520</v>
      </c>
      <c r="L4441" s="5" t="s">
        <v>1519</v>
      </c>
      <c r="M4441" s="2" t="s">
        <v>1520</v>
      </c>
      <c r="N4441" s="5" t="s">
        <v>1521</v>
      </c>
      <c r="O4441" s="5" t="s">
        <v>38</v>
      </c>
      <c r="P4441" s="5" t="s">
        <v>39</v>
      </c>
      <c r="Q4441" s="5" t="s">
        <v>40</v>
      </c>
      <c r="R4441" s="5" t="s">
        <v>1522</v>
      </c>
      <c r="S4441" s="5" t="s">
        <v>1523</v>
      </c>
      <c r="T4441" s="5" t="s">
        <v>42</v>
      </c>
      <c r="U4441" s="2">
        <v>2.3860000000000001</v>
      </c>
      <c r="V4441" s="2">
        <v>2.0219999999999998</v>
      </c>
      <c r="W4441" s="2">
        <v>1.0999999999999999E-2</v>
      </c>
      <c r="X4441" s="2">
        <v>139.1</v>
      </c>
      <c r="Y4441" s="2">
        <v>7.6</v>
      </c>
      <c r="Z4441" s="2">
        <v>10.6</v>
      </c>
      <c r="AA4441" s="5"/>
      <c r="AB4441" s="5" t="s">
        <v>43</v>
      </c>
      <c r="AC4441" s="5" t="s">
        <v>44</v>
      </c>
      <c r="AD4441" s="2"/>
      <c r="AE4441" s="1"/>
    </row>
    <row r="4442" spans="1:31" ht="14.45">
      <c r="A4442" s="11"/>
      <c r="B4442" s="20"/>
      <c r="C4442" s="2" t="s">
        <v>13780</v>
      </c>
      <c r="D4442" s="14" t="s">
        <v>13781</v>
      </c>
      <c r="E4442" s="2" t="s">
        <v>13782</v>
      </c>
      <c r="F4442" s="2" t="s">
        <v>1831</v>
      </c>
      <c r="G4442" s="8">
        <v>168</v>
      </c>
      <c r="H4442" s="5">
        <v>13</v>
      </c>
      <c r="I4442" s="5" t="s">
        <v>1518</v>
      </c>
      <c r="J4442" s="5" t="s">
        <v>1519</v>
      </c>
      <c r="K4442" s="2" t="s">
        <v>1520</v>
      </c>
      <c r="L4442" s="5" t="s">
        <v>1519</v>
      </c>
      <c r="M4442" s="2" t="s">
        <v>1520</v>
      </c>
      <c r="N4442" s="5" t="s">
        <v>1521</v>
      </c>
      <c r="O4442" s="5" t="s">
        <v>38</v>
      </c>
      <c r="P4442" s="5" t="s">
        <v>39</v>
      </c>
      <c r="Q4442" s="5" t="s">
        <v>40</v>
      </c>
      <c r="R4442" s="5" t="s">
        <v>1522</v>
      </c>
      <c r="S4442" s="5" t="s">
        <v>1523</v>
      </c>
      <c r="T4442" s="5" t="s">
        <v>42</v>
      </c>
      <c r="U4442" s="2">
        <v>2.3319999999999999</v>
      </c>
      <c r="V4442" s="2">
        <v>1.968</v>
      </c>
      <c r="W4442" s="2">
        <v>1.0999999999999999E-2</v>
      </c>
      <c r="X4442" s="2">
        <v>139.1</v>
      </c>
      <c r="Y4442" s="2">
        <v>7.6</v>
      </c>
      <c r="Z4442" s="2">
        <v>10.6</v>
      </c>
      <c r="AA4442" s="5"/>
      <c r="AB4442" s="5" t="s">
        <v>43</v>
      </c>
      <c r="AC4442" s="5" t="s">
        <v>44</v>
      </c>
      <c r="AD4442" s="2"/>
      <c r="AE4442" s="1"/>
    </row>
    <row r="4443" spans="1:31" ht="14.45">
      <c r="A4443" s="11"/>
      <c r="B4443" s="20"/>
      <c r="C4443" s="2" t="s">
        <v>13783</v>
      </c>
      <c r="D4443" s="14" t="s">
        <v>13784</v>
      </c>
      <c r="E4443" s="2" t="s">
        <v>13785</v>
      </c>
      <c r="F4443" s="2" t="s">
        <v>1835</v>
      </c>
      <c r="G4443" s="8">
        <v>168</v>
      </c>
      <c r="H4443" s="5">
        <v>13</v>
      </c>
      <c r="I4443" s="5" t="s">
        <v>1518</v>
      </c>
      <c r="J4443" s="5" t="s">
        <v>1519</v>
      </c>
      <c r="K4443" s="2" t="s">
        <v>1520</v>
      </c>
      <c r="L4443" s="5" t="s">
        <v>1519</v>
      </c>
      <c r="M4443" s="2" t="s">
        <v>1520</v>
      </c>
      <c r="N4443" s="5" t="s">
        <v>1521</v>
      </c>
      <c r="O4443" s="5" t="s">
        <v>38</v>
      </c>
      <c r="P4443" s="5" t="s">
        <v>39</v>
      </c>
      <c r="Q4443" s="5" t="s">
        <v>40</v>
      </c>
      <c r="R4443" s="5" t="s">
        <v>1522</v>
      </c>
      <c r="S4443" s="5" t="s">
        <v>1523</v>
      </c>
      <c r="T4443" s="5" t="s">
        <v>42</v>
      </c>
      <c r="U4443" s="2">
        <v>2.3860000000000001</v>
      </c>
      <c r="V4443" s="2">
        <v>2.0219999999999998</v>
      </c>
      <c r="W4443" s="2">
        <v>1.0999999999999999E-2</v>
      </c>
      <c r="X4443" s="2">
        <v>139.1</v>
      </c>
      <c r="Y4443" s="2">
        <v>7.6</v>
      </c>
      <c r="Z4443" s="2">
        <v>10.6</v>
      </c>
      <c r="AA4443" s="5"/>
      <c r="AB4443" s="5" t="s">
        <v>43</v>
      </c>
      <c r="AC4443" s="5" t="s">
        <v>44</v>
      </c>
      <c r="AD4443" s="2"/>
      <c r="AE4443" s="1"/>
    </row>
    <row r="4444" spans="1:31" ht="14.45">
      <c r="A4444" s="11"/>
      <c r="B4444" s="20"/>
      <c r="C4444" s="2" t="s">
        <v>13786</v>
      </c>
      <c r="D4444" s="14" t="s">
        <v>13787</v>
      </c>
      <c r="E4444" s="2" t="s">
        <v>13788</v>
      </c>
      <c r="F4444" s="2" t="s">
        <v>1839</v>
      </c>
      <c r="G4444" s="8">
        <v>168</v>
      </c>
      <c r="H4444" s="5">
        <v>13</v>
      </c>
      <c r="I4444" s="5" t="s">
        <v>1518</v>
      </c>
      <c r="J4444" s="5" t="s">
        <v>1519</v>
      </c>
      <c r="K4444" s="2" t="s">
        <v>1520</v>
      </c>
      <c r="L4444" s="5" t="s">
        <v>1519</v>
      </c>
      <c r="M4444" s="2" t="s">
        <v>1520</v>
      </c>
      <c r="N4444" s="5" t="s">
        <v>1521</v>
      </c>
      <c r="O4444" s="5" t="s">
        <v>38</v>
      </c>
      <c r="P4444" s="5" t="s">
        <v>39</v>
      </c>
      <c r="Q4444" s="5" t="s">
        <v>40</v>
      </c>
      <c r="R4444" s="5" t="s">
        <v>1522</v>
      </c>
      <c r="S4444" s="5" t="s">
        <v>1523</v>
      </c>
      <c r="T4444" s="5" t="s">
        <v>42</v>
      </c>
      <c r="U4444" s="2">
        <v>2.3319999999999999</v>
      </c>
      <c r="V4444" s="2">
        <v>1.968</v>
      </c>
      <c r="W4444" s="2">
        <v>1.0999999999999999E-2</v>
      </c>
      <c r="X4444" s="2">
        <v>139.1</v>
      </c>
      <c r="Y4444" s="2">
        <v>7.6</v>
      </c>
      <c r="Z4444" s="2">
        <v>10.6</v>
      </c>
      <c r="AA4444" s="5"/>
      <c r="AB4444" s="5" t="s">
        <v>43</v>
      </c>
      <c r="AC4444" s="5" t="s">
        <v>44</v>
      </c>
      <c r="AD4444" s="2"/>
      <c r="AE4444" s="1"/>
    </row>
    <row r="4445" spans="1:31" ht="14.45">
      <c r="A4445" s="11"/>
      <c r="B4445" s="20"/>
      <c r="C4445" s="2" t="s">
        <v>13789</v>
      </c>
      <c r="D4445" s="14" t="s">
        <v>13790</v>
      </c>
      <c r="E4445" s="2" t="s">
        <v>13791</v>
      </c>
      <c r="F4445" s="2" t="s">
        <v>1986</v>
      </c>
      <c r="G4445" s="8">
        <v>168</v>
      </c>
      <c r="H4445" s="5">
        <v>13</v>
      </c>
      <c r="I4445" s="5" t="s">
        <v>1518</v>
      </c>
      <c r="J4445" s="5" t="s">
        <v>1519</v>
      </c>
      <c r="K4445" s="2" t="s">
        <v>1520</v>
      </c>
      <c r="L4445" s="5" t="s">
        <v>1519</v>
      </c>
      <c r="M4445" s="2" t="s">
        <v>1520</v>
      </c>
      <c r="N4445" s="5" t="s">
        <v>1521</v>
      </c>
      <c r="O4445" s="5" t="s">
        <v>38</v>
      </c>
      <c r="P4445" s="5" t="s">
        <v>39</v>
      </c>
      <c r="Q4445" s="5" t="s">
        <v>40</v>
      </c>
      <c r="R4445" s="5" t="s">
        <v>1522</v>
      </c>
      <c r="S4445" s="5" t="s">
        <v>1523</v>
      </c>
      <c r="T4445" s="5" t="s">
        <v>42</v>
      </c>
      <c r="U4445" s="2">
        <v>2.3860000000000001</v>
      </c>
      <c r="V4445" s="2">
        <v>2.0219999999999998</v>
      </c>
      <c r="W4445" s="2">
        <v>1.0999999999999999E-2</v>
      </c>
      <c r="X4445" s="2">
        <v>139.1</v>
      </c>
      <c r="Y4445" s="2">
        <v>7.6</v>
      </c>
      <c r="Z4445" s="2">
        <v>10.6</v>
      </c>
      <c r="AA4445" s="5"/>
      <c r="AB4445" s="5" t="s">
        <v>43</v>
      </c>
      <c r="AC4445" s="5" t="s">
        <v>44</v>
      </c>
      <c r="AD4445" s="2"/>
      <c r="AE4445" s="1"/>
    </row>
    <row r="4446" spans="1:31" ht="14.45">
      <c r="A4446" s="11"/>
      <c r="B4446" s="20"/>
      <c r="C4446" s="2" t="s">
        <v>13792</v>
      </c>
      <c r="D4446" s="14" t="s">
        <v>13793</v>
      </c>
      <c r="E4446" s="2" t="s">
        <v>13794</v>
      </c>
      <c r="F4446" s="2" t="s">
        <v>1843</v>
      </c>
      <c r="G4446" s="8">
        <v>168</v>
      </c>
      <c r="H4446" s="5">
        <v>13</v>
      </c>
      <c r="I4446" s="5" t="s">
        <v>1518</v>
      </c>
      <c r="J4446" s="5" t="s">
        <v>1519</v>
      </c>
      <c r="K4446" s="2" t="s">
        <v>1520</v>
      </c>
      <c r="L4446" s="5" t="s">
        <v>1519</v>
      </c>
      <c r="M4446" s="2" t="s">
        <v>1520</v>
      </c>
      <c r="N4446" s="5" t="s">
        <v>1521</v>
      </c>
      <c r="O4446" s="5" t="s">
        <v>38</v>
      </c>
      <c r="P4446" s="5" t="s">
        <v>39</v>
      </c>
      <c r="Q4446" s="5" t="s">
        <v>40</v>
      </c>
      <c r="R4446" s="5" t="s">
        <v>1522</v>
      </c>
      <c r="S4446" s="5" t="s">
        <v>1523</v>
      </c>
      <c r="T4446" s="5" t="s">
        <v>42</v>
      </c>
      <c r="U4446" s="2">
        <v>2.3319999999999999</v>
      </c>
      <c r="V4446" s="2">
        <v>1.968</v>
      </c>
      <c r="W4446" s="2">
        <v>1.0999999999999999E-2</v>
      </c>
      <c r="X4446" s="2">
        <v>139.1</v>
      </c>
      <c r="Y4446" s="2">
        <v>7.6</v>
      </c>
      <c r="Z4446" s="2">
        <v>10.6</v>
      </c>
      <c r="AA4446" s="5"/>
      <c r="AB4446" s="5" t="s">
        <v>43</v>
      </c>
      <c r="AC4446" s="5" t="s">
        <v>44</v>
      </c>
      <c r="AD4446" s="2"/>
      <c r="AE4446" s="1"/>
    </row>
    <row r="4447" spans="1:31" ht="14.45">
      <c r="A4447" s="11"/>
      <c r="B4447" s="20"/>
      <c r="C4447" s="2" t="s">
        <v>13795</v>
      </c>
      <c r="D4447" s="14" t="s">
        <v>13796</v>
      </c>
      <c r="E4447" s="2" t="s">
        <v>13797</v>
      </c>
      <c r="F4447" s="2" t="s">
        <v>1847</v>
      </c>
      <c r="G4447" s="8">
        <v>168</v>
      </c>
      <c r="H4447" s="5">
        <v>13</v>
      </c>
      <c r="I4447" s="5" t="s">
        <v>1518</v>
      </c>
      <c r="J4447" s="5" t="s">
        <v>1519</v>
      </c>
      <c r="K4447" s="2" t="s">
        <v>1520</v>
      </c>
      <c r="L4447" s="5" t="s">
        <v>1519</v>
      </c>
      <c r="M4447" s="2" t="s">
        <v>1520</v>
      </c>
      <c r="N4447" s="5" t="s">
        <v>1521</v>
      </c>
      <c r="O4447" s="5" t="s">
        <v>38</v>
      </c>
      <c r="P4447" s="5" t="s">
        <v>39</v>
      </c>
      <c r="Q4447" s="5" t="s">
        <v>40</v>
      </c>
      <c r="R4447" s="5" t="s">
        <v>1522</v>
      </c>
      <c r="S4447" s="5" t="s">
        <v>1523</v>
      </c>
      <c r="T4447" s="5" t="s">
        <v>42</v>
      </c>
      <c r="U4447" s="2">
        <v>2.3860000000000001</v>
      </c>
      <c r="V4447" s="2">
        <v>2.0219999999999998</v>
      </c>
      <c r="W4447" s="2">
        <v>1.0999999999999999E-2</v>
      </c>
      <c r="X4447" s="2">
        <v>139.1</v>
      </c>
      <c r="Y4447" s="2">
        <v>7.6</v>
      </c>
      <c r="Z4447" s="2">
        <v>10.6</v>
      </c>
      <c r="AA4447" s="5"/>
      <c r="AB4447" s="5" t="s">
        <v>43</v>
      </c>
      <c r="AC4447" s="5" t="s">
        <v>44</v>
      </c>
      <c r="AD4447" s="2"/>
      <c r="AE4447" s="1"/>
    </row>
    <row r="4448" spans="1:31" ht="14.45">
      <c r="A4448" s="11"/>
      <c r="B4448" s="20"/>
      <c r="C4448" s="2" t="s">
        <v>13798</v>
      </c>
      <c r="D4448" s="14" t="s">
        <v>13799</v>
      </c>
      <c r="E4448" s="2" t="s">
        <v>13800</v>
      </c>
      <c r="F4448" s="2" t="s">
        <v>1851</v>
      </c>
      <c r="G4448" s="8">
        <v>168</v>
      </c>
      <c r="H4448" s="5">
        <v>13</v>
      </c>
      <c r="I4448" s="5" t="s">
        <v>1518</v>
      </c>
      <c r="J4448" s="5" t="s">
        <v>1519</v>
      </c>
      <c r="K4448" s="2" t="s">
        <v>1520</v>
      </c>
      <c r="L4448" s="5" t="s">
        <v>1519</v>
      </c>
      <c r="M4448" s="2" t="s">
        <v>1520</v>
      </c>
      <c r="N4448" s="5" t="s">
        <v>1521</v>
      </c>
      <c r="O4448" s="5" t="s">
        <v>38</v>
      </c>
      <c r="P4448" s="5" t="s">
        <v>39</v>
      </c>
      <c r="Q4448" s="5" t="s">
        <v>40</v>
      </c>
      <c r="R4448" s="5" t="s">
        <v>1522</v>
      </c>
      <c r="S4448" s="5" t="s">
        <v>1523</v>
      </c>
      <c r="T4448" s="5" t="s">
        <v>42</v>
      </c>
      <c r="U4448" s="2">
        <v>2.3319999999999999</v>
      </c>
      <c r="V4448" s="2">
        <v>1.968</v>
      </c>
      <c r="W4448" s="2">
        <v>1.0999999999999999E-2</v>
      </c>
      <c r="X4448" s="2">
        <v>139.1</v>
      </c>
      <c r="Y4448" s="2">
        <v>7.6</v>
      </c>
      <c r="Z4448" s="2">
        <v>10.6</v>
      </c>
      <c r="AA4448" s="5"/>
      <c r="AB4448" s="5" t="s">
        <v>43</v>
      </c>
      <c r="AC4448" s="5" t="s">
        <v>44</v>
      </c>
      <c r="AD4448" s="2"/>
      <c r="AE4448" s="1"/>
    </row>
    <row r="4449" spans="1:31" ht="14.45">
      <c r="A4449" s="11"/>
      <c r="B4449" s="20"/>
      <c r="C4449" s="2" t="s">
        <v>13801</v>
      </c>
      <c r="D4449" s="14" t="s">
        <v>13802</v>
      </c>
      <c r="E4449" s="2" t="s">
        <v>13803</v>
      </c>
      <c r="F4449" s="2" t="s">
        <v>1999</v>
      </c>
      <c r="G4449" s="8">
        <v>168</v>
      </c>
      <c r="H4449" s="5">
        <v>13</v>
      </c>
      <c r="I4449" s="5" t="s">
        <v>1518</v>
      </c>
      <c r="J4449" s="5" t="s">
        <v>1519</v>
      </c>
      <c r="K4449" s="2" t="s">
        <v>1520</v>
      </c>
      <c r="L4449" s="5" t="s">
        <v>1519</v>
      </c>
      <c r="M4449" s="2" t="s">
        <v>1520</v>
      </c>
      <c r="N4449" s="5" t="s">
        <v>1521</v>
      </c>
      <c r="O4449" s="5" t="s">
        <v>38</v>
      </c>
      <c r="P4449" s="5" t="s">
        <v>39</v>
      </c>
      <c r="Q4449" s="5" t="s">
        <v>40</v>
      </c>
      <c r="R4449" s="5" t="s">
        <v>1522</v>
      </c>
      <c r="S4449" s="5" t="s">
        <v>1523</v>
      </c>
      <c r="T4449" s="5" t="s">
        <v>42</v>
      </c>
      <c r="U4449" s="2">
        <v>2.3860000000000001</v>
      </c>
      <c r="V4449" s="2">
        <v>2.0219999999999998</v>
      </c>
      <c r="W4449" s="2">
        <v>1.0999999999999999E-2</v>
      </c>
      <c r="X4449" s="2">
        <v>139.1</v>
      </c>
      <c r="Y4449" s="2">
        <v>7.6</v>
      </c>
      <c r="Z4449" s="2">
        <v>10.6</v>
      </c>
      <c r="AA4449" s="5"/>
      <c r="AB4449" s="5" t="s">
        <v>43</v>
      </c>
      <c r="AC4449" s="5" t="s">
        <v>44</v>
      </c>
      <c r="AD4449" s="2"/>
      <c r="AE4449" s="1"/>
    </row>
    <row r="4450" spans="1:31" ht="14.45">
      <c r="A4450" s="11"/>
      <c r="B4450" s="20"/>
      <c r="C4450" s="2" t="s">
        <v>13804</v>
      </c>
      <c r="D4450" s="14" t="s">
        <v>13805</v>
      </c>
      <c r="E4450" s="2" t="s">
        <v>13806</v>
      </c>
      <c r="F4450" s="2" t="s">
        <v>1855</v>
      </c>
      <c r="G4450" s="8">
        <v>168</v>
      </c>
      <c r="H4450" s="5">
        <v>13</v>
      </c>
      <c r="I4450" s="5" t="s">
        <v>1518</v>
      </c>
      <c r="J4450" s="5" t="s">
        <v>1519</v>
      </c>
      <c r="K4450" s="2" t="s">
        <v>1520</v>
      </c>
      <c r="L4450" s="5" t="s">
        <v>1519</v>
      </c>
      <c r="M4450" s="2" t="s">
        <v>1520</v>
      </c>
      <c r="N4450" s="5" t="s">
        <v>1521</v>
      </c>
      <c r="O4450" s="5" t="s">
        <v>38</v>
      </c>
      <c r="P4450" s="5" t="s">
        <v>39</v>
      </c>
      <c r="Q4450" s="5" t="s">
        <v>40</v>
      </c>
      <c r="R4450" s="5" t="s">
        <v>1522</v>
      </c>
      <c r="S4450" s="5" t="s">
        <v>1523</v>
      </c>
      <c r="T4450" s="5" t="s">
        <v>42</v>
      </c>
      <c r="U4450" s="2">
        <v>2.3319999999999999</v>
      </c>
      <c r="V4450" s="2">
        <v>1.968</v>
      </c>
      <c r="W4450" s="2">
        <v>1.0999999999999999E-2</v>
      </c>
      <c r="X4450" s="2">
        <v>139.1</v>
      </c>
      <c r="Y4450" s="2">
        <v>7.6</v>
      </c>
      <c r="Z4450" s="2">
        <v>10.6</v>
      </c>
      <c r="AA4450" s="5"/>
      <c r="AB4450" s="5" t="s">
        <v>43</v>
      </c>
      <c r="AC4450" s="5" t="s">
        <v>44</v>
      </c>
      <c r="AD4450" s="2"/>
      <c r="AE4450" s="1"/>
    </row>
    <row r="4451" spans="1:31" ht="14.45">
      <c r="A4451" s="11"/>
      <c r="B4451" s="20"/>
      <c r="C4451" s="2" t="s">
        <v>13807</v>
      </c>
      <c r="D4451" s="14" t="s">
        <v>13808</v>
      </c>
      <c r="E4451" s="2" t="s">
        <v>13809</v>
      </c>
      <c r="F4451" s="2" t="s">
        <v>1859</v>
      </c>
      <c r="G4451" s="8">
        <v>168</v>
      </c>
      <c r="H4451" s="5">
        <v>13</v>
      </c>
      <c r="I4451" s="5" t="s">
        <v>1518</v>
      </c>
      <c r="J4451" s="5" t="s">
        <v>1519</v>
      </c>
      <c r="K4451" s="2" t="s">
        <v>1520</v>
      </c>
      <c r="L4451" s="5" t="s">
        <v>1519</v>
      </c>
      <c r="M4451" s="2" t="s">
        <v>1520</v>
      </c>
      <c r="N4451" s="5" t="s">
        <v>1521</v>
      </c>
      <c r="O4451" s="5" t="s">
        <v>38</v>
      </c>
      <c r="P4451" s="5" t="s">
        <v>39</v>
      </c>
      <c r="Q4451" s="5" t="s">
        <v>40</v>
      </c>
      <c r="R4451" s="5" t="s">
        <v>1522</v>
      </c>
      <c r="S4451" s="5" t="s">
        <v>1523</v>
      </c>
      <c r="T4451" s="5" t="s">
        <v>42</v>
      </c>
      <c r="U4451" s="2">
        <v>2.3860000000000001</v>
      </c>
      <c r="V4451" s="2">
        <v>2.0219999999999998</v>
      </c>
      <c r="W4451" s="2">
        <v>1.0999999999999999E-2</v>
      </c>
      <c r="X4451" s="2">
        <v>139.1</v>
      </c>
      <c r="Y4451" s="2">
        <v>7.6</v>
      </c>
      <c r="Z4451" s="2">
        <v>10.6</v>
      </c>
      <c r="AA4451" s="5"/>
      <c r="AB4451" s="5" t="s">
        <v>43</v>
      </c>
      <c r="AC4451" s="5" t="s">
        <v>44</v>
      </c>
      <c r="AD4451" s="2"/>
      <c r="AE4451" s="1"/>
    </row>
    <row r="4452" spans="1:31" ht="14.45">
      <c r="A4452" s="11"/>
      <c r="B4452" s="20"/>
      <c r="C4452" s="2" t="s">
        <v>13810</v>
      </c>
      <c r="D4452" s="14" t="s">
        <v>13811</v>
      </c>
      <c r="E4452" s="2" t="s">
        <v>13812</v>
      </c>
      <c r="F4452" s="2" t="s">
        <v>1863</v>
      </c>
      <c r="G4452" s="8">
        <v>168</v>
      </c>
      <c r="H4452" s="5">
        <v>11</v>
      </c>
      <c r="I4452" s="5" t="s">
        <v>1518</v>
      </c>
      <c r="J4452" s="5" t="s">
        <v>1519</v>
      </c>
      <c r="K4452" s="2" t="s">
        <v>1520</v>
      </c>
      <c r="L4452" s="5" t="s">
        <v>1519</v>
      </c>
      <c r="M4452" s="2" t="s">
        <v>1520</v>
      </c>
      <c r="N4452" s="5" t="s">
        <v>1521</v>
      </c>
      <c r="O4452" s="5" t="s">
        <v>38</v>
      </c>
      <c r="P4452" s="5" t="s">
        <v>39</v>
      </c>
      <c r="Q4452" s="5" t="s">
        <v>40</v>
      </c>
      <c r="R4452" s="5" t="s">
        <v>1522</v>
      </c>
      <c r="S4452" s="5" t="s">
        <v>1523</v>
      </c>
      <c r="T4452" s="5" t="s">
        <v>42</v>
      </c>
      <c r="U4452" s="2">
        <v>2.2759999999999998</v>
      </c>
      <c r="V4452" s="2">
        <v>1.91</v>
      </c>
      <c r="W4452" s="2">
        <v>1.0999999999999999E-2</v>
      </c>
      <c r="X4452" s="2">
        <v>139.1</v>
      </c>
      <c r="Y4452" s="2">
        <v>7.6</v>
      </c>
      <c r="Z4452" s="2">
        <v>10.6</v>
      </c>
      <c r="AA4452" s="5"/>
      <c r="AB4452" s="5" t="s">
        <v>43</v>
      </c>
      <c r="AC4452" s="5" t="s">
        <v>44</v>
      </c>
      <c r="AD4452" s="2"/>
      <c r="AE4452" s="1"/>
    </row>
    <row r="4453" spans="1:31" ht="14.45">
      <c r="A4453" s="11"/>
      <c r="B4453" s="20"/>
      <c r="C4453" s="2" t="s">
        <v>13813</v>
      </c>
      <c r="D4453" s="14" t="s">
        <v>13814</v>
      </c>
      <c r="E4453" s="2" t="s">
        <v>13815</v>
      </c>
      <c r="F4453" s="2" t="s">
        <v>1867</v>
      </c>
      <c r="G4453" s="8">
        <v>168</v>
      </c>
      <c r="H4453" s="5">
        <v>11</v>
      </c>
      <c r="I4453" s="5" t="s">
        <v>1518</v>
      </c>
      <c r="J4453" s="5" t="s">
        <v>1519</v>
      </c>
      <c r="K4453" s="2" t="s">
        <v>1520</v>
      </c>
      <c r="L4453" s="5" t="s">
        <v>1519</v>
      </c>
      <c r="M4453" s="2" t="s">
        <v>1520</v>
      </c>
      <c r="N4453" s="5" t="s">
        <v>1521</v>
      </c>
      <c r="O4453" s="5" t="s">
        <v>38</v>
      </c>
      <c r="P4453" s="5" t="s">
        <v>39</v>
      </c>
      <c r="Q4453" s="5" t="s">
        <v>40</v>
      </c>
      <c r="R4453" s="5" t="s">
        <v>1522</v>
      </c>
      <c r="S4453" s="5" t="s">
        <v>1523</v>
      </c>
      <c r="T4453" s="5" t="s">
        <v>42</v>
      </c>
      <c r="U4453" s="2">
        <v>2.33</v>
      </c>
      <c r="V4453" s="2">
        <v>1.964</v>
      </c>
      <c r="W4453" s="2">
        <v>1.0999999999999999E-2</v>
      </c>
      <c r="X4453" s="2">
        <v>139.1</v>
      </c>
      <c r="Y4453" s="2">
        <v>7.6</v>
      </c>
      <c r="Z4453" s="2">
        <v>10.6</v>
      </c>
      <c r="AA4453" s="5"/>
      <c r="AB4453" s="5" t="s">
        <v>43</v>
      </c>
      <c r="AC4453" s="5" t="s">
        <v>44</v>
      </c>
      <c r="AD4453" s="2"/>
      <c r="AE4453" s="1"/>
    </row>
    <row r="4454" spans="1:31" ht="14.45">
      <c r="A4454" s="11"/>
      <c r="B4454" s="20"/>
      <c r="C4454" s="2" t="s">
        <v>13816</v>
      </c>
      <c r="D4454" s="14" t="s">
        <v>13817</v>
      </c>
      <c r="E4454" s="2" t="s">
        <v>13818</v>
      </c>
      <c r="F4454" s="2" t="s">
        <v>7396</v>
      </c>
      <c r="G4454" s="8">
        <v>158</v>
      </c>
      <c r="H4454" s="5">
        <v>5</v>
      </c>
      <c r="I4454" s="5" t="s">
        <v>1518</v>
      </c>
      <c r="J4454" s="5" t="s">
        <v>1519</v>
      </c>
      <c r="K4454" s="2" t="s">
        <v>1520</v>
      </c>
      <c r="L4454" s="5" t="s">
        <v>1519</v>
      </c>
      <c r="M4454" s="2" t="s">
        <v>1520</v>
      </c>
      <c r="N4454" s="5" t="s">
        <v>1521</v>
      </c>
      <c r="O4454" s="5" t="s">
        <v>38</v>
      </c>
      <c r="P4454" s="5" t="s">
        <v>39</v>
      </c>
      <c r="Q4454" s="5" t="s">
        <v>40</v>
      </c>
      <c r="R4454" s="5" t="s">
        <v>1522</v>
      </c>
      <c r="S4454" s="5" t="s">
        <v>1523</v>
      </c>
      <c r="T4454" s="5" t="s">
        <v>42</v>
      </c>
      <c r="U4454" s="2">
        <v>2.5880000000000001</v>
      </c>
      <c r="V4454" s="2">
        <v>2.2240000000000002</v>
      </c>
      <c r="W4454" s="2">
        <v>1.0999999999999999E-2</v>
      </c>
      <c r="X4454" s="2">
        <v>139.1</v>
      </c>
      <c r="Y4454" s="2">
        <v>7.6</v>
      </c>
      <c r="Z4454" s="2">
        <v>10.6</v>
      </c>
      <c r="AA4454" s="5"/>
      <c r="AB4454" s="5" t="s">
        <v>43</v>
      </c>
      <c r="AC4454" s="5" t="s">
        <v>44</v>
      </c>
      <c r="AD4454" s="2"/>
      <c r="AE4454" s="1"/>
    </row>
    <row r="4455" spans="1:31" ht="14.45">
      <c r="A4455" s="11"/>
      <c r="B4455" s="20"/>
      <c r="C4455" s="2" t="s">
        <v>13819</v>
      </c>
      <c r="D4455" s="14" t="s">
        <v>13820</v>
      </c>
      <c r="E4455" s="2" t="s">
        <v>13821</v>
      </c>
      <c r="F4455" s="2" t="s">
        <v>7507</v>
      </c>
      <c r="G4455" s="8">
        <v>158</v>
      </c>
      <c r="H4455" s="5">
        <v>5</v>
      </c>
      <c r="I4455" s="5" t="s">
        <v>1518</v>
      </c>
      <c r="J4455" s="5" t="s">
        <v>1519</v>
      </c>
      <c r="K4455" s="2" t="s">
        <v>1520</v>
      </c>
      <c r="L4455" s="5" t="s">
        <v>1519</v>
      </c>
      <c r="M4455" s="2" t="s">
        <v>1520</v>
      </c>
      <c r="N4455" s="5" t="s">
        <v>1521</v>
      </c>
      <c r="O4455" s="5" t="s">
        <v>38</v>
      </c>
      <c r="P4455" s="5" t="s">
        <v>39</v>
      </c>
      <c r="Q4455" s="5" t="s">
        <v>40</v>
      </c>
      <c r="R4455" s="5" t="s">
        <v>1522</v>
      </c>
      <c r="S4455" s="5" t="s">
        <v>1523</v>
      </c>
      <c r="T4455" s="5" t="s">
        <v>42</v>
      </c>
      <c r="U4455" s="2">
        <v>2.6509999999999998</v>
      </c>
      <c r="V4455" s="2">
        <v>2.2869999999999999</v>
      </c>
      <c r="W4455" s="2">
        <v>1.0999999999999999E-2</v>
      </c>
      <c r="X4455" s="2">
        <v>139.1</v>
      </c>
      <c r="Y4455" s="2">
        <v>7.6</v>
      </c>
      <c r="Z4455" s="2">
        <v>10.6</v>
      </c>
      <c r="AA4455" s="5"/>
      <c r="AB4455" s="5" t="s">
        <v>43</v>
      </c>
      <c r="AC4455" s="5" t="s">
        <v>44</v>
      </c>
      <c r="AD4455" s="2"/>
      <c r="AE4455" s="1"/>
    </row>
    <row r="4456" spans="1:31" ht="14.45">
      <c r="A4456" s="11"/>
      <c r="B4456" s="20"/>
      <c r="C4456" s="2" t="s">
        <v>13822</v>
      </c>
      <c r="D4456" s="14" t="s">
        <v>13823</v>
      </c>
      <c r="E4456" s="2" t="s">
        <v>13824</v>
      </c>
      <c r="F4456" s="2" t="s">
        <v>7204</v>
      </c>
      <c r="G4456" s="8">
        <v>158</v>
      </c>
      <c r="H4456" s="5">
        <v>5</v>
      </c>
      <c r="I4456" s="5" t="s">
        <v>1518</v>
      </c>
      <c r="J4456" s="5" t="s">
        <v>1519</v>
      </c>
      <c r="K4456" s="2" t="s">
        <v>1520</v>
      </c>
      <c r="L4456" s="5" t="s">
        <v>1519</v>
      </c>
      <c r="M4456" s="2" t="s">
        <v>1520</v>
      </c>
      <c r="N4456" s="5" t="s">
        <v>1521</v>
      </c>
      <c r="O4456" s="5" t="s">
        <v>38</v>
      </c>
      <c r="P4456" s="5" t="s">
        <v>39</v>
      </c>
      <c r="Q4456" s="5" t="s">
        <v>40</v>
      </c>
      <c r="R4456" s="5" t="s">
        <v>1522</v>
      </c>
      <c r="S4456" s="5" t="s">
        <v>1523</v>
      </c>
      <c r="T4456" s="5" t="s">
        <v>42</v>
      </c>
      <c r="U4456" s="2">
        <v>2.6030000000000002</v>
      </c>
      <c r="V4456" s="2">
        <v>2.2389999999999999</v>
      </c>
      <c r="W4456" s="2">
        <v>1.0999999999999999E-2</v>
      </c>
      <c r="X4456" s="2">
        <v>139.1</v>
      </c>
      <c r="Y4456" s="2">
        <v>7.6</v>
      </c>
      <c r="Z4456" s="2">
        <v>10.6</v>
      </c>
      <c r="AA4456" s="5"/>
      <c r="AB4456" s="5" t="s">
        <v>43</v>
      </c>
      <c r="AC4456" s="5" t="s">
        <v>44</v>
      </c>
      <c r="AD4456" s="2"/>
      <c r="AE4456" s="1"/>
    </row>
    <row r="4457" spans="1:31" ht="14.45">
      <c r="A4457" s="11"/>
      <c r="B4457" s="20"/>
      <c r="C4457" s="2" t="s">
        <v>13825</v>
      </c>
      <c r="D4457" s="14" t="s">
        <v>13826</v>
      </c>
      <c r="E4457" s="2" t="s">
        <v>13827</v>
      </c>
      <c r="F4457" s="2" t="s">
        <v>7514</v>
      </c>
      <c r="G4457" s="8">
        <v>158</v>
      </c>
      <c r="H4457" s="5">
        <v>5</v>
      </c>
      <c r="I4457" s="5" t="s">
        <v>1518</v>
      </c>
      <c r="J4457" s="5" t="s">
        <v>1519</v>
      </c>
      <c r="K4457" s="2" t="s">
        <v>1520</v>
      </c>
      <c r="L4457" s="5" t="s">
        <v>1519</v>
      </c>
      <c r="M4457" s="2" t="s">
        <v>1520</v>
      </c>
      <c r="N4457" s="5" t="s">
        <v>1521</v>
      </c>
      <c r="O4457" s="5" t="s">
        <v>38</v>
      </c>
      <c r="P4457" s="5" t="s">
        <v>39</v>
      </c>
      <c r="Q4457" s="5" t="s">
        <v>40</v>
      </c>
      <c r="R4457" s="5" t="s">
        <v>1522</v>
      </c>
      <c r="S4457" s="5" t="s">
        <v>1523</v>
      </c>
      <c r="T4457" s="5" t="s">
        <v>42</v>
      </c>
      <c r="U4457" s="2">
        <v>2.6659999999999999</v>
      </c>
      <c r="V4457" s="2">
        <v>2.302</v>
      </c>
      <c r="W4457" s="2">
        <v>1.0999999999999999E-2</v>
      </c>
      <c r="X4457" s="2">
        <v>139.1</v>
      </c>
      <c r="Y4457" s="2">
        <v>7.6</v>
      </c>
      <c r="Z4457" s="2">
        <v>10.6</v>
      </c>
      <c r="AA4457" s="5"/>
      <c r="AB4457" s="5" t="s">
        <v>43</v>
      </c>
      <c r="AC4457" s="5" t="s">
        <v>44</v>
      </c>
      <c r="AD4457" s="2"/>
      <c r="AE4457" s="1"/>
    </row>
    <row r="4458" spans="1:31" ht="14.45">
      <c r="A4458" s="11"/>
      <c r="B4458" s="20"/>
      <c r="C4458" s="2" t="s">
        <v>13828</v>
      </c>
      <c r="D4458" s="14" t="s">
        <v>13829</v>
      </c>
      <c r="E4458" s="2" t="s">
        <v>13830</v>
      </c>
      <c r="F4458" s="2" t="s">
        <v>7208</v>
      </c>
      <c r="G4458" s="8">
        <v>158</v>
      </c>
      <c r="H4458" s="5">
        <v>5</v>
      </c>
      <c r="I4458" s="5" t="s">
        <v>1518</v>
      </c>
      <c r="J4458" s="5" t="s">
        <v>1519</v>
      </c>
      <c r="K4458" s="2" t="s">
        <v>1520</v>
      </c>
      <c r="L4458" s="5" t="s">
        <v>1519</v>
      </c>
      <c r="M4458" s="2" t="s">
        <v>1520</v>
      </c>
      <c r="N4458" s="5" t="s">
        <v>1521</v>
      </c>
      <c r="O4458" s="5" t="s">
        <v>38</v>
      </c>
      <c r="P4458" s="5" t="s">
        <v>39</v>
      </c>
      <c r="Q4458" s="5" t="s">
        <v>40</v>
      </c>
      <c r="R4458" s="5" t="s">
        <v>1522</v>
      </c>
      <c r="S4458" s="5" t="s">
        <v>1523</v>
      </c>
      <c r="T4458" s="5" t="s">
        <v>42</v>
      </c>
      <c r="U4458" s="2">
        <v>2.6030000000000002</v>
      </c>
      <c r="V4458" s="2">
        <v>2.2389999999999999</v>
      </c>
      <c r="W4458" s="2">
        <v>1.0999999999999999E-2</v>
      </c>
      <c r="X4458" s="2">
        <v>139.1</v>
      </c>
      <c r="Y4458" s="2">
        <v>7.6</v>
      </c>
      <c r="Z4458" s="2">
        <v>10.6</v>
      </c>
      <c r="AA4458" s="5"/>
      <c r="AB4458" s="5" t="s">
        <v>43</v>
      </c>
      <c r="AC4458" s="5" t="s">
        <v>44</v>
      </c>
      <c r="AD4458" s="2"/>
      <c r="AE4458" s="1"/>
    </row>
    <row r="4459" spans="1:31" ht="14.45">
      <c r="A4459" s="11"/>
      <c r="B4459" s="20"/>
      <c r="C4459" s="2" t="s">
        <v>13831</v>
      </c>
      <c r="D4459" s="14" t="s">
        <v>13832</v>
      </c>
      <c r="E4459" s="2" t="s">
        <v>13833</v>
      </c>
      <c r="F4459" s="2" t="s">
        <v>7521</v>
      </c>
      <c r="G4459" s="8">
        <v>158</v>
      </c>
      <c r="H4459" s="5">
        <v>5</v>
      </c>
      <c r="I4459" s="5" t="s">
        <v>1518</v>
      </c>
      <c r="J4459" s="5" t="s">
        <v>1519</v>
      </c>
      <c r="K4459" s="2" t="s">
        <v>1520</v>
      </c>
      <c r="L4459" s="5" t="s">
        <v>1519</v>
      </c>
      <c r="M4459" s="2" t="s">
        <v>1520</v>
      </c>
      <c r="N4459" s="5" t="s">
        <v>1521</v>
      </c>
      <c r="O4459" s="5" t="s">
        <v>38</v>
      </c>
      <c r="P4459" s="5" t="s">
        <v>39</v>
      </c>
      <c r="Q4459" s="5" t="s">
        <v>40</v>
      </c>
      <c r="R4459" s="5" t="s">
        <v>1522</v>
      </c>
      <c r="S4459" s="5" t="s">
        <v>1523</v>
      </c>
      <c r="T4459" s="5" t="s">
        <v>42</v>
      </c>
      <c r="U4459" s="2">
        <v>2.6659999999999999</v>
      </c>
      <c r="V4459" s="2">
        <v>2.302</v>
      </c>
      <c r="W4459" s="2">
        <v>1.0999999999999999E-2</v>
      </c>
      <c r="X4459" s="2">
        <v>139.1</v>
      </c>
      <c r="Y4459" s="2">
        <v>7.6</v>
      </c>
      <c r="Z4459" s="2">
        <v>10.6</v>
      </c>
      <c r="AA4459" s="5"/>
      <c r="AB4459" s="5" t="s">
        <v>43</v>
      </c>
      <c r="AC4459" s="5" t="s">
        <v>44</v>
      </c>
      <c r="AD4459" s="2"/>
      <c r="AE4459" s="1"/>
    </row>
    <row r="4460" spans="1:31" ht="14.45">
      <c r="A4460" s="11"/>
      <c r="B4460" s="20"/>
      <c r="C4460" s="2" t="s">
        <v>13834</v>
      </c>
      <c r="D4460" s="14" t="s">
        <v>13835</v>
      </c>
      <c r="E4460" s="2" t="s">
        <v>13836</v>
      </c>
      <c r="F4460" s="2" t="s">
        <v>7212</v>
      </c>
      <c r="G4460" s="8">
        <v>158</v>
      </c>
      <c r="H4460" s="5">
        <v>5</v>
      </c>
      <c r="I4460" s="5" t="s">
        <v>1518</v>
      </c>
      <c r="J4460" s="5" t="s">
        <v>1519</v>
      </c>
      <c r="K4460" s="2" t="s">
        <v>1520</v>
      </c>
      <c r="L4460" s="5" t="s">
        <v>1519</v>
      </c>
      <c r="M4460" s="2" t="s">
        <v>1520</v>
      </c>
      <c r="N4460" s="5" t="s">
        <v>1521</v>
      </c>
      <c r="O4460" s="5" t="s">
        <v>38</v>
      </c>
      <c r="P4460" s="5" t="s">
        <v>39</v>
      </c>
      <c r="Q4460" s="5" t="s">
        <v>40</v>
      </c>
      <c r="R4460" s="5" t="s">
        <v>1522</v>
      </c>
      <c r="S4460" s="5" t="s">
        <v>1523</v>
      </c>
      <c r="T4460" s="5" t="s">
        <v>42</v>
      </c>
      <c r="U4460" s="2">
        <v>2.5569999999999999</v>
      </c>
      <c r="V4460" s="2">
        <v>2.1930000000000001</v>
      </c>
      <c r="W4460" s="2">
        <v>1.0999999999999999E-2</v>
      </c>
      <c r="X4460" s="2">
        <v>139.1</v>
      </c>
      <c r="Y4460" s="2">
        <v>7.6</v>
      </c>
      <c r="Z4460" s="2">
        <v>10.6</v>
      </c>
      <c r="AA4460" s="5"/>
      <c r="AB4460" s="5" t="s">
        <v>43</v>
      </c>
      <c r="AC4460" s="5" t="s">
        <v>44</v>
      </c>
      <c r="AD4460" s="2"/>
      <c r="AE4460" s="1"/>
    </row>
    <row r="4461" spans="1:31" ht="14.45">
      <c r="A4461" s="11"/>
      <c r="B4461" s="20"/>
      <c r="C4461" s="2" t="s">
        <v>13837</v>
      </c>
      <c r="D4461" s="14" t="s">
        <v>13838</v>
      </c>
      <c r="E4461" s="2" t="s">
        <v>13839</v>
      </c>
      <c r="F4461" s="2" t="s">
        <v>7528</v>
      </c>
      <c r="G4461" s="8">
        <v>158</v>
      </c>
      <c r="H4461" s="5">
        <v>5</v>
      </c>
      <c r="I4461" s="5" t="s">
        <v>1518</v>
      </c>
      <c r="J4461" s="5" t="s">
        <v>1519</v>
      </c>
      <c r="K4461" s="2" t="s">
        <v>1520</v>
      </c>
      <c r="L4461" s="5" t="s">
        <v>1519</v>
      </c>
      <c r="M4461" s="2" t="s">
        <v>1520</v>
      </c>
      <c r="N4461" s="5" t="s">
        <v>1521</v>
      </c>
      <c r="O4461" s="5" t="s">
        <v>38</v>
      </c>
      <c r="P4461" s="5" t="s">
        <v>39</v>
      </c>
      <c r="Q4461" s="5" t="s">
        <v>40</v>
      </c>
      <c r="R4461" s="5" t="s">
        <v>1522</v>
      </c>
      <c r="S4461" s="5" t="s">
        <v>1523</v>
      </c>
      <c r="T4461" s="5" t="s">
        <v>42</v>
      </c>
      <c r="U4461" s="2">
        <v>2.62</v>
      </c>
      <c r="V4461" s="2">
        <v>2.2559999999999998</v>
      </c>
      <c r="W4461" s="2">
        <v>1.0999999999999999E-2</v>
      </c>
      <c r="X4461" s="2">
        <v>139.1</v>
      </c>
      <c r="Y4461" s="2">
        <v>7.6</v>
      </c>
      <c r="Z4461" s="2">
        <v>10.6</v>
      </c>
      <c r="AA4461" s="5"/>
      <c r="AB4461" s="5" t="s">
        <v>43</v>
      </c>
      <c r="AC4461" s="5" t="s">
        <v>44</v>
      </c>
      <c r="AD4461" s="2"/>
      <c r="AE4461" s="1"/>
    </row>
    <row r="4462" spans="1:31" ht="14.45">
      <c r="A4462" s="11"/>
      <c r="B4462" s="20"/>
      <c r="C4462" s="2" t="s">
        <v>13840</v>
      </c>
      <c r="D4462" s="14" t="s">
        <v>13841</v>
      </c>
      <c r="E4462" s="2" t="s">
        <v>13842</v>
      </c>
      <c r="F4462" s="2" t="s">
        <v>7406</v>
      </c>
      <c r="G4462" s="8">
        <v>182</v>
      </c>
      <c r="H4462" s="5">
        <v>6</v>
      </c>
      <c r="I4462" s="5" t="s">
        <v>1518</v>
      </c>
      <c r="J4462" s="5" t="s">
        <v>1519</v>
      </c>
      <c r="K4462" s="2" t="s">
        <v>1520</v>
      </c>
      <c r="L4462" s="5" t="s">
        <v>1519</v>
      </c>
      <c r="M4462" s="2" t="s">
        <v>1520</v>
      </c>
      <c r="N4462" s="5" t="s">
        <v>1521</v>
      </c>
      <c r="O4462" s="5" t="s">
        <v>38</v>
      </c>
      <c r="P4462" s="5" t="s">
        <v>39</v>
      </c>
      <c r="Q4462" s="5" t="s">
        <v>40</v>
      </c>
      <c r="R4462" s="5" t="s">
        <v>1522</v>
      </c>
      <c r="S4462" s="5" t="s">
        <v>1523</v>
      </c>
      <c r="T4462" s="5" t="s">
        <v>42</v>
      </c>
      <c r="U4462" s="2">
        <v>2.5569999999999999</v>
      </c>
      <c r="V4462" s="2">
        <v>2.1930000000000001</v>
      </c>
      <c r="W4462" s="2">
        <v>1.0999999999999999E-2</v>
      </c>
      <c r="X4462" s="2">
        <v>139.1</v>
      </c>
      <c r="Y4462" s="2">
        <v>7.6</v>
      </c>
      <c r="Z4462" s="2">
        <v>10.6</v>
      </c>
      <c r="AA4462" s="5"/>
      <c r="AB4462" s="5" t="s">
        <v>43</v>
      </c>
      <c r="AC4462" s="5" t="s">
        <v>44</v>
      </c>
      <c r="AD4462" s="2"/>
      <c r="AE4462" s="1"/>
    </row>
    <row r="4463" spans="1:31" ht="14.45">
      <c r="A4463" s="11"/>
      <c r="B4463" s="20"/>
      <c r="C4463" s="2" t="s">
        <v>13843</v>
      </c>
      <c r="D4463" s="14" t="s">
        <v>13844</v>
      </c>
      <c r="E4463" s="2" t="s">
        <v>13845</v>
      </c>
      <c r="F4463" s="2" t="s">
        <v>7535</v>
      </c>
      <c r="G4463" s="8">
        <v>182</v>
      </c>
      <c r="H4463" s="5">
        <v>6</v>
      </c>
      <c r="I4463" s="5" t="s">
        <v>1518</v>
      </c>
      <c r="J4463" s="5" t="s">
        <v>1519</v>
      </c>
      <c r="K4463" s="2" t="s">
        <v>1520</v>
      </c>
      <c r="L4463" s="5" t="s">
        <v>1519</v>
      </c>
      <c r="M4463" s="2" t="s">
        <v>1520</v>
      </c>
      <c r="N4463" s="5" t="s">
        <v>1521</v>
      </c>
      <c r="O4463" s="5" t="s">
        <v>38</v>
      </c>
      <c r="P4463" s="5" t="s">
        <v>39</v>
      </c>
      <c r="Q4463" s="5" t="s">
        <v>40</v>
      </c>
      <c r="R4463" s="5" t="s">
        <v>1522</v>
      </c>
      <c r="S4463" s="5" t="s">
        <v>1523</v>
      </c>
      <c r="T4463" s="5" t="s">
        <v>42</v>
      </c>
      <c r="U4463" s="2">
        <v>2.62</v>
      </c>
      <c r="V4463" s="2">
        <v>2.2559999999999998</v>
      </c>
      <c r="W4463" s="2">
        <v>1.0999999999999999E-2</v>
      </c>
      <c r="X4463" s="2">
        <v>139.1</v>
      </c>
      <c r="Y4463" s="2">
        <v>7.6</v>
      </c>
      <c r="Z4463" s="2">
        <v>10.6</v>
      </c>
      <c r="AA4463" s="5"/>
      <c r="AB4463" s="5" t="s">
        <v>43</v>
      </c>
      <c r="AC4463" s="5" t="s">
        <v>44</v>
      </c>
      <c r="AD4463" s="2"/>
      <c r="AE4463" s="1"/>
    </row>
    <row r="4464" spans="1:31" ht="14.45">
      <c r="A4464" s="11"/>
      <c r="B4464" s="20"/>
      <c r="C4464" s="2" t="s">
        <v>13846</v>
      </c>
      <c r="D4464" s="14" t="s">
        <v>13847</v>
      </c>
      <c r="E4464" s="2" t="s">
        <v>13848</v>
      </c>
      <c r="F4464" s="2" t="s">
        <v>7539</v>
      </c>
      <c r="G4464" s="8">
        <v>182</v>
      </c>
      <c r="H4464" s="5">
        <v>6</v>
      </c>
      <c r="I4464" s="5" t="s">
        <v>1518</v>
      </c>
      <c r="J4464" s="5" t="s">
        <v>1519</v>
      </c>
      <c r="K4464" s="2" t="s">
        <v>1520</v>
      </c>
      <c r="L4464" s="5" t="s">
        <v>1519</v>
      </c>
      <c r="M4464" s="2" t="s">
        <v>1520</v>
      </c>
      <c r="N4464" s="5" t="s">
        <v>1521</v>
      </c>
      <c r="O4464" s="5" t="s">
        <v>38</v>
      </c>
      <c r="P4464" s="5" t="s">
        <v>39</v>
      </c>
      <c r="Q4464" s="5" t="s">
        <v>40</v>
      </c>
      <c r="R4464" s="5" t="s">
        <v>1522</v>
      </c>
      <c r="S4464" s="5" t="s">
        <v>1523</v>
      </c>
      <c r="T4464" s="5" t="s">
        <v>42</v>
      </c>
      <c r="U4464" s="2">
        <v>2.6019999999999999</v>
      </c>
      <c r="V4464" s="2">
        <v>2.238</v>
      </c>
      <c r="W4464" s="2">
        <v>1.0999999999999999E-2</v>
      </c>
      <c r="X4464" s="2">
        <v>139.1</v>
      </c>
      <c r="Y4464" s="2">
        <v>7.6</v>
      </c>
      <c r="Z4464" s="2">
        <v>10.6</v>
      </c>
      <c r="AA4464" s="5"/>
      <c r="AB4464" s="5" t="s">
        <v>43</v>
      </c>
      <c r="AC4464" s="5" t="s">
        <v>44</v>
      </c>
      <c r="AD4464" s="2"/>
      <c r="AE4464" s="1"/>
    </row>
    <row r="4465" spans="1:31" ht="14.45">
      <c r="A4465" s="11"/>
      <c r="B4465" s="20"/>
      <c r="C4465" s="2" t="s">
        <v>13849</v>
      </c>
      <c r="D4465" s="14" t="s">
        <v>13850</v>
      </c>
      <c r="E4465" s="2" t="s">
        <v>13851</v>
      </c>
      <c r="F4465" s="2" t="s">
        <v>7543</v>
      </c>
      <c r="G4465" s="8">
        <v>182</v>
      </c>
      <c r="H4465" s="5">
        <v>6</v>
      </c>
      <c r="I4465" s="5" t="s">
        <v>1518</v>
      </c>
      <c r="J4465" s="5" t="s">
        <v>1519</v>
      </c>
      <c r="K4465" s="2" t="s">
        <v>1520</v>
      </c>
      <c r="L4465" s="5" t="s">
        <v>1519</v>
      </c>
      <c r="M4465" s="2" t="s">
        <v>1520</v>
      </c>
      <c r="N4465" s="5" t="s">
        <v>1521</v>
      </c>
      <c r="O4465" s="5" t="s">
        <v>38</v>
      </c>
      <c r="P4465" s="5" t="s">
        <v>39</v>
      </c>
      <c r="Q4465" s="5" t="s">
        <v>40</v>
      </c>
      <c r="R4465" s="5" t="s">
        <v>1522</v>
      </c>
      <c r="S4465" s="5" t="s">
        <v>1523</v>
      </c>
      <c r="T4465" s="5" t="s">
        <v>42</v>
      </c>
      <c r="U4465" s="2">
        <v>2.665</v>
      </c>
      <c r="V4465" s="2">
        <v>2.3010000000000002</v>
      </c>
      <c r="W4465" s="2">
        <v>1.0999999999999999E-2</v>
      </c>
      <c r="X4465" s="2">
        <v>139.1</v>
      </c>
      <c r="Y4465" s="2">
        <v>7.6</v>
      </c>
      <c r="Z4465" s="2">
        <v>10.6</v>
      </c>
      <c r="AA4465" s="5"/>
      <c r="AB4465" s="5" t="s">
        <v>43</v>
      </c>
      <c r="AC4465" s="5" t="s">
        <v>44</v>
      </c>
      <c r="AD4465" s="2"/>
      <c r="AE4465" s="1"/>
    </row>
    <row r="4466" spans="1:31" ht="14.45">
      <c r="A4466" s="11"/>
      <c r="B4466" s="20"/>
      <c r="C4466" s="2" t="s">
        <v>13852</v>
      </c>
      <c r="D4466" s="14" t="s">
        <v>13853</v>
      </c>
      <c r="E4466" s="2" t="s">
        <v>13854</v>
      </c>
      <c r="F4466" s="2" t="s">
        <v>7547</v>
      </c>
      <c r="G4466" s="8">
        <v>182</v>
      </c>
      <c r="H4466" s="5">
        <v>6</v>
      </c>
      <c r="I4466" s="5" t="s">
        <v>1518</v>
      </c>
      <c r="J4466" s="5" t="s">
        <v>1519</v>
      </c>
      <c r="K4466" s="2" t="s">
        <v>1520</v>
      </c>
      <c r="L4466" s="5" t="s">
        <v>1519</v>
      </c>
      <c r="M4466" s="2" t="s">
        <v>1520</v>
      </c>
      <c r="N4466" s="5" t="s">
        <v>1521</v>
      </c>
      <c r="O4466" s="5" t="s">
        <v>38</v>
      </c>
      <c r="P4466" s="5" t="s">
        <v>39</v>
      </c>
      <c r="Q4466" s="5" t="s">
        <v>40</v>
      </c>
      <c r="R4466" s="5" t="s">
        <v>1522</v>
      </c>
      <c r="S4466" s="5" t="s">
        <v>1523</v>
      </c>
      <c r="T4466" s="5" t="s">
        <v>42</v>
      </c>
      <c r="U4466" s="2">
        <v>2.5569999999999999</v>
      </c>
      <c r="V4466" s="2">
        <v>2.1930000000000001</v>
      </c>
      <c r="W4466" s="2">
        <v>1.0999999999999999E-2</v>
      </c>
      <c r="X4466" s="2">
        <v>139.1</v>
      </c>
      <c r="Y4466" s="2">
        <v>7.6</v>
      </c>
      <c r="Z4466" s="2">
        <v>10.6</v>
      </c>
      <c r="AA4466" s="5"/>
      <c r="AB4466" s="5" t="s">
        <v>43</v>
      </c>
      <c r="AC4466" s="5" t="s">
        <v>44</v>
      </c>
      <c r="AD4466" s="2"/>
      <c r="AE4466" s="1"/>
    </row>
    <row r="4467" spans="1:31" ht="14.45">
      <c r="A4467" s="11"/>
      <c r="B4467" s="20"/>
      <c r="C4467" s="2" t="s">
        <v>13855</v>
      </c>
      <c r="D4467" s="14" t="s">
        <v>13856</v>
      </c>
      <c r="E4467" s="2" t="s">
        <v>13857</v>
      </c>
      <c r="F4467" s="2" t="s">
        <v>7551</v>
      </c>
      <c r="G4467" s="8">
        <v>182</v>
      </c>
      <c r="H4467" s="5">
        <v>6</v>
      </c>
      <c r="I4467" s="5" t="s">
        <v>1518</v>
      </c>
      <c r="J4467" s="5" t="s">
        <v>1519</v>
      </c>
      <c r="K4467" s="2" t="s">
        <v>1520</v>
      </c>
      <c r="L4467" s="5" t="s">
        <v>1519</v>
      </c>
      <c r="M4467" s="2" t="s">
        <v>1520</v>
      </c>
      <c r="N4467" s="5" t="s">
        <v>1521</v>
      </c>
      <c r="O4467" s="5" t="s">
        <v>38</v>
      </c>
      <c r="P4467" s="5" t="s">
        <v>39</v>
      </c>
      <c r="Q4467" s="5" t="s">
        <v>40</v>
      </c>
      <c r="R4467" s="5" t="s">
        <v>1522</v>
      </c>
      <c r="S4467" s="5" t="s">
        <v>1523</v>
      </c>
      <c r="T4467" s="5" t="s">
        <v>42</v>
      </c>
      <c r="U4467" s="2">
        <v>2.62</v>
      </c>
      <c r="V4467" s="2">
        <v>2.2559999999999998</v>
      </c>
      <c r="W4467" s="2">
        <v>1.0999999999999999E-2</v>
      </c>
      <c r="X4467" s="2">
        <v>139.1</v>
      </c>
      <c r="Y4467" s="2">
        <v>7.6</v>
      </c>
      <c r="Z4467" s="2">
        <v>10.6</v>
      </c>
      <c r="AA4467" s="5"/>
      <c r="AB4467" s="5" t="s">
        <v>43</v>
      </c>
      <c r="AC4467" s="5" t="s">
        <v>44</v>
      </c>
      <c r="AD4467" s="2"/>
      <c r="AE4467" s="1"/>
    </row>
    <row r="4468" spans="1:31" ht="14.45">
      <c r="A4468" s="11"/>
      <c r="B4468" s="20"/>
      <c r="C4468" s="2" t="s">
        <v>13858</v>
      </c>
      <c r="D4468" s="14" t="s">
        <v>13859</v>
      </c>
      <c r="E4468" s="2" t="s">
        <v>13860</v>
      </c>
      <c r="F4468" s="2" t="s">
        <v>7555</v>
      </c>
      <c r="G4468" s="8">
        <v>182</v>
      </c>
      <c r="H4468" s="5">
        <v>6</v>
      </c>
      <c r="I4468" s="5" t="s">
        <v>1518</v>
      </c>
      <c r="J4468" s="5" t="s">
        <v>1519</v>
      </c>
      <c r="K4468" s="2" t="s">
        <v>1520</v>
      </c>
      <c r="L4468" s="5" t="s">
        <v>1519</v>
      </c>
      <c r="M4468" s="2" t="s">
        <v>1520</v>
      </c>
      <c r="N4468" s="5" t="s">
        <v>1521</v>
      </c>
      <c r="O4468" s="5" t="s">
        <v>38</v>
      </c>
      <c r="P4468" s="5" t="s">
        <v>39</v>
      </c>
      <c r="Q4468" s="5" t="s">
        <v>40</v>
      </c>
      <c r="R4468" s="5" t="s">
        <v>1522</v>
      </c>
      <c r="S4468" s="5" t="s">
        <v>1523</v>
      </c>
      <c r="T4468" s="5" t="s">
        <v>42</v>
      </c>
      <c r="U4468" s="2">
        <v>2.5569999999999999</v>
      </c>
      <c r="V4468" s="2">
        <v>2.1930000000000001</v>
      </c>
      <c r="W4468" s="2">
        <v>1.0999999999999999E-2</v>
      </c>
      <c r="X4468" s="2">
        <v>139.1</v>
      </c>
      <c r="Y4468" s="2">
        <v>7.6</v>
      </c>
      <c r="Z4468" s="2">
        <v>10.6</v>
      </c>
      <c r="AA4468" s="5"/>
      <c r="AB4468" s="5" t="s">
        <v>43</v>
      </c>
      <c r="AC4468" s="5" t="s">
        <v>44</v>
      </c>
      <c r="AD4468" s="2"/>
      <c r="AE4468" s="1"/>
    </row>
    <row r="4469" spans="1:31" ht="14.45">
      <c r="A4469" s="11"/>
      <c r="B4469" s="20"/>
      <c r="C4469" s="2" t="s">
        <v>13861</v>
      </c>
      <c r="D4469" s="14" t="s">
        <v>13862</v>
      </c>
      <c r="E4469" s="2" t="s">
        <v>13863</v>
      </c>
      <c r="F4469" s="2" t="s">
        <v>7559</v>
      </c>
      <c r="G4469" s="8">
        <v>182</v>
      </c>
      <c r="H4469" s="5">
        <v>6</v>
      </c>
      <c r="I4469" s="5" t="s">
        <v>1518</v>
      </c>
      <c r="J4469" s="5" t="s">
        <v>1519</v>
      </c>
      <c r="K4469" s="2" t="s">
        <v>1520</v>
      </c>
      <c r="L4469" s="5" t="s">
        <v>1519</v>
      </c>
      <c r="M4469" s="2" t="s">
        <v>1520</v>
      </c>
      <c r="N4469" s="5" t="s">
        <v>1521</v>
      </c>
      <c r="O4469" s="5" t="s">
        <v>38</v>
      </c>
      <c r="P4469" s="5" t="s">
        <v>39</v>
      </c>
      <c r="Q4469" s="5" t="s">
        <v>40</v>
      </c>
      <c r="R4469" s="5" t="s">
        <v>1522</v>
      </c>
      <c r="S4469" s="5" t="s">
        <v>1523</v>
      </c>
      <c r="T4469" s="5" t="s">
        <v>42</v>
      </c>
      <c r="U4469" s="2">
        <v>2.62</v>
      </c>
      <c r="V4469" s="2">
        <v>2.2559999999999998</v>
      </c>
      <c r="W4469" s="2">
        <v>1.0999999999999999E-2</v>
      </c>
      <c r="X4469" s="2">
        <v>139.1</v>
      </c>
      <c r="Y4469" s="2">
        <v>7.6</v>
      </c>
      <c r="Z4469" s="2">
        <v>10.6</v>
      </c>
      <c r="AA4469" s="5"/>
      <c r="AB4469" s="5" t="s">
        <v>43</v>
      </c>
      <c r="AC4469" s="5" t="s">
        <v>44</v>
      </c>
      <c r="AD4469" s="2"/>
      <c r="AE4469" s="1"/>
    </row>
    <row r="4470" spans="1:31" ht="14.45">
      <c r="A4470" s="11"/>
      <c r="B4470" s="20"/>
      <c r="C4470" s="2" t="s">
        <v>13864</v>
      </c>
      <c r="D4470" s="14" t="s">
        <v>13865</v>
      </c>
      <c r="E4470" s="2" t="s">
        <v>13866</v>
      </c>
      <c r="F4470" s="2" t="s">
        <v>7563</v>
      </c>
      <c r="G4470" s="8">
        <v>182</v>
      </c>
      <c r="H4470" s="5">
        <v>6</v>
      </c>
      <c r="I4470" s="5" t="s">
        <v>1518</v>
      </c>
      <c r="J4470" s="5" t="s">
        <v>1519</v>
      </c>
      <c r="K4470" s="2" t="s">
        <v>1520</v>
      </c>
      <c r="L4470" s="5" t="s">
        <v>1519</v>
      </c>
      <c r="M4470" s="2" t="s">
        <v>1520</v>
      </c>
      <c r="N4470" s="5" t="s">
        <v>1521</v>
      </c>
      <c r="O4470" s="5" t="s">
        <v>38</v>
      </c>
      <c r="P4470" s="5" t="s">
        <v>39</v>
      </c>
      <c r="Q4470" s="5" t="s">
        <v>40</v>
      </c>
      <c r="R4470" s="5" t="s">
        <v>1522</v>
      </c>
      <c r="S4470" s="5" t="s">
        <v>1523</v>
      </c>
      <c r="T4470" s="5" t="s">
        <v>42</v>
      </c>
      <c r="U4470" s="2">
        <v>2.6019999999999999</v>
      </c>
      <c r="V4470" s="2">
        <v>2.238</v>
      </c>
      <c r="W4470" s="2">
        <v>1.2999999999999999E-2</v>
      </c>
      <c r="X4470" s="2">
        <v>159.1</v>
      </c>
      <c r="Y4470" s="2">
        <v>7.6</v>
      </c>
      <c r="Z4470" s="2">
        <v>10.6</v>
      </c>
      <c r="AA4470" s="5"/>
      <c r="AB4470" s="5" t="s">
        <v>43</v>
      </c>
      <c r="AC4470" s="5" t="s">
        <v>44</v>
      </c>
      <c r="AD4470" s="2"/>
      <c r="AE4470" s="1"/>
    </row>
    <row r="4471" spans="1:31" ht="14.45">
      <c r="A4471" s="11"/>
      <c r="B4471" s="20"/>
      <c r="C4471" s="2" t="s">
        <v>13867</v>
      </c>
      <c r="D4471" s="14" t="s">
        <v>13868</v>
      </c>
      <c r="E4471" s="2" t="s">
        <v>13869</v>
      </c>
      <c r="F4471" s="2" t="s">
        <v>7567</v>
      </c>
      <c r="G4471" s="8">
        <v>182</v>
      </c>
      <c r="H4471" s="5">
        <v>6</v>
      </c>
      <c r="I4471" s="5" t="s">
        <v>1518</v>
      </c>
      <c r="J4471" s="5" t="s">
        <v>1519</v>
      </c>
      <c r="K4471" s="2" t="s">
        <v>1520</v>
      </c>
      <c r="L4471" s="5" t="s">
        <v>1519</v>
      </c>
      <c r="M4471" s="2" t="s">
        <v>1520</v>
      </c>
      <c r="N4471" s="5" t="s">
        <v>1521</v>
      </c>
      <c r="O4471" s="5" t="s">
        <v>38</v>
      </c>
      <c r="P4471" s="5" t="s">
        <v>39</v>
      </c>
      <c r="Q4471" s="5" t="s">
        <v>40</v>
      </c>
      <c r="R4471" s="5" t="s">
        <v>1522</v>
      </c>
      <c r="S4471" s="5" t="s">
        <v>1523</v>
      </c>
      <c r="T4471" s="5" t="s">
        <v>42</v>
      </c>
      <c r="U4471" s="2">
        <v>2.665</v>
      </c>
      <c r="V4471" s="2">
        <v>2.3010000000000002</v>
      </c>
      <c r="W4471" s="2">
        <v>1.2999999999999999E-2</v>
      </c>
      <c r="X4471" s="2">
        <v>159.1</v>
      </c>
      <c r="Y4471" s="2">
        <v>7.6</v>
      </c>
      <c r="Z4471" s="2">
        <v>10.6</v>
      </c>
      <c r="AA4471" s="5"/>
      <c r="AB4471" s="5" t="s">
        <v>43</v>
      </c>
      <c r="AC4471" s="5" t="s">
        <v>44</v>
      </c>
      <c r="AD4471" s="2"/>
      <c r="AE4471" s="1"/>
    </row>
    <row r="4472" spans="1:31" ht="14.45">
      <c r="A4472" s="11"/>
      <c r="B4472" s="20"/>
      <c r="C4472" s="2" t="s">
        <v>13870</v>
      </c>
      <c r="D4472" s="14" t="s">
        <v>13871</v>
      </c>
      <c r="E4472" s="2" t="s">
        <v>13872</v>
      </c>
      <c r="F4472" s="2" t="s">
        <v>7429</v>
      </c>
      <c r="G4472" s="8">
        <v>182</v>
      </c>
      <c r="H4472" s="5">
        <v>6</v>
      </c>
      <c r="I4472" s="5" t="s">
        <v>1518</v>
      </c>
      <c r="J4472" s="5" t="s">
        <v>1519</v>
      </c>
      <c r="K4472" s="2" t="s">
        <v>1520</v>
      </c>
      <c r="L4472" s="5" t="s">
        <v>1519</v>
      </c>
      <c r="M4472" s="2" t="s">
        <v>1520</v>
      </c>
      <c r="N4472" s="5" t="s">
        <v>1521</v>
      </c>
      <c r="O4472" s="5" t="s">
        <v>38</v>
      </c>
      <c r="P4472" s="5" t="s">
        <v>39</v>
      </c>
      <c r="Q4472" s="5" t="s">
        <v>40</v>
      </c>
      <c r="R4472" s="5" t="s">
        <v>1522</v>
      </c>
      <c r="S4472" s="5" t="s">
        <v>1523</v>
      </c>
      <c r="T4472" s="5" t="s">
        <v>42</v>
      </c>
      <c r="U4472" s="2">
        <v>2.6019999999999999</v>
      </c>
      <c r="V4472" s="2">
        <v>2.238</v>
      </c>
      <c r="W4472" s="2">
        <v>1.2999999999999999E-2</v>
      </c>
      <c r="X4472" s="2">
        <v>159.1</v>
      </c>
      <c r="Y4472" s="2">
        <v>7.6</v>
      </c>
      <c r="Z4472" s="2">
        <v>10.6</v>
      </c>
      <c r="AA4472" s="5"/>
      <c r="AB4472" s="5" t="s">
        <v>43</v>
      </c>
      <c r="AC4472" s="5" t="s">
        <v>44</v>
      </c>
      <c r="AD4472" s="2"/>
      <c r="AE4472" s="1"/>
    </row>
    <row r="4473" spans="1:31" ht="14.45">
      <c r="A4473" s="11"/>
      <c r="B4473" s="20"/>
      <c r="C4473" s="2" t="s">
        <v>13873</v>
      </c>
      <c r="D4473" s="14" t="s">
        <v>13874</v>
      </c>
      <c r="E4473" s="2" t="s">
        <v>13875</v>
      </c>
      <c r="F4473" s="2" t="s">
        <v>7574</v>
      </c>
      <c r="G4473" s="8">
        <v>182</v>
      </c>
      <c r="H4473" s="5">
        <v>6</v>
      </c>
      <c r="I4473" s="5" t="s">
        <v>1518</v>
      </c>
      <c r="J4473" s="5" t="s">
        <v>1519</v>
      </c>
      <c r="K4473" s="2" t="s">
        <v>1520</v>
      </c>
      <c r="L4473" s="5" t="s">
        <v>1519</v>
      </c>
      <c r="M4473" s="2" t="s">
        <v>1520</v>
      </c>
      <c r="N4473" s="5" t="s">
        <v>1521</v>
      </c>
      <c r="O4473" s="5" t="s">
        <v>38</v>
      </c>
      <c r="P4473" s="5" t="s">
        <v>39</v>
      </c>
      <c r="Q4473" s="5" t="s">
        <v>40</v>
      </c>
      <c r="R4473" s="5" t="s">
        <v>1522</v>
      </c>
      <c r="S4473" s="5" t="s">
        <v>1523</v>
      </c>
      <c r="T4473" s="5" t="s">
        <v>42</v>
      </c>
      <c r="U4473" s="2">
        <v>2.665</v>
      </c>
      <c r="V4473" s="2">
        <v>2.3010000000000002</v>
      </c>
      <c r="W4473" s="2">
        <v>1.2999999999999999E-2</v>
      </c>
      <c r="X4473" s="2">
        <v>159.1</v>
      </c>
      <c r="Y4473" s="2">
        <v>7.6</v>
      </c>
      <c r="Z4473" s="2">
        <v>10.6</v>
      </c>
      <c r="AA4473" s="5"/>
      <c r="AB4473" s="5" t="s">
        <v>43</v>
      </c>
      <c r="AC4473" s="5" t="s">
        <v>44</v>
      </c>
      <c r="AD4473" s="2"/>
      <c r="AE4473" s="1"/>
    </row>
    <row r="4474" spans="1:31" ht="14.45">
      <c r="A4474" s="11"/>
      <c r="B4474" s="20"/>
      <c r="C4474" s="2" t="s">
        <v>13876</v>
      </c>
      <c r="D4474" s="14" t="s">
        <v>13877</v>
      </c>
      <c r="E4474" s="2" t="s">
        <v>13878</v>
      </c>
      <c r="F4474" s="2" t="s">
        <v>7449</v>
      </c>
      <c r="G4474" s="8">
        <v>182</v>
      </c>
      <c r="H4474" s="5">
        <v>6</v>
      </c>
      <c r="I4474" s="5" t="s">
        <v>1518</v>
      </c>
      <c r="J4474" s="5" t="s">
        <v>1519</v>
      </c>
      <c r="K4474" s="2" t="s">
        <v>1520</v>
      </c>
      <c r="L4474" s="5" t="s">
        <v>1519</v>
      </c>
      <c r="M4474" s="2" t="s">
        <v>1520</v>
      </c>
      <c r="N4474" s="5" t="s">
        <v>1521</v>
      </c>
      <c r="O4474" s="5" t="s">
        <v>38</v>
      </c>
      <c r="P4474" s="5" t="s">
        <v>39</v>
      </c>
      <c r="Q4474" s="5" t="s">
        <v>40</v>
      </c>
      <c r="R4474" s="5" t="s">
        <v>1522</v>
      </c>
      <c r="S4474" s="5" t="s">
        <v>1523</v>
      </c>
      <c r="T4474" s="5" t="s">
        <v>42</v>
      </c>
      <c r="U4474" s="2">
        <v>2.6019999999999999</v>
      </c>
      <c r="V4474" s="2">
        <v>2.238</v>
      </c>
      <c r="W4474" s="2">
        <v>1.2999999999999999E-2</v>
      </c>
      <c r="X4474" s="2">
        <v>159.1</v>
      </c>
      <c r="Y4474" s="2">
        <v>7.6</v>
      </c>
      <c r="Z4474" s="2">
        <v>10.6</v>
      </c>
      <c r="AA4474" s="5"/>
      <c r="AB4474" s="5" t="s">
        <v>43</v>
      </c>
      <c r="AC4474" s="5" t="s">
        <v>44</v>
      </c>
      <c r="AD4474" s="2"/>
      <c r="AE4474" s="1"/>
    </row>
    <row r="4475" spans="1:31" ht="14.45">
      <c r="A4475" s="11"/>
      <c r="B4475" s="20"/>
      <c r="C4475" s="2" t="s">
        <v>13879</v>
      </c>
      <c r="D4475" s="14" t="s">
        <v>13880</v>
      </c>
      <c r="E4475" s="2" t="s">
        <v>13881</v>
      </c>
      <c r="F4475" s="2" t="s">
        <v>7581</v>
      </c>
      <c r="G4475" s="8">
        <v>182</v>
      </c>
      <c r="H4475" s="5">
        <v>6</v>
      </c>
      <c r="I4475" s="5" t="s">
        <v>1518</v>
      </c>
      <c r="J4475" s="5" t="s">
        <v>1519</v>
      </c>
      <c r="K4475" s="2" t="s">
        <v>1520</v>
      </c>
      <c r="L4475" s="5" t="s">
        <v>1519</v>
      </c>
      <c r="M4475" s="2" t="s">
        <v>1520</v>
      </c>
      <c r="N4475" s="5" t="s">
        <v>1521</v>
      </c>
      <c r="O4475" s="5" t="s">
        <v>38</v>
      </c>
      <c r="P4475" s="5" t="s">
        <v>39</v>
      </c>
      <c r="Q4475" s="5" t="s">
        <v>40</v>
      </c>
      <c r="R4475" s="5" t="s">
        <v>1522</v>
      </c>
      <c r="S4475" s="5" t="s">
        <v>1523</v>
      </c>
      <c r="T4475" s="5" t="s">
        <v>42</v>
      </c>
      <c r="U4475" s="2">
        <v>2.665</v>
      </c>
      <c r="V4475" s="2">
        <v>2.3010000000000002</v>
      </c>
      <c r="W4475" s="2">
        <v>1.2999999999999999E-2</v>
      </c>
      <c r="X4475" s="2">
        <v>159.1</v>
      </c>
      <c r="Y4475" s="2">
        <v>7.6</v>
      </c>
      <c r="Z4475" s="2">
        <v>10.6</v>
      </c>
      <c r="AA4475" s="5"/>
      <c r="AB4475" s="5" t="s">
        <v>43</v>
      </c>
      <c r="AC4475" s="5" t="s">
        <v>44</v>
      </c>
      <c r="AD4475" s="2"/>
      <c r="AE4475" s="1"/>
    </row>
    <row r="4476" spans="1:31" ht="14.45">
      <c r="A4476" s="11"/>
      <c r="B4476" s="20"/>
      <c r="C4476" s="2" t="s">
        <v>13882</v>
      </c>
      <c r="D4476" s="14" t="s">
        <v>13883</v>
      </c>
      <c r="E4476" s="2" t="s">
        <v>13884</v>
      </c>
      <c r="F4476" s="2" t="s">
        <v>7585</v>
      </c>
      <c r="G4476" s="8">
        <v>182</v>
      </c>
      <c r="H4476" s="5">
        <v>6</v>
      </c>
      <c r="I4476" s="5" t="s">
        <v>1518</v>
      </c>
      <c r="J4476" s="5" t="s">
        <v>1519</v>
      </c>
      <c r="K4476" s="2" t="s">
        <v>1520</v>
      </c>
      <c r="L4476" s="5" t="s">
        <v>1519</v>
      </c>
      <c r="M4476" s="2" t="s">
        <v>1520</v>
      </c>
      <c r="N4476" s="5" t="s">
        <v>1521</v>
      </c>
      <c r="O4476" s="5" t="s">
        <v>38</v>
      </c>
      <c r="P4476" s="5" t="s">
        <v>39</v>
      </c>
      <c r="Q4476" s="5" t="s">
        <v>40</v>
      </c>
      <c r="R4476" s="5" t="s">
        <v>1522</v>
      </c>
      <c r="S4476" s="5" t="s">
        <v>1523</v>
      </c>
      <c r="T4476" s="5" t="s">
        <v>42</v>
      </c>
      <c r="U4476" s="2">
        <v>2.5569999999999999</v>
      </c>
      <c r="V4476" s="2">
        <v>2.1930000000000001</v>
      </c>
      <c r="W4476" s="2">
        <v>1.2999999999999999E-2</v>
      </c>
      <c r="X4476" s="2">
        <v>159.1</v>
      </c>
      <c r="Y4476" s="2">
        <v>7.6</v>
      </c>
      <c r="Z4476" s="2">
        <v>10.6</v>
      </c>
      <c r="AA4476" s="5"/>
      <c r="AB4476" s="5" t="s">
        <v>43</v>
      </c>
      <c r="AC4476" s="5" t="s">
        <v>44</v>
      </c>
      <c r="AD4476" s="2"/>
      <c r="AE4476" s="1"/>
    </row>
    <row r="4477" spans="1:31" ht="14.45">
      <c r="A4477" s="11"/>
      <c r="B4477" s="20"/>
      <c r="C4477" s="2" t="s">
        <v>13885</v>
      </c>
      <c r="D4477" s="14" t="s">
        <v>13886</v>
      </c>
      <c r="E4477" s="2" t="s">
        <v>13887</v>
      </c>
      <c r="F4477" s="2" t="s">
        <v>7589</v>
      </c>
      <c r="G4477" s="8">
        <v>182</v>
      </c>
      <c r="H4477" s="5">
        <v>6</v>
      </c>
      <c r="I4477" s="5" t="s">
        <v>1518</v>
      </c>
      <c r="J4477" s="5" t="s">
        <v>1519</v>
      </c>
      <c r="K4477" s="2" t="s">
        <v>1520</v>
      </c>
      <c r="L4477" s="5" t="s">
        <v>1519</v>
      </c>
      <c r="M4477" s="2" t="s">
        <v>1520</v>
      </c>
      <c r="N4477" s="5" t="s">
        <v>1521</v>
      </c>
      <c r="O4477" s="5" t="s">
        <v>38</v>
      </c>
      <c r="P4477" s="5" t="s">
        <v>39</v>
      </c>
      <c r="Q4477" s="5" t="s">
        <v>40</v>
      </c>
      <c r="R4477" s="5" t="s">
        <v>1522</v>
      </c>
      <c r="S4477" s="5" t="s">
        <v>1523</v>
      </c>
      <c r="T4477" s="5" t="s">
        <v>42</v>
      </c>
      <c r="U4477" s="2">
        <v>2.62</v>
      </c>
      <c r="V4477" s="2">
        <v>2.2559999999999998</v>
      </c>
      <c r="W4477" s="2">
        <v>1.2999999999999999E-2</v>
      </c>
      <c r="X4477" s="2">
        <v>159.1</v>
      </c>
      <c r="Y4477" s="2">
        <v>7.6</v>
      </c>
      <c r="Z4477" s="2">
        <v>10.6</v>
      </c>
      <c r="AA4477" s="5"/>
      <c r="AB4477" s="5" t="s">
        <v>43</v>
      </c>
      <c r="AC4477" s="5" t="s">
        <v>44</v>
      </c>
      <c r="AD4477" s="2"/>
      <c r="AE4477" s="1"/>
    </row>
    <row r="4478" spans="1:31" ht="14.45">
      <c r="A4478" s="11"/>
      <c r="B4478" s="20"/>
      <c r="C4478" s="2" t="s">
        <v>13888</v>
      </c>
      <c r="D4478" s="14" t="s">
        <v>13889</v>
      </c>
      <c r="E4478" s="2" t="s">
        <v>13890</v>
      </c>
      <c r="F4478" s="2" t="s">
        <v>7593</v>
      </c>
      <c r="G4478" s="8">
        <v>182</v>
      </c>
      <c r="H4478" s="5">
        <v>6</v>
      </c>
      <c r="I4478" s="5" t="s">
        <v>1518</v>
      </c>
      <c r="J4478" s="5" t="s">
        <v>1519</v>
      </c>
      <c r="K4478" s="2" t="s">
        <v>1520</v>
      </c>
      <c r="L4478" s="5" t="s">
        <v>1519</v>
      </c>
      <c r="M4478" s="2" t="s">
        <v>1520</v>
      </c>
      <c r="N4478" s="5" t="s">
        <v>1521</v>
      </c>
      <c r="O4478" s="5" t="s">
        <v>38</v>
      </c>
      <c r="P4478" s="5" t="s">
        <v>39</v>
      </c>
      <c r="Q4478" s="5" t="s">
        <v>40</v>
      </c>
      <c r="R4478" s="5" t="s">
        <v>1522</v>
      </c>
      <c r="S4478" s="5" t="s">
        <v>1523</v>
      </c>
      <c r="T4478" s="5" t="s">
        <v>42</v>
      </c>
      <c r="U4478" s="2">
        <v>2.6019999999999999</v>
      </c>
      <c r="V4478" s="2">
        <v>2.238</v>
      </c>
      <c r="W4478" s="2">
        <v>1.2999999999999999E-2</v>
      </c>
      <c r="X4478" s="2">
        <v>159.1</v>
      </c>
      <c r="Y4478" s="2">
        <v>7.6</v>
      </c>
      <c r="Z4478" s="2">
        <v>10.6</v>
      </c>
      <c r="AA4478" s="5"/>
      <c r="AB4478" s="5" t="s">
        <v>43</v>
      </c>
      <c r="AC4478" s="5" t="s">
        <v>44</v>
      </c>
      <c r="AD4478" s="2"/>
      <c r="AE4478" s="1"/>
    </row>
    <row r="4479" spans="1:31" ht="14.45">
      <c r="A4479" s="11"/>
      <c r="B4479" s="20"/>
      <c r="C4479" s="2" t="s">
        <v>13891</v>
      </c>
      <c r="D4479" s="14" t="s">
        <v>13892</v>
      </c>
      <c r="E4479" s="2" t="s">
        <v>13893</v>
      </c>
      <c r="F4479" s="2" t="s">
        <v>7597</v>
      </c>
      <c r="G4479" s="8">
        <v>182</v>
      </c>
      <c r="H4479" s="5">
        <v>6</v>
      </c>
      <c r="I4479" s="5" t="s">
        <v>1518</v>
      </c>
      <c r="J4479" s="5" t="s">
        <v>1519</v>
      </c>
      <c r="K4479" s="2" t="s">
        <v>1520</v>
      </c>
      <c r="L4479" s="5" t="s">
        <v>1519</v>
      </c>
      <c r="M4479" s="2" t="s">
        <v>1520</v>
      </c>
      <c r="N4479" s="5" t="s">
        <v>1521</v>
      </c>
      <c r="O4479" s="5" t="s">
        <v>38</v>
      </c>
      <c r="P4479" s="5" t="s">
        <v>39</v>
      </c>
      <c r="Q4479" s="5" t="s">
        <v>40</v>
      </c>
      <c r="R4479" s="5" t="s">
        <v>1522</v>
      </c>
      <c r="S4479" s="5" t="s">
        <v>1523</v>
      </c>
      <c r="T4479" s="5" t="s">
        <v>42</v>
      </c>
      <c r="U4479" s="2">
        <v>2.665</v>
      </c>
      <c r="V4479" s="2">
        <v>2.3010000000000002</v>
      </c>
      <c r="W4479" s="2">
        <v>1.2999999999999999E-2</v>
      </c>
      <c r="X4479" s="2">
        <v>159.1</v>
      </c>
      <c r="Y4479" s="2">
        <v>7.6</v>
      </c>
      <c r="Z4479" s="2">
        <v>10.6</v>
      </c>
      <c r="AA4479" s="5"/>
      <c r="AB4479" s="5" t="s">
        <v>43</v>
      </c>
      <c r="AC4479" s="5" t="s">
        <v>44</v>
      </c>
      <c r="AD4479" s="2"/>
      <c r="AE4479" s="1"/>
    </row>
    <row r="4480" spans="1:31" ht="14.45">
      <c r="A4480" s="11"/>
      <c r="B4480" s="20"/>
      <c r="C4480" s="2" t="s">
        <v>13894</v>
      </c>
      <c r="D4480" s="14" t="s">
        <v>13895</v>
      </c>
      <c r="E4480" s="2" t="s">
        <v>13896</v>
      </c>
      <c r="F4480" s="2" t="s">
        <v>7410</v>
      </c>
      <c r="G4480" s="8">
        <v>182</v>
      </c>
      <c r="H4480" s="5">
        <v>6</v>
      </c>
      <c r="I4480" s="5" t="s">
        <v>1518</v>
      </c>
      <c r="J4480" s="5" t="s">
        <v>1519</v>
      </c>
      <c r="K4480" s="2" t="s">
        <v>1520</v>
      </c>
      <c r="L4480" s="5" t="s">
        <v>1519</v>
      </c>
      <c r="M4480" s="2" t="s">
        <v>1520</v>
      </c>
      <c r="N4480" s="5" t="s">
        <v>1521</v>
      </c>
      <c r="O4480" s="5" t="s">
        <v>38</v>
      </c>
      <c r="P4480" s="5" t="s">
        <v>39</v>
      </c>
      <c r="Q4480" s="5" t="s">
        <v>40</v>
      </c>
      <c r="R4480" s="5" t="s">
        <v>1522</v>
      </c>
      <c r="S4480" s="5" t="s">
        <v>1523</v>
      </c>
      <c r="T4480" s="5" t="s">
        <v>42</v>
      </c>
      <c r="U4480" s="2">
        <v>2.6019999999999999</v>
      </c>
      <c r="V4480" s="2">
        <v>2.238</v>
      </c>
      <c r="W4480" s="2">
        <v>1.2999999999999999E-2</v>
      </c>
      <c r="X4480" s="2">
        <v>159.1</v>
      </c>
      <c r="Y4480" s="2">
        <v>7.6</v>
      </c>
      <c r="Z4480" s="2">
        <v>10.6</v>
      </c>
      <c r="AA4480" s="5"/>
      <c r="AB4480" s="5" t="s">
        <v>43</v>
      </c>
      <c r="AC4480" s="5" t="s">
        <v>44</v>
      </c>
      <c r="AD4480" s="2"/>
      <c r="AE4480" s="1"/>
    </row>
    <row r="4481" spans="1:31" ht="14.45">
      <c r="A4481" s="11"/>
      <c r="B4481" s="20"/>
      <c r="C4481" s="2" t="s">
        <v>13897</v>
      </c>
      <c r="D4481" s="14" t="s">
        <v>13898</v>
      </c>
      <c r="E4481" s="2" t="s">
        <v>13899</v>
      </c>
      <c r="F4481" s="2" t="s">
        <v>7604</v>
      </c>
      <c r="G4481" s="8">
        <v>182</v>
      </c>
      <c r="H4481" s="5">
        <v>6</v>
      </c>
      <c r="I4481" s="5" t="s">
        <v>1518</v>
      </c>
      <c r="J4481" s="5" t="s">
        <v>1519</v>
      </c>
      <c r="K4481" s="2" t="s">
        <v>1520</v>
      </c>
      <c r="L4481" s="5" t="s">
        <v>1519</v>
      </c>
      <c r="M4481" s="2" t="s">
        <v>1520</v>
      </c>
      <c r="N4481" s="5" t="s">
        <v>1521</v>
      </c>
      <c r="O4481" s="5" t="s">
        <v>38</v>
      </c>
      <c r="P4481" s="5" t="s">
        <v>39</v>
      </c>
      <c r="Q4481" s="5" t="s">
        <v>40</v>
      </c>
      <c r="R4481" s="5" t="s">
        <v>1522</v>
      </c>
      <c r="S4481" s="5" t="s">
        <v>1523</v>
      </c>
      <c r="T4481" s="5" t="s">
        <v>42</v>
      </c>
      <c r="U4481" s="2">
        <v>2.665</v>
      </c>
      <c r="V4481" s="2">
        <v>2.3010000000000002</v>
      </c>
      <c r="W4481" s="2">
        <v>1.2999999999999999E-2</v>
      </c>
      <c r="X4481" s="2">
        <v>159.1</v>
      </c>
      <c r="Y4481" s="2">
        <v>7.6</v>
      </c>
      <c r="Z4481" s="2">
        <v>10.6</v>
      </c>
      <c r="AA4481" s="5"/>
      <c r="AB4481" s="5" t="s">
        <v>43</v>
      </c>
      <c r="AC4481" s="5" t="s">
        <v>44</v>
      </c>
      <c r="AD4481" s="2"/>
      <c r="AE4481" s="1"/>
    </row>
    <row r="4482" spans="1:31" ht="14.45">
      <c r="A4482" s="11"/>
      <c r="B4482" s="20"/>
      <c r="C4482" s="2" t="s">
        <v>13900</v>
      </c>
      <c r="D4482" s="14" t="s">
        <v>13901</v>
      </c>
      <c r="E4482" s="2" t="s">
        <v>13902</v>
      </c>
      <c r="F4482" s="2" t="s">
        <v>7433</v>
      </c>
      <c r="G4482" s="8">
        <v>182</v>
      </c>
      <c r="H4482" s="5">
        <v>6</v>
      </c>
      <c r="I4482" s="5" t="s">
        <v>1518</v>
      </c>
      <c r="J4482" s="5" t="s">
        <v>1519</v>
      </c>
      <c r="K4482" s="2" t="s">
        <v>1520</v>
      </c>
      <c r="L4482" s="5" t="s">
        <v>1519</v>
      </c>
      <c r="M4482" s="2" t="s">
        <v>1520</v>
      </c>
      <c r="N4482" s="5" t="s">
        <v>1521</v>
      </c>
      <c r="O4482" s="5" t="s">
        <v>38</v>
      </c>
      <c r="P4482" s="5" t="s">
        <v>39</v>
      </c>
      <c r="Q4482" s="5" t="s">
        <v>40</v>
      </c>
      <c r="R4482" s="5" t="s">
        <v>1522</v>
      </c>
      <c r="S4482" s="5" t="s">
        <v>1523</v>
      </c>
      <c r="T4482" s="5" t="s">
        <v>42</v>
      </c>
      <c r="U4482" s="2">
        <v>2.6019999999999999</v>
      </c>
      <c r="V4482" s="2">
        <v>2.238</v>
      </c>
      <c r="W4482" s="2">
        <v>1.2999999999999999E-2</v>
      </c>
      <c r="X4482" s="2">
        <v>159.1</v>
      </c>
      <c r="Y4482" s="2">
        <v>7.6</v>
      </c>
      <c r="Z4482" s="2">
        <v>10.6</v>
      </c>
      <c r="AA4482" s="5"/>
      <c r="AB4482" s="5" t="s">
        <v>43</v>
      </c>
      <c r="AC4482" s="5" t="s">
        <v>44</v>
      </c>
      <c r="AD4482" s="2"/>
      <c r="AE4482" s="1"/>
    </row>
    <row r="4483" spans="1:31" ht="14.45">
      <c r="A4483" s="11"/>
      <c r="B4483" s="20"/>
      <c r="C4483" s="2" t="s">
        <v>13903</v>
      </c>
      <c r="D4483" s="14" t="s">
        <v>13904</v>
      </c>
      <c r="E4483" s="2" t="s">
        <v>13905</v>
      </c>
      <c r="F4483" s="2" t="s">
        <v>7611</v>
      </c>
      <c r="G4483" s="8">
        <v>182</v>
      </c>
      <c r="H4483" s="5">
        <v>6</v>
      </c>
      <c r="I4483" s="5" t="s">
        <v>1518</v>
      </c>
      <c r="J4483" s="5" t="s">
        <v>1519</v>
      </c>
      <c r="K4483" s="2" t="s">
        <v>1520</v>
      </c>
      <c r="L4483" s="5" t="s">
        <v>1519</v>
      </c>
      <c r="M4483" s="2" t="s">
        <v>1520</v>
      </c>
      <c r="N4483" s="5" t="s">
        <v>1521</v>
      </c>
      <c r="O4483" s="5" t="s">
        <v>38</v>
      </c>
      <c r="P4483" s="5" t="s">
        <v>39</v>
      </c>
      <c r="Q4483" s="5" t="s">
        <v>40</v>
      </c>
      <c r="R4483" s="5" t="s">
        <v>1522</v>
      </c>
      <c r="S4483" s="5" t="s">
        <v>1523</v>
      </c>
      <c r="T4483" s="5" t="s">
        <v>42</v>
      </c>
      <c r="U4483" s="2">
        <v>2.665</v>
      </c>
      <c r="V4483" s="2">
        <v>2.3010000000000002</v>
      </c>
      <c r="W4483" s="2">
        <v>1.2999999999999999E-2</v>
      </c>
      <c r="X4483" s="2">
        <v>159.1</v>
      </c>
      <c r="Y4483" s="2">
        <v>7.6</v>
      </c>
      <c r="Z4483" s="2">
        <v>10.6</v>
      </c>
      <c r="AA4483" s="5"/>
      <c r="AB4483" s="5" t="s">
        <v>43</v>
      </c>
      <c r="AC4483" s="5" t="s">
        <v>44</v>
      </c>
      <c r="AD4483" s="2"/>
      <c r="AE4483" s="1"/>
    </row>
    <row r="4484" spans="1:31" ht="14.45">
      <c r="A4484" s="11"/>
      <c r="B4484" s="20"/>
      <c r="C4484" s="2" t="s">
        <v>13906</v>
      </c>
      <c r="D4484" s="14" t="s">
        <v>13907</v>
      </c>
      <c r="E4484" s="2" t="s">
        <v>13908</v>
      </c>
      <c r="F4484" s="2" t="s">
        <v>7615</v>
      </c>
      <c r="G4484" s="8">
        <v>182</v>
      </c>
      <c r="H4484" s="5">
        <v>6</v>
      </c>
      <c r="I4484" s="5" t="s">
        <v>1518</v>
      </c>
      <c r="J4484" s="5" t="s">
        <v>1519</v>
      </c>
      <c r="K4484" s="2" t="s">
        <v>1520</v>
      </c>
      <c r="L4484" s="5" t="s">
        <v>1519</v>
      </c>
      <c r="M4484" s="2" t="s">
        <v>1520</v>
      </c>
      <c r="N4484" s="5" t="s">
        <v>1521</v>
      </c>
      <c r="O4484" s="5" t="s">
        <v>38</v>
      </c>
      <c r="P4484" s="5" t="s">
        <v>39</v>
      </c>
      <c r="Q4484" s="5" t="s">
        <v>40</v>
      </c>
      <c r="R4484" s="5" t="s">
        <v>1522</v>
      </c>
      <c r="S4484" s="5" t="s">
        <v>1523</v>
      </c>
      <c r="T4484" s="5" t="s">
        <v>42</v>
      </c>
      <c r="U4484" s="2">
        <v>2.5569999999999999</v>
      </c>
      <c r="V4484" s="2">
        <v>2.1930000000000001</v>
      </c>
      <c r="W4484" s="2">
        <v>1.2999999999999999E-2</v>
      </c>
      <c r="X4484" s="2">
        <v>159.1</v>
      </c>
      <c r="Y4484" s="2">
        <v>7.6</v>
      </c>
      <c r="Z4484" s="2">
        <v>10.6</v>
      </c>
      <c r="AA4484" s="5"/>
      <c r="AB4484" s="5" t="s">
        <v>43</v>
      </c>
      <c r="AC4484" s="5" t="s">
        <v>44</v>
      </c>
      <c r="AD4484" s="2"/>
      <c r="AE4484" s="1"/>
    </row>
    <row r="4485" spans="1:31" ht="14.45">
      <c r="A4485" s="11"/>
      <c r="B4485" s="20"/>
      <c r="C4485" s="2" t="s">
        <v>13909</v>
      </c>
      <c r="D4485" s="14" t="s">
        <v>13910</v>
      </c>
      <c r="E4485" s="2" t="s">
        <v>13911</v>
      </c>
      <c r="F4485" s="2" t="s">
        <v>7619</v>
      </c>
      <c r="G4485" s="8">
        <v>182</v>
      </c>
      <c r="H4485" s="5">
        <v>6</v>
      </c>
      <c r="I4485" s="5" t="s">
        <v>1518</v>
      </c>
      <c r="J4485" s="5" t="s">
        <v>1519</v>
      </c>
      <c r="K4485" s="2" t="s">
        <v>1520</v>
      </c>
      <c r="L4485" s="5" t="s">
        <v>1519</v>
      </c>
      <c r="M4485" s="2" t="s">
        <v>1520</v>
      </c>
      <c r="N4485" s="5" t="s">
        <v>1521</v>
      </c>
      <c r="O4485" s="5" t="s">
        <v>38</v>
      </c>
      <c r="P4485" s="5" t="s">
        <v>39</v>
      </c>
      <c r="Q4485" s="5" t="s">
        <v>40</v>
      </c>
      <c r="R4485" s="5" t="s">
        <v>1522</v>
      </c>
      <c r="S4485" s="5" t="s">
        <v>1523</v>
      </c>
      <c r="T4485" s="5" t="s">
        <v>42</v>
      </c>
      <c r="U4485" s="2">
        <v>2.62</v>
      </c>
      <c r="V4485" s="2">
        <v>2.2559999999999998</v>
      </c>
      <c r="W4485" s="2">
        <v>1.2999999999999999E-2</v>
      </c>
      <c r="X4485" s="2">
        <v>159.1</v>
      </c>
      <c r="Y4485" s="2">
        <v>7.6</v>
      </c>
      <c r="Z4485" s="2">
        <v>10.6</v>
      </c>
      <c r="AA4485" s="5"/>
      <c r="AB4485" s="5" t="s">
        <v>43</v>
      </c>
      <c r="AC4485" s="5" t="s">
        <v>44</v>
      </c>
      <c r="AD4485" s="2"/>
      <c r="AE4485" s="1"/>
    </row>
    <row r="4486" spans="1:31" ht="14.45">
      <c r="A4486" s="11"/>
      <c r="B4486" s="20"/>
      <c r="C4486" s="2" t="s">
        <v>13912</v>
      </c>
      <c r="D4486" s="14" t="s">
        <v>13913</v>
      </c>
      <c r="E4486" s="2" t="s">
        <v>13914</v>
      </c>
      <c r="F4486" s="2" t="s">
        <v>1823</v>
      </c>
      <c r="G4486" s="8">
        <v>182</v>
      </c>
      <c r="H4486" s="5">
        <v>8</v>
      </c>
      <c r="I4486" s="5" t="s">
        <v>1518</v>
      </c>
      <c r="J4486" s="5" t="s">
        <v>1519</v>
      </c>
      <c r="K4486" s="2" t="s">
        <v>1520</v>
      </c>
      <c r="L4486" s="5" t="s">
        <v>1519</v>
      </c>
      <c r="M4486" s="2" t="s">
        <v>1520</v>
      </c>
      <c r="N4486" s="5" t="s">
        <v>1521</v>
      </c>
      <c r="O4486" s="5" t="s">
        <v>38</v>
      </c>
      <c r="P4486" s="5" t="s">
        <v>39</v>
      </c>
      <c r="Q4486" s="5" t="s">
        <v>40</v>
      </c>
      <c r="R4486" s="5" t="s">
        <v>1522</v>
      </c>
      <c r="S4486" s="5" t="s">
        <v>1523</v>
      </c>
      <c r="T4486" s="5" t="s">
        <v>42</v>
      </c>
      <c r="U4486" s="2">
        <v>2.637</v>
      </c>
      <c r="V4486" s="2">
        <v>2.2730000000000001</v>
      </c>
      <c r="W4486" s="2">
        <v>1.0999999999999999E-2</v>
      </c>
      <c r="X4486" s="2">
        <v>139.1</v>
      </c>
      <c r="Y4486" s="2">
        <v>7.6</v>
      </c>
      <c r="Z4486" s="2">
        <v>10.6</v>
      </c>
      <c r="AA4486" s="5"/>
      <c r="AB4486" s="5" t="s">
        <v>43</v>
      </c>
      <c r="AC4486" s="5" t="s">
        <v>44</v>
      </c>
      <c r="AD4486" s="2"/>
      <c r="AE4486" s="1"/>
    </row>
    <row r="4487" spans="1:31" ht="14.45">
      <c r="A4487" s="11"/>
      <c r="B4487" s="20"/>
      <c r="C4487" s="2" t="s">
        <v>13915</v>
      </c>
      <c r="D4487" s="14" t="s">
        <v>13916</v>
      </c>
      <c r="E4487" s="2" t="s">
        <v>13917</v>
      </c>
      <c r="F4487" s="2" t="s">
        <v>1827</v>
      </c>
      <c r="G4487" s="8">
        <v>182</v>
      </c>
      <c r="H4487" s="5">
        <v>8</v>
      </c>
      <c r="I4487" s="5" t="s">
        <v>1518</v>
      </c>
      <c r="J4487" s="5" t="s">
        <v>1519</v>
      </c>
      <c r="K4487" s="2" t="s">
        <v>1520</v>
      </c>
      <c r="L4487" s="5" t="s">
        <v>1519</v>
      </c>
      <c r="M4487" s="2" t="s">
        <v>1520</v>
      </c>
      <c r="N4487" s="5" t="s">
        <v>1521</v>
      </c>
      <c r="O4487" s="5" t="s">
        <v>38</v>
      </c>
      <c r="P4487" s="5" t="s">
        <v>39</v>
      </c>
      <c r="Q4487" s="5" t="s">
        <v>40</v>
      </c>
      <c r="R4487" s="5" t="s">
        <v>1522</v>
      </c>
      <c r="S4487" s="5" t="s">
        <v>1523</v>
      </c>
      <c r="T4487" s="5" t="s">
        <v>42</v>
      </c>
      <c r="U4487" s="2">
        <v>2.7</v>
      </c>
      <c r="V4487" s="2">
        <v>2.3359999999999999</v>
      </c>
      <c r="W4487" s="2">
        <v>1.0999999999999999E-2</v>
      </c>
      <c r="X4487" s="2">
        <v>139.1</v>
      </c>
      <c r="Y4487" s="2">
        <v>7.6</v>
      </c>
      <c r="Z4487" s="2">
        <v>10.6</v>
      </c>
      <c r="AA4487" s="5"/>
      <c r="AB4487" s="5" t="s">
        <v>43</v>
      </c>
      <c r="AC4487" s="5" t="s">
        <v>44</v>
      </c>
      <c r="AD4487" s="2"/>
      <c r="AE4487" s="1"/>
    </row>
    <row r="4488" spans="1:31" ht="14.45">
      <c r="A4488" s="11"/>
      <c r="B4488" s="20"/>
      <c r="C4488" s="2" t="s">
        <v>13918</v>
      </c>
      <c r="D4488" s="14" t="s">
        <v>13919</v>
      </c>
      <c r="E4488" s="2" t="s">
        <v>13920</v>
      </c>
      <c r="F4488" s="2" t="s">
        <v>1973</v>
      </c>
      <c r="G4488" s="8">
        <v>182</v>
      </c>
      <c r="H4488" s="5">
        <v>13</v>
      </c>
      <c r="I4488" s="5" t="s">
        <v>1518</v>
      </c>
      <c r="J4488" s="5" t="s">
        <v>1519</v>
      </c>
      <c r="K4488" s="2" t="s">
        <v>1520</v>
      </c>
      <c r="L4488" s="5" t="s">
        <v>1519</v>
      </c>
      <c r="M4488" s="2" t="s">
        <v>1520</v>
      </c>
      <c r="N4488" s="5" t="s">
        <v>1521</v>
      </c>
      <c r="O4488" s="5" t="s">
        <v>38</v>
      </c>
      <c r="P4488" s="5" t="s">
        <v>39</v>
      </c>
      <c r="Q4488" s="5" t="s">
        <v>40</v>
      </c>
      <c r="R4488" s="5" t="s">
        <v>1522</v>
      </c>
      <c r="S4488" s="5" t="s">
        <v>1523</v>
      </c>
      <c r="T4488" s="5" t="s">
        <v>42</v>
      </c>
      <c r="U4488" s="2">
        <v>2.6419999999999999</v>
      </c>
      <c r="V4488" s="2">
        <v>2.278</v>
      </c>
      <c r="W4488" s="2">
        <v>1.0999999999999999E-2</v>
      </c>
      <c r="X4488" s="2">
        <v>139.1</v>
      </c>
      <c r="Y4488" s="2">
        <v>7.6</v>
      </c>
      <c r="Z4488" s="2">
        <v>10.6</v>
      </c>
      <c r="AA4488" s="5"/>
      <c r="AB4488" s="5" t="s">
        <v>43</v>
      </c>
      <c r="AC4488" s="5" t="s">
        <v>44</v>
      </c>
      <c r="AD4488" s="2"/>
      <c r="AE4488" s="1"/>
    </row>
    <row r="4489" spans="1:31" ht="14.45">
      <c r="A4489" s="11"/>
      <c r="B4489" s="20"/>
      <c r="C4489" s="2" t="s">
        <v>13921</v>
      </c>
      <c r="D4489" s="14" t="s">
        <v>13922</v>
      </c>
      <c r="E4489" s="2" t="s">
        <v>13923</v>
      </c>
      <c r="F4489" s="2" t="s">
        <v>2348</v>
      </c>
      <c r="G4489" s="8">
        <v>182</v>
      </c>
      <c r="H4489" s="5">
        <v>13</v>
      </c>
      <c r="I4489" s="5" t="s">
        <v>1518</v>
      </c>
      <c r="J4489" s="5" t="s">
        <v>1519</v>
      </c>
      <c r="K4489" s="2" t="s">
        <v>1520</v>
      </c>
      <c r="L4489" s="5" t="s">
        <v>1519</v>
      </c>
      <c r="M4489" s="2" t="s">
        <v>1520</v>
      </c>
      <c r="N4489" s="5" t="s">
        <v>1521</v>
      </c>
      <c r="O4489" s="5" t="s">
        <v>38</v>
      </c>
      <c r="P4489" s="5" t="s">
        <v>39</v>
      </c>
      <c r="Q4489" s="5" t="s">
        <v>40</v>
      </c>
      <c r="R4489" s="5" t="s">
        <v>1522</v>
      </c>
      <c r="S4489" s="5" t="s">
        <v>1523</v>
      </c>
      <c r="T4489" s="5" t="s">
        <v>42</v>
      </c>
      <c r="U4489" s="2">
        <v>2.7050000000000001</v>
      </c>
      <c r="V4489" s="2">
        <v>2.3410000000000002</v>
      </c>
      <c r="W4489" s="2">
        <v>1.0999999999999999E-2</v>
      </c>
      <c r="X4489" s="2">
        <v>139.1</v>
      </c>
      <c r="Y4489" s="2">
        <v>7.6</v>
      </c>
      <c r="Z4489" s="2">
        <v>10.6</v>
      </c>
      <c r="AA4489" s="5"/>
      <c r="AB4489" s="5" t="s">
        <v>43</v>
      </c>
      <c r="AC4489" s="5" t="s">
        <v>44</v>
      </c>
      <c r="AD4489" s="2"/>
      <c r="AE4489" s="1"/>
    </row>
    <row r="4490" spans="1:31" ht="14.45">
      <c r="A4490" s="11"/>
      <c r="B4490" s="20"/>
      <c r="C4490" s="2" t="s">
        <v>13924</v>
      </c>
      <c r="D4490" s="14" t="s">
        <v>13925</v>
      </c>
      <c r="E4490" s="2" t="s">
        <v>13926</v>
      </c>
      <c r="F4490" s="2" t="s">
        <v>2724</v>
      </c>
      <c r="G4490" s="8">
        <v>182</v>
      </c>
      <c r="H4490" s="5">
        <v>13</v>
      </c>
      <c r="I4490" s="5" t="s">
        <v>1518</v>
      </c>
      <c r="J4490" s="5" t="s">
        <v>1519</v>
      </c>
      <c r="K4490" s="2" t="s">
        <v>1520</v>
      </c>
      <c r="L4490" s="5" t="s">
        <v>1519</v>
      </c>
      <c r="M4490" s="2" t="s">
        <v>1520</v>
      </c>
      <c r="N4490" s="5" t="s">
        <v>1521</v>
      </c>
      <c r="O4490" s="5" t="s">
        <v>38</v>
      </c>
      <c r="P4490" s="5" t="s">
        <v>39</v>
      </c>
      <c r="Q4490" s="5" t="s">
        <v>40</v>
      </c>
      <c r="R4490" s="5" t="s">
        <v>1522</v>
      </c>
      <c r="S4490" s="5" t="s">
        <v>1523</v>
      </c>
      <c r="T4490" s="5" t="s">
        <v>42</v>
      </c>
      <c r="U4490" s="2">
        <v>2.7050000000000001</v>
      </c>
      <c r="V4490" s="2">
        <v>2.3410000000000002</v>
      </c>
      <c r="W4490" s="2">
        <v>1.0999999999999999E-2</v>
      </c>
      <c r="X4490" s="2">
        <v>139.1</v>
      </c>
      <c r="Y4490" s="2">
        <v>7.6</v>
      </c>
      <c r="Z4490" s="2">
        <v>10.6</v>
      </c>
      <c r="AA4490" s="5"/>
      <c r="AB4490" s="5" t="s">
        <v>43</v>
      </c>
      <c r="AC4490" s="5" t="s">
        <v>44</v>
      </c>
      <c r="AD4490" s="2"/>
      <c r="AE4490" s="1"/>
    </row>
    <row r="4491" spans="1:31" ht="14.45">
      <c r="A4491" s="11"/>
      <c r="B4491" s="20"/>
      <c r="C4491" s="2" t="s">
        <v>13927</v>
      </c>
      <c r="D4491" s="14" t="s">
        <v>13928</v>
      </c>
      <c r="E4491" s="2" t="s">
        <v>13929</v>
      </c>
      <c r="F4491" s="2" t="s">
        <v>2208</v>
      </c>
      <c r="G4491" s="8">
        <v>182</v>
      </c>
      <c r="H4491" s="5">
        <v>13</v>
      </c>
      <c r="I4491" s="5" t="s">
        <v>1518</v>
      </c>
      <c r="J4491" s="5" t="s">
        <v>1519</v>
      </c>
      <c r="K4491" s="2" t="s">
        <v>1520</v>
      </c>
      <c r="L4491" s="5" t="s">
        <v>1519</v>
      </c>
      <c r="M4491" s="2" t="s">
        <v>1520</v>
      </c>
      <c r="N4491" s="5" t="s">
        <v>1521</v>
      </c>
      <c r="O4491" s="5" t="s">
        <v>38</v>
      </c>
      <c r="P4491" s="5" t="s">
        <v>39</v>
      </c>
      <c r="Q4491" s="5" t="s">
        <v>40</v>
      </c>
      <c r="R4491" s="5" t="s">
        <v>1522</v>
      </c>
      <c r="S4491" s="5" t="s">
        <v>1523</v>
      </c>
      <c r="T4491" s="5" t="s">
        <v>42</v>
      </c>
      <c r="U4491" s="2">
        <v>2.6419999999999999</v>
      </c>
      <c r="V4491" s="2">
        <v>2.278</v>
      </c>
      <c r="W4491" s="2">
        <v>1.0999999999999999E-2</v>
      </c>
      <c r="X4491" s="2">
        <v>139.1</v>
      </c>
      <c r="Y4491" s="2">
        <v>7.6</v>
      </c>
      <c r="Z4491" s="2">
        <v>10.6</v>
      </c>
      <c r="AA4491" s="5"/>
      <c r="AB4491" s="5" t="s">
        <v>43</v>
      </c>
      <c r="AC4491" s="5" t="s">
        <v>44</v>
      </c>
      <c r="AD4491" s="2"/>
      <c r="AE4491" s="1"/>
    </row>
    <row r="4492" spans="1:31" ht="14.45">
      <c r="A4492" s="11"/>
      <c r="B4492" s="20"/>
      <c r="C4492" s="2" t="s">
        <v>13930</v>
      </c>
      <c r="D4492" s="14" t="s">
        <v>13931</v>
      </c>
      <c r="E4492" s="2" t="s">
        <v>13932</v>
      </c>
      <c r="F4492" s="2" t="s">
        <v>2212</v>
      </c>
      <c r="G4492" s="8">
        <v>182</v>
      </c>
      <c r="H4492" s="5">
        <v>13</v>
      </c>
      <c r="I4492" s="5" t="s">
        <v>1518</v>
      </c>
      <c r="J4492" s="5" t="s">
        <v>1519</v>
      </c>
      <c r="K4492" s="2" t="s">
        <v>1520</v>
      </c>
      <c r="L4492" s="5" t="s">
        <v>1519</v>
      </c>
      <c r="M4492" s="2" t="s">
        <v>1520</v>
      </c>
      <c r="N4492" s="5" t="s">
        <v>1521</v>
      </c>
      <c r="O4492" s="5" t="s">
        <v>38</v>
      </c>
      <c r="P4492" s="5" t="s">
        <v>39</v>
      </c>
      <c r="Q4492" s="5" t="s">
        <v>40</v>
      </c>
      <c r="R4492" s="5" t="s">
        <v>1522</v>
      </c>
      <c r="S4492" s="5" t="s">
        <v>1523</v>
      </c>
      <c r="T4492" s="5" t="s">
        <v>42</v>
      </c>
      <c r="U4492" s="2">
        <v>2.7050000000000001</v>
      </c>
      <c r="V4492" s="2">
        <v>2.3410000000000002</v>
      </c>
      <c r="W4492" s="2">
        <v>1.0999999999999999E-2</v>
      </c>
      <c r="X4492" s="2">
        <v>139.1</v>
      </c>
      <c r="Y4492" s="2">
        <v>7.6</v>
      </c>
      <c r="Z4492" s="2">
        <v>10.6</v>
      </c>
      <c r="AA4492" s="5"/>
      <c r="AB4492" s="5" t="s">
        <v>43</v>
      </c>
      <c r="AC4492" s="5" t="s">
        <v>44</v>
      </c>
      <c r="AD4492" s="2"/>
      <c r="AE4492" s="1"/>
    </row>
    <row r="4493" spans="1:31" ht="14.45">
      <c r="A4493" s="11"/>
      <c r="B4493" s="20"/>
      <c r="C4493" s="2" t="s">
        <v>13933</v>
      </c>
      <c r="D4493" s="14" t="s">
        <v>13934</v>
      </c>
      <c r="E4493" s="2" t="s">
        <v>13935</v>
      </c>
      <c r="F4493" s="2" t="s">
        <v>1831</v>
      </c>
      <c r="G4493" s="8">
        <v>182</v>
      </c>
      <c r="H4493" s="5">
        <v>13</v>
      </c>
      <c r="I4493" s="5" t="s">
        <v>1518</v>
      </c>
      <c r="J4493" s="5" t="s">
        <v>1519</v>
      </c>
      <c r="K4493" s="2" t="s">
        <v>1520</v>
      </c>
      <c r="L4493" s="5" t="s">
        <v>1519</v>
      </c>
      <c r="M4493" s="2" t="s">
        <v>1520</v>
      </c>
      <c r="N4493" s="5" t="s">
        <v>1521</v>
      </c>
      <c r="O4493" s="5" t="s">
        <v>38</v>
      </c>
      <c r="P4493" s="5" t="s">
        <v>39</v>
      </c>
      <c r="Q4493" s="5" t="s">
        <v>40</v>
      </c>
      <c r="R4493" s="5" t="s">
        <v>1522</v>
      </c>
      <c r="S4493" s="5" t="s">
        <v>1523</v>
      </c>
      <c r="T4493" s="5" t="s">
        <v>42</v>
      </c>
      <c r="U4493" s="2">
        <v>2.6419999999999999</v>
      </c>
      <c r="V4493" s="2">
        <v>2.278</v>
      </c>
      <c r="W4493" s="2">
        <v>1.0999999999999999E-2</v>
      </c>
      <c r="X4493" s="2">
        <v>139.1</v>
      </c>
      <c r="Y4493" s="2">
        <v>7.6</v>
      </c>
      <c r="Z4493" s="2">
        <v>10.6</v>
      </c>
      <c r="AA4493" s="5"/>
      <c r="AB4493" s="5" t="s">
        <v>43</v>
      </c>
      <c r="AC4493" s="5" t="s">
        <v>44</v>
      </c>
      <c r="AD4493" s="2"/>
      <c r="AE4493" s="1"/>
    </row>
    <row r="4494" spans="1:31" ht="14.45">
      <c r="A4494" s="11"/>
      <c r="B4494" s="20"/>
      <c r="C4494" s="2" t="s">
        <v>13936</v>
      </c>
      <c r="D4494" s="14" t="s">
        <v>13937</v>
      </c>
      <c r="E4494" s="2" t="s">
        <v>13938</v>
      </c>
      <c r="F4494" s="2" t="s">
        <v>1835</v>
      </c>
      <c r="G4494" s="8">
        <v>182</v>
      </c>
      <c r="H4494" s="5">
        <v>13</v>
      </c>
      <c r="I4494" s="5" t="s">
        <v>1518</v>
      </c>
      <c r="J4494" s="5" t="s">
        <v>1519</v>
      </c>
      <c r="K4494" s="2" t="s">
        <v>1520</v>
      </c>
      <c r="L4494" s="5" t="s">
        <v>1519</v>
      </c>
      <c r="M4494" s="2" t="s">
        <v>1520</v>
      </c>
      <c r="N4494" s="5" t="s">
        <v>1521</v>
      </c>
      <c r="O4494" s="5" t="s">
        <v>38</v>
      </c>
      <c r="P4494" s="5" t="s">
        <v>39</v>
      </c>
      <c r="Q4494" s="5" t="s">
        <v>40</v>
      </c>
      <c r="R4494" s="5" t="s">
        <v>1522</v>
      </c>
      <c r="S4494" s="5" t="s">
        <v>1523</v>
      </c>
      <c r="T4494" s="5" t="s">
        <v>42</v>
      </c>
      <c r="U4494" s="2">
        <v>2.7050000000000001</v>
      </c>
      <c r="V4494" s="2">
        <v>2.3410000000000002</v>
      </c>
      <c r="W4494" s="2">
        <v>1.0999999999999999E-2</v>
      </c>
      <c r="X4494" s="2">
        <v>139.1</v>
      </c>
      <c r="Y4494" s="2">
        <v>7.6</v>
      </c>
      <c r="Z4494" s="2">
        <v>10.6</v>
      </c>
      <c r="AA4494" s="5"/>
      <c r="AB4494" s="5" t="s">
        <v>43</v>
      </c>
      <c r="AC4494" s="5" t="s">
        <v>44</v>
      </c>
      <c r="AD4494" s="2"/>
      <c r="AE4494" s="1"/>
    </row>
    <row r="4495" spans="1:31" ht="14.45">
      <c r="A4495" s="11"/>
      <c r="B4495" s="20"/>
      <c r="C4495" s="2" t="s">
        <v>13939</v>
      </c>
      <c r="D4495" s="14" t="s">
        <v>13940</v>
      </c>
      <c r="E4495" s="2" t="s">
        <v>13941</v>
      </c>
      <c r="F4495" s="2" t="s">
        <v>1839</v>
      </c>
      <c r="G4495" s="8">
        <v>182</v>
      </c>
      <c r="H4495" s="5">
        <v>13</v>
      </c>
      <c r="I4495" s="5" t="s">
        <v>1518</v>
      </c>
      <c r="J4495" s="5" t="s">
        <v>1519</v>
      </c>
      <c r="K4495" s="2" t="s">
        <v>1520</v>
      </c>
      <c r="L4495" s="5" t="s">
        <v>1519</v>
      </c>
      <c r="M4495" s="2" t="s">
        <v>1520</v>
      </c>
      <c r="N4495" s="5" t="s">
        <v>1521</v>
      </c>
      <c r="O4495" s="5" t="s">
        <v>38</v>
      </c>
      <c r="P4495" s="5" t="s">
        <v>39</v>
      </c>
      <c r="Q4495" s="5" t="s">
        <v>40</v>
      </c>
      <c r="R4495" s="5" t="s">
        <v>1522</v>
      </c>
      <c r="S4495" s="5" t="s">
        <v>1523</v>
      </c>
      <c r="T4495" s="5" t="s">
        <v>42</v>
      </c>
      <c r="U4495" s="2">
        <v>2.6419999999999999</v>
      </c>
      <c r="V4495" s="2">
        <v>2.278</v>
      </c>
      <c r="W4495" s="2">
        <v>1.0999999999999999E-2</v>
      </c>
      <c r="X4495" s="2">
        <v>139.1</v>
      </c>
      <c r="Y4495" s="2">
        <v>7.6</v>
      </c>
      <c r="Z4495" s="2">
        <v>10.6</v>
      </c>
      <c r="AA4495" s="5"/>
      <c r="AB4495" s="5" t="s">
        <v>43</v>
      </c>
      <c r="AC4495" s="5" t="s">
        <v>44</v>
      </c>
      <c r="AD4495" s="2"/>
      <c r="AE4495" s="1"/>
    </row>
    <row r="4496" spans="1:31" ht="14.45">
      <c r="A4496" s="11"/>
      <c r="B4496" s="20"/>
      <c r="C4496" s="2" t="s">
        <v>13942</v>
      </c>
      <c r="D4496" s="14" t="s">
        <v>13943</v>
      </c>
      <c r="E4496" s="2" t="s">
        <v>13944</v>
      </c>
      <c r="F4496" s="2" t="s">
        <v>1986</v>
      </c>
      <c r="G4496" s="8">
        <v>182</v>
      </c>
      <c r="H4496" s="5">
        <v>13</v>
      </c>
      <c r="I4496" s="5" t="s">
        <v>1518</v>
      </c>
      <c r="J4496" s="5" t="s">
        <v>1519</v>
      </c>
      <c r="K4496" s="2" t="s">
        <v>1520</v>
      </c>
      <c r="L4496" s="5" t="s">
        <v>1519</v>
      </c>
      <c r="M4496" s="2" t="s">
        <v>1520</v>
      </c>
      <c r="N4496" s="5" t="s">
        <v>1521</v>
      </c>
      <c r="O4496" s="5" t="s">
        <v>38</v>
      </c>
      <c r="P4496" s="5" t="s">
        <v>39</v>
      </c>
      <c r="Q4496" s="5" t="s">
        <v>40</v>
      </c>
      <c r="R4496" s="5" t="s">
        <v>1522</v>
      </c>
      <c r="S4496" s="5" t="s">
        <v>1523</v>
      </c>
      <c r="T4496" s="5" t="s">
        <v>42</v>
      </c>
      <c r="U4496" s="2">
        <v>2.7050000000000001</v>
      </c>
      <c r="V4496" s="2">
        <v>2.3410000000000002</v>
      </c>
      <c r="W4496" s="2">
        <v>1.0999999999999999E-2</v>
      </c>
      <c r="X4496" s="2">
        <v>139.1</v>
      </c>
      <c r="Y4496" s="2">
        <v>7.6</v>
      </c>
      <c r="Z4496" s="2">
        <v>10.6</v>
      </c>
      <c r="AA4496" s="5"/>
      <c r="AB4496" s="5" t="s">
        <v>43</v>
      </c>
      <c r="AC4496" s="5" t="s">
        <v>44</v>
      </c>
      <c r="AD4496" s="2"/>
      <c r="AE4496" s="1"/>
    </row>
    <row r="4497" spans="1:31" ht="14.45">
      <c r="A4497" s="11"/>
      <c r="B4497" s="20"/>
      <c r="C4497" s="2" t="s">
        <v>13945</v>
      </c>
      <c r="D4497" s="14" t="s">
        <v>13946</v>
      </c>
      <c r="E4497" s="2" t="s">
        <v>13947</v>
      </c>
      <c r="F4497" s="2" t="s">
        <v>1843</v>
      </c>
      <c r="G4497" s="8">
        <v>182</v>
      </c>
      <c r="H4497" s="5">
        <v>13</v>
      </c>
      <c r="I4497" s="5" t="s">
        <v>1518</v>
      </c>
      <c r="J4497" s="5" t="s">
        <v>1519</v>
      </c>
      <c r="K4497" s="2" t="s">
        <v>1520</v>
      </c>
      <c r="L4497" s="5" t="s">
        <v>1519</v>
      </c>
      <c r="M4497" s="2" t="s">
        <v>1520</v>
      </c>
      <c r="N4497" s="5" t="s">
        <v>1521</v>
      </c>
      <c r="O4497" s="5" t="s">
        <v>38</v>
      </c>
      <c r="P4497" s="5" t="s">
        <v>39</v>
      </c>
      <c r="Q4497" s="5" t="s">
        <v>40</v>
      </c>
      <c r="R4497" s="5" t="s">
        <v>1522</v>
      </c>
      <c r="S4497" s="5" t="s">
        <v>1523</v>
      </c>
      <c r="T4497" s="5" t="s">
        <v>42</v>
      </c>
      <c r="U4497" s="2">
        <v>2.6419999999999999</v>
      </c>
      <c r="V4497" s="2">
        <v>2.278</v>
      </c>
      <c r="W4497" s="2">
        <v>1.0999999999999999E-2</v>
      </c>
      <c r="X4497" s="2">
        <v>139.1</v>
      </c>
      <c r="Y4497" s="2">
        <v>7.6</v>
      </c>
      <c r="Z4497" s="2">
        <v>10.6</v>
      </c>
      <c r="AA4497" s="5"/>
      <c r="AB4497" s="5" t="s">
        <v>43</v>
      </c>
      <c r="AC4497" s="5" t="s">
        <v>44</v>
      </c>
      <c r="AD4497" s="2"/>
      <c r="AE4497" s="1"/>
    </row>
    <row r="4498" spans="1:31" ht="14.45">
      <c r="A4498" s="11"/>
      <c r="B4498" s="20"/>
      <c r="C4498" s="2" t="s">
        <v>13948</v>
      </c>
      <c r="D4498" s="14" t="s">
        <v>13949</v>
      </c>
      <c r="E4498" s="2" t="s">
        <v>13950</v>
      </c>
      <c r="F4498" s="2" t="s">
        <v>1847</v>
      </c>
      <c r="G4498" s="8">
        <v>182</v>
      </c>
      <c r="H4498" s="5">
        <v>13</v>
      </c>
      <c r="I4498" s="5" t="s">
        <v>1518</v>
      </c>
      <c r="J4498" s="5" t="s">
        <v>1519</v>
      </c>
      <c r="K4498" s="2" t="s">
        <v>1520</v>
      </c>
      <c r="L4498" s="5" t="s">
        <v>1519</v>
      </c>
      <c r="M4498" s="2" t="s">
        <v>1520</v>
      </c>
      <c r="N4498" s="5" t="s">
        <v>1521</v>
      </c>
      <c r="O4498" s="5" t="s">
        <v>38</v>
      </c>
      <c r="P4498" s="5" t="s">
        <v>39</v>
      </c>
      <c r="Q4498" s="5" t="s">
        <v>40</v>
      </c>
      <c r="R4498" s="5" t="s">
        <v>1522</v>
      </c>
      <c r="S4498" s="5" t="s">
        <v>1523</v>
      </c>
      <c r="T4498" s="5" t="s">
        <v>42</v>
      </c>
      <c r="U4498" s="2">
        <v>2.7050000000000001</v>
      </c>
      <c r="V4498" s="2">
        <v>2.3410000000000002</v>
      </c>
      <c r="W4498" s="2">
        <v>1.0999999999999999E-2</v>
      </c>
      <c r="X4498" s="2">
        <v>139.1</v>
      </c>
      <c r="Y4498" s="2">
        <v>7.6</v>
      </c>
      <c r="Z4498" s="2">
        <v>10.6</v>
      </c>
      <c r="AA4498" s="5"/>
      <c r="AB4498" s="5" t="s">
        <v>43</v>
      </c>
      <c r="AC4498" s="5" t="s">
        <v>44</v>
      </c>
      <c r="AD4498" s="2"/>
      <c r="AE4498" s="1"/>
    </row>
    <row r="4499" spans="1:31" ht="14.45">
      <c r="A4499" s="11"/>
      <c r="B4499" s="20"/>
      <c r="C4499" s="2" t="s">
        <v>13951</v>
      </c>
      <c r="D4499" s="14" t="s">
        <v>13952</v>
      </c>
      <c r="E4499" s="2" t="s">
        <v>13953</v>
      </c>
      <c r="F4499" s="2" t="s">
        <v>1851</v>
      </c>
      <c r="G4499" s="8">
        <v>182</v>
      </c>
      <c r="H4499" s="5">
        <v>13</v>
      </c>
      <c r="I4499" s="5" t="s">
        <v>1518</v>
      </c>
      <c r="J4499" s="5" t="s">
        <v>1519</v>
      </c>
      <c r="K4499" s="2" t="s">
        <v>1520</v>
      </c>
      <c r="L4499" s="5" t="s">
        <v>1519</v>
      </c>
      <c r="M4499" s="2" t="s">
        <v>1520</v>
      </c>
      <c r="N4499" s="5" t="s">
        <v>1521</v>
      </c>
      <c r="O4499" s="5" t="s">
        <v>38</v>
      </c>
      <c r="P4499" s="5" t="s">
        <v>39</v>
      </c>
      <c r="Q4499" s="5" t="s">
        <v>40</v>
      </c>
      <c r="R4499" s="5" t="s">
        <v>1522</v>
      </c>
      <c r="S4499" s="5" t="s">
        <v>1523</v>
      </c>
      <c r="T4499" s="5" t="s">
        <v>42</v>
      </c>
      <c r="U4499" s="2">
        <v>2.6419999999999999</v>
      </c>
      <c r="V4499" s="2">
        <v>2.278</v>
      </c>
      <c r="W4499" s="2">
        <v>1.0999999999999999E-2</v>
      </c>
      <c r="X4499" s="2">
        <v>139.1</v>
      </c>
      <c r="Y4499" s="2">
        <v>7.6</v>
      </c>
      <c r="Z4499" s="2">
        <v>10.6</v>
      </c>
      <c r="AA4499" s="5"/>
      <c r="AB4499" s="5" t="s">
        <v>43</v>
      </c>
      <c r="AC4499" s="5" t="s">
        <v>44</v>
      </c>
      <c r="AD4499" s="2"/>
      <c r="AE4499" s="1"/>
    </row>
    <row r="4500" spans="1:31" ht="14.45">
      <c r="A4500" s="11"/>
      <c r="B4500" s="20"/>
      <c r="C4500" s="2" t="s">
        <v>13954</v>
      </c>
      <c r="D4500" s="14" t="s">
        <v>13955</v>
      </c>
      <c r="E4500" s="2" t="s">
        <v>13956</v>
      </c>
      <c r="F4500" s="2" t="s">
        <v>1999</v>
      </c>
      <c r="G4500" s="8">
        <v>182</v>
      </c>
      <c r="H4500" s="5">
        <v>13</v>
      </c>
      <c r="I4500" s="5" t="s">
        <v>1518</v>
      </c>
      <c r="J4500" s="5" t="s">
        <v>1519</v>
      </c>
      <c r="K4500" s="2" t="s">
        <v>1520</v>
      </c>
      <c r="L4500" s="5" t="s">
        <v>1519</v>
      </c>
      <c r="M4500" s="2" t="s">
        <v>1520</v>
      </c>
      <c r="N4500" s="5" t="s">
        <v>1521</v>
      </c>
      <c r="O4500" s="5" t="s">
        <v>38</v>
      </c>
      <c r="P4500" s="5" t="s">
        <v>39</v>
      </c>
      <c r="Q4500" s="5" t="s">
        <v>40</v>
      </c>
      <c r="R4500" s="5" t="s">
        <v>1522</v>
      </c>
      <c r="S4500" s="5" t="s">
        <v>1523</v>
      </c>
      <c r="T4500" s="5" t="s">
        <v>42</v>
      </c>
      <c r="U4500" s="2">
        <v>2.7050000000000001</v>
      </c>
      <c r="V4500" s="2">
        <v>2.3410000000000002</v>
      </c>
      <c r="W4500" s="2">
        <v>1.0999999999999999E-2</v>
      </c>
      <c r="X4500" s="2">
        <v>139.1</v>
      </c>
      <c r="Y4500" s="2">
        <v>7.6</v>
      </c>
      <c r="Z4500" s="2">
        <v>10.6</v>
      </c>
      <c r="AA4500" s="5"/>
      <c r="AB4500" s="5" t="s">
        <v>43</v>
      </c>
      <c r="AC4500" s="5" t="s">
        <v>44</v>
      </c>
      <c r="AD4500" s="2"/>
      <c r="AE4500" s="1"/>
    </row>
    <row r="4501" spans="1:31" ht="14.45">
      <c r="A4501" s="11"/>
      <c r="B4501" s="20"/>
      <c r="C4501" s="2" t="s">
        <v>13957</v>
      </c>
      <c r="D4501" s="14" t="s">
        <v>13958</v>
      </c>
      <c r="E4501" s="2" t="s">
        <v>13959</v>
      </c>
      <c r="F4501" s="2" t="s">
        <v>1855</v>
      </c>
      <c r="G4501" s="8">
        <v>182</v>
      </c>
      <c r="H4501" s="5">
        <v>13</v>
      </c>
      <c r="I4501" s="5" t="s">
        <v>1518</v>
      </c>
      <c r="J4501" s="5" t="s">
        <v>1519</v>
      </c>
      <c r="K4501" s="2" t="s">
        <v>1520</v>
      </c>
      <c r="L4501" s="5" t="s">
        <v>1519</v>
      </c>
      <c r="M4501" s="2" t="s">
        <v>1520</v>
      </c>
      <c r="N4501" s="5" t="s">
        <v>1521</v>
      </c>
      <c r="O4501" s="5" t="s">
        <v>38</v>
      </c>
      <c r="P4501" s="5" t="s">
        <v>39</v>
      </c>
      <c r="Q4501" s="5" t="s">
        <v>40</v>
      </c>
      <c r="R4501" s="5" t="s">
        <v>1522</v>
      </c>
      <c r="S4501" s="5" t="s">
        <v>1523</v>
      </c>
      <c r="T4501" s="5" t="s">
        <v>42</v>
      </c>
      <c r="U4501" s="2">
        <v>2.6419999999999999</v>
      </c>
      <c r="V4501" s="2">
        <v>2.278</v>
      </c>
      <c r="W4501" s="2">
        <v>1.0999999999999999E-2</v>
      </c>
      <c r="X4501" s="2">
        <v>139.1</v>
      </c>
      <c r="Y4501" s="2">
        <v>7.6</v>
      </c>
      <c r="Z4501" s="2">
        <v>10.6</v>
      </c>
      <c r="AA4501" s="5"/>
      <c r="AB4501" s="5" t="s">
        <v>43</v>
      </c>
      <c r="AC4501" s="5" t="s">
        <v>44</v>
      </c>
      <c r="AD4501" s="2"/>
      <c r="AE4501" s="1"/>
    </row>
    <row r="4502" spans="1:31" ht="14.45">
      <c r="A4502" s="11"/>
      <c r="B4502" s="20"/>
      <c r="C4502" s="2" t="s">
        <v>13960</v>
      </c>
      <c r="D4502" s="14" t="s">
        <v>13961</v>
      </c>
      <c r="E4502" s="2" t="s">
        <v>13962</v>
      </c>
      <c r="F4502" s="2" t="s">
        <v>1859</v>
      </c>
      <c r="G4502" s="8">
        <v>182</v>
      </c>
      <c r="H4502" s="5">
        <v>13</v>
      </c>
      <c r="I4502" s="5" t="s">
        <v>1518</v>
      </c>
      <c r="J4502" s="5" t="s">
        <v>1519</v>
      </c>
      <c r="K4502" s="2" t="s">
        <v>1520</v>
      </c>
      <c r="L4502" s="5" t="s">
        <v>1519</v>
      </c>
      <c r="M4502" s="2" t="s">
        <v>1520</v>
      </c>
      <c r="N4502" s="5" t="s">
        <v>1521</v>
      </c>
      <c r="O4502" s="5" t="s">
        <v>38</v>
      </c>
      <c r="P4502" s="5" t="s">
        <v>39</v>
      </c>
      <c r="Q4502" s="5" t="s">
        <v>40</v>
      </c>
      <c r="R4502" s="5" t="s">
        <v>1522</v>
      </c>
      <c r="S4502" s="5" t="s">
        <v>1523</v>
      </c>
      <c r="T4502" s="5" t="s">
        <v>42</v>
      </c>
      <c r="U4502" s="2">
        <v>2.7050000000000001</v>
      </c>
      <c r="V4502" s="2">
        <v>2.3410000000000002</v>
      </c>
      <c r="W4502" s="2">
        <v>1.0999999999999999E-2</v>
      </c>
      <c r="X4502" s="2">
        <v>139.1</v>
      </c>
      <c r="Y4502" s="2">
        <v>7.6</v>
      </c>
      <c r="Z4502" s="2">
        <v>10.6</v>
      </c>
      <c r="AA4502" s="5"/>
      <c r="AB4502" s="5" t="s">
        <v>43</v>
      </c>
      <c r="AC4502" s="5" t="s">
        <v>44</v>
      </c>
      <c r="AD4502" s="2"/>
      <c r="AE4502" s="1"/>
    </row>
    <row r="4503" spans="1:31" ht="14.45">
      <c r="A4503" s="11"/>
      <c r="B4503" s="20"/>
      <c r="C4503" s="2" t="s">
        <v>13963</v>
      </c>
      <c r="D4503" s="14" t="s">
        <v>13964</v>
      </c>
      <c r="E4503" s="2" t="s">
        <v>13965</v>
      </c>
      <c r="F4503" s="2" t="s">
        <v>1863</v>
      </c>
      <c r="G4503" s="8">
        <v>182</v>
      </c>
      <c r="H4503" s="5">
        <v>11</v>
      </c>
      <c r="I4503" s="5" t="s">
        <v>1518</v>
      </c>
      <c r="J4503" s="5" t="s">
        <v>1519</v>
      </c>
      <c r="K4503" s="2" t="s">
        <v>1520</v>
      </c>
      <c r="L4503" s="5" t="s">
        <v>1519</v>
      </c>
      <c r="M4503" s="2" t="s">
        <v>1520</v>
      </c>
      <c r="N4503" s="5" t="s">
        <v>1521</v>
      </c>
      <c r="O4503" s="5" t="s">
        <v>38</v>
      </c>
      <c r="P4503" s="5" t="s">
        <v>39</v>
      </c>
      <c r="Q4503" s="5" t="s">
        <v>40</v>
      </c>
      <c r="R4503" s="5" t="s">
        <v>1522</v>
      </c>
      <c r="S4503" s="5" t="s">
        <v>1523</v>
      </c>
      <c r="T4503" s="5" t="s">
        <v>42</v>
      </c>
      <c r="U4503" s="2">
        <v>2.569</v>
      </c>
      <c r="V4503" s="2">
        <v>2.2029999999999998</v>
      </c>
      <c r="W4503" s="2">
        <v>1.0999999999999999E-2</v>
      </c>
      <c r="X4503" s="2">
        <v>139.1</v>
      </c>
      <c r="Y4503" s="2">
        <v>7.6</v>
      </c>
      <c r="Z4503" s="2">
        <v>10.6</v>
      </c>
      <c r="AA4503" s="5"/>
      <c r="AB4503" s="5" t="s">
        <v>43</v>
      </c>
      <c r="AC4503" s="5" t="s">
        <v>44</v>
      </c>
      <c r="AD4503" s="2"/>
      <c r="AE4503" s="1"/>
    </row>
    <row r="4504" spans="1:31" ht="14.45">
      <c r="A4504" s="11"/>
      <c r="B4504" s="20"/>
      <c r="C4504" s="2" t="s">
        <v>13966</v>
      </c>
      <c r="D4504" s="14" t="s">
        <v>13967</v>
      </c>
      <c r="E4504" s="2" t="s">
        <v>13968</v>
      </c>
      <c r="F4504" s="2" t="s">
        <v>1867</v>
      </c>
      <c r="G4504" s="8">
        <v>182</v>
      </c>
      <c r="H4504" s="5">
        <v>11</v>
      </c>
      <c r="I4504" s="5" t="s">
        <v>1518</v>
      </c>
      <c r="J4504" s="5" t="s">
        <v>1519</v>
      </c>
      <c r="K4504" s="2" t="s">
        <v>1520</v>
      </c>
      <c r="L4504" s="5" t="s">
        <v>1519</v>
      </c>
      <c r="M4504" s="2" t="s">
        <v>1520</v>
      </c>
      <c r="N4504" s="5" t="s">
        <v>1521</v>
      </c>
      <c r="O4504" s="5" t="s">
        <v>38</v>
      </c>
      <c r="P4504" s="5" t="s">
        <v>39</v>
      </c>
      <c r="Q4504" s="5" t="s">
        <v>40</v>
      </c>
      <c r="R4504" s="5" t="s">
        <v>1522</v>
      </c>
      <c r="S4504" s="5" t="s">
        <v>1523</v>
      </c>
      <c r="T4504" s="5" t="s">
        <v>42</v>
      </c>
      <c r="U4504" s="2">
        <v>2.6320000000000001</v>
      </c>
      <c r="V4504" s="2">
        <v>2.266</v>
      </c>
      <c r="W4504" s="2">
        <v>1.0999999999999999E-2</v>
      </c>
      <c r="X4504" s="2">
        <v>139.1</v>
      </c>
      <c r="Y4504" s="2">
        <v>7.6</v>
      </c>
      <c r="Z4504" s="2">
        <v>10.6</v>
      </c>
      <c r="AA4504" s="5"/>
      <c r="AB4504" s="5" t="s">
        <v>43</v>
      </c>
      <c r="AC4504" s="5" t="s">
        <v>44</v>
      </c>
      <c r="AD4504" s="2"/>
      <c r="AE4504" s="1"/>
    </row>
    <row r="4505" spans="1:31" ht="14.45">
      <c r="A4505" s="11"/>
      <c r="B4505" s="20"/>
      <c r="C4505" s="2" t="s">
        <v>13969</v>
      </c>
      <c r="D4505" s="14" t="s">
        <v>13970</v>
      </c>
      <c r="E4505" s="2" t="s">
        <v>13971</v>
      </c>
      <c r="F4505" s="2" t="s">
        <v>7396</v>
      </c>
      <c r="G4505" s="8">
        <v>176</v>
      </c>
      <c r="H4505" s="5">
        <v>5</v>
      </c>
      <c r="I4505" s="5" t="s">
        <v>1518</v>
      </c>
      <c r="J4505" s="5" t="s">
        <v>1519</v>
      </c>
      <c r="K4505" s="2" t="s">
        <v>1520</v>
      </c>
      <c r="L4505" s="5" t="s">
        <v>1519</v>
      </c>
      <c r="M4505" s="2" t="s">
        <v>1520</v>
      </c>
      <c r="N4505" s="5" t="s">
        <v>1521</v>
      </c>
      <c r="O4505" s="5" t="s">
        <v>38</v>
      </c>
      <c r="P4505" s="5" t="s">
        <v>39</v>
      </c>
      <c r="Q4505" s="5" t="s">
        <v>40</v>
      </c>
      <c r="R4505" s="5" t="s">
        <v>1522</v>
      </c>
      <c r="S4505" s="5" t="s">
        <v>1523</v>
      </c>
      <c r="T4505" s="5" t="s">
        <v>42</v>
      </c>
      <c r="U4505" s="2">
        <v>2.78</v>
      </c>
      <c r="V4505" s="2">
        <v>2.3719999999999999</v>
      </c>
      <c r="W4505" s="2">
        <v>1.2999999999999999E-2</v>
      </c>
      <c r="X4505" s="2">
        <v>159.1</v>
      </c>
      <c r="Y4505" s="2">
        <v>7.6</v>
      </c>
      <c r="Z4505" s="2">
        <v>10.6</v>
      </c>
      <c r="AA4505" s="5"/>
      <c r="AB4505" s="5" t="s">
        <v>43</v>
      </c>
      <c r="AC4505" s="5" t="s">
        <v>44</v>
      </c>
      <c r="AD4505" s="2"/>
      <c r="AE4505" s="1"/>
    </row>
    <row r="4506" spans="1:31" ht="14.45">
      <c r="A4506" s="11"/>
      <c r="B4506" s="20"/>
      <c r="C4506" s="2" t="s">
        <v>13972</v>
      </c>
      <c r="D4506" s="14" t="s">
        <v>13973</v>
      </c>
      <c r="E4506" s="2" t="s">
        <v>13974</v>
      </c>
      <c r="F4506" s="2" t="s">
        <v>7507</v>
      </c>
      <c r="G4506" s="8">
        <v>176</v>
      </c>
      <c r="H4506" s="5">
        <v>5</v>
      </c>
      <c r="I4506" s="5" t="s">
        <v>1518</v>
      </c>
      <c r="J4506" s="5" t="s">
        <v>1519</v>
      </c>
      <c r="K4506" s="2" t="s">
        <v>1520</v>
      </c>
      <c r="L4506" s="5" t="s">
        <v>1519</v>
      </c>
      <c r="M4506" s="2" t="s">
        <v>1520</v>
      </c>
      <c r="N4506" s="5" t="s">
        <v>1521</v>
      </c>
      <c r="O4506" s="5" t="s">
        <v>38</v>
      </c>
      <c r="P4506" s="5" t="s">
        <v>39</v>
      </c>
      <c r="Q4506" s="5" t="s">
        <v>40</v>
      </c>
      <c r="R4506" s="5" t="s">
        <v>1522</v>
      </c>
      <c r="S4506" s="5" t="s">
        <v>1523</v>
      </c>
      <c r="T4506" s="5" t="s">
        <v>42</v>
      </c>
      <c r="U4506" s="2">
        <v>2.847</v>
      </c>
      <c r="V4506" s="2">
        <v>2.4390000000000001</v>
      </c>
      <c r="W4506" s="2">
        <v>1.2999999999999999E-2</v>
      </c>
      <c r="X4506" s="2">
        <v>159.1</v>
      </c>
      <c r="Y4506" s="2">
        <v>7.6</v>
      </c>
      <c r="Z4506" s="2">
        <v>10.6</v>
      </c>
      <c r="AA4506" s="5"/>
      <c r="AB4506" s="5" t="s">
        <v>43</v>
      </c>
      <c r="AC4506" s="5" t="s">
        <v>44</v>
      </c>
      <c r="AD4506" s="2"/>
      <c r="AE4506" s="1"/>
    </row>
    <row r="4507" spans="1:31" ht="14.45">
      <c r="A4507" s="11"/>
      <c r="B4507" s="20"/>
      <c r="C4507" s="2" t="s">
        <v>13975</v>
      </c>
      <c r="D4507" s="14" t="s">
        <v>13976</v>
      </c>
      <c r="E4507" s="2" t="s">
        <v>13977</v>
      </c>
      <c r="F4507" s="2" t="s">
        <v>7204</v>
      </c>
      <c r="G4507" s="8">
        <v>176</v>
      </c>
      <c r="H4507" s="5">
        <v>5</v>
      </c>
      <c r="I4507" s="5" t="s">
        <v>1518</v>
      </c>
      <c r="J4507" s="5" t="s">
        <v>1519</v>
      </c>
      <c r="K4507" s="2" t="s">
        <v>1520</v>
      </c>
      <c r="L4507" s="5" t="s">
        <v>1519</v>
      </c>
      <c r="M4507" s="2" t="s">
        <v>1520</v>
      </c>
      <c r="N4507" s="5" t="s">
        <v>1521</v>
      </c>
      <c r="O4507" s="5" t="s">
        <v>38</v>
      </c>
      <c r="P4507" s="5" t="s">
        <v>39</v>
      </c>
      <c r="Q4507" s="5" t="s">
        <v>40</v>
      </c>
      <c r="R4507" s="5" t="s">
        <v>1522</v>
      </c>
      <c r="S4507" s="5" t="s">
        <v>1523</v>
      </c>
      <c r="T4507" s="5" t="s">
        <v>42</v>
      </c>
      <c r="U4507" s="2">
        <v>2.7970000000000002</v>
      </c>
      <c r="V4507" s="2">
        <v>2.3889999999999998</v>
      </c>
      <c r="W4507" s="2">
        <v>1.2999999999999999E-2</v>
      </c>
      <c r="X4507" s="2">
        <v>159.1</v>
      </c>
      <c r="Y4507" s="2">
        <v>7.6</v>
      </c>
      <c r="Z4507" s="2">
        <v>10.6</v>
      </c>
      <c r="AA4507" s="5"/>
      <c r="AB4507" s="5" t="s">
        <v>43</v>
      </c>
      <c r="AC4507" s="5" t="s">
        <v>44</v>
      </c>
      <c r="AD4507" s="2"/>
      <c r="AE4507" s="1"/>
    </row>
    <row r="4508" spans="1:31" ht="14.45">
      <c r="A4508" s="11"/>
      <c r="B4508" s="20"/>
      <c r="C4508" s="2" t="s">
        <v>13978</v>
      </c>
      <c r="D4508" s="14" t="s">
        <v>13979</v>
      </c>
      <c r="E4508" s="2" t="s">
        <v>13980</v>
      </c>
      <c r="F4508" s="2" t="s">
        <v>7514</v>
      </c>
      <c r="G4508" s="8">
        <v>176</v>
      </c>
      <c r="H4508" s="5">
        <v>5</v>
      </c>
      <c r="I4508" s="5" t="s">
        <v>1518</v>
      </c>
      <c r="J4508" s="5" t="s">
        <v>1519</v>
      </c>
      <c r="K4508" s="2" t="s">
        <v>1520</v>
      </c>
      <c r="L4508" s="5" t="s">
        <v>1519</v>
      </c>
      <c r="M4508" s="2" t="s">
        <v>1520</v>
      </c>
      <c r="N4508" s="5" t="s">
        <v>1521</v>
      </c>
      <c r="O4508" s="5" t="s">
        <v>38</v>
      </c>
      <c r="P4508" s="5" t="s">
        <v>39</v>
      </c>
      <c r="Q4508" s="5" t="s">
        <v>40</v>
      </c>
      <c r="R4508" s="5" t="s">
        <v>1522</v>
      </c>
      <c r="S4508" s="5" t="s">
        <v>1523</v>
      </c>
      <c r="T4508" s="5" t="s">
        <v>42</v>
      </c>
      <c r="U4508" s="2">
        <v>2.8639999999999999</v>
      </c>
      <c r="V4508" s="2">
        <v>2.456</v>
      </c>
      <c r="W4508" s="2">
        <v>1.2999999999999999E-2</v>
      </c>
      <c r="X4508" s="2">
        <v>159.1</v>
      </c>
      <c r="Y4508" s="2">
        <v>7.6</v>
      </c>
      <c r="Z4508" s="2">
        <v>10.6</v>
      </c>
      <c r="AA4508" s="5"/>
      <c r="AB4508" s="5" t="s">
        <v>43</v>
      </c>
      <c r="AC4508" s="5" t="s">
        <v>44</v>
      </c>
      <c r="AD4508" s="2"/>
      <c r="AE4508" s="1"/>
    </row>
    <row r="4509" spans="1:31" ht="14.45">
      <c r="A4509" s="11"/>
      <c r="B4509" s="20"/>
      <c r="C4509" s="2" t="s">
        <v>13981</v>
      </c>
      <c r="D4509" s="14" t="s">
        <v>13982</v>
      </c>
      <c r="E4509" s="2" t="s">
        <v>13983</v>
      </c>
      <c r="F4509" s="2" t="s">
        <v>7208</v>
      </c>
      <c r="G4509" s="8">
        <v>176</v>
      </c>
      <c r="H4509" s="5">
        <v>5</v>
      </c>
      <c r="I4509" s="5" t="s">
        <v>1518</v>
      </c>
      <c r="J4509" s="5" t="s">
        <v>1519</v>
      </c>
      <c r="K4509" s="2" t="s">
        <v>1520</v>
      </c>
      <c r="L4509" s="5" t="s">
        <v>1519</v>
      </c>
      <c r="M4509" s="2" t="s">
        <v>1520</v>
      </c>
      <c r="N4509" s="5" t="s">
        <v>1521</v>
      </c>
      <c r="O4509" s="5" t="s">
        <v>38</v>
      </c>
      <c r="P4509" s="5" t="s">
        <v>39</v>
      </c>
      <c r="Q4509" s="5" t="s">
        <v>40</v>
      </c>
      <c r="R4509" s="5" t="s">
        <v>1522</v>
      </c>
      <c r="S4509" s="5" t="s">
        <v>1523</v>
      </c>
      <c r="T4509" s="5" t="s">
        <v>42</v>
      </c>
      <c r="U4509" s="2">
        <v>2.7970000000000002</v>
      </c>
      <c r="V4509" s="2">
        <v>2.3889999999999998</v>
      </c>
      <c r="W4509" s="2">
        <v>1.2999999999999999E-2</v>
      </c>
      <c r="X4509" s="2">
        <v>159.1</v>
      </c>
      <c r="Y4509" s="2">
        <v>7.6</v>
      </c>
      <c r="Z4509" s="2">
        <v>10.6</v>
      </c>
      <c r="AA4509" s="5"/>
      <c r="AB4509" s="5" t="s">
        <v>43</v>
      </c>
      <c r="AC4509" s="5" t="s">
        <v>44</v>
      </c>
      <c r="AD4509" s="2"/>
      <c r="AE4509" s="1"/>
    </row>
    <row r="4510" spans="1:31" ht="14.45">
      <c r="A4510" s="11"/>
      <c r="B4510" s="20"/>
      <c r="C4510" s="2" t="s">
        <v>13984</v>
      </c>
      <c r="D4510" s="14" t="s">
        <v>13985</v>
      </c>
      <c r="E4510" s="2" t="s">
        <v>13986</v>
      </c>
      <c r="F4510" s="2" t="s">
        <v>7521</v>
      </c>
      <c r="G4510" s="8">
        <v>176</v>
      </c>
      <c r="H4510" s="5">
        <v>5</v>
      </c>
      <c r="I4510" s="5" t="s">
        <v>1518</v>
      </c>
      <c r="J4510" s="5" t="s">
        <v>1519</v>
      </c>
      <c r="K4510" s="2" t="s">
        <v>1520</v>
      </c>
      <c r="L4510" s="5" t="s">
        <v>1519</v>
      </c>
      <c r="M4510" s="2" t="s">
        <v>1520</v>
      </c>
      <c r="N4510" s="5" t="s">
        <v>1521</v>
      </c>
      <c r="O4510" s="5" t="s">
        <v>38</v>
      </c>
      <c r="P4510" s="5" t="s">
        <v>39</v>
      </c>
      <c r="Q4510" s="5" t="s">
        <v>40</v>
      </c>
      <c r="R4510" s="5" t="s">
        <v>1522</v>
      </c>
      <c r="S4510" s="5" t="s">
        <v>1523</v>
      </c>
      <c r="T4510" s="5" t="s">
        <v>42</v>
      </c>
      <c r="U4510" s="2">
        <v>2.8639999999999999</v>
      </c>
      <c r="V4510" s="2">
        <v>2.456</v>
      </c>
      <c r="W4510" s="2">
        <v>1.2999999999999999E-2</v>
      </c>
      <c r="X4510" s="2">
        <v>159.1</v>
      </c>
      <c r="Y4510" s="2">
        <v>7.6</v>
      </c>
      <c r="Z4510" s="2">
        <v>10.6</v>
      </c>
      <c r="AA4510" s="5"/>
      <c r="AB4510" s="5" t="s">
        <v>43</v>
      </c>
      <c r="AC4510" s="5" t="s">
        <v>44</v>
      </c>
      <c r="AD4510" s="2"/>
      <c r="AE4510" s="1"/>
    </row>
    <row r="4511" spans="1:31" ht="14.45">
      <c r="A4511" s="11"/>
      <c r="B4511" s="20"/>
      <c r="C4511" s="2" t="s">
        <v>13987</v>
      </c>
      <c r="D4511" s="14" t="s">
        <v>13988</v>
      </c>
      <c r="E4511" s="2" t="s">
        <v>13989</v>
      </c>
      <c r="F4511" s="2" t="s">
        <v>7212</v>
      </c>
      <c r="G4511" s="8">
        <v>176</v>
      </c>
      <c r="H4511" s="5">
        <v>5</v>
      </c>
      <c r="I4511" s="5" t="s">
        <v>1518</v>
      </c>
      <c r="J4511" s="5" t="s">
        <v>1519</v>
      </c>
      <c r="K4511" s="2" t="s">
        <v>1520</v>
      </c>
      <c r="L4511" s="5" t="s">
        <v>1519</v>
      </c>
      <c r="M4511" s="2" t="s">
        <v>1520</v>
      </c>
      <c r="N4511" s="5" t="s">
        <v>1521</v>
      </c>
      <c r="O4511" s="5" t="s">
        <v>38</v>
      </c>
      <c r="P4511" s="5" t="s">
        <v>39</v>
      </c>
      <c r="Q4511" s="5" t="s">
        <v>40</v>
      </c>
      <c r="R4511" s="5" t="s">
        <v>1522</v>
      </c>
      <c r="S4511" s="5" t="s">
        <v>1523</v>
      </c>
      <c r="T4511" s="5" t="s">
        <v>42</v>
      </c>
      <c r="U4511" s="2">
        <v>2.7450000000000001</v>
      </c>
      <c r="V4511" s="2">
        <v>2.3370000000000002</v>
      </c>
      <c r="W4511" s="2">
        <v>1.2999999999999999E-2</v>
      </c>
      <c r="X4511" s="2">
        <v>159.1</v>
      </c>
      <c r="Y4511" s="2">
        <v>7.6</v>
      </c>
      <c r="Z4511" s="2">
        <v>10.6</v>
      </c>
      <c r="AA4511" s="5"/>
      <c r="AB4511" s="5" t="s">
        <v>43</v>
      </c>
      <c r="AC4511" s="5" t="s">
        <v>44</v>
      </c>
      <c r="AD4511" s="2"/>
      <c r="AE4511" s="1"/>
    </row>
    <row r="4512" spans="1:31" ht="14.45">
      <c r="A4512" s="11"/>
      <c r="B4512" s="20"/>
      <c r="C4512" s="2" t="s">
        <v>13990</v>
      </c>
      <c r="D4512" s="14" t="s">
        <v>13991</v>
      </c>
      <c r="E4512" s="2" t="s">
        <v>13992</v>
      </c>
      <c r="F4512" s="2" t="s">
        <v>7528</v>
      </c>
      <c r="G4512" s="8">
        <v>176</v>
      </c>
      <c r="H4512" s="5">
        <v>5</v>
      </c>
      <c r="I4512" s="5" t="s">
        <v>1518</v>
      </c>
      <c r="J4512" s="5" t="s">
        <v>1519</v>
      </c>
      <c r="K4512" s="2" t="s">
        <v>1520</v>
      </c>
      <c r="L4512" s="5" t="s">
        <v>1519</v>
      </c>
      <c r="M4512" s="2" t="s">
        <v>1520</v>
      </c>
      <c r="N4512" s="5" t="s">
        <v>1521</v>
      </c>
      <c r="O4512" s="5" t="s">
        <v>38</v>
      </c>
      <c r="P4512" s="5" t="s">
        <v>39</v>
      </c>
      <c r="Q4512" s="5" t="s">
        <v>40</v>
      </c>
      <c r="R4512" s="5" t="s">
        <v>1522</v>
      </c>
      <c r="S4512" s="5" t="s">
        <v>1523</v>
      </c>
      <c r="T4512" s="5" t="s">
        <v>42</v>
      </c>
      <c r="U4512" s="2">
        <v>2.8119999999999998</v>
      </c>
      <c r="V4512" s="2">
        <v>2.4039999999999999</v>
      </c>
      <c r="W4512" s="2">
        <v>1.2999999999999999E-2</v>
      </c>
      <c r="X4512" s="2">
        <v>159.1</v>
      </c>
      <c r="Y4512" s="2">
        <v>7.6</v>
      </c>
      <c r="Z4512" s="2">
        <v>10.6</v>
      </c>
      <c r="AA4512" s="5"/>
      <c r="AB4512" s="5" t="s">
        <v>43</v>
      </c>
      <c r="AC4512" s="5" t="s">
        <v>44</v>
      </c>
      <c r="AD4512" s="2"/>
      <c r="AE4512" s="1"/>
    </row>
    <row r="4513" spans="1:31" ht="14.45">
      <c r="A4513" s="11"/>
      <c r="B4513" s="20"/>
      <c r="C4513" s="2" t="s">
        <v>13993</v>
      </c>
      <c r="D4513" s="14" t="s">
        <v>13994</v>
      </c>
      <c r="E4513" s="2" t="s">
        <v>13995</v>
      </c>
      <c r="F4513" s="2" t="s">
        <v>7406</v>
      </c>
      <c r="G4513" s="8">
        <v>202</v>
      </c>
      <c r="H4513" s="5">
        <v>6</v>
      </c>
      <c r="I4513" s="5" t="s">
        <v>1518</v>
      </c>
      <c r="J4513" s="5" t="s">
        <v>1519</v>
      </c>
      <c r="K4513" s="2" t="s">
        <v>1520</v>
      </c>
      <c r="L4513" s="5" t="s">
        <v>1519</v>
      </c>
      <c r="M4513" s="2" t="s">
        <v>1520</v>
      </c>
      <c r="N4513" s="5" t="s">
        <v>1521</v>
      </c>
      <c r="O4513" s="5" t="s">
        <v>38</v>
      </c>
      <c r="P4513" s="5" t="s">
        <v>39</v>
      </c>
      <c r="Q4513" s="5" t="s">
        <v>40</v>
      </c>
      <c r="R4513" s="5" t="s">
        <v>1522</v>
      </c>
      <c r="S4513" s="5" t="s">
        <v>1523</v>
      </c>
      <c r="T4513" s="5" t="s">
        <v>42</v>
      </c>
      <c r="U4513" s="2">
        <v>2.7450000000000001</v>
      </c>
      <c r="V4513" s="2">
        <v>2.3370000000000002</v>
      </c>
      <c r="W4513" s="2">
        <v>1.2999999999999999E-2</v>
      </c>
      <c r="X4513" s="2">
        <v>159.1</v>
      </c>
      <c r="Y4513" s="2">
        <v>7.6</v>
      </c>
      <c r="Z4513" s="2">
        <v>10.6</v>
      </c>
      <c r="AA4513" s="5"/>
      <c r="AB4513" s="5" t="s">
        <v>43</v>
      </c>
      <c r="AC4513" s="5" t="s">
        <v>44</v>
      </c>
      <c r="AD4513" s="2"/>
      <c r="AE4513" s="1"/>
    </row>
    <row r="4514" spans="1:31" ht="14.45">
      <c r="A4514" s="11"/>
      <c r="B4514" s="20"/>
      <c r="C4514" s="2" t="s">
        <v>13996</v>
      </c>
      <c r="D4514" s="14" t="s">
        <v>13997</v>
      </c>
      <c r="E4514" s="2" t="s">
        <v>13998</v>
      </c>
      <c r="F4514" s="2" t="s">
        <v>7535</v>
      </c>
      <c r="G4514" s="8">
        <v>202</v>
      </c>
      <c r="H4514" s="5">
        <v>6</v>
      </c>
      <c r="I4514" s="5" t="s">
        <v>1518</v>
      </c>
      <c r="J4514" s="5" t="s">
        <v>1519</v>
      </c>
      <c r="K4514" s="2" t="s">
        <v>1520</v>
      </c>
      <c r="L4514" s="5" t="s">
        <v>1519</v>
      </c>
      <c r="M4514" s="2" t="s">
        <v>1520</v>
      </c>
      <c r="N4514" s="5" t="s">
        <v>1521</v>
      </c>
      <c r="O4514" s="5" t="s">
        <v>38</v>
      </c>
      <c r="P4514" s="5" t="s">
        <v>39</v>
      </c>
      <c r="Q4514" s="5" t="s">
        <v>40</v>
      </c>
      <c r="R4514" s="5" t="s">
        <v>1522</v>
      </c>
      <c r="S4514" s="5" t="s">
        <v>1523</v>
      </c>
      <c r="T4514" s="5" t="s">
        <v>42</v>
      </c>
      <c r="U4514" s="2">
        <v>2.8119999999999998</v>
      </c>
      <c r="V4514" s="2">
        <v>2.4039999999999999</v>
      </c>
      <c r="W4514" s="2">
        <v>1.2999999999999999E-2</v>
      </c>
      <c r="X4514" s="2">
        <v>159.1</v>
      </c>
      <c r="Y4514" s="2">
        <v>7.6</v>
      </c>
      <c r="Z4514" s="2">
        <v>10.6</v>
      </c>
      <c r="AA4514" s="5"/>
      <c r="AB4514" s="5" t="s">
        <v>43</v>
      </c>
      <c r="AC4514" s="5" t="s">
        <v>44</v>
      </c>
      <c r="AD4514" s="2"/>
      <c r="AE4514" s="1"/>
    </row>
    <row r="4515" spans="1:31" ht="14.45">
      <c r="A4515" s="11"/>
      <c r="B4515" s="20"/>
      <c r="C4515" s="2" t="s">
        <v>13999</v>
      </c>
      <c r="D4515" s="14" t="s">
        <v>14000</v>
      </c>
      <c r="E4515" s="2" t="s">
        <v>14001</v>
      </c>
      <c r="F4515" s="2" t="s">
        <v>7539</v>
      </c>
      <c r="G4515" s="8">
        <v>202</v>
      </c>
      <c r="H4515" s="5">
        <v>6</v>
      </c>
      <c r="I4515" s="5" t="s">
        <v>1518</v>
      </c>
      <c r="J4515" s="5" t="s">
        <v>1519</v>
      </c>
      <c r="K4515" s="2" t="s">
        <v>1520</v>
      </c>
      <c r="L4515" s="5" t="s">
        <v>1519</v>
      </c>
      <c r="M4515" s="2" t="s">
        <v>1520</v>
      </c>
      <c r="N4515" s="5" t="s">
        <v>1521</v>
      </c>
      <c r="O4515" s="5" t="s">
        <v>38</v>
      </c>
      <c r="P4515" s="5" t="s">
        <v>39</v>
      </c>
      <c r="Q4515" s="5" t="s">
        <v>40</v>
      </c>
      <c r="R4515" s="5" t="s">
        <v>1522</v>
      </c>
      <c r="S4515" s="5" t="s">
        <v>1523</v>
      </c>
      <c r="T4515" s="5" t="s">
        <v>42</v>
      </c>
      <c r="U4515" s="2">
        <v>2.7970000000000002</v>
      </c>
      <c r="V4515" s="2">
        <v>2.3889999999999998</v>
      </c>
      <c r="W4515" s="2">
        <v>1.2999999999999999E-2</v>
      </c>
      <c r="X4515" s="2">
        <v>159.1</v>
      </c>
      <c r="Y4515" s="2">
        <v>7.6</v>
      </c>
      <c r="Z4515" s="2">
        <v>10.6</v>
      </c>
      <c r="AA4515" s="5"/>
      <c r="AB4515" s="5" t="s">
        <v>43</v>
      </c>
      <c r="AC4515" s="5" t="s">
        <v>44</v>
      </c>
      <c r="AD4515" s="2"/>
      <c r="AE4515" s="1"/>
    </row>
    <row r="4516" spans="1:31" ht="14.45">
      <c r="A4516" s="11"/>
      <c r="B4516" s="20"/>
      <c r="C4516" s="2" t="s">
        <v>14002</v>
      </c>
      <c r="D4516" s="14" t="s">
        <v>14003</v>
      </c>
      <c r="E4516" s="2" t="s">
        <v>14004</v>
      </c>
      <c r="F4516" s="2" t="s">
        <v>7543</v>
      </c>
      <c r="G4516" s="8">
        <v>202</v>
      </c>
      <c r="H4516" s="5">
        <v>6</v>
      </c>
      <c r="I4516" s="5" t="s">
        <v>1518</v>
      </c>
      <c r="J4516" s="5" t="s">
        <v>1519</v>
      </c>
      <c r="K4516" s="2" t="s">
        <v>1520</v>
      </c>
      <c r="L4516" s="5" t="s">
        <v>1519</v>
      </c>
      <c r="M4516" s="2" t="s">
        <v>1520</v>
      </c>
      <c r="N4516" s="5" t="s">
        <v>1521</v>
      </c>
      <c r="O4516" s="5" t="s">
        <v>38</v>
      </c>
      <c r="P4516" s="5" t="s">
        <v>39</v>
      </c>
      <c r="Q4516" s="5" t="s">
        <v>40</v>
      </c>
      <c r="R4516" s="5" t="s">
        <v>1522</v>
      </c>
      <c r="S4516" s="5" t="s">
        <v>1523</v>
      </c>
      <c r="T4516" s="5" t="s">
        <v>42</v>
      </c>
      <c r="U4516" s="2">
        <v>2.8639999999999999</v>
      </c>
      <c r="V4516" s="2">
        <v>2.456</v>
      </c>
      <c r="W4516" s="2">
        <v>1.2999999999999999E-2</v>
      </c>
      <c r="X4516" s="2">
        <v>159.1</v>
      </c>
      <c r="Y4516" s="2">
        <v>7.6</v>
      </c>
      <c r="Z4516" s="2">
        <v>10.6</v>
      </c>
      <c r="AA4516" s="5"/>
      <c r="AB4516" s="5" t="s">
        <v>43</v>
      </c>
      <c r="AC4516" s="5" t="s">
        <v>44</v>
      </c>
      <c r="AD4516" s="2"/>
      <c r="AE4516" s="1"/>
    </row>
    <row r="4517" spans="1:31" ht="14.45">
      <c r="A4517" s="11"/>
      <c r="B4517" s="20"/>
      <c r="C4517" s="2" t="s">
        <v>14005</v>
      </c>
      <c r="D4517" s="14" t="s">
        <v>14006</v>
      </c>
      <c r="E4517" s="2" t="s">
        <v>14007</v>
      </c>
      <c r="F4517" s="2" t="s">
        <v>7547</v>
      </c>
      <c r="G4517" s="8">
        <v>202</v>
      </c>
      <c r="H4517" s="5">
        <v>6</v>
      </c>
      <c r="I4517" s="5" t="s">
        <v>1518</v>
      </c>
      <c r="J4517" s="5" t="s">
        <v>1519</v>
      </c>
      <c r="K4517" s="2" t="s">
        <v>1520</v>
      </c>
      <c r="L4517" s="5" t="s">
        <v>1519</v>
      </c>
      <c r="M4517" s="2" t="s">
        <v>1520</v>
      </c>
      <c r="N4517" s="5" t="s">
        <v>1521</v>
      </c>
      <c r="O4517" s="5" t="s">
        <v>38</v>
      </c>
      <c r="P4517" s="5" t="s">
        <v>39</v>
      </c>
      <c r="Q4517" s="5" t="s">
        <v>40</v>
      </c>
      <c r="R4517" s="5" t="s">
        <v>1522</v>
      </c>
      <c r="S4517" s="5" t="s">
        <v>1523</v>
      </c>
      <c r="T4517" s="5" t="s">
        <v>42</v>
      </c>
      <c r="U4517" s="2">
        <v>2.7450000000000001</v>
      </c>
      <c r="V4517" s="2">
        <v>2.3370000000000002</v>
      </c>
      <c r="W4517" s="2">
        <v>1.2999999999999999E-2</v>
      </c>
      <c r="X4517" s="2">
        <v>159.1</v>
      </c>
      <c r="Y4517" s="2">
        <v>7.6</v>
      </c>
      <c r="Z4517" s="2">
        <v>10.6</v>
      </c>
      <c r="AA4517" s="5"/>
      <c r="AB4517" s="5" t="s">
        <v>43</v>
      </c>
      <c r="AC4517" s="5" t="s">
        <v>44</v>
      </c>
      <c r="AD4517" s="2"/>
      <c r="AE4517" s="1"/>
    </row>
    <row r="4518" spans="1:31" ht="14.45">
      <c r="A4518" s="11"/>
      <c r="B4518" s="20"/>
      <c r="C4518" s="2" t="s">
        <v>14008</v>
      </c>
      <c r="D4518" s="14" t="s">
        <v>14009</v>
      </c>
      <c r="E4518" s="2" t="s">
        <v>14010</v>
      </c>
      <c r="F4518" s="2" t="s">
        <v>7551</v>
      </c>
      <c r="G4518" s="8">
        <v>202</v>
      </c>
      <c r="H4518" s="5">
        <v>6</v>
      </c>
      <c r="I4518" s="5" t="s">
        <v>1518</v>
      </c>
      <c r="J4518" s="5" t="s">
        <v>1519</v>
      </c>
      <c r="K4518" s="2" t="s">
        <v>1520</v>
      </c>
      <c r="L4518" s="5" t="s">
        <v>1519</v>
      </c>
      <c r="M4518" s="2" t="s">
        <v>1520</v>
      </c>
      <c r="N4518" s="5" t="s">
        <v>1521</v>
      </c>
      <c r="O4518" s="5" t="s">
        <v>38</v>
      </c>
      <c r="P4518" s="5" t="s">
        <v>39</v>
      </c>
      <c r="Q4518" s="5" t="s">
        <v>40</v>
      </c>
      <c r="R4518" s="5" t="s">
        <v>1522</v>
      </c>
      <c r="S4518" s="5" t="s">
        <v>1523</v>
      </c>
      <c r="T4518" s="5" t="s">
        <v>42</v>
      </c>
      <c r="U4518" s="2">
        <v>2.8119999999999998</v>
      </c>
      <c r="V4518" s="2">
        <v>2.4039999999999999</v>
      </c>
      <c r="W4518" s="2">
        <v>1.2999999999999999E-2</v>
      </c>
      <c r="X4518" s="2">
        <v>159.1</v>
      </c>
      <c r="Y4518" s="2">
        <v>7.6</v>
      </c>
      <c r="Z4518" s="2">
        <v>10.6</v>
      </c>
      <c r="AA4518" s="5"/>
      <c r="AB4518" s="5" t="s">
        <v>43</v>
      </c>
      <c r="AC4518" s="5" t="s">
        <v>44</v>
      </c>
      <c r="AD4518" s="2"/>
      <c r="AE4518" s="1"/>
    </row>
    <row r="4519" spans="1:31" ht="14.45">
      <c r="A4519" s="11"/>
      <c r="B4519" s="20"/>
      <c r="C4519" s="2" t="s">
        <v>14011</v>
      </c>
      <c r="D4519" s="14" t="s">
        <v>14012</v>
      </c>
      <c r="E4519" s="2" t="s">
        <v>14013</v>
      </c>
      <c r="F4519" s="2" t="s">
        <v>7555</v>
      </c>
      <c r="G4519" s="8">
        <v>202</v>
      </c>
      <c r="H4519" s="5">
        <v>6</v>
      </c>
      <c r="I4519" s="5" t="s">
        <v>1518</v>
      </c>
      <c r="J4519" s="5" t="s">
        <v>1519</v>
      </c>
      <c r="K4519" s="2" t="s">
        <v>1520</v>
      </c>
      <c r="L4519" s="5" t="s">
        <v>1519</v>
      </c>
      <c r="M4519" s="2" t="s">
        <v>1520</v>
      </c>
      <c r="N4519" s="5" t="s">
        <v>1521</v>
      </c>
      <c r="O4519" s="5" t="s">
        <v>38</v>
      </c>
      <c r="P4519" s="5" t="s">
        <v>39</v>
      </c>
      <c r="Q4519" s="5" t="s">
        <v>40</v>
      </c>
      <c r="R4519" s="5" t="s">
        <v>1522</v>
      </c>
      <c r="S4519" s="5" t="s">
        <v>1523</v>
      </c>
      <c r="T4519" s="5" t="s">
        <v>42</v>
      </c>
      <c r="U4519" s="2">
        <v>2.7450000000000001</v>
      </c>
      <c r="V4519" s="2">
        <v>2.3370000000000002</v>
      </c>
      <c r="W4519" s="2">
        <v>1.2999999999999999E-2</v>
      </c>
      <c r="X4519" s="2">
        <v>159.1</v>
      </c>
      <c r="Y4519" s="2">
        <v>7.6</v>
      </c>
      <c r="Z4519" s="2">
        <v>10.6</v>
      </c>
      <c r="AA4519" s="5"/>
      <c r="AB4519" s="5" t="s">
        <v>43</v>
      </c>
      <c r="AC4519" s="5" t="s">
        <v>44</v>
      </c>
      <c r="AD4519" s="2"/>
      <c r="AE4519" s="1"/>
    </row>
    <row r="4520" spans="1:31" ht="14.45">
      <c r="A4520" s="11"/>
      <c r="B4520" s="20"/>
      <c r="C4520" s="2" t="s">
        <v>14014</v>
      </c>
      <c r="D4520" s="14" t="s">
        <v>14015</v>
      </c>
      <c r="E4520" s="2" t="s">
        <v>14016</v>
      </c>
      <c r="F4520" s="2" t="s">
        <v>7559</v>
      </c>
      <c r="G4520" s="8">
        <v>202</v>
      </c>
      <c r="H4520" s="5">
        <v>6</v>
      </c>
      <c r="I4520" s="5" t="s">
        <v>1518</v>
      </c>
      <c r="J4520" s="5" t="s">
        <v>1519</v>
      </c>
      <c r="K4520" s="2" t="s">
        <v>1520</v>
      </c>
      <c r="L4520" s="5" t="s">
        <v>1519</v>
      </c>
      <c r="M4520" s="2" t="s">
        <v>1520</v>
      </c>
      <c r="N4520" s="5" t="s">
        <v>1521</v>
      </c>
      <c r="O4520" s="5" t="s">
        <v>38</v>
      </c>
      <c r="P4520" s="5" t="s">
        <v>39</v>
      </c>
      <c r="Q4520" s="5" t="s">
        <v>40</v>
      </c>
      <c r="R4520" s="5" t="s">
        <v>1522</v>
      </c>
      <c r="S4520" s="5" t="s">
        <v>1523</v>
      </c>
      <c r="T4520" s="5" t="s">
        <v>42</v>
      </c>
      <c r="U4520" s="2">
        <v>2.8119999999999998</v>
      </c>
      <c r="V4520" s="2">
        <v>2.4039999999999999</v>
      </c>
      <c r="W4520" s="2">
        <v>1.2999999999999999E-2</v>
      </c>
      <c r="X4520" s="2">
        <v>159.1</v>
      </c>
      <c r="Y4520" s="2">
        <v>7.6</v>
      </c>
      <c r="Z4520" s="2">
        <v>10.6</v>
      </c>
      <c r="AA4520" s="5"/>
      <c r="AB4520" s="5" t="s">
        <v>43</v>
      </c>
      <c r="AC4520" s="5" t="s">
        <v>44</v>
      </c>
      <c r="AD4520" s="2"/>
      <c r="AE4520" s="1"/>
    </row>
    <row r="4521" spans="1:31" ht="14.45">
      <c r="A4521" s="11"/>
      <c r="B4521" s="20"/>
      <c r="C4521" s="2" t="s">
        <v>14017</v>
      </c>
      <c r="D4521" s="14" t="s">
        <v>14018</v>
      </c>
      <c r="E4521" s="2" t="s">
        <v>14019</v>
      </c>
      <c r="F4521" s="2" t="s">
        <v>7563</v>
      </c>
      <c r="G4521" s="8">
        <v>202</v>
      </c>
      <c r="H4521" s="5">
        <v>6</v>
      </c>
      <c r="I4521" s="5" t="s">
        <v>1518</v>
      </c>
      <c r="J4521" s="5" t="s">
        <v>1519</v>
      </c>
      <c r="K4521" s="2" t="s">
        <v>1520</v>
      </c>
      <c r="L4521" s="5" t="s">
        <v>1519</v>
      </c>
      <c r="M4521" s="2" t="s">
        <v>1520</v>
      </c>
      <c r="N4521" s="5" t="s">
        <v>1521</v>
      </c>
      <c r="O4521" s="5" t="s">
        <v>38</v>
      </c>
      <c r="P4521" s="5" t="s">
        <v>39</v>
      </c>
      <c r="Q4521" s="5" t="s">
        <v>40</v>
      </c>
      <c r="R4521" s="5" t="s">
        <v>1522</v>
      </c>
      <c r="S4521" s="5" t="s">
        <v>1523</v>
      </c>
      <c r="T4521" s="5" t="s">
        <v>42</v>
      </c>
      <c r="U4521" s="2">
        <v>2.7970000000000002</v>
      </c>
      <c r="V4521" s="2">
        <v>2.3889999999999998</v>
      </c>
      <c r="W4521" s="2">
        <v>1.2999999999999999E-2</v>
      </c>
      <c r="X4521" s="2">
        <v>159.1</v>
      </c>
      <c r="Y4521" s="2">
        <v>7.6</v>
      </c>
      <c r="Z4521" s="2">
        <v>10.6</v>
      </c>
      <c r="AA4521" s="5"/>
      <c r="AB4521" s="5" t="s">
        <v>43</v>
      </c>
      <c r="AC4521" s="5" t="s">
        <v>44</v>
      </c>
      <c r="AD4521" s="2"/>
      <c r="AE4521" s="1"/>
    </row>
    <row r="4522" spans="1:31" ht="14.45">
      <c r="A4522" s="11"/>
      <c r="B4522" s="20"/>
      <c r="C4522" s="2" t="s">
        <v>14020</v>
      </c>
      <c r="D4522" s="14" t="s">
        <v>14021</v>
      </c>
      <c r="E4522" s="2" t="s">
        <v>14022</v>
      </c>
      <c r="F4522" s="2" t="s">
        <v>7567</v>
      </c>
      <c r="G4522" s="8">
        <v>202</v>
      </c>
      <c r="H4522" s="5">
        <v>6</v>
      </c>
      <c r="I4522" s="5" t="s">
        <v>1518</v>
      </c>
      <c r="J4522" s="5" t="s">
        <v>1519</v>
      </c>
      <c r="K4522" s="2" t="s">
        <v>1520</v>
      </c>
      <c r="L4522" s="5" t="s">
        <v>1519</v>
      </c>
      <c r="M4522" s="2" t="s">
        <v>1520</v>
      </c>
      <c r="N4522" s="5" t="s">
        <v>1521</v>
      </c>
      <c r="O4522" s="5" t="s">
        <v>38</v>
      </c>
      <c r="P4522" s="5" t="s">
        <v>39</v>
      </c>
      <c r="Q4522" s="5" t="s">
        <v>40</v>
      </c>
      <c r="R4522" s="5" t="s">
        <v>1522</v>
      </c>
      <c r="S4522" s="5" t="s">
        <v>1523</v>
      </c>
      <c r="T4522" s="5" t="s">
        <v>42</v>
      </c>
      <c r="U4522" s="2">
        <v>2.8639999999999999</v>
      </c>
      <c r="V4522" s="2">
        <v>2.456</v>
      </c>
      <c r="W4522" s="2">
        <v>1.2999999999999999E-2</v>
      </c>
      <c r="X4522" s="2">
        <v>159.1</v>
      </c>
      <c r="Y4522" s="2">
        <v>7.6</v>
      </c>
      <c r="Z4522" s="2">
        <v>10.6</v>
      </c>
      <c r="AA4522" s="5"/>
      <c r="AB4522" s="5" t="s">
        <v>43</v>
      </c>
      <c r="AC4522" s="5" t="s">
        <v>44</v>
      </c>
      <c r="AD4522" s="2"/>
      <c r="AE4522" s="1"/>
    </row>
    <row r="4523" spans="1:31" ht="14.45">
      <c r="A4523" s="11"/>
      <c r="B4523" s="20"/>
      <c r="C4523" s="2" t="s">
        <v>14023</v>
      </c>
      <c r="D4523" s="14" t="s">
        <v>14024</v>
      </c>
      <c r="E4523" s="2" t="s">
        <v>14025</v>
      </c>
      <c r="F4523" s="2" t="s">
        <v>7429</v>
      </c>
      <c r="G4523" s="8">
        <v>202</v>
      </c>
      <c r="H4523" s="5">
        <v>6</v>
      </c>
      <c r="I4523" s="5" t="s">
        <v>1518</v>
      </c>
      <c r="J4523" s="5" t="s">
        <v>1519</v>
      </c>
      <c r="K4523" s="2" t="s">
        <v>1520</v>
      </c>
      <c r="L4523" s="5" t="s">
        <v>1519</v>
      </c>
      <c r="M4523" s="2" t="s">
        <v>1520</v>
      </c>
      <c r="N4523" s="5" t="s">
        <v>1521</v>
      </c>
      <c r="O4523" s="5" t="s">
        <v>38</v>
      </c>
      <c r="P4523" s="5" t="s">
        <v>39</v>
      </c>
      <c r="Q4523" s="5" t="s">
        <v>40</v>
      </c>
      <c r="R4523" s="5" t="s">
        <v>1522</v>
      </c>
      <c r="S4523" s="5" t="s">
        <v>1523</v>
      </c>
      <c r="T4523" s="5" t="s">
        <v>42</v>
      </c>
      <c r="U4523" s="2">
        <v>2.7970000000000002</v>
      </c>
      <c r="V4523" s="2">
        <v>2.3889999999999998</v>
      </c>
      <c r="W4523" s="2">
        <v>1.2999999999999999E-2</v>
      </c>
      <c r="X4523" s="2">
        <v>159.1</v>
      </c>
      <c r="Y4523" s="2">
        <v>7.6</v>
      </c>
      <c r="Z4523" s="2">
        <v>10.6</v>
      </c>
      <c r="AA4523" s="5"/>
      <c r="AB4523" s="5" t="s">
        <v>43</v>
      </c>
      <c r="AC4523" s="5" t="s">
        <v>44</v>
      </c>
      <c r="AD4523" s="2"/>
      <c r="AE4523" s="1"/>
    </row>
    <row r="4524" spans="1:31" ht="14.45">
      <c r="A4524" s="11"/>
      <c r="B4524" s="20"/>
      <c r="C4524" s="2" t="s">
        <v>14026</v>
      </c>
      <c r="D4524" s="14" t="s">
        <v>14027</v>
      </c>
      <c r="E4524" s="2" t="s">
        <v>14028</v>
      </c>
      <c r="F4524" s="2" t="s">
        <v>7574</v>
      </c>
      <c r="G4524" s="8">
        <v>202</v>
      </c>
      <c r="H4524" s="5">
        <v>6</v>
      </c>
      <c r="I4524" s="5" t="s">
        <v>1518</v>
      </c>
      <c r="J4524" s="5" t="s">
        <v>1519</v>
      </c>
      <c r="K4524" s="2" t="s">
        <v>1520</v>
      </c>
      <c r="L4524" s="5" t="s">
        <v>1519</v>
      </c>
      <c r="M4524" s="2" t="s">
        <v>1520</v>
      </c>
      <c r="N4524" s="5" t="s">
        <v>1521</v>
      </c>
      <c r="O4524" s="5" t="s">
        <v>38</v>
      </c>
      <c r="P4524" s="5" t="s">
        <v>39</v>
      </c>
      <c r="Q4524" s="5" t="s">
        <v>40</v>
      </c>
      <c r="R4524" s="5" t="s">
        <v>1522</v>
      </c>
      <c r="S4524" s="5" t="s">
        <v>1523</v>
      </c>
      <c r="T4524" s="5" t="s">
        <v>42</v>
      </c>
      <c r="U4524" s="2">
        <v>2.8639999999999999</v>
      </c>
      <c r="V4524" s="2">
        <v>2.456</v>
      </c>
      <c r="W4524" s="2">
        <v>1.2999999999999999E-2</v>
      </c>
      <c r="X4524" s="2">
        <v>159.1</v>
      </c>
      <c r="Y4524" s="2">
        <v>7.6</v>
      </c>
      <c r="Z4524" s="2">
        <v>10.6</v>
      </c>
      <c r="AA4524" s="5"/>
      <c r="AB4524" s="5" t="s">
        <v>43</v>
      </c>
      <c r="AC4524" s="5" t="s">
        <v>44</v>
      </c>
      <c r="AD4524" s="2"/>
      <c r="AE4524" s="1"/>
    </row>
    <row r="4525" spans="1:31" ht="14.45">
      <c r="A4525" s="11"/>
      <c r="B4525" s="20"/>
      <c r="C4525" s="2" t="s">
        <v>14029</v>
      </c>
      <c r="D4525" s="14" t="s">
        <v>14030</v>
      </c>
      <c r="E4525" s="2" t="s">
        <v>14031</v>
      </c>
      <c r="F4525" s="2" t="s">
        <v>7449</v>
      </c>
      <c r="G4525" s="8">
        <v>202</v>
      </c>
      <c r="H4525" s="5">
        <v>6</v>
      </c>
      <c r="I4525" s="5" t="s">
        <v>1518</v>
      </c>
      <c r="J4525" s="5" t="s">
        <v>1519</v>
      </c>
      <c r="K4525" s="2" t="s">
        <v>1520</v>
      </c>
      <c r="L4525" s="5" t="s">
        <v>1519</v>
      </c>
      <c r="M4525" s="2" t="s">
        <v>1520</v>
      </c>
      <c r="N4525" s="5" t="s">
        <v>1521</v>
      </c>
      <c r="O4525" s="5" t="s">
        <v>38</v>
      </c>
      <c r="P4525" s="5" t="s">
        <v>39</v>
      </c>
      <c r="Q4525" s="5" t="s">
        <v>40</v>
      </c>
      <c r="R4525" s="5" t="s">
        <v>1522</v>
      </c>
      <c r="S4525" s="5" t="s">
        <v>1523</v>
      </c>
      <c r="T4525" s="5" t="s">
        <v>42</v>
      </c>
      <c r="U4525" s="2">
        <v>2.7970000000000002</v>
      </c>
      <c r="V4525" s="2">
        <v>2.3889999999999998</v>
      </c>
      <c r="W4525" s="2">
        <v>1.2999999999999999E-2</v>
      </c>
      <c r="X4525" s="2">
        <v>159.1</v>
      </c>
      <c r="Y4525" s="2">
        <v>7.6</v>
      </c>
      <c r="Z4525" s="2">
        <v>10.6</v>
      </c>
      <c r="AA4525" s="5"/>
      <c r="AB4525" s="5" t="s">
        <v>43</v>
      </c>
      <c r="AC4525" s="5" t="s">
        <v>44</v>
      </c>
      <c r="AD4525" s="2"/>
      <c r="AE4525" s="1"/>
    </row>
    <row r="4526" spans="1:31" ht="14.45">
      <c r="A4526" s="11"/>
      <c r="B4526" s="20"/>
      <c r="C4526" s="2" t="s">
        <v>14032</v>
      </c>
      <c r="D4526" s="14" t="s">
        <v>14033</v>
      </c>
      <c r="E4526" s="2" t="s">
        <v>14034</v>
      </c>
      <c r="F4526" s="2" t="s">
        <v>7581</v>
      </c>
      <c r="G4526" s="8">
        <v>202</v>
      </c>
      <c r="H4526" s="5">
        <v>6</v>
      </c>
      <c r="I4526" s="5" t="s">
        <v>1518</v>
      </c>
      <c r="J4526" s="5" t="s">
        <v>1519</v>
      </c>
      <c r="K4526" s="2" t="s">
        <v>1520</v>
      </c>
      <c r="L4526" s="5" t="s">
        <v>1519</v>
      </c>
      <c r="M4526" s="2" t="s">
        <v>1520</v>
      </c>
      <c r="N4526" s="5" t="s">
        <v>1521</v>
      </c>
      <c r="O4526" s="5" t="s">
        <v>38</v>
      </c>
      <c r="P4526" s="5" t="s">
        <v>39</v>
      </c>
      <c r="Q4526" s="5" t="s">
        <v>40</v>
      </c>
      <c r="R4526" s="5" t="s">
        <v>1522</v>
      </c>
      <c r="S4526" s="5" t="s">
        <v>1523</v>
      </c>
      <c r="T4526" s="5" t="s">
        <v>42</v>
      </c>
      <c r="U4526" s="2">
        <v>2.8639999999999999</v>
      </c>
      <c r="V4526" s="2">
        <v>2.456</v>
      </c>
      <c r="W4526" s="2">
        <v>1.2999999999999999E-2</v>
      </c>
      <c r="X4526" s="2">
        <v>159.1</v>
      </c>
      <c r="Y4526" s="2">
        <v>7.6</v>
      </c>
      <c r="Z4526" s="2">
        <v>10.6</v>
      </c>
      <c r="AA4526" s="5"/>
      <c r="AB4526" s="5" t="s">
        <v>43</v>
      </c>
      <c r="AC4526" s="5" t="s">
        <v>44</v>
      </c>
      <c r="AD4526" s="2"/>
      <c r="AE4526" s="1"/>
    </row>
    <row r="4527" spans="1:31" ht="14.45">
      <c r="A4527" s="11"/>
      <c r="B4527" s="20"/>
      <c r="C4527" s="2" t="s">
        <v>14035</v>
      </c>
      <c r="D4527" s="14" t="s">
        <v>14036</v>
      </c>
      <c r="E4527" s="2" t="s">
        <v>14037</v>
      </c>
      <c r="F4527" s="2" t="s">
        <v>7585</v>
      </c>
      <c r="G4527" s="8">
        <v>202</v>
      </c>
      <c r="H4527" s="5">
        <v>6</v>
      </c>
      <c r="I4527" s="5" t="s">
        <v>1518</v>
      </c>
      <c r="J4527" s="5" t="s">
        <v>1519</v>
      </c>
      <c r="K4527" s="2" t="s">
        <v>1520</v>
      </c>
      <c r="L4527" s="5" t="s">
        <v>1519</v>
      </c>
      <c r="M4527" s="2" t="s">
        <v>1520</v>
      </c>
      <c r="N4527" s="5" t="s">
        <v>1521</v>
      </c>
      <c r="O4527" s="5" t="s">
        <v>38</v>
      </c>
      <c r="P4527" s="5" t="s">
        <v>39</v>
      </c>
      <c r="Q4527" s="5" t="s">
        <v>40</v>
      </c>
      <c r="R4527" s="5" t="s">
        <v>1522</v>
      </c>
      <c r="S4527" s="5" t="s">
        <v>1523</v>
      </c>
      <c r="T4527" s="5" t="s">
        <v>42</v>
      </c>
      <c r="U4527" s="2">
        <v>2.7450000000000001</v>
      </c>
      <c r="V4527" s="2">
        <v>2.3370000000000002</v>
      </c>
      <c r="W4527" s="2">
        <v>1.2999999999999999E-2</v>
      </c>
      <c r="X4527" s="2">
        <v>159.1</v>
      </c>
      <c r="Y4527" s="2">
        <v>7.6</v>
      </c>
      <c r="Z4527" s="2">
        <v>10.6</v>
      </c>
      <c r="AA4527" s="5"/>
      <c r="AB4527" s="5" t="s">
        <v>43</v>
      </c>
      <c r="AC4527" s="5" t="s">
        <v>44</v>
      </c>
      <c r="AD4527" s="2"/>
      <c r="AE4527" s="1"/>
    </row>
    <row r="4528" spans="1:31" ht="14.45">
      <c r="A4528" s="11"/>
      <c r="B4528" s="20"/>
      <c r="C4528" s="2" t="s">
        <v>14038</v>
      </c>
      <c r="D4528" s="14" t="s">
        <v>14039</v>
      </c>
      <c r="E4528" s="2" t="s">
        <v>14040</v>
      </c>
      <c r="F4528" s="2" t="s">
        <v>7589</v>
      </c>
      <c r="G4528" s="8">
        <v>202</v>
      </c>
      <c r="H4528" s="5">
        <v>6</v>
      </c>
      <c r="I4528" s="5" t="s">
        <v>1518</v>
      </c>
      <c r="J4528" s="5" t="s">
        <v>1519</v>
      </c>
      <c r="K4528" s="2" t="s">
        <v>1520</v>
      </c>
      <c r="L4528" s="5" t="s">
        <v>1519</v>
      </c>
      <c r="M4528" s="2" t="s">
        <v>1520</v>
      </c>
      <c r="N4528" s="5" t="s">
        <v>1521</v>
      </c>
      <c r="O4528" s="5" t="s">
        <v>38</v>
      </c>
      <c r="P4528" s="5" t="s">
        <v>39</v>
      </c>
      <c r="Q4528" s="5" t="s">
        <v>40</v>
      </c>
      <c r="R4528" s="5" t="s">
        <v>1522</v>
      </c>
      <c r="S4528" s="5" t="s">
        <v>1523</v>
      </c>
      <c r="T4528" s="5" t="s">
        <v>42</v>
      </c>
      <c r="U4528" s="2">
        <v>2.8119999999999998</v>
      </c>
      <c r="V4528" s="2">
        <v>2.4039999999999999</v>
      </c>
      <c r="W4528" s="2">
        <v>1.2999999999999999E-2</v>
      </c>
      <c r="X4528" s="2">
        <v>159.1</v>
      </c>
      <c r="Y4528" s="2">
        <v>7.6</v>
      </c>
      <c r="Z4528" s="2">
        <v>10.6</v>
      </c>
      <c r="AA4528" s="5"/>
      <c r="AB4528" s="5" t="s">
        <v>43</v>
      </c>
      <c r="AC4528" s="5" t="s">
        <v>44</v>
      </c>
      <c r="AD4528" s="2"/>
      <c r="AE4528" s="1"/>
    </row>
    <row r="4529" spans="1:31" ht="14.45">
      <c r="A4529" s="11"/>
      <c r="B4529" s="20"/>
      <c r="C4529" s="2" t="s">
        <v>14041</v>
      </c>
      <c r="D4529" s="14" t="s">
        <v>14042</v>
      </c>
      <c r="E4529" s="2" t="s">
        <v>14043</v>
      </c>
      <c r="F4529" s="2" t="s">
        <v>7593</v>
      </c>
      <c r="G4529" s="8">
        <v>202</v>
      </c>
      <c r="H4529" s="5">
        <v>6</v>
      </c>
      <c r="I4529" s="5" t="s">
        <v>1518</v>
      </c>
      <c r="J4529" s="5" t="s">
        <v>1519</v>
      </c>
      <c r="K4529" s="2" t="s">
        <v>1520</v>
      </c>
      <c r="L4529" s="5" t="s">
        <v>1519</v>
      </c>
      <c r="M4529" s="2" t="s">
        <v>1520</v>
      </c>
      <c r="N4529" s="5" t="s">
        <v>1521</v>
      </c>
      <c r="O4529" s="5" t="s">
        <v>38</v>
      </c>
      <c r="P4529" s="5" t="s">
        <v>39</v>
      </c>
      <c r="Q4529" s="5" t="s">
        <v>40</v>
      </c>
      <c r="R4529" s="5" t="s">
        <v>1522</v>
      </c>
      <c r="S4529" s="5" t="s">
        <v>1523</v>
      </c>
      <c r="T4529" s="5" t="s">
        <v>42</v>
      </c>
      <c r="U4529" s="2">
        <v>2.7970000000000002</v>
      </c>
      <c r="V4529" s="2">
        <v>2.3889999999999998</v>
      </c>
      <c r="W4529" s="2">
        <v>1.2999999999999999E-2</v>
      </c>
      <c r="X4529" s="2">
        <v>159.1</v>
      </c>
      <c r="Y4529" s="2">
        <v>7.6</v>
      </c>
      <c r="Z4529" s="2">
        <v>10.6</v>
      </c>
      <c r="AA4529" s="5"/>
      <c r="AB4529" s="5" t="s">
        <v>43</v>
      </c>
      <c r="AC4529" s="5" t="s">
        <v>44</v>
      </c>
      <c r="AD4529" s="2"/>
      <c r="AE4529" s="1"/>
    </row>
    <row r="4530" spans="1:31" ht="14.45">
      <c r="A4530" s="11"/>
      <c r="B4530" s="20"/>
      <c r="C4530" s="2" t="s">
        <v>14044</v>
      </c>
      <c r="D4530" s="14" t="s">
        <v>14045</v>
      </c>
      <c r="E4530" s="2" t="s">
        <v>14046</v>
      </c>
      <c r="F4530" s="2" t="s">
        <v>7597</v>
      </c>
      <c r="G4530" s="8">
        <v>202</v>
      </c>
      <c r="H4530" s="5">
        <v>6</v>
      </c>
      <c r="I4530" s="5" t="s">
        <v>1518</v>
      </c>
      <c r="J4530" s="5" t="s">
        <v>1519</v>
      </c>
      <c r="K4530" s="2" t="s">
        <v>1520</v>
      </c>
      <c r="L4530" s="5" t="s">
        <v>1519</v>
      </c>
      <c r="M4530" s="2" t="s">
        <v>1520</v>
      </c>
      <c r="N4530" s="5" t="s">
        <v>1521</v>
      </c>
      <c r="O4530" s="5" t="s">
        <v>38</v>
      </c>
      <c r="P4530" s="5" t="s">
        <v>39</v>
      </c>
      <c r="Q4530" s="5" t="s">
        <v>40</v>
      </c>
      <c r="R4530" s="5" t="s">
        <v>1522</v>
      </c>
      <c r="S4530" s="5" t="s">
        <v>1523</v>
      </c>
      <c r="T4530" s="5" t="s">
        <v>42</v>
      </c>
      <c r="U4530" s="2">
        <v>2.8639999999999999</v>
      </c>
      <c r="V4530" s="2">
        <v>2.456</v>
      </c>
      <c r="W4530" s="2">
        <v>1.2999999999999999E-2</v>
      </c>
      <c r="X4530" s="2">
        <v>159.1</v>
      </c>
      <c r="Y4530" s="2">
        <v>7.6</v>
      </c>
      <c r="Z4530" s="2">
        <v>10.6</v>
      </c>
      <c r="AA4530" s="5"/>
      <c r="AB4530" s="5" t="s">
        <v>43</v>
      </c>
      <c r="AC4530" s="5" t="s">
        <v>44</v>
      </c>
      <c r="AD4530" s="2"/>
      <c r="AE4530" s="1"/>
    </row>
    <row r="4531" spans="1:31" ht="14.45">
      <c r="A4531" s="11"/>
      <c r="B4531" s="20"/>
      <c r="C4531" s="2" t="s">
        <v>14047</v>
      </c>
      <c r="D4531" s="14" t="s">
        <v>14048</v>
      </c>
      <c r="E4531" s="2" t="s">
        <v>14049</v>
      </c>
      <c r="F4531" s="2" t="s">
        <v>7410</v>
      </c>
      <c r="G4531" s="8">
        <v>202</v>
      </c>
      <c r="H4531" s="5">
        <v>6</v>
      </c>
      <c r="I4531" s="5" t="s">
        <v>1518</v>
      </c>
      <c r="J4531" s="5" t="s">
        <v>1519</v>
      </c>
      <c r="K4531" s="2" t="s">
        <v>1520</v>
      </c>
      <c r="L4531" s="5" t="s">
        <v>1519</v>
      </c>
      <c r="M4531" s="2" t="s">
        <v>1520</v>
      </c>
      <c r="N4531" s="5" t="s">
        <v>1521</v>
      </c>
      <c r="O4531" s="5" t="s">
        <v>38</v>
      </c>
      <c r="P4531" s="5" t="s">
        <v>39</v>
      </c>
      <c r="Q4531" s="5" t="s">
        <v>40</v>
      </c>
      <c r="R4531" s="5" t="s">
        <v>1522</v>
      </c>
      <c r="S4531" s="5" t="s">
        <v>1523</v>
      </c>
      <c r="T4531" s="5" t="s">
        <v>42</v>
      </c>
      <c r="U4531" s="2">
        <v>2.7970000000000002</v>
      </c>
      <c r="V4531" s="2">
        <v>2.3889999999999998</v>
      </c>
      <c r="W4531" s="2">
        <v>1.2999999999999999E-2</v>
      </c>
      <c r="X4531" s="2">
        <v>159.1</v>
      </c>
      <c r="Y4531" s="2">
        <v>7.6</v>
      </c>
      <c r="Z4531" s="2">
        <v>10.6</v>
      </c>
      <c r="AA4531" s="5"/>
      <c r="AB4531" s="5" t="s">
        <v>43</v>
      </c>
      <c r="AC4531" s="5" t="s">
        <v>44</v>
      </c>
      <c r="AD4531" s="2"/>
      <c r="AE4531" s="1"/>
    </row>
    <row r="4532" spans="1:31" ht="14.45">
      <c r="A4532" s="11"/>
      <c r="B4532" s="20"/>
      <c r="C4532" s="2" t="s">
        <v>14050</v>
      </c>
      <c r="D4532" s="14" t="s">
        <v>14051</v>
      </c>
      <c r="E4532" s="2" t="s">
        <v>14052</v>
      </c>
      <c r="F4532" s="2" t="s">
        <v>7604</v>
      </c>
      <c r="G4532" s="8">
        <v>202</v>
      </c>
      <c r="H4532" s="5">
        <v>6</v>
      </c>
      <c r="I4532" s="5" t="s">
        <v>1518</v>
      </c>
      <c r="J4532" s="5" t="s">
        <v>1519</v>
      </c>
      <c r="K4532" s="2" t="s">
        <v>1520</v>
      </c>
      <c r="L4532" s="5" t="s">
        <v>1519</v>
      </c>
      <c r="M4532" s="2" t="s">
        <v>1520</v>
      </c>
      <c r="N4532" s="5" t="s">
        <v>1521</v>
      </c>
      <c r="O4532" s="5" t="s">
        <v>38</v>
      </c>
      <c r="P4532" s="5" t="s">
        <v>39</v>
      </c>
      <c r="Q4532" s="5" t="s">
        <v>40</v>
      </c>
      <c r="R4532" s="5" t="s">
        <v>1522</v>
      </c>
      <c r="S4532" s="5" t="s">
        <v>1523</v>
      </c>
      <c r="T4532" s="5" t="s">
        <v>42</v>
      </c>
      <c r="U4532" s="2">
        <v>2.8639999999999999</v>
      </c>
      <c r="V4532" s="2">
        <v>2.456</v>
      </c>
      <c r="W4532" s="2">
        <v>1.2999999999999999E-2</v>
      </c>
      <c r="X4532" s="2">
        <v>159.1</v>
      </c>
      <c r="Y4532" s="2">
        <v>7.6</v>
      </c>
      <c r="Z4532" s="2">
        <v>10.6</v>
      </c>
      <c r="AA4532" s="5"/>
      <c r="AB4532" s="5" t="s">
        <v>43</v>
      </c>
      <c r="AC4532" s="5" t="s">
        <v>44</v>
      </c>
      <c r="AD4532" s="2"/>
      <c r="AE4532" s="1"/>
    </row>
    <row r="4533" spans="1:31" ht="14.45">
      <c r="A4533" s="11"/>
      <c r="B4533" s="20"/>
      <c r="C4533" s="2" t="s">
        <v>14053</v>
      </c>
      <c r="D4533" s="14" t="s">
        <v>14054</v>
      </c>
      <c r="E4533" s="2" t="s">
        <v>14055</v>
      </c>
      <c r="F4533" s="2" t="s">
        <v>7433</v>
      </c>
      <c r="G4533" s="8">
        <v>202</v>
      </c>
      <c r="H4533" s="5">
        <v>6</v>
      </c>
      <c r="I4533" s="5" t="s">
        <v>1518</v>
      </c>
      <c r="J4533" s="5" t="s">
        <v>1519</v>
      </c>
      <c r="K4533" s="2" t="s">
        <v>1520</v>
      </c>
      <c r="L4533" s="5" t="s">
        <v>1519</v>
      </c>
      <c r="M4533" s="2" t="s">
        <v>1520</v>
      </c>
      <c r="N4533" s="5" t="s">
        <v>1521</v>
      </c>
      <c r="O4533" s="5" t="s">
        <v>38</v>
      </c>
      <c r="P4533" s="5" t="s">
        <v>39</v>
      </c>
      <c r="Q4533" s="5" t="s">
        <v>40</v>
      </c>
      <c r="R4533" s="5" t="s">
        <v>1522</v>
      </c>
      <c r="S4533" s="5" t="s">
        <v>1523</v>
      </c>
      <c r="T4533" s="5" t="s">
        <v>42</v>
      </c>
      <c r="U4533" s="2">
        <v>2.7970000000000002</v>
      </c>
      <c r="V4533" s="2">
        <v>2.3889999999999998</v>
      </c>
      <c r="W4533" s="2">
        <v>1.2999999999999999E-2</v>
      </c>
      <c r="X4533" s="2">
        <v>159.1</v>
      </c>
      <c r="Y4533" s="2">
        <v>7.6</v>
      </c>
      <c r="Z4533" s="2">
        <v>10.6</v>
      </c>
      <c r="AA4533" s="5"/>
      <c r="AB4533" s="5" t="s">
        <v>43</v>
      </c>
      <c r="AC4533" s="5" t="s">
        <v>44</v>
      </c>
      <c r="AD4533" s="2"/>
      <c r="AE4533" s="1"/>
    </row>
    <row r="4534" spans="1:31" ht="14.45">
      <c r="A4534" s="11"/>
      <c r="B4534" s="20"/>
      <c r="C4534" s="2" t="s">
        <v>14056</v>
      </c>
      <c r="D4534" s="14" t="s">
        <v>14057</v>
      </c>
      <c r="E4534" s="2" t="s">
        <v>14058</v>
      </c>
      <c r="F4534" s="2" t="s">
        <v>7611</v>
      </c>
      <c r="G4534" s="8">
        <v>202</v>
      </c>
      <c r="H4534" s="5">
        <v>6</v>
      </c>
      <c r="I4534" s="5" t="s">
        <v>1518</v>
      </c>
      <c r="J4534" s="5" t="s">
        <v>1519</v>
      </c>
      <c r="K4534" s="2" t="s">
        <v>1520</v>
      </c>
      <c r="L4534" s="5" t="s">
        <v>1519</v>
      </c>
      <c r="M4534" s="2" t="s">
        <v>1520</v>
      </c>
      <c r="N4534" s="5" t="s">
        <v>1521</v>
      </c>
      <c r="O4534" s="5" t="s">
        <v>38</v>
      </c>
      <c r="P4534" s="5" t="s">
        <v>39</v>
      </c>
      <c r="Q4534" s="5" t="s">
        <v>40</v>
      </c>
      <c r="R4534" s="5" t="s">
        <v>1522</v>
      </c>
      <c r="S4534" s="5" t="s">
        <v>1523</v>
      </c>
      <c r="T4534" s="5" t="s">
        <v>42</v>
      </c>
      <c r="U4534" s="2">
        <v>2.8639999999999999</v>
      </c>
      <c r="V4534" s="2">
        <v>2.456</v>
      </c>
      <c r="W4534" s="2">
        <v>1.2999999999999999E-2</v>
      </c>
      <c r="X4534" s="2">
        <v>159.1</v>
      </c>
      <c r="Y4534" s="2">
        <v>7.6</v>
      </c>
      <c r="Z4534" s="2">
        <v>10.6</v>
      </c>
      <c r="AA4534" s="5"/>
      <c r="AB4534" s="5" t="s">
        <v>43</v>
      </c>
      <c r="AC4534" s="5" t="s">
        <v>44</v>
      </c>
      <c r="AD4534" s="2"/>
      <c r="AE4534" s="1"/>
    </row>
    <row r="4535" spans="1:31" ht="14.45">
      <c r="A4535" s="11"/>
      <c r="B4535" s="20"/>
      <c r="C4535" s="2" t="s">
        <v>14059</v>
      </c>
      <c r="D4535" s="14" t="s">
        <v>14060</v>
      </c>
      <c r="E4535" s="2" t="s">
        <v>14061</v>
      </c>
      <c r="F4535" s="2" t="s">
        <v>7615</v>
      </c>
      <c r="G4535" s="8">
        <v>202</v>
      </c>
      <c r="H4535" s="5">
        <v>6</v>
      </c>
      <c r="I4535" s="5" t="s">
        <v>1518</v>
      </c>
      <c r="J4535" s="5" t="s">
        <v>1519</v>
      </c>
      <c r="K4535" s="2" t="s">
        <v>1520</v>
      </c>
      <c r="L4535" s="5" t="s">
        <v>1519</v>
      </c>
      <c r="M4535" s="2" t="s">
        <v>1520</v>
      </c>
      <c r="N4535" s="5" t="s">
        <v>1521</v>
      </c>
      <c r="O4535" s="5" t="s">
        <v>38</v>
      </c>
      <c r="P4535" s="5" t="s">
        <v>39</v>
      </c>
      <c r="Q4535" s="5" t="s">
        <v>40</v>
      </c>
      <c r="R4535" s="5" t="s">
        <v>1522</v>
      </c>
      <c r="S4535" s="5" t="s">
        <v>1523</v>
      </c>
      <c r="T4535" s="5" t="s">
        <v>42</v>
      </c>
      <c r="U4535" s="2">
        <v>2.7450000000000001</v>
      </c>
      <c r="V4535" s="2">
        <v>2.3370000000000002</v>
      </c>
      <c r="W4535" s="2">
        <v>1.2999999999999999E-2</v>
      </c>
      <c r="X4535" s="2">
        <v>159.1</v>
      </c>
      <c r="Y4535" s="2">
        <v>7.6</v>
      </c>
      <c r="Z4535" s="2">
        <v>10.6</v>
      </c>
      <c r="AA4535" s="5"/>
      <c r="AB4535" s="5" t="s">
        <v>43</v>
      </c>
      <c r="AC4535" s="5" t="s">
        <v>44</v>
      </c>
      <c r="AD4535" s="2"/>
      <c r="AE4535" s="1"/>
    </row>
    <row r="4536" spans="1:31" ht="14.45">
      <c r="A4536" s="11"/>
      <c r="B4536" s="20"/>
      <c r="C4536" s="2" t="s">
        <v>14062</v>
      </c>
      <c r="D4536" s="14" t="s">
        <v>14063</v>
      </c>
      <c r="E4536" s="2" t="s">
        <v>14064</v>
      </c>
      <c r="F4536" s="2" t="s">
        <v>7619</v>
      </c>
      <c r="G4536" s="8">
        <v>202</v>
      </c>
      <c r="H4536" s="5">
        <v>6</v>
      </c>
      <c r="I4536" s="5" t="s">
        <v>1518</v>
      </c>
      <c r="J4536" s="5" t="s">
        <v>1519</v>
      </c>
      <c r="K4536" s="2" t="s">
        <v>1520</v>
      </c>
      <c r="L4536" s="5" t="s">
        <v>1519</v>
      </c>
      <c r="M4536" s="2" t="s">
        <v>1520</v>
      </c>
      <c r="N4536" s="5" t="s">
        <v>1521</v>
      </c>
      <c r="O4536" s="5" t="s">
        <v>38</v>
      </c>
      <c r="P4536" s="5" t="s">
        <v>39</v>
      </c>
      <c r="Q4536" s="5" t="s">
        <v>40</v>
      </c>
      <c r="R4536" s="5" t="s">
        <v>1522</v>
      </c>
      <c r="S4536" s="5" t="s">
        <v>1523</v>
      </c>
      <c r="T4536" s="5" t="s">
        <v>42</v>
      </c>
      <c r="U4536" s="2">
        <v>2.8119999999999998</v>
      </c>
      <c r="V4536" s="2">
        <v>2.4039999999999999</v>
      </c>
      <c r="W4536" s="2">
        <v>1.2999999999999999E-2</v>
      </c>
      <c r="X4536" s="2">
        <v>159.1</v>
      </c>
      <c r="Y4536" s="2">
        <v>7.6</v>
      </c>
      <c r="Z4536" s="2">
        <v>10.6</v>
      </c>
      <c r="AA4536" s="5"/>
      <c r="AB4536" s="5" t="s">
        <v>43</v>
      </c>
      <c r="AC4536" s="5" t="s">
        <v>44</v>
      </c>
      <c r="AD4536" s="2"/>
      <c r="AE4536" s="1"/>
    </row>
    <row r="4537" spans="1:31" ht="14.45">
      <c r="A4537" s="11"/>
      <c r="B4537" s="20"/>
      <c r="C4537" s="2" t="s">
        <v>14065</v>
      </c>
      <c r="D4537" s="14" t="s">
        <v>14066</v>
      </c>
      <c r="E4537" s="2" t="s">
        <v>14067</v>
      </c>
      <c r="F4537" s="2" t="s">
        <v>1823</v>
      </c>
      <c r="G4537" s="8">
        <v>202</v>
      </c>
      <c r="H4537" s="5">
        <v>18</v>
      </c>
      <c r="I4537" s="5" t="s">
        <v>1518</v>
      </c>
      <c r="J4537" s="5" t="s">
        <v>1519</v>
      </c>
      <c r="K4537" s="2" t="s">
        <v>1520</v>
      </c>
      <c r="L4537" s="5" t="s">
        <v>1519</v>
      </c>
      <c r="M4537" s="2" t="s">
        <v>1520</v>
      </c>
      <c r="N4537" s="5" t="s">
        <v>1521</v>
      </c>
      <c r="O4537" s="5" t="s">
        <v>38</v>
      </c>
      <c r="P4537" s="5" t="s">
        <v>39</v>
      </c>
      <c r="Q4537" s="5" t="s">
        <v>40</v>
      </c>
      <c r="R4537" s="5" t="s">
        <v>1522</v>
      </c>
      <c r="S4537" s="5" t="s">
        <v>1523</v>
      </c>
      <c r="T4537" s="5" t="s">
        <v>42</v>
      </c>
      <c r="U4537" s="2">
        <v>2.8370000000000002</v>
      </c>
      <c r="V4537" s="2">
        <v>2.4289999999999998</v>
      </c>
      <c r="W4537" s="2">
        <v>1.2999999999999999E-2</v>
      </c>
      <c r="X4537" s="2">
        <v>159.1</v>
      </c>
      <c r="Y4537" s="2">
        <v>7.6</v>
      </c>
      <c r="Z4537" s="2">
        <v>10.6</v>
      </c>
      <c r="AA4537" s="5"/>
      <c r="AB4537" s="5" t="s">
        <v>43</v>
      </c>
      <c r="AC4537" s="5" t="s">
        <v>44</v>
      </c>
      <c r="AD4537" s="2"/>
      <c r="AE4537" s="1"/>
    </row>
    <row r="4538" spans="1:31" ht="14.45">
      <c r="A4538" s="11"/>
      <c r="B4538" s="20"/>
      <c r="C4538" s="2" t="s">
        <v>14068</v>
      </c>
      <c r="D4538" s="14" t="s">
        <v>14069</v>
      </c>
      <c r="E4538" s="2" t="s">
        <v>14070</v>
      </c>
      <c r="F4538" s="2" t="s">
        <v>1827</v>
      </c>
      <c r="G4538" s="8">
        <v>202</v>
      </c>
      <c r="H4538" s="5">
        <v>18</v>
      </c>
      <c r="I4538" s="5" t="s">
        <v>1518</v>
      </c>
      <c r="J4538" s="5" t="s">
        <v>1519</v>
      </c>
      <c r="K4538" s="2" t="s">
        <v>1520</v>
      </c>
      <c r="L4538" s="5" t="s">
        <v>1519</v>
      </c>
      <c r="M4538" s="2" t="s">
        <v>1520</v>
      </c>
      <c r="N4538" s="5" t="s">
        <v>1521</v>
      </c>
      <c r="O4538" s="5" t="s">
        <v>38</v>
      </c>
      <c r="P4538" s="5" t="s">
        <v>39</v>
      </c>
      <c r="Q4538" s="5" t="s">
        <v>40</v>
      </c>
      <c r="R4538" s="5" t="s">
        <v>1522</v>
      </c>
      <c r="S4538" s="5" t="s">
        <v>1523</v>
      </c>
      <c r="T4538" s="5" t="s">
        <v>42</v>
      </c>
      <c r="U4538" s="2">
        <v>2.9039999999999999</v>
      </c>
      <c r="V4538" s="2">
        <v>2.496</v>
      </c>
      <c r="W4538" s="2">
        <v>1.2999999999999999E-2</v>
      </c>
      <c r="X4538" s="2">
        <v>159.1</v>
      </c>
      <c r="Y4538" s="2">
        <v>7.6</v>
      </c>
      <c r="Z4538" s="2">
        <v>10.6</v>
      </c>
      <c r="AA4538" s="5"/>
      <c r="AB4538" s="5" t="s">
        <v>43</v>
      </c>
      <c r="AC4538" s="5" t="s">
        <v>44</v>
      </c>
      <c r="AD4538" s="2"/>
      <c r="AE4538" s="1"/>
    </row>
    <row r="4539" spans="1:31" ht="14.45">
      <c r="A4539" s="11"/>
      <c r="B4539" s="20"/>
      <c r="C4539" s="2" t="s">
        <v>14071</v>
      </c>
      <c r="D4539" s="14" t="s">
        <v>14072</v>
      </c>
      <c r="E4539" s="2" t="s">
        <v>14073</v>
      </c>
      <c r="F4539" s="2" t="s">
        <v>1973</v>
      </c>
      <c r="G4539" s="8">
        <v>202</v>
      </c>
      <c r="H4539" s="5">
        <v>18</v>
      </c>
      <c r="I4539" s="5" t="s">
        <v>1518</v>
      </c>
      <c r="J4539" s="5" t="s">
        <v>1519</v>
      </c>
      <c r="K4539" s="2" t="s">
        <v>1520</v>
      </c>
      <c r="L4539" s="5" t="s">
        <v>1519</v>
      </c>
      <c r="M4539" s="2" t="s">
        <v>1520</v>
      </c>
      <c r="N4539" s="5" t="s">
        <v>1521</v>
      </c>
      <c r="O4539" s="5" t="s">
        <v>38</v>
      </c>
      <c r="P4539" s="5" t="s">
        <v>39</v>
      </c>
      <c r="Q4539" s="5" t="s">
        <v>40</v>
      </c>
      <c r="R4539" s="5" t="s">
        <v>1522</v>
      </c>
      <c r="S4539" s="5" t="s">
        <v>1523</v>
      </c>
      <c r="T4539" s="5" t="s">
        <v>42</v>
      </c>
      <c r="U4539" s="2">
        <v>2.839</v>
      </c>
      <c r="V4539" s="2">
        <v>2.431</v>
      </c>
      <c r="W4539" s="2">
        <v>1.2999999999999999E-2</v>
      </c>
      <c r="X4539" s="2">
        <v>159.1</v>
      </c>
      <c r="Y4539" s="2">
        <v>7.6</v>
      </c>
      <c r="Z4539" s="2">
        <v>10.6</v>
      </c>
      <c r="AA4539" s="5"/>
      <c r="AB4539" s="5" t="s">
        <v>43</v>
      </c>
      <c r="AC4539" s="5" t="s">
        <v>44</v>
      </c>
      <c r="AD4539" s="2"/>
      <c r="AE4539" s="1"/>
    </row>
    <row r="4540" spans="1:31" ht="14.45">
      <c r="A4540" s="11"/>
      <c r="B4540" s="20"/>
      <c r="C4540" s="2" t="s">
        <v>14074</v>
      </c>
      <c r="D4540" s="14" t="s">
        <v>14075</v>
      </c>
      <c r="E4540" s="2" t="s">
        <v>14076</v>
      </c>
      <c r="F4540" s="2" t="s">
        <v>2208</v>
      </c>
      <c r="G4540" s="8">
        <v>202</v>
      </c>
      <c r="H4540" s="5">
        <v>18</v>
      </c>
      <c r="I4540" s="5" t="s">
        <v>1518</v>
      </c>
      <c r="J4540" s="5" t="s">
        <v>1519</v>
      </c>
      <c r="K4540" s="2" t="s">
        <v>1520</v>
      </c>
      <c r="L4540" s="5" t="s">
        <v>1519</v>
      </c>
      <c r="M4540" s="2" t="s">
        <v>1520</v>
      </c>
      <c r="N4540" s="5" t="s">
        <v>1521</v>
      </c>
      <c r="O4540" s="5" t="s">
        <v>38</v>
      </c>
      <c r="P4540" s="5" t="s">
        <v>39</v>
      </c>
      <c r="Q4540" s="5" t="s">
        <v>40</v>
      </c>
      <c r="R4540" s="5" t="s">
        <v>1522</v>
      </c>
      <c r="S4540" s="5" t="s">
        <v>1523</v>
      </c>
      <c r="T4540" s="5" t="s">
        <v>42</v>
      </c>
      <c r="U4540" s="2">
        <v>2.839</v>
      </c>
      <c r="V4540" s="2">
        <v>2.431</v>
      </c>
      <c r="W4540" s="2">
        <v>1.2999999999999999E-2</v>
      </c>
      <c r="X4540" s="2">
        <v>159.1</v>
      </c>
      <c r="Y4540" s="2">
        <v>7.6</v>
      </c>
      <c r="Z4540" s="2">
        <v>10.6</v>
      </c>
      <c r="AA4540" s="5"/>
      <c r="AB4540" s="5" t="s">
        <v>43</v>
      </c>
      <c r="AC4540" s="5" t="s">
        <v>44</v>
      </c>
      <c r="AD4540" s="2"/>
      <c r="AE4540" s="1"/>
    </row>
    <row r="4541" spans="1:31" ht="14.45">
      <c r="A4541" s="11"/>
      <c r="B4541" s="20"/>
      <c r="C4541" s="2" t="s">
        <v>14077</v>
      </c>
      <c r="D4541" s="14" t="s">
        <v>14078</v>
      </c>
      <c r="E4541" s="2" t="s">
        <v>14079</v>
      </c>
      <c r="F4541" s="2" t="s">
        <v>1831</v>
      </c>
      <c r="G4541" s="8">
        <v>202</v>
      </c>
      <c r="H4541" s="5">
        <v>18</v>
      </c>
      <c r="I4541" s="5" t="s">
        <v>1518</v>
      </c>
      <c r="J4541" s="5" t="s">
        <v>1519</v>
      </c>
      <c r="K4541" s="2" t="s">
        <v>1520</v>
      </c>
      <c r="L4541" s="5" t="s">
        <v>1519</v>
      </c>
      <c r="M4541" s="2" t="s">
        <v>1520</v>
      </c>
      <c r="N4541" s="5" t="s">
        <v>1521</v>
      </c>
      <c r="O4541" s="5" t="s">
        <v>38</v>
      </c>
      <c r="P4541" s="5" t="s">
        <v>39</v>
      </c>
      <c r="Q4541" s="5" t="s">
        <v>40</v>
      </c>
      <c r="R4541" s="5" t="s">
        <v>1522</v>
      </c>
      <c r="S4541" s="5" t="s">
        <v>1523</v>
      </c>
      <c r="T4541" s="5" t="s">
        <v>42</v>
      </c>
      <c r="U4541" s="2">
        <v>2.839</v>
      </c>
      <c r="V4541" s="2">
        <v>2.431</v>
      </c>
      <c r="W4541" s="2">
        <v>1.2999999999999999E-2</v>
      </c>
      <c r="X4541" s="2">
        <v>159.1</v>
      </c>
      <c r="Y4541" s="2">
        <v>7.6</v>
      </c>
      <c r="Z4541" s="2">
        <v>10.6</v>
      </c>
      <c r="AA4541" s="5"/>
      <c r="AB4541" s="5" t="s">
        <v>43</v>
      </c>
      <c r="AC4541" s="5" t="s">
        <v>44</v>
      </c>
      <c r="AD4541" s="2"/>
      <c r="AE4541" s="1"/>
    </row>
    <row r="4542" spans="1:31" ht="14.45">
      <c r="A4542" s="11"/>
      <c r="B4542" s="20"/>
      <c r="C4542" s="2" t="s">
        <v>14080</v>
      </c>
      <c r="D4542" s="14" t="s">
        <v>14081</v>
      </c>
      <c r="E4542" s="2" t="s">
        <v>14082</v>
      </c>
      <c r="F4542" s="2" t="s">
        <v>1835</v>
      </c>
      <c r="G4542" s="8">
        <v>202</v>
      </c>
      <c r="H4542" s="5">
        <v>18</v>
      </c>
      <c r="I4542" s="5" t="s">
        <v>1518</v>
      </c>
      <c r="J4542" s="5" t="s">
        <v>1519</v>
      </c>
      <c r="K4542" s="2" t="s">
        <v>1520</v>
      </c>
      <c r="L4542" s="5" t="s">
        <v>1519</v>
      </c>
      <c r="M4542" s="2" t="s">
        <v>1520</v>
      </c>
      <c r="N4542" s="5" t="s">
        <v>1521</v>
      </c>
      <c r="O4542" s="5" t="s">
        <v>38</v>
      </c>
      <c r="P4542" s="5" t="s">
        <v>39</v>
      </c>
      <c r="Q4542" s="5" t="s">
        <v>40</v>
      </c>
      <c r="R4542" s="5" t="s">
        <v>1522</v>
      </c>
      <c r="S4542" s="5" t="s">
        <v>1523</v>
      </c>
      <c r="T4542" s="5" t="s">
        <v>42</v>
      </c>
      <c r="U4542" s="2">
        <v>2.9060000000000001</v>
      </c>
      <c r="V4542" s="2">
        <v>2.4980000000000002</v>
      </c>
      <c r="W4542" s="2">
        <v>1.2999999999999999E-2</v>
      </c>
      <c r="X4542" s="2">
        <v>159.1</v>
      </c>
      <c r="Y4542" s="2">
        <v>7.6</v>
      </c>
      <c r="Z4542" s="2">
        <v>10.6</v>
      </c>
      <c r="AA4542" s="5"/>
      <c r="AB4542" s="5" t="s">
        <v>43</v>
      </c>
      <c r="AC4542" s="5" t="s">
        <v>44</v>
      </c>
      <c r="AD4542" s="2"/>
      <c r="AE4542" s="1"/>
    </row>
    <row r="4543" spans="1:31" ht="14.45">
      <c r="A4543" s="11"/>
      <c r="B4543" s="20"/>
      <c r="C4543" s="2" t="s">
        <v>14083</v>
      </c>
      <c r="D4543" s="14" t="s">
        <v>14084</v>
      </c>
      <c r="E4543" s="2" t="s">
        <v>14085</v>
      </c>
      <c r="F4543" s="2" t="s">
        <v>1986</v>
      </c>
      <c r="G4543" s="8">
        <v>202</v>
      </c>
      <c r="H4543" s="5">
        <v>18</v>
      </c>
      <c r="I4543" s="5" t="s">
        <v>1518</v>
      </c>
      <c r="J4543" s="5" t="s">
        <v>1519</v>
      </c>
      <c r="K4543" s="2" t="s">
        <v>1520</v>
      </c>
      <c r="L4543" s="5" t="s">
        <v>1519</v>
      </c>
      <c r="M4543" s="2" t="s">
        <v>1520</v>
      </c>
      <c r="N4543" s="5" t="s">
        <v>1521</v>
      </c>
      <c r="O4543" s="5" t="s">
        <v>38</v>
      </c>
      <c r="P4543" s="5" t="s">
        <v>39</v>
      </c>
      <c r="Q4543" s="5" t="s">
        <v>40</v>
      </c>
      <c r="R4543" s="5" t="s">
        <v>1522</v>
      </c>
      <c r="S4543" s="5" t="s">
        <v>1523</v>
      </c>
      <c r="T4543" s="5" t="s">
        <v>42</v>
      </c>
      <c r="U4543" s="2">
        <v>2.9060000000000001</v>
      </c>
      <c r="V4543" s="2">
        <v>2.4980000000000002</v>
      </c>
      <c r="W4543" s="2">
        <v>1.2999999999999999E-2</v>
      </c>
      <c r="X4543" s="2">
        <v>159.1</v>
      </c>
      <c r="Y4543" s="2">
        <v>7.6</v>
      </c>
      <c r="Z4543" s="2">
        <v>10.6</v>
      </c>
      <c r="AA4543" s="5"/>
      <c r="AB4543" s="5" t="s">
        <v>43</v>
      </c>
      <c r="AC4543" s="5" t="s">
        <v>44</v>
      </c>
      <c r="AD4543" s="2"/>
      <c r="AE4543" s="1"/>
    </row>
    <row r="4544" spans="1:31" ht="14.45">
      <c r="A4544" s="11"/>
      <c r="B4544" s="20"/>
      <c r="C4544" s="2" t="s">
        <v>14086</v>
      </c>
      <c r="D4544" s="14" t="s">
        <v>14087</v>
      </c>
      <c r="E4544" s="2" t="s">
        <v>14088</v>
      </c>
      <c r="F4544" s="2" t="s">
        <v>1843</v>
      </c>
      <c r="G4544" s="8">
        <v>202</v>
      </c>
      <c r="H4544" s="5">
        <v>18</v>
      </c>
      <c r="I4544" s="5" t="s">
        <v>1518</v>
      </c>
      <c r="J4544" s="5" t="s">
        <v>1519</v>
      </c>
      <c r="K4544" s="2" t="s">
        <v>1520</v>
      </c>
      <c r="L4544" s="5" t="s">
        <v>1519</v>
      </c>
      <c r="M4544" s="2" t="s">
        <v>1520</v>
      </c>
      <c r="N4544" s="5" t="s">
        <v>1521</v>
      </c>
      <c r="O4544" s="5" t="s">
        <v>38</v>
      </c>
      <c r="P4544" s="5" t="s">
        <v>39</v>
      </c>
      <c r="Q4544" s="5" t="s">
        <v>40</v>
      </c>
      <c r="R4544" s="5" t="s">
        <v>1522</v>
      </c>
      <c r="S4544" s="5" t="s">
        <v>1523</v>
      </c>
      <c r="T4544" s="5" t="s">
        <v>42</v>
      </c>
      <c r="U4544" s="2">
        <v>2.839</v>
      </c>
      <c r="V4544" s="2">
        <v>2.431</v>
      </c>
      <c r="W4544" s="2">
        <v>1.2999999999999999E-2</v>
      </c>
      <c r="X4544" s="2">
        <v>159.1</v>
      </c>
      <c r="Y4544" s="2">
        <v>7.6</v>
      </c>
      <c r="Z4544" s="2">
        <v>10.6</v>
      </c>
      <c r="AA4544" s="5"/>
      <c r="AB4544" s="5" t="s">
        <v>43</v>
      </c>
      <c r="AC4544" s="5" t="s">
        <v>44</v>
      </c>
      <c r="AD4544" s="2"/>
      <c r="AE4544" s="1"/>
    </row>
    <row r="4545" spans="1:31" ht="14.45">
      <c r="A4545" s="11"/>
      <c r="B4545" s="20"/>
      <c r="C4545" s="2" t="s">
        <v>14089</v>
      </c>
      <c r="D4545" s="14" t="s">
        <v>14090</v>
      </c>
      <c r="E4545" s="2" t="s">
        <v>14091</v>
      </c>
      <c r="F4545" s="2" t="s">
        <v>1847</v>
      </c>
      <c r="G4545" s="8">
        <v>202</v>
      </c>
      <c r="H4545" s="5">
        <v>18</v>
      </c>
      <c r="I4545" s="5" t="s">
        <v>1518</v>
      </c>
      <c r="J4545" s="5" t="s">
        <v>1519</v>
      </c>
      <c r="K4545" s="2" t="s">
        <v>1520</v>
      </c>
      <c r="L4545" s="5" t="s">
        <v>1519</v>
      </c>
      <c r="M4545" s="2" t="s">
        <v>1520</v>
      </c>
      <c r="N4545" s="5" t="s">
        <v>1521</v>
      </c>
      <c r="O4545" s="5" t="s">
        <v>38</v>
      </c>
      <c r="P4545" s="5" t="s">
        <v>39</v>
      </c>
      <c r="Q4545" s="5" t="s">
        <v>40</v>
      </c>
      <c r="R4545" s="5" t="s">
        <v>1522</v>
      </c>
      <c r="S4545" s="5" t="s">
        <v>1523</v>
      </c>
      <c r="T4545" s="5" t="s">
        <v>42</v>
      </c>
      <c r="U4545" s="2">
        <v>2.9060000000000001</v>
      </c>
      <c r="V4545" s="2">
        <v>2.4980000000000002</v>
      </c>
      <c r="W4545" s="2">
        <v>1.2999999999999999E-2</v>
      </c>
      <c r="X4545" s="2">
        <v>159.1</v>
      </c>
      <c r="Y4545" s="2">
        <v>7.6</v>
      </c>
      <c r="Z4545" s="2">
        <v>10.6</v>
      </c>
      <c r="AA4545" s="5"/>
      <c r="AB4545" s="5" t="s">
        <v>43</v>
      </c>
      <c r="AC4545" s="5" t="s">
        <v>44</v>
      </c>
      <c r="AD4545" s="2"/>
      <c r="AE4545" s="1"/>
    </row>
    <row r="4546" spans="1:31" ht="14.45">
      <c r="A4546" s="11"/>
      <c r="B4546" s="20"/>
      <c r="C4546" s="2" t="s">
        <v>14092</v>
      </c>
      <c r="D4546" s="14" t="s">
        <v>14093</v>
      </c>
      <c r="E4546" s="2" t="s">
        <v>14094</v>
      </c>
      <c r="F4546" s="2" t="s">
        <v>1863</v>
      </c>
      <c r="G4546" s="8">
        <v>202</v>
      </c>
      <c r="H4546" s="5">
        <v>21</v>
      </c>
      <c r="I4546" s="5" t="s">
        <v>1518</v>
      </c>
      <c r="J4546" s="5" t="s">
        <v>1519</v>
      </c>
      <c r="K4546" s="2" t="s">
        <v>1520</v>
      </c>
      <c r="L4546" s="5" t="s">
        <v>1519</v>
      </c>
      <c r="M4546" s="2" t="s">
        <v>1520</v>
      </c>
      <c r="N4546" s="5" t="s">
        <v>1521</v>
      </c>
      <c r="O4546" s="5" t="s">
        <v>38</v>
      </c>
      <c r="P4546" s="5" t="s">
        <v>39</v>
      </c>
      <c r="Q4546" s="5" t="s">
        <v>40</v>
      </c>
      <c r="R4546" s="5" t="s">
        <v>1522</v>
      </c>
      <c r="S4546" s="5" t="s">
        <v>1523</v>
      </c>
      <c r="T4546" s="5" t="s">
        <v>42</v>
      </c>
      <c r="U4546" s="2">
        <v>2.758</v>
      </c>
      <c r="V4546" s="2">
        <v>2.3479999999999999</v>
      </c>
      <c r="W4546" s="2">
        <v>1.2999999999999999E-2</v>
      </c>
      <c r="X4546" s="2">
        <v>159.1</v>
      </c>
      <c r="Y4546" s="2">
        <v>7.6</v>
      </c>
      <c r="Z4546" s="2">
        <v>10.6</v>
      </c>
      <c r="AA4546" s="5"/>
      <c r="AB4546" s="5" t="s">
        <v>43</v>
      </c>
      <c r="AC4546" s="5" t="s">
        <v>44</v>
      </c>
      <c r="AD4546" s="2"/>
      <c r="AE4546" s="1"/>
    </row>
    <row r="4547" spans="1:31" ht="14.45">
      <c r="A4547" s="11"/>
      <c r="B4547" s="20"/>
      <c r="C4547" s="2" t="s">
        <v>14095</v>
      </c>
      <c r="D4547" s="14" t="s">
        <v>14096</v>
      </c>
      <c r="E4547" s="2" t="s">
        <v>14097</v>
      </c>
      <c r="F4547" s="2" t="s">
        <v>1867</v>
      </c>
      <c r="G4547" s="8">
        <v>202</v>
      </c>
      <c r="H4547" s="5">
        <v>21</v>
      </c>
      <c r="I4547" s="5" t="s">
        <v>1518</v>
      </c>
      <c r="J4547" s="5" t="s">
        <v>1519</v>
      </c>
      <c r="K4547" s="2" t="s">
        <v>1520</v>
      </c>
      <c r="L4547" s="5" t="s">
        <v>1519</v>
      </c>
      <c r="M4547" s="2" t="s">
        <v>1520</v>
      </c>
      <c r="N4547" s="5" t="s">
        <v>1521</v>
      </c>
      <c r="O4547" s="5" t="s">
        <v>38</v>
      </c>
      <c r="P4547" s="5" t="s">
        <v>39</v>
      </c>
      <c r="Q4547" s="5" t="s">
        <v>40</v>
      </c>
      <c r="R4547" s="5" t="s">
        <v>1522</v>
      </c>
      <c r="S4547" s="5" t="s">
        <v>1523</v>
      </c>
      <c r="T4547" s="5" t="s">
        <v>42</v>
      </c>
      <c r="U4547" s="2">
        <v>2.8250000000000002</v>
      </c>
      <c r="V4547" s="2">
        <v>2.415</v>
      </c>
      <c r="W4547" s="2">
        <v>1.2999999999999999E-2</v>
      </c>
      <c r="X4547" s="2">
        <v>159.1</v>
      </c>
      <c r="Y4547" s="2">
        <v>7.6</v>
      </c>
      <c r="Z4547" s="2">
        <v>10.6</v>
      </c>
      <c r="AA4547" s="5"/>
      <c r="AB4547" s="5" t="s">
        <v>43</v>
      </c>
      <c r="AC4547" s="5" t="s">
        <v>44</v>
      </c>
      <c r="AD4547" s="2"/>
      <c r="AE4547" s="1"/>
    </row>
    <row r="4548" spans="1:31" ht="14.45">
      <c r="A4548" s="11"/>
      <c r="B4548" s="20"/>
      <c r="C4548" s="2" t="s">
        <v>14098</v>
      </c>
      <c r="D4548" s="14" t="s">
        <v>14099</v>
      </c>
      <c r="E4548" s="2" t="s">
        <v>14100</v>
      </c>
      <c r="F4548" s="2" t="s">
        <v>7396</v>
      </c>
      <c r="G4548" s="8">
        <v>80</v>
      </c>
      <c r="H4548" s="5">
        <v>6</v>
      </c>
      <c r="I4548" s="5" t="s">
        <v>1518</v>
      </c>
      <c r="J4548" s="5" t="s">
        <v>1519</v>
      </c>
      <c r="K4548" s="2" t="s">
        <v>1520</v>
      </c>
      <c r="L4548" s="5" t="s">
        <v>1519</v>
      </c>
      <c r="M4548" s="2" t="s">
        <v>1520</v>
      </c>
      <c r="N4548" s="5" t="s">
        <v>1521</v>
      </c>
      <c r="O4548" s="5" t="s">
        <v>38</v>
      </c>
      <c r="P4548" s="5" t="s">
        <v>39</v>
      </c>
      <c r="Q4548" s="5" t="s">
        <v>40</v>
      </c>
      <c r="R4548" s="5" t="s">
        <v>1522</v>
      </c>
      <c r="S4548" s="5" t="s">
        <v>1523</v>
      </c>
      <c r="T4548" s="5" t="s">
        <v>42</v>
      </c>
      <c r="U4548" s="2">
        <v>1.073</v>
      </c>
      <c r="V4548" s="2">
        <v>0.81499999999999995</v>
      </c>
      <c r="W4548" s="2">
        <v>6.0000000000000001E-3</v>
      </c>
      <c r="X4548" s="2">
        <v>76.900000000000006</v>
      </c>
      <c r="Y4548" s="2">
        <v>7.6</v>
      </c>
      <c r="Z4548" s="2">
        <v>10.6</v>
      </c>
      <c r="AA4548" s="5"/>
      <c r="AB4548" s="5" t="s">
        <v>43</v>
      </c>
      <c r="AC4548" s="5" t="s">
        <v>44</v>
      </c>
      <c r="AD4548" s="2"/>
      <c r="AE4548" s="1"/>
    </row>
    <row r="4549" spans="1:31" ht="14.45">
      <c r="A4549" s="11"/>
      <c r="B4549" s="20"/>
      <c r="C4549" s="2" t="s">
        <v>14101</v>
      </c>
      <c r="D4549" s="14" t="s">
        <v>14102</v>
      </c>
      <c r="E4549" s="2" t="s">
        <v>14103</v>
      </c>
      <c r="F4549" s="2" t="s">
        <v>7204</v>
      </c>
      <c r="G4549" s="8">
        <v>80</v>
      </c>
      <c r="H4549" s="5">
        <v>6</v>
      </c>
      <c r="I4549" s="5" t="s">
        <v>1518</v>
      </c>
      <c r="J4549" s="5" t="s">
        <v>1519</v>
      </c>
      <c r="K4549" s="2" t="s">
        <v>1520</v>
      </c>
      <c r="L4549" s="5" t="s">
        <v>1519</v>
      </c>
      <c r="M4549" s="2" t="s">
        <v>1520</v>
      </c>
      <c r="N4549" s="5" t="s">
        <v>1521</v>
      </c>
      <c r="O4549" s="5" t="s">
        <v>38</v>
      </c>
      <c r="P4549" s="5" t="s">
        <v>39</v>
      </c>
      <c r="Q4549" s="5" t="s">
        <v>40</v>
      </c>
      <c r="R4549" s="5" t="s">
        <v>1522</v>
      </c>
      <c r="S4549" s="5" t="s">
        <v>1523</v>
      </c>
      <c r="T4549" s="5" t="s">
        <v>42</v>
      </c>
      <c r="U4549" s="2">
        <v>1.075</v>
      </c>
      <c r="V4549" s="2">
        <v>0.81699999999999995</v>
      </c>
      <c r="W4549" s="2">
        <v>6.0000000000000001E-3</v>
      </c>
      <c r="X4549" s="2">
        <v>76.900000000000006</v>
      </c>
      <c r="Y4549" s="2">
        <v>7.6</v>
      </c>
      <c r="Z4549" s="2">
        <v>10.6</v>
      </c>
      <c r="AA4549" s="5"/>
      <c r="AB4549" s="5" t="s">
        <v>43</v>
      </c>
      <c r="AC4549" s="5" t="s">
        <v>44</v>
      </c>
      <c r="AD4549" s="2"/>
      <c r="AE4549" s="1"/>
    </row>
    <row r="4550" spans="1:31" ht="14.45">
      <c r="A4550" s="11"/>
      <c r="B4550" s="20"/>
      <c r="C4550" s="2" t="s">
        <v>14104</v>
      </c>
      <c r="D4550" s="14" t="s">
        <v>14105</v>
      </c>
      <c r="E4550" s="2" t="s">
        <v>14106</v>
      </c>
      <c r="F4550" s="2" t="s">
        <v>7208</v>
      </c>
      <c r="G4550" s="8">
        <v>80</v>
      </c>
      <c r="H4550" s="5">
        <v>6</v>
      </c>
      <c r="I4550" s="5" t="s">
        <v>1518</v>
      </c>
      <c r="J4550" s="5" t="s">
        <v>1519</v>
      </c>
      <c r="K4550" s="2" t="s">
        <v>1520</v>
      </c>
      <c r="L4550" s="5" t="s">
        <v>1519</v>
      </c>
      <c r="M4550" s="2" t="s">
        <v>1520</v>
      </c>
      <c r="N4550" s="5" t="s">
        <v>1521</v>
      </c>
      <c r="O4550" s="5" t="s">
        <v>38</v>
      </c>
      <c r="P4550" s="5" t="s">
        <v>39</v>
      </c>
      <c r="Q4550" s="5" t="s">
        <v>40</v>
      </c>
      <c r="R4550" s="5" t="s">
        <v>1522</v>
      </c>
      <c r="S4550" s="5" t="s">
        <v>1523</v>
      </c>
      <c r="T4550" s="5" t="s">
        <v>42</v>
      </c>
      <c r="U4550" s="2">
        <v>1.075</v>
      </c>
      <c r="V4550" s="2">
        <v>0.81699999999999995</v>
      </c>
      <c r="W4550" s="2">
        <v>6.0000000000000001E-3</v>
      </c>
      <c r="X4550" s="2">
        <v>76.900000000000006</v>
      </c>
      <c r="Y4550" s="2">
        <v>7.6</v>
      </c>
      <c r="Z4550" s="2">
        <v>10.6</v>
      </c>
      <c r="AA4550" s="5"/>
      <c r="AB4550" s="5" t="s">
        <v>43</v>
      </c>
      <c r="AC4550" s="5" t="s">
        <v>44</v>
      </c>
      <c r="AD4550" s="2"/>
      <c r="AE4550" s="1"/>
    </row>
    <row r="4551" spans="1:31" ht="14.45">
      <c r="A4551" s="11"/>
      <c r="B4551" s="20"/>
      <c r="C4551" s="2" t="s">
        <v>14107</v>
      </c>
      <c r="D4551" s="14" t="s">
        <v>14108</v>
      </c>
      <c r="E4551" s="2" t="s">
        <v>14109</v>
      </c>
      <c r="F4551" s="2" t="s">
        <v>7212</v>
      </c>
      <c r="G4551" s="8">
        <v>80</v>
      </c>
      <c r="H4551" s="5">
        <v>6</v>
      </c>
      <c r="I4551" s="5" t="s">
        <v>1518</v>
      </c>
      <c r="J4551" s="5" t="s">
        <v>1519</v>
      </c>
      <c r="K4551" s="2" t="s">
        <v>1520</v>
      </c>
      <c r="L4551" s="5" t="s">
        <v>1519</v>
      </c>
      <c r="M4551" s="2" t="s">
        <v>1520</v>
      </c>
      <c r="N4551" s="5" t="s">
        <v>1521</v>
      </c>
      <c r="O4551" s="5" t="s">
        <v>38</v>
      </c>
      <c r="P4551" s="5" t="s">
        <v>39</v>
      </c>
      <c r="Q4551" s="5" t="s">
        <v>40</v>
      </c>
      <c r="R4551" s="5" t="s">
        <v>1522</v>
      </c>
      <c r="S4551" s="5" t="s">
        <v>1523</v>
      </c>
      <c r="T4551" s="5" t="s">
        <v>42</v>
      </c>
      <c r="U4551" s="2">
        <v>1.0669999999999999</v>
      </c>
      <c r="V4551" s="2">
        <v>0.80900000000000005</v>
      </c>
      <c r="W4551" s="2">
        <v>6.0000000000000001E-3</v>
      </c>
      <c r="X4551" s="2">
        <v>76.900000000000006</v>
      </c>
      <c r="Y4551" s="2">
        <v>7.6</v>
      </c>
      <c r="Z4551" s="2">
        <v>10.6</v>
      </c>
      <c r="AA4551" s="5"/>
      <c r="AB4551" s="5" t="s">
        <v>43</v>
      </c>
      <c r="AC4551" s="5" t="s">
        <v>44</v>
      </c>
      <c r="AD4551" s="2"/>
      <c r="AE4551" s="1"/>
    </row>
    <row r="4552" spans="1:31" ht="14.45">
      <c r="A4552" s="11"/>
      <c r="B4552" s="20"/>
      <c r="C4552" s="2" t="s">
        <v>14110</v>
      </c>
      <c r="D4552" s="14" t="s">
        <v>14111</v>
      </c>
      <c r="E4552" s="2" t="s">
        <v>14112</v>
      </c>
      <c r="F4552" s="2" t="s">
        <v>7406</v>
      </c>
      <c r="G4552" s="8">
        <v>92</v>
      </c>
      <c r="H4552" s="5">
        <v>6</v>
      </c>
      <c r="I4552" s="5" t="s">
        <v>1518</v>
      </c>
      <c r="J4552" s="5" t="s">
        <v>1519</v>
      </c>
      <c r="K4552" s="2" t="s">
        <v>1520</v>
      </c>
      <c r="L4552" s="5" t="s">
        <v>1519</v>
      </c>
      <c r="M4552" s="2" t="s">
        <v>1520</v>
      </c>
      <c r="N4552" s="5" t="s">
        <v>1521</v>
      </c>
      <c r="O4552" s="5" t="s">
        <v>38</v>
      </c>
      <c r="P4552" s="5" t="s">
        <v>39</v>
      </c>
      <c r="Q4552" s="5" t="s">
        <v>40</v>
      </c>
      <c r="R4552" s="5" t="s">
        <v>1522</v>
      </c>
      <c r="S4552" s="5" t="s">
        <v>1523</v>
      </c>
      <c r="T4552" s="5" t="s">
        <v>42</v>
      </c>
      <c r="U4552" s="2">
        <v>1.0669999999999999</v>
      </c>
      <c r="V4552" s="2">
        <v>0.80900000000000005</v>
      </c>
      <c r="W4552" s="2">
        <v>6.0000000000000001E-3</v>
      </c>
      <c r="X4552" s="2">
        <v>76.900000000000006</v>
      </c>
      <c r="Y4552" s="2">
        <v>7.6</v>
      </c>
      <c r="Z4552" s="2">
        <v>10.6</v>
      </c>
      <c r="AA4552" s="5"/>
      <c r="AB4552" s="5" t="s">
        <v>43</v>
      </c>
      <c r="AC4552" s="5" t="s">
        <v>44</v>
      </c>
      <c r="AD4552" s="2"/>
      <c r="AE4552" s="1"/>
    </row>
    <row r="4553" spans="1:31" ht="14.45">
      <c r="A4553" s="11"/>
      <c r="B4553" s="20"/>
      <c r="C4553" s="2" t="s">
        <v>14113</v>
      </c>
      <c r="D4553" s="14" t="s">
        <v>14114</v>
      </c>
      <c r="E4553" s="2" t="s">
        <v>14115</v>
      </c>
      <c r="F4553" s="2" t="s">
        <v>7539</v>
      </c>
      <c r="G4553" s="8">
        <v>92</v>
      </c>
      <c r="H4553" s="5">
        <v>6</v>
      </c>
      <c r="I4553" s="5" t="s">
        <v>1518</v>
      </c>
      <c r="J4553" s="5" t="s">
        <v>1519</v>
      </c>
      <c r="K4553" s="2" t="s">
        <v>1520</v>
      </c>
      <c r="L4553" s="5" t="s">
        <v>1519</v>
      </c>
      <c r="M4553" s="2" t="s">
        <v>1520</v>
      </c>
      <c r="N4553" s="5" t="s">
        <v>1521</v>
      </c>
      <c r="O4553" s="5" t="s">
        <v>38</v>
      </c>
      <c r="P4553" s="5" t="s">
        <v>39</v>
      </c>
      <c r="Q4553" s="5" t="s">
        <v>40</v>
      </c>
      <c r="R4553" s="5" t="s">
        <v>1522</v>
      </c>
      <c r="S4553" s="5" t="s">
        <v>1523</v>
      </c>
      <c r="T4553" s="5" t="s">
        <v>42</v>
      </c>
      <c r="U4553" s="2">
        <v>1.075</v>
      </c>
      <c r="V4553" s="2">
        <v>0.81699999999999995</v>
      </c>
      <c r="W4553" s="2">
        <v>6.0000000000000001E-3</v>
      </c>
      <c r="X4553" s="2">
        <v>76.900000000000006</v>
      </c>
      <c r="Y4553" s="2">
        <v>7.6</v>
      </c>
      <c r="Z4553" s="2">
        <v>10.6</v>
      </c>
      <c r="AA4553" s="5"/>
      <c r="AB4553" s="5" t="s">
        <v>43</v>
      </c>
      <c r="AC4553" s="5" t="s">
        <v>44</v>
      </c>
      <c r="AD4553" s="2"/>
      <c r="AE4553" s="1"/>
    </row>
    <row r="4554" spans="1:31" ht="14.45">
      <c r="A4554" s="11"/>
      <c r="B4554" s="20"/>
      <c r="C4554" s="2" t="s">
        <v>14116</v>
      </c>
      <c r="D4554" s="14" t="s">
        <v>14117</v>
      </c>
      <c r="E4554" s="2" t="s">
        <v>14118</v>
      </c>
      <c r="F4554" s="2" t="s">
        <v>7547</v>
      </c>
      <c r="G4554" s="8">
        <v>92</v>
      </c>
      <c r="H4554" s="5">
        <v>6</v>
      </c>
      <c r="I4554" s="5" t="s">
        <v>1518</v>
      </c>
      <c r="J4554" s="5" t="s">
        <v>1519</v>
      </c>
      <c r="K4554" s="2" t="s">
        <v>1520</v>
      </c>
      <c r="L4554" s="5" t="s">
        <v>1519</v>
      </c>
      <c r="M4554" s="2" t="s">
        <v>1520</v>
      </c>
      <c r="N4554" s="5" t="s">
        <v>1521</v>
      </c>
      <c r="O4554" s="5" t="s">
        <v>38</v>
      </c>
      <c r="P4554" s="5" t="s">
        <v>39</v>
      </c>
      <c r="Q4554" s="5" t="s">
        <v>40</v>
      </c>
      <c r="R4554" s="5" t="s">
        <v>1522</v>
      </c>
      <c r="S4554" s="5" t="s">
        <v>1523</v>
      </c>
      <c r="T4554" s="5" t="s">
        <v>42</v>
      </c>
      <c r="U4554" s="2">
        <v>1.0669999999999999</v>
      </c>
      <c r="V4554" s="2">
        <v>0.80900000000000005</v>
      </c>
      <c r="W4554" s="2">
        <v>6.0000000000000001E-3</v>
      </c>
      <c r="X4554" s="2">
        <v>76.900000000000006</v>
      </c>
      <c r="Y4554" s="2">
        <v>7.6</v>
      </c>
      <c r="Z4554" s="2">
        <v>10.6</v>
      </c>
      <c r="AA4554" s="5"/>
      <c r="AB4554" s="5" t="s">
        <v>43</v>
      </c>
      <c r="AC4554" s="5" t="s">
        <v>44</v>
      </c>
      <c r="AD4554" s="2"/>
      <c r="AE4554" s="1"/>
    </row>
    <row r="4555" spans="1:31" ht="14.45">
      <c r="A4555" s="11"/>
      <c r="B4555" s="20"/>
      <c r="C4555" s="2" t="s">
        <v>14119</v>
      </c>
      <c r="D4555" s="14" t="s">
        <v>14120</v>
      </c>
      <c r="E4555" s="2" t="s">
        <v>14121</v>
      </c>
      <c r="F4555" s="2" t="s">
        <v>7555</v>
      </c>
      <c r="G4555" s="8">
        <v>92</v>
      </c>
      <c r="H4555" s="5">
        <v>6</v>
      </c>
      <c r="I4555" s="5" t="s">
        <v>1518</v>
      </c>
      <c r="J4555" s="5" t="s">
        <v>1519</v>
      </c>
      <c r="K4555" s="2" t="s">
        <v>1520</v>
      </c>
      <c r="L4555" s="5" t="s">
        <v>1519</v>
      </c>
      <c r="M4555" s="2" t="s">
        <v>1520</v>
      </c>
      <c r="N4555" s="5" t="s">
        <v>1521</v>
      </c>
      <c r="O4555" s="5" t="s">
        <v>38</v>
      </c>
      <c r="P4555" s="5" t="s">
        <v>39</v>
      </c>
      <c r="Q4555" s="5" t="s">
        <v>40</v>
      </c>
      <c r="R4555" s="5" t="s">
        <v>1522</v>
      </c>
      <c r="S4555" s="5" t="s">
        <v>1523</v>
      </c>
      <c r="T4555" s="5" t="s">
        <v>42</v>
      </c>
      <c r="U4555" s="2">
        <v>1.0669999999999999</v>
      </c>
      <c r="V4555" s="2">
        <v>0.80900000000000005</v>
      </c>
      <c r="W4555" s="2">
        <v>6.0000000000000001E-3</v>
      </c>
      <c r="X4555" s="2">
        <v>76.900000000000006</v>
      </c>
      <c r="Y4555" s="2">
        <v>7.6</v>
      </c>
      <c r="Z4555" s="2">
        <v>10.6</v>
      </c>
      <c r="AA4555" s="5"/>
      <c r="AB4555" s="5" t="s">
        <v>43</v>
      </c>
      <c r="AC4555" s="5" t="s">
        <v>44</v>
      </c>
      <c r="AD4555" s="2"/>
      <c r="AE4555" s="1"/>
    </row>
    <row r="4556" spans="1:31" ht="14.45">
      <c r="A4556" s="11"/>
      <c r="B4556" s="20"/>
      <c r="C4556" s="2" t="s">
        <v>14122</v>
      </c>
      <c r="D4556" s="14" t="s">
        <v>14123</v>
      </c>
      <c r="E4556" s="2" t="s">
        <v>14124</v>
      </c>
      <c r="F4556" s="2" t="s">
        <v>7563</v>
      </c>
      <c r="G4556" s="8">
        <v>92</v>
      </c>
      <c r="H4556" s="5">
        <v>6</v>
      </c>
      <c r="I4556" s="5" t="s">
        <v>1518</v>
      </c>
      <c r="J4556" s="5" t="s">
        <v>1519</v>
      </c>
      <c r="K4556" s="2" t="s">
        <v>1520</v>
      </c>
      <c r="L4556" s="5" t="s">
        <v>1519</v>
      </c>
      <c r="M4556" s="2" t="s">
        <v>1520</v>
      </c>
      <c r="N4556" s="5" t="s">
        <v>1521</v>
      </c>
      <c r="O4556" s="5" t="s">
        <v>38</v>
      </c>
      <c r="P4556" s="5" t="s">
        <v>39</v>
      </c>
      <c r="Q4556" s="5" t="s">
        <v>40</v>
      </c>
      <c r="R4556" s="5" t="s">
        <v>1522</v>
      </c>
      <c r="S4556" s="5" t="s">
        <v>1523</v>
      </c>
      <c r="T4556" s="5" t="s">
        <v>42</v>
      </c>
      <c r="U4556" s="2">
        <v>1.075</v>
      </c>
      <c r="V4556" s="2">
        <v>0.81699999999999995</v>
      </c>
      <c r="W4556" s="2">
        <v>6.0000000000000001E-3</v>
      </c>
      <c r="X4556" s="2">
        <v>76.900000000000006</v>
      </c>
      <c r="Y4556" s="2">
        <v>7.6</v>
      </c>
      <c r="Z4556" s="2">
        <v>10.6</v>
      </c>
      <c r="AA4556" s="5"/>
      <c r="AB4556" s="5" t="s">
        <v>43</v>
      </c>
      <c r="AC4556" s="5" t="s">
        <v>44</v>
      </c>
      <c r="AD4556" s="2"/>
      <c r="AE4556" s="1"/>
    </row>
    <row r="4557" spans="1:31" ht="14.45">
      <c r="A4557" s="11"/>
      <c r="B4557" s="20"/>
      <c r="C4557" s="2" t="s">
        <v>14125</v>
      </c>
      <c r="D4557" s="14" t="s">
        <v>14126</v>
      </c>
      <c r="E4557" s="2" t="s">
        <v>14127</v>
      </c>
      <c r="F4557" s="2" t="s">
        <v>7429</v>
      </c>
      <c r="G4557" s="8">
        <v>92</v>
      </c>
      <c r="H4557" s="5">
        <v>6</v>
      </c>
      <c r="I4557" s="5" t="s">
        <v>1518</v>
      </c>
      <c r="J4557" s="5" t="s">
        <v>1519</v>
      </c>
      <c r="K4557" s="2" t="s">
        <v>1520</v>
      </c>
      <c r="L4557" s="5" t="s">
        <v>1519</v>
      </c>
      <c r="M4557" s="2" t="s">
        <v>1520</v>
      </c>
      <c r="N4557" s="5" t="s">
        <v>1521</v>
      </c>
      <c r="O4557" s="5" t="s">
        <v>38</v>
      </c>
      <c r="P4557" s="5" t="s">
        <v>39</v>
      </c>
      <c r="Q4557" s="5" t="s">
        <v>40</v>
      </c>
      <c r="R4557" s="5" t="s">
        <v>1522</v>
      </c>
      <c r="S4557" s="5" t="s">
        <v>1523</v>
      </c>
      <c r="T4557" s="5" t="s">
        <v>42</v>
      </c>
      <c r="U4557" s="2">
        <v>1.075</v>
      </c>
      <c r="V4557" s="2">
        <v>0.81699999999999995</v>
      </c>
      <c r="W4557" s="2">
        <v>6.0000000000000001E-3</v>
      </c>
      <c r="X4557" s="2">
        <v>76.900000000000006</v>
      </c>
      <c r="Y4557" s="2">
        <v>7.6</v>
      </c>
      <c r="Z4557" s="2">
        <v>10.6</v>
      </c>
      <c r="AA4557" s="5"/>
      <c r="AB4557" s="5" t="s">
        <v>43</v>
      </c>
      <c r="AC4557" s="5" t="s">
        <v>44</v>
      </c>
      <c r="AD4557" s="2"/>
      <c r="AE4557" s="1"/>
    </row>
    <row r="4558" spans="1:31" ht="14.45">
      <c r="A4558" s="11"/>
      <c r="B4558" s="20"/>
      <c r="C4558" s="2" t="s">
        <v>14128</v>
      </c>
      <c r="D4558" s="14" t="s">
        <v>14129</v>
      </c>
      <c r="E4558" s="2" t="s">
        <v>14130</v>
      </c>
      <c r="F4558" s="2" t="s">
        <v>7449</v>
      </c>
      <c r="G4558" s="8">
        <v>92</v>
      </c>
      <c r="H4558" s="5">
        <v>6</v>
      </c>
      <c r="I4558" s="5" t="s">
        <v>1518</v>
      </c>
      <c r="J4558" s="5" t="s">
        <v>1519</v>
      </c>
      <c r="K4558" s="2" t="s">
        <v>1520</v>
      </c>
      <c r="L4558" s="5" t="s">
        <v>1519</v>
      </c>
      <c r="M4558" s="2" t="s">
        <v>1520</v>
      </c>
      <c r="N4558" s="5" t="s">
        <v>1521</v>
      </c>
      <c r="O4558" s="5" t="s">
        <v>38</v>
      </c>
      <c r="P4558" s="5" t="s">
        <v>39</v>
      </c>
      <c r="Q4558" s="5" t="s">
        <v>40</v>
      </c>
      <c r="R4558" s="5" t="s">
        <v>1522</v>
      </c>
      <c r="S4558" s="5" t="s">
        <v>1523</v>
      </c>
      <c r="T4558" s="5" t="s">
        <v>42</v>
      </c>
      <c r="U4558" s="2">
        <v>1.075</v>
      </c>
      <c r="V4558" s="2">
        <v>0.81699999999999995</v>
      </c>
      <c r="W4558" s="2">
        <v>6.0000000000000001E-3</v>
      </c>
      <c r="X4558" s="2">
        <v>76.900000000000006</v>
      </c>
      <c r="Y4558" s="2">
        <v>7.6</v>
      </c>
      <c r="Z4558" s="2">
        <v>10.6</v>
      </c>
      <c r="AA4558" s="5"/>
      <c r="AB4558" s="5" t="s">
        <v>43</v>
      </c>
      <c r="AC4558" s="5" t="s">
        <v>44</v>
      </c>
      <c r="AD4558" s="2"/>
      <c r="AE4558" s="1"/>
    </row>
    <row r="4559" spans="1:31" ht="14.45">
      <c r="A4559" s="11"/>
      <c r="B4559" s="20"/>
      <c r="C4559" s="2" t="s">
        <v>14131</v>
      </c>
      <c r="D4559" s="14" t="s">
        <v>14132</v>
      </c>
      <c r="E4559" s="2" t="s">
        <v>14133</v>
      </c>
      <c r="F4559" s="2" t="s">
        <v>7585</v>
      </c>
      <c r="G4559" s="8">
        <v>92</v>
      </c>
      <c r="H4559" s="5">
        <v>6</v>
      </c>
      <c r="I4559" s="5" t="s">
        <v>1518</v>
      </c>
      <c r="J4559" s="5" t="s">
        <v>1519</v>
      </c>
      <c r="K4559" s="2" t="s">
        <v>1520</v>
      </c>
      <c r="L4559" s="5" t="s">
        <v>1519</v>
      </c>
      <c r="M4559" s="2" t="s">
        <v>1520</v>
      </c>
      <c r="N4559" s="5" t="s">
        <v>1521</v>
      </c>
      <c r="O4559" s="5" t="s">
        <v>38</v>
      </c>
      <c r="P4559" s="5" t="s">
        <v>39</v>
      </c>
      <c r="Q4559" s="5" t="s">
        <v>40</v>
      </c>
      <c r="R4559" s="5" t="s">
        <v>1522</v>
      </c>
      <c r="S4559" s="5" t="s">
        <v>1523</v>
      </c>
      <c r="T4559" s="5" t="s">
        <v>42</v>
      </c>
      <c r="U4559" s="2">
        <v>1.0669999999999999</v>
      </c>
      <c r="V4559" s="2">
        <v>0.80900000000000005</v>
      </c>
      <c r="W4559" s="2">
        <v>6.0000000000000001E-3</v>
      </c>
      <c r="X4559" s="2">
        <v>76.900000000000006</v>
      </c>
      <c r="Y4559" s="2">
        <v>7.6</v>
      </c>
      <c r="Z4559" s="2">
        <v>10.6</v>
      </c>
      <c r="AA4559" s="5"/>
      <c r="AB4559" s="5" t="s">
        <v>43</v>
      </c>
      <c r="AC4559" s="5" t="s">
        <v>44</v>
      </c>
      <c r="AD4559" s="2"/>
      <c r="AE4559" s="1"/>
    </row>
    <row r="4560" spans="1:31" ht="14.45">
      <c r="A4560" s="11"/>
      <c r="B4560" s="20"/>
      <c r="C4560" s="2" t="s">
        <v>14134</v>
      </c>
      <c r="D4560" s="14" t="s">
        <v>14135</v>
      </c>
      <c r="E4560" s="2" t="s">
        <v>14136</v>
      </c>
      <c r="F4560" s="2" t="s">
        <v>7593</v>
      </c>
      <c r="G4560" s="8">
        <v>92</v>
      </c>
      <c r="H4560" s="5">
        <v>6</v>
      </c>
      <c r="I4560" s="5" t="s">
        <v>1518</v>
      </c>
      <c r="J4560" s="5" t="s">
        <v>1519</v>
      </c>
      <c r="K4560" s="2" t="s">
        <v>1520</v>
      </c>
      <c r="L4560" s="5" t="s">
        <v>1519</v>
      </c>
      <c r="M4560" s="2" t="s">
        <v>1520</v>
      </c>
      <c r="N4560" s="5" t="s">
        <v>1521</v>
      </c>
      <c r="O4560" s="5" t="s">
        <v>38</v>
      </c>
      <c r="P4560" s="5" t="s">
        <v>39</v>
      </c>
      <c r="Q4560" s="5" t="s">
        <v>40</v>
      </c>
      <c r="R4560" s="5" t="s">
        <v>1522</v>
      </c>
      <c r="S4560" s="5" t="s">
        <v>1523</v>
      </c>
      <c r="T4560" s="5" t="s">
        <v>42</v>
      </c>
      <c r="U4560" s="2">
        <v>1.075</v>
      </c>
      <c r="V4560" s="2">
        <v>0.81699999999999995</v>
      </c>
      <c r="W4560" s="2">
        <v>6.0000000000000001E-3</v>
      </c>
      <c r="X4560" s="2">
        <v>76.900000000000006</v>
      </c>
      <c r="Y4560" s="2">
        <v>7.6</v>
      </c>
      <c r="Z4560" s="2">
        <v>10.6</v>
      </c>
      <c r="AA4560" s="5"/>
      <c r="AB4560" s="5" t="s">
        <v>43</v>
      </c>
      <c r="AC4560" s="5" t="s">
        <v>44</v>
      </c>
      <c r="AD4560" s="2"/>
      <c r="AE4560" s="1"/>
    </row>
    <row r="4561" spans="1:31" ht="14.45">
      <c r="A4561" s="11"/>
      <c r="B4561" s="20"/>
      <c r="C4561" s="2" t="s">
        <v>14137</v>
      </c>
      <c r="D4561" s="14" t="s">
        <v>14138</v>
      </c>
      <c r="E4561" s="2" t="s">
        <v>14139</v>
      </c>
      <c r="F4561" s="2" t="s">
        <v>7410</v>
      </c>
      <c r="G4561" s="8">
        <v>92</v>
      </c>
      <c r="H4561" s="5">
        <v>6</v>
      </c>
      <c r="I4561" s="5" t="s">
        <v>1518</v>
      </c>
      <c r="J4561" s="5" t="s">
        <v>1519</v>
      </c>
      <c r="K4561" s="2" t="s">
        <v>1520</v>
      </c>
      <c r="L4561" s="5" t="s">
        <v>1519</v>
      </c>
      <c r="M4561" s="2" t="s">
        <v>1520</v>
      </c>
      <c r="N4561" s="5" t="s">
        <v>1521</v>
      </c>
      <c r="O4561" s="5" t="s">
        <v>38</v>
      </c>
      <c r="P4561" s="5" t="s">
        <v>39</v>
      </c>
      <c r="Q4561" s="5" t="s">
        <v>40</v>
      </c>
      <c r="R4561" s="5" t="s">
        <v>1522</v>
      </c>
      <c r="S4561" s="5" t="s">
        <v>1523</v>
      </c>
      <c r="T4561" s="5" t="s">
        <v>42</v>
      </c>
      <c r="U4561" s="2">
        <v>1.075</v>
      </c>
      <c r="V4561" s="2">
        <v>0.81699999999999995</v>
      </c>
      <c r="W4561" s="2">
        <v>6.0000000000000001E-3</v>
      </c>
      <c r="X4561" s="2">
        <v>76.900000000000006</v>
      </c>
      <c r="Y4561" s="2">
        <v>7.6</v>
      </c>
      <c r="Z4561" s="2">
        <v>10.6</v>
      </c>
      <c r="AA4561" s="5"/>
      <c r="AB4561" s="5" t="s">
        <v>43</v>
      </c>
      <c r="AC4561" s="5" t="s">
        <v>44</v>
      </c>
      <c r="AD4561" s="2"/>
      <c r="AE4561" s="1"/>
    </row>
    <row r="4562" spans="1:31" ht="14.45">
      <c r="A4562" s="11"/>
      <c r="B4562" s="20"/>
      <c r="C4562" s="2" t="s">
        <v>14140</v>
      </c>
      <c r="D4562" s="14" t="s">
        <v>14141</v>
      </c>
      <c r="E4562" s="2" t="s">
        <v>14142</v>
      </c>
      <c r="F4562" s="2" t="s">
        <v>7433</v>
      </c>
      <c r="G4562" s="8">
        <v>92</v>
      </c>
      <c r="H4562" s="5">
        <v>6</v>
      </c>
      <c r="I4562" s="5" t="s">
        <v>1518</v>
      </c>
      <c r="J4562" s="5" t="s">
        <v>1519</v>
      </c>
      <c r="K4562" s="2" t="s">
        <v>1520</v>
      </c>
      <c r="L4562" s="5" t="s">
        <v>1519</v>
      </c>
      <c r="M4562" s="2" t="s">
        <v>1520</v>
      </c>
      <c r="N4562" s="5" t="s">
        <v>1521</v>
      </c>
      <c r="O4562" s="5" t="s">
        <v>38</v>
      </c>
      <c r="P4562" s="5" t="s">
        <v>39</v>
      </c>
      <c r="Q4562" s="5" t="s">
        <v>40</v>
      </c>
      <c r="R4562" s="5" t="s">
        <v>1522</v>
      </c>
      <c r="S4562" s="5" t="s">
        <v>1523</v>
      </c>
      <c r="T4562" s="5" t="s">
        <v>42</v>
      </c>
      <c r="U4562" s="2">
        <v>1.075</v>
      </c>
      <c r="V4562" s="2">
        <v>0.81699999999999995</v>
      </c>
      <c r="W4562" s="2">
        <v>6.0000000000000001E-3</v>
      </c>
      <c r="X4562" s="2">
        <v>76.900000000000006</v>
      </c>
      <c r="Y4562" s="2">
        <v>7.6</v>
      </c>
      <c r="Z4562" s="2">
        <v>10.6</v>
      </c>
      <c r="AA4562" s="5"/>
      <c r="AB4562" s="5" t="s">
        <v>43</v>
      </c>
      <c r="AC4562" s="5" t="s">
        <v>44</v>
      </c>
      <c r="AD4562" s="2"/>
      <c r="AE4562" s="1"/>
    </row>
    <row r="4563" spans="1:31" ht="14.45">
      <c r="A4563" s="11"/>
      <c r="B4563" s="20"/>
      <c r="C4563" s="2" t="s">
        <v>14143</v>
      </c>
      <c r="D4563" s="14" t="s">
        <v>14144</v>
      </c>
      <c r="E4563" s="2" t="s">
        <v>14145</v>
      </c>
      <c r="F4563" s="2" t="s">
        <v>7615</v>
      </c>
      <c r="G4563" s="8">
        <v>92</v>
      </c>
      <c r="H4563" s="5">
        <v>6</v>
      </c>
      <c r="I4563" s="5" t="s">
        <v>1518</v>
      </c>
      <c r="J4563" s="5" t="s">
        <v>1519</v>
      </c>
      <c r="K4563" s="2" t="s">
        <v>1520</v>
      </c>
      <c r="L4563" s="5" t="s">
        <v>1519</v>
      </c>
      <c r="M4563" s="2" t="s">
        <v>1520</v>
      </c>
      <c r="N4563" s="5" t="s">
        <v>1521</v>
      </c>
      <c r="O4563" s="5" t="s">
        <v>38</v>
      </c>
      <c r="P4563" s="5" t="s">
        <v>39</v>
      </c>
      <c r="Q4563" s="5" t="s">
        <v>40</v>
      </c>
      <c r="R4563" s="5" t="s">
        <v>1522</v>
      </c>
      <c r="S4563" s="5" t="s">
        <v>1523</v>
      </c>
      <c r="T4563" s="5" t="s">
        <v>42</v>
      </c>
      <c r="U4563" s="2">
        <v>1.0669999999999999</v>
      </c>
      <c r="V4563" s="2">
        <v>0.80900000000000005</v>
      </c>
      <c r="W4563" s="2">
        <v>6.0000000000000001E-3</v>
      </c>
      <c r="X4563" s="2">
        <v>76.900000000000006</v>
      </c>
      <c r="Y4563" s="2">
        <v>7.6</v>
      </c>
      <c r="Z4563" s="2">
        <v>10.6</v>
      </c>
      <c r="AA4563" s="5"/>
      <c r="AB4563" s="5" t="s">
        <v>43</v>
      </c>
      <c r="AC4563" s="5" t="s">
        <v>44</v>
      </c>
      <c r="AD4563" s="2"/>
      <c r="AE4563" s="1"/>
    </row>
    <row r="4564" spans="1:31" ht="14.45">
      <c r="A4564" s="11"/>
      <c r="B4564" s="20"/>
      <c r="C4564" s="2" t="s">
        <v>14146</v>
      </c>
      <c r="D4564" s="14" t="s">
        <v>14147</v>
      </c>
      <c r="E4564" s="2" t="s">
        <v>14148</v>
      </c>
      <c r="F4564" s="2" t="s">
        <v>7396</v>
      </c>
      <c r="G4564" s="8">
        <v>91</v>
      </c>
      <c r="H4564" s="5">
        <v>6</v>
      </c>
      <c r="I4564" s="5" t="s">
        <v>1518</v>
      </c>
      <c r="J4564" s="5" t="s">
        <v>1519</v>
      </c>
      <c r="K4564" s="2" t="s">
        <v>1520</v>
      </c>
      <c r="L4564" s="5" t="s">
        <v>1519</v>
      </c>
      <c r="M4564" s="2" t="s">
        <v>1520</v>
      </c>
      <c r="N4564" s="5" t="s">
        <v>1521</v>
      </c>
      <c r="O4564" s="5" t="s">
        <v>38</v>
      </c>
      <c r="P4564" s="5" t="s">
        <v>39</v>
      </c>
      <c r="Q4564" s="5" t="s">
        <v>40</v>
      </c>
      <c r="R4564" s="5" t="s">
        <v>1522</v>
      </c>
      <c r="S4564" s="5" t="s">
        <v>1523</v>
      </c>
      <c r="T4564" s="5" t="s">
        <v>42</v>
      </c>
      <c r="U4564" s="2">
        <v>1.2290000000000001</v>
      </c>
      <c r="V4564" s="2">
        <v>0.91900000000000004</v>
      </c>
      <c r="W4564" s="2">
        <v>7.0000000000000001E-3</v>
      </c>
      <c r="X4564" s="2">
        <v>82.9</v>
      </c>
      <c r="Y4564" s="2">
        <v>7.6</v>
      </c>
      <c r="Z4564" s="2">
        <v>10.6</v>
      </c>
      <c r="AA4564" s="5"/>
      <c r="AB4564" s="5" t="s">
        <v>43</v>
      </c>
      <c r="AC4564" s="5" t="s">
        <v>44</v>
      </c>
      <c r="AD4564" s="2"/>
      <c r="AE4564" s="1"/>
    </row>
    <row r="4565" spans="1:31" ht="14.45">
      <c r="A4565" s="11"/>
      <c r="B4565" s="20"/>
      <c r="C4565" s="2" t="s">
        <v>14149</v>
      </c>
      <c r="D4565" s="14" t="s">
        <v>14150</v>
      </c>
      <c r="E4565" s="2" t="s">
        <v>14151</v>
      </c>
      <c r="F4565" s="2" t="s">
        <v>7204</v>
      </c>
      <c r="G4565" s="8">
        <v>91</v>
      </c>
      <c r="H4565" s="5">
        <v>6</v>
      </c>
      <c r="I4565" s="5" t="s">
        <v>1518</v>
      </c>
      <c r="J4565" s="5" t="s">
        <v>1519</v>
      </c>
      <c r="K4565" s="2" t="s">
        <v>1520</v>
      </c>
      <c r="L4565" s="5" t="s">
        <v>1519</v>
      </c>
      <c r="M4565" s="2" t="s">
        <v>1520</v>
      </c>
      <c r="N4565" s="5" t="s">
        <v>1521</v>
      </c>
      <c r="O4565" s="5" t="s">
        <v>38</v>
      </c>
      <c r="P4565" s="5" t="s">
        <v>39</v>
      </c>
      <c r="Q4565" s="5" t="s">
        <v>40</v>
      </c>
      <c r="R4565" s="5" t="s">
        <v>1522</v>
      </c>
      <c r="S4565" s="5" t="s">
        <v>1523</v>
      </c>
      <c r="T4565" s="5" t="s">
        <v>42</v>
      </c>
      <c r="U4565" s="2">
        <v>1.232</v>
      </c>
      <c r="V4565" s="2">
        <v>0.92200000000000004</v>
      </c>
      <c r="W4565" s="2">
        <v>7.0000000000000001E-3</v>
      </c>
      <c r="X4565" s="2">
        <v>82.9</v>
      </c>
      <c r="Y4565" s="2">
        <v>7.6</v>
      </c>
      <c r="Z4565" s="2">
        <v>10.6</v>
      </c>
      <c r="AA4565" s="5"/>
      <c r="AB4565" s="5" t="s">
        <v>43</v>
      </c>
      <c r="AC4565" s="5" t="s">
        <v>44</v>
      </c>
      <c r="AD4565" s="2"/>
      <c r="AE4565" s="1"/>
    </row>
    <row r="4566" spans="1:31" ht="14.45">
      <c r="A4566" s="11"/>
      <c r="B4566" s="20"/>
      <c r="C4566" s="2" t="s">
        <v>14152</v>
      </c>
      <c r="D4566" s="14" t="s">
        <v>14153</v>
      </c>
      <c r="E4566" s="2" t="s">
        <v>14154</v>
      </c>
      <c r="F4566" s="2" t="s">
        <v>7208</v>
      </c>
      <c r="G4566" s="8">
        <v>91</v>
      </c>
      <c r="H4566" s="5">
        <v>6</v>
      </c>
      <c r="I4566" s="5" t="s">
        <v>1518</v>
      </c>
      <c r="J4566" s="5" t="s">
        <v>1519</v>
      </c>
      <c r="K4566" s="2" t="s">
        <v>1520</v>
      </c>
      <c r="L4566" s="5" t="s">
        <v>1519</v>
      </c>
      <c r="M4566" s="2" t="s">
        <v>1520</v>
      </c>
      <c r="N4566" s="5" t="s">
        <v>1521</v>
      </c>
      <c r="O4566" s="5" t="s">
        <v>38</v>
      </c>
      <c r="P4566" s="5" t="s">
        <v>39</v>
      </c>
      <c r="Q4566" s="5" t="s">
        <v>40</v>
      </c>
      <c r="R4566" s="5" t="s">
        <v>1522</v>
      </c>
      <c r="S4566" s="5" t="s">
        <v>1523</v>
      </c>
      <c r="T4566" s="5" t="s">
        <v>42</v>
      </c>
      <c r="U4566" s="2">
        <v>1.232</v>
      </c>
      <c r="V4566" s="2">
        <v>0.92200000000000004</v>
      </c>
      <c r="W4566" s="2">
        <v>7.0000000000000001E-3</v>
      </c>
      <c r="X4566" s="2">
        <v>82.9</v>
      </c>
      <c r="Y4566" s="2">
        <v>7.6</v>
      </c>
      <c r="Z4566" s="2">
        <v>10.6</v>
      </c>
      <c r="AA4566" s="5"/>
      <c r="AB4566" s="5" t="s">
        <v>43</v>
      </c>
      <c r="AC4566" s="5" t="s">
        <v>44</v>
      </c>
      <c r="AD4566" s="2"/>
      <c r="AE4566" s="1"/>
    </row>
    <row r="4567" spans="1:31" ht="14.45">
      <c r="A4567" s="11"/>
      <c r="B4567" s="20"/>
      <c r="C4567" s="2" t="s">
        <v>14155</v>
      </c>
      <c r="D4567" s="14" t="s">
        <v>14156</v>
      </c>
      <c r="E4567" s="2" t="s">
        <v>14157</v>
      </c>
      <c r="F4567" s="2" t="s">
        <v>7212</v>
      </c>
      <c r="G4567" s="8">
        <v>91</v>
      </c>
      <c r="H4567" s="5">
        <v>6</v>
      </c>
      <c r="I4567" s="5" t="s">
        <v>1518</v>
      </c>
      <c r="J4567" s="5" t="s">
        <v>1519</v>
      </c>
      <c r="K4567" s="2" t="s">
        <v>1520</v>
      </c>
      <c r="L4567" s="5" t="s">
        <v>1519</v>
      </c>
      <c r="M4567" s="2" t="s">
        <v>1520</v>
      </c>
      <c r="N4567" s="5" t="s">
        <v>1521</v>
      </c>
      <c r="O4567" s="5" t="s">
        <v>38</v>
      </c>
      <c r="P4567" s="5" t="s">
        <v>39</v>
      </c>
      <c r="Q4567" s="5" t="s">
        <v>40</v>
      </c>
      <c r="R4567" s="5" t="s">
        <v>1522</v>
      </c>
      <c r="S4567" s="5" t="s">
        <v>1523</v>
      </c>
      <c r="T4567" s="5" t="s">
        <v>42</v>
      </c>
      <c r="U4567" s="2">
        <v>1.222</v>
      </c>
      <c r="V4567" s="2">
        <v>0.91200000000000003</v>
      </c>
      <c r="W4567" s="2">
        <v>7.0000000000000001E-3</v>
      </c>
      <c r="X4567" s="2">
        <v>82.9</v>
      </c>
      <c r="Y4567" s="2">
        <v>7.6</v>
      </c>
      <c r="Z4567" s="2">
        <v>10.6</v>
      </c>
      <c r="AA4567" s="5"/>
      <c r="AB4567" s="5" t="s">
        <v>43</v>
      </c>
      <c r="AC4567" s="5" t="s">
        <v>44</v>
      </c>
      <c r="AD4567" s="2"/>
      <c r="AE4567" s="1"/>
    </row>
    <row r="4568" spans="1:31" ht="14.45">
      <c r="A4568" s="11"/>
      <c r="B4568" s="20"/>
      <c r="C4568" s="2" t="s">
        <v>14158</v>
      </c>
      <c r="D4568" s="14" t="s">
        <v>14159</v>
      </c>
      <c r="E4568" s="2" t="s">
        <v>14160</v>
      </c>
      <c r="F4568" s="2" t="s">
        <v>7406</v>
      </c>
      <c r="G4568" s="8">
        <v>105</v>
      </c>
      <c r="H4568" s="5">
        <v>6</v>
      </c>
      <c r="I4568" s="5" t="s">
        <v>1518</v>
      </c>
      <c r="J4568" s="5" t="s">
        <v>1519</v>
      </c>
      <c r="K4568" s="2" t="s">
        <v>1520</v>
      </c>
      <c r="L4568" s="5" t="s">
        <v>1519</v>
      </c>
      <c r="M4568" s="2" t="s">
        <v>1520</v>
      </c>
      <c r="N4568" s="5" t="s">
        <v>1521</v>
      </c>
      <c r="O4568" s="5" t="s">
        <v>38</v>
      </c>
      <c r="P4568" s="5" t="s">
        <v>39</v>
      </c>
      <c r="Q4568" s="5" t="s">
        <v>40</v>
      </c>
      <c r="R4568" s="5" t="s">
        <v>1522</v>
      </c>
      <c r="S4568" s="5" t="s">
        <v>1523</v>
      </c>
      <c r="T4568" s="5" t="s">
        <v>42</v>
      </c>
      <c r="U4568" s="2">
        <v>1.222</v>
      </c>
      <c r="V4568" s="2">
        <v>0.91200000000000003</v>
      </c>
      <c r="W4568" s="2">
        <v>7.0000000000000001E-3</v>
      </c>
      <c r="X4568" s="2">
        <v>82.9</v>
      </c>
      <c r="Y4568" s="2">
        <v>7.6</v>
      </c>
      <c r="Z4568" s="2">
        <v>10.6</v>
      </c>
      <c r="AA4568" s="5"/>
      <c r="AB4568" s="5" t="s">
        <v>43</v>
      </c>
      <c r="AC4568" s="5" t="s">
        <v>44</v>
      </c>
      <c r="AD4568" s="2"/>
      <c r="AE4568" s="1"/>
    </row>
    <row r="4569" spans="1:31" ht="14.45">
      <c r="A4569" s="11"/>
      <c r="B4569" s="20"/>
      <c r="C4569" s="2" t="s">
        <v>14161</v>
      </c>
      <c r="D4569" s="14" t="s">
        <v>14162</v>
      </c>
      <c r="E4569" s="2" t="s">
        <v>14163</v>
      </c>
      <c r="F4569" s="2" t="s">
        <v>7539</v>
      </c>
      <c r="G4569" s="8">
        <v>105</v>
      </c>
      <c r="H4569" s="5">
        <v>6</v>
      </c>
      <c r="I4569" s="5" t="s">
        <v>1518</v>
      </c>
      <c r="J4569" s="5" t="s">
        <v>1519</v>
      </c>
      <c r="K4569" s="2" t="s">
        <v>1520</v>
      </c>
      <c r="L4569" s="5" t="s">
        <v>1519</v>
      </c>
      <c r="M4569" s="2" t="s">
        <v>1520</v>
      </c>
      <c r="N4569" s="5" t="s">
        <v>1521</v>
      </c>
      <c r="O4569" s="5" t="s">
        <v>38</v>
      </c>
      <c r="P4569" s="5" t="s">
        <v>39</v>
      </c>
      <c r="Q4569" s="5" t="s">
        <v>40</v>
      </c>
      <c r="R4569" s="5" t="s">
        <v>1522</v>
      </c>
      <c r="S4569" s="5" t="s">
        <v>1523</v>
      </c>
      <c r="T4569" s="5" t="s">
        <v>42</v>
      </c>
      <c r="U4569" s="2">
        <v>1.232</v>
      </c>
      <c r="V4569" s="2">
        <v>0.92200000000000004</v>
      </c>
      <c r="W4569" s="2">
        <v>7.0000000000000001E-3</v>
      </c>
      <c r="X4569" s="2">
        <v>82.9</v>
      </c>
      <c r="Y4569" s="2">
        <v>7.6</v>
      </c>
      <c r="Z4569" s="2">
        <v>10.6</v>
      </c>
      <c r="AA4569" s="5"/>
      <c r="AB4569" s="5" t="s">
        <v>43</v>
      </c>
      <c r="AC4569" s="5" t="s">
        <v>44</v>
      </c>
      <c r="AD4569" s="2"/>
      <c r="AE4569" s="1"/>
    </row>
    <row r="4570" spans="1:31" ht="14.45">
      <c r="A4570" s="11"/>
      <c r="B4570" s="20"/>
      <c r="C4570" s="2" t="s">
        <v>14164</v>
      </c>
      <c r="D4570" s="14" t="s">
        <v>14165</v>
      </c>
      <c r="E4570" s="2" t="s">
        <v>14166</v>
      </c>
      <c r="F4570" s="2" t="s">
        <v>7547</v>
      </c>
      <c r="G4570" s="8">
        <v>105</v>
      </c>
      <c r="H4570" s="5">
        <v>6</v>
      </c>
      <c r="I4570" s="5" t="s">
        <v>1518</v>
      </c>
      <c r="J4570" s="5" t="s">
        <v>1519</v>
      </c>
      <c r="K4570" s="2" t="s">
        <v>1520</v>
      </c>
      <c r="L4570" s="5" t="s">
        <v>1519</v>
      </c>
      <c r="M4570" s="2" t="s">
        <v>1520</v>
      </c>
      <c r="N4570" s="5" t="s">
        <v>1521</v>
      </c>
      <c r="O4570" s="5" t="s">
        <v>38</v>
      </c>
      <c r="P4570" s="5" t="s">
        <v>39</v>
      </c>
      <c r="Q4570" s="5" t="s">
        <v>40</v>
      </c>
      <c r="R4570" s="5" t="s">
        <v>1522</v>
      </c>
      <c r="S4570" s="5" t="s">
        <v>1523</v>
      </c>
      <c r="T4570" s="5" t="s">
        <v>42</v>
      </c>
      <c r="U4570" s="2">
        <v>1.222</v>
      </c>
      <c r="V4570" s="2">
        <v>0.91200000000000003</v>
      </c>
      <c r="W4570" s="2">
        <v>7.0000000000000001E-3</v>
      </c>
      <c r="X4570" s="2">
        <v>82.9</v>
      </c>
      <c r="Y4570" s="2">
        <v>7.6</v>
      </c>
      <c r="Z4570" s="2">
        <v>10.6</v>
      </c>
      <c r="AA4570" s="5"/>
      <c r="AB4570" s="5" t="s">
        <v>43</v>
      </c>
      <c r="AC4570" s="5" t="s">
        <v>44</v>
      </c>
      <c r="AD4570" s="2"/>
      <c r="AE4570" s="1"/>
    </row>
    <row r="4571" spans="1:31" ht="14.45">
      <c r="A4571" s="11"/>
      <c r="B4571" s="20"/>
      <c r="C4571" s="2" t="s">
        <v>14167</v>
      </c>
      <c r="D4571" s="14" t="s">
        <v>14168</v>
      </c>
      <c r="E4571" s="2" t="s">
        <v>14169</v>
      </c>
      <c r="F4571" s="2" t="s">
        <v>7555</v>
      </c>
      <c r="G4571" s="8">
        <v>105</v>
      </c>
      <c r="H4571" s="5">
        <v>6</v>
      </c>
      <c r="I4571" s="5" t="s">
        <v>1518</v>
      </c>
      <c r="J4571" s="5" t="s">
        <v>1519</v>
      </c>
      <c r="K4571" s="2" t="s">
        <v>1520</v>
      </c>
      <c r="L4571" s="5" t="s">
        <v>1519</v>
      </c>
      <c r="M4571" s="2" t="s">
        <v>1520</v>
      </c>
      <c r="N4571" s="5" t="s">
        <v>1521</v>
      </c>
      <c r="O4571" s="5" t="s">
        <v>38</v>
      </c>
      <c r="P4571" s="5" t="s">
        <v>39</v>
      </c>
      <c r="Q4571" s="5" t="s">
        <v>40</v>
      </c>
      <c r="R4571" s="5" t="s">
        <v>1522</v>
      </c>
      <c r="S4571" s="5" t="s">
        <v>1523</v>
      </c>
      <c r="T4571" s="5" t="s">
        <v>42</v>
      </c>
      <c r="U4571" s="2">
        <v>1.222</v>
      </c>
      <c r="V4571" s="2">
        <v>0.91200000000000003</v>
      </c>
      <c r="W4571" s="2">
        <v>7.0000000000000001E-3</v>
      </c>
      <c r="X4571" s="2">
        <v>82.9</v>
      </c>
      <c r="Y4571" s="2">
        <v>7.6</v>
      </c>
      <c r="Z4571" s="2">
        <v>10.6</v>
      </c>
      <c r="AA4571" s="5"/>
      <c r="AB4571" s="5" t="s">
        <v>43</v>
      </c>
      <c r="AC4571" s="5" t="s">
        <v>44</v>
      </c>
      <c r="AD4571" s="2"/>
      <c r="AE4571" s="1"/>
    </row>
    <row r="4572" spans="1:31" ht="14.45">
      <c r="A4572" s="11"/>
      <c r="B4572" s="20"/>
      <c r="C4572" s="2" t="s">
        <v>14170</v>
      </c>
      <c r="D4572" s="14" t="s">
        <v>14171</v>
      </c>
      <c r="E4572" s="2" t="s">
        <v>14172</v>
      </c>
      <c r="F4572" s="2" t="s">
        <v>7563</v>
      </c>
      <c r="G4572" s="8">
        <v>105</v>
      </c>
      <c r="H4572" s="5">
        <v>6</v>
      </c>
      <c r="I4572" s="5" t="s">
        <v>1518</v>
      </c>
      <c r="J4572" s="5" t="s">
        <v>1519</v>
      </c>
      <c r="K4572" s="2" t="s">
        <v>1520</v>
      </c>
      <c r="L4572" s="5" t="s">
        <v>1519</v>
      </c>
      <c r="M4572" s="2" t="s">
        <v>1520</v>
      </c>
      <c r="N4572" s="5" t="s">
        <v>1521</v>
      </c>
      <c r="O4572" s="5" t="s">
        <v>38</v>
      </c>
      <c r="P4572" s="5" t="s">
        <v>39</v>
      </c>
      <c r="Q4572" s="5" t="s">
        <v>40</v>
      </c>
      <c r="R4572" s="5" t="s">
        <v>1522</v>
      </c>
      <c r="S4572" s="5" t="s">
        <v>1523</v>
      </c>
      <c r="T4572" s="5" t="s">
        <v>42</v>
      </c>
      <c r="U4572" s="2">
        <v>1.232</v>
      </c>
      <c r="V4572" s="2">
        <v>0.92200000000000004</v>
      </c>
      <c r="W4572" s="2">
        <v>7.0000000000000001E-3</v>
      </c>
      <c r="X4572" s="2">
        <v>82.9</v>
      </c>
      <c r="Y4572" s="2">
        <v>7.6</v>
      </c>
      <c r="Z4572" s="2">
        <v>10.6</v>
      </c>
      <c r="AA4572" s="5"/>
      <c r="AB4572" s="5" t="s">
        <v>43</v>
      </c>
      <c r="AC4572" s="5" t="s">
        <v>44</v>
      </c>
      <c r="AD4572" s="2"/>
      <c r="AE4572" s="1"/>
    </row>
    <row r="4573" spans="1:31" ht="14.45">
      <c r="A4573" s="11"/>
      <c r="B4573" s="20"/>
      <c r="C4573" s="2" t="s">
        <v>14173</v>
      </c>
      <c r="D4573" s="14" t="s">
        <v>14174</v>
      </c>
      <c r="E4573" s="2" t="s">
        <v>14175</v>
      </c>
      <c r="F4573" s="2" t="s">
        <v>7429</v>
      </c>
      <c r="G4573" s="8">
        <v>105</v>
      </c>
      <c r="H4573" s="5">
        <v>6</v>
      </c>
      <c r="I4573" s="5" t="s">
        <v>1518</v>
      </c>
      <c r="J4573" s="5" t="s">
        <v>1519</v>
      </c>
      <c r="K4573" s="2" t="s">
        <v>1520</v>
      </c>
      <c r="L4573" s="5" t="s">
        <v>1519</v>
      </c>
      <c r="M4573" s="2" t="s">
        <v>1520</v>
      </c>
      <c r="N4573" s="5" t="s">
        <v>1521</v>
      </c>
      <c r="O4573" s="5" t="s">
        <v>38</v>
      </c>
      <c r="P4573" s="5" t="s">
        <v>39</v>
      </c>
      <c r="Q4573" s="5" t="s">
        <v>40</v>
      </c>
      <c r="R4573" s="5" t="s">
        <v>1522</v>
      </c>
      <c r="S4573" s="5" t="s">
        <v>1523</v>
      </c>
      <c r="T4573" s="5" t="s">
        <v>42</v>
      </c>
      <c r="U4573" s="2">
        <v>1.232</v>
      </c>
      <c r="V4573" s="2">
        <v>0.92200000000000004</v>
      </c>
      <c r="W4573" s="2">
        <v>7.0000000000000001E-3</v>
      </c>
      <c r="X4573" s="2">
        <v>82.9</v>
      </c>
      <c r="Y4573" s="2">
        <v>7.6</v>
      </c>
      <c r="Z4573" s="2">
        <v>10.6</v>
      </c>
      <c r="AA4573" s="5"/>
      <c r="AB4573" s="5" t="s">
        <v>43</v>
      </c>
      <c r="AC4573" s="5" t="s">
        <v>44</v>
      </c>
      <c r="AD4573" s="2"/>
      <c r="AE4573" s="1"/>
    </row>
    <row r="4574" spans="1:31" ht="14.45">
      <c r="A4574" s="11"/>
      <c r="B4574" s="20"/>
      <c r="C4574" s="2" t="s">
        <v>14176</v>
      </c>
      <c r="D4574" s="14" t="s">
        <v>14177</v>
      </c>
      <c r="E4574" s="2" t="s">
        <v>14178</v>
      </c>
      <c r="F4574" s="2" t="s">
        <v>7449</v>
      </c>
      <c r="G4574" s="8">
        <v>105</v>
      </c>
      <c r="H4574" s="5">
        <v>6</v>
      </c>
      <c r="I4574" s="5" t="s">
        <v>1518</v>
      </c>
      <c r="J4574" s="5" t="s">
        <v>1519</v>
      </c>
      <c r="K4574" s="2" t="s">
        <v>1520</v>
      </c>
      <c r="L4574" s="5" t="s">
        <v>1519</v>
      </c>
      <c r="M4574" s="2" t="s">
        <v>1520</v>
      </c>
      <c r="N4574" s="5" t="s">
        <v>1521</v>
      </c>
      <c r="O4574" s="5" t="s">
        <v>38</v>
      </c>
      <c r="P4574" s="5" t="s">
        <v>39</v>
      </c>
      <c r="Q4574" s="5" t="s">
        <v>40</v>
      </c>
      <c r="R4574" s="5" t="s">
        <v>1522</v>
      </c>
      <c r="S4574" s="5" t="s">
        <v>1523</v>
      </c>
      <c r="T4574" s="5" t="s">
        <v>42</v>
      </c>
      <c r="U4574" s="2">
        <v>1.232</v>
      </c>
      <c r="V4574" s="2">
        <v>0.92200000000000004</v>
      </c>
      <c r="W4574" s="2">
        <v>7.0000000000000001E-3</v>
      </c>
      <c r="X4574" s="2">
        <v>82.9</v>
      </c>
      <c r="Y4574" s="2">
        <v>7.6</v>
      </c>
      <c r="Z4574" s="2">
        <v>10.6</v>
      </c>
      <c r="AA4574" s="5"/>
      <c r="AB4574" s="5" t="s">
        <v>43</v>
      </c>
      <c r="AC4574" s="5" t="s">
        <v>44</v>
      </c>
      <c r="AD4574" s="2"/>
      <c r="AE4574" s="1"/>
    </row>
    <row r="4575" spans="1:31" ht="14.45">
      <c r="A4575" s="11"/>
      <c r="B4575" s="20"/>
      <c r="C4575" s="2" t="s">
        <v>14179</v>
      </c>
      <c r="D4575" s="14" t="s">
        <v>14180</v>
      </c>
      <c r="E4575" s="2" t="s">
        <v>14181</v>
      </c>
      <c r="F4575" s="2" t="s">
        <v>7585</v>
      </c>
      <c r="G4575" s="8">
        <v>105</v>
      </c>
      <c r="H4575" s="5">
        <v>6</v>
      </c>
      <c r="I4575" s="5" t="s">
        <v>1518</v>
      </c>
      <c r="J4575" s="5" t="s">
        <v>1519</v>
      </c>
      <c r="K4575" s="2" t="s">
        <v>1520</v>
      </c>
      <c r="L4575" s="5" t="s">
        <v>1519</v>
      </c>
      <c r="M4575" s="2" t="s">
        <v>1520</v>
      </c>
      <c r="N4575" s="5" t="s">
        <v>1521</v>
      </c>
      <c r="O4575" s="5" t="s">
        <v>38</v>
      </c>
      <c r="P4575" s="5" t="s">
        <v>39</v>
      </c>
      <c r="Q4575" s="5" t="s">
        <v>40</v>
      </c>
      <c r="R4575" s="5" t="s">
        <v>1522</v>
      </c>
      <c r="S4575" s="5" t="s">
        <v>1523</v>
      </c>
      <c r="T4575" s="5" t="s">
        <v>42</v>
      </c>
      <c r="U4575" s="2">
        <v>1.222</v>
      </c>
      <c r="V4575" s="2">
        <v>0.91200000000000003</v>
      </c>
      <c r="W4575" s="2">
        <v>7.0000000000000001E-3</v>
      </c>
      <c r="X4575" s="2">
        <v>82.9</v>
      </c>
      <c r="Y4575" s="2">
        <v>7.6</v>
      </c>
      <c r="Z4575" s="2">
        <v>10.6</v>
      </c>
      <c r="AA4575" s="5"/>
      <c r="AB4575" s="5" t="s">
        <v>43</v>
      </c>
      <c r="AC4575" s="5" t="s">
        <v>44</v>
      </c>
      <c r="AD4575" s="2"/>
      <c r="AE4575" s="1"/>
    </row>
    <row r="4576" spans="1:31" ht="14.45">
      <c r="A4576" s="11"/>
      <c r="B4576" s="20"/>
      <c r="C4576" s="2" t="s">
        <v>14182</v>
      </c>
      <c r="D4576" s="14" t="s">
        <v>14183</v>
      </c>
      <c r="E4576" s="2" t="s">
        <v>14184</v>
      </c>
      <c r="F4576" s="2" t="s">
        <v>7593</v>
      </c>
      <c r="G4576" s="8">
        <v>105</v>
      </c>
      <c r="H4576" s="5">
        <v>6</v>
      </c>
      <c r="I4576" s="5" t="s">
        <v>1518</v>
      </c>
      <c r="J4576" s="5" t="s">
        <v>1519</v>
      </c>
      <c r="K4576" s="2" t="s">
        <v>1520</v>
      </c>
      <c r="L4576" s="5" t="s">
        <v>1519</v>
      </c>
      <c r="M4576" s="2" t="s">
        <v>1520</v>
      </c>
      <c r="N4576" s="5" t="s">
        <v>1521</v>
      </c>
      <c r="O4576" s="5" t="s">
        <v>38</v>
      </c>
      <c r="P4576" s="5" t="s">
        <v>39</v>
      </c>
      <c r="Q4576" s="5" t="s">
        <v>40</v>
      </c>
      <c r="R4576" s="5" t="s">
        <v>1522</v>
      </c>
      <c r="S4576" s="5" t="s">
        <v>1523</v>
      </c>
      <c r="T4576" s="5" t="s">
        <v>42</v>
      </c>
      <c r="U4576" s="2">
        <v>1.232</v>
      </c>
      <c r="V4576" s="2">
        <v>0.92200000000000004</v>
      </c>
      <c r="W4576" s="2">
        <v>7.0000000000000001E-3</v>
      </c>
      <c r="X4576" s="2">
        <v>82.9</v>
      </c>
      <c r="Y4576" s="2">
        <v>7.6</v>
      </c>
      <c r="Z4576" s="2">
        <v>10.6</v>
      </c>
      <c r="AA4576" s="5"/>
      <c r="AB4576" s="5" t="s">
        <v>43</v>
      </c>
      <c r="AC4576" s="5" t="s">
        <v>44</v>
      </c>
      <c r="AD4576" s="2"/>
      <c r="AE4576" s="1"/>
    </row>
    <row r="4577" spans="1:31" ht="14.45">
      <c r="A4577" s="11"/>
      <c r="B4577" s="20"/>
      <c r="C4577" s="2" t="s">
        <v>14185</v>
      </c>
      <c r="D4577" s="14" t="s">
        <v>14186</v>
      </c>
      <c r="E4577" s="2" t="s">
        <v>14187</v>
      </c>
      <c r="F4577" s="2" t="s">
        <v>7410</v>
      </c>
      <c r="G4577" s="8">
        <v>105</v>
      </c>
      <c r="H4577" s="5">
        <v>6</v>
      </c>
      <c r="I4577" s="5" t="s">
        <v>1518</v>
      </c>
      <c r="J4577" s="5" t="s">
        <v>1519</v>
      </c>
      <c r="K4577" s="2" t="s">
        <v>1520</v>
      </c>
      <c r="L4577" s="5" t="s">
        <v>1519</v>
      </c>
      <c r="M4577" s="2" t="s">
        <v>1520</v>
      </c>
      <c r="N4577" s="5" t="s">
        <v>1521</v>
      </c>
      <c r="O4577" s="5" t="s">
        <v>38</v>
      </c>
      <c r="P4577" s="5" t="s">
        <v>39</v>
      </c>
      <c r="Q4577" s="5" t="s">
        <v>40</v>
      </c>
      <c r="R4577" s="5" t="s">
        <v>1522</v>
      </c>
      <c r="S4577" s="5" t="s">
        <v>1523</v>
      </c>
      <c r="T4577" s="5" t="s">
        <v>42</v>
      </c>
      <c r="U4577" s="2">
        <v>1.232</v>
      </c>
      <c r="V4577" s="2">
        <v>0.92200000000000004</v>
      </c>
      <c r="W4577" s="2">
        <v>7.0000000000000001E-3</v>
      </c>
      <c r="X4577" s="2">
        <v>82.9</v>
      </c>
      <c r="Y4577" s="2">
        <v>7.6</v>
      </c>
      <c r="Z4577" s="2">
        <v>10.6</v>
      </c>
      <c r="AA4577" s="5"/>
      <c r="AB4577" s="5" t="s">
        <v>43</v>
      </c>
      <c r="AC4577" s="5" t="s">
        <v>44</v>
      </c>
      <c r="AD4577" s="2"/>
      <c r="AE4577" s="1"/>
    </row>
    <row r="4578" spans="1:31" ht="14.45">
      <c r="A4578" s="11"/>
      <c r="B4578" s="20"/>
      <c r="C4578" s="2" t="s">
        <v>14188</v>
      </c>
      <c r="D4578" s="14" t="s">
        <v>14189</v>
      </c>
      <c r="E4578" s="2" t="s">
        <v>14190</v>
      </c>
      <c r="F4578" s="2" t="s">
        <v>7433</v>
      </c>
      <c r="G4578" s="8">
        <v>105</v>
      </c>
      <c r="H4578" s="5">
        <v>6</v>
      </c>
      <c r="I4578" s="5" t="s">
        <v>1518</v>
      </c>
      <c r="J4578" s="5" t="s">
        <v>1519</v>
      </c>
      <c r="K4578" s="2" t="s">
        <v>1520</v>
      </c>
      <c r="L4578" s="5" t="s">
        <v>1519</v>
      </c>
      <c r="M4578" s="2" t="s">
        <v>1520</v>
      </c>
      <c r="N4578" s="5" t="s">
        <v>1521</v>
      </c>
      <c r="O4578" s="5" t="s">
        <v>38</v>
      </c>
      <c r="P4578" s="5" t="s">
        <v>39</v>
      </c>
      <c r="Q4578" s="5" t="s">
        <v>40</v>
      </c>
      <c r="R4578" s="5" t="s">
        <v>1522</v>
      </c>
      <c r="S4578" s="5" t="s">
        <v>1523</v>
      </c>
      <c r="T4578" s="5" t="s">
        <v>42</v>
      </c>
      <c r="U4578" s="2">
        <v>1.232</v>
      </c>
      <c r="V4578" s="2">
        <v>0.92200000000000004</v>
      </c>
      <c r="W4578" s="2">
        <v>7.0000000000000001E-3</v>
      </c>
      <c r="X4578" s="2">
        <v>82.9</v>
      </c>
      <c r="Y4578" s="2">
        <v>7.6</v>
      </c>
      <c r="Z4578" s="2">
        <v>10.6</v>
      </c>
      <c r="AA4578" s="5"/>
      <c r="AB4578" s="5" t="s">
        <v>43</v>
      </c>
      <c r="AC4578" s="5" t="s">
        <v>44</v>
      </c>
      <c r="AD4578" s="2"/>
      <c r="AE4578" s="1"/>
    </row>
    <row r="4579" spans="1:31" ht="14.45">
      <c r="A4579" s="11"/>
      <c r="B4579" s="20"/>
      <c r="C4579" s="2" t="s">
        <v>14191</v>
      </c>
      <c r="D4579" s="14" t="s">
        <v>14192</v>
      </c>
      <c r="E4579" s="2" t="s">
        <v>14193</v>
      </c>
      <c r="F4579" s="2" t="s">
        <v>7615</v>
      </c>
      <c r="G4579" s="8">
        <v>105</v>
      </c>
      <c r="H4579" s="5">
        <v>6</v>
      </c>
      <c r="I4579" s="5" t="s">
        <v>1518</v>
      </c>
      <c r="J4579" s="5" t="s">
        <v>1519</v>
      </c>
      <c r="K4579" s="2" t="s">
        <v>1520</v>
      </c>
      <c r="L4579" s="5" t="s">
        <v>1519</v>
      </c>
      <c r="M4579" s="2" t="s">
        <v>1520</v>
      </c>
      <c r="N4579" s="5" t="s">
        <v>1521</v>
      </c>
      <c r="O4579" s="5" t="s">
        <v>38</v>
      </c>
      <c r="P4579" s="5" t="s">
        <v>39</v>
      </c>
      <c r="Q4579" s="5" t="s">
        <v>40</v>
      </c>
      <c r="R4579" s="5" t="s">
        <v>1522</v>
      </c>
      <c r="S4579" s="5" t="s">
        <v>1523</v>
      </c>
      <c r="T4579" s="5" t="s">
        <v>42</v>
      </c>
      <c r="U4579" s="2">
        <v>1.222</v>
      </c>
      <c r="V4579" s="2">
        <v>0.91200000000000003</v>
      </c>
      <c r="W4579" s="2">
        <v>7.0000000000000001E-3</v>
      </c>
      <c r="X4579" s="2">
        <v>82.9</v>
      </c>
      <c r="Y4579" s="2">
        <v>7.6</v>
      </c>
      <c r="Z4579" s="2">
        <v>10.6</v>
      </c>
      <c r="AA4579" s="5"/>
      <c r="AB4579" s="5" t="s">
        <v>43</v>
      </c>
      <c r="AC4579" s="5" t="s">
        <v>44</v>
      </c>
      <c r="AD4579" s="2"/>
      <c r="AE4579" s="1"/>
    </row>
    <row r="4580" spans="1:31" ht="14.45">
      <c r="A4580" s="11"/>
      <c r="B4580" s="20"/>
      <c r="C4580" s="2" t="s">
        <v>14194</v>
      </c>
      <c r="D4580" s="14" t="s">
        <v>14195</v>
      </c>
      <c r="E4580" s="2" t="s">
        <v>14196</v>
      </c>
      <c r="F4580" s="2" t="s">
        <v>7396</v>
      </c>
      <c r="G4580" s="8">
        <v>100</v>
      </c>
      <c r="H4580" s="5">
        <v>6</v>
      </c>
      <c r="I4580" s="5" t="s">
        <v>1518</v>
      </c>
      <c r="J4580" s="5" t="s">
        <v>1519</v>
      </c>
      <c r="K4580" s="2" t="s">
        <v>1520</v>
      </c>
      <c r="L4580" s="5" t="s">
        <v>1519</v>
      </c>
      <c r="M4580" s="2" t="s">
        <v>1520</v>
      </c>
      <c r="N4580" s="5" t="s">
        <v>1521</v>
      </c>
      <c r="O4580" s="5" t="s">
        <v>38</v>
      </c>
      <c r="P4580" s="5" t="s">
        <v>39</v>
      </c>
      <c r="Q4580" s="5" t="s">
        <v>40</v>
      </c>
      <c r="R4580" s="5" t="s">
        <v>1522</v>
      </c>
      <c r="S4580" s="5" t="s">
        <v>1523</v>
      </c>
      <c r="T4580" s="5" t="s">
        <v>42</v>
      </c>
      <c r="U4580" s="2">
        <v>1.345</v>
      </c>
      <c r="V4580" s="2">
        <v>1.042</v>
      </c>
      <c r="W4580" s="2">
        <v>7.0000000000000001E-3</v>
      </c>
      <c r="X4580" s="2">
        <v>82.9</v>
      </c>
      <c r="Y4580" s="2">
        <v>7.6</v>
      </c>
      <c r="Z4580" s="2">
        <v>10.6</v>
      </c>
      <c r="AA4580" s="5"/>
      <c r="AB4580" s="5" t="s">
        <v>43</v>
      </c>
      <c r="AC4580" s="5" t="s">
        <v>44</v>
      </c>
      <c r="AD4580" s="2"/>
      <c r="AE4580" s="1"/>
    </row>
    <row r="4581" spans="1:31" ht="14.45">
      <c r="A4581" s="11"/>
      <c r="B4581" s="20"/>
      <c r="C4581" s="2" t="s">
        <v>14197</v>
      </c>
      <c r="D4581" s="14" t="s">
        <v>14198</v>
      </c>
      <c r="E4581" s="2" t="s">
        <v>14199</v>
      </c>
      <c r="F4581" s="2" t="s">
        <v>7204</v>
      </c>
      <c r="G4581" s="8">
        <v>100</v>
      </c>
      <c r="H4581" s="5">
        <v>6</v>
      </c>
      <c r="I4581" s="5" t="s">
        <v>1518</v>
      </c>
      <c r="J4581" s="5" t="s">
        <v>1519</v>
      </c>
      <c r="K4581" s="2" t="s">
        <v>1520</v>
      </c>
      <c r="L4581" s="5" t="s">
        <v>1519</v>
      </c>
      <c r="M4581" s="2" t="s">
        <v>1520</v>
      </c>
      <c r="N4581" s="5" t="s">
        <v>1521</v>
      </c>
      <c r="O4581" s="5" t="s">
        <v>38</v>
      </c>
      <c r="P4581" s="5" t="s">
        <v>39</v>
      </c>
      <c r="Q4581" s="5" t="s">
        <v>40</v>
      </c>
      <c r="R4581" s="5" t="s">
        <v>1522</v>
      </c>
      <c r="S4581" s="5" t="s">
        <v>1523</v>
      </c>
      <c r="T4581" s="5" t="s">
        <v>42</v>
      </c>
      <c r="U4581" s="2">
        <v>1.35</v>
      </c>
      <c r="V4581" s="2">
        <v>1.0469999999999999</v>
      </c>
      <c r="W4581" s="2">
        <v>7.0000000000000001E-3</v>
      </c>
      <c r="X4581" s="2">
        <v>82.9</v>
      </c>
      <c r="Y4581" s="2">
        <v>7.6</v>
      </c>
      <c r="Z4581" s="2">
        <v>10.6</v>
      </c>
      <c r="AA4581" s="5"/>
      <c r="AB4581" s="5" t="s">
        <v>43</v>
      </c>
      <c r="AC4581" s="5" t="s">
        <v>44</v>
      </c>
      <c r="AD4581" s="2"/>
      <c r="AE4581" s="1"/>
    </row>
    <row r="4582" spans="1:31" ht="14.45">
      <c r="A4582" s="11"/>
      <c r="B4582" s="20"/>
      <c r="C4582" s="2" t="s">
        <v>14200</v>
      </c>
      <c r="D4582" s="14" t="s">
        <v>14201</v>
      </c>
      <c r="E4582" s="2" t="s">
        <v>14202</v>
      </c>
      <c r="F4582" s="2" t="s">
        <v>7208</v>
      </c>
      <c r="G4582" s="8">
        <v>100</v>
      </c>
      <c r="H4582" s="5">
        <v>6</v>
      </c>
      <c r="I4582" s="5" t="s">
        <v>1518</v>
      </c>
      <c r="J4582" s="5" t="s">
        <v>1519</v>
      </c>
      <c r="K4582" s="2" t="s">
        <v>1520</v>
      </c>
      <c r="L4582" s="5" t="s">
        <v>1519</v>
      </c>
      <c r="M4582" s="2" t="s">
        <v>1520</v>
      </c>
      <c r="N4582" s="5" t="s">
        <v>1521</v>
      </c>
      <c r="O4582" s="5" t="s">
        <v>38</v>
      </c>
      <c r="P4582" s="5" t="s">
        <v>39</v>
      </c>
      <c r="Q4582" s="5" t="s">
        <v>40</v>
      </c>
      <c r="R4582" s="5" t="s">
        <v>1522</v>
      </c>
      <c r="S4582" s="5" t="s">
        <v>1523</v>
      </c>
      <c r="T4582" s="5" t="s">
        <v>42</v>
      </c>
      <c r="U4582" s="2">
        <v>1.35</v>
      </c>
      <c r="V4582" s="2">
        <v>1.0469999999999999</v>
      </c>
      <c r="W4582" s="2">
        <v>7.0000000000000001E-3</v>
      </c>
      <c r="X4582" s="2">
        <v>82.9</v>
      </c>
      <c r="Y4582" s="2">
        <v>7.6</v>
      </c>
      <c r="Z4582" s="2">
        <v>10.6</v>
      </c>
      <c r="AA4582" s="5"/>
      <c r="AB4582" s="5" t="s">
        <v>43</v>
      </c>
      <c r="AC4582" s="5" t="s">
        <v>44</v>
      </c>
      <c r="AD4582" s="2"/>
      <c r="AE4582" s="1"/>
    </row>
    <row r="4583" spans="1:31" ht="14.45">
      <c r="A4583" s="11"/>
      <c r="B4583" s="20"/>
      <c r="C4583" s="2" t="s">
        <v>14203</v>
      </c>
      <c r="D4583" s="14" t="s">
        <v>14204</v>
      </c>
      <c r="E4583" s="2" t="s">
        <v>14205</v>
      </c>
      <c r="F4583" s="2" t="s">
        <v>7212</v>
      </c>
      <c r="G4583" s="8">
        <v>100</v>
      </c>
      <c r="H4583" s="5">
        <v>6</v>
      </c>
      <c r="I4583" s="5" t="s">
        <v>1518</v>
      </c>
      <c r="J4583" s="5" t="s">
        <v>1519</v>
      </c>
      <c r="K4583" s="2" t="s">
        <v>1520</v>
      </c>
      <c r="L4583" s="5" t="s">
        <v>1519</v>
      </c>
      <c r="M4583" s="2" t="s">
        <v>1520</v>
      </c>
      <c r="N4583" s="5" t="s">
        <v>1521</v>
      </c>
      <c r="O4583" s="5" t="s">
        <v>38</v>
      </c>
      <c r="P4583" s="5" t="s">
        <v>39</v>
      </c>
      <c r="Q4583" s="5" t="s">
        <v>40</v>
      </c>
      <c r="R4583" s="5" t="s">
        <v>1522</v>
      </c>
      <c r="S4583" s="5" t="s">
        <v>1523</v>
      </c>
      <c r="T4583" s="5" t="s">
        <v>42</v>
      </c>
      <c r="U4583" s="2">
        <v>1.337</v>
      </c>
      <c r="V4583" s="2">
        <v>1.034</v>
      </c>
      <c r="W4583" s="2">
        <v>7.0000000000000001E-3</v>
      </c>
      <c r="X4583" s="2">
        <v>82.9</v>
      </c>
      <c r="Y4583" s="2">
        <v>7.6</v>
      </c>
      <c r="Z4583" s="2">
        <v>10.6</v>
      </c>
      <c r="AA4583" s="5"/>
      <c r="AB4583" s="5" t="s">
        <v>43</v>
      </c>
      <c r="AC4583" s="5" t="s">
        <v>44</v>
      </c>
      <c r="AD4583" s="2"/>
      <c r="AE4583" s="1"/>
    </row>
    <row r="4584" spans="1:31" ht="14.45">
      <c r="A4584" s="11"/>
      <c r="B4584" s="20"/>
      <c r="C4584" s="2" t="s">
        <v>14206</v>
      </c>
      <c r="D4584" s="14" t="s">
        <v>14207</v>
      </c>
      <c r="E4584" s="2" t="s">
        <v>14208</v>
      </c>
      <c r="F4584" s="2" t="s">
        <v>7406</v>
      </c>
      <c r="G4584" s="8">
        <v>115</v>
      </c>
      <c r="H4584" s="5">
        <v>6</v>
      </c>
      <c r="I4584" s="5" t="s">
        <v>1518</v>
      </c>
      <c r="J4584" s="5" t="s">
        <v>1519</v>
      </c>
      <c r="K4584" s="2" t="s">
        <v>1520</v>
      </c>
      <c r="L4584" s="5" t="s">
        <v>1519</v>
      </c>
      <c r="M4584" s="2" t="s">
        <v>1520</v>
      </c>
      <c r="N4584" s="5" t="s">
        <v>1521</v>
      </c>
      <c r="O4584" s="5" t="s">
        <v>38</v>
      </c>
      <c r="P4584" s="5" t="s">
        <v>39</v>
      </c>
      <c r="Q4584" s="5" t="s">
        <v>40</v>
      </c>
      <c r="R4584" s="5" t="s">
        <v>1522</v>
      </c>
      <c r="S4584" s="5" t="s">
        <v>1523</v>
      </c>
      <c r="T4584" s="5" t="s">
        <v>42</v>
      </c>
      <c r="U4584" s="2">
        <v>1.337</v>
      </c>
      <c r="V4584" s="2">
        <v>1.034</v>
      </c>
      <c r="W4584" s="2">
        <v>7.0000000000000001E-3</v>
      </c>
      <c r="X4584" s="2">
        <v>82.9</v>
      </c>
      <c r="Y4584" s="2">
        <v>7.6</v>
      </c>
      <c r="Z4584" s="2">
        <v>10.6</v>
      </c>
      <c r="AA4584" s="5"/>
      <c r="AB4584" s="5" t="s">
        <v>43</v>
      </c>
      <c r="AC4584" s="5" t="s">
        <v>44</v>
      </c>
      <c r="AD4584" s="2"/>
      <c r="AE4584" s="1"/>
    </row>
    <row r="4585" spans="1:31" ht="14.45">
      <c r="A4585" s="11"/>
      <c r="B4585" s="20"/>
      <c r="C4585" s="2" t="s">
        <v>14209</v>
      </c>
      <c r="D4585" s="14" t="s">
        <v>14210</v>
      </c>
      <c r="E4585" s="2" t="s">
        <v>14211</v>
      </c>
      <c r="F4585" s="2" t="s">
        <v>7539</v>
      </c>
      <c r="G4585" s="8">
        <v>115</v>
      </c>
      <c r="H4585" s="5">
        <v>6</v>
      </c>
      <c r="I4585" s="5" t="s">
        <v>1518</v>
      </c>
      <c r="J4585" s="5" t="s">
        <v>1519</v>
      </c>
      <c r="K4585" s="2" t="s">
        <v>1520</v>
      </c>
      <c r="L4585" s="5" t="s">
        <v>1519</v>
      </c>
      <c r="M4585" s="2" t="s">
        <v>1520</v>
      </c>
      <c r="N4585" s="5" t="s">
        <v>1521</v>
      </c>
      <c r="O4585" s="5" t="s">
        <v>38</v>
      </c>
      <c r="P4585" s="5" t="s">
        <v>39</v>
      </c>
      <c r="Q4585" s="5" t="s">
        <v>40</v>
      </c>
      <c r="R4585" s="5" t="s">
        <v>1522</v>
      </c>
      <c r="S4585" s="5" t="s">
        <v>1523</v>
      </c>
      <c r="T4585" s="5" t="s">
        <v>42</v>
      </c>
      <c r="U4585" s="2">
        <v>1.35</v>
      </c>
      <c r="V4585" s="2">
        <v>1.0469999999999999</v>
      </c>
      <c r="W4585" s="2">
        <v>7.0000000000000001E-3</v>
      </c>
      <c r="X4585" s="2">
        <v>82.9</v>
      </c>
      <c r="Y4585" s="2">
        <v>7.6</v>
      </c>
      <c r="Z4585" s="2">
        <v>10.6</v>
      </c>
      <c r="AA4585" s="5"/>
      <c r="AB4585" s="5" t="s">
        <v>43</v>
      </c>
      <c r="AC4585" s="5" t="s">
        <v>44</v>
      </c>
      <c r="AD4585" s="2"/>
      <c r="AE4585" s="1"/>
    </row>
    <row r="4586" spans="1:31" ht="14.45">
      <c r="A4586" s="11"/>
      <c r="B4586" s="20"/>
      <c r="C4586" s="2" t="s">
        <v>14212</v>
      </c>
      <c r="D4586" s="14" t="s">
        <v>14213</v>
      </c>
      <c r="E4586" s="2" t="s">
        <v>14214</v>
      </c>
      <c r="F4586" s="2" t="s">
        <v>7547</v>
      </c>
      <c r="G4586" s="8">
        <v>115</v>
      </c>
      <c r="H4586" s="5">
        <v>6</v>
      </c>
      <c r="I4586" s="5" t="s">
        <v>1518</v>
      </c>
      <c r="J4586" s="5" t="s">
        <v>1519</v>
      </c>
      <c r="K4586" s="2" t="s">
        <v>1520</v>
      </c>
      <c r="L4586" s="5" t="s">
        <v>1519</v>
      </c>
      <c r="M4586" s="2" t="s">
        <v>1520</v>
      </c>
      <c r="N4586" s="5" t="s">
        <v>1521</v>
      </c>
      <c r="O4586" s="5" t="s">
        <v>38</v>
      </c>
      <c r="P4586" s="5" t="s">
        <v>39</v>
      </c>
      <c r="Q4586" s="5" t="s">
        <v>40</v>
      </c>
      <c r="R4586" s="5" t="s">
        <v>1522</v>
      </c>
      <c r="S4586" s="5" t="s">
        <v>1523</v>
      </c>
      <c r="T4586" s="5" t="s">
        <v>42</v>
      </c>
      <c r="U4586" s="2">
        <v>1.337</v>
      </c>
      <c r="V4586" s="2">
        <v>1.034</v>
      </c>
      <c r="W4586" s="2">
        <v>7.0000000000000001E-3</v>
      </c>
      <c r="X4586" s="2">
        <v>82.9</v>
      </c>
      <c r="Y4586" s="2">
        <v>7.6</v>
      </c>
      <c r="Z4586" s="2">
        <v>10.6</v>
      </c>
      <c r="AA4586" s="5"/>
      <c r="AB4586" s="5" t="s">
        <v>43</v>
      </c>
      <c r="AC4586" s="5" t="s">
        <v>44</v>
      </c>
      <c r="AD4586" s="2"/>
      <c r="AE4586" s="1"/>
    </row>
    <row r="4587" spans="1:31" ht="14.45">
      <c r="A4587" s="11"/>
      <c r="B4587" s="20"/>
      <c r="C4587" s="2" t="s">
        <v>14215</v>
      </c>
      <c r="D4587" s="14" t="s">
        <v>14216</v>
      </c>
      <c r="E4587" s="2" t="s">
        <v>14217</v>
      </c>
      <c r="F4587" s="2" t="s">
        <v>7555</v>
      </c>
      <c r="G4587" s="8">
        <v>115</v>
      </c>
      <c r="H4587" s="5">
        <v>6</v>
      </c>
      <c r="I4587" s="5" t="s">
        <v>1518</v>
      </c>
      <c r="J4587" s="5" t="s">
        <v>1519</v>
      </c>
      <c r="K4587" s="2" t="s">
        <v>1520</v>
      </c>
      <c r="L4587" s="5" t="s">
        <v>1519</v>
      </c>
      <c r="M4587" s="2" t="s">
        <v>1520</v>
      </c>
      <c r="N4587" s="5" t="s">
        <v>1521</v>
      </c>
      <c r="O4587" s="5" t="s">
        <v>38</v>
      </c>
      <c r="P4587" s="5" t="s">
        <v>39</v>
      </c>
      <c r="Q4587" s="5" t="s">
        <v>40</v>
      </c>
      <c r="R4587" s="5" t="s">
        <v>1522</v>
      </c>
      <c r="S4587" s="5" t="s">
        <v>1523</v>
      </c>
      <c r="T4587" s="5" t="s">
        <v>42</v>
      </c>
      <c r="U4587" s="2">
        <v>1.337</v>
      </c>
      <c r="V4587" s="2">
        <v>1.034</v>
      </c>
      <c r="W4587" s="2">
        <v>7.0000000000000001E-3</v>
      </c>
      <c r="X4587" s="2">
        <v>82.9</v>
      </c>
      <c r="Y4587" s="2">
        <v>7.6</v>
      </c>
      <c r="Z4587" s="2">
        <v>10.6</v>
      </c>
      <c r="AA4587" s="5"/>
      <c r="AB4587" s="5" t="s">
        <v>43</v>
      </c>
      <c r="AC4587" s="5" t="s">
        <v>44</v>
      </c>
      <c r="AD4587" s="2"/>
      <c r="AE4587" s="1"/>
    </row>
    <row r="4588" spans="1:31" ht="14.45">
      <c r="A4588" s="11"/>
      <c r="B4588" s="20"/>
      <c r="C4588" s="2" t="s">
        <v>14218</v>
      </c>
      <c r="D4588" s="14" t="s">
        <v>14219</v>
      </c>
      <c r="E4588" s="2" t="s">
        <v>14220</v>
      </c>
      <c r="F4588" s="2" t="s">
        <v>7563</v>
      </c>
      <c r="G4588" s="8">
        <v>115</v>
      </c>
      <c r="H4588" s="5">
        <v>6</v>
      </c>
      <c r="I4588" s="5" t="s">
        <v>1518</v>
      </c>
      <c r="J4588" s="5" t="s">
        <v>1519</v>
      </c>
      <c r="K4588" s="2" t="s">
        <v>1520</v>
      </c>
      <c r="L4588" s="5" t="s">
        <v>1519</v>
      </c>
      <c r="M4588" s="2" t="s">
        <v>1520</v>
      </c>
      <c r="N4588" s="5" t="s">
        <v>1521</v>
      </c>
      <c r="O4588" s="5" t="s">
        <v>38</v>
      </c>
      <c r="P4588" s="5" t="s">
        <v>39</v>
      </c>
      <c r="Q4588" s="5" t="s">
        <v>40</v>
      </c>
      <c r="R4588" s="5" t="s">
        <v>1522</v>
      </c>
      <c r="S4588" s="5" t="s">
        <v>1523</v>
      </c>
      <c r="T4588" s="5" t="s">
        <v>42</v>
      </c>
      <c r="U4588" s="2">
        <v>1.35</v>
      </c>
      <c r="V4588" s="2">
        <v>1.0469999999999999</v>
      </c>
      <c r="W4588" s="2">
        <v>7.0000000000000001E-3</v>
      </c>
      <c r="X4588" s="2">
        <v>82.9</v>
      </c>
      <c r="Y4588" s="2">
        <v>7.6</v>
      </c>
      <c r="Z4588" s="2">
        <v>10.6</v>
      </c>
      <c r="AA4588" s="5"/>
      <c r="AB4588" s="5" t="s">
        <v>43</v>
      </c>
      <c r="AC4588" s="5" t="s">
        <v>44</v>
      </c>
      <c r="AD4588" s="2"/>
      <c r="AE4588" s="1"/>
    </row>
    <row r="4589" spans="1:31" ht="14.45">
      <c r="A4589" s="11"/>
      <c r="B4589" s="20"/>
      <c r="C4589" s="2" t="s">
        <v>14221</v>
      </c>
      <c r="D4589" s="14" t="s">
        <v>14222</v>
      </c>
      <c r="E4589" s="2" t="s">
        <v>14223</v>
      </c>
      <c r="F4589" s="2" t="s">
        <v>7429</v>
      </c>
      <c r="G4589" s="8">
        <v>115</v>
      </c>
      <c r="H4589" s="5">
        <v>6</v>
      </c>
      <c r="I4589" s="5" t="s">
        <v>1518</v>
      </c>
      <c r="J4589" s="5" t="s">
        <v>1519</v>
      </c>
      <c r="K4589" s="2" t="s">
        <v>1520</v>
      </c>
      <c r="L4589" s="5" t="s">
        <v>1519</v>
      </c>
      <c r="M4589" s="2" t="s">
        <v>1520</v>
      </c>
      <c r="N4589" s="5" t="s">
        <v>1521</v>
      </c>
      <c r="O4589" s="5" t="s">
        <v>38</v>
      </c>
      <c r="P4589" s="5" t="s">
        <v>39</v>
      </c>
      <c r="Q4589" s="5" t="s">
        <v>40</v>
      </c>
      <c r="R4589" s="5" t="s">
        <v>1522</v>
      </c>
      <c r="S4589" s="5" t="s">
        <v>1523</v>
      </c>
      <c r="T4589" s="5" t="s">
        <v>42</v>
      </c>
      <c r="U4589" s="2">
        <v>1.35</v>
      </c>
      <c r="V4589" s="2">
        <v>1.0469999999999999</v>
      </c>
      <c r="W4589" s="2">
        <v>7.0000000000000001E-3</v>
      </c>
      <c r="X4589" s="2">
        <v>82.9</v>
      </c>
      <c r="Y4589" s="2">
        <v>7.6</v>
      </c>
      <c r="Z4589" s="2">
        <v>10.6</v>
      </c>
      <c r="AA4589" s="5"/>
      <c r="AB4589" s="5" t="s">
        <v>43</v>
      </c>
      <c r="AC4589" s="5" t="s">
        <v>44</v>
      </c>
      <c r="AD4589" s="2"/>
      <c r="AE4589" s="1"/>
    </row>
    <row r="4590" spans="1:31" ht="14.45">
      <c r="A4590" s="11"/>
      <c r="B4590" s="20"/>
      <c r="C4590" s="2" t="s">
        <v>14224</v>
      </c>
      <c r="D4590" s="14" t="s">
        <v>14225</v>
      </c>
      <c r="E4590" s="2" t="s">
        <v>14226</v>
      </c>
      <c r="F4590" s="2" t="s">
        <v>7449</v>
      </c>
      <c r="G4590" s="8">
        <v>115</v>
      </c>
      <c r="H4590" s="5">
        <v>6</v>
      </c>
      <c r="I4590" s="5" t="s">
        <v>1518</v>
      </c>
      <c r="J4590" s="5" t="s">
        <v>1519</v>
      </c>
      <c r="K4590" s="2" t="s">
        <v>1520</v>
      </c>
      <c r="L4590" s="5" t="s">
        <v>1519</v>
      </c>
      <c r="M4590" s="2" t="s">
        <v>1520</v>
      </c>
      <c r="N4590" s="5" t="s">
        <v>1521</v>
      </c>
      <c r="O4590" s="5" t="s">
        <v>38</v>
      </c>
      <c r="P4590" s="5" t="s">
        <v>39</v>
      </c>
      <c r="Q4590" s="5" t="s">
        <v>40</v>
      </c>
      <c r="R4590" s="5" t="s">
        <v>1522</v>
      </c>
      <c r="S4590" s="5" t="s">
        <v>1523</v>
      </c>
      <c r="T4590" s="5" t="s">
        <v>42</v>
      </c>
      <c r="U4590" s="2">
        <v>1.35</v>
      </c>
      <c r="V4590" s="2">
        <v>1.0469999999999999</v>
      </c>
      <c r="W4590" s="2">
        <v>7.0000000000000001E-3</v>
      </c>
      <c r="X4590" s="2">
        <v>82.9</v>
      </c>
      <c r="Y4590" s="2">
        <v>7.6</v>
      </c>
      <c r="Z4590" s="2">
        <v>10.6</v>
      </c>
      <c r="AA4590" s="5"/>
      <c r="AB4590" s="5" t="s">
        <v>43</v>
      </c>
      <c r="AC4590" s="5" t="s">
        <v>44</v>
      </c>
      <c r="AD4590" s="2"/>
      <c r="AE4590" s="1"/>
    </row>
    <row r="4591" spans="1:31" ht="14.45">
      <c r="A4591" s="11"/>
      <c r="B4591" s="20"/>
      <c r="C4591" s="2" t="s">
        <v>14227</v>
      </c>
      <c r="D4591" s="14" t="s">
        <v>14228</v>
      </c>
      <c r="E4591" s="2" t="s">
        <v>14229</v>
      </c>
      <c r="F4591" s="2" t="s">
        <v>7585</v>
      </c>
      <c r="G4591" s="8">
        <v>115</v>
      </c>
      <c r="H4591" s="5">
        <v>6</v>
      </c>
      <c r="I4591" s="5" t="s">
        <v>1518</v>
      </c>
      <c r="J4591" s="5" t="s">
        <v>1519</v>
      </c>
      <c r="K4591" s="2" t="s">
        <v>1520</v>
      </c>
      <c r="L4591" s="5" t="s">
        <v>1519</v>
      </c>
      <c r="M4591" s="2" t="s">
        <v>1520</v>
      </c>
      <c r="N4591" s="5" t="s">
        <v>1521</v>
      </c>
      <c r="O4591" s="5" t="s">
        <v>38</v>
      </c>
      <c r="P4591" s="5" t="s">
        <v>39</v>
      </c>
      <c r="Q4591" s="5" t="s">
        <v>40</v>
      </c>
      <c r="R4591" s="5" t="s">
        <v>1522</v>
      </c>
      <c r="S4591" s="5" t="s">
        <v>1523</v>
      </c>
      <c r="T4591" s="5" t="s">
        <v>42</v>
      </c>
      <c r="U4591" s="2">
        <v>1.337</v>
      </c>
      <c r="V4591" s="2">
        <v>1.034</v>
      </c>
      <c r="W4591" s="2">
        <v>7.0000000000000001E-3</v>
      </c>
      <c r="X4591" s="2">
        <v>82.9</v>
      </c>
      <c r="Y4591" s="2">
        <v>7.6</v>
      </c>
      <c r="Z4591" s="2">
        <v>10.6</v>
      </c>
      <c r="AA4591" s="5"/>
      <c r="AB4591" s="5" t="s">
        <v>43</v>
      </c>
      <c r="AC4591" s="5" t="s">
        <v>44</v>
      </c>
      <c r="AD4591" s="2"/>
      <c r="AE4591" s="1"/>
    </row>
    <row r="4592" spans="1:31" ht="14.45">
      <c r="A4592" s="11"/>
      <c r="B4592" s="20"/>
      <c r="C4592" s="2" t="s">
        <v>14230</v>
      </c>
      <c r="D4592" s="14" t="s">
        <v>14231</v>
      </c>
      <c r="E4592" s="2" t="s">
        <v>14232</v>
      </c>
      <c r="F4592" s="2" t="s">
        <v>7593</v>
      </c>
      <c r="G4592" s="8">
        <v>115</v>
      </c>
      <c r="H4592" s="5">
        <v>6</v>
      </c>
      <c r="I4592" s="5" t="s">
        <v>1518</v>
      </c>
      <c r="J4592" s="5" t="s">
        <v>1519</v>
      </c>
      <c r="K4592" s="2" t="s">
        <v>1520</v>
      </c>
      <c r="L4592" s="5" t="s">
        <v>1519</v>
      </c>
      <c r="M4592" s="2" t="s">
        <v>1520</v>
      </c>
      <c r="N4592" s="5" t="s">
        <v>1521</v>
      </c>
      <c r="O4592" s="5" t="s">
        <v>38</v>
      </c>
      <c r="P4592" s="5" t="s">
        <v>39</v>
      </c>
      <c r="Q4592" s="5" t="s">
        <v>40</v>
      </c>
      <c r="R4592" s="5" t="s">
        <v>1522</v>
      </c>
      <c r="S4592" s="5" t="s">
        <v>1523</v>
      </c>
      <c r="T4592" s="5" t="s">
        <v>42</v>
      </c>
      <c r="U4592" s="2">
        <v>1.35</v>
      </c>
      <c r="V4592" s="2">
        <v>1.0469999999999999</v>
      </c>
      <c r="W4592" s="2">
        <v>7.0000000000000001E-3</v>
      </c>
      <c r="X4592" s="2">
        <v>82.9</v>
      </c>
      <c r="Y4592" s="2">
        <v>7.6</v>
      </c>
      <c r="Z4592" s="2">
        <v>10.6</v>
      </c>
      <c r="AA4592" s="5"/>
      <c r="AB4592" s="5" t="s">
        <v>43</v>
      </c>
      <c r="AC4592" s="5" t="s">
        <v>44</v>
      </c>
      <c r="AD4592" s="2"/>
      <c r="AE4592" s="1"/>
    </row>
    <row r="4593" spans="1:31" ht="14.45">
      <c r="A4593" s="11"/>
      <c r="B4593" s="20"/>
      <c r="C4593" s="2" t="s">
        <v>14233</v>
      </c>
      <c r="D4593" s="14" t="s">
        <v>14234</v>
      </c>
      <c r="E4593" s="2" t="s">
        <v>14235</v>
      </c>
      <c r="F4593" s="2" t="s">
        <v>7410</v>
      </c>
      <c r="G4593" s="8">
        <v>115</v>
      </c>
      <c r="H4593" s="5">
        <v>6</v>
      </c>
      <c r="I4593" s="5" t="s">
        <v>1518</v>
      </c>
      <c r="J4593" s="5" t="s">
        <v>1519</v>
      </c>
      <c r="K4593" s="2" t="s">
        <v>1520</v>
      </c>
      <c r="L4593" s="5" t="s">
        <v>1519</v>
      </c>
      <c r="M4593" s="2" t="s">
        <v>1520</v>
      </c>
      <c r="N4593" s="5" t="s">
        <v>1521</v>
      </c>
      <c r="O4593" s="5" t="s">
        <v>38</v>
      </c>
      <c r="P4593" s="5" t="s">
        <v>39</v>
      </c>
      <c r="Q4593" s="5" t="s">
        <v>40</v>
      </c>
      <c r="R4593" s="5" t="s">
        <v>1522</v>
      </c>
      <c r="S4593" s="5" t="s">
        <v>1523</v>
      </c>
      <c r="T4593" s="5" t="s">
        <v>42</v>
      </c>
      <c r="U4593" s="2">
        <v>1.35</v>
      </c>
      <c r="V4593" s="2">
        <v>1.0469999999999999</v>
      </c>
      <c r="W4593" s="2">
        <v>7.0000000000000001E-3</v>
      </c>
      <c r="X4593" s="2">
        <v>82.9</v>
      </c>
      <c r="Y4593" s="2">
        <v>7.6</v>
      </c>
      <c r="Z4593" s="2">
        <v>10.6</v>
      </c>
      <c r="AA4593" s="5"/>
      <c r="AB4593" s="5" t="s">
        <v>43</v>
      </c>
      <c r="AC4593" s="5" t="s">
        <v>44</v>
      </c>
      <c r="AD4593" s="2"/>
      <c r="AE4593" s="1"/>
    </row>
    <row r="4594" spans="1:31" ht="14.45">
      <c r="A4594" s="11"/>
      <c r="B4594" s="20"/>
      <c r="C4594" s="2" t="s">
        <v>14236</v>
      </c>
      <c r="D4594" s="14" t="s">
        <v>14237</v>
      </c>
      <c r="E4594" s="2" t="s">
        <v>14238</v>
      </c>
      <c r="F4594" s="2" t="s">
        <v>7433</v>
      </c>
      <c r="G4594" s="8">
        <v>115</v>
      </c>
      <c r="H4594" s="5">
        <v>6</v>
      </c>
      <c r="I4594" s="5" t="s">
        <v>1518</v>
      </c>
      <c r="J4594" s="5" t="s">
        <v>1519</v>
      </c>
      <c r="K4594" s="2" t="s">
        <v>1520</v>
      </c>
      <c r="L4594" s="5" t="s">
        <v>1519</v>
      </c>
      <c r="M4594" s="2" t="s">
        <v>1520</v>
      </c>
      <c r="N4594" s="5" t="s">
        <v>1521</v>
      </c>
      <c r="O4594" s="5" t="s">
        <v>38</v>
      </c>
      <c r="P4594" s="5" t="s">
        <v>39</v>
      </c>
      <c r="Q4594" s="5" t="s">
        <v>40</v>
      </c>
      <c r="R4594" s="5" t="s">
        <v>1522</v>
      </c>
      <c r="S4594" s="5" t="s">
        <v>1523</v>
      </c>
      <c r="T4594" s="5" t="s">
        <v>42</v>
      </c>
      <c r="U4594" s="2">
        <v>1.35</v>
      </c>
      <c r="V4594" s="2">
        <v>1.0469999999999999</v>
      </c>
      <c r="W4594" s="2">
        <v>7.0000000000000001E-3</v>
      </c>
      <c r="X4594" s="2">
        <v>82.9</v>
      </c>
      <c r="Y4594" s="2">
        <v>7.6</v>
      </c>
      <c r="Z4594" s="2">
        <v>10.6</v>
      </c>
      <c r="AA4594" s="5"/>
      <c r="AB4594" s="5" t="s">
        <v>43</v>
      </c>
      <c r="AC4594" s="5" t="s">
        <v>44</v>
      </c>
      <c r="AD4594" s="2"/>
      <c r="AE4594" s="1"/>
    </row>
    <row r="4595" spans="1:31" ht="14.45">
      <c r="A4595" s="11"/>
      <c r="B4595" s="20"/>
      <c r="C4595" s="2" t="s">
        <v>14239</v>
      </c>
      <c r="D4595" s="14" t="s">
        <v>14240</v>
      </c>
      <c r="E4595" s="2" t="s">
        <v>14241</v>
      </c>
      <c r="F4595" s="2" t="s">
        <v>7615</v>
      </c>
      <c r="G4595" s="8">
        <v>115</v>
      </c>
      <c r="H4595" s="5">
        <v>6</v>
      </c>
      <c r="I4595" s="5" t="s">
        <v>1518</v>
      </c>
      <c r="J4595" s="5" t="s">
        <v>1519</v>
      </c>
      <c r="K4595" s="2" t="s">
        <v>1520</v>
      </c>
      <c r="L4595" s="5" t="s">
        <v>1519</v>
      </c>
      <c r="M4595" s="2" t="s">
        <v>1520</v>
      </c>
      <c r="N4595" s="5" t="s">
        <v>1521</v>
      </c>
      <c r="O4595" s="5" t="s">
        <v>38</v>
      </c>
      <c r="P4595" s="5" t="s">
        <v>39</v>
      </c>
      <c r="Q4595" s="5" t="s">
        <v>40</v>
      </c>
      <c r="R4595" s="5" t="s">
        <v>1522</v>
      </c>
      <c r="S4595" s="5" t="s">
        <v>1523</v>
      </c>
      <c r="T4595" s="5" t="s">
        <v>42</v>
      </c>
      <c r="U4595" s="2">
        <v>1.337</v>
      </c>
      <c r="V4595" s="2">
        <v>1.034</v>
      </c>
      <c r="W4595" s="2">
        <v>7.0000000000000001E-3</v>
      </c>
      <c r="X4595" s="2">
        <v>82.9</v>
      </c>
      <c r="Y4595" s="2">
        <v>7.6</v>
      </c>
      <c r="Z4595" s="2">
        <v>10.6</v>
      </c>
      <c r="AA4595" s="5"/>
      <c r="AB4595" s="5" t="s">
        <v>43</v>
      </c>
      <c r="AC4595" s="5" t="s">
        <v>44</v>
      </c>
      <c r="AD4595" s="2"/>
      <c r="AE4595" s="1"/>
    </row>
    <row r="4596" spans="1:31" ht="14.45">
      <c r="A4596" s="11"/>
      <c r="B4596" s="20"/>
      <c r="C4596" s="2" t="s">
        <v>14242</v>
      </c>
      <c r="D4596" s="14" t="s">
        <v>14243</v>
      </c>
      <c r="E4596" s="2" t="s">
        <v>14244</v>
      </c>
      <c r="F4596" s="2" t="s">
        <v>7396</v>
      </c>
      <c r="G4596" s="8">
        <v>111</v>
      </c>
      <c r="H4596" s="5">
        <v>6</v>
      </c>
      <c r="I4596" s="5" t="s">
        <v>1518</v>
      </c>
      <c r="J4596" s="5" t="s">
        <v>1519</v>
      </c>
      <c r="K4596" s="2" t="s">
        <v>1520</v>
      </c>
      <c r="L4596" s="5" t="s">
        <v>1519</v>
      </c>
      <c r="M4596" s="2" t="s">
        <v>1520</v>
      </c>
      <c r="N4596" s="5" t="s">
        <v>1521</v>
      </c>
      <c r="O4596" s="5" t="s">
        <v>38</v>
      </c>
      <c r="P4596" s="5" t="s">
        <v>39</v>
      </c>
      <c r="Q4596" s="5" t="s">
        <v>40</v>
      </c>
      <c r="R4596" s="5" t="s">
        <v>1522</v>
      </c>
      <c r="S4596" s="5" t="s">
        <v>1523</v>
      </c>
      <c r="T4596" s="5" t="s">
        <v>42</v>
      </c>
      <c r="U4596" s="2">
        <v>1.5149999999999999</v>
      </c>
      <c r="V4596" s="2">
        <v>1.155</v>
      </c>
      <c r="W4596" s="2">
        <v>0.01</v>
      </c>
      <c r="X4596" s="2">
        <v>118.9</v>
      </c>
      <c r="Y4596" s="2">
        <v>7.6</v>
      </c>
      <c r="Z4596" s="2">
        <v>10.6</v>
      </c>
      <c r="AA4596" s="5"/>
      <c r="AB4596" s="5" t="s">
        <v>43</v>
      </c>
      <c r="AC4596" s="5" t="s">
        <v>44</v>
      </c>
      <c r="AD4596" s="2"/>
      <c r="AE4596" s="1"/>
    </row>
    <row r="4597" spans="1:31" ht="14.45">
      <c r="A4597" s="11"/>
      <c r="B4597" s="20"/>
      <c r="C4597" s="2" t="s">
        <v>14245</v>
      </c>
      <c r="D4597" s="14" t="s">
        <v>14246</v>
      </c>
      <c r="E4597" s="2" t="s">
        <v>14247</v>
      </c>
      <c r="F4597" s="2" t="s">
        <v>7204</v>
      </c>
      <c r="G4597" s="8">
        <v>111</v>
      </c>
      <c r="H4597" s="5">
        <v>6</v>
      </c>
      <c r="I4597" s="5" t="s">
        <v>1518</v>
      </c>
      <c r="J4597" s="5" t="s">
        <v>1519</v>
      </c>
      <c r="K4597" s="2" t="s">
        <v>1520</v>
      </c>
      <c r="L4597" s="5" t="s">
        <v>1519</v>
      </c>
      <c r="M4597" s="2" t="s">
        <v>1520</v>
      </c>
      <c r="N4597" s="5" t="s">
        <v>1521</v>
      </c>
      <c r="O4597" s="5" t="s">
        <v>38</v>
      </c>
      <c r="P4597" s="5" t="s">
        <v>39</v>
      </c>
      <c r="Q4597" s="5" t="s">
        <v>40</v>
      </c>
      <c r="R4597" s="5" t="s">
        <v>1522</v>
      </c>
      <c r="S4597" s="5" t="s">
        <v>1523</v>
      </c>
      <c r="T4597" s="5" t="s">
        <v>42</v>
      </c>
      <c r="U4597" s="2">
        <v>1.52</v>
      </c>
      <c r="V4597" s="2">
        <v>1.1599999999999999</v>
      </c>
      <c r="W4597" s="2">
        <v>0.01</v>
      </c>
      <c r="X4597" s="2">
        <v>118.9</v>
      </c>
      <c r="Y4597" s="2">
        <v>7.6</v>
      </c>
      <c r="Z4597" s="2">
        <v>10.6</v>
      </c>
      <c r="AA4597" s="5"/>
      <c r="AB4597" s="5" t="s">
        <v>43</v>
      </c>
      <c r="AC4597" s="5" t="s">
        <v>44</v>
      </c>
      <c r="AD4597" s="2"/>
      <c r="AE4597" s="1"/>
    </row>
    <row r="4598" spans="1:31" ht="14.45">
      <c r="A4598" s="11"/>
      <c r="B4598" s="20"/>
      <c r="C4598" s="2" t="s">
        <v>14248</v>
      </c>
      <c r="D4598" s="14" t="s">
        <v>14249</v>
      </c>
      <c r="E4598" s="2" t="s">
        <v>14250</v>
      </c>
      <c r="F4598" s="2" t="s">
        <v>7208</v>
      </c>
      <c r="G4598" s="8">
        <v>111</v>
      </c>
      <c r="H4598" s="5">
        <v>6</v>
      </c>
      <c r="I4598" s="5" t="s">
        <v>1518</v>
      </c>
      <c r="J4598" s="5" t="s">
        <v>1519</v>
      </c>
      <c r="K4598" s="2" t="s">
        <v>1520</v>
      </c>
      <c r="L4598" s="5" t="s">
        <v>1519</v>
      </c>
      <c r="M4598" s="2" t="s">
        <v>1520</v>
      </c>
      <c r="N4598" s="5" t="s">
        <v>1521</v>
      </c>
      <c r="O4598" s="5" t="s">
        <v>38</v>
      </c>
      <c r="P4598" s="5" t="s">
        <v>39</v>
      </c>
      <c r="Q4598" s="5" t="s">
        <v>40</v>
      </c>
      <c r="R4598" s="5" t="s">
        <v>1522</v>
      </c>
      <c r="S4598" s="5" t="s">
        <v>1523</v>
      </c>
      <c r="T4598" s="5" t="s">
        <v>42</v>
      </c>
      <c r="U4598" s="2">
        <v>1.52</v>
      </c>
      <c r="V4598" s="2">
        <v>1.1599999999999999</v>
      </c>
      <c r="W4598" s="2">
        <v>0.01</v>
      </c>
      <c r="X4598" s="2">
        <v>118.9</v>
      </c>
      <c r="Y4598" s="2">
        <v>7.6</v>
      </c>
      <c r="Z4598" s="2">
        <v>10.6</v>
      </c>
      <c r="AA4598" s="5"/>
      <c r="AB4598" s="5" t="s">
        <v>43</v>
      </c>
      <c r="AC4598" s="5" t="s">
        <v>44</v>
      </c>
      <c r="AD4598" s="2"/>
      <c r="AE4598" s="1"/>
    </row>
    <row r="4599" spans="1:31" ht="14.45">
      <c r="A4599" s="11"/>
      <c r="B4599" s="20"/>
      <c r="C4599" s="2" t="s">
        <v>14251</v>
      </c>
      <c r="D4599" s="14" t="s">
        <v>14252</v>
      </c>
      <c r="E4599" s="2" t="s">
        <v>14253</v>
      </c>
      <c r="F4599" s="2" t="s">
        <v>7212</v>
      </c>
      <c r="G4599" s="8">
        <v>111</v>
      </c>
      <c r="H4599" s="5">
        <v>6</v>
      </c>
      <c r="I4599" s="5" t="s">
        <v>1518</v>
      </c>
      <c r="J4599" s="5" t="s">
        <v>1519</v>
      </c>
      <c r="K4599" s="2" t="s">
        <v>1520</v>
      </c>
      <c r="L4599" s="5" t="s">
        <v>1519</v>
      </c>
      <c r="M4599" s="2" t="s">
        <v>1520</v>
      </c>
      <c r="N4599" s="5" t="s">
        <v>1521</v>
      </c>
      <c r="O4599" s="5" t="s">
        <v>38</v>
      </c>
      <c r="P4599" s="5" t="s">
        <v>39</v>
      </c>
      <c r="Q4599" s="5" t="s">
        <v>40</v>
      </c>
      <c r="R4599" s="5" t="s">
        <v>1522</v>
      </c>
      <c r="S4599" s="5" t="s">
        <v>1523</v>
      </c>
      <c r="T4599" s="5" t="s">
        <v>42</v>
      </c>
      <c r="U4599" s="2">
        <v>1.5049999999999999</v>
      </c>
      <c r="V4599" s="2">
        <v>1.145</v>
      </c>
      <c r="W4599" s="2">
        <v>0.01</v>
      </c>
      <c r="X4599" s="2">
        <v>118.9</v>
      </c>
      <c r="Y4599" s="2">
        <v>7.6</v>
      </c>
      <c r="Z4599" s="2">
        <v>10.6</v>
      </c>
      <c r="AA4599" s="5"/>
      <c r="AB4599" s="5" t="s">
        <v>43</v>
      </c>
      <c r="AC4599" s="5" t="s">
        <v>44</v>
      </c>
      <c r="AD4599" s="2"/>
      <c r="AE4599" s="1"/>
    </row>
    <row r="4600" spans="1:31" ht="14.45">
      <c r="A4600" s="11"/>
      <c r="B4600" s="20"/>
      <c r="C4600" s="2" t="s">
        <v>14254</v>
      </c>
      <c r="D4600" s="14" t="s">
        <v>14255</v>
      </c>
      <c r="E4600" s="2" t="s">
        <v>14256</v>
      </c>
      <c r="F4600" s="2" t="s">
        <v>7406</v>
      </c>
      <c r="G4600" s="8">
        <v>127</v>
      </c>
      <c r="H4600" s="5">
        <v>6</v>
      </c>
      <c r="I4600" s="5" t="s">
        <v>1518</v>
      </c>
      <c r="J4600" s="5" t="s">
        <v>1519</v>
      </c>
      <c r="K4600" s="2" t="s">
        <v>1520</v>
      </c>
      <c r="L4600" s="5" t="s">
        <v>1519</v>
      </c>
      <c r="M4600" s="2" t="s">
        <v>1520</v>
      </c>
      <c r="N4600" s="5" t="s">
        <v>1521</v>
      </c>
      <c r="O4600" s="5" t="s">
        <v>38</v>
      </c>
      <c r="P4600" s="5" t="s">
        <v>39</v>
      </c>
      <c r="Q4600" s="5" t="s">
        <v>40</v>
      </c>
      <c r="R4600" s="5" t="s">
        <v>1522</v>
      </c>
      <c r="S4600" s="5" t="s">
        <v>1523</v>
      </c>
      <c r="T4600" s="5" t="s">
        <v>42</v>
      </c>
      <c r="U4600" s="2">
        <v>1.5049999999999999</v>
      </c>
      <c r="V4600" s="2">
        <v>1.145</v>
      </c>
      <c r="W4600" s="2">
        <v>0.01</v>
      </c>
      <c r="X4600" s="2">
        <v>118.9</v>
      </c>
      <c r="Y4600" s="2">
        <v>7.6</v>
      </c>
      <c r="Z4600" s="2">
        <v>10.6</v>
      </c>
      <c r="AA4600" s="5"/>
      <c r="AB4600" s="5" t="s">
        <v>43</v>
      </c>
      <c r="AC4600" s="5" t="s">
        <v>44</v>
      </c>
      <c r="AD4600" s="2"/>
      <c r="AE4600" s="1"/>
    </row>
    <row r="4601" spans="1:31" ht="14.45">
      <c r="A4601" s="11"/>
      <c r="B4601" s="20"/>
      <c r="C4601" s="2" t="s">
        <v>14257</v>
      </c>
      <c r="D4601" s="14" t="s">
        <v>14258</v>
      </c>
      <c r="E4601" s="2" t="s">
        <v>14259</v>
      </c>
      <c r="F4601" s="2" t="s">
        <v>7539</v>
      </c>
      <c r="G4601" s="8">
        <v>127</v>
      </c>
      <c r="H4601" s="5">
        <v>6</v>
      </c>
      <c r="I4601" s="5" t="s">
        <v>1518</v>
      </c>
      <c r="J4601" s="5" t="s">
        <v>1519</v>
      </c>
      <c r="K4601" s="2" t="s">
        <v>1520</v>
      </c>
      <c r="L4601" s="5" t="s">
        <v>1519</v>
      </c>
      <c r="M4601" s="2" t="s">
        <v>1520</v>
      </c>
      <c r="N4601" s="5" t="s">
        <v>1521</v>
      </c>
      <c r="O4601" s="5" t="s">
        <v>38</v>
      </c>
      <c r="P4601" s="5" t="s">
        <v>39</v>
      </c>
      <c r="Q4601" s="5" t="s">
        <v>40</v>
      </c>
      <c r="R4601" s="5" t="s">
        <v>1522</v>
      </c>
      <c r="S4601" s="5" t="s">
        <v>1523</v>
      </c>
      <c r="T4601" s="5" t="s">
        <v>42</v>
      </c>
      <c r="U4601" s="2">
        <v>1.52</v>
      </c>
      <c r="V4601" s="2">
        <v>1.1599999999999999</v>
      </c>
      <c r="W4601" s="2">
        <v>0.01</v>
      </c>
      <c r="X4601" s="2">
        <v>118.9</v>
      </c>
      <c r="Y4601" s="2">
        <v>7.6</v>
      </c>
      <c r="Z4601" s="2">
        <v>10.6</v>
      </c>
      <c r="AA4601" s="5"/>
      <c r="AB4601" s="5" t="s">
        <v>43</v>
      </c>
      <c r="AC4601" s="5" t="s">
        <v>44</v>
      </c>
      <c r="AD4601" s="2"/>
      <c r="AE4601" s="1"/>
    </row>
    <row r="4602" spans="1:31" ht="14.45">
      <c r="A4602" s="11"/>
      <c r="B4602" s="20"/>
      <c r="C4602" s="2" t="s">
        <v>14260</v>
      </c>
      <c r="D4602" s="14" t="s">
        <v>14261</v>
      </c>
      <c r="E4602" s="2" t="s">
        <v>14262</v>
      </c>
      <c r="F4602" s="2" t="s">
        <v>7547</v>
      </c>
      <c r="G4602" s="8">
        <v>127</v>
      </c>
      <c r="H4602" s="5">
        <v>6</v>
      </c>
      <c r="I4602" s="5" t="s">
        <v>1518</v>
      </c>
      <c r="J4602" s="5" t="s">
        <v>1519</v>
      </c>
      <c r="K4602" s="2" t="s">
        <v>1520</v>
      </c>
      <c r="L4602" s="5" t="s">
        <v>1519</v>
      </c>
      <c r="M4602" s="2" t="s">
        <v>1520</v>
      </c>
      <c r="N4602" s="5" t="s">
        <v>1521</v>
      </c>
      <c r="O4602" s="5" t="s">
        <v>38</v>
      </c>
      <c r="P4602" s="5" t="s">
        <v>39</v>
      </c>
      <c r="Q4602" s="5" t="s">
        <v>40</v>
      </c>
      <c r="R4602" s="5" t="s">
        <v>1522</v>
      </c>
      <c r="S4602" s="5" t="s">
        <v>1523</v>
      </c>
      <c r="T4602" s="5" t="s">
        <v>42</v>
      </c>
      <c r="U4602" s="2">
        <v>1.5049999999999999</v>
      </c>
      <c r="V4602" s="2">
        <v>1.145</v>
      </c>
      <c r="W4602" s="2">
        <v>0.01</v>
      </c>
      <c r="X4602" s="2">
        <v>118.9</v>
      </c>
      <c r="Y4602" s="2">
        <v>7.6</v>
      </c>
      <c r="Z4602" s="2">
        <v>10.6</v>
      </c>
      <c r="AA4602" s="5"/>
      <c r="AB4602" s="5" t="s">
        <v>43</v>
      </c>
      <c r="AC4602" s="5" t="s">
        <v>44</v>
      </c>
      <c r="AD4602" s="2"/>
      <c r="AE4602" s="1"/>
    </row>
    <row r="4603" spans="1:31" ht="14.45">
      <c r="A4603" s="11"/>
      <c r="B4603" s="20"/>
      <c r="C4603" s="2" t="s">
        <v>14263</v>
      </c>
      <c r="D4603" s="14" t="s">
        <v>14264</v>
      </c>
      <c r="E4603" s="2" t="s">
        <v>14265</v>
      </c>
      <c r="F4603" s="2" t="s">
        <v>7555</v>
      </c>
      <c r="G4603" s="8">
        <v>127</v>
      </c>
      <c r="H4603" s="5">
        <v>6</v>
      </c>
      <c r="I4603" s="5" t="s">
        <v>1518</v>
      </c>
      <c r="J4603" s="5" t="s">
        <v>1519</v>
      </c>
      <c r="K4603" s="2" t="s">
        <v>1520</v>
      </c>
      <c r="L4603" s="5" t="s">
        <v>1519</v>
      </c>
      <c r="M4603" s="2" t="s">
        <v>1520</v>
      </c>
      <c r="N4603" s="5" t="s">
        <v>1521</v>
      </c>
      <c r="O4603" s="5" t="s">
        <v>38</v>
      </c>
      <c r="P4603" s="5" t="s">
        <v>39</v>
      </c>
      <c r="Q4603" s="5" t="s">
        <v>40</v>
      </c>
      <c r="R4603" s="5" t="s">
        <v>1522</v>
      </c>
      <c r="S4603" s="5" t="s">
        <v>1523</v>
      </c>
      <c r="T4603" s="5" t="s">
        <v>42</v>
      </c>
      <c r="U4603" s="2">
        <v>1.5049999999999999</v>
      </c>
      <c r="V4603" s="2">
        <v>1.145</v>
      </c>
      <c r="W4603" s="2">
        <v>0.01</v>
      </c>
      <c r="X4603" s="2">
        <v>118.9</v>
      </c>
      <c r="Y4603" s="2">
        <v>7.6</v>
      </c>
      <c r="Z4603" s="2">
        <v>10.6</v>
      </c>
      <c r="AA4603" s="5"/>
      <c r="AB4603" s="5" t="s">
        <v>43</v>
      </c>
      <c r="AC4603" s="5" t="s">
        <v>44</v>
      </c>
      <c r="AD4603" s="2"/>
      <c r="AE4603" s="1"/>
    </row>
    <row r="4604" spans="1:31" ht="14.45">
      <c r="A4604" s="11"/>
      <c r="B4604" s="20"/>
      <c r="C4604" s="2" t="s">
        <v>14266</v>
      </c>
      <c r="D4604" s="14" t="s">
        <v>14267</v>
      </c>
      <c r="E4604" s="2" t="s">
        <v>14268</v>
      </c>
      <c r="F4604" s="2" t="s">
        <v>7563</v>
      </c>
      <c r="G4604" s="8">
        <v>127</v>
      </c>
      <c r="H4604" s="5">
        <v>6</v>
      </c>
      <c r="I4604" s="5" t="s">
        <v>1518</v>
      </c>
      <c r="J4604" s="5" t="s">
        <v>1519</v>
      </c>
      <c r="K4604" s="2" t="s">
        <v>1520</v>
      </c>
      <c r="L4604" s="5" t="s">
        <v>1519</v>
      </c>
      <c r="M4604" s="2" t="s">
        <v>1520</v>
      </c>
      <c r="N4604" s="5" t="s">
        <v>1521</v>
      </c>
      <c r="O4604" s="5" t="s">
        <v>38</v>
      </c>
      <c r="P4604" s="5" t="s">
        <v>39</v>
      </c>
      <c r="Q4604" s="5" t="s">
        <v>40</v>
      </c>
      <c r="R4604" s="5" t="s">
        <v>1522</v>
      </c>
      <c r="S4604" s="5" t="s">
        <v>1523</v>
      </c>
      <c r="T4604" s="5" t="s">
        <v>42</v>
      </c>
      <c r="U4604" s="2">
        <v>1.52</v>
      </c>
      <c r="V4604" s="2">
        <v>1.1599999999999999</v>
      </c>
      <c r="W4604" s="2">
        <v>0.01</v>
      </c>
      <c r="X4604" s="2">
        <v>118.9</v>
      </c>
      <c r="Y4604" s="2">
        <v>7.6</v>
      </c>
      <c r="Z4604" s="2">
        <v>10.6</v>
      </c>
      <c r="AA4604" s="5"/>
      <c r="AB4604" s="5" t="s">
        <v>43</v>
      </c>
      <c r="AC4604" s="5" t="s">
        <v>44</v>
      </c>
      <c r="AD4604" s="2"/>
      <c r="AE4604" s="1"/>
    </row>
    <row r="4605" spans="1:31" ht="14.45">
      <c r="A4605" s="11"/>
      <c r="B4605" s="20"/>
      <c r="C4605" s="2" t="s">
        <v>14269</v>
      </c>
      <c r="D4605" s="14" t="s">
        <v>14270</v>
      </c>
      <c r="E4605" s="2" t="s">
        <v>14271</v>
      </c>
      <c r="F4605" s="2" t="s">
        <v>7429</v>
      </c>
      <c r="G4605" s="8">
        <v>127</v>
      </c>
      <c r="H4605" s="5">
        <v>6</v>
      </c>
      <c r="I4605" s="5" t="s">
        <v>1518</v>
      </c>
      <c r="J4605" s="5" t="s">
        <v>1519</v>
      </c>
      <c r="K4605" s="2" t="s">
        <v>1520</v>
      </c>
      <c r="L4605" s="5" t="s">
        <v>1519</v>
      </c>
      <c r="M4605" s="2" t="s">
        <v>1520</v>
      </c>
      <c r="N4605" s="5" t="s">
        <v>1521</v>
      </c>
      <c r="O4605" s="5" t="s">
        <v>38</v>
      </c>
      <c r="P4605" s="5" t="s">
        <v>39</v>
      </c>
      <c r="Q4605" s="5" t="s">
        <v>40</v>
      </c>
      <c r="R4605" s="5" t="s">
        <v>1522</v>
      </c>
      <c r="S4605" s="5" t="s">
        <v>1523</v>
      </c>
      <c r="T4605" s="5" t="s">
        <v>42</v>
      </c>
      <c r="U4605" s="2">
        <v>1.52</v>
      </c>
      <c r="V4605" s="2">
        <v>1.1599999999999999</v>
      </c>
      <c r="W4605" s="2">
        <v>0.01</v>
      </c>
      <c r="X4605" s="2">
        <v>118.9</v>
      </c>
      <c r="Y4605" s="2">
        <v>7.6</v>
      </c>
      <c r="Z4605" s="2">
        <v>10.6</v>
      </c>
      <c r="AA4605" s="5"/>
      <c r="AB4605" s="5" t="s">
        <v>43</v>
      </c>
      <c r="AC4605" s="5" t="s">
        <v>44</v>
      </c>
      <c r="AD4605" s="2"/>
      <c r="AE4605" s="1"/>
    </row>
    <row r="4606" spans="1:31" ht="14.45">
      <c r="A4606" s="11"/>
      <c r="B4606" s="20"/>
      <c r="C4606" s="2" t="s">
        <v>14272</v>
      </c>
      <c r="D4606" s="14" t="s">
        <v>14273</v>
      </c>
      <c r="E4606" s="2" t="s">
        <v>14274</v>
      </c>
      <c r="F4606" s="2" t="s">
        <v>7449</v>
      </c>
      <c r="G4606" s="8">
        <v>127</v>
      </c>
      <c r="H4606" s="5">
        <v>6</v>
      </c>
      <c r="I4606" s="5" t="s">
        <v>1518</v>
      </c>
      <c r="J4606" s="5" t="s">
        <v>1519</v>
      </c>
      <c r="K4606" s="2" t="s">
        <v>1520</v>
      </c>
      <c r="L4606" s="5" t="s">
        <v>1519</v>
      </c>
      <c r="M4606" s="2" t="s">
        <v>1520</v>
      </c>
      <c r="N4606" s="5" t="s">
        <v>1521</v>
      </c>
      <c r="O4606" s="5" t="s">
        <v>38</v>
      </c>
      <c r="P4606" s="5" t="s">
        <v>39</v>
      </c>
      <c r="Q4606" s="5" t="s">
        <v>40</v>
      </c>
      <c r="R4606" s="5" t="s">
        <v>1522</v>
      </c>
      <c r="S4606" s="5" t="s">
        <v>1523</v>
      </c>
      <c r="T4606" s="5" t="s">
        <v>42</v>
      </c>
      <c r="U4606" s="2">
        <v>1.52</v>
      </c>
      <c r="V4606" s="2">
        <v>1.1599999999999999</v>
      </c>
      <c r="W4606" s="2">
        <v>0.01</v>
      </c>
      <c r="X4606" s="2">
        <v>118.9</v>
      </c>
      <c r="Y4606" s="2">
        <v>7.6</v>
      </c>
      <c r="Z4606" s="2">
        <v>10.6</v>
      </c>
      <c r="AA4606" s="5"/>
      <c r="AB4606" s="5" t="s">
        <v>43</v>
      </c>
      <c r="AC4606" s="5" t="s">
        <v>44</v>
      </c>
      <c r="AD4606" s="2"/>
      <c r="AE4606" s="1"/>
    </row>
    <row r="4607" spans="1:31" ht="14.45">
      <c r="A4607" s="11"/>
      <c r="B4607" s="20"/>
      <c r="C4607" s="2" t="s">
        <v>14275</v>
      </c>
      <c r="D4607" s="14" t="s">
        <v>14276</v>
      </c>
      <c r="E4607" s="2" t="s">
        <v>14277</v>
      </c>
      <c r="F4607" s="2" t="s">
        <v>7585</v>
      </c>
      <c r="G4607" s="8">
        <v>127</v>
      </c>
      <c r="H4607" s="5">
        <v>6</v>
      </c>
      <c r="I4607" s="5" t="s">
        <v>1518</v>
      </c>
      <c r="J4607" s="5" t="s">
        <v>1519</v>
      </c>
      <c r="K4607" s="2" t="s">
        <v>1520</v>
      </c>
      <c r="L4607" s="5" t="s">
        <v>1519</v>
      </c>
      <c r="M4607" s="2" t="s">
        <v>1520</v>
      </c>
      <c r="N4607" s="5" t="s">
        <v>1521</v>
      </c>
      <c r="O4607" s="5" t="s">
        <v>38</v>
      </c>
      <c r="P4607" s="5" t="s">
        <v>39</v>
      </c>
      <c r="Q4607" s="5" t="s">
        <v>40</v>
      </c>
      <c r="R4607" s="5" t="s">
        <v>1522</v>
      </c>
      <c r="S4607" s="5" t="s">
        <v>1523</v>
      </c>
      <c r="T4607" s="5" t="s">
        <v>42</v>
      </c>
      <c r="U4607" s="2">
        <v>1.5049999999999999</v>
      </c>
      <c r="V4607" s="2">
        <v>1.145</v>
      </c>
      <c r="W4607" s="2">
        <v>0.01</v>
      </c>
      <c r="X4607" s="2">
        <v>118.9</v>
      </c>
      <c r="Y4607" s="2">
        <v>7.6</v>
      </c>
      <c r="Z4607" s="2">
        <v>10.6</v>
      </c>
      <c r="AA4607" s="5"/>
      <c r="AB4607" s="5" t="s">
        <v>43</v>
      </c>
      <c r="AC4607" s="5" t="s">
        <v>44</v>
      </c>
      <c r="AD4607" s="2"/>
      <c r="AE4607" s="1"/>
    </row>
    <row r="4608" spans="1:31" ht="14.45">
      <c r="A4608" s="11"/>
      <c r="B4608" s="20"/>
      <c r="C4608" s="2" t="s">
        <v>14278</v>
      </c>
      <c r="D4608" s="14" t="s">
        <v>14279</v>
      </c>
      <c r="E4608" s="2" t="s">
        <v>14280</v>
      </c>
      <c r="F4608" s="2" t="s">
        <v>7593</v>
      </c>
      <c r="G4608" s="8">
        <v>127</v>
      </c>
      <c r="H4608" s="5">
        <v>6</v>
      </c>
      <c r="I4608" s="5" t="s">
        <v>1518</v>
      </c>
      <c r="J4608" s="5" t="s">
        <v>1519</v>
      </c>
      <c r="K4608" s="2" t="s">
        <v>1520</v>
      </c>
      <c r="L4608" s="5" t="s">
        <v>1519</v>
      </c>
      <c r="M4608" s="2" t="s">
        <v>1520</v>
      </c>
      <c r="N4608" s="5" t="s">
        <v>1521</v>
      </c>
      <c r="O4608" s="5" t="s">
        <v>38</v>
      </c>
      <c r="P4608" s="5" t="s">
        <v>39</v>
      </c>
      <c r="Q4608" s="5" t="s">
        <v>40</v>
      </c>
      <c r="R4608" s="5" t="s">
        <v>1522</v>
      </c>
      <c r="S4608" s="5" t="s">
        <v>1523</v>
      </c>
      <c r="T4608" s="5" t="s">
        <v>42</v>
      </c>
      <c r="U4608" s="2">
        <v>1.52</v>
      </c>
      <c r="V4608" s="2">
        <v>1.1599999999999999</v>
      </c>
      <c r="W4608" s="2">
        <v>0.01</v>
      </c>
      <c r="X4608" s="2">
        <v>118.9</v>
      </c>
      <c r="Y4608" s="2">
        <v>7.6</v>
      </c>
      <c r="Z4608" s="2">
        <v>10.6</v>
      </c>
      <c r="AA4608" s="5"/>
      <c r="AB4608" s="5" t="s">
        <v>43</v>
      </c>
      <c r="AC4608" s="5" t="s">
        <v>44</v>
      </c>
      <c r="AD4608" s="2"/>
      <c r="AE4608" s="1"/>
    </row>
    <row r="4609" spans="1:31" ht="14.45">
      <c r="A4609" s="11"/>
      <c r="B4609" s="20"/>
      <c r="C4609" s="2" t="s">
        <v>14281</v>
      </c>
      <c r="D4609" s="14" t="s">
        <v>14282</v>
      </c>
      <c r="E4609" s="2" t="s">
        <v>14283</v>
      </c>
      <c r="F4609" s="2" t="s">
        <v>7410</v>
      </c>
      <c r="G4609" s="8">
        <v>127</v>
      </c>
      <c r="H4609" s="5">
        <v>6</v>
      </c>
      <c r="I4609" s="5" t="s">
        <v>1518</v>
      </c>
      <c r="J4609" s="5" t="s">
        <v>1519</v>
      </c>
      <c r="K4609" s="2" t="s">
        <v>1520</v>
      </c>
      <c r="L4609" s="5" t="s">
        <v>1519</v>
      </c>
      <c r="M4609" s="2" t="s">
        <v>1520</v>
      </c>
      <c r="N4609" s="5" t="s">
        <v>1521</v>
      </c>
      <c r="O4609" s="5" t="s">
        <v>38</v>
      </c>
      <c r="P4609" s="5" t="s">
        <v>39</v>
      </c>
      <c r="Q4609" s="5" t="s">
        <v>40</v>
      </c>
      <c r="R4609" s="5" t="s">
        <v>1522</v>
      </c>
      <c r="S4609" s="5" t="s">
        <v>1523</v>
      </c>
      <c r="T4609" s="5" t="s">
        <v>42</v>
      </c>
      <c r="U4609" s="2">
        <v>1.52</v>
      </c>
      <c r="V4609" s="2">
        <v>1.1599999999999999</v>
      </c>
      <c r="W4609" s="2">
        <v>0.01</v>
      </c>
      <c r="X4609" s="2">
        <v>118.9</v>
      </c>
      <c r="Y4609" s="2">
        <v>7.6</v>
      </c>
      <c r="Z4609" s="2">
        <v>10.6</v>
      </c>
      <c r="AA4609" s="5"/>
      <c r="AB4609" s="5" t="s">
        <v>43</v>
      </c>
      <c r="AC4609" s="5" t="s">
        <v>44</v>
      </c>
      <c r="AD4609" s="2"/>
      <c r="AE4609" s="1"/>
    </row>
    <row r="4610" spans="1:31" ht="14.45">
      <c r="A4610" s="11"/>
      <c r="B4610" s="20"/>
      <c r="C4610" s="2" t="s">
        <v>14284</v>
      </c>
      <c r="D4610" s="14" t="s">
        <v>14285</v>
      </c>
      <c r="E4610" s="2" t="s">
        <v>14286</v>
      </c>
      <c r="F4610" s="2" t="s">
        <v>7433</v>
      </c>
      <c r="G4610" s="8">
        <v>127</v>
      </c>
      <c r="H4610" s="5">
        <v>6</v>
      </c>
      <c r="I4610" s="5" t="s">
        <v>1518</v>
      </c>
      <c r="J4610" s="5" t="s">
        <v>1519</v>
      </c>
      <c r="K4610" s="2" t="s">
        <v>1520</v>
      </c>
      <c r="L4610" s="5" t="s">
        <v>1519</v>
      </c>
      <c r="M4610" s="2" t="s">
        <v>1520</v>
      </c>
      <c r="N4610" s="5" t="s">
        <v>1521</v>
      </c>
      <c r="O4610" s="5" t="s">
        <v>38</v>
      </c>
      <c r="P4610" s="5" t="s">
        <v>39</v>
      </c>
      <c r="Q4610" s="5" t="s">
        <v>40</v>
      </c>
      <c r="R4610" s="5" t="s">
        <v>1522</v>
      </c>
      <c r="S4610" s="5" t="s">
        <v>1523</v>
      </c>
      <c r="T4610" s="5" t="s">
        <v>42</v>
      </c>
      <c r="U4610" s="2">
        <v>1.52</v>
      </c>
      <c r="V4610" s="2">
        <v>1.1599999999999999</v>
      </c>
      <c r="W4610" s="2">
        <v>0.01</v>
      </c>
      <c r="X4610" s="2">
        <v>118.9</v>
      </c>
      <c r="Y4610" s="2">
        <v>7.6</v>
      </c>
      <c r="Z4610" s="2">
        <v>10.6</v>
      </c>
      <c r="AA4610" s="5"/>
      <c r="AB4610" s="5" t="s">
        <v>43</v>
      </c>
      <c r="AC4610" s="5" t="s">
        <v>44</v>
      </c>
      <c r="AD4610" s="2"/>
      <c r="AE4610" s="1"/>
    </row>
    <row r="4611" spans="1:31" ht="14.45">
      <c r="A4611" s="11"/>
      <c r="B4611" s="20"/>
      <c r="C4611" s="2" t="s">
        <v>14287</v>
      </c>
      <c r="D4611" s="14" t="s">
        <v>14288</v>
      </c>
      <c r="E4611" s="2" t="s">
        <v>14289</v>
      </c>
      <c r="F4611" s="2" t="s">
        <v>7615</v>
      </c>
      <c r="G4611" s="8">
        <v>127</v>
      </c>
      <c r="H4611" s="5">
        <v>6</v>
      </c>
      <c r="I4611" s="5" t="s">
        <v>1518</v>
      </c>
      <c r="J4611" s="5" t="s">
        <v>1519</v>
      </c>
      <c r="K4611" s="2" t="s">
        <v>1520</v>
      </c>
      <c r="L4611" s="5" t="s">
        <v>1519</v>
      </c>
      <c r="M4611" s="2" t="s">
        <v>1520</v>
      </c>
      <c r="N4611" s="5" t="s">
        <v>1521</v>
      </c>
      <c r="O4611" s="5" t="s">
        <v>38</v>
      </c>
      <c r="P4611" s="5" t="s">
        <v>39</v>
      </c>
      <c r="Q4611" s="5" t="s">
        <v>40</v>
      </c>
      <c r="R4611" s="5" t="s">
        <v>1522</v>
      </c>
      <c r="S4611" s="5" t="s">
        <v>1523</v>
      </c>
      <c r="T4611" s="5" t="s">
        <v>42</v>
      </c>
      <c r="U4611" s="2">
        <v>1.5049999999999999</v>
      </c>
      <c r="V4611" s="2">
        <v>1.145</v>
      </c>
      <c r="W4611" s="2">
        <v>0.01</v>
      </c>
      <c r="X4611" s="2">
        <v>118.9</v>
      </c>
      <c r="Y4611" s="2">
        <v>7.6</v>
      </c>
      <c r="Z4611" s="2">
        <v>10.6</v>
      </c>
      <c r="AA4611" s="5"/>
      <c r="AB4611" s="5" t="s">
        <v>43</v>
      </c>
      <c r="AC4611" s="5" t="s">
        <v>44</v>
      </c>
      <c r="AD4611" s="2"/>
      <c r="AE4611" s="1"/>
    </row>
    <row r="4612" spans="1:31" ht="14.45">
      <c r="A4612" s="11"/>
      <c r="B4612" s="20"/>
      <c r="C4612" s="2" t="s">
        <v>14290</v>
      </c>
      <c r="D4612" s="14" t="s">
        <v>14291</v>
      </c>
      <c r="E4612" s="2" t="s">
        <v>14292</v>
      </c>
      <c r="F4612" s="2" t="s">
        <v>7396</v>
      </c>
      <c r="G4612" s="8">
        <v>105</v>
      </c>
      <c r="H4612" s="5">
        <v>6</v>
      </c>
      <c r="I4612" s="5" t="s">
        <v>1518</v>
      </c>
      <c r="J4612" s="5" t="s">
        <v>1519</v>
      </c>
      <c r="K4612" s="2" t="s">
        <v>1520</v>
      </c>
      <c r="L4612" s="5" t="s">
        <v>1519</v>
      </c>
      <c r="M4612" s="2" t="s">
        <v>1520</v>
      </c>
      <c r="N4612" s="5" t="s">
        <v>1521</v>
      </c>
      <c r="O4612" s="5" t="s">
        <v>38</v>
      </c>
      <c r="P4612" s="5" t="s">
        <v>39</v>
      </c>
      <c r="Q4612" s="5" t="s">
        <v>40</v>
      </c>
      <c r="R4612" s="5" t="s">
        <v>1522</v>
      </c>
      <c r="S4612" s="5" t="s">
        <v>1523</v>
      </c>
      <c r="T4612" s="5" t="s">
        <v>42</v>
      </c>
      <c r="U4612" s="2">
        <v>1.478</v>
      </c>
      <c r="V4612" s="2">
        <v>1.1830000000000001</v>
      </c>
      <c r="W4612" s="2">
        <v>7.0000000000000001E-3</v>
      </c>
      <c r="X4612" s="2">
        <v>82.9</v>
      </c>
      <c r="Y4612" s="2">
        <v>7.6</v>
      </c>
      <c r="Z4612" s="2">
        <v>10.6</v>
      </c>
      <c r="AA4612" s="5"/>
      <c r="AB4612" s="5" t="s">
        <v>43</v>
      </c>
      <c r="AC4612" s="5" t="s">
        <v>44</v>
      </c>
      <c r="AD4612" s="2"/>
      <c r="AE4612" s="1"/>
    </row>
    <row r="4613" spans="1:31" ht="14.45">
      <c r="A4613" s="11"/>
      <c r="B4613" s="20"/>
      <c r="C4613" s="2" t="s">
        <v>14293</v>
      </c>
      <c r="D4613" s="14" t="s">
        <v>14294</v>
      </c>
      <c r="E4613" s="2" t="s">
        <v>14295</v>
      </c>
      <c r="F4613" s="2" t="s">
        <v>7204</v>
      </c>
      <c r="G4613" s="8">
        <v>105</v>
      </c>
      <c r="H4613" s="5">
        <v>6</v>
      </c>
      <c r="I4613" s="5" t="s">
        <v>1518</v>
      </c>
      <c r="J4613" s="5" t="s">
        <v>1519</v>
      </c>
      <c r="K4613" s="2" t="s">
        <v>1520</v>
      </c>
      <c r="L4613" s="5" t="s">
        <v>1519</v>
      </c>
      <c r="M4613" s="2" t="s">
        <v>1520</v>
      </c>
      <c r="N4613" s="5" t="s">
        <v>1521</v>
      </c>
      <c r="O4613" s="5" t="s">
        <v>38</v>
      </c>
      <c r="P4613" s="5" t="s">
        <v>39</v>
      </c>
      <c r="Q4613" s="5" t="s">
        <v>40</v>
      </c>
      <c r="R4613" s="5" t="s">
        <v>1522</v>
      </c>
      <c r="S4613" s="5" t="s">
        <v>1523</v>
      </c>
      <c r="T4613" s="5" t="s">
        <v>42</v>
      </c>
      <c r="U4613" s="2">
        <v>1.484</v>
      </c>
      <c r="V4613" s="2">
        <v>1.1890000000000001</v>
      </c>
      <c r="W4613" s="2">
        <v>7.0000000000000001E-3</v>
      </c>
      <c r="X4613" s="2">
        <v>82.9</v>
      </c>
      <c r="Y4613" s="2">
        <v>7.6</v>
      </c>
      <c r="Z4613" s="2">
        <v>10.6</v>
      </c>
      <c r="AA4613" s="5"/>
      <c r="AB4613" s="5" t="s">
        <v>43</v>
      </c>
      <c r="AC4613" s="5" t="s">
        <v>44</v>
      </c>
      <c r="AD4613" s="2"/>
      <c r="AE4613" s="1"/>
    </row>
    <row r="4614" spans="1:31" ht="14.45">
      <c r="A4614" s="11"/>
      <c r="B4614" s="20"/>
      <c r="C4614" s="2" t="s">
        <v>14296</v>
      </c>
      <c r="D4614" s="14" t="s">
        <v>14297</v>
      </c>
      <c r="E4614" s="2" t="s">
        <v>14298</v>
      </c>
      <c r="F4614" s="2" t="s">
        <v>7208</v>
      </c>
      <c r="G4614" s="8">
        <v>105</v>
      </c>
      <c r="H4614" s="5">
        <v>6</v>
      </c>
      <c r="I4614" s="5" t="s">
        <v>1518</v>
      </c>
      <c r="J4614" s="5" t="s">
        <v>1519</v>
      </c>
      <c r="K4614" s="2" t="s">
        <v>1520</v>
      </c>
      <c r="L4614" s="5" t="s">
        <v>1519</v>
      </c>
      <c r="M4614" s="2" t="s">
        <v>1520</v>
      </c>
      <c r="N4614" s="5" t="s">
        <v>1521</v>
      </c>
      <c r="O4614" s="5" t="s">
        <v>38</v>
      </c>
      <c r="P4614" s="5" t="s">
        <v>39</v>
      </c>
      <c r="Q4614" s="5" t="s">
        <v>40</v>
      </c>
      <c r="R4614" s="5" t="s">
        <v>1522</v>
      </c>
      <c r="S4614" s="5" t="s">
        <v>1523</v>
      </c>
      <c r="T4614" s="5" t="s">
        <v>42</v>
      </c>
      <c r="U4614" s="2">
        <v>1.484</v>
      </c>
      <c r="V4614" s="2">
        <v>1.1890000000000001</v>
      </c>
      <c r="W4614" s="2">
        <v>7.0000000000000001E-3</v>
      </c>
      <c r="X4614" s="2">
        <v>82.9</v>
      </c>
      <c r="Y4614" s="2">
        <v>7.6</v>
      </c>
      <c r="Z4614" s="2">
        <v>10.6</v>
      </c>
      <c r="AA4614" s="5"/>
      <c r="AB4614" s="5" t="s">
        <v>43</v>
      </c>
      <c r="AC4614" s="5" t="s">
        <v>44</v>
      </c>
      <c r="AD4614" s="2"/>
      <c r="AE4614" s="1"/>
    </row>
    <row r="4615" spans="1:31" ht="14.45">
      <c r="A4615" s="11"/>
      <c r="B4615" s="20"/>
      <c r="C4615" s="2" t="s">
        <v>14299</v>
      </c>
      <c r="D4615" s="14" t="s">
        <v>14300</v>
      </c>
      <c r="E4615" s="2" t="s">
        <v>14301</v>
      </c>
      <c r="F4615" s="2" t="s">
        <v>7212</v>
      </c>
      <c r="G4615" s="8">
        <v>105</v>
      </c>
      <c r="H4615" s="5">
        <v>6</v>
      </c>
      <c r="I4615" s="5" t="s">
        <v>1518</v>
      </c>
      <c r="J4615" s="5" t="s">
        <v>1519</v>
      </c>
      <c r="K4615" s="2" t="s">
        <v>1520</v>
      </c>
      <c r="L4615" s="5" t="s">
        <v>1519</v>
      </c>
      <c r="M4615" s="2" t="s">
        <v>1520</v>
      </c>
      <c r="N4615" s="5" t="s">
        <v>1521</v>
      </c>
      <c r="O4615" s="5" t="s">
        <v>38</v>
      </c>
      <c r="P4615" s="5" t="s">
        <v>39</v>
      </c>
      <c r="Q4615" s="5" t="s">
        <v>40</v>
      </c>
      <c r="R4615" s="5" t="s">
        <v>1522</v>
      </c>
      <c r="S4615" s="5" t="s">
        <v>1523</v>
      </c>
      <c r="T4615" s="5" t="s">
        <v>42</v>
      </c>
      <c r="U4615" s="2">
        <v>1.468</v>
      </c>
      <c r="V4615" s="2">
        <v>1.173</v>
      </c>
      <c r="W4615" s="2">
        <v>7.0000000000000001E-3</v>
      </c>
      <c r="X4615" s="2">
        <v>82.9</v>
      </c>
      <c r="Y4615" s="2">
        <v>7.6</v>
      </c>
      <c r="Z4615" s="2">
        <v>10.6</v>
      </c>
      <c r="AA4615" s="5"/>
      <c r="AB4615" s="5" t="s">
        <v>43</v>
      </c>
      <c r="AC4615" s="5" t="s">
        <v>44</v>
      </c>
      <c r="AD4615" s="2"/>
      <c r="AE4615" s="1"/>
    </row>
    <row r="4616" spans="1:31" ht="14.45">
      <c r="A4616" s="11"/>
      <c r="B4616" s="20"/>
      <c r="C4616" s="2" t="s">
        <v>14302</v>
      </c>
      <c r="D4616" s="14" t="s">
        <v>14303</v>
      </c>
      <c r="E4616" s="2" t="s">
        <v>14304</v>
      </c>
      <c r="F4616" s="2" t="s">
        <v>7406</v>
      </c>
      <c r="G4616" s="8">
        <v>121</v>
      </c>
      <c r="H4616" s="5">
        <v>6</v>
      </c>
      <c r="I4616" s="5" t="s">
        <v>1518</v>
      </c>
      <c r="J4616" s="5" t="s">
        <v>1519</v>
      </c>
      <c r="K4616" s="2" t="s">
        <v>1520</v>
      </c>
      <c r="L4616" s="5" t="s">
        <v>1519</v>
      </c>
      <c r="M4616" s="2" t="s">
        <v>1520</v>
      </c>
      <c r="N4616" s="5" t="s">
        <v>1521</v>
      </c>
      <c r="O4616" s="5" t="s">
        <v>38</v>
      </c>
      <c r="P4616" s="5" t="s">
        <v>39</v>
      </c>
      <c r="Q4616" s="5" t="s">
        <v>40</v>
      </c>
      <c r="R4616" s="5" t="s">
        <v>1522</v>
      </c>
      <c r="S4616" s="5" t="s">
        <v>1523</v>
      </c>
      <c r="T4616" s="5" t="s">
        <v>42</v>
      </c>
      <c r="U4616" s="2">
        <v>1.4750000000000001</v>
      </c>
      <c r="V4616" s="2">
        <v>1.18</v>
      </c>
      <c r="W4616" s="2">
        <v>7.0000000000000001E-3</v>
      </c>
      <c r="X4616" s="2">
        <v>82.9</v>
      </c>
      <c r="Y4616" s="2">
        <v>7.6</v>
      </c>
      <c r="Z4616" s="2">
        <v>10.6</v>
      </c>
      <c r="AA4616" s="5"/>
      <c r="AB4616" s="5" t="s">
        <v>43</v>
      </c>
      <c r="AC4616" s="5" t="s">
        <v>44</v>
      </c>
      <c r="AD4616" s="2"/>
      <c r="AE4616" s="1"/>
    </row>
    <row r="4617" spans="1:31" ht="14.45">
      <c r="A4617" s="11"/>
      <c r="B4617" s="20"/>
      <c r="C4617" s="2" t="s">
        <v>14305</v>
      </c>
      <c r="D4617" s="14" t="s">
        <v>14306</v>
      </c>
      <c r="E4617" s="2" t="s">
        <v>14307</v>
      </c>
      <c r="F4617" s="2" t="s">
        <v>7539</v>
      </c>
      <c r="G4617" s="8">
        <v>121</v>
      </c>
      <c r="H4617" s="5">
        <v>6</v>
      </c>
      <c r="I4617" s="5" t="s">
        <v>1518</v>
      </c>
      <c r="J4617" s="5" t="s">
        <v>1519</v>
      </c>
      <c r="K4617" s="2" t="s">
        <v>1520</v>
      </c>
      <c r="L4617" s="5" t="s">
        <v>1519</v>
      </c>
      <c r="M4617" s="2" t="s">
        <v>1520</v>
      </c>
      <c r="N4617" s="5" t="s">
        <v>1521</v>
      </c>
      <c r="O4617" s="5" t="s">
        <v>38</v>
      </c>
      <c r="P4617" s="5" t="s">
        <v>39</v>
      </c>
      <c r="Q4617" s="5" t="s">
        <v>40</v>
      </c>
      <c r="R4617" s="5" t="s">
        <v>1522</v>
      </c>
      <c r="S4617" s="5" t="s">
        <v>1523</v>
      </c>
      <c r="T4617" s="5" t="s">
        <v>42</v>
      </c>
      <c r="U4617" s="2">
        <v>1.4910000000000001</v>
      </c>
      <c r="V4617" s="2">
        <v>1.196</v>
      </c>
      <c r="W4617" s="2">
        <v>7.0000000000000001E-3</v>
      </c>
      <c r="X4617" s="2">
        <v>82.9</v>
      </c>
      <c r="Y4617" s="2">
        <v>7.6</v>
      </c>
      <c r="Z4617" s="2">
        <v>10.6</v>
      </c>
      <c r="AA4617" s="5"/>
      <c r="AB4617" s="5" t="s">
        <v>43</v>
      </c>
      <c r="AC4617" s="5" t="s">
        <v>44</v>
      </c>
      <c r="AD4617" s="2"/>
      <c r="AE4617" s="1"/>
    </row>
    <row r="4618" spans="1:31" ht="14.45">
      <c r="A4618" s="11"/>
      <c r="B4618" s="20"/>
      <c r="C4618" s="2" t="s">
        <v>14308</v>
      </c>
      <c r="D4618" s="14" t="s">
        <v>14309</v>
      </c>
      <c r="E4618" s="2" t="s">
        <v>14310</v>
      </c>
      <c r="F4618" s="2" t="s">
        <v>7547</v>
      </c>
      <c r="G4618" s="8">
        <v>121</v>
      </c>
      <c r="H4618" s="5">
        <v>6</v>
      </c>
      <c r="I4618" s="5" t="s">
        <v>1518</v>
      </c>
      <c r="J4618" s="5" t="s">
        <v>1519</v>
      </c>
      <c r="K4618" s="2" t="s">
        <v>1520</v>
      </c>
      <c r="L4618" s="5" t="s">
        <v>1519</v>
      </c>
      <c r="M4618" s="2" t="s">
        <v>1520</v>
      </c>
      <c r="N4618" s="5" t="s">
        <v>1521</v>
      </c>
      <c r="O4618" s="5" t="s">
        <v>38</v>
      </c>
      <c r="P4618" s="5" t="s">
        <v>39</v>
      </c>
      <c r="Q4618" s="5" t="s">
        <v>40</v>
      </c>
      <c r="R4618" s="5" t="s">
        <v>1522</v>
      </c>
      <c r="S4618" s="5" t="s">
        <v>1523</v>
      </c>
      <c r="T4618" s="5" t="s">
        <v>42</v>
      </c>
      <c r="U4618" s="2">
        <v>1.4750000000000001</v>
      </c>
      <c r="V4618" s="2">
        <v>1.18</v>
      </c>
      <c r="W4618" s="2">
        <v>7.0000000000000001E-3</v>
      </c>
      <c r="X4618" s="2">
        <v>82.9</v>
      </c>
      <c r="Y4618" s="2">
        <v>7.6</v>
      </c>
      <c r="Z4618" s="2">
        <v>10.6</v>
      </c>
      <c r="AA4618" s="5"/>
      <c r="AB4618" s="5" t="s">
        <v>43</v>
      </c>
      <c r="AC4618" s="5" t="s">
        <v>44</v>
      </c>
      <c r="AD4618" s="2"/>
      <c r="AE4618" s="1"/>
    </row>
    <row r="4619" spans="1:31" ht="14.45">
      <c r="A4619" s="11"/>
      <c r="B4619" s="20"/>
      <c r="C4619" s="2" t="s">
        <v>14311</v>
      </c>
      <c r="D4619" s="14" t="s">
        <v>14312</v>
      </c>
      <c r="E4619" s="2" t="s">
        <v>14313</v>
      </c>
      <c r="F4619" s="2" t="s">
        <v>7555</v>
      </c>
      <c r="G4619" s="8">
        <v>121</v>
      </c>
      <c r="H4619" s="5">
        <v>6</v>
      </c>
      <c r="I4619" s="5" t="s">
        <v>1518</v>
      </c>
      <c r="J4619" s="5" t="s">
        <v>1519</v>
      </c>
      <c r="K4619" s="2" t="s">
        <v>1520</v>
      </c>
      <c r="L4619" s="5" t="s">
        <v>1519</v>
      </c>
      <c r="M4619" s="2" t="s">
        <v>1520</v>
      </c>
      <c r="N4619" s="5" t="s">
        <v>1521</v>
      </c>
      <c r="O4619" s="5" t="s">
        <v>38</v>
      </c>
      <c r="P4619" s="5" t="s">
        <v>39</v>
      </c>
      <c r="Q4619" s="5" t="s">
        <v>40</v>
      </c>
      <c r="R4619" s="5" t="s">
        <v>1522</v>
      </c>
      <c r="S4619" s="5" t="s">
        <v>1523</v>
      </c>
      <c r="T4619" s="5" t="s">
        <v>42</v>
      </c>
      <c r="U4619" s="2">
        <v>1.4750000000000001</v>
      </c>
      <c r="V4619" s="2">
        <v>1.18</v>
      </c>
      <c r="W4619" s="2">
        <v>7.0000000000000001E-3</v>
      </c>
      <c r="X4619" s="2">
        <v>82.9</v>
      </c>
      <c r="Y4619" s="2">
        <v>7.6</v>
      </c>
      <c r="Z4619" s="2">
        <v>10.6</v>
      </c>
      <c r="AA4619" s="5"/>
      <c r="AB4619" s="5" t="s">
        <v>43</v>
      </c>
      <c r="AC4619" s="5" t="s">
        <v>44</v>
      </c>
      <c r="AD4619" s="2"/>
      <c r="AE4619" s="1"/>
    </row>
    <row r="4620" spans="1:31" ht="14.45">
      <c r="A4620" s="11"/>
      <c r="B4620" s="20"/>
      <c r="C4620" s="2" t="s">
        <v>14314</v>
      </c>
      <c r="D4620" s="14" t="s">
        <v>14315</v>
      </c>
      <c r="E4620" s="2" t="s">
        <v>14316</v>
      </c>
      <c r="F4620" s="2" t="s">
        <v>7563</v>
      </c>
      <c r="G4620" s="8">
        <v>121</v>
      </c>
      <c r="H4620" s="5">
        <v>6</v>
      </c>
      <c r="I4620" s="5" t="s">
        <v>1518</v>
      </c>
      <c r="J4620" s="5" t="s">
        <v>1519</v>
      </c>
      <c r="K4620" s="2" t="s">
        <v>1520</v>
      </c>
      <c r="L4620" s="5" t="s">
        <v>1519</v>
      </c>
      <c r="M4620" s="2" t="s">
        <v>1520</v>
      </c>
      <c r="N4620" s="5" t="s">
        <v>1521</v>
      </c>
      <c r="O4620" s="5" t="s">
        <v>38</v>
      </c>
      <c r="P4620" s="5" t="s">
        <v>39</v>
      </c>
      <c r="Q4620" s="5" t="s">
        <v>40</v>
      </c>
      <c r="R4620" s="5" t="s">
        <v>1522</v>
      </c>
      <c r="S4620" s="5" t="s">
        <v>1523</v>
      </c>
      <c r="T4620" s="5" t="s">
        <v>42</v>
      </c>
      <c r="U4620" s="2">
        <v>1.4910000000000001</v>
      </c>
      <c r="V4620" s="2">
        <v>1.196</v>
      </c>
      <c r="W4620" s="2">
        <v>7.0000000000000001E-3</v>
      </c>
      <c r="X4620" s="2">
        <v>82.9</v>
      </c>
      <c r="Y4620" s="2">
        <v>7.6</v>
      </c>
      <c r="Z4620" s="2">
        <v>10.6</v>
      </c>
      <c r="AA4620" s="5"/>
      <c r="AB4620" s="5" t="s">
        <v>43</v>
      </c>
      <c r="AC4620" s="5" t="s">
        <v>44</v>
      </c>
      <c r="AD4620" s="2"/>
      <c r="AE4620" s="1"/>
    </row>
    <row r="4621" spans="1:31" ht="14.45">
      <c r="A4621" s="11"/>
      <c r="B4621" s="20"/>
      <c r="C4621" s="2" t="s">
        <v>14317</v>
      </c>
      <c r="D4621" s="14" t="s">
        <v>14318</v>
      </c>
      <c r="E4621" s="2" t="s">
        <v>14319</v>
      </c>
      <c r="F4621" s="2" t="s">
        <v>7429</v>
      </c>
      <c r="G4621" s="8">
        <v>121</v>
      </c>
      <c r="H4621" s="5">
        <v>6</v>
      </c>
      <c r="I4621" s="5" t="s">
        <v>1518</v>
      </c>
      <c r="J4621" s="5" t="s">
        <v>1519</v>
      </c>
      <c r="K4621" s="2" t="s">
        <v>1520</v>
      </c>
      <c r="L4621" s="5" t="s">
        <v>1519</v>
      </c>
      <c r="M4621" s="2" t="s">
        <v>1520</v>
      </c>
      <c r="N4621" s="5" t="s">
        <v>1521</v>
      </c>
      <c r="O4621" s="5" t="s">
        <v>38</v>
      </c>
      <c r="P4621" s="5" t="s">
        <v>39</v>
      </c>
      <c r="Q4621" s="5" t="s">
        <v>40</v>
      </c>
      <c r="R4621" s="5" t="s">
        <v>1522</v>
      </c>
      <c r="S4621" s="5" t="s">
        <v>1523</v>
      </c>
      <c r="T4621" s="5" t="s">
        <v>42</v>
      </c>
      <c r="U4621" s="2">
        <v>1.4910000000000001</v>
      </c>
      <c r="V4621" s="2">
        <v>1.196</v>
      </c>
      <c r="W4621" s="2">
        <v>7.0000000000000001E-3</v>
      </c>
      <c r="X4621" s="2">
        <v>82.9</v>
      </c>
      <c r="Y4621" s="2">
        <v>7.6</v>
      </c>
      <c r="Z4621" s="2">
        <v>10.6</v>
      </c>
      <c r="AA4621" s="5"/>
      <c r="AB4621" s="5" t="s">
        <v>43</v>
      </c>
      <c r="AC4621" s="5" t="s">
        <v>44</v>
      </c>
      <c r="AD4621" s="2"/>
      <c r="AE4621" s="1"/>
    </row>
    <row r="4622" spans="1:31" ht="14.45">
      <c r="A4622" s="11"/>
      <c r="B4622" s="20"/>
      <c r="C4622" s="2" t="s">
        <v>14320</v>
      </c>
      <c r="D4622" s="14" t="s">
        <v>14321</v>
      </c>
      <c r="E4622" s="2" t="s">
        <v>14322</v>
      </c>
      <c r="F4622" s="2" t="s">
        <v>7449</v>
      </c>
      <c r="G4622" s="8">
        <v>121</v>
      </c>
      <c r="H4622" s="5">
        <v>6</v>
      </c>
      <c r="I4622" s="5" t="s">
        <v>1518</v>
      </c>
      <c r="J4622" s="5" t="s">
        <v>1519</v>
      </c>
      <c r="K4622" s="2" t="s">
        <v>1520</v>
      </c>
      <c r="L4622" s="5" t="s">
        <v>1519</v>
      </c>
      <c r="M4622" s="2" t="s">
        <v>1520</v>
      </c>
      <c r="N4622" s="5" t="s">
        <v>1521</v>
      </c>
      <c r="O4622" s="5" t="s">
        <v>38</v>
      </c>
      <c r="P4622" s="5" t="s">
        <v>39</v>
      </c>
      <c r="Q4622" s="5" t="s">
        <v>40</v>
      </c>
      <c r="R4622" s="5" t="s">
        <v>1522</v>
      </c>
      <c r="S4622" s="5" t="s">
        <v>1523</v>
      </c>
      <c r="T4622" s="5" t="s">
        <v>42</v>
      </c>
      <c r="U4622" s="2">
        <v>1.4910000000000001</v>
      </c>
      <c r="V4622" s="2">
        <v>1.196</v>
      </c>
      <c r="W4622" s="2">
        <v>7.0000000000000001E-3</v>
      </c>
      <c r="X4622" s="2">
        <v>82.9</v>
      </c>
      <c r="Y4622" s="2">
        <v>7.6</v>
      </c>
      <c r="Z4622" s="2">
        <v>10.6</v>
      </c>
      <c r="AA4622" s="5"/>
      <c r="AB4622" s="5" t="s">
        <v>43</v>
      </c>
      <c r="AC4622" s="5" t="s">
        <v>44</v>
      </c>
      <c r="AD4622" s="2"/>
      <c r="AE4622" s="1"/>
    </row>
    <row r="4623" spans="1:31" ht="14.45">
      <c r="A4623" s="11"/>
      <c r="B4623" s="20"/>
      <c r="C4623" s="2" t="s">
        <v>14323</v>
      </c>
      <c r="D4623" s="14" t="s">
        <v>14324</v>
      </c>
      <c r="E4623" s="2" t="s">
        <v>14325</v>
      </c>
      <c r="F4623" s="2" t="s">
        <v>7585</v>
      </c>
      <c r="G4623" s="8">
        <v>121</v>
      </c>
      <c r="H4623" s="5">
        <v>6</v>
      </c>
      <c r="I4623" s="5" t="s">
        <v>1518</v>
      </c>
      <c r="J4623" s="5" t="s">
        <v>1519</v>
      </c>
      <c r="K4623" s="2" t="s">
        <v>1520</v>
      </c>
      <c r="L4623" s="5" t="s">
        <v>1519</v>
      </c>
      <c r="M4623" s="2" t="s">
        <v>1520</v>
      </c>
      <c r="N4623" s="5" t="s">
        <v>1521</v>
      </c>
      <c r="O4623" s="5" t="s">
        <v>38</v>
      </c>
      <c r="P4623" s="5" t="s">
        <v>39</v>
      </c>
      <c r="Q4623" s="5" t="s">
        <v>40</v>
      </c>
      <c r="R4623" s="5" t="s">
        <v>1522</v>
      </c>
      <c r="S4623" s="5" t="s">
        <v>1523</v>
      </c>
      <c r="T4623" s="5" t="s">
        <v>42</v>
      </c>
      <c r="U4623" s="2">
        <v>1.4750000000000001</v>
      </c>
      <c r="V4623" s="2">
        <v>1.18</v>
      </c>
      <c r="W4623" s="2">
        <v>7.0000000000000001E-3</v>
      </c>
      <c r="X4623" s="2">
        <v>82.9</v>
      </c>
      <c r="Y4623" s="2">
        <v>7.6</v>
      </c>
      <c r="Z4623" s="2">
        <v>10.6</v>
      </c>
      <c r="AA4623" s="5"/>
      <c r="AB4623" s="5" t="s">
        <v>43</v>
      </c>
      <c r="AC4623" s="5" t="s">
        <v>44</v>
      </c>
      <c r="AD4623" s="2"/>
      <c r="AE4623" s="1"/>
    </row>
    <row r="4624" spans="1:31" ht="14.45">
      <c r="A4624" s="11"/>
      <c r="B4624" s="20"/>
      <c r="C4624" s="2" t="s">
        <v>14326</v>
      </c>
      <c r="D4624" s="14" t="s">
        <v>14327</v>
      </c>
      <c r="E4624" s="2" t="s">
        <v>14328</v>
      </c>
      <c r="F4624" s="2" t="s">
        <v>7593</v>
      </c>
      <c r="G4624" s="8">
        <v>121</v>
      </c>
      <c r="H4624" s="5">
        <v>6</v>
      </c>
      <c r="I4624" s="5" t="s">
        <v>1518</v>
      </c>
      <c r="J4624" s="5" t="s">
        <v>1519</v>
      </c>
      <c r="K4624" s="2" t="s">
        <v>1520</v>
      </c>
      <c r="L4624" s="5" t="s">
        <v>1519</v>
      </c>
      <c r="M4624" s="2" t="s">
        <v>1520</v>
      </c>
      <c r="N4624" s="5" t="s">
        <v>1521</v>
      </c>
      <c r="O4624" s="5" t="s">
        <v>38</v>
      </c>
      <c r="P4624" s="5" t="s">
        <v>39</v>
      </c>
      <c r="Q4624" s="5" t="s">
        <v>40</v>
      </c>
      <c r="R4624" s="5" t="s">
        <v>1522</v>
      </c>
      <c r="S4624" s="5" t="s">
        <v>1523</v>
      </c>
      <c r="T4624" s="5" t="s">
        <v>42</v>
      </c>
      <c r="U4624" s="2">
        <v>1.4910000000000001</v>
      </c>
      <c r="V4624" s="2">
        <v>1.196</v>
      </c>
      <c r="W4624" s="2">
        <v>7.0000000000000001E-3</v>
      </c>
      <c r="X4624" s="2">
        <v>82.9</v>
      </c>
      <c r="Y4624" s="2">
        <v>7.6</v>
      </c>
      <c r="Z4624" s="2">
        <v>10.6</v>
      </c>
      <c r="AA4624" s="5"/>
      <c r="AB4624" s="5" t="s">
        <v>43</v>
      </c>
      <c r="AC4624" s="5" t="s">
        <v>44</v>
      </c>
      <c r="AD4624" s="2"/>
      <c r="AE4624" s="1"/>
    </row>
    <row r="4625" spans="1:31" ht="14.45">
      <c r="A4625" s="11"/>
      <c r="B4625" s="20"/>
      <c r="C4625" s="2" t="s">
        <v>14329</v>
      </c>
      <c r="D4625" s="14" t="s">
        <v>14330</v>
      </c>
      <c r="E4625" s="2" t="s">
        <v>14331</v>
      </c>
      <c r="F4625" s="2" t="s">
        <v>7410</v>
      </c>
      <c r="G4625" s="8">
        <v>121</v>
      </c>
      <c r="H4625" s="5">
        <v>6</v>
      </c>
      <c r="I4625" s="5" t="s">
        <v>1518</v>
      </c>
      <c r="J4625" s="5" t="s">
        <v>1519</v>
      </c>
      <c r="K4625" s="2" t="s">
        <v>1520</v>
      </c>
      <c r="L4625" s="5" t="s">
        <v>1519</v>
      </c>
      <c r="M4625" s="2" t="s">
        <v>1520</v>
      </c>
      <c r="N4625" s="5" t="s">
        <v>1521</v>
      </c>
      <c r="O4625" s="5" t="s">
        <v>38</v>
      </c>
      <c r="P4625" s="5" t="s">
        <v>39</v>
      </c>
      <c r="Q4625" s="5" t="s">
        <v>40</v>
      </c>
      <c r="R4625" s="5" t="s">
        <v>1522</v>
      </c>
      <c r="S4625" s="5" t="s">
        <v>1523</v>
      </c>
      <c r="T4625" s="5" t="s">
        <v>42</v>
      </c>
      <c r="U4625" s="2">
        <v>1.4910000000000001</v>
      </c>
      <c r="V4625" s="2">
        <v>1.196</v>
      </c>
      <c r="W4625" s="2">
        <v>7.0000000000000001E-3</v>
      </c>
      <c r="X4625" s="2">
        <v>82.9</v>
      </c>
      <c r="Y4625" s="2">
        <v>7.6</v>
      </c>
      <c r="Z4625" s="2">
        <v>10.6</v>
      </c>
      <c r="AA4625" s="5"/>
      <c r="AB4625" s="5" t="s">
        <v>43</v>
      </c>
      <c r="AC4625" s="5" t="s">
        <v>44</v>
      </c>
      <c r="AD4625" s="2"/>
      <c r="AE4625" s="1"/>
    </row>
    <row r="4626" spans="1:31" ht="14.45">
      <c r="A4626" s="11"/>
      <c r="B4626" s="20"/>
      <c r="C4626" s="2" t="s">
        <v>14332</v>
      </c>
      <c r="D4626" s="14" t="s">
        <v>14333</v>
      </c>
      <c r="E4626" s="2" t="s">
        <v>14334</v>
      </c>
      <c r="F4626" s="2" t="s">
        <v>7433</v>
      </c>
      <c r="G4626" s="8">
        <v>121</v>
      </c>
      <c r="H4626" s="5">
        <v>6</v>
      </c>
      <c r="I4626" s="5" t="s">
        <v>1518</v>
      </c>
      <c r="J4626" s="5" t="s">
        <v>1519</v>
      </c>
      <c r="K4626" s="2" t="s">
        <v>1520</v>
      </c>
      <c r="L4626" s="5" t="s">
        <v>1519</v>
      </c>
      <c r="M4626" s="2" t="s">
        <v>1520</v>
      </c>
      <c r="N4626" s="5" t="s">
        <v>1521</v>
      </c>
      <c r="O4626" s="5" t="s">
        <v>38</v>
      </c>
      <c r="P4626" s="5" t="s">
        <v>39</v>
      </c>
      <c r="Q4626" s="5" t="s">
        <v>40</v>
      </c>
      <c r="R4626" s="5" t="s">
        <v>1522</v>
      </c>
      <c r="S4626" s="5" t="s">
        <v>1523</v>
      </c>
      <c r="T4626" s="5" t="s">
        <v>42</v>
      </c>
      <c r="U4626" s="2">
        <v>1.4910000000000001</v>
      </c>
      <c r="V4626" s="2">
        <v>1.196</v>
      </c>
      <c r="W4626" s="2">
        <v>7.0000000000000001E-3</v>
      </c>
      <c r="X4626" s="2">
        <v>82.9</v>
      </c>
      <c r="Y4626" s="2">
        <v>7.6</v>
      </c>
      <c r="Z4626" s="2">
        <v>10.6</v>
      </c>
      <c r="AA4626" s="5"/>
      <c r="AB4626" s="5" t="s">
        <v>43</v>
      </c>
      <c r="AC4626" s="5" t="s">
        <v>44</v>
      </c>
      <c r="AD4626" s="2"/>
      <c r="AE4626" s="1"/>
    </row>
    <row r="4627" spans="1:31" ht="14.45">
      <c r="A4627" s="11"/>
      <c r="B4627" s="20"/>
      <c r="C4627" s="2" t="s">
        <v>14335</v>
      </c>
      <c r="D4627" s="14" t="s">
        <v>14336</v>
      </c>
      <c r="E4627" s="2" t="s">
        <v>14337</v>
      </c>
      <c r="F4627" s="2" t="s">
        <v>7615</v>
      </c>
      <c r="G4627" s="8">
        <v>121</v>
      </c>
      <c r="H4627" s="5">
        <v>6</v>
      </c>
      <c r="I4627" s="5" t="s">
        <v>1518</v>
      </c>
      <c r="J4627" s="5" t="s">
        <v>1519</v>
      </c>
      <c r="K4627" s="2" t="s">
        <v>1520</v>
      </c>
      <c r="L4627" s="5" t="s">
        <v>1519</v>
      </c>
      <c r="M4627" s="2" t="s">
        <v>1520</v>
      </c>
      <c r="N4627" s="5" t="s">
        <v>1521</v>
      </c>
      <c r="O4627" s="5" t="s">
        <v>38</v>
      </c>
      <c r="P4627" s="5" t="s">
        <v>39</v>
      </c>
      <c r="Q4627" s="5" t="s">
        <v>40</v>
      </c>
      <c r="R4627" s="5" t="s">
        <v>1522</v>
      </c>
      <c r="S4627" s="5" t="s">
        <v>1523</v>
      </c>
      <c r="T4627" s="5" t="s">
        <v>42</v>
      </c>
      <c r="U4627" s="2">
        <v>1.4750000000000001</v>
      </c>
      <c r="V4627" s="2">
        <v>1.18</v>
      </c>
      <c r="W4627" s="2">
        <v>7.0000000000000001E-3</v>
      </c>
      <c r="X4627" s="2">
        <v>82.9</v>
      </c>
      <c r="Y4627" s="2">
        <v>7.6</v>
      </c>
      <c r="Z4627" s="2">
        <v>10.6</v>
      </c>
      <c r="AA4627" s="5"/>
      <c r="AB4627" s="5" t="s">
        <v>43</v>
      </c>
      <c r="AC4627" s="5" t="s">
        <v>44</v>
      </c>
      <c r="AD4627" s="2"/>
      <c r="AE4627" s="1"/>
    </row>
    <row r="4628" spans="1:31" ht="14.45">
      <c r="A4628" s="11"/>
      <c r="B4628" s="20"/>
      <c r="C4628" s="2" t="s">
        <v>14338</v>
      </c>
      <c r="D4628" s="14" t="s">
        <v>14339</v>
      </c>
      <c r="E4628" s="2" t="s">
        <v>14340</v>
      </c>
      <c r="F4628" s="2" t="s">
        <v>7396</v>
      </c>
      <c r="G4628" s="8">
        <v>114</v>
      </c>
      <c r="H4628" s="5">
        <v>5</v>
      </c>
      <c r="I4628" s="5" t="s">
        <v>1518</v>
      </c>
      <c r="J4628" s="5" t="s">
        <v>1519</v>
      </c>
      <c r="K4628" s="2" t="s">
        <v>1520</v>
      </c>
      <c r="L4628" s="5" t="s">
        <v>1519</v>
      </c>
      <c r="M4628" s="2" t="s">
        <v>1520</v>
      </c>
      <c r="N4628" s="5" t="s">
        <v>1521</v>
      </c>
      <c r="O4628" s="5" t="s">
        <v>38</v>
      </c>
      <c r="P4628" s="5" t="s">
        <v>39</v>
      </c>
      <c r="Q4628" s="5" t="s">
        <v>40</v>
      </c>
      <c r="R4628" s="5" t="s">
        <v>1522</v>
      </c>
      <c r="S4628" s="5" t="s">
        <v>1523</v>
      </c>
      <c r="T4628" s="5" t="s">
        <v>42</v>
      </c>
      <c r="U4628" s="2">
        <v>1.6539999999999999</v>
      </c>
      <c r="V4628" s="2">
        <v>1.3009999999999999</v>
      </c>
      <c r="W4628" s="2">
        <v>0.01</v>
      </c>
      <c r="X4628" s="2">
        <v>118.9</v>
      </c>
      <c r="Y4628" s="2">
        <v>7.6</v>
      </c>
      <c r="Z4628" s="2">
        <v>10.6</v>
      </c>
      <c r="AA4628" s="5"/>
      <c r="AB4628" s="5" t="s">
        <v>43</v>
      </c>
      <c r="AC4628" s="5" t="s">
        <v>44</v>
      </c>
      <c r="AD4628" s="2"/>
      <c r="AE4628" s="1"/>
    </row>
    <row r="4629" spans="1:31" ht="14.45">
      <c r="A4629" s="11"/>
      <c r="B4629" s="20"/>
      <c r="C4629" s="2" t="s">
        <v>14341</v>
      </c>
      <c r="D4629" s="14" t="s">
        <v>14342</v>
      </c>
      <c r="E4629" s="2" t="s">
        <v>14343</v>
      </c>
      <c r="F4629" s="2" t="s">
        <v>7204</v>
      </c>
      <c r="G4629" s="8">
        <v>114</v>
      </c>
      <c r="H4629" s="5">
        <v>5</v>
      </c>
      <c r="I4629" s="5" t="s">
        <v>1518</v>
      </c>
      <c r="J4629" s="5" t="s">
        <v>1519</v>
      </c>
      <c r="K4629" s="2" t="s">
        <v>1520</v>
      </c>
      <c r="L4629" s="5" t="s">
        <v>1519</v>
      </c>
      <c r="M4629" s="2" t="s">
        <v>1520</v>
      </c>
      <c r="N4629" s="5" t="s">
        <v>1521</v>
      </c>
      <c r="O4629" s="5" t="s">
        <v>38</v>
      </c>
      <c r="P4629" s="5" t="s">
        <v>39</v>
      </c>
      <c r="Q4629" s="5" t="s">
        <v>40</v>
      </c>
      <c r="R4629" s="5" t="s">
        <v>1522</v>
      </c>
      <c r="S4629" s="5" t="s">
        <v>1523</v>
      </c>
      <c r="T4629" s="5" t="s">
        <v>42</v>
      </c>
      <c r="U4629" s="2">
        <v>1.66</v>
      </c>
      <c r="V4629" s="2">
        <v>1.3069999999999999</v>
      </c>
      <c r="W4629" s="2">
        <v>0.01</v>
      </c>
      <c r="X4629" s="2">
        <v>118.9</v>
      </c>
      <c r="Y4629" s="2">
        <v>7.6</v>
      </c>
      <c r="Z4629" s="2">
        <v>10.6</v>
      </c>
      <c r="AA4629" s="5"/>
      <c r="AB4629" s="5" t="s">
        <v>43</v>
      </c>
      <c r="AC4629" s="5" t="s">
        <v>44</v>
      </c>
      <c r="AD4629" s="2"/>
      <c r="AE4629" s="1"/>
    </row>
    <row r="4630" spans="1:31" ht="14.45">
      <c r="A4630" s="11"/>
      <c r="B4630" s="20"/>
      <c r="C4630" s="2" t="s">
        <v>14344</v>
      </c>
      <c r="D4630" s="14" t="s">
        <v>14345</v>
      </c>
      <c r="E4630" s="2" t="s">
        <v>14346</v>
      </c>
      <c r="F4630" s="2" t="s">
        <v>7208</v>
      </c>
      <c r="G4630" s="8">
        <v>114</v>
      </c>
      <c r="H4630" s="5">
        <v>5</v>
      </c>
      <c r="I4630" s="5" t="s">
        <v>1518</v>
      </c>
      <c r="J4630" s="5" t="s">
        <v>1519</v>
      </c>
      <c r="K4630" s="2" t="s">
        <v>1520</v>
      </c>
      <c r="L4630" s="5" t="s">
        <v>1519</v>
      </c>
      <c r="M4630" s="2" t="s">
        <v>1520</v>
      </c>
      <c r="N4630" s="5" t="s">
        <v>1521</v>
      </c>
      <c r="O4630" s="5" t="s">
        <v>38</v>
      </c>
      <c r="P4630" s="5" t="s">
        <v>39</v>
      </c>
      <c r="Q4630" s="5" t="s">
        <v>40</v>
      </c>
      <c r="R4630" s="5" t="s">
        <v>1522</v>
      </c>
      <c r="S4630" s="5" t="s">
        <v>1523</v>
      </c>
      <c r="T4630" s="5" t="s">
        <v>42</v>
      </c>
      <c r="U4630" s="2">
        <v>1.66</v>
      </c>
      <c r="V4630" s="2">
        <v>1.3069999999999999</v>
      </c>
      <c r="W4630" s="2">
        <v>0.01</v>
      </c>
      <c r="X4630" s="2">
        <v>118.9</v>
      </c>
      <c r="Y4630" s="2">
        <v>7.6</v>
      </c>
      <c r="Z4630" s="2">
        <v>10.6</v>
      </c>
      <c r="AA4630" s="5"/>
      <c r="AB4630" s="5" t="s">
        <v>43</v>
      </c>
      <c r="AC4630" s="5" t="s">
        <v>44</v>
      </c>
      <c r="AD4630" s="2"/>
      <c r="AE4630" s="1"/>
    </row>
    <row r="4631" spans="1:31" ht="14.45">
      <c r="A4631" s="11"/>
      <c r="B4631" s="20"/>
      <c r="C4631" s="2" t="s">
        <v>14347</v>
      </c>
      <c r="D4631" s="14" t="s">
        <v>14348</v>
      </c>
      <c r="E4631" s="2" t="s">
        <v>14349</v>
      </c>
      <c r="F4631" s="2" t="s">
        <v>7212</v>
      </c>
      <c r="G4631" s="8">
        <v>114</v>
      </c>
      <c r="H4631" s="5">
        <v>5</v>
      </c>
      <c r="I4631" s="5" t="s">
        <v>1518</v>
      </c>
      <c r="J4631" s="5" t="s">
        <v>1519</v>
      </c>
      <c r="K4631" s="2" t="s">
        <v>1520</v>
      </c>
      <c r="L4631" s="5" t="s">
        <v>1519</v>
      </c>
      <c r="M4631" s="2" t="s">
        <v>1520</v>
      </c>
      <c r="N4631" s="5" t="s">
        <v>1521</v>
      </c>
      <c r="O4631" s="5" t="s">
        <v>38</v>
      </c>
      <c r="P4631" s="5" t="s">
        <v>39</v>
      </c>
      <c r="Q4631" s="5" t="s">
        <v>40</v>
      </c>
      <c r="R4631" s="5" t="s">
        <v>1522</v>
      </c>
      <c r="S4631" s="5" t="s">
        <v>1523</v>
      </c>
      <c r="T4631" s="5" t="s">
        <v>42</v>
      </c>
      <c r="U4631" s="2">
        <v>1.641</v>
      </c>
      <c r="V4631" s="2">
        <v>1.288</v>
      </c>
      <c r="W4631" s="2">
        <v>0.01</v>
      </c>
      <c r="X4631" s="2">
        <v>118.9</v>
      </c>
      <c r="Y4631" s="2">
        <v>7.6</v>
      </c>
      <c r="Z4631" s="2">
        <v>10.6</v>
      </c>
      <c r="AA4631" s="5"/>
      <c r="AB4631" s="5" t="s">
        <v>43</v>
      </c>
      <c r="AC4631" s="5" t="s">
        <v>44</v>
      </c>
      <c r="AD4631" s="2"/>
      <c r="AE4631" s="1"/>
    </row>
    <row r="4632" spans="1:31" ht="14.45">
      <c r="A4632" s="11"/>
      <c r="B4632" s="20"/>
      <c r="C4632" s="2" t="s">
        <v>14350</v>
      </c>
      <c r="D4632" s="14" t="s">
        <v>14351</v>
      </c>
      <c r="E4632" s="2" t="s">
        <v>14352</v>
      </c>
      <c r="F4632" s="2" t="s">
        <v>7406</v>
      </c>
      <c r="G4632" s="8">
        <v>131</v>
      </c>
      <c r="H4632" s="5">
        <v>6</v>
      </c>
      <c r="I4632" s="5" t="s">
        <v>1518</v>
      </c>
      <c r="J4632" s="5" t="s">
        <v>1519</v>
      </c>
      <c r="K4632" s="2" t="s">
        <v>1520</v>
      </c>
      <c r="L4632" s="5" t="s">
        <v>1519</v>
      </c>
      <c r="M4632" s="2" t="s">
        <v>1520</v>
      </c>
      <c r="N4632" s="5" t="s">
        <v>1521</v>
      </c>
      <c r="O4632" s="5" t="s">
        <v>38</v>
      </c>
      <c r="P4632" s="5" t="s">
        <v>39</v>
      </c>
      <c r="Q4632" s="5" t="s">
        <v>40</v>
      </c>
      <c r="R4632" s="5" t="s">
        <v>1522</v>
      </c>
      <c r="S4632" s="5" t="s">
        <v>1523</v>
      </c>
      <c r="T4632" s="5" t="s">
        <v>42</v>
      </c>
      <c r="U4632" s="2">
        <v>1.649</v>
      </c>
      <c r="V4632" s="2">
        <v>1.296</v>
      </c>
      <c r="W4632" s="2">
        <v>0.01</v>
      </c>
      <c r="X4632" s="2">
        <v>118.9</v>
      </c>
      <c r="Y4632" s="2">
        <v>7.6</v>
      </c>
      <c r="Z4632" s="2">
        <v>10.6</v>
      </c>
      <c r="AA4632" s="5"/>
      <c r="AB4632" s="5" t="s">
        <v>43</v>
      </c>
      <c r="AC4632" s="5" t="s">
        <v>44</v>
      </c>
      <c r="AD4632" s="2"/>
      <c r="AE4632" s="1"/>
    </row>
    <row r="4633" spans="1:31" ht="14.45">
      <c r="A4633" s="11"/>
      <c r="B4633" s="20"/>
      <c r="C4633" s="2" t="s">
        <v>14353</v>
      </c>
      <c r="D4633" s="14" t="s">
        <v>14354</v>
      </c>
      <c r="E4633" s="2" t="s">
        <v>14355</v>
      </c>
      <c r="F4633" s="2" t="s">
        <v>7539</v>
      </c>
      <c r="G4633" s="8">
        <v>131</v>
      </c>
      <c r="H4633" s="5">
        <v>6</v>
      </c>
      <c r="I4633" s="5" t="s">
        <v>1518</v>
      </c>
      <c r="J4633" s="5" t="s">
        <v>1519</v>
      </c>
      <c r="K4633" s="2" t="s">
        <v>1520</v>
      </c>
      <c r="L4633" s="5" t="s">
        <v>1519</v>
      </c>
      <c r="M4633" s="2" t="s">
        <v>1520</v>
      </c>
      <c r="N4633" s="5" t="s">
        <v>1521</v>
      </c>
      <c r="O4633" s="5" t="s">
        <v>38</v>
      </c>
      <c r="P4633" s="5" t="s">
        <v>39</v>
      </c>
      <c r="Q4633" s="5" t="s">
        <v>40</v>
      </c>
      <c r="R4633" s="5" t="s">
        <v>1522</v>
      </c>
      <c r="S4633" s="5" t="s">
        <v>1523</v>
      </c>
      <c r="T4633" s="5" t="s">
        <v>42</v>
      </c>
      <c r="U4633" s="2">
        <v>1.669</v>
      </c>
      <c r="V4633" s="2">
        <v>1.3160000000000001</v>
      </c>
      <c r="W4633" s="2">
        <v>0.01</v>
      </c>
      <c r="X4633" s="2">
        <v>118.9</v>
      </c>
      <c r="Y4633" s="2">
        <v>7.6</v>
      </c>
      <c r="Z4633" s="2">
        <v>10.6</v>
      </c>
      <c r="AA4633" s="5"/>
      <c r="AB4633" s="5" t="s">
        <v>43</v>
      </c>
      <c r="AC4633" s="5" t="s">
        <v>44</v>
      </c>
      <c r="AD4633" s="2"/>
      <c r="AE4633" s="1"/>
    </row>
    <row r="4634" spans="1:31" ht="14.45">
      <c r="A4634" s="11"/>
      <c r="B4634" s="20"/>
      <c r="C4634" s="2" t="s">
        <v>14356</v>
      </c>
      <c r="D4634" s="14" t="s">
        <v>14357</v>
      </c>
      <c r="E4634" s="2" t="s">
        <v>14358</v>
      </c>
      <c r="F4634" s="2" t="s">
        <v>7547</v>
      </c>
      <c r="G4634" s="8">
        <v>131</v>
      </c>
      <c r="H4634" s="5">
        <v>6</v>
      </c>
      <c r="I4634" s="5" t="s">
        <v>1518</v>
      </c>
      <c r="J4634" s="5" t="s">
        <v>1519</v>
      </c>
      <c r="K4634" s="2" t="s">
        <v>1520</v>
      </c>
      <c r="L4634" s="5" t="s">
        <v>1519</v>
      </c>
      <c r="M4634" s="2" t="s">
        <v>1520</v>
      </c>
      <c r="N4634" s="5" t="s">
        <v>1521</v>
      </c>
      <c r="O4634" s="5" t="s">
        <v>38</v>
      </c>
      <c r="P4634" s="5" t="s">
        <v>39</v>
      </c>
      <c r="Q4634" s="5" t="s">
        <v>40</v>
      </c>
      <c r="R4634" s="5" t="s">
        <v>1522</v>
      </c>
      <c r="S4634" s="5" t="s">
        <v>1523</v>
      </c>
      <c r="T4634" s="5" t="s">
        <v>42</v>
      </c>
      <c r="U4634" s="2">
        <v>1.649</v>
      </c>
      <c r="V4634" s="2">
        <v>1.296</v>
      </c>
      <c r="W4634" s="2">
        <v>0.01</v>
      </c>
      <c r="X4634" s="2">
        <v>118.9</v>
      </c>
      <c r="Y4634" s="2">
        <v>7.6</v>
      </c>
      <c r="Z4634" s="2">
        <v>10.6</v>
      </c>
      <c r="AA4634" s="5"/>
      <c r="AB4634" s="5" t="s">
        <v>43</v>
      </c>
      <c r="AC4634" s="5" t="s">
        <v>44</v>
      </c>
      <c r="AD4634" s="2"/>
      <c r="AE4634" s="1"/>
    </row>
    <row r="4635" spans="1:31" ht="14.45">
      <c r="A4635" s="11"/>
      <c r="B4635" s="20"/>
      <c r="C4635" s="2" t="s">
        <v>14359</v>
      </c>
      <c r="D4635" s="14" t="s">
        <v>14360</v>
      </c>
      <c r="E4635" s="2" t="s">
        <v>14361</v>
      </c>
      <c r="F4635" s="2" t="s">
        <v>7555</v>
      </c>
      <c r="G4635" s="8">
        <v>131</v>
      </c>
      <c r="H4635" s="5">
        <v>6</v>
      </c>
      <c r="I4635" s="5" t="s">
        <v>1518</v>
      </c>
      <c r="J4635" s="5" t="s">
        <v>1519</v>
      </c>
      <c r="K4635" s="2" t="s">
        <v>1520</v>
      </c>
      <c r="L4635" s="5" t="s">
        <v>1519</v>
      </c>
      <c r="M4635" s="2" t="s">
        <v>1520</v>
      </c>
      <c r="N4635" s="5" t="s">
        <v>1521</v>
      </c>
      <c r="O4635" s="5" t="s">
        <v>38</v>
      </c>
      <c r="P4635" s="5" t="s">
        <v>39</v>
      </c>
      <c r="Q4635" s="5" t="s">
        <v>40</v>
      </c>
      <c r="R4635" s="5" t="s">
        <v>1522</v>
      </c>
      <c r="S4635" s="5" t="s">
        <v>1523</v>
      </c>
      <c r="T4635" s="5" t="s">
        <v>42</v>
      </c>
      <c r="U4635" s="2">
        <v>1.649</v>
      </c>
      <c r="V4635" s="2">
        <v>1.296</v>
      </c>
      <c r="W4635" s="2">
        <v>0.01</v>
      </c>
      <c r="X4635" s="2">
        <v>118.9</v>
      </c>
      <c r="Y4635" s="2">
        <v>7.6</v>
      </c>
      <c r="Z4635" s="2">
        <v>10.6</v>
      </c>
      <c r="AA4635" s="5"/>
      <c r="AB4635" s="5" t="s">
        <v>43</v>
      </c>
      <c r="AC4635" s="5" t="s">
        <v>44</v>
      </c>
      <c r="AD4635" s="2"/>
      <c r="AE4635" s="1"/>
    </row>
    <row r="4636" spans="1:31" ht="14.45">
      <c r="A4636" s="11"/>
      <c r="B4636" s="20"/>
      <c r="C4636" s="2" t="s">
        <v>14362</v>
      </c>
      <c r="D4636" s="14" t="s">
        <v>14363</v>
      </c>
      <c r="E4636" s="2" t="s">
        <v>14364</v>
      </c>
      <c r="F4636" s="2" t="s">
        <v>7563</v>
      </c>
      <c r="G4636" s="8">
        <v>131</v>
      </c>
      <c r="H4636" s="5">
        <v>6</v>
      </c>
      <c r="I4636" s="5" t="s">
        <v>1518</v>
      </c>
      <c r="J4636" s="5" t="s">
        <v>1519</v>
      </c>
      <c r="K4636" s="2" t="s">
        <v>1520</v>
      </c>
      <c r="L4636" s="5" t="s">
        <v>1519</v>
      </c>
      <c r="M4636" s="2" t="s">
        <v>1520</v>
      </c>
      <c r="N4636" s="5" t="s">
        <v>1521</v>
      </c>
      <c r="O4636" s="5" t="s">
        <v>38</v>
      </c>
      <c r="P4636" s="5" t="s">
        <v>39</v>
      </c>
      <c r="Q4636" s="5" t="s">
        <v>40</v>
      </c>
      <c r="R4636" s="5" t="s">
        <v>1522</v>
      </c>
      <c r="S4636" s="5" t="s">
        <v>1523</v>
      </c>
      <c r="T4636" s="5" t="s">
        <v>42</v>
      </c>
      <c r="U4636" s="2">
        <v>1.669</v>
      </c>
      <c r="V4636" s="2">
        <v>1.3160000000000001</v>
      </c>
      <c r="W4636" s="2">
        <v>0.01</v>
      </c>
      <c r="X4636" s="2">
        <v>118.9</v>
      </c>
      <c r="Y4636" s="2">
        <v>7.6</v>
      </c>
      <c r="Z4636" s="2">
        <v>10.6</v>
      </c>
      <c r="AA4636" s="5"/>
      <c r="AB4636" s="5" t="s">
        <v>43</v>
      </c>
      <c r="AC4636" s="5" t="s">
        <v>44</v>
      </c>
      <c r="AD4636" s="2"/>
      <c r="AE4636" s="1"/>
    </row>
    <row r="4637" spans="1:31" ht="14.45">
      <c r="A4637" s="11"/>
      <c r="B4637" s="20"/>
      <c r="C4637" s="2" t="s">
        <v>14365</v>
      </c>
      <c r="D4637" s="14" t="s">
        <v>14366</v>
      </c>
      <c r="E4637" s="2" t="s">
        <v>14367</v>
      </c>
      <c r="F4637" s="2" t="s">
        <v>7429</v>
      </c>
      <c r="G4637" s="8">
        <v>131</v>
      </c>
      <c r="H4637" s="5">
        <v>6</v>
      </c>
      <c r="I4637" s="5" t="s">
        <v>1518</v>
      </c>
      <c r="J4637" s="5" t="s">
        <v>1519</v>
      </c>
      <c r="K4637" s="2" t="s">
        <v>1520</v>
      </c>
      <c r="L4637" s="5" t="s">
        <v>1519</v>
      </c>
      <c r="M4637" s="2" t="s">
        <v>1520</v>
      </c>
      <c r="N4637" s="5" t="s">
        <v>1521</v>
      </c>
      <c r="O4637" s="5" t="s">
        <v>38</v>
      </c>
      <c r="P4637" s="5" t="s">
        <v>39</v>
      </c>
      <c r="Q4637" s="5" t="s">
        <v>40</v>
      </c>
      <c r="R4637" s="5" t="s">
        <v>1522</v>
      </c>
      <c r="S4637" s="5" t="s">
        <v>1523</v>
      </c>
      <c r="T4637" s="5" t="s">
        <v>42</v>
      </c>
      <c r="U4637" s="2">
        <v>1.669</v>
      </c>
      <c r="V4637" s="2">
        <v>1.3160000000000001</v>
      </c>
      <c r="W4637" s="2">
        <v>0.01</v>
      </c>
      <c r="X4637" s="2">
        <v>118.9</v>
      </c>
      <c r="Y4637" s="2">
        <v>7.6</v>
      </c>
      <c r="Z4637" s="2">
        <v>10.6</v>
      </c>
      <c r="AA4637" s="5"/>
      <c r="AB4637" s="5" t="s">
        <v>43</v>
      </c>
      <c r="AC4637" s="5" t="s">
        <v>44</v>
      </c>
      <c r="AD4637" s="2"/>
      <c r="AE4637" s="1"/>
    </row>
    <row r="4638" spans="1:31" ht="14.45">
      <c r="A4638" s="11"/>
      <c r="B4638" s="20"/>
      <c r="C4638" s="2" t="s">
        <v>14368</v>
      </c>
      <c r="D4638" s="14" t="s">
        <v>14369</v>
      </c>
      <c r="E4638" s="2" t="s">
        <v>14370</v>
      </c>
      <c r="F4638" s="2" t="s">
        <v>7449</v>
      </c>
      <c r="G4638" s="8">
        <v>131</v>
      </c>
      <c r="H4638" s="5">
        <v>6</v>
      </c>
      <c r="I4638" s="5" t="s">
        <v>1518</v>
      </c>
      <c r="J4638" s="5" t="s">
        <v>1519</v>
      </c>
      <c r="K4638" s="2" t="s">
        <v>1520</v>
      </c>
      <c r="L4638" s="5" t="s">
        <v>1519</v>
      </c>
      <c r="M4638" s="2" t="s">
        <v>1520</v>
      </c>
      <c r="N4638" s="5" t="s">
        <v>1521</v>
      </c>
      <c r="O4638" s="5" t="s">
        <v>38</v>
      </c>
      <c r="P4638" s="5" t="s">
        <v>39</v>
      </c>
      <c r="Q4638" s="5" t="s">
        <v>40</v>
      </c>
      <c r="R4638" s="5" t="s">
        <v>1522</v>
      </c>
      <c r="S4638" s="5" t="s">
        <v>1523</v>
      </c>
      <c r="T4638" s="5" t="s">
        <v>42</v>
      </c>
      <c r="U4638" s="2">
        <v>1.669</v>
      </c>
      <c r="V4638" s="2">
        <v>1.3160000000000001</v>
      </c>
      <c r="W4638" s="2">
        <v>0.01</v>
      </c>
      <c r="X4638" s="2">
        <v>118.9</v>
      </c>
      <c r="Y4638" s="2">
        <v>7.6</v>
      </c>
      <c r="Z4638" s="2">
        <v>10.6</v>
      </c>
      <c r="AA4638" s="5"/>
      <c r="AB4638" s="5" t="s">
        <v>43</v>
      </c>
      <c r="AC4638" s="5" t="s">
        <v>44</v>
      </c>
      <c r="AD4638" s="2"/>
      <c r="AE4638" s="1"/>
    </row>
    <row r="4639" spans="1:31" ht="14.45">
      <c r="A4639" s="11"/>
      <c r="B4639" s="20"/>
      <c r="C4639" s="2" t="s">
        <v>14371</v>
      </c>
      <c r="D4639" s="14" t="s">
        <v>14372</v>
      </c>
      <c r="E4639" s="2" t="s">
        <v>14373</v>
      </c>
      <c r="F4639" s="2" t="s">
        <v>7585</v>
      </c>
      <c r="G4639" s="8">
        <v>131</v>
      </c>
      <c r="H4639" s="5">
        <v>6</v>
      </c>
      <c r="I4639" s="5" t="s">
        <v>1518</v>
      </c>
      <c r="J4639" s="5" t="s">
        <v>1519</v>
      </c>
      <c r="K4639" s="2" t="s">
        <v>1520</v>
      </c>
      <c r="L4639" s="5" t="s">
        <v>1519</v>
      </c>
      <c r="M4639" s="2" t="s">
        <v>1520</v>
      </c>
      <c r="N4639" s="5" t="s">
        <v>1521</v>
      </c>
      <c r="O4639" s="5" t="s">
        <v>38</v>
      </c>
      <c r="P4639" s="5" t="s">
        <v>39</v>
      </c>
      <c r="Q4639" s="5" t="s">
        <v>40</v>
      </c>
      <c r="R4639" s="5" t="s">
        <v>1522</v>
      </c>
      <c r="S4639" s="5" t="s">
        <v>1523</v>
      </c>
      <c r="T4639" s="5" t="s">
        <v>42</v>
      </c>
      <c r="U4639" s="2">
        <v>1.649</v>
      </c>
      <c r="V4639" s="2">
        <v>1.296</v>
      </c>
      <c r="W4639" s="2">
        <v>0.01</v>
      </c>
      <c r="X4639" s="2">
        <v>118.9</v>
      </c>
      <c r="Y4639" s="2">
        <v>7.6</v>
      </c>
      <c r="Z4639" s="2">
        <v>10.6</v>
      </c>
      <c r="AA4639" s="5"/>
      <c r="AB4639" s="5" t="s">
        <v>43</v>
      </c>
      <c r="AC4639" s="5" t="s">
        <v>44</v>
      </c>
      <c r="AD4639" s="2"/>
      <c r="AE4639" s="1"/>
    </row>
    <row r="4640" spans="1:31" ht="14.45">
      <c r="A4640" s="11"/>
      <c r="B4640" s="20"/>
      <c r="C4640" s="2" t="s">
        <v>14374</v>
      </c>
      <c r="D4640" s="14" t="s">
        <v>14375</v>
      </c>
      <c r="E4640" s="2" t="s">
        <v>14376</v>
      </c>
      <c r="F4640" s="2" t="s">
        <v>7593</v>
      </c>
      <c r="G4640" s="8">
        <v>131</v>
      </c>
      <c r="H4640" s="5">
        <v>6</v>
      </c>
      <c r="I4640" s="5" t="s">
        <v>1518</v>
      </c>
      <c r="J4640" s="5" t="s">
        <v>1519</v>
      </c>
      <c r="K4640" s="2" t="s">
        <v>1520</v>
      </c>
      <c r="L4640" s="5" t="s">
        <v>1519</v>
      </c>
      <c r="M4640" s="2" t="s">
        <v>1520</v>
      </c>
      <c r="N4640" s="5" t="s">
        <v>1521</v>
      </c>
      <c r="O4640" s="5" t="s">
        <v>38</v>
      </c>
      <c r="P4640" s="5" t="s">
        <v>39</v>
      </c>
      <c r="Q4640" s="5" t="s">
        <v>40</v>
      </c>
      <c r="R4640" s="5" t="s">
        <v>1522</v>
      </c>
      <c r="S4640" s="5" t="s">
        <v>1523</v>
      </c>
      <c r="T4640" s="5" t="s">
        <v>42</v>
      </c>
      <c r="U4640" s="2">
        <v>1.669</v>
      </c>
      <c r="V4640" s="2">
        <v>1.3160000000000001</v>
      </c>
      <c r="W4640" s="2">
        <v>0.01</v>
      </c>
      <c r="X4640" s="2">
        <v>118.9</v>
      </c>
      <c r="Y4640" s="2">
        <v>7.6</v>
      </c>
      <c r="Z4640" s="2">
        <v>10.6</v>
      </c>
      <c r="AA4640" s="5"/>
      <c r="AB4640" s="5" t="s">
        <v>43</v>
      </c>
      <c r="AC4640" s="5" t="s">
        <v>44</v>
      </c>
      <c r="AD4640" s="2"/>
      <c r="AE4640" s="1"/>
    </row>
    <row r="4641" spans="1:31" ht="14.45">
      <c r="A4641" s="11"/>
      <c r="B4641" s="20"/>
      <c r="C4641" s="2" t="s">
        <v>14377</v>
      </c>
      <c r="D4641" s="14" t="s">
        <v>14378</v>
      </c>
      <c r="E4641" s="2" t="s">
        <v>14379</v>
      </c>
      <c r="F4641" s="2" t="s">
        <v>7410</v>
      </c>
      <c r="G4641" s="8">
        <v>131</v>
      </c>
      <c r="H4641" s="5">
        <v>6</v>
      </c>
      <c r="I4641" s="5" t="s">
        <v>1518</v>
      </c>
      <c r="J4641" s="5" t="s">
        <v>1519</v>
      </c>
      <c r="K4641" s="2" t="s">
        <v>1520</v>
      </c>
      <c r="L4641" s="5" t="s">
        <v>1519</v>
      </c>
      <c r="M4641" s="2" t="s">
        <v>1520</v>
      </c>
      <c r="N4641" s="5" t="s">
        <v>1521</v>
      </c>
      <c r="O4641" s="5" t="s">
        <v>38</v>
      </c>
      <c r="P4641" s="5" t="s">
        <v>39</v>
      </c>
      <c r="Q4641" s="5" t="s">
        <v>40</v>
      </c>
      <c r="R4641" s="5" t="s">
        <v>1522</v>
      </c>
      <c r="S4641" s="5" t="s">
        <v>1523</v>
      </c>
      <c r="T4641" s="5" t="s">
        <v>42</v>
      </c>
      <c r="U4641" s="2">
        <v>1.669</v>
      </c>
      <c r="V4641" s="2">
        <v>1.3160000000000001</v>
      </c>
      <c r="W4641" s="2">
        <v>0.01</v>
      </c>
      <c r="X4641" s="2">
        <v>118.9</v>
      </c>
      <c r="Y4641" s="2">
        <v>7.6</v>
      </c>
      <c r="Z4641" s="2">
        <v>10.6</v>
      </c>
      <c r="AA4641" s="5"/>
      <c r="AB4641" s="5" t="s">
        <v>43</v>
      </c>
      <c r="AC4641" s="5" t="s">
        <v>44</v>
      </c>
      <c r="AD4641" s="2"/>
      <c r="AE4641" s="1"/>
    </row>
    <row r="4642" spans="1:31" ht="14.45">
      <c r="A4642" s="11"/>
      <c r="B4642" s="20"/>
      <c r="C4642" s="2" t="s">
        <v>14380</v>
      </c>
      <c r="D4642" s="14" t="s">
        <v>14381</v>
      </c>
      <c r="E4642" s="2" t="s">
        <v>14382</v>
      </c>
      <c r="F4642" s="2" t="s">
        <v>7433</v>
      </c>
      <c r="G4642" s="8">
        <v>131</v>
      </c>
      <c r="H4642" s="5">
        <v>6</v>
      </c>
      <c r="I4642" s="5" t="s">
        <v>1518</v>
      </c>
      <c r="J4642" s="5" t="s">
        <v>1519</v>
      </c>
      <c r="K4642" s="2" t="s">
        <v>1520</v>
      </c>
      <c r="L4642" s="5" t="s">
        <v>1519</v>
      </c>
      <c r="M4642" s="2" t="s">
        <v>1520</v>
      </c>
      <c r="N4642" s="5" t="s">
        <v>1521</v>
      </c>
      <c r="O4642" s="5" t="s">
        <v>38</v>
      </c>
      <c r="P4642" s="5" t="s">
        <v>39</v>
      </c>
      <c r="Q4642" s="5" t="s">
        <v>40</v>
      </c>
      <c r="R4642" s="5" t="s">
        <v>1522</v>
      </c>
      <c r="S4642" s="5" t="s">
        <v>1523</v>
      </c>
      <c r="T4642" s="5" t="s">
        <v>42</v>
      </c>
      <c r="U4642" s="2">
        <v>1.669</v>
      </c>
      <c r="V4642" s="2">
        <v>1.3160000000000001</v>
      </c>
      <c r="W4642" s="2">
        <v>0.01</v>
      </c>
      <c r="X4642" s="2">
        <v>118.9</v>
      </c>
      <c r="Y4642" s="2">
        <v>7.6</v>
      </c>
      <c r="Z4642" s="2">
        <v>10.6</v>
      </c>
      <c r="AA4642" s="5"/>
      <c r="AB4642" s="5" t="s">
        <v>43</v>
      </c>
      <c r="AC4642" s="5" t="s">
        <v>44</v>
      </c>
      <c r="AD4642" s="2"/>
      <c r="AE4642" s="1"/>
    </row>
    <row r="4643" spans="1:31" ht="14.45">
      <c r="A4643" s="11"/>
      <c r="B4643" s="20"/>
      <c r="C4643" s="2" t="s">
        <v>14383</v>
      </c>
      <c r="D4643" s="14" t="s">
        <v>14384</v>
      </c>
      <c r="E4643" s="2" t="s">
        <v>14385</v>
      </c>
      <c r="F4643" s="2" t="s">
        <v>7615</v>
      </c>
      <c r="G4643" s="8">
        <v>131</v>
      </c>
      <c r="H4643" s="5">
        <v>6</v>
      </c>
      <c r="I4643" s="5" t="s">
        <v>1518</v>
      </c>
      <c r="J4643" s="5" t="s">
        <v>1519</v>
      </c>
      <c r="K4643" s="2" t="s">
        <v>1520</v>
      </c>
      <c r="L4643" s="5" t="s">
        <v>1519</v>
      </c>
      <c r="M4643" s="2" t="s">
        <v>1520</v>
      </c>
      <c r="N4643" s="5" t="s">
        <v>1521</v>
      </c>
      <c r="O4643" s="5" t="s">
        <v>38</v>
      </c>
      <c r="P4643" s="5" t="s">
        <v>39</v>
      </c>
      <c r="Q4643" s="5" t="s">
        <v>40</v>
      </c>
      <c r="R4643" s="5" t="s">
        <v>1522</v>
      </c>
      <c r="S4643" s="5" t="s">
        <v>1523</v>
      </c>
      <c r="T4643" s="5" t="s">
        <v>42</v>
      </c>
      <c r="U4643" s="2">
        <v>1.649</v>
      </c>
      <c r="V4643" s="2">
        <v>1.296</v>
      </c>
      <c r="W4643" s="2">
        <v>0.01</v>
      </c>
      <c r="X4643" s="2">
        <v>118.9</v>
      </c>
      <c r="Y4643" s="2">
        <v>7.6</v>
      </c>
      <c r="Z4643" s="2">
        <v>10.6</v>
      </c>
      <c r="AA4643" s="5"/>
      <c r="AB4643" s="5" t="s">
        <v>43</v>
      </c>
      <c r="AC4643" s="5" t="s">
        <v>44</v>
      </c>
      <c r="AD4643" s="2"/>
      <c r="AE4643" s="1"/>
    </row>
    <row r="4644" spans="1:31" ht="14.45">
      <c r="A4644" s="11"/>
      <c r="B4644" s="20"/>
      <c r="C4644" s="2" t="s">
        <v>14386</v>
      </c>
      <c r="D4644" s="14" t="s">
        <v>14387</v>
      </c>
      <c r="E4644" s="2" t="s">
        <v>14388</v>
      </c>
      <c r="F4644" s="2" t="s">
        <v>7396</v>
      </c>
      <c r="G4644" s="8">
        <v>117</v>
      </c>
      <c r="H4644" s="5">
        <v>6</v>
      </c>
      <c r="I4644" s="5" t="s">
        <v>1518</v>
      </c>
      <c r="J4644" s="5" t="s">
        <v>1519</v>
      </c>
      <c r="K4644" s="2" t="s">
        <v>1520</v>
      </c>
      <c r="L4644" s="5" t="s">
        <v>1519</v>
      </c>
      <c r="M4644" s="2" t="s">
        <v>1520</v>
      </c>
      <c r="N4644" s="5" t="s">
        <v>1521</v>
      </c>
      <c r="O4644" s="5" t="s">
        <v>38</v>
      </c>
      <c r="P4644" s="5" t="s">
        <v>39</v>
      </c>
      <c r="Q4644" s="5" t="s">
        <v>40</v>
      </c>
      <c r="R4644" s="5" t="s">
        <v>1522</v>
      </c>
      <c r="S4644" s="5" t="s">
        <v>1523</v>
      </c>
      <c r="T4644" s="5" t="s">
        <v>42</v>
      </c>
      <c r="U4644" s="2">
        <v>1.819</v>
      </c>
      <c r="V4644" s="2">
        <v>1.413</v>
      </c>
      <c r="W4644" s="2">
        <v>1.0999999999999999E-2</v>
      </c>
      <c r="X4644" s="2">
        <v>139.1</v>
      </c>
      <c r="Y4644" s="2">
        <v>7.6</v>
      </c>
      <c r="Z4644" s="2">
        <v>10.6</v>
      </c>
      <c r="AA4644" s="5"/>
      <c r="AB4644" s="5" t="s">
        <v>43</v>
      </c>
      <c r="AC4644" s="5" t="s">
        <v>44</v>
      </c>
      <c r="AD4644" s="2"/>
      <c r="AE4644" s="1"/>
    </row>
    <row r="4645" spans="1:31" ht="14.45">
      <c r="A4645" s="11"/>
      <c r="B4645" s="20"/>
      <c r="C4645" s="2" t="s">
        <v>14389</v>
      </c>
      <c r="D4645" s="14" t="s">
        <v>14390</v>
      </c>
      <c r="E4645" s="2" t="s">
        <v>14391</v>
      </c>
      <c r="F4645" s="2" t="s">
        <v>7204</v>
      </c>
      <c r="G4645" s="8">
        <v>117</v>
      </c>
      <c r="H4645" s="5">
        <v>5</v>
      </c>
      <c r="I4645" s="5" t="s">
        <v>1518</v>
      </c>
      <c r="J4645" s="5" t="s">
        <v>1519</v>
      </c>
      <c r="K4645" s="2" t="s">
        <v>1520</v>
      </c>
      <c r="L4645" s="5" t="s">
        <v>1519</v>
      </c>
      <c r="M4645" s="2" t="s">
        <v>1520</v>
      </c>
      <c r="N4645" s="5" t="s">
        <v>1521</v>
      </c>
      <c r="O4645" s="5" t="s">
        <v>38</v>
      </c>
      <c r="P4645" s="5" t="s">
        <v>39</v>
      </c>
      <c r="Q4645" s="5" t="s">
        <v>40</v>
      </c>
      <c r="R4645" s="5" t="s">
        <v>1522</v>
      </c>
      <c r="S4645" s="5" t="s">
        <v>1523</v>
      </c>
      <c r="T4645" s="5" t="s">
        <v>42</v>
      </c>
      <c r="U4645" s="2">
        <v>1.827</v>
      </c>
      <c r="V4645" s="2">
        <v>1.421</v>
      </c>
      <c r="W4645" s="2">
        <v>1.0999999999999999E-2</v>
      </c>
      <c r="X4645" s="2">
        <v>139.1</v>
      </c>
      <c r="Y4645" s="2">
        <v>7.6</v>
      </c>
      <c r="Z4645" s="2">
        <v>10.6</v>
      </c>
      <c r="AA4645" s="5"/>
      <c r="AB4645" s="5" t="s">
        <v>43</v>
      </c>
      <c r="AC4645" s="5" t="s">
        <v>44</v>
      </c>
      <c r="AD4645" s="2"/>
      <c r="AE4645" s="1"/>
    </row>
    <row r="4646" spans="1:31" ht="14.45">
      <c r="A4646" s="11"/>
      <c r="B4646" s="20"/>
      <c r="C4646" s="2" t="s">
        <v>14392</v>
      </c>
      <c r="D4646" s="14" t="s">
        <v>14393</v>
      </c>
      <c r="E4646" s="2" t="s">
        <v>14394</v>
      </c>
      <c r="F4646" s="2" t="s">
        <v>7208</v>
      </c>
      <c r="G4646" s="8">
        <v>117</v>
      </c>
      <c r="H4646" s="5">
        <v>6</v>
      </c>
      <c r="I4646" s="5" t="s">
        <v>1518</v>
      </c>
      <c r="J4646" s="5" t="s">
        <v>1519</v>
      </c>
      <c r="K4646" s="2" t="s">
        <v>1520</v>
      </c>
      <c r="L4646" s="5" t="s">
        <v>1519</v>
      </c>
      <c r="M4646" s="2" t="s">
        <v>1520</v>
      </c>
      <c r="N4646" s="5" t="s">
        <v>1521</v>
      </c>
      <c r="O4646" s="5" t="s">
        <v>38</v>
      </c>
      <c r="P4646" s="5" t="s">
        <v>39</v>
      </c>
      <c r="Q4646" s="5" t="s">
        <v>40</v>
      </c>
      <c r="R4646" s="5" t="s">
        <v>1522</v>
      </c>
      <c r="S4646" s="5" t="s">
        <v>1523</v>
      </c>
      <c r="T4646" s="5" t="s">
        <v>42</v>
      </c>
      <c r="U4646" s="2">
        <v>1.827</v>
      </c>
      <c r="V4646" s="2">
        <v>1.421</v>
      </c>
      <c r="W4646" s="2">
        <v>1.0999999999999999E-2</v>
      </c>
      <c r="X4646" s="2">
        <v>139.1</v>
      </c>
      <c r="Y4646" s="2">
        <v>7.6</v>
      </c>
      <c r="Z4646" s="2">
        <v>10.6</v>
      </c>
      <c r="AA4646" s="5"/>
      <c r="AB4646" s="5" t="s">
        <v>43</v>
      </c>
      <c r="AC4646" s="5" t="s">
        <v>44</v>
      </c>
      <c r="AD4646" s="2"/>
      <c r="AE4646" s="1"/>
    </row>
    <row r="4647" spans="1:31" ht="14.45">
      <c r="A4647" s="11"/>
      <c r="B4647" s="20"/>
      <c r="C4647" s="2" t="s">
        <v>14395</v>
      </c>
      <c r="D4647" s="14" t="s">
        <v>14396</v>
      </c>
      <c r="E4647" s="2" t="s">
        <v>14397</v>
      </c>
      <c r="F4647" s="2" t="s">
        <v>7212</v>
      </c>
      <c r="G4647" s="8">
        <v>117</v>
      </c>
      <c r="H4647" s="5">
        <v>6</v>
      </c>
      <c r="I4647" s="5" t="s">
        <v>1518</v>
      </c>
      <c r="J4647" s="5" t="s">
        <v>1519</v>
      </c>
      <c r="K4647" s="2" t="s">
        <v>1520</v>
      </c>
      <c r="L4647" s="5" t="s">
        <v>1519</v>
      </c>
      <c r="M4647" s="2" t="s">
        <v>1520</v>
      </c>
      <c r="N4647" s="5" t="s">
        <v>1521</v>
      </c>
      <c r="O4647" s="5" t="s">
        <v>38</v>
      </c>
      <c r="P4647" s="5" t="s">
        <v>39</v>
      </c>
      <c r="Q4647" s="5" t="s">
        <v>40</v>
      </c>
      <c r="R4647" s="5" t="s">
        <v>1522</v>
      </c>
      <c r="S4647" s="5" t="s">
        <v>1523</v>
      </c>
      <c r="T4647" s="5" t="s">
        <v>42</v>
      </c>
      <c r="U4647" s="2">
        <v>1.8049999999999999</v>
      </c>
      <c r="V4647" s="2">
        <v>1.399</v>
      </c>
      <c r="W4647" s="2">
        <v>1.0999999999999999E-2</v>
      </c>
      <c r="X4647" s="2">
        <v>139.1</v>
      </c>
      <c r="Y4647" s="2">
        <v>7.6</v>
      </c>
      <c r="Z4647" s="2">
        <v>10.6</v>
      </c>
      <c r="AA4647" s="5"/>
      <c r="AB4647" s="5" t="s">
        <v>43</v>
      </c>
      <c r="AC4647" s="5" t="s">
        <v>44</v>
      </c>
      <c r="AD4647" s="2"/>
      <c r="AE4647" s="1"/>
    </row>
    <row r="4648" spans="1:31" ht="14.45">
      <c r="A4648" s="11"/>
      <c r="B4648" s="20"/>
      <c r="C4648" s="2" t="s">
        <v>14398</v>
      </c>
      <c r="D4648" s="14" t="s">
        <v>14399</v>
      </c>
      <c r="E4648" s="2" t="s">
        <v>14400</v>
      </c>
      <c r="F4648" s="2" t="s">
        <v>7406</v>
      </c>
      <c r="G4648" s="8">
        <v>135</v>
      </c>
      <c r="H4648" s="5">
        <v>6</v>
      </c>
      <c r="I4648" s="5" t="s">
        <v>1518</v>
      </c>
      <c r="J4648" s="5" t="s">
        <v>1519</v>
      </c>
      <c r="K4648" s="2" t="s">
        <v>1520</v>
      </c>
      <c r="L4648" s="5" t="s">
        <v>1519</v>
      </c>
      <c r="M4648" s="2" t="s">
        <v>1520</v>
      </c>
      <c r="N4648" s="5" t="s">
        <v>1521</v>
      </c>
      <c r="O4648" s="5" t="s">
        <v>38</v>
      </c>
      <c r="P4648" s="5" t="s">
        <v>39</v>
      </c>
      <c r="Q4648" s="5" t="s">
        <v>40</v>
      </c>
      <c r="R4648" s="5" t="s">
        <v>1522</v>
      </c>
      <c r="S4648" s="5" t="s">
        <v>1523</v>
      </c>
      <c r="T4648" s="5" t="s">
        <v>42</v>
      </c>
      <c r="U4648" s="2">
        <v>1.8140000000000001</v>
      </c>
      <c r="V4648" s="2">
        <v>1.4079999999999999</v>
      </c>
      <c r="W4648" s="2">
        <v>1.0999999999999999E-2</v>
      </c>
      <c r="X4648" s="2">
        <v>139.1</v>
      </c>
      <c r="Y4648" s="2">
        <v>7.6</v>
      </c>
      <c r="Z4648" s="2">
        <v>10.6</v>
      </c>
      <c r="AA4648" s="5"/>
      <c r="AB4648" s="5" t="s">
        <v>43</v>
      </c>
      <c r="AC4648" s="5" t="s">
        <v>44</v>
      </c>
      <c r="AD4648" s="2"/>
      <c r="AE4648" s="1"/>
    </row>
    <row r="4649" spans="1:31" ht="14.45">
      <c r="A4649" s="11"/>
      <c r="B4649" s="20"/>
      <c r="C4649" s="2" t="s">
        <v>14401</v>
      </c>
      <c r="D4649" s="14" t="s">
        <v>14402</v>
      </c>
      <c r="E4649" s="2" t="s">
        <v>14403</v>
      </c>
      <c r="F4649" s="2" t="s">
        <v>7539</v>
      </c>
      <c r="G4649" s="8">
        <v>135</v>
      </c>
      <c r="H4649" s="5">
        <v>6</v>
      </c>
      <c r="I4649" s="5" t="s">
        <v>1518</v>
      </c>
      <c r="J4649" s="5" t="s">
        <v>1519</v>
      </c>
      <c r="K4649" s="2" t="s">
        <v>1520</v>
      </c>
      <c r="L4649" s="5" t="s">
        <v>1519</v>
      </c>
      <c r="M4649" s="2" t="s">
        <v>1520</v>
      </c>
      <c r="N4649" s="5" t="s">
        <v>1521</v>
      </c>
      <c r="O4649" s="5" t="s">
        <v>38</v>
      </c>
      <c r="P4649" s="5" t="s">
        <v>39</v>
      </c>
      <c r="Q4649" s="5" t="s">
        <v>40</v>
      </c>
      <c r="R4649" s="5" t="s">
        <v>1522</v>
      </c>
      <c r="S4649" s="5" t="s">
        <v>1523</v>
      </c>
      <c r="T4649" s="5" t="s">
        <v>42</v>
      </c>
      <c r="U4649" s="2">
        <v>1.837</v>
      </c>
      <c r="V4649" s="2">
        <v>1.431</v>
      </c>
      <c r="W4649" s="2">
        <v>1.0999999999999999E-2</v>
      </c>
      <c r="X4649" s="2">
        <v>139.1</v>
      </c>
      <c r="Y4649" s="2">
        <v>7.6</v>
      </c>
      <c r="Z4649" s="2">
        <v>10.6</v>
      </c>
      <c r="AA4649" s="5"/>
      <c r="AB4649" s="5" t="s">
        <v>43</v>
      </c>
      <c r="AC4649" s="5" t="s">
        <v>44</v>
      </c>
      <c r="AD4649" s="2"/>
      <c r="AE4649" s="1"/>
    </row>
    <row r="4650" spans="1:31" ht="14.45">
      <c r="A4650" s="11"/>
      <c r="B4650" s="20"/>
      <c r="C4650" s="2" t="s">
        <v>14404</v>
      </c>
      <c r="D4650" s="14" t="s">
        <v>14405</v>
      </c>
      <c r="E4650" s="2" t="s">
        <v>14406</v>
      </c>
      <c r="F4650" s="2" t="s">
        <v>7547</v>
      </c>
      <c r="G4650" s="8">
        <v>135</v>
      </c>
      <c r="H4650" s="5">
        <v>6</v>
      </c>
      <c r="I4650" s="5" t="s">
        <v>1518</v>
      </c>
      <c r="J4650" s="5" t="s">
        <v>1519</v>
      </c>
      <c r="K4650" s="2" t="s">
        <v>1520</v>
      </c>
      <c r="L4650" s="5" t="s">
        <v>1519</v>
      </c>
      <c r="M4650" s="2" t="s">
        <v>1520</v>
      </c>
      <c r="N4650" s="5" t="s">
        <v>1521</v>
      </c>
      <c r="O4650" s="5" t="s">
        <v>38</v>
      </c>
      <c r="P4650" s="5" t="s">
        <v>39</v>
      </c>
      <c r="Q4650" s="5" t="s">
        <v>40</v>
      </c>
      <c r="R4650" s="5" t="s">
        <v>1522</v>
      </c>
      <c r="S4650" s="5" t="s">
        <v>1523</v>
      </c>
      <c r="T4650" s="5" t="s">
        <v>42</v>
      </c>
      <c r="U4650" s="2">
        <v>1.8140000000000001</v>
      </c>
      <c r="V4650" s="2">
        <v>1.4079999999999999</v>
      </c>
      <c r="W4650" s="2">
        <v>1.0999999999999999E-2</v>
      </c>
      <c r="X4650" s="2">
        <v>139.1</v>
      </c>
      <c r="Y4650" s="2">
        <v>7.6</v>
      </c>
      <c r="Z4650" s="2">
        <v>10.6</v>
      </c>
      <c r="AA4650" s="5"/>
      <c r="AB4650" s="5" t="s">
        <v>43</v>
      </c>
      <c r="AC4650" s="5" t="s">
        <v>44</v>
      </c>
      <c r="AD4650" s="2"/>
      <c r="AE4650" s="1"/>
    </row>
    <row r="4651" spans="1:31" ht="14.45">
      <c r="A4651" s="11"/>
      <c r="B4651" s="20"/>
      <c r="C4651" s="2" t="s">
        <v>14407</v>
      </c>
      <c r="D4651" s="14" t="s">
        <v>14408</v>
      </c>
      <c r="E4651" s="2" t="s">
        <v>14409</v>
      </c>
      <c r="F4651" s="2" t="s">
        <v>7555</v>
      </c>
      <c r="G4651" s="8">
        <v>135</v>
      </c>
      <c r="H4651" s="5">
        <v>6</v>
      </c>
      <c r="I4651" s="5" t="s">
        <v>1518</v>
      </c>
      <c r="J4651" s="5" t="s">
        <v>1519</v>
      </c>
      <c r="K4651" s="2" t="s">
        <v>1520</v>
      </c>
      <c r="L4651" s="5" t="s">
        <v>1519</v>
      </c>
      <c r="M4651" s="2" t="s">
        <v>1520</v>
      </c>
      <c r="N4651" s="5" t="s">
        <v>1521</v>
      </c>
      <c r="O4651" s="5" t="s">
        <v>38</v>
      </c>
      <c r="P4651" s="5" t="s">
        <v>39</v>
      </c>
      <c r="Q4651" s="5" t="s">
        <v>40</v>
      </c>
      <c r="R4651" s="5" t="s">
        <v>1522</v>
      </c>
      <c r="S4651" s="5" t="s">
        <v>1523</v>
      </c>
      <c r="T4651" s="5" t="s">
        <v>42</v>
      </c>
      <c r="U4651" s="2">
        <v>1.8140000000000001</v>
      </c>
      <c r="V4651" s="2">
        <v>1.4079999999999999</v>
      </c>
      <c r="W4651" s="2">
        <v>1.0999999999999999E-2</v>
      </c>
      <c r="X4651" s="2">
        <v>139.1</v>
      </c>
      <c r="Y4651" s="2">
        <v>7.6</v>
      </c>
      <c r="Z4651" s="2">
        <v>10.6</v>
      </c>
      <c r="AA4651" s="5"/>
      <c r="AB4651" s="5" t="s">
        <v>43</v>
      </c>
      <c r="AC4651" s="5" t="s">
        <v>44</v>
      </c>
      <c r="AD4651" s="2"/>
      <c r="AE4651" s="1"/>
    </row>
    <row r="4652" spans="1:31" ht="14.45">
      <c r="A4652" s="11"/>
      <c r="B4652" s="20"/>
      <c r="C4652" s="2" t="s">
        <v>14410</v>
      </c>
      <c r="D4652" s="14" t="s">
        <v>14411</v>
      </c>
      <c r="E4652" s="2" t="s">
        <v>14412</v>
      </c>
      <c r="F4652" s="2" t="s">
        <v>7563</v>
      </c>
      <c r="G4652" s="8">
        <v>135</v>
      </c>
      <c r="H4652" s="5">
        <v>6</v>
      </c>
      <c r="I4652" s="5" t="s">
        <v>1518</v>
      </c>
      <c r="J4652" s="5" t="s">
        <v>1519</v>
      </c>
      <c r="K4652" s="2" t="s">
        <v>1520</v>
      </c>
      <c r="L4652" s="5" t="s">
        <v>1519</v>
      </c>
      <c r="M4652" s="2" t="s">
        <v>1520</v>
      </c>
      <c r="N4652" s="5" t="s">
        <v>1521</v>
      </c>
      <c r="O4652" s="5" t="s">
        <v>38</v>
      </c>
      <c r="P4652" s="5" t="s">
        <v>39</v>
      </c>
      <c r="Q4652" s="5" t="s">
        <v>40</v>
      </c>
      <c r="R4652" s="5" t="s">
        <v>1522</v>
      </c>
      <c r="S4652" s="5" t="s">
        <v>1523</v>
      </c>
      <c r="T4652" s="5" t="s">
        <v>42</v>
      </c>
      <c r="U4652" s="2">
        <v>1.837</v>
      </c>
      <c r="V4652" s="2">
        <v>1.431</v>
      </c>
      <c r="W4652" s="2">
        <v>1.0999999999999999E-2</v>
      </c>
      <c r="X4652" s="2">
        <v>139.1</v>
      </c>
      <c r="Y4652" s="2">
        <v>7.6</v>
      </c>
      <c r="Z4652" s="2">
        <v>10.6</v>
      </c>
      <c r="AA4652" s="5"/>
      <c r="AB4652" s="5" t="s">
        <v>43</v>
      </c>
      <c r="AC4652" s="5" t="s">
        <v>44</v>
      </c>
      <c r="AD4652" s="2"/>
      <c r="AE4652" s="1"/>
    </row>
    <row r="4653" spans="1:31" ht="14.45">
      <c r="A4653" s="11"/>
      <c r="B4653" s="20"/>
      <c r="C4653" s="2" t="s">
        <v>14413</v>
      </c>
      <c r="D4653" s="14" t="s">
        <v>14414</v>
      </c>
      <c r="E4653" s="2" t="s">
        <v>14415</v>
      </c>
      <c r="F4653" s="2" t="s">
        <v>7429</v>
      </c>
      <c r="G4653" s="8">
        <v>135</v>
      </c>
      <c r="H4653" s="5">
        <v>6</v>
      </c>
      <c r="I4653" s="5" t="s">
        <v>1518</v>
      </c>
      <c r="J4653" s="5" t="s">
        <v>1519</v>
      </c>
      <c r="K4653" s="2" t="s">
        <v>1520</v>
      </c>
      <c r="L4653" s="5" t="s">
        <v>1519</v>
      </c>
      <c r="M4653" s="2" t="s">
        <v>1520</v>
      </c>
      <c r="N4653" s="5" t="s">
        <v>1521</v>
      </c>
      <c r="O4653" s="5" t="s">
        <v>38</v>
      </c>
      <c r="P4653" s="5" t="s">
        <v>39</v>
      </c>
      <c r="Q4653" s="5" t="s">
        <v>40</v>
      </c>
      <c r="R4653" s="5" t="s">
        <v>1522</v>
      </c>
      <c r="S4653" s="5" t="s">
        <v>1523</v>
      </c>
      <c r="T4653" s="5" t="s">
        <v>42</v>
      </c>
      <c r="U4653" s="2">
        <v>1.837</v>
      </c>
      <c r="V4653" s="2">
        <v>1.431</v>
      </c>
      <c r="W4653" s="2">
        <v>1.0999999999999999E-2</v>
      </c>
      <c r="X4653" s="2">
        <v>139.1</v>
      </c>
      <c r="Y4653" s="2">
        <v>7.6</v>
      </c>
      <c r="Z4653" s="2">
        <v>10.6</v>
      </c>
      <c r="AA4653" s="5"/>
      <c r="AB4653" s="5" t="s">
        <v>43</v>
      </c>
      <c r="AC4653" s="5" t="s">
        <v>44</v>
      </c>
      <c r="AD4653" s="2"/>
      <c r="AE4653" s="1"/>
    </row>
    <row r="4654" spans="1:31" ht="14.45">
      <c r="A4654" s="11"/>
      <c r="B4654" s="20"/>
      <c r="C4654" s="2" t="s">
        <v>14416</v>
      </c>
      <c r="D4654" s="14" t="s">
        <v>14417</v>
      </c>
      <c r="E4654" s="2" t="s">
        <v>14418</v>
      </c>
      <c r="F4654" s="2" t="s">
        <v>7449</v>
      </c>
      <c r="G4654" s="8">
        <v>135</v>
      </c>
      <c r="H4654" s="5">
        <v>6</v>
      </c>
      <c r="I4654" s="5" t="s">
        <v>1518</v>
      </c>
      <c r="J4654" s="5" t="s">
        <v>1519</v>
      </c>
      <c r="K4654" s="2" t="s">
        <v>1520</v>
      </c>
      <c r="L4654" s="5" t="s">
        <v>1519</v>
      </c>
      <c r="M4654" s="2" t="s">
        <v>1520</v>
      </c>
      <c r="N4654" s="5" t="s">
        <v>1521</v>
      </c>
      <c r="O4654" s="5" t="s">
        <v>38</v>
      </c>
      <c r="P4654" s="5" t="s">
        <v>39</v>
      </c>
      <c r="Q4654" s="5" t="s">
        <v>40</v>
      </c>
      <c r="R4654" s="5" t="s">
        <v>1522</v>
      </c>
      <c r="S4654" s="5" t="s">
        <v>1523</v>
      </c>
      <c r="T4654" s="5" t="s">
        <v>42</v>
      </c>
      <c r="U4654" s="2">
        <v>1.837</v>
      </c>
      <c r="V4654" s="2">
        <v>1.431</v>
      </c>
      <c r="W4654" s="2">
        <v>1.0999999999999999E-2</v>
      </c>
      <c r="X4654" s="2">
        <v>139.1</v>
      </c>
      <c r="Y4654" s="2">
        <v>7.6</v>
      </c>
      <c r="Z4654" s="2">
        <v>10.6</v>
      </c>
      <c r="AA4654" s="5"/>
      <c r="AB4654" s="5" t="s">
        <v>43</v>
      </c>
      <c r="AC4654" s="5" t="s">
        <v>44</v>
      </c>
      <c r="AD4654" s="2"/>
      <c r="AE4654" s="1"/>
    </row>
    <row r="4655" spans="1:31" ht="14.45">
      <c r="A4655" s="11"/>
      <c r="B4655" s="20"/>
      <c r="C4655" s="2" t="s">
        <v>14419</v>
      </c>
      <c r="D4655" s="14" t="s">
        <v>14420</v>
      </c>
      <c r="E4655" s="2" t="s">
        <v>14421</v>
      </c>
      <c r="F4655" s="2" t="s">
        <v>7585</v>
      </c>
      <c r="G4655" s="8">
        <v>135</v>
      </c>
      <c r="H4655" s="5">
        <v>6</v>
      </c>
      <c r="I4655" s="5" t="s">
        <v>1518</v>
      </c>
      <c r="J4655" s="5" t="s">
        <v>1519</v>
      </c>
      <c r="K4655" s="2" t="s">
        <v>1520</v>
      </c>
      <c r="L4655" s="5" t="s">
        <v>1519</v>
      </c>
      <c r="M4655" s="2" t="s">
        <v>1520</v>
      </c>
      <c r="N4655" s="5" t="s">
        <v>1521</v>
      </c>
      <c r="O4655" s="5" t="s">
        <v>38</v>
      </c>
      <c r="P4655" s="5" t="s">
        <v>39</v>
      </c>
      <c r="Q4655" s="5" t="s">
        <v>40</v>
      </c>
      <c r="R4655" s="5" t="s">
        <v>1522</v>
      </c>
      <c r="S4655" s="5" t="s">
        <v>1523</v>
      </c>
      <c r="T4655" s="5" t="s">
        <v>42</v>
      </c>
      <c r="U4655" s="2">
        <v>1.8140000000000001</v>
      </c>
      <c r="V4655" s="2">
        <v>1.4079999999999999</v>
      </c>
      <c r="W4655" s="2">
        <v>1.0999999999999999E-2</v>
      </c>
      <c r="X4655" s="2">
        <v>139.1</v>
      </c>
      <c r="Y4655" s="2">
        <v>7.6</v>
      </c>
      <c r="Z4655" s="2">
        <v>10.6</v>
      </c>
      <c r="AA4655" s="5"/>
      <c r="AB4655" s="5" t="s">
        <v>43</v>
      </c>
      <c r="AC4655" s="5" t="s">
        <v>44</v>
      </c>
      <c r="AD4655" s="2"/>
      <c r="AE4655" s="1"/>
    </row>
    <row r="4656" spans="1:31" ht="14.45">
      <c r="A4656" s="11"/>
      <c r="B4656" s="20"/>
      <c r="C4656" s="2" t="s">
        <v>14422</v>
      </c>
      <c r="D4656" s="14" t="s">
        <v>14423</v>
      </c>
      <c r="E4656" s="2" t="s">
        <v>14424</v>
      </c>
      <c r="F4656" s="2" t="s">
        <v>7593</v>
      </c>
      <c r="G4656" s="8">
        <v>135</v>
      </c>
      <c r="H4656" s="5">
        <v>6</v>
      </c>
      <c r="I4656" s="5" t="s">
        <v>1518</v>
      </c>
      <c r="J4656" s="5" t="s">
        <v>1519</v>
      </c>
      <c r="K4656" s="2" t="s">
        <v>1520</v>
      </c>
      <c r="L4656" s="5" t="s">
        <v>1519</v>
      </c>
      <c r="M4656" s="2" t="s">
        <v>1520</v>
      </c>
      <c r="N4656" s="5" t="s">
        <v>1521</v>
      </c>
      <c r="O4656" s="5" t="s">
        <v>38</v>
      </c>
      <c r="P4656" s="5" t="s">
        <v>39</v>
      </c>
      <c r="Q4656" s="5" t="s">
        <v>40</v>
      </c>
      <c r="R4656" s="5" t="s">
        <v>1522</v>
      </c>
      <c r="S4656" s="5" t="s">
        <v>1523</v>
      </c>
      <c r="T4656" s="5" t="s">
        <v>42</v>
      </c>
      <c r="U4656" s="2">
        <v>1.837</v>
      </c>
      <c r="V4656" s="2">
        <v>1.431</v>
      </c>
      <c r="W4656" s="2">
        <v>1.0999999999999999E-2</v>
      </c>
      <c r="X4656" s="2">
        <v>139.1</v>
      </c>
      <c r="Y4656" s="2">
        <v>7.6</v>
      </c>
      <c r="Z4656" s="2">
        <v>10.6</v>
      </c>
      <c r="AA4656" s="5"/>
      <c r="AB4656" s="5" t="s">
        <v>43</v>
      </c>
      <c r="AC4656" s="5" t="s">
        <v>44</v>
      </c>
      <c r="AD4656" s="2"/>
      <c r="AE4656" s="1"/>
    </row>
    <row r="4657" spans="1:31" ht="14.45">
      <c r="A4657" s="11"/>
      <c r="B4657" s="20"/>
      <c r="C4657" s="2" t="s">
        <v>14425</v>
      </c>
      <c r="D4657" s="14" t="s">
        <v>14426</v>
      </c>
      <c r="E4657" s="2" t="s">
        <v>14427</v>
      </c>
      <c r="F4657" s="2" t="s">
        <v>7410</v>
      </c>
      <c r="G4657" s="8">
        <v>135</v>
      </c>
      <c r="H4657" s="5">
        <v>6</v>
      </c>
      <c r="I4657" s="5" t="s">
        <v>1518</v>
      </c>
      <c r="J4657" s="5" t="s">
        <v>1519</v>
      </c>
      <c r="K4657" s="2" t="s">
        <v>1520</v>
      </c>
      <c r="L4657" s="5" t="s">
        <v>1519</v>
      </c>
      <c r="M4657" s="2" t="s">
        <v>1520</v>
      </c>
      <c r="N4657" s="5" t="s">
        <v>1521</v>
      </c>
      <c r="O4657" s="5" t="s">
        <v>38</v>
      </c>
      <c r="P4657" s="5" t="s">
        <v>39</v>
      </c>
      <c r="Q4657" s="5" t="s">
        <v>40</v>
      </c>
      <c r="R4657" s="5" t="s">
        <v>1522</v>
      </c>
      <c r="S4657" s="5" t="s">
        <v>1523</v>
      </c>
      <c r="T4657" s="5" t="s">
        <v>42</v>
      </c>
      <c r="U4657" s="2">
        <v>1.837</v>
      </c>
      <c r="V4657" s="2">
        <v>1.431</v>
      </c>
      <c r="W4657" s="2">
        <v>1.0999999999999999E-2</v>
      </c>
      <c r="X4657" s="2">
        <v>139.1</v>
      </c>
      <c r="Y4657" s="2">
        <v>7.6</v>
      </c>
      <c r="Z4657" s="2">
        <v>10.6</v>
      </c>
      <c r="AA4657" s="5"/>
      <c r="AB4657" s="5" t="s">
        <v>43</v>
      </c>
      <c r="AC4657" s="5" t="s">
        <v>44</v>
      </c>
      <c r="AD4657" s="2"/>
      <c r="AE4657" s="1"/>
    </row>
    <row r="4658" spans="1:31" ht="14.45">
      <c r="A4658" s="11"/>
      <c r="B4658" s="20"/>
      <c r="C4658" s="2" t="s">
        <v>14428</v>
      </c>
      <c r="D4658" s="14" t="s">
        <v>14429</v>
      </c>
      <c r="E4658" s="2" t="s">
        <v>14430</v>
      </c>
      <c r="F4658" s="2" t="s">
        <v>7433</v>
      </c>
      <c r="G4658" s="8">
        <v>135</v>
      </c>
      <c r="H4658" s="5">
        <v>6</v>
      </c>
      <c r="I4658" s="5" t="s">
        <v>1518</v>
      </c>
      <c r="J4658" s="5" t="s">
        <v>1519</v>
      </c>
      <c r="K4658" s="2" t="s">
        <v>1520</v>
      </c>
      <c r="L4658" s="5" t="s">
        <v>1519</v>
      </c>
      <c r="M4658" s="2" t="s">
        <v>1520</v>
      </c>
      <c r="N4658" s="5" t="s">
        <v>1521</v>
      </c>
      <c r="O4658" s="5" t="s">
        <v>38</v>
      </c>
      <c r="P4658" s="5" t="s">
        <v>39</v>
      </c>
      <c r="Q4658" s="5" t="s">
        <v>40</v>
      </c>
      <c r="R4658" s="5" t="s">
        <v>1522</v>
      </c>
      <c r="S4658" s="5" t="s">
        <v>1523</v>
      </c>
      <c r="T4658" s="5" t="s">
        <v>42</v>
      </c>
      <c r="U4658" s="2">
        <v>1.837</v>
      </c>
      <c r="V4658" s="2">
        <v>1.431</v>
      </c>
      <c r="W4658" s="2">
        <v>1.0999999999999999E-2</v>
      </c>
      <c r="X4658" s="2">
        <v>139.1</v>
      </c>
      <c r="Y4658" s="2">
        <v>7.6</v>
      </c>
      <c r="Z4658" s="2">
        <v>10.6</v>
      </c>
      <c r="AA4658" s="5"/>
      <c r="AB4658" s="5" t="s">
        <v>43</v>
      </c>
      <c r="AC4658" s="5" t="s">
        <v>44</v>
      </c>
      <c r="AD4658" s="2"/>
      <c r="AE4658" s="1"/>
    </row>
    <row r="4659" spans="1:31" ht="14.45">
      <c r="A4659" s="11"/>
      <c r="B4659" s="20"/>
      <c r="C4659" s="2" t="s">
        <v>14431</v>
      </c>
      <c r="D4659" s="14" t="s">
        <v>14432</v>
      </c>
      <c r="E4659" s="2" t="s">
        <v>14433</v>
      </c>
      <c r="F4659" s="2" t="s">
        <v>7615</v>
      </c>
      <c r="G4659" s="8">
        <v>135</v>
      </c>
      <c r="H4659" s="5">
        <v>6</v>
      </c>
      <c r="I4659" s="5" t="s">
        <v>1518</v>
      </c>
      <c r="J4659" s="5" t="s">
        <v>1519</v>
      </c>
      <c r="K4659" s="2" t="s">
        <v>1520</v>
      </c>
      <c r="L4659" s="5" t="s">
        <v>1519</v>
      </c>
      <c r="M4659" s="2" t="s">
        <v>1520</v>
      </c>
      <c r="N4659" s="5" t="s">
        <v>1521</v>
      </c>
      <c r="O4659" s="5" t="s">
        <v>38</v>
      </c>
      <c r="P4659" s="5" t="s">
        <v>39</v>
      </c>
      <c r="Q4659" s="5" t="s">
        <v>40</v>
      </c>
      <c r="R4659" s="5" t="s">
        <v>1522</v>
      </c>
      <c r="S4659" s="5" t="s">
        <v>1523</v>
      </c>
      <c r="T4659" s="5" t="s">
        <v>42</v>
      </c>
      <c r="U4659" s="2">
        <v>1.8140000000000001</v>
      </c>
      <c r="V4659" s="2">
        <v>1.4079999999999999</v>
      </c>
      <c r="W4659" s="2">
        <v>1.0999999999999999E-2</v>
      </c>
      <c r="X4659" s="2">
        <v>139.1</v>
      </c>
      <c r="Y4659" s="2">
        <v>7.6</v>
      </c>
      <c r="Z4659" s="2">
        <v>10.6</v>
      </c>
      <c r="AA4659" s="5"/>
      <c r="AB4659" s="5" t="s">
        <v>43</v>
      </c>
      <c r="AC4659" s="5" t="s">
        <v>44</v>
      </c>
      <c r="AD4659" s="2"/>
      <c r="AE4659" s="1"/>
    </row>
    <row r="4660" spans="1:31" ht="14.45">
      <c r="A4660" s="11"/>
      <c r="B4660" s="20"/>
      <c r="C4660" s="2" t="s">
        <v>14434</v>
      </c>
      <c r="D4660" s="14" t="s">
        <v>14435</v>
      </c>
      <c r="E4660" s="2" t="s">
        <v>14436</v>
      </c>
      <c r="F4660" s="2" t="s">
        <v>7396</v>
      </c>
      <c r="G4660" s="8">
        <v>122</v>
      </c>
      <c r="H4660" s="5">
        <v>6</v>
      </c>
      <c r="I4660" s="5" t="s">
        <v>1518</v>
      </c>
      <c r="J4660" s="5" t="s">
        <v>1519</v>
      </c>
      <c r="K4660" s="2" t="s">
        <v>1520</v>
      </c>
      <c r="L4660" s="5" t="s">
        <v>1519</v>
      </c>
      <c r="M4660" s="2" t="s">
        <v>1520</v>
      </c>
      <c r="N4660" s="5" t="s">
        <v>1521</v>
      </c>
      <c r="O4660" s="5" t="s">
        <v>38</v>
      </c>
      <c r="P4660" s="5" t="s">
        <v>39</v>
      </c>
      <c r="Q4660" s="5" t="s">
        <v>40</v>
      </c>
      <c r="R4660" s="5" t="s">
        <v>1522</v>
      </c>
      <c r="S4660" s="5" t="s">
        <v>1523</v>
      </c>
      <c r="T4660" s="5" t="s">
        <v>42</v>
      </c>
      <c r="U4660" s="2">
        <v>1.8879999999999999</v>
      </c>
      <c r="V4660" s="2">
        <v>1.548</v>
      </c>
      <c r="W4660" s="2">
        <v>0.01</v>
      </c>
      <c r="X4660" s="2">
        <v>118.9</v>
      </c>
      <c r="Y4660" s="2">
        <v>7.6</v>
      </c>
      <c r="Z4660" s="2">
        <v>10.6</v>
      </c>
      <c r="AA4660" s="5"/>
      <c r="AB4660" s="5" t="s">
        <v>43</v>
      </c>
      <c r="AC4660" s="5" t="s">
        <v>44</v>
      </c>
      <c r="AD4660" s="2"/>
      <c r="AE4660" s="1"/>
    </row>
    <row r="4661" spans="1:31" ht="14.45">
      <c r="A4661" s="11"/>
      <c r="B4661" s="20"/>
      <c r="C4661" s="2" t="s">
        <v>14437</v>
      </c>
      <c r="D4661" s="14" t="s">
        <v>14438</v>
      </c>
      <c r="E4661" s="2" t="s">
        <v>14439</v>
      </c>
      <c r="F4661" s="2" t="s">
        <v>7204</v>
      </c>
      <c r="G4661" s="8">
        <v>122</v>
      </c>
      <c r="H4661" s="5">
        <v>6</v>
      </c>
      <c r="I4661" s="5" t="s">
        <v>1518</v>
      </c>
      <c r="J4661" s="5" t="s">
        <v>1519</v>
      </c>
      <c r="K4661" s="2" t="s">
        <v>1520</v>
      </c>
      <c r="L4661" s="5" t="s">
        <v>1519</v>
      </c>
      <c r="M4661" s="2" t="s">
        <v>1520</v>
      </c>
      <c r="N4661" s="5" t="s">
        <v>1521</v>
      </c>
      <c r="O4661" s="5" t="s">
        <v>38</v>
      </c>
      <c r="P4661" s="5" t="s">
        <v>39</v>
      </c>
      <c r="Q4661" s="5" t="s">
        <v>40</v>
      </c>
      <c r="R4661" s="5" t="s">
        <v>1522</v>
      </c>
      <c r="S4661" s="5" t="s">
        <v>1523</v>
      </c>
      <c r="T4661" s="5" t="s">
        <v>42</v>
      </c>
      <c r="U4661" s="2">
        <v>1.895</v>
      </c>
      <c r="V4661" s="2">
        <v>1.5549999999999999</v>
      </c>
      <c r="W4661" s="2">
        <v>0.01</v>
      </c>
      <c r="X4661" s="2">
        <v>118.9</v>
      </c>
      <c r="Y4661" s="2">
        <v>7.6</v>
      </c>
      <c r="Z4661" s="2">
        <v>10.6</v>
      </c>
      <c r="AA4661" s="5"/>
      <c r="AB4661" s="5" t="s">
        <v>43</v>
      </c>
      <c r="AC4661" s="5" t="s">
        <v>44</v>
      </c>
      <c r="AD4661" s="2"/>
      <c r="AE4661" s="1"/>
    </row>
    <row r="4662" spans="1:31" ht="14.45">
      <c r="A4662" s="11"/>
      <c r="B4662" s="20"/>
      <c r="C4662" s="2" t="s">
        <v>14440</v>
      </c>
      <c r="D4662" s="14" t="s">
        <v>14441</v>
      </c>
      <c r="E4662" s="2" t="s">
        <v>14442</v>
      </c>
      <c r="F4662" s="2" t="s">
        <v>7208</v>
      </c>
      <c r="G4662" s="8">
        <v>122</v>
      </c>
      <c r="H4662" s="5">
        <v>6</v>
      </c>
      <c r="I4662" s="5" t="s">
        <v>1518</v>
      </c>
      <c r="J4662" s="5" t="s">
        <v>1519</v>
      </c>
      <c r="K4662" s="2" t="s">
        <v>1520</v>
      </c>
      <c r="L4662" s="5" t="s">
        <v>1519</v>
      </c>
      <c r="M4662" s="2" t="s">
        <v>1520</v>
      </c>
      <c r="N4662" s="5" t="s">
        <v>1521</v>
      </c>
      <c r="O4662" s="5" t="s">
        <v>38</v>
      </c>
      <c r="P4662" s="5" t="s">
        <v>39</v>
      </c>
      <c r="Q4662" s="5" t="s">
        <v>40</v>
      </c>
      <c r="R4662" s="5" t="s">
        <v>1522</v>
      </c>
      <c r="S4662" s="5" t="s">
        <v>1523</v>
      </c>
      <c r="T4662" s="5" t="s">
        <v>42</v>
      </c>
      <c r="U4662" s="2">
        <v>1.895</v>
      </c>
      <c r="V4662" s="2">
        <v>1.5549999999999999</v>
      </c>
      <c r="W4662" s="2">
        <v>0.01</v>
      </c>
      <c r="X4662" s="2">
        <v>118.9</v>
      </c>
      <c r="Y4662" s="2">
        <v>7.6</v>
      </c>
      <c r="Z4662" s="2">
        <v>10.6</v>
      </c>
      <c r="AA4662" s="5"/>
      <c r="AB4662" s="5" t="s">
        <v>43</v>
      </c>
      <c r="AC4662" s="5" t="s">
        <v>44</v>
      </c>
      <c r="AD4662" s="2"/>
      <c r="AE4662" s="1"/>
    </row>
    <row r="4663" spans="1:31" ht="14.45">
      <c r="A4663" s="11"/>
      <c r="B4663" s="20"/>
      <c r="C4663" s="2" t="s">
        <v>14443</v>
      </c>
      <c r="D4663" s="14" t="s">
        <v>14444</v>
      </c>
      <c r="E4663" s="2" t="s">
        <v>14445</v>
      </c>
      <c r="F4663" s="2" t="s">
        <v>7212</v>
      </c>
      <c r="G4663" s="8">
        <v>122</v>
      </c>
      <c r="H4663" s="5">
        <v>6</v>
      </c>
      <c r="I4663" s="5" t="s">
        <v>1518</v>
      </c>
      <c r="J4663" s="5" t="s">
        <v>1519</v>
      </c>
      <c r="K4663" s="2" t="s">
        <v>1520</v>
      </c>
      <c r="L4663" s="5" t="s">
        <v>1519</v>
      </c>
      <c r="M4663" s="2" t="s">
        <v>1520</v>
      </c>
      <c r="N4663" s="5" t="s">
        <v>1521</v>
      </c>
      <c r="O4663" s="5" t="s">
        <v>38</v>
      </c>
      <c r="P4663" s="5" t="s">
        <v>39</v>
      </c>
      <c r="Q4663" s="5" t="s">
        <v>40</v>
      </c>
      <c r="R4663" s="5" t="s">
        <v>1522</v>
      </c>
      <c r="S4663" s="5" t="s">
        <v>1523</v>
      </c>
      <c r="T4663" s="5" t="s">
        <v>42</v>
      </c>
      <c r="U4663" s="2">
        <v>1.871</v>
      </c>
      <c r="V4663" s="2">
        <v>1.5309999999999999</v>
      </c>
      <c r="W4663" s="2">
        <v>0.01</v>
      </c>
      <c r="X4663" s="2">
        <v>118.9</v>
      </c>
      <c r="Y4663" s="2">
        <v>7.6</v>
      </c>
      <c r="Z4663" s="2">
        <v>10.6</v>
      </c>
      <c r="AA4663" s="5"/>
      <c r="AB4663" s="5" t="s">
        <v>43</v>
      </c>
      <c r="AC4663" s="5" t="s">
        <v>44</v>
      </c>
      <c r="AD4663" s="2"/>
      <c r="AE4663" s="1"/>
    </row>
    <row r="4664" spans="1:31" ht="14.45">
      <c r="A4664" s="11"/>
      <c r="B4664" s="20"/>
      <c r="C4664" s="2" t="s">
        <v>14446</v>
      </c>
      <c r="D4664" s="14" t="s">
        <v>14447</v>
      </c>
      <c r="E4664" s="2" t="s">
        <v>14448</v>
      </c>
      <c r="F4664" s="2" t="s">
        <v>7406</v>
      </c>
      <c r="G4664" s="8">
        <v>140</v>
      </c>
      <c r="H4664" s="5">
        <v>6</v>
      </c>
      <c r="I4664" s="5" t="s">
        <v>1518</v>
      </c>
      <c r="J4664" s="5" t="s">
        <v>1519</v>
      </c>
      <c r="K4664" s="2" t="s">
        <v>1520</v>
      </c>
      <c r="L4664" s="5" t="s">
        <v>1519</v>
      </c>
      <c r="M4664" s="2" t="s">
        <v>1520</v>
      </c>
      <c r="N4664" s="5" t="s">
        <v>1521</v>
      </c>
      <c r="O4664" s="5" t="s">
        <v>38</v>
      </c>
      <c r="P4664" s="5" t="s">
        <v>39</v>
      </c>
      <c r="Q4664" s="5" t="s">
        <v>40</v>
      </c>
      <c r="R4664" s="5" t="s">
        <v>1522</v>
      </c>
      <c r="S4664" s="5" t="s">
        <v>1523</v>
      </c>
      <c r="T4664" s="5" t="s">
        <v>42</v>
      </c>
      <c r="U4664" s="2">
        <v>1.871</v>
      </c>
      <c r="V4664" s="2">
        <v>1.5309999999999999</v>
      </c>
      <c r="W4664" s="2">
        <v>0.01</v>
      </c>
      <c r="X4664" s="2">
        <v>118.9</v>
      </c>
      <c r="Y4664" s="2">
        <v>7.6</v>
      </c>
      <c r="Z4664" s="2">
        <v>10.6</v>
      </c>
      <c r="AA4664" s="5"/>
      <c r="AB4664" s="5" t="s">
        <v>43</v>
      </c>
      <c r="AC4664" s="5" t="s">
        <v>44</v>
      </c>
      <c r="AD4664" s="2"/>
      <c r="AE4664" s="1"/>
    </row>
    <row r="4665" spans="1:31" ht="14.45">
      <c r="A4665" s="11"/>
      <c r="B4665" s="20"/>
      <c r="C4665" s="2" t="s">
        <v>14449</v>
      </c>
      <c r="D4665" s="14" t="s">
        <v>14450</v>
      </c>
      <c r="E4665" s="2" t="s">
        <v>14451</v>
      </c>
      <c r="F4665" s="2" t="s">
        <v>7539</v>
      </c>
      <c r="G4665" s="8">
        <v>140</v>
      </c>
      <c r="H4665" s="5">
        <v>6</v>
      </c>
      <c r="I4665" s="5" t="s">
        <v>1518</v>
      </c>
      <c r="J4665" s="5" t="s">
        <v>1519</v>
      </c>
      <c r="K4665" s="2" t="s">
        <v>1520</v>
      </c>
      <c r="L4665" s="5" t="s">
        <v>1519</v>
      </c>
      <c r="M4665" s="2" t="s">
        <v>1520</v>
      </c>
      <c r="N4665" s="5" t="s">
        <v>1521</v>
      </c>
      <c r="O4665" s="5" t="s">
        <v>38</v>
      </c>
      <c r="P4665" s="5" t="s">
        <v>39</v>
      </c>
      <c r="Q4665" s="5" t="s">
        <v>40</v>
      </c>
      <c r="R4665" s="5" t="s">
        <v>1522</v>
      </c>
      <c r="S4665" s="5" t="s">
        <v>1523</v>
      </c>
      <c r="T4665" s="5" t="s">
        <v>42</v>
      </c>
      <c r="U4665" s="2">
        <v>1.895</v>
      </c>
      <c r="V4665" s="2">
        <v>1.5549999999999999</v>
      </c>
      <c r="W4665" s="2">
        <v>0.01</v>
      </c>
      <c r="X4665" s="2">
        <v>118.9</v>
      </c>
      <c r="Y4665" s="2">
        <v>7.6</v>
      </c>
      <c r="Z4665" s="2">
        <v>10.6</v>
      </c>
      <c r="AA4665" s="5"/>
      <c r="AB4665" s="5" t="s">
        <v>43</v>
      </c>
      <c r="AC4665" s="5" t="s">
        <v>44</v>
      </c>
      <c r="AD4665" s="2"/>
      <c r="AE4665" s="1"/>
    </row>
    <row r="4666" spans="1:31" ht="14.45">
      <c r="A4666" s="11"/>
      <c r="B4666" s="20"/>
      <c r="C4666" s="2" t="s">
        <v>14452</v>
      </c>
      <c r="D4666" s="14" t="s">
        <v>14453</v>
      </c>
      <c r="E4666" s="2" t="s">
        <v>14454</v>
      </c>
      <c r="F4666" s="2" t="s">
        <v>7547</v>
      </c>
      <c r="G4666" s="8">
        <v>140</v>
      </c>
      <c r="H4666" s="5">
        <v>6</v>
      </c>
      <c r="I4666" s="5" t="s">
        <v>1518</v>
      </c>
      <c r="J4666" s="5" t="s">
        <v>1519</v>
      </c>
      <c r="K4666" s="2" t="s">
        <v>1520</v>
      </c>
      <c r="L4666" s="5" t="s">
        <v>1519</v>
      </c>
      <c r="M4666" s="2" t="s">
        <v>1520</v>
      </c>
      <c r="N4666" s="5" t="s">
        <v>1521</v>
      </c>
      <c r="O4666" s="5" t="s">
        <v>38</v>
      </c>
      <c r="P4666" s="5" t="s">
        <v>39</v>
      </c>
      <c r="Q4666" s="5" t="s">
        <v>40</v>
      </c>
      <c r="R4666" s="5" t="s">
        <v>1522</v>
      </c>
      <c r="S4666" s="5" t="s">
        <v>1523</v>
      </c>
      <c r="T4666" s="5" t="s">
        <v>42</v>
      </c>
      <c r="U4666" s="2">
        <v>1.871</v>
      </c>
      <c r="V4666" s="2">
        <v>1.5309999999999999</v>
      </c>
      <c r="W4666" s="2">
        <v>0.01</v>
      </c>
      <c r="X4666" s="2">
        <v>118.9</v>
      </c>
      <c r="Y4666" s="2">
        <v>7.6</v>
      </c>
      <c r="Z4666" s="2">
        <v>10.6</v>
      </c>
      <c r="AA4666" s="5"/>
      <c r="AB4666" s="5" t="s">
        <v>43</v>
      </c>
      <c r="AC4666" s="5" t="s">
        <v>44</v>
      </c>
      <c r="AD4666" s="2"/>
      <c r="AE4666" s="1"/>
    </row>
    <row r="4667" spans="1:31" ht="14.45">
      <c r="A4667" s="11"/>
      <c r="B4667" s="20"/>
      <c r="C4667" s="2" t="s">
        <v>14455</v>
      </c>
      <c r="D4667" s="14" t="s">
        <v>14456</v>
      </c>
      <c r="E4667" s="2" t="s">
        <v>14457</v>
      </c>
      <c r="F4667" s="2" t="s">
        <v>7555</v>
      </c>
      <c r="G4667" s="8">
        <v>140</v>
      </c>
      <c r="H4667" s="5">
        <v>6</v>
      </c>
      <c r="I4667" s="5" t="s">
        <v>1518</v>
      </c>
      <c r="J4667" s="5" t="s">
        <v>1519</v>
      </c>
      <c r="K4667" s="2" t="s">
        <v>1520</v>
      </c>
      <c r="L4667" s="5" t="s">
        <v>1519</v>
      </c>
      <c r="M4667" s="2" t="s">
        <v>1520</v>
      </c>
      <c r="N4667" s="5" t="s">
        <v>1521</v>
      </c>
      <c r="O4667" s="5" t="s">
        <v>38</v>
      </c>
      <c r="P4667" s="5" t="s">
        <v>39</v>
      </c>
      <c r="Q4667" s="5" t="s">
        <v>40</v>
      </c>
      <c r="R4667" s="5" t="s">
        <v>1522</v>
      </c>
      <c r="S4667" s="5" t="s">
        <v>1523</v>
      </c>
      <c r="T4667" s="5" t="s">
        <v>42</v>
      </c>
      <c r="U4667" s="2">
        <v>1.871</v>
      </c>
      <c r="V4667" s="2">
        <v>1.5309999999999999</v>
      </c>
      <c r="W4667" s="2">
        <v>0.01</v>
      </c>
      <c r="X4667" s="2">
        <v>118.9</v>
      </c>
      <c r="Y4667" s="2">
        <v>7.6</v>
      </c>
      <c r="Z4667" s="2">
        <v>10.6</v>
      </c>
      <c r="AA4667" s="5"/>
      <c r="AB4667" s="5" t="s">
        <v>43</v>
      </c>
      <c r="AC4667" s="5" t="s">
        <v>44</v>
      </c>
      <c r="AD4667" s="2"/>
      <c r="AE4667" s="1"/>
    </row>
    <row r="4668" spans="1:31" ht="14.45">
      <c r="A4668" s="11"/>
      <c r="B4668" s="20"/>
      <c r="C4668" s="2" t="s">
        <v>14458</v>
      </c>
      <c r="D4668" s="14" t="s">
        <v>14459</v>
      </c>
      <c r="E4668" s="2" t="s">
        <v>14460</v>
      </c>
      <c r="F4668" s="2" t="s">
        <v>7563</v>
      </c>
      <c r="G4668" s="8">
        <v>140</v>
      </c>
      <c r="H4668" s="5">
        <v>6</v>
      </c>
      <c r="I4668" s="5" t="s">
        <v>1518</v>
      </c>
      <c r="J4668" s="5" t="s">
        <v>1519</v>
      </c>
      <c r="K4668" s="2" t="s">
        <v>1520</v>
      </c>
      <c r="L4668" s="5" t="s">
        <v>1519</v>
      </c>
      <c r="M4668" s="2" t="s">
        <v>1520</v>
      </c>
      <c r="N4668" s="5" t="s">
        <v>1521</v>
      </c>
      <c r="O4668" s="5" t="s">
        <v>38</v>
      </c>
      <c r="P4668" s="5" t="s">
        <v>39</v>
      </c>
      <c r="Q4668" s="5" t="s">
        <v>40</v>
      </c>
      <c r="R4668" s="5" t="s">
        <v>1522</v>
      </c>
      <c r="S4668" s="5" t="s">
        <v>1523</v>
      </c>
      <c r="T4668" s="5" t="s">
        <v>42</v>
      </c>
      <c r="U4668" s="2">
        <v>1.895</v>
      </c>
      <c r="V4668" s="2">
        <v>1.5549999999999999</v>
      </c>
      <c r="W4668" s="2">
        <v>0.01</v>
      </c>
      <c r="X4668" s="2">
        <v>118.9</v>
      </c>
      <c r="Y4668" s="2">
        <v>7.6</v>
      </c>
      <c r="Z4668" s="2">
        <v>10.6</v>
      </c>
      <c r="AA4668" s="5"/>
      <c r="AB4668" s="5" t="s">
        <v>43</v>
      </c>
      <c r="AC4668" s="5" t="s">
        <v>44</v>
      </c>
      <c r="AD4668" s="2"/>
      <c r="AE4668" s="1"/>
    </row>
    <row r="4669" spans="1:31" ht="14.45">
      <c r="A4669" s="11"/>
      <c r="B4669" s="20"/>
      <c r="C4669" s="2" t="s">
        <v>14461</v>
      </c>
      <c r="D4669" s="14" t="s">
        <v>14462</v>
      </c>
      <c r="E4669" s="2" t="s">
        <v>14463</v>
      </c>
      <c r="F4669" s="2" t="s">
        <v>7429</v>
      </c>
      <c r="G4669" s="8">
        <v>140</v>
      </c>
      <c r="H4669" s="5">
        <v>6</v>
      </c>
      <c r="I4669" s="5" t="s">
        <v>1518</v>
      </c>
      <c r="J4669" s="5" t="s">
        <v>1519</v>
      </c>
      <c r="K4669" s="2" t="s">
        <v>1520</v>
      </c>
      <c r="L4669" s="5" t="s">
        <v>1519</v>
      </c>
      <c r="M4669" s="2" t="s">
        <v>1520</v>
      </c>
      <c r="N4669" s="5" t="s">
        <v>1521</v>
      </c>
      <c r="O4669" s="5" t="s">
        <v>38</v>
      </c>
      <c r="P4669" s="5" t="s">
        <v>39</v>
      </c>
      <c r="Q4669" s="5" t="s">
        <v>40</v>
      </c>
      <c r="R4669" s="5" t="s">
        <v>1522</v>
      </c>
      <c r="S4669" s="5" t="s">
        <v>1523</v>
      </c>
      <c r="T4669" s="5" t="s">
        <v>42</v>
      </c>
      <c r="U4669" s="2">
        <v>1.895</v>
      </c>
      <c r="V4669" s="2">
        <v>1.5549999999999999</v>
      </c>
      <c r="W4669" s="2">
        <v>0.01</v>
      </c>
      <c r="X4669" s="2">
        <v>118.9</v>
      </c>
      <c r="Y4669" s="2">
        <v>7.6</v>
      </c>
      <c r="Z4669" s="2">
        <v>10.6</v>
      </c>
      <c r="AA4669" s="5"/>
      <c r="AB4669" s="5" t="s">
        <v>43</v>
      </c>
      <c r="AC4669" s="5" t="s">
        <v>44</v>
      </c>
      <c r="AD4669" s="2"/>
      <c r="AE4669" s="1"/>
    </row>
    <row r="4670" spans="1:31" ht="14.45">
      <c r="A4670" s="11"/>
      <c r="B4670" s="20"/>
      <c r="C4670" s="2" t="s">
        <v>14464</v>
      </c>
      <c r="D4670" s="14" t="s">
        <v>14465</v>
      </c>
      <c r="E4670" s="2" t="s">
        <v>14466</v>
      </c>
      <c r="F4670" s="2" t="s">
        <v>7449</v>
      </c>
      <c r="G4670" s="8">
        <v>140</v>
      </c>
      <c r="H4670" s="5">
        <v>6</v>
      </c>
      <c r="I4670" s="5" t="s">
        <v>1518</v>
      </c>
      <c r="J4670" s="5" t="s">
        <v>1519</v>
      </c>
      <c r="K4670" s="2" t="s">
        <v>1520</v>
      </c>
      <c r="L4670" s="5" t="s">
        <v>1519</v>
      </c>
      <c r="M4670" s="2" t="s">
        <v>1520</v>
      </c>
      <c r="N4670" s="5" t="s">
        <v>1521</v>
      </c>
      <c r="O4670" s="5" t="s">
        <v>38</v>
      </c>
      <c r="P4670" s="5" t="s">
        <v>39</v>
      </c>
      <c r="Q4670" s="5" t="s">
        <v>40</v>
      </c>
      <c r="R4670" s="5" t="s">
        <v>1522</v>
      </c>
      <c r="S4670" s="5" t="s">
        <v>1523</v>
      </c>
      <c r="T4670" s="5" t="s">
        <v>42</v>
      </c>
      <c r="U4670" s="2">
        <v>1.895</v>
      </c>
      <c r="V4670" s="2">
        <v>1.5549999999999999</v>
      </c>
      <c r="W4670" s="2">
        <v>0.01</v>
      </c>
      <c r="X4670" s="2">
        <v>118.9</v>
      </c>
      <c r="Y4670" s="2">
        <v>7.6</v>
      </c>
      <c r="Z4670" s="2">
        <v>10.6</v>
      </c>
      <c r="AA4670" s="5"/>
      <c r="AB4670" s="5" t="s">
        <v>43</v>
      </c>
      <c r="AC4670" s="5" t="s">
        <v>44</v>
      </c>
      <c r="AD4670" s="2"/>
      <c r="AE4670" s="1"/>
    </row>
    <row r="4671" spans="1:31" ht="14.45">
      <c r="A4671" s="11"/>
      <c r="B4671" s="20"/>
      <c r="C4671" s="2" t="s">
        <v>14467</v>
      </c>
      <c r="D4671" s="14" t="s">
        <v>14468</v>
      </c>
      <c r="E4671" s="2" t="s">
        <v>14469</v>
      </c>
      <c r="F4671" s="2" t="s">
        <v>7585</v>
      </c>
      <c r="G4671" s="8">
        <v>140</v>
      </c>
      <c r="H4671" s="5">
        <v>6</v>
      </c>
      <c r="I4671" s="5" t="s">
        <v>1518</v>
      </c>
      <c r="J4671" s="5" t="s">
        <v>1519</v>
      </c>
      <c r="K4671" s="2" t="s">
        <v>1520</v>
      </c>
      <c r="L4671" s="5" t="s">
        <v>1519</v>
      </c>
      <c r="M4671" s="2" t="s">
        <v>1520</v>
      </c>
      <c r="N4671" s="5" t="s">
        <v>1521</v>
      </c>
      <c r="O4671" s="5" t="s">
        <v>38</v>
      </c>
      <c r="P4671" s="5" t="s">
        <v>39</v>
      </c>
      <c r="Q4671" s="5" t="s">
        <v>40</v>
      </c>
      <c r="R4671" s="5" t="s">
        <v>1522</v>
      </c>
      <c r="S4671" s="5" t="s">
        <v>1523</v>
      </c>
      <c r="T4671" s="5" t="s">
        <v>42</v>
      </c>
      <c r="U4671" s="2">
        <v>1.871</v>
      </c>
      <c r="V4671" s="2">
        <v>1.5309999999999999</v>
      </c>
      <c r="W4671" s="2">
        <v>0.01</v>
      </c>
      <c r="X4671" s="2">
        <v>118.9</v>
      </c>
      <c r="Y4671" s="2">
        <v>7.6</v>
      </c>
      <c r="Z4671" s="2">
        <v>10.6</v>
      </c>
      <c r="AA4671" s="5"/>
      <c r="AB4671" s="5" t="s">
        <v>43</v>
      </c>
      <c r="AC4671" s="5" t="s">
        <v>44</v>
      </c>
      <c r="AD4671" s="2"/>
      <c r="AE4671" s="1"/>
    </row>
    <row r="4672" spans="1:31" ht="14.45">
      <c r="A4672" s="11"/>
      <c r="B4672" s="20"/>
      <c r="C4672" s="2" t="s">
        <v>14470</v>
      </c>
      <c r="D4672" s="14" t="s">
        <v>14471</v>
      </c>
      <c r="E4672" s="2" t="s">
        <v>14472</v>
      </c>
      <c r="F4672" s="2" t="s">
        <v>7593</v>
      </c>
      <c r="G4672" s="8">
        <v>140</v>
      </c>
      <c r="H4672" s="5">
        <v>6</v>
      </c>
      <c r="I4672" s="5" t="s">
        <v>1518</v>
      </c>
      <c r="J4672" s="5" t="s">
        <v>1519</v>
      </c>
      <c r="K4672" s="2" t="s">
        <v>1520</v>
      </c>
      <c r="L4672" s="5" t="s">
        <v>1519</v>
      </c>
      <c r="M4672" s="2" t="s">
        <v>1520</v>
      </c>
      <c r="N4672" s="5" t="s">
        <v>1521</v>
      </c>
      <c r="O4672" s="5" t="s">
        <v>38</v>
      </c>
      <c r="P4672" s="5" t="s">
        <v>39</v>
      </c>
      <c r="Q4672" s="5" t="s">
        <v>40</v>
      </c>
      <c r="R4672" s="5" t="s">
        <v>1522</v>
      </c>
      <c r="S4672" s="5" t="s">
        <v>1523</v>
      </c>
      <c r="T4672" s="5" t="s">
        <v>42</v>
      </c>
      <c r="U4672" s="2">
        <v>1.895</v>
      </c>
      <c r="V4672" s="2">
        <v>1.5549999999999999</v>
      </c>
      <c r="W4672" s="2">
        <v>0.01</v>
      </c>
      <c r="X4672" s="2">
        <v>118.9</v>
      </c>
      <c r="Y4672" s="2">
        <v>7.6</v>
      </c>
      <c r="Z4672" s="2">
        <v>10.6</v>
      </c>
      <c r="AA4672" s="5"/>
      <c r="AB4672" s="5" t="s">
        <v>43</v>
      </c>
      <c r="AC4672" s="5" t="s">
        <v>44</v>
      </c>
      <c r="AD4672" s="2"/>
      <c r="AE4672" s="1"/>
    </row>
    <row r="4673" spans="1:31" ht="14.45">
      <c r="A4673" s="11"/>
      <c r="B4673" s="20"/>
      <c r="C4673" s="2" t="s">
        <v>14473</v>
      </c>
      <c r="D4673" s="14" t="s">
        <v>14474</v>
      </c>
      <c r="E4673" s="2" t="s">
        <v>14475</v>
      </c>
      <c r="F4673" s="2" t="s">
        <v>7410</v>
      </c>
      <c r="G4673" s="8">
        <v>140</v>
      </c>
      <c r="H4673" s="5">
        <v>6</v>
      </c>
      <c r="I4673" s="5" t="s">
        <v>1518</v>
      </c>
      <c r="J4673" s="5" t="s">
        <v>1519</v>
      </c>
      <c r="K4673" s="2" t="s">
        <v>1520</v>
      </c>
      <c r="L4673" s="5" t="s">
        <v>1519</v>
      </c>
      <c r="M4673" s="2" t="s">
        <v>1520</v>
      </c>
      <c r="N4673" s="5" t="s">
        <v>1521</v>
      </c>
      <c r="O4673" s="5" t="s">
        <v>38</v>
      </c>
      <c r="P4673" s="5" t="s">
        <v>39</v>
      </c>
      <c r="Q4673" s="5" t="s">
        <v>40</v>
      </c>
      <c r="R4673" s="5" t="s">
        <v>1522</v>
      </c>
      <c r="S4673" s="5" t="s">
        <v>1523</v>
      </c>
      <c r="T4673" s="5" t="s">
        <v>42</v>
      </c>
      <c r="U4673" s="2">
        <v>1.895</v>
      </c>
      <c r="V4673" s="2">
        <v>1.5549999999999999</v>
      </c>
      <c r="W4673" s="2">
        <v>0.01</v>
      </c>
      <c r="X4673" s="2">
        <v>118.9</v>
      </c>
      <c r="Y4673" s="2">
        <v>7.6</v>
      </c>
      <c r="Z4673" s="2">
        <v>10.6</v>
      </c>
      <c r="AA4673" s="5"/>
      <c r="AB4673" s="5" t="s">
        <v>43</v>
      </c>
      <c r="AC4673" s="5" t="s">
        <v>44</v>
      </c>
      <c r="AD4673" s="2"/>
      <c r="AE4673" s="1"/>
    </row>
    <row r="4674" spans="1:31" ht="14.45">
      <c r="A4674" s="11"/>
      <c r="B4674" s="20"/>
      <c r="C4674" s="2" t="s">
        <v>14476</v>
      </c>
      <c r="D4674" s="14" t="s">
        <v>14477</v>
      </c>
      <c r="E4674" s="2" t="s">
        <v>14478</v>
      </c>
      <c r="F4674" s="2" t="s">
        <v>7433</v>
      </c>
      <c r="G4674" s="8">
        <v>140</v>
      </c>
      <c r="H4674" s="5">
        <v>6</v>
      </c>
      <c r="I4674" s="5" t="s">
        <v>1518</v>
      </c>
      <c r="J4674" s="5" t="s">
        <v>1519</v>
      </c>
      <c r="K4674" s="2" t="s">
        <v>1520</v>
      </c>
      <c r="L4674" s="5" t="s">
        <v>1519</v>
      </c>
      <c r="M4674" s="2" t="s">
        <v>1520</v>
      </c>
      <c r="N4674" s="5" t="s">
        <v>1521</v>
      </c>
      <c r="O4674" s="5" t="s">
        <v>38</v>
      </c>
      <c r="P4674" s="5" t="s">
        <v>39</v>
      </c>
      <c r="Q4674" s="5" t="s">
        <v>40</v>
      </c>
      <c r="R4674" s="5" t="s">
        <v>1522</v>
      </c>
      <c r="S4674" s="5" t="s">
        <v>1523</v>
      </c>
      <c r="T4674" s="5" t="s">
        <v>42</v>
      </c>
      <c r="U4674" s="2">
        <v>1.895</v>
      </c>
      <c r="V4674" s="2">
        <v>1.5549999999999999</v>
      </c>
      <c r="W4674" s="2">
        <v>0.01</v>
      </c>
      <c r="X4674" s="2">
        <v>118.9</v>
      </c>
      <c r="Y4674" s="2">
        <v>7.6</v>
      </c>
      <c r="Z4674" s="2">
        <v>10.6</v>
      </c>
      <c r="AA4674" s="5"/>
      <c r="AB4674" s="5" t="s">
        <v>43</v>
      </c>
      <c r="AC4674" s="5" t="s">
        <v>44</v>
      </c>
      <c r="AD4674" s="2"/>
      <c r="AE4674" s="1"/>
    </row>
    <row r="4675" spans="1:31" ht="14.45">
      <c r="A4675" s="11"/>
      <c r="B4675" s="20"/>
      <c r="C4675" s="2" t="s">
        <v>14479</v>
      </c>
      <c r="D4675" s="14" t="s">
        <v>14480</v>
      </c>
      <c r="E4675" s="2" t="s">
        <v>14481</v>
      </c>
      <c r="F4675" s="2" t="s">
        <v>7615</v>
      </c>
      <c r="G4675" s="8">
        <v>140</v>
      </c>
      <c r="H4675" s="5">
        <v>6</v>
      </c>
      <c r="I4675" s="5" t="s">
        <v>1518</v>
      </c>
      <c r="J4675" s="5" t="s">
        <v>1519</v>
      </c>
      <c r="K4675" s="2" t="s">
        <v>1520</v>
      </c>
      <c r="L4675" s="5" t="s">
        <v>1519</v>
      </c>
      <c r="M4675" s="2" t="s">
        <v>1520</v>
      </c>
      <c r="N4675" s="5" t="s">
        <v>1521</v>
      </c>
      <c r="O4675" s="5" t="s">
        <v>38</v>
      </c>
      <c r="P4675" s="5" t="s">
        <v>39</v>
      </c>
      <c r="Q4675" s="5" t="s">
        <v>40</v>
      </c>
      <c r="R4675" s="5" t="s">
        <v>1522</v>
      </c>
      <c r="S4675" s="5" t="s">
        <v>1523</v>
      </c>
      <c r="T4675" s="5" t="s">
        <v>42</v>
      </c>
      <c r="U4675" s="2">
        <v>1.871</v>
      </c>
      <c r="V4675" s="2">
        <v>1.5309999999999999</v>
      </c>
      <c r="W4675" s="2">
        <v>0.01</v>
      </c>
      <c r="X4675" s="2">
        <v>118.9</v>
      </c>
      <c r="Y4675" s="2">
        <v>7.6</v>
      </c>
      <c r="Z4675" s="2">
        <v>10.6</v>
      </c>
      <c r="AA4675" s="5"/>
      <c r="AB4675" s="5" t="s">
        <v>43</v>
      </c>
      <c r="AC4675" s="5" t="s">
        <v>44</v>
      </c>
      <c r="AD4675" s="2"/>
      <c r="AE4675" s="1"/>
    </row>
    <row r="4676" spans="1:31" ht="14.45">
      <c r="A4676" s="11"/>
      <c r="B4676" s="20"/>
      <c r="C4676" s="2" t="s">
        <v>14482</v>
      </c>
      <c r="D4676" s="14" t="s">
        <v>14483</v>
      </c>
      <c r="E4676" s="2" t="s">
        <v>14484</v>
      </c>
      <c r="F4676" s="2" t="s">
        <v>7396</v>
      </c>
      <c r="G4676" s="8">
        <v>131</v>
      </c>
      <c r="H4676" s="5">
        <v>6</v>
      </c>
      <c r="I4676" s="5" t="s">
        <v>1518</v>
      </c>
      <c r="J4676" s="5" t="s">
        <v>1519</v>
      </c>
      <c r="K4676" s="2" t="s">
        <v>1520</v>
      </c>
      <c r="L4676" s="5" t="s">
        <v>1519</v>
      </c>
      <c r="M4676" s="2" t="s">
        <v>1520</v>
      </c>
      <c r="N4676" s="5" t="s">
        <v>1521</v>
      </c>
      <c r="O4676" s="5" t="s">
        <v>38</v>
      </c>
      <c r="P4676" s="5" t="s">
        <v>39</v>
      </c>
      <c r="Q4676" s="5" t="s">
        <v>40</v>
      </c>
      <c r="R4676" s="5" t="s">
        <v>1522</v>
      </c>
      <c r="S4676" s="5" t="s">
        <v>1523</v>
      </c>
      <c r="T4676" s="5" t="s">
        <v>42</v>
      </c>
      <c r="U4676" s="2">
        <v>2.0630000000000002</v>
      </c>
      <c r="V4676" s="2">
        <v>1.67</v>
      </c>
      <c r="W4676" s="2">
        <v>1.0999999999999999E-2</v>
      </c>
      <c r="X4676" s="2">
        <v>139.1</v>
      </c>
      <c r="Y4676" s="2">
        <v>7.6</v>
      </c>
      <c r="Z4676" s="2">
        <v>10.6</v>
      </c>
      <c r="AA4676" s="5"/>
      <c r="AB4676" s="5" t="s">
        <v>43</v>
      </c>
      <c r="AC4676" s="5" t="s">
        <v>44</v>
      </c>
      <c r="AD4676" s="2"/>
      <c r="AE4676" s="1"/>
    </row>
    <row r="4677" spans="1:31" ht="14.45">
      <c r="A4677" s="11"/>
      <c r="B4677" s="20"/>
      <c r="C4677" s="2" t="s">
        <v>14485</v>
      </c>
      <c r="D4677" s="14" t="s">
        <v>14486</v>
      </c>
      <c r="E4677" s="2" t="s">
        <v>14487</v>
      </c>
      <c r="F4677" s="2" t="s">
        <v>7204</v>
      </c>
      <c r="G4677" s="8">
        <v>131</v>
      </c>
      <c r="H4677" s="5">
        <v>6</v>
      </c>
      <c r="I4677" s="5" t="s">
        <v>1518</v>
      </c>
      <c r="J4677" s="5" t="s">
        <v>1519</v>
      </c>
      <c r="K4677" s="2" t="s">
        <v>1520</v>
      </c>
      <c r="L4677" s="5" t="s">
        <v>1519</v>
      </c>
      <c r="M4677" s="2" t="s">
        <v>1520</v>
      </c>
      <c r="N4677" s="5" t="s">
        <v>1521</v>
      </c>
      <c r="O4677" s="5" t="s">
        <v>38</v>
      </c>
      <c r="P4677" s="5" t="s">
        <v>39</v>
      </c>
      <c r="Q4677" s="5" t="s">
        <v>40</v>
      </c>
      <c r="R4677" s="5" t="s">
        <v>1522</v>
      </c>
      <c r="S4677" s="5" t="s">
        <v>1523</v>
      </c>
      <c r="T4677" s="5" t="s">
        <v>42</v>
      </c>
      <c r="U4677" s="2">
        <v>2.0720000000000001</v>
      </c>
      <c r="V4677" s="2">
        <v>1.679</v>
      </c>
      <c r="W4677" s="2">
        <v>1.0999999999999999E-2</v>
      </c>
      <c r="X4677" s="2">
        <v>139.1</v>
      </c>
      <c r="Y4677" s="2">
        <v>7.6</v>
      </c>
      <c r="Z4677" s="2">
        <v>10.6</v>
      </c>
      <c r="AA4677" s="5"/>
      <c r="AB4677" s="5" t="s">
        <v>43</v>
      </c>
      <c r="AC4677" s="5" t="s">
        <v>44</v>
      </c>
      <c r="AD4677" s="2"/>
      <c r="AE4677" s="1"/>
    </row>
    <row r="4678" spans="1:31" ht="14.45">
      <c r="A4678" s="11"/>
      <c r="B4678" s="20"/>
      <c r="C4678" s="2" t="s">
        <v>14488</v>
      </c>
      <c r="D4678" s="14" t="s">
        <v>14489</v>
      </c>
      <c r="E4678" s="2" t="s">
        <v>14490</v>
      </c>
      <c r="F4678" s="2" t="s">
        <v>7208</v>
      </c>
      <c r="G4678" s="8">
        <v>131</v>
      </c>
      <c r="H4678" s="5">
        <v>6</v>
      </c>
      <c r="I4678" s="5" t="s">
        <v>1518</v>
      </c>
      <c r="J4678" s="5" t="s">
        <v>1519</v>
      </c>
      <c r="K4678" s="2" t="s">
        <v>1520</v>
      </c>
      <c r="L4678" s="5" t="s">
        <v>1519</v>
      </c>
      <c r="M4678" s="2" t="s">
        <v>1520</v>
      </c>
      <c r="N4678" s="5" t="s">
        <v>1521</v>
      </c>
      <c r="O4678" s="5" t="s">
        <v>38</v>
      </c>
      <c r="P4678" s="5" t="s">
        <v>39</v>
      </c>
      <c r="Q4678" s="5" t="s">
        <v>40</v>
      </c>
      <c r="R4678" s="5" t="s">
        <v>1522</v>
      </c>
      <c r="S4678" s="5" t="s">
        <v>1523</v>
      </c>
      <c r="T4678" s="5" t="s">
        <v>42</v>
      </c>
      <c r="U4678" s="2">
        <v>2.0720000000000001</v>
      </c>
      <c r="V4678" s="2">
        <v>1.679</v>
      </c>
      <c r="W4678" s="2">
        <v>1.0999999999999999E-2</v>
      </c>
      <c r="X4678" s="2">
        <v>139.1</v>
      </c>
      <c r="Y4678" s="2">
        <v>7.6</v>
      </c>
      <c r="Z4678" s="2">
        <v>10.6</v>
      </c>
      <c r="AA4678" s="5"/>
      <c r="AB4678" s="5" t="s">
        <v>43</v>
      </c>
      <c r="AC4678" s="5" t="s">
        <v>44</v>
      </c>
      <c r="AD4678" s="2"/>
      <c r="AE4678" s="1"/>
    </row>
    <row r="4679" spans="1:31" ht="14.45">
      <c r="A4679" s="11"/>
      <c r="B4679" s="20"/>
      <c r="C4679" s="2" t="s">
        <v>14491</v>
      </c>
      <c r="D4679" s="14" t="s">
        <v>14492</v>
      </c>
      <c r="E4679" s="2" t="s">
        <v>14493</v>
      </c>
      <c r="F4679" s="2" t="s">
        <v>7212</v>
      </c>
      <c r="G4679" s="8">
        <v>131</v>
      </c>
      <c r="H4679" s="5">
        <v>6</v>
      </c>
      <c r="I4679" s="5" t="s">
        <v>1518</v>
      </c>
      <c r="J4679" s="5" t="s">
        <v>1519</v>
      </c>
      <c r="K4679" s="2" t="s">
        <v>1520</v>
      </c>
      <c r="L4679" s="5" t="s">
        <v>1519</v>
      </c>
      <c r="M4679" s="2" t="s">
        <v>1520</v>
      </c>
      <c r="N4679" s="5" t="s">
        <v>1521</v>
      </c>
      <c r="O4679" s="5" t="s">
        <v>38</v>
      </c>
      <c r="P4679" s="5" t="s">
        <v>39</v>
      </c>
      <c r="Q4679" s="5" t="s">
        <v>40</v>
      </c>
      <c r="R4679" s="5" t="s">
        <v>1522</v>
      </c>
      <c r="S4679" s="5" t="s">
        <v>1523</v>
      </c>
      <c r="T4679" s="5" t="s">
        <v>42</v>
      </c>
      <c r="U4679" s="2">
        <v>2.044</v>
      </c>
      <c r="V4679" s="2">
        <v>1.651</v>
      </c>
      <c r="W4679" s="2">
        <v>1.0999999999999999E-2</v>
      </c>
      <c r="X4679" s="2">
        <v>139.1</v>
      </c>
      <c r="Y4679" s="2">
        <v>7.6</v>
      </c>
      <c r="Z4679" s="2">
        <v>10.6</v>
      </c>
      <c r="AA4679" s="5"/>
      <c r="AB4679" s="5" t="s">
        <v>43</v>
      </c>
      <c r="AC4679" s="5" t="s">
        <v>44</v>
      </c>
      <c r="AD4679" s="2"/>
      <c r="AE4679" s="1"/>
    </row>
    <row r="4680" spans="1:31" ht="14.45">
      <c r="A4680" s="11"/>
      <c r="B4680" s="20"/>
      <c r="C4680" s="2" t="s">
        <v>14494</v>
      </c>
      <c r="D4680" s="14" t="s">
        <v>14495</v>
      </c>
      <c r="E4680" s="2" t="s">
        <v>14496</v>
      </c>
      <c r="F4680" s="2" t="s">
        <v>7406</v>
      </c>
      <c r="G4680" s="8">
        <v>151</v>
      </c>
      <c r="H4680" s="5">
        <v>6</v>
      </c>
      <c r="I4680" s="5" t="s">
        <v>1518</v>
      </c>
      <c r="J4680" s="5" t="s">
        <v>1519</v>
      </c>
      <c r="K4680" s="2" t="s">
        <v>1520</v>
      </c>
      <c r="L4680" s="5" t="s">
        <v>1519</v>
      </c>
      <c r="M4680" s="2" t="s">
        <v>1520</v>
      </c>
      <c r="N4680" s="5" t="s">
        <v>1521</v>
      </c>
      <c r="O4680" s="5" t="s">
        <v>38</v>
      </c>
      <c r="P4680" s="5" t="s">
        <v>39</v>
      </c>
      <c r="Q4680" s="5" t="s">
        <v>40</v>
      </c>
      <c r="R4680" s="5" t="s">
        <v>1522</v>
      </c>
      <c r="S4680" s="5" t="s">
        <v>1523</v>
      </c>
      <c r="T4680" s="5" t="s">
        <v>42</v>
      </c>
      <c r="U4680" s="2">
        <v>2.044</v>
      </c>
      <c r="V4680" s="2">
        <v>1.651</v>
      </c>
      <c r="W4680" s="2">
        <v>1.0999999999999999E-2</v>
      </c>
      <c r="X4680" s="2">
        <v>139.1</v>
      </c>
      <c r="Y4680" s="2">
        <v>7.6</v>
      </c>
      <c r="Z4680" s="2">
        <v>10.6</v>
      </c>
      <c r="AA4680" s="5"/>
      <c r="AB4680" s="5" t="s">
        <v>43</v>
      </c>
      <c r="AC4680" s="5" t="s">
        <v>44</v>
      </c>
      <c r="AD4680" s="2"/>
      <c r="AE4680" s="1"/>
    </row>
    <row r="4681" spans="1:31" ht="14.45">
      <c r="A4681" s="11"/>
      <c r="B4681" s="20"/>
      <c r="C4681" s="2" t="s">
        <v>14497</v>
      </c>
      <c r="D4681" s="14" t="s">
        <v>14498</v>
      </c>
      <c r="E4681" s="2" t="s">
        <v>14499</v>
      </c>
      <c r="F4681" s="2" t="s">
        <v>7539</v>
      </c>
      <c r="G4681" s="8">
        <v>151</v>
      </c>
      <c r="H4681" s="5">
        <v>6</v>
      </c>
      <c r="I4681" s="5" t="s">
        <v>1518</v>
      </c>
      <c r="J4681" s="5" t="s">
        <v>1519</v>
      </c>
      <c r="K4681" s="2" t="s">
        <v>1520</v>
      </c>
      <c r="L4681" s="5" t="s">
        <v>1519</v>
      </c>
      <c r="M4681" s="2" t="s">
        <v>1520</v>
      </c>
      <c r="N4681" s="5" t="s">
        <v>1521</v>
      </c>
      <c r="O4681" s="5" t="s">
        <v>38</v>
      </c>
      <c r="P4681" s="5" t="s">
        <v>39</v>
      </c>
      <c r="Q4681" s="5" t="s">
        <v>40</v>
      </c>
      <c r="R4681" s="5" t="s">
        <v>1522</v>
      </c>
      <c r="S4681" s="5" t="s">
        <v>1523</v>
      </c>
      <c r="T4681" s="5" t="s">
        <v>42</v>
      </c>
      <c r="U4681" s="2">
        <v>2.0720000000000001</v>
      </c>
      <c r="V4681" s="2">
        <v>1.679</v>
      </c>
      <c r="W4681" s="2">
        <v>1.0999999999999999E-2</v>
      </c>
      <c r="X4681" s="2">
        <v>139.1</v>
      </c>
      <c r="Y4681" s="2">
        <v>7.6</v>
      </c>
      <c r="Z4681" s="2">
        <v>10.6</v>
      </c>
      <c r="AA4681" s="5"/>
      <c r="AB4681" s="5" t="s">
        <v>43</v>
      </c>
      <c r="AC4681" s="5" t="s">
        <v>44</v>
      </c>
      <c r="AD4681" s="2"/>
      <c r="AE4681" s="1"/>
    </row>
    <row r="4682" spans="1:31" ht="14.45">
      <c r="A4682" s="11"/>
      <c r="B4682" s="20"/>
      <c r="C4682" s="2" t="s">
        <v>14500</v>
      </c>
      <c r="D4682" s="14" t="s">
        <v>14501</v>
      </c>
      <c r="E4682" s="2" t="s">
        <v>14502</v>
      </c>
      <c r="F4682" s="2" t="s">
        <v>7547</v>
      </c>
      <c r="G4682" s="8">
        <v>151</v>
      </c>
      <c r="H4682" s="5">
        <v>6</v>
      </c>
      <c r="I4682" s="5" t="s">
        <v>1518</v>
      </c>
      <c r="J4682" s="5" t="s">
        <v>1519</v>
      </c>
      <c r="K4682" s="2" t="s">
        <v>1520</v>
      </c>
      <c r="L4682" s="5" t="s">
        <v>1519</v>
      </c>
      <c r="M4682" s="2" t="s">
        <v>1520</v>
      </c>
      <c r="N4682" s="5" t="s">
        <v>1521</v>
      </c>
      <c r="O4682" s="5" t="s">
        <v>38</v>
      </c>
      <c r="P4682" s="5" t="s">
        <v>39</v>
      </c>
      <c r="Q4682" s="5" t="s">
        <v>40</v>
      </c>
      <c r="R4682" s="5" t="s">
        <v>1522</v>
      </c>
      <c r="S4682" s="5" t="s">
        <v>1523</v>
      </c>
      <c r="T4682" s="5" t="s">
        <v>42</v>
      </c>
      <c r="U4682" s="2">
        <v>2.044</v>
      </c>
      <c r="V4682" s="2">
        <v>1.651</v>
      </c>
      <c r="W4682" s="2">
        <v>1.0999999999999999E-2</v>
      </c>
      <c r="X4682" s="2">
        <v>139.1</v>
      </c>
      <c r="Y4682" s="2">
        <v>7.6</v>
      </c>
      <c r="Z4682" s="2">
        <v>10.6</v>
      </c>
      <c r="AA4682" s="5"/>
      <c r="AB4682" s="5" t="s">
        <v>43</v>
      </c>
      <c r="AC4682" s="5" t="s">
        <v>44</v>
      </c>
      <c r="AD4682" s="2"/>
      <c r="AE4682" s="1"/>
    </row>
    <row r="4683" spans="1:31" ht="14.45">
      <c r="A4683" s="11"/>
      <c r="B4683" s="20"/>
      <c r="C4683" s="2" t="s">
        <v>14503</v>
      </c>
      <c r="D4683" s="14" t="s">
        <v>14504</v>
      </c>
      <c r="E4683" s="2" t="s">
        <v>14505</v>
      </c>
      <c r="F4683" s="2" t="s">
        <v>7555</v>
      </c>
      <c r="G4683" s="8">
        <v>151</v>
      </c>
      <c r="H4683" s="5">
        <v>6</v>
      </c>
      <c r="I4683" s="5" t="s">
        <v>1518</v>
      </c>
      <c r="J4683" s="5" t="s">
        <v>1519</v>
      </c>
      <c r="K4683" s="2" t="s">
        <v>1520</v>
      </c>
      <c r="L4683" s="5" t="s">
        <v>1519</v>
      </c>
      <c r="M4683" s="2" t="s">
        <v>1520</v>
      </c>
      <c r="N4683" s="5" t="s">
        <v>1521</v>
      </c>
      <c r="O4683" s="5" t="s">
        <v>38</v>
      </c>
      <c r="P4683" s="5" t="s">
        <v>39</v>
      </c>
      <c r="Q4683" s="5" t="s">
        <v>40</v>
      </c>
      <c r="R4683" s="5" t="s">
        <v>1522</v>
      </c>
      <c r="S4683" s="5" t="s">
        <v>1523</v>
      </c>
      <c r="T4683" s="5" t="s">
        <v>42</v>
      </c>
      <c r="U4683" s="2">
        <v>2.044</v>
      </c>
      <c r="V4683" s="2">
        <v>1.651</v>
      </c>
      <c r="W4683" s="2">
        <v>1.0999999999999999E-2</v>
      </c>
      <c r="X4683" s="2">
        <v>139.1</v>
      </c>
      <c r="Y4683" s="2">
        <v>7.6</v>
      </c>
      <c r="Z4683" s="2">
        <v>10.6</v>
      </c>
      <c r="AA4683" s="5"/>
      <c r="AB4683" s="5" t="s">
        <v>43</v>
      </c>
      <c r="AC4683" s="5" t="s">
        <v>44</v>
      </c>
      <c r="AD4683" s="2"/>
      <c r="AE4683" s="1"/>
    </row>
    <row r="4684" spans="1:31" ht="14.45">
      <c r="A4684" s="11"/>
      <c r="B4684" s="20"/>
      <c r="C4684" s="2" t="s">
        <v>14506</v>
      </c>
      <c r="D4684" s="14" t="s">
        <v>14507</v>
      </c>
      <c r="E4684" s="2" t="s">
        <v>14508</v>
      </c>
      <c r="F4684" s="2" t="s">
        <v>7563</v>
      </c>
      <c r="G4684" s="8">
        <v>151</v>
      </c>
      <c r="H4684" s="5">
        <v>6</v>
      </c>
      <c r="I4684" s="5" t="s">
        <v>1518</v>
      </c>
      <c r="J4684" s="5" t="s">
        <v>1519</v>
      </c>
      <c r="K4684" s="2" t="s">
        <v>1520</v>
      </c>
      <c r="L4684" s="5" t="s">
        <v>1519</v>
      </c>
      <c r="M4684" s="2" t="s">
        <v>1520</v>
      </c>
      <c r="N4684" s="5" t="s">
        <v>1521</v>
      </c>
      <c r="O4684" s="5" t="s">
        <v>38</v>
      </c>
      <c r="P4684" s="5" t="s">
        <v>39</v>
      </c>
      <c r="Q4684" s="5" t="s">
        <v>40</v>
      </c>
      <c r="R4684" s="5" t="s">
        <v>1522</v>
      </c>
      <c r="S4684" s="5" t="s">
        <v>1523</v>
      </c>
      <c r="T4684" s="5" t="s">
        <v>42</v>
      </c>
      <c r="U4684" s="2">
        <v>2.0720000000000001</v>
      </c>
      <c r="V4684" s="2">
        <v>1.679</v>
      </c>
      <c r="W4684" s="2">
        <v>1.0999999999999999E-2</v>
      </c>
      <c r="X4684" s="2">
        <v>139.1</v>
      </c>
      <c r="Y4684" s="2">
        <v>7.6</v>
      </c>
      <c r="Z4684" s="2">
        <v>10.6</v>
      </c>
      <c r="AA4684" s="5"/>
      <c r="AB4684" s="5" t="s">
        <v>43</v>
      </c>
      <c r="AC4684" s="5" t="s">
        <v>44</v>
      </c>
      <c r="AD4684" s="2"/>
      <c r="AE4684" s="1"/>
    </row>
    <row r="4685" spans="1:31" ht="14.45">
      <c r="A4685" s="11"/>
      <c r="B4685" s="20"/>
      <c r="C4685" s="2" t="s">
        <v>14509</v>
      </c>
      <c r="D4685" s="14" t="s">
        <v>14510</v>
      </c>
      <c r="E4685" s="2" t="s">
        <v>14511</v>
      </c>
      <c r="F4685" s="2" t="s">
        <v>7429</v>
      </c>
      <c r="G4685" s="8">
        <v>151</v>
      </c>
      <c r="H4685" s="5">
        <v>6</v>
      </c>
      <c r="I4685" s="5" t="s">
        <v>1518</v>
      </c>
      <c r="J4685" s="5" t="s">
        <v>1519</v>
      </c>
      <c r="K4685" s="2" t="s">
        <v>1520</v>
      </c>
      <c r="L4685" s="5" t="s">
        <v>1519</v>
      </c>
      <c r="M4685" s="2" t="s">
        <v>1520</v>
      </c>
      <c r="N4685" s="5" t="s">
        <v>1521</v>
      </c>
      <c r="O4685" s="5" t="s">
        <v>38</v>
      </c>
      <c r="P4685" s="5" t="s">
        <v>39</v>
      </c>
      <c r="Q4685" s="5" t="s">
        <v>40</v>
      </c>
      <c r="R4685" s="5" t="s">
        <v>1522</v>
      </c>
      <c r="S4685" s="5" t="s">
        <v>1523</v>
      </c>
      <c r="T4685" s="5" t="s">
        <v>42</v>
      </c>
      <c r="U4685" s="2">
        <v>2.0720000000000001</v>
      </c>
      <c r="V4685" s="2">
        <v>1.679</v>
      </c>
      <c r="W4685" s="2">
        <v>1.0999999999999999E-2</v>
      </c>
      <c r="X4685" s="2">
        <v>139.1</v>
      </c>
      <c r="Y4685" s="2">
        <v>7.6</v>
      </c>
      <c r="Z4685" s="2">
        <v>10.6</v>
      </c>
      <c r="AA4685" s="5"/>
      <c r="AB4685" s="5" t="s">
        <v>43</v>
      </c>
      <c r="AC4685" s="5" t="s">
        <v>44</v>
      </c>
      <c r="AD4685" s="2"/>
      <c r="AE4685" s="1"/>
    </row>
    <row r="4686" spans="1:31" ht="14.45">
      <c r="A4686" s="11"/>
      <c r="B4686" s="20"/>
      <c r="C4686" s="2" t="s">
        <v>14512</v>
      </c>
      <c r="D4686" s="14" t="s">
        <v>14513</v>
      </c>
      <c r="E4686" s="2" t="s">
        <v>14514</v>
      </c>
      <c r="F4686" s="2" t="s">
        <v>7449</v>
      </c>
      <c r="G4686" s="8">
        <v>151</v>
      </c>
      <c r="H4686" s="5">
        <v>6</v>
      </c>
      <c r="I4686" s="5" t="s">
        <v>1518</v>
      </c>
      <c r="J4686" s="5" t="s">
        <v>1519</v>
      </c>
      <c r="K4686" s="2" t="s">
        <v>1520</v>
      </c>
      <c r="L4686" s="5" t="s">
        <v>1519</v>
      </c>
      <c r="M4686" s="2" t="s">
        <v>1520</v>
      </c>
      <c r="N4686" s="5" t="s">
        <v>1521</v>
      </c>
      <c r="O4686" s="5" t="s">
        <v>38</v>
      </c>
      <c r="P4686" s="5" t="s">
        <v>39</v>
      </c>
      <c r="Q4686" s="5" t="s">
        <v>40</v>
      </c>
      <c r="R4686" s="5" t="s">
        <v>1522</v>
      </c>
      <c r="S4686" s="5" t="s">
        <v>1523</v>
      </c>
      <c r="T4686" s="5" t="s">
        <v>42</v>
      </c>
      <c r="U4686" s="2">
        <v>2.0720000000000001</v>
      </c>
      <c r="V4686" s="2">
        <v>1.679</v>
      </c>
      <c r="W4686" s="2">
        <v>1.0999999999999999E-2</v>
      </c>
      <c r="X4686" s="2">
        <v>139.1</v>
      </c>
      <c r="Y4686" s="2">
        <v>7.6</v>
      </c>
      <c r="Z4686" s="2">
        <v>10.6</v>
      </c>
      <c r="AA4686" s="5"/>
      <c r="AB4686" s="5" t="s">
        <v>43</v>
      </c>
      <c r="AC4686" s="5" t="s">
        <v>44</v>
      </c>
      <c r="AD4686" s="2"/>
      <c r="AE4686" s="1"/>
    </row>
    <row r="4687" spans="1:31" ht="14.45">
      <c r="A4687" s="11"/>
      <c r="B4687" s="20"/>
      <c r="C4687" s="2" t="s">
        <v>14515</v>
      </c>
      <c r="D4687" s="14" t="s">
        <v>14516</v>
      </c>
      <c r="E4687" s="2" t="s">
        <v>14517</v>
      </c>
      <c r="F4687" s="2" t="s">
        <v>7585</v>
      </c>
      <c r="G4687" s="8">
        <v>151</v>
      </c>
      <c r="H4687" s="5">
        <v>6</v>
      </c>
      <c r="I4687" s="5" t="s">
        <v>1518</v>
      </c>
      <c r="J4687" s="5" t="s">
        <v>1519</v>
      </c>
      <c r="K4687" s="2" t="s">
        <v>1520</v>
      </c>
      <c r="L4687" s="5" t="s">
        <v>1519</v>
      </c>
      <c r="M4687" s="2" t="s">
        <v>1520</v>
      </c>
      <c r="N4687" s="5" t="s">
        <v>1521</v>
      </c>
      <c r="O4687" s="5" t="s">
        <v>38</v>
      </c>
      <c r="P4687" s="5" t="s">
        <v>39</v>
      </c>
      <c r="Q4687" s="5" t="s">
        <v>40</v>
      </c>
      <c r="R4687" s="5" t="s">
        <v>1522</v>
      </c>
      <c r="S4687" s="5" t="s">
        <v>1523</v>
      </c>
      <c r="T4687" s="5" t="s">
        <v>42</v>
      </c>
      <c r="U4687" s="2">
        <v>2.044</v>
      </c>
      <c r="V4687" s="2">
        <v>1.651</v>
      </c>
      <c r="W4687" s="2">
        <v>1.0999999999999999E-2</v>
      </c>
      <c r="X4687" s="2">
        <v>139.1</v>
      </c>
      <c r="Y4687" s="2">
        <v>7.6</v>
      </c>
      <c r="Z4687" s="2">
        <v>10.6</v>
      </c>
      <c r="AA4687" s="5"/>
      <c r="AB4687" s="5" t="s">
        <v>43</v>
      </c>
      <c r="AC4687" s="5" t="s">
        <v>44</v>
      </c>
      <c r="AD4687" s="2"/>
      <c r="AE4687" s="1"/>
    </row>
    <row r="4688" spans="1:31" ht="14.45">
      <c r="A4688" s="11"/>
      <c r="B4688" s="20"/>
      <c r="C4688" s="2" t="s">
        <v>14518</v>
      </c>
      <c r="D4688" s="14" t="s">
        <v>14519</v>
      </c>
      <c r="E4688" s="2" t="s">
        <v>14520</v>
      </c>
      <c r="F4688" s="2" t="s">
        <v>7593</v>
      </c>
      <c r="G4688" s="8">
        <v>151</v>
      </c>
      <c r="H4688" s="5">
        <v>6</v>
      </c>
      <c r="I4688" s="5" t="s">
        <v>1518</v>
      </c>
      <c r="J4688" s="5" t="s">
        <v>1519</v>
      </c>
      <c r="K4688" s="2" t="s">
        <v>1520</v>
      </c>
      <c r="L4688" s="5" t="s">
        <v>1519</v>
      </c>
      <c r="M4688" s="2" t="s">
        <v>1520</v>
      </c>
      <c r="N4688" s="5" t="s">
        <v>1521</v>
      </c>
      <c r="O4688" s="5" t="s">
        <v>38</v>
      </c>
      <c r="P4688" s="5" t="s">
        <v>39</v>
      </c>
      <c r="Q4688" s="5" t="s">
        <v>40</v>
      </c>
      <c r="R4688" s="5" t="s">
        <v>1522</v>
      </c>
      <c r="S4688" s="5" t="s">
        <v>1523</v>
      </c>
      <c r="T4688" s="5" t="s">
        <v>42</v>
      </c>
      <c r="U4688" s="2">
        <v>2.0720000000000001</v>
      </c>
      <c r="V4688" s="2">
        <v>1.679</v>
      </c>
      <c r="W4688" s="2">
        <v>1.0999999999999999E-2</v>
      </c>
      <c r="X4688" s="2">
        <v>139.1</v>
      </c>
      <c r="Y4688" s="2">
        <v>7.6</v>
      </c>
      <c r="Z4688" s="2">
        <v>10.6</v>
      </c>
      <c r="AA4688" s="5"/>
      <c r="AB4688" s="5" t="s">
        <v>43</v>
      </c>
      <c r="AC4688" s="5" t="s">
        <v>44</v>
      </c>
      <c r="AD4688" s="2"/>
      <c r="AE4688" s="1"/>
    </row>
    <row r="4689" spans="1:31" ht="14.45">
      <c r="A4689" s="11"/>
      <c r="B4689" s="20"/>
      <c r="C4689" s="2" t="s">
        <v>14521</v>
      </c>
      <c r="D4689" s="14" t="s">
        <v>14522</v>
      </c>
      <c r="E4689" s="2" t="s">
        <v>14523</v>
      </c>
      <c r="F4689" s="2" t="s">
        <v>7410</v>
      </c>
      <c r="G4689" s="8">
        <v>151</v>
      </c>
      <c r="H4689" s="5">
        <v>6</v>
      </c>
      <c r="I4689" s="5" t="s">
        <v>1518</v>
      </c>
      <c r="J4689" s="5" t="s">
        <v>1519</v>
      </c>
      <c r="K4689" s="2" t="s">
        <v>1520</v>
      </c>
      <c r="L4689" s="5" t="s">
        <v>1519</v>
      </c>
      <c r="M4689" s="2" t="s">
        <v>1520</v>
      </c>
      <c r="N4689" s="5" t="s">
        <v>1521</v>
      </c>
      <c r="O4689" s="5" t="s">
        <v>38</v>
      </c>
      <c r="P4689" s="5" t="s">
        <v>39</v>
      </c>
      <c r="Q4689" s="5" t="s">
        <v>40</v>
      </c>
      <c r="R4689" s="5" t="s">
        <v>1522</v>
      </c>
      <c r="S4689" s="5" t="s">
        <v>1523</v>
      </c>
      <c r="T4689" s="5" t="s">
        <v>42</v>
      </c>
      <c r="U4689" s="2">
        <v>2.0720000000000001</v>
      </c>
      <c r="V4689" s="2">
        <v>1.679</v>
      </c>
      <c r="W4689" s="2">
        <v>1.0999999999999999E-2</v>
      </c>
      <c r="X4689" s="2">
        <v>139.1</v>
      </c>
      <c r="Y4689" s="2">
        <v>7.6</v>
      </c>
      <c r="Z4689" s="2">
        <v>10.6</v>
      </c>
      <c r="AA4689" s="5"/>
      <c r="AB4689" s="5" t="s">
        <v>43</v>
      </c>
      <c r="AC4689" s="5" t="s">
        <v>44</v>
      </c>
      <c r="AD4689" s="2"/>
      <c r="AE4689" s="1"/>
    </row>
    <row r="4690" spans="1:31" ht="14.45">
      <c r="A4690" s="11"/>
      <c r="B4690" s="20"/>
      <c r="C4690" s="2" t="s">
        <v>14524</v>
      </c>
      <c r="D4690" s="14" t="s">
        <v>14525</v>
      </c>
      <c r="E4690" s="2" t="s">
        <v>14526</v>
      </c>
      <c r="F4690" s="2" t="s">
        <v>7433</v>
      </c>
      <c r="G4690" s="8">
        <v>151</v>
      </c>
      <c r="H4690" s="5">
        <v>6</v>
      </c>
      <c r="I4690" s="5" t="s">
        <v>1518</v>
      </c>
      <c r="J4690" s="5" t="s">
        <v>1519</v>
      </c>
      <c r="K4690" s="2" t="s">
        <v>1520</v>
      </c>
      <c r="L4690" s="5" t="s">
        <v>1519</v>
      </c>
      <c r="M4690" s="2" t="s">
        <v>1520</v>
      </c>
      <c r="N4690" s="5" t="s">
        <v>1521</v>
      </c>
      <c r="O4690" s="5" t="s">
        <v>38</v>
      </c>
      <c r="P4690" s="5" t="s">
        <v>39</v>
      </c>
      <c r="Q4690" s="5" t="s">
        <v>40</v>
      </c>
      <c r="R4690" s="5" t="s">
        <v>1522</v>
      </c>
      <c r="S4690" s="5" t="s">
        <v>1523</v>
      </c>
      <c r="T4690" s="5" t="s">
        <v>42</v>
      </c>
      <c r="U4690" s="2">
        <v>2.0720000000000001</v>
      </c>
      <c r="V4690" s="2">
        <v>1.679</v>
      </c>
      <c r="W4690" s="2">
        <v>1.0999999999999999E-2</v>
      </c>
      <c r="X4690" s="2">
        <v>139.1</v>
      </c>
      <c r="Y4690" s="2">
        <v>7.6</v>
      </c>
      <c r="Z4690" s="2">
        <v>10.6</v>
      </c>
      <c r="AA4690" s="5"/>
      <c r="AB4690" s="5" t="s">
        <v>43</v>
      </c>
      <c r="AC4690" s="5" t="s">
        <v>44</v>
      </c>
      <c r="AD4690" s="2"/>
      <c r="AE4690" s="1"/>
    </row>
    <row r="4691" spans="1:31" ht="14.45">
      <c r="A4691" s="11"/>
      <c r="B4691" s="20"/>
      <c r="C4691" s="2" t="s">
        <v>14527</v>
      </c>
      <c r="D4691" s="14" t="s">
        <v>14528</v>
      </c>
      <c r="E4691" s="2" t="s">
        <v>14529</v>
      </c>
      <c r="F4691" s="2" t="s">
        <v>7615</v>
      </c>
      <c r="G4691" s="8">
        <v>151</v>
      </c>
      <c r="H4691" s="5">
        <v>6</v>
      </c>
      <c r="I4691" s="5" t="s">
        <v>1518</v>
      </c>
      <c r="J4691" s="5" t="s">
        <v>1519</v>
      </c>
      <c r="K4691" s="2" t="s">
        <v>1520</v>
      </c>
      <c r="L4691" s="5" t="s">
        <v>1519</v>
      </c>
      <c r="M4691" s="2" t="s">
        <v>1520</v>
      </c>
      <c r="N4691" s="5" t="s">
        <v>1521</v>
      </c>
      <c r="O4691" s="5" t="s">
        <v>38</v>
      </c>
      <c r="P4691" s="5" t="s">
        <v>39</v>
      </c>
      <c r="Q4691" s="5" t="s">
        <v>40</v>
      </c>
      <c r="R4691" s="5" t="s">
        <v>1522</v>
      </c>
      <c r="S4691" s="5" t="s">
        <v>1523</v>
      </c>
      <c r="T4691" s="5" t="s">
        <v>42</v>
      </c>
      <c r="U4691" s="2">
        <v>2.044</v>
      </c>
      <c r="V4691" s="2">
        <v>1.651</v>
      </c>
      <c r="W4691" s="2">
        <v>1.0999999999999999E-2</v>
      </c>
      <c r="X4691" s="2">
        <v>139.1</v>
      </c>
      <c r="Y4691" s="2">
        <v>7.6</v>
      </c>
      <c r="Z4691" s="2">
        <v>10.6</v>
      </c>
      <c r="AA4691" s="5"/>
      <c r="AB4691" s="5" t="s">
        <v>43</v>
      </c>
      <c r="AC4691" s="5" t="s">
        <v>44</v>
      </c>
      <c r="AD4691" s="2"/>
      <c r="AE4691" s="1"/>
    </row>
    <row r="4692" spans="1:31" ht="14.45">
      <c r="A4692" s="11"/>
      <c r="B4692" s="20"/>
      <c r="C4692" s="2" t="s">
        <v>14530</v>
      </c>
      <c r="D4692" s="14" t="s">
        <v>14531</v>
      </c>
      <c r="E4692" s="2" t="s">
        <v>14532</v>
      </c>
      <c r="F4692" s="2" t="s">
        <v>7396</v>
      </c>
      <c r="G4692" s="8">
        <v>138</v>
      </c>
      <c r="H4692" s="5">
        <v>5</v>
      </c>
      <c r="I4692" s="5" t="s">
        <v>1518</v>
      </c>
      <c r="J4692" s="5" t="s">
        <v>1519</v>
      </c>
      <c r="K4692" s="2" t="s">
        <v>1520</v>
      </c>
      <c r="L4692" s="5" t="s">
        <v>1519</v>
      </c>
      <c r="M4692" s="2" t="s">
        <v>1520</v>
      </c>
      <c r="N4692" s="5" t="s">
        <v>1521</v>
      </c>
      <c r="O4692" s="5" t="s">
        <v>38</v>
      </c>
      <c r="P4692" s="5" t="s">
        <v>39</v>
      </c>
      <c r="Q4692" s="5" t="s">
        <v>40</v>
      </c>
      <c r="R4692" s="5" t="s">
        <v>1522</v>
      </c>
      <c r="S4692" s="5" t="s">
        <v>1523</v>
      </c>
      <c r="T4692" s="5" t="s">
        <v>42</v>
      </c>
      <c r="U4692" s="2">
        <v>2.1269999999999998</v>
      </c>
      <c r="V4692" s="2">
        <v>1.8009999999999999</v>
      </c>
      <c r="W4692" s="2">
        <v>0.01</v>
      </c>
      <c r="X4692" s="2">
        <v>118.9</v>
      </c>
      <c r="Y4692" s="2">
        <v>7.6</v>
      </c>
      <c r="Z4692" s="2">
        <v>10.6</v>
      </c>
      <c r="AA4692" s="5"/>
      <c r="AB4692" s="5" t="s">
        <v>43</v>
      </c>
      <c r="AC4692" s="5" t="s">
        <v>44</v>
      </c>
      <c r="AD4692" s="2"/>
      <c r="AE4692" s="1"/>
    </row>
    <row r="4693" spans="1:31" ht="14.45">
      <c r="A4693" s="11"/>
      <c r="B4693" s="20"/>
      <c r="C4693" s="2" t="s">
        <v>14533</v>
      </c>
      <c r="D4693" s="14" t="s">
        <v>14534</v>
      </c>
      <c r="E4693" s="2" t="s">
        <v>14535</v>
      </c>
      <c r="F4693" s="2" t="s">
        <v>7204</v>
      </c>
      <c r="G4693" s="8">
        <v>138</v>
      </c>
      <c r="H4693" s="5">
        <v>5</v>
      </c>
      <c r="I4693" s="5" t="s">
        <v>1518</v>
      </c>
      <c r="J4693" s="5" t="s">
        <v>1519</v>
      </c>
      <c r="K4693" s="2" t="s">
        <v>1520</v>
      </c>
      <c r="L4693" s="5" t="s">
        <v>1519</v>
      </c>
      <c r="M4693" s="2" t="s">
        <v>1520</v>
      </c>
      <c r="N4693" s="5" t="s">
        <v>1521</v>
      </c>
      <c r="O4693" s="5" t="s">
        <v>38</v>
      </c>
      <c r="P4693" s="5" t="s">
        <v>39</v>
      </c>
      <c r="Q4693" s="5" t="s">
        <v>40</v>
      </c>
      <c r="R4693" s="5" t="s">
        <v>1522</v>
      </c>
      <c r="S4693" s="5" t="s">
        <v>1523</v>
      </c>
      <c r="T4693" s="5" t="s">
        <v>42</v>
      </c>
      <c r="U4693" s="2">
        <v>2.137</v>
      </c>
      <c r="V4693" s="2">
        <v>1.8109999999999999</v>
      </c>
      <c r="W4693" s="2">
        <v>0.01</v>
      </c>
      <c r="X4693" s="2">
        <v>118.9</v>
      </c>
      <c r="Y4693" s="2">
        <v>7.6</v>
      </c>
      <c r="Z4693" s="2">
        <v>10.6</v>
      </c>
      <c r="AA4693" s="5"/>
      <c r="AB4693" s="5" t="s">
        <v>43</v>
      </c>
      <c r="AC4693" s="5" t="s">
        <v>44</v>
      </c>
      <c r="AD4693" s="2"/>
      <c r="AE4693" s="1"/>
    </row>
    <row r="4694" spans="1:31" ht="14.45">
      <c r="A4694" s="11"/>
      <c r="B4694" s="20"/>
      <c r="C4694" s="2" t="s">
        <v>14536</v>
      </c>
      <c r="D4694" s="14" t="s">
        <v>14537</v>
      </c>
      <c r="E4694" s="2" t="s">
        <v>14538</v>
      </c>
      <c r="F4694" s="2" t="s">
        <v>7208</v>
      </c>
      <c r="G4694" s="8">
        <v>138</v>
      </c>
      <c r="H4694" s="5">
        <v>5</v>
      </c>
      <c r="I4694" s="5" t="s">
        <v>1518</v>
      </c>
      <c r="J4694" s="5" t="s">
        <v>1519</v>
      </c>
      <c r="K4694" s="2" t="s">
        <v>1520</v>
      </c>
      <c r="L4694" s="5" t="s">
        <v>1519</v>
      </c>
      <c r="M4694" s="2" t="s">
        <v>1520</v>
      </c>
      <c r="N4694" s="5" t="s">
        <v>1521</v>
      </c>
      <c r="O4694" s="5" t="s">
        <v>38</v>
      </c>
      <c r="P4694" s="5" t="s">
        <v>39</v>
      </c>
      <c r="Q4694" s="5" t="s">
        <v>40</v>
      </c>
      <c r="R4694" s="5" t="s">
        <v>1522</v>
      </c>
      <c r="S4694" s="5" t="s">
        <v>1523</v>
      </c>
      <c r="T4694" s="5" t="s">
        <v>42</v>
      </c>
      <c r="U4694" s="2">
        <v>2.137</v>
      </c>
      <c r="V4694" s="2">
        <v>1.8109999999999999</v>
      </c>
      <c r="W4694" s="2">
        <v>0.01</v>
      </c>
      <c r="X4694" s="2">
        <v>118.9</v>
      </c>
      <c r="Y4694" s="2">
        <v>7.6</v>
      </c>
      <c r="Z4694" s="2">
        <v>10.6</v>
      </c>
      <c r="AA4694" s="5"/>
      <c r="AB4694" s="5" t="s">
        <v>43</v>
      </c>
      <c r="AC4694" s="5" t="s">
        <v>44</v>
      </c>
      <c r="AD4694" s="2"/>
      <c r="AE4694" s="1"/>
    </row>
    <row r="4695" spans="1:31" ht="14.45">
      <c r="A4695" s="11"/>
      <c r="B4695" s="20"/>
      <c r="C4695" s="2" t="s">
        <v>14539</v>
      </c>
      <c r="D4695" s="14" t="s">
        <v>14540</v>
      </c>
      <c r="E4695" s="2" t="s">
        <v>14541</v>
      </c>
      <c r="F4695" s="2" t="s">
        <v>7212</v>
      </c>
      <c r="G4695" s="8">
        <v>138</v>
      </c>
      <c r="H4695" s="5">
        <v>5</v>
      </c>
      <c r="I4695" s="5" t="s">
        <v>1518</v>
      </c>
      <c r="J4695" s="5" t="s">
        <v>1519</v>
      </c>
      <c r="K4695" s="2" t="s">
        <v>1520</v>
      </c>
      <c r="L4695" s="5" t="s">
        <v>1519</v>
      </c>
      <c r="M4695" s="2" t="s">
        <v>1520</v>
      </c>
      <c r="N4695" s="5" t="s">
        <v>1521</v>
      </c>
      <c r="O4695" s="5" t="s">
        <v>38</v>
      </c>
      <c r="P4695" s="5" t="s">
        <v>39</v>
      </c>
      <c r="Q4695" s="5" t="s">
        <v>40</v>
      </c>
      <c r="R4695" s="5" t="s">
        <v>1522</v>
      </c>
      <c r="S4695" s="5" t="s">
        <v>1523</v>
      </c>
      <c r="T4695" s="5" t="s">
        <v>42</v>
      </c>
      <c r="U4695" s="2">
        <v>2.1059999999999999</v>
      </c>
      <c r="V4695" s="2">
        <v>1.78</v>
      </c>
      <c r="W4695" s="2">
        <v>0.01</v>
      </c>
      <c r="X4695" s="2">
        <v>118.9</v>
      </c>
      <c r="Y4695" s="2">
        <v>7.6</v>
      </c>
      <c r="Z4695" s="2">
        <v>10.6</v>
      </c>
      <c r="AA4695" s="5"/>
      <c r="AB4695" s="5" t="s">
        <v>43</v>
      </c>
      <c r="AC4695" s="5" t="s">
        <v>44</v>
      </c>
      <c r="AD4695" s="2"/>
      <c r="AE4695" s="1"/>
    </row>
    <row r="4696" spans="1:31" ht="14.45">
      <c r="A4696" s="11"/>
      <c r="B4696" s="20"/>
      <c r="C4696" s="2" t="s">
        <v>14542</v>
      </c>
      <c r="D4696" s="14" t="s">
        <v>14543</v>
      </c>
      <c r="E4696" s="2" t="s">
        <v>14544</v>
      </c>
      <c r="F4696" s="2" t="s">
        <v>7406</v>
      </c>
      <c r="G4696" s="8">
        <v>159</v>
      </c>
      <c r="H4696" s="5">
        <v>6</v>
      </c>
      <c r="I4696" s="5" t="s">
        <v>1518</v>
      </c>
      <c r="J4696" s="5" t="s">
        <v>1519</v>
      </c>
      <c r="K4696" s="2" t="s">
        <v>1520</v>
      </c>
      <c r="L4696" s="5" t="s">
        <v>1519</v>
      </c>
      <c r="M4696" s="2" t="s">
        <v>1520</v>
      </c>
      <c r="N4696" s="5" t="s">
        <v>1521</v>
      </c>
      <c r="O4696" s="5" t="s">
        <v>38</v>
      </c>
      <c r="P4696" s="5" t="s">
        <v>39</v>
      </c>
      <c r="Q4696" s="5" t="s">
        <v>40</v>
      </c>
      <c r="R4696" s="5" t="s">
        <v>1522</v>
      </c>
      <c r="S4696" s="5" t="s">
        <v>1523</v>
      </c>
      <c r="T4696" s="5" t="s">
        <v>42</v>
      </c>
      <c r="U4696" s="2">
        <v>2.109</v>
      </c>
      <c r="V4696" s="2">
        <v>1.7829999999999999</v>
      </c>
      <c r="W4696" s="2">
        <v>0.01</v>
      </c>
      <c r="X4696" s="2">
        <v>118.9</v>
      </c>
      <c r="Y4696" s="2">
        <v>7.6</v>
      </c>
      <c r="Z4696" s="2">
        <v>10.6</v>
      </c>
      <c r="AA4696" s="5"/>
      <c r="AB4696" s="5" t="s">
        <v>43</v>
      </c>
      <c r="AC4696" s="5" t="s">
        <v>44</v>
      </c>
      <c r="AD4696" s="2"/>
      <c r="AE4696" s="1"/>
    </row>
    <row r="4697" spans="1:31" ht="14.45">
      <c r="A4697" s="11"/>
      <c r="B4697" s="20"/>
      <c r="C4697" s="2" t="s">
        <v>14545</v>
      </c>
      <c r="D4697" s="14" t="s">
        <v>14546</v>
      </c>
      <c r="E4697" s="2" t="s">
        <v>14547</v>
      </c>
      <c r="F4697" s="2" t="s">
        <v>7539</v>
      </c>
      <c r="G4697" s="8">
        <v>159</v>
      </c>
      <c r="H4697" s="5">
        <v>6</v>
      </c>
      <c r="I4697" s="5" t="s">
        <v>1518</v>
      </c>
      <c r="J4697" s="5" t="s">
        <v>1519</v>
      </c>
      <c r="K4697" s="2" t="s">
        <v>1520</v>
      </c>
      <c r="L4697" s="5" t="s">
        <v>1519</v>
      </c>
      <c r="M4697" s="2" t="s">
        <v>1520</v>
      </c>
      <c r="N4697" s="5" t="s">
        <v>1521</v>
      </c>
      <c r="O4697" s="5" t="s">
        <v>38</v>
      </c>
      <c r="P4697" s="5" t="s">
        <v>39</v>
      </c>
      <c r="Q4697" s="5" t="s">
        <v>40</v>
      </c>
      <c r="R4697" s="5" t="s">
        <v>1522</v>
      </c>
      <c r="S4697" s="5" t="s">
        <v>1523</v>
      </c>
      <c r="T4697" s="5" t="s">
        <v>42</v>
      </c>
      <c r="U4697" s="2">
        <v>2.14</v>
      </c>
      <c r="V4697" s="2">
        <v>1.8140000000000001</v>
      </c>
      <c r="W4697" s="2">
        <v>0.01</v>
      </c>
      <c r="X4697" s="2">
        <v>118.9</v>
      </c>
      <c r="Y4697" s="2">
        <v>7.6</v>
      </c>
      <c r="Z4697" s="2">
        <v>10.6</v>
      </c>
      <c r="AA4697" s="5"/>
      <c r="AB4697" s="5" t="s">
        <v>43</v>
      </c>
      <c r="AC4697" s="5" t="s">
        <v>44</v>
      </c>
      <c r="AD4697" s="2"/>
      <c r="AE4697" s="1"/>
    </row>
    <row r="4698" spans="1:31" ht="14.45">
      <c r="A4698" s="11"/>
      <c r="B4698" s="20"/>
      <c r="C4698" s="2" t="s">
        <v>14548</v>
      </c>
      <c r="D4698" s="14" t="s">
        <v>14549</v>
      </c>
      <c r="E4698" s="2" t="s">
        <v>14550</v>
      </c>
      <c r="F4698" s="2" t="s">
        <v>7547</v>
      </c>
      <c r="G4698" s="8">
        <v>159</v>
      </c>
      <c r="H4698" s="5">
        <v>6</v>
      </c>
      <c r="I4698" s="5" t="s">
        <v>1518</v>
      </c>
      <c r="J4698" s="5" t="s">
        <v>1519</v>
      </c>
      <c r="K4698" s="2" t="s">
        <v>1520</v>
      </c>
      <c r="L4698" s="5" t="s">
        <v>1519</v>
      </c>
      <c r="M4698" s="2" t="s">
        <v>1520</v>
      </c>
      <c r="N4698" s="5" t="s">
        <v>1521</v>
      </c>
      <c r="O4698" s="5" t="s">
        <v>38</v>
      </c>
      <c r="P4698" s="5" t="s">
        <v>39</v>
      </c>
      <c r="Q4698" s="5" t="s">
        <v>40</v>
      </c>
      <c r="R4698" s="5" t="s">
        <v>1522</v>
      </c>
      <c r="S4698" s="5" t="s">
        <v>1523</v>
      </c>
      <c r="T4698" s="5" t="s">
        <v>42</v>
      </c>
      <c r="U4698" s="2">
        <v>2.109</v>
      </c>
      <c r="V4698" s="2">
        <v>1.7829999999999999</v>
      </c>
      <c r="W4698" s="2">
        <v>0.01</v>
      </c>
      <c r="X4698" s="2">
        <v>118.9</v>
      </c>
      <c r="Y4698" s="2">
        <v>7.6</v>
      </c>
      <c r="Z4698" s="2">
        <v>10.6</v>
      </c>
      <c r="AA4698" s="5"/>
      <c r="AB4698" s="5" t="s">
        <v>43</v>
      </c>
      <c r="AC4698" s="5" t="s">
        <v>44</v>
      </c>
      <c r="AD4698" s="2"/>
      <c r="AE4698" s="1"/>
    </row>
    <row r="4699" spans="1:31" ht="14.45">
      <c r="A4699" s="11"/>
      <c r="B4699" s="20"/>
      <c r="C4699" s="2" t="s">
        <v>14551</v>
      </c>
      <c r="D4699" s="14" t="s">
        <v>14552</v>
      </c>
      <c r="E4699" s="2" t="s">
        <v>14553</v>
      </c>
      <c r="F4699" s="2" t="s">
        <v>7555</v>
      </c>
      <c r="G4699" s="8">
        <v>159</v>
      </c>
      <c r="H4699" s="5">
        <v>6</v>
      </c>
      <c r="I4699" s="5" t="s">
        <v>1518</v>
      </c>
      <c r="J4699" s="5" t="s">
        <v>1519</v>
      </c>
      <c r="K4699" s="2" t="s">
        <v>1520</v>
      </c>
      <c r="L4699" s="5" t="s">
        <v>1519</v>
      </c>
      <c r="M4699" s="2" t="s">
        <v>1520</v>
      </c>
      <c r="N4699" s="5" t="s">
        <v>1521</v>
      </c>
      <c r="O4699" s="5" t="s">
        <v>38</v>
      </c>
      <c r="P4699" s="5" t="s">
        <v>39</v>
      </c>
      <c r="Q4699" s="5" t="s">
        <v>40</v>
      </c>
      <c r="R4699" s="5" t="s">
        <v>1522</v>
      </c>
      <c r="S4699" s="5" t="s">
        <v>1523</v>
      </c>
      <c r="T4699" s="5" t="s">
        <v>42</v>
      </c>
      <c r="U4699" s="2">
        <v>2.109</v>
      </c>
      <c r="V4699" s="2">
        <v>1.7829999999999999</v>
      </c>
      <c r="W4699" s="2">
        <v>0.01</v>
      </c>
      <c r="X4699" s="2">
        <v>118.9</v>
      </c>
      <c r="Y4699" s="2">
        <v>7.6</v>
      </c>
      <c r="Z4699" s="2">
        <v>10.6</v>
      </c>
      <c r="AA4699" s="5"/>
      <c r="AB4699" s="5" t="s">
        <v>43</v>
      </c>
      <c r="AC4699" s="5" t="s">
        <v>44</v>
      </c>
      <c r="AD4699" s="2"/>
      <c r="AE4699" s="1"/>
    </row>
    <row r="4700" spans="1:31" ht="14.45">
      <c r="A4700" s="11"/>
      <c r="B4700" s="20"/>
      <c r="C4700" s="2" t="s">
        <v>14554</v>
      </c>
      <c r="D4700" s="14" t="s">
        <v>14555</v>
      </c>
      <c r="E4700" s="2" t="s">
        <v>14556</v>
      </c>
      <c r="F4700" s="2" t="s">
        <v>7563</v>
      </c>
      <c r="G4700" s="8">
        <v>159</v>
      </c>
      <c r="H4700" s="5">
        <v>6</v>
      </c>
      <c r="I4700" s="5" t="s">
        <v>1518</v>
      </c>
      <c r="J4700" s="5" t="s">
        <v>1519</v>
      </c>
      <c r="K4700" s="2" t="s">
        <v>1520</v>
      </c>
      <c r="L4700" s="5" t="s">
        <v>1519</v>
      </c>
      <c r="M4700" s="2" t="s">
        <v>1520</v>
      </c>
      <c r="N4700" s="5" t="s">
        <v>1521</v>
      </c>
      <c r="O4700" s="5" t="s">
        <v>38</v>
      </c>
      <c r="P4700" s="5" t="s">
        <v>39</v>
      </c>
      <c r="Q4700" s="5" t="s">
        <v>40</v>
      </c>
      <c r="R4700" s="5" t="s">
        <v>1522</v>
      </c>
      <c r="S4700" s="5" t="s">
        <v>1523</v>
      </c>
      <c r="T4700" s="5" t="s">
        <v>42</v>
      </c>
      <c r="U4700" s="2">
        <v>2.14</v>
      </c>
      <c r="V4700" s="2">
        <v>1.8140000000000001</v>
      </c>
      <c r="W4700" s="2">
        <v>0.01</v>
      </c>
      <c r="X4700" s="2">
        <v>118.9</v>
      </c>
      <c r="Y4700" s="2">
        <v>7.6</v>
      </c>
      <c r="Z4700" s="2">
        <v>10.6</v>
      </c>
      <c r="AA4700" s="5"/>
      <c r="AB4700" s="5" t="s">
        <v>43</v>
      </c>
      <c r="AC4700" s="5" t="s">
        <v>44</v>
      </c>
      <c r="AD4700" s="2"/>
      <c r="AE4700" s="1"/>
    </row>
    <row r="4701" spans="1:31" ht="14.45">
      <c r="A4701" s="11"/>
      <c r="B4701" s="20"/>
      <c r="C4701" s="2" t="s">
        <v>14557</v>
      </c>
      <c r="D4701" s="14" t="s">
        <v>14558</v>
      </c>
      <c r="E4701" s="2" t="s">
        <v>14559</v>
      </c>
      <c r="F4701" s="2" t="s">
        <v>7429</v>
      </c>
      <c r="G4701" s="8">
        <v>159</v>
      </c>
      <c r="H4701" s="5">
        <v>6</v>
      </c>
      <c r="I4701" s="5" t="s">
        <v>1518</v>
      </c>
      <c r="J4701" s="5" t="s">
        <v>1519</v>
      </c>
      <c r="K4701" s="2" t="s">
        <v>1520</v>
      </c>
      <c r="L4701" s="5" t="s">
        <v>1519</v>
      </c>
      <c r="M4701" s="2" t="s">
        <v>1520</v>
      </c>
      <c r="N4701" s="5" t="s">
        <v>1521</v>
      </c>
      <c r="O4701" s="5" t="s">
        <v>38</v>
      </c>
      <c r="P4701" s="5" t="s">
        <v>39</v>
      </c>
      <c r="Q4701" s="5" t="s">
        <v>40</v>
      </c>
      <c r="R4701" s="5" t="s">
        <v>1522</v>
      </c>
      <c r="S4701" s="5" t="s">
        <v>1523</v>
      </c>
      <c r="T4701" s="5" t="s">
        <v>42</v>
      </c>
      <c r="U4701" s="2">
        <v>2.14</v>
      </c>
      <c r="V4701" s="2">
        <v>1.8140000000000001</v>
      </c>
      <c r="W4701" s="2">
        <v>0.01</v>
      </c>
      <c r="X4701" s="2">
        <v>118.9</v>
      </c>
      <c r="Y4701" s="2">
        <v>7.6</v>
      </c>
      <c r="Z4701" s="2">
        <v>10.6</v>
      </c>
      <c r="AA4701" s="5"/>
      <c r="AB4701" s="5" t="s">
        <v>43</v>
      </c>
      <c r="AC4701" s="5" t="s">
        <v>44</v>
      </c>
      <c r="AD4701" s="2"/>
      <c r="AE4701" s="1"/>
    </row>
    <row r="4702" spans="1:31" ht="14.45">
      <c r="A4702" s="11"/>
      <c r="B4702" s="20"/>
      <c r="C4702" s="2" t="s">
        <v>14560</v>
      </c>
      <c r="D4702" s="14" t="s">
        <v>14561</v>
      </c>
      <c r="E4702" s="2" t="s">
        <v>14562</v>
      </c>
      <c r="F4702" s="2" t="s">
        <v>7449</v>
      </c>
      <c r="G4702" s="8">
        <v>159</v>
      </c>
      <c r="H4702" s="5">
        <v>6</v>
      </c>
      <c r="I4702" s="5" t="s">
        <v>1518</v>
      </c>
      <c r="J4702" s="5" t="s">
        <v>1519</v>
      </c>
      <c r="K4702" s="2" t="s">
        <v>1520</v>
      </c>
      <c r="L4702" s="5" t="s">
        <v>1519</v>
      </c>
      <c r="M4702" s="2" t="s">
        <v>1520</v>
      </c>
      <c r="N4702" s="5" t="s">
        <v>1521</v>
      </c>
      <c r="O4702" s="5" t="s">
        <v>38</v>
      </c>
      <c r="P4702" s="5" t="s">
        <v>39</v>
      </c>
      <c r="Q4702" s="5" t="s">
        <v>40</v>
      </c>
      <c r="R4702" s="5" t="s">
        <v>1522</v>
      </c>
      <c r="S4702" s="5" t="s">
        <v>1523</v>
      </c>
      <c r="T4702" s="5" t="s">
        <v>42</v>
      </c>
      <c r="U4702" s="2">
        <v>2.14</v>
      </c>
      <c r="V4702" s="2">
        <v>1.8140000000000001</v>
      </c>
      <c r="W4702" s="2">
        <v>0.01</v>
      </c>
      <c r="X4702" s="2">
        <v>118.9</v>
      </c>
      <c r="Y4702" s="2">
        <v>7.6</v>
      </c>
      <c r="Z4702" s="2">
        <v>10.6</v>
      </c>
      <c r="AA4702" s="5"/>
      <c r="AB4702" s="5" t="s">
        <v>43</v>
      </c>
      <c r="AC4702" s="5" t="s">
        <v>44</v>
      </c>
      <c r="AD4702" s="2"/>
      <c r="AE4702" s="1"/>
    </row>
    <row r="4703" spans="1:31" ht="14.45">
      <c r="A4703" s="11"/>
      <c r="B4703" s="20"/>
      <c r="C4703" s="2" t="s">
        <v>14563</v>
      </c>
      <c r="D4703" s="14" t="s">
        <v>14564</v>
      </c>
      <c r="E4703" s="2" t="s">
        <v>14565</v>
      </c>
      <c r="F4703" s="2" t="s">
        <v>7585</v>
      </c>
      <c r="G4703" s="8">
        <v>159</v>
      </c>
      <c r="H4703" s="5">
        <v>6</v>
      </c>
      <c r="I4703" s="5" t="s">
        <v>1518</v>
      </c>
      <c r="J4703" s="5" t="s">
        <v>1519</v>
      </c>
      <c r="K4703" s="2" t="s">
        <v>1520</v>
      </c>
      <c r="L4703" s="5" t="s">
        <v>1519</v>
      </c>
      <c r="M4703" s="2" t="s">
        <v>1520</v>
      </c>
      <c r="N4703" s="5" t="s">
        <v>1521</v>
      </c>
      <c r="O4703" s="5" t="s">
        <v>38</v>
      </c>
      <c r="P4703" s="5" t="s">
        <v>39</v>
      </c>
      <c r="Q4703" s="5" t="s">
        <v>40</v>
      </c>
      <c r="R4703" s="5" t="s">
        <v>1522</v>
      </c>
      <c r="S4703" s="5" t="s">
        <v>1523</v>
      </c>
      <c r="T4703" s="5" t="s">
        <v>42</v>
      </c>
      <c r="U4703" s="2">
        <v>2.109</v>
      </c>
      <c r="V4703" s="2">
        <v>1.7829999999999999</v>
      </c>
      <c r="W4703" s="2">
        <v>0.01</v>
      </c>
      <c r="X4703" s="2">
        <v>118.9</v>
      </c>
      <c r="Y4703" s="2">
        <v>7.6</v>
      </c>
      <c r="Z4703" s="2">
        <v>10.6</v>
      </c>
      <c r="AA4703" s="5"/>
      <c r="AB4703" s="5" t="s">
        <v>43</v>
      </c>
      <c r="AC4703" s="5" t="s">
        <v>44</v>
      </c>
      <c r="AD4703" s="2"/>
      <c r="AE4703" s="1"/>
    </row>
    <row r="4704" spans="1:31" ht="14.45">
      <c r="A4704" s="11"/>
      <c r="B4704" s="20"/>
      <c r="C4704" s="2" t="s">
        <v>14566</v>
      </c>
      <c r="D4704" s="14" t="s">
        <v>14567</v>
      </c>
      <c r="E4704" s="2" t="s">
        <v>14568</v>
      </c>
      <c r="F4704" s="2" t="s">
        <v>7593</v>
      </c>
      <c r="G4704" s="8">
        <v>159</v>
      </c>
      <c r="H4704" s="5">
        <v>6</v>
      </c>
      <c r="I4704" s="5" t="s">
        <v>1518</v>
      </c>
      <c r="J4704" s="5" t="s">
        <v>1519</v>
      </c>
      <c r="K4704" s="2" t="s">
        <v>1520</v>
      </c>
      <c r="L4704" s="5" t="s">
        <v>1519</v>
      </c>
      <c r="M4704" s="2" t="s">
        <v>1520</v>
      </c>
      <c r="N4704" s="5" t="s">
        <v>1521</v>
      </c>
      <c r="O4704" s="5" t="s">
        <v>38</v>
      </c>
      <c r="P4704" s="5" t="s">
        <v>39</v>
      </c>
      <c r="Q4704" s="5" t="s">
        <v>40</v>
      </c>
      <c r="R4704" s="5" t="s">
        <v>1522</v>
      </c>
      <c r="S4704" s="5" t="s">
        <v>1523</v>
      </c>
      <c r="T4704" s="5" t="s">
        <v>42</v>
      </c>
      <c r="U4704" s="2">
        <v>2.14</v>
      </c>
      <c r="V4704" s="2">
        <v>1.8140000000000001</v>
      </c>
      <c r="W4704" s="2">
        <v>0.01</v>
      </c>
      <c r="X4704" s="2">
        <v>118.9</v>
      </c>
      <c r="Y4704" s="2">
        <v>7.6</v>
      </c>
      <c r="Z4704" s="2">
        <v>10.6</v>
      </c>
      <c r="AA4704" s="5"/>
      <c r="AB4704" s="5" t="s">
        <v>43</v>
      </c>
      <c r="AC4704" s="5" t="s">
        <v>44</v>
      </c>
      <c r="AD4704" s="2"/>
      <c r="AE4704" s="1"/>
    </row>
    <row r="4705" spans="1:31" ht="14.45">
      <c r="A4705" s="11"/>
      <c r="B4705" s="20"/>
      <c r="C4705" s="2" t="s">
        <v>14569</v>
      </c>
      <c r="D4705" s="14" t="s">
        <v>14570</v>
      </c>
      <c r="E4705" s="2" t="s">
        <v>14571</v>
      </c>
      <c r="F4705" s="2" t="s">
        <v>7410</v>
      </c>
      <c r="G4705" s="8">
        <v>159</v>
      </c>
      <c r="H4705" s="5">
        <v>6</v>
      </c>
      <c r="I4705" s="5" t="s">
        <v>1518</v>
      </c>
      <c r="J4705" s="5" t="s">
        <v>1519</v>
      </c>
      <c r="K4705" s="2" t="s">
        <v>1520</v>
      </c>
      <c r="L4705" s="5" t="s">
        <v>1519</v>
      </c>
      <c r="M4705" s="2" t="s">
        <v>1520</v>
      </c>
      <c r="N4705" s="5" t="s">
        <v>1521</v>
      </c>
      <c r="O4705" s="5" t="s">
        <v>38</v>
      </c>
      <c r="P4705" s="5" t="s">
        <v>39</v>
      </c>
      <c r="Q4705" s="5" t="s">
        <v>40</v>
      </c>
      <c r="R4705" s="5" t="s">
        <v>1522</v>
      </c>
      <c r="S4705" s="5" t="s">
        <v>1523</v>
      </c>
      <c r="T4705" s="5" t="s">
        <v>42</v>
      </c>
      <c r="U4705" s="2">
        <v>2.14</v>
      </c>
      <c r="V4705" s="2">
        <v>1.8140000000000001</v>
      </c>
      <c r="W4705" s="2">
        <v>0.01</v>
      </c>
      <c r="X4705" s="2">
        <v>118.9</v>
      </c>
      <c r="Y4705" s="2">
        <v>7.6</v>
      </c>
      <c r="Z4705" s="2">
        <v>10.6</v>
      </c>
      <c r="AA4705" s="5"/>
      <c r="AB4705" s="5" t="s">
        <v>43</v>
      </c>
      <c r="AC4705" s="5" t="s">
        <v>44</v>
      </c>
      <c r="AD4705" s="2"/>
      <c r="AE4705" s="1"/>
    </row>
    <row r="4706" spans="1:31" ht="14.45">
      <c r="A4706" s="11"/>
      <c r="B4706" s="20"/>
      <c r="C4706" s="2" t="s">
        <v>14572</v>
      </c>
      <c r="D4706" s="14" t="s">
        <v>14573</v>
      </c>
      <c r="E4706" s="2" t="s">
        <v>14574</v>
      </c>
      <c r="F4706" s="2" t="s">
        <v>7433</v>
      </c>
      <c r="G4706" s="8">
        <v>159</v>
      </c>
      <c r="H4706" s="5">
        <v>6</v>
      </c>
      <c r="I4706" s="5" t="s">
        <v>1518</v>
      </c>
      <c r="J4706" s="5" t="s">
        <v>1519</v>
      </c>
      <c r="K4706" s="2" t="s">
        <v>1520</v>
      </c>
      <c r="L4706" s="5" t="s">
        <v>1519</v>
      </c>
      <c r="M4706" s="2" t="s">
        <v>1520</v>
      </c>
      <c r="N4706" s="5" t="s">
        <v>1521</v>
      </c>
      <c r="O4706" s="5" t="s">
        <v>38</v>
      </c>
      <c r="P4706" s="5" t="s">
        <v>39</v>
      </c>
      <c r="Q4706" s="5" t="s">
        <v>40</v>
      </c>
      <c r="R4706" s="5" t="s">
        <v>1522</v>
      </c>
      <c r="S4706" s="5" t="s">
        <v>1523</v>
      </c>
      <c r="T4706" s="5" t="s">
        <v>42</v>
      </c>
      <c r="U4706" s="2">
        <v>2.14</v>
      </c>
      <c r="V4706" s="2">
        <v>1.8140000000000001</v>
      </c>
      <c r="W4706" s="2">
        <v>0.01</v>
      </c>
      <c r="X4706" s="2">
        <v>118.9</v>
      </c>
      <c r="Y4706" s="2">
        <v>7.6</v>
      </c>
      <c r="Z4706" s="2">
        <v>10.6</v>
      </c>
      <c r="AA4706" s="5"/>
      <c r="AB4706" s="5" t="s">
        <v>43</v>
      </c>
      <c r="AC4706" s="5" t="s">
        <v>44</v>
      </c>
      <c r="AD4706" s="2"/>
      <c r="AE4706" s="1"/>
    </row>
    <row r="4707" spans="1:31" ht="14.45">
      <c r="A4707" s="11"/>
      <c r="B4707" s="20"/>
      <c r="C4707" s="2" t="s">
        <v>14575</v>
      </c>
      <c r="D4707" s="14" t="s">
        <v>14576</v>
      </c>
      <c r="E4707" s="2" t="s">
        <v>14577</v>
      </c>
      <c r="F4707" s="2" t="s">
        <v>7615</v>
      </c>
      <c r="G4707" s="8">
        <v>159</v>
      </c>
      <c r="H4707" s="5">
        <v>6</v>
      </c>
      <c r="I4707" s="5" t="s">
        <v>1518</v>
      </c>
      <c r="J4707" s="5" t="s">
        <v>1519</v>
      </c>
      <c r="K4707" s="2" t="s">
        <v>1520</v>
      </c>
      <c r="L4707" s="5" t="s">
        <v>1519</v>
      </c>
      <c r="M4707" s="2" t="s">
        <v>1520</v>
      </c>
      <c r="N4707" s="5" t="s">
        <v>1521</v>
      </c>
      <c r="O4707" s="5" t="s">
        <v>38</v>
      </c>
      <c r="P4707" s="5" t="s">
        <v>39</v>
      </c>
      <c r="Q4707" s="5" t="s">
        <v>40</v>
      </c>
      <c r="R4707" s="5" t="s">
        <v>1522</v>
      </c>
      <c r="S4707" s="5" t="s">
        <v>1523</v>
      </c>
      <c r="T4707" s="5" t="s">
        <v>42</v>
      </c>
      <c r="U4707" s="2">
        <v>2.109</v>
      </c>
      <c r="V4707" s="2">
        <v>1.7829999999999999</v>
      </c>
      <c r="W4707" s="2">
        <v>0.01</v>
      </c>
      <c r="X4707" s="2">
        <v>118.9</v>
      </c>
      <c r="Y4707" s="2">
        <v>7.6</v>
      </c>
      <c r="Z4707" s="2">
        <v>10.6</v>
      </c>
      <c r="AA4707" s="5"/>
      <c r="AB4707" s="5" t="s">
        <v>43</v>
      </c>
      <c r="AC4707" s="5" t="s">
        <v>44</v>
      </c>
      <c r="AD4707" s="2"/>
      <c r="AE4707" s="1"/>
    </row>
    <row r="4708" spans="1:31" ht="14.45">
      <c r="A4708" s="11"/>
      <c r="B4708" s="20"/>
      <c r="C4708" s="2" t="s">
        <v>14578</v>
      </c>
      <c r="D4708" s="14" t="s">
        <v>14579</v>
      </c>
      <c r="E4708" s="2" t="s">
        <v>14580</v>
      </c>
      <c r="F4708" s="2" t="s">
        <v>7396</v>
      </c>
      <c r="G4708" s="8">
        <v>146</v>
      </c>
      <c r="H4708" s="5">
        <v>6</v>
      </c>
      <c r="I4708" s="5" t="s">
        <v>1518</v>
      </c>
      <c r="J4708" s="5" t="s">
        <v>1519</v>
      </c>
      <c r="K4708" s="2" t="s">
        <v>1520</v>
      </c>
      <c r="L4708" s="5" t="s">
        <v>1519</v>
      </c>
      <c r="M4708" s="2" t="s">
        <v>1520</v>
      </c>
      <c r="N4708" s="5" t="s">
        <v>1521</v>
      </c>
      <c r="O4708" s="5" t="s">
        <v>38</v>
      </c>
      <c r="P4708" s="5" t="s">
        <v>39</v>
      </c>
      <c r="Q4708" s="5" t="s">
        <v>40</v>
      </c>
      <c r="R4708" s="5" t="s">
        <v>1522</v>
      </c>
      <c r="S4708" s="5" t="s">
        <v>1523</v>
      </c>
      <c r="T4708" s="5" t="s">
        <v>42</v>
      </c>
      <c r="U4708" s="2">
        <v>2.3119999999999998</v>
      </c>
      <c r="V4708" s="2">
        <v>1.9330000000000001</v>
      </c>
      <c r="W4708" s="2">
        <v>1.0999999999999999E-2</v>
      </c>
      <c r="X4708" s="2">
        <v>139.1</v>
      </c>
      <c r="Y4708" s="2">
        <v>7.6</v>
      </c>
      <c r="Z4708" s="2">
        <v>10.6</v>
      </c>
      <c r="AA4708" s="5"/>
      <c r="AB4708" s="5" t="s">
        <v>43</v>
      </c>
      <c r="AC4708" s="5" t="s">
        <v>44</v>
      </c>
      <c r="AD4708" s="2"/>
      <c r="AE4708" s="1"/>
    </row>
    <row r="4709" spans="1:31" ht="14.45">
      <c r="A4709" s="11"/>
      <c r="B4709" s="20"/>
      <c r="C4709" s="2" t="s">
        <v>14581</v>
      </c>
      <c r="D4709" s="14" t="s">
        <v>14582</v>
      </c>
      <c r="E4709" s="2" t="s">
        <v>14583</v>
      </c>
      <c r="F4709" s="2" t="s">
        <v>7204</v>
      </c>
      <c r="G4709" s="8">
        <v>146</v>
      </c>
      <c r="H4709" s="5">
        <v>5</v>
      </c>
      <c r="I4709" s="5" t="s">
        <v>1518</v>
      </c>
      <c r="J4709" s="5" t="s">
        <v>1519</v>
      </c>
      <c r="K4709" s="2" t="s">
        <v>1520</v>
      </c>
      <c r="L4709" s="5" t="s">
        <v>1519</v>
      </c>
      <c r="M4709" s="2" t="s">
        <v>1520</v>
      </c>
      <c r="N4709" s="5" t="s">
        <v>1521</v>
      </c>
      <c r="O4709" s="5" t="s">
        <v>38</v>
      </c>
      <c r="P4709" s="5" t="s">
        <v>39</v>
      </c>
      <c r="Q4709" s="5" t="s">
        <v>40</v>
      </c>
      <c r="R4709" s="5" t="s">
        <v>1522</v>
      </c>
      <c r="S4709" s="5" t="s">
        <v>1523</v>
      </c>
      <c r="T4709" s="5" t="s">
        <v>42</v>
      </c>
      <c r="U4709" s="2">
        <v>2.3239999999999998</v>
      </c>
      <c r="V4709" s="2">
        <v>1.9450000000000001</v>
      </c>
      <c r="W4709" s="2">
        <v>1.0999999999999999E-2</v>
      </c>
      <c r="X4709" s="2">
        <v>139.1</v>
      </c>
      <c r="Y4709" s="2">
        <v>7.6</v>
      </c>
      <c r="Z4709" s="2">
        <v>10.6</v>
      </c>
      <c r="AA4709" s="5"/>
      <c r="AB4709" s="5" t="s">
        <v>43</v>
      </c>
      <c r="AC4709" s="5" t="s">
        <v>44</v>
      </c>
      <c r="AD4709" s="2"/>
      <c r="AE4709" s="1"/>
    </row>
    <row r="4710" spans="1:31" ht="14.45">
      <c r="A4710" s="11"/>
      <c r="B4710" s="20"/>
      <c r="C4710" s="2" t="s">
        <v>14584</v>
      </c>
      <c r="D4710" s="14" t="s">
        <v>14585</v>
      </c>
      <c r="E4710" s="2" t="s">
        <v>14586</v>
      </c>
      <c r="F4710" s="2" t="s">
        <v>7208</v>
      </c>
      <c r="G4710" s="8">
        <v>146</v>
      </c>
      <c r="H4710" s="5">
        <v>6</v>
      </c>
      <c r="I4710" s="5" t="s">
        <v>1518</v>
      </c>
      <c r="J4710" s="5" t="s">
        <v>1519</v>
      </c>
      <c r="K4710" s="2" t="s">
        <v>1520</v>
      </c>
      <c r="L4710" s="5" t="s">
        <v>1519</v>
      </c>
      <c r="M4710" s="2" t="s">
        <v>1520</v>
      </c>
      <c r="N4710" s="5" t="s">
        <v>1521</v>
      </c>
      <c r="O4710" s="5" t="s">
        <v>38</v>
      </c>
      <c r="P4710" s="5" t="s">
        <v>39</v>
      </c>
      <c r="Q4710" s="5" t="s">
        <v>40</v>
      </c>
      <c r="R4710" s="5" t="s">
        <v>1522</v>
      </c>
      <c r="S4710" s="5" t="s">
        <v>1523</v>
      </c>
      <c r="T4710" s="5" t="s">
        <v>42</v>
      </c>
      <c r="U4710" s="2">
        <v>2.3250000000000002</v>
      </c>
      <c r="V4710" s="2">
        <v>1.946</v>
      </c>
      <c r="W4710" s="2">
        <v>1.0999999999999999E-2</v>
      </c>
      <c r="X4710" s="2">
        <v>139.1</v>
      </c>
      <c r="Y4710" s="2">
        <v>7.6</v>
      </c>
      <c r="Z4710" s="2">
        <v>10.6</v>
      </c>
      <c r="AA4710" s="5"/>
      <c r="AB4710" s="5" t="s">
        <v>43</v>
      </c>
      <c r="AC4710" s="5" t="s">
        <v>44</v>
      </c>
      <c r="AD4710" s="2"/>
      <c r="AE4710" s="1"/>
    </row>
    <row r="4711" spans="1:31" ht="14.45">
      <c r="A4711" s="11"/>
      <c r="B4711" s="20"/>
      <c r="C4711" s="2" t="s">
        <v>14587</v>
      </c>
      <c r="D4711" s="14" t="s">
        <v>14588</v>
      </c>
      <c r="E4711" s="2" t="s">
        <v>14589</v>
      </c>
      <c r="F4711" s="2" t="s">
        <v>7212</v>
      </c>
      <c r="G4711" s="8">
        <v>146</v>
      </c>
      <c r="H4711" s="5">
        <v>6</v>
      </c>
      <c r="I4711" s="5" t="s">
        <v>1518</v>
      </c>
      <c r="J4711" s="5" t="s">
        <v>1519</v>
      </c>
      <c r="K4711" s="2" t="s">
        <v>1520</v>
      </c>
      <c r="L4711" s="5" t="s">
        <v>1519</v>
      </c>
      <c r="M4711" s="2" t="s">
        <v>1520</v>
      </c>
      <c r="N4711" s="5" t="s">
        <v>1521</v>
      </c>
      <c r="O4711" s="5" t="s">
        <v>38</v>
      </c>
      <c r="P4711" s="5" t="s">
        <v>39</v>
      </c>
      <c r="Q4711" s="5" t="s">
        <v>40</v>
      </c>
      <c r="R4711" s="5" t="s">
        <v>1522</v>
      </c>
      <c r="S4711" s="5" t="s">
        <v>1523</v>
      </c>
      <c r="T4711" s="5" t="s">
        <v>42</v>
      </c>
      <c r="U4711" s="2">
        <v>2.2879999999999998</v>
      </c>
      <c r="V4711" s="2">
        <v>1.909</v>
      </c>
      <c r="W4711" s="2">
        <v>1.0999999999999999E-2</v>
      </c>
      <c r="X4711" s="2">
        <v>139.1</v>
      </c>
      <c r="Y4711" s="2">
        <v>7.6</v>
      </c>
      <c r="Z4711" s="2">
        <v>10.6</v>
      </c>
      <c r="AA4711" s="5"/>
      <c r="AB4711" s="5" t="s">
        <v>43</v>
      </c>
      <c r="AC4711" s="5" t="s">
        <v>44</v>
      </c>
      <c r="AD4711" s="2"/>
      <c r="AE4711" s="1"/>
    </row>
    <row r="4712" spans="1:31" ht="14.45">
      <c r="A4712" s="11"/>
      <c r="B4712" s="20"/>
      <c r="C4712" s="2" t="s">
        <v>14590</v>
      </c>
      <c r="D4712" s="14" t="s">
        <v>14591</v>
      </c>
      <c r="E4712" s="2" t="s">
        <v>14592</v>
      </c>
      <c r="F4712" s="2" t="s">
        <v>7406</v>
      </c>
      <c r="G4712" s="8">
        <v>168</v>
      </c>
      <c r="H4712" s="5">
        <v>6</v>
      </c>
      <c r="I4712" s="5" t="s">
        <v>1518</v>
      </c>
      <c r="J4712" s="5" t="s">
        <v>1519</v>
      </c>
      <c r="K4712" s="2" t="s">
        <v>1520</v>
      </c>
      <c r="L4712" s="5" t="s">
        <v>1519</v>
      </c>
      <c r="M4712" s="2" t="s">
        <v>1520</v>
      </c>
      <c r="N4712" s="5" t="s">
        <v>1521</v>
      </c>
      <c r="O4712" s="5" t="s">
        <v>38</v>
      </c>
      <c r="P4712" s="5" t="s">
        <v>39</v>
      </c>
      <c r="Q4712" s="5" t="s">
        <v>40</v>
      </c>
      <c r="R4712" s="5" t="s">
        <v>1522</v>
      </c>
      <c r="S4712" s="5" t="s">
        <v>1523</v>
      </c>
      <c r="T4712" s="5" t="s">
        <v>42</v>
      </c>
      <c r="U4712" s="2">
        <v>2.2909999999999999</v>
      </c>
      <c r="V4712" s="2">
        <v>1.9119999999999999</v>
      </c>
      <c r="W4712" s="2">
        <v>1.0999999999999999E-2</v>
      </c>
      <c r="X4712" s="2">
        <v>139.1</v>
      </c>
      <c r="Y4712" s="2">
        <v>7.6</v>
      </c>
      <c r="Z4712" s="2">
        <v>10.6</v>
      </c>
      <c r="AA4712" s="5"/>
      <c r="AB4712" s="5" t="s">
        <v>43</v>
      </c>
      <c r="AC4712" s="5" t="s">
        <v>44</v>
      </c>
      <c r="AD4712" s="2"/>
      <c r="AE4712" s="1"/>
    </row>
    <row r="4713" spans="1:31" ht="14.45">
      <c r="A4713" s="11"/>
      <c r="B4713" s="20"/>
      <c r="C4713" s="2" t="s">
        <v>14593</v>
      </c>
      <c r="D4713" s="14" t="s">
        <v>14594</v>
      </c>
      <c r="E4713" s="2" t="s">
        <v>14595</v>
      </c>
      <c r="F4713" s="2" t="s">
        <v>7539</v>
      </c>
      <c r="G4713" s="8">
        <v>168</v>
      </c>
      <c r="H4713" s="5">
        <v>6</v>
      </c>
      <c r="I4713" s="5" t="s">
        <v>1518</v>
      </c>
      <c r="J4713" s="5" t="s">
        <v>1519</v>
      </c>
      <c r="K4713" s="2" t="s">
        <v>1520</v>
      </c>
      <c r="L4713" s="5" t="s">
        <v>1519</v>
      </c>
      <c r="M4713" s="2" t="s">
        <v>1520</v>
      </c>
      <c r="N4713" s="5" t="s">
        <v>1521</v>
      </c>
      <c r="O4713" s="5" t="s">
        <v>38</v>
      </c>
      <c r="P4713" s="5" t="s">
        <v>39</v>
      </c>
      <c r="Q4713" s="5" t="s">
        <v>40</v>
      </c>
      <c r="R4713" s="5" t="s">
        <v>1522</v>
      </c>
      <c r="S4713" s="5" t="s">
        <v>1523</v>
      </c>
      <c r="T4713" s="5" t="s">
        <v>42</v>
      </c>
      <c r="U4713" s="2">
        <v>2.327</v>
      </c>
      <c r="V4713" s="2">
        <v>1.948</v>
      </c>
      <c r="W4713" s="2">
        <v>1.0999999999999999E-2</v>
      </c>
      <c r="X4713" s="2">
        <v>139.1</v>
      </c>
      <c r="Y4713" s="2">
        <v>7.6</v>
      </c>
      <c r="Z4713" s="2">
        <v>10.6</v>
      </c>
      <c r="AA4713" s="5"/>
      <c r="AB4713" s="5" t="s">
        <v>43</v>
      </c>
      <c r="AC4713" s="5" t="s">
        <v>44</v>
      </c>
      <c r="AD4713" s="2"/>
      <c r="AE4713" s="1"/>
    </row>
    <row r="4714" spans="1:31" ht="14.45">
      <c r="A4714" s="11"/>
      <c r="B4714" s="20"/>
      <c r="C4714" s="2" t="s">
        <v>14596</v>
      </c>
      <c r="D4714" s="14" t="s">
        <v>14597</v>
      </c>
      <c r="E4714" s="2" t="s">
        <v>14598</v>
      </c>
      <c r="F4714" s="2" t="s">
        <v>7547</v>
      </c>
      <c r="G4714" s="8">
        <v>168</v>
      </c>
      <c r="H4714" s="5">
        <v>6</v>
      </c>
      <c r="I4714" s="5" t="s">
        <v>1518</v>
      </c>
      <c r="J4714" s="5" t="s">
        <v>1519</v>
      </c>
      <c r="K4714" s="2" t="s">
        <v>1520</v>
      </c>
      <c r="L4714" s="5" t="s">
        <v>1519</v>
      </c>
      <c r="M4714" s="2" t="s">
        <v>1520</v>
      </c>
      <c r="N4714" s="5" t="s">
        <v>1521</v>
      </c>
      <c r="O4714" s="5" t="s">
        <v>38</v>
      </c>
      <c r="P4714" s="5" t="s">
        <v>39</v>
      </c>
      <c r="Q4714" s="5" t="s">
        <v>40</v>
      </c>
      <c r="R4714" s="5" t="s">
        <v>1522</v>
      </c>
      <c r="S4714" s="5" t="s">
        <v>1523</v>
      </c>
      <c r="T4714" s="5" t="s">
        <v>42</v>
      </c>
      <c r="U4714" s="2">
        <v>2.2909999999999999</v>
      </c>
      <c r="V4714" s="2">
        <v>1.9119999999999999</v>
      </c>
      <c r="W4714" s="2">
        <v>1.0999999999999999E-2</v>
      </c>
      <c r="X4714" s="2">
        <v>139.1</v>
      </c>
      <c r="Y4714" s="2">
        <v>7.6</v>
      </c>
      <c r="Z4714" s="2">
        <v>10.6</v>
      </c>
      <c r="AA4714" s="5"/>
      <c r="AB4714" s="5" t="s">
        <v>43</v>
      </c>
      <c r="AC4714" s="5" t="s">
        <v>44</v>
      </c>
      <c r="AD4714" s="2"/>
      <c r="AE4714" s="1"/>
    </row>
    <row r="4715" spans="1:31" ht="14.45">
      <c r="A4715" s="11"/>
      <c r="B4715" s="20"/>
      <c r="C4715" s="2" t="s">
        <v>14599</v>
      </c>
      <c r="D4715" s="14" t="s">
        <v>14600</v>
      </c>
      <c r="E4715" s="2" t="s">
        <v>14601</v>
      </c>
      <c r="F4715" s="2" t="s">
        <v>7555</v>
      </c>
      <c r="G4715" s="8">
        <v>168</v>
      </c>
      <c r="H4715" s="5">
        <v>6</v>
      </c>
      <c r="I4715" s="5" t="s">
        <v>1518</v>
      </c>
      <c r="J4715" s="5" t="s">
        <v>1519</v>
      </c>
      <c r="K4715" s="2" t="s">
        <v>1520</v>
      </c>
      <c r="L4715" s="5" t="s">
        <v>1519</v>
      </c>
      <c r="M4715" s="2" t="s">
        <v>1520</v>
      </c>
      <c r="N4715" s="5" t="s">
        <v>1521</v>
      </c>
      <c r="O4715" s="5" t="s">
        <v>38</v>
      </c>
      <c r="P4715" s="5" t="s">
        <v>39</v>
      </c>
      <c r="Q4715" s="5" t="s">
        <v>40</v>
      </c>
      <c r="R4715" s="5" t="s">
        <v>1522</v>
      </c>
      <c r="S4715" s="5" t="s">
        <v>1523</v>
      </c>
      <c r="T4715" s="5" t="s">
        <v>42</v>
      </c>
      <c r="U4715" s="2">
        <v>2.2909999999999999</v>
      </c>
      <c r="V4715" s="2">
        <v>1.9119999999999999</v>
      </c>
      <c r="W4715" s="2">
        <v>1.0999999999999999E-2</v>
      </c>
      <c r="X4715" s="2">
        <v>139.1</v>
      </c>
      <c r="Y4715" s="2">
        <v>7.6</v>
      </c>
      <c r="Z4715" s="2">
        <v>10.6</v>
      </c>
      <c r="AA4715" s="5"/>
      <c r="AB4715" s="5" t="s">
        <v>43</v>
      </c>
      <c r="AC4715" s="5" t="s">
        <v>44</v>
      </c>
      <c r="AD4715" s="2"/>
      <c r="AE4715" s="1"/>
    </row>
    <row r="4716" spans="1:31" ht="14.45">
      <c r="A4716" s="11"/>
      <c r="B4716" s="20"/>
      <c r="C4716" s="2" t="s">
        <v>14602</v>
      </c>
      <c r="D4716" s="14" t="s">
        <v>14603</v>
      </c>
      <c r="E4716" s="2" t="s">
        <v>14604</v>
      </c>
      <c r="F4716" s="2" t="s">
        <v>7563</v>
      </c>
      <c r="G4716" s="8">
        <v>168</v>
      </c>
      <c r="H4716" s="5">
        <v>6</v>
      </c>
      <c r="I4716" s="5" t="s">
        <v>1518</v>
      </c>
      <c r="J4716" s="5" t="s">
        <v>1519</v>
      </c>
      <c r="K4716" s="2" t="s">
        <v>1520</v>
      </c>
      <c r="L4716" s="5" t="s">
        <v>1519</v>
      </c>
      <c r="M4716" s="2" t="s">
        <v>1520</v>
      </c>
      <c r="N4716" s="5" t="s">
        <v>1521</v>
      </c>
      <c r="O4716" s="5" t="s">
        <v>38</v>
      </c>
      <c r="P4716" s="5" t="s">
        <v>39</v>
      </c>
      <c r="Q4716" s="5" t="s">
        <v>40</v>
      </c>
      <c r="R4716" s="5" t="s">
        <v>1522</v>
      </c>
      <c r="S4716" s="5" t="s">
        <v>1523</v>
      </c>
      <c r="T4716" s="5" t="s">
        <v>42</v>
      </c>
      <c r="U4716" s="2">
        <v>2.327</v>
      </c>
      <c r="V4716" s="2">
        <v>1.948</v>
      </c>
      <c r="W4716" s="2">
        <v>1.0999999999999999E-2</v>
      </c>
      <c r="X4716" s="2">
        <v>139.1</v>
      </c>
      <c r="Y4716" s="2">
        <v>7.6</v>
      </c>
      <c r="Z4716" s="2">
        <v>10.6</v>
      </c>
      <c r="AA4716" s="5"/>
      <c r="AB4716" s="5" t="s">
        <v>43</v>
      </c>
      <c r="AC4716" s="5" t="s">
        <v>44</v>
      </c>
      <c r="AD4716" s="2"/>
      <c r="AE4716" s="1"/>
    </row>
    <row r="4717" spans="1:31" ht="14.45">
      <c r="A4717" s="11"/>
      <c r="B4717" s="20"/>
      <c r="C4717" s="2" t="s">
        <v>14605</v>
      </c>
      <c r="D4717" s="14" t="s">
        <v>14606</v>
      </c>
      <c r="E4717" s="2" t="s">
        <v>14607</v>
      </c>
      <c r="F4717" s="2" t="s">
        <v>7429</v>
      </c>
      <c r="G4717" s="8">
        <v>168</v>
      </c>
      <c r="H4717" s="5">
        <v>6</v>
      </c>
      <c r="I4717" s="5" t="s">
        <v>1518</v>
      </c>
      <c r="J4717" s="5" t="s">
        <v>1519</v>
      </c>
      <c r="K4717" s="2" t="s">
        <v>1520</v>
      </c>
      <c r="L4717" s="5" t="s">
        <v>1519</v>
      </c>
      <c r="M4717" s="2" t="s">
        <v>1520</v>
      </c>
      <c r="N4717" s="5" t="s">
        <v>1521</v>
      </c>
      <c r="O4717" s="5" t="s">
        <v>38</v>
      </c>
      <c r="P4717" s="5" t="s">
        <v>39</v>
      </c>
      <c r="Q4717" s="5" t="s">
        <v>40</v>
      </c>
      <c r="R4717" s="5" t="s">
        <v>1522</v>
      </c>
      <c r="S4717" s="5" t="s">
        <v>1523</v>
      </c>
      <c r="T4717" s="5" t="s">
        <v>42</v>
      </c>
      <c r="U4717" s="2">
        <v>2.327</v>
      </c>
      <c r="V4717" s="2">
        <v>1.948</v>
      </c>
      <c r="W4717" s="2">
        <v>1.0999999999999999E-2</v>
      </c>
      <c r="X4717" s="2">
        <v>139.1</v>
      </c>
      <c r="Y4717" s="2">
        <v>7.6</v>
      </c>
      <c r="Z4717" s="2">
        <v>10.6</v>
      </c>
      <c r="AA4717" s="5"/>
      <c r="AB4717" s="5" t="s">
        <v>43</v>
      </c>
      <c r="AC4717" s="5" t="s">
        <v>44</v>
      </c>
      <c r="AD4717" s="2"/>
      <c r="AE4717" s="1"/>
    </row>
    <row r="4718" spans="1:31" ht="14.45">
      <c r="A4718" s="11"/>
      <c r="B4718" s="20"/>
      <c r="C4718" s="2" t="s">
        <v>14608</v>
      </c>
      <c r="D4718" s="14" t="s">
        <v>14609</v>
      </c>
      <c r="E4718" s="2" t="s">
        <v>14610</v>
      </c>
      <c r="F4718" s="2" t="s">
        <v>7449</v>
      </c>
      <c r="G4718" s="8">
        <v>168</v>
      </c>
      <c r="H4718" s="5">
        <v>6</v>
      </c>
      <c r="I4718" s="5" t="s">
        <v>1518</v>
      </c>
      <c r="J4718" s="5" t="s">
        <v>1519</v>
      </c>
      <c r="K4718" s="2" t="s">
        <v>1520</v>
      </c>
      <c r="L4718" s="5" t="s">
        <v>1519</v>
      </c>
      <c r="M4718" s="2" t="s">
        <v>1520</v>
      </c>
      <c r="N4718" s="5" t="s">
        <v>1521</v>
      </c>
      <c r="O4718" s="5" t="s">
        <v>38</v>
      </c>
      <c r="P4718" s="5" t="s">
        <v>39</v>
      </c>
      <c r="Q4718" s="5" t="s">
        <v>40</v>
      </c>
      <c r="R4718" s="5" t="s">
        <v>1522</v>
      </c>
      <c r="S4718" s="5" t="s">
        <v>1523</v>
      </c>
      <c r="T4718" s="5" t="s">
        <v>42</v>
      </c>
      <c r="U4718" s="2">
        <v>2.327</v>
      </c>
      <c r="V4718" s="2">
        <v>1.948</v>
      </c>
      <c r="W4718" s="2">
        <v>1.0999999999999999E-2</v>
      </c>
      <c r="X4718" s="2">
        <v>139.1</v>
      </c>
      <c r="Y4718" s="2">
        <v>7.6</v>
      </c>
      <c r="Z4718" s="2">
        <v>10.6</v>
      </c>
      <c r="AA4718" s="5"/>
      <c r="AB4718" s="5" t="s">
        <v>43</v>
      </c>
      <c r="AC4718" s="5" t="s">
        <v>44</v>
      </c>
      <c r="AD4718" s="2"/>
      <c r="AE4718" s="1"/>
    </row>
    <row r="4719" spans="1:31" ht="14.45">
      <c r="A4719" s="11"/>
      <c r="B4719" s="20"/>
      <c r="C4719" s="2" t="s">
        <v>14611</v>
      </c>
      <c r="D4719" s="14" t="s">
        <v>14612</v>
      </c>
      <c r="E4719" s="2" t="s">
        <v>14613</v>
      </c>
      <c r="F4719" s="2" t="s">
        <v>7585</v>
      </c>
      <c r="G4719" s="8">
        <v>168</v>
      </c>
      <c r="H4719" s="5">
        <v>6</v>
      </c>
      <c r="I4719" s="5" t="s">
        <v>1518</v>
      </c>
      <c r="J4719" s="5" t="s">
        <v>1519</v>
      </c>
      <c r="K4719" s="2" t="s">
        <v>1520</v>
      </c>
      <c r="L4719" s="5" t="s">
        <v>1519</v>
      </c>
      <c r="M4719" s="2" t="s">
        <v>1520</v>
      </c>
      <c r="N4719" s="5" t="s">
        <v>1521</v>
      </c>
      <c r="O4719" s="5" t="s">
        <v>38</v>
      </c>
      <c r="P4719" s="5" t="s">
        <v>39</v>
      </c>
      <c r="Q4719" s="5" t="s">
        <v>40</v>
      </c>
      <c r="R4719" s="5" t="s">
        <v>1522</v>
      </c>
      <c r="S4719" s="5" t="s">
        <v>1523</v>
      </c>
      <c r="T4719" s="5" t="s">
        <v>42</v>
      </c>
      <c r="U4719" s="2">
        <v>2.2909999999999999</v>
      </c>
      <c r="V4719" s="2">
        <v>1.9119999999999999</v>
      </c>
      <c r="W4719" s="2">
        <v>1.0999999999999999E-2</v>
      </c>
      <c r="X4719" s="2">
        <v>139.1</v>
      </c>
      <c r="Y4719" s="2">
        <v>7.6</v>
      </c>
      <c r="Z4719" s="2">
        <v>10.6</v>
      </c>
      <c r="AA4719" s="5"/>
      <c r="AB4719" s="5" t="s">
        <v>43</v>
      </c>
      <c r="AC4719" s="5" t="s">
        <v>44</v>
      </c>
      <c r="AD4719" s="2"/>
      <c r="AE4719" s="1"/>
    </row>
    <row r="4720" spans="1:31" ht="14.45">
      <c r="A4720" s="11"/>
      <c r="B4720" s="20"/>
      <c r="C4720" s="2" t="s">
        <v>14614</v>
      </c>
      <c r="D4720" s="14" t="s">
        <v>14615</v>
      </c>
      <c r="E4720" s="2" t="s">
        <v>14616</v>
      </c>
      <c r="F4720" s="2" t="s">
        <v>7593</v>
      </c>
      <c r="G4720" s="8">
        <v>168</v>
      </c>
      <c r="H4720" s="5">
        <v>6</v>
      </c>
      <c r="I4720" s="5" t="s">
        <v>1518</v>
      </c>
      <c r="J4720" s="5" t="s">
        <v>1519</v>
      </c>
      <c r="K4720" s="2" t="s">
        <v>1520</v>
      </c>
      <c r="L4720" s="5" t="s">
        <v>1519</v>
      </c>
      <c r="M4720" s="2" t="s">
        <v>1520</v>
      </c>
      <c r="N4720" s="5" t="s">
        <v>1521</v>
      </c>
      <c r="O4720" s="5" t="s">
        <v>38</v>
      </c>
      <c r="P4720" s="5" t="s">
        <v>39</v>
      </c>
      <c r="Q4720" s="5" t="s">
        <v>40</v>
      </c>
      <c r="R4720" s="5" t="s">
        <v>1522</v>
      </c>
      <c r="S4720" s="5" t="s">
        <v>1523</v>
      </c>
      <c r="T4720" s="5" t="s">
        <v>42</v>
      </c>
      <c r="U4720" s="2">
        <v>2.327</v>
      </c>
      <c r="V4720" s="2">
        <v>1.948</v>
      </c>
      <c r="W4720" s="2">
        <v>1.0999999999999999E-2</v>
      </c>
      <c r="X4720" s="2">
        <v>139.1</v>
      </c>
      <c r="Y4720" s="2">
        <v>7.6</v>
      </c>
      <c r="Z4720" s="2">
        <v>10.6</v>
      </c>
      <c r="AA4720" s="5"/>
      <c r="AB4720" s="5" t="s">
        <v>43</v>
      </c>
      <c r="AC4720" s="5" t="s">
        <v>44</v>
      </c>
      <c r="AD4720" s="2"/>
      <c r="AE4720" s="1"/>
    </row>
    <row r="4721" spans="1:31" ht="14.45">
      <c r="A4721" s="11"/>
      <c r="B4721" s="20"/>
      <c r="C4721" s="2" t="s">
        <v>14617</v>
      </c>
      <c r="D4721" s="14" t="s">
        <v>14618</v>
      </c>
      <c r="E4721" s="2" t="s">
        <v>14619</v>
      </c>
      <c r="F4721" s="2" t="s">
        <v>7410</v>
      </c>
      <c r="G4721" s="8">
        <v>168</v>
      </c>
      <c r="H4721" s="5">
        <v>6</v>
      </c>
      <c r="I4721" s="5" t="s">
        <v>1518</v>
      </c>
      <c r="J4721" s="5" t="s">
        <v>1519</v>
      </c>
      <c r="K4721" s="2" t="s">
        <v>1520</v>
      </c>
      <c r="L4721" s="5" t="s">
        <v>1519</v>
      </c>
      <c r="M4721" s="2" t="s">
        <v>1520</v>
      </c>
      <c r="N4721" s="5" t="s">
        <v>1521</v>
      </c>
      <c r="O4721" s="5" t="s">
        <v>38</v>
      </c>
      <c r="P4721" s="5" t="s">
        <v>39</v>
      </c>
      <c r="Q4721" s="5" t="s">
        <v>40</v>
      </c>
      <c r="R4721" s="5" t="s">
        <v>1522</v>
      </c>
      <c r="S4721" s="5" t="s">
        <v>1523</v>
      </c>
      <c r="T4721" s="5" t="s">
        <v>42</v>
      </c>
      <c r="U4721" s="2">
        <v>2.327</v>
      </c>
      <c r="V4721" s="2">
        <v>1.948</v>
      </c>
      <c r="W4721" s="2">
        <v>1.0999999999999999E-2</v>
      </c>
      <c r="X4721" s="2">
        <v>139.1</v>
      </c>
      <c r="Y4721" s="2">
        <v>7.6</v>
      </c>
      <c r="Z4721" s="2">
        <v>10.6</v>
      </c>
      <c r="AA4721" s="5"/>
      <c r="AB4721" s="5" t="s">
        <v>43</v>
      </c>
      <c r="AC4721" s="5" t="s">
        <v>44</v>
      </c>
      <c r="AD4721" s="2"/>
      <c r="AE4721" s="1"/>
    </row>
    <row r="4722" spans="1:31" ht="14.45">
      <c r="A4722" s="11"/>
      <c r="B4722" s="20"/>
      <c r="C4722" s="2" t="s">
        <v>14620</v>
      </c>
      <c r="D4722" s="14" t="s">
        <v>14621</v>
      </c>
      <c r="E4722" s="2" t="s">
        <v>14622</v>
      </c>
      <c r="F4722" s="2" t="s">
        <v>7433</v>
      </c>
      <c r="G4722" s="8">
        <v>168</v>
      </c>
      <c r="H4722" s="5">
        <v>6</v>
      </c>
      <c r="I4722" s="5" t="s">
        <v>1518</v>
      </c>
      <c r="J4722" s="5" t="s">
        <v>1519</v>
      </c>
      <c r="K4722" s="2" t="s">
        <v>1520</v>
      </c>
      <c r="L4722" s="5" t="s">
        <v>1519</v>
      </c>
      <c r="M4722" s="2" t="s">
        <v>1520</v>
      </c>
      <c r="N4722" s="5" t="s">
        <v>1521</v>
      </c>
      <c r="O4722" s="5" t="s">
        <v>38</v>
      </c>
      <c r="P4722" s="5" t="s">
        <v>39</v>
      </c>
      <c r="Q4722" s="5" t="s">
        <v>40</v>
      </c>
      <c r="R4722" s="5" t="s">
        <v>1522</v>
      </c>
      <c r="S4722" s="5" t="s">
        <v>1523</v>
      </c>
      <c r="T4722" s="5" t="s">
        <v>42</v>
      </c>
      <c r="U4722" s="2">
        <v>2.327</v>
      </c>
      <c r="V4722" s="2">
        <v>1.948</v>
      </c>
      <c r="W4722" s="2">
        <v>1.0999999999999999E-2</v>
      </c>
      <c r="X4722" s="2">
        <v>139.1</v>
      </c>
      <c r="Y4722" s="2">
        <v>7.6</v>
      </c>
      <c r="Z4722" s="2">
        <v>10.6</v>
      </c>
      <c r="AA4722" s="5"/>
      <c r="AB4722" s="5" t="s">
        <v>43</v>
      </c>
      <c r="AC4722" s="5" t="s">
        <v>44</v>
      </c>
      <c r="AD4722" s="2"/>
      <c r="AE4722" s="1"/>
    </row>
    <row r="4723" spans="1:31" ht="14.45">
      <c r="A4723" s="11"/>
      <c r="B4723" s="20"/>
      <c r="C4723" s="2" t="s">
        <v>14623</v>
      </c>
      <c r="D4723" s="14" t="s">
        <v>14624</v>
      </c>
      <c r="E4723" s="2" t="s">
        <v>14625</v>
      </c>
      <c r="F4723" s="2" t="s">
        <v>7615</v>
      </c>
      <c r="G4723" s="8">
        <v>168</v>
      </c>
      <c r="H4723" s="5">
        <v>6</v>
      </c>
      <c r="I4723" s="5" t="s">
        <v>1518</v>
      </c>
      <c r="J4723" s="5" t="s">
        <v>1519</v>
      </c>
      <c r="K4723" s="2" t="s">
        <v>1520</v>
      </c>
      <c r="L4723" s="5" t="s">
        <v>1519</v>
      </c>
      <c r="M4723" s="2" t="s">
        <v>1520</v>
      </c>
      <c r="N4723" s="5" t="s">
        <v>1521</v>
      </c>
      <c r="O4723" s="5" t="s">
        <v>38</v>
      </c>
      <c r="P4723" s="5" t="s">
        <v>39</v>
      </c>
      <c r="Q4723" s="5" t="s">
        <v>40</v>
      </c>
      <c r="R4723" s="5" t="s">
        <v>1522</v>
      </c>
      <c r="S4723" s="5" t="s">
        <v>1523</v>
      </c>
      <c r="T4723" s="5" t="s">
        <v>42</v>
      </c>
      <c r="U4723" s="2">
        <v>2.2909999999999999</v>
      </c>
      <c r="V4723" s="2">
        <v>1.9119999999999999</v>
      </c>
      <c r="W4723" s="2">
        <v>1.0999999999999999E-2</v>
      </c>
      <c r="X4723" s="2">
        <v>139.1</v>
      </c>
      <c r="Y4723" s="2">
        <v>7.6</v>
      </c>
      <c r="Z4723" s="2">
        <v>10.6</v>
      </c>
      <c r="AA4723" s="5"/>
      <c r="AB4723" s="5" t="s">
        <v>43</v>
      </c>
      <c r="AC4723" s="5" t="s">
        <v>44</v>
      </c>
      <c r="AD4723" s="2"/>
      <c r="AE4723" s="1"/>
    </row>
    <row r="4724" spans="1:31" ht="14.45">
      <c r="A4724" s="11"/>
      <c r="B4724" s="20"/>
      <c r="C4724" s="2" t="s">
        <v>14626</v>
      </c>
      <c r="D4724" s="14" t="s">
        <v>14627</v>
      </c>
      <c r="E4724" s="2" t="s">
        <v>14628</v>
      </c>
      <c r="F4724" s="2" t="s">
        <v>7396</v>
      </c>
      <c r="G4724" s="8">
        <v>164</v>
      </c>
      <c r="H4724" s="5">
        <v>6</v>
      </c>
      <c r="I4724" s="5" t="s">
        <v>1518</v>
      </c>
      <c r="J4724" s="5" t="s">
        <v>1519</v>
      </c>
      <c r="K4724" s="2" t="s">
        <v>1520</v>
      </c>
      <c r="L4724" s="5" t="s">
        <v>1519</v>
      </c>
      <c r="M4724" s="2" t="s">
        <v>1520</v>
      </c>
      <c r="N4724" s="5" t="s">
        <v>1521</v>
      </c>
      <c r="O4724" s="5" t="s">
        <v>38</v>
      </c>
      <c r="P4724" s="5" t="s">
        <v>39</v>
      </c>
      <c r="Q4724" s="5" t="s">
        <v>40</v>
      </c>
      <c r="R4724" s="5" t="s">
        <v>1522</v>
      </c>
      <c r="S4724" s="5" t="s">
        <v>1523</v>
      </c>
      <c r="T4724" s="5" t="s">
        <v>42</v>
      </c>
      <c r="U4724" s="2">
        <v>2.4870000000000001</v>
      </c>
      <c r="V4724" s="2">
        <v>2.0640000000000001</v>
      </c>
      <c r="W4724" s="2">
        <v>1.2999999999999999E-2</v>
      </c>
      <c r="X4724" s="2">
        <v>159.1</v>
      </c>
      <c r="Y4724" s="2">
        <v>7.6</v>
      </c>
      <c r="Z4724" s="2">
        <v>10.6</v>
      </c>
      <c r="AA4724" s="5"/>
      <c r="AB4724" s="5" t="s">
        <v>43</v>
      </c>
      <c r="AC4724" s="5" t="s">
        <v>44</v>
      </c>
      <c r="AD4724" s="2"/>
      <c r="AE4724" s="1"/>
    </row>
    <row r="4725" spans="1:31" ht="14.45">
      <c r="A4725" s="11"/>
      <c r="B4725" s="20"/>
      <c r="C4725" s="2" t="s">
        <v>14629</v>
      </c>
      <c r="D4725" s="14" t="s">
        <v>14630</v>
      </c>
      <c r="E4725" s="2" t="s">
        <v>14631</v>
      </c>
      <c r="F4725" s="2" t="s">
        <v>7204</v>
      </c>
      <c r="G4725" s="8">
        <v>164</v>
      </c>
      <c r="H4725" s="5">
        <v>6</v>
      </c>
      <c r="I4725" s="5" t="s">
        <v>1518</v>
      </c>
      <c r="J4725" s="5" t="s">
        <v>1519</v>
      </c>
      <c r="K4725" s="2" t="s">
        <v>1520</v>
      </c>
      <c r="L4725" s="5" t="s">
        <v>1519</v>
      </c>
      <c r="M4725" s="2" t="s">
        <v>1520</v>
      </c>
      <c r="N4725" s="5" t="s">
        <v>1521</v>
      </c>
      <c r="O4725" s="5" t="s">
        <v>38</v>
      </c>
      <c r="P4725" s="5" t="s">
        <v>39</v>
      </c>
      <c r="Q4725" s="5" t="s">
        <v>40</v>
      </c>
      <c r="R4725" s="5" t="s">
        <v>1522</v>
      </c>
      <c r="S4725" s="5" t="s">
        <v>1523</v>
      </c>
      <c r="T4725" s="5" t="s">
        <v>42</v>
      </c>
      <c r="U4725" s="2">
        <v>2.5019999999999998</v>
      </c>
      <c r="V4725" s="2">
        <v>2.0790000000000002</v>
      </c>
      <c r="W4725" s="2">
        <v>1.2999999999999999E-2</v>
      </c>
      <c r="X4725" s="2">
        <v>159.1</v>
      </c>
      <c r="Y4725" s="2">
        <v>7.6</v>
      </c>
      <c r="Z4725" s="2">
        <v>10.6</v>
      </c>
      <c r="AA4725" s="5"/>
      <c r="AB4725" s="5" t="s">
        <v>43</v>
      </c>
      <c r="AC4725" s="5" t="s">
        <v>44</v>
      </c>
      <c r="AD4725" s="2"/>
      <c r="AE4725" s="1"/>
    </row>
    <row r="4726" spans="1:31" ht="14.45">
      <c r="A4726" s="11"/>
      <c r="B4726" s="20"/>
      <c r="C4726" s="2" t="s">
        <v>14632</v>
      </c>
      <c r="D4726" s="14" t="s">
        <v>14633</v>
      </c>
      <c r="E4726" s="2" t="s">
        <v>14634</v>
      </c>
      <c r="F4726" s="2" t="s">
        <v>7208</v>
      </c>
      <c r="G4726" s="8">
        <v>164</v>
      </c>
      <c r="H4726" s="5">
        <v>6</v>
      </c>
      <c r="I4726" s="5" t="s">
        <v>1518</v>
      </c>
      <c r="J4726" s="5" t="s">
        <v>1519</v>
      </c>
      <c r="K4726" s="2" t="s">
        <v>1520</v>
      </c>
      <c r="L4726" s="5" t="s">
        <v>1519</v>
      </c>
      <c r="M4726" s="2" t="s">
        <v>1520</v>
      </c>
      <c r="N4726" s="5" t="s">
        <v>1521</v>
      </c>
      <c r="O4726" s="5" t="s">
        <v>38</v>
      </c>
      <c r="P4726" s="5" t="s">
        <v>39</v>
      </c>
      <c r="Q4726" s="5" t="s">
        <v>40</v>
      </c>
      <c r="R4726" s="5" t="s">
        <v>1522</v>
      </c>
      <c r="S4726" s="5" t="s">
        <v>1523</v>
      </c>
      <c r="T4726" s="5" t="s">
        <v>42</v>
      </c>
      <c r="U4726" s="2">
        <v>2.5019999999999998</v>
      </c>
      <c r="V4726" s="2">
        <v>2.0790000000000002</v>
      </c>
      <c r="W4726" s="2">
        <v>1.2999999999999999E-2</v>
      </c>
      <c r="X4726" s="2">
        <v>159.1</v>
      </c>
      <c r="Y4726" s="2">
        <v>7.6</v>
      </c>
      <c r="Z4726" s="2">
        <v>10.6</v>
      </c>
      <c r="AA4726" s="5"/>
      <c r="AB4726" s="5" t="s">
        <v>43</v>
      </c>
      <c r="AC4726" s="5" t="s">
        <v>44</v>
      </c>
      <c r="AD4726" s="2"/>
      <c r="AE4726" s="1"/>
    </row>
    <row r="4727" spans="1:31" ht="14.45">
      <c r="A4727" s="11"/>
      <c r="B4727" s="20"/>
      <c r="C4727" s="2" t="s">
        <v>14635</v>
      </c>
      <c r="D4727" s="14" t="s">
        <v>14636</v>
      </c>
      <c r="E4727" s="2" t="s">
        <v>14637</v>
      </c>
      <c r="F4727" s="2" t="s">
        <v>7212</v>
      </c>
      <c r="G4727" s="8">
        <v>164</v>
      </c>
      <c r="H4727" s="5">
        <v>6</v>
      </c>
      <c r="I4727" s="5" t="s">
        <v>1518</v>
      </c>
      <c r="J4727" s="5" t="s">
        <v>1519</v>
      </c>
      <c r="K4727" s="2" t="s">
        <v>1520</v>
      </c>
      <c r="L4727" s="5" t="s">
        <v>1519</v>
      </c>
      <c r="M4727" s="2" t="s">
        <v>1520</v>
      </c>
      <c r="N4727" s="5" t="s">
        <v>1521</v>
      </c>
      <c r="O4727" s="5" t="s">
        <v>38</v>
      </c>
      <c r="P4727" s="5" t="s">
        <v>39</v>
      </c>
      <c r="Q4727" s="5" t="s">
        <v>40</v>
      </c>
      <c r="R4727" s="5" t="s">
        <v>1522</v>
      </c>
      <c r="S4727" s="5" t="s">
        <v>1523</v>
      </c>
      <c r="T4727" s="5" t="s">
        <v>42</v>
      </c>
      <c r="U4727" s="2">
        <v>2.46</v>
      </c>
      <c r="V4727" s="2">
        <v>2.0369999999999999</v>
      </c>
      <c r="W4727" s="2">
        <v>1.2999999999999999E-2</v>
      </c>
      <c r="X4727" s="2">
        <v>159.1</v>
      </c>
      <c r="Y4727" s="2">
        <v>7.6</v>
      </c>
      <c r="Z4727" s="2">
        <v>10.6</v>
      </c>
      <c r="AA4727" s="5"/>
      <c r="AB4727" s="5" t="s">
        <v>43</v>
      </c>
      <c r="AC4727" s="5" t="s">
        <v>44</v>
      </c>
      <c r="AD4727" s="2"/>
      <c r="AE4727" s="1"/>
    </row>
    <row r="4728" spans="1:31" ht="14.45">
      <c r="A4728" s="11"/>
      <c r="B4728" s="20"/>
      <c r="C4728" s="2" t="s">
        <v>14638</v>
      </c>
      <c r="D4728" s="14" t="s">
        <v>14639</v>
      </c>
      <c r="E4728" s="2" t="s">
        <v>14640</v>
      </c>
      <c r="F4728" s="2" t="s">
        <v>7406</v>
      </c>
      <c r="G4728" s="8">
        <v>189</v>
      </c>
      <c r="H4728" s="5">
        <v>6</v>
      </c>
      <c r="I4728" s="5" t="s">
        <v>1518</v>
      </c>
      <c r="J4728" s="5" t="s">
        <v>1519</v>
      </c>
      <c r="K4728" s="2" t="s">
        <v>1520</v>
      </c>
      <c r="L4728" s="5" t="s">
        <v>1519</v>
      </c>
      <c r="M4728" s="2" t="s">
        <v>1520</v>
      </c>
      <c r="N4728" s="5" t="s">
        <v>1521</v>
      </c>
      <c r="O4728" s="5" t="s">
        <v>38</v>
      </c>
      <c r="P4728" s="5" t="s">
        <v>39</v>
      </c>
      <c r="Q4728" s="5" t="s">
        <v>40</v>
      </c>
      <c r="R4728" s="5" t="s">
        <v>1522</v>
      </c>
      <c r="S4728" s="5" t="s">
        <v>1523</v>
      </c>
      <c r="T4728" s="5" t="s">
        <v>42</v>
      </c>
      <c r="U4728" s="2">
        <v>2.4630000000000001</v>
      </c>
      <c r="V4728" s="2">
        <v>2.04</v>
      </c>
      <c r="W4728" s="2">
        <v>1.2999999999999999E-2</v>
      </c>
      <c r="X4728" s="2">
        <v>159.1</v>
      </c>
      <c r="Y4728" s="2">
        <v>7.6</v>
      </c>
      <c r="Z4728" s="2">
        <v>10.6</v>
      </c>
      <c r="AA4728" s="5"/>
      <c r="AB4728" s="5" t="s">
        <v>43</v>
      </c>
      <c r="AC4728" s="5" t="s">
        <v>44</v>
      </c>
      <c r="AD4728" s="2"/>
      <c r="AE4728" s="1"/>
    </row>
    <row r="4729" spans="1:31" ht="14.45">
      <c r="A4729" s="11"/>
      <c r="B4729" s="20"/>
      <c r="C4729" s="2" t="s">
        <v>14641</v>
      </c>
      <c r="D4729" s="14" t="s">
        <v>14642</v>
      </c>
      <c r="E4729" s="2" t="s">
        <v>14643</v>
      </c>
      <c r="F4729" s="2" t="s">
        <v>7539</v>
      </c>
      <c r="G4729" s="8">
        <v>189</v>
      </c>
      <c r="H4729" s="5">
        <v>6</v>
      </c>
      <c r="I4729" s="5" t="s">
        <v>1518</v>
      </c>
      <c r="J4729" s="5" t="s">
        <v>1519</v>
      </c>
      <c r="K4729" s="2" t="s">
        <v>1520</v>
      </c>
      <c r="L4729" s="5" t="s">
        <v>1519</v>
      </c>
      <c r="M4729" s="2" t="s">
        <v>1520</v>
      </c>
      <c r="N4729" s="5" t="s">
        <v>1521</v>
      </c>
      <c r="O4729" s="5" t="s">
        <v>38</v>
      </c>
      <c r="P4729" s="5" t="s">
        <v>39</v>
      </c>
      <c r="Q4729" s="5" t="s">
        <v>40</v>
      </c>
      <c r="R4729" s="5" t="s">
        <v>1522</v>
      </c>
      <c r="S4729" s="5" t="s">
        <v>1523</v>
      </c>
      <c r="T4729" s="5" t="s">
        <v>42</v>
      </c>
      <c r="U4729" s="2">
        <v>2.5049999999999999</v>
      </c>
      <c r="V4729" s="2">
        <v>2.0819999999999999</v>
      </c>
      <c r="W4729" s="2">
        <v>1.2999999999999999E-2</v>
      </c>
      <c r="X4729" s="2">
        <v>159.1</v>
      </c>
      <c r="Y4729" s="2">
        <v>7.6</v>
      </c>
      <c r="Z4729" s="2">
        <v>10.6</v>
      </c>
      <c r="AA4729" s="5"/>
      <c r="AB4729" s="5" t="s">
        <v>43</v>
      </c>
      <c r="AC4729" s="5" t="s">
        <v>44</v>
      </c>
      <c r="AD4729" s="2"/>
      <c r="AE4729" s="1"/>
    </row>
    <row r="4730" spans="1:31" ht="14.45">
      <c r="A4730" s="11"/>
      <c r="B4730" s="20"/>
      <c r="C4730" s="2" t="s">
        <v>14644</v>
      </c>
      <c r="D4730" s="14" t="s">
        <v>14645</v>
      </c>
      <c r="E4730" s="2" t="s">
        <v>14646</v>
      </c>
      <c r="F4730" s="2" t="s">
        <v>7547</v>
      </c>
      <c r="G4730" s="8">
        <v>189</v>
      </c>
      <c r="H4730" s="5">
        <v>6</v>
      </c>
      <c r="I4730" s="5" t="s">
        <v>1518</v>
      </c>
      <c r="J4730" s="5" t="s">
        <v>1519</v>
      </c>
      <c r="K4730" s="2" t="s">
        <v>1520</v>
      </c>
      <c r="L4730" s="5" t="s">
        <v>1519</v>
      </c>
      <c r="M4730" s="2" t="s">
        <v>1520</v>
      </c>
      <c r="N4730" s="5" t="s">
        <v>1521</v>
      </c>
      <c r="O4730" s="5" t="s">
        <v>38</v>
      </c>
      <c r="P4730" s="5" t="s">
        <v>39</v>
      </c>
      <c r="Q4730" s="5" t="s">
        <v>40</v>
      </c>
      <c r="R4730" s="5" t="s">
        <v>1522</v>
      </c>
      <c r="S4730" s="5" t="s">
        <v>1523</v>
      </c>
      <c r="T4730" s="5" t="s">
        <v>42</v>
      </c>
      <c r="U4730" s="2">
        <v>2.4630000000000001</v>
      </c>
      <c r="V4730" s="2">
        <v>2.04</v>
      </c>
      <c r="W4730" s="2">
        <v>1.2999999999999999E-2</v>
      </c>
      <c r="X4730" s="2">
        <v>159.1</v>
      </c>
      <c r="Y4730" s="2">
        <v>7.6</v>
      </c>
      <c r="Z4730" s="2">
        <v>10.6</v>
      </c>
      <c r="AA4730" s="5"/>
      <c r="AB4730" s="5" t="s">
        <v>43</v>
      </c>
      <c r="AC4730" s="5" t="s">
        <v>44</v>
      </c>
      <c r="AD4730" s="2"/>
      <c r="AE4730" s="1"/>
    </row>
    <row r="4731" spans="1:31" ht="14.45">
      <c r="A4731" s="11"/>
      <c r="B4731" s="20"/>
      <c r="C4731" s="2" t="s">
        <v>14647</v>
      </c>
      <c r="D4731" s="14" t="s">
        <v>14648</v>
      </c>
      <c r="E4731" s="2" t="s">
        <v>14649</v>
      </c>
      <c r="F4731" s="2" t="s">
        <v>7555</v>
      </c>
      <c r="G4731" s="8">
        <v>189</v>
      </c>
      <c r="H4731" s="5">
        <v>6</v>
      </c>
      <c r="I4731" s="5" t="s">
        <v>1518</v>
      </c>
      <c r="J4731" s="5" t="s">
        <v>1519</v>
      </c>
      <c r="K4731" s="2" t="s">
        <v>1520</v>
      </c>
      <c r="L4731" s="5" t="s">
        <v>1519</v>
      </c>
      <c r="M4731" s="2" t="s">
        <v>1520</v>
      </c>
      <c r="N4731" s="5" t="s">
        <v>1521</v>
      </c>
      <c r="O4731" s="5" t="s">
        <v>38</v>
      </c>
      <c r="P4731" s="5" t="s">
        <v>39</v>
      </c>
      <c r="Q4731" s="5" t="s">
        <v>40</v>
      </c>
      <c r="R4731" s="5" t="s">
        <v>1522</v>
      </c>
      <c r="S4731" s="5" t="s">
        <v>1523</v>
      </c>
      <c r="T4731" s="5" t="s">
        <v>42</v>
      </c>
      <c r="U4731" s="2">
        <v>2.4630000000000001</v>
      </c>
      <c r="V4731" s="2">
        <v>2.04</v>
      </c>
      <c r="W4731" s="2">
        <v>1.2999999999999999E-2</v>
      </c>
      <c r="X4731" s="2">
        <v>159.1</v>
      </c>
      <c r="Y4731" s="2">
        <v>7.6</v>
      </c>
      <c r="Z4731" s="2">
        <v>10.6</v>
      </c>
      <c r="AA4731" s="5"/>
      <c r="AB4731" s="5" t="s">
        <v>43</v>
      </c>
      <c r="AC4731" s="5" t="s">
        <v>44</v>
      </c>
      <c r="AD4731" s="2"/>
      <c r="AE4731" s="1"/>
    </row>
    <row r="4732" spans="1:31" ht="14.45">
      <c r="A4732" s="11"/>
      <c r="B4732" s="20"/>
      <c r="C4732" s="2" t="s">
        <v>14650</v>
      </c>
      <c r="D4732" s="14" t="s">
        <v>14651</v>
      </c>
      <c r="E4732" s="2" t="s">
        <v>14652</v>
      </c>
      <c r="F4732" s="2" t="s">
        <v>7563</v>
      </c>
      <c r="G4732" s="8">
        <v>189</v>
      </c>
      <c r="H4732" s="5">
        <v>6</v>
      </c>
      <c r="I4732" s="5" t="s">
        <v>1518</v>
      </c>
      <c r="J4732" s="5" t="s">
        <v>1519</v>
      </c>
      <c r="K4732" s="2" t="s">
        <v>1520</v>
      </c>
      <c r="L4732" s="5" t="s">
        <v>1519</v>
      </c>
      <c r="M4732" s="2" t="s">
        <v>1520</v>
      </c>
      <c r="N4732" s="5" t="s">
        <v>1521</v>
      </c>
      <c r="O4732" s="5" t="s">
        <v>38</v>
      </c>
      <c r="P4732" s="5" t="s">
        <v>39</v>
      </c>
      <c r="Q4732" s="5" t="s">
        <v>40</v>
      </c>
      <c r="R4732" s="5" t="s">
        <v>1522</v>
      </c>
      <c r="S4732" s="5" t="s">
        <v>1523</v>
      </c>
      <c r="T4732" s="5" t="s">
        <v>42</v>
      </c>
      <c r="U4732" s="2">
        <v>2.5049999999999999</v>
      </c>
      <c r="V4732" s="2">
        <v>2.0819999999999999</v>
      </c>
      <c r="W4732" s="2">
        <v>1.2999999999999999E-2</v>
      </c>
      <c r="X4732" s="2">
        <v>159.1</v>
      </c>
      <c r="Y4732" s="2">
        <v>7.6</v>
      </c>
      <c r="Z4732" s="2">
        <v>10.6</v>
      </c>
      <c r="AA4732" s="5"/>
      <c r="AB4732" s="5" t="s">
        <v>43</v>
      </c>
      <c r="AC4732" s="5" t="s">
        <v>44</v>
      </c>
      <c r="AD4732" s="2"/>
      <c r="AE4732" s="1"/>
    </row>
    <row r="4733" spans="1:31" ht="14.45">
      <c r="A4733" s="11"/>
      <c r="B4733" s="20"/>
      <c r="C4733" s="2" t="s">
        <v>14653</v>
      </c>
      <c r="D4733" s="14" t="s">
        <v>14654</v>
      </c>
      <c r="E4733" s="2" t="s">
        <v>14655</v>
      </c>
      <c r="F4733" s="2" t="s">
        <v>7449</v>
      </c>
      <c r="G4733" s="8">
        <v>189</v>
      </c>
      <c r="H4733" s="5">
        <v>6</v>
      </c>
      <c r="I4733" s="5" t="s">
        <v>1518</v>
      </c>
      <c r="J4733" s="5" t="s">
        <v>1519</v>
      </c>
      <c r="K4733" s="2" t="s">
        <v>1520</v>
      </c>
      <c r="L4733" s="5" t="s">
        <v>1519</v>
      </c>
      <c r="M4733" s="2" t="s">
        <v>1520</v>
      </c>
      <c r="N4733" s="5" t="s">
        <v>1521</v>
      </c>
      <c r="O4733" s="5" t="s">
        <v>38</v>
      </c>
      <c r="P4733" s="5" t="s">
        <v>39</v>
      </c>
      <c r="Q4733" s="5" t="s">
        <v>40</v>
      </c>
      <c r="R4733" s="5" t="s">
        <v>1522</v>
      </c>
      <c r="S4733" s="5" t="s">
        <v>1523</v>
      </c>
      <c r="T4733" s="5" t="s">
        <v>42</v>
      </c>
      <c r="U4733" s="2">
        <v>2.5049999999999999</v>
      </c>
      <c r="V4733" s="2">
        <v>2.0819999999999999</v>
      </c>
      <c r="W4733" s="2">
        <v>1.2999999999999999E-2</v>
      </c>
      <c r="X4733" s="2">
        <v>159.1</v>
      </c>
      <c r="Y4733" s="2">
        <v>7.6</v>
      </c>
      <c r="Z4733" s="2">
        <v>10.6</v>
      </c>
      <c r="AA4733" s="5"/>
      <c r="AB4733" s="5" t="s">
        <v>43</v>
      </c>
      <c r="AC4733" s="5" t="s">
        <v>44</v>
      </c>
      <c r="AD4733" s="2"/>
      <c r="AE4733" s="1"/>
    </row>
    <row r="4734" spans="1:31" ht="14.45">
      <c r="A4734" s="11"/>
      <c r="B4734" s="20"/>
      <c r="C4734" s="2" t="s">
        <v>14656</v>
      </c>
      <c r="D4734" s="14" t="s">
        <v>14657</v>
      </c>
      <c r="E4734" s="2" t="s">
        <v>14658</v>
      </c>
      <c r="F4734" s="2" t="s">
        <v>7585</v>
      </c>
      <c r="G4734" s="8">
        <v>189</v>
      </c>
      <c r="H4734" s="5">
        <v>6</v>
      </c>
      <c r="I4734" s="5" t="s">
        <v>1518</v>
      </c>
      <c r="J4734" s="5" t="s">
        <v>1519</v>
      </c>
      <c r="K4734" s="2" t="s">
        <v>1520</v>
      </c>
      <c r="L4734" s="5" t="s">
        <v>1519</v>
      </c>
      <c r="M4734" s="2" t="s">
        <v>1520</v>
      </c>
      <c r="N4734" s="5" t="s">
        <v>1521</v>
      </c>
      <c r="O4734" s="5" t="s">
        <v>38</v>
      </c>
      <c r="P4734" s="5" t="s">
        <v>39</v>
      </c>
      <c r="Q4734" s="5" t="s">
        <v>40</v>
      </c>
      <c r="R4734" s="5" t="s">
        <v>1522</v>
      </c>
      <c r="S4734" s="5" t="s">
        <v>1523</v>
      </c>
      <c r="T4734" s="5" t="s">
        <v>42</v>
      </c>
      <c r="U4734" s="2">
        <v>2.4630000000000001</v>
      </c>
      <c r="V4734" s="2">
        <v>2.04</v>
      </c>
      <c r="W4734" s="2">
        <v>1.2999999999999999E-2</v>
      </c>
      <c r="X4734" s="2">
        <v>159.1</v>
      </c>
      <c r="Y4734" s="2">
        <v>7.6</v>
      </c>
      <c r="Z4734" s="2">
        <v>10.6</v>
      </c>
      <c r="AA4734" s="5"/>
      <c r="AB4734" s="5" t="s">
        <v>43</v>
      </c>
      <c r="AC4734" s="5" t="s">
        <v>44</v>
      </c>
      <c r="AD4734" s="2"/>
      <c r="AE4734" s="1"/>
    </row>
    <row r="4735" spans="1:31" ht="14.45">
      <c r="A4735" s="11"/>
      <c r="B4735" s="20"/>
      <c r="C4735" s="2" t="s">
        <v>14659</v>
      </c>
      <c r="D4735" s="14" t="s">
        <v>14660</v>
      </c>
      <c r="E4735" s="2" t="s">
        <v>14661</v>
      </c>
      <c r="F4735" s="2" t="s">
        <v>7593</v>
      </c>
      <c r="G4735" s="8">
        <v>189</v>
      </c>
      <c r="H4735" s="5">
        <v>6</v>
      </c>
      <c r="I4735" s="5" t="s">
        <v>1518</v>
      </c>
      <c r="J4735" s="5" t="s">
        <v>1519</v>
      </c>
      <c r="K4735" s="2" t="s">
        <v>1520</v>
      </c>
      <c r="L4735" s="5" t="s">
        <v>1519</v>
      </c>
      <c r="M4735" s="2" t="s">
        <v>1520</v>
      </c>
      <c r="N4735" s="5" t="s">
        <v>1521</v>
      </c>
      <c r="O4735" s="5" t="s">
        <v>38</v>
      </c>
      <c r="P4735" s="5" t="s">
        <v>39</v>
      </c>
      <c r="Q4735" s="5" t="s">
        <v>40</v>
      </c>
      <c r="R4735" s="5" t="s">
        <v>1522</v>
      </c>
      <c r="S4735" s="5" t="s">
        <v>1523</v>
      </c>
      <c r="T4735" s="5" t="s">
        <v>42</v>
      </c>
      <c r="U4735" s="2">
        <v>2.5049999999999999</v>
      </c>
      <c r="V4735" s="2">
        <v>2.0819999999999999</v>
      </c>
      <c r="W4735" s="2">
        <v>1.2999999999999999E-2</v>
      </c>
      <c r="X4735" s="2">
        <v>159.1</v>
      </c>
      <c r="Y4735" s="2">
        <v>7.6</v>
      </c>
      <c r="Z4735" s="2">
        <v>10.6</v>
      </c>
      <c r="AA4735" s="5"/>
      <c r="AB4735" s="5" t="s">
        <v>43</v>
      </c>
      <c r="AC4735" s="5" t="s">
        <v>44</v>
      </c>
      <c r="AD4735" s="2"/>
      <c r="AE4735" s="1"/>
    </row>
    <row r="4736" spans="1:31" ht="14.45">
      <c r="A4736" s="11"/>
      <c r="B4736" s="20"/>
      <c r="C4736" s="2" t="s">
        <v>14662</v>
      </c>
      <c r="D4736" s="14" t="s">
        <v>14663</v>
      </c>
      <c r="E4736" s="2" t="s">
        <v>14664</v>
      </c>
      <c r="F4736" s="2" t="s">
        <v>7410</v>
      </c>
      <c r="G4736" s="8">
        <v>189</v>
      </c>
      <c r="H4736" s="5">
        <v>6</v>
      </c>
      <c r="I4736" s="5" t="s">
        <v>1518</v>
      </c>
      <c r="J4736" s="5" t="s">
        <v>1519</v>
      </c>
      <c r="K4736" s="2" t="s">
        <v>1520</v>
      </c>
      <c r="L4736" s="5" t="s">
        <v>1519</v>
      </c>
      <c r="M4736" s="2" t="s">
        <v>1520</v>
      </c>
      <c r="N4736" s="5" t="s">
        <v>1521</v>
      </c>
      <c r="O4736" s="5" t="s">
        <v>38</v>
      </c>
      <c r="P4736" s="5" t="s">
        <v>39</v>
      </c>
      <c r="Q4736" s="5" t="s">
        <v>40</v>
      </c>
      <c r="R4736" s="5" t="s">
        <v>1522</v>
      </c>
      <c r="S4736" s="5" t="s">
        <v>1523</v>
      </c>
      <c r="T4736" s="5" t="s">
        <v>42</v>
      </c>
      <c r="U4736" s="2">
        <v>2.5049999999999999</v>
      </c>
      <c r="V4736" s="2">
        <v>2.0819999999999999</v>
      </c>
      <c r="W4736" s="2">
        <v>1.2999999999999999E-2</v>
      </c>
      <c r="X4736" s="2">
        <v>159.1</v>
      </c>
      <c r="Y4736" s="2">
        <v>7.6</v>
      </c>
      <c r="Z4736" s="2">
        <v>10.6</v>
      </c>
      <c r="AA4736" s="5"/>
      <c r="AB4736" s="5" t="s">
        <v>43</v>
      </c>
      <c r="AC4736" s="5" t="s">
        <v>44</v>
      </c>
      <c r="AD4736" s="2"/>
      <c r="AE4736" s="1"/>
    </row>
    <row r="4737" spans="1:31" ht="14.45">
      <c r="A4737" s="11"/>
      <c r="B4737" s="20"/>
      <c r="C4737" s="2" t="s">
        <v>14665</v>
      </c>
      <c r="D4737" s="14" t="s">
        <v>14666</v>
      </c>
      <c r="E4737" s="2" t="s">
        <v>14667</v>
      </c>
      <c r="F4737" s="2" t="s">
        <v>7433</v>
      </c>
      <c r="G4737" s="8">
        <v>189</v>
      </c>
      <c r="H4737" s="5">
        <v>6</v>
      </c>
      <c r="I4737" s="5" t="s">
        <v>1518</v>
      </c>
      <c r="J4737" s="5" t="s">
        <v>1519</v>
      </c>
      <c r="K4737" s="2" t="s">
        <v>1520</v>
      </c>
      <c r="L4737" s="5" t="s">
        <v>1519</v>
      </c>
      <c r="M4737" s="2" t="s">
        <v>1520</v>
      </c>
      <c r="N4737" s="5" t="s">
        <v>1521</v>
      </c>
      <c r="O4737" s="5" t="s">
        <v>38</v>
      </c>
      <c r="P4737" s="5" t="s">
        <v>39</v>
      </c>
      <c r="Q4737" s="5" t="s">
        <v>40</v>
      </c>
      <c r="R4737" s="5" t="s">
        <v>1522</v>
      </c>
      <c r="S4737" s="5" t="s">
        <v>1523</v>
      </c>
      <c r="T4737" s="5" t="s">
        <v>42</v>
      </c>
      <c r="U4737" s="2">
        <v>2.5049999999999999</v>
      </c>
      <c r="V4737" s="2">
        <v>2.0819999999999999</v>
      </c>
      <c r="W4737" s="2">
        <v>1.2999999999999999E-2</v>
      </c>
      <c r="X4737" s="2">
        <v>159.1</v>
      </c>
      <c r="Y4737" s="2">
        <v>7.6</v>
      </c>
      <c r="Z4737" s="2">
        <v>10.6</v>
      </c>
      <c r="AA4737" s="5"/>
      <c r="AB4737" s="5" t="s">
        <v>43</v>
      </c>
      <c r="AC4737" s="5" t="s">
        <v>44</v>
      </c>
      <c r="AD4737" s="2"/>
      <c r="AE4737" s="1"/>
    </row>
    <row r="4738" spans="1:31" ht="14.45">
      <c r="A4738" s="11"/>
      <c r="B4738" s="20"/>
      <c r="C4738" s="2" t="s">
        <v>14668</v>
      </c>
      <c r="D4738" s="14" t="s">
        <v>14669</v>
      </c>
      <c r="E4738" s="2" t="s">
        <v>14670</v>
      </c>
      <c r="F4738" s="2" t="s">
        <v>7615</v>
      </c>
      <c r="G4738" s="8">
        <v>189</v>
      </c>
      <c r="H4738" s="5">
        <v>6</v>
      </c>
      <c r="I4738" s="5" t="s">
        <v>1518</v>
      </c>
      <c r="J4738" s="5" t="s">
        <v>1519</v>
      </c>
      <c r="K4738" s="2" t="s">
        <v>1520</v>
      </c>
      <c r="L4738" s="5" t="s">
        <v>1519</v>
      </c>
      <c r="M4738" s="2" t="s">
        <v>1520</v>
      </c>
      <c r="N4738" s="5" t="s">
        <v>1521</v>
      </c>
      <c r="O4738" s="5" t="s">
        <v>38</v>
      </c>
      <c r="P4738" s="5" t="s">
        <v>39</v>
      </c>
      <c r="Q4738" s="5" t="s">
        <v>40</v>
      </c>
      <c r="R4738" s="5" t="s">
        <v>1522</v>
      </c>
      <c r="S4738" s="5" t="s">
        <v>1523</v>
      </c>
      <c r="T4738" s="5" t="s">
        <v>42</v>
      </c>
      <c r="U4738" s="2">
        <v>2.4630000000000001</v>
      </c>
      <c r="V4738" s="2">
        <v>2.04</v>
      </c>
      <c r="W4738" s="2">
        <v>1.2999999999999999E-2</v>
      </c>
      <c r="X4738" s="2">
        <v>159.1</v>
      </c>
      <c r="Y4738" s="2">
        <v>7.6</v>
      </c>
      <c r="Z4738" s="2">
        <v>10.6</v>
      </c>
      <c r="AA4738" s="5"/>
      <c r="AB4738" s="5" t="s">
        <v>43</v>
      </c>
      <c r="AC4738" s="5" t="s">
        <v>44</v>
      </c>
      <c r="AD4738" s="2"/>
      <c r="AE4738" s="1"/>
    </row>
    <row r="4739" spans="1:31" ht="14.45">
      <c r="A4739" s="11"/>
      <c r="B4739" s="20"/>
      <c r="C4739" s="2" t="s">
        <v>14671</v>
      </c>
      <c r="D4739" s="14" t="s">
        <v>14672</v>
      </c>
      <c r="E4739" s="2" t="s">
        <v>14673</v>
      </c>
      <c r="F4739" s="2" t="s">
        <v>7396</v>
      </c>
      <c r="G4739" s="8">
        <v>158</v>
      </c>
      <c r="H4739" s="5">
        <v>6</v>
      </c>
      <c r="I4739" s="5" t="s">
        <v>1518</v>
      </c>
      <c r="J4739" s="5" t="s">
        <v>1519</v>
      </c>
      <c r="K4739" s="2" t="s">
        <v>1520</v>
      </c>
      <c r="L4739" s="5" t="s">
        <v>1519</v>
      </c>
      <c r="M4739" s="2" t="s">
        <v>1520</v>
      </c>
      <c r="N4739" s="5" t="s">
        <v>1521</v>
      </c>
      <c r="O4739" s="5" t="s">
        <v>38</v>
      </c>
      <c r="P4739" s="5" t="s">
        <v>39</v>
      </c>
      <c r="Q4739" s="5" t="s">
        <v>40</v>
      </c>
      <c r="R4739" s="5" t="s">
        <v>1522</v>
      </c>
      <c r="S4739" s="5" t="s">
        <v>1523</v>
      </c>
      <c r="T4739" s="5" t="s">
        <v>42</v>
      </c>
      <c r="U4739" s="2">
        <v>2.569</v>
      </c>
      <c r="V4739" s="2">
        <v>2.2050000000000001</v>
      </c>
      <c r="W4739" s="2">
        <v>1.0999999999999999E-2</v>
      </c>
      <c r="X4739" s="2">
        <v>139.1</v>
      </c>
      <c r="Y4739" s="2">
        <v>7.6</v>
      </c>
      <c r="Z4739" s="2">
        <v>10.6</v>
      </c>
      <c r="AA4739" s="5"/>
      <c r="AB4739" s="5" t="s">
        <v>43</v>
      </c>
      <c r="AC4739" s="5" t="s">
        <v>44</v>
      </c>
      <c r="AD4739" s="2"/>
      <c r="AE4739" s="1"/>
    </row>
    <row r="4740" spans="1:31" ht="14.45">
      <c r="A4740" s="11"/>
      <c r="B4740" s="20"/>
      <c r="C4740" s="2" t="s">
        <v>14674</v>
      </c>
      <c r="D4740" s="14" t="s">
        <v>14675</v>
      </c>
      <c r="E4740" s="2" t="s">
        <v>14676</v>
      </c>
      <c r="F4740" s="2" t="s">
        <v>7204</v>
      </c>
      <c r="G4740" s="8">
        <v>158</v>
      </c>
      <c r="H4740" s="5">
        <v>6</v>
      </c>
      <c r="I4740" s="5" t="s">
        <v>1518</v>
      </c>
      <c r="J4740" s="5" t="s">
        <v>1519</v>
      </c>
      <c r="K4740" s="2" t="s">
        <v>1520</v>
      </c>
      <c r="L4740" s="5" t="s">
        <v>1519</v>
      </c>
      <c r="M4740" s="2" t="s">
        <v>1520</v>
      </c>
      <c r="N4740" s="5" t="s">
        <v>1521</v>
      </c>
      <c r="O4740" s="5" t="s">
        <v>38</v>
      </c>
      <c r="P4740" s="5" t="s">
        <v>39</v>
      </c>
      <c r="Q4740" s="5" t="s">
        <v>40</v>
      </c>
      <c r="R4740" s="5" t="s">
        <v>1522</v>
      </c>
      <c r="S4740" s="5" t="s">
        <v>1523</v>
      </c>
      <c r="T4740" s="5" t="s">
        <v>42</v>
      </c>
      <c r="U4740" s="2">
        <v>2.5830000000000002</v>
      </c>
      <c r="V4740" s="2">
        <v>2.2189999999999999</v>
      </c>
      <c r="W4740" s="2">
        <v>1.0999999999999999E-2</v>
      </c>
      <c r="X4740" s="2">
        <v>139.1</v>
      </c>
      <c r="Y4740" s="2">
        <v>7.6</v>
      </c>
      <c r="Z4740" s="2">
        <v>10.6</v>
      </c>
      <c r="AA4740" s="5"/>
      <c r="AB4740" s="5" t="s">
        <v>43</v>
      </c>
      <c r="AC4740" s="5" t="s">
        <v>44</v>
      </c>
      <c r="AD4740" s="2"/>
      <c r="AE4740" s="1"/>
    </row>
    <row r="4741" spans="1:31" ht="14.45">
      <c r="A4741" s="11"/>
      <c r="B4741" s="20"/>
      <c r="C4741" s="2" t="s">
        <v>14677</v>
      </c>
      <c r="D4741" s="14" t="s">
        <v>14678</v>
      </c>
      <c r="E4741" s="2" t="s">
        <v>14679</v>
      </c>
      <c r="F4741" s="2" t="s">
        <v>7208</v>
      </c>
      <c r="G4741" s="8">
        <v>158</v>
      </c>
      <c r="H4741" s="5">
        <v>6</v>
      </c>
      <c r="I4741" s="5" t="s">
        <v>1518</v>
      </c>
      <c r="J4741" s="5" t="s">
        <v>1519</v>
      </c>
      <c r="K4741" s="2" t="s">
        <v>1520</v>
      </c>
      <c r="L4741" s="5" t="s">
        <v>1519</v>
      </c>
      <c r="M4741" s="2" t="s">
        <v>1520</v>
      </c>
      <c r="N4741" s="5" t="s">
        <v>1521</v>
      </c>
      <c r="O4741" s="5" t="s">
        <v>38</v>
      </c>
      <c r="P4741" s="5" t="s">
        <v>39</v>
      </c>
      <c r="Q4741" s="5" t="s">
        <v>40</v>
      </c>
      <c r="R4741" s="5" t="s">
        <v>1522</v>
      </c>
      <c r="S4741" s="5" t="s">
        <v>1523</v>
      </c>
      <c r="T4741" s="5" t="s">
        <v>42</v>
      </c>
      <c r="U4741" s="2">
        <v>2.5830000000000002</v>
      </c>
      <c r="V4741" s="2">
        <v>2.2189999999999999</v>
      </c>
      <c r="W4741" s="2">
        <v>1.0999999999999999E-2</v>
      </c>
      <c r="X4741" s="2">
        <v>139.1</v>
      </c>
      <c r="Y4741" s="2">
        <v>7.6</v>
      </c>
      <c r="Z4741" s="2">
        <v>10.6</v>
      </c>
      <c r="AA4741" s="5"/>
      <c r="AB4741" s="5" t="s">
        <v>43</v>
      </c>
      <c r="AC4741" s="5" t="s">
        <v>44</v>
      </c>
      <c r="AD4741" s="2"/>
      <c r="AE4741" s="1"/>
    </row>
    <row r="4742" spans="1:31" ht="14.45">
      <c r="A4742" s="11"/>
      <c r="B4742" s="20"/>
      <c r="C4742" s="2" t="s">
        <v>14680</v>
      </c>
      <c r="D4742" s="14" t="s">
        <v>14681</v>
      </c>
      <c r="E4742" s="2" t="s">
        <v>14682</v>
      </c>
      <c r="F4742" s="2" t="s">
        <v>7212</v>
      </c>
      <c r="G4742" s="8">
        <v>158</v>
      </c>
      <c r="H4742" s="5">
        <v>6</v>
      </c>
      <c r="I4742" s="5" t="s">
        <v>1518</v>
      </c>
      <c r="J4742" s="5" t="s">
        <v>1519</v>
      </c>
      <c r="K4742" s="2" t="s">
        <v>1520</v>
      </c>
      <c r="L4742" s="5" t="s">
        <v>1519</v>
      </c>
      <c r="M4742" s="2" t="s">
        <v>1520</v>
      </c>
      <c r="N4742" s="5" t="s">
        <v>1521</v>
      </c>
      <c r="O4742" s="5" t="s">
        <v>38</v>
      </c>
      <c r="P4742" s="5" t="s">
        <v>39</v>
      </c>
      <c r="Q4742" s="5" t="s">
        <v>40</v>
      </c>
      <c r="R4742" s="5" t="s">
        <v>1522</v>
      </c>
      <c r="S4742" s="5" t="s">
        <v>1523</v>
      </c>
      <c r="T4742" s="5" t="s">
        <v>42</v>
      </c>
      <c r="U4742" s="2">
        <v>2.5390000000000001</v>
      </c>
      <c r="V4742" s="2">
        <v>2.1749999999999998</v>
      </c>
      <c r="W4742" s="2">
        <v>1.0999999999999999E-2</v>
      </c>
      <c r="X4742" s="2">
        <v>139.1</v>
      </c>
      <c r="Y4742" s="2">
        <v>7.6</v>
      </c>
      <c r="Z4742" s="2">
        <v>10.6</v>
      </c>
      <c r="AA4742" s="5"/>
      <c r="AB4742" s="5" t="s">
        <v>43</v>
      </c>
      <c r="AC4742" s="5" t="s">
        <v>44</v>
      </c>
      <c r="AD4742" s="2"/>
      <c r="AE4742" s="1"/>
    </row>
    <row r="4743" spans="1:31" ht="14.45">
      <c r="A4743" s="11"/>
      <c r="B4743" s="20"/>
      <c r="C4743" s="2" t="s">
        <v>14683</v>
      </c>
      <c r="D4743" s="14" t="s">
        <v>14684</v>
      </c>
      <c r="E4743" s="2" t="s">
        <v>14685</v>
      </c>
      <c r="F4743" s="2" t="s">
        <v>7406</v>
      </c>
      <c r="G4743" s="8">
        <v>182</v>
      </c>
      <c r="H4743" s="5">
        <v>6</v>
      </c>
      <c r="I4743" s="5" t="s">
        <v>1518</v>
      </c>
      <c r="J4743" s="5" t="s">
        <v>1519</v>
      </c>
      <c r="K4743" s="2" t="s">
        <v>1520</v>
      </c>
      <c r="L4743" s="5" t="s">
        <v>1519</v>
      </c>
      <c r="M4743" s="2" t="s">
        <v>1520</v>
      </c>
      <c r="N4743" s="5" t="s">
        <v>1521</v>
      </c>
      <c r="O4743" s="5" t="s">
        <v>38</v>
      </c>
      <c r="P4743" s="5" t="s">
        <v>39</v>
      </c>
      <c r="Q4743" s="5" t="s">
        <v>40</v>
      </c>
      <c r="R4743" s="5" t="s">
        <v>1522</v>
      </c>
      <c r="S4743" s="5" t="s">
        <v>1523</v>
      </c>
      <c r="T4743" s="5" t="s">
        <v>42</v>
      </c>
      <c r="U4743" s="2">
        <v>2.5390000000000001</v>
      </c>
      <c r="V4743" s="2">
        <v>2.1749999999999998</v>
      </c>
      <c r="W4743" s="2">
        <v>1.0999999999999999E-2</v>
      </c>
      <c r="X4743" s="2">
        <v>139.1</v>
      </c>
      <c r="Y4743" s="2">
        <v>7.6</v>
      </c>
      <c r="Z4743" s="2">
        <v>10.6</v>
      </c>
      <c r="AA4743" s="5"/>
      <c r="AB4743" s="5" t="s">
        <v>43</v>
      </c>
      <c r="AC4743" s="5" t="s">
        <v>44</v>
      </c>
      <c r="AD4743" s="2"/>
      <c r="AE4743" s="1"/>
    </row>
    <row r="4744" spans="1:31" ht="14.45">
      <c r="A4744" s="11"/>
      <c r="B4744" s="20"/>
      <c r="C4744" s="2" t="s">
        <v>14686</v>
      </c>
      <c r="D4744" s="14" t="s">
        <v>14687</v>
      </c>
      <c r="E4744" s="2" t="s">
        <v>14688</v>
      </c>
      <c r="F4744" s="2" t="s">
        <v>7539</v>
      </c>
      <c r="G4744" s="8">
        <v>182</v>
      </c>
      <c r="H4744" s="5">
        <v>6</v>
      </c>
      <c r="I4744" s="5" t="s">
        <v>1518</v>
      </c>
      <c r="J4744" s="5" t="s">
        <v>1519</v>
      </c>
      <c r="K4744" s="2" t="s">
        <v>1520</v>
      </c>
      <c r="L4744" s="5" t="s">
        <v>1519</v>
      </c>
      <c r="M4744" s="2" t="s">
        <v>1520</v>
      </c>
      <c r="N4744" s="5" t="s">
        <v>1521</v>
      </c>
      <c r="O4744" s="5" t="s">
        <v>38</v>
      </c>
      <c r="P4744" s="5" t="s">
        <v>39</v>
      </c>
      <c r="Q4744" s="5" t="s">
        <v>40</v>
      </c>
      <c r="R4744" s="5" t="s">
        <v>1522</v>
      </c>
      <c r="S4744" s="5" t="s">
        <v>1523</v>
      </c>
      <c r="T4744" s="5" t="s">
        <v>42</v>
      </c>
      <c r="U4744" s="2">
        <v>2.5830000000000002</v>
      </c>
      <c r="V4744" s="2">
        <v>2.2189999999999999</v>
      </c>
      <c r="W4744" s="2">
        <v>1.0999999999999999E-2</v>
      </c>
      <c r="X4744" s="2">
        <v>139.1</v>
      </c>
      <c r="Y4744" s="2">
        <v>7.6</v>
      </c>
      <c r="Z4744" s="2">
        <v>10.6</v>
      </c>
      <c r="AA4744" s="5"/>
      <c r="AB4744" s="5" t="s">
        <v>43</v>
      </c>
      <c r="AC4744" s="5" t="s">
        <v>44</v>
      </c>
      <c r="AD4744" s="2"/>
      <c r="AE4744" s="1"/>
    </row>
    <row r="4745" spans="1:31" ht="14.45">
      <c r="A4745" s="11"/>
      <c r="B4745" s="20"/>
      <c r="C4745" s="2" t="s">
        <v>14689</v>
      </c>
      <c r="D4745" s="14" t="s">
        <v>14690</v>
      </c>
      <c r="E4745" s="2" t="s">
        <v>14691</v>
      </c>
      <c r="F4745" s="2" t="s">
        <v>7547</v>
      </c>
      <c r="G4745" s="8">
        <v>182</v>
      </c>
      <c r="H4745" s="5">
        <v>6</v>
      </c>
      <c r="I4745" s="5" t="s">
        <v>1518</v>
      </c>
      <c r="J4745" s="5" t="s">
        <v>1519</v>
      </c>
      <c r="K4745" s="2" t="s">
        <v>1520</v>
      </c>
      <c r="L4745" s="5" t="s">
        <v>1519</v>
      </c>
      <c r="M4745" s="2" t="s">
        <v>1520</v>
      </c>
      <c r="N4745" s="5" t="s">
        <v>1521</v>
      </c>
      <c r="O4745" s="5" t="s">
        <v>38</v>
      </c>
      <c r="P4745" s="5" t="s">
        <v>39</v>
      </c>
      <c r="Q4745" s="5" t="s">
        <v>40</v>
      </c>
      <c r="R4745" s="5" t="s">
        <v>1522</v>
      </c>
      <c r="S4745" s="5" t="s">
        <v>1523</v>
      </c>
      <c r="T4745" s="5" t="s">
        <v>42</v>
      </c>
      <c r="U4745" s="2">
        <v>2.5390000000000001</v>
      </c>
      <c r="V4745" s="2">
        <v>2.1749999999999998</v>
      </c>
      <c r="W4745" s="2">
        <v>1.0999999999999999E-2</v>
      </c>
      <c r="X4745" s="2">
        <v>139.1</v>
      </c>
      <c r="Y4745" s="2">
        <v>7.6</v>
      </c>
      <c r="Z4745" s="2">
        <v>10.6</v>
      </c>
      <c r="AA4745" s="5"/>
      <c r="AB4745" s="5" t="s">
        <v>43</v>
      </c>
      <c r="AC4745" s="5" t="s">
        <v>44</v>
      </c>
      <c r="AD4745" s="2"/>
      <c r="AE4745" s="1"/>
    </row>
    <row r="4746" spans="1:31" ht="14.45">
      <c r="A4746" s="11"/>
      <c r="B4746" s="20"/>
      <c r="C4746" s="2" t="s">
        <v>14692</v>
      </c>
      <c r="D4746" s="14" t="s">
        <v>14693</v>
      </c>
      <c r="E4746" s="2" t="s">
        <v>14694</v>
      </c>
      <c r="F4746" s="2" t="s">
        <v>7555</v>
      </c>
      <c r="G4746" s="8">
        <v>182</v>
      </c>
      <c r="H4746" s="5">
        <v>6</v>
      </c>
      <c r="I4746" s="5" t="s">
        <v>1518</v>
      </c>
      <c r="J4746" s="5" t="s">
        <v>1519</v>
      </c>
      <c r="K4746" s="2" t="s">
        <v>1520</v>
      </c>
      <c r="L4746" s="5" t="s">
        <v>1519</v>
      </c>
      <c r="M4746" s="2" t="s">
        <v>1520</v>
      </c>
      <c r="N4746" s="5" t="s">
        <v>1521</v>
      </c>
      <c r="O4746" s="5" t="s">
        <v>38</v>
      </c>
      <c r="P4746" s="5" t="s">
        <v>39</v>
      </c>
      <c r="Q4746" s="5" t="s">
        <v>40</v>
      </c>
      <c r="R4746" s="5" t="s">
        <v>1522</v>
      </c>
      <c r="S4746" s="5" t="s">
        <v>1523</v>
      </c>
      <c r="T4746" s="5" t="s">
        <v>42</v>
      </c>
      <c r="U4746" s="2">
        <v>2.5390000000000001</v>
      </c>
      <c r="V4746" s="2">
        <v>2.1749999999999998</v>
      </c>
      <c r="W4746" s="2">
        <v>1.0999999999999999E-2</v>
      </c>
      <c r="X4746" s="2">
        <v>139.1</v>
      </c>
      <c r="Y4746" s="2">
        <v>7.6</v>
      </c>
      <c r="Z4746" s="2">
        <v>10.6</v>
      </c>
      <c r="AA4746" s="5"/>
      <c r="AB4746" s="5" t="s">
        <v>43</v>
      </c>
      <c r="AC4746" s="5" t="s">
        <v>44</v>
      </c>
      <c r="AD4746" s="2"/>
      <c r="AE4746" s="1"/>
    </row>
    <row r="4747" spans="1:31" ht="14.45">
      <c r="A4747" s="11"/>
      <c r="B4747" s="20"/>
      <c r="C4747" s="2" t="s">
        <v>14695</v>
      </c>
      <c r="D4747" s="14" t="s">
        <v>14696</v>
      </c>
      <c r="E4747" s="2" t="s">
        <v>14697</v>
      </c>
      <c r="F4747" s="2" t="s">
        <v>7563</v>
      </c>
      <c r="G4747" s="8">
        <v>182</v>
      </c>
      <c r="H4747" s="5">
        <v>6</v>
      </c>
      <c r="I4747" s="5" t="s">
        <v>1518</v>
      </c>
      <c r="J4747" s="5" t="s">
        <v>1519</v>
      </c>
      <c r="K4747" s="2" t="s">
        <v>1520</v>
      </c>
      <c r="L4747" s="5" t="s">
        <v>1519</v>
      </c>
      <c r="M4747" s="2" t="s">
        <v>1520</v>
      </c>
      <c r="N4747" s="5" t="s">
        <v>1521</v>
      </c>
      <c r="O4747" s="5" t="s">
        <v>38</v>
      </c>
      <c r="P4747" s="5" t="s">
        <v>39</v>
      </c>
      <c r="Q4747" s="5" t="s">
        <v>40</v>
      </c>
      <c r="R4747" s="5" t="s">
        <v>1522</v>
      </c>
      <c r="S4747" s="5" t="s">
        <v>1523</v>
      </c>
      <c r="T4747" s="5" t="s">
        <v>42</v>
      </c>
      <c r="U4747" s="2">
        <v>2.5830000000000002</v>
      </c>
      <c r="V4747" s="2">
        <v>2.2189999999999999</v>
      </c>
      <c r="W4747" s="2">
        <v>1.0999999999999999E-2</v>
      </c>
      <c r="X4747" s="2">
        <v>139.1</v>
      </c>
      <c r="Y4747" s="2">
        <v>7.6</v>
      </c>
      <c r="Z4747" s="2">
        <v>10.6</v>
      </c>
      <c r="AA4747" s="5"/>
      <c r="AB4747" s="5" t="s">
        <v>43</v>
      </c>
      <c r="AC4747" s="5" t="s">
        <v>44</v>
      </c>
      <c r="AD4747" s="2"/>
      <c r="AE4747" s="1"/>
    </row>
    <row r="4748" spans="1:31" ht="14.45">
      <c r="A4748" s="11"/>
      <c r="B4748" s="20"/>
      <c r="C4748" s="2" t="s">
        <v>14698</v>
      </c>
      <c r="D4748" s="14" t="s">
        <v>14699</v>
      </c>
      <c r="E4748" s="2" t="s">
        <v>14700</v>
      </c>
      <c r="F4748" s="2" t="s">
        <v>7429</v>
      </c>
      <c r="G4748" s="8">
        <v>182</v>
      </c>
      <c r="H4748" s="5">
        <v>6</v>
      </c>
      <c r="I4748" s="5" t="s">
        <v>1518</v>
      </c>
      <c r="J4748" s="5" t="s">
        <v>1519</v>
      </c>
      <c r="K4748" s="2" t="s">
        <v>1520</v>
      </c>
      <c r="L4748" s="5" t="s">
        <v>1519</v>
      </c>
      <c r="M4748" s="2" t="s">
        <v>1520</v>
      </c>
      <c r="N4748" s="5" t="s">
        <v>1521</v>
      </c>
      <c r="O4748" s="5" t="s">
        <v>38</v>
      </c>
      <c r="P4748" s="5" t="s">
        <v>39</v>
      </c>
      <c r="Q4748" s="5" t="s">
        <v>40</v>
      </c>
      <c r="R4748" s="5" t="s">
        <v>1522</v>
      </c>
      <c r="S4748" s="5" t="s">
        <v>1523</v>
      </c>
      <c r="T4748" s="5" t="s">
        <v>42</v>
      </c>
      <c r="U4748" s="2">
        <v>2.5830000000000002</v>
      </c>
      <c r="V4748" s="2">
        <v>2.2189999999999999</v>
      </c>
      <c r="W4748" s="2">
        <v>1.0999999999999999E-2</v>
      </c>
      <c r="X4748" s="2">
        <v>139.1</v>
      </c>
      <c r="Y4748" s="2">
        <v>7.6</v>
      </c>
      <c r="Z4748" s="2">
        <v>10.6</v>
      </c>
      <c r="AA4748" s="5"/>
      <c r="AB4748" s="5" t="s">
        <v>43</v>
      </c>
      <c r="AC4748" s="5" t="s">
        <v>44</v>
      </c>
      <c r="AD4748" s="2"/>
      <c r="AE4748" s="1"/>
    </row>
    <row r="4749" spans="1:31" ht="14.45">
      <c r="A4749" s="11"/>
      <c r="B4749" s="20"/>
      <c r="C4749" s="2" t="s">
        <v>14701</v>
      </c>
      <c r="D4749" s="14" t="s">
        <v>14702</v>
      </c>
      <c r="E4749" s="2" t="s">
        <v>14703</v>
      </c>
      <c r="F4749" s="2" t="s">
        <v>7449</v>
      </c>
      <c r="G4749" s="8">
        <v>182</v>
      </c>
      <c r="H4749" s="5">
        <v>6</v>
      </c>
      <c r="I4749" s="5" t="s">
        <v>1518</v>
      </c>
      <c r="J4749" s="5" t="s">
        <v>1519</v>
      </c>
      <c r="K4749" s="2" t="s">
        <v>1520</v>
      </c>
      <c r="L4749" s="5" t="s">
        <v>1519</v>
      </c>
      <c r="M4749" s="2" t="s">
        <v>1520</v>
      </c>
      <c r="N4749" s="5" t="s">
        <v>1521</v>
      </c>
      <c r="O4749" s="5" t="s">
        <v>38</v>
      </c>
      <c r="P4749" s="5" t="s">
        <v>39</v>
      </c>
      <c r="Q4749" s="5" t="s">
        <v>40</v>
      </c>
      <c r="R4749" s="5" t="s">
        <v>1522</v>
      </c>
      <c r="S4749" s="5" t="s">
        <v>1523</v>
      </c>
      <c r="T4749" s="5" t="s">
        <v>42</v>
      </c>
      <c r="U4749" s="2">
        <v>2.5830000000000002</v>
      </c>
      <c r="V4749" s="2">
        <v>2.2189999999999999</v>
      </c>
      <c r="W4749" s="2">
        <v>1.0999999999999999E-2</v>
      </c>
      <c r="X4749" s="2">
        <v>139.1</v>
      </c>
      <c r="Y4749" s="2">
        <v>7.6</v>
      </c>
      <c r="Z4749" s="2">
        <v>10.6</v>
      </c>
      <c r="AA4749" s="5"/>
      <c r="AB4749" s="5" t="s">
        <v>43</v>
      </c>
      <c r="AC4749" s="5" t="s">
        <v>44</v>
      </c>
      <c r="AD4749" s="2"/>
      <c r="AE4749" s="1"/>
    </row>
    <row r="4750" spans="1:31" ht="14.45">
      <c r="A4750" s="11"/>
      <c r="B4750" s="20"/>
      <c r="C4750" s="2" t="s">
        <v>14704</v>
      </c>
      <c r="D4750" s="14" t="s">
        <v>14705</v>
      </c>
      <c r="E4750" s="2" t="s">
        <v>14706</v>
      </c>
      <c r="F4750" s="2" t="s">
        <v>7585</v>
      </c>
      <c r="G4750" s="8">
        <v>182</v>
      </c>
      <c r="H4750" s="5">
        <v>6</v>
      </c>
      <c r="I4750" s="5" t="s">
        <v>1518</v>
      </c>
      <c r="J4750" s="5" t="s">
        <v>1519</v>
      </c>
      <c r="K4750" s="2" t="s">
        <v>1520</v>
      </c>
      <c r="L4750" s="5" t="s">
        <v>1519</v>
      </c>
      <c r="M4750" s="2" t="s">
        <v>1520</v>
      </c>
      <c r="N4750" s="5" t="s">
        <v>1521</v>
      </c>
      <c r="O4750" s="5" t="s">
        <v>38</v>
      </c>
      <c r="P4750" s="5" t="s">
        <v>39</v>
      </c>
      <c r="Q4750" s="5" t="s">
        <v>40</v>
      </c>
      <c r="R4750" s="5" t="s">
        <v>1522</v>
      </c>
      <c r="S4750" s="5" t="s">
        <v>1523</v>
      </c>
      <c r="T4750" s="5" t="s">
        <v>42</v>
      </c>
      <c r="U4750" s="2">
        <v>2.5390000000000001</v>
      </c>
      <c r="V4750" s="2">
        <v>2.1749999999999998</v>
      </c>
      <c r="W4750" s="2">
        <v>1.0999999999999999E-2</v>
      </c>
      <c r="X4750" s="2">
        <v>139.1</v>
      </c>
      <c r="Y4750" s="2">
        <v>7.6</v>
      </c>
      <c r="Z4750" s="2">
        <v>10.6</v>
      </c>
      <c r="AA4750" s="5"/>
      <c r="AB4750" s="5" t="s">
        <v>43</v>
      </c>
      <c r="AC4750" s="5" t="s">
        <v>44</v>
      </c>
      <c r="AD4750" s="2"/>
      <c r="AE4750" s="1"/>
    </row>
    <row r="4751" spans="1:31" ht="14.45">
      <c r="A4751" s="11"/>
      <c r="B4751" s="20"/>
      <c r="C4751" s="2" t="s">
        <v>14707</v>
      </c>
      <c r="D4751" s="14" t="s">
        <v>14708</v>
      </c>
      <c r="E4751" s="2" t="s">
        <v>14709</v>
      </c>
      <c r="F4751" s="2" t="s">
        <v>7593</v>
      </c>
      <c r="G4751" s="8">
        <v>182</v>
      </c>
      <c r="H4751" s="5">
        <v>6</v>
      </c>
      <c r="I4751" s="5" t="s">
        <v>1518</v>
      </c>
      <c r="J4751" s="5" t="s">
        <v>1519</v>
      </c>
      <c r="K4751" s="2" t="s">
        <v>1520</v>
      </c>
      <c r="L4751" s="5" t="s">
        <v>1519</v>
      </c>
      <c r="M4751" s="2" t="s">
        <v>1520</v>
      </c>
      <c r="N4751" s="5" t="s">
        <v>1521</v>
      </c>
      <c r="O4751" s="5" t="s">
        <v>38</v>
      </c>
      <c r="P4751" s="5" t="s">
        <v>39</v>
      </c>
      <c r="Q4751" s="5" t="s">
        <v>40</v>
      </c>
      <c r="R4751" s="5" t="s">
        <v>1522</v>
      </c>
      <c r="S4751" s="5" t="s">
        <v>1523</v>
      </c>
      <c r="T4751" s="5" t="s">
        <v>42</v>
      </c>
      <c r="U4751" s="2">
        <v>2.5830000000000002</v>
      </c>
      <c r="V4751" s="2">
        <v>2.2189999999999999</v>
      </c>
      <c r="W4751" s="2">
        <v>1.0999999999999999E-2</v>
      </c>
      <c r="X4751" s="2">
        <v>139.1</v>
      </c>
      <c r="Y4751" s="2">
        <v>7.6</v>
      </c>
      <c r="Z4751" s="2">
        <v>10.6</v>
      </c>
      <c r="AA4751" s="5"/>
      <c r="AB4751" s="5" t="s">
        <v>43</v>
      </c>
      <c r="AC4751" s="5" t="s">
        <v>44</v>
      </c>
      <c r="AD4751" s="2"/>
      <c r="AE4751" s="1"/>
    </row>
    <row r="4752" spans="1:31" ht="14.45">
      <c r="A4752" s="11"/>
      <c r="B4752" s="20"/>
      <c r="C4752" s="2" t="s">
        <v>14710</v>
      </c>
      <c r="D4752" s="14" t="s">
        <v>14711</v>
      </c>
      <c r="E4752" s="2" t="s">
        <v>14712</v>
      </c>
      <c r="F4752" s="2" t="s">
        <v>7410</v>
      </c>
      <c r="G4752" s="8">
        <v>182</v>
      </c>
      <c r="H4752" s="5">
        <v>6</v>
      </c>
      <c r="I4752" s="5" t="s">
        <v>1518</v>
      </c>
      <c r="J4752" s="5" t="s">
        <v>1519</v>
      </c>
      <c r="K4752" s="2" t="s">
        <v>1520</v>
      </c>
      <c r="L4752" s="5" t="s">
        <v>1519</v>
      </c>
      <c r="M4752" s="2" t="s">
        <v>1520</v>
      </c>
      <c r="N4752" s="5" t="s">
        <v>1521</v>
      </c>
      <c r="O4752" s="5" t="s">
        <v>38</v>
      </c>
      <c r="P4752" s="5" t="s">
        <v>39</v>
      </c>
      <c r="Q4752" s="5" t="s">
        <v>40</v>
      </c>
      <c r="R4752" s="5" t="s">
        <v>1522</v>
      </c>
      <c r="S4752" s="5" t="s">
        <v>1523</v>
      </c>
      <c r="T4752" s="5" t="s">
        <v>42</v>
      </c>
      <c r="U4752" s="2">
        <v>2.5830000000000002</v>
      </c>
      <c r="V4752" s="2">
        <v>2.2189999999999999</v>
      </c>
      <c r="W4752" s="2">
        <v>1.0999999999999999E-2</v>
      </c>
      <c r="X4752" s="2">
        <v>139.1</v>
      </c>
      <c r="Y4752" s="2">
        <v>7.6</v>
      </c>
      <c r="Z4752" s="2">
        <v>10.6</v>
      </c>
      <c r="AA4752" s="5"/>
      <c r="AB4752" s="5" t="s">
        <v>43</v>
      </c>
      <c r="AC4752" s="5" t="s">
        <v>44</v>
      </c>
      <c r="AD4752" s="2"/>
      <c r="AE4752" s="1"/>
    </row>
    <row r="4753" spans="1:31" ht="14.45">
      <c r="A4753" s="11"/>
      <c r="B4753" s="20"/>
      <c r="C4753" s="2" t="s">
        <v>14713</v>
      </c>
      <c r="D4753" s="14" t="s">
        <v>14714</v>
      </c>
      <c r="E4753" s="2" t="s">
        <v>14715</v>
      </c>
      <c r="F4753" s="2" t="s">
        <v>7433</v>
      </c>
      <c r="G4753" s="8">
        <v>182</v>
      </c>
      <c r="H4753" s="5">
        <v>6</v>
      </c>
      <c r="I4753" s="5" t="s">
        <v>1518</v>
      </c>
      <c r="J4753" s="5" t="s">
        <v>1519</v>
      </c>
      <c r="K4753" s="2" t="s">
        <v>1520</v>
      </c>
      <c r="L4753" s="5" t="s">
        <v>1519</v>
      </c>
      <c r="M4753" s="2" t="s">
        <v>1520</v>
      </c>
      <c r="N4753" s="5" t="s">
        <v>1521</v>
      </c>
      <c r="O4753" s="5" t="s">
        <v>38</v>
      </c>
      <c r="P4753" s="5" t="s">
        <v>39</v>
      </c>
      <c r="Q4753" s="5" t="s">
        <v>40</v>
      </c>
      <c r="R4753" s="5" t="s">
        <v>1522</v>
      </c>
      <c r="S4753" s="5" t="s">
        <v>1523</v>
      </c>
      <c r="T4753" s="5" t="s">
        <v>42</v>
      </c>
      <c r="U4753" s="2">
        <v>2.5830000000000002</v>
      </c>
      <c r="V4753" s="2">
        <v>2.2189999999999999</v>
      </c>
      <c r="W4753" s="2">
        <v>1.0999999999999999E-2</v>
      </c>
      <c r="X4753" s="2">
        <v>139.1</v>
      </c>
      <c r="Y4753" s="2">
        <v>7.6</v>
      </c>
      <c r="Z4753" s="2">
        <v>10.6</v>
      </c>
      <c r="AA4753" s="5"/>
      <c r="AB4753" s="5" t="s">
        <v>43</v>
      </c>
      <c r="AC4753" s="5" t="s">
        <v>44</v>
      </c>
      <c r="AD4753" s="2"/>
      <c r="AE4753" s="1"/>
    </row>
    <row r="4754" spans="1:31" ht="14.45">
      <c r="A4754" s="11"/>
      <c r="B4754" s="20"/>
      <c r="C4754" s="2" t="s">
        <v>14716</v>
      </c>
      <c r="D4754" s="14" t="s">
        <v>14717</v>
      </c>
      <c r="E4754" s="2" t="s">
        <v>14718</v>
      </c>
      <c r="F4754" s="2" t="s">
        <v>7615</v>
      </c>
      <c r="G4754" s="8">
        <v>182</v>
      </c>
      <c r="H4754" s="5">
        <v>6</v>
      </c>
      <c r="I4754" s="5" t="s">
        <v>1518</v>
      </c>
      <c r="J4754" s="5" t="s">
        <v>1519</v>
      </c>
      <c r="K4754" s="2" t="s">
        <v>1520</v>
      </c>
      <c r="L4754" s="5" t="s">
        <v>1519</v>
      </c>
      <c r="M4754" s="2" t="s">
        <v>1520</v>
      </c>
      <c r="N4754" s="5" t="s">
        <v>1521</v>
      </c>
      <c r="O4754" s="5" t="s">
        <v>38</v>
      </c>
      <c r="P4754" s="5" t="s">
        <v>39</v>
      </c>
      <c r="Q4754" s="5" t="s">
        <v>40</v>
      </c>
      <c r="R4754" s="5" t="s">
        <v>1522</v>
      </c>
      <c r="S4754" s="5" t="s">
        <v>1523</v>
      </c>
      <c r="T4754" s="5" t="s">
        <v>42</v>
      </c>
      <c r="U4754" s="2">
        <v>2.5390000000000001</v>
      </c>
      <c r="V4754" s="2">
        <v>2.1749999999999998</v>
      </c>
      <c r="W4754" s="2">
        <v>1.0999999999999999E-2</v>
      </c>
      <c r="X4754" s="2">
        <v>139.1</v>
      </c>
      <c r="Y4754" s="2">
        <v>7.6</v>
      </c>
      <c r="Z4754" s="2">
        <v>10.6</v>
      </c>
      <c r="AA4754" s="5"/>
      <c r="AB4754" s="5" t="s">
        <v>43</v>
      </c>
      <c r="AC4754" s="5" t="s">
        <v>44</v>
      </c>
      <c r="AD4754" s="2"/>
      <c r="AE4754" s="1"/>
    </row>
    <row r="4755" spans="1:31" ht="14.45">
      <c r="A4755" s="11"/>
      <c r="B4755" s="20"/>
      <c r="C4755" s="2" t="s">
        <v>14719</v>
      </c>
      <c r="D4755" s="14" t="s">
        <v>14720</v>
      </c>
      <c r="E4755" s="2" t="s">
        <v>14721</v>
      </c>
      <c r="F4755" s="2" t="s">
        <v>7396</v>
      </c>
      <c r="G4755" s="8">
        <v>176</v>
      </c>
      <c r="H4755" s="5">
        <v>6</v>
      </c>
      <c r="I4755" s="5" t="s">
        <v>1518</v>
      </c>
      <c r="J4755" s="5" t="s">
        <v>1519</v>
      </c>
      <c r="K4755" s="2" t="s">
        <v>1520</v>
      </c>
      <c r="L4755" s="5" t="s">
        <v>1519</v>
      </c>
      <c r="M4755" s="2" t="s">
        <v>1520</v>
      </c>
      <c r="N4755" s="5" t="s">
        <v>1521</v>
      </c>
      <c r="O4755" s="5" t="s">
        <v>38</v>
      </c>
      <c r="P4755" s="5" t="s">
        <v>39</v>
      </c>
      <c r="Q4755" s="5" t="s">
        <v>40</v>
      </c>
      <c r="R4755" s="5" t="s">
        <v>1522</v>
      </c>
      <c r="S4755" s="5" t="s">
        <v>1523</v>
      </c>
      <c r="T4755" s="5" t="s">
        <v>42</v>
      </c>
      <c r="U4755" s="2">
        <v>2.758</v>
      </c>
      <c r="V4755" s="2">
        <v>2.3490000000000002</v>
      </c>
      <c r="W4755" s="2">
        <v>1.2999999999999999E-2</v>
      </c>
      <c r="X4755" s="2">
        <v>159.1</v>
      </c>
      <c r="Y4755" s="2">
        <v>7.6</v>
      </c>
      <c r="Z4755" s="2">
        <v>10.6</v>
      </c>
      <c r="AA4755" s="5"/>
      <c r="AB4755" s="5" t="s">
        <v>43</v>
      </c>
      <c r="AC4755" s="5" t="s">
        <v>44</v>
      </c>
      <c r="AD4755" s="2"/>
      <c r="AE4755" s="1"/>
    </row>
    <row r="4756" spans="1:31" ht="14.45">
      <c r="A4756" s="11"/>
      <c r="B4756" s="20"/>
      <c r="C4756" s="2" t="s">
        <v>14722</v>
      </c>
      <c r="D4756" s="14" t="s">
        <v>14723</v>
      </c>
      <c r="E4756" s="2" t="s">
        <v>14724</v>
      </c>
      <c r="F4756" s="2" t="s">
        <v>7204</v>
      </c>
      <c r="G4756" s="8">
        <v>176</v>
      </c>
      <c r="H4756" s="5">
        <v>6</v>
      </c>
      <c r="I4756" s="5" t="s">
        <v>1518</v>
      </c>
      <c r="J4756" s="5" t="s">
        <v>1519</v>
      </c>
      <c r="K4756" s="2" t="s">
        <v>1520</v>
      </c>
      <c r="L4756" s="5" t="s">
        <v>1519</v>
      </c>
      <c r="M4756" s="2" t="s">
        <v>1520</v>
      </c>
      <c r="N4756" s="5" t="s">
        <v>1521</v>
      </c>
      <c r="O4756" s="5" t="s">
        <v>38</v>
      </c>
      <c r="P4756" s="5" t="s">
        <v>39</v>
      </c>
      <c r="Q4756" s="5" t="s">
        <v>40</v>
      </c>
      <c r="R4756" s="5" t="s">
        <v>1522</v>
      </c>
      <c r="S4756" s="5" t="s">
        <v>1523</v>
      </c>
      <c r="T4756" s="5" t="s">
        <v>42</v>
      </c>
      <c r="U4756" s="2">
        <v>2.7749999999999999</v>
      </c>
      <c r="V4756" s="2">
        <v>2.3660000000000001</v>
      </c>
      <c r="W4756" s="2">
        <v>1.2999999999999999E-2</v>
      </c>
      <c r="X4756" s="2">
        <v>159.1</v>
      </c>
      <c r="Y4756" s="2">
        <v>7.6</v>
      </c>
      <c r="Z4756" s="2">
        <v>10.6</v>
      </c>
      <c r="AA4756" s="5"/>
      <c r="AB4756" s="5" t="s">
        <v>43</v>
      </c>
      <c r="AC4756" s="5" t="s">
        <v>44</v>
      </c>
      <c r="AD4756" s="2"/>
      <c r="AE4756" s="1"/>
    </row>
    <row r="4757" spans="1:31" ht="14.45">
      <c r="A4757" s="11"/>
      <c r="B4757" s="20"/>
      <c r="C4757" s="2" t="s">
        <v>14725</v>
      </c>
      <c r="D4757" s="14" t="s">
        <v>14726</v>
      </c>
      <c r="E4757" s="2" t="s">
        <v>14727</v>
      </c>
      <c r="F4757" s="2" t="s">
        <v>7208</v>
      </c>
      <c r="G4757" s="8">
        <v>176</v>
      </c>
      <c r="H4757" s="5">
        <v>6</v>
      </c>
      <c r="I4757" s="5" t="s">
        <v>1518</v>
      </c>
      <c r="J4757" s="5" t="s">
        <v>1519</v>
      </c>
      <c r="K4757" s="2" t="s">
        <v>1520</v>
      </c>
      <c r="L4757" s="5" t="s">
        <v>1519</v>
      </c>
      <c r="M4757" s="2" t="s">
        <v>1520</v>
      </c>
      <c r="N4757" s="5" t="s">
        <v>1521</v>
      </c>
      <c r="O4757" s="5" t="s">
        <v>38</v>
      </c>
      <c r="P4757" s="5" t="s">
        <v>39</v>
      </c>
      <c r="Q4757" s="5" t="s">
        <v>40</v>
      </c>
      <c r="R4757" s="5" t="s">
        <v>1522</v>
      </c>
      <c r="S4757" s="5" t="s">
        <v>1523</v>
      </c>
      <c r="T4757" s="5" t="s">
        <v>42</v>
      </c>
      <c r="U4757" s="2">
        <v>2.7749999999999999</v>
      </c>
      <c r="V4757" s="2">
        <v>2.3660000000000001</v>
      </c>
      <c r="W4757" s="2">
        <v>1.2999999999999999E-2</v>
      </c>
      <c r="X4757" s="2">
        <v>159.1</v>
      </c>
      <c r="Y4757" s="2">
        <v>7.6</v>
      </c>
      <c r="Z4757" s="2">
        <v>10.6</v>
      </c>
      <c r="AA4757" s="5"/>
      <c r="AB4757" s="5" t="s">
        <v>43</v>
      </c>
      <c r="AC4757" s="5" t="s">
        <v>44</v>
      </c>
      <c r="AD4757" s="2"/>
      <c r="AE4757" s="1"/>
    </row>
    <row r="4758" spans="1:31" ht="14.45">
      <c r="A4758" s="11"/>
      <c r="B4758" s="20"/>
      <c r="C4758" s="2" t="s">
        <v>14728</v>
      </c>
      <c r="D4758" s="14" t="s">
        <v>14729</v>
      </c>
      <c r="E4758" s="2" t="s">
        <v>14730</v>
      </c>
      <c r="F4758" s="2" t="s">
        <v>7212</v>
      </c>
      <c r="G4758" s="8">
        <v>176</v>
      </c>
      <c r="H4758" s="5">
        <v>6</v>
      </c>
      <c r="I4758" s="5" t="s">
        <v>1518</v>
      </c>
      <c r="J4758" s="5" t="s">
        <v>1519</v>
      </c>
      <c r="K4758" s="2" t="s">
        <v>1520</v>
      </c>
      <c r="L4758" s="5" t="s">
        <v>1519</v>
      </c>
      <c r="M4758" s="2" t="s">
        <v>1520</v>
      </c>
      <c r="N4758" s="5" t="s">
        <v>1521</v>
      </c>
      <c r="O4758" s="5" t="s">
        <v>38</v>
      </c>
      <c r="P4758" s="5" t="s">
        <v>39</v>
      </c>
      <c r="Q4758" s="5" t="s">
        <v>40</v>
      </c>
      <c r="R4758" s="5" t="s">
        <v>1522</v>
      </c>
      <c r="S4758" s="5" t="s">
        <v>1523</v>
      </c>
      <c r="T4758" s="5" t="s">
        <v>42</v>
      </c>
      <c r="U4758" s="2">
        <v>2.7240000000000002</v>
      </c>
      <c r="V4758" s="2">
        <v>2.3149999999999999</v>
      </c>
      <c r="W4758" s="2">
        <v>1.2999999999999999E-2</v>
      </c>
      <c r="X4758" s="2">
        <v>159.1</v>
      </c>
      <c r="Y4758" s="2">
        <v>7.6</v>
      </c>
      <c r="Z4758" s="2">
        <v>10.6</v>
      </c>
      <c r="AA4758" s="5"/>
      <c r="AB4758" s="5" t="s">
        <v>43</v>
      </c>
      <c r="AC4758" s="5" t="s">
        <v>44</v>
      </c>
      <c r="AD4758" s="2"/>
      <c r="AE4758" s="1"/>
    </row>
    <row r="4759" spans="1:31" ht="14.45">
      <c r="A4759" s="11"/>
      <c r="B4759" s="20"/>
      <c r="C4759" s="2" t="s">
        <v>14731</v>
      </c>
      <c r="D4759" s="14" t="s">
        <v>14732</v>
      </c>
      <c r="E4759" s="2" t="s">
        <v>14733</v>
      </c>
      <c r="F4759" s="2" t="s">
        <v>7406</v>
      </c>
      <c r="G4759" s="8">
        <v>202</v>
      </c>
      <c r="H4759" s="5">
        <v>6</v>
      </c>
      <c r="I4759" s="5" t="s">
        <v>1518</v>
      </c>
      <c r="J4759" s="5" t="s">
        <v>1519</v>
      </c>
      <c r="K4759" s="2" t="s">
        <v>1520</v>
      </c>
      <c r="L4759" s="5" t="s">
        <v>1519</v>
      </c>
      <c r="M4759" s="2" t="s">
        <v>1520</v>
      </c>
      <c r="N4759" s="5" t="s">
        <v>1521</v>
      </c>
      <c r="O4759" s="5" t="s">
        <v>38</v>
      </c>
      <c r="P4759" s="5" t="s">
        <v>39</v>
      </c>
      <c r="Q4759" s="5" t="s">
        <v>40</v>
      </c>
      <c r="R4759" s="5" t="s">
        <v>1522</v>
      </c>
      <c r="S4759" s="5" t="s">
        <v>1523</v>
      </c>
      <c r="T4759" s="5" t="s">
        <v>42</v>
      </c>
      <c r="U4759" s="2">
        <v>2.7240000000000002</v>
      </c>
      <c r="V4759" s="2">
        <v>2.3149999999999999</v>
      </c>
      <c r="W4759" s="2">
        <v>1.2999999999999999E-2</v>
      </c>
      <c r="X4759" s="2">
        <v>159.1</v>
      </c>
      <c r="Y4759" s="2">
        <v>7.6</v>
      </c>
      <c r="Z4759" s="2">
        <v>10.6</v>
      </c>
      <c r="AA4759" s="5"/>
      <c r="AB4759" s="5" t="s">
        <v>43</v>
      </c>
      <c r="AC4759" s="5" t="s">
        <v>44</v>
      </c>
      <c r="AD4759" s="2"/>
      <c r="AE4759" s="1"/>
    </row>
    <row r="4760" spans="1:31" ht="14.45">
      <c r="A4760" s="11"/>
      <c r="B4760" s="20"/>
      <c r="C4760" s="2" t="s">
        <v>14734</v>
      </c>
      <c r="D4760" s="14" t="s">
        <v>14735</v>
      </c>
      <c r="E4760" s="2" t="s">
        <v>14736</v>
      </c>
      <c r="F4760" s="2" t="s">
        <v>7539</v>
      </c>
      <c r="G4760" s="8">
        <v>202</v>
      </c>
      <c r="H4760" s="5">
        <v>6</v>
      </c>
      <c r="I4760" s="5" t="s">
        <v>1518</v>
      </c>
      <c r="J4760" s="5" t="s">
        <v>1519</v>
      </c>
      <c r="K4760" s="2" t="s">
        <v>1520</v>
      </c>
      <c r="L4760" s="5" t="s">
        <v>1519</v>
      </c>
      <c r="M4760" s="2" t="s">
        <v>1520</v>
      </c>
      <c r="N4760" s="5" t="s">
        <v>1521</v>
      </c>
      <c r="O4760" s="5" t="s">
        <v>38</v>
      </c>
      <c r="P4760" s="5" t="s">
        <v>39</v>
      </c>
      <c r="Q4760" s="5" t="s">
        <v>40</v>
      </c>
      <c r="R4760" s="5" t="s">
        <v>1522</v>
      </c>
      <c r="S4760" s="5" t="s">
        <v>1523</v>
      </c>
      <c r="T4760" s="5" t="s">
        <v>42</v>
      </c>
      <c r="U4760" s="2">
        <v>2.7749999999999999</v>
      </c>
      <c r="V4760" s="2">
        <v>2.3660000000000001</v>
      </c>
      <c r="W4760" s="2">
        <v>1.2999999999999999E-2</v>
      </c>
      <c r="X4760" s="2">
        <v>159.1</v>
      </c>
      <c r="Y4760" s="2">
        <v>7.6</v>
      </c>
      <c r="Z4760" s="2">
        <v>10.6</v>
      </c>
      <c r="AA4760" s="5"/>
      <c r="AB4760" s="5" t="s">
        <v>43</v>
      </c>
      <c r="AC4760" s="5" t="s">
        <v>44</v>
      </c>
      <c r="AD4760" s="2"/>
      <c r="AE4760" s="1"/>
    </row>
    <row r="4761" spans="1:31" ht="14.45">
      <c r="A4761" s="11"/>
      <c r="B4761" s="20"/>
      <c r="C4761" s="2" t="s">
        <v>14737</v>
      </c>
      <c r="D4761" s="14" t="s">
        <v>14738</v>
      </c>
      <c r="E4761" s="2" t="s">
        <v>14739</v>
      </c>
      <c r="F4761" s="2" t="s">
        <v>7547</v>
      </c>
      <c r="G4761" s="8">
        <v>202</v>
      </c>
      <c r="H4761" s="5">
        <v>6</v>
      </c>
      <c r="I4761" s="5" t="s">
        <v>1518</v>
      </c>
      <c r="J4761" s="5" t="s">
        <v>1519</v>
      </c>
      <c r="K4761" s="2" t="s">
        <v>1520</v>
      </c>
      <c r="L4761" s="5" t="s">
        <v>1519</v>
      </c>
      <c r="M4761" s="2" t="s">
        <v>1520</v>
      </c>
      <c r="N4761" s="5" t="s">
        <v>1521</v>
      </c>
      <c r="O4761" s="5" t="s">
        <v>38</v>
      </c>
      <c r="P4761" s="5" t="s">
        <v>39</v>
      </c>
      <c r="Q4761" s="5" t="s">
        <v>40</v>
      </c>
      <c r="R4761" s="5" t="s">
        <v>1522</v>
      </c>
      <c r="S4761" s="5" t="s">
        <v>1523</v>
      </c>
      <c r="T4761" s="5" t="s">
        <v>42</v>
      </c>
      <c r="U4761" s="2">
        <v>2.7240000000000002</v>
      </c>
      <c r="V4761" s="2">
        <v>2.3149999999999999</v>
      </c>
      <c r="W4761" s="2">
        <v>1.2999999999999999E-2</v>
      </c>
      <c r="X4761" s="2">
        <v>159.1</v>
      </c>
      <c r="Y4761" s="2">
        <v>7.6</v>
      </c>
      <c r="Z4761" s="2">
        <v>10.6</v>
      </c>
      <c r="AA4761" s="5"/>
      <c r="AB4761" s="5" t="s">
        <v>43</v>
      </c>
      <c r="AC4761" s="5" t="s">
        <v>44</v>
      </c>
      <c r="AD4761" s="2"/>
      <c r="AE4761" s="1"/>
    </row>
    <row r="4762" spans="1:31" ht="14.45">
      <c r="A4762" s="11"/>
      <c r="B4762" s="20"/>
      <c r="C4762" s="2" t="s">
        <v>14740</v>
      </c>
      <c r="D4762" s="14" t="s">
        <v>14741</v>
      </c>
      <c r="E4762" s="2" t="s">
        <v>14742</v>
      </c>
      <c r="F4762" s="2" t="s">
        <v>7555</v>
      </c>
      <c r="G4762" s="8">
        <v>202</v>
      </c>
      <c r="H4762" s="5">
        <v>6</v>
      </c>
      <c r="I4762" s="5" t="s">
        <v>1518</v>
      </c>
      <c r="J4762" s="5" t="s">
        <v>1519</v>
      </c>
      <c r="K4762" s="2" t="s">
        <v>1520</v>
      </c>
      <c r="L4762" s="5" t="s">
        <v>1519</v>
      </c>
      <c r="M4762" s="2" t="s">
        <v>1520</v>
      </c>
      <c r="N4762" s="5" t="s">
        <v>1521</v>
      </c>
      <c r="O4762" s="5" t="s">
        <v>38</v>
      </c>
      <c r="P4762" s="5" t="s">
        <v>39</v>
      </c>
      <c r="Q4762" s="5" t="s">
        <v>40</v>
      </c>
      <c r="R4762" s="5" t="s">
        <v>1522</v>
      </c>
      <c r="S4762" s="5" t="s">
        <v>1523</v>
      </c>
      <c r="T4762" s="5" t="s">
        <v>42</v>
      </c>
      <c r="U4762" s="2">
        <v>2.7240000000000002</v>
      </c>
      <c r="V4762" s="2">
        <v>2.3149999999999999</v>
      </c>
      <c r="W4762" s="2">
        <v>1.2999999999999999E-2</v>
      </c>
      <c r="X4762" s="2">
        <v>159.1</v>
      </c>
      <c r="Y4762" s="2">
        <v>7.6</v>
      </c>
      <c r="Z4762" s="2">
        <v>10.6</v>
      </c>
      <c r="AA4762" s="5"/>
      <c r="AB4762" s="5" t="s">
        <v>43</v>
      </c>
      <c r="AC4762" s="5" t="s">
        <v>44</v>
      </c>
      <c r="AD4762" s="2"/>
      <c r="AE4762" s="1"/>
    </row>
    <row r="4763" spans="1:31" ht="14.45">
      <c r="A4763" s="11"/>
      <c r="B4763" s="20"/>
      <c r="C4763" s="2" t="s">
        <v>14743</v>
      </c>
      <c r="D4763" s="14" t="s">
        <v>14744</v>
      </c>
      <c r="E4763" s="2" t="s">
        <v>14745</v>
      </c>
      <c r="F4763" s="2" t="s">
        <v>7563</v>
      </c>
      <c r="G4763" s="8">
        <v>202</v>
      </c>
      <c r="H4763" s="5">
        <v>6</v>
      </c>
      <c r="I4763" s="5" t="s">
        <v>1518</v>
      </c>
      <c r="J4763" s="5" t="s">
        <v>1519</v>
      </c>
      <c r="K4763" s="2" t="s">
        <v>1520</v>
      </c>
      <c r="L4763" s="5" t="s">
        <v>1519</v>
      </c>
      <c r="M4763" s="2" t="s">
        <v>1520</v>
      </c>
      <c r="N4763" s="5" t="s">
        <v>1521</v>
      </c>
      <c r="O4763" s="5" t="s">
        <v>38</v>
      </c>
      <c r="P4763" s="5" t="s">
        <v>39</v>
      </c>
      <c r="Q4763" s="5" t="s">
        <v>40</v>
      </c>
      <c r="R4763" s="5" t="s">
        <v>1522</v>
      </c>
      <c r="S4763" s="5" t="s">
        <v>1523</v>
      </c>
      <c r="T4763" s="5" t="s">
        <v>42</v>
      </c>
      <c r="U4763" s="2">
        <v>2.7749999999999999</v>
      </c>
      <c r="V4763" s="2">
        <v>2.3660000000000001</v>
      </c>
      <c r="W4763" s="2">
        <v>1.2999999999999999E-2</v>
      </c>
      <c r="X4763" s="2">
        <v>159.1</v>
      </c>
      <c r="Y4763" s="2">
        <v>7.6</v>
      </c>
      <c r="Z4763" s="2">
        <v>10.6</v>
      </c>
      <c r="AA4763" s="5"/>
      <c r="AB4763" s="5" t="s">
        <v>43</v>
      </c>
      <c r="AC4763" s="5" t="s">
        <v>44</v>
      </c>
      <c r="AD4763" s="2"/>
      <c r="AE4763" s="1"/>
    </row>
    <row r="4764" spans="1:31" ht="14.45">
      <c r="A4764" s="11"/>
      <c r="B4764" s="20"/>
      <c r="C4764" s="2" t="s">
        <v>14746</v>
      </c>
      <c r="D4764" s="14" t="s">
        <v>14747</v>
      </c>
      <c r="E4764" s="2" t="s">
        <v>14748</v>
      </c>
      <c r="F4764" s="2" t="s">
        <v>7429</v>
      </c>
      <c r="G4764" s="8">
        <v>202</v>
      </c>
      <c r="H4764" s="5">
        <v>6</v>
      </c>
      <c r="I4764" s="5" t="s">
        <v>1518</v>
      </c>
      <c r="J4764" s="5" t="s">
        <v>1519</v>
      </c>
      <c r="K4764" s="2" t="s">
        <v>1520</v>
      </c>
      <c r="L4764" s="5" t="s">
        <v>1519</v>
      </c>
      <c r="M4764" s="2" t="s">
        <v>1520</v>
      </c>
      <c r="N4764" s="5" t="s">
        <v>1521</v>
      </c>
      <c r="O4764" s="5" t="s">
        <v>38</v>
      </c>
      <c r="P4764" s="5" t="s">
        <v>39</v>
      </c>
      <c r="Q4764" s="5" t="s">
        <v>40</v>
      </c>
      <c r="R4764" s="5" t="s">
        <v>1522</v>
      </c>
      <c r="S4764" s="5" t="s">
        <v>1523</v>
      </c>
      <c r="T4764" s="5" t="s">
        <v>42</v>
      </c>
      <c r="U4764" s="2">
        <v>2.7749999999999999</v>
      </c>
      <c r="V4764" s="2">
        <v>2.3660000000000001</v>
      </c>
      <c r="W4764" s="2">
        <v>1.2999999999999999E-2</v>
      </c>
      <c r="X4764" s="2">
        <v>159.1</v>
      </c>
      <c r="Y4764" s="2">
        <v>7.6</v>
      </c>
      <c r="Z4764" s="2">
        <v>10.6</v>
      </c>
      <c r="AA4764" s="5"/>
      <c r="AB4764" s="5" t="s">
        <v>43</v>
      </c>
      <c r="AC4764" s="5" t="s">
        <v>44</v>
      </c>
      <c r="AD4764" s="2"/>
      <c r="AE4764" s="1"/>
    </row>
    <row r="4765" spans="1:31" ht="14.45">
      <c r="A4765" s="11"/>
      <c r="B4765" s="20"/>
      <c r="C4765" s="2" t="s">
        <v>14749</v>
      </c>
      <c r="D4765" s="14" t="s">
        <v>14750</v>
      </c>
      <c r="E4765" s="2" t="s">
        <v>14751</v>
      </c>
      <c r="F4765" s="2" t="s">
        <v>7449</v>
      </c>
      <c r="G4765" s="8">
        <v>202</v>
      </c>
      <c r="H4765" s="5">
        <v>6</v>
      </c>
      <c r="I4765" s="5" t="s">
        <v>1518</v>
      </c>
      <c r="J4765" s="5" t="s">
        <v>1519</v>
      </c>
      <c r="K4765" s="2" t="s">
        <v>1520</v>
      </c>
      <c r="L4765" s="5" t="s">
        <v>1519</v>
      </c>
      <c r="M4765" s="2" t="s">
        <v>1520</v>
      </c>
      <c r="N4765" s="5" t="s">
        <v>1521</v>
      </c>
      <c r="O4765" s="5" t="s">
        <v>38</v>
      </c>
      <c r="P4765" s="5" t="s">
        <v>39</v>
      </c>
      <c r="Q4765" s="5" t="s">
        <v>40</v>
      </c>
      <c r="R4765" s="5" t="s">
        <v>1522</v>
      </c>
      <c r="S4765" s="5" t="s">
        <v>1523</v>
      </c>
      <c r="T4765" s="5" t="s">
        <v>42</v>
      </c>
      <c r="U4765" s="2">
        <v>2.7749999999999999</v>
      </c>
      <c r="V4765" s="2">
        <v>2.3660000000000001</v>
      </c>
      <c r="W4765" s="2">
        <v>1.2999999999999999E-2</v>
      </c>
      <c r="X4765" s="2">
        <v>159.1</v>
      </c>
      <c r="Y4765" s="2">
        <v>7.6</v>
      </c>
      <c r="Z4765" s="2">
        <v>10.6</v>
      </c>
      <c r="AA4765" s="5"/>
      <c r="AB4765" s="5" t="s">
        <v>43</v>
      </c>
      <c r="AC4765" s="5" t="s">
        <v>44</v>
      </c>
      <c r="AD4765" s="2"/>
      <c r="AE4765" s="1"/>
    </row>
    <row r="4766" spans="1:31" ht="14.45">
      <c r="A4766" s="11"/>
      <c r="B4766" s="20"/>
      <c r="C4766" s="2" t="s">
        <v>14752</v>
      </c>
      <c r="D4766" s="14" t="s">
        <v>14753</v>
      </c>
      <c r="E4766" s="2" t="s">
        <v>14754</v>
      </c>
      <c r="F4766" s="2" t="s">
        <v>7585</v>
      </c>
      <c r="G4766" s="8">
        <v>202</v>
      </c>
      <c r="H4766" s="5">
        <v>6</v>
      </c>
      <c r="I4766" s="5" t="s">
        <v>1518</v>
      </c>
      <c r="J4766" s="5" t="s">
        <v>1519</v>
      </c>
      <c r="K4766" s="2" t="s">
        <v>1520</v>
      </c>
      <c r="L4766" s="5" t="s">
        <v>1519</v>
      </c>
      <c r="M4766" s="2" t="s">
        <v>1520</v>
      </c>
      <c r="N4766" s="5" t="s">
        <v>1521</v>
      </c>
      <c r="O4766" s="5" t="s">
        <v>38</v>
      </c>
      <c r="P4766" s="5" t="s">
        <v>39</v>
      </c>
      <c r="Q4766" s="5" t="s">
        <v>40</v>
      </c>
      <c r="R4766" s="5" t="s">
        <v>1522</v>
      </c>
      <c r="S4766" s="5" t="s">
        <v>1523</v>
      </c>
      <c r="T4766" s="5" t="s">
        <v>42</v>
      </c>
      <c r="U4766" s="2">
        <v>2.7240000000000002</v>
      </c>
      <c r="V4766" s="2">
        <v>2.3149999999999999</v>
      </c>
      <c r="W4766" s="2">
        <v>1.2999999999999999E-2</v>
      </c>
      <c r="X4766" s="2">
        <v>159.1</v>
      </c>
      <c r="Y4766" s="2">
        <v>7.6</v>
      </c>
      <c r="Z4766" s="2">
        <v>10.6</v>
      </c>
      <c r="AA4766" s="5"/>
      <c r="AB4766" s="5" t="s">
        <v>43</v>
      </c>
      <c r="AC4766" s="5" t="s">
        <v>44</v>
      </c>
      <c r="AD4766" s="2"/>
      <c r="AE4766" s="1"/>
    </row>
    <row r="4767" spans="1:31" ht="14.45">
      <c r="A4767" s="11"/>
      <c r="B4767" s="20"/>
      <c r="C4767" s="2" t="s">
        <v>14755</v>
      </c>
      <c r="D4767" s="14" t="s">
        <v>14756</v>
      </c>
      <c r="E4767" s="2" t="s">
        <v>14757</v>
      </c>
      <c r="F4767" s="2" t="s">
        <v>7593</v>
      </c>
      <c r="G4767" s="8">
        <v>202</v>
      </c>
      <c r="H4767" s="5">
        <v>6</v>
      </c>
      <c r="I4767" s="5" t="s">
        <v>1518</v>
      </c>
      <c r="J4767" s="5" t="s">
        <v>1519</v>
      </c>
      <c r="K4767" s="2" t="s">
        <v>1520</v>
      </c>
      <c r="L4767" s="5" t="s">
        <v>1519</v>
      </c>
      <c r="M4767" s="2" t="s">
        <v>1520</v>
      </c>
      <c r="N4767" s="5" t="s">
        <v>1521</v>
      </c>
      <c r="O4767" s="5" t="s">
        <v>38</v>
      </c>
      <c r="P4767" s="5" t="s">
        <v>39</v>
      </c>
      <c r="Q4767" s="5" t="s">
        <v>40</v>
      </c>
      <c r="R4767" s="5" t="s">
        <v>1522</v>
      </c>
      <c r="S4767" s="5" t="s">
        <v>1523</v>
      </c>
      <c r="T4767" s="5" t="s">
        <v>42</v>
      </c>
      <c r="U4767" s="2">
        <v>2.7749999999999999</v>
      </c>
      <c r="V4767" s="2">
        <v>2.3660000000000001</v>
      </c>
      <c r="W4767" s="2">
        <v>1.2999999999999999E-2</v>
      </c>
      <c r="X4767" s="2">
        <v>159.1</v>
      </c>
      <c r="Y4767" s="2">
        <v>7.6</v>
      </c>
      <c r="Z4767" s="2">
        <v>10.6</v>
      </c>
      <c r="AA4767" s="5"/>
      <c r="AB4767" s="5" t="s">
        <v>43</v>
      </c>
      <c r="AC4767" s="5" t="s">
        <v>44</v>
      </c>
      <c r="AD4767" s="2"/>
      <c r="AE4767" s="1"/>
    </row>
    <row r="4768" spans="1:31" ht="14.45">
      <c r="A4768" s="11"/>
      <c r="B4768" s="20"/>
      <c r="C4768" s="2" t="s">
        <v>14758</v>
      </c>
      <c r="D4768" s="14" t="s">
        <v>14759</v>
      </c>
      <c r="E4768" s="2" t="s">
        <v>14760</v>
      </c>
      <c r="F4768" s="2" t="s">
        <v>7410</v>
      </c>
      <c r="G4768" s="8">
        <v>202</v>
      </c>
      <c r="H4768" s="5">
        <v>6</v>
      </c>
      <c r="I4768" s="5" t="s">
        <v>1518</v>
      </c>
      <c r="J4768" s="5" t="s">
        <v>1519</v>
      </c>
      <c r="K4768" s="2" t="s">
        <v>1520</v>
      </c>
      <c r="L4768" s="5" t="s">
        <v>1519</v>
      </c>
      <c r="M4768" s="2" t="s">
        <v>1520</v>
      </c>
      <c r="N4768" s="5" t="s">
        <v>1521</v>
      </c>
      <c r="O4768" s="5" t="s">
        <v>38</v>
      </c>
      <c r="P4768" s="5" t="s">
        <v>39</v>
      </c>
      <c r="Q4768" s="5" t="s">
        <v>40</v>
      </c>
      <c r="R4768" s="5" t="s">
        <v>1522</v>
      </c>
      <c r="S4768" s="5" t="s">
        <v>1523</v>
      </c>
      <c r="T4768" s="5" t="s">
        <v>42</v>
      </c>
      <c r="U4768" s="2">
        <v>2.7749999999999999</v>
      </c>
      <c r="V4768" s="2">
        <v>2.3660000000000001</v>
      </c>
      <c r="W4768" s="2">
        <v>1.2999999999999999E-2</v>
      </c>
      <c r="X4768" s="2">
        <v>159.1</v>
      </c>
      <c r="Y4768" s="2">
        <v>7.6</v>
      </c>
      <c r="Z4768" s="2">
        <v>10.6</v>
      </c>
      <c r="AA4768" s="5"/>
      <c r="AB4768" s="5" t="s">
        <v>43</v>
      </c>
      <c r="AC4768" s="5" t="s">
        <v>44</v>
      </c>
      <c r="AD4768" s="2"/>
      <c r="AE4768" s="1"/>
    </row>
    <row r="4769" spans="1:31" ht="14.45">
      <c r="A4769" s="11"/>
      <c r="B4769" s="20"/>
      <c r="C4769" s="2" t="s">
        <v>14761</v>
      </c>
      <c r="D4769" s="14" t="s">
        <v>14762</v>
      </c>
      <c r="E4769" s="2" t="s">
        <v>14763</v>
      </c>
      <c r="F4769" s="2" t="s">
        <v>7433</v>
      </c>
      <c r="G4769" s="8">
        <v>202</v>
      </c>
      <c r="H4769" s="5">
        <v>6</v>
      </c>
      <c r="I4769" s="5" t="s">
        <v>1518</v>
      </c>
      <c r="J4769" s="5" t="s">
        <v>1519</v>
      </c>
      <c r="K4769" s="2" t="s">
        <v>1520</v>
      </c>
      <c r="L4769" s="5" t="s">
        <v>1519</v>
      </c>
      <c r="M4769" s="2" t="s">
        <v>1520</v>
      </c>
      <c r="N4769" s="5" t="s">
        <v>1521</v>
      </c>
      <c r="O4769" s="5" t="s">
        <v>38</v>
      </c>
      <c r="P4769" s="5" t="s">
        <v>39</v>
      </c>
      <c r="Q4769" s="5" t="s">
        <v>40</v>
      </c>
      <c r="R4769" s="5" t="s">
        <v>1522</v>
      </c>
      <c r="S4769" s="5" t="s">
        <v>1523</v>
      </c>
      <c r="T4769" s="5" t="s">
        <v>42</v>
      </c>
      <c r="U4769" s="2">
        <v>2.7749999999999999</v>
      </c>
      <c r="V4769" s="2">
        <v>2.3660000000000001</v>
      </c>
      <c r="W4769" s="2">
        <v>1.2999999999999999E-2</v>
      </c>
      <c r="X4769" s="2">
        <v>159.1</v>
      </c>
      <c r="Y4769" s="2">
        <v>7.6</v>
      </c>
      <c r="Z4769" s="2">
        <v>10.6</v>
      </c>
      <c r="AA4769" s="5"/>
      <c r="AB4769" s="5" t="s">
        <v>43</v>
      </c>
      <c r="AC4769" s="5" t="s">
        <v>44</v>
      </c>
      <c r="AD4769" s="2"/>
      <c r="AE4769" s="1"/>
    </row>
    <row r="4770" spans="1:31" ht="14.45">
      <c r="A4770" s="11"/>
      <c r="B4770" s="20"/>
      <c r="C4770" s="2" t="s">
        <v>14764</v>
      </c>
      <c r="D4770" s="14" t="s">
        <v>14765</v>
      </c>
      <c r="E4770" s="2" t="s">
        <v>14766</v>
      </c>
      <c r="F4770" s="2" t="s">
        <v>7615</v>
      </c>
      <c r="G4770" s="8">
        <v>202</v>
      </c>
      <c r="H4770" s="5">
        <v>6</v>
      </c>
      <c r="I4770" s="5" t="s">
        <v>1518</v>
      </c>
      <c r="J4770" s="5" t="s">
        <v>1519</v>
      </c>
      <c r="K4770" s="2" t="s">
        <v>1520</v>
      </c>
      <c r="L4770" s="5" t="s">
        <v>1519</v>
      </c>
      <c r="M4770" s="2" t="s">
        <v>1520</v>
      </c>
      <c r="N4770" s="5" t="s">
        <v>1521</v>
      </c>
      <c r="O4770" s="5" t="s">
        <v>38</v>
      </c>
      <c r="P4770" s="5" t="s">
        <v>39</v>
      </c>
      <c r="Q4770" s="5" t="s">
        <v>40</v>
      </c>
      <c r="R4770" s="5" t="s">
        <v>1522</v>
      </c>
      <c r="S4770" s="5" t="s">
        <v>1523</v>
      </c>
      <c r="T4770" s="5" t="s">
        <v>42</v>
      </c>
      <c r="U4770" s="2">
        <v>2.7240000000000002</v>
      </c>
      <c r="V4770" s="2">
        <v>2.3149999999999999</v>
      </c>
      <c r="W4770" s="2">
        <v>1.2999999999999999E-2</v>
      </c>
      <c r="X4770" s="2">
        <v>159.1</v>
      </c>
      <c r="Y4770" s="2">
        <v>7.6</v>
      </c>
      <c r="Z4770" s="2">
        <v>10.6</v>
      </c>
      <c r="AA4770" s="5"/>
      <c r="AB4770" s="5" t="s">
        <v>43</v>
      </c>
      <c r="AC4770" s="5" t="s">
        <v>44</v>
      </c>
      <c r="AD4770" s="2"/>
      <c r="AE4770" s="1"/>
    </row>
    <row r="4771" spans="1:31" ht="14.45">
      <c r="A4771" s="11"/>
      <c r="B4771" s="20"/>
      <c r="C4771" s="2" t="s">
        <v>14767</v>
      </c>
      <c r="D4771" s="14" t="s">
        <v>14768</v>
      </c>
      <c r="E4771" s="2" t="s">
        <v>14769</v>
      </c>
      <c r="F4771" s="2" t="s">
        <v>7204</v>
      </c>
      <c r="G4771" s="8">
        <v>80</v>
      </c>
      <c r="H4771" s="5">
        <v>6</v>
      </c>
      <c r="I4771" s="5" t="s">
        <v>1518</v>
      </c>
      <c r="J4771" s="5" t="s">
        <v>1519</v>
      </c>
      <c r="K4771" s="2" t="s">
        <v>1520</v>
      </c>
      <c r="L4771" s="5" t="s">
        <v>1519</v>
      </c>
      <c r="M4771" s="2" t="s">
        <v>1520</v>
      </c>
      <c r="N4771" s="5" t="s">
        <v>1521</v>
      </c>
      <c r="O4771" s="5" t="s">
        <v>38</v>
      </c>
      <c r="P4771" s="5" t="s">
        <v>39</v>
      </c>
      <c r="Q4771" s="5" t="s">
        <v>40</v>
      </c>
      <c r="R4771" s="5" t="s">
        <v>1522</v>
      </c>
      <c r="S4771" s="5" t="s">
        <v>1523</v>
      </c>
      <c r="T4771" s="5" t="s">
        <v>42</v>
      </c>
      <c r="U4771" s="2">
        <v>1.407</v>
      </c>
      <c r="V4771" s="2">
        <v>1.0269999999999999</v>
      </c>
      <c r="W4771" s="2">
        <v>8.0000000000000002E-3</v>
      </c>
      <c r="X4771" s="2">
        <v>92.3</v>
      </c>
      <c r="Y4771" s="2">
        <v>7.1</v>
      </c>
      <c r="Z4771" s="2">
        <v>11.9</v>
      </c>
      <c r="AA4771" s="5"/>
      <c r="AB4771" s="5" t="s">
        <v>43</v>
      </c>
      <c r="AC4771" s="5" t="s">
        <v>44</v>
      </c>
      <c r="AD4771" s="2"/>
      <c r="AE4771" s="1"/>
    </row>
    <row r="4772" spans="1:31" ht="14.45">
      <c r="A4772" s="11"/>
      <c r="B4772" s="20"/>
      <c r="C4772" s="2" t="s">
        <v>14770</v>
      </c>
      <c r="D4772" s="14" t="s">
        <v>14771</v>
      </c>
      <c r="E4772" s="2" t="s">
        <v>14772</v>
      </c>
      <c r="F4772" s="2" t="s">
        <v>7212</v>
      </c>
      <c r="G4772" s="8">
        <v>80</v>
      </c>
      <c r="H4772" s="5">
        <v>6</v>
      </c>
      <c r="I4772" s="5" t="s">
        <v>1518</v>
      </c>
      <c r="J4772" s="5" t="s">
        <v>1519</v>
      </c>
      <c r="K4772" s="2" t="s">
        <v>1520</v>
      </c>
      <c r="L4772" s="5" t="s">
        <v>1519</v>
      </c>
      <c r="M4772" s="2" t="s">
        <v>1520</v>
      </c>
      <c r="N4772" s="5" t="s">
        <v>1521</v>
      </c>
      <c r="O4772" s="5" t="s">
        <v>38</v>
      </c>
      <c r="P4772" s="5" t="s">
        <v>39</v>
      </c>
      <c r="Q4772" s="5" t="s">
        <v>40</v>
      </c>
      <c r="R4772" s="5" t="s">
        <v>1522</v>
      </c>
      <c r="S4772" s="5" t="s">
        <v>1523</v>
      </c>
      <c r="T4772" s="5" t="s">
        <v>42</v>
      </c>
      <c r="U4772" s="2">
        <v>1.397</v>
      </c>
      <c r="V4772" s="2">
        <v>1.0169999999999999</v>
      </c>
      <c r="W4772" s="2">
        <v>8.0000000000000002E-3</v>
      </c>
      <c r="X4772" s="2">
        <v>92.3</v>
      </c>
      <c r="Y4772" s="2">
        <v>7.1</v>
      </c>
      <c r="Z4772" s="2">
        <v>11.9</v>
      </c>
      <c r="AA4772" s="5"/>
      <c r="AB4772" s="5" t="s">
        <v>43</v>
      </c>
      <c r="AC4772" s="5" t="s">
        <v>44</v>
      </c>
      <c r="AD4772" s="2"/>
      <c r="AE4772" s="1"/>
    </row>
    <row r="4773" spans="1:31" ht="14.45">
      <c r="A4773" s="11"/>
      <c r="B4773" s="20"/>
      <c r="C4773" s="2" t="s">
        <v>14773</v>
      </c>
      <c r="D4773" s="14" t="s">
        <v>14774</v>
      </c>
      <c r="E4773" s="2" t="s">
        <v>14775</v>
      </c>
      <c r="F4773" s="2" t="s">
        <v>7204</v>
      </c>
      <c r="G4773" s="8">
        <v>91</v>
      </c>
      <c r="H4773" s="5">
        <v>6</v>
      </c>
      <c r="I4773" s="5" t="s">
        <v>1518</v>
      </c>
      <c r="J4773" s="5" t="s">
        <v>1519</v>
      </c>
      <c r="K4773" s="2" t="s">
        <v>1520</v>
      </c>
      <c r="L4773" s="5" t="s">
        <v>1519</v>
      </c>
      <c r="M4773" s="2" t="s">
        <v>1520</v>
      </c>
      <c r="N4773" s="5" t="s">
        <v>1521</v>
      </c>
      <c r="O4773" s="5" t="s">
        <v>38</v>
      </c>
      <c r="P4773" s="5" t="s">
        <v>39</v>
      </c>
      <c r="Q4773" s="5" t="s">
        <v>40</v>
      </c>
      <c r="R4773" s="5" t="s">
        <v>1522</v>
      </c>
      <c r="S4773" s="5" t="s">
        <v>1523</v>
      </c>
      <c r="T4773" s="5" t="s">
        <v>42</v>
      </c>
      <c r="U4773" s="2">
        <v>1.5549999999999999</v>
      </c>
      <c r="V4773" s="2">
        <v>1.1839999999999999</v>
      </c>
      <c r="W4773" s="2">
        <v>8.0000000000000002E-3</v>
      </c>
      <c r="X4773" s="2">
        <v>92.3</v>
      </c>
      <c r="Y4773" s="2">
        <v>7.1</v>
      </c>
      <c r="Z4773" s="2">
        <v>11.9</v>
      </c>
      <c r="AA4773" s="5"/>
      <c r="AB4773" s="5" t="s">
        <v>43</v>
      </c>
      <c r="AC4773" s="5" t="s">
        <v>44</v>
      </c>
      <c r="AD4773" s="2"/>
      <c r="AE4773" s="1"/>
    </row>
    <row r="4774" spans="1:31" ht="14.45">
      <c r="A4774" s="11"/>
      <c r="B4774" s="20"/>
      <c r="C4774" s="2" t="s">
        <v>14776</v>
      </c>
      <c r="D4774" s="14" t="s">
        <v>14777</v>
      </c>
      <c r="E4774" s="2" t="s">
        <v>14778</v>
      </c>
      <c r="F4774" s="2" t="s">
        <v>7208</v>
      </c>
      <c r="G4774" s="8">
        <v>91</v>
      </c>
      <c r="H4774" s="5">
        <v>6</v>
      </c>
      <c r="I4774" s="5" t="s">
        <v>1518</v>
      </c>
      <c r="J4774" s="5" t="s">
        <v>1519</v>
      </c>
      <c r="K4774" s="2" t="s">
        <v>1520</v>
      </c>
      <c r="L4774" s="5" t="s">
        <v>1519</v>
      </c>
      <c r="M4774" s="2" t="s">
        <v>1520</v>
      </c>
      <c r="N4774" s="5" t="s">
        <v>1521</v>
      </c>
      <c r="O4774" s="5" t="s">
        <v>38</v>
      </c>
      <c r="P4774" s="5" t="s">
        <v>39</v>
      </c>
      <c r="Q4774" s="5" t="s">
        <v>40</v>
      </c>
      <c r="R4774" s="5" t="s">
        <v>1522</v>
      </c>
      <c r="S4774" s="5" t="s">
        <v>1523</v>
      </c>
      <c r="T4774" s="5" t="s">
        <v>42</v>
      </c>
      <c r="U4774" s="2">
        <v>1.5549999999999999</v>
      </c>
      <c r="V4774" s="2">
        <v>1.1839999999999999</v>
      </c>
      <c r="W4774" s="2">
        <v>8.0000000000000002E-3</v>
      </c>
      <c r="X4774" s="2">
        <v>92.3</v>
      </c>
      <c r="Y4774" s="2">
        <v>7.1</v>
      </c>
      <c r="Z4774" s="2">
        <v>11.9</v>
      </c>
      <c r="AA4774" s="5"/>
      <c r="AB4774" s="5" t="s">
        <v>43</v>
      </c>
      <c r="AC4774" s="5" t="s">
        <v>44</v>
      </c>
      <c r="AD4774" s="2"/>
      <c r="AE4774" s="1"/>
    </row>
    <row r="4775" spans="1:31" ht="14.45">
      <c r="A4775" s="11"/>
      <c r="B4775" s="20"/>
      <c r="C4775" s="2" t="s">
        <v>14779</v>
      </c>
      <c r="D4775" s="14" t="s">
        <v>14780</v>
      </c>
      <c r="E4775" s="2" t="s">
        <v>14781</v>
      </c>
      <c r="F4775" s="2" t="s">
        <v>7212</v>
      </c>
      <c r="G4775" s="8">
        <v>91</v>
      </c>
      <c r="H4775" s="5">
        <v>6</v>
      </c>
      <c r="I4775" s="5" t="s">
        <v>1518</v>
      </c>
      <c r="J4775" s="5" t="s">
        <v>1519</v>
      </c>
      <c r="K4775" s="2" t="s">
        <v>1520</v>
      </c>
      <c r="L4775" s="5" t="s">
        <v>1519</v>
      </c>
      <c r="M4775" s="2" t="s">
        <v>1520</v>
      </c>
      <c r="N4775" s="5" t="s">
        <v>1521</v>
      </c>
      <c r="O4775" s="5" t="s">
        <v>38</v>
      </c>
      <c r="P4775" s="5" t="s">
        <v>39</v>
      </c>
      <c r="Q4775" s="5" t="s">
        <v>40</v>
      </c>
      <c r="R4775" s="5" t="s">
        <v>1522</v>
      </c>
      <c r="S4775" s="5" t="s">
        <v>1523</v>
      </c>
      <c r="T4775" s="5" t="s">
        <v>42</v>
      </c>
      <c r="U4775" s="2">
        <v>1.5429999999999999</v>
      </c>
      <c r="V4775" s="2">
        <v>1.1719999999999999</v>
      </c>
      <c r="W4775" s="2">
        <v>8.0000000000000002E-3</v>
      </c>
      <c r="X4775" s="2">
        <v>92.3</v>
      </c>
      <c r="Y4775" s="2">
        <v>7.1</v>
      </c>
      <c r="Z4775" s="2">
        <v>11.9</v>
      </c>
      <c r="AA4775" s="5"/>
      <c r="AB4775" s="5" t="s">
        <v>43</v>
      </c>
      <c r="AC4775" s="5" t="s">
        <v>44</v>
      </c>
      <c r="AD4775" s="2"/>
      <c r="AE4775" s="1"/>
    </row>
    <row r="4776" spans="1:31" ht="14.45">
      <c r="A4776" s="11"/>
      <c r="B4776" s="20"/>
      <c r="C4776" s="2" t="s">
        <v>14782</v>
      </c>
      <c r="D4776" s="14" t="s">
        <v>14783</v>
      </c>
      <c r="E4776" s="2" t="s">
        <v>14784</v>
      </c>
      <c r="F4776" s="2" t="s">
        <v>7204</v>
      </c>
      <c r="G4776" s="8">
        <v>111</v>
      </c>
      <c r="H4776" s="5">
        <v>6</v>
      </c>
      <c r="I4776" s="5" t="s">
        <v>1518</v>
      </c>
      <c r="J4776" s="5" t="s">
        <v>1519</v>
      </c>
      <c r="K4776" s="2" t="s">
        <v>1520</v>
      </c>
      <c r="L4776" s="5" t="s">
        <v>1519</v>
      </c>
      <c r="M4776" s="2" t="s">
        <v>1520</v>
      </c>
      <c r="N4776" s="5" t="s">
        <v>1521</v>
      </c>
      <c r="O4776" s="5" t="s">
        <v>38</v>
      </c>
      <c r="P4776" s="5" t="s">
        <v>39</v>
      </c>
      <c r="Q4776" s="5" t="s">
        <v>40</v>
      </c>
      <c r="R4776" s="5" t="s">
        <v>1522</v>
      </c>
      <c r="S4776" s="5" t="s">
        <v>1523</v>
      </c>
      <c r="T4776" s="5" t="s">
        <v>42</v>
      </c>
      <c r="U4776" s="2">
        <v>1.873</v>
      </c>
      <c r="V4776" s="2">
        <v>1.4910000000000001</v>
      </c>
      <c r="W4776" s="2">
        <v>0.01</v>
      </c>
      <c r="X4776" s="2">
        <v>114.3</v>
      </c>
      <c r="Y4776" s="2">
        <v>7.1</v>
      </c>
      <c r="Z4776" s="2">
        <v>11.9</v>
      </c>
      <c r="AA4776" s="5"/>
      <c r="AB4776" s="5" t="s">
        <v>43</v>
      </c>
      <c r="AC4776" s="5" t="s">
        <v>44</v>
      </c>
      <c r="AD4776" s="2"/>
      <c r="AE4776" s="1"/>
    </row>
    <row r="4777" spans="1:31" ht="14.45">
      <c r="A4777" s="11"/>
      <c r="B4777" s="20"/>
      <c r="C4777" s="2" t="s">
        <v>14785</v>
      </c>
      <c r="D4777" s="14" t="s">
        <v>14786</v>
      </c>
      <c r="E4777" s="2" t="s">
        <v>14787</v>
      </c>
      <c r="F4777" s="2" t="s">
        <v>7208</v>
      </c>
      <c r="G4777" s="8">
        <v>111</v>
      </c>
      <c r="H4777" s="5">
        <v>6</v>
      </c>
      <c r="I4777" s="5" t="s">
        <v>1518</v>
      </c>
      <c r="J4777" s="5" t="s">
        <v>1519</v>
      </c>
      <c r="K4777" s="2" t="s">
        <v>1520</v>
      </c>
      <c r="L4777" s="5" t="s">
        <v>1519</v>
      </c>
      <c r="M4777" s="2" t="s">
        <v>1520</v>
      </c>
      <c r="N4777" s="5" t="s">
        <v>1521</v>
      </c>
      <c r="O4777" s="5" t="s">
        <v>38</v>
      </c>
      <c r="P4777" s="5" t="s">
        <v>39</v>
      </c>
      <c r="Q4777" s="5" t="s">
        <v>40</v>
      </c>
      <c r="R4777" s="5" t="s">
        <v>1522</v>
      </c>
      <c r="S4777" s="5" t="s">
        <v>1523</v>
      </c>
      <c r="T4777" s="5" t="s">
        <v>42</v>
      </c>
      <c r="U4777" s="2">
        <v>1.873</v>
      </c>
      <c r="V4777" s="2">
        <v>1.4910000000000001</v>
      </c>
      <c r="W4777" s="2">
        <v>0.01</v>
      </c>
      <c r="X4777" s="2">
        <v>114.3</v>
      </c>
      <c r="Y4777" s="2">
        <v>7.1</v>
      </c>
      <c r="Z4777" s="2">
        <v>11.9</v>
      </c>
      <c r="AA4777" s="5"/>
      <c r="AB4777" s="5" t="s">
        <v>43</v>
      </c>
      <c r="AC4777" s="5" t="s">
        <v>44</v>
      </c>
      <c r="AD4777" s="2"/>
      <c r="AE4777" s="1"/>
    </row>
    <row r="4778" spans="1:31" ht="14.45">
      <c r="A4778" s="11"/>
      <c r="B4778" s="20"/>
      <c r="C4778" s="2" t="s">
        <v>14788</v>
      </c>
      <c r="D4778" s="14" t="s">
        <v>14789</v>
      </c>
      <c r="E4778" s="2" t="s">
        <v>14790</v>
      </c>
      <c r="F4778" s="2" t="s">
        <v>7212</v>
      </c>
      <c r="G4778" s="8">
        <v>111</v>
      </c>
      <c r="H4778" s="5">
        <v>6</v>
      </c>
      <c r="I4778" s="5" t="s">
        <v>1518</v>
      </c>
      <c r="J4778" s="5" t="s">
        <v>1519</v>
      </c>
      <c r="K4778" s="2" t="s">
        <v>1520</v>
      </c>
      <c r="L4778" s="5" t="s">
        <v>1519</v>
      </c>
      <c r="M4778" s="2" t="s">
        <v>1520</v>
      </c>
      <c r="N4778" s="5" t="s">
        <v>1521</v>
      </c>
      <c r="O4778" s="5" t="s">
        <v>38</v>
      </c>
      <c r="P4778" s="5" t="s">
        <v>39</v>
      </c>
      <c r="Q4778" s="5" t="s">
        <v>40</v>
      </c>
      <c r="R4778" s="5" t="s">
        <v>1522</v>
      </c>
      <c r="S4778" s="5" t="s">
        <v>1523</v>
      </c>
      <c r="T4778" s="5" t="s">
        <v>42</v>
      </c>
      <c r="U4778" s="2">
        <v>1.8540000000000001</v>
      </c>
      <c r="V4778" s="2">
        <v>1.472</v>
      </c>
      <c r="W4778" s="2">
        <v>0.01</v>
      </c>
      <c r="X4778" s="2">
        <v>114.3</v>
      </c>
      <c r="Y4778" s="2">
        <v>7.1</v>
      </c>
      <c r="Z4778" s="2">
        <v>11.9</v>
      </c>
      <c r="AA4778" s="5"/>
      <c r="AB4778" s="5" t="s">
        <v>43</v>
      </c>
      <c r="AC4778" s="5" t="s">
        <v>44</v>
      </c>
      <c r="AD4778" s="2"/>
      <c r="AE4778" s="1"/>
    </row>
    <row r="4779" spans="1:31" ht="14.45">
      <c r="A4779" s="11"/>
      <c r="B4779" s="20"/>
      <c r="C4779" s="2" t="s">
        <v>14791</v>
      </c>
      <c r="D4779" s="14" t="s">
        <v>14792</v>
      </c>
      <c r="E4779" s="2" t="s">
        <v>14793</v>
      </c>
      <c r="F4779" s="2" t="s">
        <v>7204</v>
      </c>
      <c r="G4779" s="8">
        <v>105</v>
      </c>
      <c r="H4779" s="5">
        <v>6</v>
      </c>
      <c r="I4779" s="5" t="s">
        <v>1518</v>
      </c>
      <c r="J4779" s="5" t="s">
        <v>1519</v>
      </c>
      <c r="K4779" s="2" t="s">
        <v>1520</v>
      </c>
      <c r="L4779" s="5" t="s">
        <v>1519</v>
      </c>
      <c r="M4779" s="2" t="s">
        <v>1520</v>
      </c>
      <c r="N4779" s="5" t="s">
        <v>1521</v>
      </c>
      <c r="O4779" s="5" t="s">
        <v>38</v>
      </c>
      <c r="P4779" s="5" t="s">
        <v>39</v>
      </c>
      <c r="Q4779" s="5" t="s">
        <v>40</v>
      </c>
      <c r="R4779" s="5" t="s">
        <v>1522</v>
      </c>
      <c r="S4779" s="5" t="s">
        <v>1523</v>
      </c>
      <c r="T4779" s="5" t="s">
        <v>42</v>
      </c>
      <c r="U4779" s="2">
        <v>1.772</v>
      </c>
      <c r="V4779" s="2">
        <v>1.413</v>
      </c>
      <c r="W4779" s="2">
        <v>8.0000000000000002E-3</v>
      </c>
      <c r="X4779" s="2">
        <v>92.3</v>
      </c>
      <c r="Y4779" s="2">
        <v>7.1</v>
      </c>
      <c r="Z4779" s="2">
        <v>11.9</v>
      </c>
      <c r="AA4779" s="5"/>
      <c r="AB4779" s="5" t="s">
        <v>43</v>
      </c>
      <c r="AC4779" s="5" t="s">
        <v>44</v>
      </c>
      <c r="AD4779" s="2"/>
      <c r="AE4779" s="1"/>
    </row>
    <row r="4780" spans="1:31" ht="14.45">
      <c r="A4780" s="11"/>
      <c r="B4780" s="20"/>
      <c r="C4780" s="2" t="s">
        <v>14794</v>
      </c>
      <c r="D4780" s="14" t="s">
        <v>14795</v>
      </c>
      <c r="E4780" s="2" t="s">
        <v>14796</v>
      </c>
      <c r="F4780" s="2" t="s">
        <v>7208</v>
      </c>
      <c r="G4780" s="8">
        <v>105</v>
      </c>
      <c r="H4780" s="5">
        <v>6</v>
      </c>
      <c r="I4780" s="5" t="s">
        <v>1518</v>
      </c>
      <c r="J4780" s="5" t="s">
        <v>1519</v>
      </c>
      <c r="K4780" s="2" t="s">
        <v>1520</v>
      </c>
      <c r="L4780" s="5" t="s">
        <v>1519</v>
      </c>
      <c r="M4780" s="2" t="s">
        <v>1520</v>
      </c>
      <c r="N4780" s="5" t="s">
        <v>1521</v>
      </c>
      <c r="O4780" s="5" t="s">
        <v>38</v>
      </c>
      <c r="P4780" s="5" t="s">
        <v>39</v>
      </c>
      <c r="Q4780" s="5" t="s">
        <v>40</v>
      </c>
      <c r="R4780" s="5" t="s">
        <v>1522</v>
      </c>
      <c r="S4780" s="5" t="s">
        <v>1523</v>
      </c>
      <c r="T4780" s="5" t="s">
        <v>42</v>
      </c>
      <c r="U4780" s="2">
        <v>1.772</v>
      </c>
      <c r="V4780" s="2">
        <v>1.413</v>
      </c>
      <c r="W4780" s="2">
        <v>8.0000000000000002E-3</v>
      </c>
      <c r="X4780" s="2">
        <v>92.3</v>
      </c>
      <c r="Y4780" s="2">
        <v>7.1</v>
      </c>
      <c r="Z4780" s="2">
        <v>11.9</v>
      </c>
      <c r="AA4780" s="5"/>
      <c r="AB4780" s="5" t="s">
        <v>43</v>
      </c>
      <c r="AC4780" s="5" t="s">
        <v>44</v>
      </c>
      <c r="AD4780" s="2"/>
      <c r="AE4780" s="1"/>
    </row>
    <row r="4781" spans="1:31" ht="14.45">
      <c r="A4781" s="11"/>
      <c r="B4781" s="20"/>
      <c r="C4781" s="2" t="s">
        <v>14797</v>
      </c>
      <c r="D4781" s="14" t="s">
        <v>14798</v>
      </c>
      <c r="E4781" s="2" t="s">
        <v>14799</v>
      </c>
      <c r="F4781" s="2" t="s">
        <v>7212</v>
      </c>
      <c r="G4781" s="8">
        <v>105</v>
      </c>
      <c r="H4781" s="5">
        <v>6</v>
      </c>
      <c r="I4781" s="5" t="s">
        <v>1518</v>
      </c>
      <c r="J4781" s="5" t="s">
        <v>1519</v>
      </c>
      <c r="K4781" s="2" t="s">
        <v>1520</v>
      </c>
      <c r="L4781" s="5" t="s">
        <v>1519</v>
      </c>
      <c r="M4781" s="2" t="s">
        <v>1520</v>
      </c>
      <c r="N4781" s="5" t="s">
        <v>1521</v>
      </c>
      <c r="O4781" s="5" t="s">
        <v>38</v>
      </c>
      <c r="P4781" s="5" t="s">
        <v>39</v>
      </c>
      <c r="Q4781" s="5" t="s">
        <v>40</v>
      </c>
      <c r="R4781" s="5" t="s">
        <v>1522</v>
      </c>
      <c r="S4781" s="5" t="s">
        <v>1523</v>
      </c>
      <c r="T4781" s="5" t="s">
        <v>42</v>
      </c>
      <c r="U4781" s="2">
        <v>1.7569999999999999</v>
      </c>
      <c r="V4781" s="2">
        <v>1.3979999999999999</v>
      </c>
      <c r="W4781" s="2">
        <v>8.0000000000000002E-3</v>
      </c>
      <c r="X4781" s="2">
        <v>92.3</v>
      </c>
      <c r="Y4781" s="2">
        <v>7.1</v>
      </c>
      <c r="Z4781" s="2">
        <v>11.9</v>
      </c>
      <c r="AA4781" s="5"/>
      <c r="AB4781" s="5" t="s">
        <v>43</v>
      </c>
      <c r="AC4781" s="5" t="s">
        <v>44</v>
      </c>
      <c r="AD4781" s="2"/>
      <c r="AE4781" s="1"/>
    </row>
    <row r="4782" spans="1:31" ht="14.45">
      <c r="A4782" s="11"/>
      <c r="B4782" s="20"/>
      <c r="C4782" s="2" t="s">
        <v>14800</v>
      </c>
      <c r="D4782" s="14" t="s">
        <v>14801</v>
      </c>
      <c r="E4782" s="2" t="s">
        <v>14802</v>
      </c>
      <c r="F4782" s="2" t="s">
        <v>7204</v>
      </c>
      <c r="G4782" s="8">
        <v>114</v>
      </c>
      <c r="H4782" s="5">
        <v>6</v>
      </c>
      <c r="I4782" s="5" t="s">
        <v>1518</v>
      </c>
      <c r="J4782" s="5" t="s">
        <v>1519</v>
      </c>
      <c r="K4782" s="2" t="s">
        <v>1520</v>
      </c>
      <c r="L4782" s="5" t="s">
        <v>1519</v>
      </c>
      <c r="M4782" s="2" t="s">
        <v>1520</v>
      </c>
      <c r="N4782" s="5" t="s">
        <v>1521</v>
      </c>
      <c r="O4782" s="5" t="s">
        <v>38</v>
      </c>
      <c r="P4782" s="5" t="s">
        <v>39</v>
      </c>
      <c r="Q4782" s="5" t="s">
        <v>40</v>
      </c>
      <c r="R4782" s="5" t="s">
        <v>1522</v>
      </c>
      <c r="S4782" s="5" t="s">
        <v>1523</v>
      </c>
      <c r="T4782" s="5" t="s">
        <v>42</v>
      </c>
      <c r="U4782" s="2">
        <v>1.927</v>
      </c>
      <c r="V4782" s="2">
        <v>1.577</v>
      </c>
      <c r="W4782" s="2">
        <v>8.0000000000000002E-3</v>
      </c>
      <c r="X4782" s="2">
        <v>92.3</v>
      </c>
      <c r="Y4782" s="2">
        <v>7.1</v>
      </c>
      <c r="Z4782" s="2">
        <v>11.9</v>
      </c>
      <c r="AA4782" s="5"/>
      <c r="AB4782" s="5" t="s">
        <v>43</v>
      </c>
      <c r="AC4782" s="5" t="s">
        <v>44</v>
      </c>
      <c r="AD4782" s="2"/>
      <c r="AE4782" s="1"/>
    </row>
    <row r="4783" spans="1:31" ht="14.45">
      <c r="A4783" s="11"/>
      <c r="B4783" s="20"/>
      <c r="C4783" s="2" t="s">
        <v>14803</v>
      </c>
      <c r="D4783" s="14" t="s">
        <v>14804</v>
      </c>
      <c r="E4783" s="2" t="s">
        <v>14805</v>
      </c>
      <c r="F4783" s="2" t="s">
        <v>7208</v>
      </c>
      <c r="G4783" s="8">
        <v>114</v>
      </c>
      <c r="H4783" s="5">
        <v>6</v>
      </c>
      <c r="I4783" s="5" t="s">
        <v>1518</v>
      </c>
      <c r="J4783" s="5" t="s">
        <v>1519</v>
      </c>
      <c r="K4783" s="2" t="s">
        <v>1520</v>
      </c>
      <c r="L4783" s="5" t="s">
        <v>1519</v>
      </c>
      <c r="M4783" s="2" t="s">
        <v>1520</v>
      </c>
      <c r="N4783" s="5" t="s">
        <v>1521</v>
      </c>
      <c r="O4783" s="5" t="s">
        <v>38</v>
      </c>
      <c r="P4783" s="5" t="s">
        <v>39</v>
      </c>
      <c r="Q4783" s="5" t="s">
        <v>40</v>
      </c>
      <c r="R4783" s="5" t="s">
        <v>1522</v>
      </c>
      <c r="S4783" s="5" t="s">
        <v>1523</v>
      </c>
      <c r="T4783" s="5" t="s">
        <v>42</v>
      </c>
      <c r="U4783" s="2">
        <v>1.927</v>
      </c>
      <c r="V4783" s="2">
        <v>1.577</v>
      </c>
      <c r="W4783" s="2">
        <v>8.0000000000000002E-3</v>
      </c>
      <c r="X4783" s="2">
        <v>92.3</v>
      </c>
      <c r="Y4783" s="2">
        <v>7.1</v>
      </c>
      <c r="Z4783" s="2">
        <v>11.9</v>
      </c>
      <c r="AA4783" s="5"/>
      <c r="AB4783" s="5" t="s">
        <v>43</v>
      </c>
      <c r="AC4783" s="5" t="s">
        <v>44</v>
      </c>
      <c r="AD4783" s="2"/>
      <c r="AE4783" s="1"/>
    </row>
    <row r="4784" spans="1:31" ht="14.45">
      <c r="A4784" s="11"/>
      <c r="B4784" s="20"/>
      <c r="C4784" s="2" t="s">
        <v>14806</v>
      </c>
      <c r="D4784" s="14" t="s">
        <v>14807</v>
      </c>
      <c r="E4784" s="2" t="s">
        <v>14808</v>
      </c>
      <c r="F4784" s="2" t="s">
        <v>7212</v>
      </c>
      <c r="G4784" s="8">
        <v>114</v>
      </c>
      <c r="H4784" s="5">
        <v>6</v>
      </c>
      <c r="I4784" s="5" t="s">
        <v>1518</v>
      </c>
      <c r="J4784" s="5" t="s">
        <v>1519</v>
      </c>
      <c r="K4784" s="2" t="s">
        <v>1520</v>
      </c>
      <c r="L4784" s="5" t="s">
        <v>1519</v>
      </c>
      <c r="M4784" s="2" t="s">
        <v>1520</v>
      </c>
      <c r="N4784" s="5" t="s">
        <v>1521</v>
      </c>
      <c r="O4784" s="5" t="s">
        <v>38</v>
      </c>
      <c r="P4784" s="5" t="s">
        <v>39</v>
      </c>
      <c r="Q4784" s="5" t="s">
        <v>40</v>
      </c>
      <c r="R4784" s="5" t="s">
        <v>1522</v>
      </c>
      <c r="S4784" s="5" t="s">
        <v>1523</v>
      </c>
      <c r="T4784" s="5" t="s">
        <v>42</v>
      </c>
      <c r="U4784" s="2">
        <v>1.9079999999999999</v>
      </c>
      <c r="V4784" s="2">
        <v>1.5580000000000001</v>
      </c>
      <c r="W4784" s="2">
        <v>8.0000000000000002E-3</v>
      </c>
      <c r="X4784" s="2">
        <v>92.3</v>
      </c>
      <c r="Y4784" s="2">
        <v>7.1</v>
      </c>
      <c r="Z4784" s="2">
        <v>11.9</v>
      </c>
      <c r="AA4784" s="5"/>
      <c r="AB4784" s="5" t="s">
        <v>43</v>
      </c>
      <c r="AC4784" s="5" t="s">
        <v>44</v>
      </c>
      <c r="AD4784" s="2"/>
      <c r="AE4784" s="1"/>
    </row>
    <row r="4785" spans="1:31" ht="14.45">
      <c r="A4785" s="11"/>
      <c r="B4785" s="20"/>
      <c r="C4785" s="2" t="s">
        <v>14809</v>
      </c>
      <c r="D4785" s="14" t="s">
        <v>14810</v>
      </c>
      <c r="E4785" s="2" t="s">
        <v>14811</v>
      </c>
      <c r="F4785" s="2" t="s">
        <v>7204</v>
      </c>
      <c r="G4785" s="8">
        <v>117</v>
      </c>
      <c r="H4785" s="5">
        <v>6</v>
      </c>
      <c r="I4785" s="5" t="s">
        <v>1518</v>
      </c>
      <c r="J4785" s="5" t="s">
        <v>1519</v>
      </c>
      <c r="K4785" s="2" t="s">
        <v>1520</v>
      </c>
      <c r="L4785" s="5" t="s">
        <v>1519</v>
      </c>
      <c r="M4785" s="2" t="s">
        <v>1520</v>
      </c>
      <c r="N4785" s="5" t="s">
        <v>1521</v>
      </c>
      <c r="O4785" s="5" t="s">
        <v>38</v>
      </c>
      <c r="P4785" s="5" t="s">
        <v>39</v>
      </c>
      <c r="Q4785" s="5" t="s">
        <v>40</v>
      </c>
      <c r="R4785" s="5" t="s">
        <v>1522</v>
      </c>
      <c r="S4785" s="5" t="s">
        <v>1523</v>
      </c>
      <c r="T4785" s="5" t="s">
        <v>42</v>
      </c>
      <c r="U4785" s="2">
        <v>2.1259999999999999</v>
      </c>
      <c r="V4785" s="2">
        <v>1.7569999999999999</v>
      </c>
      <c r="W4785" s="2">
        <v>0.01</v>
      </c>
      <c r="X4785" s="2">
        <v>114.3</v>
      </c>
      <c r="Y4785" s="2">
        <v>7.1</v>
      </c>
      <c r="Z4785" s="2">
        <v>11.9</v>
      </c>
      <c r="AA4785" s="5"/>
      <c r="AB4785" s="5" t="s">
        <v>43</v>
      </c>
      <c r="AC4785" s="5" t="s">
        <v>44</v>
      </c>
      <c r="AD4785" s="2"/>
      <c r="AE4785" s="1"/>
    </row>
    <row r="4786" spans="1:31" ht="14.45">
      <c r="A4786" s="11"/>
      <c r="B4786" s="20"/>
      <c r="C4786" s="2" t="s">
        <v>14812</v>
      </c>
      <c r="D4786" s="14" t="s">
        <v>14813</v>
      </c>
      <c r="E4786" s="2" t="s">
        <v>14814</v>
      </c>
      <c r="F4786" s="2" t="s">
        <v>7208</v>
      </c>
      <c r="G4786" s="8">
        <v>117</v>
      </c>
      <c r="H4786" s="5">
        <v>6</v>
      </c>
      <c r="I4786" s="5" t="s">
        <v>1518</v>
      </c>
      <c r="J4786" s="5" t="s">
        <v>1519</v>
      </c>
      <c r="K4786" s="2" t="s">
        <v>1520</v>
      </c>
      <c r="L4786" s="5" t="s">
        <v>1519</v>
      </c>
      <c r="M4786" s="2" t="s">
        <v>1520</v>
      </c>
      <c r="N4786" s="5" t="s">
        <v>1521</v>
      </c>
      <c r="O4786" s="5" t="s">
        <v>38</v>
      </c>
      <c r="P4786" s="5" t="s">
        <v>39</v>
      </c>
      <c r="Q4786" s="5" t="s">
        <v>40</v>
      </c>
      <c r="R4786" s="5" t="s">
        <v>1522</v>
      </c>
      <c r="S4786" s="5" t="s">
        <v>1523</v>
      </c>
      <c r="T4786" s="5" t="s">
        <v>42</v>
      </c>
      <c r="U4786" s="2">
        <v>2.1259999999999999</v>
      </c>
      <c r="V4786" s="2">
        <v>1.7569999999999999</v>
      </c>
      <c r="W4786" s="2">
        <v>0.01</v>
      </c>
      <c r="X4786" s="2">
        <v>114.3</v>
      </c>
      <c r="Y4786" s="2">
        <v>7.1</v>
      </c>
      <c r="Z4786" s="2">
        <v>11.9</v>
      </c>
      <c r="AA4786" s="5"/>
      <c r="AB4786" s="5" t="s">
        <v>43</v>
      </c>
      <c r="AC4786" s="5" t="s">
        <v>44</v>
      </c>
      <c r="AD4786" s="2"/>
      <c r="AE4786" s="1"/>
    </row>
    <row r="4787" spans="1:31" ht="14.45">
      <c r="A4787" s="11"/>
      <c r="B4787" s="20"/>
      <c r="C4787" s="2" t="s">
        <v>14815</v>
      </c>
      <c r="D4787" s="14" t="s">
        <v>14816</v>
      </c>
      <c r="E4787" s="2" t="s">
        <v>14817</v>
      </c>
      <c r="F4787" s="2" t="s">
        <v>7212</v>
      </c>
      <c r="G4787" s="8">
        <v>117</v>
      </c>
      <c r="H4787" s="5">
        <v>6</v>
      </c>
      <c r="I4787" s="5" t="s">
        <v>1518</v>
      </c>
      <c r="J4787" s="5" t="s">
        <v>1519</v>
      </c>
      <c r="K4787" s="2" t="s">
        <v>1520</v>
      </c>
      <c r="L4787" s="5" t="s">
        <v>1519</v>
      </c>
      <c r="M4787" s="2" t="s">
        <v>1520</v>
      </c>
      <c r="N4787" s="5" t="s">
        <v>1521</v>
      </c>
      <c r="O4787" s="5" t="s">
        <v>38</v>
      </c>
      <c r="P4787" s="5" t="s">
        <v>39</v>
      </c>
      <c r="Q4787" s="5" t="s">
        <v>40</v>
      </c>
      <c r="R4787" s="5" t="s">
        <v>1522</v>
      </c>
      <c r="S4787" s="5" t="s">
        <v>1523</v>
      </c>
      <c r="T4787" s="5" t="s">
        <v>42</v>
      </c>
      <c r="U4787" s="2">
        <v>2.1030000000000002</v>
      </c>
      <c r="V4787" s="2">
        <v>1.734</v>
      </c>
      <c r="W4787" s="2">
        <v>0.01</v>
      </c>
      <c r="X4787" s="2">
        <v>114.3</v>
      </c>
      <c r="Y4787" s="2">
        <v>7.1</v>
      </c>
      <c r="Z4787" s="2">
        <v>11.9</v>
      </c>
      <c r="AA4787" s="5"/>
      <c r="AB4787" s="5" t="s">
        <v>43</v>
      </c>
      <c r="AC4787" s="5" t="s">
        <v>44</v>
      </c>
      <c r="AD4787" s="2"/>
      <c r="AE4787" s="1"/>
    </row>
    <row r="4788" spans="1:31" ht="14.45">
      <c r="A4788" s="11"/>
      <c r="B4788" s="20"/>
      <c r="C4788" s="2" t="s">
        <v>14818</v>
      </c>
      <c r="D4788" s="14" t="s">
        <v>14819</v>
      </c>
      <c r="E4788" s="2" t="s">
        <v>14820</v>
      </c>
      <c r="F4788" s="2" t="s">
        <v>7204</v>
      </c>
      <c r="G4788" s="8">
        <v>122</v>
      </c>
      <c r="H4788" s="5">
        <v>6</v>
      </c>
      <c r="I4788" s="5" t="s">
        <v>1518</v>
      </c>
      <c r="J4788" s="5" t="s">
        <v>1519</v>
      </c>
      <c r="K4788" s="2" t="s">
        <v>1520</v>
      </c>
      <c r="L4788" s="5" t="s">
        <v>1519</v>
      </c>
      <c r="M4788" s="2" t="s">
        <v>1520</v>
      </c>
      <c r="N4788" s="5" t="s">
        <v>1521</v>
      </c>
      <c r="O4788" s="5" t="s">
        <v>38</v>
      </c>
      <c r="P4788" s="5" t="s">
        <v>39</v>
      </c>
      <c r="Q4788" s="5" t="s">
        <v>40</v>
      </c>
      <c r="R4788" s="5" t="s">
        <v>1522</v>
      </c>
      <c r="S4788" s="5" t="s">
        <v>1523</v>
      </c>
      <c r="T4788" s="5" t="s">
        <v>42</v>
      </c>
      <c r="U4788" s="2">
        <v>1.968</v>
      </c>
      <c r="V4788" s="2">
        <v>1.621</v>
      </c>
      <c r="W4788" s="2">
        <v>8.0000000000000002E-3</v>
      </c>
      <c r="X4788" s="2">
        <v>92.3</v>
      </c>
      <c r="Y4788" s="2">
        <v>7.1</v>
      </c>
      <c r="Z4788" s="2">
        <v>11.9</v>
      </c>
      <c r="AA4788" s="5"/>
      <c r="AB4788" s="5" t="s">
        <v>43</v>
      </c>
      <c r="AC4788" s="5" t="s">
        <v>44</v>
      </c>
      <c r="AD4788" s="2"/>
      <c r="AE4788" s="1"/>
    </row>
    <row r="4789" spans="1:31" ht="14.45">
      <c r="A4789" s="11"/>
      <c r="B4789" s="20"/>
      <c r="C4789" s="2" t="s">
        <v>14821</v>
      </c>
      <c r="D4789" s="14" t="s">
        <v>14822</v>
      </c>
      <c r="E4789" s="2" t="s">
        <v>14823</v>
      </c>
      <c r="F4789" s="2" t="s">
        <v>7212</v>
      </c>
      <c r="G4789" s="8">
        <v>122</v>
      </c>
      <c r="H4789" s="5">
        <v>6</v>
      </c>
      <c r="I4789" s="5" t="s">
        <v>1518</v>
      </c>
      <c r="J4789" s="5" t="s">
        <v>1519</v>
      </c>
      <c r="K4789" s="2" t="s">
        <v>1520</v>
      </c>
      <c r="L4789" s="5" t="s">
        <v>1519</v>
      </c>
      <c r="M4789" s="2" t="s">
        <v>1520</v>
      </c>
      <c r="N4789" s="5" t="s">
        <v>1521</v>
      </c>
      <c r="O4789" s="5" t="s">
        <v>38</v>
      </c>
      <c r="P4789" s="5" t="s">
        <v>39</v>
      </c>
      <c r="Q4789" s="5" t="s">
        <v>40</v>
      </c>
      <c r="R4789" s="5" t="s">
        <v>1522</v>
      </c>
      <c r="S4789" s="5" t="s">
        <v>1523</v>
      </c>
      <c r="T4789" s="5" t="s">
        <v>42</v>
      </c>
      <c r="U4789" s="2">
        <v>1.9490000000000001</v>
      </c>
      <c r="V4789" s="2">
        <v>1.6020000000000001</v>
      </c>
      <c r="W4789" s="2">
        <v>8.0000000000000002E-3</v>
      </c>
      <c r="X4789" s="2">
        <v>92.3</v>
      </c>
      <c r="Y4789" s="2">
        <v>7.1</v>
      </c>
      <c r="Z4789" s="2">
        <v>11.9</v>
      </c>
      <c r="AA4789" s="5"/>
      <c r="AB4789" s="5" t="s">
        <v>43</v>
      </c>
      <c r="AC4789" s="5" t="s">
        <v>44</v>
      </c>
      <c r="AD4789" s="2"/>
      <c r="AE4789" s="1"/>
    </row>
    <row r="4790" spans="1:31" ht="14.45">
      <c r="A4790" s="11"/>
      <c r="B4790" s="20"/>
      <c r="C4790" s="2" t="s">
        <v>14824</v>
      </c>
      <c r="D4790" s="14" t="s">
        <v>14825</v>
      </c>
      <c r="E4790" s="2" t="s">
        <v>14826</v>
      </c>
      <c r="F4790" s="2" t="s">
        <v>7204</v>
      </c>
      <c r="G4790" s="8">
        <v>122</v>
      </c>
      <c r="H4790" s="5">
        <v>6</v>
      </c>
      <c r="I4790" s="5" t="s">
        <v>1518</v>
      </c>
      <c r="J4790" s="5" t="s">
        <v>1519</v>
      </c>
      <c r="K4790" s="2" t="s">
        <v>1520</v>
      </c>
      <c r="L4790" s="5" t="s">
        <v>1519</v>
      </c>
      <c r="M4790" s="2" t="s">
        <v>1520</v>
      </c>
      <c r="N4790" s="5" t="s">
        <v>1521</v>
      </c>
      <c r="O4790" s="5" t="s">
        <v>38</v>
      </c>
      <c r="P4790" s="5" t="s">
        <v>39</v>
      </c>
      <c r="Q4790" s="5" t="s">
        <v>40</v>
      </c>
      <c r="R4790" s="5" t="s">
        <v>1522</v>
      </c>
      <c r="S4790" s="5" t="s">
        <v>1523</v>
      </c>
      <c r="T4790" s="5" t="s">
        <v>42</v>
      </c>
      <c r="U4790" s="2">
        <v>2.1309999999999998</v>
      </c>
      <c r="V4790" s="2">
        <v>1.7929999999999999</v>
      </c>
      <c r="W4790" s="2">
        <v>8.0000000000000002E-3</v>
      </c>
      <c r="X4790" s="2">
        <v>92.3</v>
      </c>
      <c r="Y4790" s="2">
        <v>7.1</v>
      </c>
      <c r="Z4790" s="2">
        <v>11.9</v>
      </c>
      <c r="AA4790" s="5"/>
      <c r="AB4790" s="5" t="s">
        <v>43</v>
      </c>
      <c r="AC4790" s="5" t="s">
        <v>44</v>
      </c>
      <c r="AD4790" s="2"/>
      <c r="AE4790" s="1"/>
    </row>
    <row r="4791" spans="1:31" ht="14.45">
      <c r="A4791" s="11"/>
      <c r="B4791" s="20"/>
      <c r="C4791" s="2" t="s">
        <v>14827</v>
      </c>
      <c r="D4791" s="14" t="s">
        <v>14828</v>
      </c>
      <c r="E4791" s="2" t="s">
        <v>14829</v>
      </c>
      <c r="F4791" s="2" t="s">
        <v>7208</v>
      </c>
      <c r="G4791" s="8">
        <v>122</v>
      </c>
      <c r="H4791" s="5">
        <v>6</v>
      </c>
      <c r="I4791" s="5" t="s">
        <v>1518</v>
      </c>
      <c r="J4791" s="5" t="s">
        <v>1519</v>
      </c>
      <c r="K4791" s="2" t="s">
        <v>1520</v>
      </c>
      <c r="L4791" s="5" t="s">
        <v>1519</v>
      </c>
      <c r="M4791" s="2" t="s">
        <v>1520</v>
      </c>
      <c r="N4791" s="5" t="s">
        <v>1521</v>
      </c>
      <c r="O4791" s="5" t="s">
        <v>38</v>
      </c>
      <c r="P4791" s="5" t="s">
        <v>39</v>
      </c>
      <c r="Q4791" s="5" t="s">
        <v>40</v>
      </c>
      <c r="R4791" s="5" t="s">
        <v>1522</v>
      </c>
      <c r="S4791" s="5" t="s">
        <v>1523</v>
      </c>
      <c r="T4791" s="5" t="s">
        <v>42</v>
      </c>
      <c r="U4791" s="2">
        <v>2.1309999999999998</v>
      </c>
      <c r="V4791" s="2">
        <v>1.7929999999999999</v>
      </c>
      <c r="W4791" s="2">
        <v>8.0000000000000002E-3</v>
      </c>
      <c r="X4791" s="2">
        <v>92.3</v>
      </c>
      <c r="Y4791" s="2">
        <v>7.1</v>
      </c>
      <c r="Z4791" s="2">
        <v>11.9</v>
      </c>
      <c r="AA4791" s="5"/>
      <c r="AB4791" s="5" t="s">
        <v>43</v>
      </c>
      <c r="AC4791" s="5" t="s">
        <v>44</v>
      </c>
      <c r="AD4791" s="2"/>
      <c r="AE4791" s="1"/>
    </row>
    <row r="4792" spans="1:31" ht="14.45">
      <c r="A4792" s="11"/>
      <c r="B4792" s="20"/>
      <c r="C4792" s="2" t="s">
        <v>14830</v>
      </c>
      <c r="D4792" s="14" t="s">
        <v>14831</v>
      </c>
      <c r="E4792" s="2" t="s">
        <v>14832</v>
      </c>
      <c r="F4792" s="2" t="s">
        <v>7212</v>
      </c>
      <c r="G4792" s="8">
        <v>122</v>
      </c>
      <c r="H4792" s="5">
        <v>6</v>
      </c>
      <c r="I4792" s="5" t="s">
        <v>1518</v>
      </c>
      <c r="J4792" s="5" t="s">
        <v>1519</v>
      </c>
      <c r="K4792" s="2" t="s">
        <v>1520</v>
      </c>
      <c r="L4792" s="5" t="s">
        <v>1519</v>
      </c>
      <c r="M4792" s="2" t="s">
        <v>1520</v>
      </c>
      <c r="N4792" s="5" t="s">
        <v>1521</v>
      </c>
      <c r="O4792" s="5" t="s">
        <v>38</v>
      </c>
      <c r="P4792" s="5" t="s">
        <v>39</v>
      </c>
      <c r="Q4792" s="5" t="s">
        <v>40</v>
      </c>
      <c r="R4792" s="5" t="s">
        <v>1522</v>
      </c>
      <c r="S4792" s="5" t="s">
        <v>1523</v>
      </c>
      <c r="T4792" s="5" t="s">
        <v>42</v>
      </c>
      <c r="U4792" s="2">
        <v>2.1080000000000001</v>
      </c>
      <c r="V4792" s="2">
        <v>1.77</v>
      </c>
      <c r="W4792" s="2">
        <v>8.0000000000000002E-3</v>
      </c>
      <c r="X4792" s="2">
        <v>92.3</v>
      </c>
      <c r="Y4792" s="2">
        <v>7.1</v>
      </c>
      <c r="Z4792" s="2">
        <v>11.9</v>
      </c>
      <c r="AA4792" s="5"/>
      <c r="AB4792" s="5" t="s">
        <v>43</v>
      </c>
      <c r="AC4792" s="5" t="s">
        <v>44</v>
      </c>
      <c r="AD4792" s="2"/>
      <c r="AE4792" s="1"/>
    </row>
    <row r="4793" spans="1:31" ht="14.45">
      <c r="A4793" s="11"/>
      <c r="B4793" s="20"/>
      <c r="C4793" s="2" t="s">
        <v>14833</v>
      </c>
      <c r="D4793" s="14" t="s">
        <v>14834</v>
      </c>
      <c r="E4793" s="2" t="s">
        <v>14835</v>
      </c>
      <c r="F4793" s="2" t="s">
        <v>7204</v>
      </c>
      <c r="G4793" s="8">
        <v>131</v>
      </c>
      <c r="H4793" s="5">
        <v>6</v>
      </c>
      <c r="I4793" s="5" t="s">
        <v>1518</v>
      </c>
      <c r="J4793" s="5" t="s">
        <v>1519</v>
      </c>
      <c r="K4793" s="2" t="s">
        <v>1520</v>
      </c>
      <c r="L4793" s="5" t="s">
        <v>1519</v>
      </c>
      <c r="M4793" s="2" t="s">
        <v>1520</v>
      </c>
      <c r="N4793" s="5" t="s">
        <v>1521</v>
      </c>
      <c r="O4793" s="5" t="s">
        <v>38</v>
      </c>
      <c r="P4793" s="5" t="s">
        <v>39</v>
      </c>
      <c r="Q4793" s="5" t="s">
        <v>40</v>
      </c>
      <c r="R4793" s="5" t="s">
        <v>1522</v>
      </c>
      <c r="S4793" s="5" t="s">
        <v>1523</v>
      </c>
      <c r="T4793" s="5" t="s">
        <v>42</v>
      </c>
      <c r="U4793" s="2">
        <v>2.34</v>
      </c>
      <c r="V4793" s="2">
        <v>1.9830000000000001</v>
      </c>
      <c r="W4793" s="2">
        <v>0.01</v>
      </c>
      <c r="X4793" s="2">
        <v>114.3</v>
      </c>
      <c r="Y4793" s="2">
        <v>7.1</v>
      </c>
      <c r="Z4793" s="2">
        <v>11.9</v>
      </c>
      <c r="AA4793" s="5"/>
      <c r="AB4793" s="5" t="s">
        <v>43</v>
      </c>
      <c r="AC4793" s="5" t="s">
        <v>44</v>
      </c>
      <c r="AD4793" s="2"/>
      <c r="AE4793" s="1"/>
    </row>
    <row r="4794" spans="1:31" ht="14.45">
      <c r="A4794" s="11"/>
      <c r="B4794" s="20"/>
      <c r="C4794" s="2" t="s">
        <v>14836</v>
      </c>
      <c r="D4794" s="14" t="s">
        <v>14837</v>
      </c>
      <c r="E4794" s="2" t="s">
        <v>14838</v>
      </c>
      <c r="F4794" s="2" t="s">
        <v>7208</v>
      </c>
      <c r="G4794" s="8">
        <v>131</v>
      </c>
      <c r="H4794" s="5">
        <v>6</v>
      </c>
      <c r="I4794" s="5" t="s">
        <v>1518</v>
      </c>
      <c r="J4794" s="5" t="s">
        <v>1519</v>
      </c>
      <c r="K4794" s="2" t="s">
        <v>1520</v>
      </c>
      <c r="L4794" s="5" t="s">
        <v>1519</v>
      </c>
      <c r="M4794" s="2" t="s">
        <v>1520</v>
      </c>
      <c r="N4794" s="5" t="s">
        <v>1521</v>
      </c>
      <c r="O4794" s="5" t="s">
        <v>38</v>
      </c>
      <c r="P4794" s="5" t="s">
        <v>39</v>
      </c>
      <c r="Q4794" s="5" t="s">
        <v>40</v>
      </c>
      <c r="R4794" s="5" t="s">
        <v>1522</v>
      </c>
      <c r="S4794" s="5" t="s">
        <v>1523</v>
      </c>
      <c r="T4794" s="5" t="s">
        <v>42</v>
      </c>
      <c r="U4794" s="2">
        <v>2.34</v>
      </c>
      <c r="V4794" s="2">
        <v>1.9830000000000001</v>
      </c>
      <c r="W4794" s="2">
        <v>0.01</v>
      </c>
      <c r="X4794" s="2">
        <v>114.3</v>
      </c>
      <c r="Y4794" s="2">
        <v>7.1</v>
      </c>
      <c r="Z4794" s="2">
        <v>11.9</v>
      </c>
      <c r="AA4794" s="5"/>
      <c r="AB4794" s="5" t="s">
        <v>43</v>
      </c>
      <c r="AC4794" s="5" t="s">
        <v>44</v>
      </c>
      <c r="AD4794" s="2"/>
      <c r="AE4794" s="1"/>
    </row>
    <row r="4795" spans="1:31" ht="14.45">
      <c r="A4795" s="11"/>
      <c r="B4795" s="20"/>
      <c r="C4795" s="2" t="s">
        <v>14839</v>
      </c>
      <c r="D4795" s="14" t="s">
        <v>14840</v>
      </c>
      <c r="E4795" s="2" t="s">
        <v>14841</v>
      </c>
      <c r="F4795" s="2" t="s">
        <v>7212</v>
      </c>
      <c r="G4795" s="8">
        <v>131</v>
      </c>
      <c r="H4795" s="5">
        <v>6</v>
      </c>
      <c r="I4795" s="5" t="s">
        <v>1518</v>
      </c>
      <c r="J4795" s="5" t="s">
        <v>1519</v>
      </c>
      <c r="K4795" s="2" t="s">
        <v>1520</v>
      </c>
      <c r="L4795" s="5" t="s">
        <v>1519</v>
      </c>
      <c r="M4795" s="2" t="s">
        <v>1520</v>
      </c>
      <c r="N4795" s="5" t="s">
        <v>1521</v>
      </c>
      <c r="O4795" s="5" t="s">
        <v>38</v>
      </c>
      <c r="P4795" s="5" t="s">
        <v>39</v>
      </c>
      <c r="Q4795" s="5" t="s">
        <v>40</v>
      </c>
      <c r="R4795" s="5" t="s">
        <v>1522</v>
      </c>
      <c r="S4795" s="5" t="s">
        <v>1523</v>
      </c>
      <c r="T4795" s="5" t="s">
        <v>42</v>
      </c>
      <c r="U4795" s="2">
        <v>2.3119999999999998</v>
      </c>
      <c r="V4795" s="2">
        <v>1.9550000000000001</v>
      </c>
      <c r="W4795" s="2">
        <v>0.01</v>
      </c>
      <c r="X4795" s="2">
        <v>114.3</v>
      </c>
      <c r="Y4795" s="2">
        <v>7.1</v>
      </c>
      <c r="Z4795" s="2">
        <v>11.9</v>
      </c>
      <c r="AA4795" s="5"/>
      <c r="AB4795" s="5" t="s">
        <v>43</v>
      </c>
      <c r="AC4795" s="5" t="s">
        <v>44</v>
      </c>
      <c r="AD4795" s="2"/>
      <c r="AE4795" s="1"/>
    </row>
    <row r="4796" spans="1:31" ht="14.45">
      <c r="A4796" s="11"/>
      <c r="B4796" s="20"/>
      <c r="C4796" s="2" t="s">
        <v>14842</v>
      </c>
      <c r="D4796" s="14" t="s">
        <v>14843</v>
      </c>
      <c r="E4796" s="2" t="s">
        <v>14844</v>
      </c>
      <c r="F4796" s="2" t="s">
        <v>7204</v>
      </c>
      <c r="G4796" s="8">
        <v>138</v>
      </c>
      <c r="H4796" s="5">
        <v>6</v>
      </c>
      <c r="I4796" s="5" t="s">
        <v>1518</v>
      </c>
      <c r="J4796" s="5" t="s">
        <v>1519</v>
      </c>
      <c r="K4796" s="2" t="s">
        <v>1520</v>
      </c>
      <c r="L4796" s="5" t="s">
        <v>1519</v>
      </c>
      <c r="M4796" s="2" t="s">
        <v>1520</v>
      </c>
      <c r="N4796" s="5" t="s">
        <v>1521</v>
      </c>
      <c r="O4796" s="5" t="s">
        <v>38</v>
      </c>
      <c r="P4796" s="5" t="s">
        <v>39</v>
      </c>
      <c r="Q4796" s="5" t="s">
        <v>40</v>
      </c>
      <c r="R4796" s="5" t="s">
        <v>1522</v>
      </c>
      <c r="S4796" s="5" t="s">
        <v>1523</v>
      </c>
      <c r="T4796" s="5" t="s">
        <v>42</v>
      </c>
      <c r="U4796" s="2">
        <v>2.2450000000000001</v>
      </c>
      <c r="V4796" s="2">
        <v>1.885</v>
      </c>
      <c r="W4796" s="2">
        <v>0.01</v>
      </c>
      <c r="X4796" s="2">
        <v>114.3</v>
      </c>
      <c r="Y4796" s="2">
        <v>7.1</v>
      </c>
      <c r="Z4796" s="2">
        <v>11.9</v>
      </c>
      <c r="AA4796" s="5"/>
      <c r="AB4796" s="5" t="s">
        <v>43</v>
      </c>
      <c r="AC4796" s="5" t="s">
        <v>44</v>
      </c>
      <c r="AD4796" s="2"/>
      <c r="AE4796" s="1"/>
    </row>
    <row r="4797" spans="1:31" ht="14.45">
      <c r="A4797" s="11"/>
      <c r="B4797" s="20"/>
      <c r="C4797" s="2" t="s">
        <v>14845</v>
      </c>
      <c r="D4797" s="14" t="s">
        <v>14846</v>
      </c>
      <c r="E4797" s="2" t="s">
        <v>14847</v>
      </c>
      <c r="F4797" s="2" t="s">
        <v>7212</v>
      </c>
      <c r="G4797" s="8">
        <v>138</v>
      </c>
      <c r="H4797" s="5">
        <v>6</v>
      </c>
      <c r="I4797" s="5" t="s">
        <v>1518</v>
      </c>
      <c r="J4797" s="5" t="s">
        <v>1519</v>
      </c>
      <c r="K4797" s="2" t="s">
        <v>1520</v>
      </c>
      <c r="L4797" s="5" t="s">
        <v>1519</v>
      </c>
      <c r="M4797" s="2" t="s">
        <v>1520</v>
      </c>
      <c r="N4797" s="5" t="s">
        <v>1521</v>
      </c>
      <c r="O4797" s="5" t="s">
        <v>38</v>
      </c>
      <c r="P4797" s="5" t="s">
        <v>39</v>
      </c>
      <c r="Q4797" s="5" t="s">
        <v>40</v>
      </c>
      <c r="R4797" s="5" t="s">
        <v>1522</v>
      </c>
      <c r="S4797" s="5" t="s">
        <v>1523</v>
      </c>
      <c r="T4797" s="5" t="s">
        <v>42</v>
      </c>
      <c r="U4797" s="2">
        <v>2.2210000000000001</v>
      </c>
      <c r="V4797" s="2">
        <v>1.861</v>
      </c>
      <c r="W4797" s="2">
        <v>0.01</v>
      </c>
      <c r="X4797" s="2">
        <v>114.3</v>
      </c>
      <c r="Y4797" s="2">
        <v>7.1</v>
      </c>
      <c r="Z4797" s="2">
        <v>11.9</v>
      </c>
      <c r="AA4797" s="5"/>
      <c r="AB4797" s="5" t="s">
        <v>43</v>
      </c>
      <c r="AC4797" s="5" t="s">
        <v>44</v>
      </c>
      <c r="AD4797" s="2"/>
      <c r="AE4797" s="1"/>
    </row>
    <row r="4798" spans="1:31" ht="14.45">
      <c r="A4798" s="11"/>
      <c r="B4798" s="20"/>
      <c r="C4798" s="2" t="s">
        <v>14848</v>
      </c>
      <c r="D4798" s="14" t="s">
        <v>14849</v>
      </c>
      <c r="E4798" s="2" t="s">
        <v>14850</v>
      </c>
      <c r="F4798" s="2" t="s">
        <v>7204</v>
      </c>
      <c r="G4798" s="8">
        <v>138</v>
      </c>
      <c r="H4798" s="5">
        <v>6</v>
      </c>
      <c r="I4798" s="5" t="s">
        <v>1518</v>
      </c>
      <c r="J4798" s="5" t="s">
        <v>1519</v>
      </c>
      <c r="K4798" s="2" t="s">
        <v>1520</v>
      </c>
      <c r="L4798" s="5" t="s">
        <v>1519</v>
      </c>
      <c r="M4798" s="2" t="s">
        <v>1520</v>
      </c>
      <c r="N4798" s="5" t="s">
        <v>1521</v>
      </c>
      <c r="O4798" s="5" t="s">
        <v>38</v>
      </c>
      <c r="P4798" s="5" t="s">
        <v>39</v>
      </c>
      <c r="Q4798" s="5" t="s">
        <v>40</v>
      </c>
      <c r="R4798" s="5" t="s">
        <v>1522</v>
      </c>
      <c r="S4798" s="5" t="s">
        <v>1523</v>
      </c>
      <c r="T4798" s="5" t="s">
        <v>42</v>
      </c>
      <c r="U4798" s="2">
        <v>2.419</v>
      </c>
      <c r="V4798" s="2">
        <v>2.0670000000000002</v>
      </c>
      <c r="W4798" s="2">
        <v>0.01</v>
      </c>
      <c r="X4798" s="2">
        <v>114.3</v>
      </c>
      <c r="Y4798" s="2">
        <v>7.1</v>
      </c>
      <c r="Z4798" s="2">
        <v>11.9</v>
      </c>
      <c r="AA4798" s="5"/>
      <c r="AB4798" s="5" t="s">
        <v>43</v>
      </c>
      <c r="AC4798" s="5" t="s">
        <v>44</v>
      </c>
      <c r="AD4798" s="2"/>
      <c r="AE4798" s="1"/>
    </row>
    <row r="4799" spans="1:31" ht="14.45">
      <c r="A4799" s="11"/>
      <c r="B4799" s="20"/>
      <c r="C4799" s="2" t="s">
        <v>14851</v>
      </c>
      <c r="D4799" s="14" t="s">
        <v>14852</v>
      </c>
      <c r="E4799" s="2" t="s">
        <v>14853</v>
      </c>
      <c r="F4799" s="2" t="s">
        <v>7208</v>
      </c>
      <c r="G4799" s="8">
        <v>138</v>
      </c>
      <c r="H4799" s="5">
        <v>6</v>
      </c>
      <c r="I4799" s="5" t="s">
        <v>1518</v>
      </c>
      <c r="J4799" s="5" t="s">
        <v>1519</v>
      </c>
      <c r="K4799" s="2" t="s">
        <v>1520</v>
      </c>
      <c r="L4799" s="5" t="s">
        <v>1519</v>
      </c>
      <c r="M4799" s="2" t="s">
        <v>1520</v>
      </c>
      <c r="N4799" s="5" t="s">
        <v>1521</v>
      </c>
      <c r="O4799" s="5" t="s">
        <v>38</v>
      </c>
      <c r="P4799" s="5" t="s">
        <v>39</v>
      </c>
      <c r="Q4799" s="5" t="s">
        <v>40</v>
      </c>
      <c r="R4799" s="5" t="s">
        <v>1522</v>
      </c>
      <c r="S4799" s="5" t="s">
        <v>1523</v>
      </c>
      <c r="T4799" s="5" t="s">
        <v>42</v>
      </c>
      <c r="U4799" s="2">
        <v>2.419</v>
      </c>
      <c r="V4799" s="2">
        <v>2.0670000000000002</v>
      </c>
      <c r="W4799" s="2">
        <v>0.01</v>
      </c>
      <c r="X4799" s="2">
        <v>114.3</v>
      </c>
      <c r="Y4799" s="2">
        <v>7.1</v>
      </c>
      <c r="Z4799" s="2">
        <v>11.9</v>
      </c>
      <c r="AA4799" s="5"/>
      <c r="AB4799" s="5" t="s">
        <v>43</v>
      </c>
      <c r="AC4799" s="5" t="s">
        <v>44</v>
      </c>
      <c r="AD4799" s="2"/>
      <c r="AE4799" s="1"/>
    </row>
    <row r="4800" spans="1:31" ht="14.45">
      <c r="A4800" s="11"/>
      <c r="B4800" s="20"/>
      <c r="C4800" s="2" t="s">
        <v>14854</v>
      </c>
      <c r="D4800" s="14" t="s">
        <v>14855</v>
      </c>
      <c r="E4800" s="2" t="s">
        <v>14856</v>
      </c>
      <c r="F4800" s="2" t="s">
        <v>7212</v>
      </c>
      <c r="G4800" s="8">
        <v>138</v>
      </c>
      <c r="H4800" s="5">
        <v>6</v>
      </c>
      <c r="I4800" s="5" t="s">
        <v>1518</v>
      </c>
      <c r="J4800" s="5" t="s">
        <v>1519</v>
      </c>
      <c r="K4800" s="2" t="s">
        <v>1520</v>
      </c>
      <c r="L4800" s="5" t="s">
        <v>1519</v>
      </c>
      <c r="M4800" s="2" t="s">
        <v>1520</v>
      </c>
      <c r="N4800" s="5" t="s">
        <v>1521</v>
      </c>
      <c r="O4800" s="5" t="s">
        <v>38</v>
      </c>
      <c r="P4800" s="5" t="s">
        <v>39</v>
      </c>
      <c r="Q4800" s="5" t="s">
        <v>40</v>
      </c>
      <c r="R4800" s="5" t="s">
        <v>1522</v>
      </c>
      <c r="S4800" s="5" t="s">
        <v>1523</v>
      </c>
      <c r="T4800" s="5" t="s">
        <v>42</v>
      </c>
      <c r="U4800" s="2">
        <v>2.39</v>
      </c>
      <c r="V4800" s="2">
        <v>2.0379999999999998</v>
      </c>
      <c r="W4800" s="2">
        <v>0.01</v>
      </c>
      <c r="X4800" s="2">
        <v>114.3</v>
      </c>
      <c r="Y4800" s="2">
        <v>7.1</v>
      </c>
      <c r="Z4800" s="2">
        <v>11.9</v>
      </c>
      <c r="AA4800" s="5"/>
      <c r="AB4800" s="5" t="s">
        <v>43</v>
      </c>
      <c r="AC4800" s="5" t="s">
        <v>44</v>
      </c>
      <c r="AD4800" s="2"/>
      <c r="AE4800" s="1"/>
    </row>
    <row r="4801" spans="1:31" ht="14.45">
      <c r="A4801" s="11"/>
      <c r="B4801" s="20"/>
      <c r="C4801" s="2" t="s">
        <v>14857</v>
      </c>
      <c r="D4801" s="14" t="s">
        <v>14858</v>
      </c>
      <c r="E4801" s="2" t="s">
        <v>14859</v>
      </c>
      <c r="F4801" s="2" t="s">
        <v>7204</v>
      </c>
      <c r="G4801" s="8">
        <v>146</v>
      </c>
      <c r="H4801" s="5">
        <v>6</v>
      </c>
      <c r="I4801" s="5" t="s">
        <v>1518</v>
      </c>
      <c r="J4801" s="5" t="s">
        <v>1519</v>
      </c>
      <c r="K4801" s="2" t="s">
        <v>1520</v>
      </c>
      <c r="L4801" s="5" t="s">
        <v>1519</v>
      </c>
      <c r="M4801" s="2" t="s">
        <v>1520</v>
      </c>
      <c r="N4801" s="5" t="s">
        <v>1521</v>
      </c>
      <c r="O4801" s="5" t="s">
        <v>38</v>
      </c>
      <c r="P4801" s="5" t="s">
        <v>39</v>
      </c>
      <c r="Q4801" s="5" t="s">
        <v>40</v>
      </c>
      <c r="R4801" s="5" t="s">
        <v>1522</v>
      </c>
      <c r="S4801" s="5" t="s">
        <v>1523</v>
      </c>
      <c r="T4801" s="5" t="s">
        <v>42</v>
      </c>
      <c r="U4801" s="2">
        <v>2.61</v>
      </c>
      <c r="V4801" s="2">
        <v>2.2669999999999999</v>
      </c>
      <c r="W4801" s="2">
        <v>0.01</v>
      </c>
      <c r="X4801" s="2">
        <v>114.3</v>
      </c>
      <c r="Y4801" s="2">
        <v>7.1</v>
      </c>
      <c r="Z4801" s="2">
        <v>11.9</v>
      </c>
      <c r="AA4801" s="5"/>
      <c r="AB4801" s="5" t="s">
        <v>43</v>
      </c>
      <c r="AC4801" s="5" t="s">
        <v>44</v>
      </c>
      <c r="AD4801" s="2"/>
      <c r="AE4801" s="1"/>
    </row>
    <row r="4802" spans="1:31" ht="14.45">
      <c r="A4802" s="11"/>
      <c r="B4802" s="20"/>
      <c r="C4802" s="2" t="s">
        <v>14860</v>
      </c>
      <c r="D4802" s="14" t="s">
        <v>14861</v>
      </c>
      <c r="E4802" s="2" t="s">
        <v>14862</v>
      </c>
      <c r="F4802" s="2" t="s">
        <v>7208</v>
      </c>
      <c r="G4802" s="8">
        <v>146</v>
      </c>
      <c r="H4802" s="5">
        <v>6</v>
      </c>
      <c r="I4802" s="5" t="s">
        <v>1518</v>
      </c>
      <c r="J4802" s="5" t="s">
        <v>1519</v>
      </c>
      <c r="K4802" s="2" t="s">
        <v>1520</v>
      </c>
      <c r="L4802" s="5" t="s">
        <v>1519</v>
      </c>
      <c r="M4802" s="2" t="s">
        <v>1520</v>
      </c>
      <c r="N4802" s="5" t="s">
        <v>1521</v>
      </c>
      <c r="O4802" s="5" t="s">
        <v>38</v>
      </c>
      <c r="P4802" s="5" t="s">
        <v>39</v>
      </c>
      <c r="Q4802" s="5" t="s">
        <v>40</v>
      </c>
      <c r="R4802" s="5" t="s">
        <v>1522</v>
      </c>
      <c r="S4802" s="5" t="s">
        <v>1523</v>
      </c>
      <c r="T4802" s="5" t="s">
        <v>42</v>
      </c>
      <c r="U4802" s="2">
        <v>2.61</v>
      </c>
      <c r="V4802" s="2">
        <v>2.2669999999999999</v>
      </c>
      <c r="W4802" s="2">
        <v>0.01</v>
      </c>
      <c r="X4802" s="2">
        <v>114.3</v>
      </c>
      <c r="Y4802" s="2">
        <v>7.1</v>
      </c>
      <c r="Z4802" s="2">
        <v>11.9</v>
      </c>
      <c r="AA4802" s="5"/>
      <c r="AB4802" s="5" t="s">
        <v>43</v>
      </c>
      <c r="AC4802" s="5" t="s">
        <v>44</v>
      </c>
      <c r="AD4802" s="2"/>
      <c r="AE4802" s="1"/>
    </row>
    <row r="4803" spans="1:31" ht="14.45">
      <c r="A4803" s="11"/>
      <c r="B4803" s="20"/>
      <c r="C4803" s="2" t="s">
        <v>14863</v>
      </c>
      <c r="D4803" s="14" t="s">
        <v>14864</v>
      </c>
      <c r="E4803" s="2" t="s">
        <v>14865</v>
      </c>
      <c r="F4803" s="2" t="s">
        <v>7212</v>
      </c>
      <c r="G4803" s="8">
        <v>146</v>
      </c>
      <c r="H4803" s="5">
        <v>6</v>
      </c>
      <c r="I4803" s="5" t="s">
        <v>1518</v>
      </c>
      <c r="J4803" s="5" t="s">
        <v>1519</v>
      </c>
      <c r="K4803" s="2" t="s">
        <v>1520</v>
      </c>
      <c r="L4803" s="5" t="s">
        <v>1519</v>
      </c>
      <c r="M4803" s="2" t="s">
        <v>1520</v>
      </c>
      <c r="N4803" s="5" t="s">
        <v>1521</v>
      </c>
      <c r="O4803" s="5" t="s">
        <v>38</v>
      </c>
      <c r="P4803" s="5" t="s">
        <v>39</v>
      </c>
      <c r="Q4803" s="5" t="s">
        <v>40</v>
      </c>
      <c r="R4803" s="5" t="s">
        <v>1522</v>
      </c>
      <c r="S4803" s="5" t="s">
        <v>1523</v>
      </c>
      <c r="T4803" s="5" t="s">
        <v>42</v>
      </c>
      <c r="U4803" s="2">
        <v>2.5750000000000002</v>
      </c>
      <c r="V4803" s="2">
        <v>2.2320000000000002</v>
      </c>
      <c r="W4803" s="2">
        <v>0.01</v>
      </c>
      <c r="X4803" s="2">
        <v>114.3</v>
      </c>
      <c r="Y4803" s="2">
        <v>7.1</v>
      </c>
      <c r="Z4803" s="2">
        <v>11.9</v>
      </c>
      <c r="AA4803" s="5"/>
      <c r="AB4803" s="5" t="s">
        <v>43</v>
      </c>
      <c r="AC4803" s="5" t="s">
        <v>44</v>
      </c>
      <c r="AD4803" s="2"/>
      <c r="AE4803" s="1"/>
    </row>
    <row r="4804" spans="1:31" ht="14.45">
      <c r="A4804" s="11"/>
      <c r="B4804" s="20"/>
      <c r="C4804" s="2" t="s">
        <v>14866</v>
      </c>
      <c r="D4804" s="14" t="s">
        <v>14867</v>
      </c>
      <c r="E4804" s="2" t="s">
        <v>14868</v>
      </c>
      <c r="F4804" s="2" t="s">
        <v>14869</v>
      </c>
      <c r="G4804" s="8">
        <v>92</v>
      </c>
      <c r="H4804" s="5">
        <v>6</v>
      </c>
      <c r="I4804" s="5" t="s">
        <v>1518</v>
      </c>
      <c r="J4804" s="5" t="s">
        <v>1519</v>
      </c>
      <c r="K4804" s="2" t="s">
        <v>1520</v>
      </c>
      <c r="L4804" s="5" t="s">
        <v>1519</v>
      </c>
      <c r="M4804" s="2" t="s">
        <v>1520</v>
      </c>
      <c r="N4804" s="5" t="s">
        <v>1521</v>
      </c>
      <c r="O4804" s="5" t="s">
        <v>38</v>
      </c>
      <c r="P4804" s="5" t="s">
        <v>39</v>
      </c>
      <c r="Q4804" s="5" t="s">
        <v>40</v>
      </c>
      <c r="R4804" s="5" t="s">
        <v>1522</v>
      </c>
      <c r="S4804" s="5" t="s">
        <v>1523</v>
      </c>
      <c r="T4804" s="5" t="s">
        <v>42</v>
      </c>
      <c r="U4804" s="2">
        <v>1.0640000000000001</v>
      </c>
      <c r="V4804" s="2">
        <v>0.76100000000000001</v>
      </c>
      <c r="W4804" s="2">
        <v>7.0000000000000001E-3</v>
      </c>
      <c r="X4804" s="2">
        <v>86.5</v>
      </c>
      <c r="Y4804" s="2">
        <v>7.6</v>
      </c>
      <c r="Z4804" s="2">
        <v>10.6</v>
      </c>
      <c r="AA4804" s="5"/>
      <c r="AB4804" s="5" t="s">
        <v>43</v>
      </c>
      <c r="AC4804" s="5" t="s">
        <v>44</v>
      </c>
      <c r="AD4804" s="2"/>
      <c r="AE4804" s="1"/>
    </row>
    <row r="4805" spans="1:31" ht="14.45">
      <c r="A4805" s="11"/>
      <c r="B4805" s="20"/>
      <c r="C4805" s="2" t="s">
        <v>14870</v>
      </c>
      <c r="D4805" s="14" t="s">
        <v>14871</v>
      </c>
      <c r="E4805" s="2" t="s">
        <v>14872</v>
      </c>
      <c r="F4805" s="2" t="s">
        <v>14873</v>
      </c>
      <c r="G4805" s="8">
        <v>92</v>
      </c>
      <c r="H4805" s="5">
        <v>6</v>
      </c>
      <c r="I4805" s="5" t="s">
        <v>1518</v>
      </c>
      <c r="J4805" s="5" t="s">
        <v>1519</v>
      </c>
      <c r="K4805" s="2" t="s">
        <v>1520</v>
      </c>
      <c r="L4805" s="5" t="s">
        <v>1519</v>
      </c>
      <c r="M4805" s="2" t="s">
        <v>1520</v>
      </c>
      <c r="N4805" s="5" t="s">
        <v>1521</v>
      </c>
      <c r="O4805" s="5" t="s">
        <v>38</v>
      </c>
      <c r="P4805" s="5" t="s">
        <v>39</v>
      </c>
      <c r="Q4805" s="5" t="s">
        <v>40</v>
      </c>
      <c r="R4805" s="5" t="s">
        <v>1522</v>
      </c>
      <c r="S4805" s="5" t="s">
        <v>1523</v>
      </c>
      <c r="T4805" s="5" t="s">
        <v>42</v>
      </c>
      <c r="U4805" s="2">
        <v>1.087</v>
      </c>
      <c r="V4805" s="2">
        <v>0.78400000000000003</v>
      </c>
      <c r="W4805" s="2">
        <v>7.0000000000000001E-3</v>
      </c>
      <c r="X4805" s="2">
        <v>86.5</v>
      </c>
      <c r="Y4805" s="2">
        <v>7.6</v>
      </c>
      <c r="Z4805" s="2">
        <v>10.6</v>
      </c>
      <c r="AA4805" s="5"/>
      <c r="AB4805" s="5" t="s">
        <v>43</v>
      </c>
      <c r="AC4805" s="5" t="s">
        <v>44</v>
      </c>
      <c r="AD4805" s="2"/>
      <c r="AE4805" s="1"/>
    </row>
    <row r="4806" spans="1:31" ht="14.45">
      <c r="A4806" s="11"/>
      <c r="B4806" s="20"/>
      <c r="C4806" s="2" t="s">
        <v>14874</v>
      </c>
      <c r="D4806" s="14" t="s">
        <v>14875</v>
      </c>
      <c r="E4806" s="2" t="s">
        <v>14876</v>
      </c>
      <c r="F4806" s="2" t="s">
        <v>14877</v>
      </c>
      <c r="G4806" s="8">
        <v>92</v>
      </c>
      <c r="H4806" s="5">
        <v>6</v>
      </c>
      <c r="I4806" s="5" t="s">
        <v>1518</v>
      </c>
      <c r="J4806" s="5" t="s">
        <v>1519</v>
      </c>
      <c r="K4806" s="2" t="s">
        <v>1520</v>
      </c>
      <c r="L4806" s="5" t="s">
        <v>1519</v>
      </c>
      <c r="M4806" s="2" t="s">
        <v>1520</v>
      </c>
      <c r="N4806" s="5" t="s">
        <v>1521</v>
      </c>
      <c r="O4806" s="5" t="s">
        <v>38</v>
      </c>
      <c r="P4806" s="5" t="s">
        <v>39</v>
      </c>
      <c r="Q4806" s="5" t="s">
        <v>40</v>
      </c>
      <c r="R4806" s="5" t="s">
        <v>1522</v>
      </c>
      <c r="S4806" s="5" t="s">
        <v>1523</v>
      </c>
      <c r="T4806" s="5" t="s">
        <v>42</v>
      </c>
      <c r="U4806" s="2">
        <v>1.0740000000000001</v>
      </c>
      <c r="V4806" s="2">
        <v>0.77100000000000002</v>
      </c>
      <c r="W4806" s="2">
        <v>7.0000000000000001E-3</v>
      </c>
      <c r="X4806" s="2">
        <v>86.5</v>
      </c>
      <c r="Y4806" s="2">
        <v>7.6</v>
      </c>
      <c r="Z4806" s="2">
        <v>10.6</v>
      </c>
      <c r="AA4806" s="5"/>
      <c r="AB4806" s="5" t="s">
        <v>43</v>
      </c>
      <c r="AC4806" s="5" t="s">
        <v>44</v>
      </c>
      <c r="AD4806" s="2"/>
      <c r="AE4806" s="1"/>
    </row>
    <row r="4807" spans="1:31" ht="14.45">
      <c r="A4807" s="11"/>
      <c r="B4807" s="20"/>
      <c r="C4807" s="2" t="s">
        <v>14878</v>
      </c>
      <c r="D4807" s="14" t="s">
        <v>14879</v>
      </c>
      <c r="E4807" s="2" t="s">
        <v>14880</v>
      </c>
      <c r="F4807" s="2" t="s">
        <v>14881</v>
      </c>
      <c r="G4807" s="8">
        <v>92</v>
      </c>
      <c r="H4807" s="5">
        <v>6</v>
      </c>
      <c r="I4807" s="5" t="s">
        <v>1518</v>
      </c>
      <c r="J4807" s="5" t="s">
        <v>1519</v>
      </c>
      <c r="K4807" s="2" t="s">
        <v>1520</v>
      </c>
      <c r="L4807" s="5" t="s">
        <v>1519</v>
      </c>
      <c r="M4807" s="2" t="s">
        <v>1520</v>
      </c>
      <c r="N4807" s="5" t="s">
        <v>1521</v>
      </c>
      <c r="O4807" s="5" t="s">
        <v>38</v>
      </c>
      <c r="P4807" s="5" t="s">
        <v>39</v>
      </c>
      <c r="Q4807" s="5" t="s">
        <v>40</v>
      </c>
      <c r="R4807" s="5" t="s">
        <v>1522</v>
      </c>
      <c r="S4807" s="5" t="s">
        <v>1523</v>
      </c>
      <c r="T4807" s="5" t="s">
        <v>42</v>
      </c>
      <c r="U4807" s="2">
        <v>1.097</v>
      </c>
      <c r="V4807" s="2">
        <v>0.79400000000000004</v>
      </c>
      <c r="W4807" s="2">
        <v>7.0000000000000001E-3</v>
      </c>
      <c r="X4807" s="2">
        <v>86.5</v>
      </c>
      <c r="Y4807" s="2">
        <v>7.6</v>
      </c>
      <c r="Z4807" s="2">
        <v>10.6</v>
      </c>
      <c r="AA4807" s="5"/>
      <c r="AB4807" s="5" t="s">
        <v>43</v>
      </c>
      <c r="AC4807" s="5" t="s">
        <v>44</v>
      </c>
      <c r="AD4807" s="2"/>
      <c r="AE4807" s="1"/>
    </row>
    <row r="4808" spans="1:31" ht="14.45">
      <c r="A4808" s="11"/>
      <c r="B4808" s="20"/>
      <c r="C4808" s="2" t="s">
        <v>14882</v>
      </c>
      <c r="D4808" s="14" t="s">
        <v>14883</v>
      </c>
      <c r="E4808" s="2" t="s">
        <v>14884</v>
      </c>
      <c r="F4808" s="2" t="s">
        <v>14885</v>
      </c>
      <c r="G4808" s="8">
        <v>92</v>
      </c>
      <c r="H4808" s="5">
        <v>6</v>
      </c>
      <c r="I4808" s="5" t="s">
        <v>1518</v>
      </c>
      <c r="J4808" s="5" t="s">
        <v>1519</v>
      </c>
      <c r="K4808" s="2" t="s">
        <v>1520</v>
      </c>
      <c r="L4808" s="5" t="s">
        <v>1519</v>
      </c>
      <c r="M4808" s="2" t="s">
        <v>1520</v>
      </c>
      <c r="N4808" s="5" t="s">
        <v>1521</v>
      </c>
      <c r="O4808" s="5" t="s">
        <v>38</v>
      </c>
      <c r="P4808" s="5" t="s">
        <v>39</v>
      </c>
      <c r="Q4808" s="5" t="s">
        <v>40</v>
      </c>
      <c r="R4808" s="5" t="s">
        <v>1522</v>
      </c>
      <c r="S4808" s="5" t="s">
        <v>1523</v>
      </c>
      <c r="T4808" s="5" t="s">
        <v>42</v>
      </c>
      <c r="U4808" s="2">
        <v>1.0740000000000001</v>
      </c>
      <c r="V4808" s="2">
        <v>0.77100000000000002</v>
      </c>
      <c r="W4808" s="2">
        <v>7.0000000000000001E-3</v>
      </c>
      <c r="X4808" s="2">
        <v>86.5</v>
      </c>
      <c r="Y4808" s="2">
        <v>7.6</v>
      </c>
      <c r="Z4808" s="2">
        <v>10.6</v>
      </c>
      <c r="AA4808" s="5"/>
      <c r="AB4808" s="5" t="s">
        <v>43</v>
      </c>
      <c r="AC4808" s="5" t="s">
        <v>44</v>
      </c>
      <c r="AD4808" s="2"/>
      <c r="AE4808" s="1"/>
    </row>
    <row r="4809" spans="1:31" ht="14.45">
      <c r="A4809" s="11"/>
      <c r="B4809" s="20"/>
      <c r="C4809" s="2" t="s">
        <v>14886</v>
      </c>
      <c r="D4809" s="14" t="s">
        <v>14887</v>
      </c>
      <c r="E4809" s="2" t="s">
        <v>14888</v>
      </c>
      <c r="F4809" s="2" t="s">
        <v>14889</v>
      </c>
      <c r="G4809" s="8">
        <v>92</v>
      </c>
      <c r="H4809" s="5">
        <v>6</v>
      </c>
      <c r="I4809" s="5" t="s">
        <v>1518</v>
      </c>
      <c r="J4809" s="5" t="s">
        <v>1519</v>
      </c>
      <c r="K4809" s="2" t="s">
        <v>1520</v>
      </c>
      <c r="L4809" s="5" t="s">
        <v>1519</v>
      </c>
      <c r="M4809" s="2" t="s">
        <v>1520</v>
      </c>
      <c r="N4809" s="5" t="s">
        <v>1521</v>
      </c>
      <c r="O4809" s="5" t="s">
        <v>38</v>
      </c>
      <c r="P4809" s="5" t="s">
        <v>39</v>
      </c>
      <c r="Q4809" s="5" t="s">
        <v>40</v>
      </c>
      <c r="R4809" s="5" t="s">
        <v>1522</v>
      </c>
      <c r="S4809" s="5" t="s">
        <v>1523</v>
      </c>
      <c r="T4809" s="5" t="s">
        <v>42</v>
      </c>
      <c r="U4809" s="2">
        <v>1.097</v>
      </c>
      <c r="V4809" s="2">
        <v>0.79400000000000004</v>
      </c>
      <c r="W4809" s="2">
        <v>7.0000000000000001E-3</v>
      </c>
      <c r="X4809" s="2">
        <v>86.5</v>
      </c>
      <c r="Y4809" s="2">
        <v>7.6</v>
      </c>
      <c r="Z4809" s="2">
        <v>10.6</v>
      </c>
      <c r="AA4809" s="5"/>
      <c r="AB4809" s="5" t="s">
        <v>43</v>
      </c>
      <c r="AC4809" s="5" t="s">
        <v>44</v>
      </c>
      <c r="AD4809" s="2"/>
      <c r="AE4809" s="1"/>
    </row>
    <row r="4810" spans="1:31" ht="14.45">
      <c r="A4810" s="11"/>
      <c r="B4810" s="20"/>
      <c r="C4810" s="2" t="s">
        <v>14890</v>
      </c>
      <c r="D4810" s="14" t="s">
        <v>14891</v>
      </c>
      <c r="E4810" s="2" t="s">
        <v>14892</v>
      </c>
      <c r="F4810" s="2" t="s">
        <v>14893</v>
      </c>
      <c r="G4810" s="8">
        <v>92</v>
      </c>
      <c r="H4810" s="5">
        <v>6</v>
      </c>
      <c r="I4810" s="5" t="s">
        <v>1518</v>
      </c>
      <c r="J4810" s="5" t="s">
        <v>1519</v>
      </c>
      <c r="K4810" s="2" t="s">
        <v>1520</v>
      </c>
      <c r="L4810" s="5" t="s">
        <v>1519</v>
      </c>
      <c r="M4810" s="2" t="s">
        <v>1520</v>
      </c>
      <c r="N4810" s="5" t="s">
        <v>1521</v>
      </c>
      <c r="O4810" s="5" t="s">
        <v>38</v>
      </c>
      <c r="P4810" s="5" t="s">
        <v>39</v>
      </c>
      <c r="Q4810" s="5" t="s">
        <v>40</v>
      </c>
      <c r="R4810" s="5" t="s">
        <v>1522</v>
      </c>
      <c r="S4810" s="5" t="s">
        <v>1523</v>
      </c>
      <c r="T4810" s="5" t="s">
        <v>42</v>
      </c>
      <c r="U4810" s="2">
        <v>1.0640000000000001</v>
      </c>
      <c r="V4810" s="2">
        <v>0.76100000000000001</v>
      </c>
      <c r="W4810" s="2">
        <v>7.0000000000000001E-3</v>
      </c>
      <c r="X4810" s="2">
        <v>86.5</v>
      </c>
      <c r="Y4810" s="2">
        <v>7.6</v>
      </c>
      <c r="Z4810" s="2">
        <v>10.6</v>
      </c>
      <c r="AA4810" s="5"/>
      <c r="AB4810" s="5" t="s">
        <v>43</v>
      </c>
      <c r="AC4810" s="5" t="s">
        <v>44</v>
      </c>
      <c r="AD4810" s="2"/>
      <c r="AE4810" s="1"/>
    </row>
    <row r="4811" spans="1:31" ht="14.45">
      <c r="A4811" s="11"/>
      <c r="B4811" s="20"/>
      <c r="C4811" s="2" t="s">
        <v>14894</v>
      </c>
      <c r="D4811" s="14" t="s">
        <v>14895</v>
      </c>
      <c r="E4811" s="2" t="s">
        <v>14896</v>
      </c>
      <c r="F4811" s="2" t="s">
        <v>14897</v>
      </c>
      <c r="G4811" s="8">
        <v>92</v>
      </c>
      <c r="H4811" s="5">
        <v>6</v>
      </c>
      <c r="I4811" s="5" t="s">
        <v>1518</v>
      </c>
      <c r="J4811" s="5" t="s">
        <v>1519</v>
      </c>
      <c r="K4811" s="2" t="s">
        <v>1520</v>
      </c>
      <c r="L4811" s="5" t="s">
        <v>1519</v>
      </c>
      <c r="M4811" s="2" t="s">
        <v>1520</v>
      </c>
      <c r="N4811" s="5" t="s">
        <v>1521</v>
      </c>
      <c r="O4811" s="5" t="s">
        <v>38</v>
      </c>
      <c r="P4811" s="5" t="s">
        <v>39</v>
      </c>
      <c r="Q4811" s="5" t="s">
        <v>40</v>
      </c>
      <c r="R4811" s="5" t="s">
        <v>1522</v>
      </c>
      <c r="S4811" s="5" t="s">
        <v>1523</v>
      </c>
      <c r="T4811" s="5" t="s">
        <v>42</v>
      </c>
      <c r="U4811" s="2">
        <v>1.087</v>
      </c>
      <c r="V4811" s="2">
        <v>0.78400000000000003</v>
      </c>
      <c r="W4811" s="2">
        <v>7.0000000000000001E-3</v>
      </c>
      <c r="X4811" s="2">
        <v>86.5</v>
      </c>
      <c r="Y4811" s="2">
        <v>7.6</v>
      </c>
      <c r="Z4811" s="2">
        <v>10.6</v>
      </c>
      <c r="AA4811" s="5"/>
      <c r="AB4811" s="5" t="s">
        <v>43</v>
      </c>
      <c r="AC4811" s="5" t="s">
        <v>44</v>
      </c>
      <c r="AD4811" s="2"/>
      <c r="AE4811" s="1"/>
    </row>
    <row r="4812" spans="1:31" ht="14.45">
      <c r="A4812" s="11"/>
      <c r="B4812" s="20"/>
      <c r="C4812" s="2" t="s">
        <v>14898</v>
      </c>
      <c r="D4812" s="14" t="s">
        <v>14899</v>
      </c>
      <c r="E4812" s="2" t="s">
        <v>14900</v>
      </c>
      <c r="F4812" s="2" t="s">
        <v>14869</v>
      </c>
      <c r="G4812" s="8">
        <v>105</v>
      </c>
      <c r="H4812" s="5">
        <v>6</v>
      </c>
      <c r="I4812" s="5" t="s">
        <v>1518</v>
      </c>
      <c r="J4812" s="5" t="s">
        <v>1519</v>
      </c>
      <c r="K4812" s="2" t="s">
        <v>1520</v>
      </c>
      <c r="L4812" s="5" t="s">
        <v>1519</v>
      </c>
      <c r="M4812" s="2" t="s">
        <v>1520</v>
      </c>
      <c r="N4812" s="5" t="s">
        <v>1521</v>
      </c>
      <c r="O4812" s="5" t="s">
        <v>38</v>
      </c>
      <c r="P4812" s="5" t="s">
        <v>39</v>
      </c>
      <c r="Q4812" s="5" t="s">
        <v>40</v>
      </c>
      <c r="R4812" s="5" t="s">
        <v>1522</v>
      </c>
      <c r="S4812" s="5" t="s">
        <v>1523</v>
      </c>
      <c r="T4812" s="5" t="s">
        <v>42</v>
      </c>
      <c r="U4812" s="2">
        <v>1.1659999999999999</v>
      </c>
      <c r="V4812" s="2">
        <v>0.86299999999999999</v>
      </c>
      <c r="W4812" s="2">
        <v>7.0000000000000001E-3</v>
      </c>
      <c r="X4812" s="2">
        <v>86.5</v>
      </c>
      <c r="Y4812" s="2">
        <v>7.6</v>
      </c>
      <c r="Z4812" s="2">
        <v>10.6</v>
      </c>
      <c r="AA4812" s="5"/>
      <c r="AB4812" s="5" t="s">
        <v>43</v>
      </c>
      <c r="AC4812" s="5" t="s">
        <v>44</v>
      </c>
      <c r="AD4812" s="2"/>
      <c r="AE4812" s="1"/>
    </row>
    <row r="4813" spans="1:31" ht="14.45">
      <c r="A4813" s="11"/>
      <c r="B4813" s="20"/>
      <c r="C4813" s="2" t="s">
        <v>14901</v>
      </c>
      <c r="D4813" s="14" t="s">
        <v>14902</v>
      </c>
      <c r="E4813" s="2" t="s">
        <v>14903</v>
      </c>
      <c r="F4813" s="2" t="s">
        <v>14873</v>
      </c>
      <c r="G4813" s="8">
        <v>105</v>
      </c>
      <c r="H4813" s="5">
        <v>6</v>
      </c>
      <c r="I4813" s="5" t="s">
        <v>1518</v>
      </c>
      <c r="J4813" s="5" t="s">
        <v>1519</v>
      </c>
      <c r="K4813" s="2" t="s">
        <v>1520</v>
      </c>
      <c r="L4813" s="5" t="s">
        <v>1519</v>
      </c>
      <c r="M4813" s="2" t="s">
        <v>1520</v>
      </c>
      <c r="N4813" s="5" t="s">
        <v>1521</v>
      </c>
      <c r="O4813" s="5" t="s">
        <v>38</v>
      </c>
      <c r="P4813" s="5" t="s">
        <v>39</v>
      </c>
      <c r="Q4813" s="5" t="s">
        <v>40</v>
      </c>
      <c r="R4813" s="5" t="s">
        <v>1522</v>
      </c>
      <c r="S4813" s="5" t="s">
        <v>1523</v>
      </c>
      <c r="T4813" s="5" t="s">
        <v>42</v>
      </c>
      <c r="U4813" s="2">
        <v>1.1930000000000001</v>
      </c>
      <c r="V4813" s="2">
        <v>0.89</v>
      </c>
      <c r="W4813" s="2">
        <v>7.0000000000000001E-3</v>
      </c>
      <c r="X4813" s="2">
        <v>86.5</v>
      </c>
      <c r="Y4813" s="2">
        <v>7.6</v>
      </c>
      <c r="Z4813" s="2">
        <v>10.6</v>
      </c>
      <c r="AA4813" s="5"/>
      <c r="AB4813" s="5" t="s">
        <v>43</v>
      </c>
      <c r="AC4813" s="5" t="s">
        <v>44</v>
      </c>
      <c r="AD4813" s="2"/>
      <c r="AE4813" s="1"/>
    </row>
    <row r="4814" spans="1:31" ht="14.45">
      <c r="A4814" s="11"/>
      <c r="B4814" s="20"/>
      <c r="C4814" s="2" t="s">
        <v>14904</v>
      </c>
      <c r="D4814" s="14" t="s">
        <v>14905</v>
      </c>
      <c r="E4814" s="2" t="s">
        <v>14906</v>
      </c>
      <c r="F4814" s="2" t="s">
        <v>14877</v>
      </c>
      <c r="G4814" s="8">
        <v>105</v>
      </c>
      <c r="H4814" s="5">
        <v>6</v>
      </c>
      <c r="I4814" s="5" t="s">
        <v>1518</v>
      </c>
      <c r="J4814" s="5" t="s">
        <v>1519</v>
      </c>
      <c r="K4814" s="2" t="s">
        <v>1520</v>
      </c>
      <c r="L4814" s="5" t="s">
        <v>1519</v>
      </c>
      <c r="M4814" s="2" t="s">
        <v>1520</v>
      </c>
      <c r="N4814" s="5" t="s">
        <v>1521</v>
      </c>
      <c r="O4814" s="5" t="s">
        <v>38</v>
      </c>
      <c r="P4814" s="5" t="s">
        <v>39</v>
      </c>
      <c r="Q4814" s="5" t="s">
        <v>40</v>
      </c>
      <c r="R4814" s="5" t="s">
        <v>1522</v>
      </c>
      <c r="S4814" s="5" t="s">
        <v>1523</v>
      </c>
      <c r="T4814" s="5" t="s">
        <v>42</v>
      </c>
      <c r="U4814" s="2">
        <v>1.1779999999999999</v>
      </c>
      <c r="V4814" s="2">
        <v>0.875</v>
      </c>
      <c r="W4814" s="2">
        <v>7.0000000000000001E-3</v>
      </c>
      <c r="X4814" s="2">
        <v>86.5</v>
      </c>
      <c r="Y4814" s="2">
        <v>7.6</v>
      </c>
      <c r="Z4814" s="2">
        <v>10.6</v>
      </c>
      <c r="AA4814" s="5"/>
      <c r="AB4814" s="5" t="s">
        <v>43</v>
      </c>
      <c r="AC4814" s="5" t="s">
        <v>44</v>
      </c>
      <c r="AD4814" s="2"/>
      <c r="AE4814" s="1"/>
    </row>
    <row r="4815" spans="1:31" ht="14.45">
      <c r="A4815" s="11"/>
      <c r="B4815" s="20"/>
      <c r="C4815" s="2" t="s">
        <v>14907</v>
      </c>
      <c r="D4815" s="14" t="s">
        <v>14908</v>
      </c>
      <c r="E4815" s="2" t="s">
        <v>14909</v>
      </c>
      <c r="F4815" s="2" t="s">
        <v>14881</v>
      </c>
      <c r="G4815" s="8">
        <v>105</v>
      </c>
      <c r="H4815" s="5">
        <v>6</v>
      </c>
      <c r="I4815" s="5" t="s">
        <v>1518</v>
      </c>
      <c r="J4815" s="5" t="s">
        <v>1519</v>
      </c>
      <c r="K4815" s="2" t="s">
        <v>1520</v>
      </c>
      <c r="L4815" s="5" t="s">
        <v>1519</v>
      </c>
      <c r="M4815" s="2" t="s">
        <v>1520</v>
      </c>
      <c r="N4815" s="5" t="s">
        <v>1521</v>
      </c>
      <c r="O4815" s="5" t="s">
        <v>38</v>
      </c>
      <c r="P4815" s="5" t="s">
        <v>39</v>
      </c>
      <c r="Q4815" s="5" t="s">
        <v>40</v>
      </c>
      <c r="R4815" s="5" t="s">
        <v>1522</v>
      </c>
      <c r="S4815" s="5" t="s">
        <v>1523</v>
      </c>
      <c r="T4815" s="5" t="s">
        <v>42</v>
      </c>
      <c r="U4815" s="2">
        <v>1.2050000000000001</v>
      </c>
      <c r="V4815" s="2">
        <v>0.90200000000000002</v>
      </c>
      <c r="W4815" s="2">
        <v>7.0000000000000001E-3</v>
      </c>
      <c r="X4815" s="2">
        <v>86.5</v>
      </c>
      <c r="Y4815" s="2">
        <v>7.6</v>
      </c>
      <c r="Z4815" s="2">
        <v>10.6</v>
      </c>
      <c r="AA4815" s="5"/>
      <c r="AB4815" s="5" t="s">
        <v>43</v>
      </c>
      <c r="AC4815" s="5" t="s">
        <v>44</v>
      </c>
      <c r="AD4815" s="2"/>
      <c r="AE4815" s="1"/>
    </row>
    <row r="4816" spans="1:31" ht="14.45">
      <c r="A4816" s="11"/>
      <c r="B4816" s="20"/>
      <c r="C4816" s="2" t="s">
        <v>14910</v>
      </c>
      <c r="D4816" s="14" t="s">
        <v>14911</v>
      </c>
      <c r="E4816" s="2" t="s">
        <v>14912</v>
      </c>
      <c r="F4816" s="2" t="s">
        <v>14885</v>
      </c>
      <c r="G4816" s="8">
        <v>105</v>
      </c>
      <c r="H4816" s="5">
        <v>6</v>
      </c>
      <c r="I4816" s="5" t="s">
        <v>1518</v>
      </c>
      <c r="J4816" s="5" t="s">
        <v>1519</v>
      </c>
      <c r="K4816" s="2" t="s">
        <v>1520</v>
      </c>
      <c r="L4816" s="5" t="s">
        <v>1519</v>
      </c>
      <c r="M4816" s="2" t="s">
        <v>1520</v>
      </c>
      <c r="N4816" s="5" t="s">
        <v>1521</v>
      </c>
      <c r="O4816" s="5" t="s">
        <v>38</v>
      </c>
      <c r="P4816" s="5" t="s">
        <v>39</v>
      </c>
      <c r="Q4816" s="5" t="s">
        <v>40</v>
      </c>
      <c r="R4816" s="5" t="s">
        <v>1522</v>
      </c>
      <c r="S4816" s="5" t="s">
        <v>1523</v>
      </c>
      <c r="T4816" s="5" t="s">
        <v>42</v>
      </c>
      <c r="U4816" s="2">
        <v>1.1779999999999999</v>
      </c>
      <c r="V4816" s="2">
        <v>0.875</v>
      </c>
      <c r="W4816" s="2">
        <v>7.0000000000000001E-3</v>
      </c>
      <c r="X4816" s="2">
        <v>86.5</v>
      </c>
      <c r="Y4816" s="2">
        <v>7.6</v>
      </c>
      <c r="Z4816" s="2">
        <v>10.6</v>
      </c>
      <c r="AA4816" s="5"/>
      <c r="AB4816" s="5" t="s">
        <v>43</v>
      </c>
      <c r="AC4816" s="5" t="s">
        <v>44</v>
      </c>
      <c r="AD4816" s="2"/>
      <c r="AE4816" s="1"/>
    </row>
    <row r="4817" spans="1:31" ht="14.45">
      <c r="A4817" s="11"/>
      <c r="B4817" s="20"/>
      <c r="C4817" s="2" t="s">
        <v>14913</v>
      </c>
      <c r="D4817" s="14" t="s">
        <v>14914</v>
      </c>
      <c r="E4817" s="2" t="s">
        <v>14915</v>
      </c>
      <c r="F4817" s="2" t="s">
        <v>14889</v>
      </c>
      <c r="G4817" s="8">
        <v>105</v>
      </c>
      <c r="H4817" s="5">
        <v>6</v>
      </c>
      <c r="I4817" s="5" t="s">
        <v>1518</v>
      </c>
      <c r="J4817" s="5" t="s">
        <v>1519</v>
      </c>
      <c r="K4817" s="2" t="s">
        <v>1520</v>
      </c>
      <c r="L4817" s="5" t="s">
        <v>1519</v>
      </c>
      <c r="M4817" s="2" t="s">
        <v>1520</v>
      </c>
      <c r="N4817" s="5" t="s">
        <v>1521</v>
      </c>
      <c r="O4817" s="5" t="s">
        <v>38</v>
      </c>
      <c r="P4817" s="5" t="s">
        <v>39</v>
      </c>
      <c r="Q4817" s="5" t="s">
        <v>40</v>
      </c>
      <c r="R4817" s="5" t="s">
        <v>1522</v>
      </c>
      <c r="S4817" s="5" t="s">
        <v>1523</v>
      </c>
      <c r="T4817" s="5" t="s">
        <v>42</v>
      </c>
      <c r="U4817" s="2">
        <v>1.2050000000000001</v>
      </c>
      <c r="V4817" s="2">
        <v>0.90200000000000002</v>
      </c>
      <c r="W4817" s="2">
        <v>7.0000000000000001E-3</v>
      </c>
      <c r="X4817" s="2">
        <v>86.5</v>
      </c>
      <c r="Y4817" s="2">
        <v>7.6</v>
      </c>
      <c r="Z4817" s="2">
        <v>10.6</v>
      </c>
      <c r="AA4817" s="5"/>
      <c r="AB4817" s="5" t="s">
        <v>43</v>
      </c>
      <c r="AC4817" s="5" t="s">
        <v>44</v>
      </c>
      <c r="AD4817" s="2"/>
      <c r="AE4817" s="1"/>
    </row>
    <row r="4818" spans="1:31" ht="14.45">
      <c r="A4818" s="11"/>
      <c r="B4818" s="20"/>
      <c r="C4818" s="2" t="s">
        <v>14916</v>
      </c>
      <c r="D4818" s="14" t="s">
        <v>14917</v>
      </c>
      <c r="E4818" s="2" t="s">
        <v>14918</v>
      </c>
      <c r="F4818" s="2" t="s">
        <v>14893</v>
      </c>
      <c r="G4818" s="8">
        <v>105</v>
      </c>
      <c r="H4818" s="5">
        <v>6</v>
      </c>
      <c r="I4818" s="5" t="s">
        <v>1518</v>
      </c>
      <c r="J4818" s="5" t="s">
        <v>1519</v>
      </c>
      <c r="K4818" s="2" t="s">
        <v>1520</v>
      </c>
      <c r="L4818" s="5" t="s">
        <v>1519</v>
      </c>
      <c r="M4818" s="2" t="s">
        <v>1520</v>
      </c>
      <c r="N4818" s="5" t="s">
        <v>1521</v>
      </c>
      <c r="O4818" s="5" t="s">
        <v>38</v>
      </c>
      <c r="P4818" s="5" t="s">
        <v>39</v>
      </c>
      <c r="Q4818" s="5" t="s">
        <v>40</v>
      </c>
      <c r="R4818" s="5" t="s">
        <v>1522</v>
      </c>
      <c r="S4818" s="5" t="s">
        <v>1523</v>
      </c>
      <c r="T4818" s="5" t="s">
        <v>42</v>
      </c>
      <c r="U4818" s="2">
        <v>1.1659999999999999</v>
      </c>
      <c r="V4818" s="2">
        <v>0.86299999999999999</v>
      </c>
      <c r="W4818" s="2">
        <v>7.0000000000000001E-3</v>
      </c>
      <c r="X4818" s="2">
        <v>86.5</v>
      </c>
      <c r="Y4818" s="2">
        <v>7.6</v>
      </c>
      <c r="Z4818" s="2">
        <v>10.6</v>
      </c>
      <c r="AA4818" s="5"/>
      <c r="AB4818" s="5" t="s">
        <v>43</v>
      </c>
      <c r="AC4818" s="5" t="s">
        <v>44</v>
      </c>
      <c r="AD4818" s="2"/>
      <c r="AE4818" s="1"/>
    </row>
    <row r="4819" spans="1:31" ht="14.45">
      <c r="A4819" s="11"/>
      <c r="B4819" s="20"/>
      <c r="C4819" s="2" t="s">
        <v>14919</v>
      </c>
      <c r="D4819" s="14" t="s">
        <v>14920</v>
      </c>
      <c r="E4819" s="2" t="s">
        <v>14921</v>
      </c>
      <c r="F4819" s="2" t="s">
        <v>14897</v>
      </c>
      <c r="G4819" s="8">
        <v>105</v>
      </c>
      <c r="H4819" s="5">
        <v>6</v>
      </c>
      <c r="I4819" s="5" t="s">
        <v>1518</v>
      </c>
      <c r="J4819" s="5" t="s">
        <v>1519</v>
      </c>
      <c r="K4819" s="2" t="s">
        <v>1520</v>
      </c>
      <c r="L4819" s="5" t="s">
        <v>1519</v>
      </c>
      <c r="M4819" s="2" t="s">
        <v>1520</v>
      </c>
      <c r="N4819" s="5" t="s">
        <v>1521</v>
      </c>
      <c r="O4819" s="5" t="s">
        <v>38</v>
      </c>
      <c r="P4819" s="5" t="s">
        <v>39</v>
      </c>
      <c r="Q4819" s="5" t="s">
        <v>40</v>
      </c>
      <c r="R4819" s="5" t="s">
        <v>1522</v>
      </c>
      <c r="S4819" s="5" t="s">
        <v>1523</v>
      </c>
      <c r="T4819" s="5" t="s">
        <v>42</v>
      </c>
      <c r="U4819" s="2">
        <v>1.1930000000000001</v>
      </c>
      <c r="V4819" s="2">
        <v>0.89</v>
      </c>
      <c r="W4819" s="2">
        <v>7.0000000000000001E-3</v>
      </c>
      <c r="X4819" s="2">
        <v>86.5</v>
      </c>
      <c r="Y4819" s="2">
        <v>7.6</v>
      </c>
      <c r="Z4819" s="2">
        <v>10.6</v>
      </c>
      <c r="AA4819" s="5"/>
      <c r="AB4819" s="5" t="s">
        <v>43</v>
      </c>
      <c r="AC4819" s="5" t="s">
        <v>44</v>
      </c>
      <c r="AD4819" s="2"/>
      <c r="AE4819" s="1"/>
    </row>
    <row r="4820" spans="1:31" ht="14.45">
      <c r="A4820" s="11"/>
      <c r="B4820" s="20"/>
      <c r="C4820" s="2" t="s">
        <v>14922</v>
      </c>
      <c r="D4820" s="14" t="s">
        <v>14923</v>
      </c>
      <c r="E4820" s="2" t="s">
        <v>14924</v>
      </c>
      <c r="F4820" s="2" t="s">
        <v>14869</v>
      </c>
      <c r="G4820" s="8">
        <v>117</v>
      </c>
      <c r="H4820" s="5">
        <v>6</v>
      </c>
      <c r="I4820" s="5" t="s">
        <v>1518</v>
      </c>
      <c r="J4820" s="5" t="s">
        <v>1519</v>
      </c>
      <c r="K4820" s="2" t="s">
        <v>1520</v>
      </c>
      <c r="L4820" s="5" t="s">
        <v>1519</v>
      </c>
      <c r="M4820" s="2" t="s">
        <v>1520</v>
      </c>
      <c r="N4820" s="5" t="s">
        <v>1521</v>
      </c>
      <c r="O4820" s="5" t="s">
        <v>38</v>
      </c>
      <c r="P4820" s="5" t="s">
        <v>39</v>
      </c>
      <c r="Q4820" s="5" t="s">
        <v>40</v>
      </c>
      <c r="R4820" s="5" t="s">
        <v>1522</v>
      </c>
      <c r="S4820" s="5" t="s">
        <v>1523</v>
      </c>
      <c r="T4820" s="5" t="s">
        <v>42</v>
      </c>
      <c r="U4820" s="2">
        <v>1.329</v>
      </c>
      <c r="V4820" s="2">
        <v>0.96399999999999997</v>
      </c>
      <c r="W4820" s="2">
        <v>8.9999999999999993E-3</v>
      </c>
      <c r="X4820" s="2">
        <v>106.5</v>
      </c>
      <c r="Y4820" s="2">
        <v>7.6</v>
      </c>
      <c r="Z4820" s="2">
        <v>10.6</v>
      </c>
      <c r="AA4820" s="5"/>
      <c r="AB4820" s="5" t="s">
        <v>43</v>
      </c>
      <c r="AC4820" s="5" t="s">
        <v>44</v>
      </c>
      <c r="AD4820" s="2"/>
      <c r="AE4820" s="1"/>
    </row>
    <row r="4821" spans="1:31" ht="14.45">
      <c r="A4821" s="11"/>
      <c r="B4821" s="20"/>
      <c r="C4821" s="2" t="s">
        <v>14925</v>
      </c>
      <c r="D4821" s="14" t="s">
        <v>14926</v>
      </c>
      <c r="E4821" s="2" t="s">
        <v>14927</v>
      </c>
      <c r="F4821" s="2" t="s">
        <v>14873</v>
      </c>
      <c r="G4821" s="8">
        <v>117</v>
      </c>
      <c r="H4821" s="5">
        <v>6</v>
      </c>
      <c r="I4821" s="5" t="s">
        <v>1518</v>
      </c>
      <c r="J4821" s="5" t="s">
        <v>1519</v>
      </c>
      <c r="K4821" s="2" t="s">
        <v>1520</v>
      </c>
      <c r="L4821" s="5" t="s">
        <v>1519</v>
      </c>
      <c r="M4821" s="2" t="s">
        <v>1520</v>
      </c>
      <c r="N4821" s="5" t="s">
        <v>1521</v>
      </c>
      <c r="O4821" s="5" t="s">
        <v>38</v>
      </c>
      <c r="P4821" s="5" t="s">
        <v>39</v>
      </c>
      <c r="Q4821" s="5" t="s">
        <v>40</v>
      </c>
      <c r="R4821" s="5" t="s">
        <v>1522</v>
      </c>
      <c r="S4821" s="5" t="s">
        <v>1523</v>
      </c>
      <c r="T4821" s="5" t="s">
        <v>42</v>
      </c>
      <c r="U4821" s="2">
        <v>1.361</v>
      </c>
      <c r="V4821" s="2">
        <v>0.996</v>
      </c>
      <c r="W4821" s="2">
        <v>8.9999999999999993E-3</v>
      </c>
      <c r="X4821" s="2">
        <v>106.5</v>
      </c>
      <c r="Y4821" s="2">
        <v>7.6</v>
      </c>
      <c r="Z4821" s="2">
        <v>10.6</v>
      </c>
      <c r="AA4821" s="5"/>
      <c r="AB4821" s="5" t="s">
        <v>43</v>
      </c>
      <c r="AC4821" s="5" t="s">
        <v>44</v>
      </c>
      <c r="AD4821" s="2"/>
      <c r="AE4821" s="1"/>
    </row>
    <row r="4822" spans="1:31" ht="14.45">
      <c r="A4822" s="11"/>
      <c r="B4822" s="20"/>
      <c r="C4822" s="2" t="s">
        <v>14928</v>
      </c>
      <c r="D4822" s="14" t="s">
        <v>14929</v>
      </c>
      <c r="E4822" s="2" t="s">
        <v>14930</v>
      </c>
      <c r="F4822" s="2" t="s">
        <v>14877</v>
      </c>
      <c r="G4822" s="8">
        <v>117</v>
      </c>
      <c r="H4822" s="5">
        <v>6</v>
      </c>
      <c r="I4822" s="5" t="s">
        <v>1518</v>
      </c>
      <c r="J4822" s="5" t="s">
        <v>1519</v>
      </c>
      <c r="K4822" s="2" t="s">
        <v>1520</v>
      </c>
      <c r="L4822" s="5" t="s">
        <v>1519</v>
      </c>
      <c r="M4822" s="2" t="s">
        <v>1520</v>
      </c>
      <c r="N4822" s="5" t="s">
        <v>1521</v>
      </c>
      <c r="O4822" s="5" t="s">
        <v>38</v>
      </c>
      <c r="P4822" s="5" t="s">
        <v>39</v>
      </c>
      <c r="Q4822" s="5" t="s">
        <v>40</v>
      </c>
      <c r="R4822" s="5" t="s">
        <v>1522</v>
      </c>
      <c r="S4822" s="5" t="s">
        <v>1523</v>
      </c>
      <c r="T4822" s="5" t="s">
        <v>42</v>
      </c>
      <c r="U4822" s="2">
        <v>1.345</v>
      </c>
      <c r="V4822" s="2">
        <v>0.98</v>
      </c>
      <c r="W4822" s="2">
        <v>8.9999999999999993E-3</v>
      </c>
      <c r="X4822" s="2">
        <v>106.5</v>
      </c>
      <c r="Y4822" s="2">
        <v>7.6</v>
      </c>
      <c r="Z4822" s="2">
        <v>10.6</v>
      </c>
      <c r="AA4822" s="5"/>
      <c r="AB4822" s="5" t="s">
        <v>43</v>
      </c>
      <c r="AC4822" s="5" t="s">
        <v>44</v>
      </c>
      <c r="AD4822" s="2"/>
      <c r="AE4822" s="1"/>
    </row>
    <row r="4823" spans="1:31" ht="14.45">
      <c r="A4823" s="11"/>
      <c r="B4823" s="20"/>
      <c r="C4823" s="2" t="s">
        <v>14931</v>
      </c>
      <c r="D4823" s="14" t="s">
        <v>14932</v>
      </c>
      <c r="E4823" s="2" t="s">
        <v>14933</v>
      </c>
      <c r="F4823" s="2" t="s">
        <v>14881</v>
      </c>
      <c r="G4823" s="8">
        <v>117</v>
      </c>
      <c r="H4823" s="5">
        <v>6</v>
      </c>
      <c r="I4823" s="5" t="s">
        <v>1518</v>
      </c>
      <c r="J4823" s="5" t="s">
        <v>1519</v>
      </c>
      <c r="K4823" s="2" t="s">
        <v>1520</v>
      </c>
      <c r="L4823" s="5" t="s">
        <v>1519</v>
      </c>
      <c r="M4823" s="2" t="s">
        <v>1520</v>
      </c>
      <c r="N4823" s="5" t="s">
        <v>1521</v>
      </c>
      <c r="O4823" s="5" t="s">
        <v>38</v>
      </c>
      <c r="P4823" s="5" t="s">
        <v>39</v>
      </c>
      <c r="Q4823" s="5" t="s">
        <v>40</v>
      </c>
      <c r="R4823" s="5" t="s">
        <v>1522</v>
      </c>
      <c r="S4823" s="5" t="s">
        <v>1523</v>
      </c>
      <c r="T4823" s="5" t="s">
        <v>42</v>
      </c>
      <c r="U4823" s="2">
        <v>1.377</v>
      </c>
      <c r="V4823" s="2">
        <v>1.012</v>
      </c>
      <c r="W4823" s="2">
        <v>8.9999999999999993E-3</v>
      </c>
      <c r="X4823" s="2">
        <v>106.5</v>
      </c>
      <c r="Y4823" s="2">
        <v>7.6</v>
      </c>
      <c r="Z4823" s="2">
        <v>10.6</v>
      </c>
      <c r="AA4823" s="5"/>
      <c r="AB4823" s="5" t="s">
        <v>43</v>
      </c>
      <c r="AC4823" s="5" t="s">
        <v>44</v>
      </c>
      <c r="AD4823" s="2"/>
      <c r="AE4823" s="1"/>
    </row>
    <row r="4824" spans="1:31" ht="14.45">
      <c r="A4824" s="11"/>
      <c r="B4824" s="20"/>
      <c r="C4824" s="2" t="s">
        <v>14934</v>
      </c>
      <c r="D4824" s="14" t="s">
        <v>14935</v>
      </c>
      <c r="E4824" s="2" t="s">
        <v>14936</v>
      </c>
      <c r="F4824" s="2" t="s">
        <v>14885</v>
      </c>
      <c r="G4824" s="8">
        <v>117</v>
      </c>
      <c r="H4824" s="5">
        <v>6</v>
      </c>
      <c r="I4824" s="5" t="s">
        <v>1518</v>
      </c>
      <c r="J4824" s="5" t="s">
        <v>1519</v>
      </c>
      <c r="K4824" s="2" t="s">
        <v>1520</v>
      </c>
      <c r="L4824" s="5" t="s">
        <v>1519</v>
      </c>
      <c r="M4824" s="2" t="s">
        <v>1520</v>
      </c>
      <c r="N4824" s="5" t="s">
        <v>1521</v>
      </c>
      <c r="O4824" s="5" t="s">
        <v>38</v>
      </c>
      <c r="P4824" s="5" t="s">
        <v>39</v>
      </c>
      <c r="Q4824" s="5" t="s">
        <v>40</v>
      </c>
      <c r="R4824" s="5" t="s">
        <v>1522</v>
      </c>
      <c r="S4824" s="5" t="s">
        <v>1523</v>
      </c>
      <c r="T4824" s="5" t="s">
        <v>42</v>
      </c>
      <c r="U4824" s="2">
        <v>1.345</v>
      </c>
      <c r="V4824" s="2">
        <v>0.98</v>
      </c>
      <c r="W4824" s="2">
        <v>8.9999999999999993E-3</v>
      </c>
      <c r="X4824" s="2">
        <v>106.5</v>
      </c>
      <c r="Y4824" s="2">
        <v>7.6</v>
      </c>
      <c r="Z4824" s="2">
        <v>10.6</v>
      </c>
      <c r="AA4824" s="5"/>
      <c r="AB4824" s="5" t="s">
        <v>43</v>
      </c>
      <c r="AC4824" s="5" t="s">
        <v>44</v>
      </c>
      <c r="AD4824" s="2"/>
      <c r="AE4824" s="1"/>
    </row>
    <row r="4825" spans="1:31" ht="14.45">
      <c r="A4825" s="11"/>
      <c r="B4825" s="20"/>
      <c r="C4825" s="2" t="s">
        <v>14937</v>
      </c>
      <c r="D4825" s="14" t="s">
        <v>14938</v>
      </c>
      <c r="E4825" s="2" t="s">
        <v>14939</v>
      </c>
      <c r="F4825" s="2" t="s">
        <v>14889</v>
      </c>
      <c r="G4825" s="8">
        <v>117</v>
      </c>
      <c r="H4825" s="5">
        <v>6</v>
      </c>
      <c r="I4825" s="5" t="s">
        <v>1518</v>
      </c>
      <c r="J4825" s="5" t="s">
        <v>1519</v>
      </c>
      <c r="K4825" s="2" t="s">
        <v>1520</v>
      </c>
      <c r="L4825" s="5" t="s">
        <v>1519</v>
      </c>
      <c r="M4825" s="2" t="s">
        <v>1520</v>
      </c>
      <c r="N4825" s="5" t="s">
        <v>1521</v>
      </c>
      <c r="O4825" s="5" t="s">
        <v>38</v>
      </c>
      <c r="P4825" s="5" t="s">
        <v>39</v>
      </c>
      <c r="Q4825" s="5" t="s">
        <v>40</v>
      </c>
      <c r="R4825" s="5" t="s">
        <v>1522</v>
      </c>
      <c r="S4825" s="5" t="s">
        <v>1523</v>
      </c>
      <c r="T4825" s="5" t="s">
        <v>42</v>
      </c>
      <c r="U4825" s="2">
        <v>1.377</v>
      </c>
      <c r="V4825" s="2">
        <v>1.012</v>
      </c>
      <c r="W4825" s="2">
        <v>8.9999999999999993E-3</v>
      </c>
      <c r="X4825" s="2">
        <v>106.5</v>
      </c>
      <c r="Y4825" s="2">
        <v>7.6</v>
      </c>
      <c r="Z4825" s="2">
        <v>10.6</v>
      </c>
      <c r="AA4825" s="5"/>
      <c r="AB4825" s="5" t="s">
        <v>43</v>
      </c>
      <c r="AC4825" s="5" t="s">
        <v>44</v>
      </c>
      <c r="AD4825" s="2"/>
      <c r="AE4825" s="1"/>
    </row>
    <row r="4826" spans="1:31" ht="14.45">
      <c r="A4826" s="11"/>
      <c r="B4826" s="20"/>
      <c r="C4826" s="2" t="s">
        <v>14940</v>
      </c>
      <c r="D4826" s="14" t="s">
        <v>14941</v>
      </c>
      <c r="E4826" s="2" t="s">
        <v>14942</v>
      </c>
      <c r="F4826" s="2" t="s">
        <v>14893</v>
      </c>
      <c r="G4826" s="8">
        <v>117</v>
      </c>
      <c r="H4826" s="5">
        <v>6</v>
      </c>
      <c r="I4826" s="5" t="s">
        <v>1518</v>
      </c>
      <c r="J4826" s="5" t="s">
        <v>1519</v>
      </c>
      <c r="K4826" s="2" t="s">
        <v>1520</v>
      </c>
      <c r="L4826" s="5" t="s">
        <v>1519</v>
      </c>
      <c r="M4826" s="2" t="s">
        <v>1520</v>
      </c>
      <c r="N4826" s="5" t="s">
        <v>1521</v>
      </c>
      <c r="O4826" s="5" t="s">
        <v>38</v>
      </c>
      <c r="P4826" s="5" t="s">
        <v>39</v>
      </c>
      <c r="Q4826" s="5" t="s">
        <v>40</v>
      </c>
      <c r="R4826" s="5" t="s">
        <v>1522</v>
      </c>
      <c r="S4826" s="5" t="s">
        <v>1523</v>
      </c>
      <c r="T4826" s="5" t="s">
        <v>42</v>
      </c>
      <c r="U4826" s="2">
        <v>1.329</v>
      </c>
      <c r="V4826" s="2">
        <v>0.96399999999999997</v>
      </c>
      <c r="W4826" s="2">
        <v>8.9999999999999993E-3</v>
      </c>
      <c r="X4826" s="2">
        <v>106.5</v>
      </c>
      <c r="Y4826" s="2">
        <v>7.6</v>
      </c>
      <c r="Z4826" s="2">
        <v>10.6</v>
      </c>
      <c r="AA4826" s="5"/>
      <c r="AB4826" s="5" t="s">
        <v>43</v>
      </c>
      <c r="AC4826" s="5" t="s">
        <v>44</v>
      </c>
      <c r="AD4826" s="2"/>
      <c r="AE4826" s="1"/>
    </row>
    <row r="4827" spans="1:31" ht="14.45">
      <c r="A4827" s="11"/>
      <c r="B4827" s="20"/>
      <c r="C4827" s="2" t="s">
        <v>14943</v>
      </c>
      <c r="D4827" s="14" t="s">
        <v>14944</v>
      </c>
      <c r="E4827" s="2" t="s">
        <v>14945</v>
      </c>
      <c r="F4827" s="2" t="s">
        <v>14897</v>
      </c>
      <c r="G4827" s="8">
        <v>117</v>
      </c>
      <c r="H4827" s="5">
        <v>6</v>
      </c>
      <c r="I4827" s="5" t="s">
        <v>1518</v>
      </c>
      <c r="J4827" s="5" t="s">
        <v>1519</v>
      </c>
      <c r="K4827" s="2" t="s">
        <v>1520</v>
      </c>
      <c r="L4827" s="5" t="s">
        <v>1519</v>
      </c>
      <c r="M4827" s="2" t="s">
        <v>1520</v>
      </c>
      <c r="N4827" s="5" t="s">
        <v>1521</v>
      </c>
      <c r="O4827" s="5" t="s">
        <v>38</v>
      </c>
      <c r="P4827" s="5" t="s">
        <v>39</v>
      </c>
      <c r="Q4827" s="5" t="s">
        <v>40</v>
      </c>
      <c r="R4827" s="5" t="s">
        <v>1522</v>
      </c>
      <c r="S4827" s="5" t="s">
        <v>1523</v>
      </c>
      <c r="T4827" s="5" t="s">
        <v>42</v>
      </c>
      <c r="U4827" s="2">
        <v>1.361</v>
      </c>
      <c r="V4827" s="2">
        <v>0.996</v>
      </c>
      <c r="W4827" s="2">
        <v>8.9999999999999993E-3</v>
      </c>
      <c r="X4827" s="2">
        <v>106.5</v>
      </c>
      <c r="Y4827" s="2">
        <v>7.6</v>
      </c>
      <c r="Z4827" s="2">
        <v>10.6</v>
      </c>
      <c r="AA4827" s="5"/>
      <c r="AB4827" s="5" t="s">
        <v>43</v>
      </c>
      <c r="AC4827" s="5" t="s">
        <v>44</v>
      </c>
      <c r="AD4827" s="2"/>
      <c r="AE4827" s="1"/>
    </row>
    <row r="4828" spans="1:31" ht="14.45">
      <c r="A4828" s="11"/>
      <c r="B4828" s="20"/>
      <c r="C4828" s="2" t="s">
        <v>14946</v>
      </c>
      <c r="D4828" s="14" t="s">
        <v>14947</v>
      </c>
      <c r="E4828" s="2" t="s">
        <v>14948</v>
      </c>
      <c r="F4828" s="2" t="s">
        <v>14869</v>
      </c>
      <c r="G4828" s="8">
        <v>92</v>
      </c>
      <c r="H4828" s="5">
        <v>6</v>
      </c>
      <c r="I4828" s="5" t="s">
        <v>1518</v>
      </c>
      <c r="J4828" s="5" t="s">
        <v>1519</v>
      </c>
      <c r="K4828" s="2" t="s">
        <v>1520</v>
      </c>
      <c r="L4828" s="5" t="s">
        <v>1519</v>
      </c>
      <c r="M4828" s="2" t="s">
        <v>1520</v>
      </c>
      <c r="N4828" s="5" t="s">
        <v>1521</v>
      </c>
      <c r="O4828" s="5" t="s">
        <v>38</v>
      </c>
      <c r="P4828" s="5" t="s">
        <v>39</v>
      </c>
      <c r="Q4828" s="5" t="s">
        <v>40</v>
      </c>
      <c r="R4828" s="5" t="s">
        <v>1522</v>
      </c>
      <c r="S4828" s="5" t="s">
        <v>1523</v>
      </c>
      <c r="T4828" s="5" t="s">
        <v>42</v>
      </c>
      <c r="U4828" s="2">
        <v>1.091</v>
      </c>
      <c r="V4828" s="2">
        <v>0.78800000000000003</v>
      </c>
      <c r="W4828" s="2">
        <v>7.0000000000000001E-3</v>
      </c>
      <c r="X4828" s="2">
        <v>86.5</v>
      </c>
      <c r="Y4828" s="2">
        <v>7.6</v>
      </c>
      <c r="Z4828" s="2">
        <v>10.6</v>
      </c>
      <c r="AA4828" s="5"/>
      <c r="AB4828" s="5" t="s">
        <v>43</v>
      </c>
      <c r="AC4828" s="5" t="s">
        <v>44</v>
      </c>
      <c r="AD4828" s="2"/>
      <c r="AE4828" s="1"/>
    </row>
    <row r="4829" spans="1:31" ht="14.45">
      <c r="A4829" s="11"/>
      <c r="B4829" s="20"/>
      <c r="C4829" s="2" t="s">
        <v>14949</v>
      </c>
      <c r="D4829" s="14" t="s">
        <v>14950</v>
      </c>
      <c r="E4829" s="2" t="s">
        <v>14951</v>
      </c>
      <c r="F4829" s="2" t="s">
        <v>14873</v>
      </c>
      <c r="G4829" s="8">
        <v>92</v>
      </c>
      <c r="H4829" s="5">
        <v>6</v>
      </c>
      <c r="I4829" s="5" t="s">
        <v>1518</v>
      </c>
      <c r="J4829" s="5" t="s">
        <v>1519</v>
      </c>
      <c r="K4829" s="2" t="s">
        <v>1520</v>
      </c>
      <c r="L4829" s="5" t="s">
        <v>1519</v>
      </c>
      <c r="M4829" s="2" t="s">
        <v>1520</v>
      </c>
      <c r="N4829" s="5" t="s">
        <v>1521</v>
      </c>
      <c r="O4829" s="5" t="s">
        <v>38</v>
      </c>
      <c r="P4829" s="5" t="s">
        <v>39</v>
      </c>
      <c r="Q4829" s="5" t="s">
        <v>40</v>
      </c>
      <c r="R4829" s="5" t="s">
        <v>1522</v>
      </c>
      <c r="S4829" s="5" t="s">
        <v>1523</v>
      </c>
      <c r="T4829" s="5" t="s">
        <v>42</v>
      </c>
      <c r="U4829" s="2">
        <v>1.115</v>
      </c>
      <c r="V4829" s="2">
        <v>0.81200000000000006</v>
      </c>
      <c r="W4829" s="2">
        <v>7.0000000000000001E-3</v>
      </c>
      <c r="X4829" s="2">
        <v>86.5</v>
      </c>
      <c r="Y4829" s="2">
        <v>7.6</v>
      </c>
      <c r="Z4829" s="2">
        <v>10.6</v>
      </c>
      <c r="AA4829" s="5"/>
      <c r="AB4829" s="5" t="s">
        <v>43</v>
      </c>
      <c r="AC4829" s="5" t="s">
        <v>44</v>
      </c>
      <c r="AD4829" s="2"/>
      <c r="AE4829" s="1"/>
    </row>
    <row r="4830" spans="1:31" ht="14.45">
      <c r="A4830" s="11"/>
      <c r="B4830" s="20"/>
      <c r="C4830" s="2" t="s">
        <v>14952</v>
      </c>
      <c r="D4830" s="14" t="s">
        <v>14953</v>
      </c>
      <c r="E4830" s="2" t="s">
        <v>14954</v>
      </c>
      <c r="F4830" s="2" t="s">
        <v>14877</v>
      </c>
      <c r="G4830" s="8">
        <v>92</v>
      </c>
      <c r="H4830" s="5">
        <v>6</v>
      </c>
      <c r="I4830" s="5" t="s">
        <v>1518</v>
      </c>
      <c r="J4830" s="5" t="s">
        <v>1519</v>
      </c>
      <c r="K4830" s="2" t="s">
        <v>1520</v>
      </c>
      <c r="L4830" s="5" t="s">
        <v>1519</v>
      </c>
      <c r="M4830" s="2" t="s">
        <v>1520</v>
      </c>
      <c r="N4830" s="5" t="s">
        <v>1521</v>
      </c>
      <c r="O4830" s="5" t="s">
        <v>38</v>
      </c>
      <c r="P4830" s="5" t="s">
        <v>39</v>
      </c>
      <c r="Q4830" s="5" t="s">
        <v>40</v>
      </c>
      <c r="R4830" s="5" t="s">
        <v>1522</v>
      </c>
      <c r="S4830" s="5" t="s">
        <v>1523</v>
      </c>
      <c r="T4830" s="5" t="s">
        <v>42</v>
      </c>
      <c r="U4830" s="2">
        <v>1.1020000000000001</v>
      </c>
      <c r="V4830" s="2">
        <v>0.79900000000000004</v>
      </c>
      <c r="W4830" s="2">
        <v>7.0000000000000001E-3</v>
      </c>
      <c r="X4830" s="2">
        <v>86.5</v>
      </c>
      <c r="Y4830" s="2">
        <v>7.6</v>
      </c>
      <c r="Z4830" s="2">
        <v>10.6</v>
      </c>
      <c r="AA4830" s="5"/>
      <c r="AB4830" s="5" t="s">
        <v>43</v>
      </c>
      <c r="AC4830" s="5" t="s">
        <v>44</v>
      </c>
      <c r="AD4830" s="2"/>
      <c r="AE4830" s="1"/>
    </row>
    <row r="4831" spans="1:31" ht="14.45">
      <c r="A4831" s="11"/>
      <c r="B4831" s="20"/>
      <c r="C4831" s="2" t="s">
        <v>14955</v>
      </c>
      <c r="D4831" s="14" t="s">
        <v>14956</v>
      </c>
      <c r="E4831" s="2" t="s">
        <v>14957</v>
      </c>
      <c r="F4831" s="2" t="s">
        <v>14881</v>
      </c>
      <c r="G4831" s="8">
        <v>92</v>
      </c>
      <c r="H4831" s="5">
        <v>6</v>
      </c>
      <c r="I4831" s="5" t="s">
        <v>1518</v>
      </c>
      <c r="J4831" s="5" t="s">
        <v>1519</v>
      </c>
      <c r="K4831" s="2" t="s">
        <v>1520</v>
      </c>
      <c r="L4831" s="5" t="s">
        <v>1519</v>
      </c>
      <c r="M4831" s="2" t="s">
        <v>1520</v>
      </c>
      <c r="N4831" s="5" t="s">
        <v>1521</v>
      </c>
      <c r="O4831" s="5" t="s">
        <v>38</v>
      </c>
      <c r="P4831" s="5" t="s">
        <v>39</v>
      </c>
      <c r="Q4831" s="5" t="s">
        <v>40</v>
      </c>
      <c r="R4831" s="5" t="s">
        <v>1522</v>
      </c>
      <c r="S4831" s="5" t="s">
        <v>1523</v>
      </c>
      <c r="T4831" s="5" t="s">
        <v>42</v>
      </c>
      <c r="U4831" s="2">
        <v>1.1259999999999999</v>
      </c>
      <c r="V4831" s="2">
        <v>0.82299999999999995</v>
      </c>
      <c r="W4831" s="2">
        <v>7.0000000000000001E-3</v>
      </c>
      <c r="X4831" s="2">
        <v>86.5</v>
      </c>
      <c r="Y4831" s="2">
        <v>7.6</v>
      </c>
      <c r="Z4831" s="2">
        <v>10.6</v>
      </c>
      <c r="AA4831" s="5"/>
      <c r="AB4831" s="5" t="s">
        <v>43</v>
      </c>
      <c r="AC4831" s="5" t="s">
        <v>44</v>
      </c>
      <c r="AD4831" s="2"/>
      <c r="AE4831" s="1"/>
    </row>
    <row r="4832" spans="1:31" ht="14.45">
      <c r="A4832" s="11"/>
      <c r="B4832" s="20"/>
      <c r="C4832" s="2" t="s">
        <v>14958</v>
      </c>
      <c r="D4832" s="14" t="s">
        <v>14959</v>
      </c>
      <c r="E4832" s="2" t="s">
        <v>14960</v>
      </c>
      <c r="F4832" s="2" t="s">
        <v>14885</v>
      </c>
      <c r="G4832" s="8">
        <v>92</v>
      </c>
      <c r="H4832" s="5">
        <v>6</v>
      </c>
      <c r="I4832" s="5" t="s">
        <v>1518</v>
      </c>
      <c r="J4832" s="5" t="s">
        <v>1519</v>
      </c>
      <c r="K4832" s="2" t="s">
        <v>1520</v>
      </c>
      <c r="L4832" s="5" t="s">
        <v>1519</v>
      </c>
      <c r="M4832" s="2" t="s">
        <v>1520</v>
      </c>
      <c r="N4832" s="5" t="s">
        <v>1521</v>
      </c>
      <c r="O4832" s="5" t="s">
        <v>38</v>
      </c>
      <c r="P4832" s="5" t="s">
        <v>39</v>
      </c>
      <c r="Q4832" s="5" t="s">
        <v>40</v>
      </c>
      <c r="R4832" s="5" t="s">
        <v>1522</v>
      </c>
      <c r="S4832" s="5" t="s">
        <v>1523</v>
      </c>
      <c r="T4832" s="5" t="s">
        <v>42</v>
      </c>
      <c r="U4832" s="2">
        <v>1.1020000000000001</v>
      </c>
      <c r="V4832" s="2">
        <v>0.79900000000000004</v>
      </c>
      <c r="W4832" s="2">
        <v>7.0000000000000001E-3</v>
      </c>
      <c r="X4832" s="2">
        <v>86.5</v>
      </c>
      <c r="Y4832" s="2">
        <v>7.6</v>
      </c>
      <c r="Z4832" s="2">
        <v>10.6</v>
      </c>
      <c r="AA4832" s="5"/>
      <c r="AB4832" s="5" t="s">
        <v>43</v>
      </c>
      <c r="AC4832" s="5" t="s">
        <v>44</v>
      </c>
      <c r="AD4832" s="2"/>
      <c r="AE4832" s="1"/>
    </row>
    <row r="4833" spans="1:31" ht="14.45">
      <c r="A4833" s="11"/>
      <c r="B4833" s="20"/>
      <c r="C4833" s="2" t="s">
        <v>14961</v>
      </c>
      <c r="D4833" s="14" t="s">
        <v>14962</v>
      </c>
      <c r="E4833" s="2" t="s">
        <v>14963</v>
      </c>
      <c r="F4833" s="2" t="s">
        <v>14889</v>
      </c>
      <c r="G4833" s="8">
        <v>92</v>
      </c>
      <c r="H4833" s="5">
        <v>6</v>
      </c>
      <c r="I4833" s="5" t="s">
        <v>1518</v>
      </c>
      <c r="J4833" s="5" t="s">
        <v>1519</v>
      </c>
      <c r="K4833" s="2" t="s">
        <v>1520</v>
      </c>
      <c r="L4833" s="5" t="s">
        <v>1519</v>
      </c>
      <c r="M4833" s="2" t="s">
        <v>1520</v>
      </c>
      <c r="N4833" s="5" t="s">
        <v>1521</v>
      </c>
      <c r="O4833" s="5" t="s">
        <v>38</v>
      </c>
      <c r="P4833" s="5" t="s">
        <v>39</v>
      </c>
      <c r="Q4833" s="5" t="s">
        <v>40</v>
      </c>
      <c r="R4833" s="5" t="s">
        <v>1522</v>
      </c>
      <c r="S4833" s="5" t="s">
        <v>1523</v>
      </c>
      <c r="T4833" s="5" t="s">
        <v>42</v>
      </c>
      <c r="U4833" s="2">
        <v>1.1259999999999999</v>
      </c>
      <c r="V4833" s="2">
        <v>0.82299999999999995</v>
      </c>
      <c r="W4833" s="2">
        <v>7.0000000000000001E-3</v>
      </c>
      <c r="X4833" s="2">
        <v>86.5</v>
      </c>
      <c r="Y4833" s="2">
        <v>7.6</v>
      </c>
      <c r="Z4833" s="2">
        <v>10.6</v>
      </c>
      <c r="AA4833" s="5"/>
      <c r="AB4833" s="5" t="s">
        <v>43</v>
      </c>
      <c r="AC4833" s="5" t="s">
        <v>44</v>
      </c>
      <c r="AD4833" s="2"/>
      <c r="AE4833" s="1"/>
    </row>
    <row r="4834" spans="1:31" ht="14.45">
      <c r="A4834" s="11"/>
      <c r="B4834" s="20"/>
      <c r="C4834" s="2" t="s">
        <v>14964</v>
      </c>
      <c r="D4834" s="14" t="s">
        <v>14965</v>
      </c>
      <c r="E4834" s="2" t="s">
        <v>14966</v>
      </c>
      <c r="F4834" s="2" t="s">
        <v>14893</v>
      </c>
      <c r="G4834" s="8">
        <v>92</v>
      </c>
      <c r="H4834" s="5">
        <v>6</v>
      </c>
      <c r="I4834" s="5" t="s">
        <v>1518</v>
      </c>
      <c r="J4834" s="5" t="s">
        <v>1519</v>
      </c>
      <c r="K4834" s="2" t="s">
        <v>1520</v>
      </c>
      <c r="L4834" s="5" t="s">
        <v>1519</v>
      </c>
      <c r="M4834" s="2" t="s">
        <v>1520</v>
      </c>
      <c r="N4834" s="5" t="s">
        <v>1521</v>
      </c>
      <c r="O4834" s="5" t="s">
        <v>38</v>
      </c>
      <c r="P4834" s="5" t="s">
        <v>39</v>
      </c>
      <c r="Q4834" s="5" t="s">
        <v>40</v>
      </c>
      <c r="R4834" s="5" t="s">
        <v>1522</v>
      </c>
      <c r="S4834" s="5" t="s">
        <v>1523</v>
      </c>
      <c r="T4834" s="5" t="s">
        <v>42</v>
      </c>
      <c r="U4834" s="2">
        <v>1.091</v>
      </c>
      <c r="V4834" s="2">
        <v>0.78800000000000003</v>
      </c>
      <c r="W4834" s="2">
        <v>7.0000000000000001E-3</v>
      </c>
      <c r="X4834" s="2">
        <v>86.5</v>
      </c>
      <c r="Y4834" s="2">
        <v>7.6</v>
      </c>
      <c r="Z4834" s="2">
        <v>10.6</v>
      </c>
      <c r="AA4834" s="5"/>
      <c r="AB4834" s="5" t="s">
        <v>43</v>
      </c>
      <c r="AC4834" s="5" t="s">
        <v>44</v>
      </c>
      <c r="AD4834" s="2"/>
      <c r="AE4834" s="1"/>
    </row>
    <row r="4835" spans="1:31" ht="14.45">
      <c r="A4835" s="11"/>
      <c r="B4835" s="20"/>
      <c r="C4835" s="2" t="s">
        <v>14967</v>
      </c>
      <c r="D4835" s="14" t="s">
        <v>14968</v>
      </c>
      <c r="E4835" s="2" t="s">
        <v>14969</v>
      </c>
      <c r="F4835" s="2" t="s">
        <v>14897</v>
      </c>
      <c r="G4835" s="8">
        <v>92</v>
      </c>
      <c r="H4835" s="5">
        <v>6</v>
      </c>
      <c r="I4835" s="5" t="s">
        <v>1518</v>
      </c>
      <c r="J4835" s="5" t="s">
        <v>1519</v>
      </c>
      <c r="K4835" s="2" t="s">
        <v>1520</v>
      </c>
      <c r="L4835" s="5" t="s">
        <v>1519</v>
      </c>
      <c r="M4835" s="2" t="s">
        <v>1520</v>
      </c>
      <c r="N4835" s="5" t="s">
        <v>1521</v>
      </c>
      <c r="O4835" s="5" t="s">
        <v>38</v>
      </c>
      <c r="P4835" s="5" t="s">
        <v>39</v>
      </c>
      <c r="Q4835" s="5" t="s">
        <v>40</v>
      </c>
      <c r="R4835" s="5" t="s">
        <v>1522</v>
      </c>
      <c r="S4835" s="5" t="s">
        <v>1523</v>
      </c>
      <c r="T4835" s="5" t="s">
        <v>42</v>
      </c>
      <c r="U4835" s="2">
        <v>1.115</v>
      </c>
      <c r="V4835" s="2">
        <v>0.81200000000000006</v>
      </c>
      <c r="W4835" s="2">
        <v>7.0000000000000001E-3</v>
      </c>
      <c r="X4835" s="2">
        <v>86.5</v>
      </c>
      <c r="Y4835" s="2">
        <v>7.6</v>
      </c>
      <c r="Z4835" s="2">
        <v>10.6</v>
      </c>
      <c r="AA4835" s="5"/>
      <c r="AB4835" s="5" t="s">
        <v>43</v>
      </c>
      <c r="AC4835" s="5" t="s">
        <v>44</v>
      </c>
      <c r="AD4835" s="2"/>
      <c r="AE4835" s="1"/>
    </row>
    <row r="4836" spans="1:31" ht="14.45">
      <c r="A4836" s="11"/>
      <c r="B4836" s="20"/>
      <c r="C4836" s="2" t="s">
        <v>14970</v>
      </c>
      <c r="D4836" s="14" t="s">
        <v>14971</v>
      </c>
      <c r="E4836" s="2" t="s">
        <v>14972</v>
      </c>
      <c r="F4836" s="2" t="s">
        <v>14869</v>
      </c>
      <c r="G4836" s="8">
        <v>105</v>
      </c>
      <c r="H4836" s="5">
        <v>6</v>
      </c>
      <c r="I4836" s="5" t="s">
        <v>1518</v>
      </c>
      <c r="J4836" s="5" t="s">
        <v>1519</v>
      </c>
      <c r="K4836" s="2" t="s">
        <v>1520</v>
      </c>
      <c r="L4836" s="5" t="s">
        <v>1519</v>
      </c>
      <c r="M4836" s="2" t="s">
        <v>1520</v>
      </c>
      <c r="N4836" s="5" t="s">
        <v>1521</v>
      </c>
      <c r="O4836" s="5" t="s">
        <v>38</v>
      </c>
      <c r="P4836" s="5" t="s">
        <v>39</v>
      </c>
      <c r="Q4836" s="5" t="s">
        <v>40</v>
      </c>
      <c r="R4836" s="5" t="s">
        <v>1522</v>
      </c>
      <c r="S4836" s="5" t="s">
        <v>1523</v>
      </c>
      <c r="T4836" s="5" t="s">
        <v>42</v>
      </c>
      <c r="U4836" s="2">
        <v>1.1930000000000001</v>
      </c>
      <c r="V4836" s="2">
        <v>0.89</v>
      </c>
      <c r="W4836" s="2">
        <v>7.0000000000000001E-3</v>
      </c>
      <c r="X4836" s="2">
        <v>86.5</v>
      </c>
      <c r="Y4836" s="2">
        <v>7.6</v>
      </c>
      <c r="Z4836" s="2">
        <v>10.6</v>
      </c>
      <c r="AA4836" s="5"/>
      <c r="AB4836" s="5" t="s">
        <v>43</v>
      </c>
      <c r="AC4836" s="5" t="s">
        <v>44</v>
      </c>
      <c r="AD4836" s="2"/>
      <c r="AE4836" s="1"/>
    </row>
    <row r="4837" spans="1:31" ht="14.45">
      <c r="A4837" s="11"/>
      <c r="B4837" s="20"/>
      <c r="C4837" s="2" t="s">
        <v>14973</v>
      </c>
      <c r="D4837" s="14" t="s">
        <v>14974</v>
      </c>
      <c r="E4837" s="2" t="s">
        <v>14975</v>
      </c>
      <c r="F4837" s="2" t="s">
        <v>14873</v>
      </c>
      <c r="G4837" s="8">
        <v>105</v>
      </c>
      <c r="H4837" s="5">
        <v>6</v>
      </c>
      <c r="I4837" s="5" t="s">
        <v>1518</v>
      </c>
      <c r="J4837" s="5" t="s">
        <v>1519</v>
      </c>
      <c r="K4837" s="2" t="s">
        <v>1520</v>
      </c>
      <c r="L4837" s="5" t="s">
        <v>1519</v>
      </c>
      <c r="M4837" s="2" t="s">
        <v>1520</v>
      </c>
      <c r="N4837" s="5" t="s">
        <v>1521</v>
      </c>
      <c r="O4837" s="5" t="s">
        <v>38</v>
      </c>
      <c r="P4837" s="5" t="s">
        <v>39</v>
      </c>
      <c r="Q4837" s="5" t="s">
        <v>40</v>
      </c>
      <c r="R4837" s="5" t="s">
        <v>1522</v>
      </c>
      <c r="S4837" s="5" t="s">
        <v>1523</v>
      </c>
      <c r="T4837" s="5" t="s">
        <v>42</v>
      </c>
      <c r="U4837" s="2">
        <v>1.222</v>
      </c>
      <c r="V4837" s="2">
        <v>0.91900000000000004</v>
      </c>
      <c r="W4837" s="2">
        <v>7.0000000000000001E-3</v>
      </c>
      <c r="X4837" s="2">
        <v>86.5</v>
      </c>
      <c r="Y4837" s="2">
        <v>7.6</v>
      </c>
      <c r="Z4837" s="2">
        <v>10.6</v>
      </c>
      <c r="AA4837" s="5"/>
      <c r="AB4837" s="5" t="s">
        <v>43</v>
      </c>
      <c r="AC4837" s="5" t="s">
        <v>44</v>
      </c>
      <c r="AD4837" s="2"/>
      <c r="AE4837" s="1"/>
    </row>
    <row r="4838" spans="1:31" ht="14.45">
      <c r="A4838" s="11"/>
      <c r="B4838" s="20"/>
      <c r="C4838" s="2" t="s">
        <v>14976</v>
      </c>
      <c r="D4838" s="14" t="s">
        <v>14977</v>
      </c>
      <c r="E4838" s="2" t="s">
        <v>14978</v>
      </c>
      <c r="F4838" s="2" t="s">
        <v>14877</v>
      </c>
      <c r="G4838" s="8">
        <v>105</v>
      </c>
      <c r="H4838" s="5">
        <v>6</v>
      </c>
      <c r="I4838" s="5" t="s">
        <v>1518</v>
      </c>
      <c r="J4838" s="5" t="s">
        <v>1519</v>
      </c>
      <c r="K4838" s="2" t="s">
        <v>1520</v>
      </c>
      <c r="L4838" s="5" t="s">
        <v>1519</v>
      </c>
      <c r="M4838" s="2" t="s">
        <v>1520</v>
      </c>
      <c r="N4838" s="5" t="s">
        <v>1521</v>
      </c>
      <c r="O4838" s="5" t="s">
        <v>38</v>
      </c>
      <c r="P4838" s="5" t="s">
        <v>39</v>
      </c>
      <c r="Q4838" s="5" t="s">
        <v>40</v>
      </c>
      <c r="R4838" s="5" t="s">
        <v>1522</v>
      </c>
      <c r="S4838" s="5" t="s">
        <v>1523</v>
      </c>
      <c r="T4838" s="5" t="s">
        <v>42</v>
      </c>
      <c r="U4838" s="2">
        <v>1.206</v>
      </c>
      <c r="V4838" s="2">
        <v>0.90300000000000002</v>
      </c>
      <c r="W4838" s="2">
        <v>7.0000000000000001E-3</v>
      </c>
      <c r="X4838" s="2">
        <v>86.5</v>
      </c>
      <c r="Y4838" s="2">
        <v>7.6</v>
      </c>
      <c r="Z4838" s="2">
        <v>10.6</v>
      </c>
      <c r="AA4838" s="5"/>
      <c r="AB4838" s="5" t="s">
        <v>43</v>
      </c>
      <c r="AC4838" s="5" t="s">
        <v>44</v>
      </c>
      <c r="AD4838" s="2"/>
      <c r="AE4838" s="1"/>
    </row>
    <row r="4839" spans="1:31" ht="14.45">
      <c r="A4839" s="11"/>
      <c r="B4839" s="20"/>
      <c r="C4839" s="2" t="s">
        <v>14979</v>
      </c>
      <c r="D4839" s="14" t="s">
        <v>14980</v>
      </c>
      <c r="E4839" s="2" t="s">
        <v>14981</v>
      </c>
      <c r="F4839" s="2" t="s">
        <v>14881</v>
      </c>
      <c r="G4839" s="8">
        <v>105</v>
      </c>
      <c r="H4839" s="5">
        <v>6</v>
      </c>
      <c r="I4839" s="5" t="s">
        <v>1518</v>
      </c>
      <c r="J4839" s="5" t="s">
        <v>1519</v>
      </c>
      <c r="K4839" s="2" t="s">
        <v>1520</v>
      </c>
      <c r="L4839" s="5" t="s">
        <v>1519</v>
      </c>
      <c r="M4839" s="2" t="s">
        <v>1520</v>
      </c>
      <c r="N4839" s="5" t="s">
        <v>1521</v>
      </c>
      <c r="O4839" s="5" t="s">
        <v>38</v>
      </c>
      <c r="P4839" s="5" t="s">
        <v>39</v>
      </c>
      <c r="Q4839" s="5" t="s">
        <v>40</v>
      </c>
      <c r="R4839" s="5" t="s">
        <v>1522</v>
      </c>
      <c r="S4839" s="5" t="s">
        <v>1523</v>
      </c>
      <c r="T4839" s="5" t="s">
        <v>42</v>
      </c>
      <c r="U4839" s="2">
        <v>1.2350000000000001</v>
      </c>
      <c r="V4839" s="2">
        <v>0.93200000000000005</v>
      </c>
      <c r="W4839" s="2">
        <v>7.0000000000000001E-3</v>
      </c>
      <c r="X4839" s="2">
        <v>86.5</v>
      </c>
      <c r="Y4839" s="2">
        <v>7.6</v>
      </c>
      <c r="Z4839" s="2">
        <v>10.6</v>
      </c>
      <c r="AA4839" s="5"/>
      <c r="AB4839" s="5" t="s">
        <v>43</v>
      </c>
      <c r="AC4839" s="5" t="s">
        <v>44</v>
      </c>
      <c r="AD4839" s="2"/>
      <c r="AE4839" s="1"/>
    </row>
    <row r="4840" spans="1:31" ht="14.45">
      <c r="A4840" s="11"/>
      <c r="B4840" s="20"/>
      <c r="C4840" s="2" t="s">
        <v>14982</v>
      </c>
      <c r="D4840" s="14" t="s">
        <v>14983</v>
      </c>
      <c r="E4840" s="2" t="s">
        <v>14984</v>
      </c>
      <c r="F4840" s="2" t="s">
        <v>14885</v>
      </c>
      <c r="G4840" s="8">
        <v>105</v>
      </c>
      <c r="H4840" s="5">
        <v>6</v>
      </c>
      <c r="I4840" s="5" t="s">
        <v>1518</v>
      </c>
      <c r="J4840" s="5" t="s">
        <v>1519</v>
      </c>
      <c r="K4840" s="2" t="s">
        <v>1520</v>
      </c>
      <c r="L4840" s="5" t="s">
        <v>1519</v>
      </c>
      <c r="M4840" s="2" t="s">
        <v>1520</v>
      </c>
      <c r="N4840" s="5" t="s">
        <v>1521</v>
      </c>
      <c r="O4840" s="5" t="s">
        <v>38</v>
      </c>
      <c r="P4840" s="5" t="s">
        <v>39</v>
      </c>
      <c r="Q4840" s="5" t="s">
        <v>40</v>
      </c>
      <c r="R4840" s="5" t="s">
        <v>1522</v>
      </c>
      <c r="S4840" s="5" t="s">
        <v>1523</v>
      </c>
      <c r="T4840" s="5" t="s">
        <v>42</v>
      </c>
      <c r="U4840" s="2">
        <v>1.206</v>
      </c>
      <c r="V4840" s="2">
        <v>0.90300000000000002</v>
      </c>
      <c r="W4840" s="2">
        <v>7.0000000000000001E-3</v>
      </c>
      <c r="X4840" s="2">
        <v>86.5</v>
      </c>
      <c r="Y4840" s="2">
        <v>7.6</v>
      </c>
      <c r="Z4840" s="2">
        <v>10.6</v>
      </c>
      <c r="AA4840" s="5"/>
      <c r="AB4840" s="5" t="s">
        <v>43</v>
      </c>
      <c r="AC4840" s="5" t="s">
        <v>44</v>
      </c>
      <c r="AD4840" s="2"/>
      <c r="AE4840" s="1"/>
    </row>
    <row r="4841" spans="1:31" ht="14.45">
      <c r="A4841" s="11"/>
      <c r="B4841" s="20"/>
      <c r="C4841" s="2" t="s">
        <v>14985</v>
      </c>
      <c r="D4841" s="14" t="s">
        <v>14986</v>
      </c>
      <c r="E4841" s="2" t="s">
        <v>14987</v>
      </c>
      <c r="F4841" s="2" t="s">
        <v>14889</v>
      </c>
      <c r="G4841" s="8">
        <v>105</v>
      </c>
      <c r="H4841" s="5">
        <v>6</v>
      </c>
      <c r="I4841" s="5" t="s">
        <v>1518</v>
      </c>
      <c r="J4841" s="5" t="s">
        <v>1519</v>
      </c>
      <c r="K4841" s="2" t="s">
        <v>1520</v>
      </c>
      <c r="L4841" s="5" t="s">
        <v>1519</v>
      </c>
      <c r="M4841" s="2" t="s">
        <v>1520</v>
      </c>
      <c r="N4841" s="5" t="s">
        <v>1521</v>
      </c>
      <c r="O4841" s="5" t="s">
        <v>38</v>
      </c>
      <c r="P4841" s="5" t="s">
        <v>39</v>
      </c>
      <c r="Q4841" s="5" t="s">
        <v>40</v>
      </c>
      <c r="R4841" s="5" t="s">
        <v>1522</v>
      </c>
      <c r="S4841" s="5" t="s">
        <v>1523</v>
      </c>
      <c r="T4841" s="5" t="s">
        <v>42</v>
      </c>
      <c r="U4841" s="2">
        <v>1.2350000000000001</v>
      </c>
      <c r="V4841" s="2">
        <v>0.93200000000000005</v>
      </c>
      <c r="W4841" s="2">
        <v>7.0000000000000001E-3</v>
      </c>
      <c r="X4841" s="2">
        <v>86.5</v>
      </c>
      <c r="Y4841" s="2">
        <v>7.6</v>
      </c>
      <c r="Z4841" s="2">
        <v>10.6</v>
      </c>
      <c r="AA4841" s="5"/>
      <c r="AB4841" s="5" t="s">
        <v>43</v>
      </c>
      <c r="AC4841" s="5" t="s">
        <v>44</v>
      </c>
      <c r="AD4841" s="2"/>
      <c r="AE4841" s="1"/>
    </row>
    <row r="4842" spans="1:31" ht="14.45">
      <c r="A4842" s="11"/>
      <c r="B4842" s="20"/>
      <c r="C4842" s="2" t="s">
        <v>14988</v>
      </c>
      <c r="D4842" s="14" t="s">
        <v>14989</v>
      </c>
      <c r="E4842" s="2" t="s">
        <v>14990</v>
      </c>
      <c r="F4842" s="2" t="s">
        <v>14893</v>
      </c>
      <c r="G4842" s="8">
        <v>105</v>
      </c>
      <c r="H4842" s="5">
        <v>6</v>
      </c>
      <c r="I4842" s="5" t="s">
        <v>1518</v>
      </c>
      <c r="J4842" s="5" t="s">
        <v>1519</v>
      </c>
      <c r="K4842" s="2" t="s">
        <v>1520</v>
      </c>
      <c r="L4842" s="5" t="s">
        <v>1519</v>
      </c>
      <c r="M4842" s="2" t="s">
        <v>1520</v>
      </c>
      <c r="N4842" s="5" t="s">
        <v>1521</v>
      </c>
      <c r="O4842" s="5" t="s">
        <v>38</v>
      </c>
      <c r="P4842" s="5" t="s">
        <v>39</v>
      </c>
      <c r="Q4842" s="5" t="s">
        <v>40</v>
      </c>
      <c r="R4842" s="5" t="s">
        <v>1522</v>
      </c>
      <c r="S4842" s="5" t="s">
        <v>1523</v>
      </c>
      <c r="T4842" s="5" t="s">
        <v>42</v>
      </c>
      <c r="U4842" s="2">
        <v>1.1930000000000001</v>
      </c>
      <c r="V4842" s="2">
        <v>0.89</v>
      </c>
      <c r="W4842" s="2">
        <v>7.0000000000000001E-3</v>
      </c>
      <c r="X4842" s="2">
        <v>86.5</v>
      </c>
      <c r="Y4842" s="2">
        <v>7.6</v>
      </c>
      <c r="Z4842" s="2">
        <v>10.6</v>
      </c>
      <c r="AA4842" s="5"/>
      <c r="AB4842" s="5" t="s">
        <v>43</v>
      </c>
      <c r="AC4842" s="5" t="s">
        <v>44</v>
      </c>
      <c r="AD4842" s="2"/>
      <c r="AE4842" s="1"/>
    </row>
    <row r="4843" spans="1:31" ht="14.45">
      <c r="A4843" s="11"/>
      <c r="B4843" s="20"/>
      <c r="C4843" s="2" t="s">
        <v>14991</v>
      </c>
      <c r="D4843" s="14" t="s">
        <v>14992</v>
      </c>
      <c r="E4843" s="2" t="s">
        <v>14993</v>
      </c>
      <c r="F4843" s="2" t="s">
        <v>14897</v>
      </c>
      <c r="G4843" s="8">
        <v>105</v>
      </c>
      <c r="H4843" s="5">
        <v>6</v>
      </c>
      <c r="I4843" s="5" t="s">
        <v>1518</v>
      </c>
      <c r="J4843" s="5" t="s">
        <v>1519</v>
      </c>
      <c r="K4843" s="2" t="s">
        <v>1520</v>
      </c>
      <c r="L4843" s="5" t="s">
        <v>1519</v>
      </c>
      <c r="M4843" s="2" t="s">
        <v>1520</v>
      </c>
      <c r="N4843" s="5" t="s">
        <v>1521</v>
      </c>
      <c r="O4843" s="5" t="s">
        <v>38</v>
      </c>
      <c r="P4843" s="5" t="s">
        <v>39</v>
      </c>
      <c r="Q4843" s="5" t="s">
        <v>40</v>
      </c>
      <c r="R4843" s="5" t="s">
        <v>1522</v>
      </c>
      <c r="S4843" s="5" t="s">
        <v>1523</v>
      </c>
      <c r="T4843" s="5" t="s">
        <v>42</v>
      </c>
      <c r="U4843" s="2">
        <v>1.222</v>
      </c>
      <c r="V4843" s="2">
        <v>0.91900000000000004</v>
      </c>
      <c r="W4843" s="2">
        <v>7.0000000000000001E-3</v>
      </c>
      <c r="X4843" s="2">
        <v>86.5</v>
      </c>
      <c r="Y4843" s="2">
        <v>7.6</v>
      </c>
      <c r="Z4843" s="2">
        <v>10.6</v>
      </c>
      <c r="AA4843" s="5"/>
      <c r="AB4843" s="5" t="s">
        <v>43</v>
      </c>
      <c r="AC4843" s="5" t="s">
        <v>44</v>
      </c>
      <c r="AD4843" s="2"/>
      <c r="AE4843" s="1"/>
    </row>
    <row r="4844" spans="1:31" ht="14.45">
      <c r="A4844" s="11"/>
      <c r="B4844" s="20"/>
      <c r="C4844" s="2" t="s">
        <v>14994</v>
      </c>
      <c r="D4844" s="14" t="s">
        <v>14995</v>
      </c>
      <c r="E4844" s="2" t="s">
        <v>14996</v>
      </c>
      <c r="F4844" s="2" t="s">
        <v>14869</v>
      </c>
      <c r="G4844" s="8">
        <v>117</v>
      </c>
      <c r="H4844" s="5">
        <v>6</v>
      </c>
      <c r="I4844" s="5" t="s">
        <v>1518</v>
      </c>
      <c r="J4844" s="5" t="s">
        <v>1519</v>
      </c>
      <c r="K4844" s="2" t="s">
        <v>1520</v>
      </c>
      <c r="L4844" s="5" t="s">
        <v>1519</v>
      </c>
      <c r="M4844" s="2" t="s">
        <v>1520</v>
      </c>
      <c r="N4844" s="5" t="s">
        <v>1521</v>
      </c>
      <c r="O4844" s="5" t="s">
        <v>38</v>
      </c>
      <c r="P4844" s="5" t="s">
        <v>39</v>
      </c>
      <c r="Q4844" s="5" t="s">
        <v>40</v>
      </c>
      <c r="R4844" s="5" t="s">
        <v>1522</v>
      </c>
      <c r="S4844" s="5" t="s">
        <v>1523</v>
      </c>
      <c r="T4844" s="5" t="s">
        <v>42</v>
      </c>
      <c r="U4844" s="2">
        <v>1.357</v>
      </c>
      <c r="V4844" s="2">
        <v>0.99199999999999999</v>
      </c>
      <c r="W4844" s="2">
        <v>8.9999999999999993E-3</v>
      </c>
      <c r="X4844" s="2">
        <v>106.5</v>
      </c>
      <c r="Y4844" s="2">
        <v>7.6</v>
      </c>
      <c r="Z4844" s="2">
        <v>10.6</v>
      </c>
      <c r="AA4844" s="5"/>
      <c r="AB4844" s="5" t="s">
        <v>43</v>
      </c>
      <c r="AC4844" s="5" t="s">
        <v>44</v>
      </c>
      <c r="AD4844" s="2"/>
      <c r="AE4844" s="1"/>
    </row>
    <row r="4845" spans="1:31" ht="14.45">
      <c r="A4845" s="11"/>
      <c r="B4845" s="20"/>
      <c r="C4845" s="2" t="s">
        <v>14997</v>
      </c>
      <c r="D4845" s="14" t="s">
        <v>14998</v>
      </c>
      <c r="E4845" s="2" t="s">
        <v>14999</v>
      </c>
      <c r="F4845" s="2" t="s">
        <v>14873</v>
      </c>
      <c r="G4845" s="8">
        <v>117</v>
      </c>
      <c r="H4845" s="5">
        <v>6</v>
      </c>
      <c r="I4845" s="5" t="s">
        <v>1518</v>
      </c>
      <c r="J4845" s="5" t="s">
        <v>1519</v>
      </c>
      <c r="K4845" s="2" t="s">
        <v>1520</v>
      </c>
      <c r="L4845" s="5" t="s">
        <v>1519</v>
      </c>
      <c r="M4845" s="2" t="s">
        <v>1520</v>
      </c>
      <c r="N4845" s="5" t="s">
        <v>1521</v>
      </c>
      <c r="O4845" s="5" t="s">
        <v>38</v>
      </c>
      <c r="P4845" s="5" t="s">
        <v>39</v>
      </c>
      <c r="Q4845" s="5" t="s">
        <v>40</v>
      </c>
      <c r="R4845" s="5" t="s">
        <v>1522</v>
      </c>
      <c r="S4845" s="5" t="s">
        <v>1523</v>
      </c>
      <c r="T4845" s="5" t="s">
        <v>42</v>
      </c>
      <c r="U4845" s="2">
        <v>1.39</v>
      </c>
      <c r="V4845" s="2">
        <v>1.0249999999999999</v>
      </c>
      <c r="W4845" s="2">
        <v>8.9999999999999993E-3</v>
      </c>
      <c r="X4845" s="2">
        <v>106.5</v>
      </c>
      <c r="Y4845" s="2">
        <v>7.6</v>
      </c>
      <c r="Z4845" s="2">
        <v>10.6</v>
      </c>
      <c r="AA4845" s="5"/>
      <c r="AB4845" s="5" t="s">
        <v>43</v>
      </c>
      <c r="AC4845" s="5" t="s">
        <v>44</v>
      </c>
      <c r="AD4845" s="2"/>
      <c r="AE4845" s="1"/>
    </row>
    <row r="4846" spans="1:31" ht="14.45">
      <c r="A4846" s="11"/>
      <c r="B4846" s="20"/>
      <c r="C4846" s="2" t="s">
        <v>15000</v>
      </c>
      <c r="D4846" s="14" t="s">
        <v>15001</v>
      </c>
      <c r="E4846" s="2" t="s">
        <v>15002</v>
      </c>
      <c r="F4846" s="2" t="s">
        <v>14877</v>
      </c>
      <c r="G4846" s="8">
        <v>117</v>
      </c>
      <c r="H4846" s="5">
        <v>6</v>
      </c>
      <c r="I4846" s="5" t="s">
        <v>1518</v>
      </c>
      <c r="J4846" s="5" t="s">
        <v>1519</v>
      </c>
      <c r="K4846" s="2" t="s">
        <v>1520</v>
      </c>
      <c r="L4846" s="5" t="s">
        <v>1519</v>
      </c>
      <c r="M4846" s="2" t="s">
        <v>1520</v>
      </c>
      <c r="N4846" s="5" t="s">
        <v>1521</v>
      </c>
      <c r="O4846" s="5" t="s">
        <v>38</v>
      </c>
      <c r="P4846" s="5" t="s">
        <v>39</v>
      </c>
      <c r="Q4846" s="5" t="s">
        <v>40</v>
      </c>
      <c r="R4846" s="5" t="s">
        <v>1522</v>
      </c>
      <c r="S4846" s="5" t="s">
        <v>1523</v>
      </c>
      <c r="T4846" s="5" t="s">
        <v>42</v>
      </c>
      <c r="U4846" s="2">
        <v>1.3740000000000001</v>
      </c>
      <c r="V4846" s="2">
        <v>1.0089999999999999</v>
      </c>
      <c r="W4846" s="2">
        <v>8.9999999999999993E-3</v>
      </c>
      <c r="X4846" s="2">
        <v>106.5</v>
      </c>
      <c r="Y4846" s="2">
        <v>7.6</v>
      </c>
      <c r="Z4846" s="2">
        <v>10.6</v>
      </c>
      <c r="AA4846" s="5"/>
      <c r="AB4846" s="5" t="s">
        <v>43</v>
      </c>
      <c r="AC4846" s="5" t="s">
        <v>44</v>
      </c>
      <c r="AD4846" s="2"/>
      <c r="AE4846" s="1"/>
    </row>
    <row r="4847" spans="1:31" ht="14.45">
      <c r="A4847" s="11"/>
      <c r="B4847" s="20"/>
      <c r="C4847" s="2" t="s">
        <v>15003</v>
      </c>
      <c r="D4847" s="14" t="s">
        <v>15004</v>
      </c>
      <c r="E4847" s="2" t="s">
        <v>15005</v>
      </c>
      <c r="F4847" s="2" t="s">
        <v>14881</v>
      </c>
      <c r="G4847" s="8">
        <v>117</v>
      </c>
      <c r="H4847" s="5">
        <v>6</v>
      </c>
      <c r="I4847" s="5" t="s">
        <v>1518</v>
      </c>
      <c r="J4847" s="5" t="s">
        <v>1519</v>
      </c>
      <c r="K4847" s="2" t="s">
        <v>1520</v>
      </c>
      <c r="L4847" s="5" t="s">
        <v>1519</v>
      </c>
      <c r="M4847" s="2" t="s">
        <v>1520</v>
      </c>
      <c r="N4847" s="5" t="s">
        <v>1521</v>
      </c>
      <c r="O4847" s="5" t="s">
        <v>38</v>
      </c>
      <c r="P4847" s="5" t="s">
        <v>39</v>
      </c>
      <c r="Q4847" s="5" t="s">
        <v>40</v>
      </c>
      <c r="R4847" s="5" t="s">
        <v>1522</v>
      </c>
      <c r="S4847" s="5" t="s">
        <v>1523</v>
      </c>
      <c r="T4847" s="5" t="s">
        <v>42</v>
      </c>
      <c r="U4847" s="2">
        <v>1.407</v>
      </c>
      <c r="V4847" s="2">
        <v>1.042</v>
      </c>
      <c r="W4847" s="2">
        <v>8.9999999999999993E-3</v>
      </c>
      <c r="X4847" s="2">
        <v>106.5</v>
      </c>
      <c r="Y4847" s="2">
        <v>7.6</v>
      </c>
      <c r="Z4847" s="2">
        <v>10.6</v>
      </c>
      <c r="AA4847" s="5"/>
      <c r="AB4847" s="5" t="s">
        <v>43</v>
      </c>
      <c r="AC4847" s="5" t="s">
        <v>44</v>
      </c>
      <c r="AD4847" s="2"/>
      <c r="AE4847" s="1"/>
    </row>
    <row r="4848" spans="1:31" ht="14.45">
      <c r="A4848" s="11"/>
      <c r="B4848" s="20"/>
      <c r="C4848" s="2" t="s">
        <v>15006</v>
      </c>
      <c r="D4848" s="14" t="s">
        <v>15007</v>
      </c>
      <c r="E4848" s="2" t="s">
        <v>15008</v>
      </c>
      <c r="F4848" s="2" t="s">
        <v>14885</v>
      </c>
      <c r="G4848" s="8">
        <v>117</v>
      </c>
      <c r="H4848" s="5">
        <v>6</v>
      </c>
      <c r="I4848" s="5" t="s">
        <v>1518</v>
      </c>
      <c r="J4848" s="5" t="s">
        <v>1519</v>
      </c>
      <c r="K4848" s="2" t="s">
        <v>1520</v>
      </c>
      <c r="L4848" s="5" t="s">
        <v>1519</v>
      </c>
      <c r="M4848" s="2" t="s">
        <v>1520</v>
      </c>
      <c r="N4848" s="5" t="s">
        <v>1521</v>
      </c>
      <c r="O4848" s="5" t="s">
        <v>38</v>
      </c>
      <c r="P4848" s="5" t="s">
        <v>39</v>
      </c>
      <c r="Q4848" s="5" t="s">
        <v>40</v>
      </c>
      <c r="R4848" s="5" t="s">
        <v>1522</v>
      </c>
      <c r="S4848" s="5" t="s">
        <v>1523</v>
      </c>
      <c r="T4848" s="5" t="s">
        <v>42</v>
      </c>
      <c r="U4848" s="2">
        <v>1.3740000000000001</v>
      </c>
      <c r="V4848" s="2">
        <v>1.0089999999999999</v>
      </c>
      <c r="W4848" s="2">
        <v>8.9999999999999993E-3</v>
      </c>
      <c r="X4848" s="2">
        <v>106.5</v>
      </c>
      <c r="Y4848" s="2">
        <v>7.6</v>
      </c>
      <c r="Z4848" s="2">
        <v>10.6</v>
      </c>
      <c r="AA4848" s="5"/>
      <c r="AB4848" s="5" t="s">
        <v>43</v>
      </c>
      <c r="AC4848" s="5" t="s">
        <v>44</v>
      </c>
      <c r="AD4848" s="2"/>
      <c r="AE4848" s="1"/>
    </row>
    <row r="4849" spans="1:31" ht="14.45">
      <c r="A4849" s="11"/>
      <c r="B4849" s="20"/>
      <c r="C4849" s="2" t="s">
        <v>15009</v>
      </c>
      <c r="D4849" s="14" t="s">
        <v>15010</v>
      </c>
      <c r="E4849" s="2" t="s">
        <v>15011</v>
      </c>
      <c r="F4849" s="2" t="s">
        <v>14889</v>
      </c>
      <c r="G4849" s="8">
        <v>117</v>
      </c>
      <c r="H4849" s="5">
        <v>6</v>
      </c>
      <c r="I4849" s="5" t="s">
        <v>1518</v>
      </c>
      <c r="J4849" s="5" t="s">
        <v>1519</v>
      </c>
      <c r="K4849" s="2" t="s">
        <v>1520</v>
      </c>
      <c r="L4849" s="5" t="s">
        <v>1519</v>
      </c>
      <c r="M4849" s="2" t="s">
        <v>1520</v>
      </c>
      <c r="N4849" s="5" t="s">
        <v>1521</v>
      </c>
      <c r="O4849" s="5" t="s">
        <v>38</v>
      </c>
      <c r="P4849" s="5" t="s">
        <v>39</v>
      </c>
      <c r="Q4849" s="5" t="s">
        <v>40</v>
      </c>
      <c r="R4849" s="5" t="s">
        <v>1522</v>
      </c>
      <c r="S4849" s="5" t="s">
        <v>1523</v>
      </c>
      <c r="T4849" s="5" t="s">
        <v>42</v>
      </c>
      <c r="U4849" s="2">
        <v>1.407</v>
      </c>
      <c r="V4849" s="2">
        <v>1.042</v>
      </c>
      <c r="W4849" s="2">
        <v>8.9999999999999993E-3</v>
      </c>
      <c r="X4849" s="2">
        <v>106.5</v>
      </c>
      <c r="Y4849" s="2">
        <v>7.6</v>
      </c>
      <c r="Z4849" s="2">
        <v>10.6</v>
      </c>
      <c r="AA4849" s="5"/>
      <c r="AB4849" s="5" t="s">
        <v>43</v>
      </c>
      <c r="AC4849" s="5" t="s">
        <v>44</v>
      </c>
      <c r="AD4849" s="2"/>
      <c r="AE4849" s="1"/>
    </row>
    <row r="4850" spans="1:31" ht="14.45">
      <c r="A4850" s="11"/>
      <c r="B4850" s="20"/>
      <c r="C4850" s="2" t="s">
        <v>15012</v>
      </c>
      <c r="D4850" s="14" t="s">
        <v>15013</v>
      </c>
      <c r="E4850" s="2" t="s">
        <v>15014</v>
      </c>
      <c r="F4850" s="2" t="s">
        <v>14893</v>
      </c>
      <c r="G4850" s="8">
        <v>117</v>
      </c>
      <c r="H4850" s="5">
        <v>6</v>
      </c>
      <c r="I4850" s="5" t="s">
        <v>1518</v>
      </c>
      <c r="J4850" s="5" t="s">
        <v>1519</v>
      </c>
      <c r="K4850" s="2" t="s">
        <v>1520</v>
      </c>
      <c r="L4850" s="5" t="s">
        <v>1519</v>
      </c>
      <c r="M4850" s="2" t="s">
        <v>1520</v>
      </c>
      <c r="N4850" s="5" t="s">
        <v>1521</v>
      </c>
      <c r="O4850" s="5" t="s">
        <v>38</v>
      </c>
      <c r="P4850" s="5" t="s">
        <v>39</v>
      </c>
      <c r="Q4850" s="5" t="s">
        <v>40</v>
      </c>
      <c r="R4850" s="5" t="s">
        <v>1522</v>
      </c>
      <c r="S4850" s="5" t="s">
        <v>1523</v>
      </c>
      <c r="T4850" s="5" t="s">
        <v>42</v>
      </c>
      <c r="U4850" s="2">
        <v>1.357</v>
      </c>
      <c r="V4850" s="2">
        <v>0.99199999999999999</v>
      </c>
      <c r="W4850" s="2">
        <v>8.9999999999999993E-3</v>
      </c>
      <c r="X4850" s="2">
        <v>106.5</v>
      </c>
      <c r="Y4850" s="2">
        <v>7.6</v>
      </c>
      <c r="Z4850" s="2">
        <v>10.6</v>
      </c>
      <c r="AA4850" s="5"/>
      <c r="AB4850" s="5" t="s">
        <v>43</v>
      </c>
      <c r="AC4850" s="5" t="s">
        <v>44</v>
      </c>
      <c r="AD4850" s="2"/>
      <c r="AE4850" s="1"/>
    </row>
    <row r="4851" spans="1:31" ht="14.45">
      <c r="A4851" s="11"/>
      <c r="B4851" s="20"/>
      <c r="C4851" s="2" t="s">
        <v>15015</v>
      </c>
      <c r="D4851" s="14" t="s">
        <v>15016</v>
      </c>
      <c r="E4851" s="2" t="s">
        <v>15017</v>
      </c>
      <c r="F4851" s="2" t="s">
        <v>14897</v>
      </c>
      <c r="G4851" s="8">
        <v>117</v>
      </c>
      <c r="H4851" s="5">
        <v>6</v>
      </c>
      <c r="I4851" s="5" t="s">
        <v>1518</v>
      </c>
      <c r="J4851" s="5" t="s">
        <v>1519</v>
      </c>
      <c r="K4851" s="2" t="s">
        <v>1520</v>
      </c>
      <c r="L4851" s="5" t="s">
        <v>1519</v>
      </c>
      <c r="M4851" s="2" t="s">
        <v>1520</v>
      </c>
      <c r="N4851" s="5" t="s">
        <v>1521</v>
      </c>
      <c r="O4851" s="5" t="s">
        <v>38</v>
      </c>
      <c r="P4851" s="5" t="s">
        <v>39</v>
      </c>
      <c r="Q4851" s="5" t="s">
        <v>40</v>
      </c>
      <c r="R4851" s="5" t="s">
        <v>1522</v>
      </c>
      <c r="S4851" s="5" t="s">
        <v>1523</v>
      </c>
      <c r="T4851" s="5" t="s">
        <v>42</v>
      </c>
      <c r="U4851" s="2">
        <v>1.39</v>
      </c>
      <c r="V4851" s="2">
        <v>1.0249999999999999</v>
      </c>
      <c r="W4851" s="2">
        <v>8.9999999999999993E-3</v>
      </c>
      <c r="X4851" s="2">
        <v>106.5</v>
      </c>
      <c r="Y4851" s="2">
        <v>7.6</v>
      </c>
      <c r="Z4851" s="2">
        <v>10.6</v>
      </c>
      <c r="AA4851" s="5"/>
      <c r="AB4851" s="5" t="s">
        <v>43</v>
      </c>
      <c r="AC4851" s="5" t="s">
        <v>44</v>
      </c>
      <c r="AD4851" s="2"/>
      <c r="AE4851" s="1"/>
    </row>
    <row r="4852" spans="1:31" ht="14.45">
      <c r="A4852" s="11"/>
      <c r="B4852" s="20"/>
      <c r="C4852" s="2" t="s">
        <v>15018</v>
      </c>
      <c r="D4852" s="14" t="s">
        <v>15019</v>
      </c>
      <c r="E4852" s="2" t="s">
        <v>15020</v>
      </c>
      <c r="F4852" s="2" t="s">
        <v>14869</v>
      </c>
      <c r="G4852" s="8">
        <v>115</v>
      </c>
      <c r="H4852" s="5">
        <v>6</v>
      </c>
      <c r="I4852" s="5" t="s">
        <v>1518</v>
      </c>
      <c r="J4852" s="5" t="s">
        <v>1519</v>
      </c>
      <c r="K4852" s="2" t="s">
        <v>1520</v>
      </c>
      <c r="L4852" s="5" t="s">
        <v>1519</v>
      </c>
      <c r="M4852" s="2" t="s">
        <v>1520</v>
      </c>
      <c r="N4852" s="5" t="s">
        <v>1521</v>
      </c>
      <c r="O4852" s="5" t="s">
        <v>38</v>
      </c>
      <c r="P4852" s="5" t="s">
        <v>39</v>
      </c>
      <c r="Q4852" s="5" t="s">
        <v>40</v>
      </c>
      <c r="R4852" s="5" t="s">
        <v>1522</v>
      </c>
      <c r="S4852" s="5" t="s">
        <v>1523</v>
      </c>
      <c r="T4852" s="5" t="s">
        <v>42</v>
      </c>
      <c r="U4852" s="2">
        <v>1.3180000000000001</v>
      </c>
      <c r="V4852" s="2">
        <v>1.0229999999999999</v>
      </c>
      <c r="W4852" s="2">
        <v>7.0000000000000001E-3</v>
      </c>
      <c r="X4852" s="2">
        <v>86.5</v>
      </c>
      <c r="Y4852" s="2">
        <v>7.6</v>
      </c>
      <c r="Z4852" s="2">
        <v>10.6</v>
      </c>
      <c r="AA4852" s="5"/>
      <c r="AB4852" s="5" t="s">
        <v>43</v>
      </c>
      <c r="AC4852" s="5" t="s">
        <v>44</v>
      </c>
      <c r="AD4852" s="2"/>
      <c r="AE4852" s="1"/>
    </row>
    <row r="4853" spans="1:31" ht="14.45">
      <c r="A4853" s="11"/>
      <c r="B4853" s="20"/>
      <c r="C4853" s="2" t="s">
        <v>15021</v>
      </c>
      <c r="D4853" s="14" t="s">
        <v>15022</v>
      </c>
      <c r="E4853" s="2" t="s">
        <v>15023</v>
      </c>
      <c r="F4853" s="2" t="s">
        <v>14873</v>
      </c>
      <c r="G4853" s="8">
        <v>115</v>
      </c>
      <c r="H4853" s="5">
        <v>6</v>
      </c>
      <c r="I4853" s="5" t="s">
        <v>1518</v>
      </c>
      <c r="J4853" s="5" t="s">
        <v>1519</v>
      </c>
      <c r="K4853" s="2" t="s">
        <v>1520</v>
      </c>
      <c r="L4853" s="5" t="s">
        <v>1519</v>
      </c>
      <c r="M4853" s="2" t="s">
        <v>1520</v>
      </c>
      <c r="N4853" s="5" t="s">
        <v>1521</v>
      </c>
      <c r="O4853" s="5" t="s">
        <v>38</v>
      </c>
      <c r="P4853" s="5" t="s">
        <v>39</v>
      </c>
      <c r="Q4853" s="5" t="s">
        <v>40</v>
      </c>
      <c r="R4853" s="5" t="s">
        <v>1522</v>
      </c>
      <c r="S4853" s="5" t="s">
        <v>1523</v>
      </c>
      <c r="T4853" s="5" t="s">
        <v>42</v>
      </c>
      <c r="U4853" s="2">
        <v>1.349</v>
      </c>
      <c r="V4853" s="2">
        <v>1.054</v>
      </c>
      <c r="W4853" s="2">
        <v>7.0000000000000001E-3</v>
      </c>
      <c r="X4853" s="2">
        <v>86.5</v>
      </c>
      <c r="Y4853" s="2">
        <v>7.6</v>
      </c>
      <c r="Z4853" s="2">
        <v>10.6</v>
      </c>
      <c r="AA4853" s="5"/>
      <c r="AB4853" s="5" t="s">
        <v>43</v>
      </c>
      <c r="AC4853" s="5" t="s">
        <v>44</v>
      </c>
      <c r="AD4853" s="2"/>
      <c r="AE4853" s="1"/>
    </row>
    <row r="4854" spans="1:31" ht="14.45">
      <c r="A4854" s="11"/>
      <c r="B4854" s="20"/>
      <c r="C4854" s="2" t="s">
        <v>15024</v>
      </c>
      <c r="D4854" s="14" t="s">
        <v>15025</v>
      </c>
      <c r="E4854" s="2" t="s">
        <v>15026</v>
      </c>
      <c r="F4854" s="2" t="s">
        <v>14877</v>
      </c>
      <c r="G4854" s="8">
        <v>115</v>
      </c>
      <c r="H4854" s="5">
        <v>6</v>
      </c>
      <c r="I4854" s="5" t="s">
        <v>1518</v>
      </c>
      <c r="J4854" s="5" t="s">
        <v>1519</v>
      </c>
      <c r="K4854" s="2" t="s">
        <v>1520</v>
      </c>
      <c r="L4854" s="5" t="s">
        <v>1519</v>
      </c>
      <c r="M4854" s="2" t="s">
        <v>1520</v>
      </c>
      <c r="N4854" s="5" t="s">
        <v>1521</v>
      </c>
      <c r="O4854" s="5" t="s">
        <v>38</v>
      </c>
      <c r="P4854" s="5" t="s">
        <v>39</v>
      </c>
      <c r="Q4854" s="5" t="s">
        <v>40</v>
      </c>
      <c r="R4854" s="5" t="s">
        <v>1522</v>
      </c>
      <c r="S4854" s="5" t="s">
        <v>1523</v>
      </c>
      <c r="T4854" s="5" t="s">
        <v>42</v>
      </c>
      <c r="U4854" s="2">
        <v>1.333</v>
      </c>
      <c r="V4854" s="2">
        <v>1.038</v>
      </c>
      <c r="W4854" s="2">
        <v>7.0000000000000001E-3</v>
      </c>
      <c r="X4854" s="2">
        <v>86.5</v>
      </c>
      <c r="Y4854" s="2">
        <v>7.6</v>
      </c>
      <c r="Z4854" s="2">
        <v>10.6</v>
      </c>
      <c r="AA4854" s="5"/>
      <c r="AB4854" s="5" t="s">
        <v>43</v>
      </c>
      <c r="AC4854" s="5" t="s">
        <v>44</v>
      </c>
      <c r="AD4854" s="2"/>
      <c r="AE4854" s="1"/>
    </row>
    <row r="4855" spans="1:31" ht="14.45">
      <c r="A4855" s="11"/>
      <c r="B4855" s="20"/>
      <c r="C4855" s="2" t="s">
        <v>15027</v>
      </c>
      <c r="D4855" s="14" t="s">
        <v>15028</v>
      </c>
      <c r="E4855" s="2" t="s">
        <v>15029</v>
      </c>
      <c r="F4855" s="2" t="s">
        <v>14881</v>
      </c>
      <c r="G4855" s="8">
        <v>115</v>
      </c>
      <c r="H4855" s="5">
        <v>6</v>
      </c>
      <c r="I4855" s="5" t="s">
        <v>1518</v>
      </c>
      <c r="J4855" s="5" t="s">
        <v>1519</v>
      </c>
      <c r="K4855" s="2" t="s">
        <v>1520</v>
      </c>
      <c r="L4855" s="5" t="s">
        <v>1519</v>
      </c>
      <c r="M4855" s="2" t="s">
        <v>1520</v>
      </c>
      <c r="N4855" s="5" t="s">
        <v>1521</v>
      </c>
      <c r="O4855" s="5" t="s">
        <v>38</v>
      </c>
      <c r="P4855" s="5" t="s">
        <v>39</v>
      </c>
      <c r="Q4855" s="5" t="s">
        <v>40</v>
      </c>
      <c r="R4855" s="5" t="s">
        <v>1522</v>
      </c>
      <c r="S4855" s="5" t="s">
        <v>1523</v>
      </c>
      <c r="T4855" s="5" t="s">
        <v>42</v>
      </c>
      <c r="U4855" s="2">
        <v>1.3640000000000001</v>
      </c>
      <c r="V4855" s="2">
        <v>1.069</v>
      </c>
      <c r="W4855" s="2">
        <v>7.0000000000000001E-3</v>
      </c>
      <c r="X4855" s="2">
        <v>86.5</v>
      </c>
      <c r="Y4855" s="2">
        <v>7.6</v>
      </c>
      <c r="Z4855" s="2">
        <v>10.6</v>
      </c>
      <c r="AA4855" s="5"/>
      <c r="AB4855" s="5" t="s">
        <v>43</v>
      </c>
      <c r="AC4855" s="5" t="s">
        <v>44</v>
      </c>
      <c r="AD4855" s="2"/>
      <c r="AE4855" s="1"/>
    </row>
    <row r="4856" spans="1:31" ht="14.45">
      <c r="A4856" s="11"/>
      <c r="B4856" s="20"/>
      <c r="C4856" s="2" t="s">
        <v>15030</v>
      </c>
      <c r="D4856" s="14" t="s">
        <v>15031</v>
      </c>
      <c r="E4856" s="2" t="s">
        <v>15032</v>
      </c>
      <c r="F4856" s="2" t="s">
        <v>14885</v>
      </c>
      <c r="G4856" s="8">
        <v>115</v>
      </c>
      <c r="H4856" s="5">
        <v>6</v>
      </c>
      <c r="I4856" s="5" t="s">
        <v>1518</v>
      </c>
      <c r="J4856" s="5" t="s">
        <v>1519</v>
      </c>
      <c r="K4856" s="2" t="s">
        <v>1520</v>
      </c>
      <c r="L4856" s="5" t="s">
        <v>1519</v>
      </c>
      <c r="M4856" s="2" t="s">
        <v>1520</v>
      </c>
      <c r="N4856" s="5" t="s">
        <v>1521</v>
      </c>
      <c r="O4856" s="5" t="s">
        <v>38</v>
      </c>
      <c r="P4856" s="5" t="s">
        <v>39</v>
      </c>
      <c r="Q4856" s="5" t="s">
        <v>40</v>
      </c>
      <c r="R4856" s="5" t="s">
        <v>1522</v>
      </c>
      <c r="S4856" s="5" t="s">
        <v>1523</v>
      </c>
      <c r="T4856" s="5" t="s">
        <v>42</v>
      </c>
      <c r="U4856" s="2">
        <v>1.333</v>
      </c>
      <c r="V4856" s="2">
        <v>1.038</v>
      </c>
      <c r="W4856" s="2">
        <v>7.0000000000000001E-3</v>
      </c>
      <c r="X4856" s="2">
        <v>86.5</v>
      </c>
      <c r="Y4856" s="2">
        <v>7.6</v>
      </c>
      <c r="Z4856" s="2">
        <v>10.6</v>
      </c>
      <c r="AA4856" s="5"/>
      <c r="AB4856" s="5" t="s">
        <v>43</v>
      </c>
      <c r="AC4856" s="5" t="s">
        <v>44</v>
      </c>
      <c r="AD4856" s="2"/>
      <c r="AE4856" s="1"/>
    </row>
    <row r="4857" spans="1:31" ht="14.45">
      <c r="A4857" s="11"/>
      <c r="B4857" s="20"/>
      <c r="C4857" s="2" t="s">
        <v>15033</v>
      </c>
      <c r="D4857" s="14" t="s">
        <v>15034</v>
      </c>
      <c r="E4857" s="2" t="s">
        <v>15035</v>
      </c>
      <c r="F4857" s="2" t="s">
        <v>14889</v>
      </c>
      <c r="G4857" s="8">
        <v>115</v>
      </c>
      <c r="H4857" s="5">
        <v>6</v>
      </c>
      <c r="I4857" s="5" t="s">
        <v>1518</v>
      </c>
      <c r="J4857" s="5" t="s">
        <v>1519</v>
      </c>
      <c r="K4857" s="2" t="s">
        <v>1520</v>
      </c>
      <c r="L4857" s="5" t="s">
        <v>1519</v>
      </c>
      <c r="M4857" s="2" t="s">
        <v>1520</v>
      </c>
      <c r="N4857" s="5" t="s">
        <v>1521</v>
      </c>
      <c r="O4857" s="5" t="s">
        <v>38</v>
      </c>
      <c r="P4857" s="5" t="s">
        <v>39</v>
      </c>
      <c r="Q4857" s="5" t="s">
        <v>40</v>
      </c>
      <c r="R4857" s="5" t="s">
        <v>1522</v>
      </c>
      <c r="S4857" s="5" t="s">
        <v>1523</v>
      </c>
      <c r="T4857" s="5" t="s">
        <v>42</v>
      </c>
      <c r="U4857" s="2">
        <v>1.3640000000000001</v>
      </c>
      <c r="V4857" s="2">
        <v>1.069</v>
      </c>
      <c r="W4857" s="2">
        <v>7.0000000000000001E-3</v>
      </c>
      <c r="X4857" s="2">
        <v>86.5</v>
      </c>
      <c r="Y4857" s="2">
        <v>7.6</v>
      </c>
      <c r="Z4857" s="2">
        <v>10.6</v>
      </c>
      <c r="AA4857" s="5"/>
      <c r="AB4857" s="5" t="s">
        <v>43</v>
      </c>
      <c r="AC4857" s="5" t="s">
        <v>44</v>
      </c>
      <c r="AD4857" s="2"/>
      <c r="AE4857" s="1"/>
    </row>
    <row r="4858" spans="1:31" ht="14.45">
      <c r="A4858" s="11"/>
      <c r="B4858" s="20"/>
      <c r="C4858" s="2" t="s">
        <v>15036</v>
      </c>
      <c r="D4858" s="14" t="s">
        <v>15037</v>
      </c>
      <c r="E4858" s="2" t="s">
        <v>15038</v>
      </c>
      <c r="F4858" s="2" t="s">
        <v>14893</v>
      </c>
      <c r="G4858" s="8">
        <v>115</v>
      </c>
      <c r="H4858" s="5">
        <v>6</v>
      </c>
      <c r="I4858" s="5" t="s">
        <v>1518</v>
      </c>
      <c r="J4858" s="5" t="s">
        <v>1519</v>
      </c>
      <c r="K4858" s="2" t="s">
        <v>1520</v>
      </c>
      <c r="L4858" s="5" t="s">
        <v>1519</v>
      </c>
      <c r="M4858" s="2" t="s">
        <v>1520</v>
      </c>
      <c r="N4858" s="5" t="s">
        <v>1521</v>
      </c>
      <c r="O4858" s="5" t="s">
        <v>38</v>
      </c>
      <c r="P4858" s="5" t="s">
        <v>39</v>
      </c>
      <c r="Q4858" s="5" t="s">
        <v>40</v>
      </c>
      <c r="R4858" s="5" t="s">
        <v>1522</v>
      </c>
      <c r="S4858" s="5" t="s">
        <v>1523</v>
      </c>
      <c r="T4858" s="5" t="s">
        <v>42</v>
      </c>
      <c r="U4858" s="2">
        <v>1.3180000000000001</v>
      </c>
      <c r="V4858" s="2">
        <v>1.0229999999999999</v>
      </c>
      <c r="W4858" s="2">
        <v>7.0000000000000001E-3</v>
      </c>
      <c r="X4858" s="2">
        <v>86.5</v>
      </c>
      <c r="Y4858" s="2">
        <v>7.6</v>
      </c>
      <c r="Z4858" s="2">
        <v>10.6</v>
      </c>
      <c r="AA4858" s="5"/>
      <c r="AB4858" s="5" t="s">
        <v>43</v>
      </c>
      <c r="AC4858" s="5" t="s">
        <v>44</v>
      </c>
      <c r="AD4858" s="2"/>
      <c r="AE4858" s="1"/>
    </row>
    <row r="4859" spans="1:31" ht="14.45">
      <c r="A4859" s="11"/>
      <c r="B4859" s="20"/>
      <c r="C4859" s="2" t="s">
        <v>15039</v>
      </c>
      <c r="D4859" s="14" t="s">
        <v>15040</v>
      </c>
      <c r="E4859" s="2" t="s">
        <v>15041</v>
      </c>
      <c r="F4859" s="2" t="s">
        <v>14897</v>
      </c>
      <c r="G4859" s="8">
        <v>115</v>
      </c>
      <c r="H4859" s="5">
        <v>6</v>
      </c>
      <c r="I4859" s="5" t="s">
        <v>1518</v>
      </c>
      <c r="J4859" s="5" t="s">
        <v>1519</v>
      </c>
      <c r="K4859" s="2" t="s">
        <v>1520</v>
      </c>
      <c r="L4859" s="5" t="s">
        <v>1519</v>
      </c>
      <c r="M4859" s="2" t="s">
        <v>1520</v>
      </c>
      <c r="N4859" s="5" t="s">
        <v>1521</v>
      </c>
      <c r="O4859" s="5" t="s">
        <v>38</v>
      </c>
      <c r="P4859" s="5" t="s">
        <v>39</v>
      </c>
      <c r="Q4859" s="5" t="s">
        <v>40</v>
      </c>
      <c r="R4859" s="5" t="s">
        <v>1522</v>
      </c>
      <c r="S4859" s="5" t="s">
        <v>1523</v>
      </c>
      <c r="T4859" s="5" t="s">
        <v>42</v>
      </c>
      <c r="U4859" s="2">
        <v>1.349</v>
      </c>
      <c r="V4859" s="2">
        <v>1.054</v>
      </c>
      <c r="W4859" s="2">
        <v>7.0000000000000001E-3</v>
      </c>
      <c r="X4859" s="2">
        <v>86.5</v>
      </c>
      <c r="Y4859" s="2">
        <v>7.6</v>
      </c>
      <c r="Z4859" s="2">
        <v>10.6</v>
      </c>
      <c r="AA4859" s="5"/>
      <c r="AB4859" s="5" t="s">
        <v>43</v>
      </c>
      <c r="AC4859" s="5" t="s">
        <v>44</v>
      </c>
      <c r="AD4859" s="2"/>
      <c r="AE4859" s="1"/>
    </row>
    <row r="4860" spans="1:31" ht="14.45">
      <c r="A4860" s="11"/>
      <c r="B4860" s="20"/>
      <c r="C4860" s="2" t="s">
        <v>15042</v>
      </c>
      <c r="D4860" s="14" t="s">
        <v>15043</v>
      </c>
      <c r="E4860" s="2" t="s">
        <v>15044</v>
      </c>
      <c r="F4860" s="2" t="s">
        <v>14869</v>
      </c>
      <c r="G4860" s="8">
        <v>127</v>
      </c>
      <c r="H4860" s="5">
        <v>6</v>
      </c>
      <c r="I4860" s="5" t="s">
        <v>1518</v>
      </c>
      <c r="J4860" s="5" t="s">
        <v>1519</v>
      </c>
      <c r="K4860" s="2" t="s">
        <v>1520</v>
      </c>
      <c r="L4860" s="5" t="s">
        <v>1519</v>
      </c>
      <c r="M4860" s="2" t="s">
        <v>1520</v>
      </c>
      <c r="N4860" s="5" t="s">
        <v>1521</v>
      </c>
      <c r="O4860" s="5" t="s">
        <v>38</v>
      </c>
      <c r="P4860" s="5" t="s">
        <v>39</v>
      </c>
      <c r="Q4860" s="5" t="s">
        <v>40</v>
      </c>
      <c r="R4860" s="5" t="s">
        <v>1522</v>
      </c>
      <c r="S4860" s="5" t="s">
        <v>1523</v>
      </c>
      <c r="T4860" s="5" t="s">
        <v>42</v>
      </c>
      <c r="U4860" s="2">
        <v>1.486</v>
      </c>
      <c r="V4860" s="2">
        <v>1.129</v>
      </c>
      <c r="W4860" s="2">
        <v>8.9999999999999993E-3</v>
      </c>
      <c r="X4860" s="2">
        <v>106.5</v>
      </c>
      <c r="Y4860" s="2">
        <v>7.6</v>
      </c>
      <c r="Z4860" s="2">
        <v>10.6</v>
      </c>
      <c r="AA4860" s="5"/>
      <c r="AB4860" s="5" t="s">
        <v>43</v>
      </c>
      <c r="AC4860" s="5" t="s">
        <v>44</v>
      </c>
      <c r="AD4860" s="2"/>
      <c r="AE4860" s="1"/>
    </row>
    <row r="4861" spans="1:31" ht="14.45">
      <c r="A4861" s="11"/>
      <c r="B4861" s="20"/>
      <c r="C4861" s="2" t="s">
        <v>15045</v>
      </c>
      <c r="D4861" s="14" t="s">
        <v>15046</v>
      </c>
      <c r="E4861" s="2" t="s">
        <v>15047</v>
      </c>
      <c r="F4861" s="2" t="s">
        <v>14873</v>
      </c>
      <c r="G4861" s="8">
        <v>127</v>
      </c>
      <c r="H4861" s="5">
        <v>6</v>
      </c>
      <c r="I4861" s="5" t="s">
        <v>1518</v>
      </c>
      <c r="J4861" s="5" t="s">
        <v>1519</v>
      </c>
      <c r="K4861" s="2" t="s">
        <v>1520</v>
      </c>
      <c r="L4861" s="5" t="s">
        <v>1519</v>
      </c>
      <c r="M4861" s="2" t="s">
        <v>1520</v>
      </c>
      <c r="N4861" s="5" t="s">
        <v>1521</v>
      </c>
      <c r="O4861" s="5" t="s">
        <v>38</v>
      </c>
      <c r="P4861" s="5" t="s">
        <v>39</v>
      </c>
      <c r="Q4861" s="5" t="s">
        <v>40</v>
      </c>
      <c r="R4861" s="5" t="s">
        <v>1522</v>
      </c>
      <c r="S4861" s="5" t="s">
        <v>1523</v>
      </c>
      <c r="T4861" s="5" t="s">
        <v>42</v>
      </c>
      <c r="U4861" s="2">
        <v>1.522</v>
      </c>
      <c r="V4861" s="2">
        <v>1.165</v>
      </c>
      <c r="W4861" s="2">
        <v>8.9999999999999993E-3</v>
      </c>
      <c r="X4861" s="2">
        <v>106.5</v>
      </c>
      <c r="Y4861" s="2">
        <v>7.6</v>
      </c>
      <c r="Z4861" s="2">
        <v>10.6</v>
      </c>
      <c r="AA4861" s="5"/>
      <c r="AB4861" s="5" t="s">
        <v>43</v>
      </c>
      <c r="AC4861" s="5" t="s">
        <v>44</v>
      </c>
      <c r="AD4861" s="2"/>
      <c r="AE4861" s="1"/>
    </row>
    <row r="4862" spans="1:31" ht="14.45">
      <c r="A4862" s="11"/>
      <c r="B4862" s="20"/>
      <c r="C4862" s="2" t="s">
        <v>15048</v>
      </c>
      <c r="D4862" s="14" t="s">
        <v>15049</v>
      </c>
      <c r="E4862" s="2" t="s">
        <v>15050</v>
      </c>
      <c r="F4862" s="2" t="s">
        <v>14877</v>
      </c>
      <c r="G4862" s="8">
        <v>127</v>
      </c>
      <c r="H4862" s="5">
        <v>6</v>
      </c>
      <c r="I4862" s="5" t="s">
        <v>1518</v>
      </c>
      <c r="J4862" s="5" t="s">
        <v>1519</v>
      </c>
      <c r="K4862" s="2" t="s">
        <v>1520</v>
      </c>
      <c r="L4862" s="5" t="s">
        <v>1519</v>
      </c>
      <c r="M4862" s="2" t="s">
        <v>1520</v>
      </c>
      <c r="N4862" s="5" t="s">
        <v>1521</v>
      </c>
      <c r="O4862" s="5" t="s">
        <v>38</v>
      </c>
      <c r="P4862" s="5" t="s">
        <v>39</v>
      </c>
      <c r="Q4862" s="5" t="s">
        <v>40</v>
      </c>
      <c r="R4862" s="5" t="s">
        <v>1522</v>
      </c>
      <c r="S4862" s="5" t="s">
        <v>1523</v>
      </c>
      <c r="T4862" s="5" t="s">
        <v>42</v>
      </c>
      <c r="U4862" s="2">
        <v>1.5049999999999999</v>
      </c>
      <c r="V4862" s="2">
        <v>1.1479999999999999</v>
      </c>
      <c r="W4862" s="2">
        <v>8.9999999999999993E-3</v>
      </c>
      <c r="X4862" s="2">
        <v>106.5</v>
      </c>
      <c r="Y4862" s="2">
        <v>7.6</v>
      </c>
      <c r="Z4862" s="2">
        <v>10.6</v>
      </c>
      <c r="AA4862" s="5"/>
      <c r="AB4862" s="5" t="s">
        <v>43</v>
      </c>
      <c r="AC4862" s="5" t="s">
        <v>44</v>
      </c>
      <c r="AD4862" s="2"/>
      <c r="AE4862" s="1"/>
    </row>
    <row r="4863" spans="1:31" ht="14.45">
      <c r="A4863" s="11"/>
      <c r="B4863" s="20"/>
      <c r="C4863" s="2" t="s">
        <v>15051</v>
      </c>
      <c r="D4863" s="14" t="s">
        <v>15052</v>
      </c>
      <c r="E4863" s="2" t="s">
        <v>15053</v>
      </c>
      <c r="F4863" s="2" t="s">
        <v>14881</v>
      </c>
      <c r="G4863" s="8">
        <v>127</v>
      </c>
      <c r="H4863" s="5">
        <v>6</v>
      </c>
      <c r="I4863" s="5" t="s">
        <v>1518</v>
      </c>
      <c r="J4863" s="5" t="s">
        <v>1519</v>
      </c>
      <c r="K4863" s="2" t="s">
        <v>1520</v>
      </c>
      <c r="L4863" s="5" t="s">
        <v>1519</v>
      </c>
      <c r="M4863" s="2" t="s">
        <v>1520</v>
      </c>
      <c r="N4863" s="5" t="s">
        <v>1521</v>
      </c>
      <c r="O4863" s="5" t="s">
        <v>38</v>
      </c>
      <c r="P4863" s="5" t="s">
        <v>39</v>
      </c>
      <c r="Q4863" s="5" t="s">
        <v>40</v>
      </c>
      <c r="R4863" s="5" t="s">
        <v>1522</v>
      </c>
      <c r="S4863" s="5" t="s">
        <v>1523</v>
      </c>
      <c r="T4863" s="5" t="s">
        <v>42</v>
      </c>
      <c r="U4863" s="2">
        <v>1.5409999999999999</v>
      </c>
      <c r="V4863" s="2">
        <v>1.1839999999999999</v>
      </c>
      <c r="W4863" s="2">
        <v>8.9999999999999993E-3</v>
      </c>
      <c r="X4863" s="2">
        <v>106.5</v>
      </c>
      <c r="Y4863" s="2">
        <v>7.6</v>
      </c>
      <c r="Z4863" s="2">
        <v>10.6</v>
      </c>
      <c r="AA4863" s="5"/>
      <c r="AB4863" s="5" t="s">
        <v>43</v>
      </c>
      <c r="AC4863" s="5" t="s">
        <v>44</v>
      </c>
      <c r="AD4863" s="2"/>
      <c r="AE4863" s="1"/>
    </row>
    <row r="4864" spans="1:31" ht="14.45">
      <c r="A4864" s="11"/>
      <c r="B4864" s="20"/>
      <c r="C4864" s="2" t="s">
        <v>15054</v>
      </c>
      <c r="D4864" s="14" t="s">
        <v>15055</v>
      </c>
      <c r="E4864" s="2" t="s">
        <v>15056</v>
      </c>
      <c r="F4864" s="2" t="s">
        <v>14885</v>
      </c>
      <c r="G4864" s="8">
        <v>127</v>
      </c>
      <c r="H4864" s="5">
        <v>6</v>
      </c>
      <c r="I4864" s="5" t="s">
        <v>1518</v>
      </c>
      <c r="J4864" s="5" t="s">
        <v>1519</v>
      </c>
      <c r="K4864" s="2" t="s">
        <v>1520</v>
      </c>
      <c r="L4864" s="5" t="s">
        <v>1519</v>
      </c>
      <c r="M4864" s="2" t="s">
        <v>1520</v>
      </c>
      <c r="N4864" s="5" t="s">
        <v>1521</v>
      </c>
      <c r="O4864" s="5" t="s">
        <v>38</v>
      </c>
      <c r="P4864" s="5" t="s">
        <v>39</v>
      </c>
      <c r="Q4864" s="5" t="s">
        <v>40</v>
      </c>
      <c r="R4864" s="5" t="s">
        <v>1522</v>
      </c>
      <c r="S4864" s="5" t="s">
        <v>1523</v>
      </c>
      <c r="T4864" s="5" t="s">
        <v>42</v>
      </c>
      <c r="U4864" s="2">
        <v>1.5049999999999999</v>
      </c>
      <c r="V4864" s="2">
        <v>1.1479999999999999</v>
      </c>
      <c r="W4864" s="2">
        <v>8.9999999999999993E-3</v>
      </c>
      <c r="X4864" s="2">
        <v>106.5</v>
      </c>
      <c r="Y4864" s="2">
        <v>7.6</v>
      </c>
      <c r="Z4864" s="2">
        <v>10.6</v>
      </c>
      <c r="AA4864" s="5"/>
      <c r="AB4864" s="5" t="s">
        <v>43</v>
      </c>
      <c r="AC4864" s="5" t="s">
        <v>44</v>
      </c>
      <c r="AD4864" s="2"/>
      <c r="AE4864" s="1"/>
    </row>
    <row r="4865" spans="1:31" ht="14.45">
      <c r="A4865" s="11"/>
      <c r="B4865" s="20"/>
      <c r="C4865" s="2" t="s">
        <v>15057</v>
      </c>
      <c r="D4865" s="14" t="s">
        <v>15058</v>
      </c>
      <c r="E4865" s="2" t="s">
        <v>15059</v>
      </c>
      <c r="F4865" s="2" t="s">
        <v>14889</v>
      </c>
      <c r="G4865" s="8">
        <v>127</v>
      </c>
      <c r="H4865" s="5">
        <v>6</v>
      </c>
      <c r="I4865" s="5" t="s">
        <v>1518</v>
      </c>
      <c r="J4865" s="5" t="s">
        <v>1519</v>
      </c>
      <c r="K4865" s="2" t="s">
        <v>1520</v>
      </c>
      <c r="L4865" s="5" t="s">
        <v>1519</v>
      </c>
      <c r="M4865" s="2" t="s">
        <v>1520</v>
      </c>
      <c r="N4865" s="5" t="s">
        <v>1521</v>
      </c>
      <c r="O4865" s="5" t="s">
        <v>38</v>
      </c>
      <c r="P4865" s="5" t="s">
        <v>39</v>
      </c>
      <c r="Q4865" s="5" t="s">
        <v>40</v>
      </c>
      <c r="R4865" s="5" t="s">
        <v>1522</v>
      </c>
      <c r="S4865" s="5" t="s">
        <v>1523</v>
      </c>
      <c r="T4865" s="5" t="s">
        <v>42</v>
      </c>
      <c r="U4865" s="2">
        <v>1.5409999999999999</v>
      </c>
      <c r="V4865" s="2">
        <v>1.1839999999999999</v>
      </c>
      <c r="W4865" s="2">
        <v>8.9999999999999993E-3</v>
      </c>
      <c r="X4865" s="2">
        <v>106.5</v>
      </c>
      <c r="Y4865" s="2">
        <v>7.6</v>
      </c>
      <c r="Z4865" s="2">
        <v>10.6</v>
      </c>
      <c r="AA4865" s="5"/>
      <c r="AB4865" s="5" t="s">
        <v>43</v>
      </c>
      <c r="AC4865" s="5" t="s">
        <v>44</v>
      </c>
      <c r="AD4865" s="2"/>
      <c r="AE4865" s="1"/>
    </row>
    <row r="4866" spans="1:31" ht="14.45">
      <c r="A4866" s="11"/>
      <c r="B4866" s="20"/>
      <c r="C4866" s="2" t="s">
        <v>15060</v>
      </c>
      <c r="D4866" s="14" t="s">
        <v>15061</v>
      </c>
      <c r="E4866" s="2" t="s">
        <v>15062</v>
      </c>
      <c r="F4866" s="2" t="s">
        <v>14893</v>
      </c>
      <c r="G4866" s="8">
        <v>127</v>
      </c>
      <c r="H4866" s="5">
        <v>6</v>
      </c>
      <c r="I4866" s="5" t="s">
        <v>1518</v>
      </c>
      <c r="J4866" s="5" t="s">
        <v>1519</v>
      </c>
      <c r="K4866" s="2" t="s">
        <v>1520</v>
      </c>
      <c r="L4866" s="5" t="s">
        <v>1519</v>
      </c>
      <c r="M4866" s="2" t="s">
        <v>1520</v>
      </c>
      <c r="N4866" s="5" t="s">
        <v>1521</v>
      </c>
      <c r="O4866" s="5" t="s">
        <v>38</v>
      </c>
      <c r="P4866" s="5" t="s">
        <v>39</v>
      </c>
      <c r="Q4866" s="5" t="s">
        <v>40</v>
      </c>
      <c r="R4866" s="5" t="s">
        <v>1522</v>
      </c>
      <c r="S4866" s="5" t="s">
        <v>1523</v>
      </c>
      <c r="T4866" s="5" t="s">
        <v>42</v>
      </c>
      <c r="U4866" s="2">
        <v>1.486</v>
      </c>
      <c r="V4866" s="2">
        <v>1.129</v>
      </c>
      <c r="W4866" s="2">
        <v>8.9999999999999993E-3</v>
      </c>
      <c r="X4866" s="2">
        <v>106.5</v>
      </c>
      <c r="Y4866" s="2">
        <v>7.6</v>
      </c>
      <c r="Z4866" s="2">
        <v>10.6</v>
      </c>
      <c r="AA4866" s="5"/>
      <c r="AB4866" s="5" t="s">
        <v>43</v>
      </c>
      <c r="AC4866" s="5" t="s">
        <v>44</v>
      </c>
      <c r="AD4866" s="2"/>
      <c r="AE4866" s="1"/>
    </row>
    <row r="4867" spans="1:31" ht="14.45">
      <c r="A4867" s="11"/>
      <c r="B4867" s="20"/>
      <c r="C4867" s="2" t="s">
        <v>15063</v>
      </c>
      <c r="D4867" s="14" t="s">
        <v>15064</v>
      </c>
      <c r="E4867" s="2" t="s">
        <v>15065</v>
      </c>
      <c r="F4867" s="2" t="s">
        <v>14897</v>
      </c>
      <c r="G4867" s="8">
        <v>127</v>
      </c>
      <c r="H4867" s="5">
        <v>6</v>
      </c>
      <c r="I4867" s="5" t="s">
        <v>1518</v>
      </c>
      <c r="J4867" s="5" t="s">
        <v>1519</v>
      </c>
      <c r="K4867" s="2" t="s">
        <v>1520</v>
      </c>
      <c r="L4867" s="5" t="s">
        <v>1519</v>
      </c>
      <c r="M4867" s="2" t="s">
        <v>1520</v>
      </c>
      <c r="N4867" s="5" t="s">
        <v>1521</v>
      </c>
      <c r="O4867" s="5" t="s">
        <v>38</v>
      </c>
      <c r="P4867" s="5" t="s">
        <v>39</v>
      </c>
      <c r="Q4867" s="5" t="s">
        <v>40</v>
      </c>
      <c r="R4867" s="5" t="s">
        <v>1522</v>
      </c>
      <c r="S4867" s="5" t="s">
        <v>1523</v>
      </c>
      <c r="T4867" s="5" t="s">
        <v>42</v>
      </c>
      <c r="U4867" s="2">
        <v>1.522</v>
      </c>
      <c r="V4867" s="2">
        <v>1.165</v>
      </c>
      <c r="W4867" s="2">
        <v>8.9999999999999993E-3</v>
      </c>
      <c r="X4867" s="2">
        <v>106.5</v>
      </c>
      <c r="Y4867" s="2">
        <v>7.6</v>
      </c>
      <c r="Z4867" s="2">
        <v>10.6</v>
      </c>
      <c r="AA4867" s="5"/>
      <c r="AB4867" s="5" t="s">
        <v>43</v>
      </c>
      <c r="AC4867" s="5" t="s">
        <v>44</v>
      </c>
      <c r="AD4867" s="2"/>
      <c r="AE4867" s="1"/>
    </row>
    <row r="4868" spans="1:31" ht="14.45">
      <c r="A4868" s="11"/>
      <c r="B4868" s="20"/>
      <c r="C4868" s="2" t="s">
        <v>15066</v>
      </c>
      <c r="D4868" s="14" t="s">
        <v>15067</v>
      </c>
      <c r="E4868" s="2" t="s">
        <v>15068</v>
      </c>
      <c r="F4868" s="2" t="s">
        <v>14869</v>
      </c>
      <c r="G4868" s="8">
        <v>131</v>
      </c>
      <c r="H4868" s="5">
        <v>6</v>
      </c>
      <c r="I4868" s="5" t="s">
        <v>1518</v>
      </c>
      <c r="J4868" s="5" t="s">
        <v>1519</v>
      </c>
      <c r="K4868" s="2" t="s">
        <v>1520</v>
      </c>
      <c r="L4868" s="5" t="s">
        <v>1519</v>
      </c>
      <c r="M4868" s="2" t="s">
        <v>1520</v>
      </c>
      <c r="N4868" s="5" t="s">
        <v>1521</v>
      </c>
      <c r="O4868" s="5" t="s">
        <v>38</v>
      </c>
      <c r="P4868" s="5" t="s">
        <v>39</v>
      </c>
      <c r="Q4868" s="5" t="s">
        <v>40</v>
      </c>
      <c r="R4868" s="5" t="s">
        <v>1522</v>
      </c>
      <c r="S4868" s="5" t="s">
        <v>1523</v>
      </c>
      <c r="T4868" s="5" t="s">
        <v>42</v>
      </c>
      <c r="U4868" s="2">
        <v>1.667</v>
      </c>
      <c r="V4868" s="2">
        <v>1.25</v>
      </c>
      <c r="W4868" s="2">
        <v>0.01</v>
      </c>
      <c r="X4868" s="2">
        <v>128.5</v>
      </c>
      <c r="Y4868" s="2">
        <v>7.6</v>
      </c>
      <c r="Z4868" s="2">
        <v>10.6</v>
      </c>
      <c r="AA4868" s="5"/>
      <c r="AB4868" s="5" t="s">
        <v>43</v>
      </c>
      <c r="AC4868" s="5" t="s">
        <v>44</v>
      </c>
      <c r="AD4868" s="2"/>
      <c r="AE4868" s="1"/>
    </row>
    <row r="4869" spans="1:31" ht="14.45">
      <c r="A4869" s="11"/>
      <c r="B4869" s="20"/>
      <c r="C4869" s="2" t="s">
        <v>15069</v>
      </c>
      <c r="D4869" s="14" t="s">
        <v>15070</v>
      </c>
      <c r="E4869" s="2" t="s">
        <v>15071</v>
      </c>
      <c r="F4869" s="2" t="s">
        <v>14873</v>
      </c>
      <c r="G4869" s="8">
        <v>131</v>
      </c>
      <c r="H4869" s="5">
        <v>6</v>
      </c>
      <c r="I4869" s="5" t="s">
        <v>1518</v>
      </c>
      <c r="J4869" s="5" t="s">
        <v>1519</v>
      </c>
      <c r="K4869" s="2" t="s">
        <v>1520</v>
      </c>
      <c r="L4869" s="5" t="s">
        <v>1519</v>
      </c>
      <c r="M4869" s="2" t="s">
        <v>1520</v>
      </c>
      <c r="N4869" s="5" t="s">
        <v>1521</v>
      </c>
      <c r="O4869" s="5" t="s">
        <v>38</v>
      </c>
      <c r="P4869" s="5" t="s">
        <v>39</v>
      </c>
      <c r="Q4869" s="5" t="s">
        <v>40</v>
      </c>
      <c r="R4869" s="5" t="s">
        <v>1522</v>
      </c>
      <c r="S4869" s="5" t="s">
        <v>1523</v>
      </c>
      <c r="T4869" s="5" t="s">
        <v>42</v>
      </c>
      <c r="U4869" s="2">
        <v>1.7070000000000001</v>
      </c>
      <c r="V4869" s="2">
        <v>1.29</v>
      </c>
      <c r="W4869" s="2">
        <v>0.01</v>
      </c>
      <c r="X4869" s="2">
        <v>128.5</v>
      </c>
      <c r="Y4869" s="2">
        <v>7.6</v>
      </c>
      <c r="Z4869" s="2">
        <v>10.6</v>
      </c>
      <c r="AA4869" s="5"/>
      <c r="AB4869" s="5" t="s">
        <v>43</v>
      </c>
      <c r="AC4869" s="5" t="s">
        <v>44</v>
      </c>
      <c r="AD4869" s="2"/>
      <c r="AE4869" s="1"/>
    </row>
    <row r="4870" spans="1:31" ht="14.45">
      <c r="A4870" s="11"/>
      <c r="B4870" s="20"/>
      <c r="C4870" s="2" t="s">
        <v>15072</v>
      </c>
      <c r="D4870" s="14" t="s">
        <v>15073</v>
      </c>
      <c r="E4870" s="2" t="s">
        <v>15074</v>
      </c>
      <c r="F4870" s="2" t="s">
        <v>14877</v>
      </c>
      <c r="G4870" s="8">
        <v>131</v>
      </c>
      <c r="H4870" s="5">
        <v>6</v>
      </c>
      <c r="I4870" s="5" t="s">
        <v>1518</v>
      </c>
      <c r="J4870" s="5" t="s">
        <v>1519</v>
      </c>
      <c r="K4870" s="2" t="s">
        <v>1520</v>
      </c>
      <c r="L4870" s="5" t="s">
        <v>1519</v>
      </c>
      <c r="M4870" s="2" t="s">
        <v>1520</v>
      </c>
      <c r="N4870" s="5" t="s">
        <v>1521</v>
      </c>
      <c r="O4870" s="5" t="s">
        <v>38</v>
      </c>
      <c r="P4870" s="5" t="s">
        <v>39</v>
      </c>
      <c r="Q4870" s="5" t="s">
        <v>40</v>
      </c>
      <c r="R4870" s="5" t="s">
        <v>1522</v>
      </c>
      <c r="S4870" s="5" t="s">
        <v>1523</v>
      </c>
      <c r="T4870" s="5" t="s">
        <v>42</v>
      </c>
      <c r="U4870" s="2">
        <v>1.69</v>
      </c>
      <c r="V4870" s="2">
        <v>1.2729999999999999</v>
      </c>
      <c r="W4870" s="2">
        <v>0.01</v>
      </c>
      <c r="X4870" s="2">
        <v>128.5</v>
      </c>
      <c r="Y4870" s="2">
        <v>7.6</v>
      </c>
      <c r="Z4870" s="2">
        <v>10.6</v>
      </c>
      <c r="AA4870" s="5"/>
      <c r="AB4870" s="5" t="s">
        <v>43</v>
      </c>
      <c r="AC4870" s="5" t="s">
        <v>44</v>
      </c>
      <c r="AD4870" s="2"/>
      <c r="AE4870" s="1"/>
    </row>
    <row r="4871" spans="1:31" ht="14.45">
      <c r="A4871" s="11"/>
      <c r="B4871" s="20"/>
      <c r="C4871" s="2" t="s">
        <v>15075</v>
      </c>
      <c r="D4871" s="14" t="s">
        <v>15076</v>
      </c>
      <c r="E4871" s="2" t="s">
        <v>15077</v>
      </c>
      <c r="F4871" s="2" t="s">
        <v>14881</v>
      </c>
      <c r="G4871" s="8">
        <v>131</v>
      </c>
      <c r="H4871" s="5">
        <v>6</v>
      </c>
      <c r="I4871" s="5" t="s">
        <v>1518</v>
      </c>
      <c r="J4871" s="5" t="s">
        <v>1519</v>
      </c>
      <c r="K4871" s="2" t="s">
        <v>1520</v>
      </c>
      <c r="L4871" s="5" t="s">
        <v>1519</v>
      </c>
      <c r="M4871" s="2" t="s">
        <v>1520</v>
      </c>
      <c r="N4871" s="5" t="s">
        <v>1521</v>
      </c>
      <c r="O4871" s="5" t="s">
        <v>38</v>
      </c>
      <c r="P4871" s="5" t="s">
        <v>39</v>
      </c>
      <c r="Q4871" s="5" t="s">
        <v>40</v>
      </c>
      <c r="R4871" s="5" t="s">
        <v>1522</v>
      </c>
      <c r="S4871" s="5" t="s">
        <v>1523</v>
      </c>
      <c r="T4871" s="5" t="s">
        <v>42</v>
      </c>
      <c r="U4871" s="2">
        <v>1.73</v>
      </c>
      <c r="V4871" s="2">
        <v>1.3129999999999999</v>
      </c>
      <c r="W4871" s="2">
        <v>0.01</v>
      </c>
      <c r="X4871" s="2">
        <v>128.5</v>
      </c>
      <c r="Y4871" s="2">
        <v>7.6</v>
      </c>
      <c r="Z4871" s="2">
        <v>10.6</v>
      </c>
      <c r="AA4871" s="5"/>
      <c r="AB4871" s="5" t="s">
        <v>43</v>
      </c>
      <c r="AC4871" s="5" t="s">
        <v>44</v>
      </c>
      <c r="AD4871" s="2"/>
      <c r="AE4871" s="1"/>
    </row>
    <row r="4872" spans="1:31" ht="14.45">
      <c r="A4872" s="11"/>
      <c r="B4872" s="20"/>
      <c r="C4872" s="2" t="s">
        <v>15078</v>
      </c>
      <c r="D4872" s="14" t="s">
        <v>15079</v>
      </c>
      <c r="E4872" s="2" t="s">
        <v>15080</v>
      </c>
      <c r="F4872" s="2" t="s">
        <v>14885</v>
      </c>
      <c r="G4872" s="8">
        <v>131</v>
      </c>
      <c r="H4872" s="5">
        <v>6</v>
      </c>
      <c r="I4872" s="5" t="s">
        <v>1518</v>
      </c>
      <c r="J4872" s="5" t="s">
        <v>1519</v>
      </c>
      <c r="K4872" s="2" t="s">
        <v>1520</v>
      </c>
      <c r="L4872" s="5" t="s">
        <v>1519</v>
      </c>
      <c r="M4872" s="2" t="s">
        <v>1520</v>
      </c>
      <c r="N4872" s="5" t="s">
        <v>1521</v>
      </c>
      <c r="O4872" s="5" t="s">
        <v>38</v>
      </c>
      <c r="P4872" s="5" t="s">
        <v>39</v>
      </c>
      <c r="Q4872" s="5" t="s">
        <v>40</v>
      </c>
      <c r="R4872" s="5" t="s">
        <v>1522</v>
      </c>
      <c r="S4872" s="5" t="s">
        <v>1523</v>
      </c>
      <c r="T4872" s="5" t="s">
        <v>42</v>
      </c>
      <c r="U4872" s="2">
        <v>1.69</v>
      </c>
      <c r="V4872" s="2">
        <v>1.2729999999999999</v>
      </c>
      <c r="W4872" s="2">
        <v>0.01</v>
      </c>
      <c r="X4872" s="2">
        <v>128.5</v>
      </c>
      <c r="Y4872" s="2">
        <v>7.6</v>
      </c>
      <c r="Z4872" s="2">
        <v>10.6</v>
      </c>
      <c r="AA4872" s="5"/>
      <c r="AB4872" s="5" t="s">
        <v>43</v>
      </c>
      <c r="AC4872" s="5" t="s">
        <v>44</v>
      </c>
      <c r="AD4872" s="2"/>
      <c r="AE4872" s="1"/>
    </row>
    <row r="4873" spans="1:31" ht="14.45">
      <c r="A4873" s="11"/>
      <c r="B4873" s="20"/>
      <c r="C4873" s="2" t="s">
        <v>15081</v>
      </c>
      <c r="D4873" s="14" t="s">
        <v>15082</v>
      </c>
      <c r="E4873" s="2" t="s">
        <v>15083</v>
      </c>
      <c r="F4873" s="2" t="s">
        <v>14889</v>
      </c>
      <c r="G4873" s="8">
        <v>131</v>
      </c>
      <c r="H4873" s="5">
        <v>6</v>
      </c>
      <c r="I4873" s="5" t="s">
        <v>1518</v>
      </c>
      <c r="J4873" s="5" t="s">
        <v>1519</v>
      </c>
      <c r="K4873" s="2" t="s">
        <v>1520</v>
      </c>
      <c r="L4873" s="5" t="s">
        <v>1519</v>
      </c>
      <c r="M4873" s="2" t="s">
        <v>1520</v>
      </c>
      <c r="N4873" s="5" t="s">
        <v>1521</v>
      </c>
      <c r="O4873" s="5" t="s">
        <v>38</v>
      </c>
      <c r="P4873" s="5" t="s">
        <v>39</v>
      </c>
      <c r="Q4873" s="5" t="s">
        <v>40</v>
      </c>
      <c r="R4873" s="5" t="s">
        <v>1522</v>
      </c>
      <c r="S4873" s="5" t="s">
        <v>1523</v>
      </c>
      <c r="T4873" s="5" t="s">
        <v>42</v>
      </c>
      <c r="U4873" s="2">
        <v>1.73</v>
      </c>
      <c r="V4873" s="2">
        <v>1.3129999999999999</v>
      </c>
      <c r="W4873" s="2">
        <v>0.01</v>
      </c>
      <c r="X4873" s="2">
        <v>128.5</v>
      </c>
      <c r="Y4873" s="2">
        <v>7.6</v>
      </c>
      <c r="Z4873" s="2">
        <v>10.6</v>
      </c>
      <c r="AA4873" s="5"/>
      <c r="AB4873" s="5" t="s">
        <v>43</v>
      </c>
      <c r="AC4873" s="5" t="s">
        <v>44</v>
      </c>
      <c r="AD4873" s="2"/>
      <c r="AE4873" s="1"/>
    </row>
    <row r="4874" spans="1:31" ht="14.45">
      <c r="A4874" s="11"/>
      <c r="B4874" s="20"/>
      <c r="C4874" s="2" t="s">
        <v>15084</v>
      </c>
      <c r="D4874" s="14" t="s">
        <v>15085</v>
      </c>
      <c r="E4874" s="2" t="s">
        <v>15086</v>
      </c>
      <c r="F4874" s="2" t="s">
        <v>14893</v>
      </c>
      <c r="G4874" s="8">
        <v>131</v>
      </c>
      <c r="H4874" s="5">
        <v>6</v>
      </c>
      <c r="I4874" s="5" t="s">
        <v>1518</v>
      </c>
      <c r="J4874" s="5" t="s">
        <v>1519</v>
      </c>
      <c r="K4874" s="2" t="s">
        <v>1520</v>
      </c>
      <c r="L4874" s="5" t="s">
        <v>1519</v>
      </c>
      <c r="M4874" s="2" t="s">
        <v>1520</v>
      </c>
      <c r="N4874" s="5" t="s">
        <v>1521</v>
      </c>
      <c r="O4874" s="5" t="s">
        <v>38</v>
      </c>
      <c r="P4874" s="5" t="s">
        <v>39</v>
      </c>
      <c r="Q4874" s="5" t="s">
        <v>40</v>
      </c>
      <c r="R4874" s="5" t="s">
        <v>1522</v>
      </c>
      <c r="S4874" s="5" t="s">
        <v>1523</v>
      </c>
      <c r="T4874" s="5" t="s">
        <v>42</v>
      </c>
      <c r="U4874" s="2">
        <v>1.667</v>
      </c>
      <c r="V4874" s="2">
        <v>1.25</v>
      </c>
      <c r="W4874" s="2">
        <v>0.01</v>
      </c>
      <c r="X4874" s="2">
        <v>128.5</v>
      </c>
      <c r="Y4874" s="2">
        <v>7.6</v>
      </c>
      <c r="Z4874" s="2">
        <v>10.6</v>
      </c>
      <c r="AA4874" s="5"/>
      <c r="AB4874" s="5" t="s">
        <v>43</v>
      </c>
      <c r="AC4874" s="5" t="s">
        <v>44</v>
      </c>
      <c r="AD4874" s="2"/>
      <c r="AE4874" s="1"/>
    </row>
    <row r="4875" spans="1:31" ht="14.45">
      <c r="A4875" s="11"/>
      <c r="B4875" s="20"/>
      <c r="C4875" s="2" t="s">
        <v>15087</v>
      </c>
      <c r="D4875" s="14" t="s">
        <v>15088</v>
      </c>
      <c r="E4875" s="2" t="s">
        <v>15089</v>
      </c>
      <c r="F4875" s="2" t="s">
        <v>14897</v>
      </c>
      <c r="G4875" s="8">
        <v>131</v>
      </c>
      <c r="H4875" s="5">
        <v>6</v>
      </c>
      <c r="I4875" s="5" t="s">
        <v>1518</v>
      </c>
      <c r="J4875" s="5" t="s">
        <v>1519</v>
      </c>
      <c r="K4875" s="2" t="s">
        <v>1520</v>
      </c>
      <c r="L4875" s="5" t="s">
        <v>1519</v>
      </c>
      <c r="M4875" s="2" t="s">
        <v>1520</v>
      </c>
      <c r="N4875" s="5" t="s">
        <v>1521</v>
      </c>
      <c r="O4875" s="5" t="s">
        <v>38</v>
      </c>
      <c r="P4875" s="5" t="s">
        <v>39</v>
      </c>
      <c r="Q4875" s="5" t="s">
        <v>40</v>
      </c>
      <c r="R4875" s="5" t="s">
        <v>1522</v>
      </c>
      <c r="S4875" s="5" t="s">
        <v>1523</v>
      </c>
      <c r="T4875" s="5" t="s">
        <v>42</v>
      </c>
      <c r="U4875" s="2">
        <v>1.7070000000000001</v>
      </c>
      <c r="V4875" s="2">
        <v>1.29</v>
      </c>
      <c r="W4875" s="2">
        <v>0.01</v>
      </c>
      <c r="X4875" s="2">
        <v>128.5</v>
      </c>
      <c r="Y4875" s="2">
        <v>7.6</v>
      </c>
      <c r="Z4875" s="2">
        <v>10.6</v>
      </c>
      <c r="AA4875" s="5"/>
      <c r="AB4875" s="5" t="s">
        <v>43</v>
      </c>
      <c r="AC4875" s="5" t="s">
        <v>44</v>
      </c>
      <c r="AD4875" s="2"/>
      <c r="AE4875" s="1"/>
    </row>
    <row r="4876" spans="1:31" ht="14.45">
      <c r="A4876" s="11"/>
      <c r="B4876" s="20"/>
      <c r="C4876" s="2" t="s">
        <v>15090</v>
      </c>
      <c r="D4876" s="14" t="s">
        <v>15091</v>
      </c>
      <c r="E4876" s="2" t="s">
        <v>15092</v>
      </c>
      <c r="F4876" s="2" t="s">
        <v>14869</v>
      </c>
      <c r="G4876" s="8">
        <v>115</v>
      </c>
      <c r="H4876" s="5">
        <v>6</v>
      </c>
      <c r="I4876" s="5" t="s">
        <v>1518</v>
      </c>
      <c r="J4876" s="5" t="s">
        <v>1519</v>
      </c>
      <c r="K4876" s="2" t="s">
        <v>1520</v>
      </c>
      <c r="L4876" s="5" t="s">
        <v>1519</v>
      </c>
      <c r="M4876" s="2" t="s">
        <v>1520</v>
      </c>
      <c r="N4876" s="5" t="s">
        <v>1521</v>
      </c>
      <c r="O4876" s="5" t="s">
        <v>38</v>
      </c>
      <c r="P4876" s="5" t="s">
        <v>39</v>
      </c>
      <c r="Q4876" s="5" t="s">
        <v>40</v>
      </c>
      <c r="R4876" s="5" t="s">
        <v>1522</v>
      </c>
      <c r="S4876" s="5" t="s">
        <v>1523</v>
      </c>
      <c r="T4876" s="5" t="s">
        <v>42</v>
      </c>
      <c r="U4876" s="2">
        <v>1.3460000000000001</v>
      </c>
      <c r="V4876" s="2">
        <v>1.0509999999999999</v>
      </c>
      <c r="W4876" s="2">
        <v>7.0000000000000001E-3</v>
      </c>
      <c r="X4876" s="2">
        <v>86.5</v>
      </c>
      <c r="Y4876" s="2">
        <v>7.6</v>
      </c>
      <c r="Z4876" s="2">
        <v>10.6</v>
      </c>
      <c r="AA4876" s="5"/>
      <c r="AB4876" s="5" t="s">
        <v>43</v>
      </c>
      <c r="AC4876" s="5" t="s">
        <v>44</v>
      </c>
      <c r="AD4876" s="2"/>
      <c r="AE4876" s="1"/>
    </row>
    <row r="4877" spans="1:31" ht="14.45">
      <c r="A4877" s="11"/>
      <c r="B4877" s="20"/>
      <c r="C4877" s="2" t="s">
        <v>15093</v>
      </c>
      <c r="D4877" s="14" t="s">
        <v>15094</v>
      </c>
      <c r="E4877" s="2" t="s">
        <v>15095</v>
      </c>
      <c r="F4877" s="2" t="s">
        <v>14873</v>
      </c>
      <c r="G4877" s="8">
        <v>115</v>
      </c>
      <c r="H4877" s="5">
        <v>6</v>
      </c>
      <c r="I4877" s="5" t="s">
        <v>1518</v>
      </c>
      <c r="J4877" s="5" t="s">
        <v>1519</v>
      </c>
      <c r="K4877" s="2" t="s">
        <v>1520</v>
      </c>
      <c r="L4877" s="5" t="s">
        <v>1519</v>
      </c>
      <c r="M4877" s="2" t="s">
        <v>1520</v>
      </c>
      <c r="N4877" s="5" t="s">
        <v>1521</v>
      </c>
      <c r="O4877" s="5" t="s">
        <v>38</v>
      </c>
      <c r="P4877" s="5" t="s">
        <v>39</v>
      </c>
      <c r="Q4877" s="5" t="s">
        <v>40</v>
      </c>
      <c r="R4877" s="5" t="s">
        <v>1522</v>
      </c>
      <c r="S4877" s="5" t="s">
        <v>1523</v>
      </c>
      <c r="T4877" s="5" t="s">
        <v>42</v>
      </c>
      <c r="U4877" s="2">
        <v>1.379</v>
      </c>
      <c r="V4877" s="2">
        <v>1.0840000000000001</v>
      </c>
      <c r="W4877" s="2">
        <v>7.0000000000000001E-3</v>
      </c>
      <c r="X4877" s="2">
        <v>86.5</v>
      </c>
      <c r="Y4877" s="2">
        <v>7.6</v>
      </c>
      <c r="Z4877" s="2">
        <v>10.6</v>
      </c>
      <c r="AA4877" s="5"/>
      <c r="AB4877" s="5" t="s">
        <v>43</v>
      </c>
      <c r="AC4877" s="5" t="s">
        <v>44</v>
      </c>
      <c r="AD4877" s="2"/>
      <c r="AE4877" s="1"/>
    </row>
    <row r="4878" spans="1:31" ht="14.45">
      <c r="A4878" s="11"/>
      <c r="B4878" s="20"/>
      <c r="C4878" s="2" t="s">
        <v>15096</v>
      </c>
      <c r="D4878" s="14" t="s">
        <v>15097</v>
      </c>
      <c r="E4878" s="2" t="s">
        <v>15098</v>
      </c>
      <c r="F4878" s="2" t="s">
        <v>14877</v>
      </c>
      <c r="G4878" s="8">
        <v>115</v>
      </c>
      <c r="H4878" s="5">
        <v>6</v>
      </c>
      <c r="I4878" s="5" t="s">
        <v>1518</v>
      </c>
      <c r="J4878" s="5" t="s">
        <v>1519</v>
      </c>
      <c r="K4878" s="2" t="s">
        <v>1520</v>
      </c>
      <c r="L4878" s="5" t="s">
        <v>1519</v>
      </c>
      <c r="M4878" s="2" t="s">
        <v>1520</v>
      </c>
      <c r="N4878" s="5" t="s">
        <v>1521</v>
      </c>
      <c r="O4878" s="5" t="s">
        <v>38</v>
      </c>
      <c r="P4878" s="5" t="s">
        <v>39</v>
      </c>
      <c r="Q4878" s="5" t="s">
        <v>40</v>
      </c>
      <c r="R4878" s="5" t="s">
        <v>1522</v>
      </c>
      <c r="S4878" s="5" t="s">
        <v>1523</v>
      </c>
      <c r="T4878" s="5" t="s">
        <v>42</v>
      </c>
      <c r="U4878" s="2">
        <v>1.3620000000000001</v>
      </c>
      <c r="V4878" s="2">
        <v>1.0669999999999999</v>
      </c>
      <c r="W4878" s="2">
        <v>7.0000000000000001E-3</v>
      </c>
      <c r="X4878" s="2">
        <v>86.5</v>
      </c>
      <c r="Y4878" s="2">
        <v>7.6</v>
      </c>
      <c r="Z4878" s="2">
        <v>10.6</v>
      </c>
      <c r="AA4878" s="5"/>
      <c r="AB4878" s="5" t="s">
        <v>43</v>
      </c>
      <c r="AC4878" s="5" t="s">
        <v>44</v>
      </c>
      <c r="AD4878" s="2"/>
      <c r="AE4878" s="1"/>
    </row>
    <row r="4879" spans="1:31" ht="14.45">
      <c r="A4879" s="11"/>
      <c r="B4879" s="20"/>
      <c r="C4879" s="2" t="s">
        <v>15099</v>
      </c>
      <c r="D4879" s="14" t="s">
        <v>15100</v>
      </c>
      <c r="E4879" s="2" t="s">
        <v>15101</v>
      </c>
      <c r="F4879" s="2" t="s">
        <v>14881</v>
      </c>
      <c r="G4879" s="8">
        <v>115</v>
      </c>
      <c r="H4879" s="5">
        <v>6</v>
      </c>
      <c r="I4879" s="5" t="s">
        <v>1518</v>
      </c>
      <c r="J4879" s="5" t="s">
        <v>1519</v>
      </c>
      <c r="K4879" s="2" t="s">
        <v>1520</v>
      </c>
      <c r="L4879" s="5" t="s">
        <v>1519</v>
      </c>
      <c r="M4879" s="2" t="s">
        <v>1520</v>
      </c>
      <c r="N4879" s="5" t="s">
        <v>1521</v>
      </c>
      <c r="O4879" s="5" t="s">
        <v>38</v>
      </c>
      <c r="P4879" s="5" t="s">
        <v>39</v>
      </c>
      <c r="Q4879" s="5" t="s">
        <v>40</v>
      </c>
      <c r="R4879" s="5" t="s">
        <v>1522</v>
      </c>
      <c r="S4879" s="5" t="s">
        <v>1523</v>
      </c>
      <c r="T4879" s="5" t="s">
        <v>42</v>
      </c>
      <c r="U4879" s="2">
        <v>1.395</v>
      </c>
      <c r="V4879" s="2">
        <v>1.1000000000000001</v>
      </c>
      <c r="W4879" s="2">
        <v>7.0000000000000001E-3</v>
      </c>
      <c r="X4879" s="2">
        <v>86.5</v>
      </c>
      <c r="Y4879" s="2">
        <v>7.6</v>
      </c>
      <c r="Z4879" s="2">
        <v>10.6</v>
      </c>
      <c r="AA4879" s="5"/>
      <c r="AB4879" s="5" t="s">
        <v>43</v>
      </c>
      <c r="AC4879" s="5" t="s">
        <v>44</v>
      </c>
      <c r="AD4879" s="2"/>
      <c r="AE4879" s="1"/>
    </row>
    <row r="4880" spans="1:31" ht="14.45">
      <c r="A4880" s="11"/>
      <c r="B4880" s="20"/>
      <c r="C4880" s="2" t="s">
        <v>15102</v>
      </c>
      <c r="D4880" s="14" t="s">
        <v>15103</v>
      </c>
      <c r="E4880" s="2" t="s">
        <v>15104</v>
      </c>
      <c r="F4880" s="2" t="s">
        <v>14885</v>
      </c>
      <c r="G4880" s="8">
        <v>115</v>
      </c>
      <c r="H4880" s="5">
        <v>6</v>
      </c>
      <c r="I4880" s="5" t="s">
        <v>1518</v>
      </c>
      <c r="J4880" s="5" t="s">
        <v>1519</v>
      </c>
      <c r="K4880" s="2" t="s">
        <v>1520</v>
      </c>
      <c r="L4880" s="5" t="s">
        <v>1519</v>
      </c>
      <c r="M4880" s="2" t="s">
        <v>1520</v>
      </c>
      <c r="N4880" s="5" t="s">
        <v>1521</v>
      </c>
      <c r="O4880" s="5" t="s">
        <v>38</v>
      </c>
      <c r="P4880" s="5" t="s">
        <v>39</v>
      </c>
      <c r="Q4880" s="5" t="s">
        <v>40</v>
      </c>
      <c r="R4880" s="5" t="s">
        <v>1522</v>
      </c>
      <c r="S4880" s="5" t="s">
        <v>1523</v>
      </c>
      <c r="T4880" s="5" t="s">
        <v>42</v>
      </c>
      <c r="U4880" s="2">
        <v>1.3620000000000001</v>
      </c>
      <c r="V4880" s="2">
        <v>1.0669999999999999</v>
      </c>
      <c r="W4880" s="2">
        <v>7.0000000000000001E-3</v>
      </c>
      <c r="X4880" s="2">
        <v>86.5</v>
      </c>
      <c r="Y4880" s="2">
        <v>7.6</v>
      </c>
      <c r="Z4880" s="2">
        <v>10.6</v>
      </c>
      <c r="AA4880" s="5"/>
      <c r="AB4880" s="5" t="s">
        <v>43</v>
      </c>
      <c r="AC4880" s="5" t="s">
        <v>44</v>
      </c>
      <c r="AD4880" s="2"/>
      <c r="AE4880" s="1"/>
    </row>
    <row r="4881" spans="1:31" ht="14.45">
      <c r="A4881" s="11"/>
      <c r="B4881" s="20"/>
      <c r="C4881" s="2" t="s">
        <v>15105</v>
      </c>
      <c r="D4881" s="14" t="s">
        <v>15106</v>
      </c>
      <c r="E4881" s="2" t="s">
        <v>15107</v>
      </c>
      <c r="F4881" s="2" t="s">
        <v>14889</v>
      </c>
      <c r="G4881" s="8">
        <v>115</v>
      </c>
      <c r="H4881" s="5">
        <v>6</v>
      </c>
      <c r="I4881" s="5" t="s">
        <v>1518</v>
      </c>
      <c r="J4881" s="5" t="s">
        <v>1519</v>
      </c>
      <c r="K4881" s="2" t="s">
        <v>1520</v>
      </c>
      <c r="L4881" s="5" t="s">
        <v>1519</v>
      </c>
      <c r="M4881" s="2" t="s">
        <v>1520</v>
      </c>
      <c r="N4881" s="5" t="s">
        <v>1521</v>
      </c>
      <c r="O4881" s="5" t="s">
        <v>38</v>
      </c>
      <c r="P4881" s="5" t="s">
        <v>39</v>
      </c>
      <c r="Q4881" s="5" t="s">
        <v>40</v>
      </c>
      <c r="R4881" s="5" t="s">
        <v>1522</v>
      </c>
      <c r="S4881" s="5" t="s">
        <v>1523</v>
      </c>
      <c r="T4881" s="5" t="s">
        <v>42</v>
      </c>
      <c r="U4881" s="2">
        <v>1.395</v>
      </c>
      <c r="V4881" s="2">
        <v>1.1000000000000001</v>
      </c>
      <c r="W4881" s="2">
        <v>7.0000000000000001E-3</v>
      </c>
      <c r="X4881" s="2">
        <v>86.5</v>
      </c>
      <c r="Y4881" s="2">
        <v>7.6</v>
      </c>
      <c r="Z4881" s="2">
        <v>10.6</v>
      </c>
      <c r="AA4881" s="5"/>
      <c r="AB4881" s="5" t="s">
        <v>43</v>
      </c>
      <c r="AC4881" s="5" t="s">
        <v>44</v>
      </c>
      <c r="AD4881" s="2"/>
      <c r="AE4881" s="1"/>
    </row>
    <row r="4882" spans="1:31" ht="14.45">
      <c r="A4882" s="11"/>
      <c r="B4882" s="20"/>
      <c r="C4882" s="2" t="s">
        <v>15108</v>
      </c>
      <c r="D4882" s="14" t="s">
        <v>15109</v>
      </c>
      <c r="E4882" s="2" t="s">
        <v>15110</v>
      </c>
      <c r="F4882" s="2" t="s">
        <v>14893</v>
      </c>
      <c r="G4882" s="8">
        <v>115</v>
      </c>
      <c r="H4882" s="5">
        <v>6</v>
      </c>
      <c r="I4882" s="5" t="s">
        <v>1518</v>
      </c>
      <c r="J4882" s="5" t="s">
        <v>1519</v>
      </c>
      <c r="K4882" s="2" t="s">
        <v>1520</v>
      </c>
      <c r="L4882" s="5" t="s">
        <v>1519</v>
      </c>
      <c r="M4882" s="2" t="s">
        <v>1520</v>
      </c>
      <c r="N4882" s="5" t="s">
        <v>1521</v>
      </c>
      <c r="O4882" s="5" t="s">
        <v>38</v>
      </c>
      <c r="P4882" s="5" t="s">
        <v>39</v>
      </c>
      <c r="Q4882" s="5" t="s">
        <v>40</v>
      </c>
      <c r="R4882" s="5" t="s">
        <v>1522</v>
      </c>
      <c r="S4882" s="5" t="s">
        <v>1523</v>
      </c>
      <c r="T4882" s="5" t="s">
        <v>42</v>
      </c>
      <c r="U4882" s="2">
        <v>1.3460000000000001</v>
      </c>
      <c r="V4882" s="2">
        <v>1.0509999999999999</v>
      </c>
      <c r="W4882" s="2">
        <v>7.0000000000000001E-3</v>
      </c>
      <c r="X4882" s="2">
        <v>86.5</v>
      </c>
      <c r="Y4882" s="2">
        <v>7.6</v>
      </c>
      <c r="Z4882" s="2">
        <v>10.6</v>
      </c>
      <c r="AA4882" s="5"/>
      <c r="AB4882" s="5" t="s">
        <v>43</v>
      </c>
      <c r="AC4882" s="5" t="s">
        <v>44</v>
      </c>
      <c r="AD4882" s="2"/>
      <c r="AE4882" s="1"/>
    </row>
    <row r="4883" spans="1:31" ht="14.45">
      <c r="A4883" s="11"/>
      <c r="B4883" s="20"/>
      <c r="C4883" s="2" t="s">
        <v>15111</v>
      </c>
      <c r="D4883" s="14" t="s">
        <v>15112</v>
      </c>
      <c r="E4883" s="2" t="s">
        <v>15113</v>
      </c>
      <c r="F4883" s="2" t="s">
        <v>14897</v>
      </c>
      <c r="G4883" s="8">
        <v>115</v>
      </c>
      <c r="H4883" s="5">
        <v>6</v>
      </c>
      <c r="I4883" s="5" t="s">
        <v>1518</v>
      </c>
      <c r="J4883" s="5" t="s">
        <v>1519</v>
      </c>
      <c r="K4883" s="2" t="s">
        <v>1520</v>
      </c>
      <c r="L4883" s="5" t="s">
        <v>1519</v>
      </c>
      <c r="M4883" s="2" t="s">
        <v>1520</v>
      </c>
      <c r="N4883" s="5" t="s">
        <v>1521</v>
      </c>
      <c r="O4883" s="5" t="s">
        <v>38</v>
      </c>
      <c r="P4883" s="5" t="s">
        <v>39</v>
      </c>
      <c r="Q4883" s="5" t="s">
        <v>40</v>
      </c>
      <c r="R4883" s="5" t="s">
        <v>1522</v>
      </c>
      <c r="S4883" s="5" t="s">
        <v>1523</v>
      </c>
      <c r="T4883" s="5" t="s">
        <v>42</v>
      </c>
      <c r="U4883" s="2">
        <v>1.379</v>
      </c>
      <c r="V4883" s="2">
        <v>1.0840000000000001</v>
      </c>
      <c r="W4883" s="2">
        <v>7.0000000000000001E-3</v>
      </c>
      <c r="X4883" s="2">
        <v>86.5</v>
      </c>
      <c r="Y4883" s="2">
        <v>7.6</v>
      </c>
      <c r="Z4883" s="2">
        <v>10.6</v>
      </c>
      <c r="AA4883" s="5"/>
      <c r="AB4883" s="5" t="s">
        <v>43</v>
      </c>
      <c r="AC4883" s="5" t="s">
        <v>44</v>
      </c>
      <c r="AD4883" s="2"/>
      <c r="AE4883" s="1"/>
    </row>
    <row r="4884" spans="1:31" ht="14.45">
      <c r="A4884" s="11"/>
      <c r="B4884" s="20"/>
      <c r="C4884" s="2" t="s">
        <v>15114</v>
      </c>
      <c r="D4884" s="14" t="s">
        <v>15115</v>
      </c>
      <c r="E4884" s="2" t="s">
        <v>15116</v>
      </c>
      <c r="F4884" s="2" t="s">
        <v>14869</v>
      </c>
      <c r="G4884" s="8">
        <v>127</v>
      </c>
      <c r="H4884" s="5">
        <v>6</v>
      </c>
      <c r="I4884" s="5" t="s">
        <v>1518</v>
      </c>
      <c r="J4884" s="5" t="s">
        <v>1519</v>
      </c>
      <c r="K4884" s="2" t="s">
        <v>1520</v>
      </c>
      <c r="L4884" s="5" t="s">
        <v>1519</v>
      </c>
      <c r="M4884" s="2" t="s">
        <v>1520</v>
      </c>
      <c r="N4884" s="5" t="s">
        <v>1521</v>
      </c>
      <c r="O4884" s="5" t="s">
        <v>38</v>
      </c>
      <c r="P4884" s="5" t="s">
        <v>39</v>
      </c>
      <c r="Q4884" s="5" t="s">
        <v>40</v>
      </c>
      <c r="R4884" s="5" t="s">
        <v>1522</v>
      </c>
      <c r="S4884" s="5" t="s">
        <v>1523</v>
      </c>
      <c r="T4884" s="5" t="s">
        <v>42</v>
      </c>
      <c r="U4884" s="2">
        <v>1.518</v>
      </c>
      <c r="V4884" s="2">
        <v>1.161</v>
      </c>
      <c r="W4884" s="2">
        <v>8.9999999999999993E-3</v>
      </c>
      <c r="X4884" s="2">
        <v>106.5</v>
      </c>
      <c r="Y4884" s="2">
        <v>7.6</v>
      </c>
      <c r="Z4884" s="2">
        <v>10.6</v>
      </c>
      <c r="AA4884" s="5"/>
      <c r="AB4884" s="5" t="s">
        <v>43</v>
      </c>
      <c r="AC4884" s="5" t="s">
        <v>44</v>
      </c>
      <c r="AD4884" s="2"/>
      <c r="AE4884" s="1"/>
    </row>
    <row r="4885" spans="1:31" ht="14.45">
      <c r="A4885" s="11"/>
      <c r="B4885" s="20"/>
      <c r="C4885" s="2" t="s">
        <v>15117</v>
      </c>
      <c r="D4885" s="14" t="s">
        <v>15118</v>
      </c>
      <c r="E4885" s="2" t="s">
        <v>15119</v>
      </c>
      <c r="F4885" s="2" t="s">
        <v>14873</v>
      </c>
      <c r="G4885" s="8">
        <v>127</v>
      </c>
      <c r="H4885" s="5">
        <v>6</v>
      </c>
      <c r="I4885" s="5" t="s">
        <v>1518</v>
      </c>
      <c r="J4885" s="5" t="s">
        <v>1519</v>
      </c>
      <c r="K4885" s="2" t="s">
        <v>1520</v>
      </c>
      <c r="L4885" s="5" t="s">
        <v>1519</v>
      </c>
      <c r="M4885" s="2" t="s">
        <v>1520</v>
      </c>
      <c r="N4885" s="5" t="s">
        <v>1521</v>
      </c>
      <c r="O4885" s="5" t="s">
        <v>38</v>
      </c>
      <c r="P4885" s="5" t="s">
        <v>39</v>
      </c>
      <c r="Q4885" s="5" t="s">
        <v>40</v>
      </c>
      <c r="R4885" s="5" t="s">
        <v>1522</v>
      </c>
      <c r="S4885" s="5" t="s">
        <v>1523</v>
      </c>
      <c r="T4885" s="5" t="s">
        <v>42</v>
      </c>
      <c r="U4885" s="2">
        <v>1.5549999999999999</v>
      </c>
      <c r="V4885" s="2">
        <v>1.198</v>
      </c>
      <c r="W4885" s="2">
        <v>8.9999999999999993E-3</v>
      </c>
      <c r="X4885" s="2">
        <v>106.5</v>
      </c>
      <c r="Y4885" s="2">
        <v>7.6</v>
      </c>
      <c r="Z4885" s="2">
        <v>10.6</v>
      </c>
      <c r="AA4885" s="5"/>
      <c r="AB4885" s="5" t="s">
        <v>43</v>
      </c>
      <c r="AC4885" s="5" t="s">
        <v>44</v>
      </c>
      <c r="AD4885" s="2"/>
      <c r="AE4885" s="1"/>
    </row>
    <row r="4886" spans="1:31" ht="14.45">
      <c r="A4886" s="11"/>
      <c r="B4886" s="20"/>
      <c r="C4886" s="2" t="s">
        <v>15120</v>
      </c>
      <c r="D4886" s="14" t="s">
        <v>15121</v>
      </c>
      <c r="E4886" s="2" t="s">
        <v>15122</v>
      </c>
      <c r="F4886" s="2" t="s">
        <v>14877</v>
      </c>
      <c r="G4886" s="8">
        <v>127</v>
      </c>
      <c r="H4886" s="5">
        <v>6</v>
      </c>
      <c r="I4886" s="5" t="s">
        <v>1518</v>
      </c>
      <c r="J4886" s="5" t="s">
        <v>1519</v>
      </c>
      <c r="K4886" s="2" t="s">
        <v>1520</v>
      </c>
      <c r="L4886" s="5" t="s">
        <v>1519</v>
      </c>
      <c r="M4886" s="2" t="s">
        <v>1520</v>
      </c>
      <c r="N4886" s="5" t="s">
        <v>1521</v>
      </c>
      <c r="O4886" s="5" t="s">
        <v>38</v>
      </c>
      <c r="P4886" s="5" t="s">
        <v>39</v>
      </c>
      <c r="Q4886" s="5" t="s">
        <v>40</v>
      </c>
      <c r="R4886" s="5" t="s">
        <v>1522</v>
      </c>
      <c r="S4886" s="5" t="s">
        <v>1523</v>
      </c>
      <c r="T4886" s="5" t="s">
        <v>42</v>
      </c>
      <c r="U4886" s="2">
        <v>1.538</v>
      </c>
      <c r="V4886" s="2">
        <v>1.181</v>
      </c>
      <c r="W4886" s="2">
        <v>8.9999999999999993E-3</v>
      </c>
      <c r="X4886" s="2">
        <v>106.5</v>
      </c>
      <c r="Y4886" s="2">
        <v>7.6</v>
      </c>
      <c r="Z4886" s="2">
        <v>10.6</v>
      </c>
      <c r="AA4886" s="5"/>
      <c r="AB4886" s="5" t="s">
        <v>43</v>
      </c>
      <c r="AC4886" s="5" t="s">
        <v>44</v>
      </c>
      <c r="AD4886" s="2"/>
      <c r="AE4886" s="1"/>
    </row>
    <row r="4887" spans="1:31" ht="14.45">
      <c r="A4887" s="11"/>
      <c r="B4887" s="20"/>
      <c r="C4887" s="2" t="s">
        <v>15123</v>
      </c>
      <c r="D4887" s="14" t="s">
        <v>15124</v>
      </c>
      <c r="E4887" s="2" t="s">
        <v>15125</v>
      </c>
      <c r="F4887" s="2" t="s">
        <v>14881</v>
      </c>
      <c r="G4887" s="8">
        <v>127</v>
      </c>
      <c r="H4887" s="5">
        <v>6</v>
      </c>
      <c r="I4887" s="5" t="s">
        <v>1518</v>
      </c>
      <c r="J4887" s="5" t="s">
        <v>1519</v>
      </c>
      <c r="K4887" s="2" t="s">
        <v>1520</v>
      </c>
      <c r="L4887" s="5" t="s">
        <v>1519</v>
      </c>
      <c r="M4887" s="2" t="s">
        <v>1520</v>
      </c>
      <c r="N4887" s="5" t="s">
        <v>1521</v>
      </c>
      <c r="O4887" s="5" t="s">
        <v>38</v>
      </c>
      <c r="P4887" s="5" t="s">
        <v>39</v>
      </c>
      <c r="Q4887" s="5" t="s">
        <v>40</v>
      </c>
      <c r="R4887" s="5" t="s">
        <v>1522</v>
      </c>
      <c r="S4887" s="5" t="s">
        <v>1523</v>
      </c>
      <c r="T4887" s="5" t="s">
        <v>42</v>
      </c>
      <c r="U4887" s="2">
        <v>1.575</v>
      </c>
      <c r="V4887" s="2">
        <v>1.218</v>
      </c>
      <c r="W4887" s="2">
        <v>8.9999999999999993E-3</v>
      </c>
      <c r="X4887" s="2">
        <v>106.5</v>
      </c>
      <c r="Y4887" s="2">
        <v>7.6</v>
      </c>
      <c r="Z4887" s="2">
        <v>10.6</v>
      </c>
      <c r="AA4887" s="5"/>
      <c r="AB4887" s="5" t="s">
        <v>43</v>
      </c>
      <c r="AC4887" s="5" t="s">
        <v>44</v>
      </c>
      <c r="AD4887" s="2"/>
      <c r="AE4887" s="1"/>
    </row>
    <row r="4888" spans="1:31" ht="14.45">
      <c r="A4888" s="11"/>
      <c r="B4888" s="20"/>
      <c r="C4888" s="2" t="s">
        <v>15126</v>
      </c>
      <c r="D4888" s="14" t="s">
        <v>15127</v>
      </c>
      <c r="E4888" s="2" t="s">
        <v>15128</v>
      </c>
      <c r="F4888" s="2" t="s">
        <v>14885</v>
      </c>
      <c r="G4888" s="8">
        <v>127</v>
      </c>
      <c r="H4888" s="5">
        <v>6</v>
      </c>
      <c r="I4888" s="5" t="s">
        <v>1518</v>
      </c>
      <c r="J4888" s="5" t="s">
        <v>1519</v>
      </c>
      <c r="K4888" s="2" t="s">
        <v>1520</v>
      </c>
      <c r="L4888" s="5" t="s">
        <v>1519</v>
      </c>
      <c r="M4888" s="2" t="s">
        <v>1520</v>
      </c>
      <c r="N4888" s="5" t="s">
        <v>1521</v>
      </c>
      <c r="O4888" s="5" t="s">
        <v>38</v>
      </c>
      <c r="P4888" s="5" t="s">
        <v>39</v>
      </c>
      <c r="Q4888" s="5" t="s">
        <v>40</v>
      </c>
      <c r="R4888" s="5" t="s">
        <v>1522</v>
      </c>
      <c r="S4888" s="5" t="s">
        <v>1523</v>
      </c>
      <c r="T4888" s="5" t="s">
        <v>42</v>
      </c>
      <c r="U4888" s="2">
        <v>1.538</v>
      </c>
      <c r="V4888" s="2">
        <v>1.181</v>
      </c>
      <c r="W4888" s="2">
        <v>8.9999999999999993E-3</v>
      </c>
      <c r="X4888" s="2">
        <v>106.5</v>
      </c>
      <c r="Y4888" s="2">
        <v>7.6</v>
      </c>
      <c r="Z4888" s="2">
        <v>10.6</v>
      </c>
      <c r="AA4888" s="5"/>
      <c r="AB4888" s="5" t="s">
        <v>43</v>
      </c>
      <c r="AC4888" s="5" t="s">
        <v>44</v>
      </c>
      <c r="AD4888" s="2"/>
      <c r="AE4888" s="1"/>
    </row>
    <row r="4889" spans="1:31" ht="14.45">
      <c r="A4889" s="11"/>
      <c r="B4889" s="20"/>
      <c r="C4889" s="2" t="s">
        <v>15129</v>
      </c>
      <c r="D4889" s="14" t="s">
        <v>15130</v>
      </c>
      <c r="E4889" s="2" t="s">
        <v>15131</v>
      </c>
      <c r="F4889" s="2" t="s">
        <v>14889</v>
      </c>
      <c r="G4889" s="8">
        <v>127</v>
      </c>
      <c r="H4889" s="5">
        <v>6</v>
      </c>
      <c r="I4889" s="5" t="s">
        <v>1518</v>
      </c>
      <c r="J4889" s="5" t="s">
        <v>1519</v>
      </c>
      <c r="K4889" s="2" t="s">
        <v>1520</v>
      </c>
      <c r="L4889" s="5" t="s">
        <v>1519</v>
      </c>
      <c r="M4889" s="2" t="s">
        <v>1520</v>
      </c>
      <c r="N4889" s="5" t="s">
        <v>1521</v>
      </c>
      <c r="O4889" s="5" t="s">
        <v>38</v>
      </c>
      <c r="P4889" s="5" t="s">
        <v>39</v>
      </c>
      <c r="Q4889" s="5" t="s">
        <v>40</v>
      </c>
      <c r="R4889" s="5" t="s">
        <v>1522</v>
      </c>
      <c r="S4889" s="5" t="s">
        <v>1523</v>
      </c>
      <c r="T4889" s="5" t="s">
        <v>42</v>
      </c>
      <c r="U4889" s="2">
        <v>1.575</v>
      </c>
      <c r="V4889" s="2">
        <v>1.218</v>
      </c>
      <c r="W4889" s="2">
        <v>8.9999999999999993E-3</v>
      </c>
      <c r="X4889" s="2">
        <v>106.5</v>
      </c>
      <c r="Y4889" s="2">
        <v>7.6</v>
      </c>
      <c r="Z4889" s="2">
        <v>10.6</v>
      </c>
      <c r="AA4889" s="5"/>
      <c r="AB4889" s="5" t="s">
        <v>43</v>
      </c>
      <c r="AC4889" s="5" t="s">
        <v>44</v>
      </c>
      <c r="AD4889" s="2"/>
      <c r="AE4889" s="1"/>
    </row>
    <row r="4890" spans="1:31" ht="14.45">
      <c r="A4890" s="11"/>
      <c r="B4890" s="20"/>
      <c r="C4890" s="2" t="s">
        <v>15132</v>
      </c>
      <c r="D4890" s="14" t="s">
        <v>15133</v>
      </c>
      <c r="E4890" s="2" t="s">
        <v>15134</v>
      </c>
      <c r="F4890" s="2" t="s">
        <v>14893</v>
      </c>
      <c r="G4890" s="8">
        <v>127</v>
      </c>
      <c r="H4890" s="5">
        <v>6</v>
      </c>
      <c r="I4890" s="5" t="s">
        <v>1518</v>
      </c>
      <c r="J4890" s="5" t="s">
        <v>1519</v>
      </c>
      <c r="K4890" s="2" t="s">
        <v>1520</v>
      </c>
      <c r="L4890" s="5" t="s">
        <v>1519</v>
      </c>
      <c r="M4890" s="2" t="s">
        <v>1520</v>
      </c>
      <c r="N4890" s="5" t="s">
        <v>1521</v>
      </c>
      <c r="O4890" s="5" t="s">
        <v>38</v>
      </c>
      <c r="P4890" s="5" t="s">
        <v>39</v>
      </c>
      <c r="Q4890" s="5" t="s">
        <v>40</v>
      </c>
      <c r="R4890" s="5" t="s">
        <v>1522</v>
      </c>
      <c r="S4890" s="5" t="s">
        <v>1523</v>
      </c>
      <c r="T4890" s="5" t="s">
        <v>42</v>
      </c>
      <c r="U4890" s="2">
        <v>1.518</v>
      </c>
      <c r="V4890" s="2">
        <v>1.161</v>
      </c>
      <c r="W4890" s="2">
        <v>8.9999999999999993E-3</v>
      </c>
      <c r="X4890" s="2">
        <v>106.5</v>
      </c>
      <c r="Y4890" s="2">
        <v>7.6</v>
      </c>
      <c r="Z4890" s="2">
        <v>10.6</v>
      </c>
      <c r="AA4890" s="5"/>
      <c r="AB4890" s="5" t="s">
        <v>43</v>
      </c>
      <c r="AC4890" s="5" t="s">
        <v>44</v>
      </c>
      <c r="AD4890" s="2"/>
      <c r="AE4890" s="1"/>
    </row>
    <row r="4891" spans="1:31" ht="14.45">
      <c r="A4891" s="11"/>
      <c r="B4891" s="20"/>
      <c r="C4891" s="2" t="s">
        <v>15135</v>
      </c>
      <c r="D4891" s="14" t="s">
        <v>15136</v>
      </c>
      <c r="E4891" s="2" t="s">
        <v>15137</v>
      </c>
      <c r="F4891" s="2" t="s">
        <v>14897</v>
      </c>
      <c r="G4891" s="8">
        <v>127</v>
      </c>
      <c r="H4891" s="5">
        <v>6</v>
      </c>
      <c r="I4891" s="5" t="s">
        <v>1518</v>
      </c>
      <c r="J4891" s="5" t="s">
        <v>1519</v>
      </c>
      <c r="K4891" s="2" t="s">
        <v>1520</v>
      </c>
      <c r="L4891" s="5" t="s">
        <v>1519</v>
      </c>
      <c r="M4891" s="2" t="s">
        <v>1520</v>
      </c>
      <c r="N4891" s="5" t="s">
        <v>1521</v>
      </c>
      <c r="O4891" s="5" t="s">
        <v>38</v>
      </c>
      <c r="P4891" s="5" t="s">
        <v>39</v>
      </c>
      <c r="Q4891" s="5" t="s">
        <v>40</v>
      </c>
      <c r="R4891" s="5" t="s">
        <v>1522</v>
      </c>
      <c r="S4891" s="5" t="s">
        <v>1523</v>
      </c>
      <c r="T4891" s="5" t="s">
        <v>42</v>
      </c>
      <c r="U4891" s="2">
        <v>1.5549999999999999</v>
      </c>
      <c r="V4891" s="2">
        <v>1.198</v>
      </c>
      <c r="W4891" s="2">
        <v>8.9999999999999993E-3</v>
      </c>
      <c r="X4891" s="2">
        <v>106.5</v>
      </c>
      <c r="Y4891" s="2">
        <v>7.6</v>
      </c>
      <c r="Z4891" s="2">
        <v>10.6</v>
      </c>
      <c r="AA4891" s="5"/>
      <c r="AB4891" s="5" t="s">
        <v>43</v>
      </c>
      <c r="AC4891" s="5" t="s">
        <v>44</v>
      </c>
      <c r="AD4891" s="2"/>
      <c r="AE4891" s="1"/>
    </row>
    <row r="4892" spans="1:31" ht="14.45">
      <c r="A4892" s="11"/>
      <c r="B4892" s="20"/>
      <c r="C4892" s="2" t="s">
        <v>15138</v>
      </c>
      <c r="D4892" s="14" t="s">
        <v>15139</v>
      </c>
      <c r="E4892" s="2" t="s">
        <v>15140</v>
      </c>
      <c r="F4892" s="2" t="s">
        <v>14869</v>
      </c>
      <c r="G4892" s="8">
        <v>131</v>
      </c>
      <c r="H4892" s="5">
        <v>6</v>
      </c>
      <c r="I4892" s="5" t="s">
        <v>1518</v>
      </c>
      <c r="J4892" s="5" t="s">
        <v>1519</v>
      </c>
      <c r="K4892" s="2" t="s">
        <v>1520</v>
      </c>
      <c r="L4892" s="5" t="s">
        <v>1519</v>
      </c>
      <c r="M4892" s="2" t="s">
        <v>1520</v>
      </c>
      <c r="N4892" s="5" t="s">
        <v>1521</v>
      </c>
      <c r="O4892" s="5" t="s">
        <v>38</v>
      </c>
      <c r="P4892" s="5" t="s">
        <v>39</v>
      </c>
      <c r="Q4892" s="5" t="s">
        <v>40</v>
      </c>
      <c r="R4892" s="5" t="s">
        <v>1522</v>
      </c>
      <c r="S4892" s="5" t="s">
        <v>1523</v>
      </c>
      <c r="T4892" s="5" t="s">
        <v>42</v>
      </c>
      <c r="U4892" s="2">
        <v>1.696</v>
      </c>
      <c r="V4892" s="2">
        <v>1.2789999999999999</v>
      </c>
      <c r="W4892" s="2">
        <v>0.01</v>
      </c>
      <c r="X4892" s="2">
        <v>128.5</v>
      </c>
      <c r="Y4892" s="2">
        <v>7.6</v>
      </c>
      <c r="Z4892" s="2">
        <v>10.6</v>
      </c>
      <c r="AA4892" s="5"/>
      <c r="AB4892" s="5" t="s">
        <v>43</v>
      </c>
      <c r="AC4892" s="5" t="s">
        <v>44</v>
      </c>
      <c r="AD4892" s="2"/>
      <c r="AE4892" s="1"/>
    </row>
    <row r="4893" spans="1:31" ht="14.45">
      <c r="A4893" s="11"/>
      <c r="B4893" s="20"/>
      <c r="C4893" s="2" t="s">
        <v>15141</v>
      </c>
      <c r="D4893" s="14" t="s">
        <v>15142</v>
      </c>
      <c r="E4893" s="2" t="s">
        <v>15143</v>
      </c>
      <c r="F4893" s="2" t="s">
        <v>14873</v>
      </c>
      <c r="G4893" s="8">
        <v>131</v>
      </c>
      <c r="H4893" s="5">
        <v>6</v>
      </c>
      <c r="I4893" s="5" t="s">
        <v>1518</v>
      </c>
      <c r="J4893" s="5" t="s">
        <v>1519</v>
      </c>
      <c r="K4893" s="2" t="s">
        <v>1520</v>
      </c>
      <c r="L4893" s="5" t="s">
        <v>1519</v>
      </c>
      <c r="M4893" s="2" t="s">
        <v>1520</v>
      </c>
      <c r="N4893" s="5" t="s">
        <v>1521</v>
      </c>
      <c r="O4893" s="5" t="s">
        <v>38</v>
      </c>
      <c r="P4893" s="5" t="s">
        <v>39</v>
      </c>
      <c r="Q4893" s="5" t="s">
        <v>40</v>
      </c>
      <c r="R4893" s="5" t="s">
        <v>1522</v>
      </c>
      <c r="S4893" s="5" t="s">
        <v>1523</v>
      </c>
      <c r="T4893" s="5" t="s">
        <v>42</v>
      </c>
      <c r="U4893" s="2">
        <v>1.738</v>
      </c>
      <c r="V4893" s="2">
        <v>1.321</v>
      </c>
      <c r="W4893" s="2">
        <v>0.01</v>
      </c>
      <c r="X4893" s="2">
        <v>128.5</v>
      </c>
      <c r="Y4893" s="2">
        <v>7.6</v>
      </c>
      <c r="Z4893" s="2">
        <v>10.6</v>
      </c>
      <c r="AA4893" s="5"/>
      <c r="AB4893" s="5" t="s">
        <v>43</v>
      </c>
      <c r="AC4893" s="5" t="s">
        <v>44</v>
      </c>
      <c r="AD4893" s="2"/>
      <c r="AE4893" s="1"/>
    </row>
    <row r="4894" spans="1:31" ht="14.45">
      <c r="A4894" s="11"/>
      <c r="B4894" s="20"/>
      <c r="C4894" s="2" t="s">
        <v>15144</v>
      </c>
      <c r="D4894" s="14" t="s">
        <v>15145</v>
      </c>
      <c r="E4894" s="2" t="s">
        <v>15146</v>
      </c>
      <c r="F4894" s="2" t="s">
        <v>14877</v>
      </c>
      <c r="G4894" s="8">
        <v>131</v>
      </c>
      <c r="H4894" s="5">
        <v>6</v>
      </c>
      <c r="I4894" s="5" t="s">
        <v>1518</v>
      </c>
      <c r="J4894" s="5" t="s">
        <v>1519</v>
      </c>
      <c r="K4894" s="2" t="s">
        <v>1520</v>
      </c>
      <c r="L4894" s="5" t="s">
        <v>1519</v>
      </c>
      <c r="M4894" s="2" t="s">
        <v>1520</v>
      </c>
      <c r="N4894" s="5" t="s">
        <v>1521</v>
      </c>
      <c r="O4894" s="5" t="s">
        <v>38</v>
      </c>
      <c r="P4894" s="5" t="s">
        <v>39</v>
      </c>
      <c r="Q4894" s="5" t="s">
        <v>40</v>
      </c>
      <c r="R4894" s="5" t="s">
        <v>1522</v>
      </c>
      <c r="S4894" s="5" t="s">
        <v>1523</v>
      </c>
      <c r="T4894" s="5" t="s">
        <v>42</v>
      </c>
      <c r="U4894" s="2">
        <v>1.7190000000000001</v>
      </c>
      <c r="V4894" s="2">
        <v>1.302</v>
      </c>
      <c r="W4894" s="2">
        <v>0.01</v>
      </c>
      <c r="X4894" s="2">
        <v>128.5</v>
      </c>
      <c r="Y4894" s="2">
        <v>7.6</v>
      </c>
      <c r="Z4894" s="2">
        <v>10.6</v>
      </c>
      <c r="AA4894" s="5"/>
      <c r="AB4894" s="5" t="s">
        <v>43</v>
      </c>
      <c r="AC4894" s="5" t="s">
        <v>44</v>
      </c>
      <c r="AD4894" s="2"/>
      <c r="AE4894" s="1"/>
    </row>
    <row r="4895" spans="1:31" ht="14.45">
      <c r="A4895" s="11"/>
      <c r="B4895" s="20"/>
      <c r="C4895" s="2" t="s">
        <v>15147</v>
      </c>
      <c r="D4895" s="14" t="s">
        <v>15148</v>
      </c>
      <c r="E4895" s="2" t="s">
        <v>15149</v>
      </c>
      <c r="F4895" s="2" t="s">
        <v>14881</v>
      </c>
      <c r="G4895" s="8">
        <v>131</v>
      </c>
      <c r="H4895" s="5">
        <v>6</v>
      </c>
      <c r="I4895" s="5" t="s">
        <v>1518</v>
      </c>
      <c r="J4895" s="5" t="s">
        <v>1519</v>
      </c>
      <c r="K4895" s="2" t="s">
        <v>1520</v>
      </c>
      <c r="L4895" s="5" t="s">
        <v>1519</v>
      </c>
      <c r="M4895" s="2" t="s">
        <v>1520</v>
      </c>
      <c r="N4895" s="5" t="s">
        <v>1521</v>
      </c>
      <c r="O4895" s="5" t="s">
        <v>38</v>
      </c>
      <c r="P4895" s="5" t="s">
        <v>39</v>
      </c>
      <c r="Q4895" s="5" t="s">
        <v>40</v>
      </c>
      <c r="R4895" s="5" t="s">
        <v>1522</v>
      </c>
      <c r="S4895" s="5" t="s">
        <v>1523</v>
      </c>
      <c r="T4895" s="5" t="s">
        <v>42</v>
      </c>
      <c r="U4895" s="2">
        <v>1.7609999999999999</v>
      </c>
      <c r="V4895" s="2">
        <v>1.3440000000000001</v>
      </c>
      <c r="W4895" s="2">
        <v>0.01</v>
      </c>
      <c r="X4895" s="2">
        <v>128.5</v>
      </c>
      <c r="Y4895" s="2">
        <v>7.6</v>
      </c>
      <c r="Z4895" s="2">
        <v>10.6</v>
      </c>
      <c r="AA4895" s="5"/>
      <c r="AB4895" s="5" t="s">
        <v>43</v>
      </c>
      <c r="AC4895" s="5" t="s">
        <v>44</v>
      </c>
      <c r="AD4895" s="2"/>
      <c r="AE4895" s="1"/>
    </row>
    <row r="4896" spans="1:31" ht="14.45">
      <c r="A4896" s="11"/>
      <c r="B4896" s="20"/>
      <c r="C4896" s="2" t="s">
        <v>15150</v>
      </c>
      <c r="D4896" s="14" t="s">
        <v>15151</v>
      </c>
      <c r="E4896" s="2" t="s">
        <v>15152</v>
      </c>
      <c r="F4896" s="2" t="s">
        <v>14885</v>
      </c>
      <c r="G4896" s="8">
        <v>131</v>
      </c>
      <c r="H4896" s="5">
        <v>6</v>
      </c>
      <c r="I4896" s="5" t="s">
        <v>1518</v>
      </c>
      <c r="J4896" s="5" t="s">
        <v>1519</v>
      </c>
      <c r="K4896" s="2" t="s">
        <v>1520</v>
      </c>
      <c r="L4896" s="5" t="s">
        <v>1519</v>
      </c>
      <c r="M4896" s="2" t="s">
        <v>1520</v>
      </c>
      <c r="N4896" s="5" t="s">
        <v>1521</v>
      </c>
      <c r="O4896" s="5" t="s">
        <v>38</v>
      </c>
      <c r="P4896" s="5" t="s">
        <v>39</v>
      </c>
      <c r="Q4896" s="5" t="s">
        <v>40</v>
      </c>
      <c r="R4896" s="5" t="s">
        <v>1522</v>
      </c>
      <c r="S4896" s="5" t="s">
        <v>1523</v>
      </c>
      <c r="T4896" s="5" t="s">
        <v>42</v>
      </c>
      <c r="U4896" s="2">
        <v>1.7190000000000001</v>
      </c>
      <c r="V4896" s="2">
        <v>1.302</v>
      </c>
      <c r="W4896" s="2">
        <v>0.01</v>
      </c>
      <c r="X4896" s="2">
        <v>128.5</v>
      </c>
      <c r="Y4896" s="2">
        <v>7.6</v>
      </c>
      <c r="Z4896" s="2">
        <v>10.6</v>
      </c>
      <c r="AA4896" s="5"/>
      <c r="AB4896" s="5" t="s">
        <v>43</v>
      </c>
      <c r="AC4896" s="5" t="s">
        <v>44</v>
      </c>
      <c r="AD4896" s="2"/>
      <c r="AE4896" s="1"/>
    </row>
    <row r="4897" spans="1:31" ht="14.45">
      <c r="A4897" s="11"/>
      <c r="B4897" s="20"/>
      <c r="C4897" s="2" t="s">
        <v>15153</v>
      </c>
      <c r="D4897" s="14" t="s">
        <v>15154</v>
      </c>
      <c r="E4897" s="2" t="s">
        <v>15155</v>
      </c>
      <c r="F4897" s="2" t="s">
        <v>14889</v>
      </c>
      <c r="G4897" s="8">
        <v>131</v>
      </c>
      <c r="H4897" s="5">
        <v>6</v>
      </c>
      <c r="I4897" s="5" t="s">
        <v>1518</v>
      </c>
      <c r="J4897" s="5" t="s">
        <v>1519</v>
      </c>
      <c r="K4897" s="2" t="s">
        <v>1520</v>
      </c>
      <c r="L4897" s="5" t="s">
        <v>1519</v>
      </c>
      <c r="M4897" s="2" t="s">
        <v>1520</v>
      </c>
      <c r="N4897" s="5" t="s">
        <v>1521</v>
      </c>
      <c r="O4897" s="5" t="s">
        <v>38</v>
      </c>
      <c r="P4897" s="5" t="s">
        <v>39</v>
      </c>
      <c r="Q4897" s="5" t="s">
        <v>40</v>
      </c>
      <c r="R4897" s="5" t="s">
        <v>1522</v>
      </c>
      <c r="S4897" s="5" t="s">
        <v>1523</v>
      </c>
      <c r="T4897" s="5" t="s">
        <v>42</v>
      </c>
      <c r="U4897" s="2">
        <v>1.7609999999999999</v>
      </c>
      <c r="V4897" s="2">
        <v>1.3440000000000001</v>
      </c>
      <c r="W4897" s="2">
        <v>0.01</v>
      </c>
      <c r="X4897" s="2">
        <v>128.5</v>
      </c>
      <c r="Y4897" s="2">
        <v>7.6</v>
      </c>
      <c r="Z4897" s="2">
        <v>10.6</v>
      </c>
      <c r="AA4897" s="5"/>
      <c r="AB4897" s="5" t="s">
        <v>43</v>
      </c>
      <c r="AC4897" s="5" t="s">
        <v>44</v>
      </c>
      <c r="AD4897" s="2"/>
      <c r="AE4897" s="1"/>
    </row>
    <row r="4898" spans="1:31" ht="14.45">
      <c r="A4898" s="11"/>
      <c r="B4898" s="20"/>
      <c r="C4898" s="2" t="s">
        <v>15156</v>
      </c>
      <c r="D4898" s="14" t="s">
        <v>15157</v>
      </c>
      <c r="E4898" s="2" t="s">
        <v>15158</v>
      </c>
      <c r="F4898" s="2" t="s">
        <v>14893</v>
      </c>
      <c r="G4898" s="8">
        <v>131</v>
      </c>
      <c r="H4898" s="5">
        <v>6</v>
      </c>
      <c r="I4898" s="5" t="s">
        <v>1518</v>
      </c>
      <c r="J4898" s="5" t="s">
        <v>1519</v>
      </c>
      <c r="K4898" s="2" t="s">
        <v>1520</v>
      </c>
      <c r="L4898" s="5" t="s">
        <v>1519</v>
      </c>
      <c r="M4898" s="2" t="s">
        <v>1520</v>
      </c>
      <c r="N4898" s="5" t="s">
        <v>1521</v>
      </c>
      <c r="O4898" s="5" t="s">
        <v>38</v>
      </c>
      <c r="P4898" s="5" t="s">
        <v>39</v>
      </c>
      <c r="Q4898" s="5" t="s">
        <v>40</v>
      </c>
      <c r="R4898" s="5" t="s">
        <v>1522</v>
      </c>
      <c r="S4898" s="5" t="s">
        <v>1523</v>
      </c>
      <c r="T4898" s="5" t="s">
        <v>42</v>
      </c>
      <c r="U4898" s="2">
        <v>1.696</v>
      </c>
      <c r="V4898" s="2">
        <v>1.2789999999999999</v>
      </c>
      <c r="W4898" s="2">
        <v>0.01</v>
      </c>
      <c r="X4898" s="2">
        <v>128.5</v>
      </c>
      <c r="Y4898" s="2">
        <v>7.6</v>
      </c>
      <c r="Z4898" s="2">
        <v>10.6</v>
      </c>
      <c r="AA4898" s="5"/>
      <c r="AB4898" s="5" t="s">
        <v>43</v>
      </c>
      <c r="AC4898" s="5" t="s">
        <v>44</v>
      </c>
      <c r="AD4898" s="2"/>
      <c r="AE4898" s="1"/>
    </row>
    <row r="4899" spans="1:31" ht="14.45">
      <c r="A4899" s="11"/>
      <c r="B4899" s="20"/>
      <c r="C4899" s="2" t="s">
        <v>15159</v>
      </c>
      <c r="D4899" s="14" t="s">
        <v>15160</v>
      </c>
      <c r="E4899" s="2" t="s">
        <v>15161</v>
      </c>
      <c r="F4899" s="2" t="s">
        <v>14897</v>
      </c>
      <c r="G4899" s="8">
        <v>131</v>
      </c>
      <c r="H4899" s="5">
        <v>6</v>
      </c>
      <c r="I4899" s="5" t="s">
        <v>1518</v>
      </c>
      <c r="J4899" s="5" t="s">
        <v>1519</v>
      </c>
      <c r="K4899" s="2" t="s">
        <v>1520</v>
      </c>
      <c r="L4899" s="5" t="s">
        <v>1519</v>
      </c>
      <c r="M4899" s="2" t="s">
        <v>1520</v>
      </c>
      <c r="N4899" s="5" t="s">
        <v>1521</v>
      </c>
      <c r="O4899" s="5" t="s">
        <v>38</v>
      </c>
      <c r="P4899" s="5" t="s">
        <v>39</v>
      </c>
      <c r="Q4899" s="5" t="s">
        <v>40</v>
      </c>
      <c r="R4899" s="5" t="s">
        <v>1522</v>
      </c>
      <c r="S4899" s="5" t="s">
        <v>1523</v>
      </c>
      <c r="T4899" s="5" t="s">
        <v>42</v>
      </c>
      <c r="U4899" s="2">
        <v>1.738</v>
      </c>
      <c r="V4899" s="2">
        <v>1.321</v>
      </c>
      <c r="W4899" s="2">
        <v>0.01</v>
      </c>
      <c r="X4899" s="2">
        <v>128.5</v>
      </c>
      <c r="Y4899" s="2">
        <v>7.6</v>
      </c>
      <c r="Z4899" s="2">
        <v>10.6</v>
      </c>
      <c r="AA4899" s="5"/>
      <c r="AB4899" s="5" t="s">
        <v>43</v>
      </c>
      <c r="AC4899" s="5" t="s">
        <v>44</v>
      </c>
      <c r="AD4899" s="2"/>
      <c r="AE4899" s="1"/>
    </row>
    <row r="4900" spans="1:31" ht="14.45">
      <c r="A4900" s="11"/>
      <c r="B4900" s="20"/>
      <c r="C4900" s="2" t="s">
        <v>15162</v>
      </c>
      <c r="D4900" s="14" t="s">
        <v>15163</v>
      </c>
      <c r="E4900" s="2" t="s">
        <v>15164</v>
      </c>
      <c r="F4900" s="2" t="s">
        <v>14869</v>
      </c>
      <c r="G4900" s="8">
        <v>121</v>
      </c>
      <c r="H4900" s="5">
        <v>6</v>
      </c>
      <c r="I4900" s="5" t="s">
        <v>1518</v>
      </c>
      <c r="J4900" s="5" t="s">
        <v>1519</v>
      </c>
      <c r="K4900" s="2" t="s">
        <v>1520</v>
      </c>
      <c r="L4900" s="5" t="s">
        <v>1519</v>
      </c>
      <c r="M4900" s="2" t="s">
        <v>1520</v>
      </c>
      <c r="N4900" s="5" t="s">
        <v>1521</v>
      </c>
      <c r="O4900" s="5" t="s">
        <v>38</v>
      </c>
      <c r="P4900" s="5" t="s">
        <v>39</v>
      </c>
      <c r="Q4900" s="5" t="s">
        <v>40</v>
      </c>
      <c r="R4900" s="5" t="s">
        <v>1522</v>
      </c>
      <c r="S4900" s="5" t="s">
        <v>1523</v>
      </c>
      <c r="T4900" s="5" t="s">
        <v>42</v>
      </c>
      <c r="U4900" s="2">
        <v>1.454</v>
      </c>
      <c r="V4900" s="2">
        <v>1.1679999999999999</v>
      </c>
      <c r="W4900" s="2">
        <v>7.0000000000000001E-3</v>
      </c>
      <c r="X4900" s="2">
        <v>86.5</v>
      </c>
      <c r="Y4900" s="2">
        <v>7.6</v>
      </c>
      <c r="Z4900" s="2">
        <v>10.6</v>
      </c>
      <c r="AA4900" s="5"/>
      <c r="AB4900" s="5" t="s">
        <v>43</v>
      </c>
      <c r="AC4900" s="5" t="s">
        <v>44</v>
      </c>
      <c r="AD4900" s="2"/>
      <c r="AE4900" s="1"/>
    </row>
    <row r="4901" spans="1:31" ht="14.45">
      <c r="A4901" s="11"/>
      <c r="B4901" s="20"/>
      <c r="C4901" s="2" t="s">
        <v>15165</v>
      </c>
      <c r="D4901" s="14" t="s">
        <v>15166</v>
      </c>
      <c r="E4901" s="2" t="s">
        <v>15167</v>
      </c>
      <c r="F4901" s="2" t="s">
        <v>14873</v>
      </c>
      <c r="G4901" s="8">
        <v>121</v>
      </c>
      <c r="H4901" s="5">
        <v>6</v>
      </c>
      <c r="I4901" s="5" t="s">
        <v>1518</v>
      </c>
      <c r="J4901" s="5" t="s">
        <v>1519</v>
      </c>
      <c r="K4901" s="2" t="s">
        <v>1520</v>
      </c>
      <c r="L4901" s="5" t="s">
        <v>1519</v>
      </c>
      <c r="M4901" s="2" t="s">
        <v>1520</v>
      </c>
      <c r="N4901" s="5" t="s">
        <v>1521</v>
      </c>
      <c r="O4901" s="5" t="s">
        <v>38</v>
      </c>
      <c r="P4901" s="5" t="s">
        <v>39</v>
      </c>
      <c r="Q4901" s="5" t="s">
        <v>40</v>
      </c>
      <c r="R4901" s="5" t="s">
        <v>1522</v>
      </c>
      <c r="S4901" s="5" t="s">
        <v>1523</v>
      </c>
      <c r="T4901" s="5" t="s">
        <v>42</v>
      </c>
      <c r="U4901" s="2">
        <v>1.488</v>
      </c>
      <c r="V4901" s="2">
        <v>1.202</v>
      </c>
      <c r="W4901" s="2">
        <v>7.0000000000000001E-3</v>
      </c>
      <c r="X4901" s="2">
        <v>86.5</v>
      </c>
      <c r="Y4901" s="2">
        <v>7.6</v>
      </c>
      <c r="Z4901" s="2">
        <v>10.6</v>
      </c>
      <c r="AA4901" s="5"/>
      <c r="AB4901" s="5" t="s">
        <v>43</v>
      </c>
      <c r="AC4901" s="5" t="s">
        <v>44</v>
      </c>
      <c r="AD4901" s="2"/>
      <c r="AE4901" s="1"/>
    </row>
    <row r="4902" spans="1:31" ht="14.45">
      <c r="A4902" s="11"/>
      <c r="B4902" s="20"/>
      <c r="C4902" s="2" t="s">
        <v>15168</v>
      </c>
      <c r="D4902" s="14" t="s">
        <v>15169</v>
      </c>
      <c r="E4902" s="2" t="s">
        <v>15170</v>
      </c>
      <c r="F4902" s="2" t="s">
        <v>14877</v>
      </c>
      <c r="G4902" s="8">
        <v>121</v>
      </c>
      <c r="H4902" s="5">
        <v>5</v>
      </c>
      <c r="I4902" s="5" t="s">
        <v>1518</v>
      </c>
      <c r="J4902" s="5" t="s">
        <v>1519</v>
      </c>
      <c r="K4902" s="2" t="s">
        <v>1520</v>
      </c>
      <c r="L4902" s="5" t="s">
        <v>1519</v>
      </c>
      <c r="M4902" s="2" t="s">
        <v>1520</v>
      </c>
      <c r="N4902" s="5" t="s">
        <v>1521</v>
      </c>
      <c r="O4902" s="5" t="s">
        <v>38</v>
      </c>
      <c r="P4902" s="5" t="s">
        <v>39</v>
      </c>
      <c r="Q4902" s="5" t="s">
        <v>40</v>
      </c>
      <c r="R4902" s="5" t="s">
        <v>1522</v>
      </c>
      <c r="S4902" s="5" t="s">
        <v>1523</v>
      </c>
      <c r="T4902" s="5" t="s">
        <v>42</v>
      </c>
      <c r="U4902" s="2">
        <v>1.474</v>
      </c>
      <c r="V4902" s="2">
        <v>1.1879999999999999</v>
      </c>
      <c r="W4902" s="2">
        <v>7.0000000000000001E-3</v>
      </c>
      <c r="X4902" s="2">
        <v>86.5</v>
      </c>
      <c r="Y4902" s="2">
        <v>7.6</v>
      </c>
      <c r="Z4902" s="2">
        <v>10.6</v>
      </c>
      <c r="AA4902" s="5"/>
      <c r="AB4902" s="5" t="s">
        <v>43</v>
      </c>
      <c r="AC4902" s="5" t="s">
        <v>44</v>
      </c>
      <c r="AD4902" s="2"/>
      <c r="AE4902" s="1"/>
    </row>
    <row r="4903" spans="1:31" ht="14.45">
      <c r="A4903" s="11"/>
      <c r="B4903" s="20"/>
      <c r="C4903" s="2" t="s">
        <v>15171</v>
      </c>
      <c r="D4903" s="14" t="s">
        <v>15172</v>
      </c>
      <c r="E4903" s="2" t="s">
        <v>15173</v>
      </c>
      <c r="F4903" s="2" t="s">
        <v>14881</v>
      </c>
      <c r="G4903" s="8">
        <v>121</v>
      </c>
      <c r="H4903" s="5">
        <v>6</v>
      </c>
      <c r="I4903" s="5" t="s">
        <v>1518</v>
      </c>
      <c r="J4903" s="5" t="s">
        <v>1519</v>
      </c>
      <c r="K4903" s="2" t="s">
        <v>1520</v>
      </c>
      <c r="L4903" s="5" t="s">
        <v>1519</v>
      </c>
      <c r="M4903" s="2" t="s">
        <v>1520</v>
      </c>
      <c r="N4903" s="5" t="s">
        <v>1521</v>
      </c>
      <c r="O4903" s="5" t="s">
        <v>38</v>
      </c>
      <c r="P4903" s="5" t="s">
        <v>39</v>
      </c>
      <c r="Q4903" s="5" t="s">
        <v>40</v>
      </c>
      <c r="R4903" s="5" t="s">
        <v>1522</v>
      </c>
      <c r="S4903" s="5" t="s">
        <v>1523</v>
      </c>
      <c r="T4903" s="5" t="s">
        <v>42</v>
      </c>
      <c r="U4903" s="2">
        <v>1.508</v>
      </c>
      <c r="V4903" s="2">
        <v>1.222</v>
      </c>
      <c r="W4903" s="2">
        <v>7.0000000000000001E-3</v>
      </c>
      <c r="X4903" s="2">
        <v>86.5</v>
      </c>
      <c r="Y4903" s="2">
        <v>7.6</v>
      </c>
      <c r="Z4903" s="2">
        <v>10.6</v>
      </c>
      <c r="AA4903" s="5"/>
      <c r="AB4903" s="5" t="s">
        <v>43</v>
      </c>
      <c r="AC4903" s="5" t="s">
        <v>44</v>
      </c>
      <c r="AD4903" s="2"/>
      <c r="AE4903" s="1"/>
    </row>
    <row r="4904" spans="1:31" ht="14.45">
      <c r="A4904" s="11"/>
      <c r="B4904" s="20"/>
      <c r="C4904" s="2" t="s">
        <v>15174</v>
      </c>
      <c r="D4904" s="14" t="s">
        <v>15175</v>
      </c>
      <c r="E4904" s="2" t="s">
        <v>15176</v>
      </c>
      <c r="F4904" s="2" t="s">
        <v>14885</v>
      </c>
      <c r="G4904" s="8">
        <v>121</v>
      </c>
      <c r="H4904" s="5">
        <v>5</v>
      </c>
      <c r="I4904" s="5" t="s">
        <v>1518</v>
      </c>
      <c r="J4904" s="5" t="s">
        <v>1519</v>
      </c>
      <c r="K4904" s="2" t="s">
        <v>1520</v>
      </c>
      <c r="L4904" s="5" t="s">
        <v>1519</v>
      </c>
      <c r="M4904" s="2" t="s">
        <v>1520</v>
      </c>
      <c r="N4904" s="5" t="s">
        <v>1521</v>
      </c>
      <c r="O4904" s="5" t="s">
        <v>38</v>
      </c>
      <c r="P4904" s="5" t="s">
        <v>39</v>
      </c>
      <c r="Q4904" s="5" t="s">
        <v>40</v>
      </c>
      <c r="R4904" s="5" t="s">
        <v>1522</v>
      </c>
      <c r="S4904" s="5" t="s">
        <v>1523</v>
      </c>
      <c r="T4904" s="5" t="s">
        <v>42</v>
      </c>
      <c r="U4904" s="2">
        <v>1.474</v>
      </c>
      <c r="V4904" s="2">
        <v>1.1879999999999999</v>
      </c>
      <c r="W4904" s="2">
        <v>7.0000000000000001E-3</v>
      </c>
      <c r="X4904" s="2">
        <v>86.5</v>
      </c>
      <c r="Y4904" s="2">
        <v>7.6</v>
      </c>
      <c r="Z4904" s="2">
        <v>10.6</v>
      </c>
      <c r="AA4904" s="5"/>
      <c r="AB4904" s="5" t="s">
        <v>43</v>
      </c>
      <c r="AC4904" s="5" t="s">
        <v>44</v>
      </c>
      <c r="AD4904" s="2"/>
      <c r="AE4904" s="1"/>
    </row>
    <row r="4905" spans="1:31" ht="14.45">
      <c r="A4905" s="11"/>
      <c r="B4905" s="20"/>
      <c r="C4905" s="2" t="s">
        <v>15177</v>
      </c>
      <c r="D4905" s="14" t="s">
        <v>15178</v>
      </c>
      <c r="E4905" s="2" t="s">
        <v>15179</v>
      </c>
      <c r="F4905" s="2" t="s">
        <v>14889</v>
      </c>
      <c r="G4905" s="8">
        <v>121</v>
      </c>
      <c r="H4905" s="5">
        <v>6</v>
      </c>
      <c r="I4905" s="5" t="s">
        <v>1518</v>
      </c>
      <c r="J4905" s="5" t="s">
        <v>1519</v>
      </c>
      <c r="K4905" s="2" t="s">
        <v>1520</v>
      </c>
      <c r="L4905" s="5" t="s">
        <v>1519</v>
      </c>
      <c r="M4905" s="2" t="s">
        <v>1520</v>
      </c>
      <c r="N4905" s="5" t="s">
        <v>1521</v>
      </c>
      <c r="O4905" s="5" t="s">
        <v>38</v>
      </c>
      <c r="P4905" s="5" t="s">
        <v>39</v>
      </c>
      <c r="Q4905" s="5" t="s">
        <v>40</v>
      </c>
      <c r="R4905" s="5" t="s">
        <v>1522</v>
      </c>
      <c r="S4905" s="5" t="s">
        <v>1523</v>
      </c>
      <c r="T4905" s="5" t="s">
        <v>42</v>
      </c>
      <c r="U4905" s="2">
        <v>1.508</v>
      </c>
      <c r="V4905" s="2">
        <v>1.222</v>
      </c>
      <c r="W4905" s="2">
        <v>7.0000000000000001E-3</v>
      </c>
      <c r="X4905" s="2">
        <v>86.5</v>
      </c>
      <c r="Y4905" s="2">
        <v>7.6</v>
      </c>
      <c r="Z4905" s="2">
        <v>10.6</v>
      </c>
      <c r="AA4905" s="5"/>
      <c r="AB4905" s="5" t="s">
        <v>43</v>
      </c>
      <c r="AC4905" s="5" t="s">
        <v>44</v>
      </c>
      <c r="AD4905" s="2"/>
      <c r="AE4905" s="1"/>
    </row>
    <row r="4906" spans="1:31" ht="14.45">
      <c r="A4906" s="11"/>
      <c r="B4906" s="20"/>
      <c r="C4906" s="2" t="s">
        <v>15180</v>
      </c>
      <c r="D4906" s="14" t="s">
        <v>15181</v>
      </c>
      <c r="E4906" s="2" t="s">
        <v>15182</v>
      </c>
      <c r="F4906" s="2" t="s">
        <v>14893</v>
      </c>
      <c r="G4906" s="8">
        <v>121</v>
      </c>
      <c r="H4906" s="5">
        <v>5</v>
      </c>
      <c r="I4906" s="5" t="s">
        <v>1518</v>
      </c>
      <c r="J4906" s="5" t="s">
        <v>1519</v>
      </c>
      <c r="K4906" s="2" t="s">
        <v>1520</v>
      </c>
      <c r="L4906" s="5" t="s">
        <v>1519</v>
      </c>
      <c r="M4906" s="2" t="s">
        <v>1520</v>
      </c>
      <c r="N4906" s="5" t="s">
        <v>1521</v>
      </c>
      <c r="O4906" s="5" t="s">
        <v>38</v>
      </c>
      <c r="P4906" s="5" t="s">
        <v>39</v>
      </c>
      <c r="Q4906" s="5" t="s">
        <v>40</v>
      </c>
      <c r="R4906" s="5" t="s">
        <v>1522</v>
      </c>
      <c r="S4906" s="5" t="s">
        <v>1523</v>
      </c>
      <c r="T4906" s="5" t="s">
        <v>42</v>
      </c>
      <c r="U4906" s="2">
        <v>1.454</v>
      </c>
      <c r="V4906" s="2">
        <v>1.1679999999999999</v>
      </c>
      <c r="W4906" s="2">
        <v>7.0000000000000001E-3</v>
      </c>
      <c r="X4906" s="2">
        <v>86.5</v>
      </c>
      <c r="Y4906" s="2">
        <v>7.6</v>
      </c>
      <c r="Z4906" s="2">
        <v>10.6</v>
      </c>
      <c r="AA4906" s="5"/>
      <c r="AB4906" s="5" t="s">
        <v>43</v>
      </c>
      <c r="AC4906" s="5" t="s">
        <v>44</v>
      </c>
      <c r="AD4906" s="2"/>
      <c r="AE4906" s="1"/>
    </row>
    <row r="4907" spans="1:31" ht="14.45">
      <c r="A4907" s="11"/>
      <c r="B4907" s="20"/>
      <c r="C4907" s="2" t="s">
        <v>15183</v>
      </c>
      <c r="D4907" s="14" t="s">
        <v>15184</v>
      </c>
      <c r="E4907" s="2" t="s">
        <v>15185</v>
      </c>
      <c r="F4907" s="2" t="s">
        <v>14897</v>
      </c>
      <c r="G4907" s="8">
        <v>121</v>
      </c>
      <c r="H4907" s="5">
        <v>6</v>
      </c>
      <c r="I4907" s="5" t="s">
        <v>1518</v>
      </c>
      <c r="J4907" s="5" t="s">
        <v>1519</v>
      </c>
      <c r="K4907" s="2" t="s">
        <v>1520</v>
      </c>
      <c r="L4907" s="5" t="s">
        <v>1519</v>
      </c>
      <c r="M4907" s="2" t="s">
        <v>1520</v>
      </c>
      <c r="N4907" s="5" t="s">
        <v>1521</v>
      </c>
      <c r="O4907" s="5" t="s">
        <v>38</v>
      </c>
      <c r="P4907" s="5" t="s">
        <v>39</v>
      </c>
      <c r="Q4907" s="5" t="s">
        <v>40</v>
      </c>
      <c r="R4907" s="5" t="s">
        <v>1522</v>
      </c>
      <c r="S4907" s="5" t="s">
        <v>1523</v>
      </c>
      <c r="T4907" s="5" t="s">
        <v>42</v>
      </c>
      <c r="U4907" s="2">
        <v>1.488</v>
      </c>
      <c r="V4907" s="2">
        <v>1.202</v>
      </c>
      <c r="W4907" s="2">
        <v>7.0000000000000001E-3</v>
      </c>
      <c r="X4907" s="2">
        <v>86.5</v>
      </c>
      <c r="Y4907" s="2">
        <v>7.6</v>
      </c>
      <c r="Z4907" s="2">
        <v>10.6</v>
      </c>
      <c r="AA4907" s="5"/>
      <c r="AB4907" s="5" t="s">
        <v>43</v>
      </c>
      <c r="AC4907" s="5" t="s">
        <v>44</v>
      </c>
      <c r="AD4907" s="2"/>
      <c r="AE4907" s="1"/>
    </row>
    <row r="4908" spans="1:31" ht="14.45">
      <c r="A4908" s="11"/>
      <c r="B4908" s="20"/>
      <c r="C4908" s="2" t="s">
        <v>15186</v>
      </c>
      <c r="D4908" s="14" t="s">
        <v>15187</v>
      </c>
      <c r="E4908" s="2" t="s">
        <v>15188</v>
      </c>
      <c r="F4908" s="2" t="s">
        <v>14869</v>
      </c>
      <c r="G4908" s="8">
        <v>131</v>
      </c>
      <c r="H4908" s="5">
        <v>6</v>
      </c>
      <c r="I4908" s="5" t="s">
        <v>1518</v>
      </c>
      <c r="J4908" s="5" t="s">
        <v>1519</v>
      </c>
      <c r="K4908" s="2" t="s">
        <v>1520</v>
      </c>
      <c r="L4908" s="5" t="s">
        <v>1519</v>
      </c>
      <c r="M4908" s="2" t="s">
        <v>1520</v>
      </c>
      <c r="N4908" s="5" t="s">
        <v>1521</v>
      </c>
      <c r="O4908" s="5" t="s">
        <v>38</v>
      </c>
      <c r="P4908" s="5" t="s">
        <v>39</v>
      </c>
      <c r="Q4908" s="5" t="s">
        <v>40</v>
      </c>
      <c r="R4908" s="5" t="s">
        <v>1522</v>
      </c>
      <c r="S4908" s="5" t="s">
        <v>1523</v>
      </c>
      <c r="T4908" s="5" t="s">
        <v>42</v>
      </c>
      <c r="U4908" s="2">
        <v>1.631</v>
      </c>
      <c r="V4908" s="2">
        <v>1.282</v>
      </c>
      <c r="W4908" s="2">
        <v>8.9999999999999993E-3</v>
      </c>
      <c r="X4908" s="2">
        <v>106.5</v>
      </c>
      <c r="Y4908" s="2">
        <v>7.6</v>
      </c>
      <c r="Z4908" s="2">
        <v>10.6</v>
      </c>
      <c r="AA4908" s="5"/>
      <c r="AB4908" s="5" t="s">
        <v>43</v>
      </c>
      <c r="AC4908" s="5" t="s">
        <v>44</v>
      </c>
      <c r="AD4908" s="2"/>
      <c r="AE4908" s="1"/>
    </row>
    <row r="4909" spans="1:31" ht="14.45">
      <c r="A4909" s="11"/>
      <c r="B4909" s="20"/>
      <c r="C4909" s="2" t="s">
        <v>15189</v>
      </c>
      <c r="D4909" s="14" t="s">
        <v>15190</v>
      </c>
      <c r="E4909" s="2" t="s">
        <v>15191</v>
      </c>
      <c r="F4909" s="2" t="s">
        <v>14873</v>
      </c>
      <c r="G4909" s="8">
        <v>131</v>
      </c>
      <c r="H4909" s="5">
        <v>6</v>
      </c>
      <c r="I4909" s="5" t="s">
        <v>1518</v>
      </c>
      <c r="J4909" s="5" t="s">
        <v>1519</v>
      </c>
      <c r="K4909" s="2" t="s">
        <v>1520</v>
      </c>
      <c r="L4909" s="5" t="s">
        <v>1519</v>
      </c>
      <c r="M4909" s="2" t="s">
        <v>1520</v>
      </c>
      <c r="N4909" s="5" t="s">
        <v>1521</v>
      </c>
      <c r="O4909" s="5" t="s">
        <v>38</v>
      </c>
      <c r="P4909" s="5" t="s">
        <v>39</v>
      </c>
      <c r="Q4909" s="5" t="s">
        <v>40</v>
      </c>
      <c r="R4909" s="5" t="s">
        <v>1522</v>
      </c>
      <c r="S4909" s="5" t="s">
        <v>1523</v>
      </c>
      <c r="T4909" s="5" t="s">
        <v>42</v>
      </c>
      <c r="U4909" s="2">
        <v>1.67</v>
      </c>
      <c r="V4909" s="2">
        <v>1.321</v>
      </c>
      <c r="W4909" s="2">
        <v>8.9999999999999993E-3</v>
      </c>
      <c r="X4909" s="2">
        <v>106.5</v>
      </c>
      <c r="Y4909" s="2">
        <v>7.6</v>
      </c>
      <c r="Z4909" s="2">
        <v>10.6</v>
      </c>
      <c r="AA4909" s="5"/>
      <c r="AB4909" s="5" t="s">
        <v>43</v>
      </c>
      <c r="AC4909" s="5" t="s">
        <v>44</v>
      </c>
      <c r="AD4909" s="2"/>
      <c r="AE4909" s="1"/>
    </row>
    <row r="4910" spans="1:31" ht="14.45">
      <c r="A4910" s="11"/>
      <c r="B4910" s="20"/>
      <c r="C4910" s="2" t="s">
        <v>15192</v>
      </c>
      <c r="D4910" s="14" t="s">
        <v>15193</v>
      </c>
      <c r="E4910" s="2" t="s">
        <v>15194</v>
      </c>
      <c r="F4910" s="2" t="s">
        <v>14877</v>
      </c>
      <c r="G4910" s="8">
        <v>131</v>
      </c>
      <c r="H4910" s="5">
        <v>6</v>
      </c>
      <c r="I4910" s="5" t="s">
        <v>1518</v>
      </c>
      <c r="J4910" s="5" t="s">
        <v>1519</v>
      </c>
      <c r="K4910" s="2" t="s">
        <v>1520</v>
      </c>
      <c r="L4910" s="5" t="s">
        <v>1519</v>
      </c>
      <c r="M4910" s="2" t="s">
        <v>1520</v>
      </c>
      <c r="N4910" s="5" t="s">
        <v>1521</v>
      </c>
      <c r="O4910" s="5" t="s">
        <v>38</v>
      </c>
      <c r="P4910" s="5" t="s">
        <v>39</v>
      </c>
      <c r="Q4910" s="5" t="s">
        <v>40</v>
      </c>
      <c r="R4910" s="5" t="s">
        <v>1522</v>
      </c>
      <c r="S4910" s="5" t="s">
        <v>1523</v>
      </c>
      <c r="T4910" s="5" t="s">
        <v>42</v>
      </c>
      <c r="U4910" s="2">
        <v>1.6559999999999999</v>
      </c>
      <c r="V4910" s="2">
        <v>1.3069999999999999</v>
      </c>
      <c r="W4910" s="2">
        <v>8.9999999999999993E-3</v>
      </c>
      <c r="X4910" s="2">
        <v>106.5</v>
      </c>
      <c r="Y4910" s="2">
        <v>7.6</v>
      </c>
      <c r="Z4910" s="2">
        <v>10.6</v>
      </c>
      <c r="AA4910" s="5"/>
      <c r="AB4910" s="5" t="s">
        <v>43</v>
      </c>
      <c r="AC4910" s="5" t="s">
        <v>44</v>
      </c>
      <c r="AD4910" s="2"/>
      <c r="AE4910" s="1"/>
    </row>
    <row r="4911" spans="1:31" ht="14.45">
      <c r="A4911" s="11"/>
      <c r="B4911" s="20"/>
      <c r="C4911" s="2" t="s">
        <v>15195</v>
      </c>
      <c r="D4911" s="14" t="s">
        <v>15196</v>
      </c>
      <c r="E4911" s="2" t="s">
        <v>15197</v>
      </c>
      <c r="F4911" s="2" t="s">
        <v>14881</v>
      </c>
      <c r="G4911" s="8">
        <v>131</v>
      </c>
      <c r="H4911" s="5">
        <v>6</v>
      </c>
      <c r="I4911" s="5" t="s">
        <v>1518</v>
      </c>
      <c r="J4911" s="5" t="s">
        <v>1519</v>
      </c>
      <c r="K4911" s="2" t="s">
        <v>1520</v>
      </c>
      <c r="L4911" s="5" t="s">
        <v>1519</v>
      </c>
      <c r="M4911" s="2" t="s">
        <v>1520</v>
      </c>
      <c r="N4911" s="5" t="s">
        <v>1521</v>
      </c>
      <c r="O4911" s="5" t="s">
        <v>38</v>
      </c>
      <c r="P4911" s="5" t="s">
        <v>39</v>
      </c>
      <c r="Q4911" s="5" t="s">
        <v>40</v>
      </c>
      <c r="R4911" s="5" t="s">
        <v>1522</v>
      </c>
      <c r="S4911" s="5" t="s">
        <v>1523</v>
      </c>
      <c r="T4911" s="5" t="s">
        <v>42</v>
      </c>
      <c r="U4911" s="2">
        <v>1.6950000000000001</v>
      </c>
      <c r="V4911" s="2">
        <v>1.3460000000000001</v>
      </c>
      <c r="W4911" s="2">
        <v>8.9999999999999993E-3</v>
      </c>
      <c r="X4911" s="2">
        <v>106.5</v>
      </c>
      <c r="Y4911" s="2">
        <v>7.6</v>
      </c>
      <c r="Z4911" s="2">
        <v>10.6</v>
      </c>
      <c r="AA4911" s="5"/>
      <c r="AB4911" s="5" t="s">
        <v>43</v>
      </c>
      <c r="AC4911" s="5" t="s">
        <v>44</v>
      </c>
      <c r="AD4911" s="2"/>
      <c r="AE4911" s="1"/>
    </row>
    <row r="4912" spans="1:31" ht="14.45">
      <c r="A4912" s="11"/>
      <c r="B4912" s="20"/>
      <c r="C4912" s="2" t="s">
        <v>15198</v>
      </c>
      <c r="D4912" s="14" t="s">
        <v>15199</v>
      </c>
      <c r="E4912" s="2" t="s">
        <v>15200</v>
      </c>
      <c r="F4912" s="2" t="s">
        <v>14885</v>
      </c>
      <c r="G4912" s="8">
        <v>131</v>
      </c>
      <c r="H4912" s="5">
        <v>6</v>
      </c>
      <c r="I4912" s="5" t="s">
        <v>1518</v>
      </c>
      <c r="J4912" s="5" t="s">
        <v>1519</v>
      </c>
      <c r="K4912" s="2" t="s">
        <v>1520</v>
      </c>
      <c r="L4912" s="5" t="s">
        <v>1519</v>
      </c>
      <c r="M4912" s="2" t="s">
        <v>1520</v>
      </c>
      <c r="N4912" s="5" t="s">
        <v>1521</v>
      </c>
      <c r="O4912" s="5" t="s">
        <v>38</v>
      </c>
      <c r="P4912" s="5" t="s">
        <v>39</v>
      </c>
      <c r="Q4912" s="5" t="s">
        <v>40</v>
      </c>
      <c r="R4912" s="5" t="s">
        <v>1522</v>
      </c>
      <c r="S4912" s="5" t="s">
        <v>1523</v>
      </c>
      <c r="T4912" s="5" t="s">
        <v>42</v>
      </c>
      <c r="U4912" s="2">
        <v>1.6559999999999999</v>
      </c>
      <c r="V4912" s="2">
        <v>1.3069999999999999</v>
      </c>
      <c r="W4912" s="2">
        <v>8.9999999999999993E-3</v>
      </c>
      <c r="X4912" s="2">
        <v>106.5</v>
      </c>
      <c r="Y4912" s="2">
        <v>7.6</v>
      </c>
      <c r="Z4912" s="2">
        <v>10.6</v>
      </c>
      <c r="AA4912" s="5"/>
      <c r="AB4912" s="5" t="s">
        <v>43</v>
      </c>
      <c r="AC4912" s="5" t="s">
        <v>44</v>
      </c>
      <c r="AD4912" s="2"/>
      <c r="AE4912" s="1"/>
    </row>
    <row r="4913" spans="1:31" ht="14.45">
      <c r="A4913" s="11"/>
      <c r="B4913" s="20"/>
      <c r="C4913" s="2" t="s">
        <v>15201</v>
      </c>
      <c r="D4913" s="14" t="s">
        <v>15202</v>
      </c>
      <c r="E4913" s="2" t="s">
        <v>15203</v>
      </c>
      <c r="F4913" s="2" t="s">
        <v>14889</v>
      </c>
      <c r="G4913" s="8">
        <v>131</v>
      </c>
      <c r="H4913" s="5">
        <v>6</v>
      </c>
      <c r="I4913" s="5" t="s">
        <v>1518</v>
      </c>
      <c r="J4913" s="5" t="s">
        <v>1519</v>
      </c>
      <c r="K4913" s="2" t="s">
        <v>1520</v>
      </c>
      <c r="L4913" s="5" t="s">
        <v>1519</v>
      </c>
      <c r="M4913" s="2" t="s">
        <v>1520</v>
      </c>
      <c r="N4913" s="5" t="s">
        <v>1521</v>
      </c>
      <c r="O4913" s="5" t="s">
        <v>38</v>
      </c>
      <c r="P4913" s="5" t="s">
        <v>39</v>
      </c>
      <c r="Q4913" s="5" t="s">
        <v>40</v>
      </c>
      <c r="R4913" s="5" t="s">
        <v>1522</v>
      </c>
      <c r="S4913" s="5" t="s">
        <v>1523</v>
      </c>
      <c r="T4913" s="5" t="s">
        <v>42</v>
      </c>
      <c r="U4913" s="2">
        <v>1.6950000000000001</v>
      </c>
      <c r="V4913" s="2">
        <v>1.3460000000000001</v>
      </c>
      <c r="W4913" s="2">
        <v>8.9999999999999993E-3</v>
      </c>
      <c r="X4913" s="2">
        <v>106.5</v>
      </c>
      <c r="Y4913" s="2">
        <v>7.6</v>
      </c>
      <c r="Z4913" s="2">
        <v>10.6</v>
      </c>
      <c r="AA4913" s="5"/>
      <c r="AB4913" s="5" t="s">
        <v>43</v>
      </c>
      <c r="AC4913" s="5" t="s">
        <v>44</v>
      </c>
      <c r="AD4913" s="2"/>
      <c r="AE4913" s="1"/>
    </row>
    <row r="4914" spans="1:31" ht="14.45">
      <c r="A4914" s="11"/>
      <c r="B4914" s="20"/>
      <c r="C4914" s="2" t="s">
        <v>15204</v>
      </c>
      <c r="D4914" s="14" t="s">
        <v>15205</v>
      </c>
      <c r="E4914" s="2" t="s">
        <v>15206</v>
      </c>
      <c r="F4914" s="2" t="s">
        <v>14893</v>
      </c>
      <c r="G4914" s="8">
        <v>131</v>
      </c>
      <c r="H4914" s="5">
        <v>5</v>
      </c>
      <c r="I4914" s="5" t="s">
        <v>1518</v>
      </c>
      <c r="J4914" s="5" t="s">
        <v>1519</v>
      </c>
      <c r="K4914" s="2" t="s">
        <v>1520</v>
      </c>
      <c r="L4914" s="5" t="s">
        <v>1519</v>
      </c>
      <c r="M4914" s="2" t="s">
        <v>1520</v>
      </c>
      <c r="N4914" s="5" t="s">
        <v>1521</v>
      </c>
      <c r="O4914" s="5" t="s">
        <v>38</v>
      </c>
      <c r="P4914" s="5" t="s">
        <v>39</v>
      </c>
      <c r="Q4914" s="5" t="s">
        <v>40</v>
      </c>
      <c r="R4914" s="5" t="s">
        <v>1522</v>
      </c>
      <c r="S4914" s="5" t="s">
        <v>1523</v>
      </c>
      <c r="T4914" s="5" t="s">
        <v>42</v>
      </c>
      <c r="U4914" s="2">
        <v>1.631</v>
      </c>
      <c r="V4914" s="2">
        <v>1.282</v>
      </c>
      <c r="W4914" s="2">
        <v>8.9999999999999993E-3</v>
      </c>
      <c r="X4914" s="2">
        <v>106.5</v>
      </c>
      <c r="Y4914" s="2">
        <v>7.6</v>
      </c>
      <c r="Z4914" s="2">
        <v>10.6</v>
      </c>
      <c r="AA4914" s="5"/>
      <c r="AB4914" s="5" t="s">
        <v>43</v>
      </c>
      <c r="AC4914" s="5" t="s">
        <v>44</v>
      </c>
      <c r="AD4914" s="2"/>
      <c r="AE4914" s="1"/>
    </row>
    <row r="4915" spans="1:31" ht="14.45">
      <c r="A4915" s="11"/>
      <c r="B4915" s="20"/>
      <c r="C4915" s="2" t="s">
        <v>15207</v>
      </c>
      <c r="D4915" s="14" t="s">
        <v>15208</v>
      </c>
      <c r="E4915" s="2" t="s">
        <v>15209</v>
      </c>
      <c r="F4915" s="2" t="s">
        <v>14897</v>
      </c>
      <c r="G4915" s="8">
        <v>131</v>
      </c>
      <c r="H4915" s="5">
        <v>6</v>
      </c>
      <c r="I4915" s="5" t="s">
        <v>1518</v>
      </c>
      <c r="J4915" s="5" t="s">
        <v>1519</v>
      </c>
      <c r="K4915" s="2" t="s">
        <v>1520</v>
      </c>
      <c r="L4915" s="5" t="s">
        <v>1519</v>
      </c>
      <c r="M4915" s="2" t="s">
        <v>1520</v>
      </c>
      <c r="N4915" s="5" t="s">
        <v>1521</v>
      </c>
      <c r="O4915" s="5" t="s">
        <v>38</v>
      </c>
      <c r="P4915" s="5" t="s">
        <v>39</v>
      </c>
      <c r="Q4915" s="5" t="s">
        <v>40</v>
      </c>
      <c r="R4915" s="5" t="s">
        <v>1522</v>
      </c>
      <c r="S4915" s="5" t="s">
        <v>1523</v>
      </c>
      <c r="T4915" s="5" t="s">
        <v>42</v>
      </c>
      <c r="U4915" s="2">
        <v>1.67</v>
      </c>
      <c r="V4915" s="2">
        <v>1.321</v>
      </c>
      <c r="W4915" s="2">
        <v>8.9999999999999993E-3</v>
      </c>
      <c r="X4915" s="2">
        <v>106.5</v>
      </c>
      <c r="Y4915" s="2">
        <v>7.6</v>
      </c>
      <c r="Z4915" s="2">
        <v>10.6</v>
      </c>
      <c r="AA4915" s="5"/>
      <c r="AB4915" s="5" t="s">
        <v>43</v>
      </c>
      <c r="AC4915" s="5" t="s">
        <v>44</v>
      </c>
      <c r="AD4915" s="2"/>
      <c r="AE4915" s="1"/>
    </row>
    <row r="4916" spans="1:31" ht="14.45">
      <c r="A4916" s="11"/>
      <c r="B4916" s="20"/>
      <c r="C4916" s="2" t="s">
        <v>15210</v>
      </c>
      <c r="D4916" s="14" t="s">
        <v>15211</v>
      </c>
      <c r="E4916" s="2" t="s">
        <v>15212</v>
      </c>
      <c r="F4916" s="2" t="s">
        <v>14869</v>
      </c>
      <c r="G4916" s="8">
        <v>135</v>
      </c>
      <c r="H4916" s="5">
        <v>6</v>
      </c>
      <c r="I4916" s="5" t="s">
        <v>1518</v>
      </c>
      <c r="J4916" s="5" t="s">
        <v>1519</v>
      </c>
      <c r="K4916" s="2" t="s">
        <v>1520</v>
      </c>
      <c r="L4916" s="5" t="s">
        <v>1519</v>
      </c>
      <c r="M4916" s="2" t="s">
        <v>1520</v>
      </c>
      <c r="N4916" s="5" t="s">
        <v>1521</v>
      </c>
      <c r="O4916" s="5" t="s">
        <v>38</v>
      </c>
      <c r="P4916" s="5" t="s">
        <v>39</v>
      </c>
      <c r="Q4916" s="5" t="s">
        <v>40</v>
      </c>
      <c r="R4916" s="5" t="s">
        <v>1522</v>
      </c>
      <c r="S4916" s="5" t="s">
        <v>1523</v>
      </c>
      <c r="T4916" s="5" t="s">
        <v>42</v>
      </c>
      <c r="U4916" s="2">
        <v>1.8140000000000001</v>
      </c>
      <c r="V4916" s="2">
        <v>1.4059999999999999</v>
      </c>
      <c r="W4916" s="2">
        <v>0.01</v>
      </c>
      <c r="X4916" s="2">
        <v>128.5</v>
      </c>
      <c r="Y4916" s="2">
        <v>7.6</v>
      </c>
      <c r="Z4916" s="2">
        <v>10.6</v>
      </c>
      <c r="AA4916" s="5"/>
      <c r="AB4916" s="5" t="s">
        <v>43</v>
      </c>
      <c r="AC4916" s="5" t="s">
        <v>44</v>
      </c>
      <c r="AD4916" s="2"/>
      <c r="AE4916" s="1"/>
    </row>
    <row r="4917" spans="1:31" ht="14.45">
      <c r="A4917" s="11"/>
      <c r="B4917" s="20"/>
      <c r="C4917" s="2" t="s">
        <v>15213</v>
      </c>
      <c r="D4917" s="14" t="s">
        <v>15214</v>
      </c>
      <c r="E4917" s="2" t="s">
        <v>15215</v>
      </c>
      <c r="F4917" s="2" t="s">
        <v>14873</v>
      </c>
      <c r="G4917" s="8">
        <v>135</v>
      </c>
      <c r="H4917" s="5">
        <v>6</v>
      </c>
      <c r="I4917" s="5" t="s">
        <v>1518</v>
      </c>
      <c r="J4917" s="5" t="s">
        <v>1519</v>
      </c>
      <c r="K4917" s="2" t="s">
        <v>1520</v>
      </c>
      <c r="L4917" s="5" t="s">
        <v>1519</v>
      </c>
      <c r="M4917" s="2" t="s">
        <v>1520</v>
      </c>
      <c r="N4917" s="5" t="s">
        <v>1521</v>
      </c>
      <c r="O4917" s="5" t="s">
        <v>38</v>
      </c>
      <c r="P4917" s="5" t="s">
        <v>39</v>
      </c>
      <c r="Q4917" s="5" t="s">
        <v>40</v>
      </c>
      <c r="R4917" s="5" t="s">
        <v>1522</v>
      </c>
      <c r="S4917" s="5" t="s">
        <v>1523</v>
      </c>
      <c r="T4917" s="5" t="s">
        <v>42</v>
      </c>
      <c r="U4917" s="2">
        <v>1.857</v>
      </c>
      <c r="V4917" s="2">
        <v>1.4490000000000001</v>
      </c>
      <c r="W4917" s="2">
        <v>0.01</v>
      </c>
      <c r="X4917" s="2">
        <v>128.5</v>
      </c>
      <c r="Y4917" s="2">
        <v>7.6</v>
      </c>
      <c r="Z4917" s="2">
        <v>10.6</v>
      </c>
      <c r="AA4917" s="5"/>
      <c r="AB4917" s="5" t="s">
        <v>43</v>
      </c>
      <c r="AC4917" s="5" t="s">
        <v>44</v>
      </c>
      <c r="AD4917" s="2"/>
      <c r="AE4917" s="1"/>
    </row>
    <row r="4918" spans="1:31" ht="14.45">
      <c r="A4918" s="11"/>
      <c r="B4918" s="20"/>
      <c r="C4918" s="2" t="s">
        <v>15216</v>
      </c>
      <c r="D4918" s="14" t="s">
        <v>15217</v>
      </c>
      <c r="E4918" s="2" t="s">
        <v>15218</v>
      </c>
      <c r="F4918" s="2" t="s">
        <v>14877</v>
      </c>
      <c r="G4918" s="8">
        <v>135</v>
      </c>
      <c r="H4918" s="5">
        <v>5</v>
      </c>
      <c r="I4918" s="5" t="s">
        <v>1518</v>
      </c>
      <c r="J4918" s="5" t="s">
        <v>1519</v>
      </c>
      <c r="K4918" s="2" t="s">
        <v>1520</v>
      </c>
      <c r="L4918" s="5" t="s">
        <v>1519</v>
      </c>
      <c r="M4918" s="2" t="s">
        <v>1520</v>
      </c>
      <c r="N4918" s="5" t="s">
        <v>1521</v>
      </c>
      <c r="O4918" s="5" t="s">
        <v>38</v>
      </c>
      <c r="P4918" s="5" t="s">
        <v>39</v>
      </c>
      <c r="Q4918" s="5" t="s">
        <v>40</v>
      </c>
      <c r="R4918" s="5" t="s">
        <v>1522</v>
      </c>
      <c r="S4918" s="5" t="s">
        <v>1523</v>
      </c>
      <c r="T4918" s="5" t="s">
        <v>42</v>
      </c>
      <c r="U4918" s="2">
        <v>1.845</v>
      </c>
      <c r="V4918" s="2">
        <v>1.4370000000000001</v>
      </c>
      <c r="W4918" s="2">
        <v>0.01</v>
      </c>
      <c r="X4918" s="2">
        <v>128.5</v>
      </c>
      <c r="Y4918" s="2">
        <v>7.6</v>
      </c>
      <c r="Z4918" s="2">
        <v>10.6</v>
      </c>
      <c r="AA4918" s="5"/>
      <c r="AB4918" s="5" t="s">
        <v>43</v>
      </c>
      <c r="AC4918" s="5" t="s">
        <v>44</v>
      </c>
      <c r="AD4918" s="2"/>
      <c r="AE4918" s="1"/>
    </row>
    <row r="4919" spans="1:31" ht="14.45">
      <c r="A4919" s="11"/>
      <c r="B4919" s="20"/>
      <c r="C4919" s="2" t="s">
        <v>15219</v>
      </c>
      <c r="D4919" s="14" t="s">
        <v>15220</v>
      </c>
      <c r="E4919" s="2" t="s">
        <v>15221</v>
      </c>
      <c r="F4919" s="2" t="s">
        <v>14881</v>
      </c>
      <c r="G4919" s="8">
        <v>135</v>
      </c>
      <c r="H4919" s="5">
        <v>6</v>
      </c>
      <c r="I4919" s="5" t="s">
        <v>1518</v>
      </c>
      <c r="J4919" s="5" t="s">
        <v>1519</v>
      </c>
      <c r="K4919" s="2" t="s">
        <v>1520</v>
      </c>
      <c r="L4919" s="5" t="s">
        <v>1519</v>
      </c>
      <c r="M4919" s="2" t="s">
        <v>1520</v>
      </c>
      <c r="N4919" s="5" t="s">
        <v>1521</v>
      </c>
      <c r="O4919" s="5" t="s">
        <v>38</v>
      </c>
      <c r="P4919" s="5" t="s">
        <v>39</v>
      </c>
      <c r="Q4919" s="5" t="s">
        <v>40</v>
      </c>
      <c r="R4919" s="5" t="s">
        <v>1522</v>
      </c>
      <c r="S4919" s="5" t="s">
        <v>1523</v>
      </c>
      <c r="T4919" s="5" t="s">
        <v>42</v>
      </c>
      <c r="U4919" s="2">
        <v>1.8879999999999999</v>
      </c>
      <c r="V4919" s="2">
        <v>1.48</v>
      </c>
      <c r="W4919" s="2">
        <v>0.01</v>
      </c>
      <c r="X4919" s="2">
        <v>128.5</v>
      </c>
      <c r="Y4919" s="2">
        <v>7.6</v>
      </c>
      <c r="Z4919" s="2">
        <v>10.6</v>
      </c>
      <c r="AA4919" s="5"/>
      <c r="AB4919" s="5" t="s">
        <v>43</v>
      </c>
      <c r="AC4919" s="5" t="s">
        <v>44</v>
      </c>
      <c r="AD4919" s="2"/>
      <c r="AE4919" s="1"/>
    </row>
    <row r="4920" spans="1:31" ht="14.45">
      <c r="A4920" s="11"/>
      <c r="B4920" s="20"/>
      <c r="C4920" s="2" t="s">
        <v>15222</v>
      </c>
      <c r="D4920" s="14" t="s">
        <v>15223</v>
      </c>
      <c r="E4920" s="2" t="s">
        <v>15224</v>
      </c>
      <c r="F4920" s="2" t="s">
        <v>14885</v>
      </c>
      <c r="G4920" s="8">
        <v>135</v>
      </c>
      <c r="H4920" s="5">
        <v>5</v>
      </c>
      <c r="I4920" s="5" t="s">
        <v>1518</v>
      </c>
      <c r="J4920" s="5" t="s">
        <v>1519</v>
      </c>
      <c r="K4920" s="2" t="s">
        <v>1520</v>
      </c>
      <c r="L4920" s="5" t="s">
        <v>1519</v>
      </c>
      <c r="M4920" s="2" t="s">
        <v>1520</v>
      </c>
      <c r="N4920" s="5" t="s">
        <v>1521</v>
      </c>
      <c r="O4920" s="5" t="s">
        <v>38</v>
      </c>
      <c r="P4920" s="5" t="s">
        <v>39</v>
      </c>
      <c r="Q4920" s="5" t="s">
        <v>40</v>
      </c>
      <c r="R4920" s="5" t="s">
        <v>1522</v>
      </c>
      <c r="S4920" s="5" t="s">
        <v>1523</v>
      </c>
      <c r="T4920" s="5" t="s">
        <v>42</v>
      </c>
      <c r="U4920" s="2">
        <v>1.845</v>
      </c>
      <c r="V4920" s="2">
        <v>1.4370000000000001</v>
      </c>
      <c r="W4920" s="2">
        <v>0.01</v>
      </c>
      <c r="X4920" s="2">
        <v>128.5</v>
      </c>
      <c r="Y4920" s="2">
        <v>7.6</v>
      </c>
      <c r="Z4920" s="2">
        <v>10.6</v>
      </c>
      <c r="AA4920" s="5"/>
      <c r="AB4920" s="5" t="s">
        <v>43</v>
      </c>
      <c r="AC4920" s="5" t="s">
        <v>44</v>
      </c>
      <c r="AD4920" s="2"/>
      <c r="AE4920" s="1"/>
    </row>
    <row r="4921" spans="1:31" ht="14.45">
      <c r="A4921" s="11"/>
      <c r="B4921" s="20"/>
      <c r="C4921" s="2" t="s">
        <v>15225</v>
      </c>
      <c r="D4921" s="14" t="s">
        <v>15226</v>
      </c>
      <c r="E4921" s="2" t="s">
        <v>15227</v>
      </c>
      <c r="F4921" s="2" t="s">
        <v>14889</v>
      </c>
      <c r="G4921" s="8">
        <v>135</v>
      </c>
      <c r="H4921" s="5">
        <v>6</v>
      </c>
      <c r="I4921" s="5" t="s">
        <v>1518</v>
      </c>
      <c r="J4921" s="5" t="s">
        <v>1519</v>
      </c>
      <c r="K4921" s="2" t="s">
        <v>1520</v>
      </c>
      <c r="L4921" s="5" t="s">
        <v>1519</v>
      </c>
      <c r="M4921" s="2" t="s">
        <v>1520</v>
      </c>
      <c r="N4921" s="5" t="s">
        <v>1521</v>
      </c>
      <c r="O4921" s="5" t="s">
        <v>38</v>
      </c>
      <c r="P4921" s="5" t="s">
        <v>39</v>
      </c>
      <c r="Q4921" s="5" t="s">
        <v>40</v>
      </c>
      <c r="R4921" s="5" t="s">
        <v>1522</v>
      </c>
      <c r="S4921" s="5" t="s">
        <v>1523</v>
      </c>
      <c r="T4921" s="5" t="s">
        <v>42</v>
      </c>
      <c r="U4921" s="2">
        <v>1.8879999999999999</v>
      </c>
      <c r="V4921" s="2">
        <v>1.48</v>
      </c>
      <c r="W4921" s="2">
        <v>0.01</v>
      </c>
      <c r="X4921" s="2">
        <v>128.5</v>
      </c>
      <c r="Y4921" s="2">
        <v>7.6</v>
      </c>
      <c r="Z4921" s="2">
        <v>10.6</v>
      </c>
      <c r="AA4921" s="5"/>
      <c r="AB4921" s="5" t="s">
        <v>43</v>
      </c>
      <c r="AC4921" s="5" t="s">
        <v>44</v>
      </c>
      <c r="AD4921" s="2"/>
      <c r="AE4921" s="1"/>
    </row>
    <row r="4922" spans="1:31" ht="14.45">
      <c r="A4922" s="11"/>
      <c r="B4922" s="20"/>
      <c r="C4922" s="2" t="s">
        <v>15228</v>
      </c>
      <c r="D4922" s="14" t="s">
        <v>15229</v>
      </c>
      <c r="E4922" s="2" t="s">
        <v>15230</v>
      </c>
      <c r="F4922" s="2" t="s">
        <v>14893</v>
      </c>
      <c r="G4922" s="8">
        <v>135</v>
      </c>
      <c r="H4922" s="5">
        <v>5</v>
      </c>
      <c r="I4922" s="5" t="s">
        <v>1518</v>
      </c>
      <c r="J4922" s="5" t="s">
        <v>1519</v>
      </c>
      <c r="K4922" s="2" t="s">
        <v>1520</v>
      </c>
      <c r="L4922" s="5" t="s">
        <v>1519</v>
      </c>
      <c r="M4922" s="2" t="s">
        <v>1520</v>
      </c>
      <c r="N4922" s="5" t="s">
        <v>1521</v>
      </c>
      <c r="O4922" s="5" t="s">
        <v>38</v>
      </c>
      <c r="P4922" s="5" t="s">
        <v>39</v>
      </c>
      <c r="Q4922" s="5" t="s">
        <v>40</v>
      </c>
      <c r="R4922" s="5" t="s">
        <v>1522</v>
      </c>
      <c r="S4922" s="5" t="s">
        <v>1523</v>
      </c>
      <c r="T4922" s="5" t="s">
        <v>42</v>
      </c>
      <c r="U4922" s="2">
        <v>1.8149999999999999</v>
      </c>
      <c r="V4922" s="2">
        <v>1.407</v>
      </c>
      <c r="W4922" s="2">
        <v>0.01</v>
      </c>
      <c r="X4922" s="2">
        <v>128.5</v>
      </c>
      <c r="Y4922" s="2">
        <v>7.6</v>
      </c>
      <c r="Z4922" s="2">
        <v>10.6</v>
      </c>
      <c r="AA4922" s="5"/>
      <c r="AB4922" s="5" t="s">
        <v>43</v>
      </c>
      <c r="AC4922" s="5" t="s">
        <v>44</v>
      </c>
      <c r="AD4922" s="2"/>
      <c r="AE4922" s="1"/>
    </row>
    <row r="4923" spans="1:31" ht="14.45">
      <c r="A4923" s="11"/>
      <c r="B4923" s="20"/>
      <c r="C4923" s="2" t="s">
        <v>15231</v>
      </c>
      <c r="D4923" s="14" t="s">
        <v>15232</v>
      </c>
      <c r="E4923" s="2" t="s">
        <v>15233</v>
      </c>
      <c r="F4923" s="2" t="s">
        <v>14897</v>
      </c>
      <c r="G4923" s="8">
        <v>135</v>
      </c>
      <c r="H4923" s="5">
        <v>6</v>
      </c>
      <c r="I4923" s="5" t="s">
        <v>1518</v>
      </c>
      <c r="J4923" s="5" t="s">
        <v>1519</v>
      </c>
      <c r="K4923" s="2" t="s">
        <v>1520</v>
      </c>
      <c r="L4923" s="5" t="s">
        <v>1519</v>
      </c>
      <c r="M4923" s="2" t="s">
        <v>1520</v>
      </c>
      <c r="N4923" s="5" t="s">
        <v>1521</v>
      </c>
      <c r="O4923" s="5" t="s">
        <v>38</v>
      </c>
      <c r="P4923" s="5" t="s">
        <v>39</v>
      </c>
      <c r="Q4923" s="5" t="s">
        <v>40</v>
      </c>
      <c r="R4923" s="5" t="s">
        <v>1522</v>
      </c>
      <c r="S4923" s="5" t="s">
        <v>1523</v>
      </c>
      <c r="T4923" s="5" t="s">
        <v>42</v>
      </c>
      <c r="U4923" s="2">
        <v>1.857</v>
      </c>
      <c r="V4923" s="2">
        <v>1.4490000000000001</v>
      </c>
      <c r="W4923" s="2">
        <v>0.01</v>
      </c>
      <c r="X4923" s="2">
        <v>128.5</v>
      </c>
      <c r="Y4923" s="2">
        <v>7.6</v>
      </c>
      <c r="Z4923" s="2">
        <v>10.6</v>
      </c>
      <c r="AA4923" s="5"/>
      <c r="AB4923" s="5" t="s">
        <v>43</v>
      </c>
      <c r="AC4923" s="5" t="s">
        <v>44</v>
      </c>
      <c r="AD4923" s="2"/>
      <c r="AE4923" s="1"/>
    </row>
    <row r="4924" spans="1:31" ht="14.45">
      <c r="A4924" s="11"/>
      <c r="B4924" s="20"/>
      <c r="C4924" s="2" t="s">
        <v>15234</v>
      </c>
      <c r="D4924" s="14" t="s">
        <v>15235</v>
      </c>
      <c r="E4924" s="2" t="s">
        <v>15236</v>
      </c>
      <c r="F4924" s="2" t="s">
        <v>14869</v>
      </c>
      <c r="G4924" s="8">
        <v>143</v>
      </c>
      <c r="H4924" s="5">
        <v>6</v>
      </c>
      <c r="I4924" s="5" t="s">
        <v>1518</v>
      </c>
      <c r="J4924" s="5" t="s">
        <v>1519</v>
      </c>
      <c r="K4924" s="2" t="s">
        <v>1520</v>
      </c>
      <c r="L4924" s="5" t="s">
        <v>1519</v>
      </c>
      <c r="M4924" s="2" t="s">
        <v>1520</v>
      </c>
      <c r="N4924" s="5" t="s">
        <v>1521</v>
      </c>
      <c r="O4924" s="5" t="s">
        <v>38</v>
      </c>
      <c r="P4924" s="5" t="s">
        <v>39</v>
      </c>
      <c r="Q4924" s="5" t="s">
        <v>40</v>
      </c>
      <c r="R4924" s="5" t="s">
        <v>1522</v>
      </c>
      <c r="S4924" s="5" t="s">
        <v>1523</v>
      </c>
      <c r="T4924" s="5" t="s">
        <v>42</v>
      </c>
      <c r="U4924" s="2">
        <v>1.9870000000000001</v>
      </c>
      <c r="V4924" s="2">
        <v>1.5189999999999999</v>
      </c>
      <c r="W4924" s="2">
        <v>1.2E-2</v>
      </c>
      <c r="X4924" s="2">
        <v>148.69999999999999</v>
      </c>
      <c r="Y4924" s="2">
        <v>7.6</v>
      </c>
      <c r="Z4924" s="2">
        <v>10.6</v>
      </c>
      <c r="AA4924" s="5"/>
      <c r="AB4924" s="5" t="s">
        <v>43</v>
      </c>
      <c r="AC4924" s="5" t="s">
        <v>44</v>
      </c>
      <c r="AD4924" s="2"/>
      <c r="AE4924" s="1"/>
    </row>
    <row r="4925" spans="1:31" ht="14.45">
      <c r="A4925" s="11"/>
      <c r="B4925" s="20"/>
      <c r="C4925" s="2" t="s">
        <v>15237</v>
      </c>
      <c r="D4925" s="14" t="s">
        <v>15238</v>
      </c>
      <c r="E4925" s="2" t="s">
        <v>15239</v>
      </c>
      <c r="F4925" s="2" t="s">
        <v>14873</v>
      </c>
      <c r="G4925" s="8">
        <v>143</v>
      </c>
      <c r="H4925" s="5">
        <v>6</v>
      </c>
      <c r="I4925" s="5" t="s">
        <v>1518</v>
      </c>
      <c r="J4925" s="5" t="s">
        <v>1519</v>
      </c>
      <c r="K4925" s="2" t="s">
        <v>1520</v>
      </c>
      <c r="L4925" s="5" t="s">
        <v>1519</v>
      </c>
      <c r="M4925" s="2" t="s">
        <v>1520</v>
      </c>
      <c r="N4925" s="5" t="s">
        <v>1521</v>
      </c>
      <c r="O4925" s="5" t="s">
        <v>38</v>
      </c>
      <c r="P4925" s="5" t="s">
        <v>39</v>
      </c>
      <c r="Q4925" s="5" t="s">
        <v>40</v>
      </c>
      <c r="R4925" s="5" t="s">
        <v>1522</v>
      </c>
      <c r="S4925" s="5" t="s">
        <v>1523</v>
      </c>
      <c r="T4925" s="5" t="s">
        <v>42</v>
      </c>
      <c r="U4925" s="2">
        <v>2.0350000000000001</v>
      </c>
      <c r="V4925" s="2">
        <v>1.5669999999999999</v>
      </c>
      <c r="W4925" s="2">
        <v>1.2E-2</v>
      </c>
      <c r="X4925" s="2">
        <v>148.69999999999999</v>
      </c>
      <c r="Y4925" s="2">
        <v>7.6</v>
      </c>
      <c r="Z4925" s="2">
        <v>10.6</v>
      </c>
      <c r="AA4925" s="5"/>
      <c r="AB4925" s="5" t="s">
        <v>43</v>
      </c>
      <c r="AC4925" s="5" t="s">
        <v>44</v>
      </c>
      <c r="AD4925" s="2"/>
      <c r="AE4925" s="1"/>
    </row>
    <row r="4926" spans="1:31" ht="14.45">
      <c r="A4926" s="11"/>
      <c r="B4926" s="20"/>
      <c r="C4926" s="2" t="s">
        <v>15240</v>
      </c>
      <c r="D4926" s="14" t="s">
        <v>15241</v>
      </c>
      <c r="E4926" s="2" t="s">
        <v>15242</v>
      </c>
      <c r="F4926" s="2" t="s">
        <v>14877</v>
      </c>
      <c r="G4926" s="8">
        <v>143</v>
      </c>
      <c r="H4926" s="5">
        <v>6</v>
      </c>
      <c r="I4926" s="5" t="s">
        <v>1518</v>
      </c>
      <c r="J4926" s="5" t="s">
        <v>1519</v>
      </c>
      <c r="K4926" s="2" t="s">
        <v>1520</v>
      </c>
      <c r="L4926" s="5" t="s">
        <v>1519</v>
      </c>
      <c r="M4926" s="2" t="s">
        <v>1520</v>
      </c>
      <c r="N4926" s="5" t="s">
        <v>1521</v>
      </c>
      <c r="O4926" s="5" t="s">
        <v>38</v>
      </c>
      <c r="P4926" s="5" t="s">
        <v>39</v>
      </c>
      <c r="Q4926" s="5" t="s">
        <v>40</v>
      </c>
      <c r="R4926" s="5" t="s">
        <v>1522</v>
      </c>
      <c r="S4926" s="5" t="s">
        <v>1523</v>
      </c>
      <c r="T4926" s="5" t="s">
        <v>42</v>
      </c>
      <c r="U4926" s="2">
        <v>2.0230000000000001</v>
      </c>
      <c r="V4926" s="2">
        <v>1.5549999999999999</v>
      </c>
      <c r="W4926" s="2">
        <v>1.2E-2</v>
      </c>
      <c r="X4926" s="2">
        <v>148.69999999999999</v>
      </c>
      <c r="Y4926" s="2">
        <v>7.6</v>
      </c>
      <c r="Z4926" s="2">
        <v>10.6</v>
      </c>
      <c r="AA4926" s="5"/>
      <c r="AB4926" s="5" t="s">
        <v>43</v>
      </c>
      <c r="AC4926" s="5" t="s">
        <v>44</v>
      </c>
      <c r="AD4926" s="2"/>
      <c r="AE4926" s="1"/>
    </row>
    <row r="4927" spans="1:31" ht="14.45">
      <c r="A4927" s="11"/>
      <c r="B4927" s="20"/>
      <c r="C4927" s="2" t="s">
        <v>15243</v>
      </c>
      <c r="D4927" s="14" t="s">
        <v>15244</v>
      </c>
      <c r="E4927" s="2" t="s">
        <v>15245</v>
      </c>
      <c r="F4927" s="2" t="s">
        <v>14881</v>
      </c>
      <c r="G4927" s="8">
        <v>143</v>
      </c>
      <c r="H4927" s="5">
        <v>6</v>
      </c>
      <c r="I4927" s="5" t="s">
        <v>1518</v>
      </c>
      <c r="J4927" s="5" t="s">
        <v>1519</v>
      </c>
      <c r="K4927" s="2" t="s">
        <v>1520</v>
      </c>
      <c r="L4927" s="5" t="s">
        <v>1519</v>
      </c>
      <c r="M4927" s="2" t="s">
        <v>1520</v>
      </c>
      <c r="N4927" s="5" t="s">
        <v>1521</v>
      </c>
      <c r="O4927" s="5" t="s">
        <v>38</v>
      </c>
      <c r="P4927" s="5" t="s">
        <v>39</v>
      </c>
      <c r="Q4927" s="5" t="s">
        <v>40</v>
      </c>
      <c r="R4927" s="5" t="s">
        <v>1522</v>
      </c>
      <c r="S4927" s="5" t="s">
        <v>1523</v>
      </c>
      <c r="T4927" s="5" t="s">
        <v>42</v>
      </c>
      <c r="U4927" s="2">
        <v>2.0710000000000002</v>
      </c>
      <c r="V4927" s="2">
        <v>1.603</v>
      </c>
      <c r="W4927" s="2">
        <v>1.2E-2</v>
      </c>
      <c r="X4927" s="2">
        <v>148.69999999999999</v>
      </c>
      <c r="Y4927" s="2">
        <v>7.6</v>
      </c>
      <c r="Z4927" s="2">
        <v>10.6</v>
      </c>
      <c r="AA4927" s="5"/>
      <c r="AB4927" s="5" t="s">
        <v>43</v>
      </c>
      <c r="AC4927" s="5" t="s">
        <v>44</v>
      </c>
      <c r="AD4927" s="2"/>
      <c r="AE4927" s="1"/>
    </row>
    <row r="4928" spans="1:31" ht="14.45">
      <c r="A4928" s="11"/>
      <c r="B4928" s="20"/>
      <c r="C4928" s="2" t="s">
        <v>15246</v>
      </c>
      <c r="D4928" s="14" t="s">
        <v>15247</v>
      </c>
      <c r="E4928" s="2" t="s">
        <v>15248</v>
      </c>
      <c r="F4928" s="2" t="s">
        <v>14885</v>
      </c>
      <c r="G4928" s="8">
        <v>143</v>
      </c>
      <c r="H4928" s="5">
        <v>6</v>
      </c>
      <c r="I4928" s="5" t="s">
        <v>1518</v>
      </c>
      <c r="J4928" s="5" t="s">
        <v>1519</v>
      </c>
      <c r="K4928" s="2" t="s">
        <v>1520</v>
      </c>
      <c r="L4928" s="5" t="s">
        <v>1519</v>
      </c>
      <c r="M4928" s="2" t="s">
        <v>1520</v>
      </c>
      <c r="N4928" s="5" t="s">
        <v>1521</v>
      </c>
      <c r="O4928" s="5" t="s">
        <v>38</v>
      </c>
      <c r="P4928" s="5" t="s">
        <v>39</v>
      </c>
      <c r="Q4928" s="5" t="s">
        <v>40</v>
      </c>
      <c r="R4928" s="5" t="s">
        <v>1522</v>
      </c>
      <c r="S4928" s="5" t="s">
        <v>1523</v>
      </c>
      <c r="T4928" s="5" t="s">
        <v>42</v>
      </c>
      <c r="U4928" s="2">
        <v>2.0230000000000001</v>
      </c>
      <c r="V4928" s="2">
        <v>1.5549999999999999</v>
      </c>
      <c r="W4928" s="2">
        <v>1.2E-2</v>
      </c>
      <c r="X4928" s="2">
        <v>148.69999999999999</v>
      </c>
      <c r="Y4928" s="2">
        <v>7.6</v>
      </c>
      <c r="Z4928" s="2">
        <v>10.6</v>
      </c>
      <c r="AA4928" s="5"/>
      <c r="AB4928" s="5" t="s">
        <v>43</v>
      </c>
      <c r="AC4928" s="5" t="s">
        <v>44</v>
      </c>
      <c r="AD4928" s="2"/>
      <c r="AE4928" s="1"/>
    </row>
    <row r="4929" spans="1:31" ht="14.45">
      <c r="A4929" s="11"/>
      <c r="B4929" s="20"/>
      <c r="C4929" s="2" t="s">
        <v>15249</v>
      </c>
      <c r="D4929" s="14" t="s">
        <v>15250</v>
      </c>
      <c r="E4929" s="2" t="s">
        <v>15251</v>
      </c>
      <c r="F4929" s="2" t="s">
        <v>14889</v>
      </c>
      <c r="G4929" s="8">
        <v>143</v>
      </c>
      <c r="H4929" s="5">
        <v>6</v>
      </c>
      <c r="I4929" s="5" t="s">
        <v>1518</v>
      </c>
      <c r="J4929" s="5" t="s">
        <v>1519</v>
      </c>
      <c r="K4929" s="2" t="s">
        <v>1520</v>
      </c>
      <c r="L4929" s="5" t="s">
        <v>1519</v>
      </c>
      <c r="M4929" s="2" t="s">
        <v>1520</v>
      </c>
      <c r="N4929" s="5" t="s">
        <v>1521</v>
      </c>
      <c r="O4929" s="5" t="s">
        <v>38</v>
      </c>
      <c r="P4929" s="5" t="s">
        <v>39</v>
      </c>
      <c r="Q4929" s="5" t="s">
        <v>40</v>
      </c>
      <c r="R4929" s="5" t="s">
        <v>1522</v>
      </c>
      <c r="S4929" s="5" t="s">
        <v>1523</v>
      </c>
      <c r="T4929" s="5" t="s">
        <v>42</v>
      </c>
      <c r="U4929" s="2">
        <v>2.0710000000000002</v>
      </c>
      <c r="V4929" s="2">
        <v>1.603</v>
      </c>
      <c r="W4929" s="2">
        <v>1.2E-2</v>
      </c>
      <c r="X4929" s="2">
        <v>148.69999999999999</v>
      </c>
      <c r="Y4929" s="2">
        <v>7.6</v>
      </c>
      <c r="Z4929" s="2">
        <v>10.6</v>
      </c>
      <c r="AA4929" s="5"/>
      <c r="AB4929" s="5" t="s">
        <v>43</v>
      </c>
      <c r="AC4929" s="5" t="s">
        <v>44</v>
      </c>
      <c r="AD4929" s="2"/>
      <c r="AE4929" s="1"/>
    </row>
    <row r="4930" spans="1:31" ht="14.45">
      <c r="A4930" s="11"/>
      <c r="B4930" s="20"/>
      <c r="C4930" s="2" t="s">
        <v>15252</v>
      </c>
      <c r="D4930" s="14" t="s">
        <v>15253</v>
      </c>
      <c r="E4930" s="2" t="s">
        <v>15254</v>
      </c>
      <c r="F4930" s="2" t="s">
        <v>14893</v>
      </c>
      <c r="G4930" s="8">
        <v>143</v>
      </c>
      <c r="H4930" s="5">
        <v>6</v>
      </c>
      <c r="I4930" s="5" t="s">
        <v>1518</v>
      </c>
      <c r="J4930" s="5" t="s">
        <v>1519</v>
      </c>
      <c r="K4930" s="2" t="s">
        <v>1520</v>
      </c>
      <c r="L4930" s="5" t="s">
        <v>1519</v>
      </c>
      <c r="M4930" s="2" t="s">
        <v>1520</v>
      </c>
      <c r="N4930" s="5" t="s">
        <v>1521</v>
      </c>
      <c r="O4930" s="5" t="s">
        <v>38</v>
      </c>
      <c r="P4930" s="5" t="s">
        <v>39</v>
      </c>
      <c r="Q4930" s="5" t="s">
        <v>40</v>
      </c>
      <c r="R4930" s="5" t="s">
        <v>1522</v>
      </c>
      <c r="S4930" s="5" t="s">
        <v>1523</v>
      </c>
      <c r="T4930" s="5" t="s">
        <v>42</v>
      </c>
      <c r="U4930" s="2">
        <v>1.9870000000000001</v>
      </c>
      <c r="V4930" s="2">
        <v>1.5189999999999999</v>
      </c>
      <c r="W4930" s="2">
        <v>1.2E-2</v>
      </c>
      <c r="X4930" s="2">
        <v>148.69999999999999</v>
      </c>
      <c r="Y4930" s="2">
        <v>7.6</v>
      </c>
      <c r="Z4930" s="2">
        <v>10.6</v>
      </c>
      <c r="AA4930" s="5"/>
      <c r="AB4930" s="5" t="s">
        <v>43</v>
      </c>
      <c r="AC4930" s="5" t="s">
        <v>44</v>
      </c>
      <c r="AD4930" s="2"/>
      <c r="AE4930" s="1"/>
    </row>
    <row r="4931" spans="1:31" ht="14.45">
      <c r="A4931" s="11"/>
      <c r="B4931" s="20"/>
      <c r="C4931" s="2" t="s">
        <v>15255</v>
      </c>
      <c r="D4931" s="14" t="s">
        <v>15256</v>
      </c>
      <c r="E4931" s="2" t="s">
        <v>15257</v>
      </c>
      <c r="F4931" s="2" t="s">
        <v>14897</v>
      </c>
      <c r="G4931" s="8">
        <v>143</v>
      </c>
      <c r="H4931" s="5">
        <v>6</v>
      </c>
      <c r="I4931" s="5" t="s">
        <v>1518</v>
      </c>
      <c r="J4931" s="5" t="s">
        <v>1519</v>
      </c>
      <c r="K4931" s="2" t="s">
        <v>1520</v>
      </c>
      <c r="L4931" s="5" t="s">
        <v>1519</v>
      </c>
      <c r="M4931" s="2" t="s">
        <v>1520</v>
      </c>
      <c r="N4931" s="5" t="s">
        <v>1521</v>
      </c>
      <c r="O4931" s="5" t="s">
        <v>38</v>
      </c>
      <c r="P4931" s="5" t="s">
        <v>39</v>
      </c>
      <c r="Q4931" s="5" t="s">
        <v>40</v>
      </c>
      <c r="R4931" s="5" t="s">
        <v>1522</v>
      </c>
      <c r="S4931" s="5" t="s">
        <v>1523</v>
      </c>
      <c r="T4931" s="5" t="s">
        <v>42</v>
      </c>
      <c r="U4931" s="2">
        <v>2.0350000000000001</v>
      </c>
      <c r="V4931" s="2">
        <v>1.5669999999999999</v>
      </c>
      <c r="W4931" s="2">
        <v>1.2E-2</v>
      </c>
      <c r="X4931" s="2">
        <v>148.69999999999999</v>
      </c>
      <c r="Y4931" s="2">
        <v>7.6</v>
      </c>
      <c r="Z4931" s="2">
        <v>10.6</v>
      </c>
      <c r="AA4931" s="5"/>
      <c r="AB4931" s="5" t="s">
        <v>43</v>
      </c>
      <c r="AC4931" s="5" t="s">
        <v>44</v>
      </c>
      <c r="AD4931" s="2"/>
      <c r="AE4931" s="1"/>
    </row>
    <row r="4932" spans="1:31" ht="14.45">
      <c r="A4932" s="11"/>
      <c r="B4932" s="20"/>
      <c r="C4932" s="2" t="s">
        <v>15258</v>
      </c>
      <c r="D4932" s="14" t="s">
        <v>15259</v>
      </c>
      <c r="E4932" s="2" t="s">
        <v>15260</v>
      </c>
      <c r="F4932" s="2" t="s">
        <v>14869</v>
      </c>
      <c r="G4932" s="8">
        <v>121</v>
      </c>
      <c r="H4932" s="5">
        <v>6</v>
      </c>
      <c r="I4932" s="5" t="s">
        <v>1518</v>
      </c>
      <c r="J4932" s="5" t="s">
        <v>1519</v>
      </c>
      <c r="K4932" s="2" t="s">
        <v>1520</v>
      </c>
      <c r="L4932" s="5" t="s">
        <v>1519</v>
      </c>
      <c r="M4932" s="2" t="s">
        <v>1520</v>
      </c>
      <c r="N4932" s="5" t="s">
        <v>1521</v>
      </c>
      <c r="O4932" s="5" t="s">
        <v>38</v>
      </c>
      <c r="P4932" s="5" t="s">
        <v>39</v>
      </c>
      <c r="Q4932" s="5" t="s">
        <v>40</v>
      </c>
      <c r="R4932" s="5" t="s">
        <v>1522</v>
      </c>
      <c r="S4932" s="5" t="s">
        <v>1523</v>
      </c>
      <c r="T4932" s="5" t="s">
        <v>42</v>
      </c>
      <c r="U4932" s="2">
        <v>1.2549999999999999</v>
      </c>
      <c r="V4932" s="2">
        <v>0.96899999999999997</v>
      </c>
      <c r="W4932" s="2">
        <v>7.0000000000000001E-3</v>
      </c>
      <c r="X4932" s="2">
        <v>86.5</v>
      </c>
      <c r="Y4932" s="2">
        <v>7.6</v>
      </c>
      <c r="Z4932" s="2">
        <v>10.6</v>
      </c>
      <c r="AA4932" s="5"/>
      <c r="AB4932" s="5" t="s">
        <v>43</v>
      </c>
      <c r="AC4932" s="5" t="s">
        <v>44</v>
      </c>
      <c r="AD4932" s="2"/>
      <c r="AE4932" s="1"/>
    </row>
    <row r="4933" spans="1:31" ht="14.45">
      <c r="A4933" s="11"/>
      <c r="B4933" s="20"/>
      <c r="C4933" s="2" t="s">
        <v>15261</v>
      </c>
      <c r="D4933" s="14" t="s">
        <v>15262</v>
      </c>
      <c r="E4933" s="2" t="s">
        <v>15263</v>
      </c>
      <c r="F4933" s="2" t="s">
        <v>14873</v>
      </c>
      <c r="G4933" s="8">
        <v>121</v>
      </c>
      <c r="H4933" s="5">
        <v>6</v>
      </c>
      <c r="I4933" s="5" t="s">
        <v>1518</v>
      </c>
      <c r="J4933" s="5" t="s">
        <v>1519</v>
      </c>
      <c r="K4933" s="2" t="s">
        <v>1520</v>
      </c>
      <c r="L4933" s="5" t="s">
        <v>1519</v>
      </c>
      <c r="M4933" s="2" t="s">
        <v>1520</v>
      </c>
      <c r="N4933" s="5" t="s">
        <v>1521</v>
      </c>
      <c r="O4933" s="5" t="s">
        <v>38</v>
      </c>
      <c r="P4933" s="5" t="s">
        <v>39</v>
      </c>
      <c r="Q4933" s="5" t="s">
        <v>40</v>
      </c>
      <c r="R4933" s="5" t="s">
        <v>1522</v>
      </c>
      <c r="S4933" s="5" t="s">
        <v>1523</v>
      </c>
      <c r="T4933" s="5" t="s">
        <v>42</v>
      </c>
      <c r="U4933" s="2">
        <v>1.282</v>
      </c>
      <c r="V4933" s="2">
        <v>0.996</v>
      </c>
      <c r="W4933" s="2">
        <v>7.0000000000000001E-3</v>
      </c>
      <c r="X4933" s="2">
        <v>86.5</v>
      </c>
      <c r="Y4933" s="2">
        <v>7.6</v>
      </c>
      <c r="Z4933" s="2">
        <v>10.6</v>
      </c>
      <c r="AA4933" s="5"/>
      <c r="AB4933" s="5" t="s">
        <v>43</v>
      </c>
      <c r="AC4933" s="5" t="s">
        <v>44</v>
      </c>
      <c r="AD4933" s="2"/>
      <c r="AE4933" s="1"/>
    </row>
    <row r="4934" spans="1:31" ht="14.45">
      <c r="A4934" s="11"/>
      <c r="B4934" s="20"/>
      <c r="C4934" s="2" t="s">
        <v>15264</v>
      </c>
      <c r="D4934" s="14" t="s">
        <v>15265</v>
      </c>
      <c r="E4934" s="2" t="s">
        <v>15266</v>
      </c>
      <c r="F4934" s="2" t="s">
        <v>14877</v>
      </c>
      <c r="G4934" s="8">
        <v>121</v>
      </c>
      <c r="H4934" s="5">
        <v>6</v>
      </c>
      <c r="I4934" s="5" t="s">
        <v>1518</v>
      </c>
      <c r="J4934" s="5" t="s">
        <v>1519</v>
      </c>
      <c r="K4934" s="2" t="s">
        <v>1520</v>
      </c>
      <c r="L4934" s="5" t="s">
        <v>1519</v>
      </c>
      <c r="M4934" s="2" t="s">
        <v>1520</v>
      </c>
      <c r="N4934" s="5" t="s">
        <v>1521</v>
      </c>
      <c r="O4934" s="5" t="s">
        <v>38</v>
      </c>
      <c r="P4934" s="5" t="s">
        <v>39</v>
      </c>
      <c r="Q4934" s="5" t="s">
        <v>40</v>
      </c>
      <c r="R4934" s="5" t="s">
        <v>1522</v>
      </c>
      <c r="S4934" s="5" t="s">
        <v>1523</v>
      </c>
      <c r="T4934" s="5" t="s">
        <v>42</v>
      </c>
      <c r="U4934" s="2">
        <v>1.2669999999999999</v>
      </c>
      <c r="V4934" s="2">
        <v>0.98099999999999998</v>
      </c>
      <c r="W4934" s="2">
        <v>7.0000000000000001E-3</v>
      </c>
      <c r="X4934" s="2">
        <v>86.5</v>
      </c>
      <c r="Y4934" s="2">
        <v>7.6</v>
      </c>
      <c r="Z4934" s="2">
        <v>10.6</v>
      </c>
      <c r="AA4934" s="5"/>
      <c r="AB4934" s="5" t="s">
        <v>43</v>
      </c>
      <c r="AC4934" s="5" t="s">
        <v>44</v>
      </c>
      <c r="AD4934" s="2"/>
      <c r="AE4934" s="1"/>
    </row>
    <row r="4935" spans="1:31" ht="14.45">
      <c r="A4935" s="11"/>
      <c r="B4935" s="20"/>
      <c r="C4935" s="2" t="s">
        <v>15267</v>
      </c>
      <c r="D4935" s="14" t="s">
        <v>15268</v>
      </c>
      <c r="E4935" s="2" t="s">
        <v>15269</v>
      </c>
      <c r="F4935" s="2" t="s">
        <v>14881</v>
      </c>
      <c r="G4935" s="8">
        <v>121</v>
      </c>
      <c r="H4935" s="5">
        <v>6</v>
      </c>
      <c r="I4935" s="5" t="s">
        <v>1518</v>
      </c>
      <c r="J4935" s="5" t="s">
        <v>1519</v>
      </c>
      <c r="K4935" s="2" t="s">
        <v>1520</v>
      </c>
      <c r="L4935" s="5" t="s">
        <v>1519</v>
      </c>
      <c r="M4935" s="2" t="s">
        <v>1520</v>
      </c>
      <c r="N4935" s="5" t="s">
        <v>1521</v>
      </c>
      <c r="O4935" s="5" t="s">
        <v>38</v>
      </c>
      <c r="P4935" s="5" t="s">
        <v>39</v>
      </c>
      <c r="Q4935" s="5" t="s">
        <v>40</v>
      </c>
      <c r="R4935" s="5" t="s">
        <v>1522</v>
      </c>
      <c r="S4935" s="5" t="s">
        <v>1523</v>
      </c>
      <c r="T4935" s="5" t="s">
        <v>42</v>
      </c>
      <c r="U4935" s="2">
        <v>1.294</v>
      </c>
      <c r="V4935" s="2">
        <v>1.008</v>
      </c>
      <c r="W4935" s="2">
        <v>7.0000000000000001E-3</v>
      </c>
      <c r="X4935" s="2">
        <v>86.5</v>
      </c>
      <c r="Y4935" s="2">
        <v>7.6</v>
      </c>
      <c r="Z4935" s="2">
        <v>10.6</v>
      </c>
      <c r="AA4935" s="5"/>
      <c r="AB4935" s="5" t="s">
        <v>43</v>
      </c>
      <c r="AC4935" s="5" t="s">
        <v>44</v>
      </c>
      <c r="AD4935" s="2"/>
      <c r="AE4935" s="1"/>
    </row>
    <row r="4936" spans="1:31" ht="14.45">
      <c r="A4936" s="11"/>
      <c r="B4936" s="20"/>
      <c r="C4936" s="2" t="s">
        <v>15270</v>
      </c>
      <c r="D4936" s="14" t="s">
        <v>15271</v>
      </c>
      <c r="E4936" s="2" t="s">
        <v>15272</v>
      </c>
      <c r="F4936" s="2" t="s">
        <v>14885</v>
      </c>
      <c r="G4936" s="8">
        <v>121</v>
      </c>
      <c r="H4936" s="5">
        <v>6</v>
      </c>
      <c r="I4936" s="5" t="s">
        <v>1518</v>
      </c>
      <c r="J4936" s="5" t="s">
        <v>1519</v>
      </c>
      <c r="K4936" s="2" t="s">
        <v>1520</v>
      </c>
      <c r="L4936" s="5" t="s">
        <v>1519</v>
      </c>
      <c r="M4936" s="2" t="s">
        <v>1520</v>
      </c>
      <c r="N4936" s="5" t="s">
        <v>1521</v>
      </c>
      <c r="O4936" s="5" t="s">
        <v>38</v>
      </c>
      <c r="P4936" s="5" t="s">
        <v>39</v>
      </c>
      <c r="Q4936" s="5" t="s">
        <v>40</v>
      </c>
      <c r="R4936" s="5" t="s">
        <v>1522</v>
      </c>
      <c r="S4936" s="5" t="s">
        <v>1523</v>
      </c>
      <c r="T4936" s="5" t="s">
        <v>42</v>
      </c>
      <c r="U4936" s="2">
        <v>1.2669999999999999</v>
      </c>
      <c r="V4936" s="2">
        <v>0.98099999999999998</v>
      </c>
      <c r="W4936" s="2">
        <v>7.0000000000000001E-3</v>
      </c>
      <c r="X4936" s="2">
        <v>86.5</v>
      </c>
      <c r="Y4936" s="2">
        <v>7.6</v>
      </c>
      <c r="Z4936" s="2">
        <v>10.6</v>
      </c>
      <c r="AA4936" s="5"/>
      <c r="AB4936" s="5" t="s">
        <v>43</v>
      </c>
      <c r="AC4936" s="5" t="s">
        <v>44</v>
      </c>
      <c r="AD4936" s="2"/>
      <c r="AE4936" s="1"/>
    </row>
    <row r="4937" spans="1:31" ht="14.45">
      <c r="A4937" s="11"/>
      <c r="B4937" s="20"/>
      <c r="C4937" s="2" t="s">
        <v>15273</v>
      </c>
      <c r="D4937" s="14" t="s">
        <v>15274</v>
      </c>
      <c r="E4937" s="2" t="s">
        <v>15275</v>
      </c>
      <c r="F4937" s="2" t="s">
        <v>14889</v>
      </c>
      <c r="G4937" s="8">
        <v>121</v>
      </c>
      <c r="H4937" s="5">
        <v>6</v>
      </c>
      <c r="I4937" s="5" t="s">
        <v>1518</v>
      </c>
      <c r="J4937" s="5" t="s">
        <v>1519</v>
      </c>
      <c r="K4937" s="2" t="s">
        <v>1520</v>
      </c>
      <c r="L4937" s="5" t="s">
        <v>1519</v>
      </c>
      <c r="M4937" s="2" t="s">
        <v>1520</v>
      </c>
      <c r="N4937" s="5" t="s">
        <v>1521</v>
      </c>
      <c r="O4937" s="5" t="s">
        <v>38</v>
      </c>
      <c r="P4937" s="5" t="s">
        <v>39</v>
      </c>
      <c r="Q4937" s="5" t="s">
        <v>40</v>
      </c>
      <c r="R4937" s="5" t="s">
        <v>1522</v>
      </c>
      <c r="S4937" s="5" t="s">
        <v>1523</v>
      </c>
      <c r="T4937" s="5" t="s">
        <v>42</v>
      </c>
      <c r="U4937" s="2">
        <v>1.294</v>
      </c>
      <c r="V4937" s="2">
        <v>1.008</v>
      </c>
      <c r="W4937" s="2">
        <v>7.0000000000000001E-3</v>
      </c>
      <c r="X4937" s="2">
        <v>86.5</v>
      </c>
      <c r="Y4937" s="2">
        <v>7.6</v>
      </c>
      <c r="Z4937" s="2">
        <v>10.6</v>
      </c>
      <c r="AA4937" s="5"/>
      <c r="AB4937" s="5" t="s">
        <v>43</v>
      </c>
      <c r="AC4937" s="5" t="s">
        <v>44</v>
      </c>
      <c r="AD4937" s="2"/>
      <c r="AE4937" s="1"/>
    </row>
    <row r="4938" spans="1:31" ht="14.45">
      <c r="A4938" s="11"/>
      <c r="B4938" s="20"/>
      <c r="C4938" s="2" t="s">
        <v>15276</v>
      </c>
      <c r="D4938" s="14" t="s">
        <v>15277</v>
      </c>
      <c r="E4938" s="2" t="s">
        <v>15278</v>
      </c>
      <c r="F4938" s="2" t="s">
        <v>14893</v>
      </c>
      <c r="G4938" s="8">
        <v>121</v>
      </c>
      <c r="H4938" s="5">
        <v>6</v>
      </c>
      <c r="I4938" s="5" t="s">
        <v>1518</v>
      </c>
      <c r="J4938" s="5" t="s">
        <v>1519</v>
      </c>
      <c r="K4938" s="2" t="s">
        <v>1520</v>
      </c>
      <c r="L4938" s="5" t="s">
        <v>1519</v>
      </c>
      <c r="M4938" s="2" t="s">
        <v>1520</v>
      </c>
      <c r="N4938" s="5" t="s">
        <v>1521</v>
      </c>
      <c r="O4938" s="5" t="s">
        <v>38</v>
      </c>
      <c r="P4938" s="5" t="s">
        <v>39</v>
      </c>
      <c r="Q4938" s="5" t="s">
        <v>40</v>
      </c>
      <c r="R4938" s="5" t="s">
        <v>1522</v>
      </c>
      <c r="S4938" s="5" t="s">
        <v>1523</v>
      </c>
      <c r="T4938" s="5" t="s">
        <v>42</v>
      </c>
      <c r="U4938" s="2">
        <v>1.2549999999999999</v>
      </c>
      <c r="V4938" s="2">
        <v>0.96899999999999997</v>
      </c>
      <c r="W4938" s="2">
        <v>7.0000000000000001E-3</v>
      </c>
      <c r="X4938" s="2">
        <v>86.5</v>
      </c>
      <c r="Y4938" s="2">
        <v>7.6</v>
      </c>
      <c r="Z4938" s="2">
        <v>10.6</v>
      </c>
      <c r="AA4938" s="5"/>
      <c r="AB4938" s="5" t="s">
        <v>43</v>
      </c>
      <c r="AC4938" s="5" t="s">
        <v>44</v>
      </c>
      <c r="AD4938" s="2"/>
      <c r="AE4938" s="1"/>
    </row>
    <row r="4939" spans="1:31" ht="14.45">
      <c r="A4939" s="11"/>
      <c r="B4939" s="20"/>
      <c r="C4939" s="2" t="s">
        <v>15279</v>
      </c>
      <c r="D4939" s="14" t="s">
        <v>15280</v>
      </c>
      <c r="E4939" s="2" t="s">
        <v>15281</v>
      </c>
      <c r="F4939" s="2" t="s">
        <v>14897</v>
      </c>
      <c r="G4939" s="8">
        <v>121</v>
      </c>
      <c r="H4939" s="5">
        <v>6</v>
      </c>
      <c r="I4939" s="5" t="s">
        <v>1518</v>
      </c>
      <c r="J4939" s="5" t="s">
        <v>1519</v>
      </c>
      <c r="K4939" s="2" t="s">
        <v>1520</v>
      </c>
      <c r="L4939" s="5" t="s">
        <v>1519</v>
      </c>
      <c r="M4939" s="2" t="s">
        <v>1520</v>
      </c>
      <c r="N4939" s="5" t="s">
        <v>1521</v>
      </c>
      <c r="O4939" s="5" t="s">
        <v>38</v>
      </c>
      <c r="P4939" s="5" t="s">
        <v>39</v>
      </c>
      <c r="Q4939" s="5" t="s">
        <v>40</v>
      </c>
      <c r="R4939" s="5" t="s">
        <v>1522</v>
      </c>
      <c r="S4939" s="5" t="s">
        <v>1523</v>
      </c>
      <c r="T4939" s="5" t="s">
        <v>42</v>
      </c>
      <c r="U4939" s="2">
        <v>1.282</v>
      </c>
      <c r="V4939" s="2">
        <v>0.996</v>
      </c>
      <c r="W4939" s="2">
        <v>7.0000000000000001E-3</v>
      </c>
      <c r="X4939" s="2">
        <v>86.5</v>
      </c>
      <c r="Y4939" s="2">
        <v>7.6</v>
      </c>
      <c r="Z4939" s="2">
        <v>10.6</v>
      </c>
      <c r="AA4939" s="5"/>
      <c r="AB4939" s="5" t="s">
        <v>43</v>
      </c>
      <c r="AC4939" s="5" t="s">
        <v>44</v>
      </c>
      <c r="AD4939" s="2"/>
      <c r="AE4939" s="1"/>
    </row>
    <row r="4940" spans="1:31" ht="14.45">
      <c r="A4940" s="11"/>
      <c r="B4940" s="20"/>
      <c r="C4940" s="2" t="s">
        <v>15282</v>
      </c>
      <c r="D4940" s="14" t="s">
        <v>15283</v>
      </c>
      <c r="E4940" s="2" t="s">
        <v>15284</v>
      </c>
      <c r="F4940" s="2" t="s">
        <v>14869</v>
      </c>
      <c r="G4940" s="8">
        <v>121</v>
      </c>
      <c r="H4940" s="5">
        <v>6</v>
      </c>
      <c r="I4940" s="5" t="s">
        <v>1518</v>
      </c>
      <c r="J4940" s="5" t="s">
        <v>1519</v>
      </c>
      <c r="K4940" s="2" t="s">
        <v>1520</v>
      </c>
      <c r="L4940" s="5" t="s">
        <v>1519</v>
      </c>
      <c r="M4940" s="2" t="s">
        <v>1520</v>
      </c>
      <c r="N4940" s="5" t="s">
        <v>1521</v>
      </c>
      <c r="O4940" s="5" t="s">
        <v>38</v>
      </c>
      <c r="P4940" s="5" t="s">
        <v>39</v>
      </c>
      <c r="Q4940" s="5" t="s">
        <v>40</v>
      </c>
      <c r="R4940" s="5" t="s">
        <v>1522</v>
      </c>
      <c r="S4940" s="5" t="s">
        <v>1523</v>
      </c>
      <c r="T4940" s="5" t="s">
        <v>42</v>
      </c>
      <c r="U4940" s="2">
        <v>1.484</v>
      </c>
      <c r="V4940" s="2">
        <v>1.198</v>
      </c>
      <c r="W4940" s="2">
        <v>7.0000000000000001E-3</v>
      </c>
      <c r="X4940" s="2">
        <v>86.5</v>
      </c>
      <c r="Y4940" s="2">
        <v>7.6</v>
      </c>
      <c r="Z4940" s="2">
        <v>10.6</v>
      </c>
      <c r="AA4940" s="5"/>
      <c r="AB4940" s="5" t="s">
        <v>43</v>
      </c>
      <c r="AC4940" s="5" t="s">
        <v>44</v>
      </c>
      <c r="AD4940" s="2"/>
      <c r="AE4940" s="1"/>
    </row>
    <row r="4941" spans="1:31" ht="14.45">
      <c r="A4941" s="11"/>
      <c r="B4941" s="20"/>
      <c r="C4941" s="2" t="s">
        <v>15285</v>
      </c>
      <c r="D4941" s="14" t="s">
        <v>15286</v>
      </c>
      <c r="E4941" s="2" t="s">
        <v>15287</v>
      </c>
      <c r="F4941" s="2" t="s">
        <v>14873</v>
      </c>
      <c r="G4941" s="8">
        <v>121</v>
      </c>
      <c r="H4941" s="5">
        <v>6</v>
      </c>
      <c r="I4941" s="5" t="s">
        <v>1518</v>
      </c>
      <c r="J4941" s="5" t="s">
        <v>1519</v>
      </c>
      <c r="K4941" s="2" t="s">
        <v>1520</v>
      </c>
      <c r="L4941" s="5" t="s">
        <v>1519</v>
      </c>
      <c r="M4941" s="2" t="s">
        <v>1520</v>
      </c>
      <c r="N4941" s="5" t="s">
        <v>1521</v>
      </c>
      <c r="O4941" s="5" t="s">
        <v>38</v>
      </c>
      <c r="P4941" s="5" t="s">
        <v>39</v>
      </c>
      <c r="Q4941" s="5" t="s">
        <v>40</v>
      </c>
      <c r="R4941" s="5" t="s">
        <v>1522</v>
      </c>
      <c r="S4941" s="5" t="s">
        <v>1523</v>
      </c>
      <c r="T4941" s="5" t="s">
        <v>42</v>
      </c>
      <c r="U4941" s="2">
        <v>1.52</v>
      </c>
      <c r="V4941" s="2">
        <v>1.234</v>
      </c>
      <c r="W4941" s="2">
        <v>7.0000000000000001E-3</v>
      </c>
      <c r="X4941" s="2">
        <v>86.5</v>
      </c>
      <c r="Y4941" s="2">
        <v>7.6</v>
      </c>
      <c r="Z4941" s="2">
        <v>10.6</v>
      </c>
      <c r="AA4941" s="5"/>
      <c r="AB4941" s="5" t="s">
        <v>43</v>
      </c>
      <c r="AC4941" s="5" t="s">
        <v>44</v>
      </c>
      <c r="AD4941" s="2"/>
      <c r="AE4941" s="1"/>
    </row>
    <row r="4942" spans="1:31" ht="14.45">
      <c r="A4942" s="11"/>
      <c r="B4942" s="20"/>
      <c r="C4942" s="2" t="s">
        <v>15288</v>
      </c>
      <c r="D4942" s="14" t="s">
        <v>15289</v>
      </c>
      <c r="E4942" s="2" t="s">
        <v>15290</v>
      </c>
      <c r="F4942" s="2" t="s">
        <v>14877</v>
      </c>
      <c r="G4942" s="8">
        <v>121</v>
      </c>
      <c r="H4942" s="5">
        <v>6</v>
      </c>
      <c r="I4942" s="5" t="s">
        <v>1518</v>
      </c>
      <c r="J4942" s="5" t="s">
        <v>1519</v>
      </c>
      <c r="K4942" s="2" t="s">
        <v>1520</v>
      </c>
      <c r="L4942" s="5" t="s">
        <v>1519</v>
      </c>
      <c r="M4942" s="2" t="s">
        <v>1520</v>
      </c>
      <c r="N4942" s="5" t="s">
        <v>1521</v>
      </c>
      <c r="O4942" s="5" t="s">
        <v>38</v>
      </c>
      <c r="P4942" s="5" t="s">
        <v>39</v>
      </c>
      <c r="Q4942" s="5" t="s">
        <v>40</v>
      </c>
      <c r="R4942" s="5" t="s">
        <v>1522</v>
      </c>
      <c r="S4942" s="5" t="s">
        <v>1523</v>
      </c>
      <c r="T4942" s="5" t="s">
        <v>42</v>
      </c>
      <c r="U4942" s="2">
        <v>1.5049999999999999</v>
      </c>
      <c r="V4942" s="2">
        <v>1.2190000000000001</v>
      </c>
      <c r="W4942" s="2">
        <v>7.0000000000000001E-3</v>
      </c>
      <c r="X4942" s="2">
        <v>86.5</v>
      </c>
      <c r="Y4942" s="2">
        <v>7.6</v>
      </c>
      <c r="Z4942" s="2">
        <v>10.6</v>
      </c>
      <c r="AA4942" s="5"/>
      <c r="AB4942" s="5" t="s">
        <v>43</v>
      </c>
      <c r="AC4942" s="5" t="s">
        <v>44</v>
      </c>
      <c r="AD4942" s="2"/>
      <c r="AE4942" s="1"/>
    </row>
    <row r="4943" spans="1:31" ht="14.45">
      <c r="A4943" s="11"/>
      <c r="B4943" s="20"/>
      <c r="C4943" s="2" t="s">
        <v>15291</v>
      </c>
      <c r="D4943" s="14" t="s">
        <v>15292</v>
      </c>
      <c r="E4943" s="2" t="s">
        <v>15293</v>
      </c>
      <c r="F4943" s="2" t="s">
        <v>14881</v>
      </c>
      <c r="G4943" s="8">
        <v>121</v>
      </c>
      <c r="H4943" s="5">
        <v>5</v>
      </c>
      <c r="I4943" s="5" t="s">
        <v>1518</v>
      </c>
      <c r="J4943" s="5" t="s">
        <v>1519</v>
      </c>
      <c r="K4943" s="2" t="s">
        <v>1520</v>
      </c>
      <c r="L4943" s="5" t="s">
        <v>1519</v>
      </c>
      <c r="M4943" s="2" t="s">
        <v>1520</v>
      </c>
      <c r="N4943" s="5" t="s">
        <v>1521</v>
      </c>
      <c r="O4943" s="5" t="s">
        <v>38</v>
      </c>
      <c r="P4943" s="5" t="s">
        <v>39</v>
      </c>
      <c r="Q4943" s="5" t="s">
        <v>40</v>
      </c>
      <c r="R4943" s="5" t="s">
        <v>1522</v>
      </c>
      <c r="S4943" s="5" t="s">
        <v>1523</v>
      </c>
      <c r="T4943" s="5" t="s">
        <v>42</v>
      </c>
      <c r="U4943" s="2">
        <v>1.5409999999999999</v>
      </c>
      <c r="V4943" s="2">
        <v>1.2549999999999999</v>
      </c>
      <c r="W4943" s="2">
        <v>7.0000000000000001E-3</v>
      </c>
      <c r="X4943" s="2">
        <v>86.5</v>
      </c>
      <c r="Y4943" s="2">
        <v>7.6</v>
      </c>
      <c r="Z4943" s="2">
        <v>10.6</v>
      </c>
      <c r="AA4943" s="5"/>
      <c r="AB4943" s="5" t="s">
        <v>43</v>
      </c>
      <c r="AC4943" s="5" t="s">
        <v>44</v>
      </c>
      <c r="AD4943" s="2"/>
      <c r="AE4943" s="1"/>
    </row>
    <row r="4944" spans="1:31" ht="14.45">
      <c r="A4944" s="11"/>
      <c r="B4944" s="20"/>
      <c r="C4944" s="2" t="s">
        <v>15294</v>
      </c>
      <c r="D4944" s="14" t="s">
        <v>15295</v>
      </c>
      <c r="E4944" s="2" t="s">
        <v>15296</v>
      </c>
      <c r="F4944" s="2" t="s">
        <v>14885</v>
      </c>
      <c r="G4944" s="8">
        <v>121</v>
      </c>
      <c r="H4944" s="5">
        <v>6</v>
      </c>
      <c r="I4944" s="5" t="s">
        <v>1518</v>
      </c>
      <c r="J4944" s="5" t="s">
        <v>1519</v>
      </c>
      <c r="K4944" s="2" t="s">
        <v>1520</v>
      </c>
      <c r="L4944" s="5" t="s">
        <v>1519</v>
      </c>
      <c r="M4944" s="2" t="s">
        <v>1520</v>
      </c>
      <c r="N4944" s="5" t="s">
        <v>1521</v>
      </c>
      <c r="O4944" s="5" t="s">
        <v>38</v>
      </c>
      <c r="P4944" s="5" t="s">
        <v>39</v>
      </c>
      <c r="Q4944" s="5" t="s">
        <v>40</v>
      </c>
      <c r="R4944" s="5" t="s">
        <v>1522</v>
      </c>
      <c r="S4944" s="5" t="s">
        <v>1523</v>
      </c>
      <c r="T4944" s="5" t="s">
        <v>42</v>
      </c>
      <c r="U4944" s="2">
        <v>1.5049999999999999</v>
      </c>
      <c r="V4944" s="2">
        <v>1.2190000000000001</v>
      </c>
      <c r="W4944" s="2">
        <v>7.0000000000000001E-3</v>
      </c>
      <c r="X4944" s="2">
        <v>86.5</v>
      </c>
      <c r="Y4944" s="2">
        <v>7.6</v>
      </c>
      <c r="Z4944" s="2">
        <v>10.6</v>
      </c>
      <c r="AA4944" s="5"/>
      <c r="AB4944" s="5" t="s">
        <v>43</v>
      </c>
      <c r="AC4944" s="5" t="s">
        <v>44</v>
      </c>
      <c r="AD4944" s="2"/>
      <c r="AE4944" s="1"/>
    </row>
    <row r="4945" spans="1:31" ht="14.45">
      <c r="A4945" s="11"/>
      <c r="B4945" s="20"/>
      <c r="C4945" s="2" t="s">
        <v>15297</v>
      </c>
      <c r="D4945" s="14" t="s">
        <v>15298</v>
      </c>
      <c r="E4945" s="2" t="s">
        <v>15299</v>
      </c>
      <c r="F4945" s="2" t="s">
        <v>14889</v>
      </c>
      <c r="G4945" s="8">
        <v>121</v>
      </c>
      <c r="H4945" s="5">
        <v>5</v>
      </c>
      <c r="I4945" s="5" t="s">
        <v>1518</v>
      </c>
      <c r="J4945" s="5" t="s">
        <v>1519</v>
      </c>
      <c r="K4945" s="2" t="s">
        <v>1520</v>
      </c>
      <c r="L4945" s="5" t="s">
        <v>1519</v>
      </c>
      <c r="M4945" s="2" t="s">
        <v>1520</v>
      </c>
      <c r="N4945" s="5" t="s">
        <v>1521</v>
      </c>
      <c r="O4945" s="5" t="s">
        <v>38</v>
      </c>
      <c r="P4945" s="5" t="s">
        <v>39</v>
      </c>
      <c r="Q4945" s="5" t="s">
        <v>40</v>
      </c>
      <c r="R4945" s="5" t="s">
        <v>1522</v>
      </c>
      <c r="S4945" s="5" t="s">
        <v>1523</v>
      </c>
      <c r="T4945" s="5" t="s">
        <v>42</v>
      </c>
      <c r="U4945" s="2">
        <v>1.5409999999999999</v>
      </c>
      <c r="V4945" s="2">
        <v>1.2549999999999999</v>
      </c>
      <c r="W4945" s="2">
        <v>7.0000000000000001E-3</v>
      </c>
      <c r="X4945" s="2">
        <v>86.5</v>
      </c>
      <c r="Y4945" s="2">
        <v>7.6</v>
      </c>
      <c r="Z4945" s="2">
        <v>10.6</v>
      </c>
      <c r="AA4945" s="5"/>
      <c r="AB4945" s="5" t="s">
        <v>43</v>
      </c>
      <c r="AC4945" s="5" t="s">
        <v>44</v>
      </c>
      <c r="AD4945" s="2"/>
      <c r="AE4945" s="1"/>
    </row>
    <row r="4946" spans="1:31" ht="14.45">
      <c r="A4946" s="11"/>
      <c r="B4946" s="20"/>
      <c r="C4946" s="2" t="s">
        <v>15300</v>
      </c>
      <c r="D4946" s="14" t="s">
        <v>15301</v>
      </c>
      <c r="E4946" s="2" t="s">
        <v>15302</v>
      </c>
      <c r="F4946" s="2" t="s">
        <v>14893</v>
      </c>
      <c r="G4946" s="8">
        <v>121</v>
      </c>
      <c r="H4946" s="5">
        <v>5</v>
      </c>
      <c r="I4946" s="5" t="s">
        <v>1518</v>
      </c>
      <c r="J4946" s="5" t="s">
        <v>1519</v>
      </c>
      <c r="K4946" s="2" t="s">
        <v>1520</v>
      </c>
      <c r="L4946" s="5" t="s">
        <v>1519</v>
      </c>
      <c r="M4946" s="2" t="s">
        <v>1520</v>
      </c>
      <c r="N4946" s="5" t="s">
        <v>1521</v>
      </c>
      <c r="O4946" s="5" t="s">
        <v>38</v>
      </c>
      <c r="P4946" s="5" t="s">
        <v>39</v>
      </c>
      <c r="Q4946" s="5" t="s">
        <v>40</v>
      </c>
      <c r="R4946" s="5" t="s">
        <v>1522</v>
      </c>
      <c r="S4946" s="5" t="s">
        <v>1523</v>
      </c>
      <c r="T4946" s="5" t="s">
        <v>42</v>
      </c>
      <c r="U4946" s="2">
        <v>1.484</v>
      </c>
      <c r="V4946" s="2">
        <v>1.198</v>
      </c>
      <c r="W4946" s="2">
        <v>7.0000000000000001E-3</v>
      </c>
      <c r="X4946" s="2">
        <v>86.5</v>
      </c>
      <c r="Y4946" s="2">
        <v>7.6</v>
      </c>
      <c r="Z4946" s="2">
        <v>10.6</v>
      </c>
      <c r="AA4946" s="5"/>
      <c r="AB4946" s="5" t="s">
        <v>43</v>
      </c>
      <c r="AC4946" s="5" t="s">
        <v>44</v>
      </c>
      <c r="AD4946" s="2"/>
      <c r="AE4946" s="1"/>
    </row>
    <row r="4947" spans="1:31" ht="14.45">
      <c r="A4947" s="11"/>
      <c r="B4947" s="20"/>
      <c r="C4947" s="2" t="s">
        <v>15303</v>
      </c>
      <c r="D4947" s="14" t="s">
        <v>15304</v>
      </c>
      <c r="E4947" s="2" t="s">
        <v>15305</v>
      </c>
      <c r="F4947" s="2" t="s">
        <v>14897</v>
      </c>
      <c r="G4947" s="8">
        <v>121</v>
      </c>
      <c r="H4947" s="5">
        <v>5</v>
      </c>
      <c r="I4947" s="5" t="s">
        <v>1518</v>
      </c>
      <c r="J4947" s="5" t="s">
        <v>1519</v>
      </c>
      <c r="K4947" s="2" t="s">
        <v>1520</v>
      </c>
      <c r="L4947" s="5" t="s">
        <v>1519</v>
      </c>
      <c r="M4947" s="2" t="s">
        <v>1520</v>
      </c>
      <c r="N4947" s="5" t="s">
        <v>1521</v>
      </c>
      <c r="O4947" s="5" t="s">
        <v>38</v>
      </c>
      <c r="P4947" s="5" t="s">
        <v>39</v>
      </c>
      <c r="Q4947" s="5" t="s">
        <v>40</v>
      </c>
      <c r="R4947" s="5" t="s">
        <v>1522</v>
      </c>
      <c r="S4947" s="5" t="s">
        <v>1523</v>
      </c>
      <c r="T4947" s="5" t="s">
        <v>42</v>
      </c>
      <c r="U4947" s="2">
        <v>1.52</v>
      </c>
      <c r="V4947" s="2">
        <v>1.234</v>
      </c>
      <c r="W4947" s="2">
        <v>7.0000000000000001E-3</v>
      </c>
      <c r="X4947" s="2">
        <v>86.5</v>
      </c>
      <c r="Y4947" s="2">
        <v>7.6</v>
      </c>
      <c r="Z4947" s="2">
        <v>10.6</v>
      </c>
      <c r="AA4947" s="5"/>
      <c r="AB4947" s="5" t="s">
        <v>43</v>
      </c>
      <c r="AC4947" s="5" t="s">
        <v>44</v>
      </c>
      <c r="AD4947" s="2"/>
      <c r="AE4947" s="1"/>
    </row>
    <row r="4948" spans="1:31" ht="14.45">
      <c r="A4948" s="11"/>
      <c r="B4948" s="20"/>
      <c r="C4948" s="2" t="s">
        <v>15306</v>
      </c>
      <c r="D4948" s="14" t="s">
        <v>15307</v>
      </c>
      <c r="E4948" s="2" t="s">
        <v>15308</v>
      </c>
      <c r="F4948" s="2" t="s">
        <v>14869</v>
      </c>
      <c r="G4948" s="8">
        <v>131</v>
      </c>
      <c r="H4948" s="5">
        <v>6</v>
      </c>
      <c r="I4948" s="5" t="s">
        <v>1518</v>
      </c>
      <c r="J4948" s="5" t="s">
        <v>1519</v>
      </c>
      <c r="K4948" s="2" t="s">
        <v>1520</v>
      </c>
      <c r="L4948" s="5" t="s">
        <v>1519</v>
      </c>
      <c r="M4948" s="2" t="s">
        <v>1520</v>
      </c>
      <c r="N4948" s="5" t="s">
        <v>1521</v>
      </c>
      <c r="O4948" s="5" t="s">
        <v>38</v>
      </c>
      <c r="P4948" s="5" t="s">
        <v>39</v>
      </c>
      <c r="Q4948" s="5" t="s">
        <v>40</v>
      </c>
      <c r="R4948" s="5" t="s">
        <v>1522</v>
      </c>
      <c r="S4948" s="5" t="s">
        <v>1523</v>
      </c>
      <c r="T4948" s="5" t="s">
        <v>42</v>
      </c>
      <c r="U4948" s="2">
        <v>1.6619999999999999</v>
      </c>
      <c r="V4948" s="2">
        <v>1.3129999999999999</v>
      </c>
      <c r="W4948" s="2">
        <v>8.9999999999999993E-3</v>
      </c>
      <c r="X4948" s="2">
        <v>106.5</v>
      </c>
      <c r="Y4948" s="2">
        <v>7.6</v>
      </c>
      <c r="Z4948" s="2">
        <v>10.6</v>
      </c>
      <c r="AA4948" s="5"/>
      <c r="AB4948" s="5" t="s">
        <v>43</v>
      </c>
      <c r="AC4948" s="5" t="s">
        <v>44</v>
      </c>
      <c r="AD4948" s="2"/>
      <c r="AE4948" s="1"/>
    </row>
    <row r="4949" spans="1:31" ht="14.45">
      <c r="A4949" s="11"/>
      <c r="B4949" s="20"/>
      <c r="C4949" s="2" t="s">
        <v>15309</v>
      </c>
      <c r="D4949" s="14" t="s">
        <v>15310</v>
      </c>
      <c r="E4949" s="2" t="s">
        <v>15311</v>
      </c>
      <c r="F4949" s="2" t="s">
        <v>14873</v>
      </c>
      <c r="G4949" s="8">
        <v>131</v>
      </c>
      <c r="H4949" s="5">
        <v>6</v>
      </c>
      <c r="I4949" s="5" t="s">
        <v>1518</v>
      </c>
      <c r="J4949" s="5" t="s">
        <v>1519</v>
      </c>
      <c r="K4949" s="2" t="s">
        <v>1520</v>
      </c>
      <c r="L4949" s="5" t="s">
        <v>1519</v>
      </c>
      <c r="M4949" s="2" t="s">
        <v>1520</v>
      </c>
      <c r="N4949" s="5" t="s">
        <v>1521</v>
      </c>
      <c r="O4949" s="5" t="s">
        <v>38</v>
      </c>
      <c r="P4949" s="5" t="s">
        <v>39</v>
      </c>
      <c r="Q4949" s="5" t="s">
        <v>40</v>
      </c>
      <c r="R4949" s="5" t="s">
        <v>1522</v>
      </c>
      <c r="S4949" s="5" t="s">
        <v>1523</v>
      </c>
      <c r="T4949" s="5" t="s">
        <v>42</v>
      </c>
      <c r="U4949" s="2">
        <v>1.702</v>
      </c>
      <c r="V4949" s="2">
        <v>1.353</v>
      </c>
      <c r="W4949" s="2">
        <v>8.9999999999999993E-3</v>
      </c>
      <c r="X4949" s="2">
        <v>106.5</v>
      </c>
      <c r="Y4949" s="2">
        <v>7.6</v>
      </c>
      <c r="Z4949" s="2">
        <v>10.6</v>
      </c>
      <c r="AA4949" s="5"/>
      <c r="AB4949" s="5" t="s">
        <v>43</v>
      </c>
      <c r="AC4949" s="5" t="s">
        <v>44</v>
      </c>
      <c r="AD4949" s="2"/>
      <c r="AE4949" s="1"/>
    </row>
    <row r="4950" spans="1:31" ht="14.45">
      <c r="A4950" s="11"/>
      <c r="B4950" s="20"/>
      <c r="C4950" s="2" t="s">
        <v>15312</v>
      </c>
      <c r="D4950" s="14" t="s">
        <v>15313</v>
      </c>
      <c r="E4950" s="2" t="s">
        <v>15314</v>
      </c>
      <c r="F4950" s="2" t="s">
        <v>14877</v>
      </c>
      <c r="G4950" s="8">
        <v>131</v>
      </c>
      <c r="H4950" s="5">
        <v>6</v>
      </c>
      <c r="I4950" s="5" t="s">
        <v>1518</v>
      </c>
      <c r="J4950" s="5" t="s">
        <v>1519</v>
      </c>
      <c r="K4950" s="2" t="s">
        <v>1520</v>
      </c>
      <c r="L4950" s="5" t="s">
        <v>1519</v>
      </c>
      <c r="M4950" s="2" t="s">
        <v>1520</v>
      </c>
      <c r="N4950" s="5" t="s">
        <v>1521</v>
      </c>
      <c r="O4950" s="5" t="s">
        <v>38</v>
      </c>
      <c r="P4950" s="5" t="s">
        <v>39</v>
      </c>
      <c r="Q4950" s="5" t="s">
        <v>40</v>
      </c>
      <c r="R4950" s="5" t="s">
        <v>1522</v>
      </c>
      <c r="S4950" s="5" t="s">
        <v>1523</v>
      </c>
      <c r="T4950" s="5" t="s">
        <v>42</v>
      </c>
      <c r="U4950" s="2">
        <v>1.6879999999999999</v>
      </c>
      <c r="V4950" s="2">
        <v>1.339</v>
      </c>
      <c r="W4950" s="2">
        <v>8.9999999999999993E-3</v>
      </c>
      <c r="X4950" s="2">
        <v>106.5</v>
      </c>
      <c r="Y4950" s="2">
        <v>7.6</v>
      </c>
      <c r="Z4950" s="2">
        <v>10.6</v>
      </c>
      <c r="AA4950" s="5"/>
      <c r="AB4950" s="5" t="s">
        <v>43</v>
      </c>
      <c r="AC4950" s="5" t="s">
        <v>44</v>
      </c>
      <c r="AD4950" s="2"/>
      <c r="AE4950" s="1"/>
    </row>
    <row r="4951" spans="1:31" ht="14.45">
      <c r="A4951" s="11"/>
      <c r="B4951" s="20"/>
      <c r="C4951" s="2" t="s">
        <v>15315</v>
      </c>
      <c r="D4951" s="14" t="s">
        <v>15316</v>
      </c>
      <c r="E4951" s="2" t="s">
        <v>15317</v>
      </c>
      <c r="F4951" s="2" t="s">
        <v>14881</v>
      </c>
      <c r="G4951" s="8">
        <v>131</v>
      </c>
      <c r="H4951" s="5">
        <v>6</v>
      </c>
      <c r="I4951" s="5" t="s">
        <v>1518</v>
      </c>
      <c r="J4951" s="5" t="s">
        <v>1519</v>
      </c>
      <c r="K4951" s="2" t="s">
        <v>1520</v>
      </c>
      <c r="L4951" s="5" t="s">
        <v>1519</v>
      </c>
      <c r="M4951" s="2" t="s">
        <v>1520</v>
      </c>
      <c r="N4951" s="5" t="s">
        <v>1521</v>
      </c>
      <c r="O4951" s="5" t="s">
        <v>38</v>
      </c>
      <c r="P4951" s="5" t="s">
        <v>39</v>
      </c>
      <c r="Q4951" s="5" t="s">
        <v>40</v>
      </c>
      <c r="R4951" s="5" t="s">
        <v>1522</v>
      </c>
      <c r="S4951" s="5" t="s">
        <v>1523</v>
      </c>
      <c r="T4951" s="5" t="s">
        <v>42</v>
      </c>
      <c r="U4951" s="2">
        <v>1.728</v>
      </c>
      <c r="V4951" s="2">
        <v>1.379</v>
      </c>
      <c r="W4951" s="2">
        <v>8.9999999999999993E-3</v>
      </c>
      <c r="X4951" s="2">
        <v>106.5</v>
      </c>
      <c r="Y4951" s="2">
        <v>7.6</v>
      </c>
      <c r="Z4951" s="2">
        <v>10.6</v>
      </c>
      <c r="AA4951" s="5"/>
      <c r="AB4951" s="5" t="s">
        <v>43</v>
      </c>
      <c r="AC4951" s="5" t="s">
        <v>44</v>
      </c>
      <c r="AD4951" s="2"/>
      <c r="AE4951" s="1"/>
    </row>
    <row r="4952" spans="1:31" ht="14.45">
      <c r="A4952" s="11"/>
      <c r="B4952" s="20"/>
      <c r="C4952" s="2" t="s">
        <v>15318</v>
      </c>
      <c r="D4952" s="14" t="s">
        <v>15319</v>
      </c>
      <c r="E4952" s="2" t="s">
        <v>15320</v>
      </c>
      <c r="F4952" s="2" t="s">
        <v>14885</v>
      </c>
      <c r="G4952" s="8">
        <v>131</v>
      </c>
      <c r="H4952" s="5">
        <v>6</v>
      </c>
      <c r="I4952" s="5" t="s">
        <v>1518</v>
      </c>
      <c r="J4952" s="5" t="s">
        <v>1519</v>
      </c>
      <c r="K4952" s="2" t="s">
        <v>1520</v>
      </c>
      <c r="L4952" s="5" t="s">
        <v>1519</v>
      </c>
      <c r="M4952" s="2" t="s">
        <v>1520</v>
      </c>
      <c r="N4952" s="5" t="s">
        <v>1521</v>
      </c>
      <c r="O4952" s="5" t="s">
        <v>38</v>
      </c>
      <c r="P4952" s="5" t="s">
        <v>39</v>
      </c>
      <c r="Q4952" s="5" t="s">
        <v>40</v>
      </c>
      <c r="R4952" s="5" t="s">
        <v>1522</v>
      </c>
      <c r="S4952" s="5" t="s">
        <v>1523</v>
      </c>
      <c r="T4952" s="5" t="s">
        <v>42</v>
      </c>
      <c r="U4952" s="2">
        <v>1.6879999999999999</v>
      </c>
      <c r="V4952" s="2">
        <v>1.339</v>
      </c>
      <c r="W4952" s="2">
        <v>8.9999999999999993E-3</v>
      </c>
      <c r="X4952" s="2">
        <v>106.5</v>
      </c>
      <c r="Y4952" s="2">
        <v>7.6</v>
      </c>
      <c r="Z4952" s="2">
        <v>10.6</v>
      </c>
      <c r="AA4952" s="5"/>
      <c r="AB4952" s="5" t="s">
        <v>43</v>
      </c>
      <c r="AC4952" s="5" t="s">
        <v>44</v>
      </c>
      <c r="AD4952" s="2"/>
      <c r="AE4952" s="1"/>
    </row>
    <row r="4953" spans="1:31" ht="14.45">
      <c r="A4953" s="11"/>
      <c r="B4953" s="20"/>
      <c r="C4953" s="2" t="s">
        <v>15321</v>
      </c>
      <c r="D4953" s="14" t="s">
        <v>15322</v>
      </c>
      <c r="E4953" s="2" t="s">
        <v>15323</v>
      </c>
      <c r="F4953" s="2" t="s">
        <v>14889</v>
      </c>
      <c r="G4953" s="8">
        <v>131</v>
      </c>
      <c r="H4953" s="5">
        <v>5</v>
      </c>
      <c r="I4953" s="5" t="s">
        <v>1518</v>
      </c>
      <c r="J4953" s="5" t="s">
        <v>1519</v>
      </c>
      <c r="K4953" s="2" t="s">
        <v>1520</v>
      </c>
      <c r="L4953" s="5" t="s">
        <v>1519</v>
      </c>
      <c r="M4953" s="2" t="s">
        <v>1520</v>
      </c>
      <c r="N4953" s="5" t="s">
        <v>1521</v>
      </c>
      <c r="O4953" s="5" t="s">
        <v>38</v>
      </c>
      <c r="P4953" s="5" t="s">
        <v>39</v>
      </c>
      <c r="Q4953" s="5" t="s">
        <v>40</v>
      </c>
      <c r="R4953" s="5" t="s">
        <v>1522</v>
      </c>
      <c r="S4953" s="5" t="s">
        <v>1523</v>
      </c>
      <c r="T4953" s="5" t="s">
        <v>42</v>
      </c>
      <c r="U4953" s="2">
        <v>1.728</v>
      </c>
      <c r="V4953" s="2">
        <v>1.379</v>
      </c>
      <c r="W4953" s="2">
        <v>8.9999999999999993E-3</v>
      </c>
      <c r="X4953" s="2">
        <v>106.5</v>
      </c>
      <c r="Y4953" s="2">
        <v>7.6</v>
      </c>
      <c r="Z4953" s="2">
        <v>10.6</v>
      </c>
      <c r="AA4953" s="5"/>
      <c r="AB4953" s="5" t="s">
        <v>43</v>
      </c>
      <c r="AC4953" s="5" t="s">
        <v>44</v>
      </c>
      <c r="AD4953" s="2"/>
      <c r="AE4953" s="1"/>
    </row>
    <row r="4954" spans="1:31" ht="14.45">
      <c r="A4954" s="11"/>
      <c r="B4954" s="20"/>
      <c r="C4954" s="2" t="s">
        <v>15324</v>
      </c>
      <c r="D4954" s="14" t="s">
        <v>15325</v>
      </c>
      <c r="E4954" s="2" t="s">
        <v>15326</v>
      </c>
      <c r="F4954" s="2" t="s">
        <v>14893</v>
      </c>
      <c r="G4954" s="8">
        <v>131</v>
      </c>
      <c r="H4954" s="5">
        <v>5</v>
      </c>
      <c r="I4954" s="5" t="s">
        <v>1518</v>
      </c>
      <c r="J4954" s="5" t="s">
        <v>1519</v>
      </c>
      <c r="K4954" s="2" t="s">
        <v>1520</v>
      </c>
      <c r="L4954" s="5" t="s">
        <v>1519</v>
      </c>
      <c r="M4954" s="2" t="s">
        <v>1520</v>
      </c>
      <c r="N4954" s="5" t="s">
        <v>1521</v>
      </c>
      <c r="O4954" s="5" t="s">
        <v>38</v>
      </c>
      <c r="P4954" s="5" t="s">
        <v>39</v>
      </c>
      <c r="Q4954" s="5" t="s">
        <v>40</v>
      </c>
      <c r="R4954" s="5" t="s">
        <v>1522</v>
      </c>
      <c r="S4954" s="5" t="s">
        <v>1523</v>
      </c>
      <c r="T4954" s="5" t="s">
        <v>42</v>
      </c>
      <c r="U4954" s="2">
        <v>1.6619999999999999</v>
      </c>
      <c r="V4954" s="2">
        <v>1.3129999999999999</v>
      </c>
      <c r="W4954" s="2">
        <v>8.9999999999999993E-3</v>
      </c>
      <c r="X4954" s="2">
        <v>106.5</v>
      </c>
      <c r="Y4954" s="2">
        <v>7.6</v>
      </c>
      <c r="Z4954" s="2">
        <v>10.6</v>
      </c>
      <c r="AA4954" s="5"/>
      <c r="AB4954" s="5" t="s">
        <v>43</v>
      </c>
      <c r="AC4954" s="5" t="s">
        <v>44</v>
      </c>
      <c r="AD4954" s="2"/>
      <c r="AE4954" s="1"/>
    </row>
    <row r="4955" spans="1:31" ht="14.45">
      <c r="A4955" s="11"/>
      <c r="B4955" s="20"/>
      <c r="C4955" s="2" t="s">
        <v>15327</v>
      </c>
      <c r="D4955" s="14" t="s">
        <v>15328</v>
      </c>
      <c r="E4955" s="2" t="s">
        <v>15329</v>
      </c>
      <c r="F4955" s="2" t="s">
        <v>14897</v>
      </c>
      <c r="G4955" s="8">
        <v>131</v>
      </c>
      <c r="H4955" s="5">
        <v>5</v>
      </c>
      <c r="I4955" s="5" t="s">
        <v>1518</v>
      </c>
      <c r="J4955" s="5" t="s">
        <v>1519</v>
      </c>
      <c r="K4955" s="2" t="s">
        <v>1520</v>
      </c>
      <c r="L4955" s="5" t="s">
        <v>1519</v>
      </c>
      <c r="M4955" s="2" t="s">
        <v>1520</v>
      </c>
      <c r="N4955" s="5" t="s">
        <v>1521</v>
      </c>
      <c r="O4955" s="5" t="s">
        <v>38</v>
      </c>
      <c r="P4955" s="5" t="s">
        <v>39</v>
      </c>
      <c r="Q4955" s="5" t="s">
        <v>40</v>
      </c>
      <c r="R4955" s="5" t="s">
        <v>1522</v>
      </c>
      <c r="S4955" s="5" t="s">
        <v>1523</v>
      </c>
      <c r="T4955" s="5" t="s">
        <v>42</v>
      </c>
      <c r="U4955" s="2">
        <v>1.702</v>
      </c>
      <c r="V4955" s="2">
        <v>1.353</v>
      </c>
      <c r="W4955" s="2">
        <v>8.9999999999999993E-3</v>
      </c>
      <c r="X4955" s="2">
        <v>106.5</v>
      </c>
      <c r="Y4955" s="2">
        <v>7.6</v>
      </c>
      <c r="Z4955" s="2">
        <v>10.6</v>
      </c>
      <c r="AA4955" s="5"/>
      <c r="AB4955" s="5" t="s">
        <v>43</v>
      </c>
      <c r="AC4955" s="5" t="s">
        <v>44</v>
      </c>
      <c r="AD4955" s="2"/>
      <c r="AE4955" s="1"/>
    </row>
    <row r="4956" spans="1:31" ht="14.45">
      <c r="A4956" s="11"/>
      <c r="B4956" s="20"/>
      <c r="C4956" s="2" t="s">
        <v>15330</v>
      </c>
      <c r="D4956" s="14" t="s">
        <v>15331</v>
      </c>
      <c r="E4956" s="2" t="s">
        <v>15332</v>
      </c>
      <c r="F4956" s="2" t="s">
        <v>14869</v>
      </c>
      <c r="G4956" s="8">
        <v>135</v>
      </c>
      <c r="H4956" s="5">
        <v>6</v>
      </c>
      <c r="I4956" s="5" t="s">
        <v>1518</v>
      </c>
      <c r="J4956" s="5" t="s">
        <v>1519</v>
      </c>
      <c r="K4956" s="2" t="s">
        <v>1520</v>
      </c>
      <c r="L4956" s="5" t="s">
        <v>1519</v>
      </c>
      <c r="M4956" s="2" t="s">
        <v>1520</v>
      </c>
      <c r="N4956" s="5" t="s">
        <v>1521</v>
      </c>
      <c r="O4956" s="5" t="s">
        <v>38</v>
      </c>
      <c r="P4956" s="5" t="s">
        <v>39</v>
      </c>
      <c r="Q4956" s="5" t="s">
        <v>40</v>
      </c>
      <c r="R4956" s="5" t="s">
        <v>1522</v>
      </c>
      <c r="S4956" s="5" t="s">
        <v>1523</v>
      </c>
      <c r="T4956" s="5" t="s">
        <v>42</v>
      </c>
      <c r="U4956" s="2">
        <v>1.8440000000000001</v>
      </c>
      <c r="V4956" s="2">
        <v>1.4359999999999999</v>
      </c>
      <c r="W4956" s="2">
        <v>0.01</v>
      </c>
      <c r="X4956" s="2">
        <v>128.5</v>
      </c>
      <c r="Y4956" s="2">
        <v>7.6</v>
      </c>
      <c r="Z4956" s="2">
        <v>10.6</v>
      </c>
      <c r="AA4956" s="5"/>
      <c r="AB4956" s="5" t="s">
        <v>43</v>
      </c>
      <c r="AC4956" s="5" t="s">
        <v>44</v>
      </c>
      <c r="AD4956" s="2"/>
      <c r="AE4956" s="1"/>
    </row>
    <row r="4957" spans="1:31" ht="14.45">
      <c r="A4957" s="11"/>
      <c r="B4957" s="20"/>
      <c r="C4957" s="2" t="s">
        <v>15333</v>
      </c>
      <c r="D4957" s="14" t="s">
        <v>15334</v>
      </c>
      <c r="E4957" s="2" t="s">
        <v>15335</v>
      </c>
      <c r="F4957" s="2" t="s">
        <v>14873</v>
      </c>
      <c r="G4957" s="8">
        <v>135</v>
      </c>
      <c r="H4957" s="5">
        <v>6</v>
      </c>
      <c r="I4957" s="5" t="s">
        <v>1518</v>
      </c>
      <c r="J4957" s="5" t="s">
        <v>1519</v>
      </c>
      <c r="K4957" s="2" t="s">
        <v>1520</v>
      </c>
      <c r="L4957" s="5" t="s">
        <v>1519</v>
      </c>
      <c r="M4957" s="2" t="s">
        <v>1520</v>
      </c>
      <c r="N4957" s="5" t="s">
        <v>1521</v>
      </c>
      <c r="O4957" s="5" t="s">
        <v>38</v>
      </c>
      <c r="P4957" s="5" t="s">
        <v>39</v>
      </c>
      <c r="Q4957" s="5" t="s">
        <v>40</v>
      </c>
      <c r="R4957" s="5" t="s">
        <v>1522</v>
      </c>
      <c r="S4957" s="5" t="s">
        <v>1523</v>
      </c>
      <c r="T4957" s="5" t="s">
        <v>42</v>
      </c>
      <c r="U4957" s="2">
        <v>1.889</v>
      </c>
      <c r="V4957" s="2">
        <v>1.4810000000000001</v>
      </c>
      <c r="W4957" s="2">
        <v>0.01</v>
      </c>
      <c r="X4957" s="2">
        <v>128.5</v>
      </c>
      <c r="Y4957" s="2">
        <v>7.6</v>
      </c>
      <c r="Z4957" s="2">
        <v>10.6</v>
      </c>
      <c r="AA4957" s="5"/>
      <c r="AB4957" s="5" t="s">
        <v>43</v>
      </c>
      <c r="AC4957" s="5" t="s">
        <v>44</v>
      </c>
      <c r="AD4957" s="2"/>
      <c r="AE4957" s="1"/>
    </row>
    <row r="4958" spans="1:31" ht="14.45">
      <c r="A4958" s="11"/>
      <c r="B4958" s="20"/>
      <c r="C4958" s="2" t="s">
        <v>15336</v>
      </c>
      <c r="D4958" s="14" t="s">
        <v>15337</v>
      </c>
      <c r="E4958" s="2" t="s">
        <v>15338</v>
      </c>
      <c r="F4958" s="2" t="s">
        <v>14877</v>
      </c>
      <c r="G4958" s="8">
        <v>135</v>
      </c>
      <c r="H4958" s="5">
        <v>6</v>
      </c>
      <c r="I4958" s="5" t="s">
        <v>1518</v>
      </c>
      <c r="J4958" s="5" t="s">
        <v>1519</v>
      </c>
      <c r="K4958" s="2" t="s">
        <v>1520</v>
      </c>
      <c r="L4958" s="5" t="s">
        <v>1519</v>
      </c>
      <c r="M4958" s="2" t="s">
        <v>1520</v>
      </c>
      <c r="N4958" s="5" t="s">
        <v>1521</v>
      </c>
      <c r="O4958" s="5" t="s">
        <v>38</v>
      </c>
      <c r="P4958" s="5" t="s">
        <v>39</v>
      </c>
      <c r="Q4958" s="5" t="s">
        <v>40</v>
      </c>
      <c r="R4958" s="5" t="s">
        <v>1522</v>
      </c>
      <c r="S4958" s="5" t="s">
        <v>1523</v>
      </c>
      <c r="T4958" s="5" t="s">
        <v>42</v>
      </c>
      <c r="U4958" s="2">
        <v>1.8759999999999999</v>
      </c>
      <c r="V4958" s="2">
        <v>1.468</v>
      </c>
      <c r="W4958" s="2">
        <v>0.01</v>
      </c>
      <c r="X4958" s="2">
        <v>128.5</v>
      </c>
      <c r="Y4958" s="2">
        <v>7.6</v>
      </c>
      <c r="Z4958" s="2">
        <v>10.6</v>
      </c>
      <c r="AA4958" s="5"/>
      <c r="AB4958" s="5" t="s">
        <v>43</v>
      </c>
      <c r="AC4958" s="5" t="s">
        <v>44</v>
      </c>
      <c r="AD4958" s="2"/>
      <c r="AE4958" s="1"/>
    </row>
    <row r="4959" spans="1:31" ht="14.45">
      <c r="A4959" s="11"/>
      <c r="B4959" s="20"/>
      <c r="C4959" s="2" t="s">
        <v>15339</v>
      </c>
      <c r="D4959" s="14" t="s">
        <v>15340</v>
      </c>
      <c r="E4959" s="2" t="s">
        <v>15341</v>
      </c>
      <c r="F4959" s="2" t="s">
        <v>14881</v>
      </c>
      <c r="G4959" s="8">
        <v>135</v>
      </c>
      <c r="H4959" s="5">
        <v>5</v>
      </c>
      <c r="I4959" s="5" t="s">
        <v>1518</v>
      </c>
      <c r="J4959" s="5" t="s">
        <v>1519</v>
      </c>
      <c r="K4959" s="2" t="s">
        <v>1520</v>
      </c>
      <c r="L4959" s="5" t="s">
        <v>1519</v>
      </c>
      <c r="M4959" s="2" t="s">
        <v>1520</v>
      </c>
      <c r="N4959" s="5" t="s">
        <v>1521</v>
      </c>
      <c r="O4959" s="5" t="s">
        <v>38</v>
      </c>
      <c r="P4959" s="5" t="s">
        <v>39</v>
      </c>
      <c r="Q4959" s="5" t="s">
        <v>40</v>
      </c>
      <c r="R4959" s="5" t="s">
        <v>1522</v>
      </c>
      <c r="S4959" s="5" t="s">
        <v>1523</v>
      </c>
      <c r="T4959" s="5" t="s">
        <v>42</v>
      </c>
      <c r="U4959" s="2">
        <v>1.921</v>
      </c>
      <c r="V4959" s="2">
        <v>1.5129999999999999</v>
      </c>
      <c r="W4959" s="2">
        <v>0.01</v>
      </c>
      <c r="X4959" s="2">
        <v>128.5</v>
      </c>
      <c r="Y4959" s="2">
        <v>7.6</v>
      </c>
      <c r="Z4959" s="2">
        <v>10.6</v>
      </c>
      <c r="AA4959" s="5"/>
      <c r="AB4959" s="5" t="s">
        <v>43</v>
      </c>
      <c r="AC4959" s="5" t="s">
        <v>44</v>
      </c>
      <c r="AD4959" s="2"/>
      <c r="AE4959" s="1"/>
    </row>
    <row r="4960" spans="1:31" ht="14.45">
      <c r="A4960" s="11"/>
      <c r="B4960" s="20"/>
      <c r="C4960" s="2" t="s">
        <v>15342</v>
      </c>
      <c r="D4960" s="14" t="s">
        <v>15343</v>
      </c>
      <c r="E4960" s="2" t="s">
        <v>15344</v>
      </c>
      <c r="F4960" s="2" t="s">
        <v>14885</v>
      </c>
      <c r="G4960" s="8">
        <v>135</v>
      </c>
      <c r="H4960" s="5">
        <v>6</v>
      </c>
      <c r="I4960" s="5" t="s">
        <v>1518</v>
      </c>
      <c r="J4960" s="5" t="s">
        <v>1519</v>
      </c>
      <c r="K4960" s="2" t="s">
        <v>1520</v>
      </c>
      <c r="L4960" s="5" t="s">
        <v>1519</v>
      </c>
      <c r="M4960" s="2" t="s">
        <v>1520</v>
      </c>
      <c r="N4960" s="5" t="s">
        <v>1521</v>
      </c>
      <c r="O4960" s="5" t="s">
        <v>38</v>
      </c>
      <c r="P4960" s="5" t="s">
        <v>39</v>
      </c>
      <c r="Q4960" s="5" t="s">
        <v>40</v>
      </c>
      <c r="R4960" s="5" t="s">
        <v>1522</v>
      </c>
      <c r="S4960" s="5" t="s">
        <v>1523</v>
      </c>
      <c r="T4960" s="5" t="s">
        <v>42</v>
      </c>
      <c r="U4960" s="2">
        <v>1.8759999999999999</v>
      </c>
      <c r="V4960" s="2">
        <v>1.468</v>
      </c>
      <c r="W4960" s="2">
        <v>0.01</v>
      </c>
      <c r="X4960" s="2">
        <v>128.5</v>
      </c>
      <c r="Y4960" s="2">
        <v>7.6</v>
      </c>
      <c r="Z4960" s="2">
        <v>10.6</v>
      </c>
      <c r="AA4960" s="5"/>
      <c r="AB4960" s="5" t="s">
        <v>43</v>
      </c>
      <c r="AC4960" s="5" t="s">
        <v>44</v>
      </c>
      <c r="AD4960" s="2"/>
      <c r="AE4960" s="1"/>
    </row>
    <row r="4961" spans="1:31" ht="14.45">
      <c r="A4961" s="11"/>
      <c r="B4961" s="20"/>
      <c r="C4961" s="2" t="s">
        <v>15345</v>
      </c>
      <c r="D4961" s="14" t="s">
        <v>15346</v>
      </c>
      <c r="E4961" s="2" t="s">
        <v>15347</v>
      </c>
      <c r="F4961" s="2" t="s">
        <v>14889</v>
      </c>
      <c r="G4961" s="8">
        <v>135</v>
      </c>
      <c r="H4961" s="5">
        <v>5</v>
      </c>
      <c r="I4961" s="5" t="s">
        <v>1518</v>
      </c>
      <c r="J4961" s="5" t="s">
        <v>1519</v>
      </c>
      <c r="K4961" s="2" t="s">
        <v>1520</v>
      </c>
      <c r="L4961" s="5" t="s">
        <v>1519</v>
      </c>
      <c r="M4961" s="2" t="s">
        <v>1520</v>
      </c>
      <c r="N4961" s="5" t="s">
        <v>1521</v>
      </c>
      <c r="O4961" s="5" t="s">
        <v>38</v>
      </c>
      <c r="P4961" s="5" t="s">
        <v>39</v>
      </c>
      <c r="Q4961" s="5" t="s">
        <v>40</v>
      </c>
      <c r="R4961" s="5" t="s">
        <v>1522</v>
      </c>
      <c r="S4961" s="5" t="s">
        <v>1523</v>
      </c>
      <c r="T4961" s="5" t="s">
        <v>42</v>
      </c>
      <c r="U4961" s="2">
        <v>1.921</v>
      </c>
      <c r="V4961" s="2">
        <v>1.5129999999999999</v>
      </c>
      <c r="W4961" s="2">
        <v>0.01</v>
      </c>
      <c r="X4961" s="2">
        <v>128.5</v>
      </c>
      <c r="Y4961" s="2">
        <v>7.6</v>
      </c>
      <c r="Z4961" s="2">
        <v>10.6</v>
      </c>
      <c r="AA4961" s="5"/>
      <c r="AB4961" s="5" t="s">
        <v>43</v>
      </c>
      <c r="AC4961" s="5" t="s">
        <v>44</v>
      </c>
      <c r="AD4961" s="2"/>
      <c r="AE4961" s="1"/>
    </row>
    <row r="4962" spans="1:31" ht="14.45">
      <c r="A4962" s="11"/>
      <c r="B4962" s="20"/>
      <c r="C4962" s="2" t="s">
        <v>15348</v>
      </c>
      <c r="D4962" s="14" t="s">
        <v>15349</v>
      </c>
      <c r="E4962" s="2" t="s">
        <v>15350</v>
      </c>
      <c r="F4962" s="2" t="s">
        <v>14893</v>
      </c>
      <c r="G4962" s="8">
        <v>135</v>
      </c>
      <c r="H4962" s="5">
        <v>5</v>
      </c>
      <c r="I4962" s="5" t="s">
        <v>1518</v>
      </c>
      <c r="J4962" s="5" t="s">
        <v>1519</v>
      </c>
      <c r="K4962" s="2" t="s">
        <v>1520</v>
      </c>
      <c r="L4962" s="5" t="s">
        <v>1519</v>
      </c>
      <c r="M4962" s="2" t="s">
        <v>1520</v>
      </c>
      <c r="N4962" s="5" t="s">
        <v>1521</v>
      </c>
      <c r="O4962" s="5" t="s">
        <v>38</v>
      </c>
      <c r="P4962" s="5" t="s">
        <v>39</v>
      </c>
      <c r="Q4962" s="5" t="s">
        <v>40</v>
      </c>
      <c r="R4962" s="5" t="s">
        <v>1522</v>
      </c>
      <c r="S4962" s="5" t="s">
        <v>1523</v>
      </c>
      <c r="T4962" s="5" t="s">
        <v>42</v>
      </c>
      <c r="U4962" s="2">
        <v>1.8440000000000001</v>
      </c>
      <c r="V4962" s="2">
        <v>1.4359999999999999</v>
      </c>
      <c r="W4962" s="2">
        <v>0.01</v>
      </c>
      <c r="X4962" s="2">
        <v>128.5</v>
      </c>
      <c r="Y4962" s="2">
        <v>7.6</v>
      </c>
      <c r="Z4962" s="2">
        <v>10.6</v>
      </c>
      <c r="AA4962" s="5"/>
      <c r="AB4962" s="5" t="s">
        <v>43</v>
      </c>
      <c r="AC4962" s="5" t="s">
        <v>44</v>
      </c>
      <c r="AD4962" s="2"/>
      <c r="AE4962" s="1"/>
    </row>
    <row r="4963" spans="1:31" ht="14.45">
      <c r="A4963" s="11"/>
      <c r="B4963" s="20"/>
      <c r="C4963" s="2" t="s">
        <v>15351</v>
      </c>
      <c r="D4963" s="14" t="s">
        <v>15352</v>
      </c>
      <c r="E4963" s="2" t="s">
        <v>15353</v>
      </c>
      <c r="F4963" s="2" t="s">
        <v>14897</v>
      </c>
      <c r="G4963" s="8">
        <v>135</v>
      </c>
      <c r="H4963" s="5">
        <v>5</v>
      </c>
      <c r="I4963" s="5" t="s">
        <v>1518</v>
      </c>
      <c r="J4963" s="5" t="s">
        <v>1519</v>
      </c>
      <c r="K4963" s="2" t="s">
        <v>1520</v>
      </c>
      <c r="L4963" s="5" t="s">
        <v>1519</v>
      </c>
      <c r="M4963" s="2" t="s">
        <v>1520</v>
      </c>
      <c r="N4963" s="5" t="s">
        <v>1521</v>
      </c>
      <c r="O4963" s="5" t="s">
        <v>38</v>
      </c>
      <c r="P4963" s="5" t="s">
        <v>39</v>
      </c>
      <c r="Q4963" s="5" t="s">
        <v>40</v>
      </c>
      <c r="R4963" s="5" t="s">
        <v>1522</v>
      </c>
      <c r="S4963" s="5" t="s">
        <v>1523</v>
      </c>
      <c r="T4963" s="5" t="s">
        <v>42</v>
      </c>
      <c r="U4963" s="2">
        <v>1.889</v>
      </c>
      <c r="V4963" s="2">
        <v>1.4810000000000001</v>
      </c>
      <c r="W4963" s="2">
        <v>0.01</v>
      </c>
      <c r="X4963" s="2">
        <v>128.5</v>
      </c>
      <c r="Y4963" s="2">
        <v>7.6</v>
      </c>
      <c r="Z4963" s="2">
        <v>10.6</v>
      </c>
      <c r="AA4963" s="5"/>
      <c r="AB4963" s="5" t="s">
        <v>43</v>
      </c>
      <c r="AC4963" s="5" t="s">
        <v>44</v>
      </c>
      <c r="AD4963" s="2"/>
      <c r="AE4963" s="1"/>
    </row>
    <row r="4964" spans="1:31" ht="14.45">
      <c r="A4964" s="11"/>
      <c r="B4964" s="20"/>
      <c r="C4964" s="2" t="s">
        <v>15354</v>
      </c>
      <c r="D4964" s="14" t="s">
        <v>15355</v>
      </c>
      <c r="E4964" s="2" t="s">
        <v>15356</v>
      </c>
      <c r="F4964" s="2" t="s">
        <v>14869</v>
      </c>
      <c r="G4964" s="8">
        <v>143</v>
      </c>
      <c r="H4964" s="5">
        <v>6</v>
      </c>
      <c r="I4964" s="5" t="s">
        <v>1518</v>
      </c>
      <c r="J4964" s="5" t="s">
        <v>1519</v>
      </c>
      <c r="K4964" s="2" t="s">
        <v>1520</v>
      </c>
      <c r="L4964" s="5" t="s">
        <v>1519</v>
      </c>
      <c r="M4964" s="2" t="s">
        <v>1520</v>
      </c>
      <c r="N4964" s="5" t="s">
        <v>1521</v>
      </c>
      <c r="O4964" s="5" t="s">
        <v>38</v>
      </c>
      <c r="P4964" s="5" t="s">
        <v>39</v>
      </c>
      <c r="Q4964" s="5" t="s">
        <v>40</v>
      </c>
      <c r="R4964" s="5" t="s">
        <v>1522</v>
      </c>
      <c r="S4964" s="5" t="s">
        <v>1523</v>
      </c>
      <c r="T4964" s="5" t="s">
        <v>42</v>
      </c>
      <c r="U4964" s="2">
        <v>2.0190000000000001</v>
      </c>
      <c r="V4964" s="2">
        <v>1.5509999999999999</v>
      </c>
      <c r="W4964" s="2">
        <v>1.2E-2</v>
      </c>
      <c r="X4964" s="2">
        <v>148.69999999999999</v>
      </c>
      <c r="Y4964" s="2">
        <v>7.6</v>
      </c>
      <c r="Z4964" s="2">
        <v>10.6</v>
      </c>
      <c r="AA4964" s="5"/>
      <c r="AB4964" s="5" t="s">
        <v>43</v>
      </c>
      <c r="AC4964" s="5" t="s">
        <v>44</v>
      </c>
      <c r="AD4964" s="2"/>
      <c r="AE4964" s="1"/>
    </row>
    <row r="4965" spans="1:31" ht="14.45">
      <c r="A4965" s="11"/>
      <c r="B4965" s="20"/>
      <c r="C4965" s="2" t="s">
        <v>15357</v>
      </c>
      <c r="D4965" s="14" t="s">
        <v>15358</v>
      </c>
      <c r="E4965" s="2" t="s">
        <v>15359</v>
      </c>
      <c r="F4965" s="2" t="s">
        <v>14873</v>
      </c>
      <c r="G4965" s="8">
        <v>143</v>
      </c>
      <c r="H4965" s="5">
        <v>6</v>
      </c>
      <c r="I4965" s="5" t="s">
        <v>1518</v>
      </c>
      <c r="J4965" s="5" t="s">
        <v>1519</v>
      </c>
      <c r="K4965" s="2" t="s">
        <v>1520</v>
      </c>
      <c r="L4965" s="5" t="s">
        <v>1519</v>
      </c>
      <c r="M4965" s="2" t="s">
        <v>1520</v>
      </c>
      <c r="N4965" s="5" t="s">
        <v>1521</v>
      </c>
      <c r="O4965" s="5" t="s">
        <v>38</v>
      </c>
      <c r="P4965" s="5" t="s">
        <v>39</v>
      </c>
      <c r="Q4965" s="5" t="s">
        <v>40</v>
      </c>
      <c r="R4965" s="5" t="s">
        <v>1522</v>
      </c>
      <c r="S4965" s="5" t="s">
        <v>1523</v>
      </c>
      <c r="T4965" s="5" t="s">
        <v>42</v>
      </c>
      <c r="U4965" s="2">
        <v>2.0680000000000001</v>
      </c>
      <c r="V4965" s="2">
        <v>1.6</v>
      </c>
      <c r="W4965" s="2">
        <v>1.2E-2</v>
      </c>
      <c r="X4965" s="2">
        <v>148.69999999999999</v>
      </c>
      <c r="Y4965" s="2">
        <v>7.6</v>
      </c>
      <c r="Z4965" s="2">
        <v>10.6</v>
      </c>
      <c r="AA4965" s="5"/>
      <c r="AB4965" s="5" t="s">
        <v>43</v>
      </c>
      <c r="AC4965" s="5" t="s">
        <v>44</v>
      </c>
      <c r="AD4965" s="2"/>
      <c r="AE4965" s="1"/>
    </row>
    <row r="4966" spans="1:31" ht="14.45">
      <c r="A4966" s="11"/>
      <c r="B4966" s="20"/>
      <c r="C4966" s="2" t="s">
        <v>15360</v>
      </c>
      <c r="D4966" s="14" t="s">
        <v>15361</v>
      </c>
      <c r="E4966" s="2" t="s">
        <v>15362</v>
      </c>
      <c r="F4966" s="2" t="s">
        <v>14877</v>
      </c>
      <c r="G4966" s="8">
        <v>143</v>
      </c>
      <c r="H4966" s="5">
        <v>6</v>
      </c>
      <c r="I4966" s="5" t="s">
        <v>1518</v>
      </c>
      <c r="J4966" s="5" t="s">
        <v>1519</v>
      </c>
      <c r="K4966" s="2" t="s">
        <v>1520</v>
      </c>
      <c r="L4966" s="5" t="s">
        <v>1519</v>
      </c>
      <c r="M4966" s="2" t="s">
        <v>1520</v>
      </c>
      <c r="N4966" s="5" t="s">
        <v>1521</v>
      </c>
      <c r="O4966" s="5" t="s">
        <v>38</v>
      </c>
      <c r="P4966" s="5" t="s">
        <v>39</v>
      </c>
      <c r="Q4966" s="5" t="s">
        <v>40</v>
      </c>
      <c r="R4966" s="5" t="s">
        <v>1522</v>
      </c>
      <c r="S4966" s="5" t="s">
        <v>1523</v>
      </c>
      <c r="T4966" s="5" t="s">
        <v>42</v>
      </c>
      <c r="U4966" s="2">
        <v>2.0550000000000002</v>
      </c>
      <c r="V4966" s="2">
        <v>1.587</v>
      </c>
      <c r="W4966" s="2">
        <v>1.2E-2</v>
      </c>
      <c r="X4966" s="2">
        <v>148.69999999999999</v>
      </c>
      <c r="Y4966" s="2">
        <v>7.6</v>
      </c>
      <c r="Z4966" s="2">
        <v>10.6</v>
      </c>
      <c r="AA4966" s="5"/>
      <c r="AB4966" s="5" t="s">
        <v>43</v>
      </c>
      <c r="AC4966" s="5" t="s">
        <v>44</v>
      </c>
      <c r="AD4966" s="2"/>
      <c r="AE4966" s="1"/>
    </row>
    <row r="4967" spans="1:31" ht="14.45">
      <c r="A4967" s="11"/>
      <c r="B4967" s="20"/>
      <c r="C4967" s="2" t="s">
        <v>15363</v>
      </c>
      <c r="D4967" s="14" t="s">
        <v>15364</v>
      </c>
      <c r="E4967" s="2" t="s">
        <v>15365</v>
      </c>
      <c r="F4967" s="2" t="s">
        <v>14881</v>
      </c>
      <c r="G4967" s="8">
        <v>143</v>
      </c>
      <c r="H4967" s="5">
        <v>6</v>
      </c>
      <c r="I4967" s="5" t="s">
        <v>1518</v>
      </c>
      <c r="J4967" s="5" t="s">
        <v>1519</v>
      </c>
      <c r="K4967" s="2" t="s">
        <v>1520</v>
      </c>
      <c r="L4967" s="5" t="s">
        <v>1519</v>
      </c>
      <c r="M4967" s="2" t="s">
        <v>1520</v>
      </c>
      <c r="N4967" s="5" t="s">
        <v>1521</v>
      </c>
      <c r="O4967" s="5" t="s">
        <v>38</v>
      </c>
      <c r="P4967" s="5" t="s">
        <v>39</v>
      </c>
      <c r="Q4967" s="5" t="s">
        <v>40</v>
      </c>
      <c r="R4967" s="5" t="s">
        <v>1522</v>
      </c>
      <c r="S4967" s="5" t="s">
        <v>1523</v>
      </c>
      <c r="T4967" s="5" t="s">
        <v>42</v>
      </c>
      <c r="U4967" s="2">
        <v>2.1040000000000001</v>
      </c>
      <c r="V4967" s="2">
        <v>1.6359999999999999</v>
      </c>
      <c r="W4967" s="2">
        <v>1.2E-2</v>
      </c>
      <c r="X4967" s="2">
        <v>148.69999999999999</v>
      </c>
      <c r="Y4967" s="2">
        <v>7.6</v>
      </c>
      <c r="Z4967" s="2">
        <v>10.6</v>
      </c>
      <c r="AA4967" s="5"/>
      <c r="AB4967" s="5" t="s">
        <v>43</v>
      </c>
      <c r="AC4967" s="5" t="s">
        <v>44</v>
      </c>
      <c r="AD4967" s="2"/>
      <c r="AE4967" s="1"/>
    </row>
    <row r="4968" spans="1:31" ht="14.45">
      <c r="A4968" s="11"/>
      <c r="B4968" s="20"/>
      <c r="C4968" s="2" t="s">
        <v>15366</v>
      </c>
      <c r="D4968" s="14" t="s">
        <v>15367</v>
      </c>
      <c r="E4968" s="2" t="s">
        <v>15368</v>
      </c>
      <c r="F4968" s="2" t="s">
        <v>14885</v>
      </c>
      <c r="G4968" s="8">
        <v>143</v>
      </c>
      <c r="H4968" s="5">
        <v>6</v>
      </c>
      <c r="I4968" s="5" t="s">
        <v>1518</v>
      </c>
      <c r="J4968" s="5" t="s">
        <v>1519</v>
      </c>
      <c r="K4968" s="2" t="s">
        <v>1520</v>
      </c>
      <c r="L4968" s="5" t="s">
        <v>1519</v>
      </c>
      <c r="M4968" s="2" t="s">
        <v>1520</v>
      </c>
      <c r="N4968" s="5" t="s">
        <v>1521</v>
      </c>
      <c r="O4968" s="5" t="s">
        <v>38</v>
      </c>
      <c r="P4968" s="5" t="s">
        <v>39</v>
      </c>
      <c r="Q4968" s="5" t="s">
        <v>40</v>
      </c>
      <c r="R4968" s="5" t="s">
        <v>1522</v>
      </c>
      <c r="S4968" s="5" t="s">
        <v>1523</v>
      </c>
      <c r="T4968" s="5" t="s">
        <v>42</v>
      </c>
      <c r="U4968" s="2">
        <v>2.0550000000000002</v>
      </c>
      <c r="V4968" s="2">
        <v>1.587</v>
      </c>
      <c r="W4968" s="2">
        <v>1.2E-2</v>
      </c>
      <c r="X4968" s="2">
        <v>148.69999999999999</v>
      </c>
      <c r="Y4968" s="2">
        <v>7.6</v>
      </c>
      <c r="Z4968" s="2">
        <v>10.6</v>
      </c>
      <c r="AA4968" s="5"/>
      <c r="AB4968" s="5" t="s">
        <v>43</v>
      </c>
      <c r="AC4968" s="5" t="s">
        <v>44</v>
      </c>
      <c r="AD4968" s="2"/>
      <c r="AE4968" s="1"/>
    </row>
    <row r="4969" spans="1:31" ht="14.45">
      <c r="A4969" s="11"/>
      <c r="B4969" s="20"/>
      <c r="C4969" s="2" t="s">
        <v>15369</v>
      </c>
      <c r="D4969" s="14" t="s">
        <v>15370</v>
      </c>
      <c r="E4969" s="2" t="s">
        <v>15371</v>
      </c>
      <c r="F4969" s="2" t="s">
        <v>14889</v>
      </c>
      <c r="G4969" s="8">
        <v>143</v>
      </c>
      <c r="H4969" s="5">
        <v>6</v>
      </c>
      <c r="I4969" s="5" t="s">
        <v>1518</v>
      </c>
      <c r="J4969" s="5" t="s">
        <v>1519</v>
      </c>
      <c r="K4969" s="2" t="s">
        <v>1520</v>
      </c>
      <c r="L4969" s="5" t="s">
        <v>1519</v>
      </c>
      <c r="M4969" s="2" t="s">
        <v>1520</v>
      </c>
      <c r="N4969" s="5" t="s">
        <v>1521</v>
      </c>
      <c r="O4969" s="5" t="s">
        <v>38</v>
      </c>
      <c r="P4969" s="5" t="s">
        <v>39</v>
      </c>
      <c r="Q4969" s="5" t="s">
        <v>40</v>
      </c>
      <c r="R4969" s="5" t="s">
        <v>1522</v>
      </c>
      <c r="S4969" s="5" t="s">
        <v>1523</v>
      </c>
      <c r="T4969" s="5" t="s">
        <v>42</v>
      </c>
      <c r="U4969" s="2">
        <v>2.1040000000000001</v>
      </c>
      <c r="V4969" s="2">
        <v>1.6359999999999999</v>
      </c>
      <c r="W4969" s="2">
        <v>1.2E-2</v>
      </c>
      <c r="X4969" s="2">
        <v>148.69999999999999</v>
      </c>
      <c r="Y4969" s="2">
        <v>7.6</v>
      </c>
      <c r="Z4969" s="2">
        <v>10.6</v>
      </c>
      <c r="AA4969" s="5"/>
      <c r="AB4969" s="5" t="s">
        <v>43</v>
      </c>
      <c r="AC4969" s="5" t="s">
        <v>44</v>
      </c>
      <c r="AD4969" s="2"/>
      <c r="AE4969" s="1"/>
    </row>
    <row r="4970" spans="1:31" ht="14.45">
      <c r="A4970" s="11"/>
      <c r="B4970" s="20"/>
      <c r="C4970" s="2" t="s">
        <v>15372</v>
      </c>
      <c r="D4970" s="14" t="s">
        <v>15373</v>
      </c>
      <c r="E4970" s="2" t="s">
        <v>15374</v>
      </c>
      <c r="F4970" s="2" t="s">
        <v>14893</v>
      </c>
      <c r="G4970" s="8">
        <v>143</v>
      </c>
      <c r="H4970" s="5">
        <v>6</v>
      </c>
      <c r="I4970" s="5" t="s">
        <v>1518</v>
      </c>
      <c r="J4970" s="5" t="s">
        <v>1519</v>
      </c>
      <c r="K4970" s="2" t="s">
        <v>1520</v>
      </c>
      <c r="L4970" s="5" t="s">
        <v>1519</v>
      </c>
      <c r="M4970" s="2" t="s">
        <v>1520</v>
      </c>
      <c r="N4970" s="5" t="s">
        <v>1521</v>
      </c>
      <c r="O4970" s="5" t="s">
        <v>38</v>
      </c>
      <c r="P4970" s="5" t="s">
        <v>39</v>
      </c>
      <c r="Q4970" s="5" t="s">
        <v>40</v>
      </c>
      <c r="R4970" s="5" t="s">
        <v>1522</v>
      </c>
      <c r="S4970" s="5" t="s">
        <v>1523</v>
      </c>
      <c r="T4970" s="5" t="s">
        <v>42</v>
      </c>
      <c r="U4970" s="2">
        <v>2.0190000000000001</v>
      </c>
      <c r="V4970" s="2">
        <v>1.5509999999999999</v>
      </c>
      <c r="W4970" s="2">
        <v>1.2E-2</v>
      </c>
      <c r="X4970" s="2">
        <v>148.69999999999999</v>
      </c>
      <c r="Y4970" s="2">
        <v>7.6</v>
      </c>
      <c r="Z4970" s="2">
        <v>10.6</v>
      </c>
      <c r="AA4970" s="5"/>
      <c r="AB4970" s="5" t="s">
        <v>43</v>
      </c>
      <c r="AC4970" s="5" t="s">
        <v>44</v>
      </c>
      <c r="AD4970" s="2"/>
      <c r="AE4970" s="1"/>
    </row>
    <row r="4971" spans="1:31" ht="14.45">
      <c r="A4971" s="11"/>
      <c r="B4971" s="20"/>
      <c r="C4971" s="2" t="s">
        <v>15375</v>
      </c>
      <c r="D4971" s="14" t="s">
        <v>15376</v>
      </c>
      <c r="E4971" s="2" t="s">
        <v>15377</v>
      </c>
      <c r="F4971" s="2" t="s">
        <v>14897</v>
      </c>
      <c r="G4971" s="8">
        <v>143</v>
      </c>
      <c r="H4971" s="5">
        <v>6</v>
      </c>
      <c r="I4971" s="5" t="s">
        <v>1518</v>
      </c>
      <c r="J4971" s="5" t="s">
        <v>1519</v>
      </c>
      <c r="K4971" s="2" t="s">
        <v>1520</v>
      </c>
      <c r="L4971" s="5" t="s">
        <v>1519</v>
      </c>
      <c r="M4971" s="2" t="s">
        <v>1520</v>
      </c>
      <c r="N4971" s="5" t="s">
        <v>1521</v>
      </c>
      <c r="O4971" s="5" t="s">
        <v>38</v>
      </c>
      <c r="P4971" s="5" t="s">
        <v>39</v>
      </c>
      <c r="Q4971" s="5" t="s">
        <v>40</v>
      </c>
      <c r="R4971" s="5" t="s">
        <v>1522</v>
      </c>
      <c r="S4971" s="5" t="s">
        <v>1523</v>
      </c>
      <c r="T4971" s="5" t="s">
        <v>42</v>
      </c>
      <c r="U4971" s="2">
        <v>2.0680000000000001</v>
      </c>
      <c r="V4971" s="2">
        <v>1.6</v>
      </c>
      <c r="W4971" s="2">
        <v>1.2E-2</v>
      </c>
      <c r="X4971" s="2">
        <v>148.69999999999999</v>
      </c>
      <c r="Y4971" s="2">
        <v>7.6</v>
      </c>
      <c r="Z4971" s="2">
        <v>10.6</v>
      </c>
      <c r="AA4971" s="5"/>
      <c r="AB4971" s="5" t="s">
        <v>43</v>
      </c>
      <c r="AC4971" s="5" t="s">
        <v>44</v>
      </c>
      <c r="AD4971" s="2"/>
      <c r="AE4971" s="1"/>
    </row>
    <row r="4972" spans="1:31" ht="14.45">
      <c r="A4972" s="11"/>
      <c r="B4972" s="20"/>
      <c r="C4972" s="2" t="s">
        <v>15378</v>
      </c>
      <c r="D4972" s="14" t="s">
        <v>15379</v>
      </c>
      <c r="E4972" s="2" t="s">
        <v>15380</v>
      </c>
      <c r="F4972" s="2" t="s">
        <v>14869</v>
      </c>
      <c r="G4972" s="8">
        <v>155</v>
      </c>
      <c r="H4972" s="5">
        <v>6</v>
      </c>
      <c r="I4972" s="5" t="s">
        <v>1518</v>
      </c>
      <c r="J4972" s="5" t="s">
        <v>1519</v>
      </c>
      <c r="K4972" s="2" t="s">
        <v>1520</v>
      </c>
      <c r="L4972" s="5" t="s">
        <v>1519</v>
      </c>
      <c r="M4972" s="2" t="s">
        <v>1520</v>
      </c>
      <c r="N4972" s="5" t="s">
        <v>1521</v>
      </c>
      <c r="O4972" s="5" t="s">
        <v>38</v>
      </c>
      <c r="P4972" s="5" t="s">
        <v>39</v>
      </c>
      <c r="Q4972" s="5" t="s">
        <v>40</v>
      </c>
      <c r="R4972" s="5" t="s">
        <v>1522</v>
      </c>
      <c r="S4972" s="5" t="s">
        <v>1523</v>
      </c>
      <c r="T4972" s="5" t="s">
        <v>42</v>
      </c>
      <c r="U4972" s="2">
        <v>2.1880000000000002</v>
      </c>
      <c r="V4972" s="2">
        <v>1.6619999999999999</v>
      </c>
      <c r="W4972" s="2">
        <v>1.4E-2</v>
      </c>
      <c r="X4972" s="2">
        <v>168.7</v>
      </c>
      <c r="Y4972" s="2">
        <v>7.6</v>
      </c>
      <c r="Z4972" s="2">
        <v>10.6</v>
      </c>
      <c r="AA4972" s="5"/>
      <c r="AB4972" s="5" t="s">
        <v>43</v>
      </c>
      <c r="AC4972" s="5" t="s">
        <v>44</v>
      </c>
      <c r="AD4972" s="2"/>
      <c r="AE4972" s="1"/>
    </row>
    <row r="4973" spans="1:31" ht="14.45">
      <c r="A4973" s="11"/>
      <c r="B4973" s="20"/>
      <c r="C4973" s="2" t="s">
        <v>15381</v>
      </c>
      <c r="D4973" s="14" t="s">
        <v>15382</v>
      </c>
      <c r="E4973" s="2" t="s">
        <v>15383</v>
      </c>
      <c r="F4973" s="2" t="s">
        <v>14873</v>
      </c>
      <c r="G4973" s="8">
        <v>155</v>
      </c>
      <c r="H4973" s="5">
        <v>6</v>
      </c>
      <c r="I4973" s="5" t="s">
        <v>1518</v>
      </c>
      <c r="J4973" s="5" t="s">
        <v>1519</v>
      </c>
      <c r="K4973" s="2" t="s">
        <v>1520</v>
      </c>
      <c r="L4973" s="5" t="s">
        <v>1519</v>
      </c>
      <c r="M4973" s="2" t="s">
        <v>1520</v>
      </c>
      <c r="N4973" s="5" t="s">
        <v>1521</v>
      </c>
      <c r="O4973" s="5" t="s">
        <v>38</v>
      </c>
      <c r="P4973" s="5" t="s">
        <v>39</v>
      </c>
      <c r="Q4973" s="5" t="s">
        <v>40</v>
      </c>
      <c r="R4973" s="5" t="s">
        <v>1522</v>
      </c>
      <c r="S4973" s="5" t="s">
        <v>1523</v>
      </c>
      <c r="T4973" s="5" t="s">
        <v>42</v>
      </c>
      <c r="U4973" s="2">
        <v>2.242</v>
      </c>
      <c r="V4973" s="2">
        <v>1.716</v>
      </c>
      <c r="W4973" s="2">
        <v>1.4E-2</v>
      </c>
      <c r="X4973" s="2">
        <v>168.7</v>
      </c>
      <c r="Y4973" s="2">
        <v>7.6</v>
      </c>
      <c r="Z4973" s="2">
        <v>10.6</v>
      </c>
      <c r="AA4973" s="5"/>
      <c r="AB4973" s="5" t="s">
        <v>43</v>
      </c>
      <c r="AC4973" s="5" t="s">
        <v>44</v>
      </c>
      <c r="AD4973" s="2"/>
      <c r="AE4973" s="1"/>
    </row>
    <row r="4974" spans="1:31" ht="14.45">
      <c r="A4974" s="11"/>
      <c r="B4974" s="20"/>
      <c r="C4974" s="2" t="s">
        <v>15384</v>
      </c>
      <c r="D4974" s="14" t="s">
        <v>15385</v>
      </c>
      <c r="E4974" s="2" t="s">
        <v>15386</v>
      </c>
      <c r="F4974" s="2" t="s">
        <v>14877</v>
      </c>
      <c r="G4974" s="8">
        <v>155</v>
      </c>
      <c r="H4974" s="5">
        <v>6</v>
      </c>
      <c r="I4974" s="5" t="s">
        <v>1518</v>
      </c>
      <c r="J4974" s="5" t="s">
        <v>1519</v>
      </c>
      <c r="K4974" s="2" t="s">
        <v>1520</v>
      </c>
      <c r="L4974" s="5" t="s">
        <v>1519</v>
      </c>
      <c r="M4974" s="2" t="s">
        <v>1520</v>
      </c>
      <c r="N4974" s="5" t="s">
        <v>1521</v>
      </c>
      <c r="O4974" s="5" t="s">
        <v>38</v>
      </c>
      <c r="P4974" s="5" t="s">
        <v>39</v>
      </c>
      <c r="Q4974" s="5" t="s">
        <v>40</v>
      </c>
      <c r="R4974" s="5" t="s">
        <v>1522</v>
      </c>
      <c r="S4974" s="5" t="s">
        <v>1523</v>
      </c>
      <c r="T4974" s="5" t="s">
        <v>42</v>
      </c>
      <c r="U4974" s="2">
        <v>2.2290000000000001</v>
      </c>
      <c r="V4974" s="2">
        <v>1.7030000000000001</v>
      </c>
      <c r="W4974" s="2">
        <v>1.4E-2</v>
      </c>
      <c r="X4974" s="2">
        <v>168.7</v>
      </c>
      <c r="Y4974" s="2">
        <v>7.6</v>
      </c>
      <c r="Z4974" s="2">
        <v>10.6</v>
      </c>
      <c r="AA4974" s="5"/>
      <c r="AB4974" s="5" t="s">
        <v>43</v>
      </c>
      <c r="AC4974" s="5" t="s">
        <v>44</v>
      </c>
      <c r="AD4974" s="2"/>
      <c r="AE4974" s="1"/>
    </row>
    <row r="4975" spans="1:31" ht="14.45">
      <c r="A4975" s="11"/>
      <c r="B4975" s="20"/>
      <c r="C4975" s="2" t="s">
        <v>15387</v>
      </c>
      <c r="D4975" s="14" t="s">
        <v>15388</v>
      </c>
      <c r="E4975" s="2" t="s">
        <v>15389</v>
      </c>
      <c r="F4975" s="2" t="s">
        <v>14881</v>
      </c>
      <c r="G4975" s="8">
        <v>155</v>
      </c>
      <c r="H4975" s="5">
        <v>6</v>
      </c>
      <c r="I4975" s="5" t="s">
        <v>1518</v>
      </c>
      <c r="J4975" s="5" t="s">
        <v>1519</v>
      </c>
      <c r="K4975" s="2" t="s">
        <v>1520</v>
      </c>
      <c r="L4975" s="5" t="s">
        <v>1519</v>
      </c>
      <c r="M4975" s="2" t="s">
        <v>1520</v>
      </c>
      <c r="N4975" s="5" t="s">
        <v>1521</v>
      </c>
      <c r="O4975" s="5" t="s">
        <v>38</v>
      </c>
      <c r="P4975" s="5" t="s">
        <v>39</v>
      </c>
      <c r="Q4975" s="5" t="s">
        <v>40</v>
      </c>
      <c r="R4975" s="5" t="s">
        <v>1522</v>
      </c>
      <c r="S4975" s="5" t="s">
        <v>1523</v>
      </c>
      <c r="T4975" s="5" t="s">
        <v>42</v>
      </c>
      <c r="U4975" s="2">
        <v>2.2829999999999999</v>
      </c>
      <c r="V4975" s="2">
        <v>1.7569999999999999</v>
      </c>
      <c r="W4975" s="2">
        <v>1.4E-2</v>
      </c>
      <c r="X4975" s="2">
        <v>168.7</v>
      </c>
      <c r="Y4975" s="2">
        <v>7.6</v>
      </c>
      <c r="Z4975" s="2">
        <v>10.6</v>
      </c>
      <c r="AA4975" s="5"/>
      <c r="AB4975" s="5" t="s">
        <v>43</v>
      </c>
      <c r="AC4975" s="5" t="s">
        <v>44</v>
      </c>
      <c r="AD4975" s="2"/>
      <c r="AE4975" s="1"/>
    </row>
    <row r="4976" spans="1:31" ht="14.45">
      <c r="A4976" s="11"/>
      <c r="B4976" s="20"/>
      <c r="C4976" s="2" t="s">
        <v>15390</v>
      </c>
      <c r="D4976" s="14" t="s">
        <v>15391</v>
      </c>
      <c r="E4976" s="2" t="s">
        <v>15392</v>
      </c>
      <c r="F4976" s="2" t="s">
        <v>14885</v>
      </c>
      <c r="G4976" s="8">
        <v>155</v>
      </c>
      <c r="H4976" s="5">
        <v>6</v>
      </c>
      <c r="I4976" s="5" t="s">
        <v>1518</v>
      </c>
      <c r="J4976" s="5" t="s">
        <v>1519</v>
      </c>
      <c r="K4976" s="2" t="s">
        <v>1520</v>
      </c>
      <c r="L4976" s="5" t="s">
        <v>1519</v>
      </c>
      <c r="M4976" s="2" t="s">
        <v>1520</v>
      </c>
      <c r="N4976" s="5" t="s">
        <v>1521</v>
      </c>
      <c r="O4976" s="5" t="s">
        <v>38</v>
      </c>
      <c r="P4976" s="5" t="s">
        <v>39</v>
      </c>
      <c r="Q4976" s="5" t="s">
        <v>40</v>
      </c>
      <c r="R4976" s="5" t="s">
        <v>1522</v>
      </c>
      <c r="S4976" s="5" t="s">
        <v>1523</v>
      </c>
      <c r="T4976" s="5" t="s">
        <v>42</v>
      </c>
      <c r="U4976" s="2">
        <v>2.2290000000000001</v>
      </c>
      <c r="V4976" s="2">
        <v>1.7030000000000001</v>
      </c>
      <c r="W4976" s="2">
        <v>1.4E-2</v>
      </c>
      <c r="X4976" s="2">
        <v>168.7</v>
      </c>
      <c r="Y4976" s="2">
        <v>7.6</v>
      </c>
      <c r="Z4976" s="2">
        <v>10.6</v>
      </c>
      <c r="AA4976" s="5"/>
      <c r="AB4976" s="5" t="s">
        <v>43</v>
      </c>
      <c r="AC4976" s="5" t="s">
        <v>44</v>
      </c>
      <c r="AD4976" s="2"/>
      <c r="AE4976" s="1"/>
    </row>
    <row r="4977" spans="1:31" ht="14.45">
      <c r="A4977" s="11"/>
      <c r="B4977" s="20"/>
      <c r="C4977" s="2" t="s">
        <v>15393</v>
      </c>
      <c r="D4977" s="14" t="s">
        <v>15394</v>
      </c>
      <c r="E4977" s="2" t="s">
        <v>15395</v>
      </c>
      <c r="F4977" s="2" t="s">
        <v>14889</v>
      </c>
      <c r="G4977" s="8">
        <v>155</v>
      </c>
      <c r="H4977" s="5">
        <v>6</v>
      </c>
      <c r="I4977" s="5" t="s">
        <v>1518</v>
      </c>
      <c r="J4977" s="5" t="s">
        <v>1519</v>
      </c>
      <c r="K4977" s="2" t="s">
        <v>1520</v>
      </c>
      <c r="L4977" s="5" t="s">
        <v>1519</v>
      </c>
      <c r="M4977" s="2" t="s">
        <v>1520</v>
      </c>
      <c r="N4977" s="5" t="s">
        <v>1521</v>
      </c>
      <c r="O4977" s="5" t="s">
        <v>38</v>
      </c>
      <c r="P4977" s="5" t="s">
        <v>39</v>
      </c>
      <c r="Q4977" s="5" t="s">
        <v>40</v>
      </c>
      <c r="R4977" s="5" t="s">
        <v>1522</v>
      </c>
      <c r="S4977" s="5" t="s">
        <v>1523</v>
      </c>
      <c r="T4977" s="5" t="s">
        <v>42</v>
      </c>
      <c r="U4977" s="2">
        <v>2.2829999999999999</v>
      </c>
      <c r="V4977" s="2">
        <v>1.7569999999999999</v>
      </c>
      <c r="W4977" s="2">
        <v>1.4E-2</v>
      </c>
      <c r="X4977" s="2">
        <v>168.7</v>
      </c>
      <c r="Y4977" s="2">
        <v>7.6</v>
      </c>
      <c r="Z4977" s="2">
        <v>10.6</v>
      </c>
      <c r="AA4977" s="5"/>
      <c r="AB4977" s="5" t="s">
        <v>43</v>
      </c>
      <c r="AC4977" s="5" t="s">
        <v>44</v>
      </c>
      <c r="AD4977" s="2"/>
      <c r="AE4977" s="1"/>
    </row>
    <row r="4978" spans="1:31" ht="14.45">
      <c r="A4978" s="11"/>
      <c r="B4978" s="20"/>
      <c r="C4978" s="2" t="s">
        <v>15396</v>
      </c>
      <c r="D4978" s="14" t="s">
        <v>15397</v>
      </c>
      <c r="E4978" s="2" t="s">
        <v>15398</v>
      </c>
      <c r="F4978" s="2" t="s">
        <v>14893</v>
      </c>
      <c r="G4978" s="8">
        <v>155</v>
      </c>
      <c r="H4978" s="5">
        <v>6</v>
      </c>
      <c r="I4978" s="5" t="s">
        <v>1518</v>
      </c>
      <c r="J4978" s="5" t="s">
        <v>1519</v>
      </c>
      <c r="K4978" s="2" t="s">
        <v>1520</v>
      </c>
      <c r="L4978" s="5" t="s">
        <v>1519</v>
      </c>
      <c r="M4978" s="2" t="s">
        <v>1520</v>
      </c>
      <c r="N4978" s="5" t="s">
        <v>1521</v>
      </c>
      <c r="O4978" s="5" t="s">
        <v>38</v>
      </c>
      <c r="P4978" s="5" t="s">
        <v>39</v>
      </c>
      <c r="Q4978" s="5" t="s">
        <v>40</v>
      </c>
      <c r="R4978" s="5" t="s">
        <v>1522</v>
      </c>
      <c r="S4978" s="5" t="s">
        <v>1523</v>
      </c>
      <c r="T4978" s="5" t="s">
        <v>42</v>
      </c>
      <c r="U4978" s="2">
        <v>2.1880000000000002</v>
      </c>
      <c r="V4978" s="2">
        <v>1.6619999999999999</v>
      </c>
      <c r="W4978" s="2">
        <v>1.4E-2</v>
      </c>
      <c r="X4978" s="2">
        <v>168.7</v>
      </c>
      <c r="Y4978" s="2">
        <v>7.6</v>
      </c>
      <c r="Z4978" s="2">
        <v>10.6</v>
      </c>
      <c r="AA4978" s="5"/>
      <c r="AB4978" s="5" t="s">
        <v>43</v>
      </c>
      <c r="AC4978" s="5" t="s">
        <v>44</v>
      </c>
      <c r="AD4978" s="2"/>
      <c r="AE4978" s="1"/>
    </row>
    <row r="4979" spans="1:31" ht="14.45">
      <c r="A4979" s="11"/>
      <c r="B4979" s="20"/>
      <c r="C4979" s="2" t="s">
        <v>15399</v>
      </c>
      <c r="D4979" s="14" t="s">
        <v>15400</v>
      </c>
      <c r="E4979" s="2" t="s">
        <v>15401</v>
      </c>
      <c r="F4979" s="2" t="s">
        <v>14897</v>
      </c>
      <c r="G4979" s="8">
        <v>155</v>
      </c>
      <c r="H4979" s="5">
        <v>6</v>
      </c>
      <c r="I4979" s="5" t="s">
        <v>1518</v>
      </c>
      <c r="J4979" s="5" t="s">
        <v>1519</v>
      </c>
      <c r="K4979" s="2" t="s">
        <v>1520</v>
      </c>
      <c r="L4979" s="5" t="s">
        <v>1519</v>
      </c>
      <c r="M4979" s="2" t="s">
        <v>1520</v>
      </c>
      <c r="N4979" s="5" t="s">
        <v>1521</v>
      </c>
      <c r="O4979" s="5" t="s">
        <v>38</v>
      </c>
      <c r="P4979" s="5" t="s">
        <v>39</v>
      </c>
      <c r="Q4979" s="5" t="s">
        <v>40</v>
      </c>
      <c r="R4979" s="5" t="s">
        <v>1522</v>
      </c>
      <c r="S4979" s="5" t="s">
        <v>1523</v>
      </c>
      <c r="T4979" s="5" t="s">
        <v>42</v>
      </c>
      <c r="U4979" s="2">
        <v>2.242</v>
      </c>
      <c r="V4979" s="2">
        <v>1.716</v>
      </c>
      <c r="W4979" s="2">
        <v>1.4E-2</v>
      </c>
      <c r="X4979" s="2">
        <v>168.7</v>
      </c>
      <c r="Y4979" s="2">
        <v>7.6</v>
      </c>
      <c r="Z4979" s="2">
        <v>10.6</v>
      </c>
      <c r="AA4979" s="5"/>
      <c r="AB4979" s="5" t="s">
        <v>43</v>
      </c>
      <c r="AC4979" s="5" t="s">
        <v>44</v>
      </c>
      <c r="AD4979" s="2"/>
      <c r="AE4979" s="1"/>
    </row>
    <row r="4980" spans="1:31" ht="14.45">
      <c r="A4980" s="11"/>
      <c r="B4980" s="20"/>
      <c r="C4980" s="2" t="s">
        <v>15402</v>
      </c>
      <c r="D4980" s="14" t="s">
        <v>15403</v>
      </c>
      <c r="E4980" s="2" t="s">
        <v>15404</v>
      </c>
      <c r="F4980" s="2" t="s">
        <v>14869</v>
      </c>
      <c r="G4980" s="8">
        <v>140</v>
      </c>
      <c r="H4980" s="5">
        <v>6</v>
      </c>
      <c r="I4980" s="5" t="s">
        <v>1518</v>
      </c>
      <c r="J4980" s="5" t="s">
        <v>1519</v>
      </c>
      <c r="K4980" s="2" t="s">
        <v>1520</v>
      </c>
      <c r="L4980" s="5" t="s">
        <v>1519</v>
      </c>
      <c r="M4980" s="2" t="s">
        <v>1520</v>
      </c>
      <c r="N4980" s="5" t="s">
        <v>1521</v>
      </c>
      <c r="O4980" s="5" t="s">
        <v>38</v>
      </c>
      <c r="P4980" s="5" t="s">
        <v>39</v>
      </c>
      <c r="Q4980" s="5" t="s">
        <v>40</v>
      </c>
      <c r="R4980" s="5" t="s">
        <v>1522</v>
      </c>
      <c r="S4980" s="5" t="s">
        <v>1523</v>
      </c>
      <c r="T4980" s="5" t="s">
        <v>42</v>
      </c>
      <c r="U4980" s="2">
        <v>1.7030000000000001</v>
      </c>
      <c r="V4980" s="2">
        <v>1.3660000000000001</v>
      </c>
      <c r="W4980" s="2">
        <v>8.9999999999999993E-3</v>
      </c>
      <c r="X4980" s="2">
        <v>106.5</v>
      </c>
      <c r="Y4980" s="2">
        <v>7.6</v>
      </c>
      <c r="Z4980" s="2">
        <v>10.6</v>
      </c>
      <c r="AA4980" s="5"/>
      <c r="AB4980" s="5" t="s">
        <v>43</v>
      </c>
      <c r="AC4980" s="5" t="s">
        <v>44</v>
      </c>
      <c r="AD4980" s="2"/>
      <c r="AE4980" s="1"/>
    </row>
    <row r="4981" spans="1:31" ht="14.45">
      <c r="A4981" s="11"/>
      <c r="B4981" s="20"/>
      <c r="C4981" s="2" t="s">
        <v>15405</v>
      </c>
      <c r="D4981" s="14" t="s">
        <v>15406</v>
      </c>
      <c r="E4981" s="2" t="s">
        <v>15407</v>
      </c>
      <c r="F4981" s="2" t="s">
        <v>14873</v>
      </c>
      <c r="G4981" s="8">
        <v>140</v>
      </c>
      <c r="H4981" s="5">
        <v>6</v>
      </c>
      <c r="I4981" s="5" t="s">
        <v>1518</v>
      </c>
      <c r="J4981" s="5" t="s">
        <v>1519</v>
      </c>
      <c r="K4981" s="2" t="s">
        <v>1520</v>
      </c>
      <c r="L4981" s="5" t="s">
        <v>1519</v>
      </c>
      <c r="M4981" s="2" t="s">
        <v>1520</v>
      </c>
      <c r="N4981" s="5" t="s">
        <v>1521</v>
      </c>
      <c r="O4981" s="5" t="s">
        <v>38</v>
      </c>
      <c r="P4981" s="5" t="s">
        <v>39</v>
      </c>
      <c r="Q4981" s="5" t="s">
        <v>40</v>
      </c>
      <c r="R4981" s="5" t="s">
        <v>1522</v>
      </c>
      <c r="S4981" s="5" t="s">
        <v>1523</v>
      </c>
      <c r="T4981" s="5" t="s">
        <v>42</v>
      </c>
      <c r="U4981" s="2">
        <v>1.742</v>
      </c>
      <c r="V4981" s="2">
        <v>1.405</v>
      </c>
      <c r="W4981" s="2">
        <v>8.9999999999999993E-3</v>
      </c>
      <c r="X4981" s="2">
        <v>106.5</v>
      </c>
      <c r="Y4981" s="2">
        <v>7.6</v>
      </c>
      <c r="Z4981" s="2">
        <v>10.6</v>
      </c>
      <c r="AA4981" s="5"/>
      <c r="AB4981" s="5" t="s">
        <v>43</v>
      </c>
      <c r="AC4981" s="5" t="s">
        <v>44</v>
      </c>
      <c r="AD4981" s="2"/>
      <c r="AE4981" s="1"/>
    </row>
    <row r="4982" spans="1:31" ht="14.45">
      <c r="A4982" s="11"/>
      <c r="B4982" s="20"/>
      <c r="C4982" s="2" t="s">
        <v>15408</v>
      </c>
      <c r="D4982" s="14" t="s">
        <v>15409</v>
      </c>
      <c r="E4982" s="2" t="s">
        <v>15410</v>
      </c>
      <c r="F4982" s="2" t="s">
        <v>14877</v>
      </c>
      <c r="G4982" s="8">
        <v>140</v>
      </c>
      <c r="H4982" s="5">
        <v>6</v>
      </c>
      <c r="I4982" s="5" t="s">
        <v>1518</v>
      </c>
      <c r="J4982" s="5" t="s">
        <v>1519</v>
      </c>
      <c r="K4982" s="2" t="s">
        <v>1520</v>
      </c>
      <c r="L4982" s="5" t="s">
        <v>1519</v>
      </c>
      <c r="M4982" s="2" t="s">
        <v>1520</v>
      </c>
      <c r="N4982" s="5" t="s">
        <v>1521</v>
      </c>
      <c r="O4982" s="5" t="s">
        <v>38</v>
      </c>
      <c r="P4982" s="5" t="s">
        <v>39</v>
      </c>
      <c r="Q4982" s="5" t="s">
        <v>40</v>
      </c>
      <c r="R4982" s="5" t="s">
        <v>1522</v>
      </c>
      <c r="S4982" s="5" t="s">
        <v>1523</v>
      </c>
      <c r="T4982" s="5" t="s">
        <v>42</v>
      </c>
      <c r="U4982" s="2">
        <v>1.7290000000000001</v>
      </c>
      <c r="V4982" s="2">
        <v>1.3919999999999999</v>
      </c>
      <c r="W4982" s="2">
        <v>8.9999999999999993E-3</v>
      </c>
      <c r="X4982" s="2">
        <v>106.5</v>
      </c>
      <c r="Y4982" s="2">
        <v>7.6</v>
      </c>
      <c r="Z4982" s="2">
        <v>10.6</v>
      </c>
      <c r="AA4982" s="5"/>
      <c r="AB4982" s="5" t="s">
        <v>43</v>
      </c>
      <c r="AC4982" s="5" t="s">
        <v>44</v>
      </c>
      <c r="AD4982" s="2"/>
      <c r="AE4982" s="1"/>
    </row>
    <row r="4983" spans="1:31" ht="14.45">
      <c r="A4983" s="11"/>
      <c r="B4983" s="20"/>
      <c r="C4983" s="2" t="s">
        <v>15411</v>
      </c>
      <c r="D4983" s="14" t="s">
        <v>15412</v>
      </c>
      <c r="E4983" s="2" t="s">
        <v>15413</v>
      </c>
      <c r="F4983" s="2" t="s">
        <v>14881</v>
      </c>
      <c r="G4983" s="8">
        <v>140</v>
      </c>
      <c r="H4983" s="5">
        <v>6</v>
      </c>
      <c r="I4983" s="5" t="s">
        <v>1518</v>
      </c>
      <c r="J4983" s="5" t="s">
        <v>1519</v>
      </c>
      <c r="K4983" s="2" t="s">
        <v>1520</v>
      </c>
      <c r="L4983" s="5" t="s">
        <v>1519</v>
      </c>
      <c r="M4983" s="2" t="s">
        <v>1520</v>
      </c>
      <c r="N4983" s="5" t="s">
        <v>1521</v>
      </c>
      <c r="O4983" s="5" t="s">
        <v>38</v>
      </c>
      <c r="P4983" s="5" t="s">
        <v>39</v>
      </c>
      <c r="Q4983" s="5" t="s">
        <v>40</v>
      </c>
      <c r="R4983" s="5" t="s">
        <v>1522</v>
      </c>
      <c r="S4983" s="5" t="s">
        <v>1523</v>
      </c>
      <c r="T4983" s="5" t="s">
        <v>42</v>
      </c>
      <c r="U4983" s="2">
        <v>1.768</v>
      </c>
      <c r="V4983" s="2">
        <v>1.431</v>
      </c>
      <c r="W4983" s="2">
        <v>8.9999999999999993E-3</v>
      </c>
      <c r="X4983" s="2">
        <v>106.5</v>
      </c>
      <c r="Y4983" s="2">
        <v>7.6</v>
      </c>
      <c r="Z4983" s="2">
        <v>10.6</v>
      </c>
      <c r="AA4983" s="5"/>
      <c r="AB4983" s="5" t="s">
        <v>43</v>
      </c>
      <c r="AC4983" s="5" t="s">
        <v>44</v>
      </c>
      <c r="AD4983" s="2"/>
      <c r="AE4983" s="1"/>
    </row>
    <row r="4984" spans="1:31" ht="14.45">
      <c r="A4984" s="11"/>
      <c r="B4984" s="20"/>
      <c r="C4984" s="2" t="s">
        <v>15414</v>
      </c>
      <c r="D4984" s="14" t="s">
        <v>15415</v>
      </c>
      <c r="E4984" s="2" t="s">
        <v>15416</v>
      </c>
      <c r="F4984" s="2" t="s">
        <v>14885</v>
      </c>
      <c r="G4984" s="8">
        <v>140</v>
      </c>
      <c r="H4984" s="5">
        <v>6</v>
      </c>
      <c r="I4984" s="5" t="s">
        <v>1518</v>
      </c>
      <c r="J4984" s="5" t="s">
        <v>1519</v>
      </c>
      <c r="K4984" s="2" t="s">
        <v>1520</v>
      </c>
      <c r="L4984" s="5" t="s">
        <v>1519</v>
      </c>
      <c r="M4984" s="2" t="s">
        <v>1520</v>
      </c>
      <c r="N4984" s="5" t="s">
        <v>1521</v>
      </c>
      <c r="O4984" s="5" t="s">
        <v>38</v>
      </c>
      <c r="P4984" s="5" t="s">
        <v>39</v>
      </c>
      <c r="Q4984" s="5" t="s">
        <v>40</v>
      </c>
      <c r="R4984" s="5" t="s">
        <v>1522</v>
      </c>
      <c r="S4984" s="5" t="s">
        <v>1523</v>
      </c>
      <c r="T4984" s="5" t="s">
        <v>42</v>
      </c>
      <c r="U4984" s="2">
        <v>1.7290000000000001</v>
      </c>
      <c r="V4984" s="2">
        <v>1.3919999999999999</v>
      </c>
      <c r="W4984" s="2">
        <v>8.9999999999999993E-3</v>
      </c>
      <c r="X4984" s="2">
        <v>106.5</v>
      </c>
      <c r="Y4984" s="2">
        <v>7.6</v>
      </c>
      <c r="Z4984" s="2">
        <v>10.6</v>
      </c>
      <c r="AA4984" s="5"/>
      <c r="AB4984" s="5" t="s">
        <v>43</v>
      </c>
      <c r="AC4984" s="5" t="s">
        <v>44</v>
      </c>
      <c r="AD4984" s="2"/>
      <c r="AE4984" s="1"/>
    </row>
    <row r="4985" spans="1:31" ht="14.45">
      <c r="A4985" s="11"/>
      <c r="B4985" s="20"/>
      <c r="C4985" s="2" t="s">
        <v>15417</v>
      </c>
      <c r="D4985" s="14" t="s">
        <v>15418</v>
      </c>
      <c r="E4985" s="2" t="s">
        <v>15419</v>
      </c>
      <c r="F4985" s="2" t="s">
        <v>14889</v>
      </c>
      <c r="G4985" s="8">
        <v>140</v>
      </c>
      <c r="H4985" s="5">
        <v>6</v>
      </c>
      <c r="I4985" s="5" t="s">
        <v>1518</v>
      </c>
      <c r="J4985" s="5" t="s">
        <v>1519</v>
      </c>
      <c r="K4985" s="2" t="s">
        <v>1520</v>
      </c>
      <c r="L4985" s="5" t="s">
        <v>1519</v>
      </c>
      <c r="M4985" s="2" t="s">
        <v>1520</v>
      </c>
      <c r="N4985" s="5" t="s">
        <v>1521</v>
      </c>
      <c r="O4985" s="5" t="s">
        <v>38</v>
      </c>
      <c r="P4985" s="5" t="s">
        <v>39</v>
      </c>
      <c r="Q4985" s="5" t="s">
        <v>40</v>
      </c>
      <c r="R4985" s="5" t="s">
        <v>1522</v>
      </c>
      <c r="S4985" s="5" t="s">
        <v>1523</v>
      </c>
      <c r="T4985" s="5" t="s">
        <v>42</v>
      </c>
      <c r="U4985" s="2">
        <v>1.768</v>
      </c>
      <c r="V4985" s="2">
        <v>1.431</v>
      </c>
      <c r="W4985" s="2">
        <v>8.9999999999999993E-3</v>
      </c>
      <c r="X4985" s="2">
        <v>106.5</v>
      </c>
      <c r="Y4985" s="2">
        <v>7.6</v>
      </c>
      <c r="Z4985" s="2">
        <v>10.6</v>
      </c>
      <c r="AA4985" s="5"/>
      <c r="AB4985" s="5" t="s">
        <v>43</v>
      </c>
      <c r="AC4985" s="5" t="s">
        <v>44</v>
      </c>
      <c r="AD4985" s="2"/>
      <c r="AE4985" s="1"/>
    </row>
    <row r="4986" spans="1:31" ht="14.45">
      <c r="A4986" s="11"/>
      <c r="B4986" s="20"/>
      <c r="C4986" s="2" t="s">
        <v>15420</v>
      </c>
      <c r="D4986" s="14" t="s">
        <v>15421</v>
      </c>
      <c r="E4986" s="2" t="s">
        <v>15422</v>
      </c>
      <c r="F4986" s="2" t="s">
        <v>14893</v>
      </c>
      <c r="G4986" s="8">
        <v>140</v>
      </c>
      <c r="H4986" s="5">
        <v>6</v>
      </c>
      <c r="I4986" s="5" t="s">
        <v>1518</v>
      </c>
      <c r="J4986" s="5" t="s">
        <v>1519</v>
      </c>
      <c r="K4986" s="2" t="s">
        <v>1520</v>
      </c>
      <c r="L4986" s="5" t="s">
        <v>1519</v>
      </c>
      <c r="M4986" s="2" t="s">
        <v>1520</v>
      </c>
      <c r="N4986" s="5" t="s">
        <v>1521</v>
      </c>
      <c r="O4986" s="5" t="s">
        <v>38</v>
      </c>
      <c r="P4986" s="5" t="s">
        <v>39</v>
      </c>
      <c r="Q4986" s="5" t="s">
        <v>40</v>
      </c>
      <c r="R4986" s="5" t="s">
        <v>1522</v>
      </c>
      <c r="S4986" s="5" t="s">
        <v>1523</v>
      </c>
      <c r="T4986" s="5" t="s">
        <v>42</v>
      </c>
      <c r="U4986" s="2">
        <v>1.7030000000000001</v>
      </c>
      <c r="V4986" s="2">
        <v>1.3660000000000001</v>
      </c>
      <c r="W4986" s="2">
        <v>8.9999999999999993E-3</v>
      </c>
      <c r="X4986" s="2">
        <v>106.5</v>
      </c>
      <c r="Y4986" s="2">
        <v>7.6</v>
      </c>
      <c r="Z4986" s="2">
        <v>10.6</v>
      </c>
      <c r="AA4986" s="5"/>
      <c r="AB4986" s="5" t="s">
        <v>43</v>
      </c>
      <c r="AC4986" s="5" t="s">
        <v>44</v>
      </c>
      <c r="AD4986" s="2"/>
      <c r="AE4986" s="1"/>
    </row>
    <row r="4987" spans="1:31" ht="14.45">
      <c r="A4987" s="11"/>
      <c r="B4987" s="20"/>
      <c r="C4987" s="2" t="s">
        <v>15423</v>
      </c>
      <c r="D4987" s="14" t="s">
        <v>15424</v>
      </c>
      <c r="E4987" s="2" t="s">
        <v>15425</v>
      </c>
      <c r="F4987" s="2" t="s">
        <v>14897</v>
      </c>
      <c r="G4987" s="8">
        <v>140</v>
      </c>
      <c r="H4987" s="5">
        <v>6</v>
      </c>
      <c r="I4987" s="5" t="s">
        <v>1518</v>
      </c>
      <c r="J4987" s="5" t="s">
        <v>1519</v>
      </c>
      <c r="K4987" s="2" t="s">
        <v>1520</v>
      </c>
      <c r="L4987" s="5" t="s">
        <v>1519</v>
      </c>
      <c r="M4987" s="2" t="s">
        <v>1520</v>
      </c>
      <c r="N4987" s="5" t="s">
        <v>1521</v>
      </c>
      <c r="O4987" s="5" t="s">
        <v>38</v>
      </c>
      <c r="P4987" s="5" t="s">
        <v>39</v>
      </c>
      <c r="Q4987" s="5" t="s">
        <v>40</v>
      </c>
      <c r="R4987" s="5" t="s">
        <v>1522</v>
      </c>
      <c r="S4987" s="5" t="s">
        <v>1523</v>
      </c>
      <c r="T4987" s="5" t="s">
        <v>42</v>
      </c>
      <c r="U4987" s="2">
        <v>1.742</v>
      </c>
      <c r="V4987" s="2">
        <v>1.405</v>
      </c>
      <c r="W4987" s="2">
        <v>8.9999999999999993E-3</v>
      </c>
      <c r="X4987" s="2">
        <v>106.5</v>
      </c>
      <c r="Y4987" s="2">
        <v>7.6</v>
      </c>
      <c r="Z4987" s="2">
        <v>10.6</v>
      </c>
      <c r="AA4987" s="5"/>
      <c r="AB4987" s="5" t="s">
        <v>43</v>
      </c>
      <c r="AC4987" s="5" t="s">
        <v>44</v>
      </c>
      <c r="AD4987" s="2"/>
      <c r="AE4987" s="1"/>
    </row>
    <row r="4988" spans="1:31" ht="14.45">
      <c r="A4988" s="11"/>
      <c r="B4988" s="20"/>
      <c r="C4988" s="2" t="s">
        <v>15426</v>
      </c>
      <c r="D4988" s="14" t="s">
        <v>15427</v>
      </c>
      <c r="E4988" s="2" t="s">
        <v>15428</v>
      </c>
      <c r="F4988" s="2" t="s">
        <v>14869</v>
      </c>
      <c r="G4988" s="8">
        <v>140</v>
      </c>
      <c r="H4988" s="5">
        <v>6</v>
      </c>
      <c r="I4988" s="5" t="s">
        <v>1518</v>
      </c>
      <c r="J4988" s="5" t="s">
        <v>1519</v>
      </c>
      <c r="K4988" s="2" t="s">
        <v>1520</v>
      </c>
      <c r="L4988" s="5" t="s">
        <v>1519</v>
      </c>
      <c r="M4988" s="2" t="s">
        <v>1520</v>
      </c>
      <c r="N4988" s="5" t="s">
        <v>1521</v>
      </c>
      <c r="O4988" s="5" t="s">
        <v>38</v>
      </c>
      <c r="P4988" s="5" t="s">
        <v>39</v>
      </c>
      <c r="Q4988" s="5" t="s">
        <v>40</v>
      </c>
      <c r="R4988" s="5" t="s">
        <v>1522</v>
      </c>
      <c r="S4988" s="5" t="s">
        <v>1523</v>
      </c>
      <c r="T4988" s="5" t="s">
        <v>42</v>
      </c>
      <c r="U4988" s="2">
        <v>1.823</v>
      </c>
      <c r="V4988" s="2">
        <v>1.486</v>
      </c>
      <c r="W4988" s="2">
        <v>8.9999999999999993E-3</v>
      </c>
      <c r="X4988" s="2">
        <v>106.5</v>
      </c>
      <c r="Y4988" s="2">
        <v>7.6</v>
      </c>
      <c r="Z4988" s="2">
        <v>10.6</v>
      </c>
      <c r="AA4988" s="5"/>
      <c r="AB4988" s="5" t="s">
        <v>43</v>
      </c>
      <c r="AC4988" s="5" t="s">
        <v>44</v>
      </c>
      <c r="AD4988" s="2"/>
      <c r="AE4988" s="1"/>
    </row>
    <row r="4989" spans="1:31" ht="14.45">
      <c r="A4989" s="11"/>
      <c r="B4989" s="20"/>
      <c r="C4989" s="2" t="s">
        <v>15429</v>
      </c>
      <c r="D4989" s="14" t="s">
        <v>15430</v>
      </c>
      <c r="E4989" s="2" t="s">
        <v>15431</v>
      </c>
      <c r="F4989" s="2" t="s">
        <v>14873</v>
      </c>
      <c r="G4989" s="8">
        <v>140</v>
      </c>
      <c r="H4989" s="5">
        <v>6</v>
      </c>
      <c r="I4989" s="5" t="s">
        <v>1518</v>
      </c>
      <c r="J4989" s="5" t="s">
        <v>1519</v>
      </c>
      <c r="K4989" s="2" t="s">
        <v>1520</v>
      </c>
      <c r="L4989" s="5" t="s">
        <v>1519</v>
      </c>
      <c r="M4989" s="2" t="s">
        <v>1520</v>
      </c>
      <c r="N4989" s="5" t="s">
        <v>1521</v>
      </c>
      <c r="O4989" s="5" t="s">
        <v>38</v>
      </c>
      <c r="P4989" s="5" t="s">
        <v>39</v>
      </c>
      <c r="Q4989" s="5" t="s">
        <v>40</v>
      </c>
      <c r="R4989" s="5" t="s">
        <v>1522</v>
      </c>
      <c r="S4989" s="5" t="s">
        <v>1523</v>
      </c>
      <c r="T4989" s="5" t="s">
        <v>42</v>
      </c>
      <c r="U4989" s="2">
        <v>1.867</v>
      </c>
      <c r="V4989" s="2">
        <v>1.53</v>
      </c>
      <c r="W4989" s="2">
        <v>8.9999999999999993E-3</v>
      </c>
      <c r="X4989" s="2">
        <v>106.5</v>
      </c>
      <c r="Y4989" s="2">
        <v>7.6</v>
      </c>
      <c r="Z4989" s="2">
        <v>10.6</v>
      </c>
      <c r="AA4989" s="5"/>
      <c r="AB4989" s="5" t="s">
        <v>43</v>
      </c>
      <c r="AC4989" s="5" t="s">
        <v>44</v>
      </c>
      <c r="AD4989" s="2"/>
      <c r="AE4989" s="1"/>
    </row>
    <row r="4990" spans="1:31" ht="14.45">
      <c r="A4990" s="11"/>
      <c r="B4990" s="20"/>
      <c r="C4990" s="2" t="s">
        <v>15432</v>
      </c>
      <c r="D4990" s="14" t="s">
        <v>15433</v>
      </c>
      <c r="E4990" s="2" t="s">
        <v>15434</v>
      </c>
      <c r="F4990" s="2" t="s">
        <v>14877</v>
      </c>
      <c r="G4990" s="8">
        <v>140</v>
      </c>
      <c r="H4990" s="5">
        <v>6</v>
      </c>
      <c r="I4990" s="5" t="s">
        <v>1518</v>
      </c>
      <c r="J4990" s="5" t="s">
        <v>1519</v>
      </c>
      <c r="K4990" s="2" t="s">
        <v>1520</v>
      </c>
      <c r="L4990" s="5" t="s">
        <v>1519</v>
      </c>
      <c r="M4990" s="2" t="s">
        <v>1520</v>
      </c>
      <c r="N4990" s="5" t="s">
        <v>1521</v>
      </c>
      <c r="O4990" s="5" t="s">
        <v>38</v>
      </c>
      <c r="P4990" s="5" t="s">
        <v>39</v>
      </c>
      <c r="Q4990" s="5" t="s">
        <v>40</v>
      </c>
      <c r="R4990" s="5" t="s">
        <v>1522</v>
      </c>
      <c r="S4990" s="5" t="s">
        <v>1523</v>
      </c>
      <c r="T4990" s="5" t="s">
        <v>42</v>
      </c>
      <c r="U4990" s="2">
        <v>1.8540000000000001</v>
      </c>
      <c r="V4990" s="2">
        <v>1.5169999999999999</v>
      </c>
      <c r="W4990" s="2">
        <v>8.9999999999999993E-3</v>
      </c>
      <c r="X4990" s="2">
        <v>106.5</v>
      </c>
      <c r="Y4990" s="2">
        <v>7.6</v>
      </c>
      <c r="Z4990" s="2">
        <v>10.6</v>
      </c>
      <c r="AA4990" s="5"/>
      <c r="AB4990" s="5" t="s">
        <v>43</v>
      </c>
      <c r="AC4990" s="5" t="s">
        <v>44</v>
      </c>
      <c r="AD4990" s="2"/>
      <c r="AE4990" s="1"/>
    </row>
    <row r="4991" spans="1:31" ht="14.45">
      <c r="A4991" s="11"/>
      <c r="B4991" s="20"/>
      <c r="C4991" s="2" t="s">
        <v>15435</v>
      </c>
      <c r="D4991" s="14" t="s">
        <v>15436</v>
      </c>
      <c r="E4991" s="2" t="s">
        <v>15437</v>
      </c>
      <c r="F4991" s="2" t="s">
        <v>14881</v>
      </c>
      <c r="G4991" s="8">
        <v>140</v>
      </c>
      <c r="H4991" s="5">
        <v>6</v>
      </c>
      <c r="I4991" s="5" t="s">
        <v>1518</v>
      </c>
      <c r="J4991" s="5" t="s">
        <v>1519</v>
      </c>
      <c r="K4991" s="2" t="s">
        <v>1520</v>
      </c>
      <c r="L4991" s="5" t="s">
        <v>1519</v>
      </c>
      <c r="M4991" s="2" t="s">
        <v>1520</v>
      </c>
      <c r="N4991" s="5" t="s">
        <v>1521</v>
      </c>
      <c r="O4991" s="5" t="s">
        <v>38</v>
      </c>
      <c r="P4991" s="5" t="s">
        <v>39</v>
      </c>
      <c r="Q4991" s="5" t="s">
        <v>40</v>
      </c>
      <c r="R4991" s="5" t="s">
        <v>1522</v>
      </c>
      <c r="S4991" s="5" t="s">
        <v>1523</v>
      </c>
      <c r="T4991" s="5" t="s">
        <v>42</v>
      </c>
      <c r="U4991" s="2">
        <v>1.8979999999999999</v>
      </c>
      <c r="V4991" s="2">
        <v>1.5609999999999999</v>
      </c>
      <c r="W4991" s="2">
        <v>8.9999999999999993E-3</v>
      </c>
      <c r="X4991" s="2">
        <v>106.5</v>
      </c>
      <c r="Y4991" s="2">
        <v>7.6</v>
      </c>
      <c r="Z4991" s="2">
        <v>10.6</v>
      </c>
      <c r="AA4991" s="5"/>
      <c r="AB4991" s="5" t="s">
        <v>43</v>
      </c>
      <c r="AC4991" s="5" t="s">
        <v>44</v>
      </c>
      <c r="AD4991" s="2"/>
      <c r="AE4991" s="1"/>
    </row>
    <row r="4992" spans="1:31" ht="14.45">
      <c r="A4992" s="11"/>
      <c r="B4992" s="20"/>
      <c r="C4992" s="2" t="s">
        <v>15438</v>
      </c>
      <c r="D4992" s="14" t="s">
        <v>15439</v>
      </c>
      <c r="E4992" s="2" t="s">
        <v>15440</v>
      </c>
      <c r="F4992" s="2" t="s">
        <v>14885</v>
      </c>
      <c r="G4992" s="8">
        <v>140</v>
      </c>
      <c r="H4992" s="5">
        <v>6</v>
      </c>
      <c r="I4992" s="5" t="s">
        <v>1518</v>
      </c>
      <c r="J4992" s="5" t="s">
        <v>1519</v>
      </c>
      <c r="K4992" s="2" t="s">
        <v>1520</v>
      </c>
      <c r="L4992" s="5" t="s">
        <v>1519</v>
      </c>
      <c r="M4992" s="2" t="s">
        <v>1520</v>
      </c>
      <c r="N4992" s="5" t="s">
        <v>1521</v>
      </c>
      <c r="O4992" s="5" t="s">
        <v>38</v>
      </c>
      <c r="P4992" s="5" t="s">
        <v>39</v>
      </c>
      <c r="Q4992" s="5" t="s">
        <v>40</v>
      </c>
      <c r="R4992" s="5" t="s">
        <v>1522</v>
      </c>
      <c r="S4992" s="5" t="s">
        <v>1523</v>
      </c>
      <c r="T4992" s="5" t="s">
        <v>42</v>
      </c>
      <c r="U4992" s="2">
        <v>1.8540000000000001</v>
      </c>
      <c r="V4992" s="2">
        <v>1.5169999999999999</v>
      </c>
      <c r="W4992" s="2">
        <v>8.9999999999999993E-3</v>
      </c>
      <c r="X4992" s="2">
        <v>106.5</v>
      </c>
      <c r="Y4992" s="2">
        <v>7.6</v>
      </c>
      <c r="Z4992" s="2">
        <v>10.6</v>
      </c>
      <c r="AA4992" s="5"/>
      <c r="AB4992" s="5" t="s">
        <v>43</v>
      </c>
      <c r="AC4992" s="5" t="s">
        <v>44</v>
      </c>
      <c r="AD4992" s="2"/>
      <c r="AE4992" s="1"/>
    </row>
    <row r="4993" spans="1:31" ht="14.45">
      <c r="A4993" s="11"/>
      <c r="B4993" s="20"/>
      <c r="C4993" s="2" t="s">
        <v>15441</v>
      </c>
      <c r="D4993" s="14" t="s">
        <v>15442</v>
      </c>
      <c r="E4993" s="2" t="s">
        <v>15443</v>
      </c>
      <c r="F4993" s="2" t="s">
        <v>14889</v>
      </c>
      <c r="G4993" s="8">
        <v>140</v>
      </c>
      <c r="H4993" s="5">
        <v>6</v>
      </c>
      <c r="I4993" s="5" t="s">
        <v>1518</v>
      </c>
      <c r="J4993" s="5" t="s">
        <v>1519</v>
      </c>
      <c r="K4993" s="2" t="s">
        <v>1520</v>
      </c>
      <c r="L4993" s="5" t="s">
        <v>1519</v>
      </c>
      <c r="M4993" s="2" t="s">
        <v>1520</v>
      </c>
      <c r="N4993" s="5" t="s">
        <v>1521</v>
      </c>
      <c r="O4993" s="5" t="s">
        <v>38</v>
      </c>
      <c r="P4993" s="5" t="s">
        <v>39</v>
      </c>
      <c r="Q4993" s="5" t="s">
        <v>40</v>
      </c>
      <c r="R4993" s="5" t="s">
        <v>1522</v>
      </c>
      <c r="S4993" s="5" t="s">
        <v>1523</v>
      </c>
      <c r="T4993" s="5" t="s">
        <v>42</v>
      </c>
      <c r="U4993" s="2">
        <v>1.8979999999999999</v>
      </c>
      <c r="V4993" s="2">
        <v>1.5609999999999999</v>
      </c>
      <c r="W4993" s="2">
        <v>8.9999999999999993E-3</v>
      </c>
      <c r="X4993" s="2">
        <v>106.5</v>
      </c>
      <c r="Y4993" s="2">
        <v>7.6</v>
      </c>
      <c r="Z4993" s="2">
        <v>10.6</v>
      </c>
      <c r="AA4993" s="5"/>
      <c r="AB4993" s="5" t="s">
        <v>43</v>
      </c>
      <c r="AC4993" s="5" t="s">
        <v>44</v>
      </c>
      <c r="AD4993" s="2"/>
      <c r="AE4993" s="1"/>
    </row>
    <row r="4994" spans="1:31" ht="14.45">
      <c r="A4994" s="11"/>
      <c r="B4994" s="20"/>
      <c r="C4994" s="2" t="s">
        <v>15444</v>
      </c>
      <c r="D4994" s="14" t="s">
        <v>15445</v>
      </c>
      <c r="E4994" s="2" t="s">
        <v>15446</v>
      </c>
      <c r="F4994" s="2" t="s">
        <v>14893</v>
      </c>
      <c r="G4994" s="8">
        <v>140</v>
      </c>
      <c r="H4994" s="5">
        <v>6</v>
      </c>
      <c r="I4994" s="5" t="s">
        <v>1518</v>
      </c>
      <c r="J4994" s="5" t="s">
        <v>1519</v>
      </c>
      <c r="K4994" s="2" t="s">
        <v>1520</v>
      </c>
      <c r="L4994" s="5" t="s">
        <v>1519</v>
      </c>
      <c r="M4994" s="2" t="s">
        <v>1520</v>
      </c>
      <c r="N4994" s="5" t="s">
        <v>1521</v>
      </c>
      <c r="O4994" s="5" t="s">
        <v>38</v>
      </c>
      <c r="P4994" s="5" t="s">
        <v>39</v>
      </c>
      <c r="Q4994" s="5" t="s">
        <v>40</v>
      </c>
      <c r="R4994" s="5" t="s">
        <v>1522</v>
      </c>
      <c r="S4994" s="5" t="s">
        <v>1523</v>
      </c>
      <c r="T4994" s="5" t="s">
        <v>42</v>
      </c>
      <c r="U4994" s="2">
        <v>1.823</v>
      </c>
      <c r="V4994" s="2">
        <v>1.486</v>
      </c>
      <c r="W4994" s="2">
        <v>8.9999999999999993E-3</v>
      </c>
      <c r="X4994" s="2">
        <v>106.5</v>
      </c>
      <c r="Y4994" s="2">
        <v>7.6</v>
      </c>
      <c r="Z4994" s="2">
        <v>10.6</v>
      </c>
      <c r="AA4994" s="5"/>
      <c r="AB4994" s="5" t="s">
        <v>43</v>
      </c>
      <c r="AC4994" s="5" t="s">
        <v>44</v>
      </c>
      <c r="AD4994" s="2"/>
      <c r="AE4994" s="1"/>
    </row>
    <row r="4995" spans="1:31" ht="14.45">
      <c r="A4995" s="11"/>
      <c r="B4995" s="20"/>
      <c r="C4995" s="2" t="s">
        <v>15447</v>
      </c>
      <c r="D4995" s="14" t="s">
        <v>15448</v>
      </c>
      <c r="E4995" s="2" t="s">
        <v>15449</v>
      </c>
      <c r="F4995" s="2" t="s">
        <v>14897</v>
      </c>
      <c r="G4995" s="8">
        <v>140</v>
      </c>
      <c r="H4995" s="5">
        <v>6</v>
      </c>
      <c r="I4995" s="5" t="s">
        <v>1518</v>
      </c>
      <c r="J4995" s="5" t="s">
        <v>1519</v>
      </c>
      <c r="K4995" s="2" t="s">
        <v>1520</v>
      </c>
      <c r="L4995" s="5" t="s">
        <v>1519</v>
      </c>
      <c r="M4995" s="2" t="s">
        <v>1520</v>
      </c>
      <c r="N4995" s="5" t="s">
        <v>1521</v>
      </c>
      <c r="O4995" s="5" t="s">
        <v>38</v>
      </c>
      <c r="P4995" s="5" t="s">
        <v>39</v>
      </c>
      <c r="Q4995" s="5" t="s">
        <v>40</v>
      </c>
      <c r="R4995" s="5" t="s">
        <v>1522</v>
      </c>
      <c r="S4995" s="5" t="s">
        <v>1523</v>
      </c>
      <c r="T4995" s="5" t="s">
        <v>42</v>
      </c>
      <c r="U4995" s="2">
        <v>1.867</v>
      </c>
      <c r="V4995" s="2">
        <v>1.53</v>
      </c>
      <c r="W4995" s="2">
        <v>8.9999999999999993E-3</v>
      </c>
      <c r="X4995" s="2">
        <v>106.5</v>
      </c>
      <c r="Y4995" s="2">
        <v>7.6</v>
      </c>
      <c r="Z4995" s="2">
        <v>10.6</v>
      </c>
      <c r="AA4995" s="5"/>
      <c r="AB4995" s="5" t="s">
        <v>43</v>
      </c>
      <c r="AC4995" s="5" t="s">
        <v>44</v>
      </c>
      <c r="AD4995" s="2"/>
      <c r="AE4995" s="1"/>
    </row>
    <row r="4996" spans="1:31" ht="14.45">
      <c r="A4996" s="11"/>
      <c r="B4996" s="20"/>
      <c r="C4996" s="2" t="s">
        <v>15450</v>
      </c>
      <c r="D4996" s="14" t="s">
        <v>15451</v>
      </c>
      <c r="E4996" s="2" t="s">
        <v>15452</v>
      </c>
      <c r="F4996" s="2" t="s">
        <v>14869</v>
      </c>
      <c r="G4996" s="8">
        <v>151</v>
      </c>
      <c r="H4996" s="5">
        <v>6</v>
      </c>
      <c r="I4996" s="5" t="s">
        <v>1518</v>
      </c>
      <c r="J4996" s="5" t="s">
        <v>1519</v>
      </c>
      <c r="K4996" s="2" t="s">
        <v>1520</v>
      </c>
      <c r="L4996" s="5" t="s">
        <v>1519</v>
      </c>
      <c r="M4996" s="2" t="s">
        <v>1520</v>
      </c>
      <c r="N4996" s="5" t="s">
        <v>1521</v>
      </c>
      <c r="O4996" s="5" t="s">
        <v>38</v>
      </c>
      <c r="P4996" s="5" t="s">
        <v>39</v>
      </c>
      <c r="Q4996" s="5" t="s">
        <v>40</v>
      </c>
      <c r="R4996" s="5" t="s">
        <v>1522</v>
      </c>
      <c r="S4996" s="5" t="s">
        <v>1523</v>
      </c>
      <c r="T4996" s="5" t="s">
        <v>42</v>
      </c>
      <c r="U4996" s="2">
        <v>2.016</v>
      </c>
      <c r="V4996" s="2">
        <v>1.619</v>
      </c>
      <c r="W4996" s="2">
        <v>0.01</v>
      </c>
      <c r="X4996" s="2">
        <v>128.5</v>
      </c>
      <c r="Y4996" s="2">
        <v>7.6</v>
      </c>
      <c r="Z4996" s="2">
        <v>10.6</v>
      </c>
      <c r="AA4996" s="5"/>
      <c r="AB4996" s="5" t="s">
        <v>43</v>
      </c>
      <c r="AC4996" s="5" t="s">
        <v>44</v>
      </c>
      <c r="AD4996" s="2"/>
      <c r="AE4996" s="1"/>
    </row>
    <row r="4997" spans="1:31" ht="14.45">
      <c r="A4997" s="11"/>
      <c r="B4997" s="20"/>
      <c r="C4997" s="2" t="s">
        <v>15453</v>
      </c>
      <c r="D4997" s="14" t="s">
        <v>15454</v>
      </c>
      <c r="E4997" s="2" t="s">
        <v>15455</v>
      </c>
      <c r="F4997" s="2" t="s">
        <v>14873</v>
      </c>
      <c r="G4997" s="8">
        <v>151</v>
      </c>
      <c r="H4997" s="5">
        <v>6</v>
      </c>
      <c r="I4997" s="5" t="s">
        <v>1518</v>
      </c>
      <c r="J4997" s="5" t="s">
        <v>1519</v>
      </c>
      <c r="K4997" s="2" t="s">
        <v>1520</v>
      </c>
      <c r="L4997" s="5" t="s">
        <v>1519</v>
      </c>
      <c r="M4997" s="2" t="s">
        <v>1520</v>
      </c>
      <c r="N4997" s="5" t="s">
        <v>1521</v>
      </c>
      <c r="O4997" s="5" t="s">
        <v>38</v>
      </c>
      <c r="P4997" s="5" t="s">
        <v>39</v>
      </c>
      <c r="Q4997" s="5" t="s">
        <v>40</v>
      </c>
      <c r="R4997" s="5" t="s">
        <v>1522</v>
      </c>
      <c r="S4997" s="5" t="s">
        <v>1523</v>
      </c>
      <c r="T4997" s="5" t="s">
        <v>42</v>
      </c>
      <c r="U4997" s="2">
        <v>2.0640000000000001</v>
      </c>
      <c r="V4997" s="2">
        <v>1.667</v>
      </c>
      <c r="W4997" s="2">
        <v>0.01</v>
      </c>
      <c r="X4997" s="2">
        <v>128.5</v>
      </c>
      <c r="Y4997" s="2">
        <v>7.6</v>
      </c>
      <c r="Z4997" s="2">
        <v>10.6</v>
      </c>
      <c r="AA4997" s="5"/>
      <c r="AB4997" s="5" t="s">
        <v>43</v>
      </c>
      <c r="AC4997" s="5" t="s">
        <v>44</v>
      </c>
      <c r="AD4997" s="2"/>
      <c r="AE4997" s="1"/>
    </row>
    <row r="4998" spans="1:31" ht="14.45">
      <c r="A4998" s="11"/>
      <c r="B4998" s="20"/>
      <c r="C4998" s="2" t="s">
        <v>15456</v>
      </c>
      <c r="D4998" s="14" t="s">
        <v>15457</v>
      </c>
      <c r="E4998" s="2" t="s">
        <v>15458</v>
      </c>
      <c r="F4998" s="2" t="s">
        <v>14877</v>
      </c>
      <c r="G4998" s="8">
        <v>151</v>
      </c>
      <c r="H4998" s="5">
        <v>6</v>
      </c>
      <c r="I4998" s="5" t="s">
        <v>1518</v>
      </c>
      <c r="J4998" s="5" t="s">
        <v>1519</v>
      </c>
      <c r="K4998" s="2" t="s">
        <v>1520</v>
      </c>
      <c r="L4998" s="5" t="s">
        <v>1519</v>
      </c>
      <c r="M4998" s="2" t="s">
        <v>1520</v>
      </c>
      <c r="N4998" s="5" t="s">
        <v>1521</v>
      </c>
      <c r="O4998" s="5" t="s">
        <v>38</v>
      </c>
      <c r="P4998" s="5" t="s">
        <v>39</v>
      </c>
      <c r="Q4998" s="5" t="s">
        <v>40</v>
      </c>
      <c r="R4998" s="5" t="s">
        <v>1522</v>
      </c>
      <c r="S4998" s="5" t="s">
        <v>1523</v>
      </c>
      <c r="T4998" s="5" t="s">
        <v>42</v>
      </c>
      <c r="U4998" s="2">
        <v>2.0539999999999998</v>
      </c>
      <c r="V4998" s="2">
        <v>1.657</v>
      </c>
      <c r="W4998" s="2">
        <v>0.01</v>
      </c>
      <c r="X4998" s="2">
        <v>128.5</v>
      </c>
      <c r="Y4998" s="2">
        <v>7.6</v>
      </c>
      <c r="Z4998" s="2">
        <v>10.6</v>
      </c>
      <c r="AA4998" s="5"/>
      <c r="AB4998" s="5" t="s">
        <v>43</v>
      </c>
      <c r="AC4998" s="5" t="s">
        <v>44</v>
      </c>
      <c r="AD4998" s="2"/>
      <c r="AE4998" s="1"/>
    </row>
    <row r="4999" spans="1:31" ht="14.45">
      <c r="A4999" s="11"/>
      <c r="B4999" s="20"/>
      <c r="C4999" s="2" t="s">
        <v>15459</v>
      </c>
      <c r="D4999" s="14" t="s">
        <v>15460</v>
      </c>
      <c r="E4999" s="2" t="s">
        <v>15461</v>
      </c>
      <c r="F4999" s="2" t="s">
        <v>14881</v>
      </c>
      <c r="G4999" s="8">
        <v>151</v>
      </c>
      <c r="H4999" s="5">
        <v>6</v>
      </c>
      <c r="I4999" s="5" t="s">
        <v>1518</v>
      </c>
      <c r="J4999" s="5" t="s">
        <v>1519</v>
      </c>
      <c r="K4999" s="2" t="s">
        <v>1520</v>
      </c>
      <c r="L4999" s="5" t="s">
        <v>1519</v>
      </c>
      <c r="M4999" s="2" t="s">
        <v>1520</v>
      </c>
      <c r="N4999" s="5" t="s">
        <v>1521</v>
      </c>
      <c r="O4999" s="5" t="s">
        <v>38</v>
      </c>
      <c r="P4999" s="5" t="s">
        <v>39</v>
      </c>
      <c r="Q4999" s="5" t="s">
        <v>40</v>
      </c>
      <c r="R4999" s="5" t="s">
        <v>1522</v>
      </c>
      <c r="S4999" s="5" t="s">
        <v>1523</v>
      </c>
      <c r="T4999" s="5" t="s">
        <v>42</v>
      </c>
      <c r="U4999" s="2">
        <v>2.1019999999999999</v>
      </c>
      <c r="V4999" s="2">
        <v>1.7050000000000001</v>
      </c>
      <c r="W4999" s="2">
        <v>0.01</v>
      </c>
      <c r="X4999" s="2">
        <v>128.5</v>
      </c>
      <c r="Y4999" s="2">
        <v>7.6</v>
      </c>
      <c r="Z4999" s="2">
        <v>10.6</v>
      </c>
      <c r="AA4999" s="5"/>
      <c r="AB4999" s="5" t="s">
        <v>43</v>
      </c>
      <c r="AC4999" s="5" t="s">
        <v>44</v>
      </c>
      <c r="AD4999" s="2"/>
      <c r="AE4999" s="1"/>
    </row>
    <row r="5000" spans="1:31" ht="14.45">
      <c r="A5000" s="11"/>
      <c r="B5000" s="20"/>
      <c r="C5000" s="2" t="s">
        <v>15462</v>
      </c>
      <c r="D5000" s="14" t="s">
        <v>15463</v>
      </c>
      <c r="E5000" s="2" t="s">
        <v>15464</v>
      </c>
      <c r="F5000" s="2" t="s">
        <v>14885</v>
      </c>
      <c r="G5000" s="8">
        <v>151</v>
      </c>
      <c r="H5000" s="5">
        <v>6</v>
      </c>
      <c r="I5000" s="5" t="s">
        <v>1518</v>
      </c>
      <c r="J5000" s="5" t="s">
        <v>1519</v>
      </c>
      <c r="K5000" s="2" t="s">
        <v>1520</v>
      </c>
      <c r="L5000" s="5" t="s">
        <v>1519</v>
      </c>
      <c r="M5000" s="2" t="s">
        <v>1520</v>
      </c>
      <c r="N5000" s="5" t="s">
        <v>1521</v>
      </c>
      <c r="O5000" s="5" t="s">
        <v>38</v>
      </c>
      <c r="P5000" s="5" t="s">
        <v>39</v>
      </c>
      <c r="Q5000" s="5" t="s">
        <v>40</v>
      </c>
      <c r="R5000" s="5" t="s">
        <v>1522</v>
      </c>
      <c r="S5000" s="5" t="s">
        <v>1523</v>
      </c>
      <c r="T5000" s="5" t="s">
        <v>42</v>
      </c>
      <c r="U5000" s="2">
        <v>2.0539999999999998</v>
      </c>
      <c r="V5000" s="2">
        <v>1.657</v>
      </c>
      <c r="W5000" s="2">
        <v>0.01</v>
      </c>
      <c r="X5000" s="2">
        <v>128.5</v>
      </c>
      <c r="Y5000" s="2">
        <v>7.6</v>
      </c>
      <c r="Z5000" s="2">
        <v>10.6</v>
      </c>
      <c r="AA5000" s="5"/>
      <c r="AB5000" s="5" t="s">
        <v>43</v>
      </c>
      <c r="AC5000" s="5" t="s">
        <v>44</v>
      </c>
      <c r="AD5000" s="2"/>
      <c r="AE5000" s="1"/>
    </row>
    <row r="5001" spans="1:31" ht="14.45">
      <c r="A5001" s="11"/>
      <c r="B5001" s="20"/>
      <c r="C5001" s="2" t="s">
        <v>15465</v>
      </c>
      <c r="D5001" s="14" t="s">
        <v>15466</v>
      </c>
      <c r="E5001" s="2" t="s">
        <v>15467</v>
      </c>
      <c r="F5001" s="2" t="s">
        <v>14889</v>
      </c>
      <c r="G5001" s="8">
        <v>151</v>
      </c>
      <c r="H5001" s="5">
        <v>6</v>
      </c>
      <c r="I5001" s="5" t="s">
        <v>1518</v>
      </c>
      <c r="J5001" s="5" t="s">
        <v>1519</v>
      </c>
      <c r="K5001" s="2" t="s">
        <v>1520</v>
      </c>
      <c r="L5001" s="5" t="s">
        <v>1519</v>
      </c>
      <c r="M5001" s="2" t="s">
        <v>1520</v>
      </c>
      <c r="N5001" s="5" t="s">
        <v>1521</v>
      </c>
      <c r="O5001" s="5" t="s">
        <v>38</v>
      </c>
      <c r="P5001" s="5" t="s">
        <v>39</v>
      </c>
      <c r="Q5001" s="5" t="s">
        <v>40</v>
      </c>
      <c r="R5001" s="5" t="s">
        <v>1522</v>
      </c>
      <c r="S5001" s="5" t="s">
        <v>1523</v>
      </c>
      <c r="T5001" s="5" t="s">
        <v>42</v>
      </c>
      <c r="U5001" s="2">
        <v>2.1019999999999999</v>
      </c>
      <c r="V5001" s="2">
        <v>1.7050000000000001</v>
      </c>
      <c r="W5001" s="2">
        <v>0.01</v>
      </c>
      <c r="X5001" s="2">
        <v>128.5</v>
      </c>
      <c r="Y5001" s="2">
        <v>7.6</v>
      </c>
      <c r="Z5001" s="2">
        <v>10.6</v>
      </c>
      <c r="AA5001" s="5"/>
      <c r="AB5001" s="5" t="s">
        <v>43</v>
      </c>
      <c r="AC5001" s="5" t="s">
        <v>44</v>
      </c>
      <c r="AD5001" s="2"/>
      <c r="AE5001" s="1"/>
    </row>
    <row r="5002" spans="1:31" ht="14.45">
      <c r="A5002" s="11"/>
      <c r="B5002" s="20"/>
      <c r="C5002" s="2" t="s">
        <v>15468</v>
      </c>
      <c r="D5002" s="14" t="s">
        <v>15469</v>
      </c>
      <c r="E5002" s="2" t="s">
        <v>15470</v>
      </c>
      <c r="F5002" s="2" t="s">
        <v>14893</v>
      </c>
      <c r="G5002" s="8">
        <v>151</v>
      </c>
      <c r="H5002" s="5">
        <v>6</v>
      </c>
      <c r="I5002" s="5" t="s">
        <v>1518</v>
      </c>
      <c r="J5002" s="5" t="s">
        <v>1519</v>
      </c>
      <c r="K5002" s="2" t="s">
        <v>1520</v>
      </c>
      <c r="L5002" s="5" t="s">
        <v>1519</v>
      </c>
      <c r="M5002" s="2" t="s">
        <v>1520</v>
      </c>
      <c r="N5002" s="5" t="s">
        <v>1521</v>
      </c>
      <c r="O5002" s="5" t="s">
        <v>38</v>
      </c>
      <c r="P5002" s="5" t="s">
        <v>39</v>
      </c>
      <c r="Q5002" s="5" t="s">
        <v>40</v>
      </c>
      <c r="R5002" s="5" t="s">
        <v>1522</v>
      </c>
      <c r="S5002" s="5" t="s">
        <v>1523</v>
      </c>
      <c r="T5002" s="5" t="s">
        <v>42</v>
      </c>
      <c r="U5002" s="2">
        <v>2.016</v>
      </c>
      <c r="V5002" s="2">
        <v>1.619</v>
      </c>
      <c r="W5002" s="2">
        <v>0.01</v>
      </c>
      <c r="X5002" s="2">
        <v>128.5</v>
      </c>
      <c r="Y5002" s="2">
        <v>7.6</v>
      </c>
      <c r="Z5002" s="2">
        <v>10.6</v>
      </c>
      <c r="AA5002" s="5"/>
      <c r="AB5002" s="5" t="s">
        <v>43</v>
      </c>
      <c r="AC5002" s="5" t="s">
        <v>44</v>
      </c>
      <c r="AD5002" s="2"/>
      <c r="AE5002" s="1"/>
    </row>
    <row r="5003" spans="1:31" ht="14.45">
      <c r="A5003" s="11"/>
      <c r="B5003" s="20"/>
      <c r="C5003" s="2" t="s">
        <v>15471</v>
      </c>
      <c r="D5003" s="14" t="s">
        <v>15472</v>
      </c>
      <c r="E5003" s="2" t="s">
        <v>15473</v>
      </c>
      <c r="F5003" s="2" t="s">
        <v>14897</v>
      </c>
      <c r="G5003" s="8">
        <v>151</v>
      </c>
      <c r="H5003" s="5">
        <v>6</v>
      </c>
      <c r="I5003" s="5" t="s">
        <v>1518</v>
      </c>
      <c r="J5003" s="5" t="s">
        <v>1519</v>
      </c>
      <c r="K5003" s="2" t="s">
        <v>1520</v>
      </c>
      <c r="L5003" s="5" t="s">
        <v>1519</v>
      </c>
      <c r="M5003" s="2" t="s">
        <v>1520</v>
      </c>
      <c r="N5003" s="5" t="s">
        <v>1521</v>
      </c>
      <c r="O5003" s="5" t="s">
        <v>38</v>
      </c>
      <c r="P5003" s="5" t="s">
        <v>39</v>
      </c>
      <c r="Q5003" s="5" t="s">
        <v>40</v>
      </c>
      <c r="R5003" s="5" t="s">
        <v>1522</v>
      </c>
      <c r="S5003" s="5" t="s">
        <v>1523</v>
      </c>
      <c r="T5003" s="5" t="s">
        <v>42</v>
      </c>
      <c r="U5003" s="2">
        <v>2.0640000000000001</v>
      </c>
      <c r="V5003" s="2">
        <v>1.667</v>
      </c>
      <c r="W5003" s="2">
        <v>0.01</v>
      </c>
      <c r="X5003" s="2">
        <v>128.5</v>
      </c>
      <c r="Y5003" s="2">
        <v>7.6</v>
      </c>
      <c r="Z5003" s="2">
        <v>10.6</v>
      </c>
      <c r="AA5003" s="5"/>
      <c r="AB5003" s="5" t="s">
        <v>43</v>
      </c>
      <c r="AC5003" s="5" t="s">
        <v>44</v>
      </c>
      <c r="AD5003" s="2"/>
      <c r="AE5003" s="1"/>
    </row>
    <row r="5004" spans="1:31" ht="14.45">
      <c r="A5004" s="11"/>
      <c r="B5004" s="20"/>
      <c r="C5004" s="2" t="s">
        <v>15474</v>
      </c>
      <c r="D5004" s="14" t="s">
        <v>15475</v>
      </c>
      <c r="E5004" s="2" t="s">
        <v>15476</v>
      </c>
      <c r="F5004" s="2" t="s">
        <v>14869</v>
      </c>
      <c r="G5004" s="8">
        <v>164</v>
      </c>
      <c r="H5004" s="5">
        <v>6</v>
      </c>
      <c r="I5004" s="5" t="s">
        <v>1518</v>
      </c>
      <c r="J5004" s="5" t="s">
        <v>1519</v>
      </c>
      <c r="K5004" s="2" t="s">
        <v>1520</v>
      </c>
      <c r="L5004" s="5" t="s">
        <v>1519</v>
      </c>
      <c r="M5004" s="2" t="s">
        <v>1520</v>
      </c>
      <c r="N5004" s="5" t="s">
        <v>1521</v>
      </c>
      <c r="O5004" s="5" t="s">
        <v>38</v>
      </c>
      <c r="P5004" s="5" t="s">
        <v>39</v>
      </c>
      <c r="Q5004" s="5" t="s">
        <v>40</v>
      </c>
      <c r="R5004" s="5" t="s">
        <v>1522</v>
      </c>
      <c r="S5004" s="5" t="s">
        <v>1523</v>
      </c>
      <c r="T5004" s="5" t="s">
        <v>42</v>
      </c>
      <c r="U5004" s="2">
        <v>2.1949999999999998</v>
      </c>
      <c r="V5004" s="2">
        <v>1.7390000000000001</v>
      </c>
      <c r="W5004" s="2">
        <v>1.2E-2</v>
      </c>
      <c r="X5004" s="2">
        <v>148.69999999999999</v>
      </c>
      <c r="Y5004" s="2">
        <v>7.6</v>
      </c>
      <c r="Z5004" s="2">
        <v>10.6</v>
      </c>
      <c r="AA5004" s="5"/>
      <c r="AB5004" s="5" t="s">
        <v>43</v>
      </c>
      <c r="AC5004" s="5" t="s">
        <v>44</v>
      </c>
      <c r="AD5004" s="2"/>
      <c r="AE5004" s="1"/>
    </row>
    <row r="5005" spans="1:31" ht="14.45">
      <c r="A5005" s="11"/>
      <c r="B5005" s="20"/>
      <c r="C5005" s="2" t="s">
        <v>15477</v>
      </c>
      <c r="D5005" s="14" t="s">
        <v>15478</v>
      </c>
      <c r="E5005" s="2" t="s">
        <v>15479</v>
      </c>
      <c r="F5005" s="2" t="s">
        <v>14873</v>
      </c>
      <c r="G5005" s="8">
        <v>164</v>
      </c>
      <c r="H5005" s="5">
        <v>6</v>
      </c>
      <c r="I5005" s="5" t="s">
        <v>1518</v>
      </c>
      <c r="J5005" s="5" t="s">
        <v>1519</v>
      </c>
      <c r="K5005" s="2" t="s">
        <v>1520</v>
      </c>
      <c r="L5005" s="5" t="s">
        <v>1519</v>
      </c>
      <c r="M5005" s="2" t="s">
        <v>1520</v>
      </c>
      <c r="N5005" s="5" t="s">
        <v>1521</v>
      </c>
      <c r="O5005" s="5" t="s">
        <v>38</v>
      </c>
      <c r="P5005" s="5" t="s">
        <v>39</v>
      </c>
      <c r="Q5005" s="5" t="s">
        <v>40</v>
      </c>
      <c r="R5005" s="5" t="s">
        <v>1522</v>
      </c>
      <c r="S5005" s="5" t="s">
        <v>1523</v>
      </c>
      <c r="T5005" s="5" t="s">
        <v>42</v>
      </c>
      <c r="U5005" s="2">
        <v>2.2480000000000002</v>
      </c>
      <c r="V5005" s="2">
        <v>1.792</v>
      </c>
      <c r="W5005" s="2">
        <v>1.2E-2</v>
      </c>
      <c r="X5005" s="2">
        <v>148.69999999999999</v>
      </c>
      <c r="Y5005" s="2">
        <v>7.6</v>
      </c>
      <c r="Z5005" s="2">
        <v>10.6</v>
      </c>
      <c r="AA5005" s="5"/>
      <c r="AB5005" s="5" t="s">
        <v>43</v>
      </c>
      <c r="AC5005" s="5" t="s">
        <v>44</v>
      </c>
      <c r="AD5005" s="2"/>
      <c r="AE5005" s="1"/>
    </row>
    <row r="5006" spans="1:31" ht="14.45">
      <c r="A5006" s="11"/>
      <c r="B5006" s="20"/>
      <c r="C5006" s="2" t="s">
        <v>15480</v>
      </c>
      <c r="D5006" s="14" t="s">
        <v>15481</v>
      </c>
      <c r="E5006" s="2" t="s">
        <v>15482</v>
      </c>
      <c r="F5006" s="2" t="s">
        <v>14877</v>
      </c>
      <c r="G5006" s="8">
        <v>164</v>
      </c>
      <c r="H5006" s="5">
        <v>6</v>
      </c>
      <c r="I5006" s="5" t="s">
        <v>1518</v>
      </c>
      <c r="J5006" s="5" t="s">
        <v>1519</v>
      </c>
      <c r="K5006" s="2" t="s">
        <v>1520</v>
      </c>
      <c r="L5006" s="5" t="s">
        <v>1519</v>
      </c>
      <c r="M5006" s="2" t="s">
        <v>1520</v>
      </c>
      <c r="N5006" s="5" t="s">
        <v>1521</v>
      </c>
      <c r="O5006" s="5" t="s">
        <v>38</v>
      </c>
      <c r="P5006" s="5" t="s">
        <v>39</v>
      </c>
      <c r="Q5006" s="5" t="s">
        <v>40</v>
      </c>
      <c r="R5006" s="5" t="s">
        <v>1522</v>
      </c>
      <c r="S5006" s="5" t="s">
        <v>1523</v>
      </c>
      <c r="T5006" s="5" t="s">
        <v>42</v>
      </c>
      <c r="U5006" s="2">
        <v>2.2389999999999999</v>
      </c>
      <c r="V5006" s="2">
        <v>1.7829999999999999</v>
      </c>
      <c r="W5006" s="2">
        <v>1.2E-2</v>
      </c>
      <c r="X5006" s="2">
        <v>148.69999999999999</v>
      </c>
      <c r="Y5006" s="2">
        <v>7.6</v>
      </c>
      <c r="Z5006" s="2">
        <v>10.6</v>
      </c>
      <c r="AA5006" s="5"/>
      <c r="AB5006" s="5" t="s">
        <v>43</v>
      </c>
      <c r="AC5006" s="5" t="s">
        <v>44</v>
      </c>
      <c r="AD5006" s="2"/>
      <c r="AE5006" s="1"/>
    </row>
    <row r="5007" spans="1:31" ht="14.45">
      <c r="A5007" s="11"/>
      <c r="B5007" s="20"/>
      <c r="C5007" s="2" t="s">
        <v>15483</v>
      </c>
      <c r="D5007" s="14" t="s">
        <v>15484</v>
      </c>
      <c r="E5007" s="2" t="s">
        <v>15485</v>
      </c>
      <c r="F5007" s="2" t="s">
        <v>14881</v>
      </c>
      <c r="G5007" s="8">
        <v>164</v>
      </c>
      <c r="H5007" s="5">
        <v>6</v>
      </c>
      <c r="I5007" s="5" t="s">
        <v>1518</v>
      </c>
      <c r="J5007" s="5" t="s">
        <v>1519</v>
      </c>
      <c r="K5007" s="2" t="s">
        <v>1520</v>
      </c>
      <c r="L5007" s="5" t="s">
        <v>1519</v>
      </c>
      <c r="M5007" s="2" t="s">
        <v>1520</v>
      </c>
      <c r="N5007" s="5" t="s">
        <v>1521</v>
      </c>
      <c r="O5007" s="5" t="s">
        <v>38</v>
      </c>
      <c r="P5007" s="5" t="s">
        <v>39</v>
      </c>
      <c r="Q5007" s="5" t="s">
        <v>40</v>
      </c>
      <c r="R5007" s="5" t="s">
        <v>1522</v>
      </c>
      <c r="S5007" s="5" t="s">
        <v>1523</v>
      </c>
      <c r="T5007" s="5" t="s">
        <v>42</v>
      </c>
      <c r="U5007" s="2">
        <v>2.2919999999999998</v>
      </c>
      <c r="V5007" s="2">
        <v>1.8360000000000001</v>
      </c>
      <c r="W5007" s="2">
        <v>1.2E-2</v>
      </c>
      <c r="X5007" s="2">
        <v>148.69999999999999</v>
      </c>
      <c r="Y5007" s="2">
        <v>7.6</v>
      </c>
      <c r="Z5007" s="2">
        <v>10.6</v>
      </c>
      <c r="AA5007" s="5"/>
      <c r="AB5007" s="5" t="s">
        <v>43</v>
      </c>
      <c r="AC5007" s="5" t="s">
        <v>44</v>
      </c>
      <c r="AD5007" s="2"/>
      <c r="AE5007" s="1"/>
    </row>
    <row r="5008" spans="1:31" ht="14.45">
      <c r="A5008" s="11"/>
      <c r="B5008" s="20"/>
      <c r="C5008" s="2" t="s">
        <v>15486</v>
      </c>
      <c r="D5008" s="14" t="s">
        <v>15487</v>
      </c>
      <c r="E5008" s="2" t="s">
        <v>15488</v>
      </c>
      <c r="F5008" s="2" t="s">
        <v>14885</v>
      </c>
      <c r="G5008" s="8">
        <v>164</v>
      </c>
      <c r="H5008" s="5">
        <v>6</v>
      </c>
      <c r="I5008" s="5" t="s">
        <v>1518</v>
      </c>
      <c r="J5008" s="5" t="s">
        <v>1519</v>
      </c>
      <c r="K5008" s="2" t="s">
        <v>1520</v>
      </c>
      <c r="L5008" s="5" t="s">
        <v>1519</v>
      </c>
      <c r="M5008" s="2" t="s">
        <v>1520</v>
      </c>
      <c r="N5008" s="5" t="s">
        <v>1521</v>
      </c>
      <c r="O5008" s="5" t="s">
        <v>38</v>
      </c>
      <c r="P5008" s="5" t="s">
        <v>39</v>
      </c>
      <c r="Q5008" s="5" t="s">
        <v>40</v>
      </c>
      <c r="R5008" s="5" t="s">
        <v>1522</v>
      </c>
      <c r="S5008" s="5" t="s">
        <v>1523</v>
      </c>
      <c r="T5008" s="5" t="s">
        <v>42</v>
      </c>
      <c r="U5008" s="2">
        <v>2.2389999999999999</v>
      </c>
      <c r="V5008" s="2">
        <v>1.7829999999999999</v>
      </c>
      <c r="W5008" s="2">
        <v>1.2E-2</v>
      </c>
      <c r="X5008" s="2">
        <v>148.69999999999999</v>
      </c>
      <c r="Y5008" s="2">
        <v>7.6</v>
      </c>
      <c r="Z5008" s="2">
        <v>10.6</v>
      </c>
      <c r="AA5008" s="5"/>
      <c r="AB5008" s="5" t="s">
        <v>43</v>
      </c>
      <c r="AC5008" s="5" t="s">
        <v>44</v>
      </c>
      <c r="AD5008" s="2"/>
      <c r="AE5008" s="1"/>
    </row>
    <row r="5009" spans="1:31" ht="14.45">
      <c r="A5009" s="11"/>
      <c r="B5009" s="20"/>
      <c r="C5009" s="2" t="s">
        <v>15489</v>
      </c>
      <c r="D5009" s="14" t="s">
        <v>15490</v>
      </c>
      <c r="E5009" s="2" t="s">
        <v>15491</v>
      </c>
      <c r="F5009" s="2" t="s">
        <v>14889</v>
      </c>
      <c r="G5009" s="8">
        <v>164</v>
      </c>
      <c r="H5009" s="5">
        <v>6</v>
      </c>
      <c r="I5009" s="5" t="s">
        <v>1518</v>
      </c>
      <c r="J5009" s="5" t="s">
        <v>1519</v>
      </c>
      <c r="K5009" s="2" t="s">
        <v>1520</v>
      </c>
      <c r="L5009" s="5" t="s">
        <v>1519</v>
      </c>
      <c r="M5009" s="2" t="s">
        <v>1520</v>
      </c>
      <c r="N5009" s="5" t="s">
        <v>1521</v>
      </c>
      <c r="O5009" s="5" t="s">
        <v>38</v>
      </c>
      <c r="P5009" s="5" t="s">
        <v>39</v>
      </c>
      <c r="Q5009" s="5" t="s">
        <v>40</v>
      </c>
      <c r="R5009" s="5" t="s">
        <v>1522</v>
      </c>
      <c r="S5009" s="5" t="s">
        <v>1523</v>
      </c>
      <c r="T5009" s="5" t="s">
        <v>42</v>
      </c>
      <c r="U5009" s="2">
        <v>2.2919999999999998</v>
      </c>
      <c r="V5009" s="2">
        <v>1.8360000000000001</v>
      </c>
      <c r="W5009" s="2">
        <v>1.2E-2</v>
      </c>
      <c r="X5009" s="2">
        <v>148.69999999999999</v>
      </c>
      <c r="Y5009" s="2">
        <v>7.6</v>
      </c>
      <c r="Z5009" s="2">
        <v>10.6</v>
      </c>
      <c r="AA5009" s="5"/>
      <c r="AB5009" s="5" t="s">
        <v>43</v>
      </c>
      <c r="AC5009" s="5" t="s">
        <v>44</v>
      </c>
      <c r="AD5009" s="2"/>
      <c r="AE5009" s="1"/>
    </row>
    <row r="5010" spans="1:31" ht="14.45">
      <c r="A5010" s="11"/>
      <c r="B5010" s="20"/>
      <c r="C5010" s="2" t="s">
        <v>15492</v>
      </c>
      <c r="D5010" s="14" t="s">
        <v>15493</v>
      </c>
      <c r="E5010" s="2" t="s">
        <v>15494</v>
      </c>
      <c r="F5010" s="2" t="s">
        <v>14893</v>
      </c>
      <c r="G5010" s="8">
        <v>164</v>
      </c>
      <c r="H5010" s="5">
        <v>6</v>
      </c>
      <c r="I5010" s="5" t="s">
        <v>1518</v>
      </c>
      <c r="J5010" s="5" t="s">
        <v>1519</v>
      </c>
      <c r="K5010" s="2" t="s">
        <v>1520</v>
      </c>
      <c r="L5010" s="5" t="s">
        <v>1519</v>
      </c>
      <c r="M5010" s="2" t="s">
        <v>1520</v>
      </c>
      <c r="N5010" s="5" t="s">
        <v>1521</v>
      </c>
      <c r="O5010" s="5" t="s">
        <v>38</v>
      </c>
      <c r="P5010" s="5" t="s">
        <v>39</v>
      </c>
      <c r="Q5010" s="5" t="s">
        <v>40</v>
      </c>
      <c r="R5010" s="5" t="s">
        <v>1522</v>
      </c>
      <c r="S5010" s="5" t="s">
        <v>1523</v>
      </c>
      <c r="T5010" s="5" t="s">
        <v>42</v>
      </c>
      <c r="U5010" s="2">
        <v>2.1949999999999998</v>
      </c>
      <c r="V5010" s="2">
        <v>1.7390000000000001</v>
      </c>
      <c r="W5010" s="2">
        <v>1.2E-2</v>
      </c>
      <c r="X5010" s="2">
        <v>148.69999999999999</v>
      </c>
      <c r="Y5010" s="2">
        <v>7.6</v>
      </c>
      <c r="Z5010" s="2">
        <v>10.6</v>
      </c>
      <c r="AA5010" s="5"/>
      <c r="AB5010" s="5" t="s">
        <v>43</v>
      </c>
      <c r="AC5010" s="5" t="s">
        <v>44</v>
      </c>
      <c r="AD5010" s="2"/>
      <c r="AE5010" s="1"/>
    </row>
    <row r="5011" spans="1:31" ht="14.45">
      <c r="A5011" s="11"/>
      <c r="B5011" s="20"/>
      <c r="C5011" s="2" t="s">
        <v>15495</v>
      </c>
      <c r="D5011" s="14" t="s">
        <v>15496</v>
      </c>
      <c r="E5011" s="2" t="s">
        <v>15497</v>
      </c>
      <c r="F5011" s="2" t="s">
        <v>14897</v>
      </c>
      <c r="G5011" s="8">
        <v>164</v>
      </c>
      <c r="H5011" s="5">
        <v>6</v>
      </c>
      <c r="I5011" s="5" t="s">
        <v>1518</v>
      </c>
      <c r="J5011" s="5" t="s">
        <v>1519</v>
      </c>
      <c r="K5011" s="2" t="s">
        <v>1520</v>
      </c>
      <c r="L5011" s="5" t="s">
        <v>1519</v>
      </c>
      <c r="M5011" s="2" t="s">
        <v>1520</v>
      </c>
      <c r="N5011" s="5" t="s">
        <v>1521</v>
      </c>
      <c r="O5011" s="5" t="s">
        <v>38</v>
      </c>
      <c r="P5011" s="5" t="s">
        <v>39</v>
      </c>
      <c r="Q5011" s="5" t="s">
        <v>40</v>
      </c>
      <c r="R5011" s="5" t="s">
        <v>1522</v>
      </c>
      <c r="S5011" s="5" t="s">
        <v>1523</v>
      </c>
      <c r="T5011" s="5" t="s">
        <v>42</v>
      </c>
      <c r="U5011" s="2">
        <v>2.2480000000000002</v>
      </c>
      <c r="V5011" s="2">
        <v>1.792</v>
      </c>
      <c r="W5011" s="2">
        <v>1.2E-2</v>
      </c>
      <c r="X5011" s="2">
        <v>148.69999999999999</v>
      </c>
      <c r="Y5011" s="2">
        <v>7.6</v>
      </c>
      <c r="Z5011" s="2">
        <v>10.6</v>
      </c>
      <c r="AA5011" s="5"/>
      <c r="AB5011" s="5" t="s">
        <v>43</v>
      </c>
      <c r="AC5011" s="5" t="s">
        <v>44</v>
      </c>
      <c r="AD5011" s="2"/>
      <c r="AE5011" s="1"/>
    </row>
    <row r="5012" spans="1:31" ht="14.45">
      <c r="A5012" s="11"/>
      <c r="B5012" s="20"/>
      <c r="C5012" s="2" t="s">
        <v>15498</v>
      </c>
      <c r="D5012" s="14" t="s">
        <v>15499</v>
      </c>
      <c r="E5012" s="2" t="s">
        <v>15500</v>
      </c>
      <c r="F5012" s="2" t="s">
        <v>14869</v>
      </c>
      <c r="G5012" s="8">
        <v>140</v>
      </c>
      <c r="H5012" s="5">
        <v>6</v>
      </c>
      <c r="I5012" s="5" t="s">
        <v>1518</v>
      </c>
      <c r="J5012" s="5" t="s">
        <v>1519</v>
      </c>
      <c r="K5012" s="2" t="s">
        <v>1520</v>
      </c>
      <c r="L5012" s="5" t="s">
        <v>1519</v>
      </c>
      <c r="M5012" s="2" t="s">
        <v>1520</v>
      </c>
      <c r="N5012" s="5" t="s">
        <v>1521</v>
      </c>
      <c r="O5012" s="5" t="s">
        <v>38</v>
      </c>
      <c r="P5012" s="5" t="s">
        <v>39</v>
      </c>
      <c r="Q5012" s="5" t="s">
        <v>40</v>
      </c>
      <c r="R5012" s="5" t="s">
        <v>1522</v>
      </c>
      <c r="S5012" s="5" t="s">
        <v>1523</v>
      </c>
      <c r="T5012" s="5" t="s">
        <v>42</v>
      </c>
      <c r="U5012" s="2">
        <v>1.4890000000000001</v>
      </c>
      <c r="V5012" s="2">
        <v>1.1519999999999999</v>
      </c>
      <c r="W5012" s="2">
        <v>8.9999999999999993E-3</v>
      </c>
      <c r="X5012" s="2">
        <v>106.5</v>
      </c>
      <c r="Y5012" s="2">
        <v>7.6</v>
      </c>
      <c r="Z5012" s="2">
        <v>10.6</v>
      </c>
      <c r="AA5012" s="5"/>
      <c r="AB5012" s="5" t="s">
        <v>43</v>
      </c>
      <c r="AC5012" s="5" t="s">
        <v>44</v>
      </c>
      <c r="AD5012" s="2"/>
      <c r="AE5012" s="1"/>
    </row>
    <row r="5013" spans="1:31" ht="14.45">
      <c r="A5013" s="11"/>
      <c r="B5013" s="20"/>
      <c r="C5013" s="2" t="s">
        <v>15501</v>
      </c>
      <c r="D5013" s="14" t="s">
        <v>15502</v>
      </c>
      <c r="E5013" s="2" t="s">
        <v>15503</v>
      </c>
      <c r="F5013" s="2" t="s">
        <v>14873</v>
      </c>
      <c r="G5013" s="8">
        <v>140</v>
      </c>
      <c r="H5013" s="5">
        <v>6</v>
      </c>
      <c r="I5013" s="5" t="s">
        <v>1518</v>
      </c>
      <c r="J5013" s="5" t="s">
        <v>1519</v>
      </c>
      <c r="K5013" s="2" t="s">
        <v>1520</v>
      </c>
      <c r="L5013" s="5" t="s">
        <v>1519</v>
      </c>
      <c r="M5013" s="2" t="s">
        <v>1520</v>
      </c>
      <c r="N5013" s="5" t="s">
        <v>1521</v>
      </c>
      <c r="O5013" s="5" t="s">
        <v>38</v>
      </c>
      <c r="P5013" s="5" t="s">
        <v>39</v>
      </c>
      <c r="Q5013" s="5" t="s">
        <v>40</v>
      </c>
      <c r="R5013" s="5" t="s">
        <v>1522</v>
      </c>
      <c r="S5013" s="5" t="s">
        <v>1523</v>
      </c>
      <c r="T5013" s="5" t="s">
        <v>42</v>
      </c>
      <c r="U5013" s="2">
        <v>1.5209999999999999</v>
      </c>
      <c r="V5013" s="2">
        <v>1.1839999999999999</v>
      </c>
      <c r="W5013" s="2">
        <v>8.9999999999999993E-3</v>
      </c>
      <c r="X5013" s="2">
        <v>106.5</v>
      </c>
      <c r="Y5013" s="2">
        <v>7.6</v>
      </c>
      <c r="Z5013" s="2">
        <v>10.6</v>
      </c>
      <c r="AA5013" s="5"/>
      <c r="AB5013" s="5" t="s">
        <v>43</v>
      </c>
      <c r="AC5013" s="5" t="s">
        <v>44</v>
      </c>
      <c r="AD5013" s="2"/>
      <c r="AE5013" s="1"/>
    </row>
    <row r="5014" spans="1:31" ht="14.45">
      <c r="A5014" s="11"/>
      <c r="B5014" s="20"/>
      <c r="C5014" s="2" t="s">
        <v>15504</v>
      </c>
      <c r="D5014" s="14" t="s">
        <v>15505</v>
      </c>
      <c r="E5014" s="2" t="s">
        <v>15506</v>
      </c>
      <c r="F5014" s="2" t="s">
        <v>14877</v>
      </c>
      <c r="G5014" s="8">
        <v>140</v>
      </c>
      <c r="H5014" s="5">
        <v>6</v>
      </c>
      <c r="I5014" s="5" t="s">
        <v>1518</v>
      </c>
      <c r="J5014" s="5" t="s">
        <v>1519</v>
      </c>
      <c r="K5014" s="2" t="s">
        <v>1520</v>
      </c>
      <c r="L5014" s="5" t="s">
        <v>1519</v>
      </c>
      <c r="M5014" s="2" t="s">
        <v>1520</v>
      </c>
      <c r="N5014" s="5" t="s">
        <v>1521</v>
      </c>
      <c r="O5014" s="5" t="s">
        <v>38</v>
      </c>
      <c r="P5014" s="5" t="s">
        <v>39</v>
      </c>
      <c r="Q5014" s="5" t="s">
        <v>40</v>
      </c>
      <c r="R5014" s="5" t="s">
        <v>1522</v>
      </c>
      <c r="S5014" s="5" t="s">
        <v>1523</v>
      </c>
      <c r="T5014" s="5" t="s">
        <v>42</v>
      </c>
      <c r="U5014" s="2">
        <v>1.504</v>
      </c>
      <c r="V5014" s="2">
        <v>1.167</v>
      </c>
      <c r="W5014" s="2">
        <v>8.9999999999999993E-3</v>
      </c>
      <c r="X5014" s="2">
        <v>106.5</v>
      </c>
      <c r="Y5014" s="2">
        <v>7.6</v>
      </c>
      <c r="Z5014" s="2">
        <v>10.6</v>
      </c>
      <c r="AA5014" s="5"/>
      <c r="AB5014" s="5" t="s">
        <v>43</v>
      </c>
      <c r="AC5014" s="5" t="s">
        <v>44</v>
      </c>
      <c r="AD5014" s="2"/>
      <c r="AE5014" s="1"/>
    </row>
    <row r="5015" spans="1:31" ht="14.45">
      <c r="A5015" s="11"/>
      <c r="B5015" s="20"/>
      <c r="C5015" s="2" t="s">
        <v>15507</v>
      </c>
      <c r="D5015" s="14" t="s">
        <v>15508</v>
      </c>
      <c r="E5015" s="2" t="s">
        <v>15509</v>
      </c>
      <c r="F5015" s="2" t="s">
        <v>14881</v>
      </c>
      <c r="G5015" s="8">
        <v>140</v>
      </c>
      <c r="H5015" s="5">
        <v>6</v>
      </c>
      <c r="I5015" s="5" t="s">
        <v>1518</v>
      </c>
      <c r="J5015" s="5" t="s">
        <v>1519</v>
      </c>
      <c r="K5015" s="2" t="s">
        <v>1520</v>
      </c>
      <c r="L5015" s="5" t="s">
        <v>1519</v>
      </c>
      <c r="M5015" s="2" t="s">
        <v>1520</v>
      </c>
      <c r="N5015" s="5" t="s">
        <v>1521</v>
      </c>
      <c r="O5015" s="5" t="s">
        <v>38</v>
      </c>
      <c r="P5015" s="5" t="s">
        <v>39</v>
      </c>
      <c r="Q5015" s="5" t="s">
        <v>40</v>
      </c>
      <c r="R5015" s="5" t="s">
        <v>1522</v>
      </c>
      <c r="S5015" s="5" t="s">
        <v>1523</v>
      </c>
      <c r="T5015" s="5" t="s">
        <v>42</v>
      </c>
      <c r="U5015" s="2">
        <v>1.536</v>
      </c>
      <c r="V5015" s="2">
        <v>1.1990000000000001</v>
      </c>
      <c r="W5015" s="2">
        <v>8.9999999999999993E-3</v>
      </c>
      <c r="X5015" s="2">
        <v>106.5</v>
      </c>
      <c r="Y5015" s="2">
        <v>7.6</v>
      </c>
      <c r="Z5015" s="2">
        <v>10.6</v>
      </c>
      <c r="AA5015" s="5"/>
      <c r="AB5015" s="5" t="s">
        <v>43</v>
      </c>
      <c r="AC5015" s="5" t="s">
        <v>44</v>
      </c>
      <c r="AD5015" s="2"/>
      <c r="AE5015" s="1"/>
    </row>
    <row r="5016" spans="1:31" ht="14.45">
      <c r="A5016" s="11"/>
      <c r="B5016" s="20"/>
      <c r="C5016" s="2" t="s">
        <v>15510</v>
      </c>
      <c r="D5016" s="14" t="s">
        <v>15511</v>
      </c>
      <c r="E5016" s="2" t="s">
        <v>15512</v>
      </c>
      <c r="F5016" s="2" t="s">
        <v>14885</v>
      </c>
      <c r="G5016" s="8">
        <v>140</v>
      </c>
      <c r="H5016" s="5">
        <v>6</v>
      </c>
      <c r="I5016" s="5" t="s">
        <v>1518</v>
      </c>
      <c r="J5016" s="5" t="s">
        <v>1519</v>
      </c>
      <c r="K5016" s="2" t="s">
        <v>1520</v>
      </c>
      <c r="L5016" s="5" t="s">
        <v>1519</v>
      </c>
      <c r="M5016" s="2" t="s">
        <v>1520</v>
      </c>
      <c r="N5016" s="5" t="s">
        <v>1521</v>
      </c>
      <c r="O5016" s="5" t="s">
        <v>38</v>
      </c>
      <c r="P5016" s="5" t="s">
        <v>39</v>
      </c>
      <c r="Q5016" s="5" t="s">
        <v>40</v>
      </c>
      <c r="R5016" s="5" t="s">
        <v>1522</v>
      </c>
      <c r="S5016" s="5" t="s">
        <v>1523</v>
      </c>
      <c r="T5016" s="5" t="s">
        <v>42</v>
      </c>
      <c r="U5016" s="2">
        <v>1.504</v>
      </c>
      <c r="V5016" s="2">
        <v>1.167</v>
      </c>
      <c r="W5016" s="2">
        <v>8.9999999999999993E-3</v>
      </c>
      <c r="X5016" s="2">
        <v>106.5</v>
      </c>
      <c r="Y5016" s="2">
        <v>7.6</v>
      </c>
      <c r="Z5016" s="2">
        <v>10.6</v>
      </c>
      <c r="AA5016" s="5"/>
      <c r="AB5016" s="5" t="s">
        <v>43</v>
      </c>
      <c r="AC5016" s="5" t="s">
        <v>44</v>
      </c>
      <c r="AD5016" s="2"/>
      <c r="AE5016" s="1"/>
    </row>
    <row r="5017" spans="1:31" ht="14.45">
      <c r="A5017" s="11"/>
      <c r="B5017" s="20"/>
      <c r="C5017" s="2" t="s">
        <v>15513</v>
      </c>
      <c r="D5017" s="14" t="s">
        <v>15514</v>
      </c>
      <c r="E5017" s="2" t="s">
        <v>15515</v>
      </c>
      <c r="F5017" s="2" t="s">
        <v>14889</v>
      </c>
      <c r="G5017" s="8">
        <v>140</v>
      </c>
      <c r="H5017" s="5">
        <v>6</v>
      </c>
      <c r="I5017" s="5" t="s">
        <v>1518</v>
      </c>
      <c r="J5017" s="5" t="s">
        <v>1519</v>
      </c>
      <c r="K5017" s="2" t="s">
        <v>1520</v>
      </c>
      <c r="L5017" s="5" t="s">
        <v>1519</v>
      </c>
      <c r="M5017" s="2" t="s">
        <v>1520</v>
      </c>
      <c r="N5017" s="5" t="s">
        <v>1521</v>
      </c>
      <c r="O5017" s="5" t="s">
        <v>38</v>
      </c>
      <c r="P5017" s="5" t="s">
        <v>39</v>
      </c>
      <c r="Q5017" s="5" t="s">
        <v>40</v>
      </c>
      <c r="R5017" s="5" t="s">
        <v>1522</v>
      </c>
      <c r="S5017" s="5" t="s">
        <v>1523</v>
      </c>
      <c r="T5017" s="5" t="s">
        <v>42</v>
      </c>
      <c r="U5017" s="2">
        <v>1.536</v>
      </c>
      <c r="V5017" s="2">
        <v>1.1990000000000001</v>
      </c>
      <c r="W5017" s="2">
        <v>8.9999999999999993E-3</v>
      </c>
      <c r="X5017" s="2">
        <v>106.5</v>
      </c>
      <c r="Y5017" s="2">
        <v>7.6</v>
      </c>
      <c r="Z5017" s="2">
        <v>10.6</v>
      </c>
      <c r="AA5017" s="5"/>
      <c r="AB5017" s="5" t="s">
        <v>43</v>
      </c>
      <c r="AC5017" s="5" t="s">
        <v>44</v>
      </c>
      <c r="AD5017" s="2"/>
      <c r="AE5017" s="1"/>
    </row>
    <row r="5018" spans="1:31" ht="14.45">
      <c r="A5018" s="11"/>
      <c r="B5018" s="20"/>
      <c r="C5018" s="2" t="s">
        <v>15516</v>
      </c>
      <c r="D5018" s="14" t="s">
        <v>15517</v>
      </c>
      <c r="E5018" s="2" t="s">
        <v>15518</v>
      </c>
      <c r="F5018" s="2" t="s">
        <v>14893</v>
      </c>
      <c r="G5018" s="8">
        <v>140</v>
      </c>
      <c r="H5018" s="5">
        <v>6</v>
      </c>
      <c r="I5018" s="5" t="s">
        <v>1518</v>
      </c>
      <c r="J5018" s="5" t="s">
        <v>1519</v>
      </c>
      <c r="K5018" s="2" t="s">
        <v>1520</v>
      </c>
      <c r="L5018" s="5" t="s">
        <v>1519</v>
      </c>
      <c r="M5018" s="2" t="s">
        <v>1520</v>
      </c>
      <c r="N5018" s="5" t="s">
        <v>1521</v>
      </c>
      <c r="O5018" s="5" t="s">
        <v>38</v>
      </c>
      <c r="P5018" s="5" t="s">
        <v>39</v>
      </c>
      <c r="Q5018" s="5" t="s">
        <v>40</v>
      </c>
      <c r="R5018" s="5" t="s">
        <v>1522</v>
      </c>
      <c r="S5018" s="5" t="s">
        <v>1523</v>
      </c>
      <c r="T5018" s="5" t="s">
        <v>42</v>
      </c>
      <c r="U5018" s="2">
        <v>1.4890000000000001</v>
      </c>
      <c r="V5018" s="2">
        <v>1.1519999999999999</v>
      </c>
      <c r="W5018" s="2">
        <v>8.9999999999999993E-3</v>
      </c>
      <c r="X5018" s="2">
        <v>106.5</v>
      </c>
      <c r="Y5018" s="2">
        <v>7.6</v>
      </c>
      <c r="Z5018" s="2">
        <v>10.6</v>
      </c>
      <c r="AA5018" s="5"/>
      <c r="AB5018" s="5" t="s">
        <v>43</v>
      </c>
      <c r="AC5018" s="5" t="s">
        <v>44</v>
      </c>
      <c r="AD5018" s="2"/>
      <c r="AE5018" s="1"/>
    </row>
    <row r="5019" spans="1:31" ht="14.45">
      <c r="A5019" s="11"/>
      <c r="B5019" s="20"/>
      <c r="C5019" s="2" t="s">
        <v>15519</v>
      </c>
      <c r="D5019" s="14" t="s">
        <v>15520</v>
      </c>
      <c r="E5019" s="2" t="s">
        <v>15521</v>
      </c>
      <c r="F5019" s="2" t="s">
        <v>14897</v>
      </c>
      <c r="G5019" s="8">
        <v>140</v>
      </c>
      <c r="H5019" s="5">
        <v>6</v>
      </c>
      <c r="I5019" s="5" t="s">
        <v>1518</v>
      </c>
      <c r="J5019" s="5" t="s">
        <v>1519</v>
      </c>
      <c r="K5019" s="2" t="s">
        <v>1520</v>
      </c>
      <c r="L5019" s="5" t="s">
        <v>1519</v>
      </c>
      <c r="M5019" s="2" t="s">
        <v>1520</v>
      </c>
      <c r="N5019" s="5" t="s">
        <v>1521</v>
      </c>
      <c r="O5019" s="5" t="s">
        <v>38</v>
      </c>
      <c r="P5019" s="5" t="s">
        <v>39</v>
      </c>
      <c r="Q5019" s="5" t="s">
        <v>40</v>
      </c>
      <c r="R5019" s="5" t="s">
        <v>1522</v>
      </c>
      <c r="S5019" s="5" t="s">
        <v>1523</v>
      </c>
      <c r="T5019" s="5" t="s">
        <v>42</v>
      </c>
      <c r="U5019" s="2">
        <v>1.5209999999999999</v>
      </c>
      <c r="V5019" s="2">
        <v>1.1839999999999999</v>
      </c>
      <c r="W5019" s="2">
        <v>8.9999999999999993E-3</v>
      </c>
      <c r="X5019" s="2">
        <v>106.5</v>
      </c>
      <c r="Y5019" s="2">
        <v>7.6</v>
      </c>
      <c r="Z5019" s="2">
        <v>10.6</v>
      </c>
      <c r="AA5019" s="5"/>
      <c r="AB5019" s="5" t="s">
        <v>43</v>
      </c>
      <c r="AC5019" s="5" t="s">
        <v>44</v>
      </c>
      <c r="AD5019" s="2"/>
      <c r="AE5019" s="1"/>
    </row>
    <row r="5020" spans="1:31" ht="14.45">
      <c r="A5020" s="11"/>
      <c r="B5020" s="20"/>
      <c r="C5020" s="2" t="s">
        <v>15522</v>
      </c>
      <c r="D5020" s="14" t="s">
        <v>15523</v>
      </c>
      <c r="E5020" s="2" t="s">
        <v>15524</v>
      </c>
      <c r="F5020" s="2" t="s">
        <v>14869</v>
      </c>
      <c r="G5020" s="8">
        <v>140</v>
      </c>
      <c r="H5020" s="5">
        <v>6</v>
      </c>
      <c r="I5020" s="5" t="s">
        <v>1518</v>
      </c>
      <c r="J5020" s="5" t="s">
        <v>1519</v>
      </c>
      <c r="K5020" s="2" t="s">
        <v>1520</v>
      </c>
      <c r="L5020" s="5" t="s">
        <v>1519</v>
      </c>
      <c r="M5020" s="2" t="s">
        <v>1520</v>
      </c>
      <c r="N5020" s="5" t="s">
        <v>1521</v>
      </c>
      <c r="O5020" s="5" t="s">
        <v>38</v>
      </c>
      <c r="P5020" s="5" t="s">
        <v>39</v>
      </c>
      <c r="Q5020" s="5" t="s">
        <v>40</v>
      </c>
      <c r="R5020" s="5" t="s">
        <v>1522</v>
      </c>
      <c r="S5020" s="5" t="s">
        <v>1523</v>
      </c>
      <c r="T5020" s="5" t="s">
        <v>42</v>
      </c>
      <c r="U5020" s="2">
        <v>1.855</v>
      </c>
      <c r="V5020" s="2">
        <v>1.518</v>
      </c>
      <c r="W5020" s="2">
        <v>8.9999999999999993E-3</v>
      </c>
      <c r="X5020" s="2">
        <v>106.5</v>
      </c>
      <c r="Y5020" s="2">
        <v>7.6</v>
      </c>
      <c r="Z5020" s="2">
        <v>10.6</v>
      </c>
      <c r="AA5020" s="5"/>
      <c r="AB5020" s="5" t="s">
        <v>43</v>
      </c>
      <c r="AC5020" s="5" t="s">
        <v>44</v>
      </c>
      <c r="AD5020" s="2"/>
      <c r="AE5020" s="1"/>
    </row>
    <row r="5021" spans="1:31" ht="14.45">
      <c r="A5021" s="11"/>
      <c r="B5021" s="20"/>
      <c r="C5021" s="2" t="s">
        <v>15525</v>
      </c>
      <c r="D5021" s="14" t="s">
        <v>15526</v>
      </c>
      <c r="E5021" s="2" t="s">
        <v>15527</v>
      </c>
      <c r="F5021" s="2" t="s">
        <v>14873</v>
      </c>
      <c r="G5021" s="8">
        <v>140</v>
      </c>
      <c r="H5021" s="5">
        <v>6</v>
      </c>
      <c r="I5021" s="5" t="s">
        <v>1518</v>
      </c>
      <c r="J5021" s="5" t="s">
        <v>1519</v>
      </c>
      <c r="K5021" s="2" t="s">
        <v>1520</v>
      </c>
      <c r="L5021" s="5" t="s">
        <v>1519</v>
      </c>
      <c r="M5021" s="2" t="s">
        <v>1520</v>
      </c>
      <c r="N5021" s="5" t="s">
        <v>1521</v>
      </c>
      <c r="O5021" s="5" t="s">
        <v>38</v>
      </c>
      <c r="P5021" s="5" t="s">
        <v>39</v>
      </c>
      <c r="Q5021" s="5" t="s">
        <v>40</v>
      </c>
      <c r="R5021" s="5" t="s">
        <v>1522</v>
      </c>
      <c r="S5021" s="5" t="s">
        <v>1523</v>
      </c>
      <c r="T5021" s="5" t="s">
        <v>42</v>
      </c>
      <c r="U5021" s="2">
        <v>1.9</v>
      </c>
      <c r="V5021" s="2">
        <v>1.5629999999999999</v>
      </c>
      <c r="W5021" s="2">
        <v>8.9999999999999993E-3</v>
      </c>
      <c r="X5021" s="2">
        <v>106.5</v>
      </c>
      <c r="Y5021" s="2">
        <v>7.6</v>
      </c>
      <c r="Z5021" s="2">
        <v>10.6</v>
      </c>
      <c r="AA5021" s="5"/>
      <c r="AB5021" s="5" t="s">
        <v>43</v>
      </c>
      <c r="AC5021" s="5" t="s">
        <v>44</v>
      </c>
      <c r="AD5021" s="2"/>
      <c r="AE5021" s="1"/>
    </row>
    <row r="5022" spans="1:31" ht="14.45">
      <c r="A5022" s="11"/>
      <c r="B5022" s="20"/>
      <c r="C5022" s="2" t="s">
        <v>15528</v>
      </c>
      <c r="D5022" s="14" t="s">
        <v>15529</v>
      </c>
      <c r="E5022" s="2" t="s">
        <v>15530</v>
      </c>
      <c r="F5022" s="2" t="s">
        <v>14877</v>
      </c>
      <c r="G5022" s="8">
        <v>140</v>
      </c>
      <c r="H5022" s="5">
        <v>6</v>
      </c>
      <c r="I5022" s="5" t="s">
        <v>1518</v>
      </c>
      <c r="J5022" s="5" t="s">
        <v>1519</v>
      </c>
      <c r="K5022" s="2" t="s">
        <v>1520</v>
      </c>
      <c r="L5022" s="5" t="s">
        <v>1519</v>
      </c>
      <c r="M5022" s="2" t="s">
        <v>1520</v>
      </c>
      <c r="N5022" s="5" t="s">
        <v>1521</v>
      </c>
      <c r="O5022" s="5" t="s">
        <v>38</v>
      </c>
      <c r="P5022" s="5" t="s">
        <v>39</v>
      </c>
      <c r="Q5022" s="5" t="s">
        <v>40</v>
      </c>
      <c r="R5022" s="5" t="s">
        <v>1522</v>
      </c>
      <c r="S5022" s="5" t="s">
        <v>1523</v>
      </c>
      <c r="T5022" s="5" t="s">
        <v>42</v>
      </c>
      <c r="U5022" s="2">
        <v>1.8879999999999999</v>
      </c>
      <c r="V5022" s="2">
        <v>1.5509999999999999</v>
      </c>
      <c r="W5022" s="2">
        <v>8.9999999999999993E-3</v>
      </c>
      <c r="X5022" s="2">
        <v>106.5</v>
      </c>
      <c r="Y5022" s="2">
        <v>7.6</v>
      </c>
      <c r="Z5022" s="2">
        <v>10.6</v>
      </c>
      <c r="AA5022" s="5"/>
      <c r="AB5022" s="5" t="s">
        <v>43</v>
      </c>
      <c r="AC5022" s="5" t="s">
        <v>44</v>
      </c>
      <c r="AD5022" s="2"/>
      <c r="AE5022" s="1"/>
    </row>
    <row r="5023" spans="1:31" ht="14.45">
      <c r="A5023" s="11"/>
      <c r="B5023" s="20"/>
      <c r="C5023" s="2" t="s">
        <v>15531</v>
      </c>
      <c r="D5023" s="14" t="s">
        <v>15532</v>
      </c>
      <c r="E5023" s="2" t="s">
        <v>15533</v>
      </c>
      <c r="F5023" s="2" t="s">
        <v>14881</v>
      </c>
      <c r="G5023" s="8">
        <v>140</v>
      </c>
      <c r="H5023" s="5">
        <v>6</v>
      </c>
      <c r="I5023" s="5" t="s">
        <v>1518</v>
      </c>
      <c r="J5023" s="5" t="s">
        <v>1519</v>
      </c>
      <c r="K5023" s="2" t="s">
        <v>1520</v>
      </c>
      <c r="L5023" s="5" t="s">
        <v>1519</v>
      </c>
      <c r="M5023" s="2" t="s">
        <v>1520</v>
      </c>
      <c r="N5023" s="5" t="s">
        <v>1521</v>
      </c>
      <c r="O5023" s="5" t="s">
        <v>38</v>
      </c>
      <c r="P5023" s="5" t="s">
        <v>39</v>
      </c>
      <c r="Q5023" s="5" t="s">
        <v>40</v>
      </c>
      <c r="R5023" s="5" t="s">
        <v>1522</v>
      </c>
      <c r="S5023" s="5" t="s">
        <v>1523</v>
      </c>
      <c r="T5023" s="5" t="s">
        <v>42</v>
      </c>
      <c r="U5023" s="2">
        <v>1.9330000000000001</v>
      </c>
      <c r="V5023" s="2">
        <v>1.5960000000000001</v>
      </c>
      <c r="W5023" s="2">
        <v>8.9999999999999993E-3</v>
      </c>
      <c r="X5023" s="2">
        <v>106.5</v>
      </c>
      <c r="Y5023" s="2">
        <v>7.6</v>
      </c>
      <c r="Z5023" s="2">
        <v>10.6</v>
      </c>
      <c r="AA5023" s="5"/>
      <c r="AB5023" s="5" t="s">
        <v>43</v>
      </c>
      <c r="AC5023" s="5" t="s">
        <v>44</v>
      </c>
      <c r="AD5023" s="2"/>
      <c r="AE5023" s="1"/>
    </row>
    <row r="5024" spans="1:31" ht="14.45">
      <c r="A5024" s="11"/>
      <c r="B5024" s="20"/>
      <c r="C5024" s="2" t="s">
        <v>15534</v>
      </c>
      <c r="D5024" s="14" t="s">
        <v>15535</v>
      </c>
      <c r="E5024" s="2" t="s">
        <v>15536</v>
      </c>
      <c r="F5024" s="2" t="s">
        <v>14885</v>
      </c>
      <c r="G5024" s="8">
        <v>140</v>
      </c>
      <c r="H5024" s="5">
        <v>6</v>
      </c>
      <c r="I5024" s="5" t="s">
        <v>1518</v>
      </c>
      <c r="J5024" s="5" t="s">
        <v>1519</v>
      </c>
      <c r="K5024" s="2" t="s">
        <v>1520</v>
      </c>
      <c r="L5024" s="5" t="s">
        <v>1519</v>
      </c>
      <c r="M5024" s="2" t="s">
        <v>1520</v>
      </c>
      <c r="N5024" s="5" t="s">
        <v>1521</v>
      </c>
      <c r="O5024" s="5" t="s">
        <v>38</v>
      </c>
      <c r="P5024" s="5" t="s">
        <v>39</v>
      </c>
      <c r="Q5024" s="5" t="s">
        <v>40</v>
      </c>
      <c r="R5024" s="5" t="s">
        <v>1522</v>
      </c>
      <c r="S5024" s="5" t="s">
        <v>1523</v>
      </c>
      <c r="T5024" s="5" t="s">
        <v>42</v>
      </c>
      <c r="U5024" s="2">
        <v>1.8879999999999999</v>
      </c>
      <c r="V5024" s="2">
        <v>1.5509999999999999</v>
      </c>
      <c r="W5024" s="2">
        <v>8.9999999999999993E-3</v>
      </c>
      <c r="X5024" s="2">
        <v>106.5</v>
      </c>
      <c r="Y5024" s="2">
        <v>7.6</v>
      </c>
      <c r="Z5024" s="2">
        <v>10.6</v>
      </c>
      <c r="AA5024" s="5"/>
      <c r="AB5024" s="5" t="s">
        <v>43</v>
      </c>
      <c r="AC5024" s="5" t="s">
        <v>44</v>
      </c>
      <c r="AD5024" s="2"/>
      <c r="AE5024" s="1"/>
    </row>
    <row r="5025" spans="1:31" ht="14.45">
      <c r="A5025" s="11"/>
      <c r="B5025" s="20"/>
      <c r="C5025" s="2" t="s">
        <v>15537</v>
      </c>
      <c r="D5025" s="14" t="s">
        <v>15538</v>
      </c>
      <c r="E5025" s="2" t="s">
        <v>15539</v>
      </c>
      <c r="F5025" s="2" t="s">
        <v>14889</v>
      </c>
      <c r="G5025" s="8">
        <v>140</v>
      </c>
      <c r="H5025" s="5">
        <v>6</v>
      </c>
      <c r="I5025" s="5" t="s">
        <v>1518</v>
      </c>
      <c r="J5025" s="5" t="s">
        <v>1519</v>
      </c>
      <c r="K5025" s="2" t="s">
        <v>1520</v>
      </c>
      <c r="L5025" s="5" t="s">
        <v>1519</v>
      </c>
      <c r="M5025" s="2" t="s">
        <v>1520</v>
      </c>
      <c r="N5025" s="5" t="s">
        <v>1521</v>
      </c>
      <c r="O5025" s="5" t="s">
        <v>38</v>
      </c>
      <c r="P5025" s="5" t="s">
        <v>39</v>
      </c>
      <c r="Q5025" s="5" t="s">
        <v>40</v>
      </c>
      <c r="R5025" s="5" t="s">
        <v>1522</v>
      </c>
      <c r="S5025" s="5" t="s">
        <v>1523</v>
      </c>
      <c r="T5025" s="5" t="s">
        <v>42</v>
      </c>
      <c r="U5025" s="2">
        <v>1.9330000000000001</v>
      </c>
      <c r="V5025" s="2">
        <v>1.5960000000000001</v>
      </c>
      <c r="W5025" s="2">
        <v>8.9999999999999993E-3</v>
      </c>
      <c r="X5025" s="2">
        <v>106.5</v>
      </c>
      <c r="Y5025" s="2">
        <v>7.6</v>
      </c>
      <c r="Z5025" s="2">
        <v>10.6</v>
      </c>
      <c r="AA5025" s="5"/>
      <c r="AB5025" s="5" t="s">
        <v>43</v>
      </c>
      <c r="AC5025" s="5" t="s">
        <v>44</v>
      </c>
      <c r="AD5025" s="2"/>
      <c r="AE5025" s="1"/>
    </row>
    <row r="5026" spans="1:31" ht="14.45">
      <c r="A5026" s="11"/>
      <c r="B5026" s="20"/>
      <c r="C5026" s="2" t="s">
        <v>15540</v>
      </c>
      <c r="D5026" s="14" t="s">
        <v>15541</v>
      </c>
      <c r="E5026" s="2" t="s">
        <v>15542</v>
      </c>
      <c r="F5026" s="2" t="s">
        <v>14893</v>
      </c>
      <c r="G5026" s="8">
        <v>140</v>
      </c>
      <c r="H5026" s="5">
        <v>6</v>
      </c>
      <c r="I5026" s="5" t="s">
        <v>1518</v>
      </c>
      <c r="J5026" s="5" t="s">
        <v>1519</v>
      </c>
      <c r="K5026" s="2" t="s">
        <v>1520</v>
      </c>
      <c r="L5026" s="5" t="s">
        <v>1519</v>
      </c>
      <c r="M5026" s="2" t="s">
        <v>1520</v>
      </c>
      <c r="N5026" s="5" t="s">
        <v>1521</v>
      </c>
      <c r="O5026" s="5" t="s">
        <v>38</v>
      </c>
      <c r="P5026" s="5" t="s">
        <v>39</v>
      </c>
      <c r="Q5026" s="5" t="s">
        <v>40</v>
      </c>
      <c r="R5026" s="5" t="s">
        <v>1522</v>
      </c>
      <c r="S5026" s="5" t="s">
        <v>1523</v>
      </c>
      <c r="T5026" s="5" t="s">
        <v>42</v>
      </c>
      <c r="U5026" s="2">
        <v>1.855</v>
      </c>
      <c r="V5026" s="2">
        <v>1.518</v>
      </c>
      <c r="W5026" s="2">
        <v>8.9999999999999993E-3</v>
      </c>
      <c r="X5026" s="2">
        <v>106.5</v>
      </c>
      <c r="Y5026" s="2">
        <v>7.6</v>
      </c>
      <c r="Z5026" s="2">
        <v>10.6</v>
      </c>
      <c r="AA5026" s="5"/>
      <c r="AB5026" s="5" t="s">
        <v>43</v>
      </c>
      <c r="AC5026" s="5" t="s">
        <v>44</v>
      </c>
      <c r="AD5026" s="2"/>
      <c r="AE5026" s="1"/>
    </row>
    <row r="5027" spans="1:31" ht="14.45">
      <c r="A5027" s="11"/>
      <c r="B5027" s="20"/>
      <c r="C5027" s="2" t="s">
        <v>15543</v>
      </c>
      <c r="D5027" s="14" t="s">
        <v>15544</v>
      </c>
      <c r="E5027" s="2" t="s">
        <v>15545</v>
      </c>
      <c r="F5027" s="2" t="s">
        <v>14897</v>
      </c>
      <c r="G5027" s="8">
        <v>140</v>
      </c>
      <c r="H5027" s="5">
        <v>6</v>
      </c>
      <c r="I5027" s="5" t="s">
        <v>1518</v>
      </c>
      <c r="J5027" s="5" t="s">
        <v>1519</v>
      </c>
      <c r="K5027" s="2" t="s">
        <v>1520</v>
      </c>
      <c r="L5027" s="5" t="s">
        <v>1519</v>
      </c>
      <c r="M5027" s="2" t="s">
        <v>1520</v>
      </c>
      <c r="N5027" s="5" t="s">
        <v>1521</v>
      </c>
      <c r="O5027" s="5" t="s">
        <v>38</v>
      </c>
      <c r="P5027" s="5" t="s">
        <v>39</v>
      </c>
      <c r="Q5027" s="5" t="s">
        <v>40</v>
      </c>
      <c r="R5027" s="5" t="s">
        <v>1522</v>
      </c>
      <c r="S5027" s="5" t="s">
        <v>1523</v>
      </c>
      <c r="T5027" s="5" t="s">
        <v>42</v>
      </c>
      <c r="U5027" s="2">
        <v>1.9</v>
      </c>
      <c r="V5027" s="2">
        <v>1.5629999999999999</v>
      </c>
      <c r="W5027" s="2">
        <v>8.9999999999999993E-3</v>
      </c>
      <c r="X5027" s="2">
        <v>106.5</v>
      </c>
      <c r="Y5027" s="2">
        <v>7.6</v>
      </c>
      <c r="Z5027" s="2">
        <v>10.6</v>
      </c>
      <c r="AA5027" s="5"/>
      <c r="AB5027" s="5" t="s">
        <v>43</v>
      </c>
      <c r="AC5027" s="5" t="s">
        <v>44</v>
      </c>
      <c r="AD5027" s="2"/>
      <c r="AE5027" s="1"/>
    </row>
    <row r="5028" spans="1:31" ht="14.45">
      <c r="A5028" s="11"/>
      <c r="B5028" s="20"/>
      <c r="C5028" s="2" t="s">
        <v>15546</v>
      </c>
      <c r="D5028" s="14" t="s">
        <v>15547</v>
      </c>
      <c r="E5028" s="2" t="s">
        <v>15548</v>
      </c>
      <c r="F5028" s="2" t="s">
        <v>14869</v>
      </c>
      <c r="G5028" s="8">
        <v>151</v>
      </c>
      <c r="H5028" s="5">
        <v>6</v>
      </c>
      <c r="I5028" s="5" t="s">
        <v>1518</v>
      </c>
      <c r="J5028" s="5" t="s">
        <v>1519</v>
      </c>
      <c r="K5028" s="2" t="s">
        <v>1520</v>
      </c>
      <c r="L5028" s="5" t="s">
        <v>1519</v>
      </c>
      <c r="M5028" s="2" t="s">
        <v>1520</v>
      </c>
      <c r="N5028" s="5" t="s">
        <v>1521</v>
      </c>
      <c r="O5028" s="5" t="s">
        <v>38</v>
      </c>
      <c r="P5028" s="5" t="s">
        <v>39</v>
      </c>
      <c r="Q5028" s="5" t="s">
        <v>40</v>
      </c>
      <c r="R5028" s="5" t="s">
        <v>1522</v>
      </c>
      <c r="S5028" s="5" t="s">
        <v>1523</v>
      </c>
      <c r="T5028" s="5" t="s">
        <v>42</v>
      </c>
      <c r="U5028" s="2">
        <v>2.0470000000000002</v>
      </c>
      <c r="V5028" s="2">
        <v>1.65</v>
      </c>
      <c r="W5028" s="2">
        <v>0.01</v>
      </c>
      <c r="X5028" s="2">
        <v>128.5</v>
      </c>
      <c r="Y5028" s="2">
        <v>7.6</v>
      </c>
      <c r="Z5028" s="2">
        <v>10.6</v>
      </c>
      <c r="AA5028" s="5"/>
      <c r="AB5028" s="5" t="s">
        <v>43</v>
      </c>
      <c r="AC5028" s="5" t="s">
        <v>44</v>
      </c>
      <c r="AD5028" s="2"/>
      <c r="AE5028" s="1"/>
    </row>
    <row r="5029" spans="1:31" ht="14.45">
      <c r="A5029" s="11"/>
      <c r="B5029" s="20"/>
      <c r="C5029" s="2" t="s">
        <v>15549</v>
      </c>
      <c r="D5029" s="14" t="s">
        <v>15550</v>
      </c>
      <c r="E5029" s="2" t="s">
        <v>15551</v>
      </c>
      <c r="F5029" s="2" t="s">
        <v>14873</v>
      </c>
      <c r="G5029" s="8">
        <v>151</v>
      </c>
      <c r="H5029" s="5">
        <v>6</v>
      </c>
      <c r="I5029" s="5" t="s">
        <v>1518</v>
      </c>
      <c r="J5029" s="5" t="s">
        <v>1519</v>
      </c>
      <c r="K5029" s="2" t="s">
        <v>1520</v>
      </c>
      <c r="L5029" s="5" t="s">
        <v>1519</v>
      </c>
      <c r="M5029" s="2" t="s">
        <v>1520</v>
      </c>
      <c r="N5029" s="5" t="s">
        <v>1521</v>
      </c>
      <c r="O5029" s="5" t="s">
        <v>38</v>
      </c>
      <c r="P5029" s="5" t="s">
        <v>39</v>
      </c>
      <c r="Q5029" s="5" t="s">
        <v>40</v>
      </c>
      <c r="R5029" s="5" t="s">
        <v>1522</v>
      </c>
      <c r="S5029" s="5" t="s">
        <v>1523</v>
      </c>
      <c r="T5029" s="5" t="s">
        <v>42</v>
      </c>
      <c r="U5029" s="2">
        <v>2.097</v>
      </c>
      <c r="V5029" s="2">
        <v>1.7</v>
      </c>
      <c r="W5029" s="2">
        <v>0.01</v>
      </c>
      <c r="X5029" s="2">
        <v>128.5</v>
      </c>
      <c r="Y5029" s="2">
        <v>7.6</v>
      </c>
      <c r="Z5029" s="2">
        <v>10.6</v>
      </c>
      <c r="AA5029" s="5"/>
      <c r="AB5029" s="5" t="s">
        <v>43</v>
      </c>
      <c r="AC5029" s="5" t="s">
        <v>44</v>
      </c>
      <c r="AD5029" s="2"/>
      <c r="AE5029" s="1"/>
    </row>
    <row r="5030" spans="1:31" ht="14.45">
      <c r="A5030" s="11"/>
      <c r="B5030" s="20"/>
      <c r="C5030" s="2" t="s">
        <v>15552</v>
      </c>
      <c r="D5030" s="14" t="s">
        <v>15553</v>
      </c>
      <c r="E5030" s="2" t="s">
        <v>15554</v>
      </c>
      <c r="F5030" s="2" t="s">
        <v>14877</v>
      </c>
      <c r="G5030" s="8">
        <v>151</v>
      </c>
      <c r="H5030" s="5">
        <v>6</v>
      </c>
      <c r="I5030" s="5" t="s">
        <v>1518</v>
      </c>
      <c r="J5030" s="5" t="s">
        <v>1519</v>
      </c>
      <c r="K5030" s="2" t="s">
        <v>1520</v>
      </c>
      <c r="L5030" s="5" t="s">
        <v>1519</v>
      </c>
      <c r="M5030" s="2" t="s">
        <v>1520</v>
      </c>
      <c r="N5030" s="5" t="s">
        <v>1521</v>
      </c>
      <c r="O5030" s="5" t="s">
        <v>38</v>
      </c>
      <c r="P5030" s="5" t="s">
        <v>39</v>
      </c>
      <c r="Q5030" s="5" t="s">
        <v>40</v>
      </c>
      <c r="R5030" s="5" t="s">
        <v>1522</v>
      </c>
      <c r="S5030" s="5" t="s">
        <v>1523</v>
      </c>
      <c r="T5030" s="5" t="s">
        <v>42</v>
      </c>
      <c r="U5030" s="2">
        <v>2.0870000000000002</v>
      </c>
      <c r="V5030" s="2">
        <v>1.69</v>
      </c>
      <c r="W5030" s="2">
        <v>0.01</v>
      </c>
      <c r="X5030" s="2">
        <v>128.5</v>
      </c>
      <c r="Y5030" s="2">
        <v>7.6</v>
      </c>
      <c r="Z5030" s="2">
        <v>10.6</v>
      </c>
      <c r="AA5030" s="5"/>
      <c r="AB5030" s="5" t="s">
        <v>43</v>
      </c>
      <c r="AC5030" s="5" t="s">
        <v>44</v>
      </c>
      <c r="AD5030" s="2"/>
      <c r="AE5030" s="1"/>
    </row>
    <row r="5031" spans="1:31" ht="14.45">
      <c r="A5031" s="11"/>
      <c r="B5031" s="20"/>
      <c r="C5031" s="2" t="s">
        <v>15555</v>
      </c>
      <c r="D5031" s="14" t="s">
        <v>15556</v>
      </c>
      <c r="E5031" s="2" t="s">
        <v>15557</v>
      </c>
      <c r="F5031" s="2" t="s">
        <v>14881</v>
      </c>
      <c r="G5031" s="8">
        <v>151</v>
      </c>
      <c r="H5031" s="5">
        <v>6</v>
      </c>
      <c r="I5031" s="5" t="s">
        <v>1518</v>
      </c>
      <c r="J5031" s="5" t="s">
        <v>1519</v>
      </c>
      <c r="K5031" s="2" t="s">
        <v>1520</v>
      </c>
      <c r="L5031" s="5" t="s">
        <v>1519</v>
      </c>
      <c r="M5031" s="2" t="s">
        <v>1520</v>
      </c>
      <c r="N5031" s="5" t="s">
        <v>1521</v>
      </c>
      <c r="O5031" s="5" t="s">
        <v>38</v>
      </c>
      <c r="P5031" s="5" t="s">
        <v>39</v>
      </c>
      <c r="Q5031" s="5" t="s">
        <v>40</v>
      </c>
      <c r="R5031" s="5" t="s">
        <v>1522</v>
      </c>
      <c r="S5031" s="5" t="s">
        <v>1523</v>
      </c>
      <c r="T5031" s="5" t="s">
        <v>42</v>
      </c>
      <c r="U5031" s="2">
        <v>2.137</v>
      </c>
      <c r="V5031" s="2">
        <v>1.74</v>
      </c>
      <c r="W5031" s="2">
        <v>0.01</v>
      </c>
      <c r="X5031" s="2">
        <v>128.5</v>
      </c>
      <c r="Y5031" s="2">
        <v>7.6</v>
      </c>
      <c r="Z5031" s="2">
        <v>10.6</v>
      </c>
      <c r="AA5031" s="5"/>
      <c r="AB5031" s="5" t="s">
        <v>43</v>
      </c>
      <c r="AC5031" s="5" t="s">
        <v>44</v>
      </c>
      <c r="AD5031" s="2"/>
      <c r="AE5031" s="1"/>
    </row>
    <row r="5032" spans="1:31" ht="14.45">
      <c r="A5032" s="11"/>
      <c r="B5032" s="20"/>
      <c r="C5032" s="2" t="s">
        <v>15558</v>
      </c>
      <c r="D5032" s="14" t="s">
        <v>15559</v>
      </c>
      <c r="E5032" s="2" t="s">
        <v>15560</v>
      </c>
      <c r="F5032" s="2" t="s">
        <v>14885</v>
      </c>
      <c r="G5032" s="8">
        <v>151</v>
      </c>
      <c r="H5032" s="5">
        <v>6</v>
      </c>
      <c r="I5032" s="5" t="s">
        <v>1518</v>
      </c>
      <c r="J5032" s="5" t="s">
        <v>1519</v>
      </c>
      <c r="K5032" s="2" t="s">
        <v>1520</v>
      </c>
      <c r="L5032" s="5" t="s">
        <v>1519</v>
      </c>
      <c r="M5032" s="2" t="s">
        <v>1520</v>
      </c>
      <c r="N5032" s="5" t="s">
        <v>1521</v>
      </c>
      <c r="O5032" s="5" t="s">
        <v>38</v>
      </c>
      <c r="P5032" s="5" t="s">
        <v>39</v>
      </c>
      <c r="Q5032" s="5" t="s">
        <v>40</v>
      </c>
      <c r="R5032" s="5" t="s">
        <v>1522</v>
      </c>
      <c r="S5032" s="5" t="s">
        <v>1523</v>
      </c>
      <c r="T5032" s="5" t="s">
        <v>42</v>
      </c>
      <c r="U5032" s="2">
        <v>2.0870000000000002</v>
      </c>
      <c r="V5032" s="2">
        <v>1.69</v>
      </c>
      <c r="W5032" s="2">
        <v>0.01</v>
      </c>
      <c r="X5032" s="2">
        <v>128.5</v>
      </c>
      <c r="Y5032" s="2">
        <v>7.6</v>
      </c>
      <c r="Z5032" s="2">
        <v>10.6</v>
      </c>
      <c r="AA5032" s="5"/>
      <c r="AB5032" s="5" t="s">
        <v>43</v>
      </c>
      <c r="AC5032" s="5" t="s">
        <v>44</v>
      </c>
      <c r="AD5032" s="2"/>
      <c r="AE5032" s="1"/>
    </row>
    <row r="5033" spans="1:31" ht="14.45">
      <c r="A5033" s="11"/>
      <c r="B5033" s="20"/>
      <c r="C5033" s="2" t="s">
        <v>15561</v>
      </c>
      <c r="D5033" s="14" t="s">
        <v>15562</v>
      </c>
      <c r="E5033" s="2" t="s">
        <v>15563</v>
      </c>
      <c r="F5033" s="2" t="s">
        <v>14889</v>
      </c>
      <c r="G5033" s="8">
        <v>151</v>
      </c>
      <c r="H5033" s="5">
        <v>6</v>
      </c>
      <c r="I5033" s="5" t="s">
        <v>1518</v>
      </c>
      <c r="J5033" s="5" t="s">
        <v>1519</v>
      </c>
      <c r="K5033" s="2" t="s">
        <v>1520</v>
      </c>
      <c r="L5033" s="5" t="s">
        <v>1519</v>
      </c>
      <c r="M5033" s="2" t="s">
        <v>1520</v>
      </c>
      <c r="N5033" s="5" t="s">
        <v>1521</v>
      </c>
      <c r="O5033" s="5" t="s">
        <v>38</v>
      </c>
      <c r="P5033" s="5" t="s">
        <v>39</v>
      </c>
      <c r="Q5033" s="5" t="s">
        <v>40</v>
      </c>
      <c r="R5033" s="5" t="s">
        <v>1522</v>
      </c>
      <c r="S5033" s="5" t="s">
        <v>1523</v>
      </c>
      <c r="T5033" s="5" t="s">
        <v>42</v>
      </c>
      <c r="U5033" s="2">
        <v>2.137</v>
      </c>
      <c r="V5033" s="2">
        <v>1.74</v>
      </c>
      <c r="W5033" s="2">
        <v>0.01</v>
      </c>
      <c r="X5033" s="2">
        <v>128.5</v>
      </c>
      <c r="Y5033" s="2">
        <v>7.6</v>
      </c>
      <c r="Z5033" s="2">
        <v>10.6</v>
      </c>
      <c r="AA5033" s="5"/>
      <c r="AB5033" s="5" t="s">
        <v>43</v>
      </c>
      <c r="AC5033" s="5" t="s">
        <v>44</v>
      </c>
      <c r="AD5033" s="2"/>
      <c r="AE5033" s="1"/>
    </row>
    <row r="5034" spans="1:31" ht="14.45">
      <c r="A5034" s="11"/>
      <c r="B5034" s="20"/>
      <c r="C5034" s="2" t="s">
        <v>15564</v>
      </c>
      <c r="D5034" s="14" t="s">
        <v>15565</v>
      </c>
      <c r="E5034" s="2" t="s">
        <v>15566</v>
      </c>
      <c r="F5034" s="2" t="s">
        <v>14893</v>
      </c>
      <c r="G5034" s="8">
        <v>151</v>
      </c>
      <c r="H5034" s="5">
        <v>6</v>
      </c>
      <c r="I5034" s="5" t="s">
        <v>1518</v>
      </c>
      <c r="J5034" s="5" t="s">
        <v>1519</v>
      </c>
      <c r="K5034" s="2" t="s">
        <v>1520</v>
      </c>
      <c r="L5034" s="5" t="s">
        <v>1519</v>
      </c>
      <c r="M5034" s="2" t="s">
        <v>1520</v>
      </c>
      <c r="N5034" s="5" t="s">
        <v>1521</v>
      </c>
      <c r="O5034" s="5" t="s">
        <v>38</v>
      </c>
      <c r="P5034" s="5" t="s">
        <v>39</v>
      </c>
      <c r="Q5034" s="5" t="s">
        <v>40</v>
      </c>
      <c r="R5034" s="5" t="s">
        <v>1522</v>
      </c>
      <c r="S5034" s="5" t="s">
        <v>1523</v>
      </c>
      <c r="T5034" s="5" t="s">
        <v>42</v>
      </c>
      <c r="U5034" s="2">
        <v>2.0470000000000002</v>
      </c>
      <c r="V5034" s="2">
        <v>1.65</v>
      </c>
      <c r="W5034" s="2">
        <v>0.01</v>
      </c>
      <c r="X5034" s="2">
        <v>128.5</v>
      </c>
      <c r="Y5034" s="2">
        <v>7.6</v>
      </c>
      <c r="Z5034" s="2">
        <v>10.6</v>
      </c>
      <c r="AA5034" s="5"/>
      <c r="AB5034" s="5" t="s">
        <v>43</v>
      </c>
      <c r="AC5034" s="5" t="s">
        <v>44</v>
      </c>
      <c r="AD5034" s="2"/>
      <c r="AE5034" s="1"/>
    </row>
    <row r="5035" spans="1:31" ht="14.45">
      <c r="A5035" s="11"/>
      <c r="B5035" s="20"/>
      <c r="C5035" s="2" t="s">
        <v>15567</v>
      </c>
      <c r="D5035" s="14" t="s">
        <v>15568</v>
      </c>
      <c r="E5035" s="2" t="s">
        <v>15569</v>
      </c>
      <c r="F5035" s="2" t="s">
        <v>14897</v>
      </c>
      <c r="G5035" s="8">
        <v>151</v>
      </c>
      <c r="H5035" s="5">
        <v>6</v>
      </c>
      <c r="I5035" s="5" t="s">
        <v>1518</v>
      </c>
      <c r="J5035" s="5" t="s">
        <v>1519</v>
      </c>
      <c r="K5035" s="2" t="s">
        <v>1520</v>
      </c>
      <c r="L5035" s="5" t="s">
        <v>1519</v>
      </c>
      <c r="M5035" s="2" t="s">
        <v>1520</v>
      </c>
      <c r="N5035" s="5" t="s">
        <v>1521</v>
      </c>
      <c r="O5035" s="5" t="s">
        <v>38</v>
      </c>
      <c r="P5035" s="5" t="s">
        <v>39</v>
      </c>
      <c r="Q5035" s="5" t="s">
        <v>40</v>
      </c>
      <c r="R5035" s="5" t="s">
        <v>1522</v>
      </c>
      <c r="S5035" s="5" t="s">
        <v>1523</v>
      </c>
      <c r="T5035" s="5" t="s">
        <v>42</v>
      </c>
      <c r="U5035" s="2">
        <v>2.097</v>
      </c>
      <c r="V5035" s="2">
        <v>1.7</v>
      </c>
      <c r="W5035" s="2">
        <v>0.01</v>
      </c>
      <c r="X5035" s="2">
        <v>128.5</v>
      </c>
      <c r="Y5035" s="2">
        <v>7.6</v>
      </c>
      <c r="Z5035" s="2">
        <v>10.6</v>
      </c>
      <c r="AA5035" s="5"/>
      <c r="AB5035" s="5" t="s">
        <v>43</v>
      </c>
      <c r="AC5035" s="5" t="s">
        <v>44</v>
      </c>
      <c r="AD5035" s="2"/>
      <c r="AE5035" s="1"/>
    </row>
    <row r="5036" spans="1:31" ht="14.45">
      <c r="A5036" s="11"/>
      <c r="B5036" s="20"/>
      <c r="C5036" s="2" t="s">
        <v>15570</v>
      </c>
      <c r="D5036" s="14" t="s">
        <v>15571</v>
      </c>
      <c r="E5036" s="2" t="s">
        <v>15572</v>
      </c>
      <c r="F5036" s="2" t="s">
        <v>14869</v>
      </c>
      <c r="G5036" s="8">
        <v>164</v>
      </c>
      <c r="H5036" s="5">
        <v>6</v>
      </c>
      <c r="I5036" s="5" t="s">
        <v>1518</v>
      </c>
      <c r="J5036" s="5" t="s">
        <v>1519</v>
      </c>
      <c r="K5036" s="2" t="s">
        <v>1520</v>
      </c>
      <c r="L5036" s="5" t="s">
        <v>1519</v>
      </c>
      <c r="M5036" s="2" t="s">
        <v>1520</v>
      </c>
      <c r="N5036" s="5" t="s">
        <v>1521</v>
      </c>
      <c r="O5036" s="5" t="s">
        <v>38</v>
      </c>
      <c r="P5036" s="5" t="s">
        <v>39</v>
      </c>
      <c r="Q5036" s="5" t="s">
        <v>40</v>
      </c>
      <c r="R5036" s="5" t="s">
        <v>1522</v>
      </c>
      <c r="S5036" s="5" t="s">
        <v>1523</v>
      </c>
      <c r="T5036" s="5" t="s">
        <v>42</v>
      </c>
      <c r="U5036" s="2">
        <v>2.2290000000000001</v>
      </c>
      <c r="V5036" s="2">
        <v>1.7729999999999999</v>
      </c>
      <c r="W5036" s="2">
        <v>1.2E-2</v>
      </c>
      <c r="X5036" s="2">
        <v>148.69999999999999</v>
      </c>
      <c r="Y5036" s="2">
        <v>7.6</v>
      </c>
      <c r="Z5036" s="2">
        <v>10.6</v>
      </c>
      <c r="AA5036" s="5"/>
      <c r="AB5036" s="5" t="s">
        <v>43</v>
      </c>
      <c r="AC5036" s="5" t="s">
        <v>44</v>
      </c>
      <c r="AD5036" s="2"/>
      <c r="AE5036" s="1"/>
    </row>
    <row r="5037" spans="1:31" ht="14.45">
      <c r="A5037" s="11"/>
      <c r="B5037" s="20"/>
      <c r="C5037" s="2" t="s">
        <v>15573</v>
      </c>
      <c r="D5037" s="14" t="s">
        <v>15574</v>
      </c>
      <c r="E5037" s="2" t="s">
        <v>15575</v>
      </c>
      <c r="F5037" s="2" t="s">
        <v>14873</v>
      </c>
      <c r="G5037" s="8">
        <v>164</v>
      </c>
      <c r="H5037" s="5">
        <v>6</v>
      </c>
      <c r="I5037" s="5" t="s">
        <v>1518</v>
      </c>
      <c r="J5037" s="5" t="s">
        <v>1519</v>
      </c>
      <c r="K5037" s="2" t="s">
        <v>1520</v>
      </c>
      <c r="L5037" s="5" t="s">
        <v>1519</v>
      </c>
      <c r="M5037" s="2" t="s">
        <v>1520</v>
      </c>
      <c r="N5037" s="5" t="s">
        <v>1521</v>
      </c>
      <c r="O5037" s="5" t="s">
        <v>38</v>
      </c>
      <c r="P5037" s="5" t="s">
        <v>39</v>
      </c>
      <c r="Q5037" s="5" t="s">
        <v>40</v>
      </c>
      <c r="R5037" s="5" t="s">
        <v>1522</v>
      </c>
      <c r="S5037" s="5" t="s">
        <v>1523</v>
      </c>
      <c r="T5037" s="5" t="s">
        <v>42</v>
      </c>
      <c r="U5037" s="2">
        <v>2.2829999999999999</v>
      </c>
      <c r="V5037" s="2">
        <v>1.827</v>
      </c>
      <c r="W5037" s="2">
        <v>1.2E-2</v>
      </c>
      <c r="X5037" s="2">
        <v>148.69999999999999</v>
      </c>
      <c r="Y5037" s="2">
        <v>7.6</v>
      </c>
      <c r="Z5037" s="2">
        <v>10.6</v>
      </c>
      <c r="AA5037" s="5"/>
      <c r="AB5037" s="5" t="s">
        <v>43</v>
      </c>
      <c r="AC5037" s="5" t="s">
        <v>44</v>
      </c>
      <c r="AD5037" s="2"/>
      <c r="AE5037" s="1"/>
    </row>
    <row r="5038" spans="1:31" ht="14.45">
      <c r="A5038" s="11"/>
      <c r="B5038" s="20"/>
      <c r="C5038" s="2" t="s">
        <v>15576</v>
      </c>
      <c r="D5038" s="14" t="s">
        <v>15577</v>
      </c>
      <c r="E5038" s="2" t="s">
        <v>15578</v>
      </c>
      <c r="F5038" s="2" t="s">
        <v>14877</v>
      </c>
      <c r="G5038" s="8">
        <v>164</v>
      </c>
      <c r="H5038" s="5">
        <v>6</v>
      </c>
      <c r="I5038" s="5" t="s">
        <v>1518</v>
      </c>
      <c r="J5038" s="5" t="s">
        <v>1519</v>
      </c>
      <c r="K5038" s="2" t="s">
        <v>1520</v>
      </c>
      <c r="L5038" s="5" t="s">
        <v>1519</v>
      </c>
      <c r="M5038" s="2" t="s">
        <v>1520</v>
      </c>
      <c r="N5038" s="5" t="s">
        <v>1521</v>
      </c>
      <c r="O5038" s="5" t="s">
        <v>38</v>
      </c>
      <c r="P5038" s="5" t="s">
        <v>39</v>
      </c>
      <c r="Q5038" s="5" t="s">
        <v>40</v>
      </c>
      <c r="R5038" s="5" t="s">
        <v>1522</v>
      </c>
      <c r="S5038" s="5" t="s">
        <v>1523</v>
      </c>
      <c r="T5038" s="5" t="s">
        <v>42</v>
      </c>
      <c r="U5038" s="2">
        <v>2.2749999999999999</v>
      </c>
      <c r="V5038" s="2">
        <v>1.819</v>
      </c>
      <c r="W5038" s="2">
        <v>1.2E-2</v>
      </c>
      <c r="X5038" s="2">
        <v>148.69999999999999</v>
      </c>
      <c r="Y5038" s="2">
        <v>7.6</v>
      </c>
      <c r="Z5038" s="2">
        <v>10.6</v>
      </c>
      <c r="AA5038" s="5"/>
      <c r="AB5038" s="5" t="s">
        <v>43</v>
      </c>
      <c r="AC5038" s="5" t="s">
        <v>44</v>
      </c>
      <c r="AD5038" s="2"/>
      <c r="AE5038" s="1"/>
    </row>
    <row r="5039" spans="1:31" ht="14.45">
      <c r="A5039" s="11"/>
      <c r="B5039" s="20"/>
      <c r="C5039" s="2" t="s">
        <v>15579</v>
      </c>
      <c r="D5039" s="14" t="s">
        <v>15580</v>
      </c>
      <c r="E5039" s="2" t="s">
        <v>15581</v>
      </c>
      <c r="F5039" s="2" t="s">
        <v>14881</v>
      </c>
      <c r="G5039" s="8">
        <v>164</v>
      </c>
      <c r="H5039" s="5">
        <v>6</v>
      </c>
      <c r="I5039" s="5" t="s">
        <v>1518</v>
      </c>
      <c r="J5039" s="5" t="s">
        <v>1519</v>
      </c>
      <c r="K5039" s="2" t="s">
        <v>1520</v>
      </c>
      <c r="L5039" s="5" t="s">
        <v>1519</v>
      </c>
      <c r="M5039" s="2" t="s">
        <v>1520</v>
      </c>
      <c r="N5039" s="5" t="s">
        <v>1521</v>
      </c>
      <c r="O5039" s="5" t="s">
        <v>38</v>
      </c>
      <c r="P5039" s="5" t="s">
        <v>39</v>
      </c>
      <c r="Q5039" s="5" t="s">
        <v>40</v>
      </c>
      <c r="R5039" s="5" t="s">
        <v>1522</v>
      </c>
      <c r="S5039" s="5" t="s">
        <v>1523</v>
      </c>
      <c r="T5039" s="5" t="s">
        <v>42</v>
      </c>
      <c r="U5039" s="2">
        <v>2.3290000000000002</v>
      </c>
      <c r="V5039" s="2">
        <v>1.873</v>
      </c>
      <c r="W5039" s="2">
        <v>1.2E-2</v>
      </c>
      <c r="X5039" s="2">
        <v>148.69999999999999</v>
      </c>
      <c r="Y5039" s="2">
        <v>7.6</v>
      </c>
      <c r="Z5039" s="2">
        <v>10.6</v>
      </c>
      <c r="AA5039" s="5"/>
      <c r="AB5039" s="5" t="s">
        <v>43</v>
      </c>
      <c r="AC5039" s="5" t="s">
        <v>44</v>
      </c>
      <c r="AD5039" s="2"/>
      <c r="AE5039" s="1"/>
    </row>
    <row r="5040" spans="1:31" ht="14.45">
      <c r="A5040" s="11"/>
      <c r="B5040" s="20"/>
      <c r="C5040" s="2" t="s">
        <v>15582</v>
      </c>
      <c r="D5040" s="14" t="s">
        <v>15583</v>
      </c>
      <c r="E5040" s="2" t="s">
        <v>15584</v>
      </c>
      <c r="F5040" s="2" t="s">
        <v>14885</v>
      </c>
      <c r="G5040" s="8">
        <v>164</v>
      </c>
      <c r="H5040" s="5">
        <v>6</v>
      </c>
      <c r="I5040" s="5" t="s">
        <v>1518</v>
      </c>
      <c r="J5040" s="5" t="s">
        <v>1519</v>
      </c>
      <c r="K5040" s="2" t="s">
        <v>1520</v>
      </c>
      <c r="L5040" s="5" t="s">
        <v>1519</v>
      </c>
      <c r="M5040" s="2" t="s">
        <v>1520</v>
      </c>
      <c r="N5040" s="5" t="s">
        <v>1521</v>
      </c>
      <c r="O5040" s="5" t="s">
        <v>38</v>
      </c>
      <c r="P5040" s="5" t="s">
        <v>39</v>
      </c>
      <c r="Q5040" s="5" t="s">
        <v>40</v>
      </c>
      <c r="R5040" s="5" t="s">
        <v>1522</v>
      </c>
      <c r="S5040" s="5" t="s">
        <v>1523</v>
      </c>
      <c r="T5040" s="5" t="s">
        <v>42</v>
      </c>
      <c r="U5040" s="2">
        <v>2.2749999999999999</v>
      </c>
      <c r="V5040" s="2">
        <v>1.819</v>
      </c>
      <c r="W5040" s="2">
        <v>1.2E-2</v>
      </c>
      <c r="X5040" s="2">
        <v>148.69999999999999</v>
      </c>
      <c r="Y5040" s="2">
        <v>7.6</v>
      </c>
      <c r="Z5040" s="2">
        <v>10.6</v>
      </c>
      <c r="AA5040" s="5"/>
      <c r="AB5040" s="5" t="s">
        <v>43</v>
      </c>
      <c r="AC5040" s="5" t="s">
        <v>44</v>
      </c>
      <c r="AD5040" s="2"/>
      <c r="AE5040" s="1"/>
    </row>
    <row r="5041" spans="1:31" ht="14.45">
      <c r="A5041" s="11"/>
      <c r="B5041" s="20"/>
      <c r="C5041" s="2" t="s">
        <v>15585</v>
      </c>
      <c r="D5041" s="14" t="s">
        <v>15586</v>
      </c>
      <c r="E5041" s="2" t="s">
        <v>15587</v>
      </c>
      <c r="F5041" s="2" t="s">
        <v>14889</v>
      </c>
      <c r="G5041" s="8">
        <v>164</v>
      </c>
      <c r="H5041" s="5">
        <v>6</v>
      </c>
      <c r="I5041" s="5" t="s">
        <v>1518</v>
      </c>
      <c r="J5041" s="5" t="s">
        <v>1519</v>
      </c>
      <c r="K5041" s="2" t="s">
        <v>1520</v>
      </c>
      <c r="L5041" s="5" t="s">
        <v>1519</v>
      </c>
      <c r="M5041" s="2" t="s">
        <v>1520</v>
      </c>
      <c r="N5041" s="5" t="s">
        <v>1521</v>
      </c>
      <c r="O5041" s="5" t="s">
        <v>38</v>
      </c>
      <c r="P5041" s="5" t="s">
        <v>39</v>
      </c>
      <c r="Q5041" s="5" t="s">
        <v>40</v>
      </c>
      <c r="R5041" s="5" t="s">
        <v>1522</v>
      </c>
      <c r="S5041" s="5" t="s">
        <v>1523</v>
      </c>
      <c r="T5041" s="5" t="s">
        <v>42</v>
      </c>
      <c r="U5041" s="2">
        <v>2.3290000000000002</v>
      </c>
      <c r="V5041" s="2">
        <v>1.873</v>
      </c>
      <c r="W5041" s="2">
        <v>1.2E-2</v>
      </c>
      <c r="X5041" s="2">
        <v>148.69999999999999</v>
      </c>
      <c r="Y5041" s="2">
        <v>7.6</v>
      </c>
      <c r="Z5041" s="2">
        <v>10.6</v>
      </c>
      <c r="AA5041" s="5"/>
      <c r="AB5041" s="5" t="s">
        <v>43</v>
      </c>
      <c r="AC5041" s="5" t="s">
        <v>44</v>
      </c>
      <c r="AD5041" s="2"/>
      <c r="AE5041" s="1"/>
    </row>
    <row r="5042" spans="1:31" ht="14.45">
      <c r="A5042" s="11"/>
      <c r="B5042" s="20"/>
      <c r="C5042" s="2" t="s">
        <v>15588</v>
      </c>
      <c r="D5042" s="14" t="s">
        <v>15589</v>
      </c>
      <c r="E5042" s="2" t="s">
        <v>15590</v>
      </c>
      <c r="F5042" s="2" t="s">
        <v>14893</v>
      </c>
      <c r="G5042" s="8">
        <v>164</v>
      </c>
      <c r="H5042" s="5">
        <v>6</v>
      </c>
      <c r="I5042" s="5" t="s">
        <v>1518</v>
      </c>
      <c r="J5042" s="5" t="s">
        <v>1519</v>
      </c>
      <c r="K5042" s="2" t="s">
        <v>1520</v>
      </c>
      <c r="L5042" s="5" t="s">
        <v>1519</v>
      </c>
      <c r="M5042" s="2" t="s">
        <v>1520</v>
      </c>
      <c r="N5042" s="5" t="s">
        <v>1521</v>
      </c>
      <c r="O5042" s="5" t="s">
        <v>38</v>
      </c>
      <c r="P5042" s="5" t="s">
        <v>39</v>
      </c>
      <c r="Q5042" s="5" t="s">
        <v>40</v>
      </c>
      <c r="R5042" s="5" t="s">
        <v>1522</v>
      </c>
      <c r="S5042" s="5" t="s">
        <v>1523</v>
      </c>
      <c r="T5042" s="5" t="s">
        <v>42</v>
      </c>
      <c r="U5042" s="2">
        <v>2.2290000000000001</v>
      </c>
      <c r="V5042" s="2">
        <v>1.7729999999999999</v>
      </c>
      <c r="W5042" s="2">
        <v>1.2E-2</v>
      </c>
      <c r="X5042" s="2">
        <v>148.69999999999999</v>
      </c>
      <c r="Y5042" s="2">
        <v>7.6</v>
      </c>
      <c r="Z5042" s="2">
        <v>10.6</v>
      </c>
      <c r="AA5042" s="5"/>
      <c r="AB5042" s="5" t="s">
        <v>43</v>
      </c>
      <c r="AC5042" s="5" t="s">
        <v>44</v>
      </c>
      <c r="AD5042" s="2"/>
      <c r="AE5042" s="1"/>
    </row>
    <row r="5043" spans="1:31" ht="14.45">
      <c r="A5043" s="11"/>
      <c r="B5043" s="20"/>
      <c r="C5043" s="2" t="s">
        <v>15591</v>
      </c>
      <c r="D5043" s="14" t="s">
        <v>15592</v>
      </c>
      <c r="E5043" s="2" t="s">
        <v>15593</v>
      </c>
      <c r="F5043" s="2" t="s">
        <v>14897</v>
      </c>
      <c r="G5043" s="8">
        <v>164</v>
      </c>
      <c r="H5043" s="5">
        <v>6</v>
      </c>
      <c r="I5043" s="5" t="s">
        <v>1518</v>
      </c>
      <c r="J5043" s="5" t="s">
        <v>1519</v>
      </c>
      <c r="K5043" s="2" t="s">
        <v>1520</v>
      </c>
      <c r="L5043" s="5" t="s">
        <v>1519</v>
      </c>
      <c r="M5043" s="2" t="s">
        <v>1520</v>
      </c>
      <c r="N5043" s="5" t="s">
        <v>1521</v>
      </c>
      <c r="O5043" s="5" t="s">
        <v>38</v>
      </c>
      <c r="P5043" s="5" t="s">
        <v>39</v>
      </c>
      <c r="Q5043" s="5" t="s">
        <v>40</v>
      </c>
      <c r="R5043" s="5" t="s">
        <v>1522</v>
      </c>
      <c r="S5043" s="5" t="s">
        <v>1523</v>
      </c>
      <c r="T5043" s="5" t="s">
        <v>42</v>
      </c>
      <c r="U5043" s="2">
        <v>2.2829999999999999</v>
      </c>
      <c r="V5043" s="2">
        <v>1.827</v>
      </c>
      <c r="W5043" s="2">
        <v>1.2E-2</v>
      </c>
      <c r="X5043" s="2">
        <v>148.69999999999999</v>
      </c>
      <c r="Y5043" s="2">
        <v>7.6</v>
      </c>
      <c r="Z5043" s="2">
        <v>10.6</v>
      </c>
      <c r="AA5043" s="5"/>
      <c r="AB5043" s="5" t="s">
        <v>43</v>
      </c>
      <c r="AC5043" s="5" t="s">
        <v>44</v>
      </c>
      <c r="AD5043" s="2"/>
      <c r="AE5043" s="1"/>
    </row>
    <row r="5044" spans="1:31" ht="14.45">
      <c r="A5044" s="11"/>
      <c r="B5044" s="20"/>
      <c r="C5044" s="2" t="s">
        <v>15594</v>
      </c>
      <c r="D5044" s="14" t="s">
        <v>15595</v>
      </c>
      <c r="E5044" s="2" t="s">
        <v>15596</v>
      </c>
      <c r="F5044" s="2" t="s">
        <v>14869</v>
      </c>
      <c r="G5044" s="8">
        <v>159</v>
      </c>
      <c r="H5044" s="5">
        <v>6</v>
      </c>
      <c r="I5044" s="5" t="s">
        <v>1518</v>
      </c>
      <c r="J5044" s="5" t="s">
        <v>1519</v>
      </c>
      <c r="K5044" s="2" t="s">
        <v>1520</v>
      </c>
      <c r="L5044" s="5" t="s">
        <v>1519</v>
      </c>
      <c r="M5044" s="2" t="s">
        <v>1520</v>
      </c>
      <c r="N5044" s="5" t="s">
        <v>1521</v>
      </c>
      <c r="O5044" s="5" t="s">
        <v>38</v>
      </c>
      <c r="P5044" s="5" t="s">
        <v>39</v>
      </c>
      <c r="Q5044" s="5" t="s">
        <v>40</v>
      </c>
      <c r="R5044" s="5" t="s">
        <v>1522</v>
      </c>
      <c r="S5044" s="5" t="s">
        <v>1523</v>
      </c>
      <c r="T5044" s="5" t="s">
        <v>42</v>
      </c>
      <c r="U5044" s="2">
        <v>1.9890000000000001</v>
      </c>
      <c r="V5044" s="2">
        <v>1.6060000000000001</v>
      </c>
      <c r="W5044" s="2">
        <v>0.01</v>
      </c>
      <c r="X5044" s="2">
        <v>128.5</v>
      </c>
      <c r="Y5044" s="2">
        <v>7.6</v>
      </c>
      <c r="Z5044" s="2">
        <v>10.6</v>
      </c>
      <c r="AA5044" s="5"/>
      <c r="AB5044" s="5" t="s">
        <v>43</v>
      </c>
      <c r="AC5044" s="5" t="s">
        <v>44</v>
      </c>
      <c r="AD5044" s="2"/>
      <c r="AE5044" s="1"/>
    </row>
    <row r="5045" spans="1:31" ht="14.45">
      <c r="A5045" s="11"/>
      <c r="B5045" s="20"/>
      <c r="C5045" s="2" t="s">
        <v>15597</v>
      </c>
      <c r="D5045" s="14" t="s">
        <v>15598</v>
      </c>
      <c r="E5045" s="2" t="s">
        <v>15599</v>
      </c>
      <c r="F5045" s="2" t="s">
        <v>14873</v>
      </c>
      <c r="G5045" s="8">
        <v>159</v>
      </c>
      <c r="H5045" s="5">
        <v>6</v>
      </c>
      <c r="I5045" s="5" t="s">
        <v>1518</v>
      </c>
      <c r="J5045" s="5" t="s">
        <v>1519</v>
      </c>
      <c r="K5045" s="2" t="s">
        <v>1520</v>
      </c>
      <c r="L5045" s="5" t="s">
        <v>1519</v>
      </c>
      <c r="M5045" s="2" t="s">
        <v>1520</v>
      </c>
      <c r="N5045" s="5" t="s">
        <v>1521</v>
      </c>
      <c r="O5045" s="5" t="s">
        <v>38</v>
      </c>
      <c r="P5045" s="5" t="s">
        <v>39</v>
      </c>
      <c r="Q5045" s="5" t="s">
        <v>40</v>
      </c>
      <c r="R5045" s="5" t="s">
        <v>1522</v>
      </c>
      <c r="S5045" s="5" t="s">
        <v>1523</v>
      </c>
      <c r="T5045" s="5" t="s">
        <v>42</v>
      </c>
      <c r="U5045" s="2">
        <v>2.0339999999999998</v>
      </c>
      <c r="V5045" s="2">
        <v>1.651</v>
      </c>
      <c r="W5045" s="2">
        <v>0.01</v>
      </c>
      <c r="X5045" s="2">
        <v>128.5</v>
      </c>
      <c r="Y5045" s="2">
        <v>7.6</v>
      </c>
      <c r="Z5045" s="2">
        <v>10.6</v>
      </c>
      <c r="AA5045" s="5"/>
      <c r="AB5045" s="5" t="s">
        <v>43</v>
      </c>
      <c r="AC5045" s="5" t="s">
        <v>44</v>
      </c>
      <c r="AD5045" s="2"/>
      <c r="AE5045" s="1"/>
    </row>
    <row r="5046" spans="1:31" ht="14.45">
      <c r="A5046" s="11"/>
      <c r="B5046" s="20"/>
      <c r="C5046" s="2" t="s">
        <v>15600</v>
      </c>
      <c r="D5046" s="14" t="s">
        <v>15601</v>
      </c>
      <c r="E5046" s="2" t="s">
        <v>15602</v>
      </c>
      <c r="F5046" s="2" t="s">
        <v>14877</v>
      </c>
      <c r="G5046" s="8">
        <v>159</v>
      </c>
      <c r="H5046" s="5">
        <v>6</v>
      </c>
      <c r="I5046" s="5" t="s">
        <v>1518</v>
      </c>
      <c r="J5046" s="5" t="s">
        <v>1519</v>
      </c>
      <c r="K5046" s="2" t="s">
        <v>1520</v>
      </c>
      <c r="L5046" s="5" t="s">
        <v>1519</v>
      </c>
      <c r="M5046" s="2" t="s">
        <v>1520</v>
      </c>
      <c r="N5046" s="5" t="s">
        <v>1521</v>
      </c>
      <c r="O5046" s="5" t="s">
        <v>38</v>
      </c>
      <c r="P5046" s="5" t="s">
        <v>39</v>
      </c>
      <c r="Q5046" s="5" t="s">
        <v>40</v>
      </c>
      <c r="R5046" s="5" t="s">
        <v>1522</v>
      </c>
      <c r="S5046" s="5" t="s">
        <v>1523</v>
      </c>
      <c r="T5046" s="5" t="s">
        <v>42</v>
      </c>
      <c r="U5046" s="2">
        <v>2.0219999999999998</v>
      </c>
      <c r="V5046" s="2">
        <v>1.639</v>
      </c>
      <c r="W5046" s="2">
        <v>0.01</v>
      </c>
      <c r="X5046" s="2">
        <v>128.5</v>
      </c>
      <c r="Y5046" s="2">
        <v>7.6</v>
      </c>
      <c r="Z5046" s="2">
        <v>10.6</v>
      </c>
      <c r="AA5046" s="5"/>
      <c r="AB5046" s="5" t="s">
        <v>43</v>
      </c>
      <c r="AC5046" s="5" t="s">
        <v>44</v>
      </c>
      <c r="AD5046" s="2"/>
      <c r="AE5046" s="1"/>
    </row>
    <row r="5047" spans="1:31" ht="14.45">
      <c r="A5047" s="11"/>
      <c r="B5047" s="20"/>
      <c r="C5047" s="2" t="s">
        <v>15603</v>
      </c>
      <c r="D5047" s="14" t="s">
        <v>15604</v>
      </c>
      <c r="E5047" s="2" t="s">
        <v>15605</v>
      </c>
      <c r="F5047" s="2" t="s">
        <v>14881</v>
      </c>
      <c r="G5047" s="8">
        <v>159</v>
      </c>
      <c r="H5047" s="5">
        <v>6</v>
      </c>
      <c r="I5047" s="5" t="s">
        <v>1518</v>
      </c>
      <c r="J5047" s="5" t="s">
        <v>1519</v>
      </c>
      <c r="K5047" s="2" t="s">
        <v>1520</v>
      </c>
      <c r="L5047" s="5" t="s">
        <v>1519</v>
      </c>
      <c r="M5047" s="2" t="s">
        <v>1520</v>
      </c>
      <c r="N5047" s="5" t="s">
        <v>1521</v>
      </c>
      <c r="O5047" s="5" t="s">
        <v>38</v>
      </c>
      <c r="P5047" s="5" t="s">
        <v>39</v>
      </c>
      <c r="Q5047" s="5" t="s">
        <v>40</v>
      </c>
      <c r="R5047" s="5" t="s">
        <v>1522</v>
      </c>
      <c r="S5047" s="5" t="s">
        <v>1523</v>
      </c>
      <c r="T5047" s="5" t="s">
        <v>42</v>
      </c>
      <c r="U5047" s="2">
        <v>2.0670000000000002</v>
      </c>
      <c r="V5047" s="2">
        <v>1.6839999999999999</v>
      </c>
      <c r="W5047" s="2">
        <v>0.01</v>
      </c>
      <c r="X5047" s="2">
        <v>128.5</v>
      </c>
      <c r="Y5047" s="2">
        <v>7.6</v>
      </c>
      <c r="Z5047" s="2">
        <v>10.6</v>
      </c>
      <c r="AA5047" s="5"/>
      <c r="AB5047" s="5" t="s">
        <v>43</v>
      </c>
      <c r="AC5047" s="5" t="s">
        <v>44</v>
      </c>
      <c r="AD5047" s="2"/>
      <c r="AE5047" s="1"/>
    </row>
    <row r="5048" spans="1:31" ht="14.45">
      <c r="A5048" s="11"/>
      <c r="B5048" s="20"/>
      <c r="C5048" s="2" t="s">
        <v>15606</v>
      </c>
      <c r="D5048" s="14" t="s">
        <v>15607</v>
      </c>
      <c r="E5048" s="2" t="s">
        <v>15608</v>
      </c>
      <c r="F5048" s="2" t="s">
        <v>14885</v>
      </c>
      <c r="G5048" s="8">
        <v>159</v>
      </c>
      <c r="H5048" s="5">
        <v>6</v>
      </c>
      <c r="I5048" s="5" t="s">
        <v>1518</v>
      </c>
      <c r="J5048" s="5" t="s">
        <v>1519</v>
      </c>
      <c r="K5048" s="2" t="s">
        <v>1520</v>
      </c>
      <c r="L5048" s="5" t="s">
        <v>1519</v>
      </c>
      <c r="M5048" s="2" t="s">
        <v>1520</v>
      </c>
      <c r="N5048" s="5" t="s">
        <v>1521</v>
      </c>
      <c r="O5048" s="5" t="s">
        <v>38</v>
      </c>
      <c r="P5048" s="5" t="s">
        <v>39</v>
      </c>
      <c r="Q5048" s="5" t="s">
        <v>40</v>
      </c>
      <c r="R5048" s="5" t="s">
        <v>1522</v>
      </c>
      <c r="S5048" s="5" t="s">
        <v>1523</v>
      </c>
      <c r="T5048" s="5" t="s">
        <v>42</v>
      </c>
      <c r="U5048" s="2">
        <v>2.0219999999999998</v>
      </c>
      <c r="V5048" s="2">
        <v>1.639</v>
      </c>
      <c r="W5048" s="2">
        <v>0.01</v>
      </c>
      <c r="X5048" s="2">
        <v>128.5</v>
      </c>
      <c r="Y5048" s="2">
        <v>7.6</v>
      </c>
      <c r="Z5048" s="2">
        <v>10.6</v>
      </c>
      <c r="AA5048" s="5"/>
      <c r="AB5048" s="5" t="s">
        <v>43</v>
      </c>
      <c r="AC5048" s="5" t="s">
        <v>44</v>
      </c>
      <c r="AD5048" s="2"/>
      <c r="AE5048" s="1"/>
    </row>
    <row r="5049" spans="1:31" ht="14.45">
      <c r="A5049" s="11"/>
      <c r="B5049" s="20"/>
      <c r="C5049" s="2" t="s">
        <v>15609</v>
      </c>
      <c r="D5049" s="14" t="s">
        <v>15610</v>
      </c>
      <c r="E5049" s="2" t="s">
        <v>15611</v>
      </c>
      <c r="F5049" s="2" t="s">
        <v>14889</v>
      </c>
      <c r="G5049" s="8">
        <v>159</v>
      </c>
      <c r="H5049" s="5">
        <v>6</v>
      </c>
      <c r="I5049" s="5" t="s">
        <v>1518</v>
      </c>
      <c r="J5049" s="5" t="s">
        <v>1519</v>
      </c>
      <c r="K5049" s="2" t="s">
        <v>1520</v>
      </c>
      <c r="L5049" s="5" t="s">
        <v>1519</v>
      </c>
      <c r="M5049" s="2" t="s">
        <v>1520</v>
      </c>
      <c r="N5049" s="5" t="s">
        <v>1521</v>
      </c>
      <c r="O5049" s="5" t="s">
        <v>38</v>
      </c>
      <c r="P5049" s="5" t="s">
        <v>39</v>
      </c>
      <c r="Q5049" s="5" t="s">
        <v>40</v>
      </c>
      <c r="R5049" s="5" t="s">
        <v>1522</v>
      </c>
      <c r="S5049" s="5" t="s">
        <v>1523</v>
      </c>
      <c r="T5049" s="5" t="s">
        <v>42</v>
      </c>
      <c r="U5049" s="2">
        <v>2.0670000000000002</v>
      </c>
      <c r="V5049" s="2">
        <v>1.6839999999999999</v>
      </c>
      <c r="W5049" s="2">
        <v>0.01</v>
      </c>
      <c r="X5049" s="2">
        <v>128.5</v>
      </c>
      <c r="Y5049" s="2">
        <v>7.6</v>
      </c>
      <c r="Z5049" s="2">
        <v>10.6</v>
      </c>
      <c r="AA5049" s="5"/>
      <c r="AB5049" s="5" t="s">
        <v>43</v>
      </c>
      <c r="AC5049" s="5" t="s">
        <v>44</v>
      </c>
      <c r="AD5049" s="2"/>
      <c r="AE5049" s="1"/>
    </row>
    <row r="5050" spans="1:31" ht="14.45">
      <c r="A5050" s="11"/>
      <c r="B5050" s="20"/>
      <c r="C5050" s="2" t="s">
        <v>15612</v>
      </c>
      <c r="D5050" s="14" t="s">
        <v>15613</v>
      </c>
      <c r="E5050" s="2" t="s">
        <v>15614</v>
      </c>
      <c r="F5050" s="2" t="s">
        <v>14893</v>
      </c>
      <c r="G5050" s="8">
        <v>159</v>
      </c>
      <c r="H5050" s="5">
        <v>6</v>
      </c>
      <c r="I5050" s="5" t="s">
        <v>1518</v>
      </c>
      <c r="J5050" s="5" t="s">
        <v>1519</v>
      </c>
      <c r="K5050" s="2" t="s">
        <v>1520</v>
      </c>
      <c r="L5050" s="5" t="s">
        <v>1519</v>
      </c>
      <c r="M5050" s="2" t="s">
        <v>1520</v>
      </c>
      <c r="N5050" s="5" t="s">
        <v>1521</v>
      </c>
      <c r="O5050" s="5" t="s">
        <v>38</v>
      </c>
      <c r="P5050" s="5" t="s">
        <v>39</v>
      </c>
      <c r="Q5050" s="5" t="s">
        <v>40</v>
      </c>
      <c r="R5050" s="5" t="s">
        <v>1522</v>
      </c>
      <c r="S5050" s="5" t="s">
        <v>1523</v>
      </c>
      <c r="T5050" s="5" t="s">
        <v>42</v>
      </c>
      <c r="U5050" s="2">
        <v>1.9890000000000001</v>
      </c>
      <c r="V5050" s="2">
        <v>1.6060000000000001</v>
      </c>
      <c r="W5050" s="2">
        <v>0.01</v>
      </c>
      <c r="X5050" s="2">
        <v>128.5</v>
      </c>
      <c r="Y5050" s="2">
        <v>7.6</v>
      </c>
      <c r="Z5050" s="2">
        <v>10.6</v>
      </c>
      <c r="AA5050" s="5"/>
      <c r="AB5050" s="5" t="s">
        <v>43</v>
      </c>
      <c r="AC5050" s="5" t="s">
        <v>44</v>
      </c>
      <c r="AD5050" s="2"/>
      <c r="AE5050" s="1"/>
    </row>
    <row r="5051" spans="1:31" ht="14.45">
      <c r="A5051" s="11"/>
      <c r="B5051" s="20"/>
      <c r="C5051" s="2" t="s">
        <v>15615</v>
      </c>
      <c r="D5051" s="14" t="s">
        <v>15616</v>
      </c>
      <c r="E5051" s="2" t="s">
        <v>15617</v>
      </c>
      <c r="F5051" s="2" t="s">
        <v>14897</v>
      </c>
      <c r="G5051" s="8">
        <v>159</v>
      </c>
      <c r="H5051" s="5">
        <v>6</v>
      </c>
      <c r="I5051" s="5" t="s">
        <v>1518</v>
      </c>
      <c r="J5051" s="5" t="s">
        <v>1519</v>
      </c>
      <c r="K5051" s="2" t="s">
        <v>1520</v>
      </c>
      <c r="L5051" s="5" t="s">
        <v>1519</v>
      </c>
      <c r="M5051" s="2" t="s">
        <v>1520</v>
      </c>
      <c r="N5051" s="5" t="s">
        <v>1521</v>
      </c>
      <c r="O5051" s="5" t="s">
        <v>38</v>
      </c>
      <c r="P5051" s="5" t="s">
        <v>39</v>
      </c>
      <c r="Q5051" s="5" t="s">
        <v>40</v>
      </c>
      <c r="R5051" s="5" t="s">
        <v>1522</v>
      </c>
      <c r="S5051" s="5" t="s">
        <v>1523</v>
      </c>
      <c r="T5051" s="5" t="s">
        <v>42</v>
      </c>
      <c r="U5051" s="2">
        <v>2.0339999999999998</v>
      </c>
      <c r="V5051" s="2">
        <v>1.651</v>
      </c>
      <c r="W5051" s="2">
        <v>0.01</v>
      </c>
      <c r="X5051" s="2">
        <v>128.5</v>
      </c>
      <c r="Y5051" s="2">
        <v>7.6</v>
      </c>
      <c r="Z5051" s="2">
        <v>10.6</v>
      </c>
      <c r="AA5051" s="5"/>
      <c r="AB5051" s="5" t="s">
        <v>43</v>
      </c>
      <c r="AC5051" s="5" t="s">
        <v>44</v>
      </c>
      <c r="AD5051" s="2"/>
      <c r="AE5051" s="1"/>
    </row>
    <row r="5052" spans="1:31" ht="14.45">
      <c r="A5052" s="11"/>
      <c r="B5052" s="20"/>
      <c r="C5052" s="2" t="s">
        <v>15618</v>
      </c>
      <c r="D5052" s="14" t="s">
        <v>15619</v>
      </c>
      <c r="E5052" s="2" t="s">
        <v>15620</v>
      </c>
      <c r="F5052" s="2" t="s">
        <v>14869</v>
      </c>
      <c r="G5052" s="8">
        <v>159</v>
      </c>
      <c r="H5052" s="5">
        <v>6</v>
      </c>
      <c r="I5052" s="5" t="s">
        <v>1518</v>
      </c>
      <c r="J5052" s="5" t="s">
        <v>1519</v>
      </c>
      <c r="K5052" s="2" t="s">
        <v>1520</v>
      </c>
      <c r="L5052" s="5" t="s">
        <v>1519</v>
      </c>
      <c r="M5052" s="2" t="s">
        <v>1520</v>
      </c>
      <c r="N5052" s="5" t="s">
        <v>1521</v>
      </c>
      <c r="O5052" s="5" t="s">
        <v>38</v>
      </c>
      <c r="P5052" s="5" t="s">
        <v>39</v>
      </c>
      <c r="Q5052" s="5" t="s">
        <v>40</v>
      </c>
      <c r="R5052" s="5" t="s">
        <v>1522</v>
      </c>
      <c r="S5052" s="5" t="s">
        <v>1523</v>
      </c>
      <c r="T5052" s="5" t="s">
        <v>42</v>
      </c>
      <c r="U5052" s="2">
        <v>2.1179999999999999</v>
      </c>
      <c r="V5052" s="2">
        <v>1.7350000000000001</v>
      </c>
      <c r="W5052" s="2">
        <v>0.01</v>
      </c>
      <c r="X5052" s="2">
        <v>128.5</v>
      </c>
      <c r="Y5052" s="2">
        <v>7.6</v>
      </c>
      <c r="Z5052" s="2">
        <v>10.6</v>
      </c>
      <c r="AA5052" s="5"/>
      <c r="AB5052" s="5" t="s">
        <v>43</v>
      </c>
      <c r="AC5052" s="5" t="s">
        <v>44</v>
      </c>
      <c r="AD5052" s="2"/>
      <c r="AE5052" s="1"/>
    </row>
    <row r="5053" spans="1:31" ht="14.45">
      <c r="A5053" s="11"/>
      <c r="B5053" s="20"/>
      <c r="C5053" s="2" t="s">
        <v>15621</v>
      </c>
      <c r="D5053" s="14" t="s">
        <v>15622</v>
      </c>
      <c r="E5053" s="2" t="s">
        <v>15623</v>
      </c>
      <c r="F5053" s="2" t="s">
        <v>14873</v>
      </c>
      <c r="G5053" s="8">
        <v>159</v>
      </c>
      <c r="H5053" s="5">
        <v>6</v>
      </c>
      <c r="I5053" s="5" t="s">
        <v>1518</v>
      </c>
      <c r="J5053" s="5" t="s">
        <v>1519</v>
      </c>
      <c r="K5053" s="2" t="s">
        <v>1520</v>
      </c>
      <c r="L5053" s="5" t="s">
        <v>1519</v>
      </c>
      <c r="M5053" s="2" t="s">
        <v>1520</v>
      </c>
      <c r="N5053" s="5" t="s">
        <v>1521</v>
      </c>
      <c r="O5053" s="5" t="s">
        <v>38</v>
      </c>
      <c r="P5053" s="5" t="s">
        <v>39</v>
      </c>
      <c r="Q5053" s="5" t="s">
        <v>40</v>
      </c>
      <c r="R5053" s="5" t="s">
        <v>1522</v>
      </c>
      <c r="S5053" s="5" t="s">
        <v>1523</v>
      </c>
      <c r="T5053" s="5" t="s">
        <v>42</v>
      </c>
      <c r="U5053" s="2">
        <v>2.1680000000000001</v>
      </c>
      <c r="V5053" s="2">
        <v>1.7849999999999999</v>
      </c>
      <c r="W5053" s="2">
        <v>0.01</v>
      </c>
      <c r="X5053" s="2">
        <v>128.5</v>
      </c>
      <c r="Y5053" s="2">
        <v>7.6</v>
      </c>
      <c r="Z5053" s="2">
        <v>10.6</v>
      </c>
      <c r="AA5053" s="5"/>
      <c r="AB5053" s="5" t="s">
        <v>43</v>
      </c>
      <c r="AC5053" s="5" t="s">
        <v>44</v>
      </c>
      <c r="AD5053" s="2"/>
      <c r="AE5053" s="1"/>
    </row>
    <row r="5054" spans="1:31" ht="14.45">
      <c r="A5054" s="11"/>
      <c r="B5054" s="20"/>
      <c r="C5054" s="2" t="s">
        <v>15624</v>
      </c>
      <c r="D5054" s="14" t="s">
        <v>15625</v>
      </c>
      <c r="E5054" s="2" t="s">
        <v>15626</v>
      </c>
      <c r="F5054" s="2" t="s">
        <v>14877</v>
      </c>
      <c r="G5054" s="8">
        <v>159</v>
      </c>
      <c r="H5054" s="5">
        <v>6</v>
      </c>
      <c r="I5054" s="5" t="s">
        <v>1518</v>
      </c>
      <c r="J5054" s="5" t="s">
        <v>1519</v>
      </c>
      <c r="K5054" s="2" t="s">
        <v>1520</v>
      </c>
      <c r="L5054" s="5" t="s">
        <v>1519</v>
      </c>
      <c r="M5054" s="2" t="s">
        <v>1520</v>
      </c>
      <c r="N5054" s="5" t="s">
        <v>1521</v>
      </c>
      <c r="O5054" s="5" t="s">
        <v>38</v>
      </c>
      <c r="P5054" s="5" t="s">
        <v>39</v>
      </c>
      <c r="Q5054" s="5" t="s">
        <v>40</v>
      </c>
      <c r="R5054" s="5" t="s">
        <v>1522</v>
      </c>
      <c r="S5054" s="5" t="s">
        <v>1523</v>
      </c>
      <c r="T5054" s="5" t="s">
        <v>42</v>
      </c>
      <c r="U5054" s="2">
        <v>2.1579999999999999</v>
      </c>
      <c r="V5054" s="2">
        <v>1.7749999999999999</v>
      </c>
      <c r="W5054" s="2">
        <v>0.01</v>
      </c>
      <c r="X5054" s="2">
        <v>128.5</v>
      </c>
      <c r="Y5054" s="2">
        <v>7.6</v>
      </c>
      <c r="Z5054" s="2">
        <v>10.6</v>
      </c>
      <c r="AA5054" s="5"/>
      <c r="AB5054" s="5" t="s">
        <v>43</v>
      </c>
      <c r="AC5054" s="5" t="s">
        <v>44</v>
      </c>
      <c r="AD5054" s="2"/>
      <c r="AE5054" s="1"/>
    </row>
    <row r="5055" spans="1:31" ht="14.45">
      <c r="A5055" s="11"/>
      <c r="B5055" s="20"/>
      <c r="C5055" s="2" t="s">
        <v>15627</v>
      </c>
      <c r="D5055" s="14" t="s">
        <v>15628</v>
      </c>
      <c r="E5055" s="2" t="s">
        <v>15629</v>
      </c>
      <c r="F5055" s="2" t="s">
        <v>14881</v>
      </c>
      <c r="G5055" s="8">
        <v>159</v>
      </c>
      <c r="H5055" s="5">
        <v>6</v>
      </c>
      <c r="I5055" s="5" t="s">
        <v>1518</v>
      </c>
      <c r="J5055" s="5" t="s">
        <v>1519</v>
      </c>
      <c r="K5055" s="2" t="s">
        <v>1520</v>
      </c>
      <c r="L5055" s="5" t="s">
        <v>1519</v>
      </c>
      <c r="M5055" s="2" t="s">
        <v>1520</v>
      </c>
      <c r="N5055" s="5" t="s">
        <v>1521</v>
      </c>
      <c r="O5055" s="5" t="s">
        <v>38</v>
      </c>
      <c r="P5055" s="5" t="s">
        <v>39</v>
      </c>
      <c r="Q5055" s="5" t="s">
        <v>40</v>
      </c>
      <c r="R5055" s="5" t="s">
        <v>1522</v>
      </c>
      <c r="S5055" s="5" t="s">
        <v>1523</v>
      </c>
      <c r="T5055" s="5" t="s">
        <v>42</v>
      </c>
      <c r="U5055" s="2">
        <v>2.2080000000000002</v>
      </c>
      <c r="V5055" s="2">
        <v>1.825</v>
      </c>
      <c r="W5055" s="2">
        <v>0.01</v>
      </c>
      <c r="X5055" s="2">
        <v>128.5</v>
      </c>
      <c r="Y5055" s="2">
        <v>7.6</v>
      </c>
      <c r="Z5055" s="2">
        <v>10.6</v>
      </c>
      <c r="AA5055" s="5"/>
      <c r="AB5055" s="5" t="s">
        <v>43</v>
      </c>
      <c r="AC5055" s="5" t="s">
        <v>44</v>
      </c>
      <c r="AD5055" s="2"/>
      <c r="AE5055" s="1"/>
    </row>
    <row r="5056" spans="1:31" ht="14.45">
      <c r="A5056" s="11"/>
      <c r="B5056" s="20"/>
      <c r="C5056" s="2" t="s">
        <v>15630</v>
      </c>
      <c r="D5056" s="14" t="s">
        <v>15631</v>
      </c>
      <c r="E5056" s="2" t="s">
        <v>15632</v>
      </c>
      <c r="F5056" s="2" t="s">
        <v>14885</v>
      </c>
      <c r="G5056" s="8">
        <v>159</v>
      </c>
      <c r="H5056" s="5">
        <v>5</v>
      </c>
      <c r="I5056" s="5" t="s">
        <v>1518</v>
      </c>
      <c r="J5056" s="5" t="s">
        <v>1519</v>
      </c>
      <c r="K5056" s="2" t="s">
        <v>1520</v>
      </c>
      <c r="L5056" s="5" t="s">
        <v>1519</v>
      </c>
      <c r="M5056" s="2" t="s">
        <v>1520</v>
      </c>
      <c r="N5056" s="5" t="s">
        <v>1521</v>
      </c>
      <c r="O5056" s="5" t="s">
        <v>38</v>
      </c>
      <c r="P5056" s="5" t="s">
        <v>39</v>
      </c>
      <c r="Q5056" s="5" t="s">
        <v>40</v>
      </c>
      <c r="R5056" s="5" t="s">
        <v>1522</v>
      </c>
      <c r="S5056" s="5" t="s">
        <v>1523</v>
      </c>
      <c r="T5056" s="5" t="s">
        <v>42</v>
      </c>
      <c r="U5056" s="2">
        <v>2.1579999999999999</v>
      </c>
      <c r="V5056" s="2">
        <v>1.7749999999999999</v>
      </c>
      <c r="W5056" s="2">
        <v>0.01</v>
      </c>
      <c r="X5056" s="2">
        <v>128.5</v>
      </c>
      <c r="Y5056" s="2">
        <v>7.6</v>
      </c>
      <c r="Z5056" s="2">
        <v>10.6</v>
      </c>
      <c r="AA5056" s="5"/>
      <c r="AB5056" s="5" t="s">
        <v>43</v>
      </c>
      <c r="AC5056" s="5" t="s">
        <v>44</v>
      </c>
      <c r="AD5056" s="2"/>
      <c r="AE5056" s="1"/>
    </row>
    <row r="5057" spans="1:31" ht="14.45">
      <c r="A5057" s="11"/>
      <c r="B5057" s="20"/>
      <c r="C5057" s="2" t="s">
        <v>15633</v>
      </c>
      <c r="D5057" s="14" t="s">
        <v>15634</v>
      </c>
      <c r="E5057" s="2" t="s">
        <v>15635</v>
      </c>
      <c r="F5057" s="2" t="s">
        <v>14889</v>
      </c>
      <c r="G5057" s="8">
        <v>159</v>
      </c>
      <c r="H5057" s="5">
        <v>6</v>
      </c>
      <c r="I5057" s="5" t="s">
        <v>1518</v>
      </c>
      <c r="J5057" s="5" t="s">
        <v>1519</v>
      </c>
      <c r="K5057" s="2" t="s">
        <v>1520</v>
      </c>
      <c r="L5057" s="5" t="s">
        <v>1519</v>
      </c>
      <c r="M5057" s="2" t="s">
        <v>1520</v>
      </c>
      <c r="N5057" s="5" t="s">
        <v>1521</v>
      </c>
      <c r="O5057" s="5" t="s">
        <v>38</v>
      </c>
      <c r="P5057" s="5" t="s">
        <v>39</v>
      </c>
      <c r="Q5057" s="5" t="s">
        <v>40</v>
      </c>
      <c r="R5057" s="5" t="s">
        <v>1522</v>
      </c>
      <c r="S5057" s="5" t="s">
        <v>1523</v>
      </c>
      <c r="T5057" s="5" t="s">
        <v>42</v>
      </c>
      <c r="U5057" s="2">
        <v>2.2080000000000002</v>
      </c>
      <c r="V5057" s="2">
        <v>1.825</v>
      </c>
      <c r="W5057" s="2">
        <v>0.01</v>
      </c>
      <c r="X5057" s="2">
        <v>128.5</v>
      </c>
      <c r="Y5057" s="2">
        <v>7.6</v>
      </c>
      <c r="Z5057" s="2">
        <v>10.6</v>
      </c>
      <c r="AA5057" s="5"/>
      <c r="AB5057" s="5" t="s">
        <v>43</v>
      </c>
      <c r="AC5057" s="5" t="s">
        <v>44</v>
      </c>
      <c r="AD5057" s="2"/>
      <c r="AE5057" s="1"/>
    </row>
    <row r="5058" spans="1:31" ht="14.45">
      <c r="A5058" s="11"/>
      <c r="B5058" s="20"/>
      <c r="C5058" s="2" t="s">
        <v>15636</v>
      </c>
      <c r="D5058" s="14" t="s">
        <v>15637</v>
      </c>
      <c r="E5058" s="2" t="s">
        <v>15638</v>
      </c>
      <c r="F5058" s="2" t="s">
        <v>14893</v>
      </c>
      <c r="G5058" s="8">
        <v>159</v>
      </c>
      <c r="H5058" s="5">
        <v>5</v>
      </c>
      <c r="I5058" s="5" t="s">
        <v>1518</v>
      </c>
      <c r="J5058" s="5" t="s">
        <v>1519</v>
      </c>
      <c r="K5058" s="2" t="s">
        <v>1520</v>
      </c>
      <c r="L5058" s="5" t="s">
        <v>1519</v>
      </c>
      <c r="M5058" s="2" t="s">
        <v>1520</v>
      </c>
      <c r="N5058" s="5" t="s">
        <v>1521</v>
      </c>
      <c r="O5058" s="5" t="s">
        <v>38</v>
      </c>
      <c r="P5058" s="5" t="s">
        <v>39</v>
      </c>
      <c r="Q5058" s="5" t="s">
        <v>40</v>
      </c>
      <c r="R5058" s="5" t="s">
        <v>1522</v>
      </c>
      <c r="S5058" s="5" t="s">
        <v>1523</v>
      </c>
      <c r="T5058" s="5" t="s">
        <v>42</v>
      </c>
      <c r="U5058" s="2">
        <v>2.1179999999999999</v>
      </c>
      <c r="V5058" s="2">
        <v>1.7350000000000001</v>
      </c>
      <c r="W5058" s="2">
        <v>0.01</v>
      </c>
      <c r="X5058" s="2">
        <v>128.5</v>
      </c>
      <c r="Y5058" s="2">
        <v>7.6</v>
      </c>
      <c r="Z5058" s="2">
        <v>10.6</v>
      </c>
      <c r="AA5058" s="5"/>
      <c r="AB5058" s="5" t="s">
        <v>43</v>
      </c>
      <c r="AC5058" s="5" t="s">
        <v>44</v>
      </c>
      <c r="AD5058" s="2"/>
      <c r="AE5058" s="1"/>
    </row>
    <row r="5059" spans="1:31" ht="14.45">
      <c r="A5059" s="11"/>
      <c r="B5059" s="20"/>
      <c r="C5059" s="2" t="s">
        <v>15639</v>
      </c>
      <c r="D5059" s="14" t="s">
        <v>15640</v>
      </c>
      <c r="E5059" s="2" t="s">
        <v>15641</v>
      </c>
      <c r="F5059" s="2" t="s">
        <v>14897</v>
      </c>
      <c r="G5059" s="8">
        <v>159</v>
      </c>
      <c r="H5059" s="5">
        <v>6</v>
      </c>
      <c r="I5059" s="5" t="s">
        <v>1518</v>
      </c>
      <c r="J5059" s="5" t="s">
        <v>1519</v>
      </c>
      <c r="K5059" s="2" t="s">
        <v>1520</v>
      </c>
      <c r="L5059" s="5" t="s">
        <v>1519</v>
      </c>
      <c r="M5059" s="2" t="s">
        <v>1520</v>
      </c>
      <c r="N5059" s="5" t="s">
        <v>1521</v>
      </c>
      <c r="O5059" s="5" t="s">
        <v>38</v>
      </c>
      <c r="P5059" s="5" t="s">
        <v>39</v>
      </c>
      <c r="Q5059" s="5" t="s">
        <v>40</v>
      </c>
      <c r="R5059" s="5" t="s">
        <v>1522</v>
      </c>
      <c r="S5059" s="5" t="s">
        <v>1523</v>
      </c>
      <c r="T5059" s="5" t="s">
        <v>42</v>
      </c>
      <c r="U5059" s="2">
        <v>2.1680000000000001</v>
      </c>
      <c r="V5059" s="2">
        <v>1.7849999999999999</v>
      </c>
      <c r="W5059" s="2">
        <v>0.01</v>
      </c>
      <c r="X5059" s="2">
        <v>128.5</v>
      </c>
      <c r="Y5059" s="2">
        <v>7.6</v>
      </c>
      <c r="Z5059" s="2">
        <v>10.6</v>
      </c>
      <c r="AA5059" s="5"/>
      <c r="AB5059" s="5" t="s">
        <v>43</v>
      </c>
      <c r="AC5059" s="5" t="s">
        <v>44</v>
      </c>
      <c r="AD5059" s="2"/>
      <c r="AE5059" s="1"/>
    </row>
    <row r="5060" spans="1:31" ht="14.45">
      <c r="A5060" s="11"/>
      <c r="B5060" s="20"/>
      <c r="C5060" s="2" t="s">
        <v>15642</v>
      </c>
      <c r="D5060" s="14" t="s">
        <v>15643</v>
      </c>
      <c r="E5060" s="2" t="s">
        <v>15644</v>
      </c>
      <c r="F5060" s="2" t="s">
        <v>14869</v>
      </c>
      <c r="G5060" s="8">
        <v>168</v>
      </c>
      <c r="H5060" s="5">
        <v>6</v>
      </c>
      <c r="I5060" s="5" t="s">
        <v>1518</v>
      </c>
      <c r="J5060" s="5" t="s">
        <v>1519</v>
      </c>
      <c r="K5060" s="2" t="s">
        <v>1520</v>
      </c>
      <c r="L5060" s="5" t="s">
        <v>1519</v>
      </c>
      <c r="M5060" s="2" t="s">
        <v>1520</v>
      </c>
      <c r="N5060" s="5" t="s">
        <v>1521</v>
      </c>
      <c r="O5060" s="5" t="s">
        <v>38</v>
      </c>
      <c r="P5060" s="5" t="s">
        <v>39</v>
      </c>
      <c r="Q5060" s="5" t="s">
        <v>40</v>
      </c>
      <c r="R5060" s="5" t="s">
        <v>1522</v>
      </c>
      <c r="S5060" s="5" t="s">
        <v>1523</v>
      </c>
      <c r="T5060" s="5" t="s">
        <v>42</v>
      </c>
      <c r="U5060" s="2">
        <v>2.2610000000000001</v>
      </c>
      <c r="V5060" s="2">
        <v>1.8779999999999999</v>
      </c>
      <c r="W5060" s="2">
        <v>0.01</v>
      </c>
      <c r="X5060" s="2">
        <v>128.5</v>
      </c>
      <c r="Y5060" s="2">
        <v>7.6</v>
      </c>
      <c r="Z5060" s="2">
        <v>10.6</v>
      </c>
      <c r="AA5060" s="5"/>
      <c r="AB5060" s="5" t="s">
        <v>43</v>
      </c>
      <c r="AC5060" s="5" t="s">
        <v>44</v>
      </c>
      <c r="AD5060" s="2"/>
      <c r="AE5060" s="1"/>
    </row>
    <row r="5061" spans="1:31" ht="14.45">
      <c r="A5061" s="11"/>
      <c r="B5061" s="20"/>
      <c r="C5061" s="2" t="s">
        <v>15645</v>
      </c>
      <c r="D5061" s="14" t="s">
        <v>15646</v>
      </c>
      <c r="E5061" s="2" t="s">
        <v>15647</v>
      </c>
      <c r="F5061" s="2" t="s">
        <v>14873</v>
      </c>
      <c r="G5061" s="8">
        <v>168</v>
      </c>
      <c r="H5061" s="5">
        <v>6</v>
      </c>
      <c r="I5061" s="5" t="s">
        <v>1518</v>
      </c>
      <c r="J5061" s="5" t="s">
        <v>1519</v>
      </c>
      <c r="K5061" s="2" t="s">
        <v>1520</v>
      </c>
      <c r="L5061" s="5" t="s">
        <v>1519</v>
      </c>
      <c r="M5061" s="2" t="s">
        <v>1520</v>
      </c>
      <c r="N5061" s="5" t="s">
        <v>1521</v>
      </c>
      <c r="O5061" s="5" t="s">
        <v>38</v>
      </c>
      <c r="P5061" s="5" t="s">
        <v>39</v>
      </c>
      <c r="Q5061" s="5" t="s">
        <v>40</v>
      </c>
      <c r="R5061" s="5" t="s">
        <v>1522</v>
      </c>
      <c r="S5061" s="5" t="s">
        <v>1523</v>
      </c>
      <c r="T5061" s="5" t="s">
        <v>42</v>
      </c>
      <c r="U5061" s="2">
        <v>2.3149999999999999</v>
      </c>
      <c r="V5061" s="2">
        <v>1.9319999999999999</v>
      </c>
      <c r="W5061" s="2">
        <v>0.01</v>
      </c>
      <c r="X5061" s="2">
        <v>128.5</v>
      </c>
      <c r="Y5061" s="2">
        <v>7.6</v>
      </c>
      <c r="Z5061" s="2">
        <v>10.6</v>
      </c>
      <c r="AA5061" s="5"/>
      <c r="AB5061" s="5" t="s">
        <v>43</v>
      </c>
      <c r="AC5061" s="5" t="s">
        <v>44</v>
      </c>
      <c r="AD5061" s="2"/>
      <c r="AE5061" s="1"/>
    </row>
    <row r="5062" spans="1:31" ht="14.45">
      <c r="A5062" s="11"/>
      <c r="B5062" s="20"/>
      <c r="C5062" s="2" t="s">
        <v>15648</v>
      </c>
      <c r="D5062" s="14" t="s">
        <v>15649</v>
      </c>
      <c r="E5062" s="2" t="s">
        <v>15650</v>
      </c>
      <c r="F5062" s="2" t="s">
        <v>14877</v>
      </c>
      <c r="G5062" s="8">
        <v>168</v>
      </c>
      <c r="H5062" s="5">
        <v>6</v>
      </c>
      <c r="I5062" s="5" t="s">
        <v>1518</v>
      </c>
      <c r="J5062" s="5" t="s">
        <v>1519</v>
      </c>
      <c r="K5062" s="2" t="s">
        <v>1520</v>
      </c>
      <c r="L5062" s="5" t="s">
        <v>1519</v>
      </c>
      <c r="M5062" s="2" t="s">
        <v>1520</v>
      </c>
      <c r="N5062" s="5" t="s">
        <v>1521</v>
      </c>
      <c r="O5062" s="5" t="s">
        <v>38</v>
      </c>
      <c r="P5062" s="5" t="s">
        <v>39</v>
      </c>
      <c r="Q5062" s="5" t="s">
        <v>40</v>
      </c>
      <c r="R5062" s="5" t="s">
        <v>1522</v>
      </c>
      <c r="S5062" s="5" t="s">
        <v>1523</v>
      </c>
      <c r="T5062" s="5" t="s">
        <v>42</v>
      </c>
      <c r="U5062" s="2">
        <v>2.3090000000000002</v>
      </c>
      <c r="V5062" s="2">
        <v>1.9259999999999999</v>
      </c>
      <c r="W5062" s="2">
        <v>0.01</v>
      </c>
      <c r="X5062" s="2">
        <v>128.5</v>
      </c>
      <c r="Y5062" s="2">
        <v>7.6</v>
      </c>
      <c r="Z5062" s="2">
        <v>10.6</v>
      </c>
      <c r="AA5062" s="5"/>
      <c r="AB5062" s="5" t="s">
        <v>43</v>
      </c>
      <c r="AC5062" s="5" t="s">
        <v>44</v>
      </c>
      <c r="AD5062" s="2"/>
      <c r="AE5062" s="1"/>
    </row>
    <row r="5063" spans="1:31" ht="14.45">
      <c r="A5063" s="11"/>
      <c r="B5063" s="20"/>
      <c r="C5063" s="2" t="s">
        <v>15651</v>
      </c>
      <c r="D5063" s="14" t="s">
        <v>15652</v>
      </c>
      <c r="E5063" s="2" t="s">
        <v>15653</v>
      </c>
      <c r="F5063" s="2" t="s">
        <v>14881</v>
      </c>
      <c r="G5063" s="8">
        <v>168</v>
      </c>
      <c r="H5063" s="5">
        <v>6</v>
      </c>
      <c r="I5063" s="5" t="s">
        <v>1518</v>
      </c>
      <c r="J5063" s="5" t="s">
        <v>1519</v>
      </c>
      <c r="K5063" s="2" t="s">
        <v>1520</v>
      </c>
      <c r="L5063" s="5" t="s">
        <v>1519</v>
      </c>
      <c r="M5063" s="2" t="s">
        <v>1520</v>
      </c>
      <c r="N5063" s="5" t="s">
        <v>1521</v>
      </c>
      <c r="O5063" s="5" t="s">
        <v>38</v>
      </c>
      <c r="P5063" s="5" t="s">
        <v>39</v>
      </c>
      <c r="Q5063" s="5" t="s">
        <v>40</v>
      </c>
      <c r="R5063" s="5" t="s">
        <v>1522</v>
      </c>
      <c r="S5063" s="5" t="s">
        <v>1523</v>
      </c>
      <c r="T5063" s="5" t="s">
        <v>42</v>
      </c>
      <c r="U5063" s="2">
        <v>2.363</v>
      </c>
      <c r="V5063" s="2">
        <v>1.98</v>
      </c>
      <c r="W5063" s="2">
        <v>0.01</v>
      </c>
      <c r="X5063" s="2">
        <v>128.5</v>
      </c>
      <c r="Y5063" s="2">
        <v>7.6</v>
      </c>
      <c r="Z5063" s="2">
        <v>10.6</v>
      </c>
      <c r="AA5063" s="5"/>
      <c r="AB5063" s="5" t="s">
        <v>43</v>
      </c>
      <c r="AC5063" s="5" t="s">
        <v>44</v>
      </c>
      <c r="AD5063" s="2"/>
      <c r="AE5063" s="1"/>
    </row>
    <row r="5064" spans="1:31" ht="14.45">
      <c r="A5064" s="11"/>
      <c r="B5064" s="20"/>
      <c r="C5064" s="2" t="s">
        <v>15654</v>
      </c>
      <c r="D5064" s="14" t="s">
        <v>15655</v>
      </c>
      <c r="E5064" s="2" t="s">
        <v>15656</v>
      </c>
      <c r="F5064" s="2" t="s">
        <v>14885</v>
      </c>
      <c r="G5064" s="8">
        <v>168</v>
      </c>
      <c r="H5064" s="5">
        <v>6</v>
      </c>
      <c r="I5064" s="5" t="s">
        <v>1518</v>
      </c>
      <c r="J5064" s="5" t="s">
        <v>1519</v>
      </c>
      <c r="K5064" s="2" t="s">
        <v>1520</v>
      </c>
      <c r="L5064" s="5" t="s">
        <v>1519</v>
      </c>
      <c r="M5064" s="2" t="s">
        <v>1520</v>
      </c>
      <c r="N5064" s="5" t="s">
        <v>1521</v>
      </c>
      <c r="O5064" s="5" t="s">
        <v>38</v>
      </c>
      <c r="P5064" s="5" t="s">
        <v>39</v>
      </c>
      <c r="Q5064" s="5" t="s">
        <v>40</v>
      </c>
      <c r="R5064" s="5" t="s">
        <v>1522</v>
      </c>
      <c r="S5064" s="5" t="s">
        <v>1523</v>
      </c>
      <c r="T5064" s="5" t="s">
        <v>42</v>
      </c>
      <c r="U5064" s="2">
        <v>2.3090000000000002</v>
      </c>
      <c r="V5064" s="2">
        <v>1.9259999999999999</v>
      </c>
      <c r="W5064" s="2">
        <v>0.01</v>
      </c>
      <c r="X5064" s="2">
        <v>128.5</v>
      </c>
      <c r="Y5064" s="2">
        <v>7.6</v>
      </c>
      <c r="Z5064" s="2">
        <v>10.6</v>
      </c>
      <c r="AA5064" s="5"/>
      <c r="AB5064" s="5" t="s">
        <v>43</v>
      </c>
      <c r="AC5064" s="5" t="s">
        <v>44</v>
      </c>
      <c r="AD5064" s="2"/>
      <c r="AE5064" s="1"/>
    </row>
    <row r="5065" spans="1:31" ht="14.45">
      <c r="A5065" s="11"/>
      <c r="B5065" s="20"/>
      <c r="C5065" s="2" t="s">
        <v>15657</v>
      </c>
      <c r="D5065" s="14" t="s">
        <v>15658</v>
      </c>
      <c r="E5065" s="2" t="s">
        <v>15659</v>
      </c>
      <c r="F5065" s="2" t="s">
        <v>14889</v>
      </c>
      <c r="G5065" s="8">
        <v>168</v>
      </c>
      <c r="H5065" s="5">
        <v>6</v>
      </c>
      <c r="I5065" s="5" t="s">
        <v>1518</v>
      </c>
      <c r="J5065" s="5" t="s">
        <v>1519</v>
      </c>
      <c r="K5065" s="2" t="s">
        <v>1520</v>
      </c>
      <c r="L5065" s="5" t="s">
        <v>1519</v>
      </c>
      <c r="M5065" s="2" t="s">
        <v>1520</v>
      </c>
      <c r="N5065" s="5" t="s">
        <v>1521</v>
      </c>
      <c r="O5065" s="5" t="s">
        <v>38</v>
      </c>
      <c r="P5065" s="5" t="s">
        <v>39</v>
      </c>
      <c r="Q5065" s="5" t="s">
        <v>40</v>
      </c>
      <c r="R5065" s="5" t="s">
        <v>1522</v>
      </c>
      <c r="S5065" s="5" t="s">
        <v>1523</v>
      </c>
      <c r="T5065" s="5" t="s">
        <v>42</v>
      </c>
      <c r="U5065" s="2">
        <v>2.363</v>
      </c>
      <c r="V5065" s="2">
        <v>1.98</v>
      </c>
      <c r="W5065" s="2">
        <v>0.01</v>
      </c>
      <c r="X5065" s="2">
        <v>128.5</v>
      </c>
      <c r="Y5065" s="2">
        <v>7.6</v>
      </c>
      <c r="Z5065" s="2">
        <v>10.6</v>
      </c>
      <c r="AA5065" s="5"/>
      <c r="AB5065" s="5" t="s">
        <v>43</v>
      </c>
      <c r="AC5065" s="5" t="s">
        <v>44</v>
      </c>
      <c r="AD5065" s="2"/>
      <c r="AE5065" s="1"/>
    </row>
    <row r="5066" spans="1:31" ht="14.45">
      <c r="A5066" s="11"/>
      <c r="B5066" s="20"/>
      <c r="C5066" s="2" t="s">
        <v>15660</v>
      </c>
      <c r="D5066" s="14" t="s">
        <v>15661</v>
      </c>
      <c r="E5066" s="2" t="s">
        <v>15662</v>
      </c>
      <c r="F5066" s="2" t="s">
        <v>14893</v>
      </c>
      <c r="G5066" s="8">
        <v>168</v>
      </c>
      <c r="H5066" s="5">
        <v>6</v>
      </c>
      <c r="I5066" s="5" t="s">
        <v>1518</v>
      </c>
      <c r="J5066" s="5" t="s">
        <v>1519</v>
      </c>
      <c r="K5066" s="2" t="s">
        <v>1520</v>
      </c>
      <c r="L5066" s="5" t="s">
        <v>1519</v>
      </c>
      <c r="M5066" s="2" t="s">
        <v>1520</v>
      </c>
      <c r="N5066" s="5" t="s">
        <v>1521</v>
      </c>
      <c r="O5066" s="5" t="s">
        <v>38</v>
      </c>
      <c r="P5066" s="5" t="s">
        <v>39</v>
      </c>
      <c r="Q5066" s="5" t="s">
        <v>40</v>
      </c>
      <c r="R5066" s="5" t="s">
        <v>1522</v>
      </c>
      <c r="S5066" s="5" t="s">
        <v>1523</v>
      </c>
      <c r="T5066" s="5" t="s">
        <v>42</v>
      </c>
      <c r="U5066" s="2">
        <v>2.2610000000000001</v>
      </c>
      <c r="V5066" s="2">
        <v>1.8779999999999999</v>
      </c>
      <c r="W5066" s="2">
        <v>0.01</v>
      </c>
      <c r="X5066" s="2">
        <v>128.5</v>
      </c>
      <c r="Y5066" s="2">
        <v>7.6</v>
      </c>
      <c r="Z5066" s="2">
        <v>10.6</v>
      </c>
      <c r="AA5066" s="5"/>
      <c r="AB5066" s="5" t="s">
        <v>43</v>
      </c>
      <c r="AC5066" s="5" t="s">
        <v>44</v>
      </c>
      <c r="AD5066" s="2"/>
      <c r="AE5066" s="1"/>
    </row>
    <row r="5067" spans="1:31" ht="14.45">
      <c r="A5067" s="11"/>
      <c r="B5067" s="20"/>
      <c r="C5067" s="2" t="s">
        <v>15663</v>
      </c>
      <c r="D5067" s="14" t="s">
        <v>15664</v>
      </c>
      <c r="E5067" s="2" t="s">
        <v>15665</v>
      </c>
      <c r="F5067" s="2" t="s">
        <v>14897</v>
      </c>
      <c r="G5067" s="8">
        <v>168</v>
      </c>
      <c r="H5067" s="5">
        <v>6</v>
      </c>
      <c r="I5067" s="5" t="s">
        <v>1518</v>
      </c>
      <c r="J5067" s="5" t="s">
        <v>1519</v>
      </c>
      <c r="K5067" s="2" t="s">
        <v>1520</v>
      </c>
      <c r="L5067" s="5" t="s">
        <v>1519</v>
      </c>
      <c r="M5067" s="2" t="s">
        <v>1520</v>
      </c>
      <c r="N5067" s="5" t="s">
        <v>1521</v>
      </c>
      <c r="O5067" s="5" t="s">
        <v>38</v>
      </c>
      <c r="P5067" s="5" t="s">
        <v>39</v>
      </c>
      <c r="Q5067" s="5" t="s">
        <v>40</v>
      </c>
      <c r="R5067" s="5" t="s">
        <v>1522</v>
      </c>
      <c r="S5067" s="5" t="s">
        <v>1523</v>
      </c>
      <c r="T5067" s="5" t="s">
        <v>42</v>
      </c>
      <c r="U5067" s="2">
        <v>2.3149999999999999</v>
      </c>
      <c r="V5067" s="2">
        <v>1.9319999999999999</v>
      </c>
      <c r="W5067" s="2">
        <v>0.01</v>
      </c>
      <c r="X5067" s="2">
        <v>128.5</v>
      </c>
      <c r="Y5067" s="2">
        <v>7.6</v>
      </c>
      <c r="Z5067" s="2">
        <v>10.6</v>
      </c>
      <c r="AA5067" s="5"/>
      <c r="AB5067" s="5" t="s">
        <v>43</v>
      </c>
      <c r="AC5067" s="5" t="s">
        <v>44</v>
      </c>
      <c r="AD5067" s="2"/>
      <c r="AE5067" s="1"/>
    </row>
    <row r="5068" spans="1:31" ht="14.45">
      <c r="A5068" s="11"/>
      <c r="B5068" s="20"/>
      <c r="C5068" s="2" t="s">
        <v>15666</v>
      </c>
      <c r="D5068" s="14" t="s">
        <v>15667</v>
      </c>
      <c r="E5068" s="2" t="s">
        <v>15668</v>
      </c>
      <c r="F5068" s="2" t="s">
        <v>14869</v>
      </c>
      <c r="G5068" s="8">
        <v>189</v>
      </c>
      <c r="H5068" s="5">
        <v>6</v>
      </c>
      <c r="I5068" s="5" t="s">
        <v>1518</v>
      </c>
      <c r="J5068" s="5" t="s">
        <v>1519</v>
      </c>
      <c r="K5068" s="2" t="s">
        <v>1520</v>
      </c>
      <c r="L5068" s="5" t="s">
        <v>1519</v>
      </c>
      <c r="M5068" s="2" t="s">
        <v>1520</v>
      </c>
      <c r="N5068" s="5" t="s">
        <v>1521</v>
      </c>
      <c r="O5068" s="5" t="s">
        <v>38</v>
      </c>
      <c r="P5068" s="5" t="s">
        <v>39</v>
      </c>
      <c r="Q5068" s="5" t="s">
        <v>40</v>
      </c>
      <c r="R5068" s="5" t="s">
        <v>1522</v>
      </c>
      <c r="S5068" s="5" t="s">
        <v>1523</v>
      </c>
      <c r="T5068" s="5" t="s">
        <v>42</v>
      </c>
      <c r="U5068" s="2">
        <v>2.4489999999999998</v>
      </c>
      <c r="V5068" s="2">
        <v>2.0070000000000001</v>
      </c>
      <c r="W5068" s="2">
        <v>1.2E-2</v>
      </c>
      <c r="X5068" s="2">
        <v>148.69999999999999</v>
      </c>
      <c r="Y5068" s="2">
        <v>7.6</v>
      </c>
      <c r="Z5068" s="2">
        <v>10.6</v>
      </c>
      <c r="AA5068" s="5"/>
      <c r="AB5068" s="5" t="s">
        <v>43</v>
      </c>
      <c r="AC5068" s="5" t="s">
        <v>44</v>
      </c>
      <c r="AD5068" s="2"/>
      <c r="AE5068" s="1"/>
    </row>
    <row r="5069" spans="1:31" ht="14.45">
      <c r="A5069" s="11"/>
      <c r="B5069" s="20"/>
      <c r="C5069" s="2" t="s">
        <v>15669</v>
      </c>
      <c r="D5069" s="14" t="s">
        <v>15670</v>
      </c>
      <c r="E5069" s="2" t="s">
        <v>15671</v>
      </c>
      <c r="F5069" s="2" t="s">
        <v>14873</v>
      </c>
      <c r="G5069" s="8">
        <v>189</v>
      </c>
      <c r="H5069" s="5">
        <v>6</v>
      </c>
      <c r="I5069" s="5" t="s">
        <v>1518</v>
      </c>
      <c r="J5069" s="5" t="s">
        <v>1519</v>
      </c>
      <c r="K5069" s="2" t="s">
        <v>1520</v>
      </c>
      <c r="L5069" s="5" t="s">
        <v>1519</v>
      </c>
      <c r="M5069" s="2" t="s">
        <v>1520</v>
      </c>
      <c r="N5069" s="5" t="s">
        <v>1521</v>
      </c>
      <c r="O5069" s="5" t="s">
        <v>38</v>
      </c>
      <c r="P5069" s="5" t="s">
        <v>39</v>
      </c>
      <c r="Q5069" s="5" t="s">
        <v>40</v>
      </c>
      <c r="R5069" s="5" t="s">
        <v>1522</v>
      </c>
      <c r="S5069" s="5" t="s">
        <v>1523</v>
      </c>
      <c r="T5069" s="5" t="s">
        <v>42</v>
      </c>
      <c r="U5069" s="2">
        <v>2.508</v>
      </c>
      <c r="V5069" s="2">
        <v>2.0659999999999998</v>
      </c>
      <c r="W5069" s="2">
        <v>1.2E-2</v>
      </c>
      <c r="X5069" s="2">
        <v>148.69999999999999</v>
      </c>
      <c r="Y5069" s="2">
        <v>7.6</v>
      </c>
      <c r="Z5069" s="2">
        <v>10.6</v>
      </c>
      <c r="AA5069" s="5"/>
      <c r="AB5069" s="5" t="s">
        <v>43</v>
      </c>
      <c r="AC5069" s="5" t="s">
        <v>44</v>
      </c>
      <c r="AD5069" s="2"/>
      <c r="AE5069" s="1"/>
    </row>
    <row r="5070" spans="1:31" ht="14.45">
      <c r="A5070" s="11"/>
      <c r="B5070" s="20"/>
      <c r="C5070" s="2" t="s">
        <v>15672</v>
      </c>
      <c r="D5070" s="14" t="s">
        <v>15673</v>
      </c>
      <c r="E5070" s="2" t="s">
        <v>15674</v>
      </c>
      <c r="F5070" s="2" t="s">
        <v>14877</v>
      </c>
      <c r="G5070" s="8">
        <v>189</v>
      </c>
      <c r="H5070" s="5">
        <v>6</v>
      </c>
      <c r="I5070" s="5" t="s">
        <v>1518</v>
      </c>
      <c r="J5070" s="5" t="s">
        <v>1519</v>
      </c>
      <c r="K5070" s="2" t="s">
        <v>1520</v>
      </c>
      <c r="L5070" s="5" t="s">
        <v>1519</v>
      </c>
      <c r="M5070" s="2" t="s">
        <v>1520</v>
      </c>
      <c r="N5070" s="5" t="s">
        <v>1521</v>
      </c>
      <c r="O5070" s="5" t="s">
        <v>38</v>
      </c>
      <c r="P5070" s="5" t="s">
        <v>39</v>
      </c>
      <c r="Q5070" s="5" t="s">
        <v>40</v>
      </c>
      <c r="R5070" s="5" t="s">
        <v>1522</v>
      </c>
      <c r="S5070" s="5" t="s">
        <v>1523</v>
      </c>
      <c r="T5070" s="5" t="s">
        <v>42</v>
      </c>
      <c r="U5070" s="2">
        <v>2.5049999999999999</v>
      </c>
      <c r="V5070" s="2">
        <v>2.0630000000000002</v>
      </c>
      <c r="W5070" s="2">
        <v>1.2E-2</v>
      </c>
      <c r="X5070" s="2">
        <v>148.69999999999999</v>
      </c>
      <c r="Y5070" s="2">
        <v>7.6</v>
      </c>
      <c r="Z5070" s="2">
        <v>10.6</v>
      </c>
      <c r="AA5070" s="5"/>
      <c r="AB5070" s="5" t="s">
        <v>43</v>
      </c>
      <c r="AC5070" s="5" t="s">
        <v>44</v>
      </c>
      <c r="AD5070" s="2"/>
      <c r="AE5070" s="1"/>
    </row>
    <row r="5071" spans="1:31" ht="14.45">
      <c r="A5071" s="11"/>
      <c r="B5071" s="20"/>
      <c r="C5071" s="2" t="s">
        <v>15675</v>
      </c>
      <c r="D5071" s="14" t="s">
        <v>15676</v>
      </c>
      <c r="E5071" s="2" t="s">
        <v>15677</v>
      </c>
      <c r="F5071" s="2" t="s">
        <v>14881</v>
      </c>
      <c r="G5071" s="8">
        <v>189</v>
      </c>
      <c r="H5071" s="5">
        <v>6</v>
      </c>
      <c r="I5071" s="5" t="s">
        <v>1518</v>
      </c>
      <c r="J5071" s="5" t="s">
        <v>1519</v>
      </c>
      <c r="K5071" s="2" t="s">
        <v>1520</v>
      </c>
      <c r="L5071" s="5" t="s">
        <v>1519</v>
      </c>
      <c r="M5071" s="2" t="s">
        <v>1520</v>
      </c>
      <c r="N5071" s="5" t="s">
        <v>1521</v>
      </c>
      <c r="O5071" s="5" t="s">
        <v>38</v>
      </c>
      <c r="P5071" s="5" t="s">
        <v>39</v>
      </c>
      <c r="Q5071" s="5" t="s">
        <v>40</v>
      </c>
      <c r="R5071" s="5" t="s">
        <v>1522</v>
      </c>
      <c r="S5071" s="5" t="s">
        <v>1523</v>
      </c>
      <c r="T5071" s="5" t="s">
        <v>42</v>
      </c>
      <c r="U5071" s="2">
        <v>2.5640000000000001</v>
      </c>
      <c r="V5071" s="2">
        <v>2.1219999999999999</v>
      </c>
      <c r="W5071" s="2">
        <v>1.2E-2</v>
      </c>
      <c r="X5071" s="2">
        <v>148.69999999999999</v>
      </c>
      <c r="Y5071" s="2">
        <v>7.6</v>
      </c>
      <c r="Z5071" s="2">
        <v>10.6</v>
      </c>
      <c r="AA5071" s="5"/>
      <c r="AB5071" s="5" t="s">
        <v>43</v>
      </c>
      <c r="AC5071" s="5" t="s">
        <v>44</v>
      </c>
      <c r="AD5071" s="2"/>
      <c r="AE5071" s="1"/>
    </row>
    <row r="5072" spans="1:31" ht="14.45">
      <c r="A5072" s="11"/>
      <c r="B5072" s="20"/>
      <c r="C5072" s="2" t="s">
        <v>15678</v>
      </c>
      <c r="D5072" s="14" t="s">
        <v>15679</v>
      </c>
      <c r="E5072" s="2" t="s">
        <v>15680</v>
      </c>
      <c r="F5072" s="2" t="s">
        <v>14885</v>
      </c>
      <c r="G5072" s="8">
        <v>189</v>
      </c>
      <c r="H5072" s="5">
        <v>6</v>
      </c>
      <c r="I5072" s="5" t="s">
        <v>1518</v>
      </c>
      <c r="J5072" s="5" t="s">
        <v>1519</v>
      </c>
      <c r="K5072" s="2" t="s">
        <v>1520</v>
      </c>
      <c r="L5072" s="5" t="s">
        <v>1519</v>
      </c>
      <c r="M5072" s="2" t="s">
        <v>1520</v>
      </c>
      <c r="N5072" s="5" t="s">
        <v>1521</v>
      </c>
      <c r="O5072" s="5" t="s">
        <v>38</v>
      </c>
      <c r="P5072" s="5" t="s">
        <v>39</v>
      </c>
      <c r="Q5072" s="5" t="s">
        <v>40</v>
      </c>
      <c r="R5072" s="5" t="s">
        <v>1522</v>
      </c>
      <c r="S5072" s="5" t="s">
        <v>1523</v>
      </c>
      <c r="T5072" s="5" t="s">
        <v>42</v>
      </c>
      <c r="U5072" s="2">
        <v>2.5049999999999999</v>
      </c>
      <c r="V5072" s="2">
        <v>2.0630000000000002</v>
      </c>
      <c r="W5072" s="2">
        <v>1.2E-2</v>
      </c>
      <c r="X5072" s="2">
        <v>148.69999999999999</v>
      </c>
      <c r="Y5072" s="2">
        <v>7.6</v>
      </c>
      <c r="Z5072" s="2">
        <v>10.6</v>
      </c>
      <c r="AA5072" s="5"/>
      <c r="AB5072" s="5" t="s">
        <v>43</v>
      </c>
      <c r="AC5072" s="5" t="s">
        <v>44</v>
      </c>
      <c r="AD5072" s="2"/>
      <c r="AE5072" s="1"/>
    </row>
    <row r="5073" spans="1:31" ht="14.45">
      <c r="A5073" s="11"/>
      <c r="B5073" s="20"/>
      <c r="C5073" s="2" t="s">
        <v>15681</v>
      </c>
      <c r="D5073" s="14" t="s">
        <v>15682</v>
      </c>
      <c r="E5073" s="2" t="s">
        <v>15683</v>
      </c>
      <c r="F5073" s="2" t="s">
        <v>14889</v>
      </c>
      <c r="G5073" s="8">
        <v>189</v>
      </c>
      <c r="H5073" s="5">
        <v>6</v>
      </c>
      <c r="I5073" s="5" t="s">
        <v>1518</v>
      </c>
      <c r="J5073" s="5" t="s">
        <v>1519</v>
      </c>
      <c r="K5073" s="2" t="s">
        <v>1520</v>
      </c>
      <c r="L5073" s="5" t="s">
        <v>1519</v>
      </c>
      <c r="M5073" s="2" t="s">
        <v>1520</v>
      </c>
      <c r="N5073" s="5" t="s">
        <v>1521</v>
      </c>
      <c r="O5073" s="5" t="s">
        <v>38</v>
      </c>
      <c r="P5073" s="5" t="s">
        <v>39</v>
      </c>
      <c r="Q5073" s="5" t="s">
        <v>40</v>
      </c>
      <c r="R5073" s="5" t="s">
        <v>1522</v>
      </c>
      <c r="S5073" s="5" t="s">
        <v>1523</v>
      </c>
      <c r="T5073" s="5" t="s">
        <v>42</v>
      </c>
      <c r="U5073" s="2">
        <v>2.5640000000000001</v>
      </c>
      <c r="V5073" s="2">
        <v>2.1219999999999999</v>
      </c>
      <c r="W5073" s="2">
        <v>1.2E-2</v>
      </c>
      <c r="X5073" s="2">
        <v>148.69999999999999</v>
      </c>
      <c r="Y5073" s="2">
        <v>7.6</v>
      </c>
      <c r="Z5073" s="2">
        <v>10.6</v>
      </c>
      <c r="AA5073" s="5"/>
      <c r="AB5073" s="5" t="s">
        <v>43</v>
      </c>
      <c r="AC5073" s="5" t="s">
        <v>44</v>
      </c>
      <c r="AD5073" s="2"/>
      <c r="AE5073" s="1"/>
    </row>
    <row r="5074" spans="1:31" ht="14.45">
      <c r="A5074" s="11"/>
      <c r="B5074" s="20"/>
      <c r="C5074" s="2" t="s">
        <v>15684</v>
      </c>
      <c r="D5074" s="14" t="s">
        <v>15685</v>
      </c>
      <c r="E5074" s="2" t="s">
        <v>15686</v>
      </c>
      <c r="F5074" s="2" t="s">
        <v>14893</v>
      </c>
      <c r="G5074" s="8">
        <v>189</v>
      </c>
      <c r="H5074" s="5">
        <v>6</v>
      </c>
      <c r="I5074" s="5" t="s">
        <v>1518</v>
      </c>
      <c r="J5074" s="5" t="s">
        <v>1519</v>
      </c>
      <c r="K5074" s="2" t="s">
        <v>1520</v>
      </c>
      <c r="L5074" s="5" t="s">
        <v>1519</v>
      </c>
      <c r="M5074" s="2" t="s">
        <v>1520</v>
      </c>
      <c r="N5074" s="5" t="s">
        <v>1521</v>
      </c>
      <c r="O5074" s="5" t="s">
        <v>38</v>
      </c>
      <c r="P5074" s="5" t="s">
        <v>39</v>
      </c>
      <c r="Q5074" s="5" t="s">
        <v>40</v>
      </c>
      <c r="R5074" s="5" t="s">
        <v>1522</v>
      </c>
      <c r="S5074" s="5" t="s">
        <v>1523</v>
      </c>
      <c r="T5074" s="5" t="s">
        <v>42</v>
      </c>
      <c r="U5074" s="2">
        <v>2.4489999999999998</v>
      </c>
      <c r="V5074" s="2">
        <v>2.0070000000000001</v>
      </c>
      <c r="W5074" s="2">
        <v>1.2E-2</v>
      </c>
      <c r="X5074" s="2">
        <v>148.69999999999999</v>
      </c>
      <c r="Y5074" s="2">
        <v>7.6</v>
      </c>
      <c r="Z5074" s="2">
        <v>10.6</v>
      </c>
      <c r="AA5074" s="5"/>
      <c r="AB5074" s="5" t="s">
        <v>43</v>
      </c>
      <c r="AC5074" s="5" t="s">
        <v>44</v>
      </c>
      <c r="AD5074" s="2"/>
      <c r="AE5074" s="1"/>
    </row>
    <row r="5075" spans="1:31" ht="14.45">
      <c r="A5075" s="11"/>
      <c r="B5075" s="20"/>
      <c r="C5075" s="2" t="s">
        <v>15687</v>
      </c>
      <c r="D5075" s="14" t="s">
        <v>15688</v>
      </c>
      <c r="E5075" s="2" t="s">
        <v>15689</v>
      </c>
      <c r="F5075" s="2" t="s">
        <v>14897</v>
      </c>
      <c r="G5075" s="8">
        <v>189</v>
      </c>
      <c r="H5075" s="5">
        <v>6</v>
      </c>
      <c r="I5075" s="5" t="s">
        <v>1518</v>
      </c>
      <c r="J5075" s="5" t="s">
        <v>1519</v>
      </c>
      <c r="K5075" s="2" t="s">
        <v>1520</v>
      </c>
      <c r="L5075" s="5" t="s">
        <v>1519</v>
      </c>
      <c r="M5075" s="2" t="s">
        <v>1520</v>
      </c>
      <c r="N5075" s="5" t="s">
        <v>1521</v>
      </c>
      <c r="O5075" s="5" t="s">
        <v>38</v>
      </c>
      <c r="P5075" s="5" t="s">
        <v>39</v>
      </c>
      <c r="Q5075" s="5" t="s">
        <v>40</v>
      </c>
      <c r="R5075" s="5" t="s">
        <v>1522</v>
      </c>
      <c r="S5075" s="5" t="s">
        <v>1523</v>
      </c>
      <c r="T5075" s="5" t="s">
        <v>42</v>
      </c>
      <c r="U5075" s="2">
        <v>2.508</v>
      </c>
      <c r="V5075" s="2">
        <v>2.0659999999999998</v>
      </c>
      <c r="W5075" s="2">
        <v>1.2E-2</v>
      </c>
      <c r="X5075" s="2">
        <v>148.69999999999999</v>
      </c>
      <c r="Y5075" s="2">
        <v>7.6</v>
      </c>
      <c r="Z5075" s="2">
        <v>10.6</v>
      </c>
      <c r="AA5075" s="5"/>
      <c r="AB5075" s="5" t="s">
        <v>43</v>
      </c>
      <c r="AC5075" s="5" t="s">
        <v>44</v>
      </c>
      <c r="AD5075" s="2"/>
      <c r="AE5075" s="1"/>
    </row>
    <row r="5076" spans="1:31" ht="14.45">
      <c r="A5076" s="11"/>
      <c r="B5076" s="20"/>
      <c r="C5076" s="2" t="s">
        <v>15690</v>
      </c>
      <c r="D5076" s="14" t="s">
        <v>15691</v>
      </c>
      <c r="E5076" s="2" t="s">
        <v>15692</v>
      </c>
      <c r="F5076" s="2" t="s">
        <v>14869</v>
      </c>
      <c r="G5076" s="8">
        <v>159</v>
      </c>
      <c r="H5076" s="5">
        <v>6</v>
      </c>
      <c r="I5076" s="5" t="s">
        <v>1518</v>
      </c>
      <c r="J5076" s="5" t="s">
        <v>1519</v>
      </c>
      <c r="K5076" s="2" t="s">
        <v>1520</v>
      </c>
      <c r="L5076" s="5" t="s">
        <v>1519</v>
      </c>
      <c r="M5076" s="2" t="s">
        <v>1520</v>
      </c>
      <c r="N5076" s="5" t="s">
        <v>1521</v>
      </c>
      <c r="O5076" s="5" t="s">
        <v>38</v>
      </c>
      <c r="P5076" s="5" t="s">
        <v>39</v>
      </c>
      <c r="Q5076" s="5" t="s">
        <v>40</v>
      </c>
      <c r="R5076" s="5" t="s">
        <v>1522</v>
      </c>
      <c r="S5076" s="5" t="s">
        <v>1523</v>
      </c>
      <c r="T5076" s="5" t="s">
        <v>42</v>
      </c>
      <c r="U5076" s="2">
        <v>1.7589999999999999</v>
      </c>
      <c r="V5076" s="2">
        <v>1.3759999999999999</v>
      </c>
      <c r="W5076" s="2">
        <v>0.01</v>
      </c>
      <c r="X5076" s="2">
        <v>128.5</v>
      </c>
      <c r="Y5076" s="2">
        <v>7.6</v>
      </c>
      <c r="Z5076" s="2">
        <v>10.6</v>
      </c>
      <c r="AA5076" s="5"/>
      <c r="AB5076" s="5" t="s">
        <v>43</v>
      </c>
      <c r="AC5076" s="5" t="s">
        <v>44</v>
      </c>
      <c r="AD5076" s="2"/>
      <c r="AE5076" s="1"/>
    </row>
    <row r="5077" spans="1:31" ht="14.45">
      <c r="A5077" s="11"/>
      <c r="B5077" s="20"/>
      <c r="C5077" s="2" t="s">
        <v>15693</v>
      </c>
      <c r="D5077" s="14" t="s">
        <v>15694</v>
      </c>
      <c r="E5077" s="2" t="s">
        <v>15695</v>
      </c>
      <c r="F5077" s="2" t="s">
        <v>14873</v>
      </c>
      <c r="G5077" s="8">
        <v>159</v>
      </c>
      <c r="H5077" s="5">
        <v>6</v>
      </c>
      <c r="I5077" s="5" t="s">
        <v>1518</v>
      </c>
      <c r="J5077" s="5" t="s">
        <v>1519</v>
      </c>
      <c r="K5077" s="2" t="s">
        <v>1520</v>
      </c>
      <c r="L5077" s="5" t="s">
        <v>1519</v>
      </c>
      <c r="M5077" s="2" t="s">
        <v>1520</v>
      </c>
      <c r="N5077" s="5" t="s">
        <v>1521</v>
      </c>
      <c r="O5077" s="5" t="s">
        <v>38</v>
      </c>
      <c r="P5077" s="5" t="s">
        <v>39</v>
      </c>
      <c r="Q5077" s="5" t="s">
        <v>40</v>
      </c>
      <c r="R5077" s="5" t="s">
        <v>1522</v>
      </c>
      <c r="S5077" s="5" t="s">
        <v>1523</v>
      </c>
      <c r="T5077" s="5" t="s">
        <v>42</v>
      </c>
      <c r="U5077" s="2">
        <v>1.7969999999999999</v>
      </c>
      <c r="V5077" s="2">
        <v>1.4139999999999999</v>
      </c>
      <c r="W5077" s="2">
        <v>0.01</v>
      </c>
      <c r="X5077" s="2">
        <v>128.5</v>
      </c>
      <c r="Y5077" s="2">
        <v>7.6</v>
      </c>
      <c r="Z5077" s="2">
        <v>10.6</v>
      </c>
      <c r="AA5077" s="5"/>
      <c r="AB5077" s="5" t="s">
        <v>43</v>
      </c>
      <c r="AC5077" s="5" t="s">
        <v>44</v>
      </c>
      <c r="AD5077" s="2"/>
      <c r="AE5077" s="1"/>
    </row>
    <row r="5078" spans="1:31" ht="14.45">
      <c r="A5078" s="11"/>
      <c r="B5078" s="20"/>
      <c r="C5078" s="2" t="s">
        <v>15696</v>
      </c>
      <c r="D5078" s="14" t="s">
        <v>15697</v>
      </c>
      <c r="E5078" s="2" t="s">
        <v>15698</v>
      </c>
      <c r="F5078" s="2" t="s">
        <v>14877</v>
      </c>
      <c r="G5078" s="8">
        <v>159</v>
      </c>
      <c r="H5078" s="5">
        <v>6</v>
      </c>
      <c r="I5078" s="5" t="s">
        <v>1518</v>
      </c>
      <c r="J5078" s="5" t="s">
        <v>1519</v>
      </c>
      <c r="K5078" s="2" t="s">
        <v>1520</v>
      </c>
      <c r="L5078" s="5" t="s">
        <v>1519</v>
      </c>
      <c r="M5078" s="2" t="s">
        <v>1520</v>
      </c>
      <c r="N5078" s="5" t="s">
        <v>1521</v>
      </c>
      <c r="O5078" s="5" t="s">
        <v>38</v>
      </c>
      <c r="P5078" s="5" t="s">
        <v>39</v>
      </c>
      <c r="Q5078" s="5" t="s">
        <v>40</v>
      </c>
      <c r="R5078" s="5" t="s">
        <v>1522</v>
      </c>
      <c r="S5078" s="5" t="s">
        <v>1523</v>
      </c>
      <c r="T5078" s="5" t="s">
        <v>42</v>
      </c>
      <c r="U5078" s="2">
        <v>1.778</v>
      </c>
      <c r="V5078" s="2">
        <v>1.395</v>
      </c>
      <c r="W5078" s="2">
        <v>0.01</v>
      </c>
      <c r="X5078" s="2">
        <v>128.5</v>
      </c>
      <c r="Y5078" s="2">
        <v>7.6</v>
      </c>
      <c r="Z5078" s="2">
        <v>10.6</v>
      </c>
      <c r="AA5078" s="5"/>
      <c r="AB5078" s="5" t="s">
        <v>43</v>
      </c>
      <c r="AC5078" s="5" t="s">
        <v>44</v>
      </c>
      <c r="AD5078" s="2"/>
      <c r="AE5078" s="1"/>
    </row>
    <row r="5079" spans="1:31" ht="14.45">
      <c r="A5079" s="11"/>
      <c r="B5079" s="20"/>
      <c r="C5079" s="2" t="s">
        <v>15699</v>
      </c>
      <c r="D5079" s="14" t="s">
        <v>15700</v>
      </c>
      <c r="E5079" s="2" t="s">
        <v>15701</v>
      </c>
      <c r="F5079" s="2" t="s">
        <v>14881</v>
      </c>
      <c r="G5079" s="8">
        <v>159</v>
      </c>
      <c r="H5079" s="5">
        <v>6</v>
      </c>
      <c r="I5079" s="5" t="s">
        <v>1518</v>
      </c>
      <c r="J5079" s="5" t="s">
        <v>1519</v>
      </c>
      <c r="K5079" s="2" t="s">
        <v>1520</v>
      </c>
      <c r="L5079" s="5" t="s">
        <v>1519</v>
      </c>
      <c r="M5079" s="2" t="s">
        <v>1520</v>
      </c>
      <c r="N5079" s="5" t="s">
        <v>1521</v>
      </c>
      <c r="O5079" s="5" t="s">
        <v>38</v>
      </c>
      <c r="P5079" s="5" t="s">
        <v>39</v>
      </c>
      <c r="Q5079" s="5" t="s">
        <v>40</v>
      </c>
      <c r="R5079" s="5" t="s">
        <v>1522</v>
      </c>
      <c r="S5079" s="5" t="s">
        <v>1523</v>
      </c>
      <c r="T5079" s="5" t="s">
        <v>42</v>
      </c>
      <c r="U5079" s="2">
        <v>1.8160000000000001</v>
      </c>
      <c r="V5079" s="2">
        <v>1.4330000000000001</v>
      </c>
      <c r="W5079" s="2">
        <v>0.01</v>
      </c>
      <c r="X5079" s="2">
        <v>128.5</v>
      </c>
      <c r="Y5079" s="2">
        <v>7.6</v>
      </c>
      <c r="Z5079" s="2">
        <v>10.6</v>
      </c>
      <c r="AA5079" s="5"/>
      <c r="AB5079" s="5" t="s">
        <v>43</v>
      </c>
      <c r="AC5079" s="5" t="s">
        <v>44</v>
      </c>
      <c r="AD5079" s="2"/>
      <c r="AE5079" s="1"/>
    </row>
    <row r="5080" spans="1:31" ht="14.45">
      <c r="A5080" s="11"/>
      <c r="B5080" s="20"/>
      <c r="C5080" s="2" t="s">
        <v>15702</v>
      </c>
      <c r="D5080" s="14" t="s">
        <v>15703</v>
      </c>
      <c r="E5080" s="2" t="s">
        <v>15704</v>
      </c>
      <c r="F5080" s="2" t="s">
        <v>14885</v>
      </c>
      <c r="G5080" s="8">
        <v>159</v>
      </c>
      <c r="H5080" s="5">
        <v>6</v>
      </c>
      <c r="I5080" s="5" t="s">
        <v>1518</v>
      </c>
      <c r="J5080" s="5" t="s">
        <v>1519</v>
      </c>
      <c r="K5080" s="2" t="s">
        <v>1520</v>
      </c>
      <c r="L5080" s="5" t="s">
        <v>1519</v>
      </c>
      <c r="M5080" s="2" t="s">
        <v>1520</v>
      </c>
      <c r="N5080" s="5" t="s">
        <v>1521</v>
      </c>
      <c r="O5080" s="5" t="s">
        <v>38</v>
      </c>
      <c r="P5080" s="5" t="s">
        <v>39</v>
      </c>
      <c r="Q5080" s="5" t="s">
        <v>40</v>
      </c>
      <c r="R5080" s="5" t="s">
        <v>1522</v>
      </c>
      <c r="S5080" s="5" t="s">
        <v>1523</v>
      </c>
      <c r="T5080" s="5" t="s">
        <v>42</v>
      </c>
      <c r="U5080" s="2">
        <v>1.778</v>
      </c>
      <c r="V5080" s="2">
        <v>1.395</v>
      </c>
      <c r="W5080" s="2">
        <v>0.01</v>
      </c>
      <c r="X5080" s="2">
        <v>128.5</v>
      </c>
      <c r="Y5080" s="2">
        <v>7.6</v>
      </c>
      <c r="Z5080" s="2">
        <v>10.6</v>
      </c>
      <c r="AA5080" s="5"/>
      <c r="AB5080" s="5" t="s">
        <v>43</v>
      </c>
      <c r="AC5080" s="5" t="s">
        <v>44</v>
      </c>
      <c r="AD5080" s="2"/>
      <c r="AE5080" s="1"/>
    </row>
    <row r="5081" spans="1:31" ht="14.45">
      <c r="A5081" s="11"/>
      <c r="B5081" s="20"/>
      <c r="C5081" s="2" t="s">
        <v>15705</v>
      </c>
      <c r="D5081" s="14" t="s">
        <v>15706</v>
      </c>
      <c r="E5081" s="2" t="s">
        <v>15707</v>
      </c>
      <c r="F5081" s="2" t="s">
        <v>14889</v>
      </c>
      <c r="G5081" s="8">
        <v>159</v>
      </c>
      <c r="H5081" s="5">
        <v>6</v>
      </c>
      <c r="I5081" s="5" t="s">
        <v>1518</v>
      </c>
      <c r="J5081" s="5" t="s">
        <v>1519</v>
      </c>
      <c r="K5081" s="2" t="s">
        <v>1520</v>
      </c>
      <c r="L5081" s="5" t="s">
        <v>1519</v>
      </c>
      <c r="M5081" s="2" t="s">
        <v>1520</v>
      </c>
      <c r="N5081" s="5" t="s">
        <v>1521</v>
      </c>
      <c r="O5081" s="5" t="s">
        <v>38</v>
      </c>
      <c r="P5081" s="5" t="s">
        <v>39</v>
      </c>
      <c r="Q5081" s="5" t="s">
        <v>40</v>
      </c>
      <c r="R5081" s="5" t="s">
        <v>1522</v>
      </c>
      <c r="S5081" s="5" t="s">
        <v>1523</v>
      </c>
      <c r="T5081" s="5" t="s">
        <v>42</v>
      </c>
      <c r="U5081" s="2">
        <v>1.8160000000000001</v>
      </c>
      <c r="V5081" s="2">
        <v>1.4330000000000001</v>
      </c>
      <c r="W5081" s="2">
        <v>0.01</v>
      </c>
      <c r="X5081" s="2">
        <v>128.5</v>
      </c>
      <c r="Y5081" s="2">
        <v>7.6</v>
      </c>
      <c r="Z5081" s="2">
        <v>10.6</v>
      </c>
      <c r="AA5081" s="5"/>
      <c r="AB5081" s="5" t="s">
        <v>43</v>
      </c>
      <c r="AC5081" s="5" t="s">
        <v>44</v>
      </c>
      <c r="AD5081" s="2"/>
      <c r="AE5081" s="1"/>
    </row>
    <row r="5082" spans="1:31" ht="14.45">
      <c r="A5082" s="11"/>
      <c r="B5082" s="20"/>
      <c r="C5082" s="2" t="s">
        <v>15708</v>
      </c>
      <c r="D5082" s="14" t="s">
        <v>15709</v>
      </c>
      <c r="E5082" s="2" t="s">
        <v>15710</v>
      </c>
      <c r="F5082" s="2" t="s">
        <v>14893</v>
      </c>
      <c r="G5082" s="8">
        <v>159</v>
      </c>
      <c r="H5082" s="5">
        <v>6</v>
      </c>
      <c r="I5082" s="5" t="s">
        <v>1518</v>
      </c>
      <c r="J5082" s="5" t="s">
        <v>1519</v>
      </c>
      <c r="K5082" s="2" t="s">
        <v>1520</v>
      </c>
      <c r="L5082" s="5" t="s">
        <v>1519</v>
      </c>
      <c r="M5082" s="2" t="s">
        <v>1520</v>
      </c>
      <c r="N5082" s="5" t="s">
        <v>1521</v>
      </c>
      <c r="O5082" s="5" t="s">
        <v>38</v>
      </c>
      <c r="P5082" s="5" t="s">
        <v>39</v>
      </c>
      <c r="Q5082" s="5" t="s">
        <v>40</v>
      </c>
      <c r="R5082" s="5" t="s">
        <v>1522</v>
      </c>
      <c r="S5082" s="5" t="s">
        <v>1523</v>
      </c>
      <c r="T5082" s="5" t="s">
        <v>42</v>
      </c>
      <c r="U5082" s="2">
        <v>1.7589999999999999</v>
      </c>
      <c r="V5082" s="2">
        <v>1.3759999999999999</v>
      </c>
      <c r="W5082" s="2">
        <v>0.01</v>
      </c>
      <c r="X5082" s="2">
        <v>128.5</v>
      </c>
      <c r="Y5082" s="2">
        <v>7.6</v>
      </c>
      <c r="Z5082" s="2">
        <v>10.6</v>
      </c>
      <c r="AA5082" s="5"/>
      <c r="AB5082" s="5" t="s">
        <v>43</v>
      </c>
      <c r="AC5082" s="5" t="s">
        <v>44</v>
      </c>
      <c r="AD5082" s="2"/>
      <c r="AE5082" s="1"/>
    </row>
    <row r="5083" spans="1:31" ht="14.45">
      <c r="A5083" s="11"/>
      <c r="B5083" s="20"/>
      <c r="C5083" s="2" t="s">
        <v>15711</v>
      </c>
      <c r="D5083" s="14" t="s">
        <v>15712</v>
      </c>
      <c r="E5083" s="2" t="s">
        <v>15713</v>
      </c>
      <c r="F5083" s="2" t="s">
        <v>14897</v>
      </c>
      <c r="G5083" s="8">
        <v>159</v>
      </c>
      <c r="H5083" s="5">
        <v>6</v>
      </c>
      <c r="I5083" s="5" t="s">
        <v>1518</v>
      </c>
      <c r="J5083" s="5" t="s">
        <v>1519</v>
      </c>
      <c r="K5083" s="2" t="s">
        <v>1520</v>
      </c>
      <c r="L5083" s="5" t="s">
        <v>1519</v>
      </c>
      <c r="M5083" s="2" t="s">
        <v>1520</v>
      </c>
      <c r="N5083" s="5" t="s">
        <v>1521</v>
      </c>
      <c r="O5083" s="5" t="s">
        <v>38</v>
      </c>
      <c r="P5083" s="5" t="s">
        <v>39</v>
      </c>
      <c r="Q5083" s="5" t="s">
        <v>40</v>
      </c>
      <c r="R5083" s="5" t="s">
        <v>1522</v>
      </c>
      <c r="S5083" s="5" t="s">
        <v>1523</v>
      </c>
      <c r="T5083" s="5" t="s">
        <v>42</v>
      </c>
      <c r="U5083" s="2">
        <v>1.7969999999999999</v>
      </c>
      <c r="V5083" s="2">
        <v>1.4139999999999999</v>
      </c>
      <c r="W5083" s="2">
        <v>0.01</v>
      </c>
      <c r="X5083" s="2">
        <v>128.5</v>
      </c>
      <c r="Y5083" s="2">
        <v>7.6</v>
      </c>
      <c r="Z5083" s="2">
        <v>10.6</v>
      </c>
      <c r="AA5083" s="5"/>
      <c r="AB5083" s="5" t="s">
        <v>43</v>
      </c>
      <c r="AC5083" s="5" t="s">
        <v>44</v>
      </c>
      <c r="AD5083" s="2"/>
      <c r="AE5083" s="1"/>
    </row>
    <row r="5084" spans="1:31" ht="14.45">
      <c r="A5084" s="11"/>
      <c r="B5084" s="20"/>
      <c r="C5084" s="2" t="s">
        <v>15714</v>
      </c>
      <c r="D5084" s="14" t="s">
        <v>15715</v>
      </c>
      <c r="E5084" s="2" t="s">
        <v>15716</v>
      </c>
      <c r="F5084" s="2" t="s">
        <v>14869</v>
      </c>
      <c r="G5084" s="8">
        <v>159</v>
      </c>
      <c r="H5084" s="5">
        <v>6</v>
      </c>
      <c r="I5084" s="5" t="s">
        <v>1518</v>
      </c>
      <c r="J5084" s="5" t="s">
        <v>1519</v>
      </c>
      <c r="K5084" s="2" t="s">
        <v>1520</v>
      </c>
      <c r="L5084" s="5" t="s">
        <v>1519</v>
      </c>
      <c r="M5084" s="2" t="s">
        <v>1520</v>
      </c>
      <c r="N5084" s="5" t="s">
        <v>1521</v>
      </c>
      <c r="O5084" s="5" t="s">
        <v>38</v>
      </c>
      <c r="P5084" s="5" t="s">
        <v>39</v>
      </c>
      <c r="Q5084" s="5" t="s">
        <v>40</v>
      </c>
      <c r="R5084" s="5" t="s">
        <v>1522</v>
      </c>
      <c r="S5084" s="5" t="s">
        <v>1523</v>
      </c>
      <c r="T5084" s="5" t="s">
        <v>42</v>
      </c>
      <c r="U5084" s="2">
        <v>2.153</v>
      </c>
      <c r="V5084" s="2">
        <v>1.77</v>
      </c>
      <c r="W5084" s="2">
        <v>0.01</v>
      </c>
      <c r="X5084" s="2">
        <v>128.5</v>
      </c>
      <c r="Y5084" s="2">
        <v>7.6</v>
      </c>
      <c r="Z5084" s="2">
        <v>10.6</v>
      </c>
      <c r="AA5084" s="5"/>
      <c r="AB5084" s="5" t="s">
        <v>43</v>
      </c>
      <c r="AC5084" s="5" t="s">
        <v>44</v>
      </c>
      <c r="AD5084" s="2"/>
      <c r="AE5084" s="1"/>
    </row>
    <row r="5085" spans="1:31" ht="14.45">
      <c r="A5085" s="11"/>
      <c r="B5085" s="20"/>
      <c r="C5085" s="2" t="s">
        <v>15717</v>
      </c>
      <c r="D5085" s="14" t="s">
        <v>15718</v>
      </c>
      <c r="E5085" s="2" t="s">
        <v>15719</v>
      </c>
      <c r="F5085" s="2" t="s">
        <v>14873</v>
      </c>
      <c r="G5085" s="8">
        <v>159</v>
      </c>
      <c r="H5085" s="5">
        <v>6</v>
      </c>
      <c r="I5085" s="5" t="s">
        <v>1518</v>
      </c>
      <c r="J5085" s="5" t="s">
        <v>1519</v>
      </c>
      <c r="K5085" s="2" t="s">
        <v>1520</v>
      </c>
      <c r="L5085" s="5" t="s">
        <v>1519</v>
      </c>
      <c r="M5085" s="2" t="s">
        <v>1520</v>
      </c>
      <c r="N5085" s="5" t="s">
        <v>1521</v>
      </c>
      <c r="O5085" s="5" t="s">
        <v>38</v>
      </c>
      <c r="P5085" s="5" t="s">
        <v>39</v>
      </c>
      <c r="Q5085" s="5" t="s">
        <v>40</v>
      </c>
      <c r="R5085" s="5" t="s">
        <v>1522</v>
      </c>
      <c r="S5085" s="5" t="s">
        <v>1523</v>
      </c>
      <c r="T5085" s="5" t="s">
        <v>42</v>
      </c>
      <c r="U5085" s="2">
        <v>2.2040000000000002</v>
      </c>
      <c r="V5085" s="2">
        <v>1.821</v>
      </c>
      <c r="W5085" s="2">
        <v>0.01</v>
      </c>
      <c r="X5085" s="2">
        <v>128.5</v>
      </c>
      <c r="Y5085" s="2">
        <v>7.6</v>
      </c>
      <c r="Z5085" s="2">
        <v>10.6</v>
      </c>
      <c r="AA5085" s="5"/>
      <c r="AB5085" s="5" t="s">
        <v>43</v>
      </c>
      <c r="AC5085" s="5" t="s">
        <v>44</v>
      </c>
      <c r="AD5085" s="2"/>
      <c r="AE5085" s="1"/>
    </row>
    <row r="5086" spans="1:31" ht="14.45">
      <c r="A5086" s="11"/>
      <c r="B5086" s="20"/>
      <c r="C5086" s="2" t="s">
        <v>15720</v>
      </c>
      <c r="D5086" s="14" t="s">
        <v>15721</v>
      </c>
      <c r="E5086" s="2" t="s">
        <v>15722</v>
      </c>
      <c r="F5086" s="2" t="s">
        <v>14877</v>
      </c>
      <c r="G5086" s="8">
        <v>159</v>
      </c>
      <c r="H5086" s="5">
        <v>6</v>
      </c>
      <c r="I5086" s="5" t="s">
        <v>1518</v>
      </c>
      <c r="J5086" s="5" t="s">
        <v>1519</v>
      </c>
      <c r="K5086" s="2" t="s">
        <v>1520</v>
      </c>
      <c r="L5086" s="5" t="s">
        <v>1519</v>
      </c>
      <c r="M5086" s="2" t="s">
        <v>1520</v>
      </c>
      <c r="N5086" s="5" t="s">
        <v>1521</v>
      </c>
      <c r="O5086" s="5" t="s">
        <v>38</v>
      </c>
      <c r="P5086" s="5" t="s">
        <v>39</v>
      </c>
      <c r="Q5086" s="5" t="s">
        <v>40</v>
      </c>
      <c r="R5086" s="5" t="s">
        <v>1522</v>
      </c>
      <c r="S5086" s="5" t="s">
        <v>1523</v>
      </c>
      <c r="T5086" s="5" t="s">
        <v>42</v>
      </c>
      <c r="U5086" s="2">
        <v>2.1949999999999998</v>
      </c>
      <c r="V5086" s="2">
        <v>1.8120000000000001</v>
      </c>
      <c r="W5086" s="2">
        <v>0.01</v>
      </c>
      <c r="X5086" s="2">
        <v>128.5</v>
      </c>
      <c r="Y5086" s="2">
        <v>7.6</v>
      </c>
      <c r="Z5086" s="2">
        <v>10.6</v>
      </c>
      <c r="AA5086" s="5"/>
      <c r="AB5086" s="5" t="s">
        <v>43</v>
      </c>
      <c r="AC5086" s="5" t="s">
        <v>44</v>
      </c>
      <c r="AD5086" s="2"/>
      <c r="AE5086" s="1"/>
    </row>
    <row r="5087" spans="1:31" ht="14.45">
      <c r="A5087" s="11"/>
      <c r="B5087" s="20"/>
      <c r="C5087" s="2" t="s">
        <v>15723</v>
      </c>
      <c r="D5087" s="14" t="s">
        <v>15724</v>
      </c>
      <c r="E5087" s="2" t="s">
        <v>15725</v>
      </c>
      <c r="F5087" s="2" t="s">
        <v>14881</v>
      </c>
      <c r="G5087" s="8">
        <v>159</v>
      </c>
      <c r="H5087" s="5">
        <v>5</v>
      </c>
      <c r="I5087" s="5" t="s">
        <v>1518</v>
      </c>
      <c r="J5087" s="5" t="s">
        <v>1519</v>
      </c>
      <c r="K5087" s="2" t="s">
        <v>1520</v>
      </c>
      <c r="L5087" s="5" t="s">
        <v>1519</v>
      </c>
      <c r="M5087" s="2" t="s">
        <v>1520</v>
      </c>
      <c r="N5087" s="5" t="s">
        <v>1521</v>
      </c>
      <c r="O5087" s="5" t="s">
        <v>38</v>
      </c>
      <c r="P5087" s="5" t="s">
        <v>39</v>
      </c>
      <c r="Q5087" s="5" t="s">
        <v>40</v>
      </c>
      <c r="R5087" s="5" t="s">
        <v>1522</v>
      </c>
      <c r="S5087" s="5" t="s">
        <v>1523</v>
      </c>
      <c r="T5087" s="5" t="s">
        <v>42</v>
      </c>
      <c r="U5087" s="2">
        <v>2.246</v>
      </c>
      <c r="V5087" s="2">
        <v>1.863</v>
      </c>
      <c r="W5087" s="2">
        <v>0.01</v>
      </c>
      <c r="X5087" s="2">
        <v>128.5</v>
      </c>
      <c r="Y5087" s="2">
        <v>7.6</v>
      </c>
      <c r="Z5087" s="2">
        <v>10.6</v>
      </c>
      <c r="AA5087" s="5"/>
      <c r="AB5087" s="5" t="s">
        <v>43</v>
      </c>
      <c r="AC5087" s="5" t="s">
        <v>44</v>
      </c>
      <c r="AD5087" s="2"/>
      <c r="AE5087" s="1"/>
    </row>
    <row r="5088" spans="1:31" ht="14.45">
      <c r="A5088" s="11"/>
      <c r="B5088" s="20"/>
      <c r="C5088" s="2" t="s">
        <v>15726</v>
      </c>
      <c r="D5088" s="14" t="s">
        <v>15727</v>
      </c>
      <c r="E5088" s="2" t="s">
        <v>15728</v>
      </c>
      <c r="F5088" s="2" t="s">
        <v>14885</v>
      </c>
      <c r="G5088" s="8">
        <v>159</v>
      </c>
      <c r="H5088" s="5">
        <v>6</v>
      </c>
      <c r="I5088" s="5" t="s">
        <v>1518</v>
      </c>
      <c r="J5088" s="5" t="s">
        <v>1519</v>
      </c>
      <c r="K5088" s="2" t="s">
        <v>1520</v>
      </c>
      <c r="L5088" s="5" t="s">
        <v>1519</v>
      </c>
      <c r="M5088" s="2" t="s">
        <v>1520</v>
      </c>
      <c r="N5088" s="5" t="s">
        <v>1521</v>
      </c>
      <c r="O5088" s="5" t="s">
        <v>38</v>
      </c>
      <c r="P5088" s="5" t="s">
        <v>39</v>
      </c>
      <c r="Q5088" s="5" t="s">
        <v>40</v>
      </c>
      <c r="R5088" s="5" t="s">
        <v>1522</v>
      </c>
      <c r="S5088" s="5" t="s">
        <v>1523</v>
      </c>
      <c r="T5088" s="5" t="s">
        <v>42</v>
      </c>
      <c r="U5088" s="2">
        <v>2.1949999999999998</v>
      </c>
      <c r="V5088" s="2">
        <v>1.8120000000000001</v>
      </c>
      <c r="W5088" s="2">
        <v>0.01</v>
      </c>
      <c r="X5088" s="2">
        <v>128.5</v>
      </c>
      <c r="Y5088" s="2">
        <v>7.6</v>
      </c>
      <c r="Z5088" s="2">
        <v>10.6</v>
      </c>
      <c r="AA5088" s="5"/>
      <c r="AB5088" s="5" t="s">
        <v>43</v>
      </c>
      <c r="AC5088" s="5" t="s">
        <v>44</v>
      </c>
      <c r="AD5088" s="2"/>
      <c r="AE5088" s="1"/>
    </row>
    <row r="5089" spans="1:31" ht="14.45">
      <c r="A5089" s="11"/>
      <c r="B5089" s="20"/>
      <c r="C5089" s="2" t="s">
        <v>15729</v>
      </c>
      <c r="D5089" s="14" t="s">
        <v>15730</v>
      </c>
      <c r="E5089" s="2" t="s">
        <v>15731</v>
      </c>
      <c r="F5089" s="2" t="s">
        <v>14889</v>
      </c>
      <c r="G5089" s="8">
        <v>159</v>
      </c>
      <c r="H5089" s="5">
        <v>5</v>
      </c>
      <c r="I5089" s="5" t="s">
        <v>1518</v>
      </c>
      <c r="J5089" s="5" t="s">
        <v>1519</v>
      </c>
      <c r="K5089" s="2" t="s">
        <v>1520</v>
      </c>
      <c r="L5089" s="5" t="s">
        <v>1519</v>
      </c>
      <c r="M5089" s="2" t="s">
        <v>1520</v>
      </c>
      <c r="N5089" s="5" t="s">
        <v>1521</v>
      </c>
      <c r="O5089" s="5" t="s">
        <v>38</v>
      </c>
      <c r="P5089" s="5" t="s">
        <v>39</v>
      </c>
      <c r="Q5089" s="5" t="s">
        <v>40</v>
      </c>
      <c r="R5089" s="5" t="s">
        <v>1522</v>
      </c>
      <c r="S5089" s="5" t="s">
        <v>1523</v>
      </c>
      <c r="T5089" s="5" t="s">
        <v>42</v>
      </c>
      <c r="U5089" s="2">
        <v>2.246</v>
      </c>
      <c r="V5089" s="2">
        <v>1.863</v>
      </c>
      <c r="W5089" s="2">
        <v>0.01</v>
      </c>
      <c r="X5089" s="2">
        <v>128.5</v>
      </c>
      <c r="Y5089" s="2">
        <v>7.6</v>
      </c>
      <c r="Z5089" s="2">
        <v>10.6</v>
      </c>
      <c r="AA5089" s="5"/>
      <c r="AB5089" s="5" t="s">
        <v>43</v>
      </c>
      <c r="AC5089" s="5" t="s">
        <v>44</v>
      </c>
      <c r="AD5089" s="2"/>
      <c r="AE5089" s="1"/>
    </row>
    <row r="5090" spans="1:31" ht="14.45">
      <c r="A5090" s="11"/>
      <c r="B5090" s="20"/>
      <c r="C5090" s="2" t="s">
        <v>15732</v>
      </c>
      <c r="D5090" s="14" t="s">
        <v>15733</v>
      </c>
      <c r="E5090" s="2" t="s">
        <v>15734</v>
      </c>
      <c r="F5090" s="2" t="s">
        <v>14893</v>
      </c>
      <c r="G5090" s="8">
        <v>159</v>
      </c>
      <c r="H5090" s="5">
        <v>5</v>
      </c>
      <c r="I5090" s="5" t="s">
        <v>1518</v>
      </c>
      <c r="J5090" s="5" t="s">
        <v>1519</v>
      </c>
      <c r="K5090" s="2" t="s">
        <v>1520</v>
      </c>
      <c r="L5090" s="5" t="s">
        <v>1519</v>
      </c>
      <c r="M5090" s="2" t="s">
        <v>1520</v>
      </c>
      <c r="N5090" s="5" t="s">
        <v>1521</v>
      </c>
      <c r="O5090" s="5" t="s">
        <v>38</v>
      </c>
      <c r="P5090" s="5" t="s">
        <v>39</v>
      </c>
      <c r="Q5090" s="5" t="s">
        <v>40</v>
      </c>
      <c r="R5090" s="5" t="s">
        <v>1522</v>
      </c>
      <c r="S5090" s="5" t="s">
        <v>1523</v>
      </c>
      <c r="T5090" s="5" t="s">
        <v>42</v>
      </c>
      <c r="U5090" s="2">
        <v>2.153</v>
      </c>
      <c r="V5090" s="2">
        <v>1.77</v>
      </c>
      <c r="W5090" s="2">
        <v>0.01</v>
      </c>
      <c r="X5090" s="2">
        <v>128.5</v>
      </c>
      <c r="Y5090" s="2">
        <v>7.6</v>
      </c>
      <c r="Z5090" s="2">
        <v>10.6</v>
      </c>
      <c r="AA5090" s="5"/>
      <c r="AB5090" s="5" t="s">
        <v>43</v>
      </c>
      <c r="AC5090" s="5" t="s">
        <v>44</v>
      </c>
      <c r="AD5090" s="2"/>
      <c r="AE5090" s="1"/>
    </row>
    <row r="5091" spans="1:31" ht="14.45">
      <c r="A5091" s="11"/>
      <c r="B5091" s="20"/>
      <c r="C5091" s="2" t="s">
        <v>15735</v>
      </c>
      <c r="D5091" s="14" t="s">
        <v>15736</v>
      </c>
      <c r="E5091" s="2" t="s">
        <v>15737</v>
      </c>
      <c r="F5091" s="2" t="s">
        <v>14897</v>
      </c>
      <c r="G5091" s="8">
        <v>159</v>
      </c>
      <c r="H5091" s="5">
        <v>5</v>
      </c>
      <c r="I5091" s="5" t="s">
        <v>1518</v>
      </c>
      <c r="J5091" s="5" t="s">
        <v>1519</v>
      </c>
      <c r="K5091" s="2" t="s">
        <v>1520</v>
      </c>
      <c r="L5091" s="5" t="s">
        <v>1519</v>
      </c>
      <c r="M5091" s="2" t="s">
        <v>1520</v>
      </c>
      <c r="N5091" s="5" t="s">
        <v>1521</v>
      </c>
      <c r="O5091" s="5" t="s">
        <v>38</v>
      </c>
      <c r="P5091" s="5" t="s">
        <v>39</v>
      </c>
      <c r="Q5091" s="5" t="s">
        <v>40</v>
      </c>
      <c r="R5091" s="5" t="s">
        <v>1522</v>
      </c>
      <c r="S5091" s="5" t="s">
        <v>1523</v>
      </c>
      <c r="T5091" s="5" t="s">
        <v>42</v>
      </c>
      <c r="U5091" s="2">
        <v>2.2040000000000002</v>
      </c>
      <c r="V5091" s="2">
        <v>1.821</v>
      </c>
      <c r="W5091" s="2">
        <v>0.01</v>
      </c>
      <c r="X5091" s="2">
        <v>128.5</v>
      </c>
      <c r="Y5091" s="2">
        <v>7.6</v>
      </c>
      <c r="Z5091" s="2">
        <v>10.6</v>
      </c>
      <c r="AA5091" s="5"/>
      <c r="AB5091" s="5" t="s">
        <v>43</v>
      </c>
      <c r="AC5091" s="5" t="s">
        <v>44</v>
      </c>
      <c r="AD5091" s="2"/>
      <c r="AE5091" s="1"/>
    </row>
    <row r="5092" spans="1:31" ht="14.45">
      <c r="A5092" s="11"/>
      <c r="B5092" s="20"/>
      <c r="C5092" s="2" t="s">
        <v>15738</v>
      </c>
      <c r="D5092" s="14" t="s">
        <v>15739</v>
      </c>
      <c r="E5092" s="2" t="s">
        <v>15740</v>
      </c>
      <c r="F5092" s="2" t="s">
        <v>14869</v>
      </c>
      <c r="G5092" s="8">
        <v>168</v>
      </c>
      <c r="H5092" s="5">
        <v>6</v>
      </c>
      <c r="I5092" s="5" t="s">
        <v>1518</v>
      </c>
      <c r="J5092" s="5" t="s">
        <v>1519</v>
      </c>
      <c r="K5092" s="2" t="s">
        <v>1520</v>
      </c>
      <c r="L5092" s="5" t="s">
        <v>1519</v>
      </c>
      <c r="M5092" s="2" t="s">
        <v>1520</v>
      </c>
      <c r="N5092" s="5" t="s">
        <v>1521</v>
      </c>
      <c r="O5092" s="5" t="s">
        <v>38</v>
      </c>
      <c r="P5092" s="5" t="s">
        <v>39</v>
      </c>
      <c r="Q5092" s="5" t="s">
        <v>40</v>
      </c>
      <c r="R5092" s="5" t="s">
        <v>1522</v>
      </c>
      <c r="S5092" s="5" t="s">
        <v>1523</v>
      </c>
      <c r="T5092" s="5" t="s">
        <v>42</v>
      </c>
      <c r="U5092" s="2">
        <v>2.2949999999999999</v>
      </c>
      <c r="V5092" s="2">
        <v>1.9119999999999999</v>
      </c>
      <c r="W5092" s="2">
        <v>0.01</v>
      </c>
      <c r="X5092" s="2">
        <v>128.5</v>
      </c>
      <c r="Y5092" s="2">
        <v>7.6</v>
      </c>
      <c r="Z5092" s="2">
        <v>10.6</v>
      </c>
      <c r="AA5092" s="5"/>
      <c r="AB5092" s="5" t="s">
        <v>43</v>
      </c>
      <c r="AC5092" s="5" t="s">
        <v>44</v>
      </c>
      <c r="AD5092" s="2"/>
      <c r="AE5092" s="1"/>
    </row>
    <row r="5093" spans="1:31" ht="14.45">
      <c r="A5093" s="11"/>
      <c r="B5093" s="20"/>
      <c r="C5093" s="2" t="s">
        <v>15741</v>
      </c>
      <c r="D5093" s="14" t="s">
        <v>15742</v>
      </c>
      <c r="E5093" s="2" t="s">
        <v>15743</v>
      </c>
      <c r="F5093" s="2" t="s">
        <v>14873</v>
      </c>
      <c r="G5093" s="8">
        <v>168</v>
      </c>
      <c r="H5093" s="5">
        <v>6</v>
      </c>
      <c r="I5093" s="5" t="s">
        <v>1518</v>
      </c>
      <c r="J5093" s="5" t="s">
        <v>1519</v>
      </c>
      <c r="K5093" s="2" t="s">
        <v>1520</v>
      </c>
      <c r="L5093" s="5" t="s">
        <v>1519</v>
      </c>
      <c r="M5093" s="2" t="s">
        <v>1520</v>
      </c>
      <c r="N5093" s="5" t="s">
        <v>1521</v>
      </c>
      <c r="O5093" s="5" t="s">
        <v>38</v>
      </c>
      <c r="P5093" s="5" t="s">
        <v>39</v>
      </c>
      <c r="Q5093" s="5" t="s">
        <v>40</v>
      </c>
      <c r="R5093" s="5" t="s">
        <v>1522</v>
      </c>
      <c r="S5093" s="5" t="s">
        <v>1523</v>
      </c>
      <c r="T5093" s="5" t="s">
        <v>42</v>
      </c>
      <c r="U5093" s="2">
        <v>2.351</v>
      </c>
      <c r="V5093" s="2">
        <v>1.968</v>
      </c>
      <c r="W5093" s="2">
        <v>0.01</v>
      </c>
      <c r="X5093" s="2">
        <v>128.5</v>
      </c>
      <c r="Y5093" s="2">
        <v>7.6</v>
      </c>
      <c r="Z5093" s="2">
        <v>10.6</v>
      </c>
      <c r="AA5093" s="5"/>
      <c r="AB5093" s="5" t="s">
        <v>43</v>
      </c>
      <c r="AC5093" s="5" t="s">
        <v>44</v>
      </c>
      <c r="AD5093" s="2"/>
      <c r="AE5093" s="1"/>
    </row>
    <row r="5094" spans="1:31" ht="14.45">
      <c r="A5094" s="11"/>
      <c r="B5094" s="20"/>
      <c r="C5094" s="2" t="s">
        <v>15744</v>
      </c>
      <c r="D5094" s="14" t="s">
        <v>15745</v>
      </c>
      <c r="E5094" s="2" t="s">
        <v>15746</v>
      </c>
      <c r="F5094" s="2" t="s">
        <v>14877</v>
      </c>
      <c r="G5094" s="8">
        <v>168</v>
      </c>
      <c r="H5094" s="5">
        <v>6</v>
      </c>
      <c r="I5094" s="5" t="s">
        <v>1518</v>
      </c>
      <c r="J5094" s="5" t="s">
        <v>1519</v>
      </c>
      <c r="K5094" s="2" t="s">
        <v>1520</v>
      </c>
      <c r="L5094" s="5" t="s">
        <v>1519</v>
      </c>
      <c r="M5094" s="2" t="s">
        <v>1520</v>
      </c>
      <c r="N5094" s="5" t="s">
        <v>1521</v>
      </c>
      <c r="O5094" s="5" t="s">
        <v>38</v>
      </c>
      <c r="P5094" s="5" t="s">
        <v>39</v>
      </c>
      <c r="Q5094" s="5" t="s">
        <v>40</v>
      </c>
      <c r="R5094" s="5" t="s">
        <v>1522</v>
      </c>
      <c r="S5094" s="5" t="s">
        <v>1523</v>
      </c>
      <c r="T5094" s="5" t="s">
        <v>42</v>
      </c>
      <c r="U5094" s="2">
        <v>2.3450000000000002</v>
      </c>
      <c r="V5094" s="2">
        <v>1.962</v>
      </c>
      <c r="W5094" s="2">
        <v>0.01</v>
      </c>
      <c r="X5094" s="2">
        <v>128.5</v>
      </c>
      <c r="Y5094" s="2">
        <v>7.6</v>
      </c>
      <c r="Z5094" s="2">
        <v>10.6</v>
      </c>
      <c r="AA5094" s="5"/>
      <c r="AB5094" s="5" t="s">
        <v>43</v>
      </c>
      <c r="AC5094" s="5" t="s">
        <v>44</v>
      </c>
      <c r="AD5094" s="2"/>
      <c r="AE5094" s="1"/>
    </row>
    <row r="5095" spans="1:31" ht="14.45">
      <c r="A5095" s="11"/>
      <c r="B5095" s="20"/>
      <c r="C5095" s="2" t="s">
        <v>15747</v>
      </c>
      <c r="D5095" s="14" t="s">
        <v>15748</v>
      </c>
      <c r="E5095" s="2" t="s">
        <v>15749</v>
      </c>
      <c r="F5095" s="2" t="s">
        <v>14881</v>
      </c>
      <c r="G5095" s="8">
        <v>168</v>
      </c>
      <c r="H5095" s="5">
        <v>6</v>
      </c>
      <c r="I5095" s="5" t="s">
        <v>1518</v>
      </c>
      <c r="J5095" s="5" t="s">
        <v>1519</v>
      </c>
      <c r="K5095" s="2" t="s">
        <v>1520</v>
      </c>
      <c r="L5095" s="5" t="s">
        <v>1519</v>
      </c>
      <c r="M5095" s="2" t="s">
        <v>1520</v>
      </c>
      <c r="N5095" s="5" t="s">
        <v>1521</v>
      </c>
      <c r="O5095" s="5" t="s">
        <v>38</v>
      </c>
      <c r="P5095" s="5" t="s">
        <v>39</v>
      </c>
      <c r="Q5095" s="5" t="s">
        <v>40</v>
      </c>
      <c r="R5095" s="5" t="s">
        <v>1522</v>
      </c>
      <c r="S5095" s="5" t="s">
        <v>1523</v>
      </c>
      <c r="T5095" s="5" t="s">
        <v>42</v>
      </c>
      <c r="U5095" s="2">
        <v>2.4009999999999998</v>
      </c>
      <c r="V5095" s="2">
        <v>2.0179999999999998</v>
      </c>
      <c r="W5095" s="2">
        <v>0.01</v>
      </c>
      <c r="X5095" s="2">
        <v>128.5</v>
      </c>
      <c r="Y5095" s="2">
        <v>7.6</v>
      </c>
      <c r="Z5095" s="2">
        <v>10.6</v>
      </c>
      <c r="AA5095" s="5"/>
      <c r="AB5095" s="5" t="s">
        <v>43</v>
      </c>
      <c r="AC5095" s="5" t="s">
        <v>44</v>
      </c>
      <c r="AD5095" s="2"/>
      <c r="AE5095" s="1"/>
    </row>
    <row r="5096" spans="1:31" ht="14.45">
      <c r="A5096" s="11"/>
      <c r="B5096" s="20"/>
      <c r="C5096" s="2" t="s">
        <v>15750</v>
      </c>
      <c r="D5096" s="14" t="s">
        <v>15751</v>
      </c>
      <c r="E5096" s="2" t="s">
        <v>15752</v>
      </c>
      <c r="F5096" s="2" t="s">
        <v>14885</v>
      </c>
      <c r="G5096" s="8">
        <v>168</v>
      </c>
      <c r="H5096" s="5">
        <v>6</v>
      </c>
      <c r="I5096" s="5" t="s">
        <v>1518</v>
      </c>
      <c r="J5096" s="5" t="s">
        <v>1519</v>
      </c>
      <c r="K5096" s="2" t="s">
        <v>1520</v>
      </c>
      <c r="L5096" s="5" t="s">
        <v>1519</v>
      </c>
      <c r="M5096" s="2" t="s">
        <v>1520</v>
      </c>
      <c r="N5096" s="5" t="s">
        <v>1521</v>
      </c>
      <c r="O5096" s="5" t="s">
        <v>38</v>
      </c>
      <c r="P5096" s="5" t="s">
        <v>39</v>
      </c>
      <c r="Q5096" s="5" t="s">
        <v>40</v>
      </c>
      <c r="R5096" s="5" t="s">
        <v>1522</v>
      </c>
      <c r="S5096" s="5" t="s">
        <v>1523</v>
      </c>
      <c r="T5096" s="5" t="s">
        <v>42</v>
      </c>
      <c r="U5096" s="2">
        <v>2.3450000000000002</v>
      </c>
      <c r="V5096" s="2">
        <v>1.962</v>
      </c>
      <c r="W5096" s="2">
        <v>0.01</v>
      </c>
      <c r="X5096" s="2">
        <v>128.5</v>
      </c>
      <c r="Y5096" s="2">
        <v>7.6</v>
      </c>
      <c r="Z5096" s="2">
        <v>10.6</v>
      </c>
      <c r="AA5096" s="5"/>
      <c r="AB5096" s="5" t="s">
        <v>43</v>
      </c>
      <c r="AC5096" s="5" t="s">
        <v>44</v>
      </c>
      <c r="AD5096" s="2"/>
      <c r="AE5096" s="1"/>
    </row>
    <row r="5097" spans="1:31" ht="14.45">
      <c r="A5097" s="11"/>
      <c r="B5097" s="20"/>
      <c r="C5097" s="2" t="s">
        <v>15753</v>
      </c>
      <c r="D5097" s="14" t="s">
        <v>15754</v>
      </c>
      <c r="E5097" s="2" t="s">
        <v>15755</v>
      </c>
      <c r="F5097" s="2" t="s">
        <v>14889</v>
      </c>
      <c r="G5097" s="8">
        <v>168</v>
      </c>
      <c r="H5097" s="5">
        <v>6</v>
      </c>
      <c r="I5097" s="5" t="s">
        <v>1518</v>
      </c>
      <c r="J5097" s="5" t="s">
        <v>1519</v>
      </c>
      <c r="K5097" s="2" t="s">
        <v>1520</v>
      </c>
      <c r="L5097" s="5" t="s">
        <v>1519</v>
      </c>
      <c r="M5097" s="2" t="s">
        <v>1520</v>
      </c>
      <c r="N5097" s="5" t="s">
        <v>1521</v>
      </c>
      <c r="O5097" s="5" t="s">
        <v>38</v>
      </c>
      <c r="P5097" s="5" t="s">
        <v>39</v>
      </c>
      <c r="Q5097" s="5" t="s">
        <v>40</v>
      </c>
      <c r="R5097" s="5" t="s">
        <v>1522</v>
      </c>
      <c r="S5097" s="5" t="s">
        <v>1523</v>
      </c>
      <c r="T5097" s="5" t="s">
        <v>42</v>
      </c>
      <c r="U5097" s="2">
        <v>2.4009999999999998</v>
      </c>
      <c r="V5097" s="2">
        <v>2.0179999999999998</v>
      </c>
      <c r="W5097" s="2">
        <v>0.01</v>
      </c>
      <c r="X5097" s="2">
        <v>128.5</v>
      </c>
      <c r="Y5097" s="2">
        <v>7.6</v>
      </c>
      <c r="Z5097" s="2">
        <v>10.6</v>
      </c>
      <c r="AA5097" s="5"/>
      <c r="AB5097" s="5" t="s">
        <v>43</v>
      </c>
      <c r="AC5097" s="5" t="s">
        <v>44</v>
      </c>
      <c r="AD5097" s="2"/>
      <c r="AE5097" s="1"/>
    </row>
    <row r="5098" spans="1:31" ht="14.45">
      <c r="A5098" s="11"/>
      <c r="B5098" s="20"/>
      <c r="C5098" s="2" t="s">
        <v>15756</v>
      </c>
      <c r="D5098" s="14" t="s">
        <v>15757</v>
      </c>
      <c r="E5098" s="2" t="s">
        <v>15758</v>
      </c>
      <c r="F5098" s="2" t="s">
        <v>14893</v>
      </c>
      <c r="G5098" s="8">
        <v>168</v>
      </c>
      <c r="H5098" s="5">
        <v>6</v>
      </c>
      <c r="I5098" s="5" t="s">
        <v>1518</v>
      </c>
      <c r="J5098" s="5" t="s">
        <v>1519</v>
      </c>
      <c r="K5098" s="2" t="s">
        <v>1520</v>
      </c>
      <c r="L5098" s="5" t="s">
        <v>1519</v>
      </c>
      <c r="M5098" s="2" t="s">
        <v>1520</v>
      </c>
      <c r="N5098" s="5" t="s">
        <v>1521</v>
      </c>
      <c r="O5098" s="5" t="s">
        <v>38</v>
      </c>
      <c r="P5098" s="5" t="s">
        <v>39</v>
      </c>
      <c r="Q5098" s="5" t="s">
        <v>40</v>
      </c>
      <c r="R5098" s="5" t="s">
        <v>1522</v>
      </c>
      <c r="S5098" s="5" t="s">
        <v>1523</v>
      </c>
      <c r="T5098" s="5" t="s">
        <v>42</v>
      </c>
      <c r="U5098" s="2">
        <v>2.2949999999999999</v>
      </c>
      <c r="V5098" s="2">
        <v>1.9119999999999999</v>
      </c>
      <c r="W5098" s="2">
        <v>0.01</v>
      </c>
      <c r="X5098" s="2">
        <v>128.5</v>
      </c>
      <c r="Y5098" s="2">
        <v>7.6</v>
      </c>
      <c r="Z5098" s="2">
        <v>10.6</v>
      </c>
      <c r="AA5098" s="5"/>
      <c r="AB5098" s="5" t="s">
        <v>43</v>
      </c>
      <c r="AC5098" s="5" t="s">
        <v>44</v>
      </c>
      <c r="AD5098" s="2"/>
      <c r="AE5098" s="1"/>
    </row>
    <row r="5099" spans="1:31" ht="14.45">
      <c r="A5099" s="11"/>
      <c r="B5099" s="20"/>
      <c r="C5099" s="2" t="s">
        <v>15759</v>
      </c>
      <c r="D5099" s="14" t="s">
        <v>15760</v>
      </c>
      <c r="E5099" s="2" t="s">
        <v>15761</v>
      </c>
      <c r="F5099" s="2" t="s">
        <v>14897</v>
      </c>
      <c r="G5099" s="8">
        <v>168</v>
      </c>
      <c r="H5099" s="5">
        <v>5</v>
      </c>
      <c r="I5099" s="5" t="s">
        <v>1518</v>
      </c>
      <c r="J5099" s="5" t="s">
        <v>1519</v>
      </c>
      <c r="K5099" s="2" t="s">
        <v>1520</v>
      </c>
      <c r="L5099" s="5" t="s">
        <v>1519</v>
      </c>
      <c r="M5099" s="2" t="s">
        <v>1520</v>
      </c>
      <c r="N5099" s="5" t="s">
        <v>1521</v>
      </c>
      <c r="O5099" s="5" t="s">
        <v>38</v>
      </c>
      <c r="P5099" s="5" t="s">
        <v>39</v>
      </c>
      <c r="Q5099" s="5" t="s">
        <v>40</v>
      </c>
      <c r="R5099" s="5" t="s">
        <v>1522</v>
      </c>
      <c r="S5099" s="5" t="s">
        <v>1523</v>
      </c>
      <c r="T5099" s="5" t="s">
        <v>42</v>
      </c>
      <c r="U5099" s="2">
        <v>2.351</v>
      </c>
      <c r="V5099" s="2">
        <v>1.968</v>
      </c>
      <c r="W5099" s="2">
        <v>0.01</v>
      </c>
      <c r="X5099" s="2">
        <v>128.5</v>
      </c>
      <c r="Y5099" s="2">
        <v>7.6</v>
      </c>
      <c r="Z5099" s="2">
        <v>10.6</v>
      </c>
      <c r="AA5099" s="5"/>
      <c r="AB5099" s="5" t="s">
        <v>43</v>
      </c>
      <c r="AC5099" s="5" t="s">
        <v>44</v>
      </c>
      <c r="AD5099" s="2"/>
      <c r="AE5099" s="1"/>
    </row>
    <row r="5100" spans="1:31" ht="14.45">
      <c r="A5100" s="11"/>
      <c r="B5100" s="20"/>
      <c r="C5100" s="2" t="s">
        <v>15762</v>
      </c>
      <c r="D5100" s="14" t="s">
        <v>15763</v>
      </c>
      <c r="E5100" s="2" t="s">
        <v>15764</v>
      </c>
      <c r="F5100" s="2" t="s">
        <v>14869</v>
      </c>
      <c r="G5100" s="8">
        <v>189</v>
      </c>
      <c r="H5100" s="5">
        <v>6</v>
      </c>
      <c r="I5100" s="5" t="s">
        <v>1518</v>
      </c>
      <c r="J5100" s="5" t="s">
        <v>1519</v>
      </c>
      <c r="K5100" s="2" t="s">
        <v>1520</v>
      </c>
      <c r="L5100" s="5" t="s">
        <v>1519</v>
      </c>
      <c r="M5100" s="2" t="s">
        <v>1520</v>
      </c>
      <c r="N5100" s="5" t="s">
        <v>1521</v>
      </c>
      <c r="O5100" s="5" t="s">
        <v>38</v>
      </c>
      <c r="P5100" s="5" t="s">
        <v>39</v>
      </c>
      <c r="Q5100" s="5" t="s">
        <v>40</v>
      </c>
      <c r="R5100" s="5" t="s">
        <v>1522</v>
      </c>
      <c r="S5100" s="5" t="s">
        <v>1523</v>
      </c>
      <c r="T5100" s="5" t="s">
        <v>42</v>
      </c>
      <c r="U5100" s="2">
        <v>2.4860000000000002</v>
      </c>
      <c r="V5100" s="2">
        <v>2.044</v>
      </c>
      <c r="W5100" s="2">
        <v>1.2E-2</v>
      </c>
      <c r="X5100" s="2">
        <v>148.69999999999999</v>
      </c>
      <c r="Y5100" s="2">
        <v>7.6</v>
      </c>
      <c r="Z5100" s="2">
        <v>10.6</v>
      </c>
      <c r="AA5100" s="5"/>
      <c r="AB5100" s="5" t="s">
        <v>43</v>
      </c>
      <c r="AC5100" s="5" t="s">
        <v>44</v>
      </c>
      <c r="AD5100" s="2"/>
      <c r="AE5100" s="1"/>
    </row>
    <row r="5101" spans="1:31" ht="14.45">
      <c r="A5101" s="11"/>
      <c r="B5101" s="20"/>
      <c r="C5101" s="2" t="s">
        <v>15765</v>
      </c>
      <c r="D5101" s="14" t="s">
        <v>15766</v>
      </c>
      <c r="E5101" s="2" t="s">
        <v>15767</v>
      </c>
      <c r="F5101" s="2" t="s">
        <v>14873</v>
      </c>
      <c r="G5101" s="8">
        <v>189</v>
      </c>
      <c r="H5101" s="5">
        <v>6</v>
      </c>
      <c r="I5101" s="5" t="s">
        <v>1518</v>
      </c>
      <c r="J5101" s="5" t="s">
        <v>1519</v>
      </c>
      <c r="K5101" s="2" t="s">
        <v>1520</v>
      </c>
      <c r="L5101" s="5" t="s">
        <v>1519</v>
      </c>
      <c r="M5101" s="2" t="s">
        <v>1520</v>
      </c>
      <c r="N5101" s="5" t="s">
        <v>1521</v>
      </c>
      <c r="O5101" s="5" t="s">
        <v>38</v>
      </c>
      <c r="P5101" s="5" t="s">
        <v>39</v>
      </c>
      <c r="Q5101" s="5" t="s">
        <v>40</v>
      </c>
      <c r="R5101" s="5" t="s">
        <v>1522</v>
      </c>
      <c r="S5101" s="5" t="s">
        <v>1523</v>
      </c>
      <c r="T5101" s="5" t="s">
        <v>42</v>
      </c>
      <c r="U5101" s="2">
        <v>2.5459999999999998</v>
      </c>
      <c r="V5101" s="2">
        <v>2.1040000000000001</v>
      </c>
      <c r="W5101" s="2">
        <v>1.2E-2</v>
      </c>
      <c r="X5101" s="2">
        <v>148.69999999999999</v>
      </c>
      <c r="Y5101" s="2">
        <v>7.6</v>
      </c>
      <c r="Z5101" s="2">
        <v>10.6</v>
      </c>
      <c r="AA5101" s="5"/>
      <c r="AB5101" s="5" t="s">
        <v>43</v>
      </c>
      <c r="AC5101" s="5" t="s">
        <v>44</v>
      </c>
      <c r="AD5101" s="2"/>
      <c r="AE5101" s="1"/>
    </row>
    <row r="5102" spans="1:31" ht="14.45">
      <c r="A5102" s="11"/>
      <c r="B5102" s="20"/>
      <c r="C5102" s="2" t="s">
        <v>15768</v>
      </c>
      <c r="D5102" s="14" t="s">
        <v>15769</v>
      </c>
      <c r="E5102" s="2" t="s">
        <v>15770</v>
      </c>
      <c r="F5102" s="2" t="s">
        <v>14877</v>
      </c>
      <c r="G5102" s="8">
        <v>189</v>
      </c>
      <c r="H5102" s="5">
        <v>6</v>
      </c>
      <c r="I5102" s="5" t="s">
        <v>1518</v>
      </c>
      <c r="J5102" s="5" t="s">
        <v>1519</v>
      </c>
      <c r="K5102" s="2" t="s">
        <v>1520</v>
      </c>
      <c r="L5102" s="5" t="s">
        <v>1519</v>
      </c>
      <c r="M5102" s="2" t="s">
        <v>1520</v>
      </c>
      <c r="N5102" s="5" t="s">
        <v>1521</v>
      </c>
      <c r="O5102" s="5" t="s">
        <v>38</v>
      </c>
      <c r="P5102" s="5" t="s">
        <v>39</v>
      </c>
      <c r="Q5102" s="5" t="s">
        <v>40</v>
      </c>
      <c r="R5102" s="5" t="s">
        <v>1522</v>
      </c>
      <c r="S5102" s="5" t="s">
        <v>1523</v>
      </c>
      <c r="T5102" s="5" t="s">
        <v>42</v>
      </c>
      <c r="U5102" s="2">
        <v>2.544</v>
      </c>
      <c r="V5102" s="2">
        <v>2.1019999999999999</v>
      </c>
      <c r="W5102" s="2">
        <v>1.2E-2</v>
      </c>
      <c r="X5102" s="2">
        <v>148.69999999999999</v>
      </c>
      <c r="Y5102" s="2">
        <v>7.6</v>
      </c>
      <c r="Z5102" s="2">
        <v>10.6</v>
      </c>
      <c r="AA5102" s="5"/>
      <c r="AB5102" s="5" t="s">
        <v>43</v>
      </c>
      <c r="AC5102" s="5" t="s">
        <v>44</v>
      </c>
      <c r="AD5102" s="2"/>
      <c r="AE5102" s="1"/>
    </row>
    <row r="5103" spans="1:31" ht="14.45">
      <c r="A5103" s="11"/>
      <c r="B5103" s="20"/>
      <c r="C5103" s="2" t="s">
        <v>15771</v>
      </c>
      <c r="D5103" s="14" t="s">
        <v>15772</v>
      </c>
      <c r="E5103" s="2" t="s">
        <v>15773</v>
      </c>
      <c r="F5103" s="2" t="s">
        <v>14881</v>
      </c>
      <c r="G5103" s="8">
        <v>189</v>
      </c>
      <c r="H5103" s="5">
        <v>6</v>
      </c>
      <c r="I5103" s="5" t="s">
        <v>1518</v>
      </c>
      <c r="J5103" s="5" t="s">
        <v>1519</v>
      </c>
      <c r="K5103" s="2" t="s">
        <v>1520</v>
      </c>
      <c r="L5103" s="5" t="s">
        <v>1519</v>
      </c>
      <c r="M5103" s="2" t="s">
        <v>1520</v>
      </c>
      <c r="N5103" s="5" t="s">
        <v>1521</v>
      </c>
      <c r="O5103" s="5" t="s">
        <v>38</v>
      </c>
      <c r="P5103" s="5" t="s">
        <v>39</v>
      </c>
      <c r="Q5103" s="5" t="s">
        <v>40</v>
      </c>
      <c r="R5103" s="5" t="s">
        <v>1522</v>
      </c>
      <c r="S5103" s="5" t="s">
        <v>1523</v>
      </c>
      <c r="T5103" s="5" t="s">
        <v>42</v>
      </c>
      <c r="U5103" s="2">
        <v>2.6040000000000001</v>
      </c>
      <c r="V5103" s="2">
        <v>2.1619999999999999</v>
      </c>
      <c r="W5103" s="2">
        <v>1.2E-2</v>
      </c>
      <c r="X5103" s="2">
        <v>148.69999999999999</v>
      </c>
      <c r="Y5103" s="2">
        <v>7.6</v>
      </c>
      <c r="Z5103" s="2">
        <v>10.6</v>
      </c>
      <c r="AA5103" s="5"/>
      <c r="AB5103" s="5" t="s">
        <v>43</v>
      </c>
      <c r="AC5103" s="5" t="s">
        <v>44</v>
      </c>
      <c r="AD5103" s="2"/>
      <c r="AE5103" s="1"/>
    </row>
    <row r="5104" spans="1:31" ht="14.45">
      <c r="A5104" s="11"/>
      <c r="B5104" s="20"/>
      <c r="C5104" s="2" t="s">
        <v>15774</v>
      </c>
      <c r="D5104" s="14" t="s">
        <v>15775</v>
      </c>
      <c r="E5104" s="2" t="s">
        <v>15776</v>
      </c>
      <c r="F5104" s="2" t="s">
        <v>14885</v>
      </c>
      <c r="G5104" s="8">
        <v>189</v>
      </c>
      <c r="H5104" s="5">
        <v>6</v>
      </c>
      <c r="I5104" s="5" t="s">
        <v>1518</v>
      </c>
      <c r="J5104" s="5" t="s">
        <v>1519</v>
      </c>
      <c r="K5104" s="2" t="s">
        <v>1520</v>
      </c>
      <c r="L5104" s="5" t="s">
        <v>1519</v>
      </c>
      <c r="M5104" s="2" t="s">
        <v>1520</v>
      </c>
      <c r="N5104" s="5" t="s">
        <v>1521</v>
      </c>
      <c r="O5104" s="5" t="s">
        <v>38</v>
      </c>
      <c r="P5104" s="5" t="s">
        <v>39</v>
      </c>
      <c r="Q5104" s="5" t="s">
        <v>40</v>
      </c>
      <c r="R5104" s="5" t="s">
        <v>1522</v>
      </c>
      <c r="S5104" s="5" t="s">
        <v>1523</v>
      </c>
      <c r="T5104" s="5" t="s">
        <v>42</v>
      </c>
      <c r="U5104" s="2">
        <v>2.544</v>
      </c>
      <c r="V5104" s="2">
        <v>2.1019999999999999</v>
      </c>
      <c r="W5104" s="2">
        <v>1.2E-2</v>
      </c>
      <c r="X5104" s="2">
        <v>148.69999999999999</v>
      </c>
      <c r="Y5104" s="2">
        <v>7.6</v>
      </c>
      <c r="Z5104" s="2">
        <v>10.6</v>
      </c>
      <c r="AA5104" s="5"/>
      <c r="AB5104" s="5" t="s">
        <v>43</v>
      </c>
      <c r="AC5104" s="5" t="s">
        <v>44</v>
      </c>
      <c r="AD5104" s="2"/>
      <c r="AE5104" s="1"/>
    </row>
    <row r="5105" spans="1:31" ht="14.45">
      <c r="A5105" s="11"/>
      <c r="B5105" s="20"/>
      <c r="C5105" s="2" t="s">
        <v>15777</v>
      </c>
      <c r="D5105" s="14" t="s">
        <v>15778</v>
      </c>
      <c r="E5105" s="2" t="s">
        <v>15779</v>
      </c>
      <c r="F5105" s="2" t="s">
        <v>14889</v>
      </c>
      <c r="G5105" s="8">
        <v>189</v>
      </c>
      <c r="H5105" s="5">
        <v>6</v>
      </c>
      <c r="I5105" s="5" t="s">
        <v>1518</v>
      </c>
      <c r="J5105" s="5" t="s">
        <v>1519</v>
      </c>
      <c r="K5105" s="2" t="s">
        <v>1520</v>
      </c>
      <c r="L5105" s="5" t="s">
        <v>1519</v>
      </c>
      <c r="M5105" s="2" t="s">
        <v>1520</v>
      </c>
      <c r="N5105" s="5" t="s">
        <v>1521</v>
      </c>
      <c r="O5105" s="5" t="s">
        <v>38</v>
      </c>
      <c r="P5105" s="5" t="s">
        <v>39</v>
      </c>
      <c r="Q5105" s="5" t="s">
        <v>40</v>
      </c>
      <c r="R5105" s="5" t="s">
        <v>1522</v>
      </c>
      <c r="S5105" s="5" t="s">
        <v>1523</v>
      </c>
      <c r="T5105" s="5" t="s">
        <v>42</v>
      </c>
      <c r="U5105" s="2">
        <v>2.6040000000000001</v>
      </c>
      <c r="V5105" s="2">
        <v>2.1619999999999999</v>
      </c>
      <c r="W5105" s="2">
        <v>1.2E-2</v>
      </c>
      <c r="X5105" s="2">
        <v>148.69999999999999</v>
      </c>
      <c r="Y5105" s="2">
        <v>7.6</v>
      </c>
      <c r="Z5105" s="2">
        <v>10.6</v>
      </c>
      <c r="AA5105" s="5"/>
      <c r="AB5105" s="5" t="s">
        <v>43</v>
      </c>
      <c r="AC5105" s="5" t="s">
        <v>44</v>
      </c>
      <c r="AD5105" s="2"/>
      <c r="AE5105" s="1"/>
    </row>
    <row r="5106" spans="1:31" ht="14.45">
      <c r="A5106" s="11"/>
      <c r="B5106" s="20"/>
      <c r="C5106" s="2" t="s">
        <v>15780</v>
      </c>
      <c r="D5106" s="14" t="s">
        <v>15781</v>
      </c>
      <c r="E5106" s="2" t="s">
        <v>15782</v>
      </c>
      <c r="F5106" s="2" t="s">
        <v>14893</v>
      </c>
      <c r="G5106" s="8">
        <v>189</v>
      </c>
      <c r="H5106" s="5">
        <v>6</v>
      </c>
      <c r="I5106" s="5" t="s">
        <v>1518</v>
      </c>
      <c r="J5106" s="5" t="s">
        <v>1519</v>
      </c>
      <c r="K5106" s="2" t="s">
        <v>1520</v>
      </c>
      <c r="L5106" s="5" t="s">
        <v>1519</v>
      </c>
      <c r="M5106" s="2" t="s">
        <v>1520</v>
      </c>
      <c r="N5106" s="5" t="s">
        <v>1521</v>
      </c>
      <c r="O5106" s="5" t="s">
        <v>38</v>
      </c>
      <c r="P5106" s="5" t="s">
        <v>39</v>
      </c>
      <c r="Q5106" s="5" t="s">
        <v>40</v>
      </c>
      <c r="R5106" s="5" t="s">
        <v>1522</v>
      </c>
      <c r="S5106" s="5" t="s">
        <v>1523</v>
      </c>
      <c r="T5106" s="5" t="s">
        <v>42</v>
      </c>
      <c r="U5106" s="2">
        <v>2.4860000000000002</v>
      </c>
      <c r="V5106" s="2">
        <v>2.044</v>
      </c>
      <c r="W5106" s="2">
        <v>1.2E-2</v>
      </c>
      <c r="X5106" s="2">
        <v>148.69999999999999</v>
      </c>
      <c r="Y5106" s="2">
        <v>7.6</v>
      </c>
      <c r="Z5106" s="2">
        <v>10.6</v>
      </c>
      <c r="AA5106" s="5"/>
      <c r="AB5106" s="5" t="s">
        <v>43</v>
      </c>
      <c r="AC5106" s="5" t="s">
        <v>44</v>
      </c>
      <c r="AD5106" s="2"/>
      <c r="AE5106" s="1"/>
    </row>
    <row r="5107" spans="1:31" ht="14.45">
      <c r="A5107" s="11"/>
      <c r="B5107" s="20"/>
      <c r="C5107" s="2" t="s">
        <v>15783</v>
      </c>
      <c r="D5107" s="14" t="s">
        <v>15784</v>
      </c>
      <c r="E5107" s="2" t="s">
        <v>15785</v>
      </c>
      <c r="F5107" s="2" t="s">
        <v>14897</v>
      </c>
      <c r="G5107" s="8">
        <v>189</v>
      </c>
      <c r="H5107" s="5">
        <v>6</v>
      </c>
      <c r="I5107" s="5" t="s">
        <v>1518</v>
      </c>
      <c r="J5107" s="5" t="s">
        <v>1519</v>
      </c>
      <c r="K5107" s="2" t="s">
        <v>1520</v>
      </c>
      <c r="L5107" s="5" t="s">
        <v>1519</v>
      </c>
      <c r="M5107" s="2" t="s">
        <v>1520</v>
      </c>
      <c r="N5107" s="5" t="s">
        <v>1521</v>
      </c>
      <c r="O5107" s="5" t="s">
        <v>38</v>
      </c>
      <c r="P5107" s="5" t="s">
        <v>39</v>
      </c>
      <c r="Q5107" s="5" t="s">
        <v>40</v>
      </c>
      <c r="R5107" s="5" t="s">
        <v>1522</v>
      </c>
      <c r="S5107" s="5" t="s">
        <v>1523</v>
      </c>
      <c r="T5107" s="5" t="s">
        <v>42</v>
      </c>
      <c r="U5107" s="2">
        <v>2.5459999999999998</v>
      </c>
      <c r="V5107" s="2">
        <v>2.1040000000000001</v>
      </c>
      <c r="W5107" s="2">
        <v>1.2E-2</v>
      </c>
      <c r="X5107" s="2">
        <v>148.69999999999999</v>
      </c>
      <c r="Y5107" s="2">
        <v>7.6</v>
      </c>
      <c r="Z5107" s="2">
        <v>10.6</v>
      </c>
      <c r="AA5107" s="5"/>
      <c r="AB5107" s="5" t="s">
        <v>43</v>
      </c>
      <c r="AC5107" s="5" t="s">
        <v>44</v>
      </c>
      <c r="AD5107" s="2"/>
      <c r="AE5107" s="1"/>
    </row>
    <row r="5108" spans="1:31" ht="14.45">
      <c r="A5108" s="11"/>
      <c r="B5108" s="20"/>
      <c r="C5108" s="2" t="s">
        <v>15786</v>
      </c>
      <c r="D5108" s="14" t="s">
        <v>15787</v>
      </c>
      <c r="E5108" s="2" t="s">
        <v>15788</v>
      </c>
      <c r="F5108" s="2" t="s">
        <v>14869</v>
      </c>
      <c r="G5108" s="8">
        <v>168</v>
      </c>
      <c r="H5108" s="5">
        <v>6</v>
      </c>
      <c r="I5108" s="5" t="s">
        <v>1518</v>
      </c>
      <c r="J5108" s="5" t="s">
        <v>1519</v>
      </c>
      <c r="K5108" s="2" t="s">
        <v>1520</v>
      </c>
      <c r="L5108" s="5" t="s">
        <v>1519</v>
      </c>
      <c r="M5108" s="2" t="s">
        <v>1520</v>
      </c>
      <c r="N5108" s="5" t="s">
        <v>1521</v>
      </c>
      <c r="O5108" s="5" t="s">
        <v>38</v>
      </c>
      <c r="P5108" s="5" t="s">
        <v>39</v>
      </c>
      <c r="Q5108" s="5" t="s">
        <v>40</v>
      </c>
      <c r="R5108" s="5" t="s">
        <v>1522</v>
      </c>
      <c r="S5108" s="5" t="s">
        <v>1523</v>
      </c>
      <c r="T5108" s="5" t="s">
        <v>42</v>
      </c>
      <c r="U5108" s="2">
        <v>2.2749999999999999</v>
      </c>
      <c r="V5108" s="2">
        <v>1.847</v>
      </c>
      <c r="W5108" s="2">
        <v>1.2E-2</v>
      </c>
      <c r="X5108" s="2">
        <v>148.69999999999999</v>
      </c>
      <c r="Y5108" s="2">
        <v>7.6</v>
      </c>
      <c r="Z5108" s="2">
        <v>10.6</v>
      </c>
      <c r="AA5108" s="5"/>
      <c r="AB5108" s="5" t="s">
        <v>43</v>
      </c>
      <c r="AC5108" s="5" t="s">
        <v>44</v>
      </c>
      <c r="AD5108" s="2"/>
      <c r="AE5108" s="1"/>
    </row>
    <row r="5109" spans="1:31" ht="14.45">
      <c r="A5109" s="11"/>
      <c r="B5109" s="20"/>
      <c r="C5109" s="2" t="s">
        <v>15789</v>
      </c>
      <c r="D5109" s="14" t="s">
        <v>15790</v>
      </c>
      <c r="E5109" s="2" t="s">
        <v>15791</v>
      </c>
      <c r="F5109" s="2" t="s">
        <v>14873</v>
      </c>
      <c r="G5109" s="8">
        <v>168</v>
      </c>
      <c r="H5109" s="5">
        <v>6</v>
      </c>
      <c r="I5109" s="5" t="s">
        <v>1518</v>
      </c>
      <c r="J5109" s="5" t="s">
        <v>1519</v>
      </c>
      <c r="K5109" s="2" t="s">
        <v>1520</v>
      </c>
      <c r="L5109" s="5" t="s">
        <v>1519</v>
      </c>
      <c r="M5109" s="2" t="s">
        <v>1520</v>
      </c>
      <c r="N5109" s="5" t="s">
        <v>1521</v>
      </c>
      <c r="O5109" s="5" t="s">
        <v>38</v>
      </c>
      <c r="P5109" s="5" t="s">
        <v>39</v>
      </c>
      <c r="Q5109" s="5" t="s">
        <v>40</v>
      </c>
      <c r="R5109" s="5" t="s">
        <v>1522</v>
      </c>
      <c r="S5109" s="5" t="s">
        <v>1523</v>
      </c>
      <c r="T5109" s="5" t="s">
        <v>42</v>
      </c>
      <c r="U5109" s="2">
        <v>2.327</v>
      </c>
      <c r="V5109" s="2">
        <v>1.899</v>
      </c>
      <c r="W5109" s="2">
        <v>1.2E-2</v>
      </c>
      <c r="X5109" s="2">
        <v>148.69999999999999</v>
      </c>
      <c r="Y5109" s="2">
        <v>7.6</v>
      </c>
      <c r="Z5109" s="2">
        <v>10.6</v>
      </c>
      <c r="AA5109" s="5"/>
      <c r="AB5109" s="5" t="s">
        <v>43</v>
      </c>
      <c r="AC5109" s="5" t="s">
        <v>44</v>
      </c>
      <c r="AD5109" s="2"/>
      <c r="AE5109" s="1"/>
    </row>
    <row r="5110" spans="1:31" ht="14.45">
      <c r="A5110" s="11"/>
      <c r="B5110" s="20"/>
      <c r="C5110" s="2" t="s">
        <v>15792</v>
      </c>
      <c r="D5110" s="14" t="s">
        <v>15793</v>
      </c>
      <c r="E5110" s="2" t="s">
        <v>15794</v>
      </c>
      <c r="F5110" s="2" t="s">
        <v>14877</v>
      </c>
      <c r="G5110" s="8">
        <v>168</v>
      </c>
      <c r="H5110" s="5">
        <v>6</v>
      </c>
      <c r="I5110" s="5" t="s">
        <v>1518</v>
      </c>
      <c r="J5110" s="5" t="s">
        <v>1519</v>
      </c>
      <c r="K5110" s="2" t="s">
        <v>1520</v>
      </c>
      <c r="L5110" s="5" t="s">
        <v>1519</v>
      </c>
      <c r="M5110" s="2" t="s">
        <v>1520</v>
      </c>
      <c r="N5110" s="5" t="s">
        <v>1521</v>
      </c>
      <c r="O5110" s="5" t="s">
        <v>38</v>
      </c>
      <c r="P5110" s="5" t="s">
        <v>39</v>
      </c>
      <c r="Q5110" s="5" t="s">
        <v>40</v>
      </c>
      <c r="R5110" s="5" t="s">
        <v>1522</v>
      </c>
      <c r="S5110" s="5" t="s">
        <v>1523</v>
      </c>
      <c r="T5110" s="5" t="s">
        <v>42</v>
      </c>
      <c r="U5110" s="2">
        <v>2.3149999999999999</v>
      </c>
      <c r="V5110" s="2">
        <v>1.887</v>
      </c>
      <c r="W5110" s="2">
        <v>1.2E-2</v>
      </c>
      <c r="X5110" s="2">
        <v>148.69999999999999</v>
      </c>
      <c r="Y5110" s="2">
        <v>7.6</v>
      </c>
      <c r="Z5110" s="2">
        <v>10.6</v>
      </c>
      <c r="AA5110" s="5"/>
      <c r="AB5110" s="5" t="s">
        <v>43</v>
      </c>
      <c r="AC5110" s="5" t="s">
        <v>44</v>
      </c>
      <c r="AD5110" s="2"/>
      <c r="AE5110" s="1"/>
    </row>
    <row r="5111" spans="1:31" ht="14.45">
      <c r="A5111" s="11"/>
      <c r="B5111" s="20"/>
      <c r="C5111" s="2" t="s">
        <v>15795</v>
      </c>
      <c r="D5111" s="14" t="s">
        <v>15796</v>
      </c>
      <c r="E5111" s="2" t="s">
        <v>15797</v>
      </c>
      <c r="F5111" s="2" t="s">
        <v>14881</v>
      </c>
      <c r="G5111" s="8">
        <v>168</v>
      </c>
      <c r="H5111" s="5">
        <v>6</v>
      </c>
      <c r="I5111" s="5" t="s">
        <v>1518</v>
      </c>
      <c r="J5111" s="5" t="s">
        <v>1519</v>
      </c>
      <c r="K5111" s="2" t="s">
        <v>1520</v>
      </c>
      <c r="L5111" s="5" t="s">
        <v>1519</v>
      </c>
      <c r="M5111" s="2" t="s">
        <v>1520</v>
      </c>
      <c r="N5111" s="5" t="s">
        <v>1521</v>
      </c>
      <c r="O5111" s="5" t="s">
        <v>38</v>
      </c>
      <c r="P5111" s="5" t="s">
        <v>39</v>
      </c>
      <c r="Q5111" s="5" t="s">
        <v>40</v>
      </c>
      <c r="R5111" s="5" t="s">
        <v>1522</v>
      </c>
      <c r="S5111" s="5" t="s">
        <v>1523</v>
      </c>
      <c r="T5111" s="5" t="s">
        <v>42</v>
      </c>
      <c r="U5111" s="2">
        <v>2.367</v>
      </c>
      <c r="V5111" s="2">
        <v>1.9390000000000001</v>
      </c>
      <c r="W5111" s="2">
        <v>1.2E-2</v>
      </c>
      <c r="X5111" s="2">
        <v>148.69999999999999</v>
      </c>
      <c r="Y5111" s="2">
        <v>7.6</v>
      </c>
      <c r="Z5111" s="2">
        <v>10.6</v>
      </c>
      <c r="AA5111" s="5"/>
      <c r="AB5111" s="5" t="s">
        <v>43</v>
      </c>
      <c r="AC5111" s="5" t="s">
        <v>44</v>
      </c>
      <c r="AD5111" s="2"/>
      <c r="AE5111" s="1"/>
    </row>
    <row r="5112" spans="1:31" ht="14.45">
      <c r="A5112" s="11"/>
      <c r="B5112" s="20"/>
      <c r="C5112" s="2" t="s">
        <v>15798</v>
      </c>
      <c r="D5112" s="14" t="s">
        <v>15799</v>
      </c>
      <c r="E5112" s="2" t="s">
        <v>15800</v>
      </c>
      <c r="F5112" s="2" t="s">
        <v>14885</v>
      </c>
      <c r="G5112" s="8">
        <v>168</v>
      </c>
      <c r="H5112" s="5">
        <v>6</v>
      </c>
      <c r="I5112" s="5" t="s">
        <v>1518</v>
      </c>
      <c r="J5112" s="5" t="s">
        <v>1519</v>
      </c>
      <c r="K5112" s="2" t="s">
        <v>1520</v>
      </c>
      <c r="L5112" s="5" t="s">
        <v>1519</v>
      </c>
      <c r="M5112" s="2" t="s">
        <v>1520</v>
      </c>
      <c r="N5112" s="5" t="s">
        <v>1521</v>
      </c>
      <c r="O5112" s="5" t="s">
        <v>38</v>
      </c>
      <c r="P5112" s="5" t="s">
        <v>39</v>
      </c>
      <c r="Q5112" s="5" t="s">
        <v>40</v>
      </c>
      <c r="R5112" s="5" t="s">
        <v>1522</v>
      </c>
      <c r="S5112" s="5" t="s">
        <v>1523</v>
      </c>
      <c r="T5112" s="5" t="s">
        <v>42</v>
      </c>
      <c r="U5112" s="2">
        <v>2.3149999999999999</v>
      </c>
      <c r="V5112" s="2">
        <v>1.887</v>
      </c>
      <c r="W5112" s="2">
        <v>1.2E-2</v>
      </c>
      <c r="X5112" s="2">
        <v>148.69999999999999</v>
      </c>
      <c r="Y5112" s="2">
        <v>7.6</v>
      </c>
      <c r="Z5112" s="2">
        <v>10.6</v>
      </c>
      <c r="AA5112" s="5"/>
      <c r="AB5112" s="5" t="s">
        <v>43</v>
      </c>
      <c r="AC5112" s="5" t="s">
        <v>44</v>
      </c>
      <c r="AD5112" s="2"/>
      <c r="AE5112" s="1"/>
    </row>
    <row r="5113" spans="1:31" ht="14.45">
      <c r="A5113" s="11"/>
      <c r="B5113" s="20"/>
      <c r="C5113" s="2" t="s">
        <v>15801</v>
      </c>
      <c r="D5113" s="14" t="s">
        <v>15802</v>
      </c>
      <c r="E5113" s="2" t="s">
        <v>15803</v>
      </c>
      <c r="F5113" s="2" t="s">
        <v>14889</v>
      </c>
      <c r="G5113" s="8">
        <v>168</v>
      </c>
      <c r="H5113" s="5">
        <v>6</v>
      </c>
      <c r="I5113" s="5" t="s">
        <v>1518</v>
      </c>
      <c r="J5113" s="5" t="s">
        <v>1519</v>
      </c>
      <c r="K5113" s="2" t="s">
        <v>1520</v>
      </c>
      <c r="L5113" s="5" t="s">
        <v>1519</v>
      </c>
      <c r="M5113" s="2" t="s">
        <v>1520</v>
      </c>
      <c r="N5113" s="5" t="s">
        <v>1521</v>
      </c>
      <c r="O5113" s="5" t="s">
        <v>38</v>
      </c>
      <c r="P5113" s="5" t="s">
        <v>39</v>
      </c>
      <c r="Q5113" s="5" t="s">
        <v>40</v>
      </c>
      <c r="R5113" s="5" t="s">
        <v>1522</v>
      </c>
      <c r="S5113" s="5" t="s">
        <v>1523</v>
      </c>
      <c r="T5113" s="5" t="s">
        <v>42</v>
      </c>
      <c r="U5113" s="2">
        <v>2.367</v>
      </c>
      <c r="V5113" s="2">
        <v>1.9390000000000001</v>
      </c>
      <c r="W5113" s="2">
        <v>1.2E-2</v>
      </c>
      <c r="X5113" s="2">
        <v>148.69999999999999</v>
      </c>
      <c r="Y5113" s="2">
        <v>7.6</v>
      </c>
      <c r="Z5113" s="2">
        <v>10.6</v>
      </c>
      <c r="AA5113" s="5"/>
      <c r="AB5113" s="5" t="s">
        <v>43</v>
      </c>
      <c r="AC5113" s="5" t="s">
        <v>44</v>
      </c>
      <c r="AD5113" s="2"/>
      <c r="AE5113" s="1"/>
    </row>
    <row r="5114" spans="1:31" ht="14.45">
      <c r="A5114" s="11"/>
      <c r="B5114" s="20"/>
      <c r="C5114" s="2" t="s">
        <v>15804</v>
      </c>
      <c r="D5114" s="14" t="s">
        <v>15805</v>
      </c>
      <c r="E5114" s="2" t="s">
        <v>15806</v>
      </c>
      <c r="F5114" s="2" t="s">
        <v>14893</v>
      </c>
      <c r="G5114" s="8">
        <v>168</v>
      </c>
      <c r="H5114" s="5">
        <v>6</v>
      </c>
      <c r="I5114" s="5" t="s">
        <v>1518</v>
      </c>
      <c r="J5114" s="5" t="s">
        <v>1519</v>
      </c>
      <c r="K5114" s="2" t="s">
        <v>1520</v>
      </c>
      <c r="L5114" s="5" t="s">
        <v>1519</v>
      </c>
      <c r="M5114" s="2" t="s">
        <v>1520</v>
      </c>
      <c r="N5114" s="5" t="s">
        <v>1521</v>
      </c>
      <c r="O5114" s="5" t="s">
        <v>38</v>
      </c>
      <c r="P5114" s="5" t="s">
        <v>39</v>
      </c>
      <c r="Q5114" s="5" t="s">
        <v>40</v>
      </c>
      <c r="R5114" s="5" t="s">
        <v>1522</v>
      </c>
      <c r="S5114" s="5" t="s">
        <v>1523</v>
      </c>
      <c r="T5114" s="5" t="s">
        <v>42</v>
      </c>
      <c r="U5114" s="2">
        <v>2.2749999999999999</v>
      </c>
      <c r="V5114" s="2">
        <v>1.847</v>
      </c>
      <c r="W5114" s="2">
        <v>1.2E-2</v>
      </c>
      <c r="X5114" s="2">
        <v>148.69999999999999</v>
      </c>
      <c r="Y5114" s="2">
        <v>7.6</v>
      </c>
      <c r="Z5114" s="2">
        <v>10.6</v>
      </c>
      <c r="AA5114" s="5"/>
      <c r="AB5114" s="5" t="s">
        <v>43</v>
      </c>
      <c r="AC5114" s="5" t="s">
        <v>44</v>
      </c>
      <c r="AD5114" s="2"/>
      <c r="AE5114" s="1"/>
    </row>
    <row r="5115" spans="1:31" ht="14.45">
      <c r="A5115" s="11"/>
      <c r="B5115" s="20"/>
      <c r="C5115" s="2" t="s">
        <v>15807</v>
      </c>
      <c r="D5115" s="14" t="s">
        <v>15808</v>
      </c>
      <c r="E5115" s="2" t="s">
        <v>15809</v>
      </c>
      <c r="F5115" s="2" t="s">
        <v>14897</v>
      </c>
      <c r="G5115" s="8">
        <v>168</v>
      </c>
      <c r="H5115" s="5">
        <v>6</v>
      </c>
      <c r="I5115" s="5" t="s">
        <v>1518</v>
      </c>
      <c r="J5115" s="5" t="s">
        <v>1519</v>
      </c>
      <c r="K5115" s="2" t="s">
        <v>1520</v>
      </c>
      <c r="L5115" s="5" t="s">
        <v>1519</v>
      </c>
      <c r="M5115" s="2" t="s">
        <v>1520</v>
      </c>
      <c r="N5115" s="5" t="s">
        <v>1521</v>
      </c>
      <c r="O5115" s="5" t="s">
        <v>38</v>
      </c>
      <c r="P5115" s="5" t="s">
        <v>39</v>
      </c>
      <c r="Q5115" s="5" t="s">
        <v>40</v>
      </c>
      <c r="R5115" s="5" t="s">
        <v>1522</v>
      </c>
      <c r="S5115" s="5" t="s">
        <v>1523</v>
      </c>
      <c r="T5115" s="5" t="s">
        <v>42</v>
      </c>
      <c r="U5115" s="2">
        <v>2.327</v>
      </c>
      <c r="V5115" s="2">
        <v>1.899</v>
      </c>
      <c r="W5115" s="2">
        <v>1.2E-2</v>
      </c>
      <c r="X5115" s="2">
        <v>148.69999999999999</v>
      </c>
      <c r="Y5115" s="2">
        <v>7.6</v>
      </c>
      <c r="Z5115" s="2">
        <v>10.6</v>
      </c>
      <c r="AA5115" s="5"/>
      <c r="AB5115" s="5" t="s">
        <v>43</v>
      </c>
      <c r="AC5115" s="5" t="s">
        <v>44</v>
      </c>
      <c r="AD5115" s="2"/>
      <c r="AE5115" s="1"/>
    </row>
    <row r="5116" spans="1:31" ht="14.45">
      <c r="A5116" s="11"/>
      <c r="B5116" s="20"/>
      <c r="C5116" s="2" t="s">
        <v>15810</v>
      </c>
      <c r="D5116" s="14" t="s">
        <v>15811</v>
      </c>
      <c r="E5116" s="2" t="s">
        <v>15812</v>
      </c>
      <c r="F5116" s="2" t="s">
        <v>14869</v>
      </c>
      <c r="G5116" s="8">
        <v>182</v>
      </c>
      <c r="H5116" s="5">
        <v>6</v>
      </c>
      <c r="I5116" s="5" t="s">
        <v>1518</v>
      </c>
      <c r="J5116" s="5" t="s">
        <v>1519</v>
      </c>
      <c r="K5116" s="2" t="s">
        <v>1520</v>
      </c>
      <c r="L5116" s="5" t="s">
        <v>1519</v>
      </c>
      <c r="M5116" s="2" t="s">
        <v>1520</v>
      </c>
      <c r="N5116" s="5" t="s">
        <v>1521</v>
      </c>
      <c r="O5116" s="5" t="s">
        <v>38</v>
      </c>
      <c r="P5116" s="5" t="s">
        <v>39</v>
      </c>
      <c r="Q5116" s="5" t="s">
        <v>40</v>
      </c>
      <c r="R5116" s="5" t="s">
        <v>1522</v>
      </c>
      <c r="S5116" s="5" t="s">
        <v>1523</v>
      </c>
      <c r="T5116" s="5" t="s">
        <v>42</v>
      </c>
      <c r="U5116" s="2">
        <v>2.5659999999999998</v>
      </c>
      <c r="V5116" s="2">
        <v>2.1379999999999999</v>
      </c>
      <c r="W5116" s="2">
        <v>1.2E-2</v>
      </c>
      <c r="X5116" s="2">
        <v>148.69999999999999</v>
      </c>
      <c r="Y5116" s="2">
        <v>7.6</v>
      </c>
      <c r="Z5116" s="2">
        <v>10.6</v>
      </c>
      <c r="AA5116" s="5"/>
      <c r="AB5116" s="5" t="s">
        <v>43</v>
      </c>
      <c r="AC5116" s="5" t="s">
        <v>44</v>
      </c>
      <c r="AD5116" s="2"/>
      <c r="AE5116" s="1"/>
    </row>
    <row r="5117" spans="1:31" ht="14.45">
      <c r="A5117" s="11"/>
      <c r="B5117" s="20"/>
      <c r="C5117" s="2" t="s">
        <v>15813</v>
      </c>
      <c r="D5117" s="14" t="s">
        <v>15814</v>
      </c>
      <c r="E5117" s="2" t="s">
        <v>15815</v>
      </c>
      <c r="F5117" s="2" t="s">
        <v>14873</v>
      </c>
      <c r="G5117" s="8">
        <v>182</v>
      </c>
      <c r="H5117" s="5">
        <v>6</v>
      </c>
      <c r="I5117" s="5" t="s">
        <v>1518</v>
      </c>
      <c r="J5117" s="5" t="s">
        <v>1519</v>
      </c>
      <c r="K5117" s="2" t="s">
        <v>1520</v>
      </c>
      <c r="L5117" s="5" t="s">
        <v>1519</v>
      </c>
      <c r="M5117" s="2" t="s">
        <v>1520</v>
      </c>
      <c r="N5117" s="5" t="s">
        <v>1521</v>
      </c>
      <c r="O5117" s="5" t="s">
        <v>38</v>
      </c>
      <c r="P5117" s="5" t="s">
        <v>39</v>
      </c>
      <c r="Q5117" s="5" t="s">
        <v>40</v>
      </c>
      <c r="R5117" s="5" t="s">
        <v>1522</v>
      </c>
      <c r="S5117" s="5" t="s">
        <v>1523</v>
      </c>
      <c r="T5117" s="5" t="s">
        <v>42</v>
      </c>
      <c r="U5117" s="2">
        <v>2.6269999999999998</v>
      </c>
      <c r="V5117" s="2">
        <v>2.1989999999999998</v>
      </c>
      <c r="W5117" s="2">
        <v>1.2E-2</v>
      </c>
      <c r="X5117" s="2">
        <v>148.69999999999999</v>
      </c>
      <c r="Y5117" s="2">
        <v>7.6</v>
      </c>
      <c r="Z5117" s="2">
        <v>10.6</v>
      </c>
      <c r="AA5117" s="5"/>
      <c r="AB5117" s="5" t="s">
        <v>43</v>
      </c>
      <c r="AC5117" s="5" t="s">
        <v>44</v>
      </c>
      <c r="AD5117" s="2"/>
      <c r="AE5117" s="1"/>
    </row>
    <row r="5118" spans="1:31" ht="14.45">
      <c r="A5118" s="11"/>
      <c r="B5118" s="20"/>
      <c r="C5118" s="2" t="s">
        <v>15816</v>
      </c>
      <c r="D5118" s="14" t="s">
        <v>15817</v>
      </c>
      <c r="E5118" s="2" t="s">
        <v>15818</v>
      </c>
      <c r="F5118" s="2" t="s">
        <v>14877</v>
      </c>
      <c r="G5118" s="8">
        <v>182</v>
      </c>
      <c r="H5118" s="5">
        <v>6</v>
      </c>
      <c r="I5118" s="5" t="s">
        <v>1518</v>
      </c>
      <c r="J5118" s="5" t="s">
        <v>1519</v>
      </c>
      <c r="K5118" s="2" t="s">
        <v>1520</v>
      </c>
      <c r="L5118" s="5" t="s">
        <v>1519</v>
      </c>
      <c r="M5118" s="2" t="s">
        <v>1520</v>
      </c>
      <c r="N5118" s="5" t="s">
        <v>1521</v>
      </c>
      <c r="O5118" s="5" t="s">
        <v>38</v>
      </c>
      <c r="P5118" s="5" t="s">
        <v>39</v>
      </c>
      <c r="Q5118" s="5" t="s">
        <v>40</v>
      </c>
      <c r="R5118" s="5" t="s">
        <v>1522</v>
      </c>
      <c r="S5118" s="5" t="s">
        <v>1523</v>
      </c>
      <c r="T5118" s="5" t="s">
        <v>42</v>
      </c>
      <c r="U5118" s="2">
        <v>2.625</v>
      </c>
      <c r="V5118" s="2">
        <v>2.1970000000000001</v>
      </c>
      <c r="W5118" s="2">
        <v>1.2E-2</v>
      </c>
      <c r="X5118" s="2">
        <v>148.69999999999999</v>
      </c>
      <c r="Y5118" s="2">
        <v>7.6</v>
      </c>
      <c r="Z5118" s="2">
        <v>10.6</v>
      </c>
      <c r="AA5118" s="5"/>
      <c r="AB5118" s="5" t="s">
        <v>43</v>
      </c>
      <c r="AC5118" s="5" t="s">
        <v>44</v>
      </c>
      <c r="AD5118" s="2"/>
      <c r="AE5118" s="1"/>
    </row>
    <row r="5119" spans="1:31" ht="14.45">
      <c r="A5119" s="11"/>
      <c r="B5119" s="20"/>
      <c r="C5119" s="2" t="s">
        <v>15819</v>
      </c>
      <c r="D5119" s="14" t="s">
        <v>15820</v>
      </c>
      <c r="E5119" s="2" t="s">
        <v>15821</v>
      </c>
      <c r="F5119" s="2" t="s">
        <v>14881</v>
      </c>
      <c r="G5119" s="8">
        <v>182</v>
      </c>
      <c r="H5119" s="5">
        <v>6</v>
      </c>
      <c r="I5119" s="5" t="s">
        <v>1518</v>
      </c>
      <c r="J5119" s="5" t="s">
        <v>1519</v>
      </c>
      <c r="K5119" s="2" t="s">
        <v>1520</v>
      </c>
      <c r="L5119" s="5" t="s">
        <v>1519</v>
      </c>
      <c r="M5119" s="2" t="s">
        <v>1520</v>
      </c>
      <c r="N5119" s="5" t="s">
        <v>1521</v>
      </c>
      <c r="O5119" s="5" t="s">
        <v>38</v>
      </c>
      <c r="P5119" s="5" t="s">
        <v>39</v>
      </c>
      <c r="Q5119" s="5" t="s">
        <v>40</v>
      </c>
      <c r="R5119" s="5" t="s">
        <v>1522</v>
      </c>
      <c r="S5119" s="5" t="s">
        <v>1523</v>
      </c>
      <c r="T5119" s="5" t="s">
        <v>42</v>
      </c>
      <c r="U5119" s="2">
        <v>2.6859999999999999</v>
      </c>
      <c r="V5119" s="2">
        <v>2.258</v>
      </c>
      <c r="W5119" s="2">
        <v>1.2E-2</v>
      </c>
      <c r="X5119" s="2">
        <v>148.69999999999999</v>
      </c>
      <c r="Y5119" s="2">
        <v>7.6</v>
      </c>
      <c r="Z5119" s="2">
        <v>10.6</v>
      </c>
      <c r="AA5119" s="5"/>
      <c r="AB5119" s="5" t="s">
        <v>43</v>
      </c>
      <c r="AC5119" s="5" t="s">
        <v>44</v>
      </c>
      <c r="AD5119" s="2"/>
      <c r="AE5119" s="1"/>
    </row>
    <row r="5120" spans="1:31" ht="14.45">
      <c r="A5120" s="11"/>
      <c r="B5120" s="20"/>
      <c r="C5120" s="2" t="s">
        <v>15822</v>
      </c>
      <c r="D5120" s="14" t="s">
        <v>15823</v>
      </c>
      <c r="E5120" s="2" t="s">
        <v>15824</v>
      </c>
      <c r="F5120" s="2" t="s">
        <v>14885</v>
      </c>
      <c r="G5120" s="8">
        <v>182</v>
      </c>
      <c r="H5120" s="5">
        <v>6</v>
      </c>
      <c r="I5120" s="5" t="s">
        <v>1518</v>
      </c>
      <c r="J5120" s="5" t="s">
        <v>1519</v>
      </c>
      <c r="K5120" s="2" t="s">
        <v>1520</v>
      </c>
      <c r="L5120" s="5" t="s">
        <v>1519</v>
      </c>
      <c r="M5120" s="2" t="s">
        <v>1520</v>
      </c>
      <c r="N5120" s="5" t="s">
        <v>1521</v>
      </c>
      <c r="O5120" s="5" t="s">
        <v>38</v>
      </c>
      <c r="P5120" s="5" t="s">
        <v>39</v>
      </c>
      <c r="Q5120" s="5" t="s">
        <v>40</v>
      </c>
      <c r="R5120" s="5" t="s">
        <v>1522</v>
      </c>
      <c r="S5120" s="5" t="s">
        <v>1523</v>
      </c>
      <c r="T5120" s="5" t="s">
        <v>42</v>
      </c>
      <c r="U5120" s="2">
        <v>2.625</v>
      </c>
      <c r="V5120" s="2">
        <v>2.1970000000000001</v>
      </c>
      <c r="W5120" s="2">
        <v>1.2E-2</v>
      </c>
      <c r="X5120" s="2">
        <v>148.69999999999999</v>
      </c>
      <c r="Y5120" s="2">
        <v>7.6</v>
      </c>
      <c r="Z5120" s="2">
        <v>10.6</v>
      </c>
      <c r="AA5120" s="5"/>
      <c r="AB5120" s="5" t="s">
        <v>43</v>
      </c>
      <c r="AC5120" s="5" t="s">
        <v>44</v>
      </c>
      <c r="AD5120" s="2"/>
      <c r="AE5120" s="1"/>
    </row>
    <row r="5121" spans="1:31" ht="14.45">
      <c r="A5121" s="11"/>
      <c r="B5121" s="20"/>
      <c r="C5121" s="2" t="s">
        <v>15825</v>
      </c>
      <c r="D5121" s="14" t="s">
        <v>15826</v>
      </c>
      <c r="E5121" s="2" t="s">
        <v>15827</v>
      </c>
      <c r="F5121" s="2" t="s">
        <v>14889</v>
      </c>
      <c r="G5121" s="8">
        <v>182</v>
      </c>
      <c r="H5121" s="5">
        <v>6</v>
      </c>
      <c r="I5121" s="5" t="s">
        <v>1518</v>
      </c>
      <c r="J5121" s="5" t="s">
        <v>1519</v>
      </c>
      <c r="K5121" s="2" t="s">
        <v>1520</v>
      </c>
      <c r="L5121" s="5" t="s">
        <v>1519</v>
      </c>
      <c r="M5121" s="2" t="s">
        <v>1520</v>
      </c>
      <c r="N5121" s="5" t="s">
        <v>1521</v>
      </c>
      <c r="O5121" s="5" t="s">
        <v>38</v>
      </c>
      <c r="P5121" s="5" t="s">
        <v>39</v>
      </c>
      <c r="Q5121" s="5" t="s">
        <v>40</v>
      </c>
      <c r="R5121" s="5" t="s">
        <v>1522</v>
      </c>
      <c r="S5121" s="5" t="s">
        <v>1523</v>
      </c>
      <c r="T5121" s="5" t="s">
        <v>42</v>
      </c>
      <c r="U5121" s="2">
        <v>2.6859999999999999</v>
      </c>
      <c r="V5121" s="2">
        <v>2.258</v>
      </c>
      <c r="W5121" s="2">
        <v>1.2E-2</v>
      </c>
      <c r="X5121" s="2">
        <v>148.69999999999999</v>
      </c>
      <c r="Y5121" s="2">
        <v>7.6</v>
      </c>
      <c r="Z5121" s="2">
        <v>10.6</v>
      </c>
      <c r="AA5121" s="5"/>
      <c r="AB5121" s="5" t="s">
        <v>43</v>
      </c>
      <c r="AC5121" s="5" t="s">
        <v>44</v>
      </c>
      <c r="AD5121" s="2"/>
      <c r="AE5121" s="1"/>
    </row>
    <row r="5122" spans="1:31" ht="14.45">
      <c r="A5122" s="11"/>
      <c r="B5122" s="20"/>
      <c r="C5122" s="2" t="s">
        <v>15828</v>
      </c>
      <c r="D5122" s="14" t="s">
        <v>15829</v>
      </c>
      <c r="E5122" s="2" t="s">
        <v>15830</v>
      </c>
      <c r="F5122" s="2" t="s">
        <v>14893</v>
      </c>
      <c r="G5122" s="8">
        <v>182</v>
      </c>
      <c r="H5122" s="5">
        <v>6</v>
      </c>
      <c r="I5122" s="5" t="s">
        <v>1518</v>
      </c>
      <c r="J5122" s="5" t="s">
        <v>1519</v>
      </c>
      <c r="K5122" s="2" t="s">
        <v>1520</v>
      </c>
      <c r="L5122" s="5" t="s">
        <v>1519</v>
      </c>
      <c r="M5122" s="2" t="s">
        <v>1520</v>
      </c>
      <c r="N5122" s="5" t="s">
        <v>1521</v>
      </c>
      <c r="O5122" s="5" t="s">
        <v>38</v>
      </c>
      <c r="P5122" s="5" t="s">
        <v>39</v>
      </c>
      <c r="Q5122" s="5" t="s">
        <v>40</v>
      </c>
      <c r="R5122" s="5" t="s">
        <v>1522</v>
      </c>
      <c r="S5122" s="5" t="s">
        <v>1523</v>
      </c>
      <c r="T5122" s="5" t="s">
        <v>42</v>
      </c>
      <c r="U5122" s="2">
        <v>2.5659999999999998</v>
      </c>
      <c r="V5122" s="2">
        <v>2.1379999999999999</v>
      </c>
      <c r="W5122" s="2">
        <v>1.2E-2</v>
      </c>
      <c r="X5122" s="2">
        <v>148.69999999999999</v>
      </c>
      <c r="Y5122" s="2">
        <v>7.6</v>
      </c>
      <c r="Z5122" s="2">
        <v>10.6</v>
      </c>
      <c r="AA5122" s="5"/>
      <c r="AB5122" s="5" t="s">
        <v>43</v>
      </c>
      <c r="AC5122" s="5" t="s">
        <v>44</v>
      </c>
      <c r="AD5122" s="2"/>
      <c r="AE5122" s="1"/>
    </row>
    <row r="5123" spans="1:31" ht="14.45">
      <c r="A5123" s="11"/>
      <c r="B5123" s="20"/>
      <c r="C5123" s="2" t="s">
        <v>15831</v>
      </c>
      <c r="D5123" s="14" t="s">
        <v>15832</v>
      </c>
      <c r="E5123" s="2" t="s">
        <v>15833</v>
      </c>
      <c r="F5123" s="2" t="s">
        <v>14897</v>
      </c>
      <c r="G5123" s="8">
        <v>182</v>
      </c>
      <c r="H5123" s="5">
        <v>6</v>
      </c>
      <c r="I5123" s="5" t="s">
        <v>1518</v>
      </c>
      <c r="J5123" s="5" t="s">
        <v>1519</v>
      </c>
      <c r="K5123" s="2" t="s">
        <v>1520</v>
      </c>
      <c r="L5123" s="5" t="s">
        <v>1519</v>
      </c>
      <c r="M5123" s="2" t="s">
        <v>1520</v>
      </c>
      <c r="N5123" s="5" t="s">
        <v>1521</v>
      </c>
      <c r="O5123" s="5" t="s">
        <v>38</v>
      </c>
      <c r="P5123" s="5" t="s">
        <v>39</v>
      </c>
      <c r="Q5123" s="5" t="s">
        <v>40</v>
      </c>
      <c r="R5123" s="5" t="s">
        <v>1522</v>
      </c>
      <c r="S5123" s="5" t="s">
        <v>1523</v>
      </c>
      <c r="T5123" s="5" t="s">
        <v>42</v>
      </c>
      <c r="U5123" s="2">
        <v>2.6269999999999998</v>
      </c>
      <c r="V5123" s="2">
        <v>2.1989999999999998</v>
      </c>
      <c r="W5123" s="2">
        <v>1.2E-2</v>
      </c>
      <c r="X5123" s="2">
        <v>148.69999999999999</v>
      </c>
      <c r="Y5123" s="2">
        <v>7.6</v>
      </c>
      <c r="Z5123" s="2">
        <v>10.6</v>
      </c>
      <c r="AA5123" s="5"/>
      <c r="AB5123" s="5" t="s">
        <v>43</v>
      </c>
      <c r="AC5123" s="5" t="s">
        <v>44</v>
      </c>
      <c r="AD5123" s="2"/>
      <c r="AE5123" s="1"/>
    </row>
    <row r="5124" spans="1:31" ht="14.45">
      <c r="A5124" s="11"/>
      <c r="B5124" s="20"/>
      <c r="C5124" s="2" t="s">
        <v>15834</v>
      </c>
      <c r="D5124" s="14" t="s">
        <v>15835</v>
      </c>
      <c r="E5124" s="2" t="s">
        <v>15836</v>
      </c>
      <c r="F5124" s="2" t="s">
        <v>14869</v>
      </c>
      <c r="G5124" s="8">
        <v>202</v>
      </c>
      <c r="H5124" s="5">
        <v>6</v>
      </c>
      <c r="I5124" s="5" t="s">
        <v>1518</v>
      </c>
      <c r="J5124" s="5" t="s">
        <v>1519</v>
      </c>
      <c r="K5124" s="2" t="s">
        <v>1520</v>
      </c>
      <c r="L5124" s="5" t="s">
        <v>1519</v>
      </c>
      <c r="M5124" s="2" t="s">
        <v>1520</v>
      </c>
      <c r="N5124" s="5" t="s">
        <v>1521</v>
      </c>
      <c r="O5124" s="5" t="s">
        <v>38</v>
      </c>
      <c r="P5124" s="5" t="s">
        <v>39</v>
      </c>
      <c r="Q5124" s="5" t="s">
        <v>40</v>
      </c>
      <c r="R5124" s="5" t="s">
        <v>1522</v>
      </c>
      <c r="S5124" s="5" t="s">
        <v>1523</v>
      </c>
      <c r="T5124" s="5" t="s">
        <v>42</v>
      </c>
      <c r="U5124" s="2">
        <v>2.7069999999999999</v>
      </c>
      <c r="V5124" s="2">
        <v>2.2789999999999999</v>
      </c>
      <c r="W5124" s="2">
        <v>1.2E-2</v>
      </c>
      <c r="X5124" s="2">
        <v>148.69999999999999</v>
      </c>
      <c r="Y5124" s="2">
        <v>7.6</v>
      </c>
      <c r="Z5124" s="2">
        <v>10.6</v>
      </c>
      <c r="AA5124" s="5"/>
      <c r="AB5124" s="5" t="s">
        <v>43</v>
      </c>
      <c r="AC5124" s="5" t="s">
        <v>44</v>
      </c>
      <c r="AD5124" s="2"/>
      <c r="AE5124" s="1"/>
    </row>
    <row r="5125" spans="1:31" ht="14.45">
      <c r="A5125" s="11"/>
      <c r="B5125" s="20"/>
      <c r="C5125" s="2" t="s">
        <v>15837</v>
      </c>
      <c r="D5125" s="14" t="s">
        <v>15838</v>
      </c>
      <c r="E5125" s="2" t="s">
        <v>15839</v>
      </c>
      <c r="F5125" s="2" t="s">
        <v>14873</v>
      </c>
      <c r="G5125" s="8">
        <v>202</v>
      </c>
      <c r="H5125" s="5">
        <v>6</v>
      </c>
      <c r="I5125" s="5" t="s">
        <v>1518</v>
      </c>
      <c r="J5125" s="5" t="s">
        <v>1519</v>
      </c>
      <c r="K5125" s="2" t="s">
        <v>1520</v>
      </c>
      <c r="L5125" s="5" t="s">
        <v>1519</v>
      </c>
      <c r="M5125" s="2" t="s">
        <v>1520</v>
      </c>
      <c r="N5125" s="5" t="s">
        <v>1521</v>
      </c>
      <c r="O5125" s="5" t="s">
        <v>38</v>
      </c>
      <c r="P5125" s="5" t="s">
        <v>39</v>
      </c>
      <c r="Q5125" s="5" t="s">
        <v>40</v>
      </c>
      <c r="R5125" s="5" t="s">
        <v>1522</v>
      </c>
      <c r="S5125" s="5" t="s">
        <v>1523</v>
      </c>
      <c r="T5125" s="5" t="s">
        <v>42</v>
      </c>
      <c r="U5125" s="2">
        <v>2.7730000000000001</v>
      </c>
      <c r="V5125" s="2">
        <v>2.3450000000000002</v>
      </c>
      <c r="W5125" s="2">
        <v>1.2E-2</v>
      </c>
      <c r="X5125" s="2">
        <v>148.69999999999999</v>
      </c>
      <c r="Y5125" s="2">
        <v>7.6</v>
      </c>
      <c r="Z5125" s="2">
        <v>10.6</v>
      </c>
      <c r="AA5125" s="5"/>
      <c r="AB5125" s="5" t="s">
        <v>43</v>
      </c>
      <c r="AC5125" s="5" t="s">
        <v>44</v>
      </c>
      <c r="AD5125" s="2"/>
      <c r="AE5125" s="1"/>
    </row>
    <row r="5126" spans="1:31" ht="14.45">
      <c r="A5126" s="11"/>
      <c r="B5126" s="20"/>
      <c r="C5126" s="2" t="s">
        <v>15840</v>
      </c>
      <c r="D5126" s="14" t="s">
        <v>15841</v>
      </c>
      <c r="E5126" s="2" t="s">
        <v>15842</v>
      </c>
      <c r="F5126" s="2" t="s">
        <v>14877</v>
      </c>
      <c r="G5126" s="8">
        <v>202</v>
      </c>
      <c r="H5126" s="5">
        <v>6</v>
      </c>
      <c r="I5126" s="5" t="s">
        <v>1518</v>
      </c>
      <c r="J5126" s="5" t="s">
        <v>1519</v>
      </c>
      <c r="K5126" s="2" t="s">
        <v>1520</v>
      </c>
      <c r="L5126" s="5" t="s">
        <v>1519</v>
      </c>
      <c r="M5126" s="2" t="s">
        <v>1520</v>
      </c>
      <c r="N5126" s="5" t="s">
        <v>1521</v>
      </c>
      <c r="O5126" s="5" t="s">
        <v>38</v>
      </c>
      <c r="P5126" s="5" t="s">
        <v>39</v>
      </c>
      <c r="Q5126" s="5" t="s">
        <v>40</v>
      </c>
      <c r="R5126" s="5" t="s">
        <v>1522</v>
      </c>
      <c r="S5126" s="5" t="s">
        <v>1523</v>
      </c>
      <c r="T5126" s="5" t="s">
        <v>42</v>
      </c>
      <c r="U5126" s="2">
        <v>2.7749999999999999</v>
      </c>
      <c r="V5126" s="2">
        <v>2.347</v>
      </c>
      <c r="W5126" s="2">
        <v>1.2E-2</v>
      </c>
      <c r="X5126" s="2">
        <v>148.69999999999999</v>
      </c>
      <c r="Y5126" s="2">
        <v>7.6</v>
      </c>
      <c r="Z5126" s="2">
        <v>10.6</v>
      </c>
      <c r="AA5126" s="5"/>
      <c r="AB5126" s="5" t="s">
        <v>43</v>
      </c>
      <c r="AC5126" s="5" t="s">
        <v>44</v>
      </c>
      <c r="AD5126" s="2"/>
      <c r="AE5126" s="1"/>
    </row>
    <row r="5127" spans="1:31" ht="14.45">
      <c r="A5127" s="11"/>
      <c r="B5127" s="20"/>
      <c r="C5127" s="2" t="s">
        <v>15843</v>
      </c>
      <c r="D5127" s="14" t="s">
        <v>15844</v>
      </c>
      <c r="E5127" s="2" t="s">
        <v>15845</v>
      </c>
      <c r="F5127" s="2" t="s">
        <v>14881</v>
      </c>
      <c r="G5127" s="8">
        <v>202</v>
      </c>
      <c r="H5127" s="5">
        <v>6</v>
      </c>
      <c r="I5127" s="5" t="s">
        <v>1518</v>
      </c>
      <c r="J5127" s="5" t="s">
        <v>1519</v>
      </c>
      <c r="K5127" s="2" t="s">
        <v>1520</v>
      </c>
      <c r="L5127" s="5" t="s">
        <v>1519</v>
      </c>
      <c r="M5127" s="2" t="s">
        <v>1520</v>
      </c>
      <c r="N5127" s="5" t="s">
        <v>1521</v>
      </c>
      <c r="O5127" s="5" t="s">
        <v>38</v>
      </c>
      <c r="P5127" s="5" t="s">
        <v>39</v>
      </c>
      <c r="Q5127" s="5" t="s">
        <v>40</v>
      </c>
      <c r="R5127" s="5" t="s">
        <v>1522</v>
      </c>
      <c r="S5127" s="5" t="s">
        <v>1523</v>
      </c>
      <c r="T5127" s="5" t="s">
        <v>42</v>
      </c>
      <c r="U5127" s="2">
        <v>2.8410000000000002</v>
      </c>
      <c r="V5127" s="2">
        <v>2.4129999999999998</v>
      </c>
      <c r="W5127" s="2">
        <v>1.2E-2</v>
      </c>
      <c r="X5127" s="2">
        <v>148.69999999999999</v>
      </c>
      <c r="Y5127" s="2">
        <v>7.6</v>
      </c>
      <c r="Z5127" s="2">
        <v>10.6</v>
      </c>
      <c r="AA5127" s="5"/>
      <c r="AB5127" s="5" t="s">
        <v>43</v>
      </c>
      <c r="AC5127" s="5" t="s">
        <v>44</v>
      </c>
      <c r="AD5127" s="2"/>
      <c r="AE5127" s="1"/>
    </row>
    <row r="5128" spans="1:31" ht="14.45">
      <c r="A5128" s="11"/>
      <c r="B5128" s="20"/>
      <c r="C5128" s="2" t="s">
        <v>15846</v>
      </c>
      <c r="D5128" s="14" t="s">
        <v>15847</v>
      </c>
      <c r="E5128" s="2" t="s">
        <v>15848</v>
      </c>
      <c r="F5128" s="2" t="s">
        <v>14885</v>
      </c>
      <c r="G5128" s="8">
        <v>202</v>
      </c>
      <c r="H5128" s="5">
        <v>6</v>
      </c>
      <c r="I5128" s="5" t="s">
        <v>1518</v>
      </c>
      <c r="J5128" s="5" t="s">
        <v>1519</v>
      </c>
      <c r="K5128" s="2" t="s">
        <v>1520</v>
      </c>
      <c r="L5128" s="5" t="s">
        <v>1519</v>
      </c>
      <c r="M5128" s="2" t="s">
        <v>1520</v>
      </c>
      <c r="N5128" s="5" t="s">
        <v>1521</v>
      </c>
      <c r="O5128" s="5" t="s">
        <v>38</v>
      </c>
      <c r="P5128" s="5" t="s">
        <v>39</v>
      </c>
      <c r="Q5128" s="5" t="s">
        <v>40</v>
      </c>
      <c r="R5128" s="5" t="s">
        <v>1522</v>
      </c>
      <c r="S5128" s="5" t="s">
        <v>1523</v>
      </c>
      <c r="T5128" s="5" t="s">
        <v>42</v>
      </c>
      <c r="U5128" s="2">
        <v>2.7749999999999999</v>
      </c>
      <c r="V5128" s="2">
        <v>2.347</v>
      </c>
      <c r="W5128" s="2">
        <v>1.2E-2</v>
      </c>
      <c r="X5128" s="2">
        <v>148.69999999999999</v>
      </c>
      <c r="Y5128" s="2">
        <v>7.6</v>
      </c>
      <c r="Z5128" s="2">
        <v>10.6</v>
      </c>
      <c r="AA5128" s="5"/>
      <c r="AB5128" s="5" t="s">
        <v>43</v>
      </c>
      <c r="AC5128" s="5" t="s">
        <v>44</v>
      </c>
      <c r="AD5128" s="2"/>
      <c r="AE5128" s="1"/>
    </row>
    <row r="5129" spans="1:31" ht="14.45">
      <c r="A5129" s="11"/>
      <c r="B5129" s="20"/>
      <c r="C5129" s="2" t="s">
        <v>15849</v>
      </c>
      <c r="D5129" s="14" t="s">
        <v>15850</v>
      </c>
      <c r="E5129" s="2" t="s">
        <v>15851</v>
      </c>
      <c r="F5129" s="2" t="s">
        <v>14889</v>
      </c>
      <c r="G5129" s="8">
        <v>202</v>
      </c>
      <c r="H5129" s="5">
        <v>6</v>
      </c>
      <c r="I5129" s="5" t="s">
        <v>1518</v>
      </c>
      <c r="J5129" s="5" t="s">
        <v>1519</v>
      </c>
      <c r="K5129" s="2" t="s">
        <v>1520</v>
      </c>
      <c r="L5129" s="5" t="s">
        <v>1519</v>
      </c>
      <c r="M5129" s="2" t="s">
        <v>1520</v>
      </c>
      <c r="N5129" s="5" t="s">
        <v>1521</v>
      </c>
      <c r="O5129" s="5" t="s">
        <v>38</v>
      </c>
      <c r="P5129" s="5" t="s">
        <v>39</v>
      </c>
      <c r="Q5129" s="5" t="s">
        <v>40</v>
      </c>
      <c r="R5129" s="5" t="s">
        <v>1522</v>
      </c>
      <c r="S5129" s="5" t="s">
        <v>1523</v>
      </c>
      <c r="T5129" s="5" t="s">
        <v>42</v>
      </c>
      <c r="U5129" s="2">
        <v>2.8410000000000002</v>
      </c>
      <c r="V5129" s="2">
        <v>2.4129999999999998</v>
      </c>
      <c r="W5129" s="2">
        <v>1.2E-2</v>
      </c>
      <c r="X5129" s="2">
        <v>148.69999999999999</v>
      </c>
      <c r="Y5129" s="2">
        <v>7.6</v>
      </c>
      <c r="Z5129" s="2">
        <v>10.6</v>
      </c>
      <c r="AA5129" s="5"/>
      <c r="AB5129" s="5" t="s">
        <v>43</v>
      </c>
      <c r="AC5129" s="5" t="s">
        <v>44</v>
      </c>
      <c r="AD5129" s="2"/>
      <c r="AE5129" s="1"/>
    </row>
    <row r="5130" spans="1:31" ht="14.45">
      <c r="A5130" s="11"/>
      <c r="B5130" s="20"/>
      <c r="C5130" s="2" t="s">
        <v>15852</v>
      </c>
      <c r="D5130" s="14" t="s">
        <v>15853</v>
      </c>
      <c r="E5130" s="2" t="s">
        <v>15854</v>
      </c>
      <c r="F5130" s="2" t="s">
        <v>14893</v>
      </c>
      <c r="G5130" s="8">
        <v>202</v>
      </c>
      <c r="H5130" s="5">
        <v>6</v>
      </c>
      <c r="I5130" s="5" t="s">
        <v>1518</v>
      </c>
      <c r="J5130" s="5" t="s">
        <v>1519</v>
      </c>
      <c r="K5130" s="2" t="s">
        <v>1520</v>
      </c>
      <c r="L5130" s="5" t="s">
        <v>1519</v>
      </c>
      <c r="M5130" s="2" t="s">
        <v>1520</v>
      </c>
      <c r="N5130" s="5" t="s">
        <v>1521</v>
      </c>
      <c r="O5130" s="5" t="s">
        <v>38</v>
      </c>
      <c r="P5130" s="5" t="s">
        <v>39</v>
      </c>
      <c r="Q5130" s="5" t="s">
        <v>40</v>
      </c>
      <c r="R5130" s="5" t="s">
        <v>1522</v>
      </c>
      <c r="S5130" s="5" t="s">
        <v>1523</v>
      </c>
      <c r="T5130" s="5" t="s">
        <v>42</v>
      </c>
      <c r="U5130" s="2">
        <v>2.7069999999999999</v>
      </c>
      <c r="V5130" s="2">
        <v>2.2789999999999999</v>
      </c>
      <c r="W5130" s="2">
        <v>1.2E-2</v>
      </c>
      <c r="X5130" s="2">
        <v>148.69999999999999</v>
      </c>
      <c r="Y5130" s="2">
        <v>7.6</v>
      </c>
      <c r="Z5130" s="2">
        <v>10.6</v>
      </c>
      <c r="AA5130" s="5"/>
      <c r="AB5130" s="5" t="s">
        <v>43</v>
      </c>
      <c r="AC5130" s="5" t="s">
        <v>44</v>
      </c>
      <c r="AD5130" s="2"/>
      <c r="AE5130" s="1"/>
    </row>
    <row r="5131" spans="1:31" ht="14.45">
      <c r="A5131" s="11"/>
      <c r="B5131" s="20"/>
      <c r="C5131" s="2" t="s">
        <v>15855</v>
      </c>
      <c r="D5131" s="14" t="s">
        <v>15856</v>
      </c>
      <c r="E5131" s="2" t="s">
        <v>15857</v>
      </c>
      <c r="F5131" s="2" t="s">
        <v>14897</v>
      </c>
      <c r="G5131" s="8">
        <v>202</v>
      </c>
      <c r="H5131" s="5">
        <v>6</v>
      </c>
      <c r="I5131" s="5" t="s">
        <v>1518</v>
      </c>
      <c r="J5131" s="5" t="s">
        <v>1519</v>
      </c>
      <c r="K5131" s="2" t="s">
        <v>1520</v>
      </c>
      <c r="L5131" s="5" t="s">
        <v>1519</v>
      </c>
      <c r="M5131" s="2" t="s">
        <v>1520</v>
      </c>
      <c r="N5131" s="5" t="s">
        <v>1521</v>
      </c>
      <c r="O5131" s="5" t="s">
        <v>38</v>
      </c>
      <c r="P5131" s="5" t="s">
        <v>39</v>
      </c>
      <c r="Q5131" s="5" t="s">
        <v>40</v>
      </c>
      <c r="R5131" s="5" t="s">
        <v>1522</v>
      </c>
      <c r="S5131" s="5" t="s">
        <v>1523</v>
      </c>
      <c r="T5131" s="5" t="s">
        <v>42</v>
      </c>
      <c r="U5131" s="2">
        <v>2.7730000000000001</v>
      </c>
      <c r="V5131" s="2">
        <v>2.3450000000000002</v>
      </c>
      <c r="W5131" s="2">
        <v>1.2E-2</v>
      </c>
      <c r="X5131" s="2">
        <v>148.69999999999999</v>
      </c>
      <c r="Y5131" s="2">
        <v>7.6</v>
      </c>
      <c r="Z5131" s="2">
        <v>10.6</v>
      </c>
      <c r="AA5131" s="5"/>
      <c r="AB5131" s="5" t="s">
        <v>43</v>
      </c>
      <c r="AC5131" s="5" t="s">
        <v>44</v>
      </c>
      <c r="AD5131" s="2"/>
      <c r="AE5131" s="1"/>
    </row>
    <row r="5132" spans="1:31" ht="14.45">
      <c r="A5132" s="11"/>
      <c r="B5132" s="20"/>
      <c r="C5132" s="2" t="s">
        <v>15858</v>
      </c>
      <c r="D5132" s="14" t="s">
        <v>15859</v>
      </c>
      <c r="E5132" s="2" t="s">
        <v>15860</v>
      </c>
      <c r="F5132" s="2" t="s">
        <v>14869</v>
      </c>
      <c r="G5132" s="8">
        <v>168</v>
      </c>
      <c r="H5132" s="5">
        <v>6</v>
      </c>
      <c r="I5132" s="5" t="s">
        <v>1518</v>
      </c>
      <c r="J5132" s="5" t="s">
        <v>1519</v>
      </c>
      <c r="K5132" s="2" t="s">
        <v>1520</v>
      </c>
      <c r="L5132" s="5" t="s">
        <v>1519</v>
      </c>
      <c r="M5132" s="2" t="s">
        <v>1520</v>
      </c>
      <c r="N5132" s="5" t="s">
        <v>1521</v>
      </c>
      <c r="O5132" s="5" t="s">
        <v>38</v>
      </c>
      <c r="P5132" s="5" t="s">
        <v>39</v>
      </c>
      <c r="Q5132" s="5" t="s">
        <v>40</v>
      </c>
      <c r="R5132" s="5" t="s">
        <v>1522</v>
      </c>
      <c r="S5132" s="5" t="s">
        <v>1523</v>
      </c>
      <c r="T5132" s="5" t="s">
        <v>42</v>
      </c>
      <c r="U5132" s="2">
        <v>2.0310000000000001</v>
      </c>
      <c r="V5132" s="2">
        <v>1.603</v>
      </c>
      <c r="W5132" s="2">
        <v>1.2E-2</v>
      </c>
      <c r="X5132" s="2">
        <v>148.69999999999999</v>
      </c>
      <c r="Y5132" s="2">
        <v>7.6</v>
      </c>
      <c r="Z5132" s="2">
        <v>10.6</v>
      </c>
      <c r="AA5132" s="5"/>
      <c r="AB5132" s="5" t="s">
        <v>43</v>
      </c>
      <c r="AC5132" s="5" t="s">
        <v>44</v>
      </c>
      <c r="AD5132" s="2"/>
      <c r="AE5132" s="1"/>
    </row>
    <row r="5133" spans="1:31" ht="14.45">
      <c r="A5133" s="11"/>
      <c r="B5133" s="20"/>
      <c r="C5133" s="2" t="s">
        <v>15861</v>
      </c>
      <c r="D5133" s="14" t="s">
        <v>15862</v>
      </c>
      <c r="E5133" s="2" t="s">
        <v>15863</v>
      </c>
      <c r="F5133" s="2" t="s">
        <v>14873</v>
      </c>
      <c r="G5133" s="8">
        <v>168</v>
      </c>
      <c r="H5133" s="5">
        <v>6</v>
      </c>
      <c r="I5133" s="5" t="s">
        <v>1518</v>
      </c>
      <c r="J5133" s="5" t="s">
        <v>1519</v>
      </c>
      <c r="K5133" s="2" t="s">
        <v>1520</v>
      </c>
      <c r="L5133" s="5" t="s">
        <v>1519</v>
      </c>
      <c r="M5133" s="2" t="s">
        <v>1520</v>
      </c>
      <c r="N5133" s="5" t="s">
        <v>1521</v>
      </c>
      <c r="O5133" s="5" t="s">
        <v>38</v>
      </c>
      <c r="P5133" s="5" t="s">
        <v>39</v>
      </c>
      <c r="Q5133" s="5" t="s">
        <v>40</v>
      </c>
      <c r="R5133" s="5" t="s">
        <v>1522</v>
      </c>
      <c r="S5133" s="5" t="s">
        <v>1523</v>
      </c>
      <c r="T5133" s="5" t="s">
        <v>42</v>
      </c>
      <c r="U5133" s="2">
        <v>2.0760000000000001</v>
      </c>
      <c r="V5133" s="2">
        <v>1.6479999999999999</v>
      </c>
      <c r="W5133" s="2">
        <v>1.2E-2</v>
      </c>
      <c r="X5133" s="2">
        <v>148.69999999999999</v>
      </c>
      <c r="Y5133" s="2">
        <v>7.6</v>
      </c>
      <c r="Z5133" s="2">
        <v>10.6</v>
      </c>
      <c r="AA5133" s="5"/>
      <c r="AB5133" s="5" t="s">
        <v>43</v>
      </c>
      <c r="AC5133" s="5" t="s">
        <v>44</v>
      </c>
      <c r="AD5133" s="2"/>
      <c r="AE5133" s="1"/>
    </row>
    <row r="5134" spans="1:31" ht="14.45">
      <c r="A5134" s="11"/>
      <c r="B5134" s="20"/>
      <c r="C5134" s="2" t="s">
        <v>15864</v>
      </c>
      <c r="D5134" s="14" t="s">
        <v>15865</v>
      </c>
      <c r="E5134" s="2" t="s">
        <v>15866</v>
      </c>
      <c r="F5134" s="2" t="s">
        <v>14877</v>
      </c>
      <c r="G5134" s="8">
        <v>168</v>
      </c>
      <c r="H5134" s="5">
        <v>6</v>
      </c>
      <c r="I5134" s="5" t="s">
        <v>1518</v>
      </c>
      <c r="J5134" s="5" t="s">
        <v>1519</v>
      </c>
      <c r="K5134" s="2" t="s">
        <v>1520</v>
      </c>
      <c r="L5134" s="5" t="s">
        <v>1519</v>
      </c>
      <c r="M5134" s="2" t="s">
        <v>1520</v>
      </c>
      <c r="N5134" s="5" t="s">
        <v>1521</v>
      </c>
      <c r="O5134" s="5" t="s">
        <v>38</v>
      </c>
      <c r="P5134" s="5" t="s">
        <v>39</v>
      </c>
      <c r="Q5134" s="5" t="s">
        <v>40</v>
      </c>
      <c r="R5134" s="5" t="s">
        <v>1522</v>
      </c>
      <c r="S5134" s="5" t="s">
        <v>1523</v>
      </c>
      <c r="T5134" s="5" t="s">
        <v>42</v>
      </c>
      <c r="U5134" s="2">
        <v>2.0539999999999998</v>
      </c>
      <c r="V5134" s="2">
        <v>1.6259999999999999</v>
      </c>
      <c r="W5134" s="2">
        <v>1.2E-2</v>
      </c>
      <c r="X5134" s="2">
        <v>148.69999999999999</v>
      </c>
      <c r="Y5134" s="2">
        <v>7.6</v>
      </c>
      <c r="Z5134" s="2">
        <v>10.6</v>
      </c>
      <c r="AA5134" s="5"/>
      <c r="AB5134" s="5" t="s">
        <v>43</v>
      </c>
      <c r="AC5134" s="5" t="s">
        <v>44</v>
      </c>
      <c r="AD5134" s="2"/>
      <c r="AE5134" s="1"/>
    </row>
    <row r="5135" spans="1:31" ht="14.45">
      <c r="A5135" s="11"/>
      <c r="B5135" s="20"/>
      <c r="C5135" s="2" t="s">
        <v>15867</v>
      </c>
      <c r="D5135" s="14" t="s">
        <v>15868</v>
      </c>
      <c r="E5135" s="2" t="s">
        <v>15869</v>
      </c>
      <c r="F5135" s="2" t="s">
        <v>14881</v>
      </c>
      <c r="G5135" s="8">
        <v>168</v>
      </c>
      <c r="H5135" s="5">
        <v>6</v>
      </c>
      <c r="I5135" s="5" t="s">
        <v>1518</v>
      </c>
      <c r="J5135" s="5" t="s">
        <v>1519</v>
      </c>
      <c r="K5135" s="2" t="s">
        <v>1520</v>
      </c>
      <c r="L5135" s="5" t="s">
        <v>1519</v>
      </c>
      <c r="M5135" s="2" t="s">
        <v>1520</v>
      </c>
      <c r="N5135" s="5" t="s">
        <v>1521</v>
      </c>
      <c r="O5135" s="5" t="s">
        <v>38</v>
      </c>
      <c r="P5135" s="5" t="s">
        <v>39</v>
      </c>
      <c r="Q5135" s="5" t="s">
        <v>40</v>
      </c>
      <c r="R5135" s="5" t="s">
        <v>1522</v>
      </c>
      <c r="S5135" s="5" t="s">
        <v>1523</v>
      </c>
      <c r="T5135" s="5" t="s">
        <v>42</v>
      </c>
      <c r="U5135" s="2">
        <v>2.0990000000000002</v>
      </c>
      <c r="V5135" s="2">
        <v>1.671</v>
      </c>
      <c r="W5135" s="2">
        <v>1.2E-2</v>
      </c>
      <c r="X5135" s="2">
        <v>148.69999999999999</v>
      </c>
      <c r="Y5135" s="2">
        <v>7.6</v>
      </c>
      <c r="Z5135" s="2">
        <v>10.6</v>
      </c>
      <c r="AA5135" s="5"/>
      <c r="AB5135" s="5" t="s">
        <v>43</v>
      </c>
      <c r="AC5135" s="5" t="s">
        <v>44</v>
      </c>
      <c r="AD5135" s="2"/>
      <c r="AE5135" s="1"/>
    </row>
    <row r="5136" spans="1:31" ht="14.45">
      <c r="A5136" s="11"/>
      <c r="B5136" s="20"/>
      <c r="C5136" s="2" t="s">
        <v>15870</v>
      </c>
      <c r="D5136" s="14" t="s">
        <v>15871</v>
      </c>
      <c r="E5136" s="2" t="s">
        <v>15872</v>
      </c>
      <c r="F5136" s="2" t="s">
        <v>14885</v>
      </c>
      <c r="G5136" s="8">
        <v>168</v>
      </c>
      <c r="H5136" s="5">
        <v>6</v>
      </c>
      <c r="I5136" s="5" t="s">
        <v>1518</v>
      </c>
      <c r="J5136" s="5" t="s">
        <v>1519</v>
      </c>
      <c r="K5136" s="2" t="s">
        <v>1520</v>
      </c>
      <c r="L5136" s="5" t="s">
        <v>1519</v>
      </c>
      <c r="M5136" s="2" t="s">
        <v>1520</v>
      </c>
      <c r="N5136" s="5" t="s">
        <v>1521</v>
      </c>
      <c r="O5136" s="5" t="s">
        <v>38</v>
      </c>
      <c r="P5136" s="5" t="s">
        <v>39</v>
      </c>
      <c r="Q5136" s="5" t="s">
        <v>40</v>
      </c>
      <c r="R5136" s="5" t="s">
        <v>1522</v>
      </c>
      <c r="S5136" s="5" t="s">
        <v>1523</v>
      </c>
      <c r="T5136" s="5" t="s">
        <v>42</v>
      </c>
      <c r="U5136" s="2">
        <v>2.0539999999999998</v>
      </c>
      <c r="V5136" s="2">
        <v>1.6259999999999999</v>
      </c>
      <c r="W5136" s="2">
        <v>1.2E-2</v>
      </c>
      <c r="X5136" s="2">
        <v>148.69999999999999</v>
      </c>
      <c r="Y5136" s="2">
        <v>7.6</v>
      </c>
      <c r="Z5136" s="2">
        <v>10.6</v>
      </c>
      <c r="AA5136" s="5"/>
      <c r="AB5136" s="5" t="s">
        <v>43</v>
      </c>
      <c r="AC5136" s="5" t="s">
        <v>44</v>
      </c>
      <c r="AD5136" s="2"/>
      <c r="AE5136" s="1"/>
    </row>
    <row r="5137" spans="1:31" ht="14.45">
      <c r="A5137" s="11"/>
      <c r="B5137" s="20"/>
      <c r="C5137" s="2" t="s">
        <v>15873</v>
      </c>
      <c r="D5137" s="14" t="s">
        <v>15874</v>
      </c>
      <c r="E5137" s="2" t="s">
        <v>15875</v>
      </c>
      <c r="F5137" s="2" t="s">
        <v>14889</v>
      </c>
      <c r="G5137" s="8">
        <v>168</v>
      </c>
      <c r="H5137" s="5">
        <v>6</v>
      </c>
      <c r="I5137" s="5" t="s">
        <v>1518</v>
      </c>
      <c r="J5137" s="5" t="s">
        <v>1519</v>
      </c>
      <c r="K5137" s="2" t="s">
        <v>1520</v>
      </c>
      <c r="L5137" s="5" t="s">
        <v>1519</v>
      </c>
      <c r="M5137" s="2" t="s">
        <v>1520</v>
      </c>
      <c r="N5137" s="5" t="s">
        <v>1521</v>
      </c>
      <c r="O5137" s="5" t="s">
        <v>38</v>
      </c>
      <c r="P5137" s="5" t="s">
        <v>39</v>
      </c>
      <c r="Q5137" s="5" t="s">
        <v>40</v>
      </c>
      <c r="R5137" s="5" t="s">
        <v>1522</v>
      </c>
      <c r="S5137" s="5" t="s">
        <v>1523</v>
      </c>
      <c r="T5137" s="5" t="s">
        <v>42</v>
      </c>
      <c r="U5137" s="2">
        <v>2.0990000000000002</v>
      </c>
      <c r="V5137" s="2">
        <v>1.671</v>
      </c>
      <c r="W5137" s="2">
        <v>1.2E-2</v>
      </c>
      <c r="X5137" s="2">
        <v>148.69999999999999</v>
      </c>
      <c r="Y5137" s="2">
        <v>7.6</v>
      </c>
      <c r="Z5137" s="2">
        <v>10.6</v>
      </c>
      <c r="AA5137" s="5"/>
      <c r="AB5137" s="5" t="s">
        <v>43</v>
      </c>
      <c r="AC5137" s="5" t="s">
        <v>44</v>
      </c>
      <c r="AD5137" s="2"/>
      <c r="AE5137" s="1"/>
    </row>
    <row r="5138" spans="1:31" ht="14.45">
      <c r="A5138" s="11"/>
      <c r="B5138" s="20"/>
      <c r="C5138" s="2" t="s">
        <v>15876</v>
      </c>
      <c r="D5138" s="14" t="s">
        <v>15877</v>
      </c>
      <c r="E5138" s="2" t="s">
        <v>15878</v>
      </c>
      <c r="F5138" s="2" t="s">
        <v>14893</v>
      </c>
      <c r="G5138" s="8">
        <v>168</v>
      </c>
      <c r="H5138" s="5">
        <v>6</v>
      </c>
      <c r="I5138" s="5" t="s">
        <v>1518</v>
      </c>
      <c r="J5138" s="5" t="s">
        <v>1519</v>
      </c>
      <c r="K5138" s="2" t="s">
        <v>1520</v>
      </c>
      <c r="L5138" s="5" t="s">
        <v>1519</v>
      </c>
      <c r="M5138" s="2" t="s">
        <v>1520</v>
      </c>
      <c r="N5138" s="5" t="s">
        <v>1521</v>
      </c>
      <c r="O5138" s="5" t="s">
        <v>38</v>
      </c>
      <c r="P5138" s="5" t="s">
        <v>39</v>
      </c>
      <c r="Q5138" s="5" t="s">
        <v>40</v>
      </c>
      <c r="R5138" s="5" t="s">
        <v>1522</v>
      </c>
      <c r="S5138" s="5" t="s">
        <v>1523</v>
      </c>
      <c r="T5138" s="5" t="s">
        <v>42</v>
      </c>
      <c r="U5138" s="2">
        <v>2.0310000000000001</v>
      </c>
      <c r="V5138" s="2">
        <v>1.603</v>
      </c>
      <c r="W5138" s="2">
        <v>1.2E-2</v>
      </c>
      <c r="X5138" s="2">
        <v>148.69999999999999</v>
      </c>
      <c r="Y5138" s="2">
        <v>7.6</v>
      </c>
      <c r="Z5138" s="2">
        <v>10.6</v>
      </c>
      <c r="AA5138" s="5"/>
      <c r="AB5138" s="5" t="s">
        <v>43</v>
      </c>
      <c r="AC5138" s="5" t="s">
        <v>44</v>
      </c>
      <c r="AD5138" s="2"/>
      <c r="AE5138" s="1"/>
    </row>
    <row r="5139" spans="1:31" ht="14.45">
      <c r="A5139" s="11"/>
      <c r="B5139" s="20"/>
      <c r="C5139" s="2" t="s">
        <v>15879</v>
      </c>
      <c r="D5139" s="14" t="s">
        <v>15880</v>
      </c>
      <c r="E5139" s="2" t="s">
        <v>15881</v>
      </c>
      <c r="F5139" s="2" t="s">
        <v>14897</v>
      </c>
      <c r="G5139" s="8">
        <v>168</v>
      </c>
      <c r="H5139" s="5">
        <v>6</v>
      </c>
      <c r="I5139" s="5" t="s">
        <v>1518</v>
      </c>
      <c r="J5139" s="5" t="s">
        <v>1519</v>
      </c>
      <c r="K5139" s="2" t="s">
        <v>1520</v>
      </c>
      <c r="L5139" s="5" t="s">
        <v>1519</v>
      </c>
      <c r="M5139" s="2" t="s">
        <v>1520</v>
      </c>
      <c r="N5139" s="5" t="s">
        <v>1521</v>
      </c>
      <c r="O5139" s="5" t="s">
        <v>38</v>
      </c>
      <c r="P5139" s="5" t="s">
        <v>39</v>
      </c>
      <c r="Q5139" s="5" t="s">
        <v>40</v>
      </c>
      <c r="R5139" s="5" t="s">
        <v>1522</v>
      </c>
      <c r="S5139" s="5" t="s">
        <v>1523</v>
      </c>
      <c r="T5139" s="5" t="s">
        <v>42</v>
      </c>
      <c r="U5139" s="2">
        <v>2.0760000000000001</v>
      </c>
      <c r="V5139" s="2">
        <v>1.6479999999999999</v>
      </c>
      <c r="W5139" s="2">
        <v>1.2E-2</v>
      </c>
      <c r="X5139" s="2">
        <v>148.69999999999999</v>
      </c>
      <c r="Y5139" s="2">
        <v>7.6</v>
      </c>
      <c r="Z5139" s="2">
        <v>10.6</v>
      </c>
      <c r="AA5139" s="5"/>
      <c r="AB5139" s="5" t="s">
        <v>43</v>
      </c>
      <c r="AC5139" s="5" t="s">
        <v>44</v>
      </c>
      <c r="AD5139" s="2"/>
      <c r="AE5139" s="1"/>
    </row>
    <row r="5140" spans="1:31" ht="14.45">
      <c r="A5140" s="11"/>
      <c r="B5140" s="20"/>
      <c r="C5140" s="2" t="s">
        <v>15882</v>
      </c>
      <c r="D5140" s="14" t="s">
        <v>15883</v>
      </c>
      <c r="E5140" s="2" t="s">
        <v>15884</v>
      </c>
      <c r="F5140" s="2" t="s">
        <v>14869</v>
      </c>
      <c r="G5140" s="8">
        <v>168</v>
      </c>
      <c r="H5140" s="5">
        <v>6</v>
      </c>
      <c r="I5140" s="5" t="s">
        <v>1518</v>
      </c>
      <c r="J5140" s="5" t="s">
        <v>1519</v>
      </c>
      <c r="K5140" s="2" t="s">
        <v>1520</v>
      </c>
      <c r="L5140" s="5" t="s">
        <v>1519</v>
      </c>
      <c r="M5140" s="2" t="s">
        <v>1520</v>
      </c>
      <c r="N5140" s="5" t="s">
        <v>1521</v>
      </c>
      <c r="O5140" s="5" t="s">
        <v>38</v>
      </c>
      <c r="P5140" s="5" t="s">
        <v>39</v>
      </c>
      <c r="Q5140" s="5" t="s">
        <v>40</v>
      </c>
      <c r="R5140" s="5" t="s">
        <v>1522</v>
      </c>
      <c r="S5140" s="5" t="s">
        <v>1523</v>
      </c>
      <c r="T5140" s="5" t="s">
        <v>42</v>
      </c>
      <c r="U5140" s="2">
        <v>2.3119999999999998</v>
      </c>
      <c r="V5140" s="2">
        <v>1.8839999999999999</v>
      </c>
      <c r="W5140" s="2">
        <v>1.2E-2</v>
      </c>
      <c r="X5140" s="2">
        <v>148.69999999999999</v>
      </c>
      <c r="Y5140" s="2">
        <v>7.6</v>
      </c>
      <c r="Z5140" s="2">
        <v>10.6</v>
      </c>
      <c r="AA5140" s="5"/>
      <c r="AB5140" s="5" t="s">
        <v>43</v>
      </c>
      <c r="AC5140" s="5" t="s">
        <v>44</v>
      </c>
      <c r="AD5140" s="2"/>
      <c r="AE5140" s="1"/>
    </row>
    <row r="5141" spans="1:31" ht="14.45">
      <c r="A5141" s="11"/>
      <c r="B5141" s="20"/>
      <c r="C5141" s="2" t="s">
        <v>15885</v>
      </c>
      <c r="D5141" s="14" t="s">
        <v>15886</v>
      </c>
      <c r="E5141" s="2" t="s">
        <v>15887</v>
      </c>
      <c r="F5141" s="2" t="s">
        <v>14873</v>
      </c>
      <c r="G5141" s="8">
        <v>168</v>
      </c>
      <c r="H5141" s="5">
        <v>6</v>
      </c>
      <c r="I5141" s="5" t="s">
        <v>1518</v>
      </c>
      <c r="J5141" s="5" t="s">
        <v>1519</v>
      </c>
      <c r="K5141" s="2" t="s">
        <v>1520</v>
      </c>
      <c r="L5141" s="5" t="s">
        <v>1519</v>
      </c>
      <c r="M5141" s="2" t="s">
        <v>1520</v>
      </c>
      <c r="N5141" s="5" t="s">
        <v>1521</v>
      </c>
      <c r="O5141" s="5" t="s">
        <v>38</v>
      </c>
      <c r="P5141" s="5" t="s">
        <v>39</v>
      </c>
      <c r="Q5141" s="5" t="s">
        <v>40</v>
      </c>
      <c r="R5141" s="5" t="s">
        <v>1522</v>
      </c>
      <c r="S5141" s="5" t="s">
        <v>1523</v>
      </c>
      <c r="T5141" s="5" t="s">
        <v>42</v>
      </c>
      <c r="U5141" s="2">
        <v>2.3660000000000001</v>
      </c>
      <c r="V5141" s="2">
        <v>1.9379999999999999</v>
      </c>
      <c r="W5141" s="2">
        <v>1.2E-2</v>
      </c>
      <c r="X5141" s="2">
        <v>148.69999999999999</v>
      </c>
      <c r="Y5141" s="2">
        <v>7.6</v>
      </c>
      <c r="Z5141" s="2">
        <v>10.6</v>
      </c>
      <c r="AA5141" s="5"/>
      <c r="AB5141" s="5" t="s">
        <v>43</v>
      </c>
      <c r="AC5141" s="5" t="s">
        <v>44</v>
      </c>
      <c r="AD5141" s="2"/>
      <c r="AE5141" s="1"/>
    </row>
    <row r="5142" spans="1:31" ht="14.45">
      <c r="A5142" s="11"/>
      <c r="B5142" s="20"/>
      <c r="C5142" s="2" t="s">
        <v>15888</v>
      </c>
      <c r="D5142" s="14" t="s">
        <v>15889</v>
      </c>
      <c r="E5142" s="2" t="s">
        <v>15890</v>
      </c>
      <c r="F5142" s="2" t="s">
        <v>14877</v>
      </c>
      <c r="G5142" s="8">
        <v>168</v>
      </c>
      <c r="H5142" s="5">
        <v>6</v>
      </c>
      <c r="I5142" s="5" t="s">
        <v>1518</v>
      </c>
      <c r="J5142" s="5" t="s">
        <v>1519</v>
      </c>
      <c r="K5142" s="2" t="s">
        <v>1520</v>
      </c>
      <c r="L5142" s="5" t="s">
        <v>1519</v>
      </c>
      <c r="M5142" s="2" t="s">
        <v>1520</v>
      </c>
      <c r="N5142" s="5" t="s">
        <v>1521</v>
      </c>
      <c r="O5142" s="5" t="s">
        <v>38</v>
      </c>
      <c r="P5142" s="5" t="s">
        <v>39</v>
      </c>
      <c r="Q5142" s="5" t="s">
        <v>40</v>
      </c>
      <c r="R5142" s="5" t="s">
        <v>1522</v>
      </c>
      <c r="S5142" s="5" t="s">
        <v>1523</v>
      </c>
      <c r="T5142" s="5" t="s">
        <v>42</v>
      </c>
      <c r="U5142" s="2">
        <v>2.3530000000000002</v>
      </c>
      <c r="V5142" s="2">
        <v>1.925</v>
      </c>
      <c r="W5142" s="2">
        <v>1.2E-2</v>
      </c>
      <c r="X5142" s="2">
        <v>148.69999999999999</v>
      </c>
      <c r="Y5142" s="2">
        <v>7.6</v>
      </c>
      <c r="Z5142" s="2">
        <v>10.6</v>
      </c>
      <c r="AA5142" s="5"/>
      <c r="AB5142" s="5" t="s">
        <v>43</v>
      </c>
      <c r="AC5142" s="5" t="s">
        <v>44</v>
      </c>
      <c r="AD5142" s="2"/>
      <c r="AE5142" s="1"/>
    </row>
    <row r="5143" spans="1:31" ht="14.45">
      <c r="A5143" s="11"/>
      <c r="B5143" s="20"/>
      <c r="C5143" s="2" t="s">
        <v>15891</v>
      </c>
      <c r="D5143" s="14" t="s">
        <v>15892</v>
      </c>
      <c r="E5143" s="2" t="s">
        <v>15893</v>
      </c>
      <c r="F5143" s="2" t="s">
        <v>14881</v>
      </c>
      <c r="G5143" s="8">
        <v>168</v>
      </c>
      <c r="H5143" s="5">
        <v>6</v>
      </c>
      <c r="I5143" s="5" t="s">
        <v>1518</v>
      </c>
      <c r="J5143" s="5" t="s">
        <v>1519</v>
      </c>
      <c r="K5143" s="2" t="s">
        <v>1520</v>
      </c>
      <c r="L5143" s="5" t="s">
        <v>1519</v>
      </c>
      <c r="M5143" s="2" t="s">
        <v>1520</v>
      </c>
      <c r="N5143" s="5" t="s">
        <v>1521</v>
      </c>
      <c r="O5143" s="5" t="s">
        <v>38</v>
      </c>
      <c r="P5143" s="5" t="s">
        <v>39</v>
      </c>
      <c r="Q5143" s="5" t="s">
        <v>40</v>
      </c>
      <c r="R5143" s="5" t="s">
        <v>1522</v>
      </c>
      <c r="S5143" s="5" t="s">
        <v>1523</v>
      </c>
      <c r="T5143" s="5" t="s">
        <v>42</v>
      </c>
      <c r="U5143" s="2">
        <v>2.407</v>
      </c>
      <c r="V5143" s="2">
        <v>1.9790000000000001</v>
      </c>
      <c r="W5143" s="2">
        <v>1.2E-2</v>
      </c>
      <c r="X5143" s="2">
        <v>148.69999999999999</v>
      </c>
      <c r="Y5143" s="2">
        <v>7.6</v>
      </c>
      <c r="Z5143" s="2">
        <v>10.6</v>
      </c>
      <c r="AA5143" s="5"/>
      <c r="AB5143" s="5" t="s">
        <v>43</v>
      </c>
      <c r="AC5143" s="5" t="s">
        <v>44</v>
      </c>
      <c r="AD5143" s="2"/>
      <c r="AE5143" s="1"/>
    </row>
    <row r="5144" spans="1:31" ht="14.45">
      <c r="A5144" s="11"/>
      <c r="B5144" s="20"/>
      <c r="C5144" s="2" t="s">
        <v>15894</v>
      </c>
      <c r="D5144" s="14" t="s">
        <v>15895</v>
      </c>
      <c r="E5144" s="2" t="s">
        <v>15896</v>
      </c>
      <c r="F5144" s="2" t="s">
        <v>14885</v>
      </c>
      <c r="G5144" s="8">
        <v>168</v>
      </c>
      <c r="H5144" s="5">
        <v>6</v>
      </c>
      <c r="I5144" s="5" t="s">
        <v>1518</v>
      </c>
      <c r="J5144" s="5" t="s">
        <v>1519</v>
      </c>
      <c r="K5144" s="2" t="s">
        <v>1520</v>
      </c>
      <c r="L5144" s="5" t="s">
        <v>1519</v>
      </c>
      <c r="M5144" s="2" t="s">
        <v>1520</v>
      </c>
      <c r="N5144" s="5" t="s">
        <v>1521</v>
      </c>
      <c r="O5144" s="5" t="s">
        <v>38</v>
      </c>
      <c r="P5144" s="5" t="s">
        <v>39</v>
      </c>
      <c r="Q5144" s="5" t="s">
        <v>40</v>
      </c>
      <c r="R5144" s="5" t="s">
        <v>1522</v>
      </c>
      <c r="S5144" s="5" t="s">
        <v>1523</v>
      </c>
      <c r="T5144" s="5" t="s">
        <v>42</v>
      </c>
      <c r="U5144" s="2">
        <v>2.3530000000000002</v>
      </c>
      <c r="V5144" s="2">
        <v>1.925</v>
      </c>
      <c r="W5144" s="2">
        <v>1.2E-2</v>
      </c>
      <c r="X5144" s="2">
        <v>148.69999999999999</v>
      </c>
      <c r="Y5144" s="2">
        <v>7.6</v>
      </c>
      <c r="Z5144" s="2">
        <v>10.6</v>
      </c>
      <c r="AA5144" s="5"/>
      <c r="AB5144" s="5" t="s">
        <v>43</v>
      </c>
      <c r="AC5144" s="5" t="s">
        <v>44</v>
      </c>
      <c r="AD5144" s="2"/>
      <c r="AE5144" s="1"/>
    </row>
    <row r="5145" spans="1:31" ht="14.45">
      <c r="A5145" s="11"/>
      <c r="B5145" s="20"/>
      <c r="C5145" s="2" t="s">
        <v>15897</v>
      </c>
      <c r="D5145" s="14" t="s">
        <v>15898</v>
      </c>
      <c r="E5145" s="2" t="s">
        <v>15899</v>
      </c>
      <c r="F5145" s="2" t="s">
        <v>14889</v>
      </c>
      <c r="G5145" s="8">
        <v>168</v>
      </c>
      <c r="H5145" s="5">
        <v>6</v>
      </c>
      <c r="I5145" s="5" t="s">
        <v>1518</v>
      </c>
      <c r="J5145" s="5" t="s">
        <v>1519</v>
      </c>
      <c r="K5145" s="2" t="s">
        <v>1520</v>
      </c>
      <c r="L5145" s="5" t="s">
        <v>1519</v>
      </c>
      <c r="M5145" s="2" t="s">
        <v>1520</v>
      </c>
      <c r="N5145" s="5" t="s">
        <v>1521</v>
      </c>
      <c r="O5145" s="5" t="s">
        <v>38</v>
      </c>
      <c r="P5145" s="5" t="s">
        <v>39</v>
      </c>
      <c r="Q5145" s="5" t="s">
        <v>40</v>
      </c>
      <c r="R5145" s="5" t="s">
        <v>1522</v>
      </c>
      <c r="S5145" s="5" t="s">
        <v>1523</v>
      </c>
      <c r="T5145" s="5" t="s">
        <v>42</v>
      </c>
      <c r="U5145" s="2">
        <v>2.407</v>
      </c>
      <c r="V5145" s="2">
        <v>1.9790000000000001</v>
      </c>
      <c r="W5145" s="2">
        <v>1.2E-2</v>
      </c>
      <c r="X5145" s="2">
        <v>148.69999999999999</v>
      </c>
      <c r="Y5145" s="2">
        <v>7.6</v>
      </c>
      <c r="Z5145" s="2">
        <v>10.6</v>
      </c>
      <c r="AA5145" s="5"/>
      <c r="AB5145" s="5" t="s">
        <v>43</v>
      </c>
      <c r="AC5145" s="5" t="s">
        <v>44</v>
      </c>
      <c r="AD5145" s="2"/>
      <c r="AE5145" s="1"/>
    </row>
    <row r="5146" spans="1:31" ht="14.45">
      <c r="A5146" s="11"/>
      <c r="B5146" s="20"/>
      <c r="C5146" s="2" t="s">
        <v>15900</v>
      </c>
      <c r="D5146" s="14" t="s">
        <v>15901</v>
      </c>
      <c r="E5146" s="2" t="s">
        <v>15902</v>
      </c>
      <c r="F5146" s="2" t="s">
        <v>14893</v>
      </c>
      <c r="G5146" s="8">
        <v>168</v>
      </c>
      <c r="H5146" s="5">
        <v>6</v>
      </c>
      <c r="I5146" s="5" t="s">
        <v>1518</v>
      </c>
      <c r="J5146" s="5" t="s">
        <v>1519</v>
      </c>
      <c r="K5146" s="2" t="s">
        <v>1520</v>
      </c>
      <c r="L5146" s="5" t="s">
        <v>1519</v>
      </c>
      <c r="M5146" s="2" t="s">
        <v>1520</v>
      </c>
      <c r="N5146" s="5" t="s">
        <v>1521</v>
      </c>
      <c r="O5146" s="5" t="s">
        <v>38</v>
      </c>
      <c r="P5146" s="5" t="s">
        <v>39</v>
      </c>
      <c r="Q5146" s="5" t="s">
        <v>40</v>
      </c>
      <c r="R5146" s="5" t="s">
        <v>1522</v>
      </c>
      <c r="S5146" s="5" t="s">
        <v>1523</v>
      </c>
      <c r="T5146" s="5" t="s">
        <v>42</v>
      </c>
      <c r="U5146" s="2">
        <v>2.3119999999999998</v>
      </c>
      <c r="V5146" s="2">
        <v>1.8839999999999999</v>
      </c>
      <c r="W5146" s="2">
        <v>1.2E-2</v>
      </c>
      <c r="X5146" s="2">
        <v>148.69999999999999</v>
      </c>
      <c r="Y5146" s="2">
        <v>7.6</v>
      </c>
      <c r="Z5146" s="2">
        <v>10.6</v>
      </c>
      <c r="AA5146" s="5"/>
      <c r="AB5146" s="5" t="s">
        <v>43</v>
      </c>
      <c r="AC5146" s="5" t="s">
        <v>44</v>
      </c>
      <c r="AD5146" s="2"/>
      <c r="AE5146" s="1"/>
    </row>
    <row r="5147" spans="1:31" ht="14.45">
      <c r="A5147" s="11"/>
      <c r="B5147" s="20"/>
      <c r="C5147" s="2" t="s">
        <v>15903</v>
      </c>
      <c r="D5147" s="14" t="s">
        <v>15904</v>
      </c>
      <c r="E5147" s="2" t="s">
        <v>15905</v>
      </c>
      <c r="F5147" s="2" t="s">
        <v>14897</v>
      </c>
      <c r="G5147" s="8">
        <v>168</v>
      </c>
      <c r="H5147" s="5">
        <v>5</v>
      </c>
      <c r="I5147" s="5" t="s">
        <v>1518</v>
      </c>
      <c r="J5147" s="5" t="s">
        <v>1519</v>
      </c>
      <c r="K5147" s="2" t="s">
        <v>1520</v>
      </c>
      <c r="L5147" s="5" t="s">
        <v>1519</v>
      </c>
      <c r="M5147" s="2" t="s">
        <v>1520</v>
      </c>
      <c r="N5147" s="5" t="s">
        <v>1521</v>
      </c>
      <c r="O5147" s="5" t="s">
        <v>38</v>
      </c>
      <c r="P5147" s="5" t="s">
        <v>39</v>
      </c>
      <c r="Q5147" s="5" t="s">
        <v>40</v>
      </c>
      <c r="R5147" s="5" t="s">
        <v>1522</v>
      </c>
      <c r="S5147" s="5" t="s">
        <v>1523</v>
      </c>
      <c r="T5147" s="5" t="s">
        <v>42</v>
      </c>
      <c r="U5147" s="2">
        <v>2.3660000000000001</v>
      </c>
      <c r="V5147" s="2">
        <v>1.9379999999999999</v>
      </c>
      <c r="W5147" s="2">
        <v>1.2E-2</v>
      </c>
      <c r="X5147" s="2">
        <v>148.69999999999999</v>
      </c>
      <c r="Y5147" s="2">
        <v>7.6</v>
      </c>
      <c r="Z5147" s="2">
        <v>10.6</v>
      </c>
      <c r="AA5147" s="5"/>
      <c r="AB5147" s="5" t="s">
        <v>43</v>
      </c>
      <c r="AC5147" s="5" t="s">
        <v>44</v>
      </c>
      <c r="AD5147" s="2"/>
      <c r="AE5147" s="1"/>
    </row>
    <row r="5148" spans="1:31" ht="14.45">
      <c r="A5148" s="11"/>
      <c r="B5148" s="20"/>
      <c r="C5148" s="2" t="s">
        <v>15906</v>
      </c>
      <c r="D5148" s="14" t="s">
        <v>15907</v>
      </c>
      <c r="E5148" s="2" t="s">
        <v>15908</v>
      </c>
      <c r="F5148" s="2" t="s">
        <v>14869</v>
      </c>
      <c r="G5148" s="8">
        <v>182</v>
      </c>
      <c r="H5148" s="5">
        <v>6</v>
      </c>
      <c r="I5148" s="5" t="s">
        <v>1518</v>
      </c>
      <c r="J5148" s="5" t="s">
        <v>1519</v>
      </c>
      <c r="K5148" s="2" t="s">
        <v>1520</v>
      </c>
      <c r="L5148" s="5" t="s">
        <v>1519</v>
      </c>
      <c r="M5148" s="2" t="s">
        <v>1520</v>
      </c>
      <c r="N5148" s="5" t="s">
        <v>1521</v>
      </c>
      <c r="O5148" s="5" t="s">
        <v>38</v>
      </c>
      <c r="P5148" s="5" t="s">
        <v>39</v>
      </c>
      <c r="Q5148" s="5" t="s">
        <v>40</v>
      </c>
      <c r="R5148" s="5" t="s">
        <v>1522</v>
      </c>
      <c r="S5148" s="5" t="s">
        <v>1523</v>
      </c>
      <c r="T5148" s="5" t="s">
        <v>42</v>
      </c>
      <c r="U5148" s="2">
        <v>2.6019999999999999</v>
      </c>
      <c r="V5148" s="2">
        <v>2.1739999999999999</v>
      </c>
      <c r="W5148" s="2">
        <v>1.2E-2</v>
      </c>
      <c r="X5148" s="2">
        <v>148.69999999999999</v>
      </c>
      <c r="Y5148" s="2">
        <v>7.6</v>
      </c>
      <c r="Z5148" s="2">
        <v>10.6</v>
      </c>
      <c r="AA5148" s="5"/>
      <c r="AB5148" s="5" t="s">
        <v>43</v>
      </c>
      <c r="AC5148" s="5" t="s">
        <v>44</v>
      </c>
      <c r="AD5148" s="2"/>
      <c r="AE5148" s="1"/>
    </row>
    <row r="5149" spans="1:31" ht="14.45">
      <c r="A5149" s="11"/>
      <c r="B5149" s="20"/>
      <c r="C5149" s="2" t="s">
        <v>15909</v>
      </c>
      <c r="D5149" s="14" t="s">
        <v>15910</v>
      </c>
      <c r="E5149" s="2" t="s">
        <v>15911</v>
      </c>
      <c r="F5149" s="2" t="s">
        <v>14873</v>
      </c>
      <c r="G5149" s="8">
        <v>182</v>
      </c>
      <c r="H5149" s="5">
        <v>6</v>
      </c>
      <c r="I5149" s="5" t="s">
        <v>1518</v>
      </c>
      <c r="J5149" s="5" t="s">
        <v>1519</v>
      </c>
      <c r="K5149" s="2" t="s">
        <v>1520</v>
      </c>
      <c r="L5149" s="5" t="s">
        <v>1519</v>
      </c>
      <c r="M5149" s="2" t="s">
        <v>1520</v>
      </c>
      <c r="N5149" s="5" t="s">
        <v>1521</v>
      </c>
      <c r="O5149" s="5" t="s">
        <v>38</v>
      </c>
      <c r="P5149" s="5" t="s">
        <v>39</v>
      </c>
      <c r="Q5149" s="5" t="s">
        <v>40</v>
      </c>
      <c r="R5149" s="5" t="s">
        <v>1522</v>
      </c>
      <c r="S5149" s="5" t="s">
        <v>1523</v>
      </c>
      <c r="T5149" s="5" t="s">
        <v>42</v>
      </c>
      <c r="U5149" s="2">
        <v>2.665</v>
      </c>
      <c r="V5149" s="2">
        <v>2.2370000000000001</v>
      </c>
      <c r="W5149" s="2">
        <v>1.2E-2</v>
      </c>
      <c r="X5149" s="2">
        <v>148.69999999999999</v>
      </c>
      <c r="Y5149" s="2">
        <v>7.6</v>
      </c>
      <c r="Z5149" s="2">
        <v>10.6</v>
      </c>
      <c r="AA5149" s="5"/>
      <c r="AB5149" s="5" t="s">
        <v>43</v>
      </c>
      <c r="AC5149" s="5" t="s">
        <v>44</v>
      </c>
      <c r="AD5149" s="2"/>
      <c r="AE5149" s="1"/>
    </row>
    <row r="5150" spans="1:31" ht="14.45">
      <c r="A5150" s="11"/>
      <c r="B5150" s="20"/>
      <c r="C5150" s="2" t="s">
        <v>15912</v>
      </c>
      <c r="D5150" s="14" t="s">
        <v>15913</v>
      </c>
      <c r="E5150" s="2" t="s">
        <v>15914</v>
      </c>
      <c r="F5150" s="2" t="s">
        <v>14877</v>
      </c>
      <c r="G5150" s="8">
        <v>182</v>
      </c>
      <c r="H5150" s="5">
        <v>6</v>
      </c>
      <c r="I5150" s="5" t="s">
        <v>1518</v>
      </c>
      <c r="J5150" s="5" t="s">
        <v>1519</v>
      </c>
      <c r="K5150" s="2" t="s">
        <v>1520</v>
      </c>
      <c r="L5150" s="5" t="s">
        <v>1519</v>
      </c>
      <c r="M5150" s="2" t="s">
        <v>1520</v>
      </c>
      <c r="N5150" s="5" t="s">
        <v>1521</v>
      </c>
      <c r="O5150" s="5" t="s">
        <v>38</v>
      </c>
      <c r="P5150" s="5" t="s">
        <v>39</v>
      </c>
      <c r="Q5150" s="5" t="s">
        <v>40</v>
      </c>
      <c r="R5150" s="5" t="s">
        <v>1522</v>
      </c>
      <c r="S5150" s="5" t="s">
        <v>1523</v>
      </c>
      <c r="T5150" s="5" t="s">
        <v>42</v>
      </c>
      <c r="U5150" s="2">
        <v>2.6629999999999998</v>
      </c>
      <c r="V5150" s="2">
        <v>2.2349999999999999</v>
      </c>
      <c r="W5150" s="2">
        <v>1.2E-2</v>
      </c>
      <c r="X5150" s="2">
        <v>148.69999999999999</v>
      </c>
      <c r="Y5150" s="2">
        <v>7.6</v>
      </c>
      <c r="Z5150" s="2">
        <v>10.6</v>
      </c>
      <c r="AA5150" s="5"/>
      <c r="AB5150" s="5" t="s">
        <v>43</v>
      </c>
      <c r="AC5150" s="5" t="s">
        <v>44</v>
      </c>
      <c r="AD5150" s="2"/>
      <c r="AE5150" s="1"/>
    </row>
    <row r="5151" spans="1:31" ht="14.45">
      <c r="A5151" s="11"/>
      <c r="B5151" s="20"/>
      <c r="C5151" s="2" t="s">
        <v>15915</v>
      </c>
      <c r="D5151" s="14" t="s">
        <v>15916</v>
      </c>
      <c r="E5151" s="2" t="s">
        <v>15917</v>
      </c>
      <c r="F5151" s="2" t="s">
        <v>14881</v>
      </c>
      <c r="G5151" s="8">
        <v>182</v>
      </c>
      <c r="H5151" s="5">
        <v>6</v>
      </c>
      <c r="I5151" s="5" t="s">
        <v>1518</v>
      </c>
      <c r="J5151" s="5" t="s">
        <v>1519</v>
      </c>
      <c r="K5151" s="2" t="s">
        <v>1520</v>
      </c>
      <c r="L5151" s="5" t="s">
        <v>1519</v>
      </c>
      <c r="M5151" s="2" t="s">
        <v>1520</v>
      </c>
      <c r="N5151" s="5" t="s">
        <v>1521</v>
      </c>
      <c r="O5151" s="5" t="s">
        <v>38</v>
      </c>
      <c r="P5151" s="5" t="s">
        <v>39</v>
      </c>
      <c r="Q5151" s="5" t="s">
        <v>40</v>
      </c>
      <c r="R5151" s="5" t="s">
        <v>1522</v>
      </c>
      <c r="S5151" s="5" t="s">
        <v>1523</v>
      </c>
      <c r="T5151" s="5" t="s">
        <v>42</v>
      </c>
      <c r="U5151" s="2">
        <v>2.726</v>
      </c>
      <c r="V5151" s="2">
        <v>2.298</v>
      </c>
      <c r="W5151" s="2">
        <v>1.2E-2</v>
      </c>
      <c r="X5151" s="2">
        <v>148.69999999999999</v>
      </c>
      <c r="Y5151" s="2">
        <v>7.6</v>
      </c>
      <c r="Z5151" s="2">
        <v>10.6</v>
      </c>
      <c r="AA5151" s="5"/>
      <c r="AB5151" s="5" t="s">
        <v>43</v>
      </c>
      <c r="AC5151" s="5" t="s">
        <v>44</v>
      </c>
      <c r="AD5151" s="2"/>
      <c r="AE5151" s="1"/>
    </row>
    <row r="5152" spans="1:31" ht="14.45">
      <c r="A5152" s="11"/>
      <c r="B5152" s="20"/>
      <c r="C5152" s="2" t="s">
        <v>15918</v>
      </c>
      <c r="D5152" s="14" t="s">
        <v>15919</v>
      </c>
      <c r="E5152" s="2" t="s">
        <v>15920</v>
      </c>
      <c r="F5152" s="2" t="s">
        <v>14885</v>
      </c>
      <c r="G5152" s="8">
        <v>182</v>
      </c>
      <c r="H5152" s="5">
        <v>6</v>
      </c>
      <c r="I5152" s="5" t="s">
        <v>1518</v>
      </c>
      <c r="J5152" s="5" t="s">
        <v>1519</v>
      </c>
      <c r="K5152" s="2" t="s">
        <v>1520</v>
      </c>
      <c r="L5152" s="5" t="s">
        <v>1519</v>
      </c>
      <c r="M5152" s="2" t="s">
        <v>1520</v>
      </c>
      <c r="N5152" s="5" t="s">
        <v>1521</v>
      </c>
      <c r="O5152" s="5" t="s">
        <v>38</v>
      </c>
      <c r="P5152" s="5" t="s">
        <v>39</v>
      </c>
      <c r="Q5152" s="5" t="s">
        <v>40</v>
      </c>
      <c r="R5152" s="5" t="s">
        <v>1522</v>
      </c>
      <c r="S5152" s="5" t="s">
        <v>1523</v>
      </c>
      <c r="T5152" s="5" t="s">
        <v>42</v>
      </c>
      <c r="U5152" s="2">
        <v>2.6629999999999998</v>
      </c>
      <c r="V5152" s="2">
        <v>2.2349999999999999</v>
      </c>
      <c r="W5152" s="2">
        <v>1.2E-2</v>
      </c>
      <c r="X5152" s="2">
        <v>148.69999999999999</v>
      </c>
      <c r="Y5152" s="2">
        <v>7.6</v>
      </c>
      <c r="Z5152" s="2">
        <v>10.6</v>
      </c>
      <c r="AA5152" s="5"/>
      <c r="AB5152" s="5" t="s">
        <v>43</v>
      </c>
      <c r="AC5152" s="5" t="s">
        <v>44</v>
      </c>
      <c r="AD5152" s="2"/>
      <c r="AE5152" s="1"/>
    </row>
    <row r="5153" spans="1:31" ht="14.45">
      <c r="A5153" s="11"/>
      <c r="B5153" s="20"/>
      <c r="C5153" s="2" t="s">
        <v>15921</v>
      </c>
      <c r="D5153" s="14" t="s">
        <v>15922</v>
      </c>
      <c r="E5153" s="2" t="s">
        <v>15923</v>
      </c>
      <c r="F5153" s="2" t="s">
        <v>14889</v>
      </c>
      <c r="G5153" s="8">
        <v>182</v>
      </c>
      <c r="H5153" s="5">
        <v>6</v>
      </c>
      <c r="I5153" s="5" t="s">
        <v>1518</v>
      </c>
      <c r="J5153" s="5" t="s">
        <v>1519</v>
      </c>
      <c r="K5153" s="2" t="s">
        <v>1520</v>
      </c>
      <c r="L5153" s="5" t="s">
        <v>1519</v>
      </c>
      <c r="M5153" s="2" t="s">
        <v>1520</v>
      </c>
      <c r="N5153" s="5" t="s">
        <v>1521</v>
      </c>
      <c r="O5153" s="5" t="s">
        <v>38</v>
      </c>
      <c r="P5153" s="5" t="s">
        <v>39</v>
      </c>
      <c r="Q5153" s="5" t="s">
        <v>40</v>
      </c>
      <c r="R5153" s="5" t="s">
        <v>1522</v>
      </c>
      <c r="S5153" s="5" t="s">
        <v>1523</v>
      </c>
      <c r="T5153" s="5" t="s">
        <v>42</v>
      </c>
      <c r="U5153" s="2">
        <v>2.726</v>
      </c>
      <c r="V5153" s="2">
        <v>2.298</v>
      </c>
      <c r="W5153" s="2">
        <v>1.2E-2</v>
      </c>
      <c r="X5153" s="2">
        <v>148.69999999999999</v>
      </c>
      <c r="Y5153" s="2">
        <v>7.6</v>
      </c>
      <c r="Z5153" s="2">
        <v>10.6</v>
      </c>
      <c r="AA5153" s="5"/>
      <c r="AB5153" s="5" t="s">
        <v>43</v>
      </c>
      <c r="AC5153" s="5" t="s">
        <v>44</v>
      </c>
      <c r="AD5153" s="2"/>
      <c r="AE5153" s="1"/>
    </row>
    <row r="5154" spans="1:31" ht="14.45">
      <c r="A5154" s="11"/>
      <c r="B5154" s="20"/>
      <c r="C5154" s="2" t="s">
        <v>15924</v>
      </c>
      <c r="D5154" s="14" t="s">
        <v>15925</v>
      </c>
      <c r="E5154" s="2" t="s">
        <v>15926</v>
      </c>
      <c r="F5154" s="2" t="s">
        <v>14893</v>
      </c>
      <c r="G5154" s="8">
        <v>182</v>
      </c>
      <c r="H5154" s="5">
        <v>6</v>
      </c>
      <c r="I5154" s="5" t="s">
        <v>1518</v>
      </c>
      <c r="J5154" s="5" t="s">
        <v>1519</v>
      </c>
      <c r="K5154" s="2" t="s">
        <v>1520</v>
      </c>
      <c r="L5154" s="5" t="s">
        <v>1519</v>
      </c>
      <c r="M5154" s="2" t="s">
        <v>1520</v>
      </c>
      <c r="N5154" s="5" t="s">
        <v>1521</v>
      </c>
      <c r="O5154" s="5" t="s">
        <v>38</v>
      </c>
      <c r="P5154" s="5" t="s">
        <v>39</v>
      </c>
      <c r="Q5154" s="5" t="s">
        <v>40</v>
      </c>
      <c r="R5154" s="5" t="s">
        <v>1522</v>
      </c>
      <c r="S5154" s="5" t="s">
        <v>1523</v>
      </c>
      <c r="T5154" s="5" t="s">
        <v>42</v>
      </c>
      <c r="U5154" s="2">
        <v>2.6019999999999999</v>
      </c>
      <c r="V5154" s="2">
        <v>2.1739999999999999</v>
      </c>
      <c r="W5154" s="2">
        <v>1.2E-2</v>
      </c>
      <c r="X5154" s="2">
        <v>148.69999999999999</v>
      </c>
      <c r="Y5154" s="2">
        <v>7.6</v>
      </c>
      <c r="Z5154" s="2">
        <v>10.6</v>
      </c>
      <c r="AA5154" s="5"/>
      <c r="AB5154" s="5" t="s">
        <v>43</v>
      </c>
      <c r="AC5154" s="5" t="s">
        <v>44</v>
      </c>
      <c r="AD5154" s="2"/>
      <c r="AE5154" s="1"/>
    </row>
    <row r="5155" spans="1:31" ht="14.45">
      <c r="A5155" s="11"/>
      <c r="B5155" s="20"/>
      <c r="C5155" s="2" t="s">
        <v>15927</v>
      </c>
      <c r="D5155" s="14" t="s">
        <v>15928</v>
      </c>
      <c r="E5155" s="2" t="s">
        <v>15929</v>
      </c>
      <c r="F5155" s="2" t="s">
        <v>14897</v>
      </c>
      <c r="G5155" s="8">
        <v>182</v>
      </c>
      <c r="H5155" s="5">
        <v>6</v>
      </c>
      <c r="I5155" s="5" t="s">
        <v>1518</v>
      </c>
      <c r="J5155" s="5" t="s">
        <v>1519</v>
      </c>
      <c r="K5155" s="2" t="s">
        <v>1520</v>
      </c>
      <c r="L5155" s="5" t="s">
        <v>1519</v>
      </c>
      <c r="M5155" s="2" t="s">
        <v>1520</v>
      </c>
      <c r="N5155" s="5" t="s">
        <v>1521</v>
      </c>
      <c r="O5155" s="5" t="s">
        <v>38</v>
      </c>
      <c r="P5155" s="5" t="s">
        <v>39</v>
      </c>
      <c r="Q5155" s="5" t="s">
        <v>40</v>
      </c>
      <c r="R5155" s="5" t="s">
        <v>1522</v>
      </c>
      <c r="S5155" s="5" t="s">
        <v>1523</v>
      </c>
      <c r="T5155" s="5" t="s">
        <v>42</v>
      </c>
      <c r="U5155" s="2">
        <v>2.665</v>
      </c>
      <c r="V5155" s="2">
        <v>2.2370000000000001</v>
      </c>
      <c r="W5155" s="2">
        <v>1.2E-2</v>
      </c>
      <c r="X5155" s="2">
        <v>148.69999999999999</v>
      </c>
      <c r="Y5155" s="2">
        <v>7.6</v>
      </c>
      <c r="Z5155" s="2">
        <v>10.6</v>
      </c>
      <c r="AA5155" s="5"/>
      <c r="AB5155" s="5" t="s">
        <v>43</v>
      </c>
      <c r="AC5155" s="5" t="s">
        <v>44</v>
      </c>
      <c r="AD5155" s="2"/>
      <c r="AE5155" s="1"/>
    </row>
    <row r="5156" spans="1:31" ht="14.45">
      <c r="A5156" s="11"/>
      <c r="B5156" s="20"/>
      <c r="C5156" s="2" t="s">
        <v>15930</v>
      </c>
      <c r="D5156" s="14" t="s">
        <v>15931</v>
      </c>
      <c r="E5156" s="2" t="s">
        <v>15932</v>
      </c>
      <c r="F5156" s="2" t="s">
        <v>14869</v>
      </c>
      <c r="G5156" s="8">
        <v>202</v>
      </c>
      <c r="H5156" s="5">
        <v>6</v>
      </c>
      <c r="I5156" s="5" t="s">
        <v>1518</v>
      </c>
      <c r="J5156" s="5" t="s">
        <v>1519</v>
      </c>
      <c r="K5156" s="2" t="s">
        <v>1520</v>
      </c>
      <c r="L5156" s="5" t="s">
        <v>1519</v>
      </c>
      <c r="M5156" s="2" t="s">
        <v>1520</v>
      </c>
      <c r="N5156" s="5" t="s">
        <v>1521</v>
      </c>
      <c r="O5156" s="5" t="s">
        <v>38</v>
      </c>
      <c r="P5156" s="5" t="s">
        <v>39</v>
      </c>
      <c r="Q5156" s="5" t="s">
        <v>40</v>
      </c>
      <c r="R5156" s="5" t="s">
        <v>1522</v>
      </c>
      <c r="S5156" s="5" t="s">
        <v>1523</v>
      </c>
      <c r="T5156" s="5" t="s">
        <v>42</v>
      </c>
      <c r="U5156" s="2">
        <v>2.746</v>
      </c>
      <c r="V5156" s="2">
        <v>2.3180000000000001</v>
      </c>
      <c r="W5156" s="2">
        <v>1.2E-2</v>
      </c>
      <c r="X5156" s="2">
        <v>148.69999999999999</v>
      </c>
      <c r="Y5156" s="2">
        <v>7.6</v>
      </c>
      <c r="Z5156" s="2">
        <v>10.6</v>
      </c>
      <c r="AA5156" s="5"/>
      <c r="AB5156" s="5" t="s">
        <v>43</v>
      </c>
      <c r="AC5156" s="5" t="s">
        <v>44</v>
      </c>
      <c r="AD5156" s="2"/>
      <c r="AE5156" s="1"/>
    </row>
    <row r="5157" spans="1:31" ht="14.45">
      <c r="A5157" s="11"/>
      <c r="B5157" s="20"/>
      <c r="C5157" s="2" t="s">
        <v>15933</v>
      </c>
      <c r="D5157" s="14" t="s">
        <v>15934</v>
      </c>
      <c r="E5157" s="2" t="s">
        <v>15935</v>
      </c>
      <c r="F5157" s="2" t="s">
        <v>14873</v>
      </c>
      <c r="G5157" s="8">
        <v>202</v>
      </c>
      <c r="H5157" s="5">
        <v>6</v>
      </c>
      <c r="I5157" s="5" t="s">
        <v>1518</v>
      </c>
      <c r="J5157" s="5" t="s">
        <v>1519</v>
      </c>
      <c r="K5157" s="2" t="s">
        <v>1520</v>
      </c>
      <c r="L5157" s="5" t="s">
        <v>1519</v>
      </c>
      <c r="M5157" s="2" t="s">
        <v>1520</v>
      </c>
      <c r="N5157" s="5" t="s">
        <v>1521</v>
      </c>
      <c r="O5157" s="5" t="s">
        <v>38</v>
      </c>
      <c r="P5157" s="5" t="s">
        <v>39</v>
      </c>
      <c r="Q5157" s="5" t="s">
        <v>40</v>
      </c>
      <c r="R5157" s="5" t="s">
        <v>1522</v>
      </c>
      <c r="S5157" s="5" t="s">
        <v>1523</v>
      </c>
      <c r="T5157" s="5" t="s">
        <v>42</v>
      </c>
      <c r="U5157" s="2">
        <v>2.8130000000000002</v>
      </c>
      <c r="V5157" s="2">
        <v>2.3849999999999998</v>
      </c>
      <c r="W5157" s="2">
        <v>1.2E-2</v>
      </c>
      <c r="X5157" s="2">
        <v>148.69999999999999</v>
      </c>
      <c r="Y5157" s="2">
        <v>7.6</v>
      </c>
      <c r="Z5157" s="2">
        <v>10.6</v>
      </c>
      <c r="AA5157" s="5"/>
      <c r="AB5157" s="5" t="s">
        <v>43</v>
      </c>
      <c r="AC5157" s="5" t="s">
        <v>44</v>
      </c>
      <c r="AD5157" s="2"/>
      <c r="AE5157" s="1"/>
    </row>
    <row r="5158" spans="1:31" ht="14.45">
      <c r="A5158" s="11"/>
      <c r="B5158" s="20"/>
      <c r="C5158" s="2" t="s">
        <v>15936</v>
      </c>
      <c r="D5158" s="14" t="s">
        <v>15937</v>
      </c>
      <c r="E5158" s="2" t="s">
        <v>15938</v>
      </c>
      <c r="F5158" s="2" t="s">
        <v>14877</v>
      </c>
      <c r="G5158" s="8">
        <v>202</v>
      </c>
      <c r="H5158" s="5">
        <v>6</v>
      </c>
      <c r="I5158" s="5" t="s">
        <v>1518</v>
      </c>
      <c r="J5158" s="5" t="s">
        <v>1519</v>
      </c>
      <c r="K5158" s="2" t="s">
        <v>1520</v>
      </c>
      <c r="L5158" s="5" t="s">
        <v>1519</v>
      </c>
      <c r="M5158" s="2" t="s">
        <v>1520</v>
      </c>
      <c r="N5158" s="5" t="s">
        <v>1521</v>
      </c>
      <c r="O5158" s="5" t="s">
        <v>38</v>
      </c>
      <c r="P5158" s="5" t="s">
        <v>39</v>
      </c>
      <c r="Q5158" s="5" t="s">
        <v>40</v>
      </c>
      <c r="R5158" s="5" t="s">
        <v>1522</v>
      </c>
      <c r="S5158" s="5" t="s">
        <v>1523</v>
      </c>
      <c r="T5158" s="5" t="s">
        <v>42</v>
      </c>
      <c r="U5158" s="2">
        <v>2.8159999999999998</v>
      </c>
      <c r="V5158" s="2">
        <v>2.3879999999999999</v>
      </c>
      <c r="W5158" s="2">
        <v>1.2E-2</v>
      </c>
      <c r="X5158" s="2">
        <v>148.69999999999999</v>
      </c>
      <c r="Y5158" s="2">
        <v>7.6</v>
      </c>
      <c r="Z5158" s="2">
        <v>10.6</v>
      </c>
      <c r="AA5158" s="5"/>
      <c r="AB5158" s="5" t="s">
        <v>43</v>
      </c>
      <c r="AC5158" s="5" t="s">
        <v>44</v>
      </c>
      <c r="AD5158" s="2"/>
      <c r="AE5158" s="1"/>
    </row>
    <row r="5159" spans="1:31" ht="14.45">
      <c r="A5159" s="11"/>
      <c r="B5159" s="20"/>
      <c r="C5159" s="2" t="s">
        <v>15939</v>
      </c>
      <c r="D5159" s="14" t="s">
        <v>15940</v>
      </c>
      <c r="E5159" s="2" t="s">
        <v>15941</v>
      </c>
      <c r="F5159" s="2" t="s">
        <v>14881</v>
      </c>
      <c r="G5159" s="8">
        <v>202</v>
      </c>
      <c r="H5159" s="5">
        <v>6</v>
      </c>
      <c r="I5159" s="5" t="s">
        <v>1518</v>
      </c>
      <c r="J5159" s="5" t="s">
        <v>1519</v>
      </c>
      <c r="K5159" s="2" t="s">
        <v>1520</v>
      </c>
      <c r="L5159" s="5" t="s">
        <v>1519</v>
      </c>
      <c r="M5159" s="2" t="s">
        <v>1520</v>
      </c>
      <c r="N5159" s="5" t="s">
        <v>1521</v>
      </c>
      <c r="O5159" s="5" t="s">
        <v>38</v>
      </c>
      <c r="P5159" s="5" t="s">
        <v>39</v>
      </c>
      <c r="Q5159" s="5" t="s">
        <v>40</v>
      </c>
      <c r="R5159" s="5" t="s">
        <v>1522</v>
      </c>
      <c r="S5159" s="5" t="s">
        <v>1523</v>
      </c>
      <c r="T5159" s="5" t="s">
        <v>42</v>
      </c>
      <c r="U5159" s="2">
        <v>2.883</v>
      </c>
      <c r="V5159" s="2">
        <v>2.4550000000000001</v>
      </c>
      <c r="W5159" s="2">
        <v>1.2E-2</v>
      </c>
      <c r="X5159" s="2">
        <v>148.69999999999999</v>
      </c>
      <c r="Y5159" s="2">
        <v>7.6</v>
      </c>
      <c r="Z5159" s="2">
        <v>10.6</v>
      </c>
      <c r="AA5159" s="5"/>
      <c r="AB5159" s="5" t="s">
        <v>43</v>
      </c>
      <c r="AC5159" s="5" t="s">
        <v>44</v>
      </c>
      <c r="AD5159" s="2"/>
      <c r="AE5159" s="1"/>
    </row>
    <row r="5160" spans="1:31" ht="14.45">
      <c r="A5160" s="11"/>
      <c r="B5160" s="20"/>
      <c r="C5160" s="2" t="s">
        <v>15942</v>
      </c>
      <c r="D5160" s="14" t="s">
        <v>15943</v>
      </c>
      <c r="E5160" s="2" t="s">
        <v>15944</v>
      </c>
      <c r="F5160" s="2" t="s">
        <v>14885</v>
      </c>
      <c r="G5160" s="8">
        <v>202</v>
      </c>
      <c r="H5160" s="5">
        <v>6</v>
      </c>
      <c r="I5160" s="5" t="s">
        <v>1518</v>
      </c>
      <c r="J5160" s="5" t="s">
        <v>1519</v>
      </c>
      <c r="K5160" s="2" t="s">
        <v>1520</v>
      </c>
      <c r="L5160" s="5" t="s">
        <v>1519</v>
      </c>
      <c r="M5160" s="2" t="s">
        <v>1520</v>
      </c>
      <c r="N5160" s="5" t="s">
        <v>1521</v>
      </c>
      <c r="O5160" s="5" t="s">
        <v>38</v>
      </c>
      <c r="P5160" s="5" t="s">
        <v>39</v>
      </c>
      <c r="Q5160" s="5" t="s">
        <v>40</v>
      </c>
      <c r="R5160" s="5" t="s">
        <v>1522</v>
      </c>
      <c r="S5160" s="5" t="s">
        <v>1523</v>
      </c>
      <c r="T5160" s="5" t="s">
        <v>42</v>
      </c>
      <c r="U5160" s="2">
        <v>2.8159999999999998</v>
      </c>
      <c r="V5160" s="2">
        <v>2.3879999999999999</v>
      </c>
      <c r="W5160" s="2">
        <v>1.2E-2</v>
      </c>
      <c r="X5160" s="2">
        <v>148.69999999999999</v>
      </c>
      <c r="Y5160" s="2">
        <v>7.6</v>
      </c>
      <c r="Z5160" s="2">
        <v>10.6</v>
      </c>
      <c r="AA5160" s="5"/>
      <c r="AB5160" s="5" t="s">
        <v>43</v>
      </c>
      <c r="AC5160" s="5" t="s">
        <v>44</v>
      </c>
      <c r="AD5160" s="2"/>
      <c r="AE5160" s="1"/>
    </row>
    <row r="5161" spans="1:31" ht="14.45">
      <c r="A5161" s="11"/>
      <c r="B5161" s="20"/>
      <c r="C5161" s="2" t="s">
        <v>15945</v>
      </c>
      <c r="D5161" s="14" t="s">
        <v>15946</v>
      </c>
      <c r="E5161" s="2" t="s">
        <v>15947</v>
      </c>
      <c r="F5161" s="2" t="s">
        <v>14889</v>
      </c>
      <c r="G5161" s="8">
        <v>202</v>
      </c>
      <c r="H5161" s="5">
        <v>6</v>
      </c>
      <c r="I5161" s="5" t="s">
        <v>1518</v>
      </c>
      <c r="J5161" s="5" t="s">
        <v>1519</v>
      </c>
      <c r="K5161" s="2" t="s">
        <v>1520</v>
      </c>
      <c r="L5161" s="5" t="s">
        <v>1519</v>
      </c>
      <c r="M5161" s="2" t="s">
        <v>1520</v>
      </c>
      <c r="N5161" s="5" t="s">
        <v>1521</v>
      </c>
      <c r="O5161" s="5" t="s">
        <v>38</v>
      </c>
      <c r="P5161" s="5" t="s">
        <v>39</v>
      </c>
      <c r="Q5161" s="5" t="s">
        <v>40</v>
      </c>
      <c r="R5161" s="5" t="s">
        <v>1522</v>
      </c>
      <c r="S5161" s="5" t="s">
        <v>1523</v>
      </c>
      <c r="T5161" s="5" t="s">
        <v>42</v>
      </c>
      <c r="U5161" s="2">
        <v>2.883</v>
      </c>
      <c r="V5161" s="2">
        <v>2.4550000000000001</v>
      </c>
      <c r="W5161" s="2">
        <v>1.2E-2</v>
      </c>
      <c r="X5161" s="2">
        <v>148.69999999999999</v>
      </c>
      <c r="Y5161" s="2">
        <v>7.6</v>
      </c>
      <c r="Z5161" s="2">
        <v>10.6</v>
      </c>
      <c r="AA5161" s="5"/>
      <c r="AB5161" s="5" t="s">
        <v>43</v>
      </c>
      <c r="AC5161" s="5" t="s">
        <v>44</v>
      </c>
      <c r="AD5161" s="2"/>
      <c r="AE5161" s="1"/>
    </row>
    <row r="5162" spans="1:31" ht="14.45">
      <c r="A5162" s="11"/>
      <c r="B5162" s="20"/>
      <c r="C5162" s="2" t="s">
        <v>15948</v>
      </c>
      <c r="D5162" s="14" t="s">
        <v>15949</v>
      </c>
      <c r="E5162" s="2" t="s">
        <v>15950</v>
      </c>
      <c r="F5162" s="2" t="s">
        <v>14893</v>
      </c>
      <c r="G5162" s="8">
        <v>202</v>
      </c>
      <c r="H5162" s="5">
        <v>6</v>
      </c>
      <c r="I5162" s="5" t="s">
        <v>1518</v>
      </c>
      <c r="J5162" s="5" t="s">
        <v>1519</v>
      </c>
      <c r="K5162" s="2" t="s">
        <v>1520</v>
      </c>
      <c r="L5162" s="5" t="s">
        <v>1519</v>
      </c>
      <c r="M5162" s="2" t="s">
        <v>1520</v>
      </c>
      <c r="N5162" s="5" t="s">
        <v>1521</v>
      </c>
      <c r="O5162" s="5" t="s">
        <v>38</v>
      </c>
      <c r="P5162" s="5" t="s">
        <v>39</v>
      </c>
      <c r="Q5162" s="5" t="s">
        <v>40</v>
      </c>
      <c r="R5162" s="5" t="s">
        <v>1522</v>
      </c>
      <c r="S5162" s="5" t="s">
        <v>1523</v>
      </c>
      <c r="T5162" s="5" t="s">
        <v>42</v>
      </c>
      <c r="U5162" s="2">
        <v>2.746</v>
      </c>
      <c r="V5162" s="2">
        <v>2.3180000000000001</v>
      </c>
      <c r="W5162" s="2">
        <v>1.2E-2</v>
      </c>
      <c r="X5162" s="2">
        <v>148.69999999999999</v>
      </c>
      <c r="Y5162" s="2">
        <v>7.6</v>
      </c>
      <c r="Z5162" s="2">
        <v>10.6</v>
      </c>
      <c r="AA5162" s="5"/>
      <c r="AB5162" s="5" t="s">
        <v>43</v>
      </c>
      <c r="AC5162" s="5" t="s">
        <v>44</v>
      </c>
      <c r="AD5162" s="2"/>
      <c r="AE5162" s="1"/>
    </row>
    <row r="5163" spans="1:31" ht="14.45">
      <c r="A5163" s="11"/>
      <c r="B5163" s="20"/>
      <c r="C5163" s="2" t="s">
        <v>15951</v>
      </c>
      <c r="D5163" s="14" t="s">
        <v>15952</v>
      </c>
      <c r="E5163" s="2" t="s">
        <v>15953</v>
      </c>
      <c r="F5163" s="2" t="s">
        <v>14897</v>
      </c>
      <c r="G5163" s="8">
        <v>202</v>
      </c>
      <c r="H5163" s="5">
        <v>6</v>
      </c>
      <c r="I5163" s="5" t="s">
        <v>1518</v>
      </c>
      <c r="J5163" s="5" t="s">
        <v>1519</v>
      </c>
      <c r="K5163" s="2" t="s">
        <v>1520</v>
      </c>
      <c r="L5163" s="5" t="s">
        <v>1519</v>
      </c>
      <c r="M5163" s="2" t="s">
        <v>1520</v>
      </c>
      <c r="N5163" s="5" t="s">
        <v>1521</v>
      </c>
      <c r="O5163" s="5" t="s">
        <v>38</v>
      </c>
      <c r="P5163" s="5" t="s">
        <v>39</v>
      </c>
      <c r="Q5163" s="5" t="s">
        <v>40</v>
      </c>
      <c r="R5163" s="5" t="s">
        <v>1522</v>
      </c>
      <c r="S5163" s="5" t="s">
        <v>1523</v>
      </c>
      <c r="T5163" s="5" t="s">
        <v>42</v>
      </c>
      <c r="U5163" s="2">
        <v>2.8130000000000002</v>
      </c>
      <c r="V5163" s="2">
        <v>2.3849999999999998</v>
      </c>
      <c r="W5163" s="2">
        <v>1.2E-2</v>
      </c>
      <c r="X5163" s="2">
        <v>148.69999999999999</v>
      </c>
      <c r="Y5163" s="2">
        <v>7.6</v>
      </c>
      <c r="Z5163" s="2">
        <v>10.6</v>
      </c>
      <c r="AA5163" s="5"/>
      <c r="AB5163" s="5" t="s">
        <v>43</v>
      </c>
      <c r="AC5163" s="5" t="s">
        <v>44</v>
      </c>
      <c r="AD5163" s="2"/>
      <c r="AE5163" s="1"/>
    </row>
    <row r="5164" spans="1:31" ht="14.45">
      <c r="A5164" s="11"/>
      <c r="B5164" s="20"/>
      <c r="C5164" s="2" t="s">
        <v>15954</v>
      </c>
      <c r="D5164" s="14" t="s">
        <v>15955</v>
      </c>
      <c r="E5164" s="2" t="s">
        <v>15956</v>
      </c>
      <c r="F5164" s="2" t="s">
        <v>7396</v>
      </c>
      <c r="G5164" s="8">
        <v>212</v>
      </c>
      <c r="H5164" s="5">
        <v>6</v>
      </c>
      <c r="I5164" s="5" t="s">
        <v>1518</v>
      </c>
      <c r="J5164" s="5" t="s">
        <v>1519</v>
      </c>
      <c r="K5164" s="2" t="s">
        <v>1520</v>
      </c>
      <c r="L5164" s="5" t="s">
        <v>1519</v>
      </c>
      <c r="M5164" s="2" t="s">
        <v>1520</v>
      </c>
      <c r="N5164" s="5" t="s">
        <v>1521</v>
      </c>
      <c r="O5164" s="5" t="s">
        <v>38</v>
      </c>
      <c r="P5164" s="5" t="s">
        <v>39</v>
      </c>
      <c r="Q5164" s="5" t="s">
        <v>40</v>
      </c>
      <c r="R5164" s="5" t="s">
        <v>1522</v>
      </c>
      <c r="S5164" s="5" t="s">
        <v>1523</v>
      </c>
      <c r="T5164" s="5" t="s">
        <v>42</v>
      </c>
      <c r="U5164" s="2">
        <v>1.93</v>
      </c>
      <c r="V5164" s="2">
        <v>1.468</v>
      </c>
      <c r="W5164" s="2">
        <v>0.01</v>
      </c>
      <c r="X5164" s="2">
        <v>76.900000000000006</v>
      </c>
      <c r="Y5164" s="2">
        <v>7.6</v>
      </c>
      <c r="Z5164" s="2">
        <v>16.7</v>
      </c>
      <c r="AA5164" s="5"/>
      <c r="AB5164" s="5" t="s">
        <v>43</v>
      </c>
      <c r="AC5164" s="5" t="s">
        <v>44</v>
      </c>
      <c r="AD5164" s="2"/>
      <c r="AE5164" s="1"/>
    </row>
    <row r="5165" spans="1:31" ht="14.45">
      <c r="A5165" s="11"/>
      <c r="B5165" s="20"/>
      <c r="C5165" s="2" t="s">
        <v>15957</v>
      </c>
      <c r="D5165" s="14" t="s">
        <v>15958</v>
      </c>
      <c r="E5165" s="2" t="s">
        <v>15959</v>
      </c>
      <c r="F5165" s="2" t="s">
        <v>7507</v>
      </c>
      <c r="G5165" s="8">
        <v>212</v>
      </c>
      <c r="H5165" s="5">
        <v>6</v>
      </c>
      <c r="I5165" s="5" t="s">
        <v>1518</v>
      </c>
      <c r="J5165" s="5" t="s">
        <v>1519</v>
      </c>
      <c r="K5165" s="2" t="s">
        <v>1520</v>
      </c>
      <c r="L5165" s="5" t="s">
        <v>1519</v>
      </c>
      <c r="M5165" s="2" t="s">
        <v>1520</v>
      </c>
      <c r="N5165" s="5" t="s">
        <v>1521</v>
      </c>
      <c r="O5165" s="5" t="s">
        <v>38</v>
      </c>
      <c r="P5165" s="5" t="s">
        <v>39</v>
      </c>
      <c r="Q5165" s="5" t="s">
        <v>40</v>
      </c>
      <c r="R5165" s="5" t="s">
        <v>1522</v>
      </c>
      <c r="S5165" s="5" t="s">
        <v>1523</v>
      </c>
      <c r="T5165" s="5" t="s">
        <v>42</v>
      </c>
      <c r="U5165" s="2">
        <v>1.9770000000000001</v>
      </c>
      <c r="V5165" s="2">
        <v>1.5149999999999999</v>
      </c>
      <c r="W5165" s="2">
        <v>0.01</v>
      </c>
      <c r="X5165" s="2">
        <v>76.900000000000006</v>
      </c>
      <c r="Y5165" s="2">
        <v>7.6</v>
      </c>
      <c r="Z5165" s="2">
        <v>16.7</v>
      </c>
      <c r="AA5165" s="5"/>
      <c r="AB5165" s="5" t="s">
        <v>43</v>
      </c>
      <c r="AC5165" s="5" t="s">
        <v>44</v>
      </c>
      <c r="AD5165" s="2"/>
      <c r="AE5165" s="1"/>
    </row>
    <row r="5166" spans="1:31" ht="14.45">
      <c r="A5166" s="11"/>
      <c r="B5166" s="20"/>
      <c r="C5166" s="2" t="s">
        <v>15960</v>
      </c>
      <c r="D5166" s="14" t="s">
        <v>15961</v>
      </c>
      <c r="E5166" s="2" t="s">
        <v>15962</v>
      </c>
      <c r="F5166" s="2" t="s">
        <v>7204</v>
      </c>
      <c r="G5166" s="8">
        <v>212</v>
      </c>
      <c r="H5166" s="5">
        <v>6</v>
      </c>
      <c r="I5166" s="5" t="s">
        <v>1518</v>
      </c>
      <c r="J5166" s="5" t="s">
        <v>1519</v>
      </c>
      <c r="K5166" s="2" t="s">
        <v>1520</v>
      </c>
      <c r="L5166" s="5" t="s">
        <v>1519</v>
      </c>
      <c r="M5166" s="2" t="s">
        <v>1520</v>
      </c>
      <c r="N5166" s="5" t="s">
        <v>1521</v>
      </c>
      <c r="O5166" s="5" t="s">
        <v>38</v>
      </c>
      <c r="P5166" s="5" t="s">
        <v>39</v>
      </c>
      <c r="Q5166" s="5" t="s">
        <v>40</v>
      </c>
      <c r="R5166" s="5" t="s">
        <v>1522</v>
      </c>
      <c r="S5166" s="5" t="s">
        <v>1523</v>
      </c>
      <c r="T5166" s="5" t="s">
        <v>42</v>
      </c>
      <c r="U5166" s="2">
        <v>1.9319999999999999</v>
      </c>
      <c r="V5166" s="2">
        <v>1.47</v>
      </c>
      <c r="W5166" s="2">
        <v>0.01</v>
      </c>
      <c r="X5166" s="2">
        <v>76.900000000000006</v>
      </c>
      <c r="Y5166" s="2">
        <v>7.6</v>
      </c>
      <c r="Z5166" s="2">
        <v>16.7</v>
      </c>
      <c r="AA5166" s="5"/>
      <c r="AB5166" s="5" t="s">
        <v>43</v>
      </c>
      <c r="AC5166" s="5" t="s">
        <v>44</v>
      </c>
      <c r="AD5166" s="2"/>
      <c r="AE5166" s="1"/>
    </row>
    <row r="5167" spans="1:31" ht="14.45">
      <c r="A5167" s="11"/>
      <c r="B5167" s="20"/>
      <c r="C5167" s="2" t="s">
        <v>15963</v>
      </c>
      <c r="D5167" s="14" t="s">
        <v>15964</v>
      </c>
      <c r="E5167" s="2" t="s">
        <v>15965</v>
      </c>
      <c r="F5167" s="2" t="s">
        <v>7514</v>
      </c>
      <c r="G5167" s="8">
        <v>212</v>
      </c>
      <c r="H5167" s="5">
        <v>6</v>
      </c>
      <c r="I5167" s="5" t="s">
        <v>1518</v>
      </c>
      <c r="J5167" s="5" t="s">
        <v>1519</v>
      </c>
      <c r="K5167" s="2" t="s">
        <v>1520</v>
      </c>
      <c r="L5167" s="5" t="s">
        <v>1519</v>
      </c>
      <c r="M5167" s="2" t="s">
        <v>1520</v>
      </c>
      <c r="N5167" s="5" t="s">
        <v>1521</v>
      </c>
      <c r="O5167" s="5" t="s">
        <v>38</v>
      </c>
      <c r="P5167" s="5" t="s">
        <v>39</v>
      </c>
      <c r="Q5167" s="5" t="s">
        <v>40</v>
      </c>
      <c r="R5167" s="5" t="s">
        <v>1522</v>
      </c>
      <c r="S5167" s="5" t="s">
        <v>1523</v>
      </c>
      <c r="T5167" s="5" t="s">
        <v>42</v>
      </c>
      <c r="U5167" s="2">
        <v>1.9790000000000001</v>
      </c>
      <c r="V5167" s="2">
        <v>1.5169999999999999</v>
      </c>
      <c r="W5167" s="2">
        <v>0.01</v>
      </c>
      <c r="X5167" s="2">
        <v>76.900000000000006</v>
      </c>
      <c r="Y5167" s="2">
        <v>7.6</v>
      </c>
      <c r="Z5167" s="2">
        <v>16.7</v>
      </c>
      <c r="AA5167" s="5"/>
      <c r="AB5167" s="5" t="s">
        <v>43</v>
      </c>
      <c r="AC5167" s="5" t="s">
        <v>44</v>
      </c>
      <c r="AD5167" s="2"/>
      <c r="AE5167" s="1"/>
    </row>
    <row r="5168" spans="1:31" ht="14.45">
      <c r="A5168" s="11"/>
      <c r="B5168" s="20"/>
      <c r="C5168" s="2" t="s">
        <v>15966</v>
      </c>
      <c r="D5168" s="14" t="s">
        <v>15967</v>
      </c>
      <c r="E5168" s="2" t="s">
        <v>15968</v>
      </c>
      <c r="F5168" s="2" t="s">
        <v>7208</v>
      </c>
      <c r="G5168" s="8">
        <v>212</v>
      </c>
      <c r="H5168" s="5">
        <v>6</v>
      </c>
      <c r="I5168" s="5" t="s">
        <v>1518</v>
      </c>
      <c r="J5168" s="5" t="s">
        <v>1519</v>
      </c>
      <c r="K5168" s="2" t="s">
        <v>1520</v>
      </c>
      <c r="L5168" s="5" t="s">
        <v>1519</v>
      </c>
      <c r="M5168" s="2" t="s">
        <v>1520</v>
      </c>
      <c r="N5168" s="5" t="s">
        <v>1521</v>
      </c>
      <c r="O5168" s="5" t="s">
        <v>38</v>
      </c>
      <c r="P5168" s="5" t="s">
        <v>39</v>
      </c>
      <c r="Q5168" s="5" t="s">
        <v>40</v>
      </c>
      <c r="R5168" s="5" t="s">
        <v>1522</v>
      </c>
      <c r="S5168" s="5" t="s">
        <v>1523</v>
      </c>
      <c r="T5168" s="5" t="s">
        <v>42</v>
      </c>
      <c r="U5168" s="2">
        <v>1.9319999999999999</v>
      </c>
      <c r="V5168" s="2">
        <v>1.47</v>
      </c>
      <c r="W5168" s="2">
        <v>0.01</v>
      </c>
      <c r="X5168" s="2">
        <v>76.900000000000006</v>
      </c>
      <c r="Y5168" s="2">
        <v>7.6</v>
      </c>
      <c r="Z5168" s="2">
        <v>16.7</v>
      </c>
      <c r="AA5168" s="5"/>
      <c r="AB5168" s="5" t="s">
        <v>43</v>
      </c>
      <c r="AC5168" s="5" t="s">
        <v>44</v>
      </c>
      <c r="AD5168" s="2"/>
      <c r="AE5168" s="1"/>
    </row>
    <row r="5169" spans="1:31" ht="14.45">
      <c r="A5169" s="11"/>
      <c r="B5169" s="20"/>
      <c r="C5169" s="2" t="s">
        <v>15969</v>
      </c>
      <c r="D5169" s="14" t="s">
        <v>15970</v>
      </c>
      <c r="E5169" s="2" t="s">
        <v>15971</v>
      </c>
      <c r="F5169" s="2" t="s">
        <v>7521</v>
      </c>
      <c r="G5169" s="8">
        <v>212</v>
      </c>
      <c r="H5169" s="5">
        <v>6</v>
      </c>
      <c r="I5169" s="5" t="s">
        <v>1518</v>
      </c>
      <c r="J5169" s="5" t="s">
        <v>1519</v>
      </c>
      <c r="K5169" s="2" t="s">
        <v>1520</v>
      </c>
      <c r="L5169" s="5" t="s">
        <v>1519</v>
      </c>
      <c r="M5169" s="2" t="s">
        <v>1520</v>
      </c>
      <c r="N5169" s="5" t="s">
        <v>1521</v>
      </c>
      <c r="O5169" s="5" t="s">
        <v>38</v>
      </c>
      <c r="P5169" s="5" t="s">
        <v>39</v>
      </c>
      <c r="Q5169" s="5" t="s">
        <v>40</v>
      </c>
      <c r="R5169" s="5" t="s">
        <v>1522</v>
      </c>
      <c r="S5169" s="5" t="s">
        <v>1523</v>
      </c>
      <c r="T5169" s="5" t="s">
        <v>42</v>
      </c>
      <c r="U5169" s="2">
        <v>1.9790000000000001</v>
      </c>
      <c r="V5169" s="2">
        <v>1.5169999999999999</v>
      </c>
      <c r="W5169" s="2">
        <v>0.01</v>
      </c>
      <c r="X5169" s="2">
        <v>76.900000000000006</v>
      </c>
      <c r="Y5169" s="2">
        <v>7.6</v>
      </c>
      <c r="Z5169" s="2">
        <v>16.7</v>
      </c>
      <c r="AA5169" s="5"/>
      <c r="AB5169" s="5" t="s">
        <v>43</v>
      </c>
      <c r="AC5169" s="5" t="s">
        <v>44</v>
      </c>
      <c r="AD5169" s="2"/>
      <c r="AE5169" s="1"/>
    </row>
    <row r="5170" spans="1:31" ht="14.45">
      <c r="A5170" s="11"/>
      <c r="B5170" s="20"/>
      <c r="C5170" s="2" t="s">
        <v>15972</v>
      </c>
      <c r="D5170" s="14" t="s">
        <v>15973</v>
      </c>
      <c r="E5170" s="2" t="s">
        <v>15974</v>
      </c>
      <c r="F5170" s="2" t="s">
        <v>7212</v>
      </c>
      <c r="G5170" s="8">
        <v>212</v>
      </c>
      <c r="H5170" s="5">
        <v>6</v>
      </c>
      <c r="I5170" s="5" t="s">
        <v>1518</v>
      </c>
      <c r="J5170" s="5" t="s">
        <v>1519</v>
      </c>
      <c r="K5170" s="2" t="s">
        <v>1520</v>
      </c>
      <c r="L5170" s="5" t="s">
        <v>1519</v>
      </c>
      <c r="M5170" s="2" t="s">
        <v>1520</v>
      </c>
      <c r="N5170" s="5" t="s">
        <v>1521</v>
      </c>
      <c r="O5170" s="5" t="s">
        <v>38</v>
      </c>
      <c r="P5170" s="5" t="s">
        <v>39</v>
      </c>
      <c r="Q5170" s="5" t="s">
        <v>40</v>
      </c>
      <c r="R5170" s="5" t="s">
        <v>1522</v>
      </c>
      <c r="S5170" s="5" t="s">
        <v>1523</v>
      </c>
      <c r="T5170" s="5" t="s">
        <v>42</v>
      </c>
      <c r="U5170" s="2">
        <v>1.925</v>
      </c>
      <c r="V5170" s="2">
        <v>1.4630000000000001</v>
      </c>
      <c r="W5170" s="2">
        <v>0.01</v>
      </c>
      <c r="X5170" s="2">
        <v>76.900000000000006</v>
      </c>
      <c r="Y5170" s="2">
        <v>7.6</v>
      </c>
      <c r="Z5170" s="2">
        <v>16.7</v>
      </c>
      <c r="AA5170" s="5"/>
      <c r="AB5170" s="5" t="s">
        <v>43</v>
      </c>
      <c r="AC5170" s="5" t="s">
        <v>44</v>
      </c>
      <c r="AD5170" s="2"/>
      <c r="AE5170" s="1"/>
    </row>
    <row r="5171" spans="1:31" ht="14.45">
      <c r="A5171" s="11"/>
      <c r="B5171" s="20"/>
      <c r="C5171" s="2" t="s">
        <v>15975</v>
      </c>
      <c r="D5171" s="14" t="s">
        <v>15976</v>
      </c>
      <c r="E5171" s="2" t="s">
        <v>15977</v>
      </c>
      <c r="F5171" s="2" t="s">
        <v>7528</v>
      </c>
      <c r="G5171" s="8">
        <v>212</v>
      </c>
      <c r="H5171" s="5">
        <v>6</v>
      </c>
      <c r="I5171" s="5" t="s">
        <v>1518</v>
      </c>
      <c r="J5171" s="5" t="s">
        <v>1519</v>
      </c>
      <c r="K5171" s="2" t="s">
        <v>1520</v>
      </c>
      <c r="L5171" s="5" t="s">
        <v>1519</v>
      </c>
      <c r="M5171" s="2" t="s">
        <v>1520</v>
      </c>
      <c r="N5171" s="5" t="s">
        <v>1521</v>
      </c>
      <c r="O5171" s="5" t="s">
        <v>38</v>
      </c>
      <c r="P5171" s="5" t="s">
        <v>39</v>
      </c>
      <c r="Q5171" s="5" t="s">
        <v>40</v>
      </c>
      <c r="R5171" s="5" t="s">
        <v>1522</v>
      </c>
      <c r="S5171" s="5" t="s">
        <v>1523</v>
      </c>
      <c r="T5171" s="5" t="s">
        <v>42</v>
      </c>
      <c r="U5171" s="2">
        <v>1.972</v>
      </c>
      <c r="V5171" s="2">
        <v>1.51</v>
      </c>
      <c r="W5171" s="2">
        <v>0.01</v>
      </c>
      <c r="X5171" s="2">
        <v>76.900000000000006</v>
      </c>
      <c r="Y5171" s="2">
        <v>7.6</v>
      </c>
      <c r="Z5171" s="2">
        <v>16.7</v>
      </c>
      <c r="AA5171" s="5"/>
      <c r="AB5171" s="5" t="s">
        <v>43</v>
      </c>
      <c r="AC5171" s="5" t="s">
        <v>44</v>
      </c>
      <c r="AD5171" s="2"/>
      <c r="AE5171" s="1"/>
    </row>
    <row r="5172" spans="1:31" ht="14.45">
      <c r="A5172" s="11"/>
      <c r="B5172" s="20"/>
      <c r="C5172" s="2" t="s">
        <v>15978</v>
      </c>
      <c r="D5172" s="14" t="s">
        <v>15979</v>
      </c>
      <c r="E5172" s="2" t="s">
        <v>15980</v>
      </c>
      <c r="F5172" s="2" t="s">
        <v>7406</v>
      </c>
      <c r="G5172" s="8">
        <v>224</v>
      </c>
      <c r="H5172" s="5">
        <v>6</v>
      </c>
      <c r="I5172" s="5" t="s">
        <v>1518</v>
      </c>
      <c r="J5172" s="5" t="s">
        <v>1519</v>
      </c>
      <c r="K5172" s="2" t="s">
        <v>1520</v>
      </c>
      <c r="L5172" s="5" t="s">
        <v>1519</v>
      </c>
      <c r="M5172" s="2" t="s">
        <v>1520</v>
      </c>
      <c r="N5172" s="5" t="s">
        <v>1521</v>
      </c>
      <c r="O5172" s="5" t="s">
        <v>38</v>
      </c>
      <c r="P5172" s="5" t="s">
        <v>39</v>
      </c>
      <c r="Q5172" s="5" t="s">
        <v>40</v>
      </c>
      <c r="R5172" s="5" t="s">
        <v>1522</v>
      </c>
      <c r="S5172" s="5" t="s">
        <v>1523</v>
      </c>
      <c r="T5172" s="5" t="s">
        <v>42</v>
      </c>
      <c r="U5172" s="2">
        <v>1.925</v>
      </c>
      <c r="V5172" s="2">
        <v>1.4630000000000001</v>
      </c>
      <c r="W5172" s="2">
        <v>0.01</v>
      </c>
      <c r="X5172" s="2">
        <v>76.900000000000006</v>
      </c>
      <c r="Y5172" s="2">
        <v>7.6</v>
      </c>
      <c r="Z5172" s="2">
        <v>16.7</v>
      </c>
      <c r="AA5172" s="5"/>
      <c r="AB5172" s="5" t="s">
        <v>43</v>
      </c>
      <c r="AC5172" s="5" t="s">
        <v>44</v>
      </c>
      <c r="AD5172" s="2"/>
      <c r="AE5172" s="1"/>
    </row>
    <row r="5173" spans="1:31" ht="14.45">
      <c r="A5173" s="11"/>
      <c r="B5173" s="20"/>
      <c r="C5173" s="2" t="s">
        <v>15981</v>
      </c>
      <c r="D5173" s="14" t="s">
        <v>15982</v>
      </c>
      <c r="E5173" s="2" t="s">
        <v>15983</v>
      </c>
      <c r="F5173" s="2" t="s">
        <v>7535</v>
      </c>
      <c r="G5173" s="8">
        <v>224</v>
      </c>
      <c r="H5173" s="5">
        <v>6</v>
      </c>
      <c r="I5173" s="5" t="s">
        <v>1518</v>
      </c>
      <c r="J5173" s="5" t="s">
        <v>1519</v>
      </c>
      <c r="K5173" s="2" t="s">
        <v>1520</v>
      </c>
      <c r="L5173" s="5" t="s">
        <v>1519</v>
      </c>
      <c r="M5173" s="2" t="s">
        <v>1520</v>
      </c>
      <c r="N5173" s="5" t="s">
        <v>1521</v>
      </c>
      <c r="O5173" s="5" t="s">
        <v>38</v>
      </c>
      <c r="P5173" s="5" t="s">
        <v>39</v>
      </c>
      <c r="Q5173" s="5" t="s">
        <v>40</v>
      </c>
      <c r="R5173" s="5" t="s">
        <v>1522</v>
      </c>
      <c r="S5173" s="5" t="s">
        <v>1523</v>
      </c>
      <c r="T5173" s="5" t="s">
        <v>42</v>
      </c>
      <c r="U5173" s="2">
        <v>1.972</v>
      </c>
      <c r="V5173" s="2">
        <v>1.51</v>
      </c>
      <c r="W5173" s="2">
        <v>0.01</v>
      </c>
      <c r="X5173" s="2">
        <v>76.900000000000006</v>
      </c>
      <c r="Y5173" s="2">
        <v>7.6</v>
      </c>
      <c r="Z5173" s="2">
        <v>16.7</v>
      </c>
      <c r="AA5173" s="5"/>
      <c r="AB5173" s="5" t="s">
        <v>43</v>
      </c>
      <c r="AC5173" s="5" t="s">
        <v>44</v>
      </c>
      <c r="AD5173" s="2"/>
      <c r="AE5173" s="1"/>
    </row>
    <row r="5174" spans="1:31" ht="14.45">
      <c r="A5174" s="11"/>
      <c r="B5174" s="20"/>
      <c r="C5174" s="2" t="s">
        <v>15984</v>
      </c>
      <c r="D5174" s="14" t="s">
        <v>15985</v>
      </c>
      <c r="E5174" s="2" t="s">
        <v>15986</v>
      </c>
      <c r="F5174" s="2" t="s">
        <v>7539</v>
      </c>
      <c r="G5174" s="8">
        <v>224</v>
      </c>
      <c r="H5174" s="5">
        <v>6</v>
      </c>
      <c r="I5174" s="5" t="s">
        <v>1518</v>
      </c>
      <c r="J5174" s="5" t="s">
        <v>1519</v>
      </c>
      <c r="K5174" s="2" t="s">
        <v>1520</v>
      </c>
      <c r="L5174" s="5" t="s">
        <v>1519</v>
      </c>
      <c r="M5174" s="2" t="s">
        <v>1520</v>
      </c>
      <c r="N5174" s="5" t="s">
        <v>1521</v>
      </c>
      <c r="O5174" s="5" t="s">
        <v>38</v>
      </c>
      <c r="P5174" s="5" t="s">
        <v>39</v>
      </c>
      <c r="Q5174" s="5" t="s">
        <v>40</v>
      </c>
      <c r="R5174" s="5" t="s">
        <v>1522</v>
      </c>
      <c r="S5174" s="5" t="s">
        <v>1523</v>
      </c>
      <c r="T5174" s="5" t="s">
        <v>42</v>
      </c>
      <c r="U5174" s="2">
        <v>1.9319999999999999</v>
      </c>
      <c r="V5174" s="2">
        <v>1.47</v>
      </c>
      <c r="W5174" s="2">
        <v>0.01</v>
      </c>
      <c r="X5174" s="2">
        <v>76.900000000000006</v>
      </c>
      <c r="Y5174" s="2">
        <v>7.6</v>
      </c>
      <c r="Z5174" s="2">
        <v>16.7</v>
      </c>
      <c r="AA5174" s="5"/>
      <c r="AB5174" s="5" t="s">
        <v>43</v>
      </c>
      <c r="AC5174" s="5" t="s">
        <v>44</v>
      </c>
      <c r="AD5174" s="2"/>
      <c r="AE5174" s="1"/>
    </row>
    <row r="5175" spans="1:31" ht="14.45">
      <c r="A5175" s="11"/>
      <c r="B5175" s="20"/>
      <c r="C5175" s="2" t="s">
        <v>15987</v>
      </c>
      <c r="D5175" s="14" t="s">
        <v>15988</v>
      </c>
      <c r="E5175" s="2" t="s">
        <v>15989</v>
      </c>
      <c r="F5175" s="2" t="s">
        <v>7543</v>
      </c>
      <c r="G5175" s="8">
        <v>224</v>
      </c>
      <c r="H5175" s="5">
        <v>6</v>
      </c>
      <c r="I5175" s="5" t="s">
        <v>1518</v>
      </c>
      <c r="J5175" s="5" t="s">
        <v>1519</v>
      </c>
      <c r="K5175" s="2" t="s">
        <v>1520</v>
      </c>
      <c r="L5175" s="5" t="s">
        <v>1519</v>
      </c>
      <c r="M5175" s="2" t="s">
        <v>1520</v>
      </c>
      <c r="N5175" s="5" t="s">
        <v>1521</v>
      </c>
      <c r="O5175" s="5" t="s">
        <v>38</v>
      </c>
      <c r="P5175" s="5" t="s">
        <v>39</v>
      </c>
      <c r="Q5175" s="5" t="s">
        <v>40</v>
      </c>
      <c r="R5175" s="5" t="s">
        <v>1522</v>
      </c>
      <c r="S5175" s="5" t="s">
        <v>1523</v>
      </c>
      <c r="T5175" s="5" t="s">
        <v>42</v>
      </c>
      <c r="U5175" s="2">
        <v>1.9790000000000001</v>
      </c>
      <c r="V5175" s="2">
        <v>1.5169999999999999</v>
      </c>
      <c r="W5175" s="2">
        <v>0.01</v>
      </c>
      <c r="X5175" s="2">
        <v>76.900000000000006</v>
      </c>
      <c r="Y5175" s="2">
        <v>7.6</v>
      </c>
      <c r="Z5175" s="2">
        <v>16.7</v>
      </c>
      <c r="AA5175" s="5"/>
      <c r="AB5175" s="5" t="s">
        <v>43</v>
      </c>
      <c r="AC5175" s="5" t="s">
        <v>44</v>
      </c>
      <c r="AD5175" s="2"/>
      <c r="AE5175" s="1"/>
    </row>
    <row r="5176" spans="1:31" ht="14.45">
      <c r="A5176" s="11"/>
      <c r="B5176" s="20"/>
      <c r="C5176" s="2" t="s">
        <v>15990</v>
      </c>
      <c r="D5176" s="14" t="s">
        <v>15991</v>
      </c>
      <c r="E5176" s="2" t="s">
        <v>15992</v>
      </c>
      <c r="F5176" s="2" t="s">
        <v>7547</v>
      </c>
      <c r="G5176" s="8">
        <v>224</v>
      </c>
      <c r="H5176" s="5">
        <v>6</v>
      </c>
      <c r="I5176" s="5" t="s">
        <v>1518</v>
      </c>
      <c r="J5176" s="5" t="s">
        <v>1519</v>
      </c>
      <c r="K5176" s="2" t="s">
        <v>1520</v>
      </c>
      <c r="L5176" s="5" t="s">
        <v>1519</v>
      </c>
      <c r="M5176" s="2" t="s">
        <v>1520</v>
      </c>
      <c r="N5176" s="5" t="s">
        <v>1521</v>
      </c>
      <c r="O5176" s="5" t="s">
        <v>38</v>
      </c>
      <c r="P5176" s="5" t="s">
        <v>39</v>
      </c>
      <c r="Q5176" s="5" t="s">
        <v>40</v>
      </c>
      <c r="R5176" s="5" t="s">
        <v>1522</v>
      </c>
      <c r="S5176" s="5" t="s">
        <v>1523</v>
      </c>
      <c r="T5176" s="5" t="s">
        <v>42</v>
      </c>
      <c r="U5176" s="2">
        <v>1.925</v>
      </c>
      <c r="V5176" s="2">
        <v>1.4630000000000001</v>
      </c>
      <c r="W5176" s="2">
        <v>0.01</v>
      </c>
      <c r="X5176" s="2">
        <v>76.900000000000006</v>
      </c>
      <c r="Y5176" s="2">
        <v>7.6</v>
      </c>
      <c r="Z5176" s="2">
        <v>16.7</v>
      </c>
      <c r="AA5176" s="5"/>
      <c r="AB5176" s="5" t="s">
        <v>43</v>
      </c>
      <c r="AC5176" s="5" t="s">
        <v>44</v>
      </c>
      <c r="AD5176" s="2"/>
      <c r="AE5176" s="1"/>
    </row>
    <row r="5177" spans="1:31" ht="14.45">
      <c r="A5177" s="11"/>
      <c r="B5177" s="20"/>
      <c r="C5177" s="2" t="s">
        <v>15993</v>
      </c>
      <c r="D5177" s="14" t="s">
        <v>15994</v>
      </c>
      <c r="E5177" s="2" t="s">
        <v>15995</v>
      </c>
      <c r="F5177" s="2" t="s">
        <v>7551</v>
      </c>
      <c r="G5177" s="8">
        <v>224</v>
      </c>
      <c r="H5177" s="5">
        <v>6</v>
      </c>
      <c r="I5177" s="5" t="s">
        <v>1518</v>
      </c>
      <c r="J5177" s="5" t="s">
        <v>1519</v>
      </c>
      <c r="K5177" s="2" t="s">
        <v>1520</v>
      </c>
      <c r="L5177" s="5" t="s">
        <v>1519</v>
      </c>
      <c r="M5177" s="2" t="s">
        <v>1520</v>
      </c>
      <c r="N5177" s="5" t="s">
        <v>1521</v>
      </c>
      <c r="O5177" s="5" t="s">
        <v>38</v>
      </c>
      <c r="P5177" s="5" t="s">
        <v>39</v>
      </c>
      <c r="Q5177" s="5" t="s">
        <v>40</v>
      </c>
      <c r="R5177" s="5" t="s">
        <v>1522</v>
      </c>
      <c r="S5177" s="5" t="s">
        <v>1523</v>
      </c>
      <c r="T5177" s="5" t="s">
        <v>42</v>
      </c>
      <c r="U5177" s="2">
        <v>1.972</v>
      </c>
      <c r="V5177" s="2">
        <v>1.51</v>
      </c>
      <c r="W5177" s="2">
        <v>0.01</v>
      </c>
      <c r="X5177" s="2">
        <v>76.900000000000006</v>
      </c>
      <c r="Y5177" s="2">
        <v>7.6</v>
      </c>
      <c r="Z5177" s="2">
        <v>16.7</v>
      </c>
      <c r="AA5177" s="5"/>
      <c r="AB5177" s="5" t="s">
        <v>43</v>
      </c>
      <c r="AC5177" s="5" t="s">
        <v>44</v>
      </c>
      <c r="AD5177" s="2"/>
      <c r="AE5177" s="1"/>
    </row>
    <row r="5178" spans="1:31" ht="14.45">
      <c r="A5178" s="11"/>
      <c r="B5178" s="20"/>
      <c r="C5178" s="2" t="s">
        <v>15996</v>
      </c>
      <c r="D5178" s="14" t="s">
        <v>15997</v>
      </c>
      <c r="E5178" s="2" t="s">
        <v>15998</v>
      </c>
      <c r="F5178" s="2" t="s">
        <v>7563</v>
      </c>
      <c r="G5178" s="8">
        <v>224</v>
      </c>
      <c r="H5178" s="5">
        <v>6</v>
      </c>
      <c r="I5178" s="5" t="s">
        <v>1518</v>
      </c>
      <c r="J5178" s="5" t="s">
        <v>1519</v>
      </c>
      <c r="K5178" s="2" t="s">
        <v>1520</v>
      </c>
      <c r="L5178" s="5" t="s">
        <v>1519</v>
      </c>
      <c r="M5178" s="2" t="s">
        <v>1520</v>
      </c>
      <c r="N5178" s="5" t="s">
        <v>1521</v>
      </c>
      <c r="O5178" s="5" t="s">
        <v>38</v>
      </c>
      <c r="P5178" s="5" t="s">
        <v>39</v>
      </c>
      <c r="Q5178" s="5" t="s">
        <v>40</v>
      </c>
      <c r="R5178" s="5" t="s">
        <v>1522</v>
      </c>
      <c r="S5178" s="5" t="s">
        <v>1523</v>
      </c>
      <c r="T5178" s="5" t="s">
        <v>42</v>
      </c>
      <c r="U5178" s="2">
        <v>1.9319999999999999</v>
      </c>
      <c r="V5178" s="2">
        <v>1.47</v>
      </c>
      <c r="W5178" s="2">
        <v>0.01</v>
      </c>
      <c r="X5178" s="2">
        <v>76.900000000000006</v>
      </c>
      <c r="Y5178" s="2">
        <v>7.6</v>
      </c>
      <c r="Z5178" s="2">
        <v>16.7</v>
      </c>
      <c r="AA5178" s="5"/>
      <c r="AB5178" s="5" t="s">
        <v>43</v>
      </c>
      <c r="AC5178" s="5" t="s">
        <v>44</v>
      </c>
      <c r="AD5178" s="2"/>
      <c r="AE5178" s="1"/>
    </row>
    <row r="5179" spans="1:31" ht="14.45">
      <c r="A5179" s="11"/>
      <c r="B5179" s="20"/>
      <c r="C5179" s="2" t="s">
        <v>15999</v>
      </c>
      <c r="D5179" s="14" t="s">
        <v>16000</v>
      </c>
      <c r="E5179" s="2" t="s">
        <v>16001</v>
      </c>
      <c r="F5179" s="2" t="s">
        <v>7449</v>
      </c>
      <c r="G5179" s="8">
        <v>224</v>
      </c>
      <c r="H5179" s="5">
        <v>6</v>
      </c>
      <c r="I5179" s="5" t="s">
        <v>1518</v>
      </c>
      <c r="J5179" s="5" t="s">
        <v>1519</v>
      </c>
      <c r="K5179" s="2" t="s">
        <v>1520</v>
      </c>
      <c r="L5179" s="5" t="s">
        <v>1519</v>
      </c>
      <c r="M5179" s="2" t="s">
        <v>1520</v>
      </c>
      <c r="N5179" s="5" t="s">
        <v>1521</v>
      </c>
      <c r="O5179" s="5" t="s">
        <v>38</v>
      </c>
      <c r="P5179" s="5" t="s">
        <v>39</v>
      </c>
      <c r="Q5179" s="5" t="s">
        <v>40</v>
      </c>
      <c r="R5179" s="5" t="s">
        <v>1522</v>
      </c>
      <c r="S5179" s="5" t="s">
        <v>1523</v>
      </c>
      <c r="T5179" s="5" t="s">
        <v>42</v>
      </c>
      <c r="U5179" s="2">
        <v>1.9319999999999999</v>
      </c>
      <c r="V5179" s="2">
        <v>1.47</v>
      </c>
      <c r="W5179" s="2">
        <v>0.01</v>
      </c>
      <c r="X5179" s="2">
        <v>76.900000000000006</v>
      </c>
      <c r="Y5179" s="2">
        <v>7.6</v>
      </c>
      <c r="Z5179" s="2">
        <v>16.7</v>
      </c>
      <c r="AA5179" s="5"/>
      <c r="AB5179" s="5" t="s">
        <v>43</v>
      </c>
      <c r="AC5179" s="5" t="s">
        <v>44</v>
      </c>
      <c r="AD5179" s="2"/>
      <c r="AE5179" s="1"/>
    </row>
    <row r="5180" spans="1:31" ht="14.45">
      <c r="A5180" s="11"/>
      <c r="B5180" s="20"/>
      <c r="C5180" s="2" t="s">
        <v>16002</v>
      </c>
      <c r="D5180" s="14" t="s">
        <v>16003</v>
      </c>
      <c r="E5180" s="2" t="s">
        <v>16004</v>
      </c>
      <c r="F5180" s="2" t="s">
        <v>7585</v>
      </c>
      <c r="G5180" s="8">
        <v>224</v>
      </c>
      <c r="H5180" s="5">
        <v>6</v>
      </c>
      <c r="I5180" s="5" t="s">
        <v>1518</v>
      </c>
      <c r="J5180" s="5" t="s">
        <v>1519</v>
      </c>
      <c r="K5180" s="2" t="s">
        <v>1520</v>
      </c>
      <c r="L5180" s="5" t="s">
        <v>1519</v>
      </c>
      <c r="M5180" s="2" t="s">
        <v>1520</v>
      </c>
      <c r="N5180" s="5" t="s">
        <v>1521</v>
      </c>
      <c r="O5180" s="5" t="s">
        <v>38</v>
      </c>
      <c r="P5180" s="5" t="s">
        <v>39</v>
      </c>
      <c r="Q5180" s="5" t="s">
        <v>40</v>
      </c>
      <c r="R5180" s="5" t="s">
        <v>1522</v>
      </c>
      <c r="S5180" s="5" t="s">
        <v>1523</v>
      </c>
      <c r="T5180" s="5" t="s">
        <v>42</v>
      </c>
      <c r="U5180" s="2">
        <v>1.925</v>
      </c>
      <c r="V5180" s="2">
        <v>1.4630000000000001</v>
      </c>
      <c r="W5180" s="2">
        <v>0.01</v>
      </c>
      <c r="X5180" s="2">
        <v>76.900000000000006</v>
      </c>
      <c r="Y5180" s="2">
        <v>7.6</v>
      </c>
      <c r="Z5180" s="2">
        <v>16.7</v>
      </c>
      <c r="AA5180" s="5"/>
      <c r="AB5180" s="5" t="s">
        <v>43</v>
      </c>
      <c r="AC5180" s="5" t="s">
        <v>44</v>
      </c>
      <c r="AD5180" s="2"/>
      <c r="AE5180" s="1"/>
    </row>
    <row r="5181" spans="1:31" ht="14.45">
      <c r="A5181" s="11"/>
      <c r="B5181" s="20"/>
      <c r="C5181" s="2" t="s">
        <v>16005</v>
      </c>
      <c r="D5181" s="14" t="s">
        <v>16006</v>
      </c>
      <c r="E5181" s="2" t="s">
        <v>16007</v>
      </c>
      <c r="F5181" s="2" t="s">
        <v>7589</v>
      </c>
      <c r="G5181" s="8">
        <v>224</v>
      </c>
      <c r="H5181" s="5">
        <v>6</v>
      </c>
      <c r="I5181" s="5" t="s">
        <v>1518</v>
      </c>
      <c r="J5181" s="5" t="s">
        <v>1519</v>
      </c>
      <c r="K5181" s="2" t="s">
        <v>1520</v>
      </c>
      <c r="L5181" s="5" t="s">
        <v>1519</v>
      </c>
      <c r="M5181" s="2" t="s">
        <v>1520</v>
      </c>
      <c r="N5181" s="5" t="s">
        <v>1521</v>
      </c>
      <c r="O5181" s="5" t="s">
        <v>38</v>
      </c>
      <c r="P5181" s="5" t="s">
        <v>39</v>
      </c>
      <c r="Q5181" s="5" t="s">
        <v>40</v>
      </c>
      <c r="R5181" s="5" t="s">
        <v>1522</v>
      </c>
      <c r="S5181" s="5" t="s">
        <v>1523</v>
      </c>
      <c r="T5181" s="5" t="s">
        <v>42</v>
      </c>
      <c r="U5181" s="2">
        <v>1.972</v>
      </c>
      <c r="V5181" s="2">
        <v>1.51</v>
      </c>
      <c r="W5181" s="2">
        <v>0.01</v>
      </c>
      <c r="X5181" s="2">
        <v>76.900000000000006</v>
      </c>
      <c r="Y5181" s="2">
        <v>7.6</v>
      </c>
      <c r="Z5181" s="2">
        <v>16.7</v>
      </c>
      <c r="AA5181" s="5"/>
      <c r="AB5181" s="5" t="s">
        <v>43</v>
      </c>
      <c r="AC5181" s="5" t="s">
        <v>44</v>
      </c>
      <c r="AD5181" s="2"/>
      <c r="AE5181" s="1"/>
    </row>
    <row r="5182" spans="1:31" ht="14.45">
      <c r="A5182" s="11"/>
      <c r="B5182" s="20"/>
      <c r="C5182" s="2" t="s">
        <v>16008</v>
      </c>
      <c r="D5182" s="14" t="s">
        <v>16009</v>
      </c>
      <c r="E5182" s="2" t="s">
        <v>16010</v>
      </c>
      <c r="F5182" s="2" t="s">
        <v>7593</v>
      </c>
      <c r="G5182" s="8">
        <v>224</v>
      </c>
      <c r="H5182" s="5">
        <v>6</v>
      </c>
      <c r="I5182" s="5" t="s">
        <v>1518</v>
      </c>
      <c r="J5182" s="5" t="s">
        <v>1519</v>
      </c>
      <c r="K5182" s="2" t="s">
        <v>1520</v>
      </c>
      <c r="L5182" s="5" t="s">
        <v>1519</v>
      </c>
      <c r="M5182" s="2" t="s">
        <v>1520</v>
      </c>
      <c r="N5182" s="5" t="s">
        <v>1521</v>
      </c>
      <c r="O5182" s="5" t="s">
        <v>38</v>
      </c>
      <c r="P5182" s="5" t="s">
        <v>39</v>
      </c>
      <c r="Q5182" s="5" t="s">
        <v>40</v>
      </c>
      <c r="R5182" s="5" t="s">
        <v>1522</v>
      </c>
      <c r="S5182" s="5" t="s">
        <v>1523</v>
      </c>
      <c r="T5182" s="5" t="s">
        <v>42</v>
      </c>
      <c r="U5182" s="2">
        <v>1.9319999999999999</v>
      </c>
      <c r="V5182" s="2">
        <v>1.47</v>
      </c>
      <c r="W5182" s="2">
        <v>0.01</v>
      </c>
      <c r="X5182" s="2">
        <v>76.900000000000006</v>
      </c>
      <c r="Y5182" s="2">
        <v>7.6</v>
      </c>
      <c r="Z5182" s="2">
        <v>16.7</v>
      </c>
      <c r="AA5182" s="5"/>
      <c r="AB5182" s="5" t="s">
        <v>43</v>
      </c>
      <c r="AC5182" s="5" t="s">
        <v>44</v>
      </c>
      <c r="AD5182" s="2"/>
      <c r="AE5182" s="1"/>
    </row>
    <row r="5183" spans="1:31" ht="14.45">
      <c r="A5183" s="11"/>
      <c r="B5183" s="20"/>
      <c r="C5183" s="2" t="s">
        <v>16011</v>
      </c>
      <c r="D5183" s="14" t="s">
        <v>16012</v>
      </c>
      <c r="E5183" s="2" t="s">
        <v>16013</v>
      </c>
      <c r="F5183" s="2" t="s">
        <v>16014</v>
      </c>
      <c r="G5183" s="8">
        <v>224</v>
      </c>
      <c r="H5183" s="5">
        <v>6</v>
      </c>
      <c r="I5183" s="5" t="s">
        <v>1518</v>
      </c>
      <c r="J5183" s="5" t="s">
        <v>1519</v>
      </c>
      <c r="K5183" s="2" t="s">
        <v>1520</v>
      </c>
      <c r="L5183" s="5" t="s">
        <v>1519</v>
      </c>
      <c r="M5183" s="2" t="s">
        <v>1520</v>
      </c>
      <c r="N5183" s="5" t="s">
        <v>1521</v>
      </c>
      <c r="O5183" s="5" t="s">
        <v>38</v>
      </c>
      <c r="P5183" s="5" t="s">
        <v>39</v>
      </c>
      <c r="Q5183" s="5" t="s">
        <v>40</v>
      </c>
      <c r="R5183" s="5" t="s">
        <v>1522</v>
      </c>
      <c r="S5183" s="5" t="s">
        <v>1523</v>
      </c>
      <c r="T5183" s="5" t="s">
        <v>42</v>
      </c>
      <c r="U5183" s="2">
        <v>1.9319999999999999</v>
      </c>
      <c r="V5183" s="2">
        <v>1.47</v>
      </c>
      <c r="W5183" s="2">
        <v>0.01</v>
      </c>
      <c r="X5183" s="2">
        <v>76.900000000000006</v>
      </c>
      <c r="Y5183" s="2">
        <v>7.6</v>
      </c>
      <c r="Z5183" s="2">
        <v>16.7</v>
      </c>
      <c r="AA5183" s="5"/>
      <c r="AB5183" s="5" t="s">
        <v>43</v>
      </c>
      <c r="AC5183" s="5" t="s">
        <v>44</v>
      </c>
      <c r="AD5183" s="2"/>
      <c r="AE5183" s="1"/>
    </row>
    <row r="5184" spans="1:31" ht="14.45">
      <c r="A5184" s="11"/>
      <c r="B5184" s="20"/>
      <c r="C5184" s="2" t="s">
        <v>16015</v>
      </c>
      <c r="D5184" s="14" t="s">
        <v>16016</v>
      </c>
      <c r="E5184" s="2" t="s">
        <v>16017</v>
      </c>
      <c r="F5184" s="2" t="s">
        <v>16018</v>
      </c>
      <c r="G5184" s="8">
        <v>224</v>
      </c>
      <c r="H5184" s="5">
        <v>6</v>
      </c>
      <c r="I5184" s="5" t="s">
        <v>1518</v>
      </c>
      <c r="J5184" s="5" t="s">
        <v>1519</v>
      </c>
      <c r="K5184" s="2" t="s">
        <v>1520</v>
      </c>
      <c r="L5184" s="5" t="s">
        <v>1519</v>
      </c>
      <c r="M5184" s="2" t="s">
        <v>1520</v>
      </c>
      <c r="N5184" s="5" t="s">
        <v>1521</v>
      </c>
      <c r="O5184" s="5" t="s">
        <v>38</v>
      </c>
      <c r="P5184" s="5" t="s">
        <v>39</v>
      </c>
      <c r="Q5184" s="5" t="s">
        <v>40</v>
      </c>
      <c r="R5184" s="5" t="s">
        <v>1522</v>
      </c>
      <c r="S5184" s="5" t="s">
        <v>1523</v>
      </c>
      <c r="T5184" s="5" t="s">
        <v>42</v>
      </c>
      <c r="U5184" s="2">
        <v>1.9319999999999999</v>
      </c>
      <c r="V5184" s="2">
        <v>1.47</v>
      </c>
      <c r="W5184" s="2">
        <v>0.01</v>
      </c>
      <c r="X5184" s="2">
        <v>76.900000000000006</v>
      </c>
      <c r="Y5184" s="2">
        <v>7.6</v>
      </c>
      <c r="Z5184" s="2">
        <v>16.7</v>
      </c>
      <c r="AA5184" s="5"/>
      <c r="AB5184" s="5" t="s">
        <v>43</v>
      </c>
      <c r="AC5184" s="5" t="s">
        <v>44</v>
      </c>
      <c r="AD5184" s="2"/>
      <c r="AE5184" s="1"/>
    </row>
    <row r="5185" spans="1:31" ht="14.45">
      <c r="A5185" s="11"/>
      <c r="B5185" s="20"/>
      <c r="C5185" s="2" t="s">
        <v>16019</v>
      </c>
      <c r="D5185" s="14" t="s">
        <v>16020</v>
      </c>
      <c r="E5185" s="2" t="s">
        <v>16021</v>
      </c>
      <c r="F5185" s="2" t="s">
        <v>16022</v>
      </c>
      <c r="G5185" s="8">
        <v>224</v>
      </c>
      <c r="H5185" s="5">
        <v>6</v>
      </c>
      <c r="I5185" s="5" t="s">
        <v>1518</v>
      </c>
      <c r="J5185" s="5" t="s">
        <v>1519</v>
      </c>
      <c r="K5185" s="2" t="s">
        <v>1520</v>
      </c>
      <c r="L5185" s="5" t="s">
        <v>1519</v>
      </c>
      <c r="M5185" s="2" t="s">
        <v>1520</v>
      </c>
      <c r="N5185" s="5" t="s">
        <v>1521</v>
      </c>
      <c r="O5185" s="5" t="s">
        <v>38</v>
      </c>
      <c r="P5185" s="5" t="s">
        <v>39</v>
      </c>
      <c r="Q5185" s="5" t="s">
        <v>40</v>
      </c>
      <c r="R5185" s="5" t="s">
        <v>1522</v>
      </c>
      <c r="S5185" s="5" t="s">
        <v>1523</v>
      </c>
      <c r="T5185" s="5" t="s">
        <v>42</v>
      </c>
      <c r="U5185" s="2">
        <v>1.9790000000000001</v>
      </c>
      <c r="V5185" s="2">
        <v>1.5169999999999999</v>
      </c>
      <c r="W5185" s="2">
        <v>0.01</v>
      </c>
      <c r="X5185" s="2">
        <v>76.900000000000006</v>
      </c>
      <c r="Y5185" s="2">
        <v>7.6</v>
      </c>
      <c r="Z5185" s="2">
        <v>16.7</v>
      </c>
      <c r="AA5185" s="5"/>
      <c r="AB5185" s="5" t="s">
        <v>43</v>
      </c>
      <c r="AC5185" s="5" t="s">
        <v>44</v>
      </c>
      <c r="AD5185" s="2"/>
      <c r="AE5185" s="1"/>
    </row>
    <row r="5186" spans="1:31" ht="14.45">
      <c r="A5186" s="11"/>
      <c r="B5186" s="20"/>
      <c r="C5186" s="2" t="s">
        <v>16023</v>
      </c>
      <c r="D5186" s="14" t="s">
        <v>16024</v>
      </c>
      <c r="E5186" s="2" t="s">
        <v>16025</v>
      </c>
      <c r="F5186" s="2" t="s">
        <v>7619</v>
      </c>
      <c r="G5186" s="8">
        <v>224</v>
      </c>
      <c r="H5186" s="5">
        <v>6</v>
      </c>
      <c r="I5186" s="5" t="s">
        <v>1518</v>
      </c>
      <c r="J5186" s="5" t="s">
        <v>1519</v>
      </c>
      <c r="K5186" s="2" t="s">
        <v>1520</v>
      </c>
      <c r="L5186" s="5" t="s">
        <v>1519</v>
      </c>
      <c r="M5186" s="2" t="s">
        <v>1520</v>
      </c>
      <c r="N5186" s="5" t="s">
        <v>1521</v>
      </c>
      <c r="O5186" s="5" t="s">
        <v>38</v>
      </c>
      <c r="P5186" s="5" t="s">
        <v>39</v>
      </c>
      <c r="Q5186" s="5" t="s">
        <v>40</v>
      </c>
      <c r="R5186" s="5" t="s">
        <v>1522</v>
      </c>
      <c r="S5186" s="5" t="s">
        <v>1523</v>
      </c>
      <c r="T5186" s="5" t="s">
        <v>42</v>
      </c>
      <c r="U5186" s="2">
        <v>1.972</v>
      </c>
      <c r="V5186" s="2">
        <v>1.51</v>
      </c>
      <c r="W5186" s="2">
        <v>0.01</v>
      </c>
      <c r="X5186" s="2">
        <v>76.900000000000006</v>
      </c>
      <c r="Y5186" s="2">
        <v>7.6</v>
      </c>
      <c r="Z5186" s="2">
        <v>16.7</v>
      </c>
      <c r="AA5186" s="5"/>
      <c r="AB5186" s="5" t="s">
        <v>43</v>
      </c>
      <c r="AC5186" s="5" t="s">
        <v>44</v>
      </c>
      <c r="AD5186" s="2"/>
      <c r="AE5186" s="1"/>
    </row>
    <row r="5187" spans="1:31" ht="14.45">
      <c r="A5187" s="11"/>
      <c r="B5187" s="20"/>
      <c r="C5187" s="2" t="s">
        <v>16026</v>
      </c>
      <c r="D5187" s="14" t="s">
        <v>16027</v>
      </c>
      <c r="E5187" s="2" t="s">
        <v>16028</v>
      </c>
      <c r="F5187" s="2" t="s">
        <v>16029</v>
      </c>
      <c r="G5187" s="8">
        <v>224</v>
      </c>
      <c r="H5187" s="5">
        <v>11</v>
      </c>
      <c r="I5187" s="5" t="s">
        <v>1518</v>
      </c>
      <c r="J5187" s="5" t="s">
        <v>1519</v>
      </c>
      <c r="K5187" s="2" t="s">
        <v>1520</v>
      </c>
      <c r="L5187" s="5" t="s">
        <v>1519</v>
      </c>
      <c r="M5187" s="2" t="s">
        <v>1520</v>
      </c>
      <c r="N5187" s="5" t="s">
        <v>1521</v>
      </c>
      <c r="O5187" s="5" t="s">
        <v>38</v>
      </c>
      <c r="P5187" s="5" t="s">
        <v>39</v>
      </c>
      <c r="Q5187" s="5" t="s">
        <v>40</v>
      </c>
      <c r="R5187" s="5" t="s">
        <v>1522</v>
      </c>
      <c r="S5187" s="5" t="s">
        <v>1523</v>
      </c>
      <c r="T5187" s="5" t="s">
        <v>42</v>
      </c>
      <c r="U5187" s="2">
        <v>1.9510000000000001</v>
      </c>
      <c r="V5187" s="2">
        <v>1.4890000000000001</v>
      </c>
      <c r="W5187" s="2">
        <v>0.01</v>
      </c>
      <c r="X5187" s="2">
        <v>76.900000000000006</v>
      </c>
      <c r="Y5187" s="2">
        <v>7.6</v>
      </c>
      <c r="Z5187" s="2">
        <v>16.7</v>
      </c>
      <c r="AA5187" s="5"/>
      <c r="AB5187" s="5" t="s">
        <v>43</v>
      </c>
      <c r="AC5187" s="5" t="s">
        <v>44</v>
      </c>
      <c r="AD5187" s="2"/>
      <c r="AE5187" s="1"/>
    </row>
    <row r="5188" spans="1:31" ht="14.45">
      <c r="A5188" s="11"/>
      <c r="B5188" s="20"/>
      <c r="C5188" s="2" t="s">
        <v>16030</v>
      </c>
      <c r="D5188" s="14" t="s">
        <v>16031</v>
      </c>
      <c r="E5188" s="2" t="s">
        <v>16032</v>
      </c>
      <c r="F5188" s="2" t="s">
        <v>16033</v>
      </c>
      <c r="G5188" s="8">
        <v>224</v>
      </c>
      <c r="H5188" s="5">
        <v>11</v>
      </c>
      <c r="I5188" s="5" t="s">
        <v>1518</v>
      </c>
      <c r="J5188" s="5" t="s">
        <v>1519</v>
      </c>
      <c r="K5188" s="2" t="s">
        <v>1520</v>
      </c>
      <c r="L5188" s="5" t="s">
        <v>1519</v>
      </c>
      <c r="M5188" s="2" t="s">
        <v>1520</v>
      </c>
      <c r="N5188" s="5" t="s">
        <v>1521</v>
      </c>
      <c r="O5188" s="5" t="s">
        <v>38</v>
      </c>
      <c r="P5188" s="5" t="s">
        <v>39</v>
      </c>
      <c r="Q5188" s="5" t="s">
        <v>40</v>
      </c>
      <c r="R5188" s="5" t="s">
        <v>1522</v>
      </c>
      <c r="S5188" s="5" t="s">
        <v>1523</v>
      </c>
      <c r="T5188" s="5" t="s">
        <v>42</v>
      </c>
      <c r="U5188" s="2">
        <v>1.998</v>
      </c>
      <c r="V5188" s="2">
        <v>1.536</v>
      </c>
      <c r="W5188" s="2">
        <v>0.01</v>
      </c>
      <c r="X5188" s="2">
        <v>76.900000000000006</v>
      </c>
      <c r="Y5188" s="2">
        <v>7.6</v>
      </c>
      <c r="Z5188" s="2">
        <v>16.7</v>
      </c>
      <c r="AA5188" s="5"/>
      <c r="AB5188" s="5" t="s">
        <v>43</v>
      </c>
      <c r="AC5188" s="5" t="s">
        <v>44</v>
      </c>
      <c r="AD5188" s="2"/>
      <c r="AE5188" s="1"/>
    </row>
    <row r="5189" spans="1:31" ht="14.45">
      <c r="A5189" s="11"/>
      <c r="B5189" s="20"/>
      <c r="C5189" s="2" t="s">
        <v>16034</v>
      </c>
      <c r="D5189" s="14" t="s">
        <v>16035</v>
      </c>
      <c r="E5189" s="2" t="s">
        <v>16036</v>
      </c>
      <c r="F5189" s="2" t="s">
        <v>7396</v>
      </c>
      <c r="G5189" s="8">
        <v>223</v>
      </c>
      <c r="H5189" s="5">
        <v>6</v>
      </c>
      <c r="I5189" s="5" t="s">
        <v>1518</v>
      </c>
      <c r="J5189" s="5" t="s">
        <v>1519</v>
      </c>
      <c r="K5189" s="2" t="s">
        <v>1520</v>
      </c>
      <c r="L5189" s="5" t="s">
        <v>1519</v>
      </c>
      <c r="M5189" s="2" t="s">
        <v>1520</v>
      </c>
      <c r="N5189" s="5" t="s">
        <v>1521</v>
      </c>
      <c r="O5189" s="5" t="s">
        <v>38</v>
      </c>
      <c r="P5189" s="5" t="s">
        <v>39</v>
      </c>
      <c r="Q5189" s="5" t="s">
        <v>40</v>
      </c>
      <c r="R5189" s="5" t="s">
        <v>1522</v>
      </c>
      <c r="S5189" s="5" t="s">
        <v>1523</v>
      </c>
      <c r="T5189" s="5" t="s">
        <v>42</v>
      </c>
      <c r="U5189" s="2">
        <v>2.081</v>
      </c>
      <c r="V5189" s="2">
        <v>1.625</v>
      </c>
      <c r="W5189" s="2">
        <v>0.01</v>
      </c>
      <c r="X5189" s="2">
        <v>76.900000000000006</v>
      </c>
      <c r="Y5189" s="2">
        <v>7.6</v>
      </c>
      <c r="Z5189" s="2">
        <v>16.7</v>
      </c>
      <c r="AA5189" s="5"/>
      <c r="AB5189" s="5" t="s">
        <v>43</v>
      </c>
      <c r="AC5189" s="5" t="s">
        <v>44</v>
      </c>
      <c r="AD5189" s="2"/>
      <c r="AE5189" s="1"/>
    </row>
    <row r="5190" spans="1:31" ht="14.45">
      <c r="A5190" s="11"/>
      <c r="B5190" s="20"/>
      <c r="C5190" s="2" t="s">
        <v>16037</v>
      </c>
      <c r="D5190" s="14" t="s">
        <v>16038</v>
      </c>
      <c r="E5190" s="2" t="s">
        <v>16039</v>
      </c>
      <c r="F5190" s="2" t="s">
        <v>7507</v>
      </c>
      <c r="G5190" s="8">
        <v>223</v>
      </c>
      <c r="H5190" s="5">
        <v>6</v>
      </c>
      <c r="I5190" s="5" t="s">
        <v>1518</v>
      </c>
      <c r="J5190" s="5" t="s">
        <v>1519</v>
      </c>
      <c r="K5190" s="2" t="s">
        <v>1520</v>
      </c>
      <c r="L5190" s="5" t="s">
        <v>1519</v>
      </c>
      <c r="M5190" s="2" t="s">
        <v>1520</v>
      </c>
      <c r="N5190" s="5" t="s">
        <v>1521</v>
      </c>
      <c r="O5190" s="5" t="s">
        <v>38</v>
      </c>
      <c r="P5190" s="5" t="s">
        <v>39</v>
      </c>
      <c r="Q5190" s="5" t="s">
        <v>40</v>
      </c>
      <c r="R5190" s="5" t="s">
        <v>1522</v>
      </c>
      <c r="S5190" s="5" t="s">
        <v>1523</v>
      </c>
      <c r="T5190" s="5" t="s">
        <v>42</v>
      </c>
      <c r="U5190" s="2">
        <v>2.1389999999999998</v>
      </c>
      <c r="V5190" s="2">
        <v>1.6830000000000001</v>
      </c>
      <c r="W5190" s="2">
        <v>0.01</v>
      </c>
      <c r="X5190" s="2">
        <v>76.900000000000006</v>
      </c>
      <c r="Y5190" s="2">
        <v>7.6</v>
      </c>
      <c r="Z5190" s="2">
        <v>16.7</v>
      </c>
      <c r="AA5190" s="5"/>
      <c r="AB5190" s="5" t="s">
        <v>43</v>
      </c>
      <c r="AC5190" s="5" t="s">
        <v>44</v>
      </c>
      <c r="AD5190" s="2"/>
      <c r="AE5190" s="1"/>
    </row>
    <row r="5191" spans="1:31" ht="14.45">
      <c r="A5191" s="11"/>
      <c r="B5191" s="20"/>
      <c r="C5191" s="2" t="s">
        <v>16040</v>
      </c>
      <c r="D5191" s="14" t="s">
        <v>16041</v>
      </c>
      <c r="E5191" s="2" t="s">
        <v>16042</v>
      </c>
      <c r="F5191" s="2" t="s">
        <v>7204</v>
      </c>
      <c r="G5191" s="8">
        <v>223</v>
      </c>
      <c r="H5191" s="5">
        <v>6</v>
      </c>
      <c r="I5191" s="5" t="s">
        <v>1518</v>
      </c>
      <c r="J5191" s="5" t="s">
        <v>1519</v>
      </c>
      <c r="K5191" s="2" t="s">
        <v>1520</v>
      </c>
      <c r="L5191" s="5" t="s">
        <v>1519</v>
      </c>
      <c r="M5191" s="2" t="s">
        <v>1520</v>
      </c>
      <c r="N5191" s="5" t="s">
        <v>1521</v>
      </c>
      <c r="O5191" s="5" t="s">
        <v>38</v>
      </c>
      <c r="P5191" s="5" t="s">
        <v>39</v>
      </c>
      <c r="Q5191" s="5" t="s">
        <v>40</v>
      </c>
      <c r="R5191" s="5" t="s">
        <v>1522</v>
      </c>
      <c r="S5191" s="5" t="s">
        <v>1523</v>
      </c>
      <c r="T5191" s="5" t="s">
        <v>42</v>
      </c>
      <c r="U5191" s="2">
        <v>2.0830000000000002</v>
      </c>
      <c r="V5191" s="2">
        <v>1.627</v>
      </c>
      <c r="W5191" s="2">
        <v>0.01</v>
      </c>
      <c r="X5191" s="2">
        <v>76.900000000000006</v>
      </c>
      <c r="Y5191" s="2">
        <v>7.6</v>
      </c>
      <c r="Z5191" s="2">
        <v>16.7</v>
      </c>
      <c r="AA5191" s="5"/>
      <c r="AB5191" s="5" t="s">
        <v>43</v>
      </c>
      <c r="AC5191" s="5" t="s">
        <v>44</v>
      </c>
      <c r="AD5191" s="2"/>
      <c r="AE5191" s="1"/>
    </row>
    <row r="5192" spans="1:31" ht="14.45">
      <c r="A5192" s="11"/>
      <c r="B5192" s="20"/>
      <c r="C5192" s="2" t="s">
        <v>16043</v>
      </c>
      <c r="D5192" s="14" t="s">
        <v>16044</v>
      </c>
      <c r="E5192" s="2" t="s">
        <v>16045</v>
      </c>
      <c r="F5192" s="2" t="s">
        <v>7514</v>
      </c>
      <c r="G5192" s="8">
        <v>223</v>
      </c>
      <c r="H5192" s="5">
        <v>6</v>
      </c>
      <c r="I5192" s="5" t="s">
        <v>1518</v>
      </c>
      <c r="J5192" s="5" t="s">
        <v>1519</v>
      </c>
      <c r="K5192" s="2" t="s">
        <v>1520</v>
      </c>
      <c r="L5192" s="5" t="s">
        <v>1519</v>
      </c>
      <c r="M5192" s="2" t="s">
        <v>1520</v>
      </c>
      <c r="N5192" s="5" t="s">
        <v>1521</v>
      </c>
      <c r="O5192" s="5" t="s">
        <v>38</v>
      </c>
      <c r="P5192" s="5" t="s">
        <v>39</v>
      </c>
      <c r="Q5192" s="5" t="s">
        <v>40</v>
      </c>
      <c r="R5192" s="5" t="s">
        <v>1522</v>
      </c>
      <c r="S5192" s="5" t="s">
        <v>1523</v>
      </c>
      <c r="T5192" s="5" t="s">
        <v>42</v>
      </c>
      <c r="U5192" s="2">
        <v>2.141</v>
      </c>
      <c r="V5192" s="2">
        <v>1.6850000000000001</v>
      </c>
      <c r="W5192" s="2">
        <v>0.01</v>
      </c>
      <c r="X5192" s="2">
        <v>76.900000000000006</v>
      </c>
      <c r="Y5192" s="2">
        <v>7.6</v>
      </c>
      <c r="Z5192" s="2">
        <v>16.7</v>
      </c>
      <c r="AA5192" s="5"/>
      <c r="AB5192" s="5" t="s">
        <v>43</v>
      </c>
      <c r="AC5192" s="5" t="s">
        <v>44</v>
      </c>
      <c r="AD5192" s="2"/>
      <c r="AE5192" s="1"/>
    </row>
    <row r="5193" spans="1:31" ht="14.45">
      <c r="A5193" s="11"/>
      <c r="B5193" s="20"/>
      <c r="C5193" s="2" t="s">
        <v>16046</v>
      </c>
      <c r="D5193" s="14" t="s">
        <v>16047</v>
      </c>
      <c r="E5193" s="2" t="s">
        <v>16048</v>
      </c>
      <c r="F5193" s="2" t="s">
        <v>7208</v>
      </c>
      <c r="G5193" s="8">
        <v>223</v>
      </c>
      <c r="H5193" s="5">
        <v>6</v>
      </c>
      <c r="I5193" s="5" t="s">
        <v>1518</v>
      </c>
      <c r="J5193" s="5" t="s">
        <v>1519</v>
      </c>
      <c r="K5193" s="2" t="s">
        <v>1520</v>
      </c>
      <c r="L5193" s="5" t="s">
        <v>1519</v>
      </c>
      <c r="M5193" s="2" t="s">
        <v>1520</v>
      </c>
      <c r="N5193" s="5" t="s">
        <v>1521</v>
      </c>
      <c r="O5193" s="5" t="s">
        <v>38</v>
      </c>
      <c r="P5193" s="5" t="s">
        <v>39</v>
      </c>
      <c r="Q5193" s="5" t="s">
        <v>40</v>
      </c>
      <c r="R5193" s="5" t="s">
        <v>1522</v>
      </c>
      <c r="S5193" s="5" t="s">
        <v>1523</v>
      </c>
      <c r="T5193" s="5" t="s">
        <v>42</v>
      </c>
      <c r="U5193" s="2">
        <v>2.0830000000000002</v>
      </c>
      <c r="V5193" s="2">
        <v>1.627</v>
      </c>
      <c r="W5193" s="2">
        <v>0.01</v>
      </c>
      <c r="X5193" s="2">
        <v>76.900000000000006</v>
      </c>
      <c r="Y5193" s="2">
        <v>7.6</v>
      </c>
      <c r="Z5193" s="2">
        <v>16.7</v>
      </c>
      <c r="AA5193" s="5"/>
      <c r="AB5193" s="5" t="s">
        <v>43</v>
      </c>
      <c r="AC5193" s="5" t="s">
        <v>44</v>
      </c>
      <c r="AD5193" s="2"/>
      <c r="AE5193" s="1"/>
    </row>
    <row r="5194" spans="1:31" ht="14.45">
      <c r="A5194" s="11"/>
      <c r="B5194" s="20"/>
      <c r="C5194" s="2" t="s">
        <v>16049</v>
      </c>
      <c r="D5194" s="14" t="s">
        <v>16050</v>
      </c>
      <c r="E5194" s="2" t="s">
        <v>16051</v>
      </c>
      <c r="F5194" s="2" t="s">
        <v>7521</v>
      </c>
      <c r="G5194" s="8">
        <v>223</v>
      </c>
      <c r="H5194" s="5">
        <v>6</v>
      </c>
      <c r="I5194" s="5" t="s">
        <v>1518</v>
      </c>
      <c r="J5194" s="5" t="s">
        <v>1519</v>
      </c>
      <c r="K5194" s="2" t="s">
        <v>1520</v>
      </c>
      <c r="L5194" s="5" t="s">
        <v>1519</v>
      </c>
      <c r="M5194" s="2" t="s">
        <v>1520</v>
      </c>
      <c r="N5194" s="5" t="s">
        <v>1521</v>
      </c>
      <c r="O5194" s="5" t="s">
        <v>38</v>
      </c>
      <c r="P5194" s="5" t="s">
        <v>39</v>
      </c>
      <c r="Q5194" s="5" t="s">
        <v>40</v>
      </c>
      <c r="R5194" s="5" t="s">
        <v>1522</v>
      </c>
      <c r="S5194" s="5" t="s">
        <v>1523</v>
      </c>
      <c r="T5194" s="5" t="s">
        <v>42</v>
      </c>
      <c r="U5194" s="2">
        <v>2.141</v>
      </c>
      <c r="V5194" s="2">
        <v>1.6850000000000001</v>
      </c>
      <c r="W5194" s="2">
        <v>0.01</v>
      </c>
      <c r="X5194" s="2">
        <v>76.900000000000006</v>
      </c>
      <c r="Y5194" s="2">
        <v>7.6</v>
      </c>
      <c r="Z5194" s="2">
        <v>16.7</v>
      </c>
      <c r="AA5194" s="5"/>
      <c r="AB5194" s="5" t="s">
        <v>43</v>
      </c>
      <c r="AC5194" s="5" t="s">
        <v>44</v>
      </c>
      <c r="AD5194" s="2"/>
      <c r="AE5194" s="1"/>
    </row>
    <row r="5195" spans="1:31" ht="14.45">
      <c r="A5195" s="11"/>
      <c r="B5195" s="20"/>
      <c r="C5195" s="2" t="s">
        <v>16052</v>
      </c>
      <c r="D5195" s="14" t="s">
        <v>16053</v>
      </c>
      <c r="E5195" s="2" t="s">
        <v>16054</v>
      </c>
      <c r="F5195" s="2" t="s">
        <v>7212</v>
      </c>
      <c r="G5195" s="8">
        <v>223</v>
      </c>
      <c r="H5195" s="5">
        <v>6</v>
      </c>
      <c r="I5195" s="5" t="s">
        <v>1518</v>
      </c>
      <c r="J5195" s="5" t="s">
        <v>1519</v>
      </c>
      <c r="K5195" s="2" t="s">
        <v>1520</v>
      </c>
      <c r="L5195" s="5" t="s">
        <v>1519</v>
      </c>
      <c r="M5195" s="2" t="s">
        <v>1520</v>
      </c>
      <c r="N5195" s="5" t="s">
        <v>1521</v>
      </c>
      <c r="O5195" s="5" t="s">
        <v>38</v>
      </c>
      <c r="P5195" s="5" t="s">
        <v>39</v>
      </c>
      <c r="Q5195" s="5" t="s">
        <v>40</v>
      </c>
      <c r="R5195" s="5" t="s">
        <v>1522</v>
      </c>
      <c r="S5195" s="5" t="s">
        <v>1523</v>
      </c>
      <c r="T5195" s="5" t="s">
        <v>42</v>
      </c>
      <c r="U5195" s="2">
        <v>2.0739999999999998</v>
      </c>
      <c r="V5195" s="2">
        <v>1.6180000000000001</v>
      </c>
      <c r="W5195" s="2">
        <v>0.01</v>
      </c>
      <c r="X5195" s="2">
        <v>76.900000000000006</v>
      </c>
      <c r="Y5195" s="2">
        <v>7.6</v>
      </c>
      <c r="Z5195" s="2">
        <v>16.7</v>
      </c>
      <c r="AA5195" s="5"/>
      <c r="AB5195" s="5" t="s">
        <v>43</v>
      </c>
      <c r="AC5195" s="5" t="s">
        <v>44</v>
      </c>
      <c r="AD5195" s="2"/>
      <c r="AE5195" s="1"/>
    </row>
    <row r="5196" spans="1:31" ht="14.45">
      <c r="A5196" s="11"/>
      <c r="B5196" s="20"/>
      <c r="C5196" s="2" t="s">
        <v>16055</v>
      </c>
      <c r="D5196" s="14" t="s">
        <v>16056</v>
      </c>
      <c r="E5196" s="2" t="s">
        <v>16057</v>
      </c>
      <c r="F5196" s="2" t="s">
        <v>7528</v>
      </c>
      <c r="G5196" s="8">
        <v>223</v>
      </c>
      <c r="H5196" s="5">
        <v>6</v>
      </c>
      <c r="I5196" s="5" t="s">
        <v>1518</v>
      </c>
      <c r="J5196" s="5" t="s">
        <v>1519</v>
      </c>
      <c r="K5196" s="2" t="s">
        <v>1520</v>
      </c>
      <c r="L5196" s="5" t="s">
        <v>1519</v>
      </c>
      <c r="M5196" s="2" t="s">
        <v>1520</v>
      </c>
      <c r="N5196" s="5" t="s">
        <v>1521</v>
      </c>
      <c r="O5196" s="5" t="s">
        <v>38</v>
      </c>
      <c r="P5196" s="5" t="s">
        <v>39</v>
      </c>
      <c r="Q5196" s="5" t="s">
        <v>40</v>
      </c>
      <c r="R5196" s="5" t="s">
        <v>1522</v>
      </c>
      <c r="S5196" s="5" t="s">
        <v>1523</v>
      </c>
      <c r="T5196" s="5" t="s">
        <v>42</v>
      </c>
      <c r="U5196" s="2">
        <v>2.1320000000000001</v>
      </c>
      <c r="V5196" s="2">
        <v>1.6759999999999999</v>
      </c>
      <c r="W5196" s="2">
        <v>0.01</v>
      </c>
      <c r="X5196" s="2">
        <v>76.900000000000006</v>
      </c>
      <c r="Y5196" s="2">
        <v>7.6</v>
      </c>
      <c r="Z5196" s="2">
        <v>16.7</v>
      </c>
      <c r="AA5196" s="5"/>
      <c r="AB5196" s="5" t="s">
        <v>43</v>
      </c>
      <c r="AC5196" s="5" t="s">
        <v>44</v>
      </c>
      <c r="AD5196" s="2"/>
      <c r="AE5196" s="1"/>
    </row>
    <row r="5197" spans="1:31" ht="14.45">
      <c r="A5197" s="11"/>
      <c r="B5197" s="20"/>
      <c r="C5197" s="2" t="s">
        <v>16058</v>
      </c>
      <c r="D5197" s="14" t="s">
        <v>16059</v>
      </c>
      <c r="E5197" s="2" t="s">
        <v>16060</v>
      </c>
      <c r="F5197" s="2" t="s">
        <v>7406</v>
      </c>
      <c r="G5197" s="8">
        <v>237</v>
      </c>
      <c r="H5197" s="5">
        <v>6</v>
      </c>
      <c r="I5197" s="5" t="s">
        <v>1518</v>
      </c>
      <c r="J5197" s="5" t="s">
        <v>1519</v>
      </c>
      <c r="K5197" s="2" t="s">
        <v>1520</v>
      </c>
      <c r="L5197" s="5" t="s">
        <v>1519</v>
      </c>
      <c r="M5197" s="2" t="s">
        <v>1520</v>
      </c>
      <c r="N5197" s="5" t="s">
        <v>1521</v>
      </c>
      <c r="O5197" s="5" t="s">
        <v>38</v>
      </c>
      <c r="P5197" s="5" t="s">
        <v>39</v>
      </c>
      <c r="Q5197" s="5" t="s">
        <v>40</v>
      </c>
      <c r="R5197" s="5" t="s">
        <v>1522</v>
      </c>
      <c r="S5197" s="5" t="s">
        <v>1523</v>
      </c>
      <c r="T5197" s="5" t="s">
        <v>42</v>
      </c>
      <c r="U5197" s="2">
        <v>2.0739999999999998</v>
      </c>
      <c r="V5197" s="2">
        <v>1.6180000000000001</v>
      </c>
      <c r="W5197" s="2">
        <v>0.01</v>
      </c>
      <c r="X5197" s="2">
        <v>76.900000000000006</v>
      </c>
      <c r="Y5197" s="2">
        <v>7.6</v>
      </c>
      <c r="Z5197" s="2">
        <v>16.7</v>
      </c>
      <c r="AA5197" s="5"/>
      <c r="AB5197" s="5" t="s">
        <v>43</v>
      </c>
      <c r="AC5197" s="5" t="s">
        <v>44</v>
      </c>
      <c r="AD5197" s="2"/>
      <c r="AE5197" s="1"/>
    </row>
    <row r="5198" spans="1:31" ht="14.45">
      <c r="A5198" s="11"/>
      <c r="B5198" s="20"/>
      <c r="C5198" s="2" t="s">
        <v>16061</v>
      </c>
      <c r="D5198" s="14" t="s">
        <v>16062</v>
      </c>
      <c r="E5198" s="2" t="s">
        <v>16063</v>
      </c>
      <c r="F5198" s="2" t="s">
        <v>7535</v>
      </c>
      <c r="G5198" s="8">
        <v>237</v>
      </c>
      <c r="H5198" s="5">
        <v>6</v>
      </c>
      <c r="I5198" s="5" t="s">
        <v>1518</v>
      </c>
      <c r="J5198" s="5" t="s">
        <v>1519</v>
      </c>
      <c r="K5198" s="2" t="s">
        <v>1520</v>
      </c>
      <c r="L5198" s="5" t="s">
        <v>1519</v>
      </c>
      <c r="M5198" s="2" t="s">
        <v>1520</v>
      </c>
      <c r="N5198" s="5" t="s">
        <v>1521</v>
      </c>
      <c r="O5198" s="5" t="s">
        <v>38</v>
      </c>
      <c r="P5198" s="5" t="s">
        <v>39</v>
      </c>
      <c r="Q5198" s="5" t="s">
        <v>40</v>
      </c>
      <c r="R5198" s="5" t="s">
        <v>1522</v>
      </c>
      <c r="S5198" s="5" t="s">
        <v>1523</v>
      </c>
      <c r="T5198" s="5" t="s">
        <v>42</v>
      </c>
      <c r="U5198" s="2">
        <v>2.1320000000000001</v>
      </c>
      <c r="V5198" s="2">
        <v>1.6759999999999999</v>
      </c>
      <c r="W5198" s="2">
        <v>0.01</v>
      </c>
      <c r="X5198" s="2">
        <v>76.900000000000006</v>
      </c>
      <c r="Y5198" s="2">
        <v>7.6</v>
      </c>
      <c r="Z5198" s="2">
        <v>16.7</v>
      </c>
      <c r="AA5198" s="5"/>
      <c r="AB5198" s="5" t="s">
        <v>43</v>
      </c>
      <c r="AC5198" s="5" t="s">
        <v>44</v>
      </c>
      <c r="AD5198" s="2"/>
      <c r="AE5198" s="1"/>
    </row>
    <row r="5199" spans="1:31" ht="14.45">
      <c r="A5199" s="11"/>
      <c r="B5199" s="20"/>
      <c r="C5199" s="2" t="s">
        <v>16064</v>
      </c>
      <c r="D5199" s="14" t="s">
        <v>16065</v>
      </c>
      <c r="E5199" s="2" t="s">
        <v>16066</v>
      </c>
      <c r="F5199" s="2" t="s">
        <v>7539</v>
      </c>
      <c r="G5199" s="8">
        <v>237</v>
      </c>
      <c r="H5199" s="5">
        <v>6</v>
      </c>
      <c r="I5199" s="5" t="s">
        <v>1518</v>
      </c>
      <c r="J5199" s="5" t="s">
        <v>1519</v>
      </c>
      <c r="K5199" s="2" t="s">
        <v>1520</v>
      </c>
      <c r="L5199" s="5" t="s">
        <v>1519</v>
      </c>
      <c r="M5199" s="2" t="s">
        <v>1520</v>
      </c>
      <c r="N5199" s="5" t="s">
        <v>1521</v>
      </c>
      <c r="O5199" s="5" t="s">
        <v>38</v>
      </c>
      <c r="P5199" s="5" t="s">
        <v>39</v>
      </c>
      <c r="Q5199" s="5" t="s">
        <v>40</v>
      </c>
      <c r="R5199" s="5" t="s">
        <v>1522</v>
      </c>
      <c r="S5199" s="5" t="s">
        <v>1523</v>
      </c>
      <c r="T5199" s="5" t="s">
        <v>42</v>
      </c>
      <c r="U5199" s="2">
        <v>2.0830000000000002</v>
      </c>
      <c r="V5199" s="2">
        <v>1.627</v>
      </c>
      <c r="W5199" s="2">
        <v>0.01</v>
      </c>
      <c r="X5199" s="2">
        <v>76.900000000000006</v>
      </c>
      <c r="Y5199" s="2">
        <v>7.6</v>
      </c>
      <c r="Z5199" s="2">
        <v>16.7</v>
      </c>
      <c r="AA5199" s="5"/>
      <c r="AB5199" s="5" t="s">
        <v>43</v>
      </c>
      <c r="AC5199" s="5" t="s">
        <v>44</v>
      </c>
      <c r="AD5199" s="2"/>
      <c r="AE5199" s="1"/>
    </row>
    <row r="5200" spans="1:31" ht="14.45">
      <c r="A5200" s="11"/>
      <c r="B5200" s="20"/>
      <c r="C5200" s="2" t="s">
        <v>16067</v>
      </c>
      <c r="D5200" s="14" t="s">
        <v>16068</v>
      </c>
      <c r="E5200" s="2" t="s">
        <v>16069</v>
      </c>
      <c r="F5200" s="2" t="s">
        <v>7543</v>
      </c>
      <c r="G5200" s="8">
        <v>237</v>
      </c>
      <c r="H5200" s="5">
        <v>6</v>
      </c>
      <c r="I5200" s="5" t="s">
        <v>1518</v>
      </c>
      <c r="J5200" s="5" t="s">
        <v>1519</v>
      </c>
      <c r="K5200" s="2" t="s">
        <v>1520</v>
      </c>
      <c r="L5200" s="5" t="s">
        <v>1519</v>
      </c>
      <c r="M5200" s="2" t="s">
        <v>1520</v>
      </c>
      <c r="N5200" s="5" t="s">
        <v>1521</v>
      </c>
      <c r="O5200" s="5" t="s">
        <v>38</v>
      </c>
      <c r="P5200" s="5" t="s">
        <v>39</v>
      </c>
      <c r="Q5200" s="5" t="s">
        <v>40</v>
      </c>
      <c r="R5200" s="5" t="s">
        <v>1522</v>
      </c>
      <c r="S5200" s="5" t="s">
        <v>1523</v>
      </c>
      <c r="T5200" s="5" t="s">
        <v>42</v>
      </c>
      <c r="U5200" s="2">
        <v>2.141</v>
      </c>
      <c r="V5200" s="2">
        <v>1.6850000000000001</v>
      </c>
      <c r="W5200" s="2">
        <v>0.01</v>
      </c>
      <c r="X5200" s="2">
        <v>76.900000000000006</v>
      </c>
      <c r="Y5200" s="2">
        <v>7.6</v>
      </c>
      <c r="Z5200" s="2">
        <v>16.7</v>
      </c>
      <c r="AA5200" s="5"/>
      <c r="AB5200" s="5" t="s">
        <v>43</v>
      </c>
      <c r="AC5200" s="5" t="s">
        <v>44</v>
      </c>
      <c r="AD5200" s="2"/>
      <c r="AE5200" s="1"/>
    </row>
    <row r="5201" spans="1:31" ht="14.45">
      <c r="A5201" s="11"/>
      <c r="B5201" s="20"/>
      <c r="C5201" s="2" t="s">
        <v>16070</v>
      </c>
      <c r="D5201" s="14" t="s">
        <v>16071</v>
      </c>
      <c r="E5201" s="2" t="s">
        <v>16072</v>
      </c>
      <c r="F5201" s="2" t="s">
        <v>7547</v>
      </c>
      <c r="G5201" s="8">
        <v>237</v>
      </c>
      <c r="H5201" s="5">
        <v>6</v>
      </c>
      <c r="I5201" s="5" t="s">
        <v>1518</v>
      </c>
      <c r="J5201" s="5" t="s">
        <v>1519</v>
      </c>
      <c r="K5201" s="2" t="s">
        <v>1520</v>
      </c>
      <c r="L5201" s="5" t="s">
        <v>1519</v>
      </c>
      <c r="M5201" s="2" t="s">
        <v>1520</v>
      </c>
      <c r="N5201" s="5" t="s">
        <v>1521</v>
      </c>
      <c r="O5201" s="5" t="s">
        <v>38</v>
      </c>
      <c r="P5201" s="5" t="s">
        <v>39</v>
      </c>
      <c r="Q5201" s="5" t="s">
        <v>40</v>
      </c>
      <c r="R5201" s="5" t="s">
        <v>1522</v>
      </c>
      <c r="S5201" s="5" t="s">
        <v>1523</v>
      </c>
      <c r="T5201" s="5" t="s">
        <v>42</v>
      </c>
      <c r="U5201" s="2">
        <v>2.0739999999999998</v>
      </c>
      <c r="V5201" s="2">
        <v>1.6180000000000001</v>
      </c>
      <c r="W5201" s="2">
        <v>0.01</v>
      </c>
      <c r="X5201" s="2">
        <v>76.900000000000006</v>
      </c>
      <c r="Y5201" s="2">
        <v>7.6</v>
      </c>
      <c r="Z5201" s="2">
        <v>16.7</v>
      </c>
      <c r="AA5201" s="5"/>
      <c r="AB5201" s="5" t="s">
        <v>43</v>
      </c>
      <c r="AC5201" s="5" t="s">
        <v>44</v>
      </c>
      <c r="AD5201" s="2"/>
      <c r="AE5201" s="1"/>
    </row>
    <row r="5202" spans="1:31" ht="14.45">
      <c r="A5202" s="11"/>
      <c r="B5202" s="20"/>
      <c r="C5202" s="2" t="s">
        <v>16073</v>
      </c>
      <c r="D5202" s="14" t="s">
        <v>16074</v>
      </c>
      <c r="E5202" s="2" t="s">
        <v>16075</v>
      </c>
      <c r="F5202" s="2" t="s">
        <v>7563</v>
      </c>
      <c r="G5202" s="8">
        <v>237</v>
      </c>
      <c r="H5202" s="5">
        <v>6</v>
      </c>
      <c r="I5202" s="5" t="s">
        <v>1518</v>
      </c>
      <c r="J5202" s="5" t="s">
        <v>1519</v>
      </c>
      <c r="K5202" s="2" t="s">
        <v>1520</v>
      </c>
      <c r="L5202" s="5" t="s">
        <v>1519</v>
      </c>
      <c r="M5202" s="2" t="s">
        <v>1520</v>
      </c>
      <c r="N5202" s="5" t="s">
        <v>1521</v>
      </c>
      <c r="O5202" s="5" t="s">
        <v>38</v>
      </c>
      <c r="P5202" s="5" t="s">
        <v>39</v>
      </c>
      <c r="Q5202" s="5" t="s">
        <v>40</v>
      </c>
      <c r="R5202" s="5" t="s">
        <v>1522</v>
      </c>
      <c r="S5202" s="5" t="s">
        <v>1523</v>
      </c>
      <c r="T5202" s="5" t="s">
        <v>42</v>
      </c>
      <c r="U5202" s="2">
        <v>2.0830000000000002</v>
      </c>
      <c r="V5202" s="2">
        <v>1.627</v>
      </c>
      <c r="W5202" s="2">
        <v>0.01</v>
      </c>
      <c r="X5202" s="2">
        <v>76.900000000000006</v>
      </c>
      <c r="Y5202" s="2">
        <v>7.6</v>
      </c>
      <c r="Z5202" s="2">
        <v>16.7</v>
      </c>
      <c r="AA5202" s="5"/>
      <c r="AB5202" s="5" t="s">
        <v>43</v>
      </c>
      <c r="AC5202" s="5" t="s">
        <v>44</v>
      </c>
      <c r="AD5202" s="2"/>
      <c r="AE5202" s="1"/>
    </row>
    <row r="5203" spans="1:31" ht="14.45">
      <c r="A5203" s="11"/>
      <c r="B5203" s="20"/>
      <c r="C5203" s="2" t="s">
        <v>16076</v>
      </c>
      <c r="D5203" s="14" t="s">
        <v>16077</v>
      </c>
      <c r="E5203" s="2" t="s">
        <v>16078</v>
      </c>
      <c r="F5203" s="2" t="s">
        <v>16079</v>
      </c>
      <c r="G5203" s="8">
        <v>237</v>
      </c>
      <c r="H5203" s="5">
        <v>6</v>
      </c>
      <c r="I5203" s="5" t="s">
        <v>1518</v>
      </c>
      <c r="J5203" s="5" t="s">
        <v>1519</v>
      </c>
      <c r="K5203" s="2" t="s">
        <v>1520</v>
      </c>
      <c r="L5203" s="5" t="s">
        <v>1519</v>
      </c>
      <c r="M5203" s="2" t="s">
        <v>1520</v>
      </c>
      <c r="N5203" s="5" t="s">
        <v>1521</v>
      </c>
      <c r="O5203" s="5" t="s">
        <v>38</v>
      </c>
      <c r="P5203" s="5" t="s">
        <v>39</v>
      </c>
      <c r="Q5203" s="5" t="s">
        <v>40</v>
      </c>
      <c r="R5203" s="5" t="s">
        <v>1522</v>
      </c>
      <c r="S5203" s="5" t="s">
        <v>1523</v>
      </c>
      <c r="T5203" s="5" t="s">
        <v>42</v>
      </c>
      <c r="U5203" s="2">
        <v>2.0830000000000002</v>
      </c>
      <c r="V5203" s="2">
        <v>1.627</v>
      </c>
      <c r="W5203" s="2">
        <v>0.01</v>
      </c>
      <c r="X5203" s="2">
        <v>76.900000000000006</v>
      </c>
      <c r="Y5203" s="2">
        <v>7.6</v>
      </c>
      <c r="Z5203" s="2">
        <v>16.7</v>
      </c>
      <c r="AA5203" s="5"/>
      <c r="AB5203" s="5" t="s">
        <v>43</v>
      </c>
      <c r="AC5203" s="5" t="s">
        <v>44</v>
      </c>
      <c r="AD5203" s="2"/>
      <c r="AE5203" s="1"/>
    </row>
    <row r="5204" spans="1:31" ht="14.45">
      <c r="A5204" s="11"/>
      <c r="B5204" s="20"/>
      <c r="C5204" s="2" t="s">
        <v>16080</v>
      </c>
      <c r="D5204" s="14" t="s">
        <v>16081</v>
      </c>
      <c r="E5204" s="2" t="s">
        <v>16082</v>
      </c>
      <c r="F5204" s="2" t="s">
        <v>7449</v>
      </c>
      <c r="G5204" s="8">
        <v>237</v>
      </c>
      <c r="H5204" s="5">
        <v>6</v>
      </c>
      <c r="I5204" s="5" t="s">
        <v>1518</v>
      </c>
      <c r="J5204" s="5" t="s">
        <v>1519</v>
      </c>
      <c r="K5204" s="2" t="s">
        <v>1520</v>
      </c>
      <c r="L5204" s="5" t="s">
        <v>1519</v>
      </c>
      <c r="M5204" s="2" t="s">
        <v>1520</v>
      </c>
      <c r="N5204" s="5" t="s">
        <v>1521</v>
      </c>
      <c r="O5204" s="5" t="s">
        <v>38</v>
      </c>
      <c r="P5204" s="5" t="s">
        <v>39</v>
      </c>
      <c r="Q5204" s="5" t="s">
        <v>40</v>
      </c>
      <c r="R5204" s="5" t="s">
        <v>1522</v>
      </c>
      <c r="S5204" s="5" t="s">
        <v>1523</v>
      </c>
      <c r="T5204" s="5" t="s">
        <v>42</v>
      </c>
      <c r="U5204" s="2">
        <v>2.0830000000000002</v>
      </c>
      <c r="V5204" s="2">
        <v>1.627</v>
      </c>
      <c r="W5204" s="2">
        <v>0.01</v>
      </c>
      <c r="X5204" s="2">
        <v>76.900000000000006</v>
      </c>
      <c r="Y5204" s="2">
        <v>7.6</v>
      </c>
      <c r="Z5204" s="2">
        <v>16.7</v>
      </c>
      <c r="AA5204" s="5"/>
      <c r="AB5204" s="5" t="s">
        <v>43</v>
      </c>
      <c r="AC5204" s="5" t="s">
        <v>44</v>
      </c>
      <c r="AD5204" s="2"/>
      <c r="AE5204" s="1"/>
    </row>
    <row r="5205" spans="1:31" ht="14.45">
      <c r="A5205" s="11"/>
      <c r="B5205" s="20"/>
      <c r="C5205" s="2" t="s">
        <v>16083</v>
      </c>
      <c r="D5205" s="14" t="s">
        <v>16084</v>
      </c>
      <c r="E5205" s="2" t="s">
        <v>16085</v>
      </c>
      <c r="F5205" s="2" t="s">
        <v>7581</v>
      </c>
      <c r="G5205" s="8">
        <v>237</v>
      </c>
      <c r="H5205" s="5">
        <v>6</v>
      </c>
      <c r="I5205" s="5" t="s">
        <v>1518</v>
      </c>
      <c r="J5205" s="5" t="s">
        <v>1519</v>
      </c>
      <c r="K5205" s="2" t="s">
        <v>1520</v>
      </c>
      <c r="L5205" s="5" t="s">
        <v>1519</v>
      </c>
      <c r="M5205" s="2" t="s">
        <v>1520</v>
      </c>
      <c r="N5205" s="5" t="s">
        <v>1521</v>
      </c>
      <c r="O5205" s="5" t="s">
        <v>38</v>
      </c>
      <c r="P5205" s="5" t="s">
        <v>39</v>
      </c>
      <c r="Q5205" s="5" t="s">
        <v>40</v>
      </c>
      <c r="R5205" s="5" t="s">
        <v>1522</v>
      </c>
      <c r="S5205" s="5" t="s">
        <v>1523</v>
      </c>
      <c r="T5205" s="5" t="s">
        <v>42</v>
      </c>
      <c r="U5205" s="2">
        <v>2.141</v>
      </c>
      <c r="V5205" s="2">
        <v>1.6850000000000001</v>
      </c>
      <c r="W5205" s="2">
        <v>0.01</v>
      </c>
      <c r="X5205" s="2">
        <v>76.900000000000006</v>
      </c>
      <c r="Y5205" s="2">
        <v>7.6</v>
      </c>
      <c r="Z5205" s="2">
        <v>16.7</v>
      </c>
      <c r="AA5205" s="5"/>
      <c r="AB5205" s="5" t="s">
        <v>43</v>
      </c>
      <c r="AC5205" s="5" t="s">
        <v>44</v>
      </c>
      <c r="AD5205" s="2"/>
      <c r="AE5205" s="1"/>
    </row>
    <row r="5206" spans="1:31" ht="14.45">
      <c r="A5206" s="11"/>
      <c r="B5206" s="20"/>
      <c r="C5206" s="2" t="s">
        <v>16086</v>
      </c>
      <c r="D5206" s="14" t="s">
        <v>16087</v>
      </c>
      <c r="E5206" s="2" t="s">
        <v>16088</v>
      </c>
      <c r="F5206" s="2" t="s">
        <v>7585</v>
      </c>
      <c r="G5206" s="8">
        <v>237</v>
      </c>
      <c r="H5206" s="5">
        <v>6</v>
      </c>
      <c r="I5206" s="5" t="s">
        <v>1518</v>
      </c>
      <c r="J5206" s="5" t="s">
        <v>1519</v>
      </c>
      <c r="K5206" s="2" t="s">
        <v>1520</v>
      </c>
      <c r="L5206" s="5" t="s">
        <v>1519</v>
      </c>
      <c r="M5206" s="2" t="s">
        <v>1520</v>
      </c>
      <c r="N5206" s="5" t="s">
        <v>1521</v>
      </c>
      <c r="O5206" s="5" t="s">
        <v>38</v>
      </c>
      <c r="P5206" s="5" t="s">
        <v>39</v>
      </c>
      <c r="Q5206" s="5" t="s">
        <v>40</v>
      </c>
      <c r="R5206" s="5" t="s">
        <v>1522</v>
      </c>
      <c r="S5206" s="5" t="s">
        <v>1523</v>
      </c>
      <c r="T5206" s="5" t="s">
        <v>42</v>
      </c>
      <c r="U5206" s="2">
        <v>2.0739999999999998</v>
      </c>
      <c r="V5206" s="2">
        <v>1.6180000000000001</v>
      </c>
      <c r="W5206" s="2">
        <v>0.01</v>
      </c>
      <c r="X5206" s="2">
        <v>76.900000000000006</v>
      </c>
      <c r="Y5206" s="2">
        <v>7.6</v>
      </c>
      <c r="Z5206" s="2">
        <v>16.7</v>
      </c>
      <c r="AA5206" s="5"/>
      <c r="AB5206" s="5" t="s">
        <v>43</v>
      </c>
      <c r="AC5206" s="5" t="s">
        <v>44</v>
      </c>
      <c r="AD5206" s="2"/>
      <c r="AE5206" s="1"/>
    </row>
    <row r="5207" spans="1:31" ht="14.45">
      <c r="A5207" s="11"/>
      <c r="B5207" s="20"/>
      <c r="C5207" s="2" t="s">
        <v>16089</v>
      </c>
      <c r="D5207" s="14" t="s">
        <v>16090</v>
      </c>
      <c r="E5207" s="2" t="s">
        <v>16091</v>
      </c>
      <c r="F5207" s="2" t="s">
        <v>7589</v>
      </c>
      <c r="G5207" s="8">
        <v>237</v>
      </c>
      <c r="H5207" s="5">
        <v>6</v>
      </c>
      <c r="I5207" s="5" t="s">
        <v>1518</v>
      </c>
      <c r="J5207" s="5" t="s">
        <v>1519</v>
      </c>
      <c r="K5207" s="2" t="s">
        <v>1520</v>
      </c>
      <c r="L5207" s="5" t="s">
        <v>1519</v>
      </c>
      <c r="M5207" s="2" t="s">
        <v>1520</v>
      </c>
      <c r="N5207" s="5" t="s">
        <v>1521</v>
      </c>
      <c r="O5207" s="5" t="s">
        <v>38</v>
      </c>
      <c r="P5207" s="5" t="s">
        <v>39</v>
      </c>
      <c r="Q5207" s="5" t="s">
        <v>40</v>
      </c>
      <c r="R5207" s="5" t="s">
        <v>1522</v>
      </c>
      <c r="S5207" s="5" t="s">
        <v>1523</v>
      </c>
      <c r="T5207" s="5" t="s">
        <v>42</v>
      </c>
      <c r="U5207" s="2">
        <v>2.1320000000000001</v>
      </c>
      <c r="V5207" s="2">
        <v>1.6759999999999999</v>
      </c>
      <c r="W5207" s="2">
        <v>0.01</v>
      </c>
      <c r="X5207" s="2">
        <v>76.900000000000006</v>
      </c>
      <c r="Y5207" s="2">
        <v>7.6</v>
      </c>
      <c r="Z5207" s="2">
        <v>16.7</v>
      </c>
      <c r="AA5207" s="5"/>
      <c r="AB5207" s="5" t="s">
        <v>43</v>
      </c>
      <c r="AC5207" s="5" t="s">
        <v>44</v>
      </c>
      <c r="AD5207" s="2"/>
      <c r="AE5207" s="1"/>
    </row>
    <row r="5208" spans="1:31" ht="14.45">
      <c r="A5208" s="11"/>
      <c r="B5208" s="20"/>
      <c r="C5208" s="2" t="s">
        <v>16092</v>
      </c>
      <c r="D5208" s="14" t="s">
        <v>16093</v>
      </c>
      <c r="E5208" s="2" t="s">
        <v>16094</v>
      </c>
      <c r="F5208" s="2" t="s">
        <v>7593</v>
      </c>
      <c r="G5208" s="8">
        <v>237</v>
      </c>
      <c r="H5208" s="5">
        <v>6</v>
      </c>
      <c r="I5208" s="5" t="s">
        <v>1518</v>
      </c>
      <c r="J5208" s="5" t="s">
        <v>1519</v>
      </c>
      <c r="K5208" s="2" t="s">
        <v>1520</v>
      </c>
      <c r="L5208" s="5" t="s">
        <v>1519</v>
      </c>
      <c r="M5208" s="2" t="s">
        <v>1520</v>
      </c>
      <c r="N5208" s="5" t="s">
        <v>1521</v>
      </c>
      <c r="O5208" s="5" t="s">
        <v>38</v>
      </c>
      <c r="P5208" s="5" t="s">
        <v>39</v>
      </c>
      <c r="Q5208" s="5" t="s">
        <v>40</v>
      </c>
      <c r="R5208" s="5" t="s">
        <v>1522</v>
      </c>
      <c r="S5208" s="5" t="s">
        <v>1523</v>
      </c>
      <c r="T5208" s="5" t="s">
        <v>42</v>
      </c>
      <c r="U5208" s="2">
        <v>2.0830000000000002</v>
      </c>
      <c r="V5208" s="2">
        <v>1.627</v>
      </c>
      <c r="W5208" s="2">
        <v>0.01</v>
      </c>
      <c r="X5208" s="2">
        <v>76.900000000000006</v>
      </c>
      <c r="Y5208" s="2">
        <v>7.6</v>
      </c>
      <c r="Z5208" s="2">
        <v>16.7</v>
      </c>
      <c r="AA5208" s="5"/>
      <c r="AB5208" s="5" t="s">
        <v>43</v>
      </c>
      <c r="AC5208" s="5" t="s">
        <v>44</v>
      </c>
      <c r="AD5208" s="2"/>
      <c r="AE5208" s="1"/>
    </row>
    <row r="5209" spans="1:31" ht="14.45">
      <c r="A5209" s="11"/>
      <c r="B5209" s="20"/>
      <c r="C5209" s="2" t="s">
        <v>16095</v>
      </c>
      <c r="D5209" s="14" t="s">
        <v>16096</v>
      </c>
      <c r="E5209" s="2" t="s">
        <v>16097</v>
      </c>
      <c r="F5209" s="2" t="s">
        <v>16018</v>
      </c>
      <c r="G5209" s="8">
        <v>237</v>
      </c>
      <c r="H5209" s="5">
        <v>6</v>
      </c>
      <c r="I5209" s="5" t="s">
        <v>1518</v>
      </c>
      <c r="J5209" s="5" t="s">
        <v>1519</v>
      </c>
      <c r="K5209" s="2" t="s">
        <v>1520</v>
      </c>
      <c r="L5209" s="5" t="s">
        <v>1519</v>
      </c>
      <c r="M5209" s="2" t="s">
        <v>1520</v>
      </c>
      <c r="N5209" s="5" t="s">
        <v>1521</v>
      </c>
      <c r="O5209" s="5" t="s">
        <v>38</v>
      </c>
      <c r="P5209" s="5" t="s">
        <v>39</v>
      </c>
      <c r="Q5209" s="5" t="s">
        <v>40</v>
      </c>
      <c r="R5209" s="5" t="s">
        <v>1522</v>
      </c>
      <c r="S5209" s="5" t="s">
        <v>1523</v>
      </c>
      <c r="T5209" s="5" t="s">
        <v>42</v>
      </c>
      <c r="U5209" s="2">
        <v>2.0830000000000002</v>
      </c>
      <c r="V5209" s="2">
        <v>1.627</v>
      </c>
      <c r="W5209" s="2">
        <v>0.01</v>
      </c>
      <c r="X5209" s="2">
        <v>76.900000000000006</v>
      </c>
      <c r="Y5209" s="2">
        <v>7.6</v>
      </c>
      <c r="Z5209" s="2">
        <v>16.7</v>
      </c>
      <c r="AA5209" s="5"/>
      <c r="AB5209" s="5" t="s">
        <v>43</v>
      </c>
      <c r="AC5209" s="5" t="s">
        <v>44</v>
      </c>
      <c r="AD5209" s="2"/>
      <c r="AE5209" s="1"/>
    </row>
    <row r="5210" spans="1:31" ht="14.45">
      <c r="A5210" s="11"/>
      <c r="B5210" s="20"/>
      <c r="C5210" s="2" t="s">
        <v>16098</v>
      </c>
      <c r="D5210" s="14" t="s">
        <v>16099</v>
      </c>
      <c r="E5210" s="2" t="s">
        <v>16100</v>
      </c>
      <c r="F5210" s="2" t="s">
        <v>7615</v>
      </c>
      <c r="G5210" s="8">
        <v>237</v>
      </c>
      <c r="H5210" s="5">
        <v>6</v>
      </c>
      <c r="I5210" s="5" t="s">
        <v>1518</v>
      </c>
      <c r="J5210" s="5" t="s">
        <v>1519</v>
      </c>
      <c r="K5210" s="2" t="s">
        <v>1520</v>
      </c>
      <c r="L5210" s="5" t="s">
        <v>1519</v>
      </c>
      <c r="M5210" s="2" t="s">
        <v>1520</v>
      </c>
      <c r="N5210" s="5" t="s">
        <v>1521</v>
      </c>
      <c r="O5210" s="5" t="s">
        <v>38</v>
      </c>
      <c r="P5210" s="5" t="s">
        <v>39</v>
      </c>
      <c r="Q5210" s="5" t="s">
        <v>40</v>
      </c>
      <c r="R5210" s="5" t="s">
        <v>1522</v>
      </c>
      <c r="S5210" s="5" t="s">
        <v>1523</v>
      </c>
      <c r="T5210" s="5" t="s">
        <v>42</v>
      </c>
      <c r="U5210" s="2">
        <v>2.0739999999999998</v>
      </c>
      <c r="V5210" s="2">
        <v>1.6180000000000001</v>
      </c>
      <c r="W5210" s="2">
        <v>0.01</v>
      </c>
      <c r="X5210" s="2">
        <v>76.900000000000006</v>
      </c>
      <c r="Y5210" s="2">
        <v>7.6</v>
      </c>
      <c r="Z5210" s="2">
        <v>16.7</v>
      </c>
      <c r="AA5210" s="5"/>
      <c r="AB5210" s="5" t="s">
        <v>43</v>
      </c>
      <c r="AC5210" s="5" t="s">
        <v>44</v>
      </c>
      <c r="AD5210" s="2"/>
      <c r="AE5210" s="1"/>
    </row>
    <row r="5211" spans="1:31" ht="14.45">
      <c r="A5211" s="11"/>
      <c r="B5211" s="20"/>
      <c r="C5211" s="2" t="s">
        <v>16101</v>
      </c>
      <c r="D5211" s="14" t="s">
        <v>16102</v>
      </c>
      <c r="E5211" s="2" t="s">
        <v>16103</v>
      </c>
      <c r="F5211" s="2" t="s">
        <v>7619</v>
      </c>
      <c r="G5211" s="8">
        <v>237</v>
      </c>
      <c r="H5211" s="5">
        <v>6</v>
      </c>
      <c r="I5211" s="5" t="s">
        <v>1518</v>
      </c>
      <c r="J5211" s="5" t="s">
        <v>1519</v>
      </c>
      <c r="K5211" s="2" t="s">
        <v>1520</v>
      </c>
      <c r="L5211" s="5" t="s">
        <v>1519</v>
      </c>
      <c r="M5211" s="2" t="s">
        <v>1520</v>
      </c>
      <c r="N5211" s="5" t="s">
        <v>1521</v>
      </c>
      <c r="O5211" s="5" t="s">
        <v>38</v>
      </c>
      <c r="P5211" s="5" t="s">
        <v>39</v>
      </c>
      <c r="Q5211" s="5" t="s">
        <v>40</v>
      </c>
      <c r="R5211" s="5" t="s">
        <v>1522</v>
      </c>
      <c r="S5211" s="5" t="s">
        <v>1523</v>
      </c>
      <c r="T5211" s="5" t="s">
        <v>42</v>
      </c>
      <c r="U5211" s="2">
        <v>2.1320000000000001</v>
      </c>
      <c r="V5211" s="2">
        <v>1.6759999999999999</v>
      </c>
      <c r="W5211" s="2">
        <v>0.01</v>
      </c>
      <c r="X5211" s="2">
        <v>76.900000000000006</v>
      </c>
      <c r="Y5211" s="2">
        <v>7.6</v>
      </c>
      <c r="Z5211" s="2">
        <v>16.7</v>
      </c>
      <c r="AA5211" s="5"/>
      <c r="AB5211" s="5" t="s">
        <v>43</v>
      </c>
      <c r="AC5211" s="5" t="s">
        <v>44</v>
      </c>
      <c r="AD5211" s="2"/>
      <c r="AE5211" s="1"/>
    </row>
    <row r="5212" spans="1:31" ht="14.45">
      <c r="A5212" s="11"/>
      <c r="B5212" s="20"/>
      <c r="C5212" s="2" t="s">
        <v>16104</v>
      </c>
      <c r="D5212" s="14" t="s">
        <v>16105</v>
      </c>
      <c r="E5212" s="2" t="s">
        <v>16106</v>
      </c>
      <c r="F5212" s="2" t="s">
        <v>16029</v>
      </c>
      <c r="G5212" s="8">
        <v>237</v>
      </c>
      <c r="H5212" s="5">
        <v>11</v>
      </c>
      <c r="I5212" s="5" t="s">
        <v>1518</v>
      </c>
      <c r="J5212" s="5" t="s">
        <v>1519</v>
      </c>
      <c r="K5212" s="2" t="s">
        <v>1520</v>
      </c>
      <c r="L5212" s="5" t="s">
        <v>1519</v>
      </c>
      <c r="M5212" s="2" t="s">
        <v>1520</v>
      </c>
      <c r="N5212" s="5" t="s">
        <v>1521</v>
      </c>
      <c r="O5212" s="5" t="s">
        <v>38</v>
      </c>
      <c r="P5212" s="5" t="s">
        <v>39</v>
      </c>
      <c r="Q5212" s="5" t="s">
        <v>40</v>
      </c>
      <c r="R5212" s="5" t="s">
        <v>1522</v>
      </c>
      <c r="S5212" s="5" t="s">
        <v>1523</v>
      </c>
      <c r="T5212" s="5" t="s">
        <v>42</v>
      </c>
      <c r="U5212" s="2">
        <v>2.1019999999999999</v>
      </c>
      <c r="V5212" s="2">
        <v>1.6459999999999999</v>
      </c>
      <c r="W5212" s="2">
        <v>0.01</v>
      </c>
      <c r="X5212" s="2">
        <v>76.900000000000006</v>
      </c>
      <c r="Y5212" s="2">
        <v>7.6</v>
      </c>
      <c r="Z5212" s="2">
        <v>16.7</v>
      </c>
      <c r="AA5212" s="5"/>
      <c r="AB5212" s="5" t="s">
        <v>43</v>
      </c>
      <c r="AC5212" s="5" t="s">
        <v>44</v>
      </c>
      <c r="AD5212" s="2"/>
      <c r="AE5212" s="1"/>
    </row>
    <row r="5213" spans="1:31" ht="14.45">
      <c r="A5213" s="11"/>
      <c r="B5213" s="20"/>
      <c r="C5213" s="2" t="s">
        <v>16107</v>
      </c>
      <c r="D5213" s="14" t="s">
        <v>16108</v>
      </c>
      <c r="E5213" s="2" t="s">
        <v>16109</v>
      </c>
      <c r="F5213" s="2" t="s">
        <v>16033</v>
      </c>
      <c r="G5213" s="8">
        <v>237</v>
      </c>
      <c r="H5213" s="5">
        <v>11</v>
      </c>
      <c r="I5213" s="5" t="s">
        <v>1518</v>
      </c>
      <c r="J5213" s="5" t="s">
        <v>1519</v>
      </c>
      <c r="K5213" s="2" t="s">
        <v>1520</v>
      </c>
      <c r="L5213" s="5" t="s">
        <v>1519</v>
      </c>
      <c r="M5213" s="2" t="s">
        <v>1520</v>
      </c>
      <c r="N5213" s="5" t="s">
        <v>1521</v>
      </c>
      <c r="O5213" s="5" t="s">
        <v>38</v>
      </c>
      <c r="P5213" s="5" t="s">
        <v>39</v>
      </c>
      <c r="Q5213" s="5" t="s">
        <v>40</v>
      </c>
      <c r="R5213" s="5" t="s">
        <v>1522</v>
      </c>
      <c r="S5213" s="5" t="s">
        <v>1523</v>
      </c>
      <c r="T5213" s="5" t="s">
        <v>42</v>
      </c>
      <c r="U5213" s="2">
        <v>2.16</v>
      </c>
      <c r="V5213" s="2">
        <v>1.704</v>
      </c>
      <c r="W5213" s="2">
        <v>0.01</v>
      </c>
      <c r="X5213" s="2">
        <v>76.900000000000006</v>
      </c>
      <c r="Y5213" s="2">
        <v>7.6</v>
      </c>
      <c r="Z5213" s="2">
        <v>16.7</v>
      </c>
      <c r="AA5213" s="5"/>
      <c r="AB5213" s="5" t="s">
        <v>43</v>
      </c>
      <c r="AC5213" s="5" t="s">
        <v>44</v>
      </c>
      <c r="AD5213" s="2"/>
      <c r="AE5213" s="1"/>
    </row>
    <row r="5214" spans="1:31" ht="14.45">
      <c r="A5214" s="11"/>
      <c r="B5214" s="20"/>
      <c r="C5214" s="2" t="s">
        <v>16110</v>
      </c>
      <c r="D5214" s="14" t="s">
        <v>16111</v>
      </c>
      <c r="E5214" s="2" t="s">
        <v>16112</v>
      </c>
      <c r="F5214" s="2" t="s">
        <v>7204</v>
      </c>
      <c r="G5214" s="8">
        <v>233</v>
      </c>
      <c r="H5214" s="5">
        <v>6</v>
      </c>
      <c r="I5214" s="5" t="s">
        <v>1518</v>
      </c>
      <c r="J5214" s="5" t="s">
        <v>1519</v>
      </c>
      <c r="K5214" s="2" t="s">
        <v>1520</v>
      </c>
      <c r="L5214" s="5" t="s">
        <v>1519</v>
      </c>
      <c r="M5214" s="2" t="s">
        <v>1520</v>
      </c>
      <c r="N5214" s="5" t="s">
        <v>1521</v>
      </c>
      <c r="O5214" s="5" t="s">
        <v>38</v>
      </c>
      <c r="P5214" s="5" t="s">
        <v>39</v>
      </c>
      <c r="Q5214" s="5" t="s">
        <v>40</v>
      </c>
      <c r="R5214" s="5" t="s">
        <v>1522</v>
      </c>
      <c r="S5214" s="5" t="s">
        <v>1523</v>
      </c>
      <c r="T5214" s="5" t="s">
        <v>42</v>
      </c>
      <c r="U5214" s="2">
        <v>2.347</v>
      </c>
      <c r="V5214" s="2">
        <v>1.7829999999999999</v>
      </c>
      <c r="W5214" s="2">
        <v>1.2999999999999999E-2</v>
      </c>
      <c r="X5214" s="2">
        <v>99.1</v>
      </c>
      <c r="Y5214" s="2">
        <v>7.6</v>
      </c>
      <c r="Z5214" s="2">
        <v>16.7</v>
      </c>
      <c r="AA5214" s="5"/>
      <c r="AB5214" s="5" t="s">
        <v>43</v>
      </c>
      <c r="AC5214" s="5" t="s">
        <v>44</v>
      </c>
      <c r="AD5214" s="2"/>
      <c r="AE5214" s="1"/>
    </row>
    <row r="5215" spans="1:31" ht="14.45">
      <c r="A5215" s="11"/>
      <c r="B5215" s="20"/>
      <c r="C5215" s="2" t="s">
        <v>16113</v>
      </c>
      <c r="D5215" s="14" t="s">
        <v>16114</v>
      </c>
      <c r="E5215" s="2" t="s">
        <v>16115</v>
      </c>
      <c r="F5215" s="2" t="s">
        <v>7208</v>
      </c>
      <c r="G5215" s="8">
        <v>233</v>
      </c>
      <c r="H5215" s="5">
        <v>6</v>
      </c>
      <c r="I5215" s="5" t="s">
        <v>1518</v>
      </c>
      <c r="J5215" s="5" t="s">
        <v>1519</v>
      </c>
      <c r="K5215" s="2" t="s">
        <v>1520</v>
      </c>
      <c r="L5215" s="5" t="s">
        <v>1519</v>
      </c>
      <c r="M5215" s="2" t="s">
        <v>1520</v>
      </c>
      <c r="N5215" s="5" t="s">
        <v>1521</v>
      </c>
      <c r="O5215" s="5" t="s">
        <v>38</v>
      </c>
      <c r="P5215" s="5" t="s">
        <v>39</v>
      </c>
      <c r="Q5215" s="5" t="s">
        <v>40</v>
      </c>
      <c r="R5215" s="5" t="s">
        <v>1522</v>
      </c>
      <c r="S5215" s="5" t="s">
        <v>1523</v>
      </c>
      <c r="T5215" s="5" t="s">
        <v>42</v>
      </c>
      <c r="U5215" s="2">
        <v>2.347</v>
      </c>
      <c r="V5215" s="2">
        <v>1.7829999999999999</v>
      </c>
      <c r="W5215" s="2">
        <v>1.2999999999999999E-2</v>
      </c>
      <c r="X5215" s="2">
        <v>99.1</v>
      </c>
      <c r="Y5215" s="2">
        <v>7.6</v>
      </c>
      <c r="Z5215" s="2">
        <v>16.7</v>
      </c>
      <c r="AA5215" s="5"/>
      <c r="AB5215" s="5" t="s">
        <v>43</v>
      </c>
      <c r="AC5215" s="5" t="s">
        <v>44</v>
      </c>
      <c r="AD5215" s="2"/>
      <c r="AE5215" s="1"/>
    </row>
    <row r="5216" spans="1:31" ht="14.45">
      <c r="A5216" s="11"/>
      <c r="B5216" s="20"/>
      <c r="C5216" s="2" t="s">
        <v>16116</v>
      </c>
      <c r="D5216" s="14" t="s">
        <v>16117</v>
      </c>
      <c r="E5216" s="2" t="s">
        <v>16118</v>
      </c>
      <c r="F5216" s="2" t="s">
        <v>7528</v>
      </c>
      <c r="G5216" s="8">
        <v>233</v>
      </c>
      <c r="H5216" s="5">
        <v>6</v>
      </c>
      <c r="I5216" s="5" t="s">
        <v>1518</v>
      </c>
      <c r="J5216" s="5" t="s">
        <v>1519</v>
      </c>
      <c r="K5216" s="2" t="s">
        <v>1520</v>
      </c>
      <c r="L5216" s="5" t="s">
        <v>1519</v>
      </c>
      <c r="M5216" s="2" t="s">
        <v>1520</v>
      </c>
      <c r="N5216" s="5" t="s">
        <v>1521</v>
      </c>
      <c r="O5216" s="5" t="s">
        <v>38</v>
      </c>
      <c r="P5216" s="5" t="s">
        <v>39</v>
      </c>
      <c r="Q5216" s="5" t="s">
        <v>40</v>
      </c>
      <c r="R5216" s="5" t="s">
        <v>1522</v>
      </c>
      <c r="S5216" s="5" t="s">
        <v>1523</v>
      </c>
      <c r="T5216" s="5" t="s">
        <v>42</v>
      </c>
      <c r="U5216" s="2">
        <v>2.4049999999999998</v>
      </c>
      <c r="V5216" s="2">
        <v>1.841</v>
      </c>
      <c r="W5216" s="2">
        <v>1.2999999999999999E-2</v>
      </c>
      <c r="X5216" s="2">
        <v>99.1</v>
      </c>
      <c r="Y5216" s="2">
        <v>7.6</v>
      </c>
      <c r="Z5216" s="2">
        <v>16.7</v>
      </c>
      <c r="AA5216" s="5"/>
      <c r="AB5216" s="5" t="s">
        <v>43</v>
      </c>
      <c r="AC5216" s="5" t="s">
        <v>44</v>
      </c>
      <c r="AD5216" s="2"/>
      <c r="AE5216" s="1"/>
    </row>
    <row r="5217" spans="1:31" ht="14.45">
      <c r="A5217" s="11"/>
      <c r="B5217" s="20"/>
      <c r="C5217" s="2" t="s">
        <v>16119</v>
      </c>
      <c r="D5217" s="14" t="s">
        <v>16120</v>
      </c>
      <c r="E5217" s="2" t="s">
        <v>16121</v>
      </c>
      <c r="F5217" s="2" t="s">
        <v>7559</v>
      </c>
      <c r="G5217" s="8">
        <v>249</v>
      </c>
      <c r="H5217" s="5">
        <v>6</v>
      </c>
      <c r="I5217" s="5" t="s">
        <v>1518</v>
      </c>
      <c r="J5217" s="5" t="s">
        <v>1519</v>
      </c>
      <c r="K5217" s="2" t="s">
        <v>1520</v>
      </c>
      <c r="L5217" s="5" t="s">
        <v>1519</v>
      </c>
      <c r="M5217" s="2" t="s">
        <v>1520</v>
      </c>
      <c r="N5217" s="5" t="s">
        <v>1521</v>
      </c>
      <c r="O5217" s="5" t="s">
        <v>38</v>
      </c>
      <c r="P5217" s="5" t="s">
        <v>39</v>
      </c>
      <c r="Q5217" s="5" t="s">
        <v>40</v>
      </c>
      <c r="R5217" s="5" t="s">
        <v>1522</v>
      </c>
      <c r="S5217" s="5" t="s">
        <v>1523</v>
      </c>
      <c r="T5217" s="5" t="s">
        <v>42</v>
      </c>
      <c r="U5217" s="2">
        <v>2.4049999999999998</v>
      </c>
      <c r="V5217" s="2">
        <v>1.841</v>
      </c>
      <c r="W5217" s="2">
        <v>1.2999999999999999E-2</v>
      </c>
      <c r="X5217" s="2">
        <v>99.1</v>
      </c>
      <c r="Y5217" s="2">
        <v>7.6</v>
      </c>
      <c r="Z5217" s="2">
        <v>16.7</v>
      </c>
      <c r="AA5217" s="5"/>
      <c r="AB5217" s="5" t="s">
        <v>43</v>
      </c>
      <c r="AC5217" s="5" t="s">
        <v>44</v>
      </c>
      <c r="AD5217" s="2"/>
      <c r="AE5217" s="1"/>
    </row>
    <row r="5218" spans="1:31" ht="14.45">
      <c r="A5218" s="11"/>
      <c r="B5218" s="20"/>
      <c r="C5218" s="2" t="s">
        <v>16122</v>
      </c>
      <c r="D5218" s="14" t="s">
        <v>16123</v>
      </c>
      <c r="E5218" s="2" t="s">
        <v>16124</v>
      </c>
      <c r="F5218" s="2" t="s">
        <v>7567</v>
      </c>
      <c r="G5218" s="8">
        <v>249</v>
      </c>
      <c r="H5218" s="5">
        <v>6</v>
      </c>
      <c r="I5218" s="5" t="s">
        <v>1518</v>
      </c>
      <c r="J5218" s="5" t="s">
        <v>1519</v>
      </c>
      <c r="K5218" s="2" t="s">
        <v>1520</v>
      </c>
      <c r="L5218" s="5" t="s">
        <v>1519</v>
      </c>
      <c r="M5218" s="2" t="s">
        <v>1520</v>
      </c>
      <c r="N5218" s="5" t="s">
        <v>1521</v>
      </c>
      <c r="O5218" s="5" t="s">
        <v>38</v>
      </c>
      <c r="P5218" s="5" t="s">
        <v>39</v>
      </c>
      <c r="Q5218" s="5" t="s">
        <v>40</v>
      </c>
      <c r="R5218" s="5" t="s">
        <v>1522</v>
      </c>
      <c r="S5218" s="5" t="s">
        <v>1523</v>
      </c>
      <c r="T5218" s="5" t="s">
        <v>42</v>
      </c>
      <c r="U5218" s="2">
        <v>2.4159999999999999</v>
      </c>
      <c r="V5218" s="2">
        <v>1.8520000000000001</v>
      </c>
      <c r="W5218" s="2">
        <v>1.2999999999999999E-2</v>
      </c>
      <c r="X5218" s="2">
        <v>99.1</v>
      </c>
      <c r="Y5218" s="2">
        <v>7.6</v>
      </c>
      <c r="Z5218" s="2">
        <v>16.7</v>
      </c>
      <c r="AA5218" s="5"/>
      <c r="AB5218" s="5" t="s">
        <v>43</v>
      </c>
      <c r="AC5218" s="5" t="s">
        <v>44</v>
      </c>
      <c r="AD5218" s="2"/>
      <c r="AE5218" s="1"/>
    </row>
    <row r="5219" spans="1:31" ht="14.45">
      <c r="A5219" s="11"/>
      <c r="B5219" s="20"/>
      <c r="C5219" s="2" t="s">
        <v>16125</v>
      </c>
      <c r="D5219" s="14" t="s">
        <v>16126</v>
      </c>
      <c r="E5219" s="2" t="s">
        <v>16127</v>
      </c>
      <c r="F5219" s="2" t="s">
        <v>7581</v>
      </c>
      <c r="G5219" s="8">
        <v>249</v>
      </c>
      <c r="H5219" s="5">
        <v>6</v>
      </c>
      <c r="I5219" s="5" t="s">
        <v>1518</v>
      </c>
      <c r="J5219" s="5" t="s">
        <v>1519</v>
      </c>
      <c r="K5219" s="2" t="s">
        <v>1520</v>
      </c>
      <c r="L5219" s="5" t="s">
        <v>1519</v>
      </c>
      <c r="M5219" s="2" t="s">
        <v>1520</v>
      </c>
      <c r="N5219" s="5" t="s">
        <v>1521</v>
      </c>
      <c r="O5219" s="5" t="s">
        <v>38</v>
      </c>
      <c r="P5219" s="5" t="s">
        <v>39</v>
      </c>
      <c r="Q5219" s="5" t="s">
        <v>40</v>
      </c>
      <c r="R5219" s="5" t="s">
        <v>1522</v>
      </c>
      <c r="S5219" s="5" t="s">
        <v>1523</v>
      </c>
      <c r="T5219" s="5" t="s">
        <v>42</v>
      </c>
      <c r="U5219" s="2">
        <v>2.4159999999999999</v>
      </c>
      <c r="V5219" s="2">
        <v>1.8520000000000001</v>
      </c>
      <c r="W5219" s="2">
        <v>1.2999999999999999E-2</v>
      </c>
      <c r="X5219" s="2">
        <v>99.1</v>
      </c>
      <c r="Y5219" s="2">
        <v>7.6</v>
      </c>
      <c r="Z5219" s="2">
        <v>16.7</v>
      </c>
      <c r="AA5219" s="5"/>
      <c r="AB5219" s="5" t="s">
        <v>43</v>
      </c>
      <c r="AC5219" s="5" t="s">
        <v>44</v>
      </c>
      <c r="AD5219" s="2"/>
      <c r="AE5219" s="1"/>
    </row>
    <row r="5220" spans="1:31" ht="14.45">
      <c r="A5220" s="11"/>
      <c r="B5220" s="20"/>
      <c r="C5220" s="2" t="s">
        <v>16128</v>
      </c>
      <c r="D5220" s="14" t="s">
        <v>16129</v>
      </c>
      <c r="E5220" s="2" t="s">
        <v>16130</v>
      </c>
      <c r="F5220" s="2" t="s">
        <v>7619</v>
      </c>
      <c r="G5220" s="8">
        <v>249</v>
      </c>
      <c r="H5220" s="5">
        <v>6</v>
      </c>
      <c r="I5220" s="5" t="s">
        <v>1518</v>
      </c>
      <c r="J5220" s="5" t="s">
        <v>1519</v>
      </c>
      <c r="K5220" s="2" t="s">
        <v>1520</v>
      </c>
      <c r="L5220" s="5" t="s">
        <v>1519</v>
      </c>
      <c r="M5220" s="2" t="s">
        <v>1520</v>
      </c>
      <c r="N5220" s="5" t="s">
        <v>1521</v>
      </c>
      <c r="O5220" s="5" t="s">
        <v>38</v>
      </c>
      <c r="P5220" s="5" t="s">
        <v>39</v>
      </c>
      <c r="Q5220" s="5" t="s">
        <v>40</v>
      </c>
      <c r="R5220" s="5" t="s">
        <v>1522</v>
      </c>
      <c r="S5220" s="5" t="s">
        <v>1523</v>
      </c>
      <c r="T5220" s="5" t="s">
        <v>42</v>
      </c>
      <c r="U5220" s="2">
        <v>2.4049999999999998</v>
      </c>
      <c r="V5220" s="2">
        <v>1.841</v>
      </c>
      <c r="W5220" s="2">
        <v>1.2999999999999999E-2</v>
      </c>
      <c r="X5220" s="2">
        <v>99.1</v>
      </c>
      <c r="Y5220" s="2">
        <v>7.6</v>
      </c>
      <c r="Z5220" s="2">
        <v>16.7</v>
      </c>
      <c r="AA5220" s="5"/>
      <c r="AB5220" s="5" t="s">
        <v>43</v>
      </c>
      <c r="AC5220" s="5" t="s">
        <v>44</v>
      </c>
      <c r="AD5220" s="2"/>
      <c r="AE5220" s="1"/>
    </row>
    <row r="5221" spans="1:31" ht="14.45">
      <c r="A5221" s="11"/>
      <c r="B5221" s="20"/>
      <c r="C5221" s="2" t="s">
        <v>16131</v>
      </c>
      <c r="D5221" s="14" t="s">
        <v>16132</v>
      </c>
      <c r="E5221" s="2" t="s">
        <v>16133</v>
      </c>
      <c r="F5221" s="2" t="s">
        <v>16029</v>
      </c>
      <c r="G5221" s="8">
        <v>249</v>
      </c>
      <c r="H5221" s="5">
        <v>11</v>
      </c>
      <c r="I5221" s="5" t="s">
        <v>1518</v>
      </c>
      <c r="J5221" s="5" t="s">
        <v>1519</v>
      </c>
      <c r="K5221" s="2" t="s">
        <v>1520</v>
      </c>
      <c r="L5221" s="5" t="s">
        <v>1519</v>
      </c>
      <c r="M5221" s="2" t="s">
        <v>1520</v>
      </c>
      <c r="N5221" s="5" t="s">
        <v>1521</v>
      </c>
      <c r="O5221" s="5" t="s">
        <v>38</v>
      </c>
      <c r="P5221" s="5" t="s">
        <v>39</v>
      </c>
      <c r="Q5221" s="5" t="s">
        <v>40</v>
      </c>
      <c r="R5221" s="5" t="s">
        <v>1522</v>
      </c>
      <c r="S5221" s="5" t="s">
        <v>1523</v>
      </c>
      <c r="T5221" s="5" t="s">
        <v>42</v>
      </c>
      <c r="U5221" s="2">
        <v>2.3660000000000001</v>
      </c>
      <c r="V5221" s="2">
        <v>1.802</v>
      </c>
      <c r="W5221" s="2">
        <v>1.2999999999999999E-2</v>
      </c>
      <c r="X5221" s="2">
        <v>99.1</v>
      </c>
      <c r="Y5221" s="2">
        <v>7.6</v>
      </c>
      <c r="Z5221" s="2">
        <v>16.7</v>
      </c>
      <c r="AA5221" s="5"/>
      <c r="AB5221" s="5" t="s">
        <v>43</v>
      </c>
      <c r="AC5221" s="5" t="s">
        <v>44</v>
      </c>
      <c r="AD5221" s="2"/>
      <c r="AE5221" s="1"/>
    </row>
    <row r="5222" spans="1:31" ht="14.45">
      <c r="A5222" s="11"/>
      <c r="B5222" s="20"/>
      <c r="C5222" s="2" t="s">
        <v>16134</v>
      </c>
      <c r="D5222" s="14" t="s">
        <v>16135</v>
      </c>
      <c r="E5222" s="2" t="s">
        <v>16136</v>
      </c>
      <c r="F5222" s="2" t="s">
        <v>16033</v>
      </c>
      <c r="G5222" s="8">
        <v>249</v>
      </c>
      <c r="H5222" s="5">
        <v>11</v>
      </c>
      <c r="I5222" s="5" t="s">
        <v>1518</v>
      </c>
      <c r="J5222" s="5" t="s">
        <v>1519</v>
      </c>
      <c r="K5222" s="2" t="s">
        <v>1520</v>
      </c>
      <c r="L5222" s="5" t="s">
        <v>1519</v>
      </c>
      <c r="M5222" s="2" t="s">
        <v>1520</v>
      </c>
      <c r="N5222" s="5" t="s">
        <v>1521</v>
      </c>
      <c r="O5222" s="5" t="s">
        <v>38</v>
      </c>
      <c r="P5222" s="5" t="s">
        <v>39</v>
      </c>
      <c r="Q5222" s="5" t="s">
        <v>40</v>
      </c>
      <c r="R5222" s="5" t="s">
        <v>1522</v>
      </c>
      <c r="S5222" s="5" t="s">
        <v>1523</v>
      </c>
      <c r="T5222" s="5" t="s">
        <v>42</v>
      </c>
      <c r="U5222" s="2">
        <v>2.4350000000000001</v>
      </c>
      <c r="V5222" s="2">
        <v>1.871</v>
      </c>
      <c r="W5222" s="2">
        <v>1.2999999999999999E-2</v>
      </c>
      <c r="X5222" s="2">
        <v>99.1</v>
      </c>
      <c r="Y5222" s="2">
        <v>7.6</v>
      </c>
      <c r="Z5222" s="2">
        <v>16.7</v>
      </c>
      <c r="AA5222" s="5"/>
      <c r="AB5222" s="5" t="s">
        <v>43</v>
      </c>
      <c r="AC5222" s="5" t="s">
        <v>44</v>
      </c>
      <c r="AD5222" s="2"/>
      <c r="AE5222" s="1"/>
    </row>
    <row r="5223" spans="1:31" ht="14.45">
      <c r="A5223" s="11"/>
      <c r="B5223" s="20"/>
      <c r="C5223" s="2" t="s">
        <v>16137</v>
      </c>
      <c r="D5223" s="14" t="s">
        <v>16138</v>
      </c>
      <c r="E5223" s="2" t="s">
        <v>16139</v>
      </c>
      <c r="F5223" s="2" t="s">
        <v>7396</v>
      </c>
      <c r="G5223" s="8">
        <v>212</v>
      </c>
      <c r="H5223" s="5">
        <v>6</v>
      </c>
      <c r="I5223" s="5" t="s">
        <v>1518</v>
      </c>
      <c r="J5223" s="5" t="s">
        <v>1519</v>
      </c>
      <c r="K5223" s="2" t="s">
        <v>1520</v>
      </c>
      <c r="L5223" s="5" t="s">
        <v>1519</v>
      </c>
      <c r="M5223" s="2" t="s">
        <v>1520</v>
      </c>
      <c r="N5223" s="5" t="s">
        <v>1521</v>
      </c>
      <c r="O5223" s="5" t="s">
        <v>38</v>
      </c>
      <c r="P5223" s="5" t="s">
        <v>39</v>
      </c>
      <c r="Q5223" s="5" t="s">
        <v>40</v>
      </c>
      <c r="R5223" s="5" t="s">
        <v>1522</v>
      </c>
      <c r="S5223" s="5" t="s">
        <v>1523</v>
      </c>
      <c r="T5223" s="5" t="s">
        <v>42</v>
      </c>
      <c r="U5223" s="2">
        <v>1.966</v>
      </c>
      <c r="V5223" s="2">
        <v>1.506</v>
      </c>
      <c r="W5223" s="2">
        <v>0.01</v>
      </c>
      <c r="X5223" s="2">
        <v>76.900000000000006</v>
      </c>
      <c r="Y5223" s="2">
        <v>7.6</v>
      </c>
      <c r="Z5223" s="2">
        <v>16.7</v>
      </c>
      <c r="AA5223" s="5"/>
      <c r="AB5223" s="5" t="s">
        <v>43</v>
      </c>
      <c r="AC5223" s="5" t="s">
        <v>44</v>
      </c>
      <c r="AD5223" s="2"/>
      <c r="AE5223" s="1"/>
    </row>
    <row r="5224" spans="1:31" ht="14.45">
      <c r="A5224" s="11"/>
      <c r="B5224" s="20"/>
      <c r="C5224" s="2" t="s">
        <v>16140</v>
      </c>
      <c r="D5224" s="14" t="s">
        <v>16141</v>
      </c>
      <c r="E5224" s="2" t="s">
        <v>16142</v>
      </c>
      <c r="F5224" s="2" t="s">
        <v>7507</v>
      </c>
      <c r="G5224" s="8">
        <v>212</v>
      </c>
      <c r="H5224" s="5">
        <v>6</v>
      </c>
      <c r="I5224" s="5" t="s">
        <v>1518</v>
      </c>
      <c r="J5224" s="5" t="s">
        <v>1519</v>
      </c>
      <c r="K5224" s="2" t="s">
        <v>1520</v>
      </c>
      <c r="L5224" s="5" t="s">
        <v>1519</v>
      </c>
      <c r="M5224" s="2" t="s">
        <v>1520</v>
      </c>
      <c r="N5224" s="5" t="s">
        <v>1521</v>
      </c>
      <c r="O5224" s="5" t="s">
        <v>38</v>
      </c>
      <c r="P5224" s="5" t="s">
        <v>39</v>
      </c>
      <c r="Q5224" s="5" t="s">
        <v>40</v>
      </c>
      <c r="R5224" s="5" t="s">
        <v>1522</v>
      </c>
      <c r="S5224" s="5" t="s">
        <v>1523</v>
      </c>
      <c r="T5224" s="5" t="s">
        <v>42</v>
      </c>
      <c r="U5224" s="2">
        <v>2.016</v>
      </c>
      <c r="V5224" s="2">
        <v>1.556</v>
      </c>
      <c r="W5224" s="2">
        <v>0.01</v>
      </c>
      <c r="X5224" s="2">
        <v>76.900000000000006</v>
      </c>
      <c r="Y5224" s="2">
        <v>7.6</v>
      </c>
      <c r="Z5224" s="2">
        <v>16.7</v>
      </c>
      <c r="AA5224" s="5"/>
      <c r="AB5224" s="5" t="s">
        <v>43</v>
      </c>
      <c r="AC5224" s="5" t="s">
        <v>44</v>
      </c>
      <c r="AD5224" s="2"/>
      <c r="AE5224" s="1"/>
    </row>
    <row r="5225" spans="1:31" ht="14.45">
      <c r="A5225" s="11"/>
      <c r="B5225" s="20"/>
      <c r="C5225" s="2" t="s">
        <v>16143</v>
      </c>
      <c r="D5225" s="14" t="s">
        <v>16144</v>
      </c>
      <c r="E5225" s="2" t="s">
        <v>16145</v>
      </c>
      <c r="F5225" s="2" t="s">
        <v>7204</v>
      </c>
      <c r="G5225" s="8">
        <v>212</v>
      </c>
      <c r="H5225" s="5">
        <v>6</v>
      </c>
      <c r="I5225" s="5" t="s">
        <v>1518</v>
      </c>
      <c r="J5225" s="5" t="s">
        <v>1519</v>
      </c>
      <c r="K5225" s="2" t="s">
        <v>1520</v>
      </c>
      <c r="L5225" s="5" t="s">
        <v>1519</v>
      </c>
      <c r="M5225" s="2" t="s">
        <v>1520</v>
      </c>
      <c r="N5225" s="5" t="s">
        <v>1521</v>
      </c>
      <c r="O5225" s="5" t="s">
        <v>38</v>
      </c>
      <c r="P5225" s="5" t="s">
        <v>39</v>
      </c>
      <c r="Q5225" s="5" t="s">
        <v>40</v>
      </c>
      <c r="R5225" s="5" t="s">
        <v>1522</v>
      </c>
      <c r="S5225" s="5" t="s">
        <v>1523</v>
      </c>
      <c r="T5225" s="5" t="s">
        <v>42</v>
      </c>
      <c r="U5225" s="2">
        <v>1.968</v>
      </c>
      <c r="V5225" s="2">
        <v>1.508</v>
      </c>
      <c r="W5225" s="2">
        <v>0.01</v>
      </c>
      <c r="X5225" s="2">
        <v>76.900000000000006</v>
      </c>
      <c r="Y5225" s="2">
        <v>7.6</v>
      </c>
      <c r="Z5225" s="2">
        <v>16.7</v>
      </c>
      <c r="AA5225" s="5"/>
      <c r="AB5225" s="5" t="s">
        <v>43</v>
      </c>
      <c r="AC5225" s="5" t="s">
        <v>44</v>
      </c>
      <c r="AD5225" s="2"/>
      <c r="AE5225" s="1"/>
    </row>
    <row r="5226" spans="1:31" ht="14.45">
      <c r="A5226" s="11"/>
      <c r="B5226" s="20"/>
      <c r="C5226" s="2" t="s">
        <v>16146</v>
      </c>
      <c r="D5226" s="14" t="s">
        <v>16147</v>
      </c>
      <c r="E5226" s="2" t="s">
        <v>16148</v>
      </c>
      <c r="F5226" s="2" t="s">
        <v>7514</v>
      </c>
      <c r="G5226" s="8">
        <v>212</v>
      </c>
      <c r="H5226" s="5">
        <v>6</v>
      </c>
      <c r="I5226" s="5" t="s">
        <v>1518</v>
      </c>
      <c r="J5226" s="5" t="s">
        <v>1519</v>
      </c>
      <c r="K5226" s="2" t="s">
        <v>1520</v>
      </c>
      <c r="L5226" s="5" t="s">
        <v>1519</v>
      </c>
      <c r="M5226" s="2" t="s">
        <v>1520</v>
      </c>
      <c r="N5226" s="5" t="s">
        <v>1521</v>
      </c>
      <c r="O5226" s="5" t="s">
        <v>38</v>
      </c>
      <c r="P5226" s="5" t="s">
        <v>39</v>
      </c>
      <c r="Q5226" s="5" t="s">
        <v>40</v>
      </c>
      <c r="R5226" s="5" t="s">
        <v>1522</v>
      </c>
      <c r="S5226" s="5" t="s">
        <v>1523</v>
      </c>
      <c r="T5226" s="5" t="s">
        <v>42</v>
      </c>
      <c r="U5226" s="2">
        <v>2.0179999999999998</v>
      </c>
      <c r="V5226" s="2">
        <v>1.5580000000000001</v>
      </c>
      <c r="W5226" s="2">
        <v>0.01</v>
      </c>
      <c r="X5226" s="2">
        <v>76.900000000000006</v>
      </c>
      <c r="Y5226" s="2">
        <v>7.6</v>
      </c>
      <c r="Z5226" s="2">
        <v>16.7</v>
      </c>
      <c r="AA5226" s="5"/>
      <c r="AB5226" s="5" t="s">
        <v>43</v>
      </c>
      <c r="AC5226" s="5" t="s">
        <v>44</v>
      </c>
      <c r="AD5226" s="2"/>
      <c r="AE5226" s="1"/>
    </row>
    <row r="5227" spans="1:31" ht="14.45">
      <c r="A5227" s="11"/>
      <c r="B5227" s="20"/>
      <c r="C5227" s="2" t="s">
        <v>16149</v>
      </c>
      <c r="D5227" s="14" t="s">
        <v>16150</v>
      </c>
      <c r="E5227" s="2" t="s">
        <v>16151</v>
      </c>
      <c r="F5227" s="2" t="s">
        <v>7208</v>
      </c>
      <c r="G5227" s="8">
        <v>212</v>
      </c>
      <c r="H5227" s="5">
        <v>6</v>
      </c>
      <c r="I5227" s="5" t="s">
        <v>1518</v>
      </c>
      <c r="J5227" s="5" t="s">
        <v>1519</v>
      </c>
      <c r="K5227" s="2" t="s">
        <v>1520</v>
      </c>
      <c r="L5227" s="5" t="s">
        <v>1519</v>
      </c>
      <c r="M5227" s="2" t="s">
        <v>1520</v>
      </c>
      <c r="N5227" s="5" t="s">
        <v>1521</v>
      </c>
      <c r="O5227" s="5" t="s">
        <v>38</v>
      </c>
      <c r="P5227" s="5" t="s">
        <v>39</v>
      </c>
      <c r="Q5227" s="5" t="s">
        <v>40</v>
      </c>
      <c r="R5227" s="5" t="s">
        <v>1522</v>
      </c>
      <c r="S5227" s="5" t="s">
        <v>1523</v>
      </c>
      <c r="T5227" s="5" t="s">
        <v>42</v>
      </c>
      <c r="U5227" s="2">
        <v>1.968</v>
      </c>
      <c r="V5227" s="2">
        <v>1.508</v>
      </c>
      <c r="W5227" s="2">
        <v>0.01</v>
      </c>
      <c r="X5227" s="2">
        <v>76.900000000000006</v>
      </c>
      <c r="Y5227" s="2">
        <v>7.6</v>
      </c>
      <c r="Z5227" s="2">
        <v>16.7</v>
      </c>
      <c r="AA5227" s="5"/>
      <c r="AB5227" s="5" t="s">
        <v>43</v>
      </c>
      <c r="AC5227" s="5" t="s">
        <v>44</v>
      </c>
      <c r="AD5227" s="2"/>
      <c r="AE5227" s="1"/>
    </row>
    <row r="5228" spans="1:31" ht="14.45">
      <c r="A5228" s="11"/>
      <c r="B5228" s="20"/>
      <c r="C5228" s="2" t="s">
        <v>16152</v>
      </c>
      <c r="D5228" s="14" t="s">
        <v>16153</v>
      </c>
      <c r="E5228" s="2" t="s">
        <v>16154</v>
      </c>
      <c r="F5228" s="2" t="s">
        <v>7521</v>
      </c>
      <c r="G5228" s="8">
        <v>212</v>
      </c>
      <c r="H5228" s="5">
        <v>6</v>
      </c>
      <c r="I5228" s="5" t="s">
        <v>1518</v>
      </c>
      <c r="J5228" s="5" t="s">
        <v>1519</v>
      </c>
      <c r="K5228" s="2" t="s">
        <v>1520</v>
      </c>
      <c r="L5228" s="5" t="s">
        <v>1519</v>
      </c>
      <c r="M5228" s="2" t="s">
        <v>1520</v>
      </c>
      <c r="N5228" s="5" t="s">
        <v>1521</v>
      </c>
      <c r="O5228" s="5" t="s">
        <v>38</v>
      </c>
      <c r="P5228" s="5" t="s">
        <v>39</v>
      </c>
      <c r="Q5228" s="5" t="s">
        <v>40</v>
      </c>
      <c r="R5228" s="5" t="s">
        <v>1522</v>
      </c>
      <c r="S5228" s="5" t="s">
        <v>1523</v>
      </c>
      <c r="T5228" s="5" t="s">
        <v>42</v>
      </c>
      <c r="U5228" s="2">
        <v>2.0179999999999998</v>
      </c>
      <c r="V5228" s="2">
        <v>1.5580000000000001</v>
      </c>
      <c r="W5228" s="2">
        <v>0.01</v>
      </c>
      <c r="X5228" s="2">
        <v>76.900000000000006</v>
      </c>
      <c r="Y5228" s="2">
        <v>7.6</v>
      </c>
      <c r="Z5228" s="2">
        <v>16.7</v>
      </c>
      <c r="AA5228" s="5"/>
      <c r="AB5228" s="5" t="s">
        <v>43</v>
      </c>
      <c r="AC5228" s="5" t="s">
        <v>44</v>
      </c>
      <c r="AD5228" s="2"/>
      <c r="AE5228" s="1"/>
    </row>
    <row r="5229" spans="1:31" ht="14.45">
      <c r="A5229" s="11"/>
      <c r="B5229" s="20"/>
      <c r="C5229" s="2" t="s">
        <v>16155</v>
      </c>
      <c r="D5229" s="14" t="s">
        <v>16156</v>
      </c>
      <c r="E5229" s="2" t="s">
        <v>16157</v>
      </c>
      <c r="F5229" s="2" t="s">
        <v>7212</v>
      </c>
      <c r="G5229" s="8">
        <v>212</v>
      </c>
      <c r="H5229" s="5">
        <v>6</v>
      </c>
      <c r="I5229" s="5" t="s">
        <v>1518</v>
      </c>
      <c r="J5229" s="5" t="s">
        <v>1519</v>
      </c>
      <c r="K5229" s="2" t="s">
        <v>1520</v>
      </c>
      <c r="L5229" s="5" t="s">
        <v>1519</v>
      </c>
      <c r="M5229" s="2" t="s">
        <v>1520</v>
      </c>
      <c r="N5229" s="5" t="s">
        <v>1521</v>
      </c>
      <c r="O5229" s="5" t="s">
        <v>38</v>
      </c>
      <c r="P5229" s="5" t="s">
        <v>39</v>
      </c>
      <c r="Q5229" s="5" t="s">
        <v>40</v>
      </c>
      <c r="R5229" s="5" t="s">
        <v>1522</v>
      </c>
      <c r="S5229" s="5" t="s">
        <v>1523</v>
      </c>
      <c r="T5229" s="5" t="s">
        <v>42</v>
      </c>
      <c r="U5229" s="2">
        <v>1.9610000000000001</v>
      </c>
      <c r="V5229" s="2">
        <v>1.5009999999999999</v>
      </c>
      <c r="W5229" s="2">
        <v>0.01</v>
      </c>
      <c r="X5229" s="2">
        <v>76.900000000000006</v>
      </c>
      <c r="Y5229" s="2">
        <v>7.6</v>
      </c>
      <c r="Z5229" s="2">
        <v>16.7</v>
      </c>
      <c r="AA5229" s="5"/>
      <c r="AB5229" s="5" t="s">
        <v>43</v>
      </c>
      <c r="AC5229" s="5" t="s">
        <v>44</v>
      </c>
      <c r="AD5229" s="2"/>
      <c r="AE5229" s="1"/>
    </row>
    <row r="5230" spans="1:31" ht="14.45">
      <c r="A5230" s="11"/>
      <c r="B5230" s="20"/>
      <c r="C5230" s="2" t="s">
        <v>16158</v>
      </c>
      <c r="D5230" s="14" t="s">
        <v>16159</v>
      </c>
      <c r="E5230" s="2" t="s">
        <v>16160</v>
      </c>
      <c r="F5230" s="2" t="s">
        <v>7528</v>
      </c>
      <c r="G5230" s="8">
        <v>212</v>
      </c>
      <c r="H5230" s="5">
        <v>6</v>
      </c>
      <c r="I5230" s="5" t="s">
        <v>1518</v>
      </c>
      <c r="J5230" s="5" t="s">
        <v>1519</v>
      </c>
      <c r="K5230" s="2" t="s">
        <v>1520</v>
      </c>
      <c r="L5230" s="5" t="s">
        <v>1519</v>
      </c>
      <c r="M5230" s="2" t="s">
        <v>1520</v>
      </c>
      <c r="N5230" s="5" t="s">
        <v>1521</v>
      </c>
      <c r="O5230" s="5" t="s">
        <v>38</v>
      </c>
      <c r="P5230" s="5" t="s">
        <v>39</v>
      </c>
      <c r="Q5230" s="5" t="s">
        <v>40</v>
      </c>
      <c r="R5230" s="5" t="s">
        <v>1522</v>
      </c>
      <c r="S5230" s="5" t="s">
        <v>1523</v>
      </c>
      <c r="T5230" s="5" t="s">
        <v>42</v>
      </c>
      <c r="U5230" s="2">
        <v>2.0110000000000001</v>
      </c>
      <c r="V5230" s="2">
        <v>1.5509999999999999</v>
      </c>
      <c r="W5230" s="2">
        <v>0.01</v>
      </c>
      <c r="X5230" s="2">
        <v>76.900000000000006</v>
      </c>
      <c r="Y5230" s="2">
        <v>7.6</v>
      </c>
      <c r="Z5230" s="2">
        <v>16.7</v>
      </c>
      <c r="AA5230" s="5"/>
      <c r="AB5230" s="5" t="s">
        <v>43</v>
      </c>
      <c r="AC5230" s="5" t="s">
        <v>44</v>
      </c>
      <c r="AD5230" s="2"/>
      <c r="AE5230" s="1"/>
    </row>
    <row r="5231" spans="1:31" ht="14.45">
      <c r="A5231" s="11"/>
      <c r="B5231" s="20"/>
      <c r="C5231" s="2" t="s">
        <v>16161</v>
      </c>
      <c r="D5231" s="14" t="s">
        <v>16162</v>
      </c>
      <c r="E5231" s="2" t="s">
        <v>16163</v>
      </c>
      <c r="F5231" s="2" t="s">
        <v>7406</v>
      </c>
      <c r="G5231" s="8">
        <v>224</v>
      </c>
      <c r="H5231" s="5">
        <v>6</v>
      </c>
      <c r="I5231" s="5" t="s">
        <v>1518</v>
      </c>
      <c r="J5231" s="5" t="s">
        <v>1519</v>
      </c>
      <c r="K5231" s="2" t="s">
        <v>1520</v>
      </c>
      <c r="L5231" s="5" t="s">
        <v>1519</v>
      </c>
      <c r="M5231" s="2" t="s">
        <v>1520</v>
      </c>
      <c r="N5231" s="5" t="s">
        <v>1521</v>
      </c>
      <c r="O5231" s="5" t="s">
        <v>38</v>
      </c>
      <c r="P5231" s="5" t="s">
        <v>39</v>
      </c>
      <c r="Q5231" s="5" t="s">
        <v>40</v>
      </c>
      <c r="R5231" s="5" t="s">
        <v>1522</v>
      </c>
      <c r="S5231" s="5" t="s">
        <v>1523</v>
      </c>
      <c r="T5231" s="5" t="s">
        <v>42</v>
      </c>
      <c r="U5231" s="2">
        <v>1.9610000000000001</v>
      </c>
      <c r="V5231" s="2">
        <v>1.5009999999999999</v>
      </c>
      <c r="W5231" s="2">
        <v>0.01</v>
      </c>
      <c r="X5231" s="2">
        <v>76.900000000000006</v>
      </c>
      <c r="Y5231" s="2">
        <v>7.6</v>
      </c>
      <c r="Z5231" s="2">
        <v>16.7</v>
      </c>
      <c r="AA5231" s="5"/>
      <c r="AB5231" s="5" t="s">
        <v>43</v>
      </c>
      <c r="AC5231" s="5" t="s">
        <v>44</v>
      </c>
      <c r="AD5231" s="2"/>
      <c r="AE5231" s="1"/>
    </row>
    <row r="5232" spans="1:31" ht="14.45">
      <c r="A5232" s="11"/>
      <c r="B5232" s="20"/>
      <c r="C5232" s="2" t="s">
        <v>16164</v>
      </c>
      <c r="D5232" s="14" t="s">
        <v>16165</v>
      </c>
      <c r="E5232" s="2" t="s">
        <v>16166</v>
      </c>
      <c r="F5232" s="2" t="s">
        <v>7535</v>
      </c>
      <c r="G5232" s="8">
        <v>224</v>
      </c>
      <c r="H5232" s="5">
        <v>6</v>
      </c>
      <c r="I5232" s="5" t="s">
        <v>1518</v>
      </c>
      <c r="J5232" s="5" t="s">
        <v>1519</v>
      </c>
      <c r="K5232" s="2" t="s">
        <v>1520</v>
      </c>
      <c r="L5232" s="5" t="s">
        <v>1519</v>
      </c>
      <c r="M5232" s="2" t="s">
        <v>1520</v>
      </c>
      <c r="N5232" s="5" t="s">
        <v>1521</v>
      </c>
      <c r="O5232" s="5" t="s">
        <v>38</v>
      </c>
      <c r="P5232" s="5" t="s">
        <v>39</v>
      </c>
      <c r="Q5232" s="5" t="s">
        <v>40</v>
      </c>
      <c r="R5232" s="5" t="s">
        <v>1522</v>
      </c>
      <c r="S5232" s="5" t="s">
        <v>1523</v>
      </c>
      <c r="T5232" s="5" t="s">
        <v>42</v>
      </c>
      <c r="U5232" s="2">
        <v>2.0110000000000001</v>
      </c>
      <c r="V5232" s="2">
        <v>1.5509999999999999</v>
      </c>
      <c r="W5232" s="2">
        <v>0.01</v>
      </c>
      <c r="X5232" s="2">
        <v>76.900000000000006</v>
      </c>
      <c r="Y5232" s="2">
        <v>7.6</v>
      </c>
      <c r="Z5232" s="2">
        <v>16.7</v>
      </c>
      <c r="AA5232" s="5"/>
      <c r="AB5232" s="5" t="s">
        <v>43</v>
      </c>
      <c r="AC5232" s="5" t="s">
        <v>44</v>
      </c>
      <c r="AD5232" s="2"/>
      <c r="AE5232" s="1"/>
    </row>
    <row r="5233" spans="1:31" ht="14.45">
      <c r="A5233" s="11"/>
      <c r="B5233" s="20"/>
      <c r="C5233" s="2" t="s">
        <v>16167</v>
      </c>
      <c r="D5233" s="14" t="s">
        <v>16168</v>
      </c>
      <c r="E5233" s="2" t="s">
        <v>16169</v>
      </c>
      <c r="F5233" s="2" t="s">
        <v>7539</v>
      </c>
      <c r="G5233" s="8">
        <v>224</v>
      </c>
      <c r="H5233" s="5">
        <v>6</v>
      </c>
      <c r="I5233" s="5" t="s">
        <v>1518</v>
      </c>
      <c r="J5233" s="5" t="s">
        <v>1519</v>
      </c>
      <c r="K5233" s="2" t="s">
        <v>1520</v>
      </c>
      <c r="L5233" s="5" t="s">
        <v>1519</v>
      </c>
      <c r="M5233" s="2" t="s">
        <v>1520</v>
      </c>
      <c r="N5233" s="5" t="s">
        <v>1521</v>
      </c>
      <c r="O5233" s="5" t="s">
        <v>38</v>
      </c>
      <c r="P5233" s="5" t="s">
        <v>39</v>
      </c>
      <c r="Q5233" s="5" t="s">
        <v>40</v>
      </c>
      <c r="R5233" s="5" t="s">
        <v>1522</v>
      </c>
      <c r="S5233" s="5" t="s">
        <v>1523</v>
      </c>
      <c r="T5233" s="5" t="s">
        <v>42</v>
      </c>
      <c r="U5233" s="2">
        <v>1.968</v>
      </c>
      <c r="V5233" s="2">
        <v>1.508</v>
      </c>
      <c r="W5233" s="2">
        <v>0.01</v>
      </c>
      <c r="X5233" s="2">
        <v>76.900000000000006</v>
      </c>
      <c r="Y5233" s="2">
        <v>7.6</v>
      </c>
      <c r="Z5233" s="2">
        <v>16.7</v>
      </c>
      <c r="AA5233" s="5"/>
      <c r="AB5233" s="5" t="s">
        <v>43</v>
      </c>
      <c r="AC5233" s="5" t="s">
        <v>44</v>
      </c>
      <c r="AD5233" s="2"/>
      <c r="AE5233" s="1"/>
    </row>
    <row r="5234" spans="1:31" ht="14.45">
      <c r="A5234" s="11"/>
      <c r="B5234" s="20"/>
      <c r="C5234" s="2" t="s">
        <v>16170</v>
      </c>
      <c r="D5234" s="14" t="s">
        <v>16171</v>
      </c>
      <c r="E5234" s="2" t="s">
        <v>16172</v>
      </c>
      <c r="F5234" s="2" t="s">
        <v>7543</v>
      </c>
      <c r="G5234" s="8">
        <v>224</v>
      </c>
      <c r="H5234" s="5">
        <v>6</v>
      </c>
      <c r="I5234" s="5" t="s">
        <v>1518</v>
      </c>
      <c r="J5234" s="5" t="s">
        <v>1519</v>
      </c>
      <c r="K5234" s="2" t="s">
        <v>1520</v>
      </c>
      <c r="L5234" s="5" t="s">
        <v>1519</v>
      </c>
      <c r="M5234" s="2" t="s">
        <v>1520</v>
      </c>
      <c r="N5234" s="5" t="s">
        <v>1521</v>
      </c>
      <c r="O5234" s="5" t="s">
        <v>38</v>
      </c>
      <c r="P5234" s="5" t="s">
        <v>39</v>
      </c>
      <c r="Q5234" s="5" t="s">
        <v>40</v>
      </c>
      <c r="R5234" s="5" t="s">
        <v>1522</v>
      </c>
      <c r="S5234" s="5" t="s">
        <v>1523</v>
      </c>
      <c r="T5234" s="5" t="s">
        <v>42</v>
      </c>
      <c r="U5234" s="2">
        <v>2.0179999999999998</v>
      </c>
      <c r="V5234" s="2">
        <v>1.5580000000000001</v>
      </c>
      <c r="W5234" s="2">
        <v>0.01</v>
      </c>
      <c r="X5234" s="2">
        <v>76.900000000000006</v>
      </c>
      <c r="Y5234" s="2">
        <v>7.6</v>
      </c>
      <c r="Z5234" s="2">
        <v>16.7</v>
      </c>
      <c r="AA5234" s="5"/>
      <c r="AB5234" s="5" t="s">
        <v>43</v>
      </c>
      <c r="AC5234" s="5" t="s">
        <v>44</v>
      </c>
      <c r="AD5234" s="2"/>
      <c r="AE5234" s="1"/>
    </row>
    <row r="5235" spans="1:31" ht="14.45">
      <c r="A5235" s="11"/>
      <c r="B5235" s="20"/>
      <c r="C5235" s="2" t="s">
        <v>16173</v>
      </c>
      <c r="D5235" s="14" t="s">
        <v>16174</v>
      </c>
      <c r="E5235" s="2" t="s">
        <v>16175</v>
      </c>
      <c r="F5235" s="2" t="s">
        <v>7547</v>
      </c>
      <c r="G5235" s="8">
        <v>224</v>
      </c>
      <c r="H5235" s="5">
        <v>6</v>
      </c>
      <c r="I5235" s="5" t="s">
        <v>1518</v>
      </c>
      <c r="J5235" s="5" t="s">
        <v>1519</v>
      </c>
      <c r="K5235" s="2" t="s">
        <v>1520</v>
      </c>
      <c r="L5235" s="5" t="s">
        <v>1519</v>
      </c>
      <c r="M5235" s="2" t="s">
        <v>1520</v>
      </c>
      <c r="N5235" s="5" t="s">
        <v>1521</v>
      </c>
      <c r="O5235" s="5" t="s">
        <v>38</v>
      </c>
      <c r="P5235" s="5" t="s">
        <v>39</v>
      </c>
      <c r="Q5235" s="5" t="s">
        <v>40</v>
      </c>
      <c r="R5235" s="5" t="s">
        <v>1522</v>
      </c>
      <c r="S5235" s="5" t="s">
        <v>1523</v>
      </c>
      <c r="T5235" s="5" t="s">
        <v>42</v>
      </c>
      <c r="U5235" s="2">
        <v>1.9610000000000001</v>
      </c>
      <c r="V5235" s="2">
        <v>1.5009999999999999</v>
      </c>
      <c r="W5235" s="2">
        <v>0.01</v>
      </c>
      <c r="X5235" s="2">
        <v>76.900000000000006</v>
      </c>
      <c r="Y5235" s="2">
        <v>7.6</v>
      </c>
      <c r="Z5235" s="2">
        <v>16.7</v>
      </c>
      <c r="AA5235" s="5"/>
      <c r="AB5235" s="5" t="s">
        <v>43</v>
      </c>
      <c r="AC5235" s="5" t="s">
        <v>44</v>
      </c>
      <c r="AD5235" s="2"/>
      <c r="AE5235" s="1"/>
    </row>
    <row r="5236" spans="1:31" ht="14.45">
      <c r="A5236" s="11"/>
      <c r="B5236" s="20"/>
      <c r="C5236" s="2" t="s">
        <v>16176</v>
      </c>
      <c r="D5236" s="14" t="s">
        <v>16177</v>
      </c>
      <c r="E5236" s="2" t="s">
        <v>16178</v>
      </c>
      <c r="F5236" s="2" t="s">
        <v>7555</v>
      </c>
      <c r="G5236" s="8">
        <v>224</v>
      </c>
      <c r="H5236" s="5">
        <v>6</v>
      </c>
      <c r="I5236" s="5" t="s">
        <v>1518</v>
      </c>
      <c r="J5236" s="5" t="s">
        <v>1519</v>
      </c>
      <c r="K5236" s="2" t="s">
        <v>1520</v>
      </c>
      <c r="L5236" s="5" t="s">
        <v>1519</v>
      </c>
      <c r="M5236" s="2" t="s">
        <v>1520</v>
      </c>
      <c r="N5236" s="5" t="s">
        <v>1521</v>
      </c>
      <c r="O5236" s="5" t="s">
        <v>38</v>
      </c>
      <c r="P5236" s="5" t="s">
        <v>39</v>
      </c>
      <c r="Q5236" s="5" t="s">
        <v>40</v>
      </c>
      <c r="R5236" s="5" t="s">
        <v>1522</v>
      </c>
      <c r="S5236" s="5" t="s">
        <v>1523</v>
      </c>
      <c r="T5236" s="5" t="s">
        <v>42</v>
      </c>
      <c r="U5236" s="2">
        <v>1.9610000000000001</v>
      </c>
      <c r="V5236" s="2">
        <v>1.5009999999999999</v>
      </c>
      <c r="W5236" s="2">
        <v>0.01</v>
      </c>
      <c r="X5236" s="2">
        <v>76.900000000000006</v>
      </c>
      <c r="Y5236" s="2">
        <v>7.6</v>
      </c>
      <c r="Z5236" s="2">
        <v>16.7</v>
      </c>
      <c r="AA5236" s="5"/>
      <c r="AB5236" s="5" t="s">
        <v>43</v>
      </c>
      <c r="AC5236" s="5" t="s">
        <v>44</v>
      </c>
      <c r="AD5236" s="2"/>
      <c r="AE5236" s="1"/>
    </row>
    <row r="5237" spans="1:31" ht="14.45">
      <c r="A5237" s="11"/>
      <c r="B5237" s="20"/>
      <c r="C5237" s="2" t="s">
        <v>16179</v>
      </c>
      <c r="D5237" s="14" t="s">
        <v>16180</v>
      </c>
      <c r="E5237" s="2" t="s">
        <v>16181</v>
      </c>
      <c r="F5237" s="2" t="s">
        <v>7559</v>
      </c>
      <c r="G5237" s="8">
        <v>224</v>
      </c>
      <c r="H5237" s="5">
        <v>6</v>
      </c>
      <c r="I5237" s="5" t="s">
        <v>1518</v>
      </c>
      <c r="J5237" s="5" t="s">
        <v>1519</v>
      </c>
      <c r="K5237" s="2" t="s">
        <v>1520</v>
      </c>
      <c r="L5237" s="5" t="s">
        <v>1519</v>
      </c>
      <c r="M5237" s="2" t="s">
        <v>1520</v>
      </c>
      <c r="N5237" s="5" t="s">
        <v>1521</v>
      </c>
      <c r="O5237" s="5" t="s">
        <v>38</v>
      </c>
      <c r="P5237" s="5" t="s">
        <v>39</v>
      </c>
      <c r="Q5237" s="5" t="s">
        <v>40</v>
      </c>
      <c r="R5237" s="5" t="s">
        <v>1522</v>
      </c>
      <c r="S5237" s="5" t="s">
        <v>1523</v>
      </c>
      <c r="T5237" s="5" t="s">
        <v>42</v>
      </c>
      <c r="U5237" s="2">
        <v>2.0110000000000001</v>
      </c>
      <c r="V5237" s="2">
        <v>1.5509999999999999</v>
      </c>
      <c r="W5237" s="2">
        <v>0.01</v>
      </c>
      <c r="X5237" s="2">
        <v>76.900000000000006</v>
      </c>
      <c r="Y5237" s="2">
        <v>7.6</v>
      </c>
      <c r="Z5237" s="2">
        <v>16.7</v>
      </c>
      <c r="AA5237" s="5"/>
      <c r="AB5237" s="5" t="s">
        <v>43</v>
      </c>
      <c r="AC5237" s="5" t="s">
        <v>44</v>
      </c>
      <c r="AD5237" s="2"/>
      <c r="AE5237" s="1"/>
    </row>
    <row r="5238" spans="1:31" ht="14.45">
      <c r="A5238" s="11"/>
      <c r="B5238" s="20"/>
      <c r="C5238" s="2" t="s">
        <v>16182</v>
      </c>
      <c r="D5238" s="14" t="s">
        <v>16183</v>
      </c>
      <c r="E5238" s="2" t="s">
        <v>16184</v>
      </c>
      <c r="F5238" s="2" t="s">
        <v>7563</v>
      </c>
      <c r="G5238" s="8">
        <v>224</v>
      </c>
      <c r="H5238" s="5">
        <v>6</v>
      </c>
      <c r="I5238" s="5" t="s">
        <v>1518</v>
      </c>
      <c r="J5238" s="5" t="s">
        <v>1519</v>
      </c>
      <c r="K5238" s="2" t="s">
        <v>1520</v>
      </c>
      <c r="L5238" s="5" t="s">
        <v>1519</v>
      </c>
      <c r="M5238" s="2" t="s">
        <v>1520</v>
      </c>
      <c r="N5238" s="5" t="s">
        <v>1521</v>
      </c>
      <c r="O5238" s="5" t="s">
        <v>38</v>
      </c>
      <c r="P5238" s="5" t="s">
        <v>39</v>
      </c>
      <c r="Q5238" s="5" t="s">
        <v>40</v>
      </c>
      <c r="R5238" s="5" t="s">
        <v>1522</v>
      </c>
      <c r="S5238" s="5" t="s">
        <v>1523</v>
      </c>
      <c r="T5238" s="5" t="s">
        <v>42</v>
      </c>
      <c r="U5238" s="2">
        <v>1.968</v>
      </c>
      <c r="V5238" s="2">
        <v>1.508</v>
      </c>
      <c r="W5238" s="2">
        <v>0.01</v>
      </c>
      <c r="X5238" s="2">
        <v>76.900000000000006</v>
      </c>
      <c r="Y5238" s="2">
        <v>7.6</v>
      </c>
      <c r="Z5238" s="2">
        <v>16.7</v>
      </c>
      <c r="AA5238" s="5"/>
      <c r="AB5238" s="5" t="s">
        <v>43</v>
      </c>
      <c r="AC5238" s="5" t="s">
        <v>44</v>
      </c>
      <c r="AD5238" s="2"/>
      <c r="AE5238" s="1"/>
    </row>
    <row r="5239" spans="1:31" ht="14.45">
      <c r="A5239" s="11"/>
      <c r="B5239" s="20"/>
      <c r="C5239" s="2" t="s">
        <v>16185</v>
      </c>
      <c r="D5239" s="14" t="s">
        <v>16186</v>
      </c>
      <c r="E5239" s="2" t="s">
        <v>16187</v>
      </c>
      <c r="F5239" s="2" t="s">
        <v>7567</v>
      </c>
      <c r="G5239" s="8">
        <v>224</v>
      </c>
      <c r="H5239" s="5">
        <v>6</v>
      </c>
      <c r="I5239" s="5" t="s">
        <v>1518</v>
      </c>
      <c r="J5239" s="5" t="s">
        <v>1519</v>
      </c>
      <c r="K5239" s="2" t="s">
        <v>1520</v>
      </c>
      <c r="L5239" s="5" t="s">
        <v>1519</v>
      </c>
      <c r="M5239" s="2" t="s">
        <v>1520</v>
      </c>
      <c r="N5239" s="5" t="s">
        <v>1521</v>
      </c>
      <c r="O5239" s="5" t="s">
        <v>38</v>
      </c>
      <c r="P5239" s="5" t="s">
        <v>39</v>
      </c>
      <c r="Q5239" s="5" t="s">
        <v>40</v>
      </c>
      <c r="R5239" s="5" t="s">
        <v>1522</v>
      </c>
      <c r="S5239" s="5" t="s">
        <v>1523</v>
      </c>
      <c r="T5239" s="5" t="s">
        <v>42</v>
      </c>
      <c r="U5239" s="2">
        <v>2.0179999999999998</v>
      </c>
      <c r="V5239" s="2">
        <v>1.5580000000000001</v>
      </c>
      <c r="W5239" s="2">
        <v>0.01</v>
      </c>
      <c r="X5239" s="2">
        <v>76.900000000000006</v>
      </c>
      <c r="Y5239" s="2">
        <v>7.6</v>
      </c>
      <c r="Z5239" s="2">
        <v>16.7</v>
      </c>
      <c r="AA5239" s="5"/>
      <c r="AB5239" s="5" t="s">
        <v>43</v>
      </c>
      <c r="AC5239" s="5" t="s">
        <v>44</v>
      </c>
      <c r="AD5239" s="2"/>
      <c r="AE5239" s="1"/>
    </row>
    <row r="5240" spans="1:31" ht="14.45">
      <c r="A5240" s="11"/>
      <c r="B5240" s="20"/>
      <c r="C5240" s="2" t="s">
        <v>16188</v>
      </c>
      <c r="D5240" s="14" t="s">
        <v>16189</v>
      </c>
      <c r="E5240" s="2" t="s">
        <v>16190</v>
      </c>
      <c r="F5240" s="2" t="s">
        <v>16079</v>
      </c>
      <c r="G5240" s="8">
        <v>224</v>
      </c>
      <c r="H5240" s="5">
        <v>6</v>
      </c>
      <c r="I5240" s="5" t="s">
        <v>1518</v>
      </c>
      <c r="J5240" s="5" t="s">
        <v>1519</v>
      </c>
      <c r="K5240" s="2" t="s">
        <v>1520</v>
      </c>
      <c r="L5240" s="5" t="s">
        <v>1519</v>
      </c>
      <c r="M5240" s="2" t="s">
        <v>1520</v>
      </c>
      <c r="N5240" s="5" t="s">
        <v>1521</v>
      </c>
      <c r="O5240" s="5" t="s">
        <v>38</v>
      </c>
      <c r="P5240" s="5" t="s">
        <v>39</v>
      </c>
      <c r="Q5240" s="5" t="s">
        <v>40</v>
      </c>
      <c r="R5240" s="5" t="s">
        <v>1522</v>
      </c>
      <c r="S5240" s="5" t="s">
        <v>1523</v>
      </c>
      <c r="T5240" s="5" t="s">
        <v>42</v>
      </c>
      <c r="U5240" s="2">
        <v>1.968</v>
      </c>
      <c r="V5240" s="2">
        <v>1.508</v>
      </c>
      <c r="W5240" s="2">
        <v>0.01</v>
      </c>
      <c r="X5240" s="2">
        <v>76.900000000000006</v>
      </c>
      <c r="Y5240" s="2">
        <v>7.6</v>
      </c>
      <c r="Z5240" s="2">
        <v>16.7</v>
      </c>
      <c r="AA5240" s="5"/>
      <c r="AB5240" s="5" t="s">
        <v>43</v>
      </c>
      <c r="AC5240" s="5" t="s">
        <v>44</v>
      </c>
      <c r="AD5240" s="2"/>
      <c r="AE5240" s="1"/>
    </row>
    <row r="5241" spans="1:31" ht="14.45">
      <c r="A5241" s="11"/>
      <c r="B5241" s="20"/>
      <c r="C5241" s="2" t="s">
        <v>16191</v>
      </c>
      <c r="D5241" s="14" t="s">
        <v>16192</v>
      </c>
      <c r="E5241" s="2" t="s">
        <v>16193</v>
      </c>
      <c r="F5241" s="2" t="s">
        <v>16194</v>
      </c>
      <c r="G5241" s="8">
        <v>224</v>
      </c>
      <c r="H5241" s="5">
        <v>6</v>
      </c>
      <c r="I5241" s="5" t="s">
        <v>1518</v>
      </c>
      <c r="J5241" s="5" t="s">
        <v>1519</v>
      </c>
      <c r="K5241" s="2" t="s">
        <v>1520</v>
      </c>
      <c r="L5241" s="5" t="s">
        <v>1519</v>
      </c>
      <c r="M5241" s="2" t="s">
        <v>1520</v>
      </c>
      <c r="N5241" s="5" t="s">
        <v>1521</v>
      </c>
      <c r="O5241" s="5" t="s">
        <v>38</v>
      </c>
      <c r="P5241" s="5" t="s">
        <v>39</v>
      </c>
      <c r="Q5241" s="5" t="s">
        <v>40</v>
      </c>
      <c r="R5241" s="5" t="s">
        <v>1522</v>
      </c>
      <c r="S5241" s="5" t="s">
        <v>1523</v>
      </c>
      <c r="T5241" s="5" t="s">
        <v>42</v>
      </c>
      <c r="U5241" s="2">
        <v>2.0179999999999998</v>
      </c>
      <c r="V5241" s="2">
        <v>1.5580000000000001</v>
      </c>
      <c r="W5241" s="2">
        <v>0.01</v>
      </c>
      <c r="X5241" s="2">
        <v>76.900000000000006</v>
      </c>
      <c r="Y5241" s="2">
        <v>7.6</v>
      </c>
      <c r="Z5241" s="2">
        <v>16.7</v>
      </c>
      <c r="AA5241" s="5"/>
      <c r="AB5241" s="5" t="s">
        <v>43</v>
      </c>
      <c r="AC5241" s="5" t="s">
        <v>44</v>
      </c>
      <c r="AD5241" s="2"/>
      <c r="AE5241" s="1"/>
    </row>
    <row r="5242" spans="1:31" ht="14.45">
      <c r="A5242" s="11"/>
      <c r="B5242" s="20"/>
      <c r="C5242" s="2" t="s">
        <v>16195</v>
      </c>
      <c r="D5242" s="14" t="s">
        <v>16196</v>
      </c>
      <c r="E5242" s="2" t="s">
        <v>16197</v>
      </c>
      <c r="F5242" s="2" t="s">
        <v>7449</v>
      </c>
      <c r="G5242" s="8">
        <v>224</v>
      </c>
      <c r="H5242" s="5">
        <v>6</v>
      </c>
      <c r="I5242" s="5" t="s">
        <v>1518</v>
      </c>
      <c r="J5242" s="5" t="s">
        <v>1519</v>
      </c>
      <c r="K5242" s="2" t="s">
        <v>1520</v>
      </c>
      <c r="L5242" s="5" t="s">
        <v>1519</v>
      </c>
      <c r="M5242" s="2" t="s">
        <v>1520</v>
      </c>
      <c r="N5242" s="5" t="s">
        <v>1521</v>
      </c>
      <c r="O5242" s="5" t="s">
        <v>38</v>
      </c>
      <c r="P5242" s="5" t="s">
        <v>39</v>
      </c>
      <c r="Q5242" s="5" t="s">
        <v>40</v>
      </c>
      <c r="R5242" s="5" t="s">
        <v>1522</v>
      </c>
      <c r="S5242" s="5" t="s">
        <v>1523</v>
      </c>
      <c r="T5242" s="5" t="s">
        <v>42</v>
      </c>
      <c r="U5242" s="2">
        <v>1.968</v>
      </c>
      <c r="V5242" s="2">
        <v>1.508</v>
      </c>
      <c r="W5242" s="2">
        <v>0.01</v>
      </c>
      <c r="X5242" s="2">
        <v>76.900000000000006</v>
      </c>
      <c r="Y5242" s="2">
        <v>7.6</v>
      </c>
      <c r="Z5242" s="2">
        <v>16.7</v>
      </c>
      <c r="AA5242" s="5"/>
      <c r="AB5242" s="5" t="s">
        <v>43</v>
      </c>
      <c r="AC5242" s="5" t="s">
        <v>44</v>
      </c>
      <c r="AD5242" s="2"/>
      <c r="AE5242" s="1"/>
    </row>
    <row r="5243" spans="1:31" ht="14.45">
      <c r="A5243" s="11"/>
      <c r="B5243" s="20"/>
      <c r="C5243" s="2" t="s">
        <v>16198</v>
      </c>
      <c r="D5243" s="14" t="s">
        <v>16199</v>
      </c>
      <c r="E5243" s="2" t="s">
        <v>16200</v>
      </c>
      <c r="F5243" s="2" t="s">
        <v>7581</v>
      </c>
      <c r="G5243" s="8">
        <v>224</v>
      </c>
      <c r="H5243" s="5">
        <v>6</v>
      </c>
      <c r="I5243" s="5" t="s">
        <v>1518</v>
      </c>
      <c r="J5243" s="5" t="s">
        <v>1519</v>
      </c>
      <c r="K5243" s="2" t="s">
        <v>1520</v>
      </c>
      <c r="L5243" s="5" t="s">
        <v>1519</v>
      </c>
      <c r="M5243" s="2" t="s">
        <v>1520</v>
      </c>
      <c r="N5243" s="5" t="s">
        <v>1521</v>
      </c>
      <c r="O5243" s="5" t="s">
        <v>38</v>
      </c>
      <c r="P5243" s="5" t="s">
        <v>39</v>
      </c>
      <c r="Q5243" s="5" t="s">
        <v>40</v>
      </c>
      <c r="R5243" s="5" t="s">
        <v>1522</v>
      </c>
      <c r="S5243" s="5" t="s">
        <v>1523</v>
      </c>
      <c r="T5243" s="5" t="s">
        <v>42</v>
      </c>
      <c r="U5243" s="2">
        <v>2.0179999999999998</v>
      </c>
      <c r="V5243" s="2">
        <v>1.5580000000000001</v>
      </c>
      <c r="W5243" s="2">
        <v>0.01</v>
      </c>
      <c r="X5243" s="2">
        <v>76.900000000000006</v>
      </c>
      <c r="Y5243" s="2">
        <v>7.6</v>
      </c>
      <c r="Z5243" s="2">
        <v>16.7</v>
      </c>
      <c r="AA5243" s="5"/>
      <c r="AB5243" s="5" t="s">
        <v>43</v>
      </c>
      <c r="AC5243" s="5" t="s">
        <v>44</v>
      </c>
      <c r="AD5243" s="2"/>
      <c r="AE5243" s="1"/>
    </row>
    <row r="5244" spans="1:31" ht="14.45">
      <c r="A5244" s="11"/>
      <c r="B5244" s="20"/>
      <c r="C5244" s="2" t="s">
        <v>16201</v>
      </c>
      <c r="D5244" s="14" t="s">
        <v>16202</v>
      </c>
      <c r="E5244" s="2" t="s">
        <v>16203</v>
      </c>
      <c r="F5244" s="2" t="s">
        <v>7585</v>
      </c>
      <c r="G5244" s="8">
        <v>224</v>
      </c>
      <c r="H5244" s="5">
        <v>6</v>
      </c>
      <c r="I5244" s="5" t="s">
        <v>1518</v>
      </c>
      <c r="J5244" s="5" t="s">
        <v>1519</v>
      </c>
      <c r="K5244" s="2" t="s">
        <v>1520</v>
      </c>
      <c r="L5244" s="5" t="s">
        <v>1519</v>
      </c>
      <c r="M5244" s="2" t="s">
        <v>1520</v>
      </c>
      <c r="N5244" s="5" t="s">
        <v>1521</v>
      </c>
      <c r="O5244" s="5" t="s">
        <v>38</v>
      </c>
      <c r="P5244" s="5" t="s">
        <v>39</v>
      </c>
      <c r="Q5244" s="5" t="s">
        <v>40</v>
      </c>
      <c r="R5244" s="5" t="s">
        <v>1522</v>
      </c>
      <c r="S5244" s="5" t="s">
        <v>1523</v>
      </c>
      <c r="T5244" s="5" t="s">
        <v>42</v>
      </c>
      <c r="U5244" s="2">
        <v>1.9610000000000001</v>
      </c>
      <c r="V5244" s="2">
        <v>1.5009999999999999</v>
      </c>
      <c r="W5244" s="2">
        <v>0.01</v>
      </c>
      <c r="X5244" s="2">
        <v>76.900000000000006</v>
      </c>
      <c r="Y5244" s="2">
        <v>7.6</v>
      </c>
      <c r="Z5244" s="2">
        <v>16.7</v>
      </c>
      <c r="AA5244" s="5"/>
      <c r="AB5244" s="5" t="s">
        <v>43</v>
      </c>
      <c r="AC5244" s="5" t="s">
        <v>44</v>
      </c>
      <c r="AD5244" s="2"/>
      <c r="AE5244" s="1"/>
    </row>
    <row r="5245" spans="1:31" ht="14.45">
      <c r="A5245" s="11"/>
      <c r="B5245" s="20"/>
      <c r="C5245" s="2" t="s">
        <v>16204</v>
      </c>
      <c r="D5245" s="14" t="s">
        <v>16205</v>
      </c>
      <c r="E5245" s="2" t="s">
        <v>16206</v>
      </c>
      <c r="F5245" s="2" t="s">
        <v>7589</v>
      </c>
      <c r="G5245" s="8">
        <v>224</v>
      </c>
      <c r="H5245" s="5">
        <v>6</v>
      </c>
      <c r="I5245" s="5" t="s">
        <v>1518</v>
      </c>
      <c r="J5245" s="5" t="s">
        <v>1519</v>
      </c>
      <c r="K5245" s="2" t="s">
        <v>1520</v>
      </c>
      <c r="L5245" s="5" t="s">
        <v>1519</v>
      </c>
      <c r="M5245" s="2" t="s">
        <v>1520</v>
      </c>
      <c r="N5245" s="5" t="s">
        <v>1521</v>
      </c>
      <c r="O5245" s="5" t="s">
        <v>38</v>
      </c>
      <c r="P5245" s="5" t="s">
        <v>39</v>
      </c>
      <c r="Q5245" s="5" t="s">
        <v>40</v>
      </c>
      <c r="R5245" s="5" t="s">
        <v>1522</v>
      </c>
      <c r="S5245" s="5" t="s">
        <v>1523</v>
      </c>
      <c r="T5245" s="5" t="s">
        <v>42</v>
      </c>
      <c r="U5245" s="2">
        <v>2.0110000000000001</v>
      </c>
      <c r="V5245" s="2">
        <v>1.5509999999999999</v>
      </c>
      <c r="W5245" s="2">
        <v>0.01</v>
      </c>
      <c r="X5245" s="2">
        <v>76.900000000000006</v>
      </c>
      <c r="Y5245" s="2">
        <v>7.6</v>
      </c>
      <c r="Z5245" s="2">
        <v>16.7</v>
      </c>
      <c r="AA5245" s="5"/>
      <c r="AB5245" s="5" t="s">
        <v>43</v>
      </c>
      <c r="AC5245" s="5" t="s">
        <v>44</v>
      </c>
      <c r="AD5245" s="2"/>
      <c r="AE5245" s="1"/>
    </row>
    <row r="5246" spans="1:31" ht="14.45">
      <c r="A5246" s="11"/>
      <c r="B5246" s="20"/>
      <c r="C5246" s="2" t="s">
        <v>16207</v>
      </c>
      <c r="D5246" s="14" t="s">
        <v>16208</v>
      </c>
      <c r="E5246" s="2" t="s">
        <v>16209</v>
      </c>
      <c r="F5246" s="2" t="s">
        <v>7593</v>
      </c>
      <c r="G5246" s="8">
        <v>224</v>
      </c>
      <c r="H5246" s="5">
        <v>6</v>
      </c>
      <c r="I5246" s="5" t="s">
        <v>1518</v>
      </c>
      <c r="J5246" s="5" t="s">
        <v>1519</v>
      </c>
      <c r="K5246" s="2" t="s">
        <v>1520</v>
      </c>
      <c r="L5246" s="5" t="s">
        <v>1519</v>
      </c>
      <c r="M5246" s="2" t="s">
        <v>1520</v>
      </c>
      <c r="N5246" s="5" t="s">
        <v>1521</v>
      </c>
      <c r="O5246" s="5" t="s">
        <v>38</v>
      </c>
      <c r="P5246" s="5" t="s">
        <v>39</v>
      </c>
      <c r="Q5246" s="5" t="s">
        <v>40</v>
      </c>
      <c r="R5246" s="5" t="s">
        <v>1522</v>
      </c>
      <c r="S5246" s="5" t="s">
        <v>1523</v>
      </c>
      <c r="T5246" s="5" t="s">
        <v>42</v>
      </c>
      <c r="U5246" s="2">
        <v>1.968</v>
      </c>
      <c r="V5246" s="2">
        <v>1.508</v>
      </c>
      <c r="W5246" s="2">
        <v>0.01</v>
      </c>
      <c r="X5246" s="2">
        <v>76.900000000000006</v>
      </c>
      <c r="Y5246" s="2">
        <v>7.6</v>
      </c>
      <c r="Z5246" s="2">
        <v>16.7</v>
      </c>
      <c r="AA5246" s="5"/>
      <c r="AB5246" s="5" t="s">
        <v>43</v>
      </c>
      <c r="AC5246" s="5" t="s">
        <v>44</v>
      </c>
      <c r="AD5246" s="2"/>
      <c r="AE5246" s="1"/>
    </row>
    <row r="5247" spans="1:31" ht="14.45">
      <c r="A5247" s="11"/>
      <c r="B5247" s="20"/>
      <c r="C5247" s="2" t="s">
        <v>16210</v>
      </c>
      <c r="D5247" s="14" t="s">
        <v>16211</v>
      </c>
      <c r="E5247" s="2" t="s">
        <v>16212</v>
      </c>
      <c r="F5247" s="2" t="s">
        <v>7597</v>
      </c>
      <c r="G5247" s="8">
        <v>224</v>
      </c>
      <c r="H5247" s="5">
        <v>6</v>
      </c>
      <c r="I5247" s="5" t="s">
        <v>1518</v>
      </c>
      <c r="J5247" s="5" t="s">
        <v>1519</v>
      </c>
      <c r="K5247" s="2" t="s">
        <v>1520</v>
      </c>
      <c r="L5247" s="5" t="s">
        <v>1519</v>
      </c>
      <c r="M5247" s="2" t="s">
        <v>1520</v>
      </c>
      <c r="N5247" s="5" t="s">
        <v>1521</v>
      </c>
      <c r="O5247" s="5" t="s">
        <v>38</v>
      </c>
      <c r="P5247" s="5" t="s">
        <v>39</v>
      </c>
      <c r="Q5247" s="5" t="s">
        <v>40</v>
      </c>
      <c r="R5247" s="5" t="s">
        <v>1522</v>
      </c>
      <c r="S5247" s="5" t="s">
        <v>1523</v>
      </c>
      <c r="T5247" s="5" t="s">
        <v>42</v>
      </c>
      <c r="U5247" s="2">
        <v>2.0179999999999998</v>
      </c>
      <c r="V5247" s="2">
        <v>1.5580000000000001</v>
      </c>
      <c r="W5247" s="2">
        <v>0.01</v>
      </c>
      <c r="X5247" s="2">
        <v>76.900000000000006</v>
      </c>
      <c r="Y5247" s="2">
        <v>7.6</v>
      </c>
      <c r="Z5247" s="2">
        <v>16.7</v>
      </c>
      <c r="AA5247" s="5"/>
      <c r="AB5247" s="5" t="s">
        <v>43</v>
      </c>
      <c r="AC5247" s="5" t="s">
        <v>44</v>
      </c>
      <c r="AD5247" s="2"/>
      <c r="AE5247" s="1"/>
    </row>
    <row r="5248" spans="1:31" ht="14.45">
      <c r="A5248" s="11"/>
      <c r="B5248" s="20"/>
      <c r="C5248" s="2" t="s">
        <v>16213</v>
      </c>
      <c r="D5248" s="14" t="s">
        <v>16214</v>
      </c>
      <c r="E5248" s="2" t="s">
        <v>16215</v>
      </c>
      <c r="F5248" s="2" t="s">
        <v>16014</v>
      </c>
      <c r="G5248" s="8">
        <v>224</v>
      </c>
      <c r="H5248" s="5">
        <v>6</v>
      </c>
      <c r="I5248" s="5" t="s">
        <v>1518</v>
      </c>
      <c r="J5248" s="5" t="s">
        <v>1519</v>
      </c>
      <c r="K5248" s="2" t="s">
        <v>1520</v>
      </c>
      <c r="L5248" s="5" t="s">
        <v>1519</v>
      </c>
      <c r="M5248" s="2" t="s">
        <v>1520</v>
      </c>
      <c r="N5248" s="5" t="s">
        <v>1521</v>
      </c>
      <c r="O5248" s="5" t="s">
        <v>38</v>
      </c>
      <c r="P5248" s="5" t="s">
        <v>39</v>
      </c>
      <c r="Q5248" s="5" t="s">
        <v>40</v>
      </c>
      <c r="R5248" s="5" t="s">
        <v>1522</v>
      </c>
      <c r="S5248" s="5" t="s">
        <v>1523</v>
      </c>
      <c r="T5248" s="5" t="s">
        <v>42</v>
      </c>
      <c r="U5248" s="2">
        <v>1.968</v>
      </c>
      <c r="V5248" s="2">
        <v>1.508</v>
      </c>
      <c r="W5248" s="2">
        <v>0.01</v>
      </c>
      <c r="X5248" s="2">
        <v>76.900000000000006</v>
      </c>
      <c r="Y5248" s="2">
        <v>7.6</v>
      </c>
      <c r="Z5248" s="2">
        <v>16.7</v>
      </c>
      <c r="AA5248" s="5"/>
      <c r="AB5248" s="5" t="s">
        <v>43</v>
      </c>
      <c r="AC5248" s="5" t="s">
        <v>44</v>
      </c>
      <c r="AD5248" s="2"/>
      <c r="AE5248" s="1"/>
    </row>
    <row r="5249" spans="1:31" ht="14.45">
      <c r="A5249" s="11"/>
      <c r="B5249" s="20"/>
      <c r="C5249" s="2" t="s">
        <v>16216</v>
      </c>
      <c r="D5249" s="14" t="s">
        <v>16217</v>
      </c>
      <c r="E5249" s="2" t="s">
        <v>16218</v>
      </c>
      <c r="F5249" s="2" t="s">
        <v>16219</v>
      </c>
      <c r="G5249" s="8">
        <v>224</v>
      </c>
      <c r="H5249" s="5">
        <v>6</v>
      </c>
      <c r="I5249" s="5" t="s">
        <v>1518</v>
      </c>
      <c r="J5249" s="5" t="s">
        <v>1519</v>
      </c>
      <c r="K5249" s="2" t="s">
        <v>1520</v>
      </c>
      <c r="L5249" s="5" t="s">
        <v>1519</v>
      </c>
      <c r="M5249" s="2" t="s">
        <v>1520</v>
      </c>
      <c r="N5249" s="5" t="s">
        <v>1521</v>
      </c>
      <c r="O5249" s="5" t="s">
        <v>38</v>
      </c>
      <c r="P5249" s="5" t="s">
        <v>39</v>
      </c>
      <c r="Q5249" s="5" t="s">
        <v>40</v>
      </c>
      <c r="R5249" s="5" t="s">
        <v>1522</v>
      </c>
      <c r="S5249" s="5" t="s">
        <v>1523</v>
      </c>
      <c r="T5249" s="5" t="s">
        <v>42</v>
      </c>
      <c r="U5249" s="2">
        <v>2.0179999999999998</v>
      </c>
      <c r="V5249" s="2">
        <v>1.5580000000000001</v>
      </c>
      <c r="W5249" s="2">
        <v>0.01</v>
      </c>
      <c r="X5249" s="2">
        <v>76.900000000000006</v>
      </c>
      <c r="Y5249" s="2">
        <v>7.6</v>
      </c>
      <c r="Z5249" s="2">
        <v>16.7</v>
      </c>
      <c r="AA5249" s="5"/>
      <c r="AB5249" s="5" t="s">
        <v>43</v>
      </c>
      <c r="AC5249" s="5" t="s">
        <v>44</v>
      </c>
      <c r="AD5249" s="2"/>
      <c r="AE5249" s="1"/>
    </row>
    <row r="5250" spans="1:31" ht="14.45">
      <c r="A5250" s="11"/>
      <c r="B5250" s="20"/>
      <c r="C5250" s="2" t="s">
        <v>16220</v>
      </c>
      <c r="D5250" s="14" t="s">
        <v>16221</v>
      </c>
      <c r="E5250" s="2" t="s">
        <v>16222</v>
      </c>
      <c r="F5250" s="2" t="s">
        <v>16018</v>
      </c>
      <c r="G5250" s="8">
        <v>224</v>
      </c>
      <c r="H5250" s="5">
        <v>6</v>
      </c>
      <c r="I5250" s="5" t="s">
        <v>1518</v>
      </c>
      <c r="J5250" s="5" t="s">
        <v>1519</v>
      </c>
      <c r="K5250" s="2" t="s">
        <v>1520</v>
      </c>
      <c r="L5250" s="5" t="s">
        <v>1519</v>
      </c>
      <c r="M5250" s="2" t="s">
        <v>1520</v>
      </c>
      <c r="N5250" s="5" t="s">
        <v>1521</v>
      </c>
      <c r="O5250" s="5" t="s">
        <v>38</v>
      </c>
      <c r="P5250" s="5" t="s">
        <v>39</v>
      </c>
      <c r="Q5250" s="5" t="s">
        <v>40</v>
      </c>
      <c r="R5250" s="5" t="s">
        <v>1522</v>
      </c>
      <c r="S5250" s="5" t="s">
        <v>1523</v>
      </c>
      <c r="T5250" s="5" t="s">
        <v>42</v>
      </c>
      <c r="U5250" s="2">
        <v>1.968</v>
      </c>
      <c r="V5250" s="2">
        <v>1.508</v>
      </c>
      <c r="W5250" s="2">
        <v>0.01</v>
      </c>
      <c r="X5250" s="2">
        <v>76.900000000000006</v>
      </c>
      <c r="Y5250" s="2">
        <v>7.6</v>
      </c>
      <c r="Z5250" s="2">
        <v>16.7</v>
      </c>
      <c r="AA5250" s="5"/>
      <c r="AB5250" s="5" t="s">
        <v>43</v>
      </c>
      <c r="AC5250" s="5" t="s">
        <v>44</v>
      </c>
      <c r="AD5250" s="2"/>
      <c r="AE5250" s="1"/>
    </row>
    <row r="5251" spans="1:31" ht="14.45">
      <c r="A5251" s="11"/>
      <c r="B5251" s="20"/>
      <c r="C5251" s="2" t="s">
        <v>16223</v>
      </c>
      <c r="D5251" s="14" t="s">
        <v>16224</v>
      </c>
      <c r="E5251" s="2" t="s">
        <v>16225</v>
      </c>
      <c r="F5251" s="2" t="s">
        <v>16022</v>
      </c>
      <c r="G5251" s="8">
        <v>224</v>
      </c>
      <c r="H5251" s="5">
        <v>6</v>
      </c>
      <c r="I5251" s="5" t="s">
        <v>1518</v>
      </c>
      <c r="J5251" s="5" t="s">
        <v>1519</v>
      </c>
      <c r="K5251" s="2" t="s">
        <v>1520</v>
      </c>
      <c r="L5251" s="5" t="s">
        <v>1519</v>
      </c>
      <c r="M5251" s="2" t="s">
        <v>1520</v>
      </c>
      <c r="N5251" s="5" t="s">
        <v>1521</v>
      </c>
      <c r="O5251" s="5" t="s">
        <v>38</v>
      </c>
      <c r="P5251" s="5" t="s">
        <v>39</v>
      </c>
      <c r="Q5251" s="5" t="s">
        <v>40</v>
      </c>
      <c r="R5251" s="5" t="s">
        <v>1522</v>
      </c>
      <c r="S5251" s="5" t="s">
        <v>1523</v>
      </c>
      <c r="T5251" s="5" t="s">
        <v>42</v>
      </c>
      <c r="U5251" s="2">
        <v>2.0179999999999998</v>
      </c>
      <c r="V5251" s="2">
        <v>1.5580000000000001</v>
      </c>
      <c r="W5251" s="2">
        <v>0.01</v>
      </c>
      <c r="X5251" s="2">
        <v>76.900000000000006</v>
      </c>
      <c r="Y5251" s="2">
        <v>7.6</v>
      </c>
      <c r="Z5251" s="2">
        <v>16.7</v>
      </c>
      <c r="AA5251" s="5"/>
      <c r="AB5251" s="5" t="s">
        <v>43</v>
      </c>
      <c r="AC5251" s="5" t="s">
        <v>44</v>
      </c>
      <c r="AD5251" s="2"/>
      <c r="AE5251" s="1"/>
    </row>
    <row r="5252" spans="1:31" ht="14.45">
      <c r="A5252" s="11"/>
      <c r="B5252" s="20"/>
      <c r="C5252" s="2" t="s">
        <v>16226</v>
      </c>
      <c r="D5252" s="14" t="s">
        <v>16227</v>
      </c>
      <c r="E5252" s="2" t="s">
        <v>16228</v>
      </c>
      <c r="F5252" s="2" t="s">
        <v>7615</v>
      </c>
      <c r="G5252" s="8">
        <v>224</v>
      </c>
      <c r="H5252" s="5">
        <v>6</v>
      </c>
      <c r="I5252" s="5" t="s">
        <v>1518</v>
      </c>
      <c r="J5252" s="5" t="s">
        <v>1519</v>
      </c>
      <c r="K5252" s="2" t="s">
        <v>1520</v>
      </c>
      <c r="L5252" s="5" t="s">
        <v>1519</v>
      </c>
      <c r="M5252" s="2" t="s">
        <v>1520</v>
      </c>
      <c r="N5252" s="5" t="s">
        <v>1521</v>
      </c>
      <c r="O5252" s="5" t="s">
        <v>38</v>
      </c>
      <c r="P5252" s="5" t="s">
        <v>39</v>
      </c>
      <c r="Q5252" s="5" t="s">
        <v>40</v>
      </c>
      <c r="R5252" s="5" t="s">
        <v>1522</v>
      </c>
      <c r="S5252" s="5" t="s">
        <v>1523</v>
      </c>
      <c r="T5252" s="5" t="s">
        <v>42</v>
      </c>
      <c r="U5252" s="2">
        <v>1.9610000000000001</v>
      </c>
      <c r="V5252" s="2">
        <v>1.5009999999999999</v>
      </c>
      <c r="W5252" s="2">
        <v>0.01</v>
      </c>
      <c r="X5252" s="2">
        <v>76.900000000000006</v>
      </c>
      <c r="Y5252" s="2">
        <v>7.6</v>
      </c>
      <c r="Z5252" s="2">
        <v>16.7</v>
      </c>
      <c r="AA5252" s="5"/>
      <c r="AB5252" s="5" t="s">
        <v>43</v>
      </c>
      <c r="AC5252" s="5" t="s">
        <v>44</v>
      </c>
      <c r="AD5252" s="2"/>
      <c r="AE5252" s="1"/>
    </row>
    <row r="5253" spans="1:31" ht="14.45">
      <c r="A5253" s="11"/>
      <c r="B5253" s="20"/>
      <c r="C5253" s="2" t="s">
        <v>16229</v>
      </c>
      <c r="D5253" s="14" t="s">
        <v>16230</v>
      </c>
      <c r="E5253" s="2" t="s">
        <v>16231</v>
      </c>
      <c r="F5253" s="2" t="s">
        <v>7619</v>
      </c>
      <c r="G5253" s="8">
        <v>224</v>
      </c>
      <c r="H5253" s="5">
        <v>6</v>
      </c>
      <c r="I5253" s="5" t="s">
        <v>1518</v>
      </c>
      <c r="J5253" s="5" t="s">
        <v>1519</v>
      </c>
      <c r="K5253" s="2" t="s">
        <v>1520</v>
      </c>
      <c r="L5253" s="5" t="s">
        <v>1519</v>
      </c>
      <c r="M5253" s="2" t="s">
        <v>1520</v>
      </c>
      <c r="N5253" s="5" t="s">
        <v>1521</v>
      </c>
      <c r="O5253" s="5" t="s">
        <v>38</v>
      </c>
      <c r="P5253" s="5" t="s">
        <v>39</v>
      </c>
      <c r="Q5253" s="5" t="s">
        <v>40</v>
      </c>
      <c r="R5253" s="5" t="s">
        <v>1522</v>
      </c>
      <c r="S5253" s="5" t="s">
        <v>1523</v>
      </c>
      <c r="T5253" s="5" t="s">
        <v>42</v>
      </c>
      <c r="U5253" s="2">
        <v>2.0110000000000001</v>
      </c>
      <c r="V5253" s="2">
        <v>1.5509999999999999</v>
      </c>
      <c r="W5253" s="2">
        <v>0.01</v>
      </c>
      <c r="X5253" s="2">
        <v>76.900000000000006</v>
      </c>
      <c r="Y5253" s="2">
        <v>7.6</v>
      </c>
      <c r="Z5253" s="2">
        <v>16.7</v>
      </c>
      <c r="AA5253" s="5"/>
      <c r="AB5253" s="5" t="s">
        <v>43</v>
      </c>
      <c r="AC5253" s="5" t="s">
        <v>44</v>
      </c>
      <c r="AD5253" s="2"/>
      <c r="AE5253" s="1"/>
    </row>
    <row r="5254" spans="1:31" ht="14.45">
      <c r="A5254" s="11"/>
      <c r="B5254" s="20"/>
      <c r="C5254" s="2" t="s">
        <v>16232</v>
      </c>
      <c r="D5254" s="14" t="s">
        <v>16233</v>
      </c>
      <c r="E5254" s="2" t="s">
        <v>16234</v>
      </c>
      <c r="F5254" s="2" t="s">
        <v>16235</v>
      </c>
      <c r="G5254" s="8">
        <v>224</v>
      </c>
      <c r="H5254" s="5">
        <v>6</v>
      </c>
      <c r="I5254" s="5" t="s">
        <v>1518</v>
      </c>
      <c r="J5254" s="5" t="s">
        <v>1519</v>
      </c>
      <c r="K5254" s="2" t="s">
        <v>1520</v>
      </c>
      <c r="L5254" s="5" t="s">
        <v>1519</v>
      </c>
      <c r="M5254" s="2" t="s">
        <v>1520</v>
      </c>
      <c r="N5254" s="5" t="s">
        <v>1521</v>
      </c>
      <c r="O5254" s="5" t="s">
        <v>38</v>
      </c>
      <c r="P5254" s="5" t="s">
        <v>39</v>
      </c>
      <c r="Q5254" s="5" t="s">
        <v>40</v>
      </c>
      <c r="R5254" s="5" t="s">
        <v>1522</v>
      </c>
      <c r="S5254" s="5" t="s">
        <v>1523</v>
      </c>
      <c r="T5254" s="5" t="s">
        <v>42</v>
      </c>
      <c r="U5254" s="2">
        <v>1.98</v>
      </c>
      <c r="V5254" s="2">
        <v>1.52</v>
      </c>
      <c r="W5254" s="2">
        <v>0.01</v>
      </c>
      <c r="X5254" s="2">
        <v>76.900000000000006</v>
      </c>
      <c r="Y5254" s="2">
        <v>7.6</v>
      </c>
      <c r="Z5254" s="2">
        <v>16.7</v>
      </c>
      <c r="AA5254" s="5"/>
      <c r="AB5254" s="5" t="s">
        <v>43</v>
      </c>
      <c r="AC5254" s="5" t="s">
        <v>44</v>
      </c>
      <c r="AD5254" s="2"/>
      <c r="AE5254" s="1"/>
    </row>
    <row r="5255" spans="1:31" ht="14.45">
      <c r="A5255" s="11"/>
      <c r="B5255" s="20"/>
      <c r="C5255" s="2" t="s">
        <v>16236</v>
      </c>
      <c r="D5255" s="14" t="s">
        <v>16237</v>
      </c>
      <c r="E5255" s="2" t="s">
        <v>16238</v>
      </c>
      <c r="F5255" s="2" t="s">
        <v>16029</v>
      </c>
      <c r="G5255" s="8">
        <v>224</v>
      </c>
      <c r="H5255" s="5">
        <v>11</v>
      </c>
      <c r="I5255" s="5" t="s">
        <v>1518</v>
      </c>
      <c r="J5255" s="5" t="s">
        <v>1519</v>
      </c>
      <c r="K5255" s="2" t="s">
        <v>1520</v>
      </c>
      <c r="L5255" s="5" t="s">
        <v>1519</v>
      </c>
      <c r="M5255" s="2" t="s">
        <v>1520</v>
      </c>
      <c r="N5255" s="5" t="s">
        <v>1521</v>
      </c>
      <c r="O5255" s="5" t="s">
        <v>38</v>
      </c>
      <c r="P5255" s="5" t="s">
        <v>39</v>
      </c>
      <c r="Q5255" s="5" t="s">
        <v>40</v>
      </c>
      <c r="R5255" s="5" t="s">
        <v>1522</v>
      </c>
      <c r="S5255" s="5" t="s">
        <v>1523</v>
      </c>
      <c r="T5255" s="5" t="s">
        <v>42</v>
      </c>
      <c r="U5255" s="2">
        <v>1.9870000000000001</v>
      </c>
      <c r="V5255" s="2">
        <v>1.5269999999999999</v>
      </c>
      <c r="W5255" s="2">
        <v>0.01</v>
      </c>
      <c r="X5255" s="2">
        <v>76.900000000000006</v>
      </c>
      <c r="Y5255" s="2">
        <v>7.6</v>
      </c>
      <c r="Z5255" s="2">
        <v>16.7</v>
      </c>
      <c r="AA5255" s="5"/>
      <c r="AB5255" s="5" t="s">
        <v>43</v>
      </c>
      <c r="AC5255" s="5" t="s">
        <v>44</v>
      </c>
      <c r="AD5255" s="2"/>
      <c r="AE5255" s="1"/>
    </row>
    <row r="5256" spans="1:31" ht="14.45">
      <c r="A5256" s="11"/>
      <c r="B5256" s="20"/>
      <c r="C5256" s="2" t="s">
        <v>16239</v>
      </c>
      <c r="D5256" s="14" t="s">
        <v>16240</v>
      </c>
      <c r="E5256" s="2" t="s">
        <v>16241</v>
      </c>
      <c r="F5256" s="2" t="s">
        <v>16033</v>
      </c>
      <c r="G5256" s="8">
        <v>224</v>
      </c>
      <c r="H5256" s="5">
        <v>11</v>
      </c>
      <c r="I5256" s="5" t="s">
        <v>1518</v>
      </c>
      <c r="J5256" s="5" t="s">
        <v>1519</v>
      </c>
      <c r="K5256" s="2" t="s">
        <v>1520</v>
      </c>
      <c r="L5256" s="5" t="s">
        <v>1519</v>
      </c>
      <c r="M5256" s="2" t="s">
        <v>1520</v>
      </c>
      <c r="N5256" s="5" t="s">
        <v>1521</v>
      </c>
      <c r="O5256" s="5" t="s">
        <v>38</v>
      </c>
      <c r="P5256" s="5" t="s">
        <v>39</v>
      </c>
      <c r="Q5256" s="5" t="s">
        <v>40</v>
      </c>
      <c r="R5256" s="5" t="s">
        <v>1522</v>
      </c>
      <c r="S5256" s="5" t="s">
        <v>1523</v>
      </c>
      <c r="T5256" s="5" t="s">
        <v>42</v>
      </c>
      <c r="U5256" s="2">
        <v>2.0369999999999999</v>
      </c>
      <c r="V5256" s="2">
        <v>1.577</v>
      </c>
      <c r="W5256" s="2">
        <v>0.01</v>
      </c>
      <c r="X5256" s="2">
        <v>76.900000000000006</v>
      </c>
      <c r="Y5256" s="2">
        <v>7.6</v>
      </c>
      <c r="Z5256" s="2">
        <v>16.7</v>
      </c>
      <c r="AA5256" s="5"/>
      <c r="AB5256" s="5" t="s">
        <v>43</v>
      </c>
      <c r="AC5256" s="5" t="s">
        <v>44</v>
      </c>
      <c r="AD5256" s="2"/>
      <c r="AE5256" s="1"/>
    </row>
    <row r="5257" spans="1:31" ht="14.45">
      <c r="A5257" s="11"/>
      <c r="B5257" s="20"/>
      <c r="C5257" s="2" t="s">
        <v>16242</v>
      </c>
      <c r="D5257" s="14" t="s">
        <v>16243</v>
      </c>
      <c r="E5257" s="2" t="s">
        <v>16244</v>
      </c>
      <c r="F5257" s="2" t="s">
        <v>7396</v>
      </c>
      <c r="G5257" s="8">
        <v>223</v>
      </c>
      <c r="H5257" s="5">
        <v>6</v>
      </c>
      <c r="I5257" s="5" t="s">
        <v>1518</v>
      </c>
      <c r="J5257" s="5" t="s">
        <v>1519</v>
      </c>
      <c r="K5257" s="2" t="s">
        <v>1520</v>
      </c>
      <c r="L5257" s="5" t="s">
        <v>1519</v>
      </c>
      <c r="M5257" s="2" t="s">
        <v>1520</v>
      </c>
      <c r="N5257" s="5" t="s">
        <v>1521</v>
      </c>
      <c r="O5257" s="5" t="s">
        <v>38</v>
      </c>
      <c r="P5257" s="5" t="s">
        <v>39</v>
      </c>
      <c r="Q5257" s="5" t="s">
        <v>40</v>
      </c>
      <c r="R5257" s="5" t="s">
        <v>1522</v>
      </c>
      <c r="S5257" s="5" t="s">
        <v>1523</v>
      </c>
      <c r="T5257" s="5" t="s">
        <v>42</v>
      </c>
      <c r="U5257" s="2">
        <v>2.1339999999999999</v>
      </c>
      <c r="V5257" s="2">
        <v>1.6519999999999999</v>
      </c>
      <c r="W5257" s="2">
        <v>1.0999999999999999E-2</v>
      </c>
      <c r="X5257" s="2">
        <v>82.9</v>
      </c>
      <c r="Y5257" s="2">
        <v>7.6</v>
      </c>
      <c r="Z5257" s="2">
        <v>16.7</v>
      </c>
      <c r="AA5257" s="5"/>
      <c r="AB5257" s="5" t="s">
        <v>43</v>
      </c>
      <c r="AC5257" s="5" t="s">
        <v>44</v>
      </c>
      <c r="AD5257" s="2"/>
      <c r="AE5257" s="1"/>
    </row>
    <row r="5258" spans="1:31" ht="14.45">
      <c r="A5258" s="11"/>
      <c r="B5258" s="20"/>
      <c r="C5258" s="2" t="s">
        <v>16245</v>
      </c>
      <c r="D5258" s="14" t="s">
        <v>16246</v>
      </c>
      <c r="E5258" s="2" t="s">
        <v>16247</v>
      </c>
      <c r="F5258" s="2" t="s">
        <v>7507</v>
      </c>
      <c r="G5258" s="8">
        <v>223</v>
      </c>
      <c r="H5258" s="5">
        <v>6</v>
      </c>
      <c r="I5258" s="5" t="s">
        <v>1518</v>
      </c>
      <c r="J5258" s="5" t="s">
        <v>1519</v>
      </c>
      <c r="K5258" s="2" t="s">
        <v>1520</v>
      </c>
      <c r="L5258" s="5" t="s">
        <v>1519</v>
      </c>
      <c r="M5258" s="2" t="s">
        <v>1520</v>
      </c>
      <c r="N5258" s="5" t="s">
        <v>1521</v>
      </c>
      <c r="O5258" s="5" t="s">
        <v>38</v>
      </c>
      <c r="P5258" s="5" t="s">
        <v>39</v>
      </c>
      <c r="Q5258" s="5" t="s">
        <v>40</v>
      </c>
      <c r="R5258" s="5" t="s">
        <v>1522</v>
      </c>
      <c r="S5258" s="5" t="s">
        <v>1523</v>
      </c>
      <c r="T5258" s="5" t="s">
        <v>42</v>
      </c>
      <c r="U5258" s="2">
        <v>2.1960000000000002</v>
      </c>
      <c r="V5258" s="2">
        <v>1.714</v>
      </c>
      <c r="W5258" s="2">
        <v>1.0999999999999999E-2</v>
      </c>
      <c r="X5258" s="2">
        <v>82.9</v>
      </c>
      <c r="Y5258" s="2">
        <v>7.6</v>
      </c>
      <c r="Z5258" s="2">
        <v>16.7</v>
      </c>
      <c r="AA5258" s="5"/>
      <c r="AB5258" s="5" t="s">
        <v>43</v>
      </c>
      <c r="AC5258" s="5" t="s">
        <v>44</v>
      </c>
      <c r="AD5258" s="2"/>
      <c r="AE5258" s="1"/>
    </row>
    <row r="5259" spans="1:31" ht="14.45">
      <c r="A5259" s="11"/>
      <c r="B5259" s="20"/>
      <c r="C5259" s="2" t="s">
        <v>16248</v>
      </c>
      <c r="D5259" s="14" t="s">
        <v>16249</v>
      </c>
      <c r="E5259" s="2" t="s">
        <v>16250</v>
      </c>
      <c r="F5259" s="2" t="s">
        <v>7204</v>
      </c>
      <c r="G5259" s="8">
        <v>223</v>
      </c>
      <c r="H5259" s="5">
        <v>6</v>
      </c>
      <c r="I5259" s="5" t="s">
        <v>1518</v>
      </c>
      <c r="J5259" s="5" t="s">
        <v>1519</v>
      </c>
      <c r="K5259" s="2" t="s">
        <v>1520</v>
      </c>
      <c r="L5259" s="5" t="s">
        <v>1519</v>
      </c>
      <c r="M5259" s="2" t="s">
        <v>1520</v>
      </c>
      <c r="N5259" s="5" t="s">
        <v>1521</v>
      </c>
      <c r="O5259" s="5" t="s">
        <v>38</v>
      </c>
      <c r="P5259" s="5" t="s">
        <v>39</v>
      </c>
      <c r="Q5259" s="5" t="s">
        <v>40</v>
      </c>
      <c r="R5259" s="5" t="s">
        <v>1522</v>
      </c>
      <c r="S5259" s="5" t="s">
        <v>1523</v>
      </c>
      <c r="T5259" s="5" t="s">
        <v>42</v>
      </c>
      <c r="U5259" s="2">
        <v>2.137</v>
      </c>
      <c r="V5259" s="2">
        <v>1.655</v>
      </c>
      <c r="W5259" s="2">
        <v>1.0999999999999999E-2</v>
      </c>
      <c r="X5259" s="2">
        <v>82.9</v>
      </c>
      <c r="Y5259" s="2">
        <v>7.6</v>
      </c>
      <c r="Z5259" s="2">
        <v>16.7</v>
      </c>
      <c r="AA5259" s="5"/>
      <c r="AB5259" s="5" t="s">
        <v>43</v>
      </c>
      <c r="AC5259" s="5" t="s">
        <v>44</v>
      </c>
      <c r="AD5259" s="2"/>
      <c r="AE5259" s="1"/>
    </row>
    <row r="5260" spans="1:31" ht="14.45">
      <c r="A5260" s="11"/>
      <c r="B5260" s="20"/>
      <c r="C5260" s="2" t="s">
        <v>16251</v>
      </c>
      <c r="D5260" s="14" t="s">
        <v>16252</v>
      </c>
      <c r="E5260" s="2" t="s">
        <v>16253</v>
      </c>
      <c r="F5260" s="2" t="s">
        <v>7514</v>
      </c>
      <c r="G5260" s="8">
        <v>223</v>
      </c>
      <c r="H5260" s="5">
        <v>6</v>
      </c>
      <c r="I5260" s="5" t="s">
        <v>1518</v>
      </c>
      <c r="J5260" s="5" t="s">
        <v>1519</v>
      </c>
      <c r="K5260" s="2" t="s">
        <v>1520</v>
      </c>
      <c r="L5260" s="5" t="s">
        <v>1519</v>
      </c>
      <c r="M5260" s="2" t="s">
        <v>1520</v>
      </c>
      <c r="N5260" s="5" t="s">
        <v>1521</v>
      </c>
      <c r="O5260" s="5" t="s">
        <v>38</v>
      </c>
      <c r="P5260" s="5" t="s">
        <v>39</v>
      </c>
      <c r="Q5260" s="5" t="s">
        <v>40</v>
      </c>
      <c r="R5260" s="5" t="s">
        <v>1522</v>
      </c>
      <c r="S5260" s="5" t="s">
        <v>1523</v>
      </c>
      <c r="T5260" s="5" t="s">
        <v>42</v>
      </c>
      <c r="U5260" s="2">
        <v>2.1989999999999998</v>
      </c>
      <c r="V5260" s="2">
        <v>1.7170000000000001</v>
      </c>
      <c r="W5260" s="2">
        <v>1.0999999999999999E-2</v>
      </c>
      <c r="X5260" s="2">
        <v>82.9</v>
      </c>
      <c r="Y5260" s="2">
        <v>7.6</v>
      </c>
      <c r="Z5260" s="2">
        <v>16.7</v>
      </c>
      <c r="AA5260" s="5"/>
      <c r="AB5260" s="5" t="s">
        <v>43</v>
      </c>
      <c r="AC5260" s="5" t="s">
        <v>44</v>
      </c>
      <c r="AD5260" s="2"/>
      <c r="AE5260" s="1"/>
    </row>
    <row r="5261" spans="1:31" ht="14.45">
      <c r="A5261" s="11"/>
      <c r="B5261" s="20"/>
      <c r="C5261" s="2" t="s">
        <v>16254</v>
      </c>
      <c r="D5261" s="14" t="s">
        <v>16255</v>
      </c>
      <c r="E5261" s="2" t="s">
        <v>16256</v>
      </c>
      <c r="F5261" s="2" t="s">
        <v>7208</v>
      </c>
      <c r="G5261" s="8">
        <v>223</v>
      </c>
      <c r="H5261" s="5">
        <v>6</v>
      </c>
      <c r="I5261" s="5" t="s">
        <v>1518</v>
      </c>
      <c r="J5261" s="5" t="s">
        <v>1519</v>
      </c>
      <c r="K5261" s="2" t="s">
        <v>1520</v>
      </c>
      <c r="L5261" s="5" t="s">
        <v>1519</v>
      </c>
      <c r="M5261" s="2" t="s">
        <v>1520</v>
      </c>
      <c r="N5261" s="5" t="s">
        <v>1521</v>
      </c>
      <c r="O5261" s="5" t="s">
        <v>38</v>
      </c>
      <c r="P5261" s="5" t="s">
        <v>39</v>
      </c>
      <c r="Q5261" s="5" t="s">
        <v>40</v>
      </c>
      <c r="R5261" s="5" t="s">
        <v>1522</v>
      </c>
      <c r="S5261" s="5" t="s">
        <v>1523</v>
      </c>
      <c r="T5261" s="5" t="s">
        <v>42</v>
      </c>
      <c r="U5261" s="2">
        <v>2.137</v>
      </c>
      <c r="V5261" s="2">
        <v>1.655</v>
      </c>
      <c r="W5261" s="2">
        <v>1.0999999999999999E-2</v>
      </c>
      <c r="X5261" s="2">
        <v>82.9</v>
      </c>
      <c r="Y5261" s="2">
        <v>7.6</v>
      </c>
      <c r="Z5261" s="2">
        <v>16.7</v>
      </c>
      <c r="AA5261" s="5"/>
      <c r="AB5261" s="5" t="s">
        <v>43</v>
      </c>
      <c r="AC5261" s="5" t="s">
        <v>44</v>
      </c>
      <c r="AD5261" s="2"/>
      <c r="AE5261" s="1"/>
    </row>
    <row r="5262" spans="1:31" ht="14.45">
      <c r="A5262" s="11"/>
      <c r="B5262" s="20"/>
      <c r="C5262" s="2" t="s">
        <v>16257</v>
      </c>
      <c r="D5262" s="14" t="s">
        <v>16258</v>
      </c>
      <c r="E5262" s="2" t="s">
        <v>16259</v>
      </c>
      <c r="F5262" s="2" t="s">
        <v>7521</v>
      </c>
      <c r="G5262" s="8">
        <v>223</v>
      </c>
      <c r="H5262" s="5">
        <v>6</v>
      </c>
      <c r="I5262" s="5" t="s">
        <v>1518</v>
      </c>
      <c r="J5262" s="5" t="s">
        <v>1519</v>
      </c>
      <c r="K5262" s="2" t="s">
        <v>1520</v>
      </c>
      <c r="L5262" s="5" t="s">
        <v>1519</v>
      </c>
      <c r="M5262" s="2" t="s">
        <v>1520</v>
      </c>
      <c r="N5262" s="5" t="s">
        <v>1521</v>
      </c>
      <c r="O5262" s="5" t="s">
        <v>38</v>
      </c>
      <c r="P5262" s="5" t="s">
        <v>39</v>
      </c>
      <c r="Q5262" s="5" t="s">
        <v>40</v>
      </c>
      <c r="R5262" s="5" t="s">
        <v>1522</v>
      </c>
      <c r="S5262" s="5" t="s">
        <v>1523</v>
      </c>
      <c r="T5262" s="5" t="s">
        <v>42</v>
      </c>
      <c r="U5262" s="2">
        <v>2.1989999999999998</v>
      </c>
      <c r="V5262" s="2">
        <v>1.7170000000000001</v>
      </c>
      <c r="W5262" s="2">
        <v>1.0999999999999999E-2</v>
      </c>
      <c r="X5262" s="2">
        <v>82.9</v>
      </c>
      <c r="Y5262" s="2">
        <v>7.6</v>
      </c>
      <c r="Z5262" s="2">
        <v>16.7</v>
      </c>
      <c r="AA5262" s="5"/>
      <c r="AB5262" s="5" t="s">
        <v>43</v>
      </c>
      <c r="AC5262" s="5" t="s">
        <v>44</v>
      </c>
      <c r="AD5262" s="2"/>
      <c r="AE5262" s="1"/>
    </row>
    <row r="5263" spans="1:31" ht="14.45">
      <c r="A5263" s="11"/>
      <c r="B5263" s="20"/>
      <c r="C5263" s="2" t="s">
        <v>16260</v>
      </c>
      <c r="D5263" s="14" t="s">
        <v>16261</v>
      </c>
      <c r="E5263" s="2" t="s">
        <v>16262</v>
      </c>
      <c r="F5263" s="2" t="s">
        <v>7212</v>
      </c>
      <c r="G5263" s="8">
        <v>223</v>
      </c>
      <c r="H5263" s="5">
        <v>6</v>
      </c>
      <c r="I5263" s="5" t="s">
        <v>1518</v>
      </c>
      <c r="J5263" s="5" t="s">
        <v>1519</v>
      </c>
      <c r="K5263" s="2" t="s">
        <v>1520</v>
      </c>
      <c r="L5263" s="5" t="s">
        <v>1519</v>
      </c>
      <c r="M5263" s="2" t="s">
        <v>1520</v>
      </c>
      <c r="N5263" s="5" t="s">
        <v>1521</v>
      </c>
      <c r="O5263" s="5" t="s">
        <v>38</v>
      </c>
      <c r="P5263" s="5" t="s">
        <v>39</v>
      </c>
      <c r="Q5263" s="5" t="s">
        <v>40</v>
      </c>
      <c r="R5263" s="5" t="s">
        <v>1522</v>
      </c>
      <c r="S5263" s="5" t="s">
        <v>1523</v>
      </c>
      <c r="T5263" s="5" t="s">
        <v>42</v>
      </c>
      <c r="U5263" s="2">
        <v>2.1280000000000001</v>
      </c>
      <c r="V5263" s="2">
        <v>1.6459999999999999</v>
      </c>
      <c r="W5263" s="2">
        <v>1.0999999999999999E-2</v>
      </c>
      <c r="X5263" s="2">
        <v>82.9</v>
      </c>
      <c r="Y5263" s="2">
        <v>7.6</v>
      </c>
      <c r="Z5263" s="2">
        <v>16.7</v>
      </c>
      <c r="AA5263" s="5"/>
      <c r="AB5263" s="5" t="s">
        <v>43</v>
      </c>
      <c r="AC5263" s="5" t="s">
        <v>44</v>
      </c>
      <c r="AD5263" s="2"/>
      <c r="AE5263" s="1"/>
    </row>
    <row r="5264" spans="1:31" ht="14.45">
      <c r="A5264" s="11"/>
      <c r="B5264" s="20"/>
      <c r="C5264" s="2" t="s">
        <v>16263</v>
      </c>
      <c r="D5264" s="14" t="s">
        <v>16264</v>
      </c>
      <c r="E5264" s="2" t="s">
        <v>16265</v>
      </c>
      <c r="F5264" s="2" t="s">
        <v>7528</v>
      </c>
      <c r="G5264" s="8">
        <v>223</v>
      </c>
      <c r="H5264" s="5">
        <v>6</v>
      </c>
      <c r="I5264" s="5" t="s">
        <v>1518</v>
      </c>
      <c r="J5264" s="5" t="s">
        <v>1519</v>
      </c>
      <c r="K5264" s="2" t="s">
        <v>1520</v>
      </c>
      <c r="L5264" s="5" t="s">
        <v>1519</v>
      </c>
      <c r="M5264" s="2" t="s">
        <v>1520</v>
      </c>
      <c r="N5264" s="5" t="s">
        <v>1521</v>
      </c>
      <c r="O5264" s="5" t="s">
        <v>38</v>
      </c>
      <c r="P5264" s="5" t="s">
        <v>39</v>
      </c>
      <c r="Q5264" s="5" t="s">
        <v>40</v>
      </c>
      <c r="R5264" s="5" t="s">
        <v>1522</v>
      </c>
      <c r="S5264" s="5" t="s">
        <v>1523</v>
      </c>
      <c r="T5264" s="5" t="s">
        <v>42</v>
      </c>
      <c r="U5264" s="2">
        <v>2.19</v>
      </c>
      <c r="V5264" s="2">
        <v>1.708</v>
      </c>
      <c r="W5264" s="2">
        <v>1.0999999999999999E-2</v>
      </c>
      <c r="X5264" s="2">
        <v>82.9</v>
      </c>
      <c r="Y5264" s="2">
        <v>7.6</v>
      </c>
      <c r="Z5264" s="2">
        <v>16.7</v>
      </c>
      <c r="AA5264" s="5"/>
      <c r="AB5264" s="5" t="s">
        <v>43</v>
      </c>
      <c r="AC5264" s="5" t="s">
        <v>44</v>
      </c>
      <c r="AD5264" s="2"/>
      <c r="AE5264" s="1"/>
    </row>
    <row r="5265" spans="1:31" ht="14.45">
      <c r="A5265" s="11"/>
      <c r="B5265" s="20"/>
      <c r="C5265" s="2" t="s">
        <v>16266</v>
      </c>
      <c r="D5265" s="14" t="s">
        <v>16267</v>
      </c>
      <c r="E5265" s="2" t="s">
        <v>16268</v>
      </c>
      <c r="F5265" s="2" t="s">
        <v>7406</v>
      </c>
      <c r="G5265" s="8">
        <v>237</v>
      </c>
      <c r="H5265" s="5">
        <v>6</v>
      </c>
      <c r="I5265" s="5" t="s">
        <v>1518</v>
      </c>
      <c r="J5265" s="5" t="s">
        <v>1519</v>
      </c>
      <c r="K5265" s="2" t="s">
        <v>1520</v>
      </c>
      <c r="L5265" s="5" t="s">
        <v>1519</v>
      </c>
      <c r="M5265" s="2" t="s">
        <v>1520</v>
      </c>
      <c r="N5265" s="5" t="s">
        <v>1521</v>
      </c>
      <c r="O5265" s="5" t="s">
        <v>38</v>
      </c>
      <c r="P5265" s="5" t="s">
        <v>39</v>
      </c>
      <c r="Q5265" s="5" t="s">
        <v>40</v>
      </c>
      <c r="R5265" s="5" t="s">
        <v>1522</v>
      </c>
      <c r="S5265" s="5" t="s">
        <v>1523</v>
      </c>
      <c r="T5265" s="5" t="s">
        <v>42</v>
      </c>
      <c r="U5265" s="2">
        <v>2.1280000000000001</v>
      </c>
      <c r="V5265" s="2">
        <v>1.6459999999999999</v>
      </c>
      <c r="W5265" s="2">
        <v>1.0999999999999999E-2</v>
      </c>
      <c r="X5265" s="2">
        <v>82.9</v>
      </c>
      <c r="Y5265" s="2">
        <v>7.6</v>
      </c>
      <c r="Z5265" s="2">
        <v>16.7</v>
      </c>
      <c r="AA5265" s="5"/>
      <c r="AB5265" s="5" t="s">
        <v>43</v>
      </c>
      <c r="AC5265" s="5" t="s">
        <v>44</v>
      </c>
      <c r="AD5265" s="2"/>
      <c r="AE5265" s="1"/>
    </row>
    <row r="5266" spans="1:31" ht="14.45">
      <c r="A5266" s="11"/>
      <c r="B5266" s="20"/>
      <c r="C5266" s="2" t="s">
        <v>16269</v>
      </c>
      <c r="D5266" s="14" t="s">
        <v>16270</v>
      </c>
      <c r="E5266" s="2" t="s">
        <v>16271</v>
      </c>
      <c r="F5266" s="2" t="s">
        <v>7535</v>
      </c>
      <c r="G5266" s="8">
        <v>237</v>
      </c>
      <c r="H5266" s="5">
        <v>6</v>
      </c>
      <c r="I5266" s="5" t="s">
        <v>1518</v>
      </c>
      <c r="J5266" s="5" t="s">
        <v>1519</v>
      </c>
      <c r="K5266" s="2" t="s">
        <v>1520</v>
      </c>
      <c r="L5266" s="5" t="s">
        <v>1519</v>
      </c>
      <c r="M5266" s="2" t="s">
        <v>1520</v>
      </c>
      <c r="N5266" s="5" t="s">
        <v>1521</v>
      </c>
      <c r="O5266" s="5" t="s">
        <v>38</v>
      </c>
      <c r="P5266" s="5" t="s">
        <v>39</v>
      </c>
      <c r="Q5266" s="5" t="s">
        <v>40</v>
      </c>
      <c r="R5266" s="5" t="s">
        <v>1522</v>
      </c>
      <c r="S5266" s="5" t="s">
        <v>1523</v>
      </c>
      <c r="T5266" s="5" t="s">
        <v>42</v>
      </c>
      <c r="U5266" s="2">
        <v>2.19</v>
      </c>
      <c r="V5266" s="2">
        <v>1.708</v>
      </c>
      <c r="W5266" s="2">
        <v>1.0999999999999999E-2</v>
      </c>
      <c r="X5266" s="2">
        <v>82.9</v>
      </c>
      <c r="Y5266" s="2">
        <v>7.6</v>
      </c>
      <c r="Z5266" s="2">
        <v>16.7</v>
      </c>
      <c r="AA5266" s="5"/>
      <c r="AB5266" s="5" t="s">
        <v>43</v>
      </c>
      <c r="AC5266" s="5" t="s">
        <v>44</v>
      </c>
      <c r="AD5266" s="2"/>
      <c r="AE5266" s="1"/>
    </row>
    <row r="5267" spans="1:31" ht="14.45">
      <c r="A5267" s="11"/>
      <c r="B5267" s="20"/>
      <c r="C5267" s="2" t="s">
        <v>16272</v>
      </c>
      <c r="D5267" s="14" t="s">
        <v>16273</v>
      </c>
      <c r="E5267" s="2" t="s">
        <v>16274</v>
      </c>
      <c r="F5267" s="2" t="s">
        <v>7539</v>
      </c>
      <c r="G5267" s="8">
        <v>237</v>
      </c>
      <c r="H5267" s="5">
        <v>6</v>
      </c>
      <c r="I5267" s="5" t="s">
        <v>1518</v>
      </c>
      <c r="J5267" s="5" t="s">
        <v>1519</v>
      </c>
      <c r="K5267" s="2" t="s">
        <v>1520</v>
      </c>
      <c r="L5267" s="5" t="s">
        <v>1519</v>
      </c>
      <c r="M5267" s="2" t="s">
        <v>1520</v>
      </c>
      <c r="N5267" s="5" t="s">
        <v>1521</v>
      </c>
      <c r="O5267" s="5" t="s">
        <v>38</v>
      </c>
      <c r="P5267" s="5" t="s">
        <v>39</v>
      </c>
      <c r="Q5267" s="5" t="s">
        <v>40</v>
      </c>
      <c r="R5267" s="5" t="s">
        <v>1522</v>
      </c>
      <c r="S5267" s="5" t="s">
        <v>1523</v>
      </c>
      <c r="T5267" s="5" t="s">
        <v>42</v>
      </c>
      <c r="U5267" s="2">
        <v>2.137</v>
      </c>
      <c r="V5267" s="2">
        <v>1.655</v>
      </c>
      <c r="W5267" s="2">
        <v>1.0999999999999999E-2</v>
      </c>
      <c r="X5267" s="2">
        <v>82.9</v>
      </c>
      <c r="Y5267" s="2">
        <v>7.6</v>
      </c>
      <c r="Z5267" s="2">
        <v>16.7</v>
      </c>
      <c r="AA5267" s="5"/>
      <c r="AB5267" s="5" t="s">
        <v>43</v>
      </c>
      <c r="AC5267" s="5" t="s">
        <v>44</v>
      </c>
      <c r="AD5267" s="2"/>
      <c r="AE5267" s="1"/>
    </row>
    <row r="5268" spans="1:31" ht="14.45">
      <c r="A5268" s="11"/>
      <c r="B5268" s="20"/>
      <c r="C5268" s="2" t="s">
        <v>16275</v>
      </c>
      <c r="D5268" s="14" t="s">
        <v>16276</v>
      </c>
      <c r="E5268" s="2" t="s">
        <v>16277</v>
      </c>
      <c r="F5268" s="2" t="s">
        <v>7543</v>
      </c>
      <c r="G5268" s="8">
        <v>237</v>
      </c>
      <c r="H5268" s="5">
        <v>6</v>
      </c>
      <c r="I5268" s="5" t="s">
        <v>1518</v>
      </c>
      <c r="J5268" s="5" t="s">
        <v>1519</v>
      </c>
      <c r="K5268" s="2" t="s">
        <v>1520</v>
      </c>
      <c r="L5268" s="5" t="s">
        <v>1519</v>
      </c>
      <c r="M5268" s="2" t="s">
        <v>1520</v>
      </c>
      <c r="N5268" s="5" t="s">
        <v>1521</v>
      </c>
      <c r="O5268" s="5" t="s">
        <v>38</v>
      </c>
      <c r="P5268" s="5" t="s">
        <v>39</v>
      </c>
      <c r="Q5268" s="5" t="s">
        <v>40</v>
      </c>
      <c r="R5268" s="5" t="s">
        <v>1522</v>
      </c>
      <c r="S5268" s="5" t="s">
        <v>1523</v>
      </c>
      <c r="T5268" s="5" t="s">
        <v>42</v>
      </c>
      <c r="U5268" s="2">
        <v>2.1989999999999998</v>
      </c>
      <c r="V5268" s="2">
        <v>1.7170000000000001</v>
      </c>
      <c r="W5268" s="2">
        <v>1.0999999999999999E-2</v>
      </c>
      <c r="X5268" s="2">
        <v>82.9</v>
      </c>
      <c r="Y5268" s="2">
        <v>7.6</v>
      </c>
      <c r="Z5268" s="2">
        <v>16.7</v>
      </c>
      <c r="AA5268" s="5"/>
      <c r="AB5268" s="5" t="s">
        <v>43</v>
      </c>
      <c r="AC5268" s="5" t="s">
        <v>44</v>
      </c>
      <c r="AD5268" s="2"/>
      <c r="AE5268" s="1"/>
    </row>
    <row r="5269" spans="1:31" ht="14.45">
      <c r="A5269" s="11"/>
      <c r="B5269" s="20"/>
      <c r="C5269" s="2" t="s">
        <v>16278</v>
      </c>
      <c r="D5269" s="14" t="s">
        <v>16279</v>
      </c>
      <c r="E5269" s="2" t="s">
        <v>16280</v>
      </c>
      <c r="F5269" s="2" t="s">
        <v>7547</v>
      </c>
      <c r="G5269" s="8">
        <v>237</v>
      </c>
      <c r="H5269" s="5">
        <v>6</v>
      </c>
      <c r="I5269" s="5" t="s">
        <v>1518</v>
      </c>
      <c r="J5269" s="5" t="s">
        <v>1519</v>
      </c>
      <c r="K5269" s="2" t="s">
        <v>1520</v>
      </c>
      <c r="L5269" s="5" t="s">
        <v>1519</v>
      </c>
      <c r="M5269" s="2" t="s">
        <v>1520</v>
      </c>
      <c r="N5269" s="5" t="s">
        <v>1521</v>
      </c>
      <c r="O5269" s="5" t="s">
        <v>38</v>
      </c>
      <c r="P5269" s="5" t="s">
        <v>39</v>
      </c>
      <c r="Q5269" s="5" t="s">
        <v>40</v>
      </c>
      <c r="R5269" s="5" t="s">
        <v>1522</v>
      </c>
      <c r="S5269" s="5" t="s">
        <v>1523</v>
      </c>
      <c r="T5269" s="5" t="s">
        <v>42</v>
      </c>
      <c r="U5269" s="2">
        <v>2.1280000000000001</v>
      </c>
      <c r="V5269" s="2">
        <v>1.6459999999999999</v>
      </c>
      <c r="W5269" s="2">
        <v>1.0999999999999999E-2</v>
      </c>
      <c r="X5269" s="2">
        <v>82.9</v>
      </c>
      <c r="Y5269" s="2">
        <v>7.6</v>
      </c>
      <c r="Z5269" s="2">
        <v>16.7</v>
      </c>
      <c r="AA5269" s="5"/>
      <c r="AB5269" s="5" t="s">
        <v>43</v>
      </c>
      <c r="AC5269" s="5" t="s">
        <v>44</v>
      </c>
      <c r="AD5269" s="2"/>
      <c r="AE5269" s="1"/>
    </row>
    <row r="5270" spans="1:31" ht="14.45">
      <c r="A5270" s="11"/>
      <c r="B5270" s="20"/>
      <c r="C5270" s="2" t="s">
        <v>16281</v>
      </c>
      <c r="D5270" s="14" t="s">
        <v>16282</v>
      </c>
      <c r="E5270" s="2" t="s">
        <v>16283</v>
      </c>
      <c r="F5270" s="2" t="s">
        <v>7551</v>
      </c>
      <c r="G5270" s="8">
        <v>237</v>
      </c>
      <c r="H5270" s="5">
        <v>6</v>
      </c>
      <c r="I5270" s="5" t="s">
        <v>1518</v>
      </c>
      <c r="J5270" s="5" t="s">
        <v>1519</v>
      </c>
      <c r="K5270" s="2" t="s">
        <v>1520</v>
      </c>
      <c r="L5270" s="5" t="s">
        <v>1519</v>
      </c>
      <c r="M5270" s="2" t="s">
        <v>1520</v>
      </c>
      <c r="N5270" s="5" t="s">
        <v>1521</v>
      </c>
      <c r="O5270" s="5" t="s">
        <v>38</v>
      </c>
      <c r="P5270" s="5" t="s">
        <v>39</v>
      </c>
      <c r="Q5270" s="5" t="s">
        <v>40</v>
      </c>
      <c r="R5270" s="5" t="s">
        <v>1522</v>
      </c>
      <c r="S5270" s="5" t="s">
        <v>1523</v>
      </c>
      <c r="T5270" s="5" t="s">
        <v>42</v>
      </c>
      <c r="U5270" s="2">
        <v>2.19</v>
      </c>
      <c r="V5270" s="2">
        <v>1.708</v>
      </c>
      <c r="W5270" s="2">
        <v>1.0999999999999999E-2</v>
      </c>
      <c r="X5270" s="2">
        <v>82.9</v>
      </c>
      <c r="Y5270" s="2">
        <v>7.6</v>
      </c>
      <c r="Z5270" s="2">
        <v>16.7</v>
      </c>
      <c r="AA5270" s="5"/>
      <c r="AB5270" s="5" t="s">
        <v>43</v>
      </c>
      <c r="AC5270" s="5" t="s">
        <v>44</v>
      </c>
      <c r="AD5270" s="2"/>
      <c r="AE5270" s="1"/>
    </row>
    <row r="5271" spans="1:31" ht="14.45">
      <c r="A5271" s="11"/>
      <c r="B5271" s="20"/>
      <c r="C5271" s="2" t="s">
        <v>16284</v>
      </c>
      <c r="D5271" s="14" t="s">
        <v>16285</v>
      </c>
      <c r="E5271" s="2" t="s">
        <v>16286</v>
      </c>
      <c r="F5271" s="2" t="s">
        <v>7555</v>
      </c>
      <c r="G5271" s="8">
        <v>237</v>
      </c>
      <c r="H5271" s="5">
        <v>6</v>
      </c>
      <c r="I5271" s="5" t="s">
        <v>1518</v>
      </c>
      <c r="J5271" s="5" t="s">
        <v>1519</v>
      </c>
      <c r="K5271" s="2" t="s">
        <v>1520</v>
      </c>
      <c r="L5271" s="5" t="s">
        <v>1519</v>
      </c>
      <c r="M5271" s="2" t="s">
        <v>1520</v>
      </c>
      <c r="N5271" s="5" t="s">
        <v>1521</v>
      </c>
      <c r="O5271" s="5" t="s">
        <v>38</v>
      </c>
      <c r="P5271" s="5" t="s">
        <v>39</v>
      </c>
      <c r="Q5271" s="5" t="s">
        <v>40</v>
      </c>
      <c r="R5271" s="5" t="s">
        <v>1522</v>
      </c>
      <c r="S5271" s="5" t="s">
        <v>1523</v>
      </c>
      <c r="T5271" s="5" t="s">
        <v>42</v>
      </c>
      <c r="U5271" s="2">
        <v>2.1280000000000001</v>
      </c>
      <c r="V5271" s="2">
        <v>1.6459999999999999</v>
      </c>
      <c r="W5271" s="2">
        <v>1.0999999999999999E-2</v>
      </c>
      <c r="X5271" s="2">
        <v>82.9</v>
      </c>
      <c r="Y5271" s="2">
        <v>7.6</v>
      </c>
      <c r="Z5271" s="2">
        <v>16.7</v>
      </c>
      <c r="AA5271" s="5"/>
      <c r="AB5271" s="5" t="s">
        <v>43</v>
      </c>
      <c r="AC5271" s="5" t="s">
        <v>44</v>
      </c>
      <c r="AD5271" s="2"/>
      <c r="AE5271" s="1"/>
    </row>
    <row r="5272" spans="1:31" ht="14.45">
      <c r="A5272" s="11"/>
      <c r="B5272" s="20"/>
      <c r="C5272" s="2" t="s">
        <v>16287</v>
      </c>
      <c r="D5272" s="14" t="s">
        <v>16288</v>
      </c>
      <c r="E5272" s="2" t="s">
        <v>16289</v>
      </c>
      <c r="F5272" s="2" t="s">
        <v>7559</v>
      </c>
      <c r="G5272" s="8">
        <v>237</v>
      </c>
      <c r="H5272" s="5">
        <v>6</v>
      </c>
      <c r="I5272" s="5" t="s">
        <v>1518</v>
      </c>
      <c r="J5272" s="5" t="s">
        <v>1519</v>
      </c>
      <c r="K5272" s="2" t="s">
        <v>1520</v>
      </c>
      <c r="L5272" s="5" t="s">
        <v>1519</v>
      </c>
      <c r="M5272" s="2" t="s">
        <v>1520</v>
      </c>
      <c r="N5272" s="5" t="s">
        <v>1521</v>
      </c>
      <c r="O5272" s="5" t="s">
        <v>38</v>
      </c>
      <c r="P5272" s="5" t="s">
        <v>39</v>
      </c>
      <c r="Q5272" s="5" t="s">
        <v>40</v>
      </c>
      <c r="R5272" s="5" t="s">
        <v>1522</v>
      </c>
      <c r="S5272" s="5" t="s">
        <v>1523</v>
      </c>
      <c r="T5272" s="5" t="s">
        <v>42</v>
      </c>
      <c r="U5272" s="2">
        <v>2.19</v>
      </c>
      <c r="V5272" s="2">
        <v>1.708</v>
      </c>
      <c r="W5272" s="2">
        <v>1.0999999999999999E-2</v>
      </c>
      <c r="X5272" s="2">
        <v>82.9</v>
      </c>
      <c r="Y5272" s="2">
        <v>7.6</v>
      </c>
      <c r="Z5272" s="2">
        <v>16.7</v>
      </c>
      <c r="AA5272" s="5"/>
      <c r="AB5272" s="5" t="s">
        <v>43</v>
      </c>
      <c r="AC5272" s="5" t="s">
        <v>44</v>
      </c>
      <c r="AD5272" s="2"/>
      <c r="AE5272" s="1"/>
    </row>
    <row r="5273" spans="1:31" ht="14.45">
      <c r="A5273" s="11"/>
      <c r="B5273" s="20"/>
      <c r="C5273" s="2" t="s">
        <v>16290</v>
      </c>
      <c r="D5273" s="14" t="s">
        <v>16291</v>
      </c>
      <c r="E5273" s="2" t="s">
        <v>16292</v>
      </c>
      <c r="F5273" s="2" t="s">
        <v>7563</v>
      </c>
      <c r="G5273" s="8">
        <v>237</v>
      </c>
      <c r="H5273" s="5">
        <v>6</v>
      </c>
      <c r="I5273" s="5" t="s">
        <v>1518</v>
      </c>
      <c r="J5273" s="5" t="s">
        <v>1519</v>
      </c>
      <c r="K5273" s="2" t="s">
        <v>1520</v>
      </c>
      <c r="L5273" s="5" t="s">
        <v>1519</v>
      </c>
      <c r="M5273" s="2" t="s">
        <v>1520</v>
      </c>
      <c r="N5273" s="5" t="s">
        <v>1521</v>
      </c>
      <c r="O5273" s="5" t="s">
        <v>38</v>
      </c>
      <c r="P5273" s="5" t="s">
        <v>39</v>
      </c>
      <c r="Q5273" s="5" t="s">
        <v>40</v>
      </c>
      <c r="R5273" s="5" t="s">
        <v>1522</v>
      </c>
      <c r="S5273" s="5" t="s">
        <v>1523</v>
      </c>
      <c r="T5273" s="5" t="s">
        <v>42</v>
      </c>
      <c r="U5273" s="2">
        <v>2.137</v>
      </c>
      <c r="V5273" s="2">
        <v>1.655</v>
      </c>
      <c r="W5273" s="2">
        <v>1.0999999999999999E-2</v>
      </c>
      <c r="X5273" s="2">
        <v>82.9</v>
      </c>
      <c r="Y5273" s="2">
        <v>7.6</v>
      </c>
      <c r="Z5273" s="2">
        <v>16.7</v>
      </c>
      <c r="AA5273" s="5"/>
      <c r="AB5273" s="5" t="s">
        <v>43</v>
      </c>
      <c r="AC5273" s="5" t="s">
        <v>44</v>
      </c>
      <c r="AD5273" s="2"/>
      <c r="AE5273" s="1"/>
    </row>
    <row r="5274" spans="1:31" ht="14.45">
      <c r="A5274" s="11"/>
      <c r="B5274" s="20"/>
      <c r="C5274" s="2" t="s">
        <v>16293</v>
      </c>
      <c r="D5274" s="14" t="s">
        <v>16294</v>
      </c>
      <c r="E5274" s="2" t="s">
        <v>16295</v>
      </c>
      <c r="F5274" s="2" t="s">
        <v>7567</v>
      </c>
      <c r="G5274" s="8">
        <v>237</v>
      </c>
      <c r="H5274" s="5">
        <v>6</v>
      </c>
      <c r="I5274" s="5" t="s">
        <v>1518</v>
      </c>
      <c r="J5274" s="5" t="s">
        <v>1519</v>
      </c>
      <c r="K5274" s="2" t="s">
        <v>1520</v>
      </c>
      <c r="L5274" s="5" t="s">
        <v>1519</v>
      </c>
      <c r="M5274" s="2" t="s">
        <v>1520</v>
      </c>
      <c r="N5274" s="5" t="s">
        <v>1521</v>
      </c>
      <c r="O5274" s="5" t="s">
        <v>38</v>
      </c>
      <c r="P5274" s="5" t="s">
        <v>39</v>
      </c>
      <c r="Q5274" s="5" t="s">
        <v>40</v>
      </c>
      <c r="R5274" s="5" t="s">
        <v>1522</v>
      </c>
      <c r="S5274" s="5" t="s">
        <v>1523</v>
      </c>
      <c r="T5274" s="5" t="s">
        <v>42</v>
      </c>
      <c r="U5274" s="2">
        <v>2.1989999999999998</v>
      </c>
      <c r="V5274" s="2">
        <v>1.7170000000000001</v>
      </c>
      <c r="W5274" s="2">
        <v>1.0999999999999999E-2</v>
      </c>
      <c r="X5274" s="2">
        <v>82.9</v>
      </c>
      <c r="Y5274" s="2">
        <v>7.6</v>
      </c>
      <c r="Z5274" s="2">
        <v>16.7</v>
      </c>
      <c r="AA5274" s="5"/>
      <c r="AB5274" s="5" t="s">
        <v>43</v>
      </c>
      <c r="AC5274" s="5" t="s">
        <v>44</v>
      </c>
      <c r="AD5274" s="2"/>
      <c r="AE5274" s="1"/>
    </row>
    <row r="5275" spans="1:31" ht="14.45">
      <c r="A5275" s="11"/>
      <c r="B5275" s="20"/>
      <c r="C5275" s="2" t="s">
        <v>16296</v>
      </c>
      <c r="D5275" s="14" t="s">
        <v>16297</v>
      </c>
      <c r="E5275" s="2" t="s">
        <v>16298</v>
      </c>
      <c r="F5275" s="2" t="s">
        <v>16079</v>
      </c>
      <c r="G5275" s="8">
        <v>237</v>
      </c>
      <c r="H5275" s="5">
        <v>6</v>
      </c>
      <c r="I5275" s="5" t="s">
        <v>1518</v>
      </c>
      <c r="J5275" s="5" t="s">
        <v>1519</v>
      </c>
      <c r="K5275" s="2" t="s">
        <v>1520</v>
      </c>
      <c r="L5275" s="5" t="s">
        <v>1519</v>
      </c>
      <c r="M5275" s="2" t="s">
        <v>1520</v>
      </c>
      <c r="N5275" s="5" t="s">
        <v>1521</v>
      </c>
      <c r="O5275" s="5" t="s">
        <v>38</v>
      </c>
      <c r="P5275" s="5" t="s">
        <v>39</v>
      </c>
      <c r="Q5275" s="5" t="s">
        <v>40</v>
      </c>
      <c r="R5275" s="5" t="s">
        <v>1522</v>
      </c>
      <c r="S5275" s="5" t="s">
        <v>1523</v>
      </c>
      <c r="T5275" s="5" t="s">
        <v>42</v>
      </c>
      <c r="U5275" s="2">
        <v>2.137</v>
      </c>
      <c r="V5275" s="2">
        <v>1.655</v>
      </c>
      <c r="W5275" s="2">
        <v>1.0999999999999999E-2</v>
      </c>
      <c r="X5275" s="2">
        <v>82.9</v>
      </c>
      <c r="Y5275" s="2">
        <v>7.6</v>
      </c>
      <c r="Z5275" s="2">
        <v>16.7</v>
      </c>
      <c r="AA5275" s="5"/>
      <c r="AB5275" s="5" t="s">
        <v>43</v>
      </c>
      <c r="AC5275" s="5" t="s">
        <v>44</v>
      </c>
      <c r="AD5275" s="2"/>
      <c r="AE5275" s="1"/>
    </row>
    <row r="5276" spans="1:31" ht="14.45">
      <c r="A5276" s="11"/>
      <c r="B5276" s="20"/>
      <c r="C5276" s="2" t="s">
        <v>16299</v>
      </c>
      <c r="D5276" s="14" t="s">
        <v>16300</v>
      </c>
      <c r="E5276" s="2" t="s">
        <v>16301</v>
      </c>
      <c r="F5276" s="2" t="s">
        <v>16194</v>
      </c>
      <c r="G5276" s="8">
        <v>237</v>
      </c>
      <c r="H5276" s="5">
        <v>6</v>
      </c>
      <c r="I5276" s="5" t="s">
        <v>1518</v>
      </c>
      <c r="J5276" s="5" t="s">
        <v>1519</v>
      </c>
      <c r="K5276" s="2" t="s">
        <v>1520</v>
      </c>
      <c r="L5276" s="5" t="s">
        <v>1519</v>
      </c>
      <c r="M5276" s="2" t="s">
        <v>1520</v>
      </c>
      <c r="N5276" s="5" t="s">
        <v>1521</v>
      </c>
      <c r="O5276" s="5" t="s">
        <v>38</v>
      </c>
      <c r="P5276" s="5" t="s">
        <v>39</v>
      </c>
      <c r="Q5276" s="5" t="s">
        <v>40</v>
      </c>
      <c r="R5276" s="5" t="s">
        <v>1522</v>
      </c>
      <c r="S5276" s="5" t="s">
        <v>1523</v>
      </c>
      <c r="T5276" s="5" t="s">
        <v>42</v>
      </c>
      <c r="U5276" s="2">
        <v>2.1989999999999998</v>
      </c>
      <c r="V5276" s="2">
        <v>1.7170000000000001</v>
      </c>
      <c r="W5276" s="2">
        <v>1.0999999999999999E-2</v>
      </c>
      <c r="X5276" s="2">
        <v>82.9</v>
      </c>
      <c r="Y5276" s="2">
        <v>7.6</v>
      </c>
      <c r="Z5276" s="2">
        <v>16.7</v>
      </c>
      <c r="AA5276" s="5"/>
      <c r="AB5276" s="5" t="s">
        <v>43</v>
      </c>
      <c r="AC5276" s="5" t="s">
        <v>44</v>
      </c>
      <c r="AD5276" s="2"/>
      <c r="AE5276" s="1"/>
    </row>
    <row r="5277" spans="1:31" ht="14.45">
      <c r="A5277" s="11"/>
      <c r="B5277" s="20"/>
      <c r="C5277" s="2" t="s">
        <v>16302</v>
      </c>
      <c r="D5277" s="14" t="s">
        <v>16303</v>
      </c>
      <c r="E5277" s="2" t="s">
        <v>16304</v>
      </c>
      <c r="F5277" s="2" t="s">
        <v>7449</v>
      </c>
      <c r="G5277" s="8">
        <v>237</v>
      </c>
      <c r="H5277" s="5">
        <v>6</v>
      </c>
      <c r="I5277" s="5" t="s">
        <v>1518</v>
      </c>
      <c r="J5277" s="5" t="s">
        <v>1519</v>
      </c>
      <c r="K5277" s="2" t="s">
        <v>1520</v>
      </c>
      <c r="L5277" s="5" t="s">
        <v>1519</v>
      </c>
      <c r="M5277" s="2" t="s">
        <v>1520</v>
      </c>
      <c r="N5277" s="5" t="s">
        <v>1521</v>
      </c>
      <c r="O5277" s="5" t="s">
        <v>38</v>
      </c>
      <c r="P5277" s="5" t="s">
        <v>39</v>
      </c>
      <c r="Q5277" s="5" t="s">
        <v>40</v>
      </c>
      <c r="R5277" s="5" t="s">
        <v>1522</v>
      </c>
      <c r="S5277" s="5" t="s">
        <v>1523</v>
      </c>
      <c r="T5277" s="5" t="s">
        <v>42</v>
      </c>
      <c r="U5277" s="2">
        <v>2.137</v>
      </c>
      <c r="V5277" s="2">
        <v>1.655</v>
      </c>
      <c r="W5277" s="2">
        <v>1.0999999999999999E-2</v>
      </c>
      <c r="X5277" s="2">
        <v>82.9</v>
      </c>
      <c r="Y5277" s="2">
        <v>7.6</v>
      </c>
      <c r="Z5277" s="2">
        <v>16.7</v>
      </c>
      <c r="AA5277" s="5"/>
      <c r="AB5277" s="5" t="s">
        <v>43</v>
      </c>
      <c r="AC5277" s="5" t="s">
        <v>44</v>
      </c>
      <c r="AD5277" s="2"/>
      <c r="AE5277" s="1"/>
    </row>
    <row r="5278" spans="1:31" ht="14.45">
      <c r="A5278" s="11"/>
      <c r="B5278" s="20"/>
      <c r="C5278" s="2" t="s">
        <v>16305</v>
      </c>
      <c r="D5278" s="14" t="s">
        <v>16306</v>
      </c>
      <c r="E5278" s="2" t="s">
        <v>16307</v>
      </c>
      <c r="F5278" s="2" t="s">
        <v>7581</v>
      </c>
      <c r="G5278" s="8">
        <v>237</v>
      </c>
      <c r="H5278" s="5">
        <v>6</v>
      </c>
      <c r="I5278" s="5" t="s">
        <v>1518</v>
      </c>
      <c r="J5278" s="5" t="s">
        <v>1519</v>
      </c>
      <c r="K5278" s="2" t="s">
        <v>1520</v>
      </c>
      <c r="L5278" s="5" t="s">
        <v>1519</v>
      </c>
      <c r="M5278" s="2" t="s">
        <v>1520</v>
      </c>
      <c r="N5278" s="5" t="s">
        <v>1521</v>
      </c>
      <c r="O5278" s="5" t="s">
        <v>38</v>
      </c>
      <c r="P5278" s="5" t="s">
        <v>39</v>
      </c>
      <c r="Q5278" s="5" t="s">
        <v>40</v>
      </c>
      <c r="R5278" s="5" t="s">
        <v>1522</v>
      </c>
      <c r="S5278" s="5" t="s">
        <v>1523</v>
      </c>
      <c r="T5278" s="5" t="s">
        <v>42</v>
      </c>
      <c r="U5278" s="2">
        <v>2.1989999999999998</v>
      </c>
      <c r="V5278" s="2">
        <v>1.7170000000000001</v>
      </c>
      <c r="W5278" s="2">
        <v>1.0999999999999999E-2</v>
      </c>
      <c r="X5278" s="2">
        <v>82.9</v>
      </c>
      <c r="Y5278" s="2">
        <v>7.6</v>
      </c>
      <c r="Z5278" s="2">
        <v>16.7</v>
      </c>
      <c r="AA5278" s="5"/>
      <c r="AB5278" s="5" t="s">
        <v>43</v>
      </c>
      <c r="AC5278" s="5" t="s">
        <v>44</v>
      </c>
      <c r="AD5278" s="2"/>
      <c r="AE5278" s="1"/>
    </row>
    <row r="5279" spans="1:31" ht="14.45">
      <c r="A5279" s="11"/>
      <c r="B5279" s="20"/>
      <c r="C5279" s="2" t="s">
        <v>16308</v>
      </c>
      <c r="D5279" s="14" t="s">
        <v>16309</v>
      </c>
      <c r="E5279" s="2" t="s">
        <v>16310</v>
      </c>
      <c r="F5279" s="2" t="s">
        <v>7585</v>
      </c>
      <c r="G5279" s="8">
        <v>237</v>
      </c>
      <c r="H5279" s="5">
        <v>6</v>
      </c>
      <c r="I5279" s="5" t="s">
        <v>1518</v>
      </c>
      <c r="J5279" s="5" t="s">
        <v>1519</v>
      </c>
      <c r="K5279" s="2" t="s">
        <v>1520</v>
      </c>
      <c r="L5279" s="5" t="s">
        <v>1519</v>
      </c>
      <c r="M5279" s="2" t="s">
        <v>1520</v>
      </c>
      <c r="N5279" s="5" t="s">
        <v>1521</v>
      </c>
      <c r="O5279" s="5" t="s">
        <v>38</v>
      </c>
      <c r="P5279" s="5" t="s">
        <v>39</v>
      </c>
      <c r="Q5279" s="5" t="s">
        <v>40</v>
      </c>
      <c r="R5279" s="5" t="s">
        <v>1522</v>
      </c>
      <c r="S5279" s="5" t="s">
        <v>1523</v>
      </c>
      <c r="T5279" s="5" t="s">
        <v>42</v>
      </c>
      <c r="U5279" s="2">
        <v>2.1280000000000001</v>
      </c>
      <c r="V5279" s="2">
        <v>1.6459999999999999</v>
      </c>
      <c r="W5279" s="2">
        <v>1.0999999999999999E-2</v>
      </c>
      <c r="X5279" s="2">
        <v>82.9</v>
      </c>
      <c r="Y5279" s="2">
        <v>7.6</v>
      </c>
      <c r="Z5279" s="2">
        <v>16.7</v>
      </c>
      <c r="AA5279" s="5"/>
      <c r="AB5279" s="5" t="s">
        <v>43</v>
      </c>
      <c r="AC5279" s="5" t="s">
        <v>44</v>
      </c>
      <c r="AD5279" s="2"/>
      <c r="AE5279" s="1"/>
    </row>
    <row r="5280" spans="1:31" ht="14.45">
      <c r="A5280" s="11"/>
      <c r="B5280" s="20"/>
      <c r="C5280" s="2" t="s">
        <v>16311</v>
      </c>
      <c r="D5280" s="14" t="s">
        <v>16312</v>
      </c>
      <c r="E5280" s="2" t="s">
        <v>16313</v>
      </c>
      <c r="F5280" s="2" t="s">
        <v>7589</v>
      </c>
      <c r="G5280" s="8">
        <v>237</v>
      </c>
      <c r="H5280" s="5">
        <v>6</v>
      </c>
      <c r="I5280" s="5" t="s">
        <v>1518</v>
      </c>
      <c r="J5280" s="5" t="s">
        <v>1519</v>
      </c>
      <c r="K5280" s="2" t="s">
        <v>1520</v>
      </c>
      <c r="L5280" s="5" t="s">
        <v>1519</v>
      </c>
      <c r="M5280" s="2" t="s">
        <v>1520</v>
      </c>
      <c r="N5280" s="5" t="s">
        <v>1521</v>
      </c>
      <c r="O5280" s="5" t="s">
        <v>38</v>
      </c>
      <c r="P5280" s="5" t="s">
        <v>39</v>
      </c>
      <c r="Q5280" s="5" t="s">
        <v>40</v>
      </c>
      <c r="R5280" s="5" t="s">
        <v>1522</v>
      </c>
      <c r="S5280" s="5" t="s">
        <v>1523</v>
      </c>
      <c r="T5280" s="5" t="s">
        <v>42</v>
      </c>
      <c r="U5280" s="2">
        <v>2.19</v>
      </c>
      <c r="V5280" s="2">
        <v>1.708</v>
      </c>
      <c r="W5280" s="2">
        <v>1.0999999999999999E-2</v>
      </c>
      <c r="X5280" s="2">
        <v>82.9</v>
      </c>
      <c r="Y5280" s="2">
        <v>7.6</v>
      </c>
      <c r="Z5280" s="2">
        <v>16.7</v>
      </c>
      <c r="AA5280" s="5"/>
      <c r="AB5280" s="5" t="s">
        <v>43</v>
      </c>
      <c r="AC5280" s="5" t="s">
        <v>44</v>
      </c>
      <c r="AD5280" s="2"/>
      <c r="AE5280" s="1"/>
    </row>
    <row r="5281" spans="1:31" ht="14.45">
      <c r="A5281" s="11"/>
      <c r="B5281" s="20"/>
      <c r="C5281" s="2" t="s">
        <v>16314</v>
      </c>
      <c r="D5281" s="14" t="s">
        <v>16315</v>
      </c>
      <c r="E5281" s="2" t="s">
        <v>16316</v>
      </c>
      <c r="F5281" s="2" t="s">
        <v>7593</v>
      </c>
      <c r="G5281" s="8">
        <v>237</v>
      </c>
      <c r="H5281" s="5">
        <v>6</v>
      </c>
      <c r="I5281" s="5" t="s">
        <v>1518</v>
      </c>
      <c r="J5281" s="5" t="s">
        <v>1519</v>
      </c>
      <c r="K5281" s="2" t="s">
        <v>1520</v>
      </c>
      <c r="L5281" s="5" t="s">
        <v>1519</v>
      </c>
      <c r="M5281" s="2" t="s">
        <v>1520</v>
      </c>
      <c r="N5281" s="5" t="s">
        <v>1521</v>
      </c>
      <c r="O5281" s="5" t="s">
        <v>38</v>
      </c>
      <c r="P5281" s="5" t="s">
        <v>39</v>
      </c>
      <c r="Q5281" s="5" t="s">
        <v>40</v>
      </c>
      <c r="R5281" s="5" t="s">
        <v>1522</v>
      </c>
      <c r="S5281" s="5" t="s">
        <v>1523</v>
      </c>
      <c r="T5281" s="5" t="s">
        <v>42</v>
      </c>
      <c r="U5281" s="2">
        <v>2.137</v>
      </c>
      <c r="V5281" s="2">
        <v>1.655</v>
      </c>
      <c r="W5281" s="2">
        <v>1.0999999999999999E-2</v>
      </c>
      <c r="X5281" s="2">
        <v>82.9</v>
      </c>
      <c r="Y5281" s="2">
        <v>7.6</v>
      </c>
      <c r="Z5281" s="2">
        <v>16.7</v>
      </c>
      <c r="AA5281" s="5"/>
      <c r="AB5281" s="5" t="s">
        <v>43</v>
      </c>
      <c r="AC5281" s="5" t="s">
        <v>44</v>
      </c>
      <c r="AD5281" s="2"/>
      <c r="AE5281" s="1"/>
    </row>
    <row r="5282" spans="1:31" ht="14.45">
      <c r="A5282" s="11"/>
      <c r="B5282" s="20"/>
      <c r="C5282" s="2" t="s">
        <v>16317</v>
      </c>
      <c r="D5282" s="14" t="s">
        <v>16318</v>
      </c>
      <c r="E5282" s="2" t="s">
        <v>16319</v>
      </c>
      <c r="F5282" s="2" t="s">
        <v>7597</v>
      </c>
      <c r="G5282" s="8">
        <v>237</v>
      </c>
      <c r="H5282" s="5">
        <v>6</v>
      </c>
      <c r="I5282" s="5" t="s">
        <v>1518</v>
      </c>
      <c r="J5282" s="5" t="s">
        <v>1519</v>
      </c>
      <c r="K5282" s="2" t="s">
        <v>1520</v>
      </c>
      <c r="L5282" s="5" t="s">
        <v>1519</v>
      </c>
      <c r="M5282" s="2" t="s">
        <v>1520</v>
      </c>
      <c r="N5282" s="5" t="s">
        <v>1521</v>
      </c>
      <c r="O5282" s="5" t="s">
        <v>38</v>
      </c>
      <c r="P5282" s="5" t="s">
        <v>39</v>
      </c>
      <c r="Q5282" s="5" t="s">
        <v>40</v>
      </c>
      <c r="R5282" s="5" t="s">
        <v>1522</v>
      </c>
      <c r="S5282" s="5" t="s">
        <v>1523</v>
      </c>
      <c r="T5282" s="5" t="s">
        <v>42</v>
      </c>
      <c r="U5282" s="2">
        <v>2.1989999999999998</v>
      </c>
      <c r="V5282" s="2">
        <v>1.7170000000000001</v>
      </c>
      <c r="W5282" s="2">
        <v>1.0999999999999999E-2</v>
      </c>
      <c r="X5282" s="2">
        <v>82.9</v>
      </c>
      <c r="Y5282" s="2">
        <v>7.6</v>
      </c>
      <c r="Z5282" s="2">
        <v>16.7</v>
      </c>
      <c r="AA5282" s="5"/>
      <c r="AB5282" s="5" t="s">
        <v>43</v>
      </c>
      <c r="AC5282" s="5" t="s">
        <v>44</v>
      </c>
      <c r="AD5282" s="2"/>
      <c r="AE5282" s="1"/>
    </row>
    <row r="5283" spans="1:31" ht="14.45">
      <c r="A5283" s="11"/>
      <c r="B5283" s="20"/>
      <c r="C5283" s="2" t="s">
        <v>16320</v>
      </c>
      <c r="D5283" s="14" t="s">
        <v>16321</v>
      </c>
      <c r="E5283" s="2" t="s">
        <v>16322</v>
      </c>
      <c r="F5283" s="2" t="s">
        <v>16014</v>
      </c>
      <c r="G5283" s="8">
        <v>237</v>
      </c>
      <c r="H5283" s="5">
        <v>6</v>
      </c>
      <c r="I5283" s="5" t="s">
        <v>1518</v>
      </c>
      <c r="J5283" s="5" t="s">
        <v>1519</v>
      </c>
      <c r="K5283" s="2" t="s">
        <v>1520</v>
      </c>
      <c r="L5283" s="5" t="s">
        <v>1519</v>
      </c>
      <c r="M5283" s="2" t="s">
        <v>1520</v>
      </c>
      <c r="N5283" s="5" t="s">
        <v>1521</v>
      </c>
      <c r="O5283" s="5" t="s">
        <v>38</v>
      </c>
      <c r="P5283" s="5" t="s">
        <v>39</v>
      </c>
      <c r="Q5283" s="5" t="s">
        <v>40</v>
      </c>
      <c r="R5283" s="5" t="s">
        <v>1522</v>
      </c>
      <c r="S5283" s="5" t="s">
        <v>1523</v>
      </c>
      <c r="T5283" s="5" t="s">
        <v>42</v>
      </c>
      <c r="U5283" s="2">
        <v>2.137</v>
      </c>
      <c r="V5283" s="2">
        <v>1.655</v>
      </c>
      <c r="W5283" s="2">
        <v>1.0999999999999999E-2</v>
      </c>
      <c r="X5283" s="2">
        <v>82.9</v>
      </c>
      <c r="Y5283" s="2">
        <v>7.6</v>
      </c>
      <c r="Z5283" s="2">
        <v>16.7</v>
      </c>
      <c r="AA5283" s="5"/>
      <c r="AB5283" s="5" t="s">
        <v>43</v>
      </c>
      <c r="AC5283" s="5" t="s">
        <v>44</v>
      </c>
      <c r="AD5283" s="2"/>
      <c r="AE5283" s="1"/>
    </row>
    <row r="5284" spans="1:31" ht="14.45">
      <c r="A5284" s="11"/>
      <c r="B5284" s="20"/>
      <c r="C5284" s="2" t="s">
        <v>16323</v>
      </c>
      <c r="D5284" s="14" t="s">
        <v>16324</v>
      </c>
      <c r="E5284" s="2" t="s">
        <v>16325</v>
      </c>
      <c r="F5284" s="2" t="s">
        <v>16219</v>
      </c>
      <c r="G5284" s="8">
        <v>237</v>
      </c>
      <c r="H5284" s="5">
        <v>6</v>
      </c>
      <c r="I5284" s="5" t="s">
        <v>1518</v>
      </c>
      <c r="J5284" s="5" t="s">
        <v>1519</v>
      </c>
      <c r="K5284" s="2" t="s">
        <v>1520</v>
      </c>
      <c r="L5284" s="5" t="s">
        <v>1519</v>
      </c>
      <c r="M5284" s="2" t="s">
        <v>1520</v>
      </c>
      <c r="N5284" s="5" t="s">
        <v>1521</v>
      </c>
      <c r="O5284" s="5" t="s">
        <v>38</v>
      </c>
      <c r="P5284" s="5" t="s">
        <v>39</v>
      </c>
      <c r="Q5284" s="5" t="s">
        <v>40</v>
      </c>
      <c r="R5284" s="5" t="s">
        <v>1522</v>
      </c>
      <c r="S5284" s="5" t="s">
        <v>1523</v>
      </c>
      <c r="T5284" s="5" t="s">
        <v>42</v>
      </c>
      <c r="U5284" s="2">
        <v>2.1989999999999998</v>
      </c>
      <c r="V5284" s="2">
        <v>1.7170000000000001</v>
      </c>
      <c r="W5284" s="2">
        <v>1.0999999999999999E-2</v>
      </c>
      <c r="X5284" s="2">
        <v>82.9</v>
      </c>
      <c r="Y5284" s="2">
        <v>7.6</v>
      </c>
      <c r="Z5284" s="2">
        <v>16.7</v>
      </c>
      <c r="AA5284" s="5"/>
      <c r="AB5284" s="5" t="s">
        <v>43</v>
      </c>
      <c r="AC5284" s="5" t="s">
        <v>44</v>
      </c>
      <c r="AD5284" s="2"/>
      <c r="AE5284" s="1"/>
    </row>
    <row r="5285" spans="1:31" ht="14.45">
      <c r="A5285" s="11"/>
      <c r="B5285" s="20"/>
      <c r="C5285" s="2" t="s">
        <v>16326</v>
      </c>
      <c r="D5285" s="14" t="s">
        <v>16327</v>
      </c>
      <c r="E5285" s="2" t="s">
        <v>16328</v>
      </c>
      <c r="F5285" s="2" t="s">
        <v>16018</v>
      </c>
      <c r="G5285" s="8">
        <v>237</v>
      </c>
      <c r="H5285" s="5">
        <v>6</v>
      </c>
      <c r="I5285" s="5" t="s">
        <v>1518</v>
      </c>
      <c r="J5285" s="5" t="s">
        <v>1519</v>
      </c>
      <c r="K5285" s="2" t="s">
        <v>1520</v>
      </c>
      <c r="L5285" s="5" t="s">
        <v>1519</v>
      </c>
      <c r="M5285" s="2" t="s">
        <v>1520</v>
      </c>
      <c r="N5285" s="5" t="s">
        <v>1521</v>
      </c>
      <c r="O5285" s="5" t="s">
        <v>38</v>
      </c>
      <c r="P5285" s="5" t="s">
        <v>39</v>
      </c>
      <c r="Q5285" s="5" t="s">
        <v>40</v>
      </c>
      <c r="R5285" s="5" t="s">
        <v>1522</v>
      </c>
      <c r="S5285" s="5" t="s">
        <v>1523</v>
      </c>
      <c r="T5285" s="5" t="s">
        <v>42</v>
      </c>
      <c r="U5285" s="2">
        <v>2.137</v>
      </c>
      <c r="V5285" s="2">
        <v>1.655</v>
      </c>
      <c r="W5285" s="2">
        <v>1.0999999999999999E-2</v>
      </c>
      <c r="X5285" s="2">
        <v>82.9</v>
      </c>
      <c r="Y5285" s="2">
        <v>7.6</v>
      </c>
      <c r="Z5285" s="2">
        <v>16.7</v>
      </c>
      <c r="AA5285" s="5"/>
      <c r="AB5285" s="5" t="s">
        <v>43</v>
      </c>
      <c r="AC5285" s="5" t="s">
        <v>44</v>
      </c>
      <c r="AD5285" s="2"/>
      <c r="AE5285" s="1"/>
    </row>
    <row r="5286" spans="1:31" ht="14.45">
      <c r="A5286" s="11"/>
      <c r="B5286" s="20"/>
      <c r="C5286" s="2" t="s">
        <v>16329</v>
      </c>
      <c r="D5286" s="14" t="s">
        <v>16330</v>
      </c>
      <c r="E5286" s="2" t="s">
        <v>16331</v>
      </c>
      <c r="F5286" s="2" t="s">
        <v>16022</v>
      </c>
      <c r="G5286" s="8">
        <v>237</v>
      </c>
      <c r="H5286" s="5">
        <v>6</v>
      </c>
      <c r="I5286" s="5" t="s">
        <v>1518</v>
      </c>
      <c r="J5286" s="5" t="s">
        <v>1519</v>
      </c>
      <c r="K5286" s="2" t="s">
        <v>1520</v>
      </c>
      <c r="L5286" s="5" t="s">
        <v>1519</v>
      </c>
      <c r="M5286" s="2" t="s">
        <v>1520</v>
      </c>
      <c r="N5286" s="5" t="s">
        <v>1521</v>
      </c>
      <c r="O5286" s="5" t="s">
        <v>38</v>
      </c>
      <c r="P5286" s="5" t="s">
        <v>39</v>
      </c>
      <c r="Q5286" s="5" t="s">
        <v>40</v>
      </c>
      <c r="R5286" s="5" t="s">
        <v>1522</v>
      </c>
      <c r="S5286" s="5" t="s">
        <v>1523</v>
      </c>
      <c r="T5286" s="5" t="s">
        <v>42</v>
      </c>
      <c r="U5286" s="2">
        <v>2.1989999999999998</v>
      </c>
      <c r="V5286" s="2">
        <v>1.7170000000000001</v>
      </c>
      <c r="W5286" s="2">
        <v>1.0999999999999999E-2</v>
      </c>
      <c r="X5286" s="2">
        <v>82.9</v>
      </c>
      <c r="Y5286" s="2">
        <v>7.6</v>
      </c>
      <c r="Z5286" s="2">
        <v>16.7</v>
      </c>
      <c r="AA5286" s="5"/>
      <c r="AB5286" s="5" t="s">
        <v>43</v>
      </c>
      <c r="AC5286" s="5" t="s">
        <v>44</v>
      </c>
      <c r="AD5286" s="2"/>
      <c r="AE5286" s="1"/>
    </row>
    <row r="5287" spans="1:31" ht="14.45">
      <c r="A5287" s="11"/>
      <c r="B5287" s="20"/>
      <c r="C5287" s="2" t="s">
        <v>16332</v>
      </c>
      <c r="D5287" s="14" t="s">
        <v>16333</v>
      </c>
      <c r="E5287" s="2" t="s">
        <v>16334</v>
      </c>
      <c r="F5287" s="2" t="s">
        <v>7615</v>
      </c>
      <c r="G5287" s="8">
        <v>237</v>
      </c>
      <c r="H5287" s="5">
        <v>6</v>
      </c>
      <c r="I5287" s="5" t="s">
        <v>1518</v>
      </c>
      <c r="J5287" s="5" t="s">
        <v>1519</v>
      </c>
      <c r="K5287" s="2" t="s">
        <v>1520</v>
      </c>
      <c r="L5287" s="5" t="s">
        <v>1519</v>
      </c>
      <c r="M5287" s="2" t="s">
        <v>1520</v>
      </c>
      <c r="N5287" s="5" t="s">
        <v>1521</v>
      </c>
      <c r="O5287" s="5" t="s">
        <v>38</v>
      </c>
      <c r="P5287" s="5" t="s">
        <v>39</v>
      </c>
      <c r="Q5287" s="5" t="s">
        <v>40</v>
      </c>
      <c r="R5287" s="5" t="s">
        <v>1522</v>
      </c>
      <c r="S5287" s="5" t="s">
        <v>1523</v>
      </c>
      <c r="T5287" s="5" t="s">
        <v>42</v>
      </c>
      <c r="U5287" s="2">
        <v>2.1280000000000001</v>
      </c>
      <c r="V5287" s="2">
        <v>1.6459999999999999</v>
      </c>
      <c r="W5287" s="2">
        <v>1.0999999999999999E-2</v>
      </c>
      <c r="X5287" s="2">
        <v>82.9</v>
      </c>
      <c r="Y5287" s="2">
        <v>7.6</v>
      </c>
      <c r="Z5287" s="2">
        <v>16.7</v>
      </c>
      <c r="AA5287" s="5"/>
      <c r="AB5287" s="5" t="s">
        <v>43</v>
      </c>
      <c r="AC5287" s="5" t="s">
        <v>44</v>
      </c>
      <c r="AD5287" s="2"/>
      <c r="AE5287" s="1"/>
    </row>
    <row r="5288" spans="1:31" ht="14.45">
      <c r="A5288" s="11"/>
      <c r="B5288" s="20"/>
      <c r="C5288" s="2" t="s">
        <v>16335</v>
      </c>
      <c r="D5288" s="14" t="s">
        <v>16336</v>
      </c>
      <c r="E5288" s="2" t="s">
        <v>16337</v>
      </c>
      <c r="F5288" s="2" t="s">
        <v>7619</v>
      </c>
      <c r="G5288" s="8">
        <v>237</v>
      </c>
      <c r="H5288" s="5">
        <v>6</v>
      </c>
      <c r="I5288" s="5" t="s">
        <v>1518</v>
      </c>
      <c r="J5288" s="5" t="s">
        <v>1519</v>
      </c>
      <c r="K5288" s="2" t="s">
        <v>1520</v>
      </c>
      <c r="L5288" s="5" t="s">
        <v>1519</v>
      </c>
      <c r="M5288" s="2" t="s">
        <v>1520</v>
      </c>
      <c r="N5288" s="5" t="s">
        <v>1521</v>
      </c>
      <c r="O5288" s="5" t="s">
        <v>38</v>
      </c>
      <c r="P5288" s="5" t="s">
        <v>39</v>
      </c>
      <c r="Q5288" s="5" t="s">
        <v>40</v>
      </c>
      <c r="R5288" s="5" t="s">
        <v>1522</v>
      </c>
      <c r="S5288" s="5" t="s">
        <v>1523</v>
      </c>
      <c r="T5288" s="5" t="s">
        <v>42</v>
      </c>
      <c r="U5288" s="2">
        <v>2.19</v>
      </c>
      <c r="V5288" s="2">
        <v>1.708</v>
      </c>
      <c r="W5288" s="2">
        <v>1.0999999999999999E-2</v>
      </c>
      <c r="X5288" s="2">
        <v>82.9</v>
      </c>
      <c r="Y5288" s="2">
        <v>7.6</v>
      </c>
      <c r="Z5288" s="2">
        <v>16.7</v>
      </c>
      <c r="AA5288" s="5"/>
      <c r="AB5288" s="5" t="s">
        <v>43</v>
      </c>
      <c r="AC5288" s="5" t="s">
        <v>44</v>
      </c>
      <c r="AD5288" s="2"/>
      <c r="AE5288" s="1"/>
    </row>
    <row r="5289" spans="1:31" ht="14.45">
      <c r="A5289" s="11"/>
      <c r="B5289" s="20"/>
      <c r="C5289" s="2" t="s">
        <v>16338</v>
      </c>
      <c r="D5289" s="14" t="s">
        <v>16339</v>
      </c>
      <c r="E5289" s="2" t="s">
        <v>16340</v>
      </c>
      <c r="F5289" s="2" t="s">
        <v>16235</v>
      </c>
      <c r="G5289" s="8">
        <v>237</v>
      </c>
      <c r="H5289" s="5">
        <v>6</v>
      </c>
      <c r="I5289" s="5" t="s">
        <v>1518</v>
      </c>
      <c r="J5289" s="5" t="s">
        <v>1519</v>
      </c>
      <c r="K5289" s="2" t="s">
        <v>1520</v>
      </c>
      <c r="L5289" s="5" t="s">
        <v>1519</v>
      </c>
      <c r="M5289" s="2" t="s">
        <v>1520</v>
      </c>
      <c r="N5289" s="5" t="s">
        <v>1521</v>
      </c>
      <c r="O5289" s="5" t="s">
        <v>38</v>
      </c>
      <c r="P5289" s="5" t="s">
        <v>39</v>
      </c>
      <c r="Q5289" s="5" t="s">
        <v>40</v>
      </c>
      <c r="R5289" s="5" t="s">
        <v>1522</v>
      </c>
      <c r="S5289" s="5" t="s">
        <v>1523</v>
      </c>
      <c r="T5289" s="5" t="s">
        <v>42</v>
      </c>
      <c r="U5289" s="2">
        <v>2.1520000000000001</v>
      </c>
      <c r="V5289" s="2">
        <v>1.67</v>
      </c>
      <c r="W5289" s="2">
        <v>1.0999999999999999E-2</v>
      </c>
      <c r="X5289" s="2">
        <v>82.9</v>
      </c>
      <c r="Y5289" s="2">
        <v>7.6</v>
      </c>
      <c r="Z5289" s="2">
        <v>16.7</v>
      </c>
      <c r="AA5289" s="5"/>
      <c r="AB5289" s="5" t="s">
        <v>43</v>
      </c>
      <c r="AC5289" s="5" t="s">
        <v>44</v>
      </c>
      <c r="AD5289" s="2"/>
      <c r="AE5289" s="1"/>
    </row>
    <row r="5290" spans="1:31" ht="14.45">
      <c r="A5290" s="11"/>
      <c r="B5290" s="20"/>
      <c r="C5290" s="2" t="s">
        <v>16341</v>
      </c>
      <c r="D5290" s="14" t="s">
        <v>16342</v>
      </c>
      <c r="E5290" s="2" t="s">
        <v>16343</v>
      </c>
      <c r="F5290" s="2" t="s">
        <v>16029</v>
      </c>
      <c r="G5290" s="8">
        <v>237</v>
      </c>
      <c r="H5290" s="5">
        <v>11</v>
      </c>
      <c r="I5290" s="5" t="s">
        <v>1518</v>
      </c>
      <c r="J5290" s="5" t="s">
        <v>1519</v>
      </c>
      <c r="K5290" s="2" t="s">
        <v>1520</v>
      </c>
      <c r="L5290" s="5" t="s">
        <v>1519</v>
      </c>
      <c r="M5290" s="2" t="s">
        <v>1520</v>
      </c>
      <c r="N5290" s="5" t="s">
        <v>1521</v>
      </c>
      <c r="O5290" s="5" t="s">
        <v>38</v>
      </c>
      <c r="P5290" s="5" t="s">
        <v>39</v>
      </c>
      <c r="Q5290" s="5" t="s">
        <v>40</v>
      </c>
      <c r="R5290" s="5" t="s">
        <v>1522</v>
      </c>
      <c r="S5290" s="5" t="s">
        <v>1523</v>
      </c>
      <c r="T5290" s="5" t="s">
        <v>42</v>
      </c>
      <c r="U5290" s="2">
        <v>2.1560000000000001</v>
      </c>
      <c r="V5290" s="2">
        <v>1.6739999999999999</v>
      </c>
      <c r="W5290" s="2">
        <v>1.0999999999999999E-2</v>
      </c>
      <c r="X5290" s="2">
        <v>82.9</v>
      </c>
      <c r="Y5290" s="2">
        <v>7.6</v>
      </c>
      <c r="Z5290" s="2">
        <v>16.7</v>
      </c>
      <c r="AA5290" s="5"/>
      <c r="AB5290" s="5" t="s">
        <v>43</v>
      </c>
      <c r="AC5290" s="5" t="s">
        <v>44</v>
      </c>
      <c r="AD5290" s="2"/>
      <c r="AE5290" s="1"/>
    </row>
    <row r="5291" spans="1:31" ht="14.45">
      <c r="A5291" s="11"/>
      <c r="B5291" s="20"/>
      <c r="C5291" s="2" t="s">
        <v>16344</v>
      </c>
      <c r="D5291" s="14" t="s">
        <v>16345</v>
      </c>
      <c r="E5291" s="2" t="s">
        <v>16346</v>
      </c>
      <c r="F5291" s="2" t="s">
        <v>16033</v>
      </c>
      <c r="G5291" s="8">
        <v>237</v>
      </c>
      <c r="H5291" s="5">
        <v>11</v>
      </c>
      <c r="I5291" s="5" t="s">
        <v>1518</v>
      </c>
      <c r="J5291" s="5" t="s">
        <v>1519</v>
      </c>
      <c r="K5291" s="2" t="s">
        <v>1520</v>
      </c>
      <c r="L5291" s="5" t="s">
        <v>1519</v>
      </c>
      <c r="M5291" s="2" t="s">
        <v>1520</v>
      </c>
      <c r="N5291" s="5" t="s">
        <v>1521</v>
      </c>
      <c r="O5291" s="5" t="s">
        <v>38</v>
      </c>
      <c r="P5291" s="5" t="s">
        <v>39</v>
      </c>
      <c r="Q5291" s="5" t="s">
        <v>40</v>
      </c>
      <c r="R5291" s="5" t="s">
        <v>1522</v>
      </c>
      <c r="S5291" s="5" t="s">
        <v>1523</v>
      </c>
      <c r="T5291" s="5" t="s">
        <v>42</v>
      </c>
      <c r="U5291" s="2">
        <v>2.218</v>
      </c>
      <c r="V5291" s="2">
        <v>1.736</v>
      </c>
      <c r="W5291" s="2">
        <v>1.0999999999999999E-2</v>
      </c>
      <c r="X5291" s="2">
        <v>82.9</v>
      </c>
      <c r="Y5291" s="2">
        <v>7.6</v>
      </c>
      <c r="Z5291" s="2">
        <v>16.7</v>
      </c>
      <c r="AA5291" s="5"/>
      <c r="AB5291" s="5" t="s">
        <v>43</v>
      </c>
      <c r="AC5291" s="5" t="s">
        <v>44</v>
      </c>
      <c r="AD5291" s="2"/>
      <c r="AE5291" s="1"/>
    </row>
    <row r="5292" spans="1:31" ht="14.45">
      <c r="A5292" s="11"/>
      <c r="B5292" s="20"/>
      <c r="C5292" s="2" t="s">
        <v>16347</v>
      </c>
      <c r="D5292" s="14" t="s">
        <v>16348</v>
      </c>
      <c r="E5292" s="2" t="s">
        <v>16349</v>
      </c>
      <c r="F5292" s="2" t="s">
        <v>7396</v>
      </c>
      <c r="G5292" s="8">
        <v>233</v>
      </c>
      <c r="H5292" s="5">
        <v>6</v>
      </c>
      <c r="I5292" s="5" t="s">
        <v>1518</v>
      </c>
      <c r="J5292" s="5" t="s">
        <v>1519</v>
      </c>
      <c r="K5292" s="2" t="s">
        <v>1520</v>
      </c>
      <c r="L5292" s="5" t="s">
        <v>1519</v>
      </c>
      <c r="M5292" s="2" t="s">
        <v>1520</v>
      </c>
      <c r="N5292" s="5" t="s">
        <v>1521</v>
      </c>
      <c r="O5292" s="5" t="s">
        <v>38</v>
      </c>
      <c r="P5292" s="5" t="s">
        <v>39</v>
      </c>
      <c r="Q5292" s="5" t="s">
        <v>40</v>
      </c>
      <c r="R5292" s="5" t="s">
        <v>1522</v>
      </c>
      <c r="S5292" s="5" t="s">
        <v>1523</v>
      </c>
      <c r="T5292" s="5" t="s">
        <v>42</v>
      </c>
      <c r="U5292" s="2">
        <v>2.3769999999999998</v>
      </c>
      <c r="V5292" s="2">
        <v>1.8069999999999999</v>
      </c>
      <c r="W5292" s="2">
        <v>1.4999999999999999E-2</v>
      </c>
      <c r="X5292" s="2">
        <v>118.9</v>
      </c>
      <c r="Y5292" s="2">
        <v>7.6</v>
      </c>
      <c r="Z5292" s="2">
        <v>16.7</v>
      </c>
      <c r="AA5292" s="5"/>
      <c r="AB5292" s="5" t="s">
        <v>43</v>
      </c>
      <c r="AC5292" s="5" t="s">
        <v>44</v>
      </c>
      <c r="AD5292" s="2"/>
      <c r="AE5292" s="1"/>
    </row>
    <row r="5293" spans="1:31" ht="14.45">
      <c r="A5293" s="11"/>
      <c r="B5293" s="20"/>
      <c r="C5293" s="2" t="s">
        <v>16350</v>
      </c>
      <c r="D5293" s="14" t="s">
        <v>16351</v>
      </c>
      <c r="E5293" s="2" t="s">
        <v>16352</v>
      </c>
      <c r="F5293" s="2" t="s">
        <v>7507</v>
      </c>
      <c r="G5293" s="8">
        <v>233</v>
      </c>
      <c r="H5293" s="5">
        <v>6</v>
      </c>
      <c r="I5293" s="5" t="s">
        <v>1518</v>
      </c>
      <c r="J5293" s="5" t="s">
        <v>1519</v>
      </c>
      <c r="K5293" s="2" t="s">
        <v>1520</v>
      </c>
      <c r="L5293" s="5" t="s">
        <v>1519</v>
      </c>
      <c r="M5293" s="2" t="s">
        <v>1520</v>
      </c>
      <c r="N5293" s="5" t="s">
        <v>1521</v>
      </c>
      <c r="O5293" s="5" t="s">
        <v>38</v>
      </c>
      <c r="P5293" s="5" t="s">
        <v>39</v>
      </c>
      <c r="Q5293" s="5" t="s">
        <v>40</v>
      </c>
      <c r="R5293" s="5" t="s">
        <v>1522</v>
      </c>
      <c r="S5293" s="5" t="s">
        <v>1523</v>
      </c>
      <c r="T5293" s="5" t="s">
        <v>42</v>
      </c>
      <c r="U5293" s="2">
        <v>2.4500000000000002</v>
      </c>
      <c r="V5293" s="2">
        <v>1.88</v>
      </c>
      <c r="W5293" s="2">
        <v>1.4999999999999999E-2</v>
      </c>
      <c r="X5293" s="2">
        <v>118.9</v>
      </c>
      <c r="Y5293" s="2">
        <v>7.6</v>
      </c>
      <c r="Z5293" s="2">
        <v>16.7</v>
      </c>
      <c r="AA5293" s="5"/>
      <c r="AB5293" s="5" t="s">
        <v>43</v>
      </c>
      <c r="AC5293" s="5" t="s">
        <v>44</v>
      </c>
      <c r="AD5293" s="2"/>
      <c r="AE5293" s="1"/>
    </row>
    <row r="5294" spans="1:31" ht="14.45">
      <c r="A5294" s="11"/>
      <c r="B5294" s="20"/>
      <c r="C5294" s="2" t="s">
        <v>16353</v>
      </c>
      <c r="D5294" s="14" t="s">
        <v>16354</v>
      </c>
      <c r="E5294" s="2" t="s">
        <v>16355</v>
      </c>
      <c r="F5294" s="2" t="s">
        <v>7204</v>
      </c>
      <c r="G5294" s="8">
        <v>233</v>
      </c>
      <c r="H5294" s="5">
        <v>6</v>
      </c>
      <c r="I5294" s="5" t="s">
        <v>1518</v>
      </c>
      <c r="J5294" s="5" t="s">
        <v>1519</v>
      </c>
      <c r="K5294" s="2" t="s">
        <v>1520</v>
      </c>
      <c r="L5294" s="5" t="s">
        <v>1519</v>
      </c>
      <c r="M5294" s="2" t="s">
        <v>1520</v>
      </c>
      <c r="N5294" s="5" t="s">
        <v>1521</v>
      </c>
      <c r="O5294" s="5" t="s">
        <v>38</v>
      </c>
      <c r="P5294" s="5" t="s">
        <v>39</v>
      </c>
      <c r="Q5294" s="5" t="s">
        <v>40</v>
      </c>
      <c r="R5294" s="5" t="s">
        <v>1522</v>
      </c>
      <c r="S5294" s="5" t="s">
        <v>1523</v>
      </c>
      <c r="T5294" s="5" t="s">
        <v>42</v>
      </c>
      <c r="U5294" s="2">
        <v>2.3809999999999998</v>
      </c>
      <c r="V5294" s="2">
        <v>1.8109999999999999</v>
      </c>
      <c r="W5294" s="2">
        <v>1.4999999999999999E-2</v>
      </c>
      <c r="X5294" s="2">
        <v>118.9</v>
      </c>
      <c r="Y5294" s="2">
        <v>7.6</v>
      </c>
      <c r="Z5294" s="2">
        <v>16.7</v>
      </c>
      <c r="AA5294" s="5"/>
      <c r="AB5294" s="5" t="s">
        <v>43</v>
      </c>
      <c r="AC5294" s="5" t="s">
        <v>44</v>
      </c>
      <c r="AD5294" s="2"/>
      <c r="AE5294" s="1"/>
    </row>
    <row r="5295" spans="1:31" ht="14.45">
      <c r="A5295" s="11"/>
      <c r="B5295" s="20"/>
      <c r="C5295" s="2" t="s">
        <v>16356</v>
      </c>
      <c r="D5295" s="14" t="s">
        <v>16357</v>
      </c>
      <c r="E5295" s="2" t="s">
        <v>16358</v>
      </c>
      <c r="F5295" s="2" t="s">
        <v>7514</v>
      </c>
      <c r="G5295" s="8">
        <v>233</v>
      </c>
      <c r="H5295" s="5">
        <v>6</v>
      </c>
      <c r="I5295" s="5" t="s">
        <v>1518</v>
      </c>
      <c r="J5295" s="5" t="s">
        <v>1519</v>
      </c>
      <c r="K5295" s="2" t="s">
        <v>1520</v>
      </c>
      <c r="L5295" s="5" t="s">
        <v>1519</v>
      </c>
      <c r="M5295" s="2" t="s">
        <v>1520</v>
      </c>
      <c r="N5295" s="5" t="s">
        <v>1521</v>
      </c>
      <c r="O5295" s="5" t="s">
        <v>38</v>
      </c>
      <c r="P5295" s="5" t="s">
        <v>39</v>
      </c>
      <c r="Q5295" s="5" t="s">
        <v>40</v>
      </c>
      <c r="R5295" s="5" t="s">
        <v>1522</v>
      </c>
      <c r="S5295" s="5" t="s">
        <v>1523</v>
      </c>
      <c r="T5295" s="5" t="s">
        <v>42</v>
      </c>
      <c r="U5295" s="2">
        <v>2.4540000000000002</v>
      </c>
      <c r="V5295" s="2">
        <v>1.8839999999999999</v>
      </c>
      <c r="W5295" s="2">
        <v>1.4999999999999999E-2</v>
      </c>
      <c r="X5295" s="2">
        <v>118.9</v>
      </c>
      <c r="Y5295" s="2">
        <v>7.6</v>
      </c>
      <c r="Z5295" s="2">
        <v>16.7</v>
      </c>
      <c r="AA5295" s="5"/>
      <c r="AB5295" s="5" t="s">
        <v>43</v>
      </c>
      <c r="AC5295" s="5" t="s">
        <v>44</v>
      </c>
      <c r="AD5295" s="2"/>
      <c r="AE5295" s="1"/>
    </row>
    <row r="5296" spans="1:31" ht="14.45">
      <c r="A5296" s="11"/>
      <c r="B5296" s="20"/>
      <c r="C5296" s="2" t="s">
        <v>16359</v>
      </c>
      <c r="D5296" s="14" t="s">
        <v>16360</v>
      </c>
      <c r="E5296" s="2" t="s">
        <v>16361</v>
      </c>
      <c r="F5296" s="2" t="s">
        <v>7208</v>
      </c>
      <c r="G5296" s="8">
        <v>233</v>
      </c>
      <c r="H5296" s="5">
        <v>6</v>
      </c>
      <c r="I5296" s="5" t="s">
        <v>1518</v>
      </c>
      <c r="J5296" s="5" t="s">
        <v>1519</v>
      </c>
      <c r="K5296" s="2" t="s">
        <v>1520</v>
      </c>
      <c r="L5296" s="5" t="s">
        <v>1519</v>
      </c>
      <c r="M5296" s="2" t="s">
        <v>1520</v>
      </c>
      <c r="N5296" s="5" t="s">
        <v>1521</v>
      </c>
      <c r="O5296" s="5" t="s">
        <v>38</v>
      </c>
      <c r="P5296" s="5" t="s">
        <v>39</v>
      </c>
      <c r="Q5296" s="5" t="s">
        <v>40</v>
      </c>
      <c r="R5296" s="5" t="s">
        <v>1522</v>
      </c>
      <c r="S5296" s="5" t="s">
        <v>1523</v>
      </c>
      <c r="T5296" s="5" t="s">
        <v>42</v>
      </c>
      <c r="U5296" s="2">
        <v>2.3809999999999998</v>
      </c>
      <c r="V5296" s="2">
        <v>1.8109999999999999</v>
      </c>
      <c r="W5296" s="2">
        <v>1.4999999999999999E-2</v>
      </c>
      <c r="X5296" s="2">
        <v>118.9</v>
      </c>
      <c r="Y5296" s="2">
        <v>7.6</v>
      </c>
      <c r="Z5296" s="2">
        <v>16.7</v>
      </c>
      <c r="AA5296" s="5"/>
      <c r="AB5296" s="5" t="s">
        <v>43</v>
      </c>
      <c r="AC5296" s="5" t="s">
        <v>44</v>
      </c>
      <c r="AD5296" s="2"/>
      <c r="AE5296" s="1"/>
    </row>
    <row r="5297" spans="1:31" ht="14.45">
      <c r="A5297" s="11"/>
      <c r="B5297" s="20"/>
      <c r="C5297" s="2" t="s">
        <v>16362</v>
      </c>
      <c r="D5297" s="14" t="s">
        <v>16363</v>
      </c>
      <c r="E5297" s="2" t="s">
        <v>16364</v>
      </c>
      <c r="F5297" s="2" t="s">
        <v>7521</v>
      </c>
      <c r="G5297" s="8">
        <v>233</v>
      </c>
      <c r="H5297" s="5">
        <v>6</v>
      </c>
      <c r="I5297" s="5" t="s">
        <v>1518</v>
      </c>
      <c r="J5297" s="5" t="s">
        <v>1519</v>
      </c>
      <c r="K5297" s="2" t="s">
        <v>1520</v>
      </c>
      <c r="L5297" s="5" t="s">
        <v>1519</v>
      </c>
      <c r="M5297" s="2" t="s">
        <v>1520</v>
      </c>
      <c r="N5297" s="5" t="s">
        <v>1521</v>
      </c>
      <c r="O5297" s="5" t="s">
        <v>38</v>
      </c>
      <c r="P5297" s="5" t="s">
        <v>39</v>
      </c>
      <c r="Q5297" s="5" t="s">
        <v>40</v>
      </c>
      <c r="R5297" s="5" t="s">
        <v>1522</v>
      </c>
      <c r="S5297" s="5" t="s">
        <v>1523</v>
      </c>
      <c r="T5297" s="5" t="s">
        <v>42</v>
      </c>
      <c r="U5297" s="2">
        <v>2.4540000000000002</v>
      </c>
      <c r="V5297" s="2">
        <v>1.8839999999999999</v>
      </c>
      <c r="W5297" s="2">
        <v>1.4999999999999999E-2</v>
      </c>
      <c r="X5297" s="2">
        <v>118.9</v>
      </c>
      <c r="Y5297" s="2">
        <v>7.6</v>
      </c>
      <c r="Z5297" s="2">
        <v>16.7</v>
      </c>
      <c r="AA5297" s="5"/>
      <c r="AB5297" s="5" t="s">
        <v>43</v>
      </c>
      <c r="AC5297" s="5" t="s">
        <v>44</v>
      </c>
      <c r="AD5297" s="2"/>
      <c r="AE5297" s="1"/>
    </row>
    <row r="5298" spans="1:31" ht="14.45">
      <c r="A5298" s="11"/>
      <c r="B5298" s="20"/>
      <c r="C5298" s="2" t="s">
        <v>16365</v>
      </c>
      <c r="D5298" s="14" t="s">
        <v>16366</v>
      </c>
      <c r="E5298" s="2" t="s">
        <v>16367</v>
      </c>
      <c r="F5298" s="2" t="s">
        <v>7212</v>
      </c>
      <c r="G5298" s="8">
        <v>233</v>
      </c>
      <c r="H5298" s="5">
        <v>6</v>
      </c>
      <c r="I5298" s="5" t="s">
        <v>1518</v>
      </c>
      <c r="J5298" s="5" t="s">
        <v>1519</v>
      </c>
      <c r="K5298" s="2" t="s">
        <v>1520</v>
      </c>
      <c r="L5298" s="5" t="s">
        <v>1519</v>
      </c>
      <c r="M5298" s="2" t="s">
        <v>1520</v>
      </c>
      <c r="N5298" s="5" t="s">
        <v>1521</v>
      </c>
      <c r="O5298" s="5" t="s">
        <v>38</v>
      </c>
      <c r="P5298" s="5" t="s">
        <v>39</v>
      </c>
      <c r="Q5298" s="5" t="s">
        <v>40</v>
      </c>
      <c r="R5298" s="5" t="s">
        <v>1522</v>
      </c>
      <c r="S5298" s="5" t="s">
        <v>1523</v>
      </c>
      <c r="T5298" s="5" t="s">
        <v>42</v>
      </c>
      <c r="U5298" s="2">
        <v>2.3690000000000002</v>
      </c>
      <c r="V5298" s="2">
        <v>1.7989999999999999</v>
      </c>
      <c r="W5298" s="2">
        <v>1.4999999999999999E-2</v>
      </c>
      <c r="X5298" s="2">
        <v>118.9</v>
      </c>
      <c r="Y5298" s="2">
        <v>7.6</v>
      </c>
      <c r="Z5298" s="2">
        <v>16.7</v>
      </c>
      <c r="AA5298" s="5"/>
      <c r="AB5298" s="5" t="s">
        <v>43</v>
      </c>
      <c r="AC5298" s="5" t="s">
        <v>44</v>
      </c>
      <c r="AD5298" s="2"/>
      <c r="AE5298" s="1"/>
    </row>
    <row r="5299" spans="1:31" ht="14.45">
      <c r="A5299" s="11"/>
      <c r="B5299" s="20"/>
      <c r="C5299" s="2" t="s">
        <v>16368</v>
      </c>
      <c r="D5299" s="14" t="s">
        <v>16369</v>
      </c>
      <c r="E5299" s="2" t="s">
        <v>16370</v>
      </c>
      <c r="F5299" s="2" t="s">
        <v>7528</v>
      </c>
      <c r="G5299" s="8">
        <v>233</v>
      </c>
      <c r="H5299" s="5">
        <v>6</v>
      </c>
      <c r="I5299" s="5" t="s">
        <v>1518</v>
      </c>
      <c r="J5299" s="5" t="s">
        <v>1519</v>
      </c>
      <c r="K5299" s="2" t="s">
        <v>1520</v>
      </c>
      <c r="L5299" s="5" t="s">
        <v>1519</v>
      </c>
      <c r="M5299" s="2" t="s">
        <v>1520</v>
      </c>
      <c r="N5299" s="5" t="s">
        <v>1521</v>
      </c>
      <c r="O5299" s="5" t="s">
        <v>38</v>
      </c>
      <c r="P5299" s="5" t="s">
        <v>39</v>
      </c>
      <c r="Q5299" s="5" t="s">
        <v>40</v>
      </c>
      <c r="R5299" s="5" t="s">
        <v>1522</v>
      </c>
      <c r="S5299" s="5" t="s">
        <v>1523</v>
      </c>
      <c r="T5299" s="5" t="s">
        <v>42</v>
      </c>
      <c r="U5299" s="2">
        <v>2.4420000000000002</v>
      </c>
      <c r="V5299" s="2">
        <v>1.8720000000000001</v>
      </c>
      <c r="W5299" s="2">
        <v>1.4999999999999999E-2</v>
      </c>
      <c r="X5299" s="2">
        <v>118.9</v>
      </c>
      <c r="Y5299" s="2">
        <v>7.6</v>
      </c>
      <c r="Z5299" s="2">
        <v>16.7</v>
      </c>
      <c r="AA5299" s="5"/>
      <c r="AB5299" s="5" t="s">
        <v>43</v>
      </c>
      <c r="AC5299" s="5" t="s">
        <v>44</v>
      </c>
      <c r="AD5299" s="2"/>
      <c r="AE5299" s="1"/>
    </row>
    <row r="5300" spans="1:31" ht="14.45">
      <c r="A5300" s="11"/>
      <c r="B5300" s="20"/>
      <c r="C5300" s="2" t="s">
        <v>16371</v>
      </c>
      <c r="D5300" s="14" t="s">
        <v>16372</v>
      </c>
      <c r="E5300" s="2" t="s">
        <v>16373</v>
      </c>
      <c r="F5300" s="2" t="s">
        <v>7406</v>
      </c>
      <c r="G5300" s="8">
        <v>249</v>
      </c>
      <c r="H5300" s="5">
        <v>6</v>
      </c>
      <c r="I5300" s="5" t="s">
        <v>1518</v>
      </c>
      <c r="J5300" s="5" t="s">
        <v>1519</v>
      </c>
      <c r="K5300" s="2" t="s">
        <v>1520</v>
      </c>
      <c r="L5300" s="5" t="s">
        <v>1519</v>
      </c>
      <c r="M5300" s="2" t="s">
        <v>1520</v>
      </c>
      <c r="N5300" s="5" t="s">
        <v>1521</v>
      </c>
      <c r="O5300" s="5" t="s">
        <v>38</v>
      </c>
      <c r="P5300" s="5" t="s">
        <v>39</v>
      </c>
      <c r="Q5300" s="5" t="s">
        <v>40</v>
      </c>
      <c r="R5300" s="5" t="s">
        <v>1522</v>
      </c>
      <c r="S5300" s="5" t="s">
        <v>1523</v>
      </c>
      <c r="T5300" s="5" t="s">
        <v>42</v>
      </c>
      <c r="U5300" s="2">
        <v>2.3690000000000002</v>
      </c>
      <c r="V5300" s="2">
        <v>1.7989999999999999</v>
      </c>
      <c r="W5300" s="2">
        <v>1.4999999999999999E-2</v>
      </c>
      <c r="X5300" s="2">
        <v>118.9</v>
      </c>
      <c r="Y5300" s="2">
        <v>7.6</v>
      </c>
      <c r="Z5300" s="2">
        <v>16.7</v>
      </c>
      <c r="AA5300" s="5"/>
      <c r="AB5300" s="5" t="s">
        <v>43</v>
      </c>
      <c r="AC5300" s="5" t="s">
        <v>44</v>
      </c>
      <c r="AD5300" s="2"/>
      <c r="AE5300" s="1"/>
    </row>
    <row r="5301" spans="1:31" ht="14.45">
      <c r="A5301" s="11"/>
      <c r="B5301" s="20"/>
      <c r="C5301" s="2" t="s">
        <v>16374</v>
      </c>
      <c r="D5301" s="14" t="s">
        <v>16375</v>
      </c>
      <c r="E5301" s="2" t="s">
        <v>16376</v>
      </c>
      <c r="F5301" s="2" t="s">
        <v>7535</v>
      </c>
      <c r="G5301" s="8">
        <v>249</v>
      </c>
      <c r="H5301" s="5">
        <v>6</v>
      </c>
      <c r="I5301" s="5" t="s">
        <v>1518</v>
      </c>
      <c r="J5301" s="5" t="s">
        <v>1519</v>
      </c>
      <c r="K5301" s="2" t="s">
        <v>1520</v>
      </c>
      <c r="L5301" s="5" t="s">
        <v>1519</v>
      </c>
      <c r="M5301" s="2" t="s">
        <v>1520</v>
      </c>
      <c r="N5301" s="5" t="s">
        <v>1521</v>
      </c>
      <c r="O5301" s="5" t="s">
        <v>38</v>
      </c>
      <c r="P5301" s="5" t="s">
        <v>39</v>
      </c>
      <c r="Q5301" s="5" t="s">
        <v>40</v>
      </c>
      <c r="R5301" s="5" t="s">
        <v>1522</v>
      </c>
      <c r="S5301" s="5" t="s">
        <v>1523</v>
      </c>
      <c r="T5301" s="5" t="s">
        <v>42</v>
      </c>
      <c r="U5301" s="2">
        <v>2.4420000000000002</v>
      </c>
      <c r="V5301" s="2">
        <v>1.8720000000000001</v>
      </c>
      <c r="W5301" s="2">
        <v>1.4999999999999999E-2</v>
      </c>
      <c r="X5301" s="2">
        <v>118.9</v>
      </c>
      <c r="Y5301" s="2">
        <v>7.6</v>
      </c>
      <c r="Z5301" s="2">
        <v>16.7</v>
      </c>
      <c r="AA5301" s="5"/>
      <c r="AB5301" s="5" t="s">
        <v>43</v>
      </c>
      <c r="AC5301" s="5" t="s">
        <v>44</v>
      </c>
      <c r="AD5301" s="2"/>
      <c r="AE5301" s="1"/>
    </row>
    <row r="5302" spans="1:31" ht="14.45">
      <c r="A5302" s="11"/>
      <c r="B5302" s="20"/>
      <c r="C5302" s="2" t="s">
        <v>16377</v>
      </c>
      <c r="D5302" s="14" t="s">
        <v>16378</v>
      </c>
      <c r="E5302" s="2" t="s">
        <v>16379</v>
      </c>
      <c r="F5302" s="2" t="s">
        <v>7539</v>
      </c>
      <c r="G5302" s="8">
        <v>249</v>
      </c>
      <c r="H5302" s="5">
        <v>6</v>
      </c>
      <c r="I5302" s="5" t="s">
        <v>1518</v>
      </c>
      <c r="J5302" s="5" t="s">
        <v>1519</v>
      </c>
      <c r="K5302" s="2" t="s">
        <v>1520</v>
      </c>
      <c r="L5302" s="5" t="s">
        <v>1519</v>
      </c>
      <c r="M5302" s="2" t="s">
        <v>1520</v>
      </c>
      <c r="N5302" s="5" t="s">
        <v>1521</v>
      </c>
      <c r="O5302" s="5" t="s">
        <v>38</v>
      </c>
      <c r="P5302" s="5" t="s">
        <v>39</v>
      </c>
      <c r="Q5302" s="5" t="s">
        <v>40</v>
      </c>
      <c r="R5302" s="5" t="s">
        <v>1522</v>
      </c>
      <c r="S5302" s="5" t="s">
        <v>1523</v>
      </c>
      <c r="T5302" s="5" t="s">
        <v>42</v>
      </c>
      <c r="U5302" s="2">
        <v>2.3809999999999998</v>
      </c>
      <c r="V5302" s="2">
        <v>1.8109999999999999</v>
      </c>
      <c r="W5302" s="2">
        <v>1.4999999999999999E-2</v>
      </c>
      <c r="X5302" s="2">
        <v>118.9</v>
      </c>
      <c r="Y5302" s="2">
        <v>7.6</v>
      </c>
      <c r="Z5302" s="2">
        <v>16.7</v>
      </c>
      <c r="AA5302" s="5"/>
      <c r="AB5302" s="5" t="s">
        <v>43</v>
      </c>
      <c r="AC5302" s="5" t="s">
        <v>44</v>
      </c>
      <c r="AD5302" s="2"/>
      <c r="AE5302" s="1"/>
    </row>
    <row r="5303" spans="1:31" ht="14.45">
      <c r="A5303" s="11"/>
      <c r="B5303" s="20"/>
      <c r="C5303" s="2" t="s">
        <v>16380</v>
      </c>
      <c r="D5303" s="14" t="s">
        <v>16381</v>
      </c>
      <c r="E5303" s="2" t="s">
        <v>16382</v>
      </c>
      <c r="F5303" s="2" t="s">
        <v>7543</v>
      </c>
      <c r="G5303" s="8">
        <v>249</v>
      </c>
      <c r="H5303" s="5">
        <v>6</v>
      </c>
      <c r="I5303" s="5" t="s">
        <v>1518</v>
      </c>
      <c r="J5303" s="5" t="s">
        <v>1519</v>
      </c>
      <c r="K5303" s="2" t="s">
        <v>1520</v>
      </c>
      <c r="L5303" s="5" t="s">
        <v>1519</v>
      </c>
      <c r="M5303" s="2" t="s">
        <v>1520</v>
      </c>
      <c r="N5303" s="5" t="s">
        <v>1521</v>
      </c>
      <c r="O5303" s="5" t="s">
        <v>38</v>
      </c>
      <c r="P5303" s="5" t="s">
        <v>39</v>
      </c>
      <c r="Q5303" s="5" t="s">
        <v>40</v>
      </c>
      <c r="R5303" s="5" t="s">
        <v>1522</v>
      </c>
      <c r="S5303" s="5" t="s">
        <v>1523</v>
      </c>
      <c r="T5303" s="5" t="s">
        <v>42</v>
      </c>
      <c r="U5303" s="2">
        <v>2.4540000000000002</v>
      </c>
      <c r="V5303" s="2">
        <v>1.8839999999999999</v>
      </c>
      <c r="W5303" s="2">
        <v>1.4999999999999999E-2</v>
      </c>
      <c r="X5303" s="2">
        <v>118.9</v>
      </c>
      <c r="Y5303" s="2">
        <v>7.6</v>
      </c>
      <c r="Z5303" s="2">
        <v>16.7</v>
      </c>
      <c r="AA5303" s="5"/>
      <c r="AB5303" s="5" t="s">
        <v>43</v>
      </c>
      <c r="AC5303" s="5" t="s">
        <v>44</v>
      </c>
      <c r="AD5303" s="2"/>
      <c r="AE5303" s="1"/>
    </row>
    <row r="5304" spans="1:31" ht="14.45">
      <c r="A5304" s="11"/>
      <c r="B5304" s="20"/>
      <c r="C5304" s="2" t="s">
        <v>16383</v>
      </c>
      <c r="D5304" s="14" t="s">
        <v>16384</v>
      </c>
      <c r="E5304" s="2" t="s">
        <v>16385</v>
      </c>
      <c r="F5304" s="2" t="s">
        <v>7547</v>
      </c>
      <c r="G5304" s="8">
        <v>249</v>
      </c>
      <c r="H5304" s="5">
        <v>6</v>
      </c>
      <c r="I5304" s="5" t="s">
        <v>1518</v>
      </c>
      <c r="J5304" s="5" t="s">
        <v>1519</v>
      </c>
      <c r="K5304" s="2" t="s">
        <v>1520</v>
      </c>
      <c r="L5304" s="5" t="s">
        <v>1519</v>
      </c>
      <c r="M5304" s="2" t="s">
        <v>1520</v>
      </c>
      <c r="N5304" s="5" t="s">
        <v>1521</v>
      </c>
      <c r="O5304" s="5" t="s">
        <v>38</v>
      </c>
      <c r="P5304" s="5" t="s">
        <v>39</v>
      </c>
      <c r="Q5304" s="5" t="s">
        <v>40</v>
      </c>
      <c r="R5304" s="5" t="s">
        <v>1522</v>
      </c>
      <c r="S5304" s="5" t="s">
        <v>1523</v>
      </c>
      <c r="T5304" s="5" t="s">
        <v>42</v>
      </c>
      <c r="U5304" s="2">
        <v>2.3690000000000002</v>
      </c>
      <c r="V5304" s="2">
        <v>1.7989999999999999</v>
      </c>
      <c r="W5304" s="2">
        <v>1.4999999999999999E-2</v>
      </c>
      <c r="X5304" s="2">
        <v>118.9</v>
      </c>
      <c r="Y5304" s="2">
        <v>7.6</v>
      </c>
      <c r="Z5304" s="2">
        <v>16.7</v>
      </c>
      <c r="AA5304" s="5"/>
      <c r="AB5304" s="5" t="s">
        <v>43</v>
      </c>
      <c r="AC5304" s="5" t="s">
        <v>44</v>
      </c>
      <c r="AD5304" s="2"/>
      <c r="AE5304" s="1"/>
    </row>
    <row r="5305" spans="1:31" ht="14.45">
      <c r="A5305" s="11"/>
      <c r="B5305" s="20"/>
      <c r="C5305" s="2" t="s">
        <v>16386</v>
      </c>
      <c r="D5305" s="14" t="s">
        <v>16387</v>
      </c>
      <c r="E5305" s="2" t="s">
        <v>16388</v>
      </c>
      <c r="F5305" s="2" t="s">
        <v>7551</v>
      </c>
      <c r="G5305" s="8">
        <v>249</v>
      </c>
      <c r="H5305" s="5">
        <v>6</v>
      </c>
      <c r="I5305" s="5" t="s">
        <v>1518</v>
      </c>
      <c r="J5305" s="5" t="s">
        <v>1519</v>
      </c>
      <c r="K5305" s="2" t="s">
        <v>1520</v>
      </c>
      <c r="L5305" s="5" t="s">
        <v>1519</v>
      </c>
      <c r="M5305" s="2" t="s">
        <v>1520</v>
      </c>
      <c r="N5305" s="5" t="s">
        <v>1521</v>
      </c>
      <c r="O5305" s="5" t="s">
        <v>38</v>
      </c>
      <c r="P5305" s="5" t="s">
        <v>39</v>
      </c>
      <c r="Q5305" s="5" t="s">
        <v>40</v>
      </c>
      <c r="R5305" s="5" t="s">
        <v>1522</v>
      </c>
      <c r="S5305" s="5" t="s">
        <v>1523</v>
      </c>
      <c r="T5305" s="5" t="s">
        <v>42</v>
      </c>
      <c r="U5305" s="2">
        <v>2.4420000000000002</v>
      </c>
      <c r="V5305" s="2">
        <v>1.8720000000000001</v>
      </c>
      <c r="W5305" s="2">
        <v>1.4999999999999999E-2</v>
      </c>
      <c r="X5305" s="2">
        <v>118.9</v>
      </c>
      <c r="Y5305" s="2">
        <v>7.6</v>
      </c>
      <c r="Z5305" s="2">
        <v>16.7</v>
      </c>
      <c r="AA5305" s="5"/>
      <c r="AB5305" s="5" t="s">
        <v>43</v>
      </c>
      <c r="AC5305" s="5" t="s">
        <v>44</v>
      </c>
      <c r="AD5305" s="2"/>
      <c r="AE5305" s="1"/>
    </row>
    <row r="5306" spans="1:31" ht="14.45">
      <c r="A5306" s="11"/>
      <c r="B5306" s="20"/>
      <c r="C5306" s="2" t="s">
        <v>16389</v>
      </c>
      <c r="D5306" s="14" t="s">
        <v>16390</v>
      </c>
      <c r="E5306" s="2" t="s">
        <v>16391</v>
      </c>
      <c r="F5306" s="2" t="s">
        <v>7555</v>
      </c>
      <c r="G5306" s="8">
        <v>249</v>
      </c>
      <c r="H5306" s="5">
        <v>6</v>
      </c>
      <c r="I5306" s="5" t="s">
        <v>1518</v>
      </c>
      <c r="J5306" s="5" t="s">
        <v>1519</v>
      </c>
      <c r="K5306" s="2" t="s">
        <v>1520</v>
      </c>
      <c r="L5306" s="5" t="s">
        <v>1519</v>
      </c>
      <c r="M5306" s="2" t="s">
        <v>1520</v>
      </c>
      <c r="N5306" s="5" t="s">
        <v>1521</v>
      </c>
      <c r="O5306" s="5" t="s">
        <v>38</v>
      </c>
      <c r="P5306" s="5" t="s">
        <v>39</v>
      </c>
      <c r="Q5306" s="5" t="s">
        <v>40</v>
      </c>
      <c r="R5306" s="5" t="s">
        <v>1522</v>
      </c>
      <c r="S5306" s="5" t="s">
        <v>1523</v>
      </c>
      <c r="T5306" s="5" t="s">
        <v>42</v>
      </c>
      <c r="U5306" s="2">
        <v>2.3690000000000002</v>
      </c>
      <c r="V5306" s="2">
        <v>1.7989999999999999</v>
      </c>
      <c r="W5306" s="2">
        <v>1.4999999999999999E-2</v>
      </c>
      <c r="X5306" s="2">
        <v>118.9</v>
      </c>
      <c r="Y5306" s="2">
        <v>7.6</v>
      </c>
      <c r="Z5306" s="2">
        <v>16.7</v>
      </c>
      <c r="AA5306" s="5"/>
      <c r="AB5306" s="5" t="s">
        <v>43</v>
      </c>
      <c r="AC5306" s="5" t="s">
        <v>44</v>
      </c>
      <c r="AD5306" s="2"/>
      <c r="AE5306" s="1"/>
    </row>
    <row r="5307" spans="1:31" ht="14.45">
      <c r="A5307" s="11"/>
      <c r="B5307" s="20"/>
      <c r="C5307" s="2" t="s">
        <v>16392</v>
      </c>
      <c r="D5307" s="14" t="s">
        <v>16393</v>
      </c>
      <c r="E5307" s="2" t="s">
        <v>16394</v>
      </c>
      <c r="F5307" s="2" t="s">
        <v>7559</v>
      </c>
      <c r="G5307" s="8">
        <v>249</v>
      </c>
      <c r="H5307" s="5">
        <v>6</v>
      </c>
      <c r="I5307" s="5" t="s">
        <v>1518</v>
      </c>
      <c r="J5307" s="5" t="s">
        <v>1519</v>
      </c>
      <c r="K5307" s="2" t="s">
        <v>1520</v>
      </c>
      <c r="L5307" s="5" t="s">
        <v>1519</v>
      </c>
      <c r="M5307" s="2" t="s">
        <v>1520</v>
      </c>
      <c r="N5307" s="5" t="s">
        <v>1521</v>
      </c>
      <c r="O5307" s="5" t="s">
        <v>38</v>
      </c>
      <c r="P5307" s="5" t="s">
        <v>39</v>
      </c>
      <c r="Q5307" s="5" t="s">
        <v>40</v>
      </c>
      <c r="R5307" s="5" t="s">
        <v>1522</v>
      </c>
      <c r="S5307" s="5" t="s">
        <v>1523</v>
      </c>
      <c r="T5307" s="5" t="s">
        <v>42</v>
      </c>
      <c r="U5307" s="2">
        <v>2.4420000000000002</v>
      </c>
      <c r="V5307" s="2">
        <v>1.8720000000000001</v>
      </c>
      <c r="W5307" s="2">
        <v>1.4999999999999999E-2</v>
      </c>
      <c r="X5307" s="2">
        <v>118.9</v>
      </c>
      <c r="Y5307" s="2">
        <v>7.6</v>
      </c>
      <c r="Z5307" s="2">
        <v>16.7</v>
      </c>
      <c r="AA5307" s="5"/>
      <c r="AB5307" s="5" t="s">
        <v>43</v>
      </c>
      <c r="AC5307" s="5" t="s">
        <v>44</v>
      </c>
      <c r="AD5307" s="2"/>
      <c r="AE5307" s="1"/>
    </row>
    <row r="5308" spans="1:31" ht="14.45">
      <c r="A5308" s="11"/>
      <c r="B5308" s="20"/>
      <c r="C5308" s="2" t="s">
        <v>16395</v>
      </c>
      <c r="D5308" s="14" t="s">
        <v>16396</v>
      </c>
      <c r="E5308" s="2" t="s">
        <v>16397</v>
      </c>
      <c r="F5308" s="2" t="s">
        <v>7563</v>
      </c>
      <c r="G5308" s="8">
        <v>249</v>
      </c>
      <c r="H5308" s="5">
        <v>6</v>
      </c>
      <c r="I5308" s="5" t="s">
        <v>1518</v>
      </c>
      <c r="J5308" s="5" t="s">
        <v>1519</v>
      </c>
      <c r="K5308" s="2" t="s">
        <v>1520</v>
      </c>
      <c r="L5308" s="5" t="s">
        <v>1519</v>
      </c>
      <c r="M5308" s="2" t="s">
        <v>1520</v>
      </c>
      <c r="N5308" s="5" t="s">
        <v>1521</v>
      </c>
      <c r="O5308" s="5" t="s">
        <v>38</v>
      </c>
      <c r="P5308" s="5" t="s">
        <v>39</v>
      </c>
      <c r="Q5308" s="5" t="s">
        <v>40</v>
      </c>
      <c r="R5308" s="5" t="s">
        <v>1522</v>
      </c>
      <c r="S5308" s="5" t="s">
        <v>1523</v>
      </c>
      <c r="T5308" s="5" t="s">
        <v>42</v>
      </c>
      <c r="U5308" s="2">
        <v>2.3809999999999998</v>
      </c>
      <c r="V5308" s="2">
        <v>1.8109999999999999</v>
      </c>
      <c r="W5308" s="2">
        <v>1.4999999999999999E-2</v>
      </c>
      <c r="X5308" s="2">
        <v>118.9</v>
      </c>
      <c r="Y5308" s="2">
        <v>7.6</v>
      </c>
      <c r="Z5308" s="2">
        <v>16.7</v>
      </c>
      <c r="AA5308" s="5"/>
      <c r="AB5308" s="5" t="s">
        <v>43</v>
      </c>
      <c r="AC5308" s="5" t="s">
        <v>44</v>
      </c>
      <c r="AD5308" s="2"/>
      <c r="AE5308" s="1"/>
    </row>
    <row r="5309" spans="1:31" ht="14.45">
      <c r="A5309" s="11"/>
      <c r="B5309" s="20"/>
      <c r="C5309" s="2" t="s">
        <v>16398</v>
      </c>
      <c r="D5309" s="14" t="s">
        <v>16399</v>
      </c>
      <c r="E5309" s="2" t="s">
        <v>16400</v>
      </c>
      <c r="F5309" s="2" t="s">
        <v>7567</v>
      </c>
      <c r="G5309" s="8">
        <v>249</v>
      </c>
      <c r="H5309" s="5">
        <v>6</v>
      </c>
      <c r="I5309" s="5" t="s">
        <v>1518</v>
      </c>
      <c r="J5309" s="5" t="s">
        <v>1519</v>
      </c>
      <c r="K5309" s="2" t="s">
        <v>1520</v>
      </c>
      <c r="L5309" s="5" t="s">
        <v>1519</v>
      </c>
      <c r="M5309" s="2" t="s">
        <v>1520</v>
      </c>
      <c r="N5309" s="5" t="s">
        <v>1521</v>
      </c>
      <c r="O5309" s="5" t="s">
        <v>38</v>
      </c>
      <c r="P5309" s="5" t="s">
        <v>39</v>
      </c>
      <c r="Q5309" s="5" t="s">
        <v>40</v>
      </c>
      <c r="R5309" s="5" t="s">
        <v>1522</v>
      </c>
      <c r="S5309" s="5" t="s">
        <v>1523</v>
      </c>
      <c r="T5309" s="5" t="s">
        <v>42</v>
      </c>
      <c r="U5309" s="2">
        <v>2.4540000000000002</v>
      </c>
      <c r="V5309" s="2">
        <v>1.8839999999999999</v>
      </c>
      <c r="W5309" s="2">
        <v>1.4999999999999999E-2</v>
      </c>
      <c r="X5309" s="2">
        <v>118.9</v>
      </c>
      <c r="Y5309" s="2">
        <v>7.6</v>
      </c>
      <c r="Z5309" s="2">
        <v>16.7</v>
      </c>
      <c r="AA5309" s="5"/>
      <c r="AB5309" s="5" t="s">
        <v>43</v>
      </c>
      <c r="AC5309" s="5" t="s">
        <v>44</v>
      </c>
      <c r="AD5309" s="2"/>
      <c r="AE5309" s="1"/>
    </row>
    <row r="5310" spans="1:31" ht="14.45">
      <c r="A5310" s="11"/>
      <c r="B5310" s="20"/>
      <c r="C5310" s="2" t="s">
        <v>16401</v>
      </c>
      <c r="D5310" s="14" t="s">
        <v>16402</v>
      </c>
      <c r="E5310" s="2" t="s">
        <v>16403</v>
      </c>
      <c r="F5310" s="2" t="s">
        <v>16079</v>
      </c>
      <c r="G5310" s="8">
        <v>249</v>
      </c>
      <c r="H5310" s="5">
        <v>6</v>
      </c>
      <c r="I5310" s="5" t="s">
        <v>1518</v>
      </c>
      <c r="J5310" s="5" t="s">
        <v>1519</v>
      </c>
      <c r="K5310" s="2" t="s">
        <v>1520</v>
      </c>
      <c r="L5310" s="5" t="s">
        <v>1519</v>
      </c>
      <c r="M5310" s="2" t="s">
        <v>1520</v>
      </c>
      <c r="N5310" s="5" t="s">
        <v>1521</v>
      </c>
      <c r="O5310" s="5" t="s">
        <v>38</v>
      </c>
      <c r="P5310" s="5" t="s">
        <v>39</v>
      </c>
      <c r="Q5310" s="5" t="s">
        <v>40</v>
      </c>
      <c r="R5310" s="5" t="s">
        <v>1522</v>
      </c>
      <c r="S5310" s="5" t="s">
        <v>1523</v>
      </c>
      <c r="T5310" s="5" t="s">
        <v>42</v>
      </c>
      <c r="U5310" s="2">
        <v>2.3809999999999998</v>
      </c>
      <c r="V5310" s="2">
        <v>1.8109999999999999</v>
      </c>
      <c r="W5310" s="2">
        <v>1.4999999999999999E-2</v>
      </c>
      <c r="X5310" s="2">
        <v>118.9</v>
      </c>
      <c r="Y5310" s="2">
        <v>7.6</v>
      </c>
      <c r="Z5310" s="2">
        <v>16.7</v>
      </c>
      <c r="AA5310" s="5"/>
      <c r="AB5310" s="5" t="s">
        <v>43</v>
      </c>
      <c r="AC5310" s="5" t="s">
        <v>44</v>
      </c>
      <c r="AD5310" s="2"/>
      <c r="AE5310" s="1"/>
    </row>
    <row r="5311" spans="1:31" ht="14.45">
      <c r="A5311" s="11"/>
      <c r="B5311" s="20"/>
      <c r="C5311" s="2" t="s">
        <v>16404</v>
      </c>
      <c r="D5311" s="14" t="s">
        <v>16405</v>
      </c>
      <c r="E5311" s="2" t="s">
        <v>16406</v>
      </c>
      <c r="F5311" s="2" t="s">
        <v>7449</v>
      </c>
      <c r="G5311" s="8">
        <v>249</v>
      </c>
      <c r="H5311" s="5">
        <v>6</v>
      </c>
      <c r="I5311" s="5" t="s">
        <v>1518</v>
      </c>
      <c r="J5311" s="5" t="s">
        <v>1519</v>
      </c>
      <c r="K5311" s="2" t="s">
        <v>1520</v>
      </c>
      <c r="L5311" s="5" t="s">
        <v>1519</v>
      </c>
      <c r="M5311" s="2" t="s">
        <v>1520</v>
      </c>
      <c r="N5311" s="5" t="s">
        <v>1521</v>
      </c>
      <c r="O5311" s="5" t="s">
        <v>38</v>
      </c>
      <c r="P5311" s="5" t="s">
        <v>39</v>
      </c>
      <c r="Q5311" s="5" t="s">
        <v>40</v>
      </c>
      <c r="R5311" s="5" t="s">
        <v>1522</v>
      </c>
      <c r="S5311" s="5" t="s">
        <v>1523</v>
      </c>
      <c r="T5311" s="5" t="s">
        <v>42</v>
      </c>
      <c r="U5311" s="2">
        <v>2.3809999999999998</v>
      </c>
      <c r="V5311" s="2">
        <v>1.8109999999999999</v>
      </c>
      <c r="W5311" s="2">
        <v>1.4999999999999999E-2</v>
      </c>
      <c r="X5311" s="2">
        <v>118.9</v>
      </c>
      <c r="Y5311" s="2">
        <v>7.6</v>
      </c>
      <c r="Z5311" s="2">
        <v>16.7</v>
      </c>
      <c r="AA5311" s="5"/>
      <c r="AB5311" s="5" t="s">
        <v>43</v>
      </c>
      <c r="AC5311" s="5" t="s">
        <v>44</v>
      </c>
      <c r="AD5311" s="2"/>
      <c r="AE5311" s="1"/>
    </row>
    <row r="5312" spans="1:31" ht="14.45">
      <c r="A5312" s="11"/>
      <c r="B5312" s="20"/>
      <c r="C5312" s="2" t="s">
        <v>16407</v>
      </c>
      <c r="D5312" s="14" t="s">
        <v>16408</v>
      </c>
      <c r="E5312" s="2" t="s">
        <v>16409</v>
      </c>
      <c r="F5312" s="2" t="s">
        <v>7581</v>
      </c>
      <c r="G5312" s="8">
        <v>249</v>
      </c>
      <c r="H5312" s="5">
        <v>6</v>
      </c>
      <c r="I5312" s="5" t="s">
        <v>1518</v>
      </c>
      <c r="J5312" s="5" t="s">
        <v>1519</v>
      </c>
      <c r="K5312" s="2" t="s">
        <v>1520</v>
      </c>
      <c r="L5312" s="5" t="s">
        <v>1519</v>
      </c>
      <c r="M5312" s="2" t="s">
        <v>1520</v>
      </c>
      <c r="N5312" s="5" t="s">
        <v>1521</v>
      </c>
      <c r="O5312" s="5" t="s">
        <v>38</v>
      </c>
      <c r="P5312" s="5" t="s">
        <v>39</v>
      </c>
      <c r="Q5312" s="5" t="s">
        <v>40</v>
      </c>
      <c r="R5312" s="5" t="s">
        <v>1522</v>
      </c>
      <c r="S5312" s="5" t="s">
        <v>1523</v>
      </c>
      <c r="T5312" s="5" t="s">
        <v>42</v>
      </c>
      <c r="U5312" s="2">
        <v>2.4540000000000002</v>
      </c>
      <c r="V5312" s="2">
        <v>1.8839999999999999</v>
      </c>
      <c r="W5312" s="2">
        <v>1.4999999999999999E-2</v>
      </c>
      <c r="X5312" s="2">
        <v>118.9</v>
      </c>
      <c r="Y5312" s="2">
        <v>7.6</v>
      </c>
      <c r="Z5312" s="2">
        <v>16.7</v>
      </c>
      <c r="AA5312" s="5"/>
      <c r="AB5312" s="5" t="s">
        <v>43</v>
      </c>
      <c r="AC5312" s="5" t="s">
        <v>44</v>
      </c>
      <c r="AD5312" s="2"/>
      <c r="AE5312" s="1"/>
    </row>
    <row r="5313" spans="1:31" ht="14.45">
      <c r="A5313" s="11"/>
      <c r="B5313" s="20"/>
      <c r="C5313" s="2" t="s">
        <v>16410</v>
      </c>
      <c r="D5313" s="14" t="s">
        <v>16411</v>
      </c>
      <c r="E5313" s="2" t="s">
        <v>16412</v>
      </c>
      <c r="F5313" s="2" t="s">
        <v>7585</v>
      </c>
      <c r="G5313" s="8">
        <v>249</v>
      </c>
      <c r="H5313" s="5">
        <v>6</v>
      </c>
      <c r="I5313" s="5" t="s">
        <v>1518</v>
      </c>
      <c r="J5313" s="5" t="s">
        <v>1519</v>
      </c>
      <c r="K5313" s="2" t="s">
        <v>1520</v>
      </c>
      <c r="L5313" s="5" t="s">
        <v>1519</v>
      </c>
      <c r="M5313" s="2" t="s">
        <v>1520</v>
      </c>
      <c r="N5313" s="5" t="s">
        <v>1521</v>
      </c>
      <c r="O5313" s="5" t="s">
        <v>38</v>
      </c>
      <c r="P5313" s="5" t="s">
        <v>39</v>
      </c>
      <c r="Q5313" s="5" t="s">
        <v>40</v>
      </c>
      <c r="R5313" s="5" t="s">
        <v>1522</v>
      </c>
      <c r="S5313" s="5" t="s">
        <v>1523</v>
      </c>
      <c r="T5313" s="5" t="s">
        <v>42</v>
      </c>
      <c r="U5313" s="2">
        <v>2.3690000000000002</v>
      </c>
      <c r="V5313" s="2">
        <v>1.7989999999999999</v>
      </c>
      <c r="W5313" s="2">
        <v>1.4999999999999999E-2</v>
      </c>
      <c r="X5313" s="2">
        <v>118.9</v>
      </c>
      <c r="Y5313" s="2">
        <v>7.6</v>
      </c>
      <c r="Z5313" s="2">
        <v>16.7</v>
      </c>
      <c r="AA5313" s="5"/>
      <c r="AB5313" s="5" t="s">
        <v>43</v>
      </c>
      <c r="AC5313" s="5" t="s">
        <v>44</v>
      </c>
      <c r="AD5313" s="2"/>
      <c r="AE5313" s="1"/>
    </row>
    <row r="5314" spans="1:31" ht="14.45">
      <c r="A5314" s="11"/>
      <c r="B5314" s="20"/>
      <c r="C5314" s="2" t="s">
        <v>16413</v>
      </c>
      <c r="D5314" s="14" t="s">
        <v>16414</v>
      </c>
      <c r="E5314" s="2" t="s">
        <v>16415</v>
      </c>
      <c r="F5314" s="2" t="s">
        <v>7589</v>
      </c>
      <c r="G5314" s="8">
        <v>249</v>
      </c>
      <c r="H5314" s="5">
        <v>6</v>
      </c>
      <c r="I5314" s="5" t="s">
        <v>1518</v>
      </c>
      <c r="J5314" s="5" t="s">
        <v>1519</v>
      </c>
      <c r="K5314" s="2" t="s">
        <v>1520</v>
      </c>
      <c r="L5314" s="5" t="s">
        <v>1519</v>
      </c>
      <c r="M5314" s="2" t="s">
        <v>1520</v>
      </c>
      <c r="N5314" s="5" t="s">
        <v>1521</v>
      </c>
      <c r="O5314" s="5" t="s">
        <v>38</v>
      </c>
      <c r="P5314" s="5" t="s">
        <v>39</v>
      </c>
      <c r="Q5314" s="5" t="s">
        <v>40</v>
      </c>
      <c r="R5314" s="5" t="s">
        <v>1522</v>
      </c>
      <c r="S5314" s="5" t="s">
        <v>1523</v>
      </c>
      <c r="T5314" s="5" t="s">
        <v>42</v>
      </c>
      <c r="U5314" s="2">
        <v>2.4420000000000002</v>
      </c>
      <c r="V5314" s="2">
        <v>1.8720000000000001</v>
      </c>
      <c r="W5314" s="2">
        <v>1.4999999999999999E-2</v>
      </c>
      <c r="X5314" s="2">
        <v>118.9</v>
      </c>
      <c r="Y5314" s="2">
        <v>7.6</v>
      </c>
      <c r="Z5314" s="2">
        <v>16.7</v>
      </c>
      <c r="AA5314" s="5"/>
      <c r="AB5314" s="5" t="s">
        <v>43</v>
      </c>
      <c r="AC5314" s="5" t="s">
        <v>44</v>
      </c>
      <c r="AD5314" s="2"/>
      <c r="AE5314" s="1"/>
    </row>
    <row r="5315" spans="1:31" ht="14.45">
      <c r="A5315" s="11"/>
      <c r="B5315" s="20"/>
      <c r="C5315" s="2" t="s">
        <v>16416</v>
      </c>
      <c r="D5315" s="14" t="s">
        <v>16417</v>
      </c>
      <c r="E5315" s="2" t="s">
        <v>16418</v>
      </c>
      <c r="F5315" s="2" t="s">
        <v>7597</v>
      </c>
      <c r="G5315" s="8">
        <v>249</v>
      </c>
      <c r="H5315" s="5">
        <v>6</v>
      </c>
      <c r="I5315" s="5" t="s">
        <v>1518</v>
      </c>
      <c r="J5315" s="5" t="s">
        <v>1519</v>
      </c>
      <c r="K5315" s="2" t="s">
        <v>1520</v>
      </c>
      <c r="L5315" s="5" t="s">
        <v>1519</v>
      </c>
      <c r="M5315" s="2" t="s">
        <v>1520</v>
      </c>
      <c r="N5315" s="5" t="s">
        <v>1521</v>
      </c>
      <c r="O5315" s="5" t="s">
        <v>38</v>
      </c>
      <c r="P5315" s="5" t="s">
        <v>39</v>
      </c>
      <c r="Q5315" s="5" t="s">
        <v>40</v>
      </c>
      <c r="R5315" s="5" t="s">
        <v>1522</v>
      </c>
      <c r="S5315" s="5" t="s">
        <v>1523</v>
      </c>
      <c r="T5315" s="5" t="s">
        <v>42</v>
      </c>
      <c r="U5315" s="2">
        <v>2.4540000000000002</v>
      </c>
      <c r="V5315" s="2">
        <v>1.8839999999999999</v>
      </c>
      <c r="W5315" s="2">
        <v>1.4999999999999999E-2</v>
      </c>
      <c r="X5315" s="2">
        <v>118.9</v>
      </c>
      <c r="Y5315" s="2">
        <v>7.6</v>
      </c>
      <c r="Z5315" s="2">
        <v>16.7</v>
      </c>
      <c r="AA5315" s="5"/>
      <c r="AB5315" s="5" t="s">
        <v>43</v>
      </c>
      <c r="AC5315" s="5" t="s">
        <v>44</v>
      </c>
      <c r="AD5315" s="2"/>
      <c r="AE5315" s="1"/>
    </row>
    <row r="5316" spans="1:31" ht="14.45">
      <c r="A5316" s="11"/>
      <c r="B5316" s="20"/>
      <c r="C5316" s="2" t="s">
        <v>16419</v>
      </c>
      <c r="D5316" s="14" t="s">
        <v>16420</v>
      </c>
      <c r="E5316" s="2" t="s">
        <v>16421</v>
      </c>
      <c r="F5316" s="2" t="s">
        <v>16014</v>
      </c>
      <c r="G5316" s="8">
        <v>249</v>
      </c>
      <c r="H5316" s="5">
        <v>6</v>
      </c>
      <c r="I5316" s="5" t="s">
        <v>1518</v>
      </c>
      <c r="J5316" s="5" t="s">
        <v>1519</v>
      </c>
      <c r="K5316" s="2" t="s">
        <v>1520</v>
      </c>
      <c r="L5316" s="5" t="s">
        <v>1519</v>
      </c>
      <c r="M5316" s="2" t="s">
        <v>1520</v>
      </c>
      <c r="N5316" s="5" t="s">
        <v>1521</v>
      </c>
      <c r="O5316" s="5" t="s">
        <v>38</v>
      </c>
      <c r="P5316" s="5" t="s">
        <v>39</v>
      </c>
      <c r="Q5316" s="5" t="s">
        <v>40</v>
      </c>
      <c r="R5316" s="5" t="s">
        <v>1522</v>
      </c>
      <c r="S5316" s="5" t="s">
        <v>1523</v>
      </c>
      <c r="T5316" s="5" t="s">
        <v>42</v>
      </c>
      <c r="U5316" s="2">
        <v>2.3809999999999998</v>
      </c>
      <c r="V5316" s="2">
        <v>1.8109999999999999</v>
      </c>
      <c r="W5316" s="2">
        <v>1.4999999999999999E-2</v>
      </c>
      <c r="X5316" s="2">
        <v>118.9</v>
      </c>
      <c r="Y5316" s="2">
        <v>7.6</v>
      </c>
      <c r="Z5316" s="2">
        <v>16.7</v>
      </c>
      <c r="AA5316" s="5"/>
      <c r="AB5316" s="5" t="s">
        <v>43</v>
      </c>
      <c r="AC5316" s="5" t="s">
        <v>44</v>
      </c>
      <c r="AD5316" s="2"/>
      <c r="AE5316" s="1"/>
    </row>
    <row r="5317" spans="1:31" ht="14.45">
      <c r="A5317" s="11"/>
      <c r="B5317" s="20"/>
      <c r="C5317" s="2" t="s">
        <v>16422</v>
      </c>
      <c r="D5317" s="14" t="s">
        <v>16423</v>
      </c>
      <c r="E5317" s="2" t="s">
        <v>16424</v>
      </c>
      <c r="F5317" s="2" t="s">
        <v>16219</v>
      </c>
      <c r="G5317" s="8">
        <v>249</v>
      </c>
      <c r="H5317" s="5">
        <v>6</v>
      </c>
      <c r="I5317" s="5" t="s">
        <v>1518</v>
      </c>
      <c r="J5317" s="5" t="s">
        <v>1519</v>
      </c>
      <c r="K5317" s="2" t="s">
        <v>1520</v>
      </c>
      <c r="L5317" s="5" t="s">
        <v>1519</v>
      </c>
      <c r="M5317" s="2" t="s">
        <v>1520</v>
      </c>
      <c r="N5317" s="5" t="s">
        <v>1521</v>
      </c>
      <c r="O5317" s="5" t="s">
        <v>38</v>
      </c>
      <c r="P5317" s="5" t="s">
        <v>39</v>
      </c>
      <c r="Q5317" s="5" t="s">
        <v>40</v>
      </c>
      <c r="R5317" s="5" t="s">
        <v>1522</v>
      </c>
      <c r="S5317" s="5" t="s">
        <v>1523</v>
      </c>
      <c r="T5317" s="5" t="s">
        <v>42</v>
      </c>
      <c r="U5317" s="2">
        <v>2.4540000000000002</v>
      </c>
      <c r="V5317" s="2">
        <v>1.8839999999999999</v>
      </c>
      <c r="W5317" s="2">
        <v>1.4999999999999999E-2</v>
      </c>
      <c r="X5317" s="2">
        <v>118.9</v>
      </c>
      <c r="Y5317" s="2">
        <v>7.6</v>
      </c>
      <c r="Z5317" s="2">
        <v>16.7</v>
      </c>
      <c r="AA5317" s="5"/>
      <c r="AB5317" s="5" t="s">
        <v>43</v>
      </c>
      <c r="AC5317" s="5" t="s">
        <v>44</v>
      </c>
      <c r="AD5317" s="2"/>
      <c r="AE5317" s="1"/>
    </row>
    <row r="5318" spans="1:31" ht="14.45">
      <c r="A5318" s="11"/>
      <c r="B5318" s="20"/>
      <c r="C5318" s="2" t="s">
        <v>16425</v>
      </c>
      <c r="D5318" s="14" t="s">
        <v>16426</v>
      </c>
      <c r="E5318" s="2" t="s">
        <v>16427</v>
      </c>
      <c r="F5318" s="2" t="s">
        <v>16018</v>
      </c>
      <c r="G5318" s="8">
        <v>249</v>
      </c>
      <c r="H5318" s="5">
        <v>6</v>
      </c>
      <c r="I5318" s="5" t="s">
        <v>1518</v>
      </c>
      <c r="J5318" s="5" t="s">
        <v>1519</v>
      </c>
      <c r="K5318" s="2" t="s">
        <v>1520</v>
      </c>
      <c r="L5318" s="5" t="s">
        <v>1519</v>
      </c>
      <c r="M5318" s="2" t="s">
        <v>1520</v>
      </c>
      <c r="N5318" s="5" t="s">
        <v>1521</v>
      </c>
      <c r="O5318" s="5" t="s">
        <v>38</v>
      </c>
      <c r="P5318" s="5" t="s">
        <v>39</v>
      </c>
      <c r="Q5318" s="5" t="s">
        <v>40</v>
      </c>
      <c r="R5318" s="5" t="s">
        <v>1522</v>
      </c>
      <c r="S5318" s="5" t="s">
        <v>1523</v>
      </c>
      <c r="T5318" s="5" t="s">
        <v>42</v>
      </c>
      <c r="U5318" s="2">
        <v>2.3809999999999998</v>
      </c>
      <c r="V5318" s="2">
        <v>1.8109999999999999</v>
      </c>
      <c r="W5318" s="2">
        <v>1.4999999999999999E-2</v>
      </c>
      <c r="X5318" s="2">
        <v>118.9</v>
      </c>
      <c r="Y5318" s="2">
        <v>7.6</v>
      </c>
      <c r="Z5318" s="2">
        <v>16.7</v>
      </c>
      <c r="AA5318" s="5"/>
      <c r="AB5318" s="5" t="s">
        <v>43</v>
      </c>
      <c r="AC5318" s="5" t="s">
        <v>44</v>
      </c>
      <c r="AD5318" s="2"/>
      <c r="AE5318" s="1"/>
    </row>
    <row r="5319" spans="1:31" ht="14.45">
      <c r="A5319" s="11"/>
      <c r="B5319" s="20"/>
      <c r="C5319" s="2" t="s">
        <v>16428</v>
      </c>
      <c r="D5319" s="14" t="s">
        <v>16429</v>
      </c>
      <c r="E5319" s="2" t="s">
        <v>16430</v>
      </c>
      <c r="F5319" s="2" t="s">
        <v>16022</v>
      </c>
      <c r="G5319" s="8">
        <v>249</v>
      </c>
      <c r="H5319" s="5">
        <v>6</v>
      </c>
      <c r="I5319" s="5" t="s">
        <v>1518</v>
      </c>
      <c r="J5319" s="5" t="s">
        <v>1519</v>
      </c>
      <c r="K5319" s="2" t="s">
        <v>1520</v>
      </c>
      <c r="L5319" s="5" t="s">
        <v>1519</v>
      </c>
      <c r="M5319" s="2" t="s">
        <v>1520</v>
      </c>
      <c r="N5319" s="5" t="s">
        <v>1521</v>
      </c>
      <c r="O5319" s="5" t="s">
        <v>38</v>
      </c>
      <c r="P5319" s="5" t="s">
        <v>39</v>
      </c>
      <c r="Q5319" s="5" t="s">
        <v>40</v>
      </c>
      <c r="R5319" s="5" t="s">
        <v>1522</v>
      </c>
      <c r="S5319" s="5" t="s">
        <v>1523</v>
      </c>
      <c r="T5319" s="5" t="s">
        <v>42</v>
      </c>
      <c r="U5319" s="2">
        <v>2.4540000000000002</v>
      </c>
      <c r="V5319" s="2">
        <v>1.8839999999999999</v>
      </c>
      <c r="W5319" s="2">
        <v>1.4999999999999999E-2</v>
      </c>
      <c r="X5319" s="2">
        <v>118.9</v>
      </c>
      <c r="Y5319" s="2">
        <v>7.6</v>
      </c>
      <c r="Z5319" s="2">
        <v>16.7</v>
      </c>
      <c r="AA5319" s="5"/>
      <c r="AB5319" s="5" t="s">
        <v>43</v>
      </c>
      <c r="AC5319" s="5" t="s">
        <v>44</v>
      </c>
      <c r="AD5319" s="2"/>
      <c r="AE5319" s="1"/>
    </row>
    <row r="5320" spans="1:31" ht="14.45">
      <c r="A5320" s="11"/>
      <c r="B5320" s="20"/>
      <c r="C5320" s="2" t="s">
        <v>16431</v>
      </c>
      <c r="D5320" s="14" t="s">
        <v>16432</v>
      </c>
      <c r="E5320" s="2" t="s">
        <v>16433</v>
      </c>
      <c r="F5320" s="2" t="s">
        <v>7615</v>
      </c>
      <c r="G5320" s="8">
        <v>249</v>
      </c>
      <c r="H5320" s="5">
        <v>6</v>
      </c>
      <c r="I5320" s="5" t="s">
        <v>1518</v>
      </c>
      <c r="J5320" s="5" t="s">
        <v>1519</v>
      </c>
      <c r="K5320" s="2" t="s">
        <v>1520</v>
      </c>
      <c r="L5320" s="5" t="s">
        <v>1519</v>
      </c>
      <c r="M5320" s="2" t="s">
        <v>1520</v>
      </c>
      <c r="N5320" s="5" t="s">
        <v>1521</v>
      </c>
      <c r="O5320" s="5" t="s">
        <v>38</v>
      </c>
      <c r="P5320" s="5" t="s">
        <v>39</v>
      </c>
      <c r="Q5320" s="5" t="s">
        <v>40</v>
      </c>
      <c r="R5320" s="5" t="s">
        <v>1522</v>
      </c>
      <c r="S5320" s="5" t="s">
        <v>1523</v>
      </c>
      <c r="T5320" s="5" t="s">
        <v>42</v>
      </c>
      <c r="U5320" s="2">
        <v>2.3690000000000002</v>
      </c>
      <c r="V5320" s="2">
        <v>1.7989999999999999</v>
      </c>
      <c r="W5320" s="2">
        <v>1.4999999999999999E-2</v>
      </c>
      <c r="X5320" s="2">
        <v>118.9</v>
      </c>
      <c r="Y5320" s="2">
        <v>7.6</v>
      </c>
      <c r="Z5320" s="2">
        <v>16.7</v>
      </c>
      <c r="AA5320" s="5"/>
      <c r="AB5320" s="5" t="s">
        <v>43</v>
      </c>
      <c r="AC5320" s="5" t="s">
        <v>44</v>
      </c>
      <c r="AD5320" s="2"/>
      <c r="AE5320" s="1"/>
    </row>
    <row r="5321" spans="1:31" ht="14.45">
      <c r="A5321" s="11"/>
      <c r="B5321" s="20"/>
      <c r="C5321" s="2" t="s">
        <v>16434</v>
      </c>
      <c r="D5321" s="14" t="s">
        <v>16435</v>
      </c>
      <c r="E5321" s="2" t="s">
        <v>16436</v>
      </c>
      <c r="F5321" s="2" t="s">
        <v>7619</v>
      </c>
      <c r="G5321" s="8">
        <v>249</v>
      </c>
      <c r="H5321" s="5">
        <v>6</v>
      </c>
      <c r="I5321" s="5" t="s">
        <v>1518</v>
      </c>
      <c r="J5321" s="5" t="s">
        <v>1519</v>
      </c>
      <c r="K5321" s="2" t="s">
        <v>1520</v>
      </c>
      <c r="L5321" s="5" t="s">
        <v>1519</v>
      </c>
      <c r="M5321" s="2" t="s">
        <v>1520</v>
      </c>
      <c r="N5321" s="5" t="s">
        <v>1521</v>
      </c>
      <c r="O5321" s="5" t="s">
        <v>38</v>
      </c>
      <c r="P5321" s="5" t="s">
        <v>39</v>
      </c>
      <c r="Q5321" s="5" t="s">
        <v>40</v>
      </c>
      <c r="R5321" s="5" t="s">
        <v>1522</v>
      </c>
      <c r="S5321" s="5" t="s">
        <v>1523</v>
      </c>
      <c r="T5321" s="5" t="s">
        <v>42</v>
      </c>
      <c r="U5321" s="2">
        <v>2.4420000000000002</v>
      </c>
      <c r="V5321" s="2">
        <v>1.8720000000000001</v>
      </c>
      <c r="W5321" s="2">
        <v>1.4999999999999999E-2</v>
      </c>
      <c r="X5321" s="2">
        <v>118.9</v>
      </c>
      <c r="Y5321" s="2">
        <v>7.6</v>
      </c>
      <c r="Z5321" s="2">
        <v>16.7</v>
      </c>
      <c r="AA5321" s="5"/>
      <c r="AB5321" s="5" t="s">
        <v>43</v>
      </c>
      <c r="AC5321" s="5" t="s">
        <v>44</v>
      </c>
      <c r="AD5321" s="2"/>
      <c r="AE5321" s="1"/>
    </row>
    <row r="5322" spans="1:31" ht="14.45">
      <c r="A5322" s="11"/>
      <c r="B5322" s="20"/>
      <c r="C5322" s="2" t="s">
        <v>16437</v>
      </c>
      <c r="D5322" s="14" t="s">
        <v>16438</v>
      </c>
      <c r="E5322" s="2" t="s">
        <v>16439</v>
      </c>
      <c r="F5322" s="2" t="s">
        <v>16235</v>
      </c>
      <c r="G5322" s="8">
        <v>249</v>
      </c>
      <c r="H5322" s="5">
        <v>6</v>
      </c>
      <c r="I5322" s="5" t="s">
        <v>1518</v>
      </c>
      <c r="J5322" s="5" t="s">
        <v>1519</v>
      </c>
      <c r="K5322" s="2" t="s">
        <v>1520</v>
      </c>
      <c r="L5322" s="5" t="s">
        <v>1519</v>
      </c>
      <c r="M5322" s="2" t="s">
        <v>1520</v>
      </c>
      <c r="N5322" s="5" t="s">
        <v>1521</v>
      </c>
      <c r="O5322" s="5" t="s">
        <v>38</v>
      </c>
      <c r="P5322" s="5" t="s">
        <v>39</v>
      </c>
      <c r="Q5322" s="5" t="s">
        <v>40</v>
      </c>
      <c r="R5322" s="5" t="s">
        <v>1522</v>
      </c>
      <c r="S5322" s="5" t="s">
        <v>1523</v>
      </c>
      <c r="T5322" s="5" t="s">
        <v>42</v>
      </c>
      <c r="U5322" s="2">
        <v>2.399</v>
      </c>
      <c r="V5322" s="2">
        <v>1.829</v>
      </c>
      <c r="W5322" s="2">
        <v>1.4999999999999999E-2</v>
      </c>
      <c r="X5322" s="2">
        <v>118.9</v>
      </c>
      <c r="Y5322" s="2">
        <v>7.6</v>
      </c>
      <c r="Z5322" s="2">
        <v>16.7</v>
      </c>
      <c r="AA5322" s="5"/>
      <c r="AB5322" s="5" t="s">
        <v>43</v>
      </c>
      <c r="AC5322" s="5" t="s">
        <v>44</v>
      </c>
      <c r="AD5322" s="2"/>
      <c r="AE5322" s="1"/>
    </row>
    <row r="5323" spans="1:31" ht="14.45">
      <c r="A5323" s="11"/>
      <c r="B5323" s="20"/>
      <c r="C5323" s="2" t="s">
        <v>16440</v>
      </c>
      <c r="D5323" s="14" t="s">
        <v>16441</v>
      </c>
      <c r="E5323" s="2" t="s">
        <v>16442</v>
      </c>
      <c r="F5323" s="2" t="s">
        <v>16029</v>
      </c>
      <c r="G5323" s="8">
        <v>249</v>
      </c>
      <c r="H5323" s="5">
        <v>11</v>
      </c>
      <c r="I5323" s="5" t="s">
        <v>1518</v>
      </c>
      <c r="J5323" s="5" t="s">
        <v>1519</v>
      </c>
      <c r="K5323" s="2" t="s">
        <v>1520</v>
      </c>
      <c r="L5323" s="5" t="s">
        <v>1519</v>
      </c>
      <c r="M5323" s="2" t="s">
        <v>1520</v>
      </c>
      <c r="N5323" s="5" t="s">
        <v>1521</v>
      </c>
      <c r="O5323" s="5" t="s">
        <v>38</v>
      </c>
      <c r="P5323" s="5" t="s">
        <v>39</v>
      </c>
      <c r="Q5323" s="5" t="s">
        <v>40</v>
      </c>
      <c r="R5323" s="5" t="s">
        <v>1522</v>
      </c>
      <c r="S5323" s="5" t="s">
        <v>1523</v>
      </c>
      <c r="T5323" s="5" t="s">
        <v>42</v>
      </c>
      <c r="U5323" s="2">
        <v>2.4</v>
      </c>
      <c r="V5323" s="2">
        <v>1.83</v>
      </c>
      <c r="W5323" s="2">
        <v>1.4999999999999999E-2</v>
      </c>
      <c r="X5323" s="2">
        <v>118.9</v>
      </c>
      <c r="Y5323" s="2">
        <v>7.6</v>
      </c>
      <c r="Z5323" s="2">
        <v>16.7</v>
      </c>
      <c r="AA5323" s="5"/>
      <c r="AB5323" s="5" t="s">
        <v>43</v>
      </c>
      <c r="AC5323" s="5" t="s">
        <v>44</v>
      </c>
      <c r="AD5323" s="2"/>
      <c r="AE5323" s="1"/>
    </row>
    <row r="5324" spans="1:31" ht="14.45">
      <c r="A5324" s="11"/>
      <c r="B5324" s="20"/>
      <c r="C5324" s="2" t="s">
        <v>16443</v>
      </c>
      <c r="D5324" s="14" t="s">
        <v>16444</v>
      </c>
      <c r="E5324" s="2" t="s">
        <v>16445</v>
      </c>
      <c r="F5324" s="2" t="s">
        <v>16033</v>
      </c>
      <c r="G5324" s="8">
        <v>249</v>
      </c>
      <c r="H5324" s="5">
        <v>11</v>
      </c>
      <c r="I5324" s="5" t="s">
        <v>1518</v>
      </c>
      <c r="J5324" s="5" t="s">
        <v>1519</v>
      </c>
      <c r="K5324" s="2" t="s">
        <v>1520</v>
      </c>
      <c r="L5324" s="5" t="s">
        <v>1519</v>
      </c>
      <c r="M5324" s="2" t="s">
        <v>1520</v>
      </c>
      <c r="N5324" s="5" t="s">
        <v>1521</v>
      </c>
      <c r="O5324" s="5" t="s">
        <v>38</v>
      </c>
      <c r="P5324" s="5" t="s">
        <v>39</v>
      </c>
      <c r="Q5324" s="5" t="s">
        <v>40</v>
      </c>
      <c r="R5324" s="5" t="s">
        <v>1522</v>
      </c>
      <c r="S5324" s="5" t="s">
        <v>1523</v>
      </c>
      <c r="T5324" s="5" t="s">
        <v>42</v>
      </c>
      <c r="U5324" s="2">
        <v>2.4729999999999999</v>
      </c>
      <c r="V5324" s="2">
        <v>1.903</v>
      </c>
      <c r="W5324" s="2">
        <v>1.4999999999999999E-2</v>
      </c>
      <c r="X5324" s="2">
        <v>118.9</v>
      </c>
      <c r="Y5324" s="2">
        <v>7.6</v>
      </c>
      <c r="Z5324" s="2">
        <v>16.7</v>
      </c>
      <c r="AA5324" s="5"/>
      <c r="AB5324" s="5" t="s">
        <v>43</v>
      </c>
      <c r="AC5324" s="5" t="s">
        <v>44</v>
      </c>
      <c r="AD5324" s="2"/>
      <c r="AE5324" s="1"/>
    </row>
    <row r="5325" spans="1:31" ht="14.45">
      <c r="A5325" s="11"/>
      <c r="B5325" s="20"/>
      <c r="C5325" s="2" t="s">
        <v>16446</v>
      </c>
      <c r="D5325" s="14" t="s">
        <v>16447</v>
      </c>
      <c r="E5325" s="2" t="s">
        <v>16448</v>
      </c>
      <c r="F5325" s="2" t="s">
        <v>7396</v>
      </c>
      <c r="G5325" s="8">
        <v>232</v>
      </c>
      <c r="H5325" s="5">
        <v>6</v>
      </c>
      <c r="I5325" s="5" t="s">
        <v>1518</v>
      </c>
      <c r="J5325" s="5" t="s">
        <v>1519</v>
      </c>
      <c r="K5325" s="2" t="s">
        <v>1520</v>
      </c>
      <c r="L5325" s="5" t="s">
        <v>1519</v>
      </c>
      <c r="M5325" s="2" t="s">
        <v>1520</v>
      </c>
      <c r="N5325" s="5" t="s">
        <v>1521</v>
      </c>
      <c r="O5325" s="5" t="s">
        <v>38</v>
      </c>
      <c r="P5325" s="5" t="s">
        <v>39</v>
      </c>
      <c r="Q5325" s="5" t="s">
        <v>40</v>
      </c>
      <c r="R5325" s="5" t="s">
        <v>1522</v>
      </c>
      <c r="S5325" s="5" t="s">
        <v>1523</v>
      </c>
      <c r="T5325" s="5" t="s">
        <v>42</v>
      </c>
      <c r="U5325" s="2">
        <v>2.286</v>
      </c>
      <c r="V5325" s="2">
        <v>1.8140000000000001</v>
      </c>
      <c r="W5325" s="2">
        <v>1.0999999999999999E-2</v>
      </c>
      <c r="X5325" s="2">
        <v>82.9</v>
      </c>
      <c r="Y5325" s="2">
        <v>7.6</v>
      </c>
      <c r="Z5325" s="2">
        <v>16.7</v>
      </c>
      <c r="AA5325" s="5"/>
      <c r="AB5325" s="5" t="s">
        <v>43</v>
      </c>
      <c r="AC5325" s="5" t="s">
        <v>44</v>
      </c>
      <c r="AD5325" s="2"/>
      <c r="AE5325" s="1"/>
    </row>
    <row r="5326" spans="1:31" ht="14.45">
      <c r="A5326" s="11"/>
      <c r="B5326" s="20"/>
      <c r="C5326" s="2" t="s">
        <v>16449</v>
      </c>
      <c r="D5326" s="14" t="s">
        <v>16450</v>
      </c>
      <c r="E5326" s="2" t="s">
        <v>16451</v>
      </c>
      <c r="F5326" s="2" t="s">
        <v>7507</v>
      </c>
      <c r="G5326" s="8">
        <v>232</v>
      </c>
      <c r="H5326" s="5">
        <v>6</v>
      </c>
      <c r="I5326" s="5" t="s">
        <v>1518</v>
      </c>
      <c r="J5326" s="5" t="s">
        <v>1519</v>
      </c>
      <c r="K5326" s="2" t="s">
        <v>1520</v>
      </c>
      <c r="L5326" s="5" t="s">
        <v>1519</v>
      </c>
      <c r="M5326" s="2" t="s">
        <v>1520</v>
      </c>
      <c r="N5326" s="5" t="s">
        <v>1521</v>
      </c>
      <c r="O5326" s="5" t="s">
        <v>38</v>
      </c>
      <c r="P5326" s="5" t="s">
        <v>39</v>
      </c>
      <c r="Q5326" s="5" t="s">
        <v>40</v>
      </c>
      <c r="R5326" s="5" t="s">
        <v>1522</v>
      </c>
      <c r="S5326" s="5" t="s">
        <v>1523</v>
      </c>
      <c r="T5326" s="5" t="s">
        <v>42</v>
      </c>
      <c r="U5326" s="2">
        <v>2.3479999999999999</v>
      </c>
      <c r="V5326" s="2">
        <v>1.8759999999999999</v>
      </c>
      <c r="W5326" s="2">
        <v>1.0999999999999999E-2</v>
      </c>
      <c r="X5326" s="2">
        <v>82.9</v>
      </c>
      <c r="Y5326" s="2">
        <v>7.6</v>
      </c>
      <c r="Z5326" s="2">
        <v>16.7</v>
      </c>
      <c r="AA5326" s="5"/>
      <c r="AB5326" s="5" t="s">
        <v>43</v>
      </c>
      <c r="AC5326" s="5" t="s">
        <v>44</v>
      </c>
      <c r="AD5326" s="2"/>
      <c r="AE5326" s="1"/>
    </row>
    <row r="5327" spans="1:31" ht="14.45">
      <c r="A5327" s="11"/>
      <c r="B5327" s="20"/>
      <c r="C5327" s="2" t="s">
        <v>16452</v>
      </c>
      <c r="D5327" s="14" t="s">
        <v>16453</v>
      </c>
      <c r="E5327" s="2" t="s">
        <v>16454</v>
      </c>
      <c r="F5327" s="2" t="s">
        <v>7514</v>
      </c>
      <c r="G5327" s="8">
        <v>232</v>
      </c>
      <c r="H5327" s="5">
        <v>6</v>
      </c>
      <c r="I5327" s="5" t="s">
        <v>1518</v>
      </c>
      <c r="J5327" s="5" t="s">
        <v>1519</v>
      </c>
      <c r="K5327" s="2" t="s">
        <v>1520</v>
      </c>
      <c r="L5327" s="5" t="s">
        <v>1519</v>
      </c>
      <c r="M5327" s="2" t="s">
        <v>1520</v>
      </c>
      <c r="N5327" s="5" t="s">
        <v>1521</v>
      </c>
      <c r="O5327" s="5" t="s">
        <v>38</v>
      </c>
      <c r="P5327" s="5" t="s">
        <v>39</v>
      </c>
      <c r="Q5327" s="5" t="s">
        <v>40</v>
      </c>
      <c r="R5327" s="5" t="s">
        <v>1522</v>
      </c>
      <c r="S5327" s="5" t="s">
        <v>1523</v>
      </c>
      <c r="T5327" s="5" t="s">
        <v>42</v>
      </c>
      <c r="U5327" s="2">
        <v>2.3519999999999999</v>
      </c>
      <c r="V5327" s="2">
        <v>1.88</v>
      </c>
      <c r="W5327" s="2">
        <v>1.0999999999999999E-2</v>
      </c>
      <c r="X5327" s="2">
        <v>82.9</v>
      </c>
      <c r="Y5327" s="2">
        <v>7.6</v>
      </c>
      <c r="Z5327" s="2">
        <v>16.7</v>
      </c>
      <c r="AA5327" s="5"/>
      <c r="AB5327" s="5" t="s">
        <v>43</v>
      </c>
      <c r="AC5327" s="5" t="s">
        <v>44</v>
      </c>
      <c r="AD5327" s="2"/>
      <c r="AE5327" s="1"/>
    </row>
    <row r="5328" spans="1:31" ht="14.45">
      <c r="A5328" s="11"/>
      <c r="B5328" s="20"/>
      <c r="C5328" s="2" t="s">
        <v>16455</v>
      </c>
      <c r="D5328" s="14" t="s">
        <v>16456</v>
      </c>
      <c r="E5328" s="2" t="s">
        <v>16457</v>
      </c>
      <c r="F5328" s="2" t="s">
        <v>7208</v>
      </c>
      <c r="G5328" s="8">
        <v>232</v>
      </c>
      <c r="H5328" s="5">
        <v>6</v>
      </c>
      <c r="I5328" s="5" t="s">
        <v>1518</v>
      </c>
      <c r="J5328" s="5" t="s">
        <v>1519</v>
      </c>
      <c r="K5328" s="2" t="s">
        <v>1520</v>
      </c>
      <c r="L5328" s="5" t="s">
        <v>1519</v>
      </c>
      <c r="M5328" s="2" t="s">
        <v>1520</v>
      </c>
      <c r="N5328" s="5" t="s">
        <v>1521</v>
      </c>
      <c r="O5328" s="5" t="s">
        <v>38</v>
      </c>
      <c r="P5328" s="5" t="s">
        <v>39</v>
      </c>
      <c r="Q5328" s="5" t="s">
        <v>40</v>
      </c>
      <c r="R5328" s="5" t="s">
        <v>1522</v>
      </c>
      <c r="S5328" s="5" t="s">
        <v>1523</v>
      </c>
      <c r="T5328" s="5" t="s">
        <v>42</v>
      </c>
      <c r="U5328" s="2">
        <v>2.29</v>
      </c>
      <c r="V5328" s="2">
        <v>1.8180000000000001</v>
      </c>
      <c r="W5328" s="2">
        <v>1.0999999999999999E-2</v>
      </c>
      <c r="X5328" s="2">
        <v>82.9</v>
      </c>
      <c r="Y5328" s="2">
        <v>7.6</v>
      </c>
      <c r="Z5328" s="2">
        <v>16.7</v>
      </c>
      <c r="AA5328" s="5"/>
      <c r="AB5328" s="5" t="s">
        <v>43</v>
      </c>
      <c r="AC5328" s="5" t="s">
        <v>44</v>
      </c>
      <c r="AD5328" s="2"/>
      <c r="AE5328" s="1"/>
    </row>
    <row r="5329" spans="1:31" ht="14.45">
      <c r="A5329" s="11"/>
      <c r="B5329" s="20"/>
      <c r="C5329" s="2" t="s">
        <v>16458</v>
      </c>
      <c r="D5329" s="14" t="s">
        <v>16459</v>
      </c>
      <c r="E5329" s="2" t="s">
        <v>16460</v>
      </c>
      <c r="F5329" s="2" t="s">
        <v>7521</v>
      </c>
      <c r="G5329" s="8">
        <v>232</v>
      </c>
      <c r="H5329" s="5">
        <v>6</v>
      </c>
      <c r="I5329" s="5" t="s">
        <v>1518</v>
      </c>
      <c r="J5329" s="5" t="s">
        <v>1519</v>
      </c>
      <c r="K5329" s="2" t="s">
        <v>1520</v>
      </c>
      <c r="L5329" s="5" t="s">
        <v>1519</v>
      </c>
      <c r="M5329" s="2" t="s">
        <v>1520</v>
      </c>
      <c r="N5329" s="5" t="s">
        <v>1521</v>
      </c>
      <c r="O5329" s="5" t="s">
        <v>38</v>
      </c>
      <c r="P5329" s="5" t="s">
        <v>39</v>
      </c>
      <c r="Q5329" s="5" t="s">
        <v>40</v>
      </c>
      <c r="R5329" s="5" t="s">
        <v>1522</v>
      </c>
      <c r="S5329" s="5" t="s">
        <v>1523</v>
      </c>
      <c r="T5329" s="5" t="s">
        <v>42</v>
      </c>
      <c r="U5329" s="2">
        <v>2.3519999999999999</v>
      </c>
      <c r="V5329" s="2">
        <v>1.88</v>
      </c>
      <c r="W5329" s="2">
        <v>1.0999999999999999E-2</v>
      </c>
      <c r="X5329" s="2">
        <v>82.9</v>
      </c>
      <c r="Y5329" s="2">
        <v>7.6</v>
      </c>
      <c r="Z5329" s="2">
        <v>16.7</v>
      </c>
      <c r="AA5329" s="5"/>
      <c r="AB5329" s="5" t="s">
        <v>43</v>
      </c>
      <c r="AC5329" s="5" t="s">
        <v>44</v>
      </c>
      <c r="AD5329" s="2"/>
      <c r="AE5329" s="1"/>
    </row>
    <row r="5330" spans="1:31" ht="14.45">
      <c r="A5330" s="11"/>
      <c r="B5330" s="20"/>
      <c r="C5330" s="2" t="s">
        <v>16461</v>
      </c>
      <c r="D5330" s="14" t="s">
        <v>16462</v>
      </c>
      <c r="E5330" s="2" t="s">
        <v>16463</v>
      </c>
      <c r="F5330" s="2" t="s">
        <v>7212</v>
      </c>
      <c r="G5330" s="8">
        <v>232</v>
      </c>
      <c r="H5330" s="5">
        <v>6</v>
      </c>
      <c r="I5330" s="5" t="s">
        <v>1518</v>
      </c>
      <c r="J5330" s="5" t="s">
        <v>1519</v>
      </c>
      <c r="K5330" s="2" t="s">
        <v>1520</v>
      </c>
      <c r="L5330" s="5" t="s">
        <v>1519</v>
      </c>
      <c r="M5330" s="2" t="s">
        <v>1520</v>
      </c>
      <c r="N5330" s="5" t="s">
        <v>1521</v>
      </c>
      <c r="O5330" s="5" t="s">
        <v>38</v>
      </c>
      <c r="P5330" s="5" t="s">
        <v>39</v>
      </c>
      <c r="Q5330" s="5" t="s">
        <v>40</v>
      </c>
      <c r="R5330" s="5" t="s">
        <v>1522</v>
      </c>
      <c r="S5330" s="5" t="s">
        <v>1523</v>
      </c>
      <c r="T5330" s="5" t="s">
        <v>42</v>
      </c>
      <c r="U5330" s="2">
        <v>2.278</v>
      </c>
      <c r="V5330" s="2">
        <v>1.806</v>
      </c>
      <c r="W5330" s="2">
        <v>1.0999999999999999E-2</v>
      </c>
      <c r="X5330" s="2">
        <v>82.9</v>
      </c>
      <c r="Y5330" s="2">
        <v>7.6</v>
      </c>
      <c r="Z5330" s="2">
        <v>16.7</v>
      </c>
      <c r="AA5330" s="5"/>
      <c r="AB5330" s="5" t="s">
        <v>43</v>
      </c>
      <c r="AC5330" s="5" t="s">
        <v>44</v>
      </c>
      <c r="AD5330" s="2"/>
      <c r="AE5330" s="1"/>
    </row>
    <row r="5331" spans="1:31" ht="14.45">
      <c r="A5331" s="11"/>
      <c r="B5331" s="20"/>
      <c r="C5331" s="2" t="s">
        <v>16464</v>
      </c>
      <c r="D5331" s="14" t="s">
        <v>16465</v>
      </c>
      <c r="E5331" s="2" t="s">
        <v>16466</v>
      </c>
      <c r="F5331" s="2" t="s">
        <v>7528</v>
      </c>
      <c r="G5331" s="8">
        <v>232</v>
      </c>
      <c r="H5331" s="5">
        <v>6</v>
      </c>
      <c r="I5331" s="5" t="s">
        <v>1518</v>
      </c>
      <c r="J5331" s="5" t="s">
        <v>1519</v>
      </c>
      <c r="K5331" s="2" t="s">
        <v>1520</v>
      </c>
      <c r="L5331" s="5" t="s">
        <v>1519</v>
      </c>
      <c r="M5331" s="2" t="s">
        <v>1520</v>
      </c>
      <c r="N5331" s="5" t="s">
        <v>1521</v>
      </c>
      <c r="O5331" s="5" t="s">
        <v>38</v>
      </c>
      <c r="P5331" s="5" t="s">
        <v>39</v>
      </c>
      <c r="Q5331" s="5" t="s">
        <v>40</v>
      </c>
      <c r="R5331" s="5" t="s">
        <v>1522</v>
      </c>
      <c r="S5331" s="5" t="s">
        <v>1523</v>
      </c>
      <c r="T5331" s="5" t="s">
        <v>42</v>
      </c>
      <c r="U5331" s="2">
        <v>2.34</v>
      </c>
      <c r="V5331" s="2">
        <v>1.8680000000000001</v>
      </c>
      <c r="W5331" s="2">
        <v>1.0999999999999999E-2</v>
      </c>
      <c r="X5331" s="2">
        <v>82.9</v>
      </c>
      <c r="Y5331" s="2">
        <v>7.6</v>
      </c>
      <c r="Z5331" s="2">
        <v>16.7</v>
      </c>
      <c r="AA5331" s="5"/>
      <c r="AB5331" s="5" t="s">
        <v>43</v>
      </c>
      <c r="AC5331" s="5" t="s">
        <v>44</v>
      </c>
      <c r="AD5331" s="2"/>
      <c r="AE5331" s="1"/>
    </row>
    <row r="5332" spans="1:31" ht="14.45">
      <c r="A5332" s="11"/>
      <c r="B5332" s="20"/>
      <c r="C5332" s="2" t="s">
        <v>16467</v>
      </c>
      <c r="D5332" s="14" t="s">
        <v>16468</v>
      </c>
      <c r="E5332" s="2" t="s">
        <v>16469</v>
      </c>
      <c r="F5332" s="2" t="s">
        <v>7406</v>
      </c>
      <c r="G5332" s="8">
        <v>247</v>
      </c>
      <c r="H5332" s="5">
        <v>6</v>
      </c>
      <c r="I5332" s="5" t="s">
        <v>1518</v>
      </c>
      <c r="J5332" s="5" t="s">
        <v>1519</v>
      </c>
      <c r="K5332" s="2" t="s">
        <v>1520</v>
      </c>
      <c r="L5332" s="5" t="s">
        <v>1519</v>
      </c>
      <c r="M5332" s="2" t="s">
        <v>1520</v>
      </c>
      <c r="N5332" s="5" t="s">
        <v>1521</v>
      </c>
      <c r="O5332" s="5" t="s">
        <v>38</v>
      </c>
      <c r="P5332" s="5" t="s">
        <v>39</v>
      </c>
      <c r="Q5332" s="5" t="s">
        <v>40</v>
      </c>
      <c r="R5332" s="5" t="s">
        <v>1522</v>
      </c>
      <c r="S5332" s="5" t="s">
        <v>1523</v>
      </c>
      <c r="T5332" s="5" t="s">
        <v>42</v>
      </c>
      <c r="U5332" s="2">
        <v>2.278</v>
      </c>
      <c r="V5332" s="2">
        <v>1.806</v>
      </c>
      <c r="W5332" s="2">
        <v>1.0999999999999999E-2</v>
      </c>
      <c r="X5332" s="2">
        <v>82.9</v>
      </c>
      <c r="Y5332" s="2">
        <v>7.6</v>
      </c>
      <c r="Z5332" s="2">
        <v>16.7</v>
      </c>
      <c r="AA5332" s="5"/>
      <c r="AB5332" s="5" t="s">
        <v>43</v>
      </c>
      <c r="AC5332" s="5" t="s">
        <v>44</v>
      </c>
      <c r="AD5332" s="2"/>
      <c r="AE5332" s="1"/>
    </row>
    <row r="5333" spans="1:31" ht="14.45">
      <c r="A5333" s="11"/>
      <c r="B5333" s="20"/>
      <c r="C5333" s="2" t="s">
        <v>16470</v>
      </c>
      <c r="D5333" s="14" t="s">
        <v>16471</v>
      </c>
      <c r="E5333" s="2" t="s">
        <v>16472</v>
      </c>
      <c r="F5333" s="2" t="s">
        <v>7535</v>
      </c>
      <c r="G5333" s="8">
        <v>247</v>
      </c>
      <c r="H5333" s="5">
        <v>6</v>
      </c>
      <c r="I5333" s="5" t="s">
        <v>1518</v>
      </c>
      <c r="J5333" s="5" t="s">
        <v>1519</v>
      </c>
      <c r="K5333" s="2" t="s">
        <v>1520</v>
      </c>
      <c r="L5333" s="5" t="s">
        <v>1519</v>
      </c>
      <c r="M5333" s="2" t="s">
        <v>1520</v>
      </c>
      <c r="N5333" s="5" t="s">
        <v>1521</v>
      </c>
      <c r="O5333" s="5" t="s">
        <v>38</v>
      </c>
      <c r="P5333" s="5" t="s">
        <v>39</v>
      </c>
      <c r="Q5333" s="5" t="s">
        <v>40</v>
      </c>
      <c r="R5333" s="5" t="s">
        <v>1522</v>
      </c>
      <c r="S5333" s="5" t="s">
        <v>1523</v>
      </c>
      <c r="T5333" s="5" t="s">
        <v>42</v>
      </c>
      <c r="U5333" s="2">
        <v>2.34</v>
      </c>
      <c r="V5333" s="2">
        <v>1.8680000000000001</v>
      </c>
      <c r="W5333" s="2">
        <v>1.0999999999999999E-2</v>
      </c>
      <c r="X5333" s="2">
        <v>82.9</v>
      </c>
      <c r="Y5333" s="2">
        <v>7.6</v>
      </c>
      <c r="Z5333" s="2">
        <v>16.7</v>
      </c>
      <c r="AA5333" s="5"/>
      <c r="AB5333" s="5" t="s">
        <v>43</v>
      </c>
      <c r="AC5333" s="5" t="s">
        <v>44</v>
      </c>
      <c r="AD5333" s="2"/>
      <c r="AE5333" s="1"/>
    </row>
    <row r="5334" spans="1:31" ht="14.45">
      <c r="A5334" s="11"/>
      <c r="B5334" s="20"/>
      <c r="C5334" s="2" t="s">
        <v>16473</v>
      </c>
      <c r="D5334" s="14" t="s">
        <v>16474</v>
      </c>
      <c r="E5334" s="2" t="s">
        <v>16475</v>
      </c>
      <c r="F5334" s="2" t="s">
        <v>7539</v>
      </c>
      <c r="G5334" s="8">
        <v>247</v>
      </c>
      <c r="H5334" s="5">
        <v>6</v>
      </c>
      <c r="I5334" s="5" t="s">
        <v>1518</v>
      </c>
      <c r="J5334" s="5" t="s">
        <v>1519</v>
      </c>
      <c r="K5334" s="2" t="s">
        <v>1520</v>
      </c>
      <c r="L5334" s="5" t="s">
        <v>1519</v>
      </c>
      <c r="M5334" s="2" t="s">
        <v>1520</v>
      </c>
      <c r="N5334" s="5" t="s">
        <v>1521</v>
      </c>
      <c r="O5334" s="5" t="s">
        <v>38</v>
      </c>
      <c r="P5334" s="5" t="s">
        <v>39</v>
      </c>
      <c r="Q5334" s="5" t="s">
        <v>40</v>
      </c>
      <c r="R5334" s="5" t="s">
        <v>1522</v>
      </c>
      <c r="S5334" s="5" t="s">
        <v>1523</v>
      </c>
      <c r="T5334" s="5" t="s">
        <v>42</v>
      </c>
      <c r="U5334" s="2">
        <v>2.29</v>
      </c>
      <c r="V5334" s="2">
        <v>1.8180000000000001</v>
      </c>
      <c r="W5334" s="2">
        <v>1.0999999999999999E-2</v>
      </c>
      <c r="X5334" s="2">
        <v>82.9</v>
      </c>
      <c r="Y5334" s="2">
        <v>7.6</v>
      </c>
      <c r="Z5334" s="2">
        <v>16.7</v>
      </c>
      <c r="AA5334" s="5"/>
      <c r="AB5334" s="5" t="s">
        <v>43</v>
      </c>
      <c r="AC5334" s="5" t="s">
        <v>44</v>
      </c>
      <c r="AD5334" s="2"/>
      <c r="AE5334" s="1"/>
    </row>
    <row r="5335" spans="1:31" ht="14.45">
      <c r="A5335" s="11"/>
      <c r="B5335" s="20"/>
      <c r="C5335" s="2" t="s">
        <v>16476</v>
      </c>
      <c r="D5335" s="14" t="s">
        <v>16477</v>
      </c>
      <c r="E5335" s="2" t="s">
        <v>16478</v>
      </c>
      <c r="F5335" s="2" t="s">
        <v>16018</v>
      </c>
      <c r="G5335" s="8">
        <v>247</v>
      </c>
      <c r="H5335" s="5">
        <v>6</v>
      </c>
      <c r="I5335" s="5" t="s">
        <v>1518</v>
      </c>
      <c r="J5335" s="5" t="s">
        <v>1519</v>
      </c>
      <c r="K5335" s="2" t="s">
        <v>1520</v>
      </c>
      <c r="L5335" s="5" t="s">
        <v>1519</v>
      </c>
      <c r="M5335" s="2" t="s">
        <v>1520</v>
      </c>
      <c r="N5335" s="5" t="s">
        <v>1521</v>
      </c>
      <c r="O5335" s="5" t="s">
        <v>38</v>
      </c>
      <c r="P5335" s="5" t="s">
        <v>39</v>
      </c>
      <c r="Q5335" s="5" t="s">
        <v>40</v>
      </c>
      <c r="R5335" s="5" t="s">
        <v>1522</v>
      </c>
      <c r="S5335" s="5" t="s">
        <v>1523</v>
      </c>
      <c r="T5335" s="5" t="s">
        <v>42</v>
      </c>
      <c r="U5335" s="2">
        <v>2.29</v>
      </c>
      <c r="V5335" s="2">
        <v>1.8180000000000001</v>
      </c>
      <c r="W5335" s="2">
        <v>1.0999999999999999E-2</v>
      </c>
      <c r="X5335" s="2">
        <v>82.9</v>
      </c>
      <c r="Y5335" s="2">
        <v>7.6</v>
      </c>
      <c r="Z5335" s="2">
        <v>16.7</v>
      </c>
      <c r="AA5335" s="5"/>
      <c r="AB5335" s="5" t="s">
        <v>43</v>
      </c>
      <c r="AC5335" s="5" t="s">
        <v>44</v>
      </c>
      <c r="AD5335" s="2"/>
      <c r="AE5335" s="1"/>
    </row>
    <row r="5336" spans="1:31" ht="14.45">
      <c r="A5336" s="11"/>
      <c r="B5336" s="20"/>
      <c r="C5336" s="2" t="s">
        <v>16479</v>
      </c>
      <c r="D5336" s="14" t="s">
        <v>16480</v>
      </c>
      <c r="E5336" s="2" t="s">
        <v>16481</v>
      </c>
      <c r="F5336" s="2" t="s">
        <v>16029</v>
      </c>
      <c r="G5336" s="8">
        <v>247</v>
      </c>
      <c r="H5336" s="5">
        <v>11</v>
      </c>
      <c r="I5336" s="5" t="s">
        <v>1518</v>
      </c>
      <c r="J5336" s="5" t="s">
        <v>1519</v>
      </c>
      <c r="K5336" s="2" t="s">
        <v>1520</v>
      </c>
      <c r="L5336" s="5" t="s">
        <v>1519</v>
      </c>
      <c r="M5336" s="2" t="s">
        <v>1520</v>
      </c>
      <c r="N5336" s="5" t="s">
        <v>1521</v>
      </c>
      <c r="O5336" s="5" t="s">
        <v>38</v>
      </c>
      <c r="P5336" s="5" t="s">
        <v>39</v>
      </c>
      <c r="Q5336" s="5" t="s">
        <v>40</v>
      </c>
      <c r="R5336" s="5" t="s">
        <v>1522</v>
      </c>
      <c r="S5336" s="5" t="s">
        <v>1523</v>
      </c>
      <c r="T5336" s="5" t="s">
        <v>42</v>
      </c>
      <c r="U5336" s="2">
        <v>2.2810000000000001</v>
      </c>
      <c r="V5336" s="2">
        <v>1.8089999999999999</v>
      </c>
      <c r="W5336" s="2">
        <v>1.0999999999999999E-2</v>
      </c>
      <c r="X5336" s="2">
        <v>82.9</v>
      </c>
      <c r="Y5336" s="2">
        <v>7.6</v>
      </c>
      <c r="Z5336" s="2">
        <v>16.7</v>
      </c>
      <c r="AA5336" s="5"/>
      <c r="AB5336" s="5" t="s">
        <v>43</v>
      </c>
      <c r="AC5336" s="5" t="s">
        <v>44</v>
      </c>
      <c r="AD5336" s="2"/>
      <c r="AE5336" s="1"/>
    </row>
    <row r="5337" spans="1:31" ht="14.45">
      <c r="A5337" s="11"/>
      <c r="B5337" s="20"/>
      <c r="C5337" s="2" t="s">
        <v>16482</v>
      </c>
      <c r="D5337" s="14" t="s">
        <v>16483</v>
      </c>
      <c r="E5337" s="2" t="s">
        <v>16484</v>
      </c>
      <c r="F5337" s="2" t="s">
        <v>16033</v>
      </c>
      <c r="G5337" s="8">
        <v>247</v>
      </c>
      <c r="H5337" s="5">
        <v>11</v>
      </c>
      <c r="I5337" s="5" t="s">
        <v>1518</v>
      </c>
      <c r="J5337" s="5" t="s">
        <v>1519</v>
      </c>
      <c r="K5337" s="2" t="s">
        <v>1520</v>
      </c>
      <c r="L5337" s="5" t="s">
        <v>1519</v>
      </c>
      <c r="M5337" s="2" t="s">
        <v>1520</v>
      </c>
      <c r="N5337" s="5" t="s">
        <v>1521</v>
      </c>
      <c r="O5337" s="5" t="s">
        <v>38</v>
      </c>
      <c r="P5337" s="5" t="s">
        <v>39</v>
      </c>
      <c r="Q5337" s="5" t="s">
        <v>40</v>
      </c>
      <c r="R5337" s="5" t="s">
        <v>1522</v>
      </c>
      <c r="S5337" s="5" t="s">
        <v>1523</v>
      </c>
      <c r="T5337" s="5" t="s">
        <v>42</v>
      </c>
      <c r="U5337" s="2">
        <v>2.343</v>
      </c>
      <c r="V5337" s="2">
        <v>1.871</v>
      </c>
      <c r="W5337" s="2">
        <v>1.0999999999999999E-2</v>
      </c>
      <c r="X5337" s="2">
        <v>82.9</v>
      </c>
      <c r="Y5337" s="2">
        <v>7.6</v>
      </c>
      <c r="Z5337" s="2">
        <v>16.7</v>
      </c>
      <c r="AA5337" s="5"/>
      <c r="AB5337" s="5" t="s">
        <v>43</v>
      </c>
      <c r="AC5337" s="5" t="s">
        <v>44</v>
      </c>
      <c r="AD5337" s="2"/>
      <c r="AE5337" s="1"/>
    </row>
    <row r="5338" spans="1:31" ht="14.45">
      <c r="A5338" s="11"/>
      <c r="B5338" s="20"/>
      <c r="C5338" s="2" t="s">
        <v>16485</v>
      </c>
      <c r="D5338" s="14" t="s">
        <v>16486</v>
      </c>
      <c r="E5338" s="2" t="s">
        <v>16487</v>
      </c>
      <c r="F5338" s="2" t="s">
        <v>7396</v>
      </c>
      <c r="G5338" s="8">
        <v>243</v>
      </c>
      <c r="H5338" s="5">
        <v>6</v>
      </c>
      <c r="I5338" s="5" t="s">
        <v>1518</v>
      </c>
      <c r="J5338" s="5" t="s">
        <v>1519</v>
      </c>
      <c r="K5338" s="2" t="s">
        <v>1520</v>
      </c>
      <c r="L5338" s="5" t="s">
        <v>1519</v>
      </c>
      <c r="M5338" s="2" t="s">
        <v>1520</v>
      </c>
      <c r="N5338" s="5" t="s">
        <v>1521</v>
      </c>
      <c r="O5338" s="5" t="s">
        <v>38</v>
      </c>
      <c r="P5338" s="5" t="s">
        <v>39</v>
      </c>
      <c r="Q5338" s="5" t="s">
        <v>40</v>
      </c>
      <c r="R5338" s="5" t="s">
        <v>1522</v>
      </c>
      <c r="S5338" s="5" t="s">
        <v>1523</v>
      </c>
      <c r="T5338" s="5" t="s">
        <v>42</v>
      </c>
      <c r="U5338" s="2">
        <v>2.5259999999999998</v>
      </c>
      <c r="V5338" s="2">
        <v>1.9750000000000001</v>
      </c>
      <c r="W5338" s="2">
        <v>1.2999999999999999E-2</v>
      </c>
      <c r="X5338" s="2">
        <v>99.1</v>
      </c>
      <c r="Y5338" s="2">
        <v>7.6</v>
      </c>
      <c r="Z5338" s="2">
        <v>16.7</v>
      </c>
      <c r="AA5338" s="5"/>
      <c r="AB5338" s="5" t="s">
        <v>43</v>
      </c>
      <c r="AC5338" s="5" t="s">
        <v>44</v>
      </c>
      <c r="AD5338" s="2"/>
      <c r="AE5338" s="1"/>
    </row>
    <row r="5339" spans="1:31" ht="14.45">
      <c r="A5339" s="11"/>
      <c r="B5339" s="20"/>
      <c r="C5339" s="2" t="s">
        <v>16488</v>
      </c>
      <c r="D5339" s="14" t="s">
        <v>16489</v>
      </c>
      <c r="E5339" s="2" t="s">
        <v>16490</v>
      </c>
      <c r="F5339" s="2" t="s">
        <v>7507</v>
      </c>
      <c r="G5339" s="8">
        <v>243</v>
      </c>
      <c r="H5339" s="5">
        <v>6</v>
      </c>
      <c r="I5339" s="5" t="s">
        <v>1518</v>
      </c>
      <c r="J5339" s="5" t="s">
        <v>1519</v>
      </c>
      <c r="K5339" s="2" t="s">
        <v>1520</v>
      </c>
      <c r="L5339" s="5" t="s">
        <v>1519</v>
      </c>
      <c r="M5339" s="2" t="s">
        <v>1520</v>
      </c>
      <c r="N5339" s="5" t="s">
        <v>1521</v>
      </c>
      <c r="O5339" s="5" t="s">
        <v>38</v>
      </c>
      <c r="P5339" s="5" t="s">
        <v>39</v>
      </c>
      <c r="Q5339" s="5" t="s">
        <v>40</v>
      </c>
      <c r="R5339" s="5" t="s">
        <v>1522</v>
      </c>
      <c r="S5339" s="5" t="s">
        <v>1523</v>
      </c>
      <c r="T5339" s="5" t="s">
        <v>42</v>
      </c>
      <c r="U5339" s="2">
        <v>2.5990000000000002</v>
      </c>
      <c r="V5339" s="2">
        <v>2.048</v>
      </c>
      <c r="W5339" s="2">
        <v>1.2999999999999999E-2</v>
      </c>
      <c r="X5339" s="2">
        <v>99.1</v>
      </c>
      <c r="Y5339" s="2">
        <v>7.6</v>
      </c>
      <c r="Z5339" s="2">
        <v>16.7</v>
      </c>
      <c r="AA5339" s="5"/>
      <c r="AB5339" s="5" t="s">
        <v>43</v>
      </c>
      <c r="AC5339" s="5" t="s">
        <v>44</v>
      </c>
      <c r="AD5339" s="2"/>
      <c r="AE5339" s="1"/>
    </row>
    <row r="5340" spans="1:31" ht="14.45">
      <c r="A5340" s="11"/>
      <c r="B5340" s="20"/>
      <c r="C5340" s="2" t="s">
        <v>16491</v>
      </c>
      <c r="D5340" s="14" t="s">
        <v>16492</v>
      </c>
      <c r="E5340" s="2" t="s">
        <v>16493</v>
      </c>
      <c r="F5340" s="2" t="s">
        <v>7204</v>
      </c>
      <c r="G5340" s="8">
        <v>243</v>
      </c>
      <c r="H5340" s="5">
        <v>6</v>
      </c>
      <c r="I5340" s="5" t="s">
        <v>1518</v>
      </c>
      <c r="J5340" s="5" t="s">
        <v>1519</v>
      </c>
      <c r="K5340" s="2" t="s">
        <v>1520</v>
      </c>
      <c r="L5340" s="5" t="s">
        <v>1519</v>
      </c>
      <c r="M5340" s="2" t="s">
        <v>1520</v>
      </c>
      <c r="N5340" s="5" t="s">
        <v>1521</v>
      </c>
      <c r="O5340" s="5" t="s">
        <v>38</v>
      </c>
      <c r="P5340" s="5" t="s">
        <v>39</v>
      </c>
      <c r="Q5340" s="5" t="s">
        <v>40</v>
      </c>
      <c r="R5340" s="5" t="s">
        <v>1522</v>
      </c>
      <c r="S5340" s="5" t="s">
        <v>1523</v>
      </c>
      <c r="T5340" s="5" t="s">
        <v>42</v>
      </c>
      <c r="U5340" s="2">
        <v>2.5310000000000001</v>
      </c>
      <c r="V5340" s="2">
        <v>1.98</v>
      </c>
      <c r="W5340" s="2">
        <v>1.2999999999999999E-2</v>
      </c>
      <c r="X5340" s="2">
        <v>99.1</v>
      </c>
      <c r="Y5340" s="2">
        <v>7.6</v>
      </c>
      <c r="Z5340" s="2">
        <v>16.7</v>
      </c>
      <c r="AA5340" s="5"/>
      <c r="AB5340" s="5" t="s">
        <v>43</v>
      </c>
      <c r="AC5340" s="5" t="s">
        <v>44</v>
      </c>
      <c r="AD5340" s="2"/>
      <c r="AE5340" s="1"/>
    </row>
    <row r="5341" spans="1:31" ht="14.45">
      <c r="A5341" s="11"/>
      <c r="B5341" s="20"/>
      <c r="C5341" s="2" t="s">
        <v>16494</v>
      </c>
      <c r="D5341" s="14" t="s">
        <v>16495</v>
      </c>
      <c r="E5341" s="2" t="s">
        <v>16496</v>
      </c>
      <c r="F5341" s="2" t="s">
        <v>7514</v>
      </c>
      <c r="G5341" s="8">
        <v>243</v>
      </c>
      <c r="H5341" s="5">
        <v>6</v>
      </c>
      <c r="I5341" s="5" t="s">
        <v>1518</v>
      </c>
      <c r="J5341" s="5" t="s">
        <v>1519</v>
      </c>
      <c r="K5341" s="2" t="s">
        <v>1520</v>
      </c>
      <c r="L5341" s="5" t="s">
        <v>1519</v>
      </c>
      <c r="M5341" s="2" t="s">
        <v>1520</v>
      </c>
      <c r="N5341" s="5" t="s">
        <v>1521</v>
      </c>
      <c r="O5341" s="5" t="s">
        <v>38</v>
      </c>
      <c r="P5341" s="5" t="s">
        <v>39</v>
      </c>
      <c r="Q5341" s="5" t="s">
        <v>40</v>
      </c>
      <c r="R5341" s="5" t="s">
        <v>1522</v>
      </c>
      <c r="S5341" s="5" t="s">
        <v>1523</v>
      </c>
      <c r="T5341" s="5" t="s">
        <v>42</v>
      </c>
      <c r="U5341" s="2">
        <v>2.6040000000000001</v>
      </c>
      <c r="V5341" s="2">
        <v>2.0529999999999999</v>
      </c>
      <c r="W5341" s="2">
        <v>1.2999999999999999E-2</v>
      </c>
      <c r="X5341" s="2">
        <v>99.1</v>
      </c>
      <c r="Y5341" s="2">
        <v>7.6</v>
      </c>
      <c r="Z5341" s="2">
        <v>16.7</v>
      </c>
      <c r="AA5341" s="5"/>
      <c r="AB5341" s="5" t="s">
        <v>43</v>
      </c>
      <c r="AC5341" s="5" t="s">
        <v>44</v>
      </c>
      <c r="AD5341" s="2"/>
      <c r="AE5341" s="1"/>
    </row>
    <row r="5342" spans="1:31" ht="14.45">
      <c r="A5342" s="11"/>
      <c r="B5342" s="20"/>
      <c r="C5342" s="2" t="s">
        <v>16497</v>
      </c>
      <c r="D5342" s="14" t="s">
        <v>16498</v>
      </c>
      <c r="E5342" s="2" t="s">
        <v>16499</v>
      </c>
      <c r="F5342" s="2" t="s">
        <v>7208</v>
      </c>
      <c r="G5342" s="8">
        <v>243</v>
      </c>
      <c r="H5342" s="5">
        <v>6</v>
      </c>
      <c r="I5342" s="5" t="s">
        <v>1518</v>
      </c>
      <c r="J5342" s="5" t="s">
        <v>1519</v>
      </c>
      <c r="K5342" s="2" t="s">
        <v>1520</v>
      </c>
      <c r="L5342" s="5" t="s">
        <v>1519</v>
      </c>
      <c r="M5342" s="2" t="s">
        <v>1520</v>
      </c>
      <c r="N5342" s="5" t="s">
        <v>1521</v>
      </c>
      <c r="O5342" s="5" t="s">
        <v>38</v>
      </c>
      <c r="P5342" s="5" t="s">
        <v>39</v>
      </c>
      <c r="Q5342" s="5" t="s">
        <v>40</v>
      </c>
      <c r="R5342" s="5" t="s">
        <v>1522</v>
      </c>
      <c r="S5342" s="5" t="s">
        <v>1523</v>
      </c>
      <c r="T5342" s="5" t="s">
        <v>42</v>
      </c>
      <c r="U5342" s="2">
        <v>2.5310000000000001</v>
      </c>
      <c r="V5342" s="2">
        <v>1.98</v>
      </c>
      <c r="W5342" s="2">
        <v>1.2999999999999999E-2</v>
      </c>
      <c r="X5342" s="2">
        <v>99.1</v>
      </c>
      <c r="Y5342" s="2">
        <v>7.6</v>
      </c>
      <c r="Z5342" s="2">
        <v>16.7</v>
      </c>
      <c r="AA5342" s="5"/>
      <c r="AB5342" s="5" t="s">
        <v>43</v>
      </c>
      <c r="AC5342" s="5" t="s">
        <v>44</v>
      </c>
      <c r="AD5342" s="2"/>
      <c r="AE5342" s="1"/>
    </row>
    <row r="5343" spans="1:31" ht="14.45">
      <c r="A5343" s="11"/>
      <c r="B5343" s="20"/>
      <c r="C5343" s="2" t="s">
        <v>16500</v>
      </c>
      <c r="D5343" s="14" t="s">
        <v>16501</v>
      </c>
      <c r="E5343" s="2" t="s">
        <v>16502</v>
      </c>
      <c r="F5343" s="2" t="s">
        <v>7521</v>
      </c>
      <c r="G5343" s="8">
        <v>243</v>
      </c>
      <c r="H5343" s="5">
        <v>6</v>
      </c>
      <c r="I5343" s="5" t="s">
        <v>1518</v>
      </c>
      <c r="J5343" s="5" t="s">
        <v>1519</v>
      </c>
      <c r="K5343" s="2" t="s">
        <v>1520</v>
      </c>
      <c r="L5343" s="5" t="s">
        <v>1519</v>
      </c>
      <c r="M5343" s="2" t="s">
        <v>1520</v>
      </c>
      <c r="N5343" s="5" t="s">
        <v>1521</v>
      </c>
      <c r="O5343" s="5" t="s">
        <v>38</v>
      </c>
      <c r="P5343" s="5" t="s">
        <v>39</v>
      </c>
      <c r="Q5343" s="5" t="s">
        <v>40</v>
      </c>
      <c r="R5343" s="5" t="s">
        <v>1522</v>
      </c>
      <c r="S5343" s="5" t="s">
        <v>1523</v>
      </c>
      <c r="T5343" s="5" t="s">
        <v>42</v>
      </c>
      <c r="U5343" s="2">
        <v>2.6040000000000001</v>
      </c>
      <c r="V5343" s="2">
        <v>2.0529999999999999</v>
      </c>
      <c r="W5343" s="2">
        <v>1.2999999999999999E-2</v>
      </c>
      <c r="X5343" s="2">
        <v>99.1</v>
      </c>
      <c r="Y5343" s="2">
        <v>7.6</v>
      </c>
      <c r="Z5343" s="2">
        <v>16.7</v>
      </c>
      <c r="AA5343" s="5"/>
      <c r="AB5343" s="5" t="s">
        <v>43</v>
      </c>
      <c r="AC5343" s="5" t="s">
        <v>44</v>
      </c>
      <c r="AD5343" s="2"/>
      <c r="AE5343" s="1"/>
    </row>
    <row r="5344" spans="1:31" ht="14.45">
      <c r="A5344" s="11"/>
      <c r="B5344" s="20"/>
      <c r="C5344" s="2" t="s">
        <v>16503</v>
      </c>
      <c r="D5344" s="14" t="s">
        <v>16504</v>
      </c>
      <c r="E5344" s="2" t="s">
        <v>16505</v>
      </c>
      <c r="F5344" s="2" t="s">
        <v>7212</v>
      </c>
      <c r="G5344" s="8">
        <v>243</v>
      </c>
      <c r="H5344" s="5">
        <v>6</v>
      </c>
      <c r="I5344" s="5" t="s">
        <v>1518</v>
      </c>
      <c r="J5344" s="5" t="s">
        <v>1519</v>
      </c>
      <c r="K5344" s="2" t="s">
        <v>1520</v>
      </c>
      <c r="L5344" s="5" t="s">
        <v>1519</v>
      </c>
      <c r="M5344" s="2" t="s">
        <v>1520</v>
      </c>
      <c r="N5344" s="5" t="s">
        <v>1521</v>
      </c>
      <c r="O5344" s="5" t="s">
        <v>38</v>
      </c>
      <c r="P5344" s="5" t="s">
        <v>39</v>
      </c>
      <c r="Q5344" s="5" t="s">
        <v>40</v>
      </c>
      <c r="R5344" s="5" t="s">
        <v>1522</v>
      </c>
      <c r="S5344" s="5" t="s">
        <v>1523</v>
      </c>
      <c r="T5344" s="5" t="s">
        <v>42</v>
      </c>
      <c r="U5344" s="2">
        <v>2.5169999999999999</v>
      </c>
      <c r="V5344" s="2">
        <v>1.966</v>
      </c>
      <c r="W5344" s="2">
        <v>1.2999999999999999E-2</v>
      </c>
      <c r="X5344" s="2">
        <v>99.1</v>
      </c>
      <c r="Y5344" s="2">
        <v>7.6</v>
      </c>
      <c r="Z5344" s="2">
        <v>16.7</v>
      </c>
      <c r="AA5344" s="5"/>
      <c r="AB5344" s="5" t="s">
        <v>43</v>
      </c>
      <c r="AC5344" s="5" t="s">
        <v>44</v>
      </c>
      <c r="AD5344" s="2"/>
      <c r="AE5344" s="1"/>
    </row>
    <row r="5345" spans="1:31" ht="14.45">
      <c r="A5345" s="11"/>
      <c r="B5345" s="20"/>
      <c r="C5345" s="2" t="s">
        <v>16506</v>
      </c>
      <c r="D5345" s="14" t="s">
        <v>16507</v>
      </c>
      <c r="E5345" s="2" t="s">
        <v>16508</v>
      </c>
      <c r="F5345" s="2" t="s">
        <v>7528</v>
      </c>
      <c r="G5345" s="8">
        <v>243</v>
      </c>
      <c r="H5345" s="5">
        <v>6</v>
      </c>
      <c r="I5345" s="5" t="s">
        <v>1518</v>
      </c>
      <c r="J5345" s="5" t="s">
        <v>1519</v>
      </c>
      <c r="K5345" s="2" t="s">
        <v>1520</v>
      </c>
      <c r="L5345" s="5" t="s">
        <v>1519</v>
      </c>
      <c r="M5345" s="2" t="s">
        <v>1520</v>
      </c>
      <c r="N5345" s="5" t="s">
        <v>1521</v>
      </c>
      <c r="O5345" s="5" t="s">
        <v>38</v>
      </c>
      <c r="P5345" s="5" t="s">
        <v>39</v>
      </c>
      <c r="Q5345" s="5" t="s">
        <v>40</v>
      </c>
      <c r="R5345" s="5" t="s">
        <v>1522</v>
      </c>
      <c r="S5345" s="5" t="s">
        <v>1523</v>
      </c>
      <c r="T5345" s="5" t="s">
        <v>42</v>
      </c>
      <c r="U5345" s="2">
        <v>2.59</v>
      </c>
      <c r="V5345" s="2">
        <v>2.0390000000000001</v>
      </c>
      <c r="W5345" s="2">
        <v>1.2999999999999999E-2</v>
      </c>
      <c r="X5345" s="2">
        <v>99.1</v>
      </c>
      <c r="Y5345" s="2">
        <v>7.6</v>
      </c>
      <c r="Z5345" s="2">
        <v>16.7</v>
      </c>
      <c r="AA5345" s="5"/>
      <c r="AB5345" s="5" t="s">
        <v>43</v>
      </c>
      <c r="AC5345" s="5" t="s">
        <v>44</v>
      </c>
      <c r="AD5345" s="2"/>
      <c r="AE5345" s="1"/>
    </row>
    <row r="5346" spans="1:31" ht="14.45">
      <c r="A5346" s="11"/>
      <c r="B5346" s="20"/>
      <c r="C5346" s="2" t="s">
        <v>16509</v>
      </c>
      <c r="D5346" s="14" t="s">
        <v>16510</v>
      </c>
      <c r="E5346" s="2" t="s">
        <v>16511</v>
      </c>
      <c r="F5346" s="2" t="s">
        <v>7406</v>
      </c>
      <c r="G5346" s="8">
        <v>259</v>
      </c>
      <c r="H5346" s="5">
        <v>6</v>
      </c>
      <c r="I5346" s="5" t="s">
        <v>1518</v>
      </c>
      <c r="J5346" s="5" t="s">
        <v>1519</v>
      </c>
      <c r="K5346" s="2" t="s">
        <v>1520</v>
      </c>
      <c r="L5346" s="5" t="s">
        <v>1519</v>
      </c>
      <c r="M5346" s="2" t="s">
        <v>1520</v>
      </c>
      <c r="N5346" s="5" t="s">
        <v>1521</v>
      </c>
      <c r="O5346" s="5" t="s">
        <v>38</v>
      </c>
      <c r="P5346" s="5" t="s">
        <v>39</v>
      </c>
      <c r="Q5346" s="5" t="s">
        <v>40</v>
      </c>
      <c r="R5346" s="5" t="s">
        <v>1522</v>
      </c>
      <c r="S5346" s="5" t="s">
        <v>1523</v>
      </c>
      <c r="T5346" s="5" t="s">
        <v>42</v>
      </c>
      <c r="U5346" s="2">
        <v>2.5169999999999999</v>
      </c>
      <c r="V5346" s="2">
        <v>1.966</v>
      </c>
      <c r="W5346" s="2">
        <v>1.2999999999999999E-2</v>
      </c>
      <c r="X5346" s="2">
        <v>99.1</v>
      </c>
      <c r="Y5346" s="2">
        <v>7.6</v>
      </c>
      <c r="Z5346" s="2">
        <v>16.7</v>
      </c>
      <c r="AA5346" s="5"/>
      <c r="AB5346" s="5" t="s">
        <v>43</v>
      </c>
      <c r="AC5346" s="5" t="s">
        <v>44</v>
      </c>
      <c r="AD5346" s="2"/>
      <c r="AE5346" s="1"/>
    </row>
    <row r="5347" spans="1:31" ht="14.45">
      <c r="A5347" s="11"/>
      <c r="B5347" s="20"/>
      <c r="C5347" s="2" t="s">
        <v>16512</v>
      </c>
      <c r="D5347" s="14" t="s">
        <v>16513</v>
      </c>
      <c r="E5347" s="2" t="s">
        <v>16514</v>
      </c>
      <c r="F5347" s="2" t="s">
        <v>7535</v>
      </c>
      <c r="G5347" s="8">
        <v>259</v>
      </c>
      <c r="H5347" s="5">
        <v>6</v>
      </c>
      <c r="I5347" s="5" t="s">
        <v>1518</v>
      </c>
      <c r="J5347" s="5" t="s">
        <v>1519</v>
      </c>
      <c r="K5347" s="2" t="s">
        <v>1520</v>
      </c>
      <c r="L5347" s="5" t="s">
        <v>1519</v>
      </c>
      <c r="M5347" s="2" t="s">
        <v>1520</v>
      </c>
      <c r="N5347" s="5" t="s">
        <v>1521</v>
      </c>
      <c r="O5347" s="5" t="s">
        <v>38</v>
      </c>
      <c r="P5347" s="5" t="s">
        <v>39</v>
      </c>
      <c r="Q5347" s="5" t="s">
        <v>40</v>
      </c>
      <c r="R5347" s="5" t="s">
        <v>1522</v>
      </c>
      <c r="S5347" s="5" t="s">
        <v>1523</v>
      </c>
      <c r="T5347" s="5" t="s">
        <v>42</v>
      </c>
      <c r="U5347" s="2">
        <v>2.59</v>
      </c>
      <c r="V5347" s="2">
        <v>2.0390000000000001</v>
      </c>
      <c r="W5347" s="2">
        <v>1.2999999999999999E-2</v>
      </c>
      <c r="X5347" s="2">
        <v>99.1</v>
      </c>
      <c r="Y5347" s="2">
        <v>7.6</v>
      </c>
      <c r="Z5347" s="2">
        <v>16.7</v>
      </c>
      <c r="AA5347" s="5"/>
      <c r="AB5347" s="5" t="s">
        <v>43</v>
      </c>
      <c r="AC5347" s="5" t="s">
        <v>44</v>
      </c>
      <c r="AD5347" s="2"/>
      <c r="AE5347" s="1"/>
    </row>
    <row r="5348" spans="1:31" ht="14.45">
      <c r="A5348" s="11"/>
      <c r="B5348" s="20"/>
      <c r="C5348" s="2" t="s">
        <v>16515</v>
      </c>
      <c r="D5348" s="14" t="s">
        <v>16516</v>
      </c>
      <c r="E5348" s="2" t="s">
        <v>16517</v>
      </c>
      <c r="F5348" s="2" t="s">
        <v>7539</v>
      </c>
      <c r="G5348" s="8">
        <v>259</v>
      </c>
      <c r="H5348" s="5">
        <v>6</v>
      </c>
      <c r="I5348" s="5" t="s">
        <v>1518</v>
      </c>
      <c r="J5348" s="5" t="s">
        <v>1519</v>
      </c>
      <c r="K5348" s="2" t="s">
        <v>1520</v>
      </c>
      <c r="L5348" s="5" t="s">
        <v>1519</v>
      </c>
      <c r="M5348" s="2" t="s">
        <v>1520</v>
      </c>
      <c r="N5348" s="5" t="s">
        <v>1521</v>
      </c>
      <c r="O5348" s="5" t="s">
        <v>38</v>
      </c>
      <c r="P5348" s="5" t="s">
        <v>39</v>
      </c>
      <c r="Q5348" s="5" t="s">
        <v>40</v>
      </c>
      <c r="R5348" s="5" t="s">
        <v>1522</v>
      </c>
      <c r="S5348" s="5" t="s">
        <v>1523</v>
      </c>
      <c r="T5348" s="5" t="s">
        <v>42</v>
      </c>
      <c r="U5348" s="2">
        <v>2.5310000000000001</v>
      </c>
      <c r="V5348" s="2">
        <v>1.98</v>
      </c>
      <c r="W5348" s="2">
        <v>1.2999999999999999E-2</v>
      </c>
      <c r="X5348" s="2">
        <v>99.1</v>
      </c>
      <c r="Y5348" s="2">
        <v>7.6</v>
      </c>
      <c r="Z5348" s="2">
        <v>16.7</v>
      </c>
      <c r="AA5348" s="5"/>
      <c r="AB5348" s="5" t="s">
        <v>43</v>
      </c>
      <c r="AC5348" s="5" t="s">
        <v>44</v>
      </c>
      <c r="AD5348" s="2"/>
      <c r="AE5348" s="1"/>
    </row>
    <row r="5349" spans="1:31" ht="14.45">
      <c r="A5349" s="11"/>
      <c r="B5349" s="20"/>
      <c r="C5349" s="2" t="s">
        <v>16518</v>
      </c>
      <c r="D5349" s="14" t="s">
        <v>16519</v>
      </c>
      <c r="E5349" s="2" t="s">
        <v>16520</v>
      </c>
      <c r="F5349" s="2" t="s">
        <v>7543</v>
      </c>
      <c r="G5349" s="8">
        <v>259</v>
      </c>
      <c r="H5349" s="5">
        <v>6</v>
      </c>
      <c r="I5349" s="5" t="s">
        <v>1518</v>
      </c>
      <c r="J5349" s="5" t="s">
        <v>1519</v>
      </c>
      <c r="K5349" s="2" t="s">
        <v>1520</v>
      </c>
      <c r="L5349" s="5" t="s">
        <v>1519</v>
      </c>
      <c r="M5349" s="2" t="s">
        <v>1520</v>
      </c>
      <c r="N5349" s="5" t="s">
        <v>1521</v>
      </c>
      <c r="O5349" s="5" t="s">
        <v>38</v>
      </c>
      <c r="P5349" s="5" t="s">
        <v>39</v>
      </c>
      <c r="Q5349" s="5" t="s">
        <v>40</v>
      </c>
      <c r="R5349" s="5" t="s">
        <v>1522</v>
      </c>
      <c r="S5349" s="5" t="s">
        <v>1523</v>
      </c>
      <c r="T5349" s="5" t="s">
        <v>42</v>
      </c>
      <c r="U5349" s="2">
        <v>2.6040000000000001</v>
      </c>
      <c r="V5349" s="2">
        <v>2.0529999999999999</v>
      </c>
      <c r="W5349" s="2">
        <v>1.2999999999999999E-2</v>
      </c>
      <c r="X5349" s="2">
        <v>99.1</v>
      </c>
      <c r="Y5349" s="2">
        <v>7.6</v>
      </c>
      <c r="Z5349" s="2">
        <v>16.7</v>
      </c>
      <c r="AA5349" s="5"/>
      <c r="AB5349" s="5" t="s">
        <v>43</v>
      </c>
      <c r="AC5349" s="5" t="s">
        <v>44</v>
      </c>
      <c r="AD5349" s="2"/>
      <c r="AE5349" s="1"/>
    </row>
    <row r="5350" spans="1:31" ht="14.45">
      <c r="A5350" s="11"/>
      <c r="B5350" s="20"/>
      <c r="C5350" s="2" t="s">
        <v>16521</v>
      </c>
      <c r="D5350" s="14" t="s">
        <v>16522</v>
      </c>
      <c r="E5350" s="2" t="s">
        <v>16523</v>
      </c>
      <c r="F5350" s="2" t="s">
        <v>7547</v>
      </c>
      <c r="G5350" s="8">
        <v>259</v>
      </c>
      <c r="H5350" s="5">
        <v>6</v>
      </c>
      <c r="I5350" s="5" t="s">
        <v>1518</v>
      </c>
      <c r="J5350" s="5" t="s">
        <v>1519</v>
      </c>
      <c r="K5350" s="2" t="s">
        <v>1520</v>
      </c>
      <c r="L5350" s="5" t="s">
        <v>1519</v>
      </c>
      <c r="M5350" s="2" t="s">
        <v>1520</v>
      </c>
      <c r="N5350" s="5" t="s">
        <v>1521</v>
      </c>
      <c r="O5350" s="5" t="s">
        <v>38</v>
      </c>
      <c r="P5350" s="5" t="s">
        <v>39</v>
      </c>
      <c r="Q5350" s="5" t="s">
        <v>40</v>
      </c>
      <c r="R5350" s="5" t="s">
        <v>1522</v>
      </c>
      <c r="S5350" s="5" t="s">
        <v>1523</v>
      </c>
      <c r="T5350" s="5" t="s">
        <v>42</v>
      </c>
      <c r="U5350" s="2">
        <v>2.5169999999999999</v>
      </c>
      <c r="V5350" s="2">
        <v>1.966</v>
      </c>
      <c r="W5350" s="2">
        <v>1.2999999999999999E-2</v>
      </c>
      <c r="X5350" s="2">
        <v>99.1</v>
      </c>
      <c r="Y5350" s="2">
        <v>7.6</v>
      </c>
      <c r="Z5350" s="2">
        <v>16.7</v>
      </c>
      <c r="AA5350" s="5"/>
      <c r="AB5350" s="5" t="s">
        <v>43</v>
      </c>
      <c r="AC5350" s="5" t="s">
        <v>44</v>
      </c>
      <c r="AD5350" s="2"/>
      <c r="AE5350" s="1"/>
    </row>
    <row r="5351" spans="1:31" ht="14.45">
      <c r="A5351" s="11"/>
      <c r="B5351" s="20"/>
      <c r="C5351" s="2" t="s">
        <v>16524</v>
      </c>
      <c r="D5351" s="14" t="s">
        <v>16525</v>
      </c>
      <c r="E5351" s="2" t="s">
        <v>16526</v>
      </c>
      <c r="F5351" s="2" t="s">
        <v>7555</v>
      </c>
      <c r="G5351" s="8">
        <v>259</v>
      </c>
      <c r="H5351" s="5">
        <v>6</v>
      </c>
      <c r="I5351" s="5" t="s">
        <v>1518</v>
      </c>
      <c r="J5351" s="5" t="s">
        <v>1519</v>
      </c>
      <c r="K5351" s="2" t="s">
        <v>1520</v>
      </c>
      <c r="L5351" s="5" t="s">
        <v>1519</v>
      </c>
      <c r="M5351" s="2" t="s">
        <v>1520</v>
      </c>
      <c r="N5351" s="5" t="s">
        <v>1521</v>
      </c>
      <c r="O5351" s="5" t="s">
        <v>38</v>
      </c>
      <c r="P5351" s="5" t="s">
        <v>39</v>
      </c>
      <c r="Q5351" s="5" t="s">
        <v>40</v>
      </c>
      <c r="R5351" s="5" t="s">
        <v>1522</v>
      </c>
      <c r="S5351" s="5" t="s">
        <v>1523</v>
      </c>
      <c r="T5351" s="5" t="s">
        <v>42</v>
      </c>
      <c r="U5351" s="2">
        <v>2.5169999999999999</v>
      </c>
      <c r="V5351" s="2">
        <v>1.966</v>
      </c>
      <c r="W5351" s="2">
        <v>1.2999999999999999E-2</v>
      </c>
      <c r="X5351" s="2">
        <v>99.1</v>
      </c>
      <c r="Y5351" s="2">
        <v>7.6</v>
      </c>
      <c r="Z5351" s="2">
        <v>16.7</v>
      </c>
      <c r="AA5351" s="5"/>
      <c r="AB5351" s="5" t="s">
        <v>43</v>
      </c>
      <c r="AC5351" s="5" t="s">
        <v>44</v>
      </c>
      <c r="AD5351" s="2"/>
      <c r="AE5351" s="1"/>
    </row>
    <row r="5352" spans="1:31" ht="14.45">
      <c r="A5352" s="11"/>
      <c r="B5352" s="20"/>
      <c r="C5352" s="2" t="s">
        <v>16527</v>
      </c>
      <c r="D5352" s="14" t="s">
        <v>16528</v>
      </c>
      <c r="E5352" s="2" t="s">
        <v>16529</v>
      </c>
      <c r="F5352" s="2" t="s">
        <v>7563</v>
      </c>
      <c r="G5352" s="8">
        <v>259</v>
      </c>
      <c r="H5352" s="5">
        <v>6</v>
      </c>
      <c r="I5352" s="5" t="s">
        <v>1518</v>
      </c>
      <c r="J5352" s="5" t="s">
        <v>1519</v>
      </c>
      <c r="K5352" s="2" t="s">
        <v>1520</v>
      </c>
      <c r="L5352" s="5" t="s">
        <v>1519</v>
      </c>
      <c r="M5352" s="2" t="s">
        <v>1520</v>
      </c>
      <c r="N5352" s="5" t="s">
        <v>1521</v>
      </c>
      <c r="O5352" s="5" t="s">
        <v>38</v>
      </c>
      <c r="P5352" s="5" t="s">
        <v>39</v>
      </c>
      <c r="Q5352" s="5" t="s">
        <v>40</v>
      </c>
      <c r="R5352" s="5" t="s">
        <v>1522</v>
      </c>
      <c r="S5352" s="5" t="s">
        <v>1523</v>
      </c>
      <c r="T5352" s="5" t="s">
        <v>42</v>
      </c>
      <c r="U5352" s="2">
        <v>2.5310000000000001</v>
      </c>
      <c r="V5352" s="2">
        <v>1.98</v>
      </c>
      <c r="W5352" s="2">
        <v>1.2999999999999999E-2</v>
      </c>
      <c r="X5352" s="2">
        <v>99.1</v>
      </c>
      <c r="Y5352" s="2">
        <v>7.6</v>
      </c>
      <c r="Z5352" s="2">
        <v>16.7</v>
      </c>
      <c r="AA5352" s="5"/>
      <c r="AB5352" s="5" t="s">
        <v>43</v>
      </c>
      <c r="AC5352" s="5" t="s">
        <v>44</v>
      </c>
      <c r="AD5352" s="2"/>
      <c r="AE5352" s="1"/>
    </row>
    <row r="5353" spans="1:31" ht="14.45">
      <c r="A5353" s="11"/>
      <c r="B5353" s="20"/>
      <c r="C5353" s="2" t="s">
        <v>16530</v>
      </c>
      <c r="D5353" s="14" t="s">
        <v>16531</v>
      </c>
      <c r="E5353" s="2" t="s">
        <v>16532</v>
      </c>
      <c r="F5353" s="2" t="s">
        <v>7567</v>
      </c>
      <c r="G5353" s="8">
        <v>259</v>
      </c>
      <c r="H5353" s="5">
        <v>6</v>
      </c>
      <c r="I5353" s="5" t="s">
        <v>1518</v>
      </c>
      <c r="J5353" s="5" t="s">
        <v>1519</v>
      </c>
      <c r="K5353" s="2" t="s">
        <v>1520</v>
      </c>
      <c r="L5353" s="5" t="s">
        <v>1519</v>
      </c>
      <c r="M5353" s="2" t="s">
        <v>1520</v>
      </c>
      <c r="N5353" s="5" t="s">
        <v>1521</v>
      </c>
      <c r="O5353" s="5" t="s">
        <v>38</v>
      </c>
      <c r="P5353" s="5" t="s">
        <v>39</v>
      </c>
      <c r="Q5353" s="5" t="s">
        <v>40</v>
      </c>
      <c r="R5353" s="5" t="s">
        <v>1522</v>
      </c>
      <c r="S5353" s="5" t="s">
        <v>1523</v>
      </c>
      <c r="T5353" s="5" t="s">
        <v>42</v>
      </c>
      <c r="U5353" s="2">
        <v>2.6040000000000001</v>
      </c>
      <c r="V5353" s="2">
        <v>2.0529999999999999</v>
      </c>
      <c r="W5353" s="2">
        <v>1.2999999999999999E-2</v>
      </c>
      <c r="X5353" s="2">
        <v>99.1</v>
      </c>
      <c r="Y5353" s="2">
        <v>7.6</v>
      </c>
      <c r="Z5353" s="2">
        <v>16.7</v>
      </c>
      <c r="AA5353" s="5"/>
      <c r="AB5353" s="5" t="s">
        <v>43</v>
      </c>
      <c r="AC5353" s="5" t="s">
        <v>44</v>
      </c>
      <c r="AD5353" s="2"/>
      <c r="AE5353" s="1"/>
    </row>
    <row r="5354" spans="1:31" ht="14.45">
      <c r="A5354" s="11"/>
      <c r="B5354" s="20"/>
      <c r="C5354" s="2" t="s">
        <v>16533</v>
      </c>
      <c r="D5354" s="14" t="s">
        <v>16534</v>
      </c>
      <c r="E5354" s="2" t="s">
        <v>16535</v>
      </c>
      <c r="F5354" s="2" t="s">
        <v>16079</v>
      </c>
      <c r="G5354" s="8">
        <v>259</v>
      </c>
      <c r="H5354" s="5">
        <v>6</v>
      </c>
      <c r="I5354" s="5" t="s">
        <v>1518</v>
      </c>
      <c r="J5354" s="5" t="s">
        <v>1519</v>
      </c>
      <c r="K5354" s="2" t="s">
        <v>1520</v>
      </c>
      <c r="L5354" s="5" t="s">
        <v>1519</v>
      </c>
      <c r="M5354" s="2" t="s">
        <v>1520</v>
      </c>
      <c r="N5354" s="5" t="s">
        <v>1521</v>
      </c>
      <c r="O5354" s="5" t="s">
        <v>38</v>
      </c>
      <c r="P5354" s="5" t="s">
        <v>39</v>
      </c>
      <c r="Q5354" s="5" t="s">
        <v>40</v>
      </c>
      <c r="R5354" s="5" t="s">
        <v>1522</v>
      </c>
      <c r="S5354" s="5" t="s">
        <v>1523</v>
      </c>
      <c r="T5354" s="5" t="s">
        <v>42</v>
      </c>
      <c r="U5354" s="2">
        <v>2.5310000000000001</v>
      </c>
      <c r="V5354" s="2">
        <v>1.98</v>
      </c>
      <c r="W5354" s="2">
        <v>1.2999999999999999E-2</v>
      </c>
      <c r="X5354" s="2">
        <v>99.1</v>
      </c>
      <c r="Y5354" s="2">
        <v>7.6</v>
      </c>
      <c r="Z5354" s="2">
        <v>16.7</v>
      </c>
      <c r="AA5354" s="5"/>
      <c r="AB5354" s="5" t="s">
        <v>43</v>
      </c>
      <c r="AC5354" s="5" t="s">
        <v>44</v>
      </c>
      <c r="AD5354" s="2"/>
      <c r="AE5354" s="1"/>
    </row>
    <row r="5355" spans="1:31" ht="14.45">
      <c r="A5355" s="11"/>
      <c r="B5355" s="20"/>
      <c r="C5355" s="2" t="s">
        <v>16536</v>
      </c>
      <c r="D5355" s="14" t="s">
        <v>16537</v>
      </c>
      <c r="E5355" s="2" t="s">
        <v>16538</v>
      </c>
      <c r="F5355" s="2" t="s">
        <v>16194</v>
      </c>
      <c r="G5355" s="8">
        <v>259</v>
      </c>
      <c r="H5355" s="5">
        <v>6</v>
      </c>
      <c r="I5355" s="5" t="s">
        <v>1518</v>
      </c>
      <c r="J5355" s="5" t="s">
        <v>1519</v>
      </c>
      <c r="K5355" s="2" t="s">
        <v>1520</v>
      </c>
      <c r="L5355" s="5" t="s">
        <v>1519</v>
      </c>
      <c r="M5355" s="2" t="s">
        <v>1520</v>
      </c>
      <c r="N5355" s="5" t="s">
        <v>1521</v>
      </c>
      <c r="O5355" s="5" t="s">
        <v>38</v>
      </c>
      <c r="P5355" s="5" t="s">
        <v>39</v>
      </c>
      <c r="Q5355" s="5" t="s">
        <v>40</v>
      </c>
      <c r="R5355" s="5" t="s">
        <v>1522</v>
      </c>
      <c r="S5355" s="5" t="s">
        <v>1523</v>
      </c>
      <c r="T5355" s="5" t="s">
        <v>42</v>
      </c>
      <c r="U5355" s="2">
        <v>2.6040000000000001</v>
      </c>
      <c r="V5355" s="2">
        <v>2.0529999999999999</v>
      </c>
      <c r="W5355" s="2">
        <v>1.2999999999999999E-2</v>
      </c>
      <c r="X5355" s="2">
        <v>99.1</v>
      </c>
      <c r="Y5355" s="2">
        <v>7.6</v>
      </c>
      <c r="Z5355" s="2">
        <v>16.7</v>
      </c>
      <c r="AA5355" s="5"/>
      <c r="AB5355" s="5" t="s">
        <v>43</v>
      </c>
      <c r="AC5355" s="5" t="s">
        <v>44</v>
      </c>
      <c r="AD5355" s="2"/>
      <c r="AE5355" s="1"/>
    </row>
    <row r="5356" spans="1:31" ht="14.45">
      <c r="A5356" s="11"/>
      <c r="B5356" s="20"/>
      <c r="C5356" s="2" t="s">
        <v>16539</v>
      </c>
      <c r="D5356" s="14" t="s">
        <v>16540</v>
      </c>
      <c r="E5356" s="2" t="s">
        <v>16541</v>
      </c>
      <c r="F5356" s="2" t="s">
        <v>7449</v>
      </c>
      <c r="G5356" s="8">
        <v>259</v>
      </c>
      <c r="H5356" s="5">
        <v>6</v>
      </c>
      <c r="I5356" s="5" t="s">
        <v>1518</v>
      </c>
      <c r="J5356" s="5" t="s">
        <v>1519</v>
      </c>
      <c r="K5356" s="2" t="s">
        <v>1520</v>
      </c>
      <c r="L5356" s="5" t="s">
        <v>1519</v>
      </c>
      <c r="M5356" s="2" t="s">
        <v>1520</v>
      </c>
      <c r="N5356" s="5" t="s">
        <v>1521</v>
      </c>
      <c r="O5356" s="5" t="s">
        <v>38</v>
      </c>
      <c r="P5356" s="5" t="s">
        <v>39</v>
      </c>
      <c r="Q5356" s="5" t="s">
        <v>40</v>
      </c>
      <c r="R5356" s="5" t="s">
        <v>1522</v>
      </c>
      <c r="S5356" s="5" t="s">
        <v>1523</v>
      </c>
      <c r="T5356" s="5" t="s">
        <v>42</v>
      </c>
      <c r="U5356" s="2">
        <v>2.5310000000000001</v>
      </c>
      <c r="V5356" s="2">
        <v>1.98</v>
      </c>
      <c r="W5356" s="2">
        <v>1.2999999999999999E-2</v>
      </c>
      <c r="X5356" s="2">
        <v>99.1</v>
      </c>
      <c r="Y5356" s="2">
        <v>7.6</v>
      </c>
      <c r="Z5356" s="2">
        <v>16.7</v>
      </c>
      <c r="AA5356" s="5"/>
      <c r="AB5356" s="5" t="s">
        <v>43</v>
      </c>
      <c r="AC5356" s="5" t="s">
        <v>44</v>
      </c>
      <c r="AD5356" s="2"/>
      <c r="AE5356" s="1"/>
    </row>
    <row r="5357" spans="1:31" ht="14.45">
      <c r="A5357" s="11"/>
      <c r="B5357" s="20"/>
      <c r="C5357" s="2" t="s">
        <v>16542</v>
      </c>
      <c r="D5357" s="14" t="s">
        <v>16543</v>
      </c>
      <c r="E5357" s="2" t="s">
        <v>16544</v>
      </c>
      <c r="F5357" s="2" t="s">
        <v>7581</v>
      </c>
      <c r="G5357" s="8">
        <v>259</v>
      </c>
      <c r="H5357" s="5">
        <v>6</v>
      </c>
      <c r="I5357" s="5" t="s">
        <v>1518</v>
      </c>
      <c r="J5357" s="5" t="s">
        <v>1519</v>
      </c>
      <c r="K5357" s="2" t="s">
        <v>1520</v>
      </c>
      <c r="L5357" s="5" t="s">
        <v>1519</v>
      </c>
      <c r="M5357" s="2" t="s">
        <v>1520</v>
      </c>
      <c r="N5357" s="5" t="s">
        <v>1521</v>
      </c>
      <c r="O5357" s="5" t="s">
        <v>38</v>
      </c>
      <c r="P5357" s="5" t="s">
        <v>39</v>
      </c>
      <c r="Q5357" s="5" t="s">
        <v>40</v>
      </c>
      <c r="R5357" s="5" t="s">
        <v>1522</v>
      </c>
      <c r="S5357" s="5" t="s">
        <v>1523</v>
      </c>
      <c r="T5357" s="5" t="s">
        <v>42</v>
      </c>
      <c r="U5357" s="2">
        <v>2.6040000000000001</v>
      </c>
      <c r="V5357" s="2">
        <v>2.0529999999999999</v>
      </c>
      <c r="W5357" s="2">
        <v>1.2999999999999999E-2</v>
      </c>
      <c r="X5357" s="2">
        <v>99.1</v>
      </c>
      <c r="Y5357" s="2">
        <v>7.6</v>
      </c>
      <c r="Z5357" s="2">
        <v>16.7</v>
      </c>
      <c r="AA5357" s="5"/>
      <c r="AB5357" s="5" t="s">
        <v>43</v>
      </c>
      <c r="AC5357" s="5" t="s">
        <v>44</v>
      </c>
      <c r="AD5357" s="2"/>
      <c r="AE5357" s="1"/>
    </row>
    <row r="5358" spans="1:31" ht="14.45">
      <c r="A5358" s="11"/>
      <c r="B5358" s="20"/>
      <c r="C5358" s="2" t="s">
        <v>16545</v>
      </c>
      <c r="D5358" s="14" t="s">
        <v>16546</v>
      </c>
      <c r="E5358" s="2" t="s">
        <v>16547</v>
      </c>
      <c r="F5358" s="2" t="s">
        <v>7585</v>
      </c>
      <c r="G5358" s="8">
        <v>259</v>
      </c>
      <c r="H5358" s="5">
        <v>6</v>
      </c>
      <c r="I5358" s="5" t="s">
        <v>1518</v>
      </c>
      <c r="J5358" s="5" t="s">
        <v>1519</v>
      </c>
      <c r="K5358" s="2" t="s">
        <v>1520</v>
      </c>
      <c r="L5358" s="5" t="s">
        <v>1519</v>
      </c>
      <c r="M5358" s="2" t="s">
        <v>1520</v>
      </c>
      <c r="N5358" s="5" t="s">
        <v>1521</v>
      </c>
      <c r="O5358" s="5" t="s">
        <v>38</v>
      </c>
      <c r="P5358" s="5" t="s">
        <v>39</v>
      </c>
      <c r="Q5358" s="5" t="s">
        <v>40</v>
      </c>
      <c r="R5358" s="5" t="s">
        <v>1522</v>
      </c>
      <c r="S5358" s="5" t="s">
        <v>1523</v>
      </c>
      <c r="T5358" s="5" t="s">
        <v>42</v>
      </c>
      <c r="U5358" s="2">
        <v>2.5169999999999999</v>
      </c>
      <c r="V5358" s="2">
        <v>1.966</v>
      </c>
      <c r="W5358" s="2">
        <v>1.2999999999999999E-2</v>
      </c>
      <c r="X5358" s="2">
        <v>99.1</v>
      </c>
      <c r="Y5358" s="2">
        <v>7.6</v>
      </c>
      <c r="Z5358" s="2">
        <v>16.7</v>
      </c>
      <c r="AA5358" s="5"/>
      <c r="AB5358" s="5" t="s">
        <v>43</v>
      </c>
      <c r="AC5358" s="5" t="s">
        <v>44</v>
      </c>
      <c r="AD5358" s="2"/>
      <c r="AE5358" s="1"/>
    </row>
    <row r="5359" spans="1:31" ht="14.45">
      <c r="A5359" s="11"/>
      <c r="B5359" s="20"/>
      <c r="C5359" s="2" t="s">
        <v>16548</v>
      </c>
      <c r="D5359" s="14" t="s">
        <v>16549</v>
      </c>
      <c r="E5359" s="2" t="s">
        <v>16550</v>
      </c>
      <c r="F5359" s="2" t="s">
        <v>7589</v>
      </c>
      <c r="G5359" s="8">
        <v>259</v>
      </c>
      <c r="H5359" s="5">
        <v>6</v>
      </c>
      <c r="I5359" s="5" t="s">
        <v>1518</v>
      </c>
      <c r="J5359" s="5" t="s">
        <v>1519</v>
      </c>
      <c r="K5359" s="2" t="s">
        <v>1520</v>
      </c>
      <c r="L5359" s="5" t="s">
        <v>1519</v>
      </c>
      <c r="M5359" s="2" t="s">
        <v>1520</v>
      </c>
      <c r="N5359" s="5" t="s">
        <v>1521</v>
      </c>
      <c r="O5359" s="5" t="s">
        <v>38</v>
      </c>
      <c r="P5359" s="5" t="s">
        <v>39</v>
      </c>
      <c r="Q5359" s="5" t="s">
        <v>40</v>
      </c>
      <c r="R5359" s="5" t="s">
        <v>1522</v>
      </c>
      <c r="S5359" s="5" t="s">
        <v>1523</v>
      </c>
      <c r="T5359" s="5" t="s">
        <v>42</v>
      </c>
      <c r="U5359" s="2">
        <v>2.59</v>
      </c>
      <c r="V5359" s="2">
        <v>2.0390000000000001</v>
      </c>
      <c r="W5359" s="2">
        <v>1.2999999999999999E-2</v>
      </c>
      <c r="X5359" s="2">
        <v>99.1</v>
      </c>
      <c r="Y5359" s="2">
        <v>7.6</v>
      </c>
      <c r="Z5359" s="2">
        <v>16.7</v>
      </c>
      <c r="AA5359" s="5"/>
      <c r="AB5359" s="5" t="s">
        <v>43</v>
      </c>
      <c r="AC5359" s="5" t="s">
        <v>44</v>
      </c>
      <c r="AD5359" s="2"/>
      <c r="AE5359" s="1"/>
    </row>
    <row r="5360" spans="1:31" ht="14.45">
      <c r="A5360" s="11"/>
      <c r="B5360" s="20"/>
      <c r="C5360" s="2" t="s">
        <v>16551</v>
      </c>
      <c r="D5360" s="14" t="s">
        <v>16552</v>
      </c>
      <c r="E5360" s="2" t="s">
        <v>16553</v>
      </c>
      <c r="F5360" s="2" t="s">
        <v>7593</v>
      </c>
      <c r="G5360" s="8">
        <v>259</v>
      </c>
      <c r="H5360" s="5">
        <v>6</v>
      </c>
      <c r="I5360" s="5" t="s">
        <v>1518</v>
      </c>
      <c r="J5360" s="5" t="s">
        <v>1519</v>
      </c>
      <c r="K5360" s="2" t="s">
        <v>1520</v>
      </c>
      <c r="L5360" s="5" t="s">
        <v>1519</v>
      </c>
      <c r="M5360" s="2" t="s">
        <v>1520</v>
      </c>
      <c r="N5360" s="5" t="s">
        <v>1521</v>
      </c>
      <c r="O5360" s="5" t="s">
        <v>38</v>
      </c>
      <c r="P5360" s="5" t="s">
        <v>39</v>
      </c>
      <c r="Q5360" s="5" t="s">
        <v>40</v>
      </c>
      <c r="R5360" s="5" t="s">
        <v>1522</v>
      </c>
      <c r="S5360" s="5" t="s">
        <v>1523</v>
      </c>
      <c r="T5360" s="5" t="s">
        <v>42</v>
      </c>
      <c r="U5360" s="2">
        <v>2.5310000000000001</v>
      </c>
      <c r="V5360" s="2">
        <v>1.98</v>
      </c>
      <c r="W5360" s="2">
        <v>1.2999999999999999E-2</v>
      </c>
      <c r="X5360" s="2">
        <v>99.1</v>
      </c>
      <c r="Y5360" s="2">
        <v>7.6</v>
      </c>
      <c r="Z5360" s="2">
        <v>16.7</v>
      </c>
      <c r="AA5360" s="5"/>
      <c r="AB5360" s="5" t="s">
        <v>43</v>
      </c>
      <c r="AC5360" s="5" t="s">
        <v>44</v>
      </c>
      <c r="AD5360" s="2"/>
      <c r="AE5360" s="1"/>
    </row>
    <row r="5361" spans="1:31" ht="14.45">
      <c r="A5361" s="11"/>
      <c r="B5361" s="20"/>
      <c r="C5361" s="2" t="s">
        <v>16554</v>
      </c>
      <c r="D5361" s="14" t="s">
        <v>16555</v>
      </c>
      <c r="E5361" s="2" t="s">
        <v>16556</v>
      </c>
      <c r="F5361" s="2" t="s">
        <v>16014</v>
      </c>
      <c r="G5361" s="8">
        <v>259</v>
      </c>
      <c r="H5361" s="5">
        <v>6</v>
      </c>
      <c r="I5361" s="5" t="s">
        <v>1518</v>
      </c>
      <c r="J5361" s="5" t="s">
        <v>1519</v>
      </c>
      <c r="K5361" s="2" t="s">
        <v>1520</v>
      </c>
      <c r="L5361" s="5" t="s">
        <v>1519</v>
      </c>
      <c r="M5361" s="2" t="s">
        <v>1520</v>
      </c>
      <c r="N5361" s="5" t="s">
        <v>1521</v>
      </c>
      <c r="O5361" s="5" t="s">
        <v>38</v>
      </c>
      <c r="P5361" s="5" t="s">
        <v>39</v>
      </c>
      <c r="Q5361" s="5" t="s">
        <v>40</v>
      </c>
      <c r="R5361" s="5" t="s">
        <v>1522</v>
      </c>
      <c r="S5361" s="5" t="s">
        <v>1523</v>
      </c>
      <c r="T5361" s="5" t="s">
        <v>42</v>
      </c>
      <c r="U5361" s="2">
        <v>2.5310000000000001</v>
      </c>
      <c r="V5361" s="2">
        <v>1.98</v>
      </c>
      <c r="W5361" s="2">
        <v>1.2999999999999999E-2</v>
      </c>
      <c r="X5361" s="2">
        <v>99.1</v>
      </c>
      <c r="Y5361" s="2">
        <v>7.6</v>
      </c>
      <c r="Z5361" s="2">
        <v>16.7</v>
      </c>
      <c r="AA5361" s="5"/>
      <c r="AB5361" s="5" t="s">
        <v>43</v>
      </c>
      <c r="AC5361" s="5" t="s">
        <v>44</v>
      </c>
      <c r="AD5361" s="2"/>
      <c r="AE5361" s="1"/>
    </row>
    <row r="5362" spans="1:31" ht="14.45">
      <c r="A5362" s="11"/>
      <c r="B5362" s="20"/>
      <c r="C5362" s="2" t="s">
        <v>16557</v>
      </c>
      <c r="D5362" s="14" t="s">
        <v>16558</v>
      </c>
      <c r="E5362" s="2" t="s">
        <v>16559</v>
      </c>
      <c r="F5362" s="2" t="s">
        <v>16018</v>
      </c>
      <c r="G5362" s="8">
        <v>259</v>
      </c>
      <c r="H5362" s="5">
        <v>6</v>
      </c>
      <c r="I5362" s="5" t="s">
        <v>1518</v>
      </c>
      <c r="J5362" s="5" t="s">
        <v>1519</v>
      </c>
      <c r="K5362" s="2" t="s">
        <v>1520</v>
      </c>
      <c r="L5362" s="5" t="s">
        <v>1519</v>
      </c>
      <c r="M5362" s="2" t="s">
        <v>1520</v>
      </c>
      <c r="N5362" s="5" t="s">
        <v>1521</v>
      </c>
      <c r="O5362" s="5" t="s">
        <v>38</v>
      </c>
      <c r="P5362" s="5" t="s">
        <v>39</v>
      </c>
      <c r="Q5362" s="5" t="s">
        <v>40</v>
      </c>
      <c r="R5362" s="5" t="s">
        <v>1522</v>
      </c>
      <c r="S5362" s="5" t="s">
        <v>1523</v>
      </c>
      <c r="T5362" s="5" t="s">
        <v>42</v>
      </c>
      <c r="U5362" s="2">
        <v>2.5310000000000001</v>
      </c>
      <c r="V5362" s="2">
        <v>1.98</v>
      </c>
      <c r="W5362" s="2">
        <v>1.2999999999999999E-2</v>
      </c>
      <c r="X5362" s="2">
        <v>99.1</v>
      </c>
      <c r="Y5362" s="2">
        <v>7.6</v>
      </c>
      <c r="Z5362" s="2">
        <v>16.7</v>
      </c>
      <c r="AA5362" s="5"/>
      <c r="AB5362" s="5" t="s">
        <v>43</v>
      </c>
      <c r="AC5362" s="5" t="s">
        <v>44</v>
      </c>
      <c r="AD5362" s="2"/>
      <c r="AE5362" s="1"/>
    </row>
    <row r="5363" spans="1:31" ht="14.45">
      <c r="A5363" s="11"/>
      <c r="B5363" s="20"/>
      <c r="C5363" s="2" t="s">
        <v>16560</v>
      </c>
      <c r="D5363" s="14" t="s">
        <v>16561</v>
      </c>
      <c r="E5363" s="2" t="s">
        <v>16562</v>
      </c>
      <c r="F5363" s="2" t="s">
        <v>16022</v>
      </c>
      <c r="G5363" s="8">
        <v>259</v>
      </c>
      <c r="H5363" s="5">
        <v>6</v>
      </c>
      <c r="I5363" s="5" t="s">
        <v>1518</v>
      </c>
      <c r="J5363" s="5" t="s">
        <v>1519</v>
      </c>
      <c r="K5363" s="2" t="s">
        <v>1520</v>
      </c>
      <c r="L5363" s="5" t="s">
        <v>1519</v>
      </c>
      <c r="M5363" s="2" t="s">
        <v>1520</v>
      </c>
      <c r="N5363" s="5" t="s">
        <v>1521</v>
      </c>
      <c r="O5363" s="5" t="s">
        <v>38</v>
      </c>
      <c r="P5363" s="5" t="s">
        <v>39</v>
      </c>
      <c r="Q5363" s="5" t="s">
        <v>40</v>
      </c>
      <c r="R5363" s="5" t="s">
        <v>1522</v>
      </c>
      <c r="S5363" s="5" t="s">
        <v>1523</v>
      </c>
      <c r="T5363" s="5" t="s">
        <v>42</v>
      </c>
      <c r="U5363" s="2">
        <v>2.6040000000000001</v>
      </c>
      <c r="V5363" s="2">
        <v>2.0529999999999999</v>
      </c>
      <c r="W5363" s="2">
        <v>1.2999999999999999E-2</v>
      </c>
      <c r="X5363" s="2">
        <v>99.1</v>
      </c>
      <c r="Y5363" s="2">
        <v>7.6</v>
      </c>
      <c r="Z5363" s="2">
        <v>16.7</v>
      </c>
      <c r="AA5363" s="5"/>
      <c r="AB5363" s="5" t="s">
        <v>43</v>
      </c>
      <c r="AC5363" s="5" t="s">
        <v>44</v>
      </c>
      <c r="AD5363" s="2"/>
      <c r="AE5363" s="1"/>
    </row>
    <row r="5364" spans="1:31" ht="14.45">
      <c r="A5364" s="11"/>
      <c r="B5364" s="20"/>
      <c r="C5364" s="2" t="s">
        <v>16563</v>
      </c>
      <c r="D5364" s="14" t="s">
        <v>16564</v>
      </c>
      <c r="E5364" s="2" t="s">
        <v>16565</v>
      </c>
      <c r="F5364" s="2" t="s">
        <v>7615</v>
      </c>
      <c r="G5364" s="8">
        <v>259</v>
      </c>
      <c r="H5364" s="5">
        <v>6</v>
      </c>
      <c r="I5364" s="5" t="s">
        <v>1518</v>
      </c>
      <c r="J5364" s="5" t="s">
        <v>1519</v>
      </c>
      <c r="K5364" s="2" t="s">
        <v>1520</v>
      </c>
      <c r="L5364" s="5" t="s">
        <v>1519</v>
      </c>
      <c r="M5364" s="2" t="s">
        <v>1520</v>
      </c>
      <c r="N5364" s="5" t="s">
        <v>1521</v>
      </c>
      <c r="O5364" s="5" t="s">
        <v>38</v>
      </c>
      <c r="P5364" s="5" t="s">
        <v>39</v>
      </c>
      <c r="Q5364" s="5" t="s">
        <v>40</v>
      </c>
      <c r="R5364" s="5" t="s">
        <v>1522</v>
      </c>
      <c r="S5364" s="5" t="s">
        <v>1523</v>
      </c>
      <c r="T5364" s="5" t="s">
        <v>42</v>
      </c>
      <c r="U5364" s="2">
        <v>2.5169999999999999</v>
      </c>
      <c r="V5364" s="2">
        <v>1.966</v>
      </c>
      <c r="W5364" s="2">
        <v>1.2999999999999999E-2</v>
      </c>
      <c r="X5364" s="2">
        <v>99.1</v>
      </c>
      <c r="Y5364" s="2">
        <v>7.6</v>
      </c>
      <c r="Z5364" s="2">
        <v>16.7</v>
      </c>
      <c r="AA5364" s="5"/>
      <c r="AB5364" s="5" t="s">
        <v>43</v>
      </c>
      <c r="AC5364" s="5" t="s">
        <v>44</v>
      </c>
      <c r="AD5364" s="2"/>
      <c r="AE5364" s="1"/>
    </row>
    <row r="5365" spans="1:31" ht="14.45">
      <c r="A5365" s="11"/>
      <c r="B5365" s="20"/>
      <c r="C5365" s="2" t="s">
        <v>16566</v>
      </c>
      <c r="D5365" s="14" t="s">
        <v>16567</v>
      </c>
      <c r="E5365" s="2" t="s">
        <v>16568</v>
      </c>
      <c r="F5365" s="2" t="s">
        <v>16029</v>
      </c>
      <c r="G5365" s="8">
        <v>259</v>
      </c>
      <c r="H5365" s="5">
        <v>11</v>
      </c>
      <c r="I5365" s="5" t="s">
        <v>1518</v>
      </c>
      <c r="J5365" s="5" t="s">
        <v>1519</v>
      </c>
      <c r="K5365" s="2" t="s">
        <v>1520</v>
      </c>
      <c r="L5365" s="5" t="s">
        <v>1519</v>
      </c>
      <c r="M5365" s="2" t="s">
        <v>1520</v>
      </c>
      <c r="N5365" s="5" t="s">
        <v>1521</v>
      </c>
      <c r="O5365" s="5" t="s">
        <v>38</v>
      </c>
      <c r="P5365" s="5" t="s">
        <v>39</v>
      </c>
      <c r="Q5365" s="5" t="s">
        <v>40</v>
      </c>
      <c r="R5365" s="5" t="s">
        <v>1522</v>
      </c>
      <c r="S5365" s="5" t="s">
        <v>1523</v>
      </c>
      <c r="T5365" s="5" t="s">
        <v>42</v>
      </c>
      <c r="U5365" s="2">
        <v>2.5219999999999998</v>
      </c>
      <c r="V5365" s="2">
        <v>1.9710000000000001</v>
      </c>
      <c r="W5365" s="2">
        <v>1.2999999999999999E-2</v>
      </c>
      <c r="X5365" s="2">
        <v>99.1</v>
      </c>
      <c r="Y5365" s="2">
        <v>7.6</v>
      </c>
      <c r="Z5365" s="2">
        <v>16.7</v>
      </c>
      <c r="AA5365" s="5"/>
      <c r="AB5365" s="5" t="s">
        <v>43</v>
      </c>
      <c r="AC5365" s="5" t="s">
        <v>44</v>
      </c>
      <c r="AD5365" s="2"/>
      <c r="AE5365" s="1"/>
    </row>
    <row r="5366" spans="1:31" ht="14.45">
      <c r="A5366" s="11"/>
      <c r="B5366" s="20"/>
      <c r="C5366" s="2" t="s">
        <v>16569</v>
      </c>
      <c r="D5366" s="14" t="s">
        <v>16570</v>
      </c>
      <c r="E5366" s="2" t="s">
        <v>16571</v>
      </c>
      <c r="F5366" s="2" t="s">
        <v>16033</v>
      </c>
      <c r="G5366" s="8">
        <v>259</v>
      </c>
      <c r="H5366" s="5">
        <v>11</v>
      </c>
      <c r="I5366" s="5" t="s">
        <v>1518</v>
      </c>
      <c r="J5366" s="5" t="s">
        <v>1519</v>
      </c>
      <c r="K5366" s="2" t="s">
        <v>1520</v>
      </c>
      <c r="L5366" s="5" t="s">
        <v>1519</v>
      </c>
      <c r="M5366" s="2" t="s">
        <v>1520</v>
      </c>
      <c r="N5366" s="5" t="s">
        <v>1521</v>
      </c>
      <c r="O5366" s="5" t="s">
        <v>38</v>
      </c>
      <c r="P5366" s="5" t="s">
        <v>39</v>
      </c>
      <c r="Q5366" s="5" t="s">
        <v>40</v>
      </c>
      <c r="R5366" s="5" t="s">
        <v>1522</v>
      </c>
      <c r="S5366" s="5" t="s">
        <v>1523</v>
      </c>
      <c r="T5366" s="5" t="s">
        <v>42</v>
      </c>
      <c r="U5366" s="2">
        <v>2.5950000000000002</v>
      </c>
      <c r="V5366" s="2">
        <v>2.044</v>
      </c>
      <c r="W5366" s="2">
        <v>1.2999999999999999E-2</v>
      </c>
      <c r="X5366" s="2">
        <v>99.1</v>
      </c>
      <c r="Y5366" s="2">
        <v>7.6</v>
      </c>
      <c r="Z5366" s="2">
        <v>16.7</v>
      </c>
      <c r="AA5366" s="5"/>
      <c r="AB5366" s="5" t="s">
        <v>43</v>
      </c>
      <c r="AC5366" s="5" t="s">
        <v>44</v>
      </c>
      <c r="AD5366" s="2"/>
      <c r="AE5366" s="1"/>
    </row>
    <row r="5367" spans="1:31" ht="14.45">
      <c r="A5367" s="11"/>
      <c r="B5367" s="20"/>
      <c r="C5367" s="2" t="s">
        <v>16572</v>
      </c>
      <c r="D5367" s="14" t="s">
        <v>16573</v>
      </c>
      <c r="E5367" s="2" t="s">
        <v>16574</v>
      </c>
      <c r="F5367" s="2" t="s">
        <v>7396</v>
      </c>
      <c r="G5367" s="8">
        <v>246</v>
      </c>
      <c r="H5367" s="5">
        <v>6</v>
      </c>
      <c r="I5367" s="5" t="s">
        <v>1518</v>
      </c>
      <c r="J5367" s="5" t="s">
        <v>1519</v>
      </c>
      <c r="K5367" s="2" t="s">
        <v>1520</v>
      </c>
      <c r="L5367" s="5" t="s">
        <v>1519</v>
      </c>
      <c r="M5367" s="2" t="s">
        <v>1520</v>
      </c>
      <c r="N5367" s="5" t="s">
        <v>1521</v>
      </c>
      <c r="O5367" s="5" t="s">
        <v>38</v>
      </c>
      <c r="P5367" s="5" t="s">
        <v>39</v>
      </c>
      <c r="Q5367" s="5" t="s">
        <v>40</v>
      </c>
      <c r="R5367" s="5" t="s">
        <v>1522</v>
      </c>
      <c r="S5367" s="5" t="s">
        <v>1523</v>
      </c>
      <c r="T5367" s="5" t="s">
        <v>42</v>
      </c>
      <c r="U5367" s="2">
        <v>2.6890000000000001</v>
      </c>
      <c r="V5367" s="2">
        <v>2.1379999999999999</v>
      </c>
      <c r="W5367" s="2">
        <v>1.4999999999999999E-2</v>
      </c>
      <c r="X5367" s="2">
        <v>118.9</v>
      </c>
      <c r="Y5367" s="2">
        <v>7.6</v>
      </c>
      <c r="Z5367" s="2">
        <v>16.7</v>
      </c>
      <c r="AA5367" s="5"/>
      <c r="AB5367" s="5" t="s">
        <v>43</v>
      </c>
      <c r="AC5367" s="5" t="s">
        <v>44</v>
      </c>
      <c r="AD5367" s="2"/>
      <c r="AE5367" s="1"/>
    </row>
    <row r="5368" spans="1:31" ht="14.45">
      <c r="A5368" s="11"/>
      <c r="B5368" s="20"/>
      <c r="C5368" s="2" t="s">
        <v>16575</v>
      </c>
      <c r="D5368" s="14" t="s">
        <v>16576</v>
      </c>
      <c r="E5368" s="2" t="s">
        <v>16577</v>
      </c>
      <c r="F5368" s="2" t="s">
        <v>7507</v>
      </c>
      <c r="G5368" s="8">
        <v>246</v>
      </c>
      <c r="H5368" s="5">
        <v>6</v>
      </c>
      <c r="I5368" s="5" t="s">
        <v>1518</v>
      </c>
      <c r="J5368" s="5" t="s">
        <v>1519</v>
      </c>
      <c r="K5368" s="2" t="s">
        <v>1520</v>
      </c>
      <c r="L5368" s="5" t="s">
        <v>1519</v>
      </c>
      <c r="M5368" s="2" t="s">
        <v>1520</v>
      </c>
      <c r="N5368" s="5" t="s">
        <v>1521</v>
      </c>
      <c r="O5368" s="5" t="s">
        <v>38</v>
      </c>
      <c r="P5368" s="5" t="s">
        <v>39</v>
      </c>
      <c r="Q5368" s="5" t="s">
        <v>40</v>
      </c>
      <c r="R5368" s="5" t="s">
        <v>1522</v>
      </c>
      <c r="S5368" s="5" t="s">
        <v>1523</v>
      </c>
      <c r="T5368" s="5" t="s">
        <v>42</v>
      </c>
      <c r="U5368" s="2">
        <v>2.7759999999999998</v>
      </c>
      <c r="V5368" s="2">
        <v>2.2250000000000001</v>
      </c>
      <c r="W5368" s="2">
        <v>1.4999999999999999E-2</v>
      </c>
      <c r="X5368" s="2">
        <v>118.9</v>
      </c>
      <c r="Y5368" s="2">
        <v>7.6</v>
      </c>
      <c r="Z5368" s="2">
        <v>16.7</v>
      </c>
      <c r="AA5368" s="5"/>
      <c r="AB5368" s="5" t="s">
        <v>43</v>
      </c>
      <c r="AC5368" s="5" t="s">
        <v>44</v>
      </c>
      <c r="AD5368" s="2"/>
      <c r="AE5368" s="1"/>
    </row>
    <row r="5369" spans="1:31" ht="14.45">
      <c r="A5369" s="11"/>
      <c r="B5369" s="20"/>
      <c r="C5369" s="2" t="s">
        <v>16578</v>
      </c>
      <c r="D5369" s="14" t="s">
        <v>16579</v>
      </c>
      <c r="E5369" s="2" t="s">
        <v>16580</v>
      </c>
      <c r="F5369" s="2" t="s">
        <v>7204</v>
      </c>
      <c r="G5369" s="8">
        <v>246</v>
      </c>
      <c r="H5369" s="5">
        <v>6</v>
      </c>
      <c r="I5369" s="5" t="s">
        <v>1518</v>
      </c>
      <c r="J5369" s="5" t="s">
        <v>1519</v>
      </c>
      <c r="K5369" s="2" t="s">
        <v>1520</v>
      </c>
      <c r="L5369" s="5" t="s">
        <v>1519</v>
      </c>
      <c r="M5369" s="2" t="s">
        <v>1520</v>
      </c>
      <c r="N5369" s="5" t="s">
        <v>1521</v>
      </c>
      <c r="O5369" s="5" t="s">
        <v>38</v>
      </c>
      <c r="P5369" s="5" t="s">
        <v>39</v>
      </c>
      <c r="Q5369" s="5" t="s">
        <v>40</v>
      </c>
      <c r="R5369" s="5" t="s">
        <v>1522</v>
      </c>
      <c r="S5369" s="5" t="s">
        <v>1523</v>
      </c>
      <c r="T5369" s="5" t="s">
        <v>42</v>
      </c>
      <c r="U5369" s="2">
        <v>2.6949999999999998</v>
      </c>
      <c r="V5369" s="2">
        <v>2.1440000000000001</v>
      </c>
      <c r="W5369" s="2">
        <v>1.4999999999999999E-2</v>
      </c>
      <c r="X5369" s="2">
        <v>118.9</v>
      </c>
      <c r="Y5369" s="2">
        <v>7.6</v>
      </c>
      <c r="Z5369" s="2">
        <v>16.7</v>
      </c>
      <c r="AA5369" s="5"/>
      <c r="AB5369" s="5" t="s">
        <v>43</v>
      </c>
      <c r="AC5369" s="5" t="s">
        <v>44</v>
      </c>
      <c r="AD5369" s="2"/>
      <c r="AE5369" s="1"/>
    </row>
    <row r="5370" spans="1:31" ht="14.45">
      <c r="A5370" s="11"/>
      <c r="B5370" s="20"/>
      <c r="C5370" s="2" t="s">
        <v>16581</v>
      </c>
      <c r="D5370" s="14" t="s">
        <v>16582</v>
      </c>
      <c r="E5370" s="2" t="s">
        <v>16583</v>
      </c>
      <c r="F5370" s="2" t="s">
        <v>7514</v>
      </c>
      <c r="G5370" s="8">
        <v>246</v>
      </c>
      <c r="H5370" s="5">
        <v>6</v>
      </c>
      <c r="I5370" s="5" t="s">
        <v>1518</v>
      </c>
      <c r="J5370" s="5" t="s">
        <v>1519</v>
      </c>
      <c r="K5370" s="2" t="s">
        <v>1520</v>
      </c>
      <c r="L5370" s="5" t="s">
        <v>1519</v>
      </c>
      <c r="M5370" s="2" t="s">
        <v>1520</v>
      </c>
      <c r="N5370" s="5" t="s">
        <v>1521</v>
      </c>
      <c r="O5370" s="5" t="s">
        <v>38</v>
      </c>
      <c r="P5370" s="5" t="s">
        <v>39</v>
      </c>
      <c r="Q5370" s="5" t="s">
        <v>40</v>
      </c>
      <c r="R5370" s="5" t="s">
        <v>1522</v>
      </c>
      <c r="S5370" s="5" t="s">
        <v>1523</v>
      </c>
      <c r="T5370" s="5" t="s">
        <v>42</v>
      </c>
      <c r="U5370" s="2">
        <v>2.782</v>
      </c>
      <c r="V5370" s="2">
        <v>2.2309999999999999</v>
      </c>
      <c r="W5370" s="2">
        <v>1.4999999999999999E-2</v>
      </c>
      <c r="X5370" s="2">
        <v>118.9</v>
      </c>
      <c r="Y5370" s="2">
        <v>7.6</v>
      </c>
      <c r="Z5370" s="2">
        <v>16.7</v>
      </c>
      <c r="AA5370" s="5"/>
      <c r="AB5370" s="5" t="s">
        <v>43</v>
      </c>
      <c r="AC5370" s="5" t="s">
        <v>44</v>
      </c>
      <c r="AD5370" s="2"/>
      <c r="AE5370" s="1"/>
    </row>
    <row r="5371" spans="1:31" ht="14.45">
      <c r="A5371" s="11"/>
      <c r="B5371" s="20"/>
      <c r="C5371" s="2" t="s">
        <v>16584</v>
      </c>
      <c r="D5371" s="14" t="s">
        <v>16585</v>
      </c>
      <c r="E5371" s="2" t="s">
        <v>16586</v>
      </c>
      <c r="F5371" s="2" t="s">
        <v>7208</v>
      </c>
      <c r="G5371" s="8">
        <v>246</v>
      </c>
      <c r="H5371" s="5">
        <v>6</v>
      </c>
      <c r="I5371" s="5" t="s">
        <v>1518</v>
      </c>
      <c r="J5371" s="5" t="s">
        <v>1519</v>
      </c>
      <c r="K5371" s="2" t="s">
        <v>1520</v>
      </c>
      <c r="L5371" s="5" t="s">
        <v>1519</v>
      </c>
      <c r="M5371" s="2" t="s">
        <v>1520</v>
      </c>
      <c r="N5371" s="5" t="s">
        <v>1521</v>
      </c>
      <c r="O5371" s="5" t="s">
        <v>38</v>
      </c>
      <c r="P5371" s="5" t="s">
        <v>39</v>
      </c>
      <c r="Q5371" s="5" t="s">
        <v>40</v>
      </c>
      <c r="R5371" s="5" t="s">
        <v>1522</v>
      </c>
      <c r="S5371" s="5" t="s">
        <v>1523</v>
      </c>
      <c r="T5371" s="5" t="s">
        <v>42</v>
      </c>
      <c r="U5371" s="2">
        <v>2.6949999999999998</v>
      </c>
      <c r="V5371" s="2">
        <v>2.1440000000000001</v>
      </c>
      <c r="W5371" s="2">
        <v>1.4999999999999999E-2</v>
      </c>
      <c r="X5371" s="2">
        <v>118.9</v>
      </c>
      <c r="Y5371" s="2">
        <v>7.6</v>
      </c>
      <c r="Z5371" s="2">
        <v>16.7</v>
      </c>
      <c r="AA5371" s="5"/>
      <c r="AB5371" s="5" t="s">
        <v>43</v>
      </c>
      <c r="AC5371" s="5" t="s">
        <v>44</v>
      </c>
      <c r="AD5371" s="2"/>
      <c r="AE5371" s="1"/>
    </row>
    <row r="5372" spans="1:31" ht="14.45">
      <c r="A5372" s="11"/>
      <c r="B5372" s="20"/>
      <c r="C5372" s="2" t="s">
        <v>16587</v>
      </c>
      <c r="D5372" s="14" t="s">
        <v>16588</v>
      </c>
      <c r="E5372" s="2" t="s">
        <v>16589</v>
      </c>
      <c r="F5372" s="2" t="s">
        <v>7521</v>
      </c>
      <c r="G5372" s="8">
        <v>246</v>
      </c>
      <c r="H5372" s="5">
        <v>6</v>
      </c>
      <c r="I5372" s="5" t="s">
        <v>1518</v>
      </c>
      <c r="J5372" s="5" t="s">
        <v>1519</v>
      </c>
      <c r="K5372" s="2" t="s">
        <v>1520</v>
      </c>
      <c r="L5372" s="5" t="s">
        <v>1519</v>
      </c>
      <c r="M5372" s="2" t="s">
        <v>1520</v>
      </c>
      <c r="N5372" s="5" t="s">
        <v>1521</v>
      </c>
      <c r="O5372" s="5" t="s">
        <v>38</v>
      </c>
      <c r="P5372" s="5" t="s">
        <v>39</v>
      </c>
      <c r="Q5372" s="5" t="s">
        <v>40</v>
      </c>
      <c r="R5372" s="5" t="s">
        <v>1522</v>
      </c>
      <c r="S5372" s="5" t="s">
        <v>1523</v>
      </c>
      <c r="T5372" s="5" t="s">
        <v>42</v>
      </c>
      <c r="U5372" s="2">
        <v>2.782</v>
      </c>
      <c r="V5372" s="2">
        <v>2.2309999999999999</v>
      </c>
      <c r="W5372" s="2">
        <v>1.4999999999999999E-2</v>
      </c>
      <c r="X5372" s="2">
        <v>118.9</v>
      </c>
      <c r="Y5372" s="2">
        <v>7.6</v>
      </c>
      <c r="Z5372" s="2">
        <v>16.7</v>
      </c>
      <c r="AA5372" s="5"/>
      <c r="AB5372" s="5" t="s">
        <v>43</v>
      </c>
      <c r="AC5372" s="5" t="s">
        <v>44</v>
      </c>
      <c r="AD5372" s="2"/>
      <c r="AE5372" s="1"/>
    </row>
    <row r="5373" spans="1:31" ht="14.45">
      <c r="A5373" s="11"/>
      <c r="B5373" s="20"/>
      <c r="C5373" s="2" t="s">
        <v>16590</v>
      </c>
      <c r="D5373" s="14" t="s">
        <v>16591</v>
      </c>
      <c r="E5373" s="2" t="s">
        <v>16592</v>
      </c>
      <c r="F5373" s="2" t="s">
        <v>7212</v>
      </c>
      <c r="G5373" s="8">
        <v>246</v>
      </c>
      <c r="H5373" s="5">
        <v>6</v>
      </c>
      <c r="I5373" s="5" t="s">
        <v>1518</v>
      </c>
      <c r="J5373" s="5" t="s">
        <v>1519</v>
      </c>
      <c r="K5373" s="2" t="s">
        <v>1520</v>
      </c>
      <c r="L5373" s="5" t="s">
        <v>1519</v>
      </c>
      <c r="M5373" s="2" t="s">
        <v>1520</v>
      </c>
      <c r="N5373" s="5" t="s">
        <v>1521</v>
      </c>
      <c r="O5373" s="5" t="s">
        <v>38</v>
      </c>
      <c r="P5373" s="5" t="s">
        <v>39</v>
      </c>
      <c r="Q5373" s="5" t="s">
        <v>40</v>
      </c>
      <c r="R5373" s="5" t="s">
        <v>1522</v>
      </c>
      <c r="S5373" s="5" t="s">
        <v>1523</v>
      </c>
      <c r="T5373" s="5" t="s">
        <v>42</v>
      </c>
      <c r="U5373" s="2">
        <v>2.6779999999999999</v>
      </c>
      <c r="V5373" s="2">
        <v>2.1269999999999998</v>
      </c>
      <c r="W5373" s="2">
        <v>1.4999999999999999E-2</v>
      </c>
      <c r="X5373" s="2">
        <v>118.9</v>
      </c>
      <c r="Y5373" s="2">
        <v>7.6</v>
      </c>
      <c r="Z5373" s="2">
        <v>16.7</v>
      </c>
      <c r="AA5373" s="5"/>
      <c r="AB5373" s="5" t="s">
        <v>43</v>
      </c>
      <c r="AC5373" s="5" t="s">
        <v>44</v>
      </c>
      <c r="AD5373" s="2"/>
      <c r="AE5373" s="1"/>
    </row>
    <row r="5374" spans="1:31" ht="14.45">
      <c r="A5374" s="11"/>
      <c r="B5374" s="20"/>
      <c r="C5374" s="2" t="s">
        <v>16593</v>
      </c>
      <c r="D5374" s="14" t="s">
        <v>16594</v>
      </c>
      <c r="E5374" s="2" t="s">
        <v>16595</v>
      </c>
      <c r="F5374" s="2" t="s">
        <v>7528</v>
      </c>
      <c r="G5374" s="8">
        <v>246</v>
      </c>
      <c r="H5374" s="5">
        <v>6</v>
      </c>
      <c r="I5374" s="5" t="s">
        <v>1518</v>
      </c>
      <c r="J5374" s="5" t="s">
        <v>1519</v>
      </c>
      <c r="K5374" s="2" t="s">
        <v>1520</v>
      </c>
      <c r="L5374" s="5" t="s">
        <v>1519</v>
      </c>
      <c r="M5374" s="2" t="s">
        <v>1520</v>
      </c>
      <c r="N5374" s="5" t="s">
        <v>1521</v>
      </c>
      <c r="O5374" s="5" t="s">
        <v>38</v>
      </c>
      <c r="P5374" s="5" t="s">
        <v>39</v>
      </c>
      <c r="Q5374" s="5" t="s">
        <v>40</v>
      </c>
      <c r="R5374" s="5" t="s">
        <v>1522</v>
      </c>
      <c r="S5374" s="5" t="s">
        <v>1523</v>
      </c>
      <c r="T5374" s="5" t="s">
        <v>42</v>
      </c>
      <c r="U5374" s="2">
        <v>2.7650000000000001</v>
      </c>
      <c r="V5374" s="2">
        <v>2.214</v>
      </c>
      <c r="W5374" s="2">
        <v>1.4999999999999999E-2</v>
      </c>
      <c r="X5374" s="2">
        <v>118.9</v>
      </c>
      <c r="Y5374" s="2">
        <v>7.6</v>
      </c>
      <c r="Z5374" s="2">
        <v>16.7</v>
      </c>
      <c r="AA5374" s="5"/>
      <c r="AB5374" s="5" t="s">
        <v>43</v>
      </c>
      <c r="AC5374" s="5" t="s">
        <v>44</v>
      </c>
      <c r="AD5374" s="2"/>
      <c r="AE5374" s="1"/>
    </row>
    <row r="5375" spans="1:31" ht="14.45">
      <c r="A5375" s="11"/>
      <c r="B5375" s="20"/>
      <c r="C5375" s="2" t="s">
        <v>16596</v>
      </c>
      <c r="D5375" s="14" t="s">
        <v>16597</v>
      </c>
      <c r="E5375" s="2" t="s">
        <v>16598</v>
      </c>
      <c r="F5375" s="2" t="s">
        <v>7535</v>
      </c>
      <c r="G5375" s="8">
        <v>263</v>
      </c>
      <c r="H5375" s="5">
        <v>6</v>
      </c>
      <c r="I5375" s="5" t="s">
        <v>1518</v>
      </c>
      <c r="J5375" s="5" t="s">
        <v>1519</v>
      </c>
      <c r="K5375" s="2" t="s">
        <v>1520</v>
      </c>
      <c r="L5375" s="5" t="s">
        <v>1519</v>
      </c>
      <c r="M5375" s="2" t="s">
        <v>1520</v>
      </c>
      <c r="N5375" s="5" t="s">
        <v>1521</v>
      </c>
      <c r="O5375" s="5" t="s">
        <v>38</v>
      </c>
      <c r="P5375" s="5" t="s">
        <v>39</v>
      </c>
      <c r="Q5375" s="5" t="s">
        <v>40</v>
      </c>
      <c r="R5375" s="5" t="s">
        <v>1522</v>
      </c>
      <c r="S5375" s="5" t="s">
        <v>1523</v>
      </c>
      <c r="T5375" s="5" t="s">
        <v>42</v>
      </c>
      <c r="U5375" s="2">
        <v>2.7650000000000001</v>
      </c>
      <c r="V5375" s="2">
        <v>2.214</v>
      </c>
      <c r="W5375" s="2">
        <v>1.4999999999999999E-2</v>
      </c>
      <c r="X5375" s="2">
        <v>118.9</v>
      </c>
      <c r="Y5375" s="2">
        <v>7.6</v>
      </c>
      <c r="Z5375" s="2">
        <v>16.7</v>
      </c>
      <c r="AA5375" s="5"/>
      <c r="AB5375" s="5" t="s">
        <v>43</v>
      </c>
      <c r="AC5375" s="5" t="s">
        <v>44</v>
      </c>
      <c r="AD5375" s="2"/>
      <c r="AE5375" s="1"/>
    </row>
    <row r="5376" spans="1:31" ht="14.45">
      <c r="A5376" s="11"/>
      <c r="B5376" s="20"/>
      <c r="C5376" s="2" t="s">
        <v>16599</v>
      </c>
      <c r="D5376" s="14" t="s">
        <v>16600</v>
      </c>
      <c r="E5376" s="2" t="s">
        <v>16601</v>
      </c>
      <c r="F5376" s="2" t="s">
        <v>7567</v>
      </c>
      <c r="G5376" s="8">
        <v>263</v>
      </c>
      <c r="H5376" s="5">
        <v>6</v>
      </c>
      <c r="I5376" s="5" t="s">
        <v>1518</v>
      </c>
      <c r="J5376" s="5" t="s">
        <v>1519</v>
      </c>
      <c r="K5376" s="2" t="s">
        <v>1520</v>
      </c>
      <c r="L5376" s="5" t="s">
        <v>1519</v>
      </c>
      <c r="M5376" s="2" t="s">
        <v>1520</v>
      </c>
      <c r="N5376" s="5" t="s">
        <v>1521</v>
      </c>
      <c r="O5376" s="5" t="s">
        <v>38</v>
      </c>
      <c r="P5376" s="5" t="s">
        <v>39</v>
      </c>
      <c r="Q5376" s="5" t="s">
        <v>40</v>
      </c>
      <c r="R5376" s="5" t="s">
        <v>1522</v>
      </c>
      <c r="S5376" s="5" t="s">
        <v>1523</v>
      </c>
      <c r="T5376" s="5" t="s">
        <v>42</v>
      </c>
      <c r="U5376" s="2">
        <v>2.782</v>
      </c>
      <c r="V5376" s="2">
        <v>2.2309999999999999</v>
      </c>
      <c r="W5376" s="2">
        <v>1.4999999999999999E-2</v>
      </c>
      <c r="X5376" s="2">
        <v>118.9</v>
      </c>
      <c r="Y5376" s="2">
        <v>7.6</v>
      </c>
      <c r="Z5376" s="2">
        <v>16.7</v>
      </c>
      <c r="AA5376" s="5"/>
      <c r="AB5376" s="5" t="s">
        <v>43</v>
      </c>
      <c r="AC5376" s="5" t="s">
        <v>44</v>
      </c>
      <c r="AD5376" s="2"/>
      <c r="AE5376" s="1"/>
    </row>
    <row r="5377" spans="1:31" ht="14.45">
      <c r="A5377" s="11"/>
      <c r="B5377" s="20"/>
      <c r="C5377" s="2" t="s">
        <v>16602</v>
      </c>
      <c r="D5377" s="14" t="s">
        <v>16603</v>
      </c>
      <c r="E5377" s="2" t="s">
        <v>16604</v>
      </c>
      <c r="F5377" s="2" t="s">
        <v>16029</v>
      </c>
      <c r="G5377" s="8">
        <v>263</v>
      </c>
      <c r="H5377" s="5">
        <v>11</v>
      </c>
      <c r="I5377" s="5" t="s">
        <v>1518</v>
      </c>
      <c r="J5377" s="5" t="s">
        <v>1519</v>
      </c>
      <c r="K5377" s="2" t="s">
        <v>1520</v>
      </c>
      <c r="L5377" s="5" t="s">
        <v>1519</v>
      </c>
      <c r="M5377" s="2" t="s">
        <v>1520</v>
      </c>
      <c r="N5377" s="5" t="s">
        <v>1521</v>
      </c>
      <c r="O5377" s="5" t="s">
        <v>38</v>
      </c>
      <c r="P5377" s="5" t="s">
        <v>39</v>
      </c>
      <c r="Q5377" s="5" t="s">
        <v>40</v>
      </c>
      <c r="R5377" s="5" t="s">
        <v>1522</v>
      </c>
      <c r="S5377" s="5" t="s">
        <v>1523</v>
      </c>
      <c r="T5377" s="5" t="s">
        <v>42</v>
      </c>
      <c r="U5377" s="2">
        <v>2.6859999999999999</v>
      </c>
      <c r="V5377" s="2">
        <v>2.1349999999999998</v>
      </c>
      <c r="W5377" s="2">
        <v>1.4999999999999999E-2</v>
      </c>
      <c r="X5377" s="2">
        <v>118.9</v>
      </c>
      <c r="Y5377" s="2">
        <v>7.6</v>
      </c>
      <c r="Z5377" s="2">
        <v>16.7</v>
      </c>
      <c r="AA5377" s="5"/>
      <c r="AB5377" s="5" t="s">
        <v>43</v>
      </c>
      <c r="AC5377" s="5" t="s">
        <v>44</v>
      </c>
      <c r="AD5377" s="2"/>
      <c r="AE5377" s="1"/>
    </row>
    <row r="5378" spans="1:31" ht="14.45">
      <c r="A5378" s="11"/>
      <c r="B5378" s="20"/>
      <c r="C5378" s="2" t="s">
        <v>16605</v>
      </c>
      <c r="D5378" s="14" t="s">
        <v>16606</v>
      </c>
      <c r="E5378" s="2" t="s">
        <v>16607</v>
      </c>
      <c r="F5378" s="2" t="s">
        <v>16033</v>
      </c>
      <c r="G5378" s="8">
        <v>263</v>
      </c>
      <c r="H5378" s="5">
        <v>11</v>
      </c>
      <c r="I5378" s="5" t="s">
        <v>1518</v>
      </c>
      <c r="J5378" s="5" t="s">
        <v>1519</v>
      </c>
      <c r="K5378" s="2" t="s">
        <v>1520</v>
      </c>
      <c r="L5378" s="5" t="s">
        <v>1519</v>
      </c>
      <c r="M5378" s="2" t="s">
        <v>1520</v>
      </c>
      <c r="N5378" s="5" t="s">
        <v>1521</v>
      </c>
      <c r="O5378" s="5" t="s">
        <v>38</v>
      </c>
      <c r="P5378" s="5" t="s">
        <v>39</v>
      </c>
      <c r="Q5378" s="5" t="s">
        <v>40</v>
      </c>
      <c r="R5378" s="5" t="s">
        <v>1522</v>
      </c>
      <c r="S5378" s="5" t="s">
        <v>1523</v>
      </c>
      <c r="T5378" s="5" t="s">
        <v>42</v>
      </c>
      <c r="U5378" s="2">
        <v>2.7730000000000001</v>
      </c>
      <c r="V5378" s="2">
        <v>2.222</v>
      </c>
      <c r="W5378" s="2">
        <v>1.4999999999999999E-2</v>
      </c>
      <c r="X5378" s="2">
        <v>118.9</v>
      </c>
      <c r="Y5378" s="2">
        <v>7.6</v>
      </c>
      <c r="Z5378" s="2">
        <v>16.7</v>
      </c>
      <c r="AA5378" s="5"/>
      <c r="AB5378" s="5" t="s">
        <v>43</v>
      </c>
      <c r="AC5378" s="5" t="s">
        <v>44</v>
      </c>
      <c r="AD5378" s="2"/>
      <c r="AE5378" s="1"/>
    </row>
    <row r="5379" spans="1:31" ht="14.45">
      <c r="A5379" s="11"/>
      <c r="B5379" s="20"/>
      <c r="C5379" s="2" t="s">
        <v>16608</v>
      </c>
      <c r="D5379" s="14" t="s">
        <v>16609</v>
      </c>
      <c r="E5379" s="2" t="s">
        <v>16610</v>
      </c>
      <c r="F5379" s="2" t="s">
        <v>7396</v>
      </c>
      <c r="G5379" s="8">
        <v>232</v>
      </c>
      <c r="H5379" s="5">
        <v>6</v>
      </c>
      <c r="I5379" s="5" t="s">
        <v>1518</v>
      </c>
      <c r="J5379" s="5" t="s">
        <v>1519</v>
      </c>
      <c r="K5379" s="2" t="s">
        <v>1520</v>
      </c>
      <c r="L5379" s="5" t="s">
        <v>1519</v>
      </c>
      <c r="M5379" s="2" t="s">
        <v>1520</v>
      </c>
      <c r="N5379" s="5" t="s">
        <v>1521</v>
      </c>
      <c r="O5379" s="5" t="s">
        <v>38</v>
      </c>
      <c r="P5379" s="5" t="s">
        <v>39</v>
      </c>
      <c r="Q5379" s="5" t="s">
        <v>40</v>
      </c>
      <c r="R5379" s="5" t="s">
        <v>1522</v>
      </c>
      <c r="S5379" s="5" t="s">
        <v>1523</v>
      </c>
      <c r="T5379" s="5" t="s">
        <v>42</v>
      </c>
      <c r="U5379" s="2">
        <v>2.3130000000000002</v>
      </c>
      <c r="V5379" s="2">
        <v>1.843</v>
      </c>
      <c r="W5379" s="2">
        <v>1.0999999999999999E-2</v>
      </c>
      <c r="X5379" s="2">
        <v>82.9</v>
      </c>
      <c r="Y5379" s="2">
        <v>7.6</v>
      </c>
      <c r="Z5379" s="2">
        <v>16.7</v>
      </c>
      <c r="AA5379" s="5"/>
      <c r="AB5379" s="5" t="s">
        <v>43</v>
      </c>
      <c r="AC5379" s="5" t="s">
        <v>44</v>
      </c>
      <c r="AD5379" s="2"/>
      <c r="AE5379" s="1"/>
    </row>
    <row r="5380" spans="1:31" ht="14.45">
      <c r="A5380" s="11"/>
      <c r="B5380" s="20"/>
      <c r="C5380" s="2" t="s">
        <v>16611</v>
      </c>
      <c r="D5380" s="14" t="s">
        <v>16612</v>
      </c>
      <c r="E5380" s="2" t="s">
        <v>16613</v>
      </c>
      <c r="F5380" s="2" t="s">
        <v>7507</v>
      </c>
      <c r="G5380" s="8">
        <v>232</v>
      </c>
      <c r="H5380" s="5">
        <v>6</v>
      </c>
      <c r="I5380" s="5" t="s">
        <v>1518</v>
      </c>
      <c r="J5380" s="5" t="s">
        <v>1519</v>
      </c>
      <c r="K5380" s="2" t="s">
        <v>1520</v>
      </c>
      <c r="L5380" s="5" t="s">
        <v>1519</v>
      </c>
      <c r="M5380" s="2" t="s">
        <v>1520</v>
      </c>
      <c r="N5380" s="5" t="s">
        <v>1521</v>
      </c>
      <c r="O5380" s="5" t="s">
        <v>38</v>
      </c>
      <c r="P5380" s="5" t="s">
        <v>39</v>
      </c>
      <c r="Q5380" s="5" t="s">
        <v>40</v>
      </c>
      <c r="R5380" s="5" t="s">
        <v>1522</v>
      </c>
      <c r="S5380" s="5" t="s">
        <v>1523</v>
      </c>
      <c r="T5380" s="5" t="s">
        <v>42</v>
      </c>
      <c r="U5380" s="2">
        <v>2.379</v>
      </c>
      <c r="V5380" s="2">
        <v>1.909</v>
      </c>
      <c r="W5380" s="2">
        <v>1.0999999999999999E-2</v>
      </c>
      <c r="X5380" s="2">
        <v>82.9</v>
      </c>
      <c r="Y5380" s="2">
        <v>7.6</v>
      </c>
      <c r="Z5380" s="2">
        <v>16.7</v>
      </c>
      <c r="AA5380" s="5"/>
      <c r="AB5380" s="5" t="s">
        <v>43</v>
      </c>
      <c r="AC5380" s="5" t="s">
        <v>44</v>
      </c>
      <c r="AD5380" s="2"/>
      <c r="AE5380" s="1"/>
    </row>
    <row r="5381" spans="1:31" ht="14.45">
      <c r="A5381" s="11"/>
      <c r="B5381" s="20"/>
      <c r="C5381" s="2" t="s">
        <v>16614</v>
      </c>
      <c r="D5381" s="14" t="s">
        <v>16615</v>
      </c>
      <c r="E5381" s="2" t="s">
        <v>16616</v>
      </c>
      <c r="F5381" s="2" t="s">
        <v>7204</v>
      </c>
      <c r="G5381" s="8">
        <v>232</v>
      </c>
      <c r="H5381" s="5">
        <v>6</v>
      </c>
      <c r="I5381" s="5" t="s">
        <v>1518</v>
      </c>
      <c r="J5381" s="5" t="s">
        <v>1519</v>
      </c>
      <c r="K5381" s="2" t="s">
        <v>1520</v>
      </c>
      <c r="L5381" s="5" t="s">
        <v>1519</v>
      </c>
      <c r="M5381" s="2" t="s">
        <v>1520</v>
      </c>
      <c r="N5381" s="5" t="s">
        <v>1521</v>
      </c>
      <c r="O5381" s="5" t="s">
        <v>38</v>
      </c>
      <c r="P5381" s="5" t="s">
        <v>39</v>
      </c>
      <c r="Q5381" s="5" t="s">
        <v>40</v>
      </c>
      <c r="R5381" s="5" t="s">
        <v>1522</v>
      </c>
      <c r="S5381" s="5" t="s">
        <v>1523</v>
      </c>
      <c r="T5381" s="5" t="s">
        <v>42</v>
      </c>
      <c r="U5381" s="2">
        <v>2.3170000000000002</v>
      </c>
      <c r="V5381" s="2">
        <v>1.847</v>
      </c>
      <c r="W5381" s="2">
        <v>1.0999999999999999E-2</v>
      </c>
      <c r="X5381" s="2">
        <v>82.9</v>
      </c>
      <c r="Y5381" s="2">
        <v>7.6</v>
      </c>
      <c r="Z5381" s="2">
        <v>16.7</v>
      </c>
      <c r="AA5381" s="5"/>
      <c r="AB5381" s="5" t="s">
        <v>43</v>
      </c>
      <c r="AC5381" s="5" t="s">
        <v>44</v>
      </c>
      <c r="AD5381" s="2"/>
      <c r="AE5381" s="1"/>
    </row>
    <row r="5382" spans="1:31" ht="14.45">
      <c r="A5382" s="11"/>
      <c r="B5382" s="20"/>
      <c r="C5382" s="2" t="s">
        <v>16617</v>
      </c>
      <c r="D5382" s="14" t="s">
        <v>16618</v>
      </c>
      <c r="E5382" s="2" t="s">
        <v>16619</v>
      </c>
      <c r="F5382" s="2" t="s">
        <v>7514</v>
      </c>
      <c r="G5382" s="8">
        <v>232</v>
      </c>
      <c r="H5382" s="5">
        <v>6</v>
      </c>
      <c r="I5382" s="5" t="s">
        <v>1518</v>
      </c>
      <c r="J5382" s="5" t="s">
        <v>1519</v>
      </c>
      <c r="K5382" s="2" t="s">
        <v>1520</v>
      </c>
      <c r="L5382" s="5" t="s">
        <v>1519</v>
      </c>
      <c r="M5382" s="2" t="s">
        <v>1520</v>
      </c>
      <c r="N5382" s="5" t="s">
        <v>1521</v>
      </c>
      <c r="O5382" s="5" t="s">
        <v>38</v>
      </c>
      <c r="P5382" s="5" t="s">
        <v>39</v>
      </c>
      <c r="Q5382" s="5" t="s">
        <v>40</v>
      </c>
      <c r="R5382" s="5" t="s">
        <v>1522</v>
      </c>
      <c r="S5382" s="5" t="s">
        <v>1523</v>
      </c>
      <c r="T5382" s="5" t="s">
        <v>42</v>
      </c>
      <c r="U5382" s="2">
        <v>2.383</v>
      </c>
      <c r="V5382" s="2">
        <v>1.913</v>
      </c>
      <c r="W5382" s="2">
        <v>1.0999999999999999E-2</v>
      </c>
      <c r="X5382" s="2">
        <v>82.9</v>
      </c>
      <c r="Y5382" s="2">
        <v>7.6</v>
      </c>
      <c r="Z5382" s="2">
        <v>16.7</v>
      </c>
      <c r="AA5382" s="5"/>
      <c r="AB5382" s="5" t="s">
        <v>43</v>
      </c>
      <c r="AC5382" s="5" t="s">
        <v>44</v>
      </c>
      <c r="AD5382" s="2"/>
      <c r="AE5382" s="1"/>
    </row>
    <row r="5383" spans="1:31" ht="14.45">
      <c r="A5383" s="11"/>
      <c r="B5383" s="20"/>
      <c r="C5383" s="2" t="s">
        <v>16620</v>
      </c>
      <c r="D5383" s="14" t="s">
        <v>16621</v>
      </c>
      <c r="E5383" s="2" t="s">
        <v>16622</v>
      </c>
      <c r="F5383" s="2" t="s">
        <v>7208</v>
      </c>
      <c r="G5383" s="8">
        <v>232</v>
      </c>
      <c r="H5383" s="5">
        <v>6</v>
      </c>
      <c r="I5383" s="5" t="s">
        <v>1518</v>
      </c>
      <c r="J5383" s="5" t="s">
        <v>1519</v>
      </c>
      <c r="K5383" s="2" t="s">
        <v>1520</v>
      </c>
      <c r="L5383" s="5" t="s">
        <v>1519</v>
      </c>
      <c r="M5383" s="2" t="s">
        <v>1520</v>
      </c>
      <c r="N5383" s="5" t="s">
        <v>1521</v>
      </c>
      <c r="O5383" s="5" t="s">
        <v>38</v>
      </c>
      <c r="P5383" s="5" t="s">
        <v>39</v>
      </c>
      <c r="Q5383" s="5" t="s">
        <v>40</v>
      </c>
      <c r="R5383" s="5" t="s">
        <v>1522</v>
      </c>
      <c r="S5383" s="5" t="s">
        <v>1523</v>
      </c>
      <c r="T5383" s="5" t="s">
        <v>42</v>
      </c>
      <c r="U5383" s="2">
        <v>2.3170000000000002</v>
      </c>
      <c r="V5383" s="2">
        <v>1.847</v>
      </c>
      <c r="W5383" s="2">
        <v>1.0999999999999999E-2</v>
      </c>
      <c r="X5383" s="2">
        <v>82.9</v>
      </c>
      <c r="Y5383" s="2">
        <v>7.6</v>
      </c>
      <c r="Z5383" s="2">
        <v>16.7</v>
      </c>
      <c r="AA5383" s="5"/>
      <c r="AB5383" s="5" t="s">
        <v>43</v>
      </c>
      <c r="AC5383" s="5" t="s">
        <v>44</v>
      </c>
      <c r="AD5383" s="2"/>
      <c r="AE5383" s="1"/>
    </row>
    <row r="5384" spans="1:31" ht="14.45">
      <c r="A5384" s="11"/>
      <c r="B5384" s="20"/>
      <c r="C5384" s="2" t="s">
        <v>16623</v>
      </c>
      <c r="D5384" s="14" t="s">
        <v>16624</v>
      </c>
      <c r="E5384" s="2" t="s">
        <v>16625</v>
      </c>
      <c r="F5384" s="2" t="s">
        <v>7521</v>
      </c>
      <c r="G5384" s="8">
        <v>232</v>
      </c>
      <c r="H5384" s="5">
        <v>6</v>
      </c>
      <c r="I5384" s="5" t="s">
        <v>1518</v>
      </c>
      <c r="J5384" s="5" t="s">
        <v>1519</v>
      </c>
      <c r="K5384" s="2" t="s">
        <v>1520</v>
      </c>
      <c r="L5384" s="5" t="s">
        <v>1519</v>
      </c>
      <c r="M5384" s="2" t="s">
        <v>1520</v>
      </c>
      <c r="N5384" s="5" t="s">
        <v>1521</v>
      </c>
      <c r="O5384" s="5" t="s">
        <v>38</v>
      </c>
      <c r="P5384" s="5" t="s">
        <v>39</v>
      </c>
      <c r="Q5384" s="5" t="s">
        <v>40</v>
      </c>
      <c r="R5384" s="5" t="s">
        <v>1522</v>
      </c>
      <c r="S5384" s="5" t="s">
        <v>1523</v>
      </c>
      <c r="T5384" s="5" t="s">
        <v>42</v>
      </c>
      <c r="U5384" s="2">
        <v>2.383</v>
      </c>
      <c r="V5384" s="2">
        <v>1.913</v>
      </c>
      <c r="W5384" s="2">
        <v>1.0999999999999999E-2</v>
      </c>
      <c r="X5384" s="2">
        <v>82.9</v>
      </c>
      <c r="Y5384" s="2">
        <v>7.6</v>
      </c>
      <c r="Z5384" s="2">
        <v>16.7</v>
      </c>
      <c r="AA5384" s="5"/>
      <c r="AB5384" s="5" t="s">
        <v>43</v>
      </c>
      <c r="AC5384" s="5" t="s">
        <v>44</v>
      </c>
      <c r="AD5384" s="2"/>
      <c r="AE5384" s="1"/>
    </row>
    <row r="5385" spans="1:31" ht="14.45">
      <c r="A5385" s="11"/>
      <c r="B5385" s="20"/>
      <c r="C5385" s="2" t="s">
        <v>16626</v>
      </c>
      <c r="D5385" s="14" t="s">
        <v>16627</v>
      </c>
      <c r="E5385" s="2" t="s">
        <v>16628</v>
      </c>
      <c r="F5385" s="2" t="s">
        <v>7212</v>
      </c>
      <c r="G5385" s="8">
        <v>232</v>
      </c>
      <c r="H5385" s="5">
        <v>6</v>
      </c>
      <c r="I5385" s="5" t="s">
        <v>1518</v>
      </c>
      <c r="J5385" s="5" t="s">
        <v>1519</v>
      </c>
      <c r="K5385" s="2" t="s">
        <v>1520</v>
      </c>
      <c r="L5385" s="5" t="s">
        <v>1519</v>
      </c>
      <c r="M5385" s="2" t="s">
        <v>1520</v>
      </c>
      <c r="N5385" s="5" t="s">
        <v>1521</v>
      </c>
      <c r="O5385" s="5" t="s">
        <v>38</v>
      </c>
      <c r="P5385" s="5" t="s">
        <v>39</v>
      </c>
      <c r="Q5385" s="5" t="s">
        <v>40</v>
      </c>
      <c r="R5385" s="5" t="s">
        <v>1522</v>
      </c>
      <c r="S5385" s="5" t="s">
        <v>1523</v>
      </c>
      <c r="T5385" s="5" t="s">
        <v>42</v>
      </c>
      <c r="U5385" s="2">
        <v>2.3050000000000002</v>
      </c>
      <c r="V5385" s="2">
        <v>1.835</v>
      </c>
      <c r="W5385" s="2">
        <v>1.0999999999999999E-2</v>
      </c>
      <c r="X5385" s="2">
        <v>82.9</v>
      </c>
      <c r="Y5385" s="2">
        <v>7.6</v>
      </c>
      <c r="Z5385" s="2">
        <v>16.7</v>
      </c>
      <c r="AA5385" s="5"/>
      <c r="AB5385" s="5" t="s">
        <v>43</v>
      </c>
      <c r="AC5385" s="5" t="s">
        <v>44</v>
      </c>
      <c r="AD5385" s="2"/>
      <c r="AE5385" s="1"/>
    </row>
    <row r="5386" spans="1:31" ht="14.45">
      <c r="A5386" s="11"/>
      <c r="B5386" s="20"/>
      <c r="C5386" s="2" t="s">
        <v>16629</v>
      </c>
      <c r="D5386" s="14" t="s">
        <v>16630</v>
      </c>
      <c r="E5386" s="2" t="s">
        <v>16631</v>
      </c>
      <c r="F5386" s="2" t="s">
        <v>7528</v>
      </c>
      <c r="G5386" s="8">
        <v>232</v>
      </c>
      <c r="H5386" s="5">
        <v>6</v>
      </c>
      <c r="I5386" s="5" t="s">
        <v>1518</v>
      </c>
      <c r="J5386" s="5" t="s">
        <v>1519</v>
      </c>
      <c r="K5386" s="2" t="s">
        <v>1520</v>
      </c>
      <c r="L5386" s="5" t="s">
        <v>1519</v>
      </c>
      <c r="M5386" s="2" t="s">
        <v>1520</v>
      </c>
      <c r="N5386" s="5" t="s">
        <v>1521</v>
      </c>
      <c r="O5386" s="5" t="s">
        <v>38</v>
      </c>
      <c r="P5386" s="5" t="s">
        <v>39</v>
      </c>
      <c r="Q5386" s="5" t="s">
        <v>40</v>
      </c>
      <c r="R5386" s="5" t="s">
        <v>1522</v>
      </c>
      <c r="S5386" s="5" t="s">
        <v>1523</v>
      </c>
      <c r="T5386" s="5" t="s">
        <v>42</v>
      </c>
      <c r="U5386" s="2">
        <v>2.371</v>
      </c>
      <c r="V5386" s="2">
        <v>1.901</v>
      </c>
      <c r="W5386" s="2">
        <v>1.0999999999999999E-2</v>
      </c>
      <c r="X5386" s="2">
        <v>82.9</v>
      </c>
      <c r="Y5386" s="2">
        <v>7.6</v>
      </c>
      <c r="Z5386" s="2">
        <v>16.7</v>
      </c>
      <c r="AA5386" s="5"/>
      <c r="AB5386" s="5" t="s">
        <v>43</v>
      </c>
      <c r="AC5386" s="5" t="s">
        <v>44</v>
      </c>
      <c r="AD5386" s="2"/>
      <c r="AE5386" s="1"/>
    </row>
    <row r="5387" spans="1:31" ht="14.45">
      <c r="A5387" s="11"/>
      <c r="B5387" s="20"/>
      <c r="C5387" s="2" t="s">
        <v>16632</v>
      </c>
      <c r="D5387" s="14" t="s">
        <v>16633</v>
      </c>
      <c r="E5387" s="2" t="s">
        <v>16634</v>
      </c>
      <c r="F5387" s="2" t="s">
        <v>7406</v>
      </c>
      <c r="G5387" s="8">
        <v>247</v>
      </c>
      <c r="H5387" s="5">
        <v>6</v>
      </c>
      <c r="I5387" s="5" t="s">
        <v>1518</v>
      </c>
      <c r="J5387" s="5" t="s">
        <v>1519</v>
      </c>
      <c r="K5387" s="2" t="s">
        <v>1520</v>
      </c>
      <c r="L5387" s="5" t="s">
        <v>1519</v>
      </c>
      <c r="M5387" s="2" t="s">
        <v>1520</v>
      </c>
      <c r="N5387" s="5" t="s">
        <v>1521</v>
      </c>
      <c r="O5387" s="5" t="s">
        <v>38</v>
      </c>
      <c r="P5387" s="5" t="s">
        <v>39</v>
      </c>
      <c r="Q5387" s="5" t="s">
        <v>40</v>
      </c>
      <c r="R5387" s="5" t="s">
        <v>1522</v>
      </c>
      <c r="S5387" s="5" t="s">
        <v>1523</v>
      </c>
      <c r="T5387" s="5" t="s">
        <v>42</v>
      </c>
      <c r="U5387" s="2">
        <v>2.3050000000000002</v>
      </c>
      <c r="V5387" s="2">
        <v>1.835</v>
      </c>
      <c r="W5387" s="2">
        <v>1.0999999999999999E-2</v>
      </c>
      <c r="X5387" s="2">
        <v>82.9</v>
      </c>
      <c r="Y5387" s="2">
        <v>7.6</v>
      </c>
      <c r="Z5387" s="2">
        <v>16.7</v>
      </c>
      <c r="AA5387" s="5"/>
      <c r="AB5387" s="5" t="s">
        <v>43</v>
      </c>
      <c r="AC5387" s="5" t="s">
        <v>44</v>
      </c>
      <c r="AD5387" s="2"/>
      <c r="AE5387" s="1"/>
    </row>
    <row r="5388" spans="1:31" ht="14.45">
      <c r="A5388" s="11"/>
      <c r="B5388" s="20"/>
      <c r="C5388" s="2" t="s">
        <v>16635</v>
      </c>
      <c r="D5388" s="14" t="s">
        <v>16636</v>
      </c>
      <c r="E5388" s="2" t="s">
        <v>16637</v>
      </c>
      <c r="F5388" s="2" t="s">
        <v>7535</v>
      </c>
      <c r="G5388" s="8">
        <v>247</v>
      </c>
      <c r="H5388" s="5">
        <v>6</v>
      </c>
      <c r="I5388" s="5" t="s">
        <v>1518</v>
      </c>
      <c r="J5388" s="5" t="s">
        <v>1519</v>
      </c>
      <c r="K5388" s="2" t="s">
        <v>1520</v>
      </c>
      <c r="L5388" s="5" t="s">
        <v>1519</v>
      </c>
      <c r="M5388" s="2" t="s">
        <v>1520</v>
      </c>
      <c r="N5388" s="5" t="s">
        <v>1521</v>
      </c>
      <c r="O5388" s="5" t="s">
        <v>38</v>
      </c>
      <c r="P5388" s="5" t="s">
        <v>39</v>
      </c>
      <c r="Q5388" s="5" t="s">
        <v>40</v>
      </c>
      <c r="R5388" s="5" t="s">
        <v>1522</v>
      </c>
      <c r="S5388" s="5" t="s">
        <v>1523</v>
      </c>
      <c r="T5388" s="5" t="s">
        <v>42</v>
      </c>
      <c r="U5388" s="2">
        <v>2.371</v>
      </c>
      <c r="V5388" s="2">
        <v>1.901</v>
      </c>
      <c r="W5388" s="2">
        <v>1.0999999999999999E-2</v>
      </c>
      <c r="X5388" s="2">
        <v>82.9</v>
      </c>
      <c r="Y5388" s="2">
        <v>7.6</v>
      </c>
      <c r="Z5388" s="2">
        <v>16.7</v>
      </c>
      <c r="AA5388" s="5"/>
      <c r="AB5388" s="5" t="s">
        <v>43</v>
      </c>
      <c r="AC5388" s="5" t="s">
        <v>44</v>
      </c>
      <c r="AD5388" s="2"/>
      <c r="AE5388" s="1"/>
    </row>
    <row r="5389" spans="1:31" ht="14.45">
      <c r="A5389" s="11"/>
      <c r="B5389" s="20"/>
      <c r="C5389" s="2" t="s">
        <v>16638</v>
      </c>
      <c r="D5389" s="14" t="s">
        <v>16639</v>
      </c>
      <c r="E5389" s="2" t="s">
        <v>16640</v>
      </c>
      <c r="F5389" s="2" t="s">
        <v>7539</v>
      </c>
      <c r="G5389" s="8">
        <v>247</v>
      </c>
      <c r="H5389" s="5">
        <v>6</v>
      </c>
      <c r="I5389" s="5" t="s">
        <v>1518</v>
      </c>
      <c r="J5389" s="5" t="s">
        <v>1519</v>
      </c>
      <c r="K5389" s="2" t="s">
        <v>1520</v>
      </c>
      <c r="L5389" s="5" t="s">
        <v>1519</v>
      </c>
      <c r="M5389" s="2" t="s">
        <v>1520</v>
      </c>
      <c r="N5389" s="5" t="s">
        <v>1521</v>
      </c>
      <c r="O5389" s="5" t="s">
        <v>38</v>
      </c>
      <c r="P5389" s="5" t="s">
        <v>39</v>
      </c>
      <c r="Q5389" s="5" t="s">
        <v>40</v>
      </c>
      <c r="R5389" s="5" t="s">
        <v>1522</v>
      </c>
      <c r="S5389" s="5" t="s">
        <v>1523</v>
      </c>
      <c r="T5389" s="5" t="s">
        <v>42</v>
      </c>
      <c r="U5389" s="2">
        <v>2.3170000000000002</v>
      </c>
      <c r="V5389" s="2">
        <v>1.847</v>
      </c>
      <c r="W5389" s="2">
        <v>1.0999999999999999E-2</v>
      </c>
      <c r="X5389" s="2">
        <v>82.9</v>
      </c>
      <c r="Y5389" s="2">
        <v>7.6</v>
      </c>
      <c r="Z5389" s="2">
        <v>16.7</v>
      </c>
      <c r="AA5389" s="5"/>
      <c r="AB5389" s="5" t="s">
        <v>43</v>
      </c>
      <c r="AC5389" s="5" t="s">
        <v>44</v>
      </c>
      <c r="AD5389" s="2"/>
      <c r="AE5389" s="1"/>
    </row>
    <row r="5390" spans="1:31" ht="14.45">
      <c r="A5390" s="11"/>
      <c r="B5390" s="20"/>
      <c r="C5390" s="2" t="s">
        <v>16641</v>
      </c>
      <c r="D5390" s="14" t="s">
        <v>16642</v>
      </c>
      <c r="E5390" s="2" t="s">
        <v>16643</v>
      </c>
      <c r="F5390" s="2" t="s">
        <v>7543</v>
      </c>
      <c r="G5390" s="8">
        <v>247</v>
      </c>
      <c r="H5390" s="5">
        <v>6</v>
      </c>
      <c r="I5390" s="5" t="s">
        <v>1518</v>
      </c>
      <c r="J5390" s="5" t="s">
        <v>1519</v>
      </c>
      <c r="K5390" s="2" t="s">
        <v>1520</v>
      </c>
      <c r="L5390" s="5" t="s">
        <v>1519</v>
      </c>
      <c r="M5390" s="2" t="s">
        <v>1520</v>
      </c>
      <c r="N5390" s="5" t="s">
        <v>1521</v>
      </c>
      <c r="O5390" s="5" t="s">
        <v>38</v>
      </c>
      <c r="P5390" s="5" t="s">
        <v>39</v>
      </c>
      <c r="Q5390" s="5" t="s">
        <v>40</v>
      </c>
      <c r="R5390" s="5" t="s">
        <v>1522</v>
      </c>
      <c r="S5390" s="5" t="s">
        <v>1523</v>
      </c>
      <c r="T5390" s="5" t="s">
        <v>42</v>
      </c>
      <c r="U5390" s="2">
        <v>2.383</v>
      </c>
      <c r="V5390" s="2">
        <v>1.913</v>
      </c>
      <c r="W5390" s="2">
        <v>1.0999999999999999E-2</v>
      </c>
      <c r="X5390" s="2">
        <v>82.9</v>
      </c>
      <c r="Y5390" s="2">
        <v>7.6</v>
      </c>
      <c r="Z5390" s="2">
        <v>16.7</v>
      </c>
      <c r="AA5390" s="5"/>
      <c r="AB5390" s="5" t="s">
        <v>43</v>
      </c>
      <c r="AC5390" s="5" t="s">
        <v>44</v>
      </c>
      <c r="AD5390" s="2"/>
      <c r="AE5390" s="1"/>
    </row>
    <row r="5391" spans="1:31" ht="14.45">
      <c r="A5391" s="11"/>
      <c r="B5391" s="20"/>
      <c r="C5391" s="2" t="s">
        <v>16644</v>
      </c>
      <c r="D5391" s="14" t="s">
        <v>16645</v>
      </c>
      <c r="E5391" s="2" t="s">
        <v>16646</v>
      </c>
      <c r="F5391" s="2" t="s">
        <v>7547</v>
      </c>
      <c r="G5391" s="8">
        <v>247</v>
      </c>
      <c r="H5391" s="5">
        <v>6</v>
      </c>
      <c r="I5391" s="5" t="s">
        <v>1518</v>
      </c>
      <c r="J5391" s="5" t="s">
        <v>1519</v>
      </c>
      <c r="K5391" s="2" t="s">
        <v>1520</v>
      </c>
      <c r="L5391" s="5" t="s">
        <v>1519</v>
      </c>
      <c r="M5391" s="2" t="s">
        <v>1520</v>
      </c>
      <c r="N5391" s="5" t="s">
        <v>1521</v>
      </c>
      <c r="O5391" s="5" t="s">
        <v>38</v>
      </c>
      <c r="P5391" s="5" t="s">
        <v>39</v>
      </c>
      <c r="Q5391" s="5" t="s">
        <v>40</v>
      </c>
      <c r="R5391" s="5" t="s">
        <v>1522</v>
      </c>
      <c r="S5391" s="5" t="s">
        <v>1523</v>
      </c>
      <c r="T5391" s="5" t="s">
        <v>42</v>
      </c>
      <c r="U5391" s="2">
        <v>2.3050000000000002</v>
      </c>
      <c r="V5391" s="2">
        <v>1.835</v>
      </c>
      <c r="W5391" s="2">
        <v>1.0999999999999999E-2</v>
      </c>
      <c r="X5391" s="2">
        <v>82.9</v>
      </c>
      <c r="Y5391" s="2">
        <v>7.6</v>
      </c>
      <c r="Z5391" s="2">
        <v>16.7</v>
      </c>
      <c r="AA5391" s="5"/>
      <c r="AB5391" s="5" t="s">
        <v>43</v>
      </c>
      <c r="AC5391" s="5" t="s">
        <v>44</v>
      </c>
      <c r="AD5391" s="2"/>
      <c r="AE5391" s="1"/>
    </row>
    <row r="5392" spans="1:31" ht="14.45">
      <c r="A5392" s="11"/>
      <c r="B5392" s="20"/>
      <c r="C5392" s="2" t="s">
        <v>16647</v>
      </c>
      <c r="D5392" s="14" t="s">
        <v>16648</v>
      </c>
      <c r="E5392" s="2" t="s">
        <v>16649</v>
      </c>
      <c r="F5392" s="2" t="s">
        <v>7551</v>
      </c>
      <c r="G5392" s="8">
        <v>247</v>
      </c>
      <c r="H5392" s="5">
        <v>6</v>
      </c>
      <c r="I5392" s="5" t="s">
        <v>1518</v>
      </c>
      <c r="J5392" s="5" t="s">
        <v>1519</v>
      </c>
      <c r="K5392" s="2" t="s">
        <v>1520</v>
      </c>
      <c r="L5392" s="5" t="s">
        <v>1519</v>
      </c>
      <c r="M5392" s="2" t="s">
        <v>1520</v>
      </c>
      <c r="N5392" s="5" t="s">
        <v>1521</v>
      </c>
      <c r="O5392" s="5" t="s">
        <v>38</v>
      </c>
      <c r="P5392" s="5" t="s">
        <v>39</v>
      </c>
      <c r="Q5392" s="5" t="s">
        <v>40</v>
      </c>
      <c r="R5392" s="5" t="s">
        <v>1522</v>
      </c>
      <c r="S5392" s="5" t="s">
        <v>1523</v>
      </c>
      <c r="T5392" s="5" t="s">
        <v>42</v>
      </c>
      <c r="U5392" s="2">
        <v>2.371</v>
      </c>
      <c r="V5392" s="2">
        <v>1.901</v>
      </c>
      <c r="W5392" s="2">
        <v>1.0999999999999999E-2</v>
      </c>
      <c r="X5392" s="2">
        <v>82.9</v>
      </c>
      <c r="Y5392" s="2">
        <v>7.6</v>
      </c>
      <c r="Z5392" s="2">
        <v>16.7</v>
      </c>
      <c r="AA5392" s="5"/>
      <c r="AB5392" s="5" t="s">
        <v>43</v>
      </c>
      <c r="AC5392" s="5" t="s">
        <v>44</v>
      </c>
      <c r="AD5392" s="2"/>
      <c r="AE5392" s="1"/>
    </row>
    <row r="5393" spans="1:31" ht="14.45">
      <c r="A5393" s="11"/>
      <c r="B5393" s="20"/>
      <c r="C5393" s="2" t="s">
        <v>16650</v>
      </c>
      <c r="D5393" s="14" t="s">
        <v>16651</v>
      </c>
      <c r="E5393" s="2" t="s">
        <v>16652</v>
      </c>
      <c r="F5393" s="2" t="s">
        <v>7559</v>
      </c>
      <c r="G5393" s="8">
        <v>247</v>
      </c>
      <c r="H5393" s="5">
        <v>6</v>
      </c>
      <c r="I5393" s="5" t="s">
        <v>1518</v>
      </c>
      <c r="J5393" s="5" t="s">
        <v>1519</v>
      </c>
      <c r="K5393" s="2" t="s">
        <v>1520</v>
      </c>
      <c r="L5393" s="5" t="s">
        <v>1519</v>
      </c>
      <c r="M5393" s="2" t="s">
        <v>1520</v>
      </c>
      <c r="N5393" s="5" t="s">
        <v>1521</v>
      </c>
      <c r="O5393" s="5" t="s">
        <v>38</v>
      </c>
      <c r="P5393" s="5" t="s">
        <v>39</v>
      </c>
      <c r="Q5393" s="5" t="s">
        <v>40</v>
      </c>
      <c r="R5393" s="5" t="s">
        <v>1522</v>
      </c>
      <c r="S5393" s="5" t="s">
        <v>1523</v>
      </c>
      <c r="T5393" s="5" t="s">
        <v>42</v>
      </c>
      <c r="U5393" s="2">
        <v>2.371</v>
      </c>
      <c r="V5393" s="2">
        <v>1.901</v>
      </c>
      <c r="W5393" s="2">
        <v>1.0999999999999999E-2</v>
      </c>
      <c r="X5393" s="2">
        <v>82.9</v>
      </c>
      <c r="Y5393" s="2">
        <v>7.6</v>
      </c>
      <c r="Z5393" s="2">
        <v>16.7</v>
      </c>
      <c r="AA5393" s="5"/>
      <c r="AB5393" s="5" t="s">
        <v>43</v>
      </c>
      <c r="AC5393" s="5" t="s">
        <v>44</v>
      </c>
      <c r="AD5393" s="2"/>
      <c r="AE5393" s="1"/>
    </row>
    <row r="5394" spans="1:31" ht="14.45">
      <c r="A5394" s="11"/>
      <c r="B5394" s="20"/>
      <c r="C5394" s="2" t="s">
        <v>16653</v>
      </c>
      <c r="D5394" s="14" t="s">
        <v>16654</v>
      </c>
      <c r="E5394" s="2" t="s">
        <v>16655</v>
      </c>
      <c r="F5394" s="2" t="s">
        <v>7563</v>
      </c>
      <c r="G5394" s="8">
        <v>247</v>
      </c>
      <c r="H5394" s="5">
        <v>6</v>
      </c>
      <c r="I5394" s="5" t="s">
        <v>1518</v>
      </c>
      <c r="J5394" s="5" t="s">
        <v>1519</v>
      </c>
      <c r="K5394" s="2" t="s">
        <v>1520</v>
      </c>
      <c r="L5394" s="5" t="s">
        <v>1519</v>
      </c>
      <c r="M5394" s="2" t="s">
        <v>1520</v>
      </c>
      <c r="N5394" s="5" t="s">
        <v>1521</v>
      </c>
      <c r="O5394" s="5" t="s">
        <v>38</v>
      </c>
      <c r="P5394" s="5" t="s">
        <v>39</v>
      </c>
      <c r="Q5394" s="5" t="s">
        <v>40</v>
      </c>
      <c r="R5394" s="5" t="s">
        <v>1522</v>
      </c>
      <c r="S5394" s="5" t="s">
        <v>1523</v>
      </c>
      <c r="T5394" s="5" t="s">
        <v>42</v>
      </c>
      <c r="U5394" s="2">
        <v>2.3170000000000002</v>
      </c>
      <c r="V5394" s="2">
        <v>1.847</v>
      </c>
      <c r="W5394" s="2">
        <v>1.0999999999999999E-2</v>
      </c>
      <c r="X5394" s="2">
        <v>82.9</v>
      </c>
      <c r="Y5394" s="2">
        <v>7.6</v>
      </c>
      <c r="Z5394" s="2">
        <v>16.7</v>
      </c>
      <c r="AA5394" s="5"/>
      <c r="AB5394" s="5" t="s">
        <v>43</v>
      </c>
      <c r="AC5394" s="5" t="s">
        <v>44</v>
      </c>
      <c r="AD5394" s="2"/>
      <c r="AE5394" s="1"/>
    </row>
    <row r="5395" spans="1:31" ht="14.45">
      <c r="A5395" s="11"/>
      <c r="B5395" s="20"/>
      <c r="C5395" s="2" t="s">
        <v>16656</v>
      </c>
      <c r="D5395" s="14" t="s">
        <v>16657</v>
      </c>
      <c r="E5395" s="2" t="s">
        <v>16658</v>
      </c>
      <c r="F5395" s="2" t="s">
        <v>7567</v>
      </c>
      <c r="G5395" s="8">
        <v>247</v>
      </c>
      <c r="H5395" s="5">
        <v>6</v>
      </c>
      <c r="I5395" s="5" t="s">
        <v>1518</v>
      </c>
      <c r="J5395" s="5" t="s">
        <v>1519</v>
      </c>
      <c r="K5395" s="2" t="s">
        <v>1520</v>
      </c>
      <c r="L5395" s="5" t="s">
        <v>1519</v>
      </c>
      <c r="M5395" s="2" t="s">
        <v>1520</v>
      </c>
      <c r="N5395" s="5" t="s">
        <v>1521</v>
      </c>
      <c r="O5395" s="5" t="s">
        <v>38</v>
      </c>
      <c r="P5395" s="5" t="s">
        <v>39</v>
      </c>
      <c r="Q5395" s="5" t="s">
        <v>40</v>
      </c>
      <c r="R5395" s="5" t="s">
        <v>1522</v>
      </c>
      <c r="S5395" s="5" t="s">
        <v>1523</v>
      </c>
      <c r="T5395" s="5" t="s">
        <v>42</v>
      </c>
      <c r="U5395" s="2">
        <v>2.383</v>
      </c>
      <c r="V5395" s="2">
        <v>1.913</v>
      </c>
      <c r="W5395" s="2">
        <v>1.0999999999999999E-2</v>
      </c>
      <c r="X5395" s="2">
        <v>82.9</v>
      </c>
      <c r="Y5395" s="2">
        <v>7.6</v>
      </c>
      <c r="Z5395" s="2">
        <v>16.7</v>
      </c>
      <c r="AA5395" s="5"/>
      <c r="AB5395" s="5" t="s">
        <v>43</v>
      </c>
      <c r="AC5395" s="5" t="s">
        <v>44</v>
      </c>
      <c r="AD5395" s="2"/>
      <c r="AE5395" s="1"/>
    </row>
    <row r="5396" spans="1:31" ht="14.45">
      <c r="A5396" s="11"/>
      <c r="B5396" s="20"/>
      <c r="C5396" s="2" t="s">
        <v>16659</v>
      </c>
      <c r="D5396" s="14" t="s">
        <v>16660</v>
      </c>
      <c r="E5396" s="2" t="s">
        <v>16661</v>
      </c>
      <c r="F5396" s="2" t="s">
        <v>16079</v>
      </c>
      <c r="G5396" s="8">
        <v>247</v>
      </c>
      <c r="H5396" s="5">
        <v>6</v>
      </c>
      <c r="I5396" s="5" t="s">
        <v>1518</v>
      </c>
      <c r="J5396" s="5" t="s">
        <v>1519</v>
      </c>
      <c r="K5396" s="2" t="s">
        <v>1520</v>
      </c>
      <c r="L5396" s="5" t="s">
        <v>1519</v>
      </c>
      <c r="M5396" s="2" t="s">
        <v>1520</v>
      </c>
      <c r="N5396" s="5" t="s">
        <v>1521</v>
      </c>
      <c r="O5396" s="5" t="s">
        <v>38</v>
      </c>
      <c r="P5396" s="5" t="s">
        <v>39</v>
      </c>
      <c r="Q5396" s="5" t="s">
        <v>40</v>
      </c>
      <c r="R5396" s="5" t="s">
        <v>1522</v>
      </c>
      <c r="S5396" s="5" t="s">
        <v>1523</v>
      </c>
      <c r="T5396" s="5" t="s">
        <v>42</v>
      </c>
      <c r="U5396" s="2">
        <v>2.3170000000000002</v>
      </c>
      <c r="V5396" s="2">
        <v>1.847</v>
      </c>
      <c r="W5396" s="2">
        <v>1.0999999999999999E-2</v>
      </c>
      <c r="X5396" s="2">
        <v>82.9</v>
      </c>
      <c r="Y5396" s="2">
        <v>7.6</v>
      </c>
      <c r="Z5396" s="2">
        <v>16.7</v>
      </c>
      <c r="AA5396" s="5"/>
      <c r="AB5396" s="5" t="s">
        <v>43</v>
      </c>
      <c r="AC5396" s="5" t="s">
        <v>44</v>
      </c>
      <c r="AD5396" s="2"/>
      <c r="AE5396" s="1"/>
    </row>
    <row r="5397" spans="1:31" ht="14.45">
      <c r="A5397" s="11"/>
      <c r="B5397" s="20"/>
      <c r="C5397" s="2" t="s">
        <v>16662</v>
      </c>
      <c r="D5397" s="14" t="s">
        <v>16663</v>
      </c>
      <c r="E5397" s="2" t="s">
        <v>16664</v>
      </c>
      <c r="F5397" s="2" t="s">
        <v>16194</v>
      </c>
      <c r="G5397" s="8">
        <v>247</v>
      </c>
      <c r="H5397" s="5">
        <v>6</v>
      </c>
      <c r="I5397" s="5" t="s">
        <v>1518</v>
      </c>
      <c r="J5397" s="5" t="s">
        <v>1519</v>
      </c>
      <c r="K5397" s="2" t="s">
        <v>1520</v>
      </c>
      <c r="L5397" s="5" t="s">
        <v>1519</v>
      </c>
      <c r="M5397" s="2" t="s">
        <v>1520</v>
      </c>
      <c r="N5397" s="5" t="s">
        <v>1521</v>
      </c>
      <c r="O5397" s="5" t="s">
        <v>38</v>
      </c>
      <c r="P5397" s="5" t="s">
        <v>39</v>
      </c>
      <c r="Q5397" s="5" t="s">
        <v>40</v>
      </c>
      <c r="R5397" s="5" t="s">
        <v>1522</v>
      </c>
      <c r="S5397" s="5" t="s">
        <v>1523</v>
      </c>
      <c r="T5397" s="5" t="s">
        <v>42</v>
      </c>
      <c r="U5397" s="2">
        <v>2.383</v>
      </c>
      <c r="V5397" s="2">
        <v>1.913</v>
      </c>
      <c r="W5397" s="2">
        <v>1.0999999999999999E-2</v>
      </c>
      <c r="X5397" s="2">
        <v>82.9</v>
      </c>
      <c r="Y5397" s="2">
        <v>7.6</v>
      </c>
      <c r="Z5397" s="2">
        <v>16.7</v>
      </c>
      <c r="AA5397" s="5"/>
      <c r="AB5397" s="5" t="s">
        <v>43</v>
      </c>
      <c r="AC5397" s="5" t="s">
        <v>44</v>
      </c>
      <c r="AD5397" s="2"/>
      <c r="AE5397" s="1"/>
    </row>
    <row r="5398" spans="1:31" ht="14.45">
      <c r="A5398" s="11"/>
      <c r="B5398" s="20"/>
      <c r="C5398" s="2" t="s">
        <v>16665</v>
      </c>
      <c r="D5398" s="14" t="s">
        <v>16666</v>
      </c>
      <c r="E5398" s="2" t="s">
        <v>16667</v>
      </c>
      <c r="F5398" s="2" t="s">
        <v>7449</v>
      </c>
      <c r="G5398" s="8">
        <v>247</v>
      </c>
      <c r="H5398" s="5">
        <v>6</v>
      </c>
      <c r="I5398" s="5" t="s">
        <v>1518</v>
      </c>
      <c r="J5398" s="5" t="s">
        <v>1519</v>
      </c>
      <c r="K5398" s="2" t="s">
        <v>1520</v>
      </c>
      <c r="L5398" s="5" t="s">
        <v>1519</v>
      </c>
      <c r="M5398" s="2" t="s">
        <v>1520</v>
      </c>
      <c r="N5398" s="5" t="s">
        <v>1521</v>
      </c>
      <c r="O5398" s="5" t="s">
        <v>38</v>
      </c>
      <c r="P5398" s="5" t="s">
        <v>39</v>
      </c>
      <c r="Q5398" s="5" t="s">
        <v>40</v>
      </c>
      <c r="R5398" s="5" t="s">
        <v>1522</v>
      </c>
      <c r="S5398" s="5" t="s">
        <v>1523</v>
      </c>
      <c r="T5398" s="5" t="s">
        <v>42</v>
      </c>
      <c r="U5398" s="2">
        <v>2.3170000000000002</v>
      </c>
      <c r="V5398" s="2">
        <v>1.847</v>
      </c>
      <c r="W5398" s="2">
        <v>1.0999999999999999E-2</v>
      </c>
      <c r="X5398" s="2">
        <v>82.9</v>
      </c>
      <c r="Y5398" s="2">
        <v>7.6</v>
      </c>
      <c r="Z5398" s="2">
        <v>16.7</v>
      </c>
      <c r="AA5398" s="5"/>
      <c r="AB5398" s="5" t="s">
        <v>43</v>
      </c>
      <c r="AC5398" s="5" t="s">
        <v>44</v>
      </c>
      <c r="AD5398" s="2"/>
      <c r="AE5398" s="1"/>
    </row>
    <row r="5399" spans="1:31" ht="14.45">
      <c r="A5399" s="11"/>
      <c r="B5399" s="20"/>
      <c r="C5399" s="2" t="s">
        <v>16668</v>
      </c>
      <c r="D5399" s="14" t="s">
        <v>16669</v>
      </c>
      <c r="E5399" s="2" t="s">
        <v>16670</v>
      </c>
      <c r="F5399" s="2" t="s">
        <v>7581</v>
      </c>
      <c r="G5399" s="8">
        <v>247</v>
      </c>
      <c r="H5399" s="5">
        <v>6</v>
      </c>
      <c r="I5399" s="5" t="s">
        <v>1518</v>
      </c>
      <c r="J5399" s="5" t="s">
        <v>1519</v>
      </c>
      <c r="K5399" s="2" t="s">
        <v>1520</v>
      </c>
      <c r="L5399" s="5" t="s">
        <v>1519</v>
      </c>
      <c r="M5399" s="2" t="s">
        <v>1520</v>
      </c>
      <c r="N5399" s="5" t="s">
        <v>1521</v>
      </c>
      <c r="O5399" s="5" t="s">
        <v>38</v>
      </c>
      <c r="P5399" s="5" t="s">
        <v>39</v>
      </c>
      <c r="Q5399" s="5" t="s">
        <v>40</v>
      </c>
      <c r="R5399" s="5" t="s">
        <v>1522</v>
      </c>
      <c r="S5399" s="5" t="s">
        <v>1523</v>
      </c>
      <c r="T5399" s="5" t="s">
        <v>42</v>
      </c>
      <c r="U5399" s="2">
        <v>2.383</v>
      </c>
      <c r="V5399" s="2">
        <v>1.913</v>
      </c>
      <c r="W5399" s="2">
        <v>1.0999999999999999E-2</v>
      </c>
      <c r="X5399" s="2">
        <v>82.9</v>
      </c>
      <c r="Y5399" s="2">
        <v>7.6</v>
      </c>
      <c r="Z5399" s="2">
        <v>16.7</v>
      </c>
      <c r="AA5399" s="5"/>
      <c r="AB5399" s="5" t="s">
        <v>43</v>
      </c>
      <c r="AC5399" s="5" t="s">
        <v>44</v>
      </c>
      <c r="AD5399" s="2"/>
      <c r="AE5399" s="1"/>
    </row>
    <row r="5400" spans="1:31" ht="14.45">
      <c r="A5400" s="11"/>
      <c r="B5400" s="20"/>
      <c r="C5400" s="2" t="s">
        <v>16671</v>
      </c>
      <c r="D5400" s="14" t="s">
        <v>16672</v>
      </c>
      <c r="E5400" s="2" t="s">
        <v>16673</v>
      </c>
      <c r="F5400" s="2" t="s">
        <v>7585</v>
      </c>
      <c r="G5400" s="8">
        <v>247</v>
      </c>
      <c r="H5400" s="5">
        <v>6</v>
      </c>
      <c r="I5400" s="5" t="s">
        <v>1518</v>
      </c>
      <c r="J5400" s="5" t="s">
        <v>1519</v>
      </c>
      <c r="K5400" s="2" t="s">
        <v>1520</v>
      </c>
      <c r="L5400" s="5" t="s">
        <v>1519</v>
      </c>
      <c r="M5400" s="2" t="s">
        <v>1520</v>
      </c>
      <c r="N5400" s="5" t="s">
        <v>1521</v>
      </c>
      <c r="O5400" s="5" t="s">
        <v>38</v>
      </c>
      <c r="P5400" s="5" t="s">
        <v>39</v>
      </c>
      <c r="Q5400" s="5" t="s">
        <v>40</v>
      </c>
      <c r="R5400" s="5" t="s">
        <v>1522</v>
      </c>
      <c r="S5400" s="5" t="s">
        <v>1523</v>
      </c>
      <c r="T5400" s="5" t="s">
        <v>42</v>
      </c>
      <c r="U5400" s="2">
        <v>2.3050000000000002</v>
      </c>
      <c r="V5400" s="2">
        <v>1.835</v>
      </c>
      <c r="W5400" s="2">
        <v>1.0999999999999999E-2</v>
      </c>
      <c r="X5400" s="2">
        <v>82.9</v>
      </c>
      <c r="Y5400" s="2">
        <v>7.6</v>
      </c>
      <c r="Z5400" s="2">
        <v>16.7</v>
      </c>
      <c r="AA5400" s="5"/>
      <c r="AB5400" s="5" t="s">
        <v>43</v>
      </c>
      <c r="AC5400" s="5" t="s">
        <v>44</v>
      </c>
      <c r="AD5400" s="2"/>
      <c r="AE5400" s="1"/>
    </row>
    <row r="5401" spans="1:31" ht="14.45">
      <c r="A5401" s="11"/>
      <c r="B5401" s="20"/>
      <c r="C5401" s="2" t="s">
        <v>16674</v>
      </c>
      <c r="D5401" s="14" t="s">
        <v>16675</v>
      </c>
      <c r="E5401" s="2" t="s">
        <v>16676</v>
      </c>
      <c r="F5401" s="2" t="s">
        <v>7589</v>
      </c>
      <c r="G5401" s="8">
        <v>247</v>
      </c>
      <c r="H5401" s="5">
        <v>6</v>
      </c>
      <c r="I5401" s="5" t="s">
        <v>1518</v>
      </c>
      <c r="J5401" s="5" t="s">
        <v>1519</v>
      </c>
      <c r="K5401" s="2" t="s">
        <v>1520</v>
      </c>
      <c r="L5401" s="5" t="s">
        <v>1519</v>
      </c>
      <c r="M5401" s="2" t="s">
        <v>1520</v>
      </c>
      <c r="N5401" s="5" t="s">
        <v>1521</v>
      </c>
      <c r="O5401" s="5" t="s">
        <v>38</v>
      </c>
      <c r="P5401" s="5" t="s">
        <v>39</v>
      </c>
      <c r="Q5401" s="5" t="s">
        <v>40</v>
      </c>
      <c r="R5401" s="5" t="s">
        <v>1522</v>
      </c>
      <c r="S5401" s="5" t="s">
        <v>1523</v>
      </c>
      <c r="T5401" s="5" t="s">
        <v>42</v>
      </c>
      <c r="U5401" s="2">
        <v>2.371</v>
      </c>
      <c r="V5401" s="2">
        <v>1.901</v>
      </c>
      <c r="W5401" s="2">
        <v>1.0999999999999999E-2</v>
      </c>
      <c r="X5401" s="2">
        <v>82.9</v>
      </c>
      <c r="Y5401" s="2">
        <v>7.6</v>
      </c>
      <c r="Z5401" s="2">
        <v>16.7</v>
      </c>
      <c r="AA5401" s="5"/>
      <c r="AB5401" s="5" t="s">
        <v>43</v>
      </c>
      <c r="AC5401" s="5" t="s">
        <v>44</v>
      </c>
      <c r="AD5401" s="2"/>
      <c r="AE5401" s="1"/>
    </row>
    <row r="5402" spans="1:31" ht="14.45">
      <c r="A5402" s="11"/>
      <c r="B5402" s="20"/>
      <c r="C5402" s="2" t="s">
        <v>16677</v>
      </c>
      <c r="D5402" s="14" t="s">
        <v>16678</v>
      </c>
      <c r="E5402" s="2" t="s">
        <v>16679</v>
      </c>
      <c r="F5402" s="2" t="s">
        <v>7597</v>
      </c>
      <c r="G5402" s="8">
        <v>247</v>
      </c>
      <c r="H5402" s="5">
        <v>6</v>
      </c>
      <c r="I5402" s="5" t="s">
        <v>1518</v>
      </c>
      <c r="J5402" s="5" t="s">
        <v>1519</v>
      </c>
      <c r="K5402" s="2" t="s">
        <v>1520</v>
      </c>
      <c r="L5402" s="5" t="s">
        <v>1519</v>
      </c>
      <c r="M5402" s="2" t="s">
        <v>1520</v>
      </c>
      <c r="N5402" s="5" t="s">
        <v>1521</v>
      </c>
      <c r="O5402" s="5" t="s">
        <v>38</v>
      </c>
      <c r="P5402" s="5" t="s">
        <v>39</v>
      </c>
      <c r="Q5402" s="5" t="s">
        <v>40</v>
      </c>
      <c r="R5402" s="5" t="s">
        <v>1522</v>
      </c>
      <c r="S5402" s="5" t="s">
        <v>1523</v>
      </c>
      <c r="T5402" s="5" t="s">
        <v>42</v>
      </c>
      <c r="U5402" s="2">
        <v>2.383</v>
      </c>
      <c r="V5402" s="2">
        <v>1.913</v>
      </c>
      <c r="W5402" s="2">
        <v>1.0999999999999999E-2</v>
      </c>
      <c r="X5402" s="2">
        <v>82.9</v>
      </c>
      <c r="Y5402" s="2">
        <v>7.6</v>
      </c>
      <c r="Z5402" s="2">
        <v>16.7</v>
      </c>
      <c r="AA5402" s="5"/>
      <c r="AB5402" s="5" t="s">
        <v>43</v>
      </c>
      <c r="AC5402" s="5" t="s">
        <v>44</v>
      </c>
      <c r="AD5402" s="2"/>
      <c r="AE5402" s="1"/>
    </row>
    <row r="5403" spans="1:31" ht="14.45">
      <c r="A5403" s="11"/>
      <c r="B5403" s="20"/>
      <c r="C5403" s="2" t="s">
        <v>16680</v>
      </c>
      <c r="D5403" s="14" t="s">
        <v>16681</v>
      </c>
      <c r="E5403" s="2" t="s">
        <v>16682</v>
      </c>
      <c r="F5403" s="2" t="s">
        <v>16014</v>
      </c>
      <c r="G5403" s="8">
        <v>247</v>
      </c>
      <c r="H5403" s="5">
        <v>6</v>
      </c>
      <c r="I5403" s="5" t="s">
        <v>1518</v>
      </c>
      <c r="J5403" s="5" t="s">
        <v>1519</v>
      </c>
      <c r="K5403" s="2" t="s">
        <v>1520</v>
      </c>
      <c r="L5403" s="5" t="s">
        <v>1519</v>
      </c>
      <c r="M5403" s="2" t="s">
        <v>1520</v>
      </c>
      <c r="N5403" s="5" t="s">
        <v>1521</v>
      </c>
      <c r="O5403" s="5" t="s">
        <v>38</v>
      </c>
      <c r="P5403" s="5" t="s">
        <v>39</v>
      </c>
      <c r="Q5403" s="5" t="s">
        <v>40</v>
      </c>
      <c r="R5403" s="5" t="s">
        <v>1522</v>
      </c>
      <c r="S5403" s="5" t="s">
        <v>1523</v>
      </c>
      <c r="T5403" s="5" t="s">
        <v>42</v>
      </c>
      <c r="U5403" s="2">
        <v>2.3170000000000002</v>
      </c>
      <c r="V5403" s="2">
        <v>1.847</v>
      </c>
      <c r="W5403" s="2">
        <v>1.0999999999999999E-2</v>
      </c>
      <c r="X5403" s="2">
        <v>82.9</v>
      </c>
      <c r="Y5403" s="2">
        <v>7.6</v>
      </c>
      <c r="Z5403" s="2">
        <v>16.7</v>
      </c>
      <c r="AA5403" s="5"/>
      <c r="AB5403" s="5" t="s">
        <v>43</v>
      </c>
      <c r="AC5403" s="5" t="s">
        <v>44</v>
      </c>
      <c r="AD5403" s="2"/>
      <c r="AE5403" s="1"/>
    </row>
    <row r="5404" spans="1:31" ht="14.45">
      <c r="A5404" s="11"/>
      <c r="B5404" s="20"/>
      <c r="C5404" s="2" t="s">
        <v>16683</v>
      </c>
      <c r="D5404" s="14" t="s">
        <v>16684</v>
      </c>
      <c r="E5404" s="2" t="s">
        <v>16685</v>
      </c>
      <c r="F5404" s="2" t="s">
        <v>16219</v>
      </c>
      <c r="G5404" s="8">
        <v>247</v>
      </c>
      <c r="H5404" s="5">
        <v>6</v>
      </c>
      <c r="I5404" s="5" t="s">
        <v>1518</v>
      </c>
      <c r="J5404" s="5" t="s">
        <v>1519</v>
      </c>
      <c r="K5404" s="2" t="s">
        <v>1520</v>
      </c>
      <c r="L5404" s="5" t="s">
        <v>1519</v>
      </c>
      <c r="M5404" s="2" t="s">
        <v>1520</v>
      </c>
      <c r="N5404" s="5" t="s">
        <v>1521</v>
      </c>
      <c r="O5404" s="5" t="s">
        <v>38</v>
      </c>
      <c r="P5404" s="5" t="s">
        <v>39</v>
      </c>
      <c r="Q5404" s="5" t="s">
        <v>40</v>
      </c>
      <c r="R5404" s="5" t="s">
        <v>1522</v>
      </c>
      <c r="S5404" s="5" t="s">
        <v>1523</v>
      </c>
      <c r="T5404" s="5" t="s">
        <v>42</v>
      </c>
      <c r="U5404" s="2">
        <v>2.383</v>
      </c>
      <c r="V5404" s="2">
        <v>1.913</v>
      </c>
      <c r="W5404" s="2">
        <v>1.0999999999999999E-2</v>
      </c>
      <c r="X5404" s="2">
        <v>82.9</v>
      </c>
      <c r="Y5404" s="2">
        <v>7.6</v>
      </c>
      <c r="Z5404" s="2">
        <v>16.7</v>
      </c>
      <c r="AA5404" s="5"/>
      <c r="AB5404" s="5" t="s">
        <v>43</v>
      </c>
      <c r="AC5404" s="5" t="s">
        <v>44</v>
      </c>
      <c r="AD5404" s="2"/>
      <c r="AE5404" s="1"/>
    </row>
    <row r="5405" spans="1:31" ht="14.45">
      <c r="A5405" s="11"/>
      <c r="B5405" s="20"/>
      <c r="C5405" s="2" t="s">
        <v>16686</v>
      </c>
      <c r="D5405" s="14" t="s">
        <v>16687</v>
      </c>
      <c r="E5405" s="2" t="s">
        <v>16688</v>
      </c>
      <c r="F5405" s="2" t="s">
        <v>16018</v>
      </c>
      <c r="G5405" s="8">
        <v>247</v>
      </c>
      <c r="H5405" s="5">
        <v>6</v>
      </c>
      <c r="I5405" s="5" t="s">
        <v>1518</v>
      </c>
      <c r="J5405" s="5" t="s">
        <v>1519</v>
      </c>
      <c r="K5405" s="2" t="s">
        <v>1520</v>
      </c>
      <c r="L5405" s="5" t="s">
        <v>1519</v>
      </c>
      <c r="M5405" s="2" t="s">
        <v>1520</v>
      </c>
      <c r="N5405" s="5" t="s">
        <v>1521</v>
      </c>
      <c r="O5405" s="5" t="s">
        <v>38</v>
      </c>
      <c r="P5405" s="5" t="s">
        <v>39</v>
      </c>
      <c r="Q5405" s="5" t="s">
        <v>40</v>
      </c>
      <c r="R5405" s="5" t="s">
        <v>1522</v>
      </c>
      <c r="S5405" s="5" t="s">
        <v>1523</v>
      </c>
      <c r="T5405" s="5" t="s">
        <v>42</v>
      </c>
      <c r="U5405" s="2">
        <v>2.3170000000000002</v>
      </c>
      <c r="V5405" s="2">
        <v>1.847</v>
      </c>
      <c r="W5405" s="2">
        <v>1.0999999999999999E-2</v>
      </c>
      <c r="X5405" s="2">
        <v>82.9</v>
      </c>
      <c r="Y5405" s="2">
        <v>7.6</v>
      </c>
      <c r="Z5405" s="2">
        <v>16.7</v>
      </c>
      <c r="AA5405" s="5"/>
      <c r="AB5405" s="5" t="s">
        <v>43</v>
      </c>
      <c r="AC5405" s="5" t="s">
        <v>44</v>
      </c>
      <c r="AD5405" s="2"/>
      <c r="AE5405" s="1"/>
    </row>
    <row r="5406" spans="1:31" ht="14.45">
      <c r="A5406" s="11"/>
      <c r="B5406" s="20"/>
      <c r="C5406" s="2" t="s">
        <v>16689</v>
      </c>
      <c r="D5406" s="14" t="s">
        <v>16690</v>
      </c>
      <c r="E5406" s="2" t="s">
        <v>16691</v>
      </c>
      <c r="F5406" s="2" t="s">
        <v>16022</v>
      </c>
      <c r="G5406" s="8">
        <v>247</v>
      </c>
      <c r="H5406" s="5">
        <v>6</v>
      </c>
      <c r="I5406" s="5" t="s">
        <v>1518</v>
      </c>
      <c r="J5406" s="5" t="s">
        <v>1519</v>
      </c>
      <c r="K5406" s="2" t="s">
        <v>1520</v>
      </c>
      <c r="L5406" s="5" t="s">
        <v>1519</v>
      </c>
      <c r="M5406" s="2" t="s">
        <v>1520</v>
      </c>
      <c r="N5406" s="5" t="s">
        <v>1521</v>
      </c>
      <c r="O5406" s="5" t="s">
        <v>38</v>
      </c>
      <c r="P5406" s="5" t="s">
        <v>39</v>
      </c>
      <c r="Q5406" s="5" t="s">
        <v>40</v>
      </c>
      <c r="R5406" s="5" t="s">
        <v>1522</v>
      </c>
      <c r="S5406" s="5" t="s">
        <v>1523</v>
      </c>
      <c r="T5406" s="5" t="s">
        <v>42</v>
      </c>
      <c r="U5406" s="2">
        <v>2.383</v>
      </c>
      <c r="V5406" s="2">
        <v>1.913</v>
      </c>
      <c r="W5406" s="2">
        <v>1.0999999999999999E-2</v>
      </c>
      <c r="X5406" s="2">
        <v>82.9</v>
      </c>
      <c r="Y5406" s="2">
        <v>7.6</v>
      </c>
      <c r="Z5406" s="2">
        <v>16.7</v>
      </c>
      <c r="AA5406" s="5"/>
      <c r="AB5406" s="5" t="s">
        <v>43</v>
      </c>
      <c r="AC5406" s="5" t="s">
        <v>44</v>
      </c>
      <c r="AD5406" s="2"/>
      <c r="AE5406" s="1"/>
    </row>
    <row r="5407" spans="1:31" ht="14.45">
      <c r="A5407" s="11"/>
      <c r="B5407" s="20"/>
      <c r="C5407" s="2" t="s">
        <v>16692</v>
      </c>
      <c r="D5407" s="14" t="s">
        <v>16693</v>
      </c>
      <c r="E5407" s="2" t="s">
        <v>16694</v>
      </c>
      <c r="F5407" s="2" t="s">
        <v>7615</v>
      </c>
      <c r="G5407" s="8">
        <v>247</v>
      </c>
      <c r="H5407" s="5">
        <v>6</v>
      </c>
      <c r="I5407" s="5" t="s">
        <v>1518</v>
      </c>
      <c r="J5407" s="5" t="s">
        <v>1519</v>
      </c>
      <c r="K5407" s="2" t="s">
        <v>1520</v>
      </c>
      <c r="L5407" s="5" t="s">
        <v>1519</v>
      </c>
      <c r="M5407" s="2" t="s">
        <v>1520</v>
      </c>
      <c r="N5407" s="5" t="s">
        <v>1521</v>
      </c>
      <c r="O5407" s="5" t="s">
        <v>38</v>
      </c>
      <c r="P5407" s="5" t="s">
        <v>39</v>
      </c>
      <c r="Q5407" s="5" t="s">
        <v>40</v>
      </c>
      <c r="R5407" s="5" t="s">
        <v>1522</v>
      </c>
      <c r="S5407" s="5" t="s">
        <v>1523</v>
      </c>
      <c r="T5407" s="5" t="s">
        <v>42</v>
      </c>
      <c r="U5407" s="2">
        <v>2.3050000000000002</v>
      </c>
      <c r="V5407" s="2">
        <v>1.835</v>
      </c>
      <c r="W5407" s="2">
        <v>1.0999999999999999E-2</v>
      </c>
      <c r="X5407" s="2">
        <v>82.9</v>
      </c>
      <c r="Y5407" s="2">
        <v>7.6</v>
      </c>
      <c r="Z5407" s="2">
        <v>16.7</v>
      </c>
      <c r="AA5407" s="5"/>
      <c r="AB5407" s="5" t="s">
        <v>43</v>
      </c>
      <c r="AC5407" s="5" t="s">
        <v>44</v>
      </c>
      <c r="AD5407" s="2"/>
      <c r="AE5407" s="1"/>
    </row>
    <row r="5408" spans="1:31" ht="14.45">
      <c r="A5408" s="11"/>
      <c r="B5408" s="20"/>
      <c r="C5408" s="2" t="s">
        <v>16695</v>
      </c>
      <c r="D5408" s="14" t="s">
        <v>16696</v>
      </c>
      <c r="E5408" s="2" t="s">
        <v>16697</v>
      </c>
      <c r="F5408" s="2" t="s">
        <v>7619</v>
      </c>
      <c r="G5408" s="8">
        <v>247</v>
      </c>
      <c r="H5408" s="5">
        <v>6</v>
      </c>
      <c r="I5408" s="5" t="s">
        <v>1518</v>
      </c>
      <c r="J5408" s="5" t="s">
        <v>1519</v>
      </c>
      <c r="K5408" s="2" t="s">
        <v>1520</v>
      </c>
      <c r="L5408" s="5" t="s">
        <v>1519</v>
      </c>
      <c r="M5408" s="2" t="s">
        <v>1520</v>
      </c>
      <c r="N5408" s="5" t="s">
        <v>1521</v>
      </c>
      <c r="O5408" s="5" t="s">
        <v>38</v>
      </c>
      <c r="P5408" s="5" t="s">
        <v>39</v>
      </c>
      <c r="Q5408" s="5" t="s">
        <v>40</v>
      </c>
      <c r="R5408" s="5" t="s">
        <v>1522</v>
      </c>
      <c r="S5408" s="5" t="s">
        <v>1523</v>
      </c>
      <c r="T5408" s="5" t="s">
        <v>42</v>
      </c>
      <c r="U5408" s="2">
        <v>2.371</v>
      </c>
      <c r="V5408" s="2">
        <v>1.901</v>
      </c>
      <c r="W5408" s="2">
        <v>1.0999999999999999E-2</v>
      </c>
      <c r="X5408" s="2">
        <v>82.9</v>
      </c>
      <c r="Y5408" s="2">
        <v>7.6</v>
      </c>
      <c r="Z5408" s="2">
        <v>16.7</v>
      </c>
      <c r="AA5408" s="5"/>
      <c r="AB5408" s="5" t="s">
        <v>43</v>
      </c>
      <c r="AC5408" s="5" t="s">
        <v>44</v>
      </c>
      <c r="AD5408" s="2"/>
      <c r="AE5408" s="1"/>
    </row>
    <row r="5409" spans="1:31" ht="14.45">
      <c r="A5409" s="11"/>
      <c r="B5409" s="20"/>
      <c r="C5409" s="2" t="s">
        <v>16698</v>
      </c>
      <c r="D5409" s="14" t="s">
        <v>16699</v>
      </c>
      <c r="E5409" s="2" t="s">
        <v>16700</v>
      </c>
      <c r="F5409" s="2" t="s">
        <v>16029</v>
      </c>
      <c r="G5409" s="8">
        <v>247</v>
      </c>
      <c r="H5409" s="5">
        <v>11</v>
      </c>
      <c r="I5409" s="5" t="s">
        <v>1518</v>
      </c>
      <c r="J5409" s="5" t="s">
        <v>1519</v>
      </c>
      <c r="K5409" s="2" t="s">
        <v>1520</v>
      </c>
      <c r="L5409" s="5" t="s">
        <v>1519</v>
      </c>
      <c r="M5409" s="2" t="s">
        <v>1520</v>
      </c>
      <c r="N5409" s="5" t="s">
        <v>1521</v>
      </c>
      <c r="O5409" s="5" t="s">
        <v>38</v>
      </c>
      <c r="P5409" s="5" t="s">
        <v>39</v>
      </c>
      <c r="Q5409" s="5" t="s">
        <v>40</v>
      </c>
      <c r="R5409" s="5" t="s">
        <v>1522</v>
      </c>
      <c r="S5409" s="5" t="s">
        <v>1523</v>
      </c>
      <c r="T5409" s="5" t="s">
        <v>42</v>
      </c>
      <c r="U5409" s="2">
        <v>2.3079999999999998</v>
      </c>
      <c r="V5409" s="2">
        <v>1.8380000000000001</v>
      </c>
      <c r="W5409" s="2">
        <v>1.0999999999999999E-2</v>
      </c>
      <c r="X5409" s="2">
        <v>82.9</v>
      </c>
      <c r="Y5409" s="2">
        <v>7.6</v>
      </c>
      <c r="Z5409" s="2">
        <v>16.7</v>
      </c>
      <c r="AA5409" s="5"/>
      <c r="AB5409" s="5" t="s">
        <v>43</v>
      </c>
      <c r="AC5409" s="5" t="s">
        <v>44</v>
      </c>
      <c r="AD5409" s="2"/>
      <c r="AE5409" s="1"/>
    </row>
    <row r="5410" spans="1:31" ht="14.45">
      <c r="A5410" s="11"/>
      <c r="B5410" s="20"/>
      <c r="C5410" s="2" t="s">
        <v>16701</v>
      </c>
      <c r="D5410" s="14" t="s">
        <v>16702</v>
      </c>
      <c r="E5410" s="2" t="s">
        <v>16703</v>
      </c>
      <c r="F5410" s="2" t="s">
        <v>16033</v>
      </c>
      <c r="G5410" s="8">
        <v>247</v>
      </c>
      <c r="H5410" s="5">
        <v>11</v>
      </c>
      <c r="I5410" s="5" t="s">
        <v>1518</v>
      </c>
      <c r="J5410" s="5" t="s">
        <v>1519</v>
      </c>
      <c r="K5410" s="2" t="s">
        <v>1520</v>
      </c>
      <c r="L5410" s="5" t="s">
        <v>1519</v>
      </c>
      <c r="M5410" s="2" t="s">
        <v>1520</v>
      </c>
      <c r="N5410" s="5" t="s">
        <v>1521</v>
      </c>
      <c r="O5410" s="5" t="s">
        <v>38</v>
      </c>
      <c r="P5410" s="5" t="s">
        <v>39</v>
      </c>
      <c r="Q5410" s="5" t="s">
        <v>40</v>
      </c>
      <c r="R5410" s="5" t="s">
        <v>1522</v>
      </c>
      <c r="S5410" s="5" t="s">
        <v>1523</v>
      </c>
      <c r="T5410" s="5" t="s">
        <v>42</v>
      </c>
      <c r="U5410" s="2">
        <v>2.3740000000000001</v>
      </c>
      <c r="V5410" s="2">
        <v>1.9039999999999999</v>
      </c>
      <c r="W5410" s="2">
        <v>1.0999999999999999E-2</v>
      </c>
      <c r="X5410" s="2">
        <v>82.9</v>
      </c>
      <c r="Y5410" s="2">
        <v>7.6</v>
      </c>
      <c r="Z5410" s="2">
        <v>16.7</v>
      </c>
      <c r="AA5410" s="5"/>
      <c r="AB5410" s="5" t="s">
        <v>43</v>
      </c>
      <c r="AC5410" s="5" t="s">
        <v>44</v>
      </c>
      <c r="AD5410" s="2"/>
      <c r="AE5410" s="1"/>
    </row>
    <row r="5411" spans="1:31" ht="14.45">
      <c r="A5411" s="11"/>
      <c r="B5411" s="20"/>
      <c r="C5411" s="2" t="s">
        <v>16704</v>
      </c>
      <c r="D5411" s="14" t="s">
        <v>16705</v>
      </c>
      <c r="E5411" s="2" t="s">
        <v>16706</v>
      </c>
      <c r="F5411" s="2" t="s">
        <v>7396</v>
      </c>
      <c r="G5411" s="8">
        <v>243</v>
      </c>
      <c r="H5411" s="5">
        <v>6</v>
      </c>
      <c r="I5411" s="5" t="s">
        <v>1518</v>
      </c>
      <c r="J5411" s="5" t="s">
        <v>1519</v>
      </c>
      <c r="K5411" s="2" t="s">
        <v>1520</v>
      </c>
      <c r="L5411" s="5" t="s">
        <v>1519</v>
      </c>
      <c r="M5411" s="2" t="s">
        <v>1520</v>
      </c>
      <c r="N5411" s="5" t="s">
        <v>1521</v>
      </c>
      <c r="O5411" s="5" t="s">
        <v>38</v>
      </c>
      <c r="P5411" s="5" t="s">
        <v>39</v>
      </c>
      <c r="Q5411" s="5" t="s">
        <v>40</v>
      </c>
      <c r="R5411" s="5" t="s">
        <v>1522</v>
      </c>
      <c r="S5411" s="5" t="s">
        <v>1523</v>
      </c>
      <c r="T5411" s="5" t="s">
        <v>42</v>
      </c>
      <c r="U5411" s="2">
        <v>2.5609999999999999</v>
      </c>
      <c r="V5411" s="2">
        <v>2.004</v>
      </c>
      <c r="W5411" s="2">
        <v>1.4999999999999999E-2</v>
      </c>
      <c r="X5411" s="2">
        <v>118.9</v>
      </c>
      <c r="Y5411" s="2">
        <v>7.6</v>
      </c>
      <c r="Z5411" s="2">
        <v>16.7</v>
      </c>
      <c r="AA5411" s="5"/>
      <c r="AB5411" s="5" t="s">
        <v>43</v>
      </c>
      <c r="AC5411" s="5" t="s">
        <v>44</v>
      </c>
      <c r="AD5411" s="2"/>
      <c r="AE5411" s="1"/>
    </row>
    <row r="5412" spans="1:31" ht="14.45">
      <c r="A5412" s="11"/>
      <c r="B5412" s="20"/>
      <c r="C5412" s="2" t="s">
        <v>16707</v>
      </c>
      <c r="D5412" s="14" t="s">
        <v>16708</v>
      </c>
      <c r="E5412" s="2" t="s">
        <v>16709</v>
      </c>
      <c r="F5412" s="2" t="s">
        <v>7507</v>
      </c>
      <c r="G5412" s="8">
        <v>243</v>
      </c>
      <c r="H5412" s="5">
        <v>6</v>
      </c>
      <c r="I5412" s="5" t="s">
        <v>1518</v>
      </c>
      <c r="J5412" s="5" t="s">
        <v>1519</v>
      </c>
      <c r="K5412" s="2" t="s">
        <v>1520</v>
      </c>
      <c r="L5412" s="5" t="s">
        <v>1519</v>
      </c>
      <c r="M5412" s="2" t="s">
        <v>1520</v>
      </c>
      <c r="N5412" s="5" t="s">
        <v>1521</v>
      </c>
      <c r="O5412" s="5" t="s">
        <v>38</v>
      </c>
      <c r="P5412" s="5" t="s">
        <v>39</v>
      </c>
      <c r="Q5412" s="5" t="s">
        <v>40</v>
      </c>
      <c r="R5412" s="5" t="s">
        <v>1522</v>
      </c>
      <c r="S5412" s="5" t="s">
        <v>1523</v>
      </c>
      <c r="T5412" s="5" t="s">
        <v>42</v>
      </c>
      <c r="U5412" s="2">
        <v>2.6379999999999999</v>
      </c>
      <c r="V5412" s="2">
        <v>2.081</v>
      </c>
      <c r="W5412" s="2">
        <v>1.4999999999999999E-2</v>
      </c>
      <c r="X5412" s="2">
        <v>118.9</v>
      </c>
      <c r="Y5412" s="2">
        <v>7.6</v>
      </c>
      <c r="Z5412" s="2">
        <v>16.7</v>
      </c>
      <c r="AA5412" s="5"/>
      <c r="AB5412" s="5" t="s">
        <v>43</v>
      </c>
      <c r="AC5412" s="5" t="s">
        <v>44</v>
      </c>
      <c r="AD5412" s="2"/>
      <c r="AE5412" s="1"/>
    </row>
    <row r="5413" spans="1:31" ht="14.45">
      <c r="A5413" s="11"/>
      <c r="B5413" s="20"/>
      <c r="C5413" s="2" t="s">
        <v>16710</v>
      </c>
      <c r="D5413" s="14" t="s">
        <v>16711</v>
      </c>
      <c r="E5413" s="2" t="s">
        <v>16712</v>
      </c>
      <c r="F5413" s="2" t="s">
        <v>7204</v>
      </c>
      <c r="G5413" s="8">
        <v>243</v>
      </c>
      <c r="H5413" s="5">
        <v>6</v>
      </c>
      <c r="I5413" s="5" t="s">
        <v>1518</v>
      </c>
      <c r="J5413" s="5" t="s">
        <v>1519</v>
      </c>
      <c r="K5413" s="2" t="s">
        <v>1520</v>
      </c>
      <c r="L5413" s="5" t="s">
        <v>1519</v>
      </c>
      <c r="M5413" s="2" t="s">
        <v>1520</v>
      </c>
      <c r="N5413" s="5" t="s">
        <v>1521</v>
      </c>
      <c r="O5413" s="5" t="s">
        <v>38</v>
      </c>
      <c r="P5413" s="5" t="s">
        <v>39</v>
      </c>
      <c r="Q5413" s="5" t="s">
        <v>40</v>
      </c>
      <c r="R5413" s="5" t="s">
        <v>1522</v>
      </c>
      <c r="S5413" s="5" t="s">
        <v>1523</v>
      </c>
      <c r="T5413" s="5" t="s">
        <v>42</v>
      </c>
      <c r="U5413" s="2">
        <v>2.5659999999999998</v>
      </c>
      <c r="V5413" s="2">
        <v>2.0089999999999999</v>
      </c>
      <c r="W5413" s="2">
        <v>1.4999999999999999E-2</v>
      </c>
      <c r="X5413" s="2">
        <v>118.9</v>
      </c>
      <c r="Y5413" s="2">
        <v>7.6</v>
      </c>
      <c r="Z5413" s="2">
        <v>16.7</v>
      </c>
      <c r="AA5413" s="5"/>
      <c r="AB5413" s="5" t="s">
        <v>43</v>
      </c>
      <c r="AC5413" s="5" t="s">
        <v>44</v>
      </c>
      <c r="AD5413" s="2"/>
      <c r="AE5413" s="1"/>
    </row>
    <row r="5414" spans="1:31" ht="14.45">
      <c r="A5414" s="11"/>
      <c r="B5414" s="20"/>
      <c r="C5414" s="2" t="s">
        <v>16713</v>
      </c>
      <c r="D5414" s="14" t="s">
        <v>16714</v>
      </c>
      <c r="E5414" s="2" t="s">
        <v>16715</v>
      </c>
      <c r="F5414" s="2" t="s">
        <v>7514</v>
      </c>
      <c r="G5414" s="8">
        <v>243</v>
      </c>
      <c r="H5414" s="5">
        <v>6</v>
      </c>
      <c r="I5414" s="5" t="s">
        <v>1518</v>
      </c>
      <c r="J5414" s="5" t="s">
        <v>1519</v>
      </c>
      <c r="K5414" s="2" t="s">
        <v>1520</v>
      </c>
      <c r="L5414" s="5" t="s">
        <v>1519</v>
      </c>
      <c r="M5414" s="2" t="s">
        <v>1520</v>
      </c>
      <c r="N5414" s="5" t="s">
        <v>1521</v>
      </c>
      <c r="O5414" s="5" t="s">
        <v>38</v>
      </c>
      <c r="P5414" s="5" t="s">
        <v>39</v>
      </c>
      <c r="Q5414" s="5" t="s">
        <v>40</v>
      </c>
      <c r="R5414" s="5" t="s">
        <v>1522</v>
      </c>
      <c r="S5414" s="5" t="s">
        <v>1523</v>
      </c>
      <c r="T5414" s="5" t="s">
        <v>42</v>
      </c>
      <c r="U5414" s="2">
        <v>2.6429999999999998</v>
      </c>
      <c r="V5414" s="2">
        <v>2.0859999999999999</v>
      </c>
      <c r="W5414" s="2">
        <v>1.4999999999999999E-2</v>
      </c>
      <c r="X5414" s="2">
        <v>118.9</v>
      </c>
      <c r="Y5414" s="2">
        <v>7.6</v>
      </c>
      <c r="Z5414" s="2">
        <v>16.7</v>
      </c>
      <c r="AA5414" s="5"/>
      <c r="AB5414" s="5" t="s">
        <v>43</v>
      </c>
      <c r="AC5414" s="5" t="s">
        <v>44</v>
      </c>
      <c r="AD5414" s="2"/>
      <c r="AE5414" s="1"/>
    </row>
    <row r="5415" spans="1:31" ht="14.45">
      <c r="A5415" s="11"/>
      <c r="B5415" s="20"/>
      <c r="C5415" s="2" t="s">
        <v>16716</v>
      </c>
      <c r="D5415" s="14" t="s">
        <v>16717</v>
      </c>
      <c r="E5415" s="2" t="s">
        <v>16718</v>
      </c>
      <c r="F5415" s="2" t="s">
        <v>7208</v>
      </c>
      <c r="G5415" s="8">
        <v>243</v>
      </c>
      <c r="H5415" s="5">
        <v>6</v>
      </c>
      <c r="I5415" s="5" t="s">
        <v>1518</v>
      </c>
      <c r="J5415" s="5" t="s">
        <v>1519</v>
      </c>
      <c r="K5415" s="2" t="s">
        <v>1520</v>
      </c>
      <c r="L5415" s="5" t="s">
        <v>1519</v>
      </c>
      <c r="M5415" s="2" t="s">
        <v>1520</v>
      </c>
      <c r="N5415" s="5" t="s">
        <v>1521</v>
      </c>
      <c r="O5415" s="5" t="s">
        <v>38</v>
      </c>
      <c r="P5415" s="5" t="s">
        <v>39</v>
      </c>
      <c r="Q5415" s="5" t="s">
        <v>40</v>
      </c>
      <c r="R5415" s="5" t="s">
        <v>1522</v>
      </c>
      <c r="S5415" s="5" t="s">
        <v>1523</v>
      </c>
      <c r="T5415" s="5" t="s">
        <v>42</v>
      </c>
      <c r="U5415" s="2">
        <v>2.5659999999999998</v>
      </c>
      <c r="V5415" s="2">
        <v>2.0089999999999999</v>
      </c>
      <c r="W5415" s="2">
        <v>1.4999999999999999E-2</v>
      </c>
      <c r="X5415" s="2">
        <v>118.9</v>
      </c>
      <c r="Y5415" s="2">
        <v>7.6</v>
      </c>
      <c r="Z5415" s="2">
        <v>16.7</v>
      </c>
      <c r="AA5415" s="5"/>
      <c r="AB5415" s="5" t="s">
        <v>43</v>
      </c>
      <c r="AC5415" s="5" t="s">
        <v>44</v>
      </c>
      <c r="AD5415" s="2"/>
      <c r="AE5415" s="1"/>
    </row>
    <row r="5416" spans="1:31" ht="14.45">
      <c r="A5416" s="11"/>
      <c r="B5416" s="20"/>
      <c r="C5416" s="2" t="s">
        <v>16719</v>
      </c>
      <c r="D5416" s="14" t="s">
        <v>16720</v>
      </c>
      <c r="E5416" s="2" t="s">
        <v>16721</v>
      </c>
      <c r="F5416" s="2" t="s">
        <v>7521</v>
      </c>
      <c r="G5416" s="8">
        <v>243</v>
      </c>
      <c r="H5416" s="5">
        <v>6</v>
      </c>
      <c r="I5416" s="5" t="s">
        <v>1518</v>
      </c>
      <c r="J5416" s="5" t="s">
        <v>1519</v>
      </c>
      <c r="K5416" s="2" t="s">
        <v>1520</v>
      </c>
      <c r="L5416" s="5" t="s">
        <v>1519</v>
      </c>
      <c r="M5416" s="2" t="s">
        <v>1520</v>
      </c>
      <c r="N5416" s="5" t="s">
        <v>1521</v>
      </c>
      <c r="O5416" s="5" t="s">
        <v>38</v>
      </c>
      <c r="P5416" s="5" t="s">
        <v>39</v>
      </c>
      <c r="Q5416" s="5" t="s">
        <v>40</v>
      </c>
      <c r="R5416" s="5" t="s">
        <v>1522</v>
      </c>
      <c r="S5416" s="5" t="s">
        <v>1523</v>
      </c>
      <c r="T5416" s="5" t="s">
        <v>42</v>
      </c>
      <c r="U5416" s="2">
        <v>2.6429999999999998</v>
      </c>
      <c r="V5416" s="2">
        <v>2.0859999999999999</v>
      </c>
      <c r="W5416" s="2">
        <v>1.4999999999999999E-2</v>
      </c>
      <c r="X5416" s="2">
        <v>118.9</v>
      </c>
      <c r="Y5416" s="2">
        <v>7.6</v>
      </c>
      <c r="Z5416" s="2">
        <v>16.7</v>
      </c>
      <c r="AA5416" s="5"/>
      <c r="AB5416" s="5" t="s">
        <v>43</v>
      </c>
      <c r="AC5416" s="5" t="s">
        <v>44</v>
      </c>
      <c r="AD5416" s="2"/>
      <c r="AE5416" s="1"/>
    </row>
    <row r="5417" spans="1:31" ht="14.45">
      <c r="A5417" s="11"/>
      <c r="B5417" s="20"/>
      <c r="C5417" s="2" t="s">
        <v>16722</v>
      </c>
      <c r="D5417" s="14" t="s">
        <v>16723</v>
      </c>
      <c r="E5417" s="2" t="s">
        <v>16724</v>
      </c>
      <c r="F5417" s="2" t="s">
        <v>7212</v>
      </c>
      <c r="G5417" s="8">
        <v>243</v>
      </c>
      <c r="H5417" s="5">
        <v>6</v>
      </c>
      <c r="I5417" s="5" t="s">
        <v>1518</v>
      </c>
      <c r="J5417" s="5" t="s">
        <v>1519</v>
      </c>
      <c r="K5417" s="2" t="s">
        <v>1520</v>
      </c>
      <c r="L5417" s="5" t="s">
        <v>1519</v>
      </c>
      <c r="M5417" s="2" t="s">
        <v>1520</v>
      </c>
      <c r="N5417" s="5" t="s">
        <v>1521</v>
      </c>
      <c r="O5417" s="5" t="s">
        <v>38</v>
      </c>
      <c r="P5417" s="5" t="s">
        <v>39</v>
      </c>
      <c r="Q5417" s="5" t="s">
        <v>40</v>
      </c>
      <c r="R5417" s="5" t="s">
        <v>1522</v>
      </c>
      <c r="S5417" s="5" t="s">
        <v>1523</v>
      </c>
      <c r="T5417" s="5" t="s">
        <v>42</v>
      </c>
      <c r="U5417" s="2">
        <v>2.5510000000000002</v>
      </c>
      <c r="V5417" s="2">
        <v>1.994</v>
      </c>
      <c r="W5417" s="2">
        <v>1.4999999999999999E-2</v>
      </c>
      <c r="X5417" s="2">
        <v>118.9</v>
      </c>
      <c r="Y5417" s="2">
        <v>7.6</v>
      </c>
      <c r="Z5417" s="2">
        <v>16.7</v>
      </c>
      <c r="AA5417" s="5"/>
      <c r="AB5417" s="5" t="s">
        <v>43</v>
      </c>
      <c r="AC5417" s="5" t="s">
        <v>44</v>
      </c>
      <c r="AD5417" s="2"/>
      <c r="AE5417" s="1"/>
    </row>
    <row r="5418" spans="1:31" ht="14.45">
      <c r="A5418" s="11"/>
      <c r="B5418" s="20"/>
      <c r="C5418" s="2" t="s">
        <v>16725</v>
      </c>
      <c r="D5418" s="14" t="s">
        <v>16726</v>
      </c>
      <c r="E5418" s="2" t="s">
        <v>16727</v>
      </c>
      <c r="F5418" s="2" t="s">
        <v>7528</v>
      </c>
      <c r="G5418" s="8">
        <v>243</v>
      </c>
      <c r="H5418" s="5">
        <v>6</v>
      </c>
      <c r="I5418" s="5" t="s">
        <v>1518</v>
      </c>
      <c r="J5418" s="5" t="s">
        <v>1519</v>
      </c>
      <c r="K5418" s="2" t="s">
        <v>1520</v>
      </c>
      <c r="L5418" s="5" t="s">
        <v>1519</v>
      </c>
      <c r="M5418" s="2" t="s">
        <v>1520</v>
      </c>
      <c r="N5418" s="5" t="s">
        <v>1521</v>
      </c>
      <c r="O5418" s="5" t="s">
        <v>38</v>
      </c>
      <c r="P5418" s="5" t="s">
        <v>39</v>
      </c>
      <c r="Q5418" s="5" t="s">
        <v>40</v>
      </c>
      <c r="R5418" s="5" t="s">
        <v>1522</v>
      </c>
      <c r="S5418" s="5" t="s">
        <v>1523</v>
      </c>
      <c r="T5418" s="5" t="s">
        <v>42</v>
      </c>
      <c r="U5418" s="2">
        <v>2.6280000000000001</v>
      </c>
      <c r="V5418" s="2">
        <v>2.0710000000000002</v>
      </c>
      <c r="W5418" s="2">
        <v>1.4999999999999999E-2</v>
      </c>
      <c r="X5418" s="2">
        <v>118.9</v>
      </c>
      <c r="Y5418" s="2">
        <v>7.6</v>
      </c>
      <c r="Z5418" s="2">
        <v>16.7</v>
      </c>
      <c r="AA5418" s="5"/>
      <c r="AB5418" s="5" t="s">
        <v>43</v>
      </c>
      <c r="AC5418" s="5" t="s">
        <v>44</v>
      </c>
      <c r="AD5418" s="2"/>
      <c r="AE5418" s="1"/>
    </row>
    <row r="5419" spans="1:31" ht="14.45">
      <c r="A5419" s="11"/>
      <c r="B5419" s="20"/>
      <c r="C5419" s="2" t="s">
        <v>16728</v>
      </c>
      <c r="D5419" s="14" t="s">
        <v>16729</v>
      </c>
      <c r="E5419" s="2" t="s">
        <v>16730</v>
      </c>
      <c r="F5419" s="2" t="s">
        <v>7406</v>
      </c>
      <c r="G5419" s="8">
        <v>259</v>
      </c>
      <c r="H5419" s="5">
        <v>6</v>
      </c>
      <c r="I5419" s="5" t="s">
        <v>1518</v>
      </c>
      <c r="J5419" s="5" t="s">
        <v>1519</v>
      </c>
      <c r="K5419" s="2" t="s">
        <v>1520</v>
      </c>
      <c r="L5419" s="5" t="s">
        <v>1519</v>
      </c>
      <c r="M5419" s="2" t="s">
        <v>1520</v>
      </c>
      <c r="N5419" s="5" t="s">
        <v>1521</v>
      </c>
      <c r="O5419" s="5" t="s">
        <v>38</v>
      </c>
      <c r="P5419" s="5" t="s">
        <v>39</v>
      </c>
      <c r="Q5419" s="5" t="s">
        <v>40</v>
      </c>
      <c r="R5419" s="5" t="s">
        <v>1522</v>
      </c>
      <c r="S5419" s="5" t="s">
        <v>1523</v>
      </c>
      <c r="T5419" s="5" t="s">
        <v>42</v>
      </c>
      <c r="U5419" s="2">
        <v>2.5510000000000002</v>
      </c>
      <c r="V5419" s="2">
        <v>1.994</v>
      </c>
      <c r="W5419" s="2">
        <v>1.4999999999999999E-2</v>
      </c>
      <c r="X5419" s="2">
        <v>118.9</v>
      </c>
      <c r="Y5419" s="2">
        <v>7.6</v>
      </c>
      <c r="Z5419" s="2">
        <v>16.7</v>
      </c>
      <c r="AA5419" s="5"/>
      <c r="AB5419" s="5" t="s">
        <v>43</v>
      </c>
      <c r="AC5419" s="5" t="s">
        <v>44</v>
      </c>
      <c r="AD5419" s="2"/>
      <c r="AE5419" s="1"/>
    </row>
    <row r="5420" spans="1:31" ht="14.45">
      <c r="A5420" s="11"/>
      <c r="B5420" s="20"/>
      <c r="C5420" s="2" t="s">
        <v>16731</v>
      </c>
      <c r="D5420" s="14" t="s">
        <v>16732</v>
      </c>
      <c r="E5420" s="2" t="s">
        <v>16733</v>
      </c>
      <c r="F5420" s="2" t="s">
        <v>7535</v>
      </c>
      <c r="G5420" s="8">
        <v>259</v>
      </c>
      <c r="H5420" s="5">
        <v>6</v>
      </c>
      <c r="I5420" s="5" t="s">
        <v>1518</v>
      </c>
      <c r="J5420" s="5" t="s">
        <v>1519</v>
      </c>
      <c r="K5420" s="2" t="s">
        <v>1520</v>
      </c>
      <c r="L5420" s="5" t="s">
        <v>1519</v>
      </c>
      <c r="M5420" s="2" t="s">
        <v>1520</v>
      </c>
      <c r="N5420" s="5" t="s">
        <v>1521</v>
      </c>
      <c r="O5420" s="5" t="s">
        <v>38</v>
      </c>
      <c r="P5420" s="5" t="s">
        <v>39</v>
      </c>
      <c r="Q5420" s="5" t="s">
        <v>40</v>
      </c>
      <c r="R5420" s="5" t="s">
        <v>1522</v>
      </c>
      <c r="S5420" s="5" t="s">
        <v>1523</v>
      </c>
      <c r="T5420" s="5" t="s">
        <v>42</v>
      </c>
      <c r="U5420" s="2">
        <v>2.6280000000000001</v>
      </c>
      <c r="V5420" s="2">
        <v>2.0710000000000002</v>
      </c>
      <c r="W5420" s="2">
        <v>1.4999999999999999E-2</v>
      </c>
      <c r="X5420" s="2">
        <v>118.9</v>
      </c>
      <c r="Y5420" s="2">
        <v>7.6</v>
      </c>
      <c r="Z5420" s="2">
        <v>16.7</v>
      </c>
      <c r="AA5420" s="5"/>
      <c r="AB5420" s="5" t="s">
        <v>43</v>
      </c>
      <c r="AC5420" s="5" t="s">
        <v>44</v>
      </c>
      <c r="AD5420" s="2"/>
      <c r="AE5420" s="1"/>
    </row>
    <row r="5421" spans="1:31" ht="14.45">
      <c r="A5421" s="11"/>
      <c r="B5421" s="20"/>
      <c r="C5421" s="2" t="s">
        <v>16734</v>
      </c>
      <c r="D5421" s="14" t="s">
        <v>16735</v>
      </c>
      <c r="E5421" s="2" t="s">
        <v>16736</v>
      </c>
      <c r="F5421" s="2" t="s">
        <v>7539</v>
      </c>
      <c r="G5421" s="8">
        <v>259</v>
      </c>
      <c r="H5421" s="5">
        <v>6</v>
      </c>
      <c r="I5421" s="5" t="s">
        <v>1518</v>
      </c>
      <c r="J5421" s="5" t="s">
        <v>1519</v>
      </c>
      <c r="K5421" s="2" t="s">
        <v>1520</v>
      </c>
      <c r="L5421" s="5" t="s">
        <v>1519</v>
      </c>
      <c r="M5421" s="2" t="s">
        <v>1520</v>
      </c>
      <c r="N5421" s="5" t="s">
        <v>1521</v>
      </c>
      <c r="O5421" s="5" t="s">
        <v>38</v>
      </c>
      <c r="P5421" s="5" t="s">
        <v>39</v>
      </c>
      <c r="Q5421" s="5" t="s">
        <v>40</v>
      </c>
      <c r="R5421" s="5" t="s">
        <v>1522</v>
      </c>
      <c r="S5421" s="5" t="s">
        <v>1523</v>
      </c>
      <c r="T5421" s="5" t="s">
        <v>42</v>
      </c>
      <c r="U5421" s="2">
        <v>2.5659999999999998</v>
      </c>
      <c r="V5421" s="2">
        <v>2.0089999999999999</v>
      </c>
      <c r="W5421" s="2">
        <v>1.4999999999999999E-2</v>
      </c>
      <c r="X5421" s="2">
        <v>118.9</v>
      </c>
      <c r="Y5421" s="2">
        <v>7.6</v>
      </c>
      <c r="Z5421" s="2">
        <v>16.7</v>
      </c>
      <c r="AA5421" s="5"/>
      <c r="AB5421" s="5" t="s">
        <v>43</v>
      </c>
      <c r="AC5421" s="5" t="s">
        <v>44</v>
      </c>
      <c r="AD5421" s="2"/>
      <c r="AE5421" s="1"/>
    </row>
    <row r="5422" spans="1:31" ht="14.45">
      <c r="A5422" s="11"/>
      <c r="B5422" s="20"/>
      <c r="C5422" s="2" t="s">
        <v>16737</v>
      </c>
      <c r="D5422" s="14" t="s">
        <v>16738</v>
      </c>
      <c r="E5422" s="2" t="s">
        <v>16739</v>
      </c>
      <c r="F5422" s="2" t="s">
        <v>7543</v>
      </c>
      <c r="G5422" s="8">
        <v>259</v>
      </c>
      <c r="H5422" s="5">
        <v>6</v>
      </c>
      <c r="I5422" s="5" t="s">
        <v>1518</v>
      </c>
      <c r="J5422" s="5" t="s">
        <v>1519</v>
      </c>
      <c r="K5422" s="2" t="s">
        <v>1520</v>
      </c>
      <c r="L5422" s="5" t="s">
        <v>1519</v>
      </c>
      <c r="M5422" s="2" t="s">
        <v>1520</v>
      </c>
      <c r="N5422" s="5" t="s">
        <v>1521</v>
      </c>
      <c r="O5422" s="5" t="s">
        <v>38</v>
      </c>
      <c r="P5422" s="5" t="s">
        <v>39</v>
      </c>
      <c r="Q5422" s="5" t="s">
        <v>40</v>
      </c>
      <c r="R5422" s="5" t="s">
        <v>1522</v>
      </c>
      <c r="S5422" s="5" t="s">
        <v>1523</v>
      </c>
      <c r="T5422" s="5" t="s">
        <v>42</v>
      </c>
      <c r="U5422" s="2">
        <v>2.6429999999999998</v>
      </c>
      <c r="V5422" s="2">
        <v>2.0859999999999999</v>
      </c>
      <c r="W5422" s="2">
        <v>1.4999999999999999E-2</v>
      </c>
      <c r="X5422" s="2">
        <v>118.9</v>
      </c>
      <c r="Y5422" s="2">
        <v>7.6</v>
      </c>
      <c r="Z5422" s="2">
        <v>16.7</v>
      </c>
      <c r="AA5422" s="5"/>
      <c r="AB5422" s="5" t="s">
        <v>43</v>
      </c>
      <c r="AC5422" s="5" t="s">
        <v>44</v>
      </c>
      <c r="AD5422" s="2"/>
      <c r="AE5422" s="1"/>
    </row>
    <row r="5423" spans="1:31" ht="14.45">
      <c r="A5423" s="11"/>
      <c r="B5423" s="20"/>
      <c r="C5423" s="2" t="s">
        <v>16740</v>
      </c>
      <c r="D5423" s="14" t="s">
        <v>16741</v>
      </c>
      <c r="E5423" s="2" t="s">
        <v>16742</v>
      </c>
      <c r="F5423" s="2" t="s">
        <v>7547</v>
      </c>
      <c r="G5423" s="8">
        <v>259</v>
      </c>
      <c r="H5423" s="5">
        <v>6</v>
      </c>
      <c r="I5423" s="5" t="s">
        <v>1518</v>
      </c>
      <c r="J5423" s="5" t="s">
        <v>1519</v>
      </c>
      <c r="K5423" s="2" t="s">
        <v>1520</v>
      </c>
      <c r="L5423" s="5" t="s">
        <v>1519</v>
      </c>
      <c r="M5423" s="2" t="s">
        <v>1520</v>
      </c>
      <c r="N5423" s="5" t="s">
        <v>1521</v>
      </c>
      <c r="O5423" s="5" t="s">
        <v>38</v>
      </c>
      <c r="P5423" s="5" t="s">
        <v>39</v>
      </c>
      <c r="Q5423" s="5" t="s">
        <v>40</v>
      </c>
      <c r="R5423" s="5" t="s">
        <v>1522</v>
      </c>
      <c r="S5423" s="5" t="s">
        <v>1523</v>
      </c>
      <c r="T5423" s="5" t="s">
        <v>42</v>
      </c>
      <c r="U5423" s="2">
        <v>2.5510000000000002</v>
      </c>
      <c r="V5423" s="2">
        <v>1.994</v>
      </c>
      <c r="W5423" s="2">
        <v>1.4999999999999999E-2</v>
      </c>
      <c r="X5423" s="2">
        <v>118.9</v>
      </c>
      <c r="Y5423" s="2">
        <v>7.6</v>
      </c>
      <c r="Z5423" s="2">
        <v>16.7</v>
      </c>
      <c r="AA5423" s="5"/>
      <c r="AB5423" s="5" t="s">
        <v>43</v>
      </c>
      <c r="AC5423" s="5" t="s">
        <v>44</v>
      </c>
      <c r="AD5423" s="2"/>
      <c r="AE5423" s="1"/>
    </row>
    <row r="5424" spans="1:31" ht="14.45">
      <c r="A5424" s="11"/>
      <c r="B5424" s="20"/>
      <c r="C5424" s="2" t="s">
        <v>16743</v>
      </c>
      <c r="D5424" s="14" t="s">
        <v>16744</v>
      </c>
      <c r="E5424" s="2" t="s">
        <v>16745</v>
      </c>
      <c r="F5424" s="2" t="s">
        <v>7551</v>
      </c>
      <c r="G5424" s="8">
        <v>259</v>
      </c>
      <c r="H5424" s="5">
        <v>6</v>
      </c>
      <c r="I5424" s="5" t="s">
        <v>1518</v>
      </c>
      <c r="J5424" s="5" t="s">
        <v>1519</v>
      </c>
      <c r="K5424" s="2" t="s">
        <v>1520</v>
      </c>
      <c r="L5424" s="5" t="s">
        <v>1519</v>
      </c>
      <c r="M5424" s="2" t="s">
        <v>1520</v>
      </c>
      <c r="N5424" s="5" t="s">
        <v>1521</v>
      </c>
      <c r="O5424" s="5" t="s">
        <v>38</v>
      </c>
      <c r="P5424" s="5" t="s">
        <v>39</v>
      </c>
      <c r="Q5424" s="5" t="s">
        <v>40</v>
      </c>
      <c r="R5424" s="5" t="s">
        <v>1522</v>
      </c>
      <c r="S5424" s="5" t="s">
        <v>1523</v>
      </c>
      <c r="T5424" s="5" t="s">
        <v>42</v>
      </c>
      <c r="U5424" s="2">
        <v>2.6280000000000001</v>
      </c>
      <c r="V5424" s="2">
        <v>2.0710000000000002</v>
      </c>
      <c r="W5424" s="2">
        <v>1.4999999999999999E-2</v>
      </c>
      <c r="X5424" s="2">
        <v>118.9</v>
      </c>
      <c r="Y5424" s="2">
        <v>7.6</v>
      </c>
      <c r="Z5424" s="2">
        <v>16.7</v>
      </c>
      <c r="AA5424" s="5"/>
      <c r="AB5424" s="5" t="s">
        <v>43</v>
      </c>
      <c r="AC5424" s="5" t="s">
        <v>44</v>
      </c>
      <c r="AD5424" s="2"/>
      <c r="AE5424" s="1"/>
    </row>
    <row r="5425" spans="1:31" ht="14.45">
      <c r="A5425" s="11"/>
      <c r="B5425" s="20"/>
      <c r="C5425" s="2" t="s">
        <v>16746</v>
      </c>
      <c r="D5425" s="14" t="s">
        <v>16747</v>
      </c>
      <c r="E5425" s="2" t="s">
        <v>16748</v>
      </c>
      <c r="F5425" s="2" t="s">
        <v>7555</v>
      </c>
      <c r="G5425" s="8">
        <v>259</v>
      </c>
      <c r="H5425" s="5">
        <v>6</v>
      </c>
      <c r="I5425" s="5" t="s">
        <v>1518</v>
      </c>
      <c r="J5425" s="5" t="s">
        <v>1519</v>
      </c>
      <c r="K5425" s="2" t="s">
        <v>1520</v>
      </c>
      <c r="L5425" s="5" t="s">
        <v>1519</v>
      </c>
      <c r="M5425" s="2" t="s">
        <v>1520</v>
      </c>
      <c r="N5425" s="5" t="s">
        <v>1521</v>
      </c>
      <c r="O5425" s="5" t="s">
        <v>38</v>
      </c>
      <c r="P5425" s="5" t="s">
        <v>39</v>
      </c>
      <c r="Q5425" s="5" t="s">
        <v>40</v>
      </c>
      <c r="R5425" s="5" t="s">
        <v>1522</v>
      </c>
      <c r="S5425" s="5" t="s">
        <v>1523</v>
      </c>
      <c r="T5425" s="5" t="s">
        <v>42</v>
      </c>
      <c r="U5425" s="2">
        <v>2.5510000000000002</v>
      </c>
      <c r="V5425" s="2">
        <v>1.994</v>
      </c>
      <c r="W5425" s="2">
        <v>1.4999999999999999E-2</v>
      </c>
      <c r="X5425" s="2">
        <v>118.9</v>
      </c>
      <c r="Y5425" s="2">
        <v>7.6</v>
      </c>
      <c r="Z5425" s="2">
        <v>16.7</v>
      </c>
      <c r="AA5425" s="5"/>
      <c r="AB5425" s="5" t="s">
        <v>43</v>
      </c>
      <c r="AC5425" s="5" t="s">
        <v>44</v>
      </c>
      <c r="AD5425" s="2"/>
      <c r="AE5425" s="1"/>
    </row>
    <row r="5426" spans="1:31" ht="14.45">
      <c r="A5426" s="11"/>
      <c r="B5426" s="20"/>
      <c r="C5426" s="2" t="s">
        <v>16749</v>
      </c>
      <c r="D5426" s="14" t="s">
        <v>16750</v>
      </c>
      <c r="E5426" s="2" t="s">
        <v>16751</v>
      </c>
      <c r="F5426" s="2" t="s">
        <v>7563</v>
      </c>
      <c r="G5426" s="8">
        <v>259</v>
      </c>
      <c r="H5426" s="5">
        <v>6</v>
      </c>
      <c r="I5426" s="5" t="s">
        <v>1518</v>
      </c>
      <c r="J5426" s="5" t="s">
        <v>1519</v>
      </c>
      <c r="K5426" s="2" t="s">
        <v>1520</v>
      </c>
      <c r="L5426" s="5" t="s">
        <v>1519</v>
      </c>
      <c r="M5426" s="2" t="s">
        <v>1520</v>
      </c>
      <c r="N5426" s="5" t="s">
        <v>1521</v>
      </c>
      <c r="O5426" s="5" t="s">
        <v>38</v>
      </c>
      <c r="P5426" s="5" t="s">
        <v>39</v>
      </c>
      <c r="Q5426" s="5" t="s">
        <v>40</v>
      </c>
      <c r="R5426" s="5" t="s">
        <v>1522</v>
      </c>
      <c r="S5426" s="5" t="s">
        <v>1523</v>
      </c>
      <c r="T5426" s="5" t="s">
        <v>42</v>
      </c>
      <c r="U5426" s="2">
        <v>2.5659999999999998</v>
      </c>
      <c r="V5426" s="2">
        <v>2.0089999999999999</v>
      </c>
      <c r="W5426" s="2">
        <v>1.4999999999999999E-2</v>
      </c>
      <c r="X5426" s="2">
        <v>118.9</v>
      </c>
      <c r="Y5426" s="2">
        <v>7.6</v>
      </c>
      <c r="Z5426" s="2">
        <v>16.7</v>
      </c>
      <c r="AA5426" s="5"/>
      <c r="AB5426" s="5" t="s">
        <v>43</v>
      </c>
      <c r="AC5426" s="5" t="s">
        <v>44</v>
      </c>
      <c r="AD5426" s="2"/>
      <c r="AE5426" s="1"/>
    </row>
    <row r="5427" spans="1:31" ht="14.45">
      <c r="A5427" s="11"/>
      <c r="B5427" s="20"/>
      <c r="C5427" s="2" t="s">
        <v>16752</v>
      </c>
      <c r="D5427" s="14" t="s">
        <v>16753</v>
      </c>
      <c r="E5427" s="2" t="s">
        <v>16754</v>
      </c>
      <c r="F5427" s="2" t="s">
        <v>7567</v>
      </c>
      <c r="G5427" s="8">
        <v>259</v>
      </c>
      <c r="H5427" s="5">
        <v>6</v>
      </c>
      <c r="I5427" s="5" t="s">
        <v>1518</v>
      </c>
      <c r="J5427" s="5" t="s">
        <v>1519</v>
      </c>
      <c r="K5427" s="2" t="s">
        <v>1520</v>
      </c>
      <c r="L5427" s="5" t="s">
        <v>1519</v>
      </c>
      <c r="M5427" s="2" t="s">
        <v>1520</v>
      </c>
      <c r="N5427" s="5" t="s">
        <v>1521</v>
      </c>
      <c r="O5427" s="5" t="s">
        <v>38</v>
      </c>
      <c r="P5427" s="5" t="s">
        <v>39</v>
      </c>
      <c r="Q5427" s="5" t="s">
        <v>40</v>
      </c>
      <c r="R5427" s="5" t="s">
        <v>1522</v>
      </c>
      <c r="S5427" s="5" t="s">
        <v>1523</v>
      </c>
      <c r="T5427" s="5" t="s">
        <v>42</v>
      </c>
      <c r="U5427" s="2">
        <v>2.6429999999999998</v>
      </c>
      <c r="V5427" s="2">
        <v>2.0859999999999999</v>
      </c>
      <c r="W5427" s="2">
        <v>1.4999999999999999E-2</v>
      </c>
      <c r="X5427" s="2">
        <v>118.9</v>
      </c>
      <c r="Y5427" s="2">
        <v>7.6</v>
      </c>
      <c r="Z5427" s="2">
        <v>16.7</v>
      </c>
      <c r="AA5427" s="5"/>
      <c r="AB5427" s="5" t="s">
        <v>43</v>
      </c>
      <c r="AC5427" s="5" t="s">
        <v>44</v>
      </c>
      <c r="AD5427" s="2"/>
      <c r="AE5427" s="1"/>
    </row>
    <row r="5428" spans="1:31" ht="14.45">
      <c r="A5428" s="11"/>
      <c r="B5428" s="20"/>
      <c r="C5428" s="2" t="s">
        <v>16755</v>
      </c>
      <c r="D5428" s="14" t="s">
        <v>16756</v>
      </c>
      <c r="E5428" s="2" t="s">
        <v>16757</v>
      </c>
      <c r="F5428" s="2" t="s">
        <v>7449</v>
      </c>
      <c r="G5428" s="8">
        <v>259</v>
      </c>
      <c r="H5428" s="5">
        <v>6</v>
      </c>
      <c r="I5428" s="5" t="s">
        <v>1518</v>
      </c>
      <c r="J5428" s="5" t="s">
        <v>1519</v>
      </c>
      <c r="K5428" s="2" t="s">
        <v>1520</v>
      </c>
      <c r="L5428" s="5" t="s">
        <v>1519</v>
      </c>
      <c r="M5428" s="2" t="s">
        <v>1520</v>
      </c>
      <c r="N5428" s="5" t="s">
        <v>1521</v>
      </c>
      <c r="O5428" s="5" t="s">
        <v>38</v>
      </c>
      <c r="P5428" s="5" t="s">
        <v>39</v>
      </c>
      <c r="Q5428" s="5" t="s">
        <v>40</v>
      </c>
      <c r="R5428" s="5" t="s">
        <v>1522</v>
      </c>
      <c r="S5428" s="5" t="s">
        <v>1523</v>
      </c>
      <c r="T5428" s="5" t="s">
        <v>42</v>
      </c>
      <c r="U5428" s="2">
        <v>2.5659999999999998</v>
      </c>
      <c r="V5428" s="2">
        <v>2.0089999999999999</v>
      </c>
      <c r="W5428" s="2">
        <v>1.4999999999999999E-2</v>
      </c>
      <c r="X5428" s="2">
        <v>118.9</v>
      </c>
      <c r="Y5428" s="2">
        <v>7.6</v>
      </c>
      <c r="Z5428" s="2">
        <v>16.7</v>
      </c>
      <c r="AA5428" s="5"/>
      <c r="AB5428" s="5" t="s">
        <v>43</v>
      </c>
      <c r="AC5428" s="5" t="s">
        <v>44</v>
      </c>
      <c r="AD5428" s="2"/>
      <c r="AE5428" s="1"/>
    </row>
    <row r="5429" spans="1:31" ht="14.45">
      <c r="A5429" s="11"/>
      <c r="B5429" s="20"/>
      <c r="C5429" s="2" t="s">
        <v>16758</v>
      </c>
      <c r="D5429" s="14" t="s">
        <v>16759</v>
      </c>
      <c r="E5429" s="2" t="s">
        <v>16760</v>
      </c>
      <c r="F5429" s="2" t="s">
        <v>7581</v>
      </c>
      <c r="G5429" s="8">
        <v>259</v>
      </c>
      <c r="H5429" s="5">
        <v>6</v>
      </c>
      <c r="I5429" s="5" t="s">
        <v>1518</v>
      </c>
      <c r="J5429" s="5" t="s">
        <v>1519</v>
      </c>
      <c r="K5429" s="2" t="s">
        <v>1520</v>
      </c>
      <c r="L5429" s="5" t="s">
        <v>1519</v>
      </c>
      <c r="M5429" s="2" t="s">
        <v>1520</v>
      </c>
      <c r="N5429" s="5" t="s">
        <v>1521</v>
      </c>
      <c r="O5429" s="5" t="s">
        <v>38</v>
      </c>
      <c r="P5429" s="5" t="s">
        <v>39</v>
      </c>
      <c r="Q5429" s="5" t="s">
        <v>40</v>
      </c>
      <c r="R5429" s="5" t="s">
        <v>1522</v>
      </c>
      <c r="S5429" s="5" t="s">
        <v>1523</v>
      </c>
      <c r="T5429" s="5" t="s">
        <v>42</v>
      </c>
      <c r="U5429" s="2">
        <v>2.6429999999999998</v>
      </c>
      <c r="V5429" s="2">
        <v>2.0859999999999999</v>
      </c>
      <c r="W5429" s="2">
        <v>1.4999999999999999E-2</v>
      </c>
      <c r="X5429" s="2">
        <v>118.9</v>
      </c>
      <c r="Y5429" s="2">
        <v>7.6</v>
      </c>
      <c r="Z5429" s="2">
        <v>16.7</v>
      </c>
      <c r="AA5429" s="5"/>
      <c r="AB5429" s="5" t="s">
        <v>43</v>
      </c>
      <c r="AC5429" s="5" t="s">
        <v>44</v>
      </c>
      <c r="AD5429" s="2"/>
      <c r="AE5429" s="1"/>
    </row>
    <row r="5430" spans="1:31" ht="14.45">
      <c r="A5430" s="11"/>
      <c r="B5430" s="20"/>
      <c r="C5430" s="2" t="s">
        <v>16761</v>
      </c>
      <c r="D5430" s="14" t="s">
        <v>16762</v>
      </c>
      <c r="E5430" s="2" t="s">
        <v>16763</v>
      </c>
      <c r="F5430" s="2" t="s">
        <v>7585</v>
      </c>
      <c r="G5430" s="8">
        <v>259</v>
      </c>
      <c r="H5430" s="5">
        <v>6</v>
      </c>
      <c r="I5430" s="5" t="s">
        <v>1518</v>
      </c>
      <c r="J5430" s="5" t="s">
        <v>1519</v>
      </c>
      <c r="K5430" s="2" t="s">
        <v>1520</v>
      </c>
      <c r="L5430" s="5" t="s">
        <v>1519</v>
      </c>
      <c r="M5430" s="2" t="s">
        <v>1520</v>
      </c>
      <c r="N5430" s="5" t="s">
        <v>1521</v>
      </c>
      <c r="O5430" s="5" t="s">
        <v>38</v>
      </c>
      <c r="P5430" s="5" t="s">
        <v>39</v>
      </c>
      <c r="Q5430" s="5" t="s">
        <v>40</v>
      </c>
      <c r="R5430" s="5" t="s">
        <v>1522</v>
      </c>
      <c r="S5430" s="5" t="s">
        <v>1523</v>
      </c>
      <c r="T5430" s="5" t="s">
        <v>42</v>
      </c>
      <c r="U5430" s="2">
        <v>2.5510000000000002</v>
      </c>
      <c r="V5430" s="2">
        <v>1.994</v>
      </c>
      <c r="W5430" s="2">
        <v>1.4999999999999999E-2</v>
      </c>
      <c r="X5430" s="2">
        <v>118.9</v>
      </c>
      <c r="Y5430" s="2">
        <v>7.6</v>
      </c>
      <c r="Z5430" s="2">
        <v>16.7</v>
      </c>
      <c r="AA5430" s="5"/>
      <c r="AB5430" s="5" t="s">
        <v>43</v>
      </c>
      <c r="AC5430" s="5" t="s">
        <v>44</v>
      </c>
      <c r="AD5430" s="2"/>
      <c r="AE5430" s="1"/>
    </row>
    <row r="5431" spans="1:31" ht="14.45">
      <c r="A5431" s="11"/>
      <c r="B5431" s="20"/>
      <c r="C5431" s="2" t="s">
        <v>16764</v>
      </c>
      <c r="D5431" s="14" t="s">
        <v>16765</v>
      </c>
      <c r="E5431" s="2" t="s">
        <v>16766</v>
      </c>
      <c r="F5431" s="2" t="s">
        <v>7589</v>
      </c>
      <c r="G5431" s="8">
        <v>259</v>
      </c>
      <c r="H5431" s="5">
        <v>6</v>
      </c>
      <c r="I5431" s="5" t="s">
        <v>1518</v>
      </c>
      <c r="J5431" s="5" t="s">
        <v>1519</v>
      </c>
      <c r="K5431" s="2" t="s">
        <v>1520</v>
      </c>
      <c r="L5431" s="5" t="s">
        <v>1519</v>
      </c>
      <c r="M5431" s="2" t="s">
        <v>1520</v>
      </c>
      <c r="N5431" s="5" t="s">
        <v>1521</v>
      </c>
      <c r="O5431" s="5" t="s">
        <v>38</v>
      </c>
      <c r="P5431" s="5" t="s">
        <v>39</v>
      </c>
      <c r="Q5431" s="5" t="s">
        <v>40</v>
      </c>
      <c r="R5431" s="5" t="s">
        <v>1522</v>
      </c>
      <c r="S5431" s="5" t="s">
        <v>1523</v>
      </c>
      <c r="T5431" s="5" t="s">
        <v>42</v>
      </c>
      <c r="U5431" s="2">
        <v>2.6280000000000001</v>
      </c>
      <c r="V5431" s="2">
        <v>2.0710000000000002</v>
      </c>
      <c r="W5431" s="2">
        <v>1.4999999999999999E-2</v>
      </c>
      <c r="X5431" s="2">
        <v>118.9</v>
      </c>
      <c r="Y5431" s="2">
        <v>7.6</v>
      </c>
      <c r="Z5431" s="2">
        <v>16.7</v>
      </c>
      <c r="AA5431" s="5"/>
      <c r="AB5431" s="5" t="s">
        <v>43</v>
      </c>
      <c r="AC5431" s="5" t="s">
        <v>44</v>
      </c>
      <c r="AD5431" s="2"/>
      <c r="AE5431" s="1"/>
    </row>
    <row r="5432" spans="1:31" ht="14.45">
      <c r="A5432" s="11"/>
      <c r="B5432" s="20"/>
      <c r="C5432" s="2" t="s">
        <v>16767</v>
      </c>
      <c r="D5432" s="14" t="s">
        <v>16768</v>
      </c>
      <c r="E5432" s="2" t="s">
        <v>16769</v>
      </c>
      <c r="F5432" s="2" t="s">
        <v>7593</v>
      </c>
      <c r="G5432" s="8">
        <v>259</v>
      </c>
      <c r="H5432" s="5">
        <v>6</v>
      </c>
      <c r="I5432" s="5" t="s">
        <v>1518</v>
      </c>
      <c r="J5432" s="5" t="s">
        <v>1519</v>
      </c>
      <c r="K5432" s="2" t="s">
        <v>1520</v>
      </c>
      <c r="L5432" s="5" t="s">
        <v>1519</v>
      </c>
      <c r="M5432" s="2" t="s">
        <v>1520</v>
      </c>
      <c r="N5432" s="5" t="s">
        <v>1521</v>
      </c>
      <c r="O5432" s="5" t="s">
        <v>38</v>
      </c>
      <c r="P5432" s="5" t="s">
        <v>39</v>
      </c>
      <c r="Q5432" s="5" t="s">
        <v>40</v>
      </c>
      <c r="R5432" s="5" t="s">
        <v>1522</v>
      </c>
      <c r="S5432" s="5" t="s">
        <v>1523</v>
      </c>
      <c r="T5432" s="5" t="s">
        <v>42</v>
      </c>
      <c r="U5432" s="2">
        <v>2.5659999999999998</v>
      </c>
      <c r="V5432" s="2">
        <v>2.0089999999999999</v>
      </c>
      <c r="W5432" s="2">
        <v>1.4999999999999999E-2</v>
      </c>
      <c r="X5432" s="2">
        <v>118.9</v>
      </c>
      <c r="Y5432" s="2">
        <v>7.6</v>
      </c>
      <c r="Z5432" s="2">
        <v>16.7</v>
      </c>
      <c r="AA5432" s="5"/>
      <c r="AB5432" s="5" t="s">
        <v>43</v>
      </c>
      <c r="AC5432" s="5" t="s">
        <v>44</v>
      </c>
      <c r="AD5432" s="2"/>
      <c r="AE5432" s="1"/>
    </row>
    <row r="5433" spans="1:31" ht="14.45">
      <c r="A5433" s="11"/>
      <c r="B5433" s="20"/>
      <c r="C5433" s="2" t="s">
        <v>16770</v>
      </c>
      <c r="D5433" s="14" t="s">
        <v>16771</v>
      </c>
      <c r="E5433" s="2" t="s">
        <v>16772</v>
      </c>
      <c r="F5433" s="2" t="s">
        <v>7597</v>
      </c>
      <c r="G5433" s="8">
        <v>259</v>
      </c>
      <c r="H5433" s="5">
        <v>6</v>
      </c>
      <c r="I5433" s="5" t="s">
        <v>1518</v>
      </c>
      <c r="J5433" s="5" t="s">
        <v>1519</v>
      </c>
      <c r="K5433" s="2" t="s">
        <v>1520</v>
      </c>
      <c r="L5433" s="5" t="s">
        <v>1519</v>
      </c>
      <c r="M5433" s="2" t="s">
        <v>1520</v>
      </c>
      <c r="N5433" s="5" t="s">
        <v>1521</v>
      </c>
      <c r="O5433" s="5" t="s">
        <v>38</v>
      </c>
      <c r="P5433" s="5" t="s">
        <v>39</v>
      </c>
      <c r="Q5433" s="5" t="s">
        <v>40</v>
      </c>
      <c r="R5433" s="5" t="s">
        <v>1522</v>
      </c>
      <c r="S5433" s="5" t="s">
        <v>1523</v>
      </c>
      <c r="T5433" s="5" t="s">
        <v>42</v>
      </c>
      <c r="U5433" s="2">
        <v>2.6429999999999998</v>
      </c>
      <c r="V5433" s="2">
        <v>2.0859999999999999</v>
      </c>
      <c r="W5433" s="2">
        <v>1.4999999999999999E-2</v>
      </c>
      <c r="X5433" s="2">
        <v>118.9</v>
      </c>
      <c r="Y5433" s="2">
        <v>7.6</v>
      </c>
      <c r="Z5433" s="2">
        <v>16.7</v>
      </c>
      <c r="AA5433" s="5"/>
      <c r="AB5433" s="5" t="s">
        <v>43</v>
      </c>
      <c r="AC5433" s="5" t="s">
        <v>44</v>
      </c>
      <c r="AD5433" s="2"/>
      <c r="AE5433" s="1"/>
    </row>
    <row r="5434" spans="1:31" ht="14.45">
      <c r="A5434" s="11"/>
      <c r="B5434" s="20"/>
      <c r="C5434" s="2" t="s">
        <v>16773</v>
      </c>
      <c r="D5434" s="14" t="s">
        <v>16774</v>
      </c>
      <c r="E5434" s="2" t="s">
        <v>16775</v>
      </c>
      <c r="F5434" s="2" t="s">
        <v>16014</v>
      </c>
      <c r="G5434" s="8">
        <v>259</v>
      </c>
      <c r="H5434" s="5">
        <v>6</v>
      </c>
      <c r="I5434" s="5" t="s">
        <v>1518</v>
      </c>
      <c r="J5434" s="5" t="s">
        <v>1519</v>
      </c>
      <c r="K5434" s="2" t="s">
        <v>1520</v>
      </c>
      <c r="L5434" s="5" t="s">
        <v>1519</v>
      </c>
      <c r="M5434" s="2" t="s">
        <v>1520</v>
      </c>
      <c r="N5434" s="5" t="s">
        <v>1521</v>
      </c>
      <c r="O5434" s="5" t="s">
        <v>38</v>
      </c>
      <c r="P5434" s="5" t="s">
        <v>39</v>
      </c>
      <c r="Q5434" s="5" t="s">
        <v>40</v>
      </c>
      <c r="R5434" s="5" t="s">
        <v>1522</v>
      </c>
      <c r="S5434" s="5" t="s">
        <v>1523</v>
      </c>
      <c r="T5434" s="5" t="s">
        <v>42</v>
      </c>
      <c r="U5434" s="2">
        <v>2.5659999999999998</v>
      </c>
      <c r="V5434" s="2">
        <v>2.0089999999999999</v>
      </c>
      <c r="W5434" s="2">
        <v>1.4999999999999999E-2</v>
      </c>
      <c r="X5434" s="2">
        <v>118.9</v>
      </c>
      <c r="Y5434" s="2">
        <v>7.6</v>
      </c>
      <c r="Z5434" s="2">
        <v>16.7</v>
      </c>
      <c r="AA5434" s="5"/>
      <c r="AB5434" s="5" t="s">
        <v>43</v>
      </c>
      <c r="AC5434" s="5" t="s">
        <v>44</v>
      </c>
      <c r="AD5434" s="2"/>
      <c r="AE5434" s="1"/>
    </row>
    <row r="5435" spans="1:31" ht="14.45">
      <c r="A5435" s="11"/>
      <c r="B5435" s="20"/>
      <c r="C5435" s="2" t="s">
        <v>16776</v>
      </c>
      <c r="D5435" s="14" t="s">
        <v>16777</v>
      </c>
      <c r="E5435" s="2" t="s">
        <v>16778</v>
      </c>
      <c r="F5435" s="2" t="s">
        <v>16219</v>
      </c>
      <c r="G5435" s="8">
        <v>259</v>
      </c>
      <c r="H5435" s="5">
        <v>6</v>
      </c>
      <c r="I5435" s="5" t="s">
        <v>1518</v>
      </c>
      <c r="J5435" s="5" t="s">
        <v>1519</v>
      </c>
      <c r="K5435" s="2" t="s">
        <v>1520</v>
      </c>
      <c r="L5435" s="5" t="s">
        <v>1519</v>
      </c>
      <c r="M5435" s="2" t="s">
        <v>1520</v>
      </c>
      <c r="N5435" s="5" t="s">
        <v>1521</v>
      </c>
      <c r="O5435" s="5" t="s">
        <v>38</v>
      </c>
      <c r="P5435" s="5" t="s">
        <v>39</v>
      </c>
      <c r="Q5435" s="5" t="s">
        <v>40</v>
      </c>
      <c r="R5435" s="5" t="s">
        <v>1522</v>
      </c>
      <c r="S5435" s="5" t="s">
        <v>1523</v>
      </c>
      <c r="T5435" s="5" t="s">
        <v>42</v>
      </c>
      <c r="U5435" s="2">
        <v>2.6429999999999998</v>
      </c>
      <c r="V5435" s="2">
        <v>2.0859999999999999</v>
      </c>
      <c r="W5435" s="2">
        <v>1.4999999999999999E-2</v>
      </c>
      <c r="X5435" s="2">
        <v>118.9</v>
      </c>
      <c r="Y5435" s="2">
        <v>7.6</v>
      </c>
      <c r="Z5435" s="2">
        <v>16.7</v>
      </c>
      <c r="AA5435" s="5"/>
      <c r="AB5435" s="5" t="s">
        <v>43</v>
      </c>
      <c r="AC5435" s="5" t="s">
        <v>44</v>
      </c>
      <c r="AD5435" s="2"/>
      <c r="AE5435" s="1"/>
    </row>
    <row r="5436" spans="1:31" ht="14.45">
      <c r="A5436" s="11"/>
      <c r="B5436" s="20"/>
      <c r="C5436" s="2" t="s">
        <v>16779</v>
      </c>
      <c r="D5436" s="14" t="s">
        <v>16780</v>
      </c>
      <c r="E5436" s="2" t="s">
        <v>16781</v>
      </c>
      <c r="F5436" s="2" t="s">
        <v>16018</v>
      </c>
      <c r="G5436" s="8">
        <v>259</v>
      </c>
      <c r="H5436" s="5">
        <v>6</v>
      </c>
      <c r="I5436" s="5" t="s">
        <v>1518</v>
      </c>
      <c r="J5436" s="5" t="s">
        <v>1519</v>
      </c>
      <c r="K5436" s="2" t="s">
        <v>1520</v>
      </c>
      <c r="L5436" s="5" t="s">
        <v>1519</v>
      </c>
      <c r="M5436" s="2" t="s">
        <v>1520</v>
      </c>
      <c r="N5436" s="5" t="s">
        <v>1521</v>
      </c>
      <c r="O5436" s="5" t="s">
        <v>38</v>
      </c>
      <c r="P5436" s="5" t="s">
        <v>39</v>
      </c>
      <c r="Q5436" s="5" t="s">
        <v>40</v>
      </c>
      <c r="R5436" s="5" t="s">
        <v>1522</v>
      </c>
      <c r="S5436" s="5" t="s">
        <v>1523</v>
      </c>
      <c r="T5436" s="5" t="s">
        <v>42</v>
      </c>
      <c r="U5436" s="2">
        <v>2.5659999999999998</v>
      </c>
      <c r="V5436" s="2">
        <v>2.0089999999999999</v>
      </c>
      <c r="W5436" s="2">
        <v>1.4999999999999999E-2</v>
      </c>
      <c r="X5436" s="2">
        <v>118.9</v>
      </c>
      <c r="Y5436" s="2">
        <v>7.6</v>
      </c>
      <c r="Z5436" s="2">
        <v>16.7</v>
      </c>
      <c r="AA5436" s="5"/>
      <c r="AB5436" s="5" t="s">
        <v>43</v>
      </c>
      <c r="AC5436" s="5" t="s">
        <v>44</v>
      </c>
      <c r="AD5436" s="2"/>
      <c r="AE5436" s="1"/>
    </row>
    <row r="5437" spans="1:31" ht="14.45">
      <c r="A5437" s="11"/>
      <c r="B5437" s="20"/>
      <c r="C5437" s="2" t="s">
        <v>16782</v>
      </c>
      <c r="D5437" s="14" t="s">
        <v>16783</v>
      </c>
      <c r="E5437" s="2" t="s">
        <v>16784</v>
      </c>
      <c r="F5437" s="2" t="s">
        <v>16022</v>
      </c>
      <c r="G5437" s="8">
        <v>259</v>
      </c>
      <c r="H5437" s="5">
        <v>6</v>
      </c>
      <c r="I5437" s="5" t="s">
        <v>1518</v>
      </c>
      <c r="J5437" s="5" t="s">
        <v>1519</v>
      </c>
      <c r="K5437" s="2" t="s">
        <v>1520</v>
      </c>
      <c r="L5437" s="5" t="s">
        <v>1519</v>
      </c>
      <c r="M5437" s="2" t="s">
        <v>1520</v>
      </c>
      <c r="N5437" s="5" t="s">
        <v>1521</v>
      </c>
      <c r="O5437" s="5" t="s">
        <v>38</v>
      </c>
      <c r="P5437" s="5" t="s">
        <v>39</v>
      </c>
      <c r="Q5437" s="5" t="s">
        <v>40</v>
      </c>
      <c r="R5437" s="5" t="s">
        <v>1522</v>
      </c>
      <c r="S5437" s="5" t="s">
        <v>1523</v>
      </c>
      <c r="T5437" s="5" t="s">
        <v>42</v>
      </c>
      <c r="U5437" s="2">
        <v>2.6429999999999998</v>
      </c>
      <c r="V5437" s="2">
        <v>2.0859999999999999</v>
      </c>
      <c r="W5437" s="2">
        <v>1.4999999999999999E-2</v>
      </c>
      <c r="X5437" s="2">
        <v>118.9</v>
      </c>
      <c r="Y5437" s="2">
        <v>7.6</v>
      </c>
      <c r="Z5437" s="2">
        <v>16.7</v>
      </c>
      <c r="AA5437" s="5"/>
      <c r="AB5437" s="5" t="s">
        <v>43</v>
      </c>
      <c r="AC5437" s="5" t="s">
        <v>44</v>
      </c>
      <c r="AD5437" s="2"/>
      <c r="AE5437" s="1"/>
    </row>
    <row r="5438" spans="1:31" ht="14.45">
      <c r="A5438" s="11"/>
      <c r="B5438" s="20"/>
      <c r="C5438" s="2" t="s">
        <v>16785</v>
      </c>
      <c r="D5438" s="14" t="s">
        <v>16786</v>
      </c>
      <c r="E5438" s="2" t="s">
        <v>16787</v>
      </c>
      <c r="F5438" s="2" t="s">
        <v>7615</v>
      </c>
      <c r="G5438" s="8">
        <v>259</v>
      </c>
      <c r="H5438" s="5">
        <v>6</v>
      </c>
      <c r="I5438" s="5" t="s">
        <v>1518</v>
      </c>
      <c r="J5438" s="5" t="s">
        <v>1519</v>
      </c>
      <c r="K5438" s="2" t="s">
        <v>1520</v>
      </c>
      <c r="L5438" s="5" t="s">
        <v>1519</v>
      </c>
      <c r="M5438" s="2" t="s">
        <v>1520</v>
      </c>
      <c r="N5438" s="5" t="s">
        <v>1521</v>
      </c>
      <c r="O5438" s="5" t="s">
        <v>38</v>
      </c>
      <c r="P5438" s="5" t="s">
        <v>39</v>
      </c>
      <c r="Q5438" s="5" t="s">
        <v>40</v>
      </c>
      <c r="R5438" s="5" t="s">
        <v>1522</v>
      </c>
      <c r="S5438" s="5" t="s">
        <v>1523</v>
      </c>
      <c r="T5438" s="5" t="s">
        <v>42</v>
      </c>
      <c r="U5438" s="2">
        <v>2.5510000000000002</v>
      </c>
      <c r="V5438" s="2">
        <v>1.994</v>
      </c>
      <c r="W5438" s="2">
        <v>1.4999999999999999E-2</v>
      </c>
      <c r="X5438" s="2">
        <v>118.9</v>
      </c>
      <c r="Y5438" s="2">
        <v>7.6</v>
      </c>
      <c r="Z5438" s="2">
        <v>16.7</v>
      </c>
      <c r="AA5438" s="5"/>
      <c r="AB5438" s="5" t="s">
        <v>43</v>
      </c>
      <c r="AC5438" s="5" t="s">
        <v>44</v>
      </c>
      <c r="AD5438" s="2"/>
      <c r="AE5438" s="1"/>
    </row>
    <row r="5439" spans="1:31" ht="14.45">
      <c r="A5439" s="11"/>
      <c r="B5439" s="20"/>
      <c r="C5439" s="2" t="s">
        <v>16788</v>
      </c>
      <c r="D5439" s="14" t="s">
        <v>16789</v>
      </c>
      <c r="E5439" s="2" t="s">
        <v>16790</v>
      </c>
      <c r="F5439" s="2" t="s">
        <v>7619</v>
      </c>
      <c r="G5439" s="8">
        <v>259</v>
      </c>
      <c r="H5439" s="5">
        <v>6</v>
      </c>
      <c r="I5439" s="5" t="s">
        <v>1518</v>
      </c>
      <c r="J5439" s="5" t="s">
        <v>1519</v>
      </c>
      <c r="K5439" s="2" t="s">
        <v>1520</v>
      </c>
      <c r="L5439" s="5" t="s">
        <v>1519</v>
      </c>
      <c r="M5439" s="2" t="s">
        <v>1520</v>
      </c>
      <c r="N5439" s="5" t="s">
        <v>1521</v>
      </c>
      <c r="O5439" s="5" t="s">
        <v>38</v>
      </c>
      <c r="P5439" s="5" t="s">
        <v>39</v>
      </c>
      <c r="Q5439" s="5" t="s">
        <v>40</v>
      </c>
      <c r="R5439" s="5" t="s">
        <v>1522</v>
      </c>
      <c r="S5439" s="5" t="s">
        <v>1523</v>
      </c>
      <c r="T5439" s="5" t="s">
        <v>42</v>
      </c>
      <c r="U5439" s="2">
        <v>2.6280000000000001</v>
      </c>
      <c r="V5439" s="2">
        <v>2.0710000000000002</v>
      </c>
      <c r="W5439" s="2">
        <v>1.4999999999999999E-2</v>
      </c>
      <c r="X5439" s="2">
        <v>118.9</v>
      </c>
      <c r="Y5439" s="2">
        <v>7.6</v>
      </c>
      <c r="Z5439" s="2">
        <v>16.7</v>
      </c>
      <c r="AA5439" s="5"/>
      <c r="AB5439" s="5" t="s">
        <v>43</v>
      </c>
      <c r="AC5439" s="5" t="s">
        <v>44</v>
      </c>
      <c r="AD5439" s="2"/>
      <c r="AE5439" s="1"/>
    </row>
    <row r="5440" spans="1:31" ht="14.45">
      <c r="A5440" s="11"/>
      <c r="B5440" s="20"/>
      <c r="C5440" s="2" t="s">
        <v>16791</v>
      </c>
      <c r="D5440" s="14" t="s">
        <v>16792</v>
      </c>
      <c r="E5440" s="2" t="s">
        <v>16793</v>
      </c>
      <c r="F5440" s="2" t="s">
        <v>16235</v>
      </c>
      <c r="G5440" s="8">
        <v>259</v>
      </c>
      <c r="H5440" s="5">
        <v>6</v>
      </c>
      <c r="I5440" s="5" t="s">
        <v>1518</v>
      </c>
      <c r="J5440" s="5" t="s">
        <v>1519</v>
      </c>
      <c r="K5440" s="2" t="s">
        <v>1520</v>
      </c>
      <c r="L5440" s="5" t="s">
        <v>1519</v>
      </c>
      <c r="M5440" s="2" t="s">
        <v>1520</v>
      </c>
      <c r="N5440" s="5" t="s">
        <v>1521</v>
      </c>
      <c r="O5440" s="5" t="s">
        <v>38</v>
      </c>
      <c r="P5440" s="5" t="s">
        <v>39</v>
      </c>
      <c r="Q5440" s="5" t="s">
        <v>40</v>
      </c>
      <c r="R5440" s="5" t="s">
        <v>1522</v>
      </c>
      <c r="S5440" s="5" t="s">
        <v>1523</v>
      </c>
      <c r="T5440" s="5" t="s">
        <v>42</v>
      </c>
      <c r="U5440" s="2">
        <v>2.5910000000000002</v>
      </c>
      <c r="V5440" s="2">
        <v>2.0339999999999998</v>
      </c>
      <c r="W5440" s="2">
        <v>1.4999999999999999E-2</v>
      </c>
      <c r="X5440" s="2">
        <v>118.9</v>
      </c>
      <c r="Y5440" s="2">
        <v>7.6</v>
      </c>
      <c r="Z5440" s="2">
        <v>16.7</v>
      </c>
      <c r="AA5440" s="5"/>
      <c r="AB5440" s="5" t="s">
        <v>43</v>
      </c>
      <c r="AC5440" s="5" t="s">
        <v>44</v>
      </c>
      <c r="AD5440" s="2"/>
      <c r="AE5440" s="1"/>
    </row>
    <row r="5441" spans="1:31" ht="14.45">
      <c r="A5441" s="11"/>
      <c r="B5441" s="20"/>
      <c r="C5441" s="2" t="s">
        <v>16794</v>
      </c>
      <c r="D5441" s="14" t="s">
        <v>16795</v>
      </c>
      <c r="E5441" s="2" t="s">
        <v>16796</v>
      </c>
      <c r="F5441" s="2" t="s">
        <v>16029</v>
      </c>
      <c r="G5441" s="8">
        <v>259</v>
      </c>
      <c r="H5441" s="5">
        <v>11</v>
      </c>
      <c r="I5441" s="5" t="s">
        <v>1518</v>
      </c>
      <c r="J5441" s="5" t="s">
        <v>1519</v>
      </c>
      <c r="K5441" s="2" t="s">
        <v>1520</v>
      </c>
      <c r="L5441" s="5" t="s">
        <v>1519</v>
      </c>
      <c r="M5441" s="2" t="s">
        <v>1520</v>
      </c>
      <c r="N5441" s="5" t="s">
        <v>1521</v>
      </c>
      <c r="O5441" s="5" t="s">
        <v>38</v>
      </c>
      <c r="P5441" s="5" t="s">
        <v>39</v>
      </c>
      <c r="Q5441" s="5" t="s">
        <v>40</v>
      </c>
      <c r="R5441" s="5" t="s">
        <v>1522</v>
      </c>
      <c r="S5441" s="5" t="s">
        <v>1523</v>
      </c>
      <c r="T5441" s="5" t="s">
        <v>42</v>
      </c>
      <c r="U5441" s="2">
        <v>2.5569999999999999</v>
      </c>
      <c r="V5441" s="2">
        <v>2</v>
      </c>
      <c r="W5441" s="2">
        <v>1.4999999999999999E-2</v>
      </c>
      <c r="X5441" s="2">
        <v>118.9</v>
      </c>
      <c r="Y5441" s="2">
        <v>7.6</v>
      </c>
      <c r="Z5441" s="2">
        <v>16.7</v>
      </c>
      <c r="AA5441" s="5"/>
      <c r="AB5441" s="5" t="s">
        <v>43</v>
      </c>
      <c r="AC5441" s="5" t="s">
        <v>44</v>
      </c>
      <c r="AD5441" s="2"/>
      <c r="AE5441" s="1"/>
    </row>
    <row r="5442" spans="1:31" ht="14.45">
      <c r="A5442" s="11"/>
      <c r="B5442" s="20"/>
      <c r="C5442" s="2" t="s">
        <v>16797</v>
      </c>
      <c r="D5442" s="14" t="s">
        <v>16798</v>
      </c>
      <c r="E5442" s="2" t="s">
        <v>16799</v>
      </c>
      <c r="F5442" s="2" t="s">
        <v>16033</v>
      </c>
      <c r="G5442" s="8">
        <v>259</v>
      </c>
      <c r="H5442" s="5">
        <v>11</v>
      </c>
      <c r="I5442" s="5" t="s">
        <v>1518</v>
      </c>
      <c r="J5442" s="5" t="s">
        <v>1519</v>
      </c>
      <c r="K5442" s="2" t="s">
        <v>1520</v>
      </c>
      <c r="L5442" s="5" t="s">
        <v>1519</v>
      </c>
      <c r="M5442" s="2" t="s">
        <v>1520</v>
      </c>
      <c r="N5442" s="5" t="s">
        <v>1521</v>
      </c>
      <c r="O5442" s="5" t="s">
        <v>38</v>
      </c>
      <c r="P5442" s="5" t="s">
        <v>39</v>
      </c>
      <c r="Q5442" s="5" t="s">
        <v>40</v>
      </c>
      <c r="R5442" s="5" t="s">
        <v>1522</v>
      </c>
      <c r="S5442" s="5" t="s">
        <v>1523</v>
      </c>
      <c r="T5442" s="5" t="s">
        <v>42</v>
      </c>
      <c r="U5442" s="2">
        <v>2.6339999999999999</v>
      </c>
      <c r="V5442" s="2">
        <v>2.077</v>
      </c>
      <c r="W5442" s="2">
        <v>1.4999999999999999E-2</v>
      </c>
      <c r="X5442" s="2">
        <v>118.9</v>
      </c>
      <c r="Y5442" s="2">
        <v>7.6</v>
      </c>
      <c r="Z5442" s="2">
        <v>16.7</v>
      </c>
      <c r="AA5442" s="5"/>
      <c r="AB5442" s="5" t="s">
        <v>43</v>
      </c>
      <c r="AC5442" s="5" t="s">
        <v>44</v>
      </c>
      <c r="AD5442" s="2"/>
      <c r="AE5442" s="1"/>
    </row>
    <row r="5443" spans="1:31" ht="14.45">
      <c r="A5443" s="11"/>
      <c r="B5443" s="20"/>
      <c r="C5443" s="2" t="s">
        <v>16800</v>
      </c>
      <c r="D5443" s="14" t="s">
        <v>16801</v>
      </c>
      <c r="E5443" s="2" t="s">
        <v>16802</v>
      </c>
      <c r="F5443" s="2" t="s">
        <v>7396</v>
      </c>
      <c r="G5443" s="8">
        <v>246</v>
      </c>
      <c r="H5443" s="5">
        <v>6</v>
      </c>
      <c r="I5443" s="5" t="s">
        <v>1518</v>
      </c>
      <c r="J5443" s="5" t="s">
        <v>1519</v>
      </c>
      <c r="K5443" s="2" t="s">
        <v>1520</v>
      </c>
      <c r="L5443" s="5" t="s">
        <v>1519</v>
      </c>
      <c r="M5443" s="2" t="s">
        <v>1520</v>
      </c>
      <c r="N5443" s="5" t="s">
        <v>1521</v>
      </c>
      <c r="O5443" s="5" t="s">
        <v>38</v>
      </c>
      <c r="P5443" s="5" t="s">
        <v>39</v>
      </c>
      <c r="Q5443" s="5" t="s">
        <v>40</v>
      </c>
      <c r="R5443" s="5" t="s">
        <v>1522</v>
      </c>
      <c r="S5443" s="5" t="s">
        <v>1523</v>
      </c>
      <c r="T5443" s="5" t="s">
        <v>42</v>
      </c>
      <c r="U5443" s="2">
        <v>2.8109999999999999</v>
      </c>
      <c r="V5443" s="2">
        <v>2.1800000000000002</v>
      </c>
      <c r="W5443" s="2">
        <v>1.7999999999999999E-2</v>
      </c>
      <c r="X5443" s="2">
        <v>139.1</v>
      </c>
      <c r="Y5443" s="2">
        <v>7.6</v>
      </c>
      <c r="Z5443" s="2">
        <v>16.7</v>
      </c>
      <c r="AA5443" s="5"/>
      <c r="AB5443" s="5" t="s">
        <v>43</v>
      </c>
      <c r="AC5443" s="5" t="s">
        <v>44</v>
      </c>
      <c r="AD5443" s="2"/>
      <c r="AE5443" s="1"/>
    </row>
    <row r="5444" spans="1:31" ht="14.45">
      <c r="A5444" s="11"/>
      <c r="B5444" s="20"/>
      <c r="C5444" s="2" t="s">
        <v>16803</v>
      </c>
      <c r="D5444" s="14" t="s">
        <v>16804</v>
      </c>
      <c r="E5444" s="2" t="s">
        <v>16805</v>
      </c>
      <c r="F5444" s="2" t="s">
        <v>7507</v>
      </c>
      <c r="G5444" s="8">
        <v>246</v>
      </c>
      <c r="H5444" s="5">
        <v>6</v>
      </c>
      <c r="I5444" s="5" t="s">
        <v>1518</v>
      </c>
      <c r="J5444" s="5" t="s">
        <v>1519</v>
      </c>
      <c r="K5444" s="2" t="s">
        <v>1520</v>
      </c>
      <c r="L5444" s="5" t="s">
        <v>1519</v>
      </c>
      <c r="M5444" s="2" t="s">
        <v>1520</v>
      </c>
      <c r="N5444" s="5" t="s">
        <v>1521</v>
      </c>
      <c r="O5444" s="5" t="s">
        <v>38</v>
      </c>
      <c r="P5444" s="5" t="s">
        <v>39</v>
      </c>
      <c r="Q5444" s="5" t="s">
        <v>40</v>
      </c>
      <c r="R5444" s="5" t="s">
        <v>1522</v>
      </c>
      <c r="S5444" s="5" t="s">
        <v>1523</v>
      </c>
      <c r="T5444" s="5" t="s">
        <v>42</v>
      </c>
      <c r="U5444" s="2">
        <v>2.9</v>
      </c>
      <c r="V5444" s="2">
        <v>2.2690000000000001</v>
      </c>
      <c r="W5444" s="2">
        <v>1.7999999999999999E-2</v>
      </c>
      <c r="X5444" s="2">
        <v>139.1</v>
      </c>
      <c r="Y5444" s="2">
        <v>7.6</v>
      </c>
      <c r="Z5444" s="2">
        <v>16.7</v>
      </c>
      <c r="AA5444" s="5"/>
      <c r="AB5444" s="5" t="s">
        <v>43</v>
      </c>
      <c r="AC5444" s="5" t="s">
        <v>44</v>
      </c>
      <c r="AD5444" s="2"/>
      <c r="AE5444" s="1"/>
    </row>
    <row r="5445" spans="1:31" ht="14.45">
      <c r="A5445" s="11"/>
      <c r="B5445" s="20"/>
      <c r="C5445" s="2" t="s">
        <v>16806</v>
      </c>
      <c r="D5445" s="14" t="s">
        <v>16807</v>
      </c>
      <c r="E5445" s="2" t="s">
        <v>16808</v>
      </c>
      <c r="F5445" s="2" t="s">
        <v>7204</v>
      </c>
      <c r="G5445" s="8">
        <v>246</v>
      </c>
      <c r="H5445" s="5">
        <v>6</v>
      </c>
      <c r="I5445" s="5" t="s">
        <v>1518</v>
      </c>
      <c r="J5445" s="5" t="s">
        <v>1519</v>
      </c>
      <c r="K5445" s="2" t="s">
        <v>1520</v>
      </c>
      <c r="L5445" s="5" t="s">
        <v>1519</v>
      </c>
      <c r="M5445" s="2" t="s">
        <v>1520</v>
      </c>
      <c r="N5445" s="5" t="s">
        <v>1521</v>
      </c>
      <c r="O5445" s="5" t="s">
        <v>38</v>
      </c>
      <c r="P5445" s="5" t="s">
        <v>39</v>
      </c>
      <c r="Q5445" s="5" t="s">
        <v>40</v>
      </c>
      <c r="R5445" s="5" t="s">
        <v>1522</v>
      </c>
      <c r="S5445" s="5" t="s">
        <v>1523</v>
      </c>
      <c r="T5445" s="5" t="s">
        <v>42</v>
      </c>
      <c r="U5445" s="2">
        <v>2.8170000000000002</v>
      </c>
      <c r="V5445" s="2">
        <v>2.1859999999999999</v>
      </c>
      <c r="W5445" s="2">
        <v>1.7999999999999999E-2</v>
      </c>
      <c r="X5445" s="2">
        <v>139.1</v>
      </c>
      <c r="Y5445" s="2">
        <v>7.6</v>
      </c>
      <c r="Z5445" s="2">
        <v>16.7</v>
      </c>
      <c r="AA5445" s="5"/>
      <c r="AB5445" s="5" t="s">
        <v>43</v>
      </c>
      <c r="AC5445" s="5" t="s">
        <v>44</v>
      </c>
      <c r="AD5445" s="2"/>
      <c r="AE5445" s="1"/>
    </row>
    <row r="5446" spans="1:31" ht="14.45">
      <c r="A5446" s="11"/>
      <c r="B5446" s="20"/>
      <c r="C5446" s="2" t="s">
        <v>16809</v>
      </c>
      <c r="D5446" s="14" t="s">
        <v>16810</v>
      </c>
      <c r="E5446" s="2" t="s">
        <v>16811</v>
      </c>
      <c r="F5446" s="2" t="s">
        <v>7514</v>
      </c>
      <c r="G5446" s="8">
        <v>246</v>
      </c>
      <c r="H5446" s="5">
        <v>6</v>
      </c>
      <c r="I5446" s="5" t="s">
        <v>1518</v>
      </c>
      <c r="J5446" s="5" t="s">
        <v>1519</v>
      </c>
      <c r="K5446" s="2" t="s">
        <v>1520</v>
      </c>
      <c r="L5446" s="5" t="s">
        <v>1519</v>
      </c>
      <c r="M5446" s="2" t="s">
        <v>1520</v>
      </c>
      <c r="N5446" s="5" t="s">
        <v>1521</v>
      </c>
      <c r="O5446" s="5" t="s">
        <v>38</v>
      </c>
      <c r="P5446" s="5" t="s">
        <v>39</v>
      </c>
      <c r="Q5446" s="5" t="s">
        <v>40</v>
      </c>
      <c r="R5446" s="5" t="s">
        <v>1522</v>
      </c>
      <c r="S5446" s="5" t="s">
        <v>1523</v>
      </c>
      <c r="T5446" s="5" t="s">
        <v>42</v>
      </c>
      <c r="U5446" s="2">
        <v>2.9060000000000001</v>
      </c>
      <c r="V5446" s="2">
        <v>2.2749999999999999</v>
      </c>
      <c r="W5446" s="2">
        <v>1.7999999999999999E-2</v>
      </c>
      <c r="X5446" s="2">
        <v>139.1</v>
      </c>
      <c r="Y5446" s="2">
        <v>7.6</v>
      </c>
      <c r="Z5446" s="2">
        <v>16.7</v>
      </c>
      <c r="AA5446" s="5"/>
      <c r="AB5446" s="5" t="s">
        <v>43</v>
      </c>
      <c r="AC5446" s="5" t="s">
        <v>44</v>
      </c>
      <c r="AD5446" s="2"/>
      <c r="AE5446" s="1"/>
    </row>
    <row r="5447" spans="1:31" ht="14.45">
      <c r="A5447" s="11"/>
      <c r="B5447" s="20"/>
      <c r="C5447" s="2" t="s">
        <v>16812</v>
      </c>
      <c r="D5447" s="14" t="s">
        <v>16813</v>
      </c>
      <c r="E5447" s="2" t="s">
        <v>16814</v>
      </c>
      <c r="F5447" s="2" t="s">
        <v>7208</v>
      </c>
      <c r="G5447" s="8">
        <v>246</v>
      </c>
      <c r="H5447" s="5">
        <v>6</v>
      </c>
      <c r="I5447" s="5" t="s">
        <v>1518</v>
      </c>
      <c r="J5447" s="5" t="s">
        <v>1519</v>
      </c>
      <c r="K5447" s="2" t="s">
        <v>1520</v>
      </c>
      <c r="L5447" s="5" t="s">
        <v>1519</v>
      </c>
      <c r="M5447" s="2" t="s">
        <v>1520</v>
      </c>
      <c r="N5447" s="5" t="s">
        <v>1521</v>
      </c>
      <c r="O5447" s="5" t="s">
        <v>38</v>
      </c>
      <c r="P5447" s="5" t="s">
        <v>39</v>
      </c>
      <c r="Q5447" s="5" t="s">
        <v>40</v>
      </c>
      <c r="R5447" s="5" t="s">
        <v>1522</v>
      </c>
      <c r="S5447" s="5" t="s">
        <v>1523</v>
      </c>
      <c r="T5447" s="5" t="s">
        <v>42</v>
      </c>
      <c r="U5447" s="2">
        <v>2.8170000000000002</v>
      </c>
      <c r="V5447" s="2">
        <v>2.1859999999999999</v>
      </c>
      <c r="W5447" s="2">
        <v>1.7999999999999999E-2</v>
      </c>
      <c r="X5447" s="2">
        <v>139.1</v>
      </c>
      <c r="Y5447" s="2">
        <v>7.6</v>
      </c>
      <c r="Z5447" s="2">
        <v>16.7</v>
      </c>
      <c r="AA5447" s="5"/>
      <c r="AB5447" s="5" t="s">
        <v>43</v>
      </c>
      <c r="AC5447" s="5" t="s">
        <v>44</v>
      </c>
      <c r="AD5447" s="2"/>
      <c r="AE5447" s="1"/>
    </row>
    <row r="5448" spans="1:31" ht="14.45">
      <c r="A5448" s="11"/>
      <c r="B5448" s="20"/>
      <c r="C5448" s="2" t="s">
        <v>16815</v>
      </c>
      <c r="D5448" s="14" t="s">
        <v>16816</v>
      </c>
      <c r="E5448" s="2" t="s">
        <v>16817</v>
      </c>
      <c r="F5448" s="2" t="s">
        <v>7521</v>
      </c>
      <c r="G5448" s="8">
        <v>246</v>
      </c>
      <c r="H5448" s="5">
        <v>6</v>
      </c>
      <c r="I5448" s="5" t="s">
        <v>1518</v>
      </c>
      <c r="J5448" s="5" t="s">
        <v>1519</v>
      </c>
      <c r="K5448" s="2" t="s">
        <v>1520</v>
      </c>
      <c r="L5448" s="5" t="s">
        <v>1519</v>
      </c>
      <c r="M5448" s="2" t="s">
        <v>1520</v>
      </c>
      <c r="N5448" s="5" t="s">
        <v>1521</v>
      </c>
      <c r="O5448" s="5" t="s">
        <v>38</v>
      </c>
      <c r="P5448" s="5" t="s">
        <v>39</v>
      </c>
      <c r="Q5448" s="5" t="s">
        <v>40</v>
      </c>
      <c r="R5448" s="5" t="s">
        <v>1522</v>
      </c>
      <c r="S5448" s="5" t="s">
        <v>1523</v>
      </c>
      <c r="T5448" s="5" t="s">
        <v>42</v>
      </c>
      <c r="U5448" s="2">
        <v>2.9060000000000001</v>
      </c>
      <c r="V5448" s="2">
        <v>2.2749999999999999</v>
      </c>
      <c r="W5448" s="2">
        <v>1.7999999999999999E-2</v>
      </c>
      <c r="X5448" s="2">
        <v>139.1</v>
      </c>
      <c r="Y5448" s="2">
        <v>7.6</v>
      </c>
      <c r="Z5448" s="2">
        <v>16.7</v>
      </c>
      <c r="AA5448" s="5"/>
      <c r="AB5448" s="5" t="s">
        <v>43</v>
      </c>
      <c r="AC5448" s="5" t="s">
        <v>44</v>
      </c>
      <c r="AD5448" s="2"/>
      <c r="AE5448" s="1"/>
    </row>
    <row r="5449" spans="1:31" ht="14.45">
      <c r="A5449" s="11"/>
      <c r="B5449" s="20"/>
      <c r="C5449" s="2" t="s">
        <v>16818</v>
      </c>
      <c r="D5449" s="14" t="s">
        <v>16819</v>
      </c>
      <c r="E5449" s="2" t="s">
        <v>16820</v>
      </c>
      <c r="F5449" s="2" t="s">
        <v>7212</v>
      </c>
      <c r="G5449" s="8">
        <v>246</v>
      </c>
      <c r="H5449" s="5">
        <v>6</v>
      </c>
      <c r="I5449" s="5" t="s">
        <v>1518</v>
      </c>
      <c r="J5449" s="5" t="s">
        <v>1519</v>
      </c>
      <c r="K5449" s="2" t="s">
        <v>1520</v>
      </c>
      <c r="L5449" s="5" t="s">
        <v>1519</v>
      </c>
      <c r="M5449" s="2" t="s">
        <v>1520</v>
      </c>
      <c r="N5449" s="5" t="s">
        <v>1521</v>
      </c>
      <c r="O5449" s="5" t="s">
        <v>38</v>
      </c>
      <c r="P5449" s="5" t="s">
        <v>39</v>
      </c>
      <c r="Q5449" s="5" t="s">
        <v>40</v>
      </c>
      <c r="R5449" s="5" t="s">
        <v>1522</v>
      </c>
      <c r="S5449" s="5" t="s">
        <v>1523</v>
      </c>
      <c r="T5449" s="5" t="s">
        <v>42</v>
      </c>
      <c r="U5449" s="2">
        <v>2.7989999999999999</v>
      </c>
      <c r="V5449" s="2">
        <v>2.1680000000000001</v>
      </c>
      <c r="W5449" s="2">
        <v>1.7999999999999999E-2</v>
      </c>
      <c r="X5449" s="2">
        <v>139.1</v>
      </c>
      <c r="Y5449" s="2">
        <v>7.6</v>
      </c>
      <c r="Z5449" s="2">
        <v>16.7</v>
      </c>
      <c r="AA5449" s="5"/>
      <c r="AB5449" s="5" t="s">
        <v>43</v>
      </c>
      <c r="AC5449" s="5" t="s">
        <v>44</v>
      </c>
      <c r="AD5449" s="2"/>
      <c r="AE5449" s="1"/>
    </row>
    <row r="5450" spans="1:31" ht="14.45">
      <c r="A5450" s="11"/>
      <c r="B5450" s="20"/>
      <c r="C5450" s="2" t="s">
        <v>16821</v>
      </c>
      <c r="D5450" s="14" t="s">
        <v>16822</v>
      </c>
      <c r="E5450" s="2" t="s">
        <v>16823</v>
      </c>
      <c r="F5450" s="2" t="s">
        <v>7528</v>
      </c>
      <c r="G5450" s="8">
        <v>246</v>
      </c>
      <c r="H5450" s="5">
        <v>6</v>
      </c>
      <c r="I5450" s="5" t="s">
        <v>1518</v>
      </c>
      <c r="J5450" s="5" t="s">
        <v>1519</v>
      </c>
      <c r="K5450" s="2" t="s">
        <v>1520</v>
      </c>
      <c r="L5450" s="5" t="s">
        <v>1519</v>
      </c>
      <c r="M5450" s="2" t="s">
        <v>1520</v>
      </c>
      <c r="N5450" s="5" t="s">
        <v>1521</v>
      </c>
      <c r="O5450" s="5" t="s">
        <v>38</v>
      </c>
      <c r="P5450" s="5" t="s">
        <v>39</v>
      </c>
      <c r="Q5450" s="5" t="s">
        <v>40</v>
      </c>
      <c r="R5450" s="5" t="s">
        <v>1522</v>
      </c>
      <c r="S5450" s="5" t="s">
        <v>1523</v>
      </c>
      <c r="T5450" s="5" t="s">
        <v>42</v>
      </c>
      <c r="U5450" s="2">
        <v>2.8879999999999999</v>
      </c>
      <c r="V5450" s="2">
        <v>2.2570000000000001</v>
      </c>
      <c r="W5450" s="2">
        <v>1.7999999999999999E-2</v>
      </c>
      <c r="X5450" s="2">
        <v>139.1</v>
      </c>
      <c r="Y5450" s="2">
        <v>7.6</v>
      </c>
      <c r="Z5450" s="2">
        <v>16.7</v>
      </c>
      <c r="AA5450" s="5"/>
      <c r="AB5450" s="5" t="s">
        <v>43</v>
      </c>
      <c r="AC5450" s="5" t="s">
        <v>44</v>
      </c>
      <c r="AD5450" s="2"/>
      <c r="AE5450" s="1"/>
    </row>
    <row r="5451" spans="1:31" ht="14.45">
      <c r="A5451" s="11"/>
      <c r="B5451" s="20"/>
      <c r="C5451" s="2" t="s">
        <v>16824</v>
      </c>
      <c r="D5451" s="14" t="s">
        <v>16825</v>
      </c>
      <c r="E5451" s="2" t="s">
        <v>16826</v>
      </c>
      <c r="F5451" s="2" t="s">
        <v>7406</v>
      </c>
      <c r="G5451" s="8">
        <v>263</v>
      </c>
      <c r="H5451" s="5">
        <v>6</v>
      </c>
      <c r="I5451" s="5" t="s">
        <v>1518</v>
      </c>
      <c r="J5451" s="5" t="s">
        <v>1519</v>
      </c>
      <c r="K5451" s="2" t="s">
        <v>1520</v>
      </c>
      <c r="L5451" s="5" t="s">
        <v>1519</v>
      </c>
      <c r="M5451" s="2" t="s">
        <v>1520</v>
      </c>
      <c r="N5451" s="5" t="s">
        <v>1521</v>
      </c>
      <c r="O5451" s="5" t="s">
        <v>38</v>
      </c>
      <c r="P5451" s="5" t="s">
        <v>39</v>
      </c>
      <c r="Q5451" s="5" t="s">
        <v>40</v>
      </c>
      <c r="R5451" s="5" t="s">
        <v>1522</v>
      </c>
      <c r="S5451" s="5" t="s">
        <v>1523</v>
      </c>
      <c r="T5451" s="5" t="s">
        <v>42</v>
      </c>
      <c r="U5451" s="2">
        <v>2.7989999999999999</v>
      </c>
      <c r="V5451" s="2">
        <v>2.1680000000000001</v>
      </c>
      <c r="W5451" s="2">
        <v>1.7999999999999999E-2</v>
      </c>
      <c r="X5451" s="2">
        <v>139.1</v>
      </c>
      <c r="Y5451" s="2">
        <v>7.6</v>
      </c>
      <c r="Z5451" s="2">
        <v>16.7</v>
      </c>
      <c r="AA5451" s="5"/>
      <c r="AB5451" s="5" t="s">
        <v>43</v>
      </c>
      <c r="AC5451" s="5" t="s">
        <v>44</v>
      </c>
      <c r="AD5451" s="2"/>
      <c r="AE5451" s="1"/>
    </row>
    <row r="5452" spans="1:31" ht="14.45">
      <c r="A5452" s="11"/>
      <c r="B5452" s="20"/>
      <c r="C5452" s="2" t="s">
        <v>16827</v>
      </c>
      <c r="D5452" s="14" t="s">
        <v>16828</v>
      </c>
      <c r="E5452" s="2" t="s">
        <v>16829</v>
      </c>
      <c r="F5452" s="2" t="s">
        <v>7535</v>
      </c>
      <c r="G5452" s="8">
        <v>263</v>
      </c>
      <c r="H5452" s="5">
        <v>6</v>
      </c>
      <c r="I5452" s="5" t="s">
        <v>1518</v>
      </c>
      <c r="J5452" s="5" t="s">
        <v>1519</v>
      </c>
      <c r="K5452" s="2" t="s">
        <v>1520</v>
      </c>
      <c r="L5452" s="5" t="s">
        <v>1519</v>
      </c>
      <c r="M5452" s="2" t="s">
        <v>1520</v>
      </c>
      <c r="N5452" s="5" t="s">
        <v>1521</v>
      </c>
      <c r="O5452" s="5" t="s">
        <v>38</v>
      </c>
      <c r="P5452" s="5" t="s">
        <v>39</v>
      </c>
      <c r="Q5452" s="5" t="s">
        <v>40</v>
      </c>
      <c r="R5452" s="5" t="s">
        <v>1522</v>
      </c>
      <c r="S5452" s="5" t="s">
        <v>1523</v>
      </c>
      <c r="T5452" s="5" t="s">
        <v>42</v>
      </c>
      <c r="U5452" s="2">
        <v>2.8879999999999999</v>
      </c>
      <c r="V5452" s="2">
        <v>2.2570000000000001</v>
      </c>
      <c r="W5452" s="2">
        <v>1.7999999999999999E-2</v>
      </c>
      <c r="X5452" s="2">
        <v>139.1</v>
      </c>
      <c r="Y5452" s="2">
        <v>7.6</v>
      </c>
      <c r="Z5452" s="2">
        <v>16.7</v>
      </c>
      <c r="AA5452" s="5"/>
      <c r="AB5452" s="5" t="s">
        <v>43</v>
      </c>
      <c r="AC5452" s="5" t="s">
        <v>44</v>
      </c>
      <c r="AD5452" s="2"/>
      <c r="AE5452" s="1"/>
    </row>
    <row r="5453" spans="1:31" ht="14.45">
      <c r="A5453" s="11"/>
      <c r="B5453" s="20"/>
      <c r="C5453" s="2" t="s">
        <v>16830</v>
      </c>
      <c r="D5453" s="14" t="s">
        <v>16831</v>
      </c>
      <c r="E5453" s="2" t="s">
        <v>16832</v>
      </c>
      <c r="F5453" s="2" t="s">
        <v>7539</v>
      </c>
      <c r="G5453" s="8">
        <v>263</v>
      </c>
      <c r="H5453" s="5">
        <v>6</v>
      </c>
      <c r="I5453" s="5" t="s">
        <v>1518</v>
      </c>
      <c r="J5453" s="5" t="s">
        <v>1519</v>
      </c>
      <c r="K5453" s="2" t="s">
        <v>1520</v>
      </c>
      <c r="L5453" s="5" t="s">
        <v>1519</v>
      </c>
      <c r="M5453" s="2" t="s">
        <v>1520</v>
      </c>
      <c r="N5453" s="5" t="s">
        <v>1521</v>
      </c>
      <c r="O5453" s="5" t="s">
        <v>38</v>
      </c>
      <c r="P5453" s="5" t="s">
        <v>39</v>
      </c>
      <c r="Q5453" s="5" t="s">
        <v>40</v>
      </c>
      <c r="R5453" s="5" t="s">
        <v>1522</v>
      </c>
      <c r="S5453" s="5" t="s">
        <v>1523</v>
      </c>
      <c r="T5453" s="5" t="s">
        <v>42</v>
      </c>
      <c r="U5453" s="2">
        <v>2.8170000000000002</v>
      </c>
      <c r="V5453" s="2">
        <v>2.1859999999999999</v>
      </c>
      <c r="W5453" s="2">
        <v>1.7999999999999999E-2</v>
      </c>
      <c r="X5453" s="2">
        <v>139.1</v>
      </c>
      <c r="Y5453" s="2">
        <v>7.6</v>
      </c>
      <c r="Z5453" s="2">
        <v>16.7</v>
      </c>
      <c r="AA5453" s="5"/>
      <c r="AB5453" s="5" t="s">
        <v>43</v>
      </c>
      <c r="AC5453" s="5" t="s">
        <v>44</v>
      </c>
      <c r="AD5453" s="2"/>
      <c r="AE5453" s="1"/>
    </row>
    <row r="5454" spans="1:31" ht="14.45">
      <c r="A5454" s="11"/>
      <c r="B5454" s="20"/>
      <c r="C5454" s="2" t="s">
        <v>16833</v>
      </c>
      <c r="D5454" s="14" t="s">
        <v>16834</v>
      </c>
      <c r="E5454" s="2" t="s">
        <v>16835</v>
      </c>
      <c r="F5454" s="2" t="s">
        <v>7543</v>
      </c>
      <c r="G5454" s="8">
        <v>263</v>
      </c>
      <c r="H5454" s="5">
        <v>6</v>
      </c>
      <c r="I5454" s="5" t="s">
        <v>1518</v>
      </c>
      <c r="J5454" s="5" t="s">
        <v>1519</v>
      </c>
      <c r="K5454" s="2" t="s">
        <v>1520</v>
      </c>
      <c r="L5454" s="5" t="s">
        <v>1519</v>
      </c>
      <c r="M5454" s="2" t="s">
        <v>1520</v>
      </c>
      <c r="N5454" s="5" t="s">
        <v>1521</v>
      </c>
      <c r="O5454" s="5" t="s">
        <v>38</v>
      </c>
      <c r="P5454" s="5" t="s">
        <v>39</v>
      </c>
      <c r="Q5454" s="5" t="s">
        <v>40</v>
      </c>
      <c r="R5454" s="5" t="s">
        <v>1522</v>
      </c>
      <c r="S5454" s="5" t="s">
        <v>1523</v>
      </c>
      <c r="T5454" s="5" t="s">
        <v>42</v>
      </c>
      <c r="U5454" s="2">
        <v>2.9060000000000001</v>
      </c>
      <c r="V5454" s="2">
        <v>2.2749999999999999</v>
      </c>
      <c r="W5454" s="2">
        <v>1.7999999999999999E-2</v>
      </c>
      <c r="X5454" s="2">
        <v>139.1</v>
      </c>
      <c r="Y5454" s="2">
        <v>7.6</v>
      </c>
      <c r="Z5454" s="2">
        <v>16.7</v>
      </c>
      <c r="AA5454" s="5"/>
      <c r="AB5454" s="5" t="s">
        <v>43</v>
      </c>
      <c r="AC5454" s="5" t="s">
        <v>44</v>
      </c>
      <c r="AD5454" s="2"/>
      <c r="AE5454" s="1"/>
    </row>
    <row r="5455" spans="1:31" ht="14.45">
      <c r="A5455" s="11"/>
      <c r="B5455" s="20"/>
      <c r="C5455" s="2" t="s">
        <v>16836</v>
      </c>
      <c r="D5455" s="14" t="s">
        <v>16837</v>
      </c>
      <c r="E5455" s="2" t="s">
        <v>16838</v>
      </c>
      <c r="F5455" s="2" t="s">
        <v>7547</v>
      </c>
      <c r="G5455" s="8">
        <v>263</v>
      </c>
      <c r="H5455" s="5">
        <v>6</v>
      </c>
      <c r="I5455" s="5" t="s">
        <v>1518</v>
      </c>
      <c r="J5455" s="5" t="s">
        <v>1519</v>
      </c>
      <c r="K5455" s="2" t="s">
        <v>1520</v>
      </c>
      <c r="L5455" s="5" t="s">
        <v>1519</v>
      </c>
      <c r="M5455" s="2" t="s">
        <v>1520</v>
      </c>
      <c r="N5455" s="5" t="s">
        <v>1521</v>
      </c>
      <c r="O5455" s="5" t="s">
        <v>38</v>
      </c>
      <c r="P5455" s="5" t="s">
        <v>39</v>
      </c>
      <c r="Q5455" s="5" t="s">
        <v>40</v>
      </c>
      <c r="R5455" s="5" t="s">
        <v>1522</v>
      </c>
      <c r="S5455" s="5" t="s">
        <v>1523</v>
      </c>
      <c r="T5455" s="5" t="s">
        <v>42</v>
      </c>
      <c r="U5455" s="2">
        <v>2.7989999999999999</v>
      </c>
      <c r="V5455" s="2">
        <v>2.1680000000000001</v>
      </c>
      <c r="W5455" s="2">
        <v>1.7999999999999999E-2</v>
      </c>
      <c r="X5455" s="2">
        <v>139.1</v>
      </c>
      <c r="Y5455" s="2">
        <v>7.6</v>
      </c>
      <c r="Z5455" s="2">
        <v>16.7</v>
      </c>
      <c r="AA5455" s="5"/>
      <c r="AB5455" s="5" t="s">
        <v>43</v>
      </c>
      <c r="AC5455" s="5" t="s">
        <v>44</v>
      </c>
      <c r="AD5455" s="2"/>
      <c r="AE5455" s="1"/>
    </row>
    <row r="5456" spans="1:31" ht="14.45">
      <c r="A5456" s="11"/>
      <c r="B5456" s="20"/>
      <c r="C5456" s="2" t="s">
        <v>16839</v>
      </c>
      <c r="D5456" s="14" t="s">
        <v>16840</v>
      </c>
      <c r="E5456" s="2" t="s">
        <v>16841</v>
      </c>
      <c r="F5456" s="2" t="s">
        <v>7551</v>
      </c>
      <c r="G5456" s="8">
        <v>263</v>
      </c>
      <c r="H5456" s="5">
        <v>6</v>
      </c>
      <c r="I5456" s="5" t="s">
        <v>1518</v>
      </c>
      <c r="J5456" s="5" t="s">
        <v>1519</v>
      </c>
      <c r="K5456" s="2" t="s">
        <v>1520</v>
      </c>
      <c r="L5456" s="5" t="s">
        <v>1519</v>
      </c>
      <c r="M5456" s="2" t="s">
        <v>1520</v>
      </c>
      <c r="N5456" s="5" t="s">
        <v>1521</v>
      </c>
      <c r="O5456" s="5" t="s">
        <v>38</v>
      </c>
      <c r="P5456" s="5" t="s">
        <v>39</v>
      </c>
      <c r="Q5456" s="5" t="s">
        <v>40</v>
      </c>
      <c r="R5456" s="5" t="s">
        <v>1522</v>
      </c>
      <c r="S5456" s="5" t="s">
        <v>1523</v>
      </c>
      <c r="T5456" s="5" t="s">
        <v>42</v>
      </c>
      <c r="U5456" s="2">
        <v>2.8879999999999999</v>
      </c>
      <c r="V5456" s="2">
        <v>2.2570000000000001</v>
      </c>
      <c r="W5456" s="2">
        <v>1.7999999999999999E-2</v>
      </c>
      <c r="X5456" s="2">
        <v>139.1</v>
      </c>
      <c r="Y5456" s="2">
        <v>7.6</v>
      </c>
      <c r="Z5456" s="2">
        <v>16.7</v>
      </c>
      <c r="AA5456" s="5"/>
      <c r="AB5456" s="5" t="s">
        <v>43</v>
      </c>
      <c r="AC5456" s="5" t="s">
        <v>44</v>
      </c>
      <c r="AD5456" s="2"/>
      <c r="AE5456" s="1"/>
    </row>
    <row r="5457" spans="1:31" ht="14.45">
      <c r="A5457" s="11"/>
      <c r="B5457" s="20"/>
      <c r="C5457" s="2" t="s">
        <v>16842</v>
      </c>
      <c r="D5457" s="14" t="s">
        <v>16843</v>
      </c>
      <c r="E5457" s="2" t="s">
        <v>16844</v>
      </c>
      <c r="F5457" s="2" t="s">
        <v>7555</v>
      </c>
      <c r="G5457" s="8">
        <v>263</v>
      </c>
      <c r="H5457" s="5">
        <v>6</v>
      </c>
      <c r="I5457" s="5" t="s">
        <v>1518</v>
      </c>
      <c r="J5457" s="5" t="s">
        <v>1519</v>
      </c>
      <c r="K5457" s="2" t="s">
        <v>1520</v>
      </c>
      <c r="L5457" s="5" t="s">
        <v>1519</v>
      </c>
      <c r="M5457" s="2" t="s">
        <v>1520</v>
      </c>
      <c r="N5457" s="5" t="s">
        <v>1521</v>
      </c>
      <c r="O5457" s="5" t="s">
        <v>38</v>
      </c>
      <c r="P5457" s="5" t="s">
        <v>39</v>
      </c>
      <c r="Q5457" s="5" t="s">
        <v>40</v>
      </c>
      <c r="R5457" s="5" t="s">
        <v>1522</v>
      </c>
      <c r="S5457" s="5" t="s">
        <v>1523</v>
      </c>
      <c r="T5457" s="5" t="s">
        <v>42</v>
      </c>
      <c r="U5457" s="2">
        <v>2.7989999999999999</v>
      </c>
      <c r="V5457" s="2">
        <v>2.1680000000000001</v>
      </c>
      <c r="W5457" s="2">
        <v>1.7999999999999999E-2</v>
      </c>
      <c r="X5457" s="2">
        <v>139.1</v>
      </c>
      <c r="Y5457" s="2">
        <v>7.6</v>
      </c>
      <c r="Z5457" s="2">
        <v>16.7</v>
      </c>
      <c r="AA5457" s="5"/>
      <c r="AB5457" s="5" t="s">
        <v>43</v>
      </c>
      <c r="AC5457" s="5" t="s">
        <v>44</v>
      </c>
      <c r="AD5457" s="2"/>
      <c r="AE5457" s="1"/>
    </row>
    <row r="5458" spans="1:31" ht="14.45">
      <c r="A5458" s="11"/>
      <c r="B5458" s="20"/>
      <c r="C5458" s="2" t="s">
        <v>16845</v>
      </c>
      <c r="D5458" s="14" t="s">
        <v>16846</v>
      </c>
      <c r="E5458" s="2" t="s">
        <v>16847</v>
      </c>
      <c r="F5458" s="2" t="s">
        <v>7563</v>
      </c>
      <c r="G5458" s="8">
        <v>263</v>
      </c>
      <c r="H5458" s="5">
        <v>6</v>
      </c>
      <c r="I5458" s="5" t="s">
        <v>1518</v>
      </c>
      <c r="J5458" s="5" t="s">
        <v>1519</v>
      </c>
      <c r="K5458" s="2" t="s">
        <v>1520</v>
      </c>
      <c r="L5458" s="5" t="s">
        <v>1519</v>
      </c>
      <c r="M5458" s="2" t="s">
        <v>1520</v>
      </c>
      <c r="N5458" s="5" t="s">
        <v>1521</v>
      </c>
      <c r="O5458" s="5" t="s">
        <v>38</v>
      </c>
      <c r="P5458" s="5" t="s">
        <v>39</v>
      </c>
      <c r="Q5458" s="5" t="s">
        <v>40</v>
      </c>
      <c r="R5458" s="5" t="s">
        <v>1522</v>
      </c>
      <c r="S5458" s="5" t="s">
        <v>1523</v>
      </c>
      <c r="T5458" s="5" t="s">
        <v>42</v>
      </c>
      <c r="U5458" s="2">
        <v>2.8170000000000002</v>
      </c>
      <c r="V5458" s="2">
        <v>2.1859999999999999</v>
      </c>
      <c r="W5458" s="2">
        <v>1.7999999999999999E-2</v>
      </c>
      <c r="X5458" s="2">
        <v>139.1</v>
      </c>
      <c r="Y5458" s="2">
        <v>7.6</v>
      </c>
      <c r="Z5458" s="2">
        <v>16.7</v>
      </c>
      <c r="AA5458" s="5"/>
      <c r="AB5458" s="5" t="s">
        <v>43</v>
      </c>
      <c r="AC5458" s="5" t="s">
        <v>44</v>
      </c>
      <c r="AD5458" s="2"/>
      <c r="AE5458" s="1"/>
    </row>
    <row r="5459" spans="1:31" ht="14.45">
      <c r="A5459" s="11"/>
      <c r="B5459" s="20"/>
      <c r="C5459" s="2" t="s">
        <v>16848</v>
      </c>
      <c r="D5459" s="14" t="s">
        <v>16849</v>
      </c>
      <c r="E5459" s="2" t="s">
        <v>16850</v>
      </c>
      <c r="F5459" s="2" t="s">
        <v>7567</v>
      </c>
      <c r="G5459" s="8">
        <v>263</v>
      </c>
      <c r="H5459" s="5">
        <v>6</v>
      </c>
      <c r="I5459" s="5" t="s">
        <v>1518</v>
      </c>
      <c r="J5459" s="5" t="s">
        <v>1519</v>
      </c>
      <c r="K5459" s="2" t="s">
        <v>1520</v>
      </c>
      <c r="L5459" s="5" t="s">
        <v>1519</v>
      </c>
      <c r="M5459" s="2" t="s">
        <v>1520</v>
      </c>
      <c r="N5459" s="5" t="s">
        <v>1521</v>
      </c>
      <c r="O5459" s="5" t="s">
        <v>38</v>
      </c>
      <c r="P5459" s="5" t="s">
        <v>39</v>
      </c>
      <c r="Q5459" s="5" t="s">
        <v>40</v>
      </c>
      <c r="R5459" s="5" t="s">
        <v>1522</v>
      </c>
      <c r="S5459" s="5" t="s">
        <v>1523</v>
      </c>
      <c r="T5459" s="5" t="s">
        <v>42</v>
      </c>
      <c r="U5459" s="2">
        <v>2.9060000000000001</v>
      </c>
      <c r="V5459" s="2">
        <v>2.2749999999999999</v>
      </c>
      <c r="W5459" s="2">
        <v>1.7999999999999999E-2</v>
      </c>
      <c r="X5459" s="2">
        <v>139.1</v>
      </c>
      <c r="Y5459" s="2">
        <v>7.6</v>
      </c>
      <c r="Z5459" s="2">
        <v>16.7</v>
      </c>
      <c r="AA5459" s="5"/>
      <c r="AB5459" s="5" t="s">
        <v>43</v>
      </c>
      <c r="AC5459" s="5" t="s">
        <v>44</v>
      </c>
      <c r="AD5459" s="2"/>
      <c r="AE5459" s="1"/>
    </row>
    <row r="5460" spans="1:31" ht="14.45">
      <c r="A5460" s="11"/>
      <c r="B5460" s="20"/>
      <c r="C5460" s="2" t="s">
        <v>16851</v>
      </c>
      <c r="D5460" s="14" t="s">
        <v>16852</v>
      </c>
      <c r="E5460" s="2" t="s">
        <v>16853</v>
      </c>
      <c r="F5460" s="2" t="s">
        <v>16079</v>
      </c>
      <c r="G5460" s="8">
        <v>263</v>
      </c>
      <c r="H5460" s="5">
        <v>6</v>
      </c>
      <c r="I5460" s="5" t="s">
        <v>1518</v>
      </c>
      <c r="J5460" s="5" t="s">
        <v>1519</v>
      </c>
      <c r="K5460" s="2" t="s">
        <v>1520</v>
      </c>
      <c r="L5460" s="5" t="s">
        <v>1519</v>
      </c>
      <c r="M5460" s="2" t="s">
        <v>1520</v>
      </c>
      <c r="N5460" s="5" t="s">
        <v>1521</v>
      </c>
      <c r="O5460" s="5" t="s">
        <v>38</v>
      </c>
      <c r="P5460" s="5" t="s">
        <v>39</v>
      </c>
      <c r="Q5460" s="5" t="s">
        <v>40</v>
      </c>
      <c r="R5460" s="5" t="s">
        <v>1522</v>
      </c>
      <c r="S5460" s="5" t="s">
        <v>1523</v>
      </c>
      <c r="T5460" s="5" t="s">
        <v>42</v>
      </c>
      <c r="U5460" s="2">
        <v>2.8170000000000002</v>
      </c>
      <c r="V5460" s="2">
        <v>2.1859999999999999</v>
      </c>
      <c r="W5460" s="2">
        <v>1.7999999999999999E-2</v>
      </c>
      <c r="X5460" s="2">
        <v>139.1</v>
      </c>
      <c r="Y5460" s="2">
        <v>7.6</v>
      </c>
      <c r="Z5460" s="2">
        <v>16.7</v>
      </c>
      <c r="AA5460" s="5"/>
      <c r="AB5460" s="5" t="s">
        <v>43</v>
      </c>
      <c r="AC5460" s="5" t="s">
        <v>44</v>
      </c>
      <c r="AD5460" s="2"/>
      <c r="AE5460" s="1"/>
    </row>
    <row r="5461" spans="1:31" ht="14.45">
      <c r="A5461" s="11"/>
      <c r="B5461" s="20"/>
      <c r="C5461" s="2" t="s">
        <v>16854</v>
      </c>
      <c r="D5461" s="14" t="s">
        <v>16855</v>
      </c>
      <c r="E5461" s="2" t="s">
        <v>16856</v>
      </c>
      <c r="F5461" s="2" t="s">
        <v>16194</v>
      </c>
      <c r="G5461" s="8">
        <v>263</v>
      </c>
      <c r="H5461" s="5">
        <v>6</v>
      </c>
      <c r="I5461" s="5" t="s">
        <v>1518</v>
      </c>
      <c r="J5461" s="5" t="s">
        <v>1519</v>
      </c>
      <c r="K5461" s="2" t="s">
        <v>1520</v>
      </c>
      <c r="L5461" s="5" t="s">
        <v>1519</v>
      </c>
      <c r="M5461" s="2" t="s">
        <v>1520</v>
      </c>
      <c r="N5461" s="5" t="s">
        <v>1521</v>
      </c>
      <c r="O5461" s="5" t="s">
        <v>38</v>
      </c>
      <c r="P5461" s="5" t="s">
        <v>39</v>
      </c>
      <c r="Q5461" s="5" t="s">
        <v>40</v>
      </c>
      <c r="R5461" s="5" t="s">
        <v>1522</v>
      </c>
      <c r="S5461" s="5" t="s">
        <v>1523</v>
      </c>
      <c r="T5461" s="5" t="s">
        <v>42</v>
      </c>
      <c r="U5461" s="2">
        <v>2.9060000000000001</v>
      </c>
      <c r="V5461" s="2">
        <v>2.2749999999999999</v>
      </c>
      <c r="W5461" s="2">
        <v>1.7999999999999999E-2</v>
      </c>
      <c r="X5461" s="2">
        <v>139.1</v>
      </c>
      <c r="Y5461" s="2">
        <v>7.6</v>
      </c>
      <c r="Z5461" s="2">
        <v>16.7</v>
      </c>
      <c r="AA5461" s="5"/>
      <c r="AB5461" s="5" t="s">
        <v>43</v>
      </c>
      <c r="AC5461" s="5" t="s">
        <v>44</v>
      </c>
      <c r="AD5461" s="2"/>
      <c r="AE5461" s="1"/>
    </row>
    <row r="5462" spans="1:31" ht="14.45">
      <c r="A5462" s="11"/>
      <c r="B5462" s="20"/>
      <c r="C5462" s="2" t="s">
        <v>16857</v>
      </c>
      <c r="D5462" s="14" t="s">
        <v>16858</v>
      </c>
      <c r="E5462" s="2" t="s">
        <v>16859</v>
      </c>
      <c r="F5462" s="2" t="s">
        <v>7449</v>
      </c>
      <c r="G5462" s="8">
        <v>263</v>
      </c>
      <c r="H5462" s="5">
        <v>6</v>
      </c>
      <c r="I5462" s="5" t="s">
        <v>1518</v>
      </c>
      <c r="J5462" s="5" t="s">
        <v>1519</v>
      </c>
      <c r="K5462" s="2" t="s">
        <v>1520</v>
      </c>
      <c r="L5462" s="5" t="s">
        <v>1519</v>
      </c>
      <c r="M5462" s="2" t="s">
        <v>1520</v>
      </c>
      <c r="N5462" s="5" t="s">
        <v>1521</v>
      </c>
      <c r="O5462" s="5" t="s">
        <v>38</v>
      </c>
      <c r="P5462" s="5" t="s">
        <v>39</v>
      </c>
      <c r="Q5462" s="5" t="s">
        <v>40</v>
      </c>
      <c r="R5462" s="5" t="s">
        <v>1522</v>
      </c>
      <c r="S5462" s="5" t="s">
        <v>1523</v>
      </c>
      <c r="T5462" s="5" t="s">
        <v>42</v>
      </c>
      <c r="U5462" s="2">
        <v>2.8170000000000002</v>
      </c>
      <c r="V5462" s="2">
        <v>2.1859999999999999</v>
      </c>
      <c r="W5462" s="2">
        <v>1.7999999999999999E-2</v>
      </c>
      <c r="X5462" s="2">
        <v>139.1</v>
      </c>
      <c r="Y5462" s="2">
        <v>7.6</v>
      </c>
      <c r="Z5462" s="2">
        <v>16.7</v>
      </c>
      <c r="AA5462" s="5"/>
      <c r="AB5462" s="5" t="s">
        <v>43</v>
      </c>
      <c r="AC5462" s="5" t="s">
        <v>44</v>
      </c>
      <c r="AD5462" s="2"/>
      <c r="AE5462" s="1"/>
    </row>
    <row r="5463" spans="1:31" ht="14.45">
      <c r="A5463" s="11"/>
      <c r="B5463" s="20"/>
      <c r="C5463" s="2" t="s">
        <v>16860</v>
      </c>
      <c r="D5463" s="14" t="s">
        <v>16861</v>
      </c>
      <c r="E5463" s="2" t="s">
        <v>16862</v>
      </c>
      <c r="F5463" s="2" t="s">
        <v>7581</v>
      </c>
      <c r="G5463" s="8">
        <v>263</v>
      </c>
      <c r="H5463" s="5">
        <v>6</v>
      </c>
      <c r="I5463" s="5" t="s">
        <v>1518</v>
      </c>
      <c r="J5463" s="5" t="s">
        <v>1519</v>
      </c>
      <c r="K5463" s="2" t="s">
        <v>1520</v>
      </c>
      <c r="L5463" s="5" t="s">
        <v>1519</v>
      </c>
      <c r="M5463" s="2" t="s">
        <v>1520</v>
      </c>
      <c r="N5463" s="5" t="s">
        <v>1521</v>
      </c>
      <c r="O5463" s="5" t="s">
        <v>38</v>
      </c>
      <c r="P5463" s="5" t="s">
        <v>39</v>
      </c>
      <c r="Q5463" s="5" t="s">
        <v>40</v>
      </c>
      <c r="R5463" s="5" t="s">
        <v>1522</v>
      </c>
      <c r="S5463" s="5" t="s">
        <v>1523</v>
      </c>
      <c r="T5463" s="5" t="s">
        <v>42</v>
      </c>
      <c r="U5463" s="2">
        <v>2.9060000000000001</v>
      </c>
      <c r="V5463" s="2">
        <v>2.2749999999999999</v>
      </c>
      <c r="W5463" s="2">
        <v>1.7999999999999999E-2</v>
      </c>
      <c r="X5463" s="2">
        <v>139.1</v>
      </c>
      <c r="Y5463" s="2">
        <v>7.6</v>
      </c>
      <c r="Z5463" s="2">
        <v>16.7</v>
      </c>
      <c r="AA5463" s="5"/>
      <c r="AB5463" s="5" t="s">
        <v>43</v>
      </c>
      <c r="AC5463" s="5" t="s">
        <v>44</v>
      </c>
      <c r="AD5463" s="2"/>
      <c r="AE5463" s="1"/>
    </row>
    <row r="5464" spans="1:31" ht="14.45">
      <c r="A5464" s="11"/>
      <c r="B5464" s="20"/>
      <c r="C5464" s="2" t="s">
        <v>16863</v>
      </c>
      <c r="D5464" s="14" t="s">
        <v>16864</v>
      </c>
      <c r="E5464" s="2" t="s">
        <v>16865</v>
      </c>
      <c r="F5464" s="2" t="s">
        <v>7585</v>
      </c>
      <c r="G5464" s="8">
        <v>263</v>
      </c>
      <c r="H5464" s="5">
        <v>6</v>
      </c>
      <c r="I5464" s="5" t="s">
        <v>1518</v>
      </c>
      <c r="J5464" s="5" t="s">
        <v>1519</v>
      </c>
      <c r="K5464" s="2" t="s">
        <v>1520</v>
      </c>
      <c r="L5464" s="5" t="s">
        <v>1519</v>
      </c>
      <c r="M5464" s="2" t="s">
        <v>1520</v>
      </c>
      <c r="N5464" s="5" t="s">
        <v>1521</v>
      </c>
      <c r="O5464" s="5" t="s">
        <v>38</v>
      </c>
      <c r="P5464" s="5" t="s">
        <v>39</v>
      </c>
      <c r="Q5464" s="5" t="s">
        <v>40</v>
      </c>
      <c r="R5464" s="5" t="s">
        <v>1522</v>
      </c>
      <c r="S5464" s="5" t="s">
        <v>1523</v>
      </c>
      <c r="T5464" s="5" t="s">
        <v>42</v>
      </c>
      <c r="U5464" s="2">
        <v>2.7989999999999999</v>
      </c>
      <c r="V5464" s="2">
        <v>2.1680000000000001</v>
      </c>
      <c r="W5464" s="2">
        <v>1.7999999999999999E-2</v>
      </c>
      <c r="X5464" s="2">
        <v>139.1</v>
      </c>
      <c r="Y5464" s="2">
        <v>7.6</v>
      </c>
      <c r="Z5464" s="2">
        <v>16.7</v>
      </c>
      <c r="AA5464" s="5"/>
      <c r="AB5464" s="5" t="s">
        <v>43</v>
      </c>
      <c r="AC5464" s="5" t="s">
        <v>44</v>
      </c>
      <c r="AD5464" s="2"/>
      <c r="AE5464" s="1"/>
    </row>
    <row r="5465" spans="1:31" ht="14.45">
      <c r="A5465" s="11"/>
      <c r="B5465" s="20"/>
      <c r="C5465" s="2" t="s">
        <v>16866</v>
      </c>
      <c r="D5465" s="14" t="s">
        <v>16867</v>
      </c>
      <c r="E5465" s="2" t="s">
        <v>16868</v>
      </c>
      <c r="F5465" s="2" t="s">
        <v>7589</v>
      </c>
      <c r="G5465" s="8">
        <v>263</v>
      </c>
      <c r="H5465" s="5">
        <v>6</v>
      </c>
      <c r="I5465" s="5" t="s">
        <v>1518</v>
      </c>
      <c r="J5465" s="5" t="s">
        <v>1519</v>
      </c>
      <c r="K5465" s="2" t="s">
        <v>1520</v>
      </c>
      <c r="L5465" s="5" t="s">
        <v>1519</v>
      </c>
      <c r="M5465" s="2" t="s">
        <v>1520</v>
      </c>
      <c r="N5465" s="5" t="s">
        <v>1521</v>
      </c>
      <c r="O5465" s="5" t="s">
        <v>38</v>
      </c>
      <c r="P5465" s="5" t="s">
        <v>39</v>
      </c>
      <c r="Q5465" s="5" t="s">
        <v>40</v>
      </c>
      <c r="R5465" s="5" t="s">
        <v>1522</v>
      </c>
      <c r="S5465" s="5" t="s">
        <v>1523</v>
      </c>
      <c r="T5465" s="5" t="s">
        <v>42</v>
      </c>
      <c r="U5465" s="2">
        <v>2.8879999999999999</v>
      </c>
      <c r="V5465" s="2">
        <v>2.2570000000000001</v>
      </c>
      <c r="W5465" s="2">
        <v>1.7999999999999999E-2</v>
      </c>
      <c r="X5465" s="2">
        <v>139.1</v>
      </c>
      <c r="Y5465" s="2">
        <v>7.6</v>
      </c>
      <c r="Z5465" s="2">
        <v>16.7</v>
      </c>
      <c r="AA5465" s="5"/>
      <c r="AB5465" s="5" t="s">
        <v>43</v>
      </c>
      <c r="AC5465" s="5" t="s">
        <v>44</v>
      </c>
      <c r="AD5465" s="2"/>
      <c r="AE5465" s="1"/>
    </row>
    <row r="5466" spans="1:31" ht="14.45">
      <c r="A5466" s="11"/>
      <c r="B5466" s="20"/>
      <c r="C5466" s="2" t="s">
        <v>16869</v>
      </c>
      <c r="D5466" s="14" t="s">
        <v>16870</v>
      </c>
      <c r="E5466" s="2" t="s">
        <v>16871</v>
      </c>
      <c r="F5466" s="2" t="s">
        <v>7593</v>
      </c>
      <c r="G5466" s="8">
        <v>263</v>
      </c>
      <c r="H5466" s="5">
        <v>6</v>
      </c>
      <c r="I5466" s="5" t="s">
        <v>1518</v>
      </c>
      <c r="J5466" s="5" t="s">
        <v>1519</v>
      </c>
      <c r="K5466" s="2" t="s">
        <v>1520</v>
      </c>
      <c r="L5466" s="5" t="s">
        <v>1519</v>
      </c>
      <c r="M5466" s="2" t="s">
        <v>1520</v>
      </c>
      <c r="N5466" s="5" t="s">
        <v>1521</v>
      </c>
      <c r="O5466" s="5" t="s">
        <v>38</v>
      </c>
      <c r="P5466" s="5" t="s">
        <v>39</v>
      </c>
      <c r="Q5466" s="5" t="s">
        <v>40</v>
      </c>
      <c r="R5466" s="5" t="s">
        <v>1522</v>
      </c>
      <c r="S5466" s="5" t="s">
        <v>1523</v>
      </c>
      <c r="T5466" s="5" t="s">
        <v>42</v>
      </c>
      <c r="U5466" s="2">
        <v>2.8170000000000002</v>
      </c>
      <c r="V5466" s="2">
        <v>2.1859999999999999</v>
      </c>
      <c r="W5466" s="2">
        <v>1.7999999999999999E-2</v>
      </c>
      <c r="X5466" s="2">
        <v>139.1</v>
      </c>
      <c r="Y5466" s="2">
        <v>7.6</v>
      </c>
      <c r="Z5466" s="2">
        <v>16.7</v>
      </c>
      <c r="AA5466" s="5"/>
      <c r="AB5466" s="5" t="s">
        <v>43</v>
      </c>
      <c r="AC5466" s="5" t="s">
        <v>44</v>
      </c>
      <c r="AD5466" s="2"/>
      <c r="AE5466" s="1"/>
    </row>
    <row r="5467" spans="1:31" ht="14.45">
      <c r="A5467" s="11"/>
      <c r="B5467" s="20"/>
      <c r="C5467" s="2" t="s">
        <v>16872</v>
      </c>
      <c r="D5467" s="14" t="s">
        <v>16873</v>
      </c>
      <c r="E5467" s="2" t="s">
        <v>16874</v>
      </c>
      <c r="F5467" s="2" t="s">
        <v>7597</v>
      </c>
      <c r="G5467" s="8">
        <v>263</v>
      </c>
      <c r="H5467" s="5">
        <v>6</v>
      </c>
      <c r="I5467" s="5" t="s">
        <v>1518</v>
      </c>
      <c r="J5467" s="5" t="s">
        <v>1519</v>
      </c>
      <c r="K5467" s="2" t="s">
        <v>1520</v>
      </c>
      <c r="L5467" s="5" t="s">
        <v>1519</v>
      </c>
      <c r="M5467" s="2" t="s">
        <v>1520</v>
      </c>
      <c r="N5467" s="5" t="s">
        <v>1521</v>
      </c>
      <c r="O5467" s="5" t="s">
        <v>38</v>
      </c>
      <c r="P5467" s="5" t="s">
        <v>39</v>
      </c>
      <c r="Q5467" s="5" t="s">
        <v>40</v>
      </c>
      <c r="R5467" s="5" t="s">
        <v>1522</v>
      </c>
      <c r="S5467" s="5" t="s">
        <v>1523</v>
      </c>
      <c r="T5467" s="5" t="s">
        <v>42</v>
      </c>
      <c r="U5467" s="2">
        <v>2.9060000000000001</v>
      </c>
      <c r="V5467" s="2">
        <v>2.2749999999999999</v>
      </c>
      <c r="W5467" s="2">
        <v>1.7999999999999999E-2</v>
      </c>
      <c r="X5467" s="2">
        <v>139.1</v>
      </c>
      <c r="Y5467" s="2">
        <v>7.6</v>
      </c>
      <c r="Z5467" s="2">
        <v>16.7</v>
      </c>
      <c r="AA5467" s="5"/>
      <c r="AB5467" s="5" t="s">
        <v>43</v>
      </c>
      <c r="AC5467" s="5" t="s">
        <v>44</v>
      </c>
      <c r="AD5467" s="2"/>
      <c r="AE5467" s="1"/>
    </row>
    <row r="5468" spans="1:31" ht="14.45">
      <c r="A5468" s="11"/>
      <c r="B5468" s="20"/>
      <c r="C5468" s="2" t="s">
        <v>16875</v>
      </c>
      <c r="D5468" s="14" t="s">
        <v>16876</v>
      </c>
      <c r="E5468" s="2" t="s">
        <v>16877</v>
      </c>
      <c r="F5468" s="2" t="s">
        <v>16014</v>
      </c>
      <c r="G5468" s="8">
        <v>263</v>
      </c>
      <c r="H5468" s="5">
        <v>6</v>
      </c>
      <c r="I5468" s="5" t="s">
        <v>1518</v>
      </c>
      <c r="J5468" s="5" t="s">
        <v>1519</v>
      </c>
      <c r="K5468" s="2" t="s">
        <v>1520</v>
      </c>
      <c r="L5468" s="5" t="s">
        <v>1519</v>
      </c>
      <c r="M5468" s="2" t="s">
        <v>1520</v>
      </c>
      <c r="N5468" s="5" t="s">
        <v>1521</v>
      </c>
      <c r="O5468" s="5" t="s">
        <v>38</v>
      </c>
      <c r="P5468" s="5" t="s">
        <v>39</v>
      </c>
      <c r="Q5468" s="5" t="s">
        <v>40</v>
      </c>
      <c r="R5468" s="5" t="s">
        <v>1522</v>
      </c>
      <c r="S5468" s="5" t="s">
        <v>1523</v>
      </c>
      <c r="T5468" s="5" t="s">
        <v>42</v>
      </c>
      <c r="U5468" s="2">
        <v>2.8170000000000002</v>
      </c>
      <c r="V5468" s="2">
        <v>2.1859999999999999</v>
      </c>
      <c r="W5468" s="2">
        <v>1.7999999999999999E-2</v>
      </c>
      <c r="X5468" s="2">
        <v>139.1</v>
      </c>
      <c r="Y5468" s="2">
        <v>7.6</v>
      </c>
      <c r="Z5468" s="2">
        <v>16.7</v>
      </c>
      <c r="AA5468" s="5"/>
      <c r="AB5468" s="5" t="s">
        <v>43</v>
      </c>
      <c r="AC5468" s="5" t="s">
        <v>44</v>
      </c>
      <c r="AD5468" s="2"/>
      <c r="AE5468" s="1"/>
    </row>
    <row r="5469" spans="1:31" ht="14.45">
      <c r="A5469" s="11"/>
      <c r="B5469" s="20"/>
      <c r="C5469" s="2" t="s">
        <v>16878</v>
      </c>
      <c r="D5469" s="14" t="s">
        <v>16879</v>
      </c>
      <c r="E5469" s="2" t="s">
        <v>16880</v>
      </c>
      <c r="F5469" s="2" t="s">
        <v>16219</v>
      </c>
      <c r="G5469" s="8">
        <v>263</v>
      </c>
      <c r="H5469" s="5">
        <v>6</v>
      </c>
      <c r="I5469" s="5" t="s">
        <v>1518</v>
      </c>
      <c r="J5469" s="5" t="s">
        <v>1519</v>
      </c>
      <c r="K5469" s="2" t="s">
        <v>1520</v>
      </c>
      <c r="L5469" s="5" t="s">
        <v>1519</v>
      </c>
      <c r="M5469" s="2" t="s">
        <v>1520</v>
      </c>
      <c r="N5469" s="5" t="s">
        <v>1521</v>
      </c>
      <c r="O5469" s="5" t="s">
        <v>38</v>
      </c>
      <c r="P5469" s="5" t="s">
        <v>39</v>
      </c>
      <c r="Q5469" s="5" t="s">
        <v>40</v>
      </c>
      <c r="R5469" s="5" t="s">
        <v>1522</v>
      </c>
      <c r="S5469" s="5" t="s">
        <v>1523</v>
      </c>
      <c r="T5469" s="5" t="s">
        <v>42</v>
      </c>
      <c r="U5469" s="2">
        <v>2.9060000000000001</v>
      </c>
      <c r="V5469" s="2">
        <v>2.2749999999999999</v>
      </c>
      <c r="W5469" s="2">
        <v>1.7999999999999999E-2</v>
      </c>
      <c r="X5469" s="2">
        <v>139.1</v>
      </c>
      <c r="Y5469" s="2">
        <v>7.6</v>
      </c>
      <c r="Z5469" s="2">
        <v>16.7</v>
      </c>
      <c r="AA5469" s="5"/>
      <c r="AB5469" s="5" t="s">
        <v>43</v>
      </c>
      <c r="AC5469" s="5" t="s">
        <v>44</v>
      </c>
      <c r="AD5469" s="2"/>
      <c r="AE5469" s="1"/>
    </row>
    <row r="5470" spans="1:31" ht="14.45">
      <c r="A5470" s="11"/>
      <c r="B5470" s="20"/>
      <c r="C5470" s="2" t="s">
        <v>16881</v>
      </c>
      <c r="D5470" s="14" t="s">
        <v>16882</v>
      </c>
      <c r="E5470" s="2" t="s">
        <v>16883</v>
      </c>
      <c r="F5470" s="2" t="s">
        <v>16018</v>
      </c>
      <c r="G5470" s="8">
        <v>263</v>
      </c>
      <c r="H5470" s="5">
        <v>6</v>
      </c>
      <c r="I5470" s="5" t="s">
        <v>1518</v>
      </c>
      <c r="J5470" s="5" t="s">
        <v>1519</v>
      </c>
      <c r="K5470" s="2" t="s">
        <v>1520</v>
      </c>
      <c r="L5470" s="5" t="s">
        <v>1519</v>
      </c>
      <c r="M5470" s="2" t="s">
        <v>1520</v>
      </c>
      <c r="N5470" s="5" t="s">
        <v>1521</v>
      </c>
      <c r="O5470" s="5" t="s">
        <v>38</v>
      </c>
      <c r="P5470" s="5" t="s">
        <v>39</v>
      </c>
      <c r="Q5470" s="5" t="s">
        <v>40</v>
      </c>
      <c r="R5470" s="5" t="s">
        <v>1522</v>
      </c>
      <c r="S5470" s="5" t="s">
        <v>1523</v>
      </c>
      <c r="T5470" s="5" t="s">
        <v>42</v>
      </c>
      <c r="U5470" s="2">
        <v>2.8170000000000002</v>
      </c>
      <c r="V5470" s="2">
        <v>2.1859999999999999</v>
      </c>
      <c r="W5470" s="2">
        <v>1.7999999999999999E-2</v>
      </c>
      <c r="X5470" s="2">
        <v>139.1</v>
      </c>
      <c r="Y5470" s="2">
        <v>7.6</v>
      </c>
      <c r="Z5470" s="2">
        <v>16.7</v>
      </c>
      <c r="AA5470" s="5"/>
      <c r="AB5470" s="5" t="s">
        <v>43</v>
      </c>
      <c r="AC5470" s="5" t="s">
        <v>44</v>
      </c>
      <c r="AD5470" s="2"/>
      <c r="AE5470" s="1"/>
    </row>
    <row r="5471" spans="1:31" ht="14.45">
      <c r="A5471" s="11"/>
      <c r="B5471" s="20"/>
      <c r="C5471" s="2" t="s">
        <v>16884</v>
      </c>
      <c r="D5471" s="14" t="s">
        <v>16885</v>
      </c>
      <c r="E5471" s="2" t="s">
        <v>16886</v>
      </c>
      <c r="F5471" s="2" t="s">
        <v>16022</v>
      </c>
      <c r="G5471" s="8">
        <v>263</v>
      </c>
      <c r="H5471" s="5">
        <v>6</v>
      </c>
      <c r="I5471" s="5" t="s">
        <v>1518</v>
      </c>
      <c r="J5471" s="5" t="s">
        <v>1519</v>
      </c>
      <c r="K5471" s="2" t="s">
        <v>1520</v>
      </c>
      <c r="L5471" s="5" t="s">
        <v>1519</v>
      </c>
      <c r="M5471" s="2" t="s">
        <v>1520</v>
      </c>
      <c r="N5471" s="5" t="s">
        <v>1521</v>
      </c>
      <c r="O5471" s="5" t="s">
        <v>38</v>
      </c>
      <c r="P5471" s="5" t="s">
        <v>39</v>
      </c>
      <c r="Q5471" s="5" t="s">
        <v>40</v>
      </c>
      <c r="R5471" s="5" t="s">
        <v>1522</v>
      </c>
      <c r="S5471" s="5" t="s">
        <v>1523</v>
      </c>
      <c r="T5471" s="5" t="s">
        <v>42</v>
      </c>
      <c r="U5471" s="2">
        <v>2.9060000000000001</v>
      </c>
      <c r="V5471" s="2">
        <v>2.2749999999999999</v>
      </c>
      <c r="W5471" s="2">
        <v>1.7999999999999999E-2</v>
      </c>
      <c r="X5471" s="2">
        <v>139.1</v>
      </c>
      <c r="Y5471" s="2">
        <v>7.6</v>
      </c>
      <c r="Z5471" s="2">
        <v>16.7</v>
      </c>
      <c r="AA5471" s="5"/>
      <c r="AB5471" s="5" t="s">
        <v>43</v>
      </c>
      <c r="AC5471" s="5" t="s">
        <v>44</v>
      </c>
      <c r="AD5471" s="2"/>
      <c r="AE5471" s="1"/>
    </row>
    <row r="5472" spans="1:31" ht="14.45">
      <c r="A5472" s="11"/>
      <c r="B5472" s="20"/>
      <c r="C5472" s="2" t="s">
        <v>16887</v>
      </c>
      <c r="D5472" s="14" t="s">
        <v>16888</v>
      </c>
      <c r="E5472" s="2" t="s">
        <v>16889</v>
      </c>
      <c r="F5472" s="2" t="s">
        <v>7615</v>
      </c>
      <c r="G5472" s="8">
        <v>263</v>
      </c>
      <c r="H5472" s="5">
        <v>6</v>
      </c>
      <c r="I5472" s="5" t="s">
        <v>1518</v>
      </c>
      <c r="J5472" s="5" t="s">
        <v>1519</v>
      </c>
      <c r="K5472" s="2" t="s">
        <v>1520</v>
      </c>
      <c r="L5472" s="5" t="s">
        <v>1519</v>
      </c>
      <c r="M5472" s="2" t="s">
        <v>1520</v>
      </c>
      <c r="N5472" s="5" t="s">
        <v>1521</v>
      </c>
      <c r="O5472" s="5" t="s">
        <v>38</v>
      </c>
      <c r="P5472" s="5" t="s">
        <v>39</v>
      </c>
      <c r="Q5472" s="5" t="s">
        <v>40</v>
      </c>
      <c r="R5472" s="5" t="s">
        <v>1522</v>
      </c>
      <c r="S5472" s="5" t="s">
        <v>1523</v>
      </c>
      <c r="T5472" s="5" t="s">
        <v>42</v>
      </c>
      <c r="U5472" s="2">
        <v>2.7989999999999999</v>
      </c>
      <c r="V5472" s="2">
        <v>2.1680000000000001</v>
      </c>
      <c r="W5472" s="2">
        <v>1.7999999999999999E-2</v>
      </c>
      <c r="X5472" s="2">
        <v>139.1</v>
      </c>
      <c r="Y5472" s="2">
        <v>7.6</v>
      </c>
      <c r="Z5472" s="2">
        <v>16.7</v>
      </c>
      <c r="AA5472" s="5"/>
      <c r="AB5472" s="5" t="s">
        <v>43</v>
      </c>
      <c r="AC5472" s="5" t="s">
        <v>44</v>
      </c>
      <c r="AD5472" s="2"/>
      <c r="AE5472" s="1"/>
    </row>
    <row r="5473" spans="1:31" ht="14.45">
      <c r="A5473" s="11"/>
      <c r="B5473" s="20"/>
      <c r="C5473" s="2" t="s">
        <v>16890</v>
      </c>
      <c r="D5473" s="14" t="s">
        <v>16891</v>
      </c>
      <c r="E5473" s="2" t="s">
        <v>16892</v>
      </c>
      <c r="F5473" s="2" t="s">
        <v>7619</v>
      </c>
      <c r="G5473" s="8">
        <v>263</v>
      </c>
      <c r="H5473" s="5">
        <v>6</v>
      </c>
      <c r="I5473" s="5" t="s">
        <v>1518</v>
      </c>
      <c r="J5473" s="5" t="s">
        <v>1519</v>
      </c>
      <c r="K5473" s="2" t="s">
        <v>1520</v>
      </c>
      <c r="L5473" s="5" t="s">
        <v>1519</v>
      </c>
      <c r="M5473" s="2" t="s">
        <v>1520</v>
      </c>
      <c r="N5473" s="5" t="s">
        <v>1521</v>
      </c>
      <c r="O5473" s="5" t="s">
        <v>38</v>
      </c>
      <c r="P5473" s="5" t="s">
        <v>39</v>
      </c>
      <c r="Q5473" s="5" t="s">
        <v>40</v>
      </c>
      <c r="R5473" s="5" t="s">
        <v>1522</v>
      </c>
      <c r="S5473" s="5" t="s">
        <v>1523</v>
      </c>
      <c r="T5473" s="5" t="s">
        <v>42</v>
      </c>
      <c r="U5473" s="2">
        <v>2.8879999999999999</v>
      </c>
      <c r="V5473" s="2">
        <v>2.2570000000000001</v>
      </c>
      <c r="W5473" s="2">
        <v>1.7999999999999999E-2</v>
      </c>
      <c r="X5473" s="2">
        <v>139.1</v>
      </c>
      <c r="Y5473" s="2">
        <v>7.6</v>
      </c>
      <c r="Z5473" s="2">
        <v>16.7</v>
      </c>
      <c r="AA5473" s="5"/>
      <c r="AB5473" s="5" t="s">
        <v>43</v>
      </c>
      <c r="AC5473" s="5" t="s">
        <v>44</v>
      </c>
      <c r="AD5473" s="2"/>
      <c r="AE5473" s="1"/>
    </row>
    <row r="5474" spans="1:31" ht="14.45">
      <c r="A5474" s="11"/>
      <c r="B5474" s="20"/>
      <c r="C5474" s="2" t="s">
        <v>16893</v>
      </c>
      <c r="D5474" s="14" t="s">
        <v>16894</v>
      </c>
      <c r="E5474" s="2" t="s">
        <v>16895</v>
      </c>
      <c r="F5474" s="2" t="s">
        <v>16029</v>
      </c>
      <c r="G5474" s="8">
        <v>263</v>
      </c>
      <c r="H5474" s="5">
        <v>11</v>
      </c>
      <c r="I5474" s="5" t="s">
        <v>1518</v>
      </c>
      <c r="J5474" s="5" t="s">
        <v>1519</v>
      </c>
      <c r="K5474" s="2" t="s">
        <v>1520</v>
      </c>
      <c r="L5474" s="5" t="s">
        <v>1519</v>
      </c>
      <c r="M5474" s="2" t="s">
        <v>1520</v>
      </c>
      <c r="N5474" s="5" t="s">
        <v>1521</v>
      </c>
      <c r="O5474" s="5" t="s">
        <v>38</v>
      </c>
      <c r="P5474" s="5" t="s">
        <v>39</v>
      </c>
      <c r="Q5474" s="5" t="s">
        <v>40</v>
      </c>
      <c r="R5474" s="5" t="s">
        <v>1522</v>
      </c>
      <c r="S5474" s="5" t="s">
        <v>1523</v>
      </c>
      <c r="T5474" s="5" t="s">
        <v>42</v>
      </c>
      <c r="U5474" s="2">
        <v>2.8079999999999998</v>
      </c>
      <c r="V5474" s="2">
        <v>2.177</v>
      </c>
      <c r="W5474" s="2">
        <v>1.7999999999999999E-2</v>
      </c>
      <c r="X5474" s="2">
        <v>139.1</v>
      </c>
      <c r="Y5474" s="2">
        <v>7.6</v>
      </c>
      <c r="Z5474" s="2">
        <v>16.7</v>
      </c>
      <c r="AA5474" s="5"/>
      <c r="AB5474" s="5" t="s">
        <v>43</v>
      </c>
      <c r="AC5474" s="5" t="s">
        <v>44</v>
      </c>
      <c r="AD5474" s="2"/>
      <c r="AE5474" s="1"/>
    </row>
    <row r="5475" spans="1:31" ht="14.45">
      <c r="A5475" s="11"/>
      <c r="B5475" s="20"/>
      <c r="C5475" s="2" t="s">
        <v>16896</v>
      </c>
      <c r="D5475" s="14" t="s">
        <v>16897</v>
      </c>
      <c r="E5475" s="2" t="s">
        <v>16898</v>
      </c>
      <c r="F5475" s="2" t="s">
        <v>16033</v>
      </c>
      <c r="G5475" s="8">
        <v>263</v>
      </c>
      <c r="H5475" s="5">
        <v>11</v>
      </c>
      <c r="I5475" s="5" t="s">
        <v>1518</v>
      </c>
      <c r="J5475" s="5" t="s">
        <v>1519</v>
      </c>
      <c r="K5475" s="2" t="s">
        <v>1520</v>
      </c>
      <c r="L5475" s="5" t="s">
        <v>1519</v>
      </c>
      <c r="M5475" s="2" t="s">
        <v>1520</v>
      </c>
      <c r="N5475" s="5" t="s">
        <v>1521</v>
      </c>
      <c r="O5475" s="5" t="s">
        <v>38</v>
      </c>
      <c r="P5475" s="5" t="s">
        <v>39</v>
      </c>
      <c r="Q5475" s="5" t="s">
        <v>40</v>
      </c>
      <c r="R5475" s="5" t="s">
        <v>1522</v>
      </c>
      <c r="S5475" s="5" t="s">
        <v>1523</v>
      </c>
      <c r="T5475" s="5" t="s">
        <v>42</v>
      </c>
      <c r="U5475" s="2">
        <v>2.8969999999999998</v>
      </c>
      <c r="V5475" s="2">
        <v>2.266</v>
      </c>
      <c r="W5475" s="2">
        <v>1.7999999999999999E-2</v>
      </c>
      <c r="X5475" s="2">
        <v>139.1</v>
      </c>
      <c r="Y5475" s="2">
        <v>7.6</v>
      </c>
      <c r="Z5475" s="2">
        <v>16.7</v>
      </c>
      <c r="AA5475" s="5"/>
      <c r="AB5475" s="5" t="s">
        <v>43</v>
      </c>
      <c r="AC5475" s="5" t="s">
        <v>44</v>
      </c>
      <c r="AD5475" s="2"/>
      <c r="AE5475" s="1"/>
    </row>
    <row r="5476" spans="1:31" ht="14.45">
      <c r="A5476" s="11"/>
      <c r="B5476" s="20"/>
      <c r="C5476" s="2" t="s">
        <v>16899</v>
      </c>
      <c r="D5476" s="14" t="s">
        <v>16900</v>
      </c>
      <c r="E5476" s="2" t="s">
        <v>16901</v>
      </c>
      <c r="F5476" s="2" t="s">
        <v>7396</v>
      </c>
      <c r="G5476" s="8">
        <v>237</v>
      </c>
      <c r="H5476" s="5">
        <v>6</v>
      </c>
      <c r="I5476" s="5" t="s">
        <v>1518</v>
      </c>
      <c r="J5476" s="5" t="s">
        <v>1519</v>
      </c>
      <c r="K5476" s="2" t="s">
        <v>1520</v>
      </c>
      <c r="L5476" s="5" t="s">
        <v>1519</v>
      </c>
      <c r="M5476" s="2" t="s">
        <v>1520</v>
      </c>
      <c r="N5476" s="5" t="s">
        <v>1521</v>
      </c>
      <c r="O5476" s="5" t="s">
        <v>38</v>
      </c>
      <c r="P5476" s="5" t="s">
        <v>39</v>
      </c>
      <c r="Q5476" s="5" t="s">
        <v>40</v>
      </c>
      <c r="R5476" s="5" t="s">
        <v>1522</v>
      </c>
      <c r="S5476" s="5" t="s">
        <v>1523</v>
      </c>
      <c r="T5476" s="5" t="s">
        <v>42</v>
      </c>
      <c r="U5476" s="2">
        <v>2.5350000000000001</v>
      </c>
      <c r="V5476" s="2">
        <v>1.9890000000000001</v>
      </c>
      <c r="W5476" s="2">
        <v>1.2999999999999999E-2</v>
      </c>
      <c r="X5476" s="2">
        <v>99.1</v>
      </c>
      <c r="Y5476" s="2">
        <v>7.6</v>
      </c>
      <c r="Z5476" s="2">
        <v>16.7</v>
      </c>
      <c r="AA5476" s="5"/>
      <c r="AB5476" s="5" t="s">
        <v>43</v>
      </c>
      <c r="AC5476" s="5" t="s">
        <v>44</v>
      </c>
      <c r="AD5476" s="2"/>
      <c r="AE5476" s="1"/>
    </row>
    <row r="5477" spans="1:31" ht="14.45">
      <c r="A5477" s="11"/>
      <c r="B5477" s="20"/>
      <c r="C5477" s="2" t="s">
        <v>16902</v>
      </c>
      <c r="D5477" s="14" t="s">
        <v>16903</v>
      </c>
      <c r="E5477" s="2" t="s">
        <v>16904</v>
      </c>
      <c r="F5477" s="2" t="s">
        <v>7507</v>
      </c>
      <c r="G5477" s="8">
        <v>237</v>
      </c>
      <c r="H5477" s="5">
        <v>6</v>
      </c>
      <c r="I5477" s="5" t="s">
        <v>1518</v>
      </c>
      <c r="J5477" s="5" t="s">
        <v>1519</v>
      </c>
      <c r="K5477" s="2" t="s">
        <v>1520</v>
      </c>
      <c r="L5477" s="5" t="s">
        <v>1519</v>
      </c>
      <c r="M5477" s="2" t="s">
        <v>1520</v>
      </c>
      <c r="N5477" s="5" t="s">
        <v>1521</v>
      </c>
      <c r="O5477" s="5" t="s">
        <v>38</v>
      </c>
      <c r="P5477" s="5" t="s">
        <v>39</v>
      </c>
      <c r="Q5477" s="5" t="s">
        <v>40</v>
      </c>
      <c r="R5477" s="5" t="s">
        <v>1522</v>
      </c>
      <c r="S5477" s="5" t="s">
        <v>1523</v>
      </c>
      <c r="T5477" s="5" t="s">
        <v>42</v>
      </c>
      <c r="U5477" s="2">
        <v>2.6019999999999999</v>
      </c>
      <c r="V5477" s="2">
        <v>2.056</v>
      </c>
      <c r="W5477" s="2">
        <v>1.2999999999999999E-2</v>
      </c>
      <c r="X5477" s="2">
        <v>99.1</v>
      </c>
      <c r="Y5477" s="2">
        <v>7.6</v>
      </c>
      <c r="Z5477" s="2">
        <v>16.7</v>
      </c>
      <c r="AA5477" s="5"/>
      <c r="AB5477" s="5" t="s">
        <v>43</v>
      </c>
      <c r="AC5477" s="5" t="s">
        <v>44</v>
      </c>
      <c r="AD5477" s="2"/>
      <c r="AE5477" s="1"/>
    </row>
    <row r="5478" spans="1:31" ht="14.45">
      <c r="A5478" s="11"/>
      <c r="B5478" s="20"/>
      <c r="C5478" s="2" t="s">
        <v>16905</v>
      </c>
      <c r="D5478" s="14" t="s">
        <v>16906</v>
      </c>
      <c r="E5478" s="2" t="s">
        <v>16907</v>
      </c>
      <c r="F5478" s="2" t="s">
        <v>7204</v>
      </c>
      <c r="G5478" s="8">
        <v>237</v>
      </c>
      <c r="H5478" s="5">
        <v>6</v>
      </c>
      <c r="I5478" s="5" t="s">
        <v>1518</v>
      </c>
      <c r="J5478" s="5" t="s">
        <v>1519</v>
      </c>
      <c r="K5478" s="2" t="s">
        <v>1520</v>
      </c>
      <c r="L5478" s="5" t="s">
        <v>1519</v>
      </c>
      <c r="M5478" s="2" t="s">
        <v>1520</v>
      </c>
      <c r="N5478" s="5" t="s">
        <v>1521</v>
      </c>
      <c r="O5478" s="5" t="s">
        <v>38</v>
      </c>
      <c r="P5478" s="5" t="s">
        <v>39</v>
      </c>
      <c r="Q5478" s="5" t="s">
        <v>40</v>
      </c>
      <c r="R5478" s="5" t="s">
        <v>1522</v>
      </c>
      <c r="S5478" s="5" t="s">
        <v>1523</v>
      </c>
      <c r="T5478" s="5" t="s">
        <v>42</v>
      </c>
      <c r="U5478" s="2">
        <v>2.54</v>
      </c>
      <c r="V5478" s="2">
        <v>1.994</v>
      </c>
      <c r="W5478" s="2">
        <v>1.2999999999999999E-2</v>
      </c>
      <c r="X5478" s="2">
        <v>99.1</v>
      </c>
      <c r="Y5478" s="2">
        <v>7.6</v>
      </c>
      <c r="Z5478" s="2">
        <v>16.7</v>
      </c>
      <c r="AA5478" s="5"/>
      <c r="AB5478" s="5" t="s">
        <v>43</v>
      </c>
      <c r="AC5478" s="5" t="s">
        <v>44</v>
      </c>
      <c r="AD5478" s="2"/>
      <c r="AE5478" s="1"/>
    </row>
    <row r="5479" spans="1:31" ht="14.45">
      <c r="A5479" s="11"/>
      <c r="B5479" s="20"/>
      <c r="C5479" s="2" t="s">
        <v>16908</v>
      </c>
      <c r="D5479" s="14" t="s">
        <v>16909</v>
      </c>
      <c r="E5479" s="2" t="s">
        <v>16910</v>
      </c>
      <c r="F5479" s="2" t="s">
        <v>7514</v>
      </c>
      <c r="G5479" s="8">
        <v>237</v>
      </c>
      <c r="H5479" s="5">
        <v>6</v>
      </c>
      <c r="I5479" s="5" t="s">
        <v>1518</v>
      </c>
      <c r="J5479" s="5" t="s">
        <v>1519</v>
      </c>
      <c r="K5479" s="2" t="s">
        <v>1520</v>
      </c>
      <c r="L5479" s="5" t="s">
        <v>1519</v>
      </c>
      <c r="M5479" s="2" t="s">
        <v>1520</v>
      </c>
      <c r="N5479" s="5" t="s">
        <v>1521</v>
      </c>
      <c r="O5479" s="5" t="s">
        <v>38</v>
      </c>
      <c r="P5479" s="5" t="s">
        <v>39</v>
      </c>
      <c r="Q5479" s="5" t="s">
        <v>40</v>
      </c>
      <c r="R5479" s="5" t="s">
        <v>1522</v>
      </c>
      <c r="S5479" s="5" t="s">
        <v>1523</v>
      </c>
      <c r="T5479" s="5" t="s">
        <v>42</v>
      </c>
      <c r="U5479" s="2">
        <v>2.6070000000000002</v>
      </c>
      <c r="V5479" s="2">
        <v>2.0609999999999999</v>
      </c>
      <c r="W5479" s="2">
        <v>1.2999999999999999E-2</v>
      </c>
      <c r="X5479" s="2">
        <v>99.1</v>
      </c>
      <c r="Y5479" s="2">
        <v>7.6</v>
      </c>
      <c r="Z5479" s="2">
        <v>16.7</v>
      </c>
      <c r="AA5479" s="5"/>
      <c r="AB5479" s="5" t="s">
        <v>43</v>
      </c>
      <c r="AC5479" s="5" t="s">
        <v>44</v>
      </c>
      <c r="AD5479" s="2"/>
      <c r="AE5479" s="1"/>
    </row>
    <row r="5480" spans="1:31" ht="14.45">
      <c r="A5480" s="11"/>
      <c r="B5480" s="20"/>
      <c r="C5480" s="2" t="s">
        <v>16911</v>
      </c>
      <c r="D5480" s="14" t="s">
        <v>16912</v>
      </c>
      <c r="E5480" s="2" t="s">
        <v>16913</v>
      </c>
      <c r="F5480" s="2" t="s">
        <v>7208</v>
      </c>
      <c r="G5480" s="8">
        <v>237</v>
      </c>
      <c r="H5480" s="5">
        <v>6</v>
      </c>
      <c r="I5480" s="5" t="s">
        <v>1518</v>
      </c>
      <c r="J5480" s="5" t="s">
        <v>1519</v>
      </c>
      <c r="K5480" s="2" t="s">
        <v>1520</v>
      </c>
      <c r="L5480" s="5" t="s">
        <v>1519</v>
      </c>
      <c r="M5480" s="2" t="s">
        <v>1520</v>
      </c>
      <c r="N5480" s="5" t="s">
        <v>1521</v>
      </c>
      <c r="O5480" s="5" t="s">
        <v>38</v>
      </c>
      <c r="P5480" s="5" t="s">
        <v>39</v>
      </c>
      <c r="Q5480" s="5" t="s">
        <v>40</v>
      </c>
      <c r="R5480" s="5" t="s">
        <v>1522</v>
      </c>
      <c r="S5480" s="5" t="s">
        <v>1523</v>
      </c>
      <c r="T5480" s="5" t="s">
        <v>42</v>
      </c>
      <c r="U5480" s="2">
        <v>2.54</v>
      </c>
      <c r="V5480" s="2">
        <v>1.994</v>
      </c>
      <c r="W5480" s="2">
        <v>1.2999999999999999E-2</v>
      </c>
      <c r="X5480" s="2">
        <v>99.1</v>
      </c>
      <c r="Y5480" s="2">
        <v>7.6</v>
      </c>
      <c r="Z5480" s="2">
        <v>16.7</v>
      </c>
      <c r="AA5480" s="5"/>
      <c r="AB5480" s="5" t="s">
        <v>43</v>
      </c>
      <c r="AC5480" s="5" t="s">
        <v>44</v>
      </c>
      <c r="AD5480" s="2"/>
      <c r="AE5480" s="1"/>
    </row>
    <row r="5481" spans="1:31" ht="14.45">
      <c r="A5481" s="11"/>
      <c r="B5481" s="20"/>
      <c r="C5481" s="2" t="s">
        <v>16914</v>
      </c>
      <c r="D5481" s="14" t="s">
        <v>16915</v>
      </c>
      <c r="E5481" s="2" t="s">
        <v>16916</v>
      </c>
      <c r="F5481" s="2" t="s">
        <v>7521</v>
      </c>
      <c r="G5481" s="8">
        <v>237</v>
      </c>
      <c r="H5481" s="5">
        <v>6</v>
      </c>
      <c r="I5481" s="5" t="s">
        <v>1518</v>
      </c>
      <c r="J5481" s="5" t="s">
        <v>1519</v>
      </c>
      <c r="K5481" s="2" t="s">
        <v>1520</v>
      </c>
      <c r="L5481" s="5" t="s">
        <v>1519</v>
      </c>
      <c r="M5481" s="2" t="s">
        <v>1520</v>
      </c>
      <c r="N5481" s="5" t="s">
        <v>1521</v>
      </c>
      <c r="O5481" s="5" t="s">
        <v>38</v>
      </c>
      <c r="P5481" s="5" t="s">
        <v>39</v>
      </c>
      <c r="Q5481" s="5" t="s">
        <v>40</v>
      </c>
      <c r="R5481" s="5" t="s">
        <v>1522</v>
      </c>
      <c r="S5481" s="5" t="s">
        <v>1523</v>
      </c>
      <c r="T5481" s="5" t="s">
        <v>42</v>
      </c>
      <c r="U5481" s="2">
        <v>2.6070000000000002</v>
      </c>
      <c r="V5481" s="2">
        <v>2.0609999999999999</v>
      </c>
      <c r="W5481" s="2">
        <v>1.2999999999999999E-2</v>
      </c>
      <c r="X5481" s="2">
        <v>99.1</v>
      </c>
      <c r="Y5481" s="2">
        <v>7.6</v>
      </c>
      <c r="Z5481" s="2">
        <v>16.7</v>
      </c>
      <c r="AA5481" s="5"/>
      <c r="AB5481" s="5" t="s">
        <v>43</v>
      </c>
      <c r="AC5481" s="5" t="s">
        <v>44</v>
      </c>
      <c r="AD5481" s="2"/>
      <c r="AE5481" s="1"/>
    </row>
    <row r="5482" spans="1:31" ht="14.45">
      <c r="A5482" s="11"/>
      <c r="B5482" s="20"/>
      <c r="C5482" s="2" t="s">
        <v>16917</v>
      </c>
      <c r="D5482" s="14" t="s">
        <v>16918</v>
      </c>
      <c r="E5482" s="2" t="s">
        <v>16919</v>
      </c>
      <c r="F5482" s="2" t="s">
        <v>7212</v>
      </c>
      <c r="G5482" s="8">
        <v>237</v>
      </c>
      <c r="H5482" s="5">
        <v>6</v>
      </c>
      <c r="I5482" s="5" t="s">
        <v>1518</v>
      </c>
      <c r="J5482" s="5" t="s">
        <v>1519</v>
      </c>
      <c r="K5482" s="2" t="s">
        <v>1520</v>
      </c>
      <c r="L5482" s="5" t="s">
        <v>1519</v>
      </c>
      <c r="M5482" s="2" t="s">
        <v>1520</v>
      </c>
      <c r="N5482" s="5" t="s">
        <v>1521</v>
      </c>
      <c r="O5482" s="5" t="s">
        <v>38</v>
      </c>
      <c r="P5482" s="5" t="s">
        <v>39</v>
      </c>
      <c r="Q5482" s="5" t="s">
        <v>40</v>
      </c>
      <c r="R5482" s="5" t="s">
        <v>1522</v>
      </c>
      <c r="S5482" s="5" t="s">
        <v>1523</v>
      </c>
      <c r="T5482" s="5" t="s">
        <v>42</v>
      </c>
      <c r="U5482" s="2">
        <v>2.5249999999999999</v>
      </c>
      <c r="V5482" s="2">
        <v>1.9790000000000001</v>
      </c>
      <c r="W5482" s="2">
        <v>1.2999999999999999E-2</v>
      </c>
      <c r="X5482" s="2">
        <v>99.1</v>
      </c>
      <c r="Y5482" s="2">
        <v>7.6</v>
      </c>
      <c r="Z5482" s="2">
        <v>16.7</v>
      </c>
      <c r="AA5482" s="5"/>
      <c r="AB5482" s="5" t="s">
        <v>43</v>
      </c>
      <c r="AC5482" s="5" t="s">
        <v>44</v>
      </c>
      <c r="AD5482" s="2"/>
      <c r="AE5482" s="1"/>
    </row>
    <row r="5483" spans="1:31" ht="14.45">
      <c r="A5483" s="11"/>
      <c r="B5483" s="20"/>
      <c r="C5483" s="2" t="s">
        <v>16920</v>
      </c>
      <c r="D5483" s="14" t="s">
        <v>16921</v>
      </c>
      <c r="E5483" s="2" t="s">
        <v>16922</v>
      </c>
      <c r="F5483" s="2" t="s">
        <v>7528</v>
      </c>
      <c r="G5483" s="8">
        <v>237</v>
      </c>
      <c r="H5483" s="5">
        <v>6</v>
      </c>
      <c r="I5483" s="5" t="s">
        <v>1518</v>
      </c>
      <c r="J5483" s="5" t="s">
        <v>1519</v>
      </c>
      <c r="K5483" s="2" t="s">
        <v>1520</v>
      </c>
      <c r="L5483" s="5" t="s">
        <v>1519</v>
      </c>
      <c r="M5483" s="2" t="s">
        <v>1520</v>
      </c>
      <c r="N5483" s="5" t="s">
        <v>1521</v>
      </c>
      <c r="O5483" s="5" t="s">
        <v>38</v>
      </c>
      <c r="P5483" s="5" t="s">
        <v>39</v>
      </c>
      <c r="Q5483" s="5" t="s">
        <v>40</v>
      </c>
      <c r="R5483" s="5" t="s">
        <v>1522</v>
      </c>
      <c r="S5483" s="5" t="s">
        <v>1523</v>
      </c>
      <c r="T5483" s="5" t="s">
        <v>42</v>
      </c>
      <c r="U5483" s="2">
        <v>2.5920000000000001</v>
      </c>
      <c r="V5483" s="2">
        <v>2.0459999999999998</v>
      </c>
      <c r="W5483" s="2">
        <v>1.2999999999999999E-2</v>
      </c>
      <c r="X5483" s="2">
        <v>99.1</v>
      </c>
      <c r="Y5483" s="2">
        <v>7.6</v>
      </c>
      <c r="Z5483" s="2">
        <v>16.7</v>
      </c>
      <c r="AA5483" s="5"/>
      <c r="AB5483" s="5" t="s">
        <v>43</v>
      </c>
      <c r="AC5483" s="5" t="s">
        <v>44</v>
      </c>
      <c r="AD5483" s="2"/>
      <c r="AE5483" s="1"/>
    </row>
    <row r="5484" spans="1:31" ht="14.45">
      <c r="A5484" s="11"/>
      <c r="B5484" s="20"/>
      <c r="C5484" s="2" t="s">
        <v>16923</v>
      </c>
      <c r="D5484" s="14" t="s">
        <v>16924</v>
      </c>
      <c r="E5484" s="2" t="s">
        <v>16925</v>
      </c>
      <c r="F5484" s="2" t="s">
        <v>7406</v>
      </c>
      <c r="G5484" s="8">
        <v>253</v>
      </c>
      <c r="H5484" s="5">
        <v>6</v>
      </c>
      <c r="I5484" s="5" t="s">
        <v>1518</v>
      </c>
      <c r="J5484" s="5" t="s">
        <v>1519</v>
      </c>
      <c r="K5484" s="2" t="s">
        <v>1520</v>
      </c>
      <c r="L5484" s="5" t="s">
        <v>1519</v>
      </c>
      <c r="M5484" s="2" t="s">
        <v>1520</v>
      </c>
      <c r="N5484" s="5" t="s">
        <v>1521</v>
      </c>
      <c r="O5484" s="5" t="s">
        <v>38</v>
      </c>
      <c r="P5484" s="5" t="s">
        <v>39</v>
      </c>
      <c r="Q5484" s="5" t="s">
        <v>40</v>
      </c>
      <c r="R5484" s="5" t="s">
        <v>1522</v>
      </c>
      <c r="S5484" s="5" t="s">
        <v>1523</v>
      </c>
      <c r="T5484" s="5" t="s">
        <v>42</v>
      </c>
      <c r="U5484" s="2">
        <v>2.5249999999999999</v>
      </c>
      <c r="V5484" s="2">
        <v>1.9790000000000001</v>
      </c>
      <c r="W5484" s="2">
        <v>1.2999999999999999E-2</v>
      </c>
      <c r="X5484" s="2">
        <v>99.1</v>
      </c>
      <c r="Y5484" s="2">
        <v>7.6</v>
      </c>
      <c r="Z5484" s="2">
        <v>16.7</v>
      </c>
      <c r="AA5484" s="5"/>
      <c r="AB5484" s="5" t="s">
        <v>43</v>
      </c>
      <c r="AC5484" s="5" t="s">
        <v>44</v>
      </c>
      <c r="AD5484" s="2"/>
      <c r="AE5484" s="1"/>
    </row>
    <row r="5485" spans="1:31" ht="14.45">
      <c r="A5485" s="11"/>
      <c r="B5485" s="20"/>
      <c r="C5485" s="2" t="s">
        <v>16926</v>
      </c>
      <c r="D5485" s="14" t="s">
        <v>16927</v>
      </c>
      <c r="E5485" s="2" t="s">
        <v>16928</v>
      </c>
      <c r="F5485" s="2" t="s">
        <v>7535</v>
      </c>
      <c r="G5485" s="8">
        <v>253</v>
      </c>
      <c r="H5485" s="5">
        <v>6</v>
      </c>
      <c r="I5485" s="5" t="s">
        <v>1518</v>
      </c>
      <c r="J5485" s="5" t="s">
        <v>1519</v>
      </c>
      <c r="K5485" s="2" t="s">
        <v>1520</v>
      </c>
      <c r="L5485" s="5" t="s">
        <v>1519</v>
      </c>
      <c r="M5485" s="2" t="s">
        <v>1520</v>
      </c>
      <c r="N5485" s="5" t="s">
        <v>1521</v>
      </c>
      <c r="O5485" s="5" t="s">
        <v>38</v>
      </c>
      <c r="P5485" s="5" t="s">
        <v>39</v>
      </c>
      <c r="Q5485" s="5" t="s">
        <v>40</v>
      </c>
      <c r="R5485" s="5" t="s">
        <v>1522</v>
      </c>
      <c r="S5485" s="5" t="s">
        <v>1523</v>
      </c>
      <c r="T5485" s="5" t="s">
        <v>42</v>
      </c>
      <c r="U5485" s="2">
        <v>2.5920000000000001</v>
      </c>
      <c r="V5485" s="2">
        <v>2.0459999999999998</v>
      </c>
      <c r="W5485" s="2">
        <v>1.2999999999999999E-2</v>
      </c>
      <c r="X5485" s="2">
        <v>99.1</v>
      </c>
      <c r="Y5485" s="2">
        <v>7.6</v>
      </c>
      <c r="Z5485" s="2">
        <v>16.7</v>
      </c>
      <c r="AA5485" s="5"/>
      <c r="AB5485" s="5" t="s">
        <v>43</v>
      </c>
      <c r="AC5485" s="5" t="s">
        <v>44</v>
      </c>
      <c r="AD5485" s="2"/>
      <c r="AE5485" s="1"/>
    </row>
    <row r="5486" spans="1:31" ht="14.45">
      <c r="A5486" s="11"/>
      <c r="B5486" s="20"/>
      <c r="C5486" s="2" t="s">
        <v>16929</v>
      </c>
      <c r="D5486" s="14" t="s">
        <v>16930</v>
      </c>
      <c r="E5486" s="2" t="s">
        <v>16931</v>
      </c>
      <c r="F5486" s="2" t="s">
        <v>7539</v>
      </c>
      <c r="G5486" s="8">
        <v>253</v>
      </c>
      <c r="H5486" s="5">
        <v>6</v>
      </c>
      <c r="I5486" s="5" t="s">
        <v>1518</v>
      </c>
      <c r="J5486" s="5" t="s">
        <v>1519</v>
      </c>
      <c r="K5486" s="2" t="s">
        <v>1520</v>
      </c>
      <c r="L5486" s="5" t="s">
        <v>1519</v>
      </c>
      <c r="M5486" s="2" t="s">
        <v>1520</v>
      </c>
      <c r="N5486" s="5" t="s">
        <v>1521</v>
      </c>
      <c r="O5486" s="5" t="s">
        <v>38</v>
      </c>
      <c r="P5486" s="5" t="s">
        <v>39</v>
      </c>
      <c r="Q5486" s="5" t="s">
        <v>40</v>
      </c>
      <c r="R5486" s="5" t="s">
        <v>1522</v>
      </c>
      <c r="S5486" s="5" t="s">
        <v>1523</v>
      </c>
      <c r="T5486" s="5" t="s">
        <v>42</v>
      </c>
      <c r="U5486" s="2">
        <v>2.54</v>
      </c>
      <c r="V5486" s="2">
        <v>1.994</v>
      </c>
      <c r="W5486" s="2">
        <v>1.2999999999999999E-2</v>
      </c>
      <c r="X5486" s="2">
        <v>99.1</v>
      </c>
      <c r="Y5486" s="2">
        <v>7.6</v>
      </c>
      <c r="Z5486" s="2">
        <v>16.7</v>
      </c>
      <c r="AA5486" s="5"/>
      <c r="AB5486" s="5" t="s">
        <v>43</v>
      </c>
      <c r="AC5486" s="5" t="s">
        <v>44</v>
      </c>
      <c r="AD5486" s="2"/>
      <c r="AE5486" s="1"/>
    </row>
    <row r="5487" spans="1:31" ht="14.45">
      <c r="A5487" s="11"/>
      <c r="B5487" s="20"/>
      <c r="C5487" s="2" t="s">
        <v>16932</v>
      </c>
      <c r="D5487" s="14" t="s">
        <v>16933</v>
      </c>
      <c r="E5487" s="2" t="s">
        <v>16934</v>
      </c>
      <c r="F5487" s="2" t="s">
        <v>7543</v>
      </c>
      <c r="G5487" s="8">
        <v>253</v>
      </c>
      <c r="H5487" s="5">
        <v>6</v>
      </c>
      <c r="I5487" s="5" t="s">
        <v>1518</v>
      </c>
      <c r="J5487" s="5" t="s">
        <v>1519</v>
      </c>
      <c r="K5487" s="2" t="s">
        <v>1520</v>
      </c>
      <c r="L5487" s="5" t="s">
        <v>1519</v>
      </c>
      <c r="M5487" s="2" t="s">
        <v>1520</v>
      </c>
      <c r="N5487" s="5" t="s">
        <v>1521</v>
      </c>
      <c r="O5487" s="5" t="s">
        <v>38</v>
      </c>
      <c r="P5487" s="5" t="s">
        <v>39</v>
      </c>
      <c r="Q5487" s="5" t="s">
        <v>40</v>
      </c>
      <c r="R5487" s="5" t="s">
        <v>1522</v>
      </c>
      <c r="S5487" s="5" t="s">
        <v>1523</v>
      </c>
      <c r="T5487" s="5" t="s">
        <v>42</v>
      </c>
      <c r="U5487" s="2">
        <v>2.6070000000000002</v>
      </c>
      <c r="V5487" s="2">
        <v>2.0609999999999999</v>
      </c>
      <c r="W5487" s="2">
        <v>1.2999999999999999E-2</v>
      </c>
      <c r="X5487" s="2">
        <v>99.1</v>
      </c>
      <c r="Y5487" s="2">
        <v>7.6</v>
      </c>
      <c r="Z5487" s="2">
        <v>16.7</v>
      </c>
      <c r="AA5487" s="5"/>
      <c r="AB5487" s="5" t="s">
        <v>43</v>
      </c>
      <c r="AC5487" s="5" t="s">
        <v>44</v>
      </c>
      <c r="AD5487" s="2"/>
      <c r="AE5487" s="1"/>
    </row>
    <row r="5488" spans="1:31" ht="14.45">
      <c r="A5488" s="11"/>
      <c r="B5488" s="20"/>
      <c r="C5488" s="2" t="s">
        <v>16935</v>
      </c>
      <c r="D5488" s="14" t="s">
        <v>16936</v>
      </c>
      <c r="E5488" s="2" t="s">
        <v>16937</v>
      </c>
      <c r="F5488" s="2" t="s">
        <v>7547</v>
      </c>
      <c r="G5488" s="8">
        <v>253</v>
      </c>
      <c r="H5488" s="5">
        <v>6</v>
      </c>
      <c r="I5488" s="5" t="s">
        <v>1518</v>
      </c>
      <c r="J5488" s="5" t="s">
        <v>1519</v>
      </c>
      <c r="K5488" s="2" t="s">
        <v>1520</v>
      </c>
      <c r="L5488" s="5" t="s">
        <v>1519</v>
      </c>
      <c r="M5488" s="2" t="s">
        <v>1520</v>
      </c>
      <c r="N5488" s="5" t="s">
        <v>1521</v>
      </c>
      <c r="O5488" s="5" t="s">
        <v>38</v>
      </c>
      <c r="P5488" s="5" t="s">
        <v>39</v>
      </c>
      <c r="Q5488" s="5" t="s">
        <v>40</v>
      </c>
      <c r="R5488" s="5" t="s">
        <v>1522</v>
      </c>
      <c r="S5488" s="5" t="s">
        <v>1523</v>
      </c>
      <c r="T5488" s="5" t="s">
        <v>42</v>
      </c>
      <c r="U5488" s="2">
        <v>2.5249999999999999</v>
      </c>
      <c r="V5488" s="2">
        <v>1.9790000000000001</v>
      </c>
      <c r="W5488" s="2">
        <v>1.2999999999999999E-2</v>
      </c>
      <c r="X5488" s="2">
        <v>99.1</v>
      </c>
      <c r="Y5488" s="2">
        <v>7.6</v>
      </c>
      <c r="Z5488" s="2">
        <v>16.7</v>
      </c>
      <c r="AA5488" s="5"/>
      <c r="AB5488" s="5" t="s">
        <v>43</v>
      </c>
      <c r="AC5488" s="5" t="s">
        <v>44</v>
      </c>
      <c r="AD5488" s="2"/>
      <c r="AE5488" s="1"/>
    </row>
    <row r="5489" spans="1:31" ht="14.45">
      <c r="A5489" s="11"/>
      <c r="B5489" s="20"/>
      <c r="C5489" s="2" t="s">
        <v>16938</v>
      </c>
      <c r="D5489" s="14" t="s">
        <v>16939</v>
      </c>
      <c r="E5489" s="2" t="s">
        <v>16940</v>
      </c>
      <c r="F5489" s="2" t="s">
        <v>7555</v>
      </c>
      <c r="G5489" s="8">
        <v>253</v>
      </c>
      <c r="H5489" s="5">
        <v>6</v>
      </c>
      <c r="I5489" s="5" t="s">
        <v>1518</v>
      </c>
      <c r="J5489" s="5" t="s">
        <v>1519</v>
      </c>
      <c r="K5489" s="2" t="s">
        <v>1520</v>
      </c>
      <c r="L5489" s="5" t="s">
        <v>1519</v>
      </c>
      <c r="M5489" s="2" t="s">
        <v>1520</v>
      </c>
      <c r="N5489" s="5" t="s">
        <v>1521</v>
      </c>
      <c r="O5489" s="5" t="s">
        <v>38</v>
      </c>
      <c r="P5489" s="5" t="s">
        <v>39</v>
      </c>
      <c r="Q5489" s="5" t="s">
        <v>40</v>
      </c>
      <c r="R5489" s="5" t="s">
        <v>1522</v>
      </c>
      <c r="S5489" s="5" t="s">
        <v>1523</v>
      </c>
      <c r="T5489" s="5" t="s">
        <v>42</v>
      </c>
      <c r="U5489" s="2">
        <v>2.5249999999999999</v>
      </c>
      <c r="V5489" s="2">
        <v>1.9790000000000001</v>
      </c>
      <c r="W5489" s="2">
        <v>1.2999999999999999E-2</v>
      </c>
      <c r="X5489" s="2">
        <v>99.1</v>
      </c>
      <c r="Y5489" s="2">
        <v>7.6</v>
      </c>
      <c r="Z5489" s="2">
        <v>16.7</v>
      </c>
      <c r="AA5489" s="5"/>
      <c r="AB5489" s="5" t="s">
        <v>43</v>
      </c>
      <c r="AC5489" s="5" t="s">
        <v>44</v>
      </c>
      <c r="AD5489" s="2"/>
      <c r="AE5489" s="1"/>
    </row>
    <row r="5490" spans="1:31" ht="14.45">
      <c r="A5490" s="11"/>
      <c r="B5490" s="20"/>
      <c r="C5490" s="2" t="s">
        <v>16941</v>
      </c>
      <c r="D5490" s="14" t="s">
        <v>16942</v>
      </c>
      <c r="E5490" s="2" t="s">
        <v>16943</v>
      </c>
      <c r="F5490" s="2" t="s">
        <v>7559</v>
      </c>
      <c r="G5490" s="8">
        <v>253</v>
      </c>
      <c r="H5490" s="5">
        <v>6</v>
      </c>
      <c r="I5490" s="5" t="s">
        <v>1518</v>
      </c>
      <c r="J5490" s="5" t="s">
        <v>1519</v>
      </c>
      <c r="K5490" s="2" t="s">
        <v>1520</v>
      </c>
      <c r="L5490" s="5" t="s">
        <v>1519</v>
      </c>
      <c r="M5490" s="2" t="s">
        <v>1520</v>
      </c>
      <c r="N5490" s="5" t="s">
        <v>1521</v>
      </c>
      <c r="O5490" s="5" t="s">
        <v>38</v>
      </c>
      <c r="P5490" s="5" t="s">
        <v>39</v>
      </c>
      <c r="Q5490" s="5" t="s">
        <v>40</v>
      </c>
      <c r="R5490" s="5" t="s">
        <v>1522</v>
      </c>
      <c r="S5490" s="5" t="s">
        <v>1523</v>
      </c>
      <c r="T5490" s="5" t="s">
        <v>42</v>
      </c>
      <c r="U5490" s="2">
        <v>2.5920000000000001</v>
      </c>
      <c r="V5490" s="2">
        <v>2.0459999999999998</v>
      </c>
      <c r="W5490" s="2">
        <v>1.2999999999999999E-2</v>
      </c>
      <c r="X5490" s="2">
        <v>99.1</v>
      </c>
      <c r="Y5490" s="2">
        <v>7.6</v>
      </c>
      <c r="Z5490" s="2">
        <v>16.7</v>
      </c>
      <c r="AA5490" s="5"/>
      <c r="AB5490" s="5" t="s">
        <v>43</v>
      </c>
      <c r="AC5490" s="5" t="s">
        <v>44</v>
      </c>
      <c r="AD5490" s="2"/>
      <c r="AE5490" s="1"/>
    </row>
    <row r="5491" spans="1:31" ht="14.45">
      <c r="A5491" s="11"/>
      <c r="B5491" s="20"/>
      <c r="C5491" s="2" t="s">
        <v>16944</v>
      </c>
      <c r="D5491" s="14" t="s">
        <v>16945</v>
      </c>
      <c r="E5491" s="2" t="s">
        <v>16946</v>
      </c>
      <c r="F5491" s="2" t="s">
        <v>7563</v>
      </c>
      <c r="G5491" s="8">
        <v>253</v>
      </c>
      <c r="H5491" s="5">
        <v>6</v>
      </c>
      <c r="I5491" s="5" t="s">
        <v>1518</v>
      </c>
      <c r="J5491" s="5" t="s">
        <v>1519</v>
      </c>
      <c r="K5491" s="2" t="s">
        <v>1520</v>
      </c>
      <c r="L5491" s="5" t="s">
        <v>1519</v>
      </c>
      <c r="M5491" s="2" t="s">
        <v>1520</v>
      </c>
      <c r="N5491" s="5" t="s">
        <v>1521</v>
      </c>
      <c r="O5491" s="5" t="s">
        <v>38</v>
      </c>
      <c r="P5491" s="5" t="s">
        <v>39</v>
      </c>
      <c r="Q5491" s="5" t="s">
        <v>40</v>
      </c>
      <c r="R5491" s="5" t="s">
        <v>1522</v>
      </c>
      <c r="S5491" s="5" t="s">
        <v>1523</v>
      </c>
      <c r="T5491" s="5" t="s">
        <v>42</v>
      </c>
      <c r="U5491" s="2">
        <v>2.54</v>
      </c>
      <c r="V5491" s="2">
        <v>1.994</v>
      </c>
      <c r="W5491" s="2">
        <v>1.2999999999999999E-2</v>
      </c>
      <c r="X5491" s="2">
        <v>99.1</v>
      </c>
      <c r="Y5491" s="2">
        <v>7.6</v>
      </c>
      <c r="Z5491" s="2">
        <v>16.7</v>
      </c>
      <c r="AA5491" s="5"/>
      <c r="AB5491" s="5" t="s">
        <v>43</v>
      </c>
      <c r="AC5491" s="5" t="s">
        <v>44</v>
      </c>
      <c r="AD5491" s="2"/>
      <c r="AE5491" s="1"/>
    </row>
    <row r="5492" spans="1:31" ht="14.45">
      <c r="A5492" s="11"/>
      <c r="B5492" s="20"/>
      <c r="C5492" s="2" t="s">
        <v>16947</v>
      </c>
      <c r="D5492" s="14" t="s">
        <v>16948</v>
      </c>
      <c r="E5492" s="2" t="s">
        <v>16949</v>
      </c>
      <c r="F5492" s="2" t="s">
        <v>7567</v>
      </c>
      <c r="G5492" s="8">
        <v>253</v>
      </c>
      <c r="H5492" s="5">
        <v>6</v>
      </c>
      <c r="I5492" s="5" t="s">
        <v>1518</v>
      </c>
      <c r="J5492" s="5" t="s">
        <v>1519</v>
      </c>
      <c r="K5492" s="2" t="s">
        <v>1520</v>
      </c>
      <c r="L5492" s="5" t="s">
        <v>1519</v>
      </c>
      <c r="M5492" s="2" t="s">
        <v>1520</v>
      </c>
      <c r="N5492" s="5" t="s">
        <v>1521</v>
      </c>
      <c r="O5492" s="5" t="s">
        <v>38</v>
      </c>
      <c r="P5492" s="5" t="s">
        <v>39</v>
      </c>
      <c r="Q5492" s="5" t="s">
        <v>40</v>
      </c>
      <c r="R5492" s="5" t="s">
        <v>1522</v>
      </c>
      <c r="S5492" s="5" t="s">
        <v>1523</v>
      </c>
      <c r="T5492" s="5" t="s">
        <v>42</v>
      </c>
      <c r="U5492" s="2">
        <v>2.6070000000000002</v>
      </c>
      <c r="V5492" s="2">
        <v>2.0609999999999999</v>
      </c>
      <c r="W5492" s="2">
        <v>1.2999999999999999E-2</v>
      </c>
      <c r="X5492" s="2">
        <v>99.1</v>
      </c>
      <c r="Y5492" s="2">
        <v>7.6</v>
      </c>
      <c r="Z5492" s="2">
        <v>16.7</v>
      </c>
      <c r="AA5492" s="5"/>
      <c r="AB5492" s="5" t="s">
        <v>43</v>
      </c>
      <c r="AC5492" s="5" t="s">
        <v>44</v>
      </c>
      <c r="AD5492" s="2"/>
      <c r="AE5492" s="1"/>
    </row>
    <row r="5493" spans="1:31" ht="14.45">
      <c r="A5493" s="11"/>
      <c r="B5493" s="20"/>
      <c r="C5493" s="2" t="s">
        <v>16950</v>
      </c>
      <c r="D5493" s="14" t="s">
        <v>16951</v>
      </c>
      <c r="E5493" s="2" t="s">
        <v>16952</v>
      </c>
      <c r="F5493" s="2" t="s">
        <v>16079</v>
      </c>
      <c r="G5493" s="8">
        <v>253</v>
      </c>
      <c r="H5493" s="5">
        <v>6</v>
      </c>
      <c r="I5493" s="5" t="s">
        <v>1518</v>
      </c>
      <c r="J5493" s="5" t="s">
        <v>1519</v>
      </c>
      <c r="K5493" s="2" t="s">
        <v>1520</v>
      </c>
      <c r="L5493" s="5" t="s">
        <v>1519</v>
      </c>
      <c r="M5493" s="2" t="s">
        <v>1520</v>
      </c>
      <c r="N5493" s="5" t="s">
        <v>1521</v>
      </c>
      <c r="O5493" s="5" t="s">
        <v>38</v>
      </c>
      <c r="P5493" s="5" t="s">
        <v>39</v>
      </c>
      <c r="Q5493" s="5" t="s">
        <v>40</v>
      </c>
      <c r="R5493" s="5" t="s">
        <v>1522</v>
      </c>
      <c r="S5493" s="5" t="s">
        <v>1523</v>
      </c>
      <c r="T5493" s="5" t="s">
        <v>42</v>
      </c>
      <c r="U5493" s="2">
        <v>2.54</v>
      </c>
      <c r="V5493" s="2">
        <v>1.994</v>
      </c>
      <c r="W5493" s="2">
        <v>1.2999999999999999E-2</v>
      </c>
      <c r="X5493" s="2">
        <v>99.1</v>
      </c>
      <c r="Y5493" s="2">
        <v>7.6</v>
      </c>
      <c r="Z5493" s="2">
        <v>16.7</v>
      </c>
      <c r="AA5493" s="5"/>
      <c r="AB5493" s="5" t="s">
        <v>43</v>
      </c>
      <c r="AC5493" s="5" t="s">
        <v>44</v>
      </c>
      <c r="AD5493" s="2"/>
      <c r="AE5493" s="1"/>
    </row>
    <row r="5494" spans="1:31" ht="14.45">
      <c r="A5494" s="11"/>
      <c r="B5494" s="20"/>
      <c r="C5494" s="2" t="s">
        <v>16953</v>
      </c>
      <c r="D5494" s="14" t="s">
        <v>16954</v>
      </c>
      <c r="E5494" s="2" t="s">
        <v>16955</v>
      </c>
      <c r="F5494" s="2" t="s">
        <v>7449</v>
      </c>
      <c r="G5494" s="8">
        <v>253</v>
      </c>
      <c r="H5494" s="5">
        <v>6</v>
      </c>
      <c r="I5494" s="5" t="s">
        <v>1518</v>
      </c>
      <c r="J5494" s="5" t="s">
        <v>1519</v>
      </c>
      <c r="K5494" s="2" t="s">
        <v>1520</v>
      </c>
      <c r="L5494" s="5" t="s">
        <v>1519</v>
      </c>
      <c r="M5494" s="2" t="s">
        <v>1520</v>
      </c>
      <c r="N5494" s="5" t="s">
        <v>1521</v>
      </c>
      <c r="O5494" s="5" t="s">
        <v>38</v>
      </c>
      <c r="P5494" s="5" t="s">
        <v>39</v>
      </c>
      <c r="Q5494" s="5" t="s">
        <v>40</v>
      </c>
      <c r="R5494" s="5" t="s">
        <v>1522</v>
      </c>
      <c r="S5494" s="5" t="s">
        <v>1523</v>
      </c>
      <c r="T5494" s="5" t="s">
        <v>42</v>
      </c>
      <c r="U5494" s="2">
        <v>2.54</v>
      </c>
      <c r="V5494" s="2">
        <v>1.994</v>
      </c>
      <c r="W5494" s="2">
        <v>1.2999999999999999E-2</v>
      </c>
      <c r="X5494" s="2">
        <v>99.1</v>
      </c>
      <c r="Y5494" s="2">
        <v>7.6</v>
      </c>
      <c r="Z5494" s="2">
        <v>16.7</v>
      </c>
      <c r="AA5494" s="5"/>
      <c r="AB5494" s="5" t="s">
        <v>43</v>
      </c>
      <c r="AC5494" s="5" t="s">
        <v>44</v>
      </c>
      <c r="AD5494" s="2"/>
      <c r="AE5494" s="1"/>
    </row>
    <row r="5495" spans="1:31" ht="14.45">
      <c r="A5495" s="11"/>
      <c r="B5495" s="20"/>
      <c r="C5495" s="2" t="s">
        <v>16956</v>
      </c>
      <c r="D5495" s="14" t="s">
        <v>16957</v>
      </c>
      <c r="E5495" s="2" t="s">
        <v>16958</v>
      </c>
      <c r="F5495" s="2" t="s">
        <v>7581</v>
      </c>
      <c r="G5495" s="8">
        <v>253</v>
      </c>
      <c r="H5495" s="5">
        <v>6</v>
      </c>
      <c r="I5495" s="5" t="s">
        <v>1518</v>
      </c>
      <c r="J5495" s="5" t="s">
        <v>1519</v>
      </c>
      <c r="K5495" s="2" t="s">
        <v>1520</v>
      </c>
      <c r="L5495" s="5" t="s">
        <v>1519</v>
      </c>
      <c r="M5495" s="2" t="s">
        <v>1520</v>
      </c>
      <c r="N5495" s="5" t="s">
        <v>1521</v>
      </c>
      <c r="O5495" s="5" t="s">
        <v>38</v>
      </c>
      <c r="P5495" s="5" t="s">
        <v>39</v>
      </c>
      <c r="Q5495" s="5" t="s">
        <v>40</v>
      </c>
      <c r="R5495" s="5" t="s">
        <v>1522</v>
      </c>
      <c r="S5495" s="5" t="s">
        <v>1523</v>
      </c>
      <c r="T5495" s="5" t="s">
        <v>42</v>
      </c>
      <c r="U5495" s="2">
        <v>2.6070000000000002</v>
      </c>
      <c r="V5495" s="2">
        <v>2.0609999999999999</v>
      </c>
      <c r="W5495" s="2">
        <v>1.2999999999999999E-2</v>
      </c>
      <c r="X5495" s="2">
        <v>99.1</v>
      </c>
      <c r="Y5495" s="2">
        <v>7.6</v>
      </c>
      <c r="Z5495" s="2">
        <v>16.7</v>
      </c>
      <c r="AA5495" s="5"/>
      <c r="AB5495" s="5" t="s">
        <v>43</v>
      </c>
      <c r="AC5495" s="5" t="s">
        <v>44</v>
      </c>
      <c r="AD5495" s="2"/>
      <c r="AE5495" s="1"/>
    </row>
    <row r="5496" spans="1:31" ht="14.45">
      <c r="A5496" s="11"/>
      <c r="B5496" s="20"/>
      <c r="C5496" s="2" t="s">
        <v>16959</v>
      </c>
      <c r="D5496" s="14" t="s">
        <v>16960</v>
      </c>
      <c r="E5496" s="2" t="s">
        <v>16961</v>
      </c>
      <c r="F5496" s="2" t="s">
        <v>7585</v>
      </c>
      <c r="G5496" s="8">
        <v>253</v>
      </c>
      <c r="H5496" s="5">
        <v>6</v>
      </c>
      <c r="I5496" s="5" t="s">
        <v>1518</v>
      </c>
      <c r="J5496" s="5" t="s">
        <v>1519</v>
      </c>
      <c r="K5496" s="2" t="s">
        <v>1520</v>
      </c>
      <c r="L5496" s="5" t="s">
        <v>1519</v>
      </c>
      <c r="M5496" s="2" t="s">
        <v>1520</v>
      </c>
      <c r="N5496" s="5" t="s">
        <v>1521</v>
      </c>
      <c r="O5496" s="5" t="s">
        <v>38</v>
      </c>
      <c r="P5496" s="5" t="s">
        <v>39</v>
      </c>
      <c r="Q5496" s="5" t="s">
        <v>40</v>
      </c>
      <c r="R5496" s="5" t="s">
        <v>1522</v>
      </c>
      <c r="S5496" s="5" t="s">
        <v>1523</v>
      </c>
      <c r="T5496" s="5" t="s">
        <v>42</v>
      </c>
      <c r="U5496" s="2">
        <v>2.5249999999999999</v>
      </c>
      <c r="V5496" s="2">
        <v>1.9790000000000001</v>
      </c>
      <c r="W5496" s="2">
        <v>1.2999999999999999E-2</v>
      </c>
      <c r="X5496" s="2">
        <v>99.1</v>
      </c>
      <c r="Y5496" s="2">
        <v>7.6</v>
      </c>
      <c r="Z5496" s="2">
        <v>16.7</v>
      </c>
      <c r="AA5496" s="5"/>
      <c r="AB5496" s="5" t="s">
        <v>43</v>
      </c>
      <c r="AC5496" s="5" t="s">
        <v>44</v>
      </c>
      <c r="AD5496" s="2"/>
      <c r="AE5496" s="1"/>
    </row>
    <row r="5497" spans="1:31" ht="14.45">
      <c r="A5497" s="11"/>
      <c r="B5497" s="20"/>
      <c r="C5497" s="2" t="s">
        <v>16962</v>
      </c>
      <c r="D5497" s="14" t="s">
        <v>16963</v>
      </c>
      <c r="E5497" s="2" t="s">
        <v>16964</v>
      </c>
      <c r="F5497" s="2" t="s">
        <v>7589</v>
      </c>
      <c r="G5497" s="8">
        <v>253</v>
      </c>
      <c r="H5497" s="5">
        <v>6</v>
      </c>
      <c r="I5497" s="5" t="s">
        <v>1518</v>
      </c>
      <c r="J5497" s="5" t="s">
        <v>1519</v>
      </c>
      <c r="K5497" s="2" t="s">
        <v>1520</v>
      </c>
      <c r="L5497" s="5" t="s">
        <v>1519</v>
      </c>
      <c r="M5497" s="2" t="s">
        <v>1520</v>
      </c>
      <c r="N5497" s="5" t="s">
        <v>1521</v>
      </c>
      <c r="O5497" s="5" t="s">
        <v>38</v>
      </c>
      <c r="P5497" s="5" t="s">
        <v>39</v>
      </c>
      <c r="Q5497" s="5" t="s">
        <v>40</v>
      </c>
      <c r="R5497" s="5" t="s">
        <v>1522</v>
      </c>
      <c r="S5497" s="5" t="s">
        <v>1523</v>
      </c>
      <c r="T5497" s="5" t="s">
        <v>42</v>
      </c>
      <c r="U5497" s="2">
        <v>2.5920000000000001</v>
      </c>
      <c r="V5497" s="2">
        <v>2.0459999999999998</v>
      </c>
      <c r="W5497" s="2">
        <v>1.2999999999999999E-2</v>
      </c>
      <c r="X5497" s="2">
        <v>99.1</v>
      </c>
      <c r="Y5497" s="2">
        <v>7.6</v>
      </c>
      <c r="Z5497" s="2">
        <v>16.7</v>
      </c>
      <c r="AA5497" s="5"/>
      <c r="AB5497" s="5" t="s">
        <v>43</v>
      </c>
      <c r="AC5497" s="5" t="s">
        <v>44</v>
      </c>
      <c r="AD5497" s="2"/>
      <c r="AE5497" s="1"/>
    </row>
    <row r="5498" spans="1:31" ht="14.45">
      <c r="A5498" s="11"/>
      <c r="B5498" s="20"/>
      <c r="C5498" s="2" t="s">
        <v>16965</v>
      </c>
      <c r="D5498" s="14" t="s">
        <v>16966</v>
      </c>
      <c r="E5498" s="2" t="s">
        <v>16967</v>
      </c>
      <c r="F5498" s="2" t="s">
        <v>16014</v>
      </c>
      <c r="G5498" s="8">
        <v>253</v>
      </c>
      <c r="H5498" s="5">
        <v>6</v>
      </c>
      <c r="I5498" s="5" t="s">
        <v>1518</v>
      </c>
      <c r="J5498" s="5" t="s">
        <v>1519</v>
      </c>
      <c r="K5498" s="2" t="s">
        <v>1520</v>
      </c>
      <c r="L5498" s="5" t="s">
        <v>1519</v>
      </c>
      <c r="M5498" s="2" t="s">
        <v>1520</v>
      </c>
      <c r="N5498" s="5" t="s">
        <v>1521</v>
      </c>
      <c r="O5498" s="5" t="s">
        <v>38</v>
      </c>
      <c r="P5498" s="5" t="s">
        <v>39</v>
      </c>
      <c r="Q5498" s="5" t="s">
        <v>40</v>
      </c>
      <c r="R5498" s="5" t="s">
        <v>1522</v>
      </c>
      <c r="S5498" s="5" t="s">
        <v>1523</v>
      </c>
      <c r="T5498" s="5" t="s">
        <v>42</v>
      </c>
      <c r="U5498" s="2">
        <v>2.54</v>
      </c>
      <c r="V5498" s="2">
        <v>1.994</v>
      </c>
      <c r="W5498" s="2">
        <v>1.2999999999999999E-2</v>
      </c>
      <c r="X5498" s="2">
        <v>99.1</v>
      </c>
      <c r="Y5498" s="2">
        <v>7.6</v>
      </c>
      <c r="Z5498" s="2">
        <v>16.7</v>
      </c>
      <c r="AA5498" s="5"/>
      <c r="AB5498" s="5" t="s">
        <v>43</v>
      </c>
      <c r="AC5498" s="5" t="s">
        <v>44</v>
      </c>
      <c r="AD5498" s="2"/>
      <c r="AE5498" s="1"/>
    </row>
    <row r="5499" spans="1:31" ht="14.45">
      <c r="A5499" s="11"/>
      <c r="B5499" s="20"/>
      <c r="C5499" s="2" t="s">
        <v>16968</v>
      </c>
      <c r="D5499" s="14" t="s">
        <v>16969</v>
      </c>
      <c r="E5499" s="2" t="s">
        <v>16970</v>
      </c>
      <c r="F5499" s="2" t="s">
        <v>16219</v>
      </c>
      <c r="G5499" s="8">
        <v>253</v>
      </c>
      <c r="H5499" s="5">
        <v>6</v>
      </c>
      <c r="I5499" s="5" t="s">
        <v>1518</v>
      </c>
      <c r="J5499" s="5" t="s">
        <v>1519</v>
      </c>
      <c r="K5499" s="2" t="s">
        <v>1520</v>
      </c>
      <c r="L5499" s="5" t="s">
        <v>1519</v>
      </c>
      <c r="M5499" s="2" t="s">
        <v>1520</v>
      </c>
      <c r="N5499" s="5" t="s">
        <v>1521</v>
      </c>
      <c r="O5499" s="5" t="s">
        <v>38</v>
      </c>
      <c r="P5499" s="5" t="s">
        <v>39</v>
      </c>
      <c r="Q5499" s="5" t="s">
        <v>40</v>
      </c>
      <c r="R5499" s="5" t="s">
        <v>1522</v>
      </c>
      <c r="S5499" s="5" t="s">
        <v>1523</v>
      </c>
      <c r="T5499" s="5" t="s">
        <v>42</v>
      </c>
      <c r="U5499" s="2">
        <v>2.6070000000000002</v>
      </c>
      <c r="V5499" s="2">
        <v>2.0609999999999999</v>
      </c>
      <c r="W5499" s="2">
        <v>1.2999999999999999E-2</v>
      </c>
      <c r="X5499" s="2">
        <v>99.1</v>
      </c>
      <c r="Y5499" s="2">
        <v>7.6</v>
      </c>
      <c r="Z5499" s="2">
        <v>16.7</v>
      </c>
      <c r="AA5499" s="5"/>
      <c r="AB5499" s="5" t="s">
        <v>43</v>
      </c>
      <c r="AC5499" s="5" t="s">
        <v>44</v>
      </c>
      <c r="AD5499" s="2"/>
      <c r="AE5499" s="1"/>
    </row>
    <row r="5500" spans="1:31" ht="14.45">
      <c r="A5500" s="11"/>
      <c r="B5500" s="20"/>
      <c r="C5500" s="2" t="s">
        <v>16971</v>
      </c>
      <c r="D5500" s="14" t="s">
        <v>16972</v>
      </c>
      <c r="E5500" s="2" t="s">
        <v>16973</v>
      </c>
      <c r="F5500" s="2" t="s">
        <v>16018</v>
      </c>
      <c r="G5500" s="8">
        <v>253</v>
      </c>
      <c r="H5500" s="5">
        <v>6</v>
      </c>
      <c r="I5500" s="5" t="s">
        <v>1518</v>
      </c>
      <c r="J5500" s="5" t="s">
        <v>1519</v>
      </c>
      <c r="K5500" s="2" t="s">
        <v>1520</v>
      </c>
      <c r="L5500" s="5" t="s">
        <v>1519</v>
      </c>
      <c r="M5500" s="2" t="s">
        <v>1520</v>
      </c>
      <c r="N5500" s="5" t="s">
        <v>1521</v>
      </c>
      <c r="O5500" s="5" t="s">
        <v>38</v>
      </c>
      <c r="P5500" s="5" t="s">
        <v>39</v>
      </c>
      <c r="Q5500" s="5" t="s">
        <v>40</v>
      </c>
      <c r="R5500" s="5" t="s">
        <v>1522</v>
      </c>
      <c r="S5500" s="5" t="s">
        <v>1523</v>
      </c>
      <c r="T5500" s="5" t="s">
        <v>42</v>
      </c>
      <c r="U5500" s="2">
        <v>2.54</v>
      </c>
      <c r="V5500" s="2">
        <v>1.994</v>
      </c>
      <c r="W5500" s="2">
        <v>1.2999999999999999E-2</v>
      </c>
      <c r="X5500" s="2">
        <v>99.1</v>
      </c>
      <c r="Y5500" s="2">
        <v>7.6</v>
      </c>
      <c r="Z5500" s="2">
        <v>16.7</v>
      </c>
      <c r="AA5500" s="5"/>
      <c r="AB5500" s="5" t="s">
        <v>43</v>
      </c>
      <c r="AC5500" s="5" t="s">
        <v>44</v>
      </c>
      <c r="AD5500" s="2"/>
      <c r="AE5500" s="1"/>
    </row>
    <row r="5501" spans="1:31" ht="14.45">
      <c r="A5501" s="11"/>
      <c r="B5501" s="20"/>
      <c r="C5501" s="2" t="s">
        <v>16974</v>
      </c>
      <c r="D5501" s="14" t="s">
        <v>16975</v>
      </c>
      <c r="E5501" s="2" t="s">
        <v>16976</v>
      </c>
      <c r="F5501" s="2" t="s">
        <v>16022</v>
      </c>
      <c r="G5501" s="8">
        <v>253</v>
      </c>
      <c r="H5501" s="5">
        <v>6</v>
      </c>
      <c r="I5501" s="5" t="s">
        <v>1518</v>
      </c>
      <c r="J5501" s="5" t="s">
        <v>1519</v>
      </c>
      <c r="K5501" s="2" t="s">
        <v>1520</v>
      </c>
      <c r="L5501" s="5" t="s">
        <v>1519</v>
      </c>
      <c r="M5501" s="2" t="s">
        <v>1520</v>
      </c>
      <c r="N5501" s="5" t="s">
        <v>1521</v>
      </c>
      <c r="O5501" s="5" t="s">
        <v>38</v>
      </c>
      <c r="P5501" s="5" t="s">
        <v>39</v>
      </c>
      <c r="Q5501" s="5" t="s">
        <v>40</v>
      </c>
      <c r="R5501" s="5" t="s">
        <v>1522</v>
      </c>
      <c r="S5501" s="5" t="s">
        <v>1523</v>
      </c>
      <c r="T5501" s="5" t="s">
        <v>42</v>
      </c>
      <c r="U5501" s="2">
        <v>2.6070000000000002</v>
      </c>
      <c r="V5501" s="2">
        <v>2.0609999999999999</v>
      </c>
      <c r="W5501" s="2">
        <v>1.2999999999999999E-2</v>
      </c>
      <c r="X5501" s="2">
        <v>99.1</v>
      </c>
      <c r="Y5501" s="2">
        <v>7.6</v>
      </c>
      <c r="Z5501" s="2">
        <v>16.7</v>
      </c>
      <c r="AA5501" s="5"/>
      <c r="AB5501" s="5" t="s">
        <v>43</v>
      </c>
      <c r="AC5501" s="5" t="s">
        <v>44</v>
      </c>
      <c r="AD5501" s="2"/>
      <c r="AE5501" s="1"/>
    </row>
    <row r="5502" spans="1:31" ht="14.45">
      <c r="A5502" s="11"/>
      <c r="B5502" s="20"/>
      <c r="C5502" s="2" t="s">
        <v>16977</v>
      </c>
      <c r="D5502" s="14" t="s">
        <v>16978</v>
      </c>
      <c r="E5502" s="2" t="s">
        <v>16979</v>
      </c>
      <c r="F5502" s="2" t="s">
        <v>7615</v>
      </c>
      <c r="G5502" s="8">
        <v>253</v>
      </c>
      <c r="H5502" s="5">
        <v>6</v>
      </c>
      <c r="I5502" s="5" t="s">
        <v>1518</v>
      </c>
      <c r="J5502" s="5" t="s">
        <v>1519</v>
      </c>
      <c r="K5502" s="2" t="s">
        <v>1520</v>
      </c>
      <c r="L5502" s="5" t="s">
        <v>1519</v>
      </c>
      <c r="M5502" s="2" t="s">
        <v>1520</v>
      </c>
      <c r="N5502" s="5" t="s">
        <v>1521</v>
      </c>
      <c r="O5502" s="5" t="s">
        <v>38</v>
      </c>
      <c r="P5502" s="5" t="s">
        <v>39</v>
      </c>
      <c r="Q5502" s="5" t="s">
        <v>40</v>
      </c>
      <c r="R5502" s="5" t="s">
        <v>1522</v>
      </c>
      <c r="S5502" s="5" t="s">
        <v>1523</v>
      </c>
      <c r="T5502" s="5" t="s">
        <v>42</v>
      </c>
      <c r="U5502" s="2">
        <v>2.5249999999999999</v>
      </c>
      <c r="V5502" s="2">
        <v>1.9790000000000001</v>
      </c>
      <c r="W5502" s="2">
        <v>1.2999999999999999E-2</v>
      </c>
      <c r="X5502" s="2">
        <v>99.1</v>
      </c>
      <c r="Y5502" s="2">
        <v>7.6</v>
      </c>
      <c r="Z5502" s="2">
        <v>16.7</v>
      </c>
      <c r="AA5502" s="5"/>
      <c r="AB5502" s="5" t="s">
        <v>43</v>
      </c>
      <c r="AC5502" s="5" t="s">
        <v>44</v>
      </c>
      <c r="AD5502" s="2"/>
      <c r="AE5502" s="1"/>
    </row>
    <row r="5503" spans="1:31" ht="14.45">
      <c r="A5503" s="11"/>
      <c r="B5503" s="20"/>
      <c r="C5503" s="2" t="s">
        <v>16980</v>
      </c>
      <c r="D5503" s="14" t="s">
        <v>16981</v>
      </c>
      <c r="E5503" s="2" t="s">
        <v>16982</v>
      </c>
      <c r="F5503" s="2" t="s">
        <v>7619</v>
      </c>
      <c r="G5503" s="8">
        <v>253</v>
      </c>
      <c r="H5503" s="5">
        <v>6</v>
      </c>
      <c r="I5503" s="5" t="s">
        <v>1518</v>
      </c>
      <c r="J5503" s="5" t="s">
        <v>1519</v>
      </c>
      <c r="K5503" s="2" t="s">
        <v>1520</v>
      </c>
      <c r="L5503" s="5" t="s">
        <v>1519</v>
      </c>
      <c r="M5503" s="2" t="s">
        <v>1520</v>
      </c>
      <c r="N5503" s="5" t="s">
        <v>1521</v>
      </c>
      <c r="O5503" s="5" t="s">
        <v>38</v>
      </c>
      <c r="P5503" s="5" t="s">
        <v>39</v>
      </c>
      <c r="Q5503" s="5" t="s">
        <v>40</v>
      </c>
      <c r="R5503" s="5" t="s">
        <v>1522</v>
      </c>
      <c r="S5503" s="5" t="s">
        <v>1523</v>
      </c>
      <c r="T5503" s="5" t="s">
        <v>42</v>
      </c>
      <c r="U5503" s="2">
        <v>2.5920000000000001</v>
      </c>
      <c r="V5503" s="2">
        <v>2.0459999999999998</v>
      </c>
      <c r="W5503" s="2">
        <v>1.2999999999999999E-2</v>
      </c>
      <c r="X5503" s="2">
        <v>99.1</v>
      </c>
      <c r="Y5503" s="2">
        <v>7.6</v>
      </c>
      <c r="Z5503" s="2">
        <v>16.7</v>
      </c>
      <c r="AA5503" s="5"/>
      <c r="AB5503" s="5" t="s">
        <v>43</v>
      </c>
      <c r="AC5503" s="5" t="s">
        <v>44</v>
      </c>
      <c r="AD5503" s="2"/>
      <c r="AE5503" s="1"/>
    </row>
    <row r="5504" spans="1:31" ht="14.45">
      <c r="A5504" s="11"/>
      <c r="B5504" s="20"/>
      <c r="C5504" s="2" t="s">
        <v>16983</v>
      </c>
      <c r="D5504" s="14" t="s">
        <v>16984</v>
      </c>
      <c r="E5504" s="2" t="s">
        <v>16985</v>
      </c>
      <c r="F5504" s="2" t="s">
        <v>16235</v>
      </c>
      <c r="G5504" s="8">
        <v>253</v>
      </c>
      <c r="H5504" s="5">
        <v>6</v>
      </c>
      <c r="I5504" s="5" t="s">
        <v>1518</v>
      </c>
      <c r="J5504" s="5" t="s">
        <v>1519</v>
      </c>
      <c r="K5504" s="2" t="s">
        <v>1520</v>
      </c>
      <c r="L5504" s="5" t="s">
        <v>1519</v>
      </c>
      <c r="M5504" s="2" t="s">
        <v>1520</v>
      </c>
      <c r="N5504" s="5" t="s">
        <v>1521</v>
      </c>
      <c r="O5504" s="5" t="s">
        <v>38</v>
      </c>
      <c r="P5504" s="5" t="s">
        <v>39</v>
      </c>
      <c r="Q5504" s="5" t="s">
        <v>40</v>
      </c>
      <c r="R5504" s="5" t="s">
        <v>1522</v>
      </c>
      <c r="S5504" s="5" t="s">
        <v>1523</v>
      </c>
      <c r="T5504" s="5" t="s">
        <v>42</v>
      </c>
      <c r="U5504" s="2">
        <v>2.5640000000000001</v>
      </c>
      <c r="V5504" s="2">
        <v>2.0179999999999998</v>
      </c>
      <c r="W5504" s="2">
        <v>1.2999999999999999E-2</v>
      </c>
      <c r="X5504" s="2">
        <v>99.1</v>
      </c>
      <c r="Y5504" s="2">
        <v>7.6</v>
      </c>
      <c r="Z5504" s="2">
        <v>16.7</v>
      </c>
      <c r="AA5504" s="5"/>
      <c r="AB5504" s="5" t="s">
        <v>43</v>
      </c>
      <c r="AC5504" s="5" t="s">
        <v>44</v>
      </c>
      <c r="AD5504" s="2"/>
      <c r="AE5504" s="1"/>
    </row>
    <row r="5505" spans="1:31" ht="14.45">
      <c r="A5505" s="11"/>
      <c r="B5505" s="20"/>
      <c r="C5505" s="2" t="s">
        <v>16986</v>
      </c>
      <c r="D5505" s="14" t="s">
        <v>16987</v>
      </c>
      <c r="E5505" s="2" t="s">
        <v>16988</v>
      </c>
      <c r="F5505" s="2" t="s">
        <v>16029</v>
      </c>
      <c r="G5505" s="8">
        <v>253</v>
      </c>
      <c r="H5505" s="5">
        <v>11</v>
      </c>
      <c r="I5505" s="5" t="s">
        <v>1518</v>
      </c>
      <c r="J5505" s="5" t="s">
        <v>1519</v>
      </c>
      <c r="K5505" s="2" t="s">
        <v>1520</v>
      </c>
      <c r="L5505" s="5" t="s">
        <v>1519</v>
      </c>
      <c r="M5505" s="2" t="s">
        <v>1520</v>
      </c>
      <c r="N5505" s="5" t="s">
        <v>1521</v>
      </c>
      <c r="O5505" s="5" t="s">
        <v>38</v>
      </c>
      <c r="P5505" s="5" t="s">
        <v>39</v>
      </c>
      <c r="Q5505" s="5" t="s">
        <v>40</v>
      </c>
      <c r="R5505" s="5" t="s">
        <v>1522</v>
      </c>
      <c r="S5505" s="5" t="s">
        <v>1523</v>
      </c>
      <c r="T5505" s="5" t="s">
        <v>42</v>
      </c>
      <c r="U5505" s="2">
        <v>2.5569999999999999</v>
      </c>
      <c r="V5505" s="2">
        <v>2.0110000000000001</v>
      </c>
      <c r="W5505" s="2">
        <v>1.2999999999999999E-2</v>
      </c>
      <c r="X5505" s="2">
        <v>99.1</v>
      </c>
      <c r="Y5505" s="2">
        <v>7.6</v>
      </c>
      <c r="Z5505" s="2">
        <v>16.7</v>
      </c>
      <c r="AA5505" s="5"/>
      <c r="AB5505" s="5" t="s">
        <v>43</v>
      </c>
      <c r="AC5505" s="5" t="s">
        <v>44</v>
      </c>
      <c r="AD5505" s="2"/>
      <c r="AE5505" s="1"/>
    </row>
    <row r="5506" spans="1:31" ht="14.45">
      <c r="A5506" s="11"/>
      <c r="B5506" s="20"/>
      <c r="C5506" s="2" t="s">
        <v>16989</v>
      </c>
      <c r="D5506" s="14" t="s">
        <v>16990</v>
      </c>
      <c r="E5506" s="2" t="s">
        <v>16991</v>
      </c>
      <c r="F5506" s="2" t="s">
        <v>16033</v>
      </c>
      <c r="G5506" s="8">
        <v>253</v>
      </c>
      <c r="H5506" s="5">
        <v>11</v>
      </c>
      <c r="I5506" s="5" t="s">
        <v>1518</v>
      </c>
      <c r="J5506" s="5" t="s">
        <v>1519</v>
      </c>
      <c r="K5506" s="2" t="s">
        <v>1520</v>
      </c>
      <c r="L5506" s="5" t="s">
        <v>1519</v>
      </c>
      <c r="M5506" s="2" t="s">
        <v>1520</v>
      </c>
      <c r="N5506" s="5" t="s">
        <v>1521</v>
      </c>
      <c r="O5506" s="5" t="s">
        <v>38</v>
      </c>
      <c r="P5506" s="5" t="s">
        <v>39</v>
      </c>
      <c r="Q5506" s="5" t="s">
        <v>40</v>
      </c>
      <c r="R5506" s="5" t="s">
        <v>1522</v>
      </c>
      <c r="S5506" s="5" t="s">
        <v>1523</v>
      </c>
      <c r="T5506" s="5" t="s">
        <v>42</v>
      </c>
      <c r="U5506" s="2">
        <v>2.6240000000000001</v>
      </c>
      <c r="V5506" s="2">
        <v>2.0779999999999998</v>
      </c>
      <c r="W5506" s="2">
        <v>1.2999999999999999E-2</v>
      </c>
      <c r="X5506" s="2">
        <v>99.1</v>
      </c>
      <c r="Y5506" s="2">
        <v>7.6</v>
      </c>
      <c r="Z5506" s="2">
        <v>16.7</v>
      </c>
      <c r="AA5506" s="5"/>
      <c r="AB5506" s="5" t="s">
        <v>43</v>
      </c>
      <c r="AC5506" s="5" t="s">
        <v>44</v>
      </c>
      <c r="AD5506" s="2"/>
      <c r="AE5506" s="1"/>
    </row>
    <row r="5507" spans="1:31" ht="14.45">
      <c r="A5507" s="11"/>
      <c r="B5507" s="20"/>
      <c r="C5507" s="2" t="s">
        <v>16992</v>
      </c>
      <c r="D5507" s="14" t="s">
        <v>16993</v>
      </c>
      <c r="E5507" s="2" t="s">
        <v>16994</v>
      </c>
      <c r="F5507" s="2" t="s">
        <v>7396</v>
      </c>
      <c r="G5507" s="8">
        <v>246</v>
      </c>
      <c r="H5507" s="5">
        <v>6</v>
      </c>
      <c r="I5507" s="5" t="s">
        <v>1518</v>
      </c>
      <c r="J5507" s="5" t="s">
        <v>1519</v>
      </c>
      <c r="K5507" s="2" t="s">
        <v>1520</v>
      </c>
      <c r="L5507" s="5" t="s">
        <v>1519</v>
      </c>
      <c r="M5507" s="2" t="s">
        <v>1520</v>
      </c>
      <c r="N5507" s="5" t="s">
        <v>1521</v>
      </c>
      <c r="O5507" s="5" t="s">
        <v>38</v>
      </c>
      <c r="P5507" s="5" t="s">
        <v>39</v>
      </c>
      <c r="Q5507" s="5" t="s">
        <v>40</v>
      </c>
      <c r="R5507" s="5" t="s">
        <v>1522</v>
      </c>
      <c r="S5507" s="5" t="s">
        <v>1523</v>
      </c>
      <c r="T5507" s="5" t="s">
        <v>42</v>
      </c>
      <c r="U5507" s="2">
        <v>2.6920000000000002</v>
      </c>
      <c r="V5507" s="2">
        <v>2.1549999999999998</v>
      </c>
      <c r="W5507" s="2">
        <v>1.2999999999999999E-2</v>
      </c>
      <c r="X5507" s="2">
        <v>99.1</v>
      </c>
      <c r="Y5507" s="2">
        <v>7.6</v>
      </c>
      <c r="Z5507" s="2">
        <v>16.7</v>
      </c>
      <c r="AA5507" s="5"/>
      <c r="AB5507" s="5" t="s">
        <v>43</v>
      </c>
      <c r="AC5507" s="5" t="s">
        <v>44</v>
      </c>
      <c r="AD5507" s="2"/>
      <c r="AE5507" s="1"/>
    </row>
    <row r="5508" spans="1:31" ht="14.45">
      <c r="A5508" s="11"/>
      <c r="B5508" s="20"/>
      <c r="C5508" s="2" t="s">
        <v>16995</v>
      </c>
      <c r="D5508" s="14" t="s">
        <v>16996</v>
      </c>
      <c r="E5508" s="2" t="s">
        <v>16997</v>
      </c>
      <c r="F5508" s="2" t="s">
        <v>7507</v>
      </c>
      <c r="G5508" s="8">
        <v>246</v>
      </c>
      <c r="H5508" s="5">
        <v>6</v>
      </c>
      <c r="I5508" s="5" t="s">
        <v>1518</v>
      </c>
      <c r="J5508" s="5" t="s">
        <v>1519</v>
      </c>
      <c r="K5508" s="2" t="s">
        <v>1520</v>
      </c>
      <c r="L5508" s="5" t="s">
        <v>1519</v>
      </c>
      <c r="M5508" s="2" t="s">
        <v>1520</v>
      </c>
      <c r="N5508" s="5" t="s">
        <v>1521</v>
      </c>
      <c r="O5508" s="5" t="s">
        <v>38</v>
      </c>
      <c r="P5508" s="5" t="s">
        <v>39</v>
      </c>
      <c r="Q5508" s="5" t="s">
        <v>40</v>
      </c>
      <c r="R5508" s="5" t="s">
        <v>1522</v>
      </c>
      <c r="S5508" s="5" t="s">
        <v>1523</v>
      </c>
      <c r="T5508" s="5" t="s">
        <v>42</v>
      </c>
      <c r="U5508" s="2">
        <v>2.77</v>
      </c>
      <c r="V5508" s="2">
        <v>2.2330000000000001</v>
      </c>
      <c r="W5508" s="2">
        <v>1.2999999999999999E-2</v>
      </c>
      <c r="X5508" s="2">
        <v>99.1</v>
      </c>
      <c r="Y5508" s="2">
        <v>7.6</v>
      </c>
      <c r="Z5508" s="2">
        <v>16.7</v>
      </c>
      <c r="AA5508" s="5"/>
      <c r="AB5508" s="5" t="s">
        <v>43</v>
      </c>
      <c r="AC5508" s="5" t="s">
        <v>44</v>
      </c>
      <c r="AD5508" s="2"/>
      <c r="AE5508" s="1"/>
    </row>
    <row r="5509" spans="1:31" ht="14.45">
      <c r="A5509" s="11"/>
      <c r="B5509" s="20"/>
      <c r="C5509" s="2" t="s">
        <v>16998</v>
      </c>
      <c r="D5509" s="14" t="s">
        <v>16999</v>
      </c>
      <c r="E5509" s="2" t="s">
        <v>17000</v>
      </c>
      <c r="F5509" s="2" t="s">
        <v>7204</v>
      </c>
      <c r="G5509" s="8">
        <v>246</v>
      </c>
      <c r="H5509" s="5">
        <v>6</v>
      </c>
      <c r="I5509" s="5" t="s">
        <v>1518</v>
      </c>
      <c r="J5509" s="5" t="s">
        <v>1519</v>
      </c>
      <c r="K5509" s="2" t="s">
        <v>1520</v>
      </c>
      <c r="L5509" s="5" t="s">
        <v>1519</v>
      </c>
      <c r="M5509" s="2" t="s">
        <v>1520</v>
      </c>
      <c r="N5509" s="5" t="s">
        <v>1521</v>
      </c>
      <c r="O5509" s="5" t="s">
        <v>38</v>
      </c>
      <c r="P5509" s="5" t="s">
        <v>39</v>
      </c>
      <c r="Q5509" s="5" t="s">
        <v>40</v>
      </c>
      <c r="R5509" s="5" t="s">
        <v>1522</v>
      </c>
      <c r="S5509" s="5" t="s">
        <v>1523</v>
      </c>
      <c r="T5509" s="5" t="s">
        <v>42</v>
      </c>
      <c r="U5509" s="2">
        <v>2.6989999999999998</v>
      </c>
      <c r="V5509" s="2">
        <v>2.1619999999999999</v>
      </c>
      <c r="W5509" s="2">
        <v>1.2999999999999999E-2</v>
      </c>
      <c r="X5509" s="2">
        <v>99.1</v>
      </c>
      <c r="Y5509" s="2">
        <v>7.6</v>
      </c>
      <c r="Z5509" s="2">
        <v>16.7</v>
      </c>
      <c r="AA5509" s="5"/>
      <c r="AB5509" s="5" t="s">
        <v>43</v>
      </c>
      <c r="AC5509" s="5" t="s">
        <v>44</v>
      </c>
      <c r="AD5509" s="2"/>
      <c r="AE5509" s="1"/>
    </row>
    <row r="5510" spans="1:31" ht="14.45">
      <c r="A5510" s="11"/>
      <c r="B5510" s="20"/>
      <c r="C5510" s="2" t="s">
        <v>17001</v>
      </c>
      <c r="D5510" s="14" t="s">
        <v>17002</v>
      </c>
      <c r="E5510" s="2" t="s">
        <v>17003</v>
      </c>
      <c r="F5510" s="2" t="s">
        <v>7514</v>
      </c>
      <c r="G5510" s="8">
        <v>246</v>
      </c>
      <c r="H5510" s="5">
        <v>6</v>
      </c>
      <c r="I5510" s="5" t="s">
        <v>1518</v>
      </c>
      <c r="J5510" s="5" t="s">
        <v>1519</v>
      </c>
      <c r="K5510" s="2" t="s">
        <v>1520</v>
      </c>
      <c r="L5510" s="5" t="s">
        <v>1519</v>
      </c>
      <c r="M5510" s="2" t="s">
        <v>1520</v>
      </c>
      <c r="N5510" s="5" t="s">
        <v>1521</v>
      </c>
      <c r="O5510" s="5" t="s">
        <v>38</v>
      </c>
      <c r="P5510" s="5" t="s">
        <v>39</v>
      </c>
      <c r="Q5510" s="5" t="s">
        <v>40</v>
      </c>
      <c r="R5510" s="5" t="s">
        <v>1522</v>
      </c>
      <c r="S5510" s="5" t="s">
        <v>1523</v>
      </c>
      <c r="T5510" s="5" t="s">
        <v>42</v>
      </c>
      <c r="U5510" s="2">
        <v>2.7770000000000001</v>
      </c>
      <c r="V5510" s="2">
        <v>2.2400000000000002</v>
      </c>
      <c r="W5510" s="2">
        <v>1.2999999999999999E-2</v>
      </c>
      <c r="X5510" s="2">
        <v>99.1</v>
      </c>
      <c r="Y5510" s="2">
        <v>7.6</v>
      </c>
      <c r="Z5510" s="2">
        <v>16.7</v>
      </c>
      <c r="AA5510" s="5"/>
      <c r="AB5510" s="5" t="s">
        <v>43</v>
      </c>
      <c r="AC5510" s="5" t="s">
        <v>44</v>
      </c>
      <c r="AD5510" s="2"/>
      <c r="AE5510" s="1"/>
    </row>
    <row r="5511" spans="1:31" ht="14.45">
      <c r="A5511" s="11"/>
      <c r="B5511" s="20"/>
      <c r="C5511" s="2" t="s">
        <v>17004</v>
      </c>
      <c r="D5511" s="14" t="s">
        <v>17005</v>
      </c>
      <c r="E5511" s="2" t="s">
        <v>17006</v>
      </c>
      <c r="F5511" s="2" t="s">
        <v>7208</v>
      </c>
      <c r="G5511" s="8">
        <v>246</v>
      </c>
      <c r="H5511" s="5">
        <v>6</v>
      </c>
      <c r="I5511" s="5" t="s">
        <v>1518</v>
      </c>
      <c r="J5511" s="5" t="s">
        <v>1519</v>
      </c>
      <c r="K5511" s="2" t="s">
        <v>1520</v>
      </c>
      <c r="L5511" s="5" t="s">
        <v>1519</v>
      </c>
      <c r="M5511" s="2" t="s">
        <v>1520</v>
      </c>
      <c r="N5511" s="5" t="s">
        <v>1521</v>
      </c>
      <c r="O5511" s="5" t="s">
        <v>38</v>
      </c>
      <c r="P5511" s="5" t="s">
        <v>39</v>
      </c>
      <c r="Q5511" s="5" t="s">
        <v>40</v>
      </c>
      <c r="R5511" s="5" t="s">
        <v>1522</v>
      </c>
      <c r="S5511" s="5" t="s">
        <v>1523</v>
      </c>
      <c r="T5511" s="5" t="s">
        <v>42</v>
      </c>
      <c r="U5511" s="2">
        <v>2.6989999999999998</v>
      </c>
      <c r="V5511" s="2">
        <v>2.1619999999999999</v>
      </c>
      <c r="W5511" s="2">
        <v>1.2999999999999999E-2</v>
      </c>
      <c r="X5511" s="2">
        <v>99.1</v>
      </c>
      <c r="Y5511" s="2">
        <v>7.6</v>
      </c>
      <c r="Z5511" s="2">
        <v>16.7</v>
      </c>
      <c r="AA5511" s="5"/>
      <c r="AB5511" s="5" t="s">
        <v>43</v>
      </c>
      <c r="AC5511" s="5" t="s">
        <v>44</v>
      </c>
      <c r="AD5511" s="2"/>
      <c r="AE5511" s="1"/>
    </row>
    <row r="5512" spans="1:31" ht="14.45">
      <c r="A5512" s="11"/>
      <c r="B5512" s="20"/>
      <c r="C5512" s="2" t="s">
        <v>17007</v>
      </c>
      <c r="D5512" s="14" t="s">
        <v>17008</v>
      </c>
      <c r="E5512" s="2" t="s">
        <v>17009</v>
      </c>
      <c r="F5512" s="2" t="s">
        <v>7521</v>
      </c>
      <c r="G5512" s="8">
        <v>246</v>
      </c>
      <c r="H5512" s="5">
        <v>6</v>
      </c>
      <c r="I5512" s="5" t="s">
        <v>1518</v>
      </c>
      <c r="J5512" s="5" t="s">
        <v>1519</v>
      </c>
      <c r="K5512" s="2" t="s">
        <v>1520</v>
      </c>
      <c r="L5512" s="5" t="s">
        <v>1519</v>
      </c>
      <c r="M5512" s="2" t="s">
        <v>1520</v>
      </c>
      <c r="N5512" s="5" t="s">
        <v>1521</v>
      </c>
      <c r="O5512" s="5" t="s">
        <v>38</v>
      </c>
      <c r="P5512" s="5" t="s">
        <v>39</v>
      </c>
      <c r="Q5512" s="5" t="s">
        <v>40</v>
      </c>
      <c r="R5512" s="5" t="s">
        <v>1522</v>
      </c>
      <c r="S5512" s="5" t="s">
        <v>1523</v>
      </c>
      <c r="T5512" s="5" t="s">
        <v>42</v>
      </c>
      <c r="U5512" s="2">
        <v>2.7770000000000001</v>
      </c>
      <c r="V5512" s="2">
        <v>2.2400000000000002</v>
      </c>
      <c r="W5512" s="2">
        <v>1.2999999999999999E-2</v>
      </c>
      <c r="X5512" s="2">
        <v>99.1</v>
      </c>
      <c r="Y5512" s="2">
        <v>7.6</v>
      </c>
      <c r="Z5512" s="2">
        <v>16.7</v>
      </c>
      <c r="AA5512" s="5"/>
      <c r="AB5512" s="5" t="s">
        <v>43</v>
      </c>
      <c r="AC5512" s="5" t="s">
        <v>44</v>
      </c>
      <c r="AD5512" s="2"/>
      <c r="AE5512" s="1"/>
    </row>
    <row r="5513" spans="1:31" ht="14.45">
      <c r="A5513" s="11"/>
      <c r="B5513" s="20"/>
      <c r="C5513" s="2" t="s">
        <v>17010</v>
      </c>
      <c r="D5513" s="14" t="s">
        <v>17011</v>
      </c>
      <c r="E5513" s="2" t="s">
        <v>17012</v>
      </c>
      <c r="F5513" s="2" t="s">
        <v>7212</v>
      </c>
      <c r="G5513" s="8">
        <v>246</v>
      </c>
      <c r="H5513" s="5">
        <v>6</v>
      </c>
      <c r="I5513" s="5" t="s">
        <v>1518</v>
      </c>
      <c r="J5513" s="5" t="s">
        <v>1519</v>
      </c>
      <c r="K5513" s="2" t="s">
        <v>1520</v>
      </c>
      <c r="L5513" s="5" t="s">
        <v>1519</v>
      </c>
      <c r="M5513" s="2" t="s">
        <v>1520</v>
      </c>
      <c r="N5513" s="5" t="s">
        <v>1521</v>
      </c>
      <c r="O5513" s="5" t="s">
        <v>38</v>
      </c>
      <c r="P5513" s="5" t="s">
        <v>39</v>
      </c>
      <c r="Q5513" s="5" t="s">
        <v>40</v>
      </c>
      <c r="R5513" s="5" t="s">
        <v>1522</v>
      </c>
      <c r="S5513" s="5" t="s">
        <v>1523</v>
      </c>
      <c r="T5513" s="5" t="s">
        <v>42</v>
      </c>
      <c r="U5513" s="2">
        <v>2.68</v>
      </c>
      <c r="V5513" s="2">
        <v>2.1429999999999998</v>
      </c>
      <c r="W5513" s="2">
        <v>1.2999999999999999E-2</v>
      </c>
      <c r="X5513" s="2">
        <v>99.1</v>
      </c>
      <c r="Y5513" s="2">
        <v>7.6</v>
      </c>
      <c r="Z5513" s="2">
        <v>16.7</v>
      </c>
      <c r="AA5513" s="5"/>
      <c r="AB5513" s="5" t="s">
        <v>43</v>
      </c>
      <c r="AC5513" s="5" t="s">
        <v>44</v>
      </c>
      <c r="AD5513" s="2"/>
      <c r="AE5513" s="1"/>
    </row>
    <row r="5514" spans="1:31" ht="14.45">
      <c r="A5514" s="11"/>
      <c r="B5514" s="20"/>
      <c r="C5514" s="2" t="s">
        <v>17013</v>
      </c>
      <c r="D5514" s="14" t="s">
        <v>17014</v>
      </c>
      <c r="E5514" s="2" t="s">
        <v>17015</v>
      </c>
      <c r="F5514" s="2" t="s">
        <v>7528</v>
      </c>
      <c r="G5514" s="8">
        <v>246</v>
      </c>
      <c r="H5514" s="5">
        <v>6</v>
      </c>
      <c r="I5514" s="5" t="s">
        <v>1518</v>
      </c>
      <c r="J5514" s="5" t="s">
        <v>1519</v>
      </c>
      <c r="K5514" s="2" t="s">
        <v>1520</v>
      </c>
      <c r="L5514" s="5" t="s">
        <v>1519</v>
      </c>
      <c r="M5514" s="2" t="s">
        <v>1520</v>
      </c>
      <c r="N5514" s="5" t="s">
        <v>1521</v>
      </c>
      <c r="O5514" s="5" t="s">
        <v>38</v>
      </c>
      <c r="P5514" s="5" t="s">
        <v>39</v>
      </c>
      <c r="Q5514" s="5" t="s">
        <v>40</v>
      </c>
      <c r="R5514" s="5" t="s">
        <v>1522</v>
      </c>
      <c r="S5514" s="5" t="s">
        <v>1523</v>
      </c>
      <c r="T5514" s="5" t="s">
        <v>42</v>
      </c>
      <c r="U5514" s="2">
        <v>2.758</v>
      </c>
      <c r="V5514" s="2">
        <v>2.2210000000000001</v>
      </c>
      <c r="W5514" s="2">
        <v>1.2999999999999999E-2</v>
      </c>
      <c r="X5514" s="2">
        <v>99.1</v>
      </c>
      <c r="Y5514" s="2">
        <v>7.6</v>
      </c>
      <c r="Z5514" s="2">
        <v>16.7</v>
      </c>
      <c r="AA5514" s="5"/>
      <c r="AB5514" s="5" t="s">
        <v>43</v>
      </c>
      <c r="AC5514" s="5" t="s">
        <v>44</v>
      </c>
      <c r="AD5514" s="2"/>
      <c r="AE5514" s="1"/>
    </row>
    <row r="5515" spans="1:31" ht="14.45">
      <c r="A5515" s="11"/>
      <c r="B5515" s="20"/>
      <c r="C5515" s="2" t="s">
        <v>17016</v>
      </c>
      <c r="D5515" s="14" t="s">
        <v>17017</v>
      </c>
      <c r="E5515" s="2" t="s">
        <v>17018</v>
      </c>
      <c r="F5515" s="2" t="s">
        <v>7406</v>
      </c>
      <c r="G5515" s="8">
        <v>263</v>
      </c>
      <c r="H5515" s="5">
        <v>6</v>
      </c>
      <c r="I5515" s="5" t="s">
        <v>1518</v>
      </c>
      <c r="J5515" s="5" t="s">
        <v>1519</v>
      </c>
      <c r="K5515" s="2" t="s">
        <v>1520</v>
      </c>
      <c r="L5515" s="5" t="s">
        <v>1519</v>
      </c>
      <c r="M5515" s="2" t="s">
        <v>1520</v>
      </c>
      <c r="N5515" s="5" t="s">
        <v>1521</v>
      </c>
      <c r="O5515" s="5" t="s">
        <v>38</v>
      </c>
      <c r="P5515" s="5" t="s">
        <v>39</v>
      </c>
      <c r="Q5515" s="5" t="s">
        <v>40</v>
      </c>
      <c r="R5515" s="5" t="s">
        <v>1522</v>
      </c>
      <c r="S5515" s="5" t="s">
        <v>1523</v>
      </c>
      <c r="T5515" s="5" t="s">
        <v>42</v>
      </c>
      <c r="U5515" s="2">
        <v>2.68</v>
      </c>
      <c r="V5515" s="2">
        <v>2.1429999999999998</v>
      </c>
      <c r="W5515" s="2">
        <v>1.2999999999999999E-2</v>
      </c>
      <c r="X5515" s="2">
        <v>99.1</v>
      </c>
      <c r="Y5515" s="2">
        <v>7.6</v>
      </c>
      <c r="Z5515" s="2">
        <v>16.7</v>
      </c>
      <c r="AA5515" s="5"/>
      <c r="AB5515" s="5" t="s">
        <v>43</v>
      </c>
      <c r="AC5515" s="5" t="s">
        <v>44</v>
      </c>
      <c r="AD5515" s="2"/>
      <c r="AE5515" s="1"/>
    </row>
    <row r="5516" spans="1:31" ht="14.45">
      <c r="A5516" s="11"/>
      <c r="B5516" s="20"/>
      <c r="C5516" s="2" t="s">
        <v>17019</v>
      </c>
      <c r="D5516" s="14" t="s">
        <v>17020</v>
      </c>
      <c r="E5516" s="2" t="s">
        <v>17021</v>
      </c>
      <c r="F5516" s="2" t="s">
        <v>7535</v>
      </c>
      <c r="G5516" s="8">
        <v>263</v>
      </c>
      <c r="H5516" s="5">
        <v>6</v>
      </c>
      <c r="I5516" s="5" t="s">
        <v>1518</v>
      </c>
      <c r="J5516" s="5" t="s">
        <v>1519</v>
      </c>
      <c r="K5516" s="2" t="s">
        <v>1520</v>
      </c>
      <c r="L5516" s="5" t="s">
        <v>1519</v>
      </c>
      <c r="M5516" s="2" t="s">
        <v>1520</v>
      </c>
      <c r="N5516" s="5" t="s">
        <v>1521</v>
      </c>
      <c r="O5516" s="5" t="s">
        <v>38</v>
      </c>
      <c r="P5516" s="5" t="s">
        <v>39</v>
      </c>
      <c r="Q5516" s="5" t="s">
        <v>40</v>
      </c>
      <c r="R5516" s="5" t="s">
        <v>1522</v>
      </c>
      <c r="S5516" s="5" t="s">
        <v>1523</v>
      </c>
      <c r="T5516" s="5" t="s">
        <v>42</v>
      </c>
      <c r="U5516" s="2">
        <v>2.758</v>
      </c>
      <c r="V5516" s="2">
        <v>2.2210000000000001</v>
      </c>
      <c r="W5516" s="2">
        <v>1.2999999999999999E-2</v>
      </c>
      <c r="X5516" s="2">
        <v>99.1</v>
      </c>
      <c r="Y5516" s="2">
        <v>7.6</v>
      </c>
      <c r="Z5516" s="2">
        <v>16.7</v>
      </c>
      <c r="AA5516" s="5"/>
      <c r="AB5516" s="5" t="s">
        <v>43</v>
      </c>
      <c r="AC5516" s="5" t="s">
        <v>44</v>
      </c>
      <c r="AD5516" s="2"/>
      <c r="AE5516" s="1"/>
    </row>
    <row r="5517" spans="1:31" ht="14.45">
      <c r="A5517" s="11"/>
      <c r="B5517" s="20"/>
      <c r="C5517" s="2" t="s">
        <v>17022</v>
      </c>
      <c r="D5517" s="14" t="s">
        <v>17023</v>
      </c>
      <c r="E5517" s="2" t="s">
        <v>17024</v>
      </c>
      <c r="F5517" s="2" t="s">
        <v>7539</v>
      </c>
      <c r="G5517" s="8">
        <v>263</v>
      </c>
      <c r="H5517" s="5">
        <v>6</v>
      </c>
      <c r="I5517" s="5" t="s">
        <v>1518</v>
      </c>
      <c r="J5517" s="5" t="s">
        <v>1519</v>
      </c>
      <c r="K5517" s="2" t="s">
        <v>1520</v>
      </c>
      <c r="L5517" s="5" t="s">
        <v>1519</v>
      </c>
      <c r="M5517" s="2" t="s">
        <v>1520</v>
      </c>
      <c r="N5517" s="5" t="s">
        <v>1521</v>
      </c>
      <c r="O5517" s="5" t="s">
        <v>38</v>
      </c>
      <c r="P5517" s="5" t="s">
        <v>39</v>
      </c>
      <c r="Q5517" s="5" t="s">
        <v>40</v>
      </c>
      <c r="R5517" s="5" t="s">
        <v>1522</v>
      </c>
      <c r="S5517" s="5" t="s">
        <v>1523</v>
      </c>
      <c r="T5517" s="5" t="s">
        <v>42</v>
      </c>
      <c r="U5517" s="2">
        <v>2.6989999999999998</v>
      </c>
      <c r="V5517" s="2">
        <v>2.1619999999999999</v>
      </c>
      <c r="W5517" s="2">
        <v>1.2999999999999999E-2</v>
      </c>
      <c r="X5517" s="2">
        <v>99.1</v>
      </c>
      <c r="Y5517" s="2">
        <v>7.6</v>
      </c>
      <c r="Z5517" s="2">
        <v>16.7</v>
      </c>
      <c r="AA5517" s="5"/>
      <c r="AB5517" s="5" t="s">
        <v>43</v>
      </c>
      <c r="AC5517" s="5" t="s">
        <v>44</v>
      </c>
      <c r="AD5517" s="2"/>
      <c r="AE5517" s="1"/>
    </row>
    <row r="5518" spans="1:31" ht="14.45">
      <c r="A5518" s="11"/>
      <c r="B5518" s="20"/>
      <c r="C5518" s="2" t="s">
        <v>17025</v>
      </c>
      <c r="D5518" s="14" t="s">
        <v>17026</v>
      </c>
      <c r="E5518" s="2" t="s">
        <v>17027</v>
      </c>
      <c r="F5518" s="2" t="s">
        <v>7543</v>
      </c>
      <c r="G5518" s="8">
        <v>263</v>
      </c>
      <c r="H5518" s="5">
        <v>6</v>
      </c>
      <c r="I5518" s="5" t="s">
        <v>1518</v>
      </c>
      <c r="J5518" s="5" t="s">
        <v>1519</v>
      </c>
      <c r="K5518" s="2" t="s">
        <v>1520</v>
      </c>
      <c r="L5518" s="5" t="s">
        <v>1519</v>
      </c>
      <c r="M5518" s="2" t="s">
        <v>1520</v>
      </c>
      <c r="N5518" s="5" t="s">
        <v>1521</v>
      </c>
      <c r="O5518" s="5" t="s">
        <v>38</v>
      </c>
      <c r="P5518" s="5" t="s">
        <v>39</v>
      </c>
      <c r="Q5518" s="5" t="s">
        <v>40</v>
      </c>
      <c r="R5518" s="5" t="s">
        <v>1522</v>
      </c>
      <c r="S5518" s="5" t="s">
        <v>1523</v>
      </c>
      <c r="T5518" s="5" t="s">
        <v>42</v>
      </c>
      <c r="U5518" s="2">
        <v>2.7770000000000001</v>
      </c>
      <c r="V5518" s="2">
        <v>2.2400000000000002</v>
      </c>
      <c r="W5518" s="2">
        <v>1.2999999999999999E-2</v>
      </c>
      <c r="X5518" s="2">
        <v>99.1</v>
      </c>
      <c r="Y5518" s="2">
        <v>7.6</v>
      </c>
      <c r="Z5518" s="2">
        <v>16.7</v>
      </c>
      <c r="AA5518" s="5"/>
      <c r="AB5518" s="5" t="s">
        <v>43</v>
      </c>
      <c r="AC5518" s="5" t="s">
        <v>44</v>
      </c>
      <c r="AD5518" s="2"/>
      <c r="AE5518" s="1"/>
    </row>
    <row r="5519" spans="1:31" ht="14.45">
      <c r="A5519" s="11"/>
      <c r="B5519" s="20"/>
      <c r="C5519" s="2" t="s">
        <v>17028</v>
      </c>
      <c r="D5519" s="14" t="s">
        <v>17029</v>
      </c>
      <c r="E5519" s="2" t="s">
        <v>17030</v>
      </c>
      <c r="F5519" s="2" t="s">
        <v>7547</v>
      </c>
      <c r="G5519" s="8">
        <v>263</v>
      </c>
      <c r="H5519" s="5">
        <v>6</v>
      </c>
      <c r="I5519" s="5" t="s">
        <v>1518</v>
      </c>
      <c r="J5519" s="5" t="s">
        <v>1519</v>
      </c>
      <c r="K5519" s="2" t="s">
        <v>1520</v>
      </c>
      <c r="L5519" s="5" t="s">
        <v>1519</v>
      </c>
      <c r="M5519" s="2" t="s">
        <v>1520</v>
      </c>
      <c r="N5519" s="5" t="s">
        <v>1521</v>
      </c>
      <c r="O5519" s="5" t="s">
        <v>38</v>
      </c>
      <c r="P5519" s="5" t="s">
        <v>39</v>
      </c>
      <c r="Q5519" s="5" t="s">
        <v>40</v>
      </c>
      <c r="R5519" s="5" t="s">
        <v>1522</v>
      </c>
      <c r="S5519" s="5" t="s">
        <v>1523</v>
      </c>
      <c r="T5519" s="5" t="s">
        <v>42</v>
      </c>
      <c r="U5519" s="2">
        <v>2.68</v>
      </c>
      <c r="V5519" s="2">
        <v>2.1429999999999998</v>
      </c>
      <c r="W5519" s="2">
        <v>1.2999999999999999E-2</v>
      </c>
      <c r="X5519" s="2">
        <v>99.1</v>
      </c>
      <c r="Y5519" s="2">
        <v>7.6</v>
      </c>
      <c r="Z5519" s="2">
        <v>16.7</v>
      </c>
      <c r="AA5519" s="5"/>
      <c r="AB5519" s="5" t="s">
        <v>43</v>
      </c>
      <c r="AC5519" s="5" t="s">
        <v>44</v>
      </c>
      <c r="AD5519" s="2"/>
      <c r="AE5519" s="1"/>
    </row>
    <row r="5520" spans="1:31" ht="14.45">
      <c r="A5520" s="11"/>
      <c r="B5520" s="20"/>
      <c r="C5520" s="2" t="s">
        <v>17031</v>
      </c>
      <c r="D5520" s="14" t="s">
        <v>17032</v>
      </c>
      <c r="E5520" s="2" t="s">
        <v>17033</v>
      </c>
      <c r="F5520" s="2" t="s">
        <v>7555</v>
      </c>
      <c r="G5520" s="8">
        <v>263</v>
      </c>
      <c r="H5520" s="5">
        <v>6</v>
      </c>
      <c r="I5520" s="5" t="s">
        <v>1518</v>
      </c>
      <c r="J5520" s="5" t="s">
        <v>1519</v>
      </c>
      <c r="K5520" s="2" t="s">
        <v>1520</v>
      </c>
      <c r="L5520" s="5" t="s">
        <v>1519</v>
      </c>
      <c r="M5520" s="2" t="s">
        <v>1520</v>
      </c>
      <c r="N5520" s="5" t="s">
        <v>1521</v>
      </c>
      <c r="O5520" s="5" t="s">
        <v>38</v>
      </c>
      <c r="P5520" s="5" t="s">
        <v>39</v>
      </c>
      <c r="Q5520" s="5" t="s">
        <v>40</v>
      </c>
      <c r="R5520" s="5" t="s">
        <v>1522</v>
      </c>
      <c r="S5520" s="5" t="s">
        <v>1523</v>
      </c>
      <c r="T5520" s="5" t="s">
        <v>42</v>
      </c>
      <c r="U5520" s="2">
        <v>2.68</v>
      </c>
      <c r="V5520" s="2">
        <v>2.1429999999999998</v>
      </c>
      <c r="W5520" s="2">
        <v>1.2999999999999999E-2</v>
      </c>
      <c r="X5520" s="2">
        <v>99.1</v>
      </c>
      <c r="Y5520" s="2">
        <v>7.6</v>
      </c>
      <c r="Z5520" s="2">
        <v>16.7</v>
      </c>
      <c r="AA5520" s="5"/>
      <c r="AB5520" s="5" t="s">
        <v>43</v>
      </c>
      <c r="AC5520" s="5" t="s">
        <v>44</v>
      </c>
      <c r="AD5520" s="2"/>
      <c r="AE5520" s="1"/>
    </row>
    <row r="5521" spans="1:31" ht="14.45">
      <c r="A5521" s="11"/>
      <c r="B5521" s="20"/>
      <c r="C5521" s="2" t="s">
        <v>17034</v>
      </c>
      <c r="D5521" s="14" t="s">
        <v>17035</v>
      </c>
      <c r="E5521" s="2" t="s">
        <v>17036</v>
      </c>
      <c r="F5521" s="2" t="s">
        <v>7559</v>
      </c>
      <c r="G5521" s="8">
        <v>263</v>
      </c>
      <c r="H5521" s="5">
        <v>6</v>
      </c>
      <c r="I5521" s="5" t="s">
        <v>1518</v>
      </c>
      <c r="J5521" s="5" t="s">
        <v>1519</v>
      </c>
      <c r="K5521" s="2" t="s">
        <v>1520</v>
      </c>
      <c r="L5521" s="5" t="s">
        <v>1519</v>
      </c>
      <c r="M5521" s="2" t="s">
        <v>1520</v>
      </c>
      <c r="N5521" s="5" t="s">
        <v>1521</v>
      </c>
      <c r="O5521" s="5" t="s">
        <v>38</v>
      </c>
      <c r="P5521" s="5" t="s">
        <v>39</v>
      </c>
      <c r="Q5521" s="5" t="s">
        <v>40</v>
      </c>
      <c r="R5521" s="5" t="s">
        <v>1522</v>
      </c>
      <c r="S5521" s="5" t="s">
        <v>1523</v>
      </c>
      <c r="T5521" s="5" t="s">
        <v>42</v>
      </c>
      <c r="U5521" s="2">
        <v>2.758</v>
      </c>
      <c r="V5521" s="2">
        <v>2.2210000000000001</v>
      </c>
      <c r="W5521" s="2">
        <v>1.2999999999999999E-2</v>
      </c>
      <c r="X5521" s="2">
        <v>99.1</v>
      </c>
      <c r="Y5521" s="2">
        <v>7.6</v>
      </c>
      <c r="Z5521" s="2">
        <v>16.7</v>
      </c>
      <c r="AA5521" s="5"/>
      <c r="AB5521" s="5" t="s">
        <v>43</v>
      </c>
      <c r="AC5521" s="5" t="s">
        <v>44</v>
      </c>
      <c r="AD5521" s="2"/>
      <c r="AE5521" s="1"/>
    </row>
    <row r="5522" spans="1:31" ht="14.45">
      <c r="A5522" s="11"/>
      <c r="B5522" s="20"/>
      <c r="C5522" s="2" t="s">
        <v>17037</v>
      </c>
      <c r="D5522" s="14" t="s">
        <v>17038</v>
      </c>
      <c r="E5522" s="2" t="s">
        <v>17039</v>
      </c>
      <c r="F5522" s="2" t="s">
        <v>7563</v>
      </c>
      <c r="G5522" s="8">
        <v>263</v>
      </c>
      <c r="H5522" s="5">
        <v>6</v>
      </c>
      <c r="I5522" s="5" t="s">
        <v>1518</v>
      </c>
      <c r="J5522" s="5" t="s">
        <v>1519</v>
      </c>
      <c r="K5522" s="2" t="s">
        <v>1520</v>
      </c>
      <c r="L5522" s="5" t="s">
        <v>1519</v>
      </c>
      <c r="M5522" s="2" t="s">
        <v>1520</v>
      </c>
      <c r="N5522" s="5" t="s">
        <v>1521</v>
      </c>
      <c r="O5522" s="5" t="s">
        <v>38</v>
      </c>
      <c r="P5522" s="5" t="s">
        <v>39</v>
      </c>
      <c r="Q5522" s="5" t="s">
        <v>40</v>
      </c>
      <c r="R5522" s="5" t="s">
        <v>1522</v>
      </c>
      <c r="S5522" s="5" t="s">
        <v>1523</v>
      </c>
      <c r="T5522" s="5" t="s">
        <v>42</v>
      </c>
      <c r="U5522" s="2">
        <v>2.6989999999999998</v>
      </c>
      <c r="V5522" s="2">
        <v>2.1619999999999999</v>
      </c>
      <c r="W5522" s="2">
        <v>1.2999999999999999E-2</v>
      </c>
      <c r="X5522" s="2">
        <v>99.1</v>
      </c>
      <c r="Y5522" s="2">
        <v>7.6</v>
      </c>
      <c r="Z5522" s="2">
        <v>16.7</v>
      </c>
      <c r="AA5522" s="5"/>
      <c r="AB5522" s="5" t="s">
        <v>43</v>
      </c>
      <c r="AC5522" s="5" t="s">
        <v>44</v>
      </c>
      <c r="AD5522" s="2"/>
      <c r="AE5522" s="1"/>
    </row>
    <row r="5523" spans="1:31" ht="14.45">
      <c r="A5523" s="11"/>
      <c r="B5523" s="20"/>
      <c r="C5523" s="2" t="s">
        <v>17040</v>
      </c>
      <c r="D5523" s="14" t="s">
        <v>17041</v>
      </c>
      <c r="E5523" s="2" t="s">
        <v>17042</v>
      </c>
      <c r="F5523" s="2" t="s">
        <v>16079</v>
      </c>
      <c r="G5523" s="8">
        <v>263</v>
      </c>
      <c r="H5523" s="5">
        <v>6</v>
      </c>
      <c r="I5523" s="5" t="s">
        <v>1518</v>
      </c>
      <c r="J5523" s="5" t="s">
        <v>1519</v>
      </c>
      <c r="K5523" s="2" t="s">
        <v>1520</v>
      </c>
      <c r="L5523" s="5" t="s">
        <v>1519</v>
      </c>
      <c r="M5523" s="2" t="s">
        <v>1520</v>
      </c>
      <c r="N5523" s="5" t="s">
        <v>1521</v>
      </c>
      <c r="O5523" s="5" t="s">
        <v>38</v>
      </c>
      <c r="P5523" s="5" t="s">
        <v>39</v>
      </c>
      <c r="Q5523" s="5" t="s">
        <v>40</v>
      </c>
      <c r="R5523" s="5" t="s">
        <v>1522</v>
      </c>
      <c r="S5523" s="5" t="s">
        <v>1523</v>
      </c>
      <c r="T5523" s="5" t="s">
        <v>42</v>
      </c>
      <c r="U5523" s="2">
        <v>2.6989999999999998</v>
      </c>
      <c r="V5523" s="2">
        <v>2.1619999999999999</v>
      </c>
      <c r="W5523" s="2">
        <v>1.2999999999999999E-2</v>
      </c>
      <c r="X5523" s="2">
        <v>99.1</v>
      </c>
      <c r="Y5523" s="2">
        <v>7.6</v>
      </c>
      <c r="Z5523" s="2">
        <v>16.7</v>
      </c>
      <c r="AA5523" s="5"/>
      <c r="AB5523" s="5" t="s">
        <v>43</v>
      </c>
      <c r="AC5523" s="5" t="s">
        <v>44</v>
      </c>
      <c r="AD5523" s="2"/>
      <c r="AE5523" s="1"/>
    </row>
    <row r="5524" spans="1:31" ht="14.45">
      <c r="A5524" s="11"/>
      <c r="B5524" s="20"/>
      <c r="C5524" s="2" t="s">
        <v>17043</v>
      </c>
      <c r="D5524" s="14" t="s">
        <v>17044</v>
      </c>
      <c r="E5524" s="2" t="s">
        <v>17045</v>
      </c>
      <c r="F5524" s="2" t="s">
        <v>7449</v>
      </c>
      <c r="G5524" s="8">
        <v>263</v>
      </c>
      <c r="H5524" s="5">
        <v>6</v>
      </c>
      <c r="I5524" s="5" t="s">
        <v>1518</v>
      </c>
      <c r="J5524" s="5" t="s">
        <v>1519</v>
      </c>
      <c r="K5524" s="2" t="s">
        <v>1520</v>
      </c>
      <c r="L5524" s="5" t="s">
        <v>1519</v>
      </c>
      <c r="M5524" s="2" t="s">
        <v>1520</v>
      </c>
      <c r="N5524" s="5" t="s">
        <v>1521</v>
      </c>
      <c r="O5524" s="5" t="s">
        <v>38</v>
      </c>
      <c r="P5524" s="5" t="s">
        <v>39</v>
      </c>
      <c r="Q5524" s="5" t="s">
        <v>40</v>
      </c>
      <c r="R5524" s="5" t="s">
        <v>1522</v>
      </c>
      <c r="S5524" s="5" t="s">
        <v>1523</v>
      </c>
      <c r="T5524" s="5" t="s">
        <v>42</v>
      </c>
      <c r="U5524" s="2">
        <v>2.6989999999999998</v>
      </c>
      <c r="V5524" s="2">
        <v>2.1619999999999999</v>
      </c>
      <c r="W5524" s="2">
        <v>1.2999999999999999E-2</v>
      </c>
      <c r="X5524" s="2">
        <v>99.1</v>
      </c>
      <c r="Y5524" s="2">
        <v>7.6</v>
      </c>
      <c r="Z5524" s="2">
        <v>16.7</v>
      </c>
      <c r="AA5524" s="5"/>
      <c r="AB5524" s="5" t="s">
        <v>43</v>
      </c>
      <c r="AC5524" s="5" t="s">
        <v>44</v>
      </c>
      <c r="AD5524" s="2"/>
      <c r="AE5524" s="1"/>
    </row>
    <row r="5525" spans="1:31" ht="14.45">
      <c r="A5525" s="11"/>
      <c r="B5525" s="20"/>
      <c r="C5525" s="2" t="s">
        <v>17046</v>
      </c>
      <c r="D5525" s="14" t="s">
        <v>17047</v>
      </c>
      <c r="E5525" s="2" t="s">
        <v>17048</v>
      </c>
      <c r="F5525" s="2" t="s">
        <v>7581</v>
      </c>
      <c r="G5525" s="8">
        <v>263</v>
      </c>
      <c r="H5525" s="5">
        <v>6</v>
      </c>
      <c r="I5525" s="5" t="s">
        <v>1518</v>
      </c>
      <c r="J5525" s="5" t="s">
        <v>1519</v>
      </c>
      <c r="K5525" s="2" t="s">
        <v>1520</v>
      </c>
      <c r="L5525" s="5" t="s">
        <v>1519</v>
      </c>
      <c r="M5525" s="2" t="s">
        <v>1520</v>
      </c>
      <c r="N5525" s="5" t="s">
        <v>1521</v>
      </c>
      <c r="O5525" s="5" t="s">
        <v>38</v>
      </c>
      <c r="P5525" s="5" t="s">
        <v>39</v>
      </c>
      <c r="Q5525" s="5" t="s">
        <v>40</v>
      </c>
      <c r="R5525" s="5" t="s">
        <v>1522</v>
      </c>
      <c r="S5525" s="5" t="s">
        <v>1523</v>
      </c>
      <c r="T5525" s="5" t="s">
        <v>42</v>
      </c>
      <c r="U5525" s="2">
        <v>2.7770000000000001</v>
      </c>
      <c r="V5525" s="2">
        <v>2.2400000000000002</v>
      </c>
      <c r="W5525" s="2">
        <v>1.2999999999999999E-2</v>
      </c>
      <c r="X5525" s="2">
        <v>99.1</v>
      </c>
      <c r="Y5525" s="2">
        <v>7.6</v>
      </c>
      <c r="Z5525" s="2">
        <v>16.7</v>
      </c>
      <c r="AA5525" s="5"/>
      <c r="AB5525" s="5" t="s">
        <v>43</v>
      </c>
      <c r="AC5525" s="5" t="s">
        <v>44</v>
      </c>
      <c r="AD5525" s="2"/>
      <c r="AE5525" s="1"/>
    </row>
    <row r="5526" spans="1:31" ht="14.45">
      <c r="A5526" s="11"/>
      <c r="B5526" s="20"/>
      <c r="C5526" s="2" t="s">
        <v>17049</v>
      </c>
      <c r="D5526" s="14" t="s">
        <v>17050</v>
      </c>
      <c r="E5526" s="2" t="s">
        <v>17051</v>
      </c>
      <c r="F5526" s="2" t="s">
        <v>7585</v>
      </c>
      <c r="G5526" s="8">
        <v>263</v>
      </c>
      <c r="H5526" s="5">
        <v>6</v>
      </c>
      <c r="I5526" s="5" t="s">
        <v>1518</v>
      </c>
      <c r="J5526" s="5" t="s">
        <v>1519</v>
      </c>
      <c r="K5526" s="2" t="s">
        <v>1520</v>
      </c>
      <c r="L5526" s="5" t="s">
        <v>1519</v>
      </c>
      <c r="M5526" s="2" t="s">
        <v>1520</v>
      </c>
      <c r="N5526" s="5" t="s">
        <v>1521</v>
      </c>
      <c r="O5526" s="5" t="s">
        <v>38</v>
      </c>
      <c r="P5526" s="5" t="s">
        <v>39</v>
      </c>
      <c r="Q5526" s="5" t="s">
        <v>40</v>
      </c>
      <c r="R5526" s="5" t="s">
        <v>1522</v>
      </c>
      <c r="S5526" s="5" t="s">
        <v>1523</v>
      </c>
      <c r="T5526" s="5" t="s">
        <v>42</v>
      </c>
      <c r="U5526" s="2">
        <v>2.68</v>
      </c>
      <c r="V5526" s="2">
        <v>2.1429999999999998</v>
      </c>
      <c r="W5526" s="2">
        <v>1.2999999999999999E-2</v>
      </c>
      <c r="X5526" s="2">
        <v>99.1</v>
      </c>
      <c r="Y5526" s="2">
        <v>7.6</v>
      </c>
      <c r="Z5526" s="2">
        <v>16.7</v>
      </c>
      <c r="AA5526" s="5"/>
      <c r="AB5526" s="5" t="s">
        <v>43</v>
      </c>
      <c r="AC5526" s="5" t="s">
        <v>44</v>
      </c>
      <c r="AD5526" s="2"/>
      <c r="AE5526" s="1"/>
    </row>
    <row r="5527" spans="1:31" ht="14.45">
      <c r="A5527" s="11"/>
      <c r="B5527" s="20"/>
      <c r="C5527" s="2" t="s">
        <v>17052</v>
      </c>
      <c r="D5527" s="14" t="s">
        <v>17053</v>
      </c>
      <c r="E5527" s="2" t="s">
        <v>17054</v>
      </c>
      <c r="F5527" s="2" t="s">
        <v>7593</v>
      </c>
      <c r="G5527" s="8">
        <v>263</v>
      </c>
      <c r="H5527" s="5">
        <v>6</v>
      </c>
      <c r="I5527" s="5" t="s">
        <v>1518</v>
      </c>
      <c r="J5527" s="5" t="s">
        <v>1519</v>
      </c>
      <c r="K5527" s="2" t="s">
        <v>1520</v>
      </c>
      <c r="L5527" s="5" t="s">
        <v>1519</v>
      </c>
      <c r="M5527" s="2" t="s">
        <v>1520</v>
      </c>
      <c r="N5527" s="5" t="s">
        <v>1521</v>
      </c>
      <c r="O5527" s="5" t="s">
        <v>38</v>
      </c>
      <c r="P5527" s="5" t="s">
        <v>39</v>
      </c>
      <c r="Q5527" s="5" t="s">
        <v>40</v>
      </c>
      <c r="R5527" s="5" t="s">
        <v>1522</v>
      </c>
      <c r="S5527" s="5" t="s">
        <v>1523</v>
      </c>
      <c r="T5527" s="5" t="s">
        <v>42</v>
      </c>
      <c r="U5527" s="2">
        <v>2.6989999999999998</v>
      </c>
      <c r="V5527" s="2">
        <v>2.1619999999999999</v>
      </c>
      <c r="W5527" s="2">
        <v>1.2999999999999999E-2</v>
      </c>
      <c r="X5527" s="2">
        <v>99.1</v>
      </c>
      <c r="Y5527" s="2">
        <v>7.6</v>
      </c>
      <c r="Z5527" s="2">
        <v>16.7</v>
      </c>
      <c r="AA5527" s="5"/>
      <c r="AB5527" s="5" t="s">
        <v>43</v>
      </c>
      <c r="AC5527" s="5" t="s">
        <v>44</v>
      </c>
      <c r="AD5527" s="2"/>
      <c r="AE5527" s="1"/>
    </row>
    <row r="5528" spans="1:31" ht="14.45">
      <c r="A5528" s="11"/>
      <c r="B5528" s="20"/>
      <c r="C5528" s="2" t="s">
        <v>17055</v>
      </c>
      <c r="D5528" s="14" t="s">
        <v>17056</v>
      </c>
      <c r="E5528" s="2" t="s">
        <v>17057</v>
      </c>
      <c r="F5528" s="2" t="s">
        <v>7597</v>
      </c>
      <c r="G5528" s="8">
        <v>263</v>
      </c>
      <c r="H5528" s="5">
        <v>6</v>
      </c>
      <c r="I5528" s="5" t="s">
        <v>1518</v>
      </c>
      <c r="J5528" s="5" t="s">
        <v>1519</v>
      </c>
      <c r="K5528" s="2" t="s">
        <v>1520</v>
      </c>
      <c r="L5528" s="5" t="s">
        <v>1519</v>
      </c>
      <c r="M5528" s="2" t="s">
        <v>1520</v>
      </c>
      <c r="N5528" s="5" t="s">
        <v>1521</v>
      </c>
      <c r="O5528" s="5" t="s">
        <v>38</v>
      </c>
      <c r="P5528" s="5" t="s">
        <v>39</v>
      </c>
      <c r="Q5528" s="5" t="s">
        <v>40</v>
      </c>
      <c r="R5528" s="5" t="s">
        <v>1522</v>
      </c>
      <c r="S5528" s="5" t="s">
        <v>1523</v>
      </c>
      <c r="T5528" s="5" t="s">
        <v>42</v>
      </c>
      <c r="U5528" s="2">
        <v>2.7770000000000001</v>
      </c>
      <c r="V5528" s="2">
        <v>2.2400000000000002</v>
      </c>
      <c r="W5528" s="2">
        <v>1.2999999999999999E-2</v>
      </c>
      <c r="X5528" s="2">
        <v>99.1</v>
      </c>
      <c r="Y5528" s="2">
        <v>7.6</v>
      </c>
      <c r="Z5528" s="2">
        <v>16.7</v>
      </c>
      <c r="AA5528" s="5"/>
      <c r="AB5528" s="5" t="s">
        <v>43</v>
      </c>
      <c r="AC5528" s="5" t="s">
        <v>44</v>
      </c>
      <c r="AD5528" s="2"/>
      <c r="AE5528" s="1"/>
    </row>
    <row r="5529" spans="1:31" ht="14.45">
      <c r="A5529" s="11"/>
      <c r="B5529" s="20"/>
      <c r="C5529" s="2" t="s">
        <v>17058</v>
      </c>
      <c r="D5529" s="14" t="s">
        <v>17059</v>
      </c>
      <c r="E5529" s="2" t="s">
        <v>17060</v>
      </c>
      <c r="F5529" s="2" t="s">
        <v>16014</v>
      </c>
      <c r="G5529" s="8">
        <v>263</v>
      </c>
      <c r="H5529" s="5">
        <v>6</v>
      </c>
      <c r="I5529" s="5" t="s">
        <v>1518</v>
      </c>
      <c r="J5529" s="5" t="s">
        <v>1519</v>
      </c>
      <c r="K5529" s="2" t="s">
        <v>1520</v>
      </c>
      <c r="L5529" s="5" t="s">
        <v>1519</v>
      </c>
      <c r="M5529" s="2" t="s">
        <v>1520</v>
      </c>
      <c r="N5529" s="5" t="s">
        <v>1521</v>
      </c>
      <c r="O5529" s="5" t="s">
        <v>38</v>
      </c>
      <c r="P5529" s="5" t="s">
        <v>39</v>
      </c>
      <c r="Q5529" s="5" t="s">
        <v>40</v>
      </c>
      <c r="R5529" s="5" t="s">
        <v>1522</v>
      </c>
      <c r="S5529" s="5" t="s">
        <v>1523</v>
      </c>
      <c r="T5529" s="5" t="s">
        <v>42</v>
      </c>
      <c r="U5529" s="2">
        <v>2.6989999999999998</v>
      </c>
      <c r="V5529" s="2">
        <v>2.1619999999999999</v>
      </c>
      <c r="W5529" s="2">
        <v>1.2999999999999999E-2</v>
      </c>
      <c r="X5529" s="2">
        <v>99.1</v>
      </c>
      <c r="Y5529" s="2">
        <v>7.6</v>
      </c>
      <c r="Z5529" s="2">
        <v>16.7</v>
      </c>
      <c r="AA5529" s="5"/>
      <c r="AB5529" s="5" t="s">
        <v>43</v>
      </c>
      <c r="AC5529" s="5" t="s">
        <v>44</v>
      </c>
      <c r="AD5529" s="2"/>
      <c r="AE5529" s="1"/>
    </row>
    <row r="5530" spans="1:31" ht="14.45">
      <c r="A5530" s="11"/>
      <c r="B5530" s="20"/>
      <c r="C5530" s="2" t="s">
        <v>17061</v>
      </c>
      <c r="D5530" s="14" t="s">
        <v>17062</v>
      </c>
      <c r="E5530" s="2" t="s">
        <v>17063</v>
      </c>
      <c r="F5530" s="2" t="s">
        <v>16219</v>
      </c>
      <c r="G5530" s="8">
        <v>263</v>
      </c>
      <c r="H5530" s="5">
        <v>6</v>
      </c>
      <c r="I5530" s="5" t="s">
        <v>1518</v>
      </c>
      <c r="J5530" s="5" t="s">
        <v>1519</v>
      </c>
      <c r="K5530" s="2" t="s">
        <v>1520</v>
      </c>
      <c r="L5530" s="5" t="s">
        <v>1519</v>
      </c>
      <c r="M5530" s="2" t="s">
        <v>1520</v>
      </c>
      <c r="N5530" s="5" t="s">
        <v>1521</v>
      </c>
      <c r="O5530" s="5" t="s">
        <v>38</v>
      </c>
      <c r="P5530" s="5" t="s">
        <v>39</v>
      </c>
      <c r="Q5530" s="5" t="s">
        <v>40</v>
      </c>
      <c r="R5530" s="5" t="s">
        <v>1522</v>
      </c>
      <c r="S5530" s="5" t="s">
        <v>1523</v>
      </c>
      <c r="T5530" s="5" t="s">
        <v>42</v>
      </c>
      <c r="U5530" s="2">
        <v>2.7770000000000001</v>
      </c>
      <c r="V5530" s="2">
        <v>2.2400000000000002</v>
      </c>
      <c r="W5530" s="2">
        <v>1.2999999999999999E-2</v>
      </c>
      <c r="X5530" s="2">
        <v>99.1</v>
      </c>
      <c r="Y5530" s="2">
        <v>7.6</v>
      </c>
      <c r="Z5530" s="2">
        <v>16.7</v>
      </c>
      <c r="AA5530" s="5"/>
      <c r="AB5530" s="5" t="s">
        <v>43</v>
      </c>
      <c r="AC5530" s="5" t="s">
        <v>44</v>
      </c>
      <c r="AD5530" s="2"/>
      <c r="AE5530" s="1"/>
    </row>
    <row r="5531" spans="1:31" ht="14.45">
      <c r="A5531" s="11"/>
      <c r="B5531" s="20"/>
      <c r="C5531" s="2" t="s">
        <v>17064</v>
      </c>
      <c r="D5531" s="14" t="s">
        <v>17065</v>
      </c>
      <c r="E5531" s="2" t="s">
        <v>17066</v>
      </c>
      <c r="F5531" s="2" t="s">
        <v>16018</v>
      </c>
      <c r="G5531" s="8">
        <v>263</v>
      </c>
      <c r="H5531" s="5">
        <v>6</v>
      </c>
      <c r="I5531" s="5" t="s">
        <v>1518</v>
      </c>
      <c r="J5531" s="5" t="s">
        <v>1519</v>
      </c>
      <c r="K5531" s="2" t="s">
        <v>1520</v>
      </c>
      <c r="L5531" s="5" t="s">
        <v>1519</v>
      </c>
      <c r="M5531" s="2" t="s">
        <v>1520</v>
      </c>
      <c r="N5531" s="5" t="s">
        <v>1521</v>
      </c>
      <c r="O5531" s="5" t="s">
        <v>38</v>
      </c>
      <c r="P5531" s="5" t="s">
        <v>39</v>
      </c>
      <c r="Q5531" s="5" t="s">
        <v>40</v>
      </c>
      <c r="R5531" s="5" t="s">
        <v>1522</v>
      </c>
      <c r="S5531" s="5" t="s">
        <v>1523</v>
      </c>
      <c r="T5531" s="5" t="s">
        <v>42</v>
      </c>
      <c r="U5531" s="2">
        <v>2.6989999999999998</v>
      </c>
      <c r="V5531" s="2">
        <v>2.1619999999999999</v>
      </c>
      <c r="W5531" s="2">
        <v>1.2999999999999999E-2</v>
      </c>
      <c r="X5531" s="2">
        <v>99.1</v>
      </c>
      <c r="Y5531" s="2">
        <v>7.6</v>
      </c>
      <c r="Z5531" s="2">
        <v>16.7</v>
      </c>
      <c r="AA5531" s="5"/>
      <c r="AB5531" s="5" t="s">
        <v>43</v>
      </c>
      <c r="AC5531" s="5" t="s">
        <v>44</v>
      </c>
      <c r="AD5531" s="2"/>
      <c r="AE5531" s="1"/>
    </row>
    <row r="5532" spans="1:31" ht="14.45">
      <c r="A5532" s="11"/>
      <c r="B5532" s="20"/>
      <c r="C5532" s="2" t="s">
        <v>17067</v>
      </c>
      <c r="D5532" s="14" t="s">
        <v>17068</v>
      </c>
      <c r="E5532" s="2" t="s">
        <v>17069</v>
      </c>
      <c r="F5532" s="2" t="s">
        <v>16022</v>
      </c>
      <c r="G5532" s="8">
        <v>263</v>
      </c>
      <c r="H5532" s="5">
        <v>6</v>
      </c>
      <c r="I5532" s="5" t="s">
        <v>1518</v>
      </c>
      <c r="J5532" s="5" t="s">
        <v>1519</v>
      </c>
      <c r="K5532" s="2" t="s">
        <v>1520</v>
      </c>
      <c r="L5532" s="5" t="s">
        <v>1519</v>
      </c>
      <c r="M5532" s="2" t="s">
        <v>1520</v>
      </c>
      <c r="N5532" s="5" t="s">
        <v>1521</v>
      </c>
      <c r="O5532" s="5" t="s">
        <v>38</v>
      </c>
      <c r="P5532" s="5" t="s">
        <v>39</v>
      </c>
      <c r="Q5532" s="5" t="s">
        <v>40</v>
      </c>
      <c r="R5532" s="5" t="s">
        <v>1522</v>
      </c>
      <c r="S5532" s="5" t="s">
        <v>1523</v>
      </c>
      <c r="T5532" s="5" t="s">
        <v>42</v>
      </c>
      <c r="U5532" s="2">
        <v>2.7770000000000001</v>
      </c>
      <c r="V5532" s="2">
        <v>2.2400000000000002</v>
      </c>
      <c r="W5532" s="2">
        <v>1.2999999999999999E-2</v>
      </c>
      <c r="X5532" s="2">
        <v>99.1</v>
      </c>
      <c r="Y5532" s="2">
        <v>7.6</v>
      </c>
      <c r="Z5532" s="2">
        <v>16.7</v>
      </c>
      <c r="AA5532" s="5"/>
      <c r="AB5532" s="5" t="s">
        <v>43</v>
      </c>
      <c r="AC5532" s="5" t="s">
        <v>44</v>
      </c>
      <c r="AD5532" s="2"/>
      <c r="AE5532" s="1"/>
    </row>
    <row r="5533" spans="1:31" ht="14.45">
      <c r="A5533" s="11"/>
      <c r="B5533" s="20"/>
      <c r="C5533" s="2" t="s">
        <v>17070</v>
      </c>
      <c r="D5533" s="14" t="s">
        <v>17071</v>
      </c>
      <c r="E5533" s="2" t="s">
        <v>17072</v>
      </c>
      <c r="F5533" s="2" t="s">
        <v>7615</v>
      </c>
      <c r="G5533" s="8">
        <v>263</v>
      </c>
      <c r="H5533" s="5">
        <v>6</v>
      </c>
      <c r="I5533" s="5" t="s">
        <v>1518</v>
      </c>
      <c r="J5533" s="5" t="s">
        <v>1519</v>
      </c>
      <c r="K5533" s="2" t="s">
        <v>1520</v>
      </c>
      <c r="L5533" s="5" t="s">
        <v>1519</v>
      </c>
      <c r="M5533" s="2" t="s">
        <v>1520</v>
      </c>
      <c r="N5533" s="5" t="s">
        <v>1521</v>
      </c>
      <c r="O5533" s="5" t="s">
        <v>38</v>
      </c>
      <c r="P5533" s="5" t="s">
        <v>39</v>
      </c>
      <c r="Q5533" s="5" t="s">
        <v>40</v>
      </c>
      <c r="R5533" s="5" t="s">
        <v>1522</v>
      </c>
      <c r="S5533" s="5" t="s">
        <v>1523</v>
      </c>
      <c r="T5533" s="5" t="s">
        <v>42</v>
      </c>
      <c r="U5533" s="2">
        <v>2.68</v>
      </c>
      <c r="V5533" s="2">
        <v>2.1429999999999998</v>
      </c>
      <c r="W5533" s="2">
        <v>1.2999999999999999E-2</v>
      </c>
      <c r="X5533" s="2">
        <v>99.1</v>
      </c>
      <c r="Y5533" s="2">
        <v>7.6</v>
      </c>
      <c r="Z5533" s="2">
        <v>16.7</v>
      </c>
      <c r="AA5533" s="5"/>
      <c r="AB5533" s="5" t="s">
        <v>43</v>
      </c>
      <c r="AC5533" s="5" t="s">
        <v>44</v>
      </c>
      <c r="AD5533" s="2"/>
      <c r="AE5533" s="1"/>
    </row>
    <row r="5534" spans="1:31" ht="14.45">
      <c r="A5534" s="11"/>
      <c r="B5534" s="20"/>
      <c r="C5534" s="2" t="s">
        <v>17073</v>
      </c>
      <c r="D5534" s="14" t="s">
        <v>17074</v>
      </c>
      <c r="E5534" s="2" t="s">
        <v>17075</v>
      </c>
      <c r="F5534" s="2" t="s">
        <v>7619</v>
      </c>
      <c r="G5534" s="8">
        <v>263</v>
      </c>
      <c r="H5534" s="5">
        <v>6</v>
      </c>
      <c r="I5534" s="5" t="s">
        <v>1518</v>
      </c>
      <c r="J5534" s="5" t="s">
        <v>1519</v>
      </c>
      <c r="K5534" s="2" t="s">
        <v>1520</v>
      </c>
      <c r="L5534" s="5" t="s">
        <v>1519</v>
      </c>
      <c r="M5534" s="2" t="s">
        <v>1520</v>
      </c>
      <c r="N5534" s="5" t="s">
        <v>1521</v>
      </c>
      <c r="O5534" s="5" t="s">
        <v>38</v>
      </c>
      <c r="P5534" s="5" t="s">
        <v>39</v>
      </c>
      <c r="Q5534" s="5" t="s">
        <v>40</v>
      </c>
      <c r="R5534" s="5" t="s">
        <v>1522</v>
      </c>
      <c r="S5534" s="5" t="s">
        <v>1523</v>
      </c>
      <c r="T5534" s="5" t="s">
        <v>42</v>
      </c>
      <c r="U5534" s="2">
        <v>2.758</v>
      </c>
      <c r="V5534" s="2">
        <v>2.2210000000000001</v>
      </c>
      <c r="W5534" s="2">
        <v>1.2999999999999999E-2</v>
      </c>
      <c r="X5534" s="2">
        <v>99.1</v>
      </c>
      <c r="Y5534" s="2">
        <v>7.6</v>
      </c>
      <c r="Z5534" s="2">
        <v>16.7</v>
      </c>
      <c r="AA5534" s="5"/>
      <c r="AB5534" s="5" t="s">
        <v>43</v>
      </c>
      <c r="AC5534" s="5" t="s">
        <v>44</v>
      </c>
      <c r="AD5534" s="2"/>
      <c r="AE5534" s="1"/>
    </row>
    <row r="5535" spans="1:31" ht="14.45">
      <c r="A5535" s="11"/>
      <c r="B5535" s="20"/>
      <c r="C5535" s="2" t="s">
        <v>17076</v>
      </c>
      <c r="D5535" s="14" t="s">
        <v>17077</v>
      </c>
      <c r="E5535" s="2" t="s">
        <v>17078</v>
      </c>
      <c r="F5535" s="2" t="s">
        <v>16029</v>
      </c>
      <c r="G5535" s="8">
        <v>263</v>
      </c>
      <c r="H5535" s="5">
        <v>11</v>
      </c>
      <c r="I5535" s="5" t="s">
        <v>1518</v>
      </c>
      <c r="J5535" s="5" t="s">
        <v>1519</v>
      </c>
      <c r="K5535" s="2" t="s">
        <v>1520</v>
      </c>
      <c r="L5535" s="5" t="s">
        <v>1519</v>
      </c>
      <c r="M5535" s="2" t="s">
        <v>1520</v>
      </c>
      <c r="N5535" s="5" t="s">
        <v>1521</v>
      </c>
      <c r="O5535" s="5" t="s">
        <v>38</v>
      </c>
      <c r="P5535" s="5" t="s">
        <v>39</v>
      </c>
      <c r="Q5535" s="5" t="s">
        <v>40</v>
      </c>
      <c r="R5535" s="5" t="s">
        <v>1522</v>
      </c>
      <c r="S5535" s="5" t="s">
        <v>1523</v>
      </c>
      <c r="T5535" s="5" t="s">
        <v>42</v>
      </c>
      <c r="U5535" s="2">
        <v>2.7160000000000002</v>
      </c>
      <c r="V5535" s="2">
        <v>2.1789999999999998</v>
      </c>
      <c r="W5535" s="2">
        <v>1.2999999999999999E-2</v>
      </c>
      <c r="X5535" s="2">
        <v>99.1</v>
      </c>
      <c r="Y5535" s="2">
        <v>7.6</v>
      </c>
      <c r="Z5535" s="2">
        <v>16.7</v>
      </c>
      <c r="AA5535" s="5"/>
      <c r="AB5535" s="5" t="s">
        <v>43</v>
      </c>
      <c r="AC5535" s="5" t="s">
        <v>44</v>
      </c>
      <c r="AD5535" s="2"/>
      <c r="AE5535" s="1"/>
    </row>
    <row r="5536" spans="1:31" ht="14.45">
      <c r="A5536" s="11"/>
      <c r="B5536" s="20"/>
      <c r="C5536" s="2" t="s">
        <v>17079</v>
      </c>
      <c r="D5536" s="14" t="s">
        <v>17080</v>
      </c>
      <c r="E5536" s="2" t="s">
        <v>17081</v>
      </c>
      <c r="F5536" s="2" t="s">
        <v>16033</v>
      </c>
      <c r="G5536" s="8">
        <v>263</v>
      </c>
      <c r="H5536" s="5">
        <v>11</v>
      </c>
      <c r="I5536" s="5" t="s">
        <v>1518</v>
      </c>
      <c r="J5536" s="5" t="s">
        <v>1519</v>
      </c>
      <c r="K5536" s="2" t="s">
        <v>1520</v>
      </c>
      <c r="L5536" s="5" t="s">
        <v>1519</v>
      </c>
      <c r="M5536" s="2" t="s">
        <v>1520</v>
      </c>
      <c r="N5536" s="5" t="s">
        <v>1521</v>
      </c>
      <c r="O5536" s="5" t="s">
        <v>38</v>
      </c>
      <c r="P5536" s="5" t="s">
        <v>39</v>
      </c>
      <c r="Q5536" s="5" t="s">
        <v>40</v>
      </c>
      <c r="R5536" s="5" t="s">
        <v>1522</v>
      </c>
      <c r="S5536" s="5" t="s">
        <v>1523</v>
      </c>
      <c r="T5536" s="5" t="s">
        <v>42</v>
      </c>
      <c r="U5536" s="2">
        <v>2.794</v>
      </c>
      <c r="V5536" s="2">
        <v>2.2570000000000001</v>
      </c>
      <c r="W5536" s="2">
        <v>1.2999999999999999E-2</v>
      </c>
      <c r="X5536" s="2">
        <v>99.1</v>
      </c>
      <c r="Y5536" s="2">
        <v>7.6</v>
      </c>
      <c r="Z5536" s="2">
        <v>16.7</v>
      </c>
      <c r="AA5536" s="5"/>
      <c r="AB5536" s="5" t="s">
        <v>43</v>
      </c>
      <c r="AC5536" s="5" t="s">
        <v>44</v>
      </c>
      <c r="AD5536" s="2"/>
      <c r="AE5536" s="1"/>
    </row>
    <row r="5537" spans="1:31" ht="14.45">
      <c r="A5537" s="11"/>
      <c r="B5537" s="20"/>
      <c r="C5537" s="2" t="s">
        <v>17082</v>
      </c>
      <c r="D5537" s="14" t="s">
        <v>17083</v>
      </c>
      <c r="E5537" s="2" t="s">
        <v>17084</v>
      </c>
      <c r="F5537" s="2" t="s">
        <v>7396</v>
      </c>
      <c r="G5537" s="8">
        <v>249</v>
      </c>
      <c r="H5537" s="5">
        <v>6</v>
      </c>
      <c r="I5537" s="5" t="s">
        <v>1518</v>
      </c>
      <c r="J5537" s="5" t="s">
        <v>1519</v>
      </c>
      <c r="K5537" s="2" t="s">
        <v>1520</v>
      </c>
      <c r="L5537" s="5" t="s">
        <v>1519</v>
      </c>
      <c r="M5537" s="2" t="s">
        <v>1520</v>
      </c>
      <c r="N5537" s="5" t="s">
        <v>1521</v>
      </c>
      <c r="O5537" s="5" t="s">
        <v>38</v>
      </c>
      <c r="P5537" s="5" t="s">
        <v>39</v>
      </c>
      <c r="Q5537" s="5" t="s">
        <v>40</v>
      </c>
      <c r="R5537" s="5" t="s">
        <v>1522</v>
      </c>
      <c r="S5537" s="5" t="s">
        <v>1523</v>
      </c>
      <c r="T5537" s="5" t="s">
        <v>42</v>
      </c>
      <c r="U5537" s="2">
        <v>2.8620000000000001</v>
      </c>
      <c r="V5537" s="2">
        <v>2.3250000000000002</v>
      </c>
      <c r="W5537" s="2">
        <v>1.4999999999999999E-2</v>
      </c>
      <c r="X5537" s="2">
        <v>118.9</v>
      </c>
      <c r="Y5537" s="2">
        <v>7.6</v>
      </c>
      <c r="Z5537" s="2">
        <v>16.7</v>
      </c>
      <c r="AA5537" s="5"/>
      <c r="AB5537" s="5" t="s">
        <v>43</v>
      </c>
      <c r="AC5537" s="5" t="s">
        <v>44</v>
      </c>
      <c r="AD5537" s="2"/>
      <c r="AE5537" s="1"/>
    </row>
    <row r="5538" spans="1:31" ht="14.45">
      <c r="A5538" s="11"/>
      <c r="B5538" s="20"/>
      <c r="C5538" s="2" t="s">
        <v>17085</v>
      </c>
      <c r="D5538" s="14" t="s">
        <v>17086</v>
      </c>
      <c r="E5538" s="2" t="s">
        <v>17087</v>
      </c>
      <c r="F5538" s="2" t="s">
        <v>7507</v>
      </c>
      <c r="G5538" s="8">
        <v>249</v>
      </c>
      <c r="H5538" s="5">
        <v>6</v>
      </c>
      <c r="I5538" s="5" t="s">
        <v>1518</v>
      </c>
      <c r="J5538" s="5" t="s">
        <v>1519</v>
      </c>
      <c r="K5538" s="2" t="s">
        <v>1520</v>
      </c>
      <c r="L5538" s="5" t="s">
        <v>1519</v>
      </c>
      <c r="M5538" s="2" t="s">
        <v>1520</v>
      </c>
      <c r="N5538" s="5" t="s">
        <v>1521</v>
      </c>
      <c r="O5538" s="5" t="s">
        <v>38</v>
      </c>
      <c r="P5538" s="5" t="s">
        <v>39</v>
      </c>
      <c r="Q5538" s="5" t="s">
        <v>40</v>
      </c>
      <c r="R5538" s="5" t="s">
        <v>1522</v>
      </c>
      <c r="S5538" s="5" t="s">
        <v>1523</v>
      </c>
      <c r="T5538" s="5" t="s">
        <v>42</v>
      </c>
      <c r="U5538" s="2">
        <v>2.9540000000000002</v>
      </c>
      <c r="V5538" s="2">
        <v>2.4169999999999998</v>
      </c>
      <c r="W5538" s="2">
        <v>1.4999999999999999E-2</v>
      </c>
      <c r="X5538" s="2">
        <v>118.9</v>
      </c>
      <c r="Y5538" s="2">
        <v>7.6</v>
      </c>
      <c r="Z5538" s="2">
        <v>16.7</v>
      </c>
      <c r="AA5538" s="5"/>
      <c r="AB5538" s="5" t="s">
        <v>43</v>
      </c>
      <c r="AC5538" s="5" t="s">
        <v>44</v>
      </c>
      <c r="AD5538" s="2"/>
      <c r="AE5538" s="1"/>
    </row>
    <row r="5539" spans="1:31" ht="14.45">
      <c r="A5539" s="11"/>
      <c r="B5539" s="20"/>
      <c r="C5539" s="2" t="s">
        <v>17088</v>
      </c>
      <c r="D5539" s="14" t="s">
        <v>17089</v>
      </c>
      <c r="E5539" s="2" t="s">
        <v>17090</v>
      </c>
      <c r="F5539" s="2" t="s">
        <v>7204</v>
      </c>
      <c r="G5539" s="8">
        <v>249</v>
      </c>
      <c r="H5539" s="5">
        <v>6</v>
      </c>
      <c r="I5539" s="5" t="s">
        <v>1518</v>
      </c>
      <c r="J5539" s="5" t="s">
        <v>1519</v>
      </c>
      <c r="K5539" s="2" t="s">
        <v>1520</v>
      </c>
      <c r="L5539" s="5" t="s">
        <v>1519</v>
      </c>
      <c r="M5539" s="2" t="s">
        <v>1520</v>
      </c>
      <c r="N5539" s="5" t="s">
        <v>1521</v>
      </c>
      <c r="O5539" s="5" t="s">
        <v>38</v>
      </c>
      <c r="P5539" s="5" t="s">
        <v>39</v>
      </c>
      <c r="Q5539" s="5" t="s">
        <v>40</v>
      </c>
      <c r="R5539" s="5" t="s">
        <v>1522</v>
      </c>
      <c r="S5539" s="5" t="s">
        <v>1523</v>
      </c>
      <c r="T5539" s="5" t="s">
        <v>42</v>
      </c>
      <c r="U5539" s="2">
        <v>2.8690000000000002</v>
      </c>
      <c r="V5539" s="2">
        <v>2.3319999999999999</v>
      </c>
      <c r="W5539" s="2">
        <v>1.4999999999999999E-2</v>
      </c>
      <c r="X5539" s="2">
        <v>118.9</v>
      </c>
      <c r="Y5539" s="2">
        <v>7.6</v>
      </c>
      <c r="Z5539" s="2">
        <v>16.7</v>
      </c>
      <c r="AA5539" s="5"/>
      <c r="AB5539" s="5" t="s">
        <v>43</v>
      </c>
      <c r="AC5539" s="5" t="s">
        <v>44</v>
      </c>
      <c r="AD5539" s="2"/>
      <c r="AE5539" s="1"/>
    </row>
    <row r="5540" spans="1:31" ht="14.45">
      <c r="A5540" s="11"/>
      <c r="B5540" s="20"/>
      <c r="C5540" s="2" t="s">
        <v>17091</v>
      </c>
      <c r="D5540" s="14" t="s">
        <v>17092</v>
      </c>
      <c r="E5540" s="2" t="s">
        <v>17093</v>
      </c>
      <c r="F5540" s="2" t="s">
        <v>7514</v>
      </c>
      <c r="G5540" s="8">
        <v>249</v>
      </c>
      <c r="H5540" s="5">
        <v>6</v>
      </c>
      <c r="I5540" s="5" t="s">
        <v>1518</v>
      </c>
      <c r="J5540" s="5" t="s">
        <v>1519</v>
      </c>
      <c r="K5540" s="2" t="s">
        <v>1520</v>
      </c>
      <c r="L5540" s="5" t="s">
        <v>1519</v>
      </c>
      <c r="M5540" s="2" t="s">
        <v>1520</v>
      </c>
      <c r="N5540" s="5" t="s">
        <v>1521</v>
      </c>
      <c r="O5540" s="5" t="s">
        <v>38</v>
      </c>
      <c r="P5540" s="5" t="s">
        <v>39</v>
      </c>
      <c r="Q5540" s="5" t="s">
        <v>40</v>
      </c>
      <c r="R5540" s="5" t="s">
        <v>1522</v>
      </c>
      <c r="S5540" s="5" t="s">
        <v>1523</v>
      </c>
      <c r="T5540" s="5" t="s">
        <v>42</v>
      </c>
      <c r="U5540" s="2">
        <v>2.9609999999999999</v>
      </c>
      <c r="V5540" s="2">
        <v>2.4239999999999999</v>
      </c>
      <c r="W5540" s="2">
        <v>1.4999999999999999E-2</v>
      </c>
      <c r="X5540" s="2">
        <v>118.9</v>
      </c>
      <c r="Y5540" s="2">
        <v>7.6</v>
      </c>
      <c r="Z5540" s="2">
        <v>16.7</v>
      </c>
      <c r="AA5540" s="5"/>
      <c r="AB5540" s="5" t="s">
        <v>43</v>
      </c>
      <c r="AC5540" s="5" t="s">
        <v>44</v>
      </c>
      <c r="AD5540" s="2"/>
      <c r="AE5540" s="1"/>
    </row>
    <row r="5541" spans="1:31" ht="14.45">
      <c r="A5541" s="11"/>
      <c r="B5541" s="20"/>
      <c r="C5541" s="2" t="s">
        <v>17094</v>
      </c>
      <c r="D5541" s="14" t="s">
        <v>17095</v>
      </c>
      <c r="E5541" s="2" t="s">
        <v>17096</v>
      </c>
      <c r="F5541" s="2" t="s">
        <v>7208</v>
      </c>
      <c r="G5541" s="8">
        <v>249</v>
      </c>
      <c r="H5541" s="5">
        <v>6</v>
      </c>
      <c r="I5541" s="5" t="s">
        <v>1518</v>
      </c>
      <c r="J5541" s="5" t="s">
        <v>1519</v>
      </c>
      <c r="K5541" s="2" t="s">
        <v>1520</v>
      </c>
      <c r="L5541" s="5" t="s">
        <v>1519</v>
      </c>
      <c r="M5541" s="2" t="s">
        <v>1520</v>
      </c>
      <c r="N5541" s="5" t="s">
        <v>1521</v>
      </c>
      <c r="O5541" s="5" t="s">
        <v>38</v>
      </c>
      <c r="P5541" s="5" t="s">
        <v>39</v>
      </c>
      <c r="Q5541" s="5" t="s">
        <v>40</v>
      </c>
      <c r="R5541" s="5" t="s">
        <v>1522</v>
      </c>
      <c r="S5541" s="5" t="s">
        <v>1523</v>
      </c>
      <c r="T5541" s="5" t="s">
        <v>42</v>
      </c>
      <c r="U5541" s="2">
        <v>2.8690000000000002</v>
      </c>
      <c r="V5541" s="2">
        <v>2.3319999999999999</v>
      </c>
      <c r="W5541" s="2">
        <v>1.4999999999999999E-2</v>
      </c>
      <c r="X5541" s="2">
        <v>118.9</v>
      </c>
      <c r="Y5541" s="2">
        <v>7.6</v>
      </c>
      <c r="Z5541" s="2">
        <v>16.7</v>
      </c>
      <c r="AA5541" s="5"/>
      <c r="AB5541" s="5" t="s">
        <v>43</v>
      </c>
      <c r="AC5541" s="5" t="s">
        <v>44</v>
      </c>
      <c r="AD5541" s="2"/>
      <c r="AE5541" s="1"/>
    </row>
    <row r="5542" spans="1:31" ht="14.45">
      <c r="A5542" s="11"/>
      <c r="B5542" s="20"/>
      <c r="C5542" s="2" t="s">
        <v>17097</v>
      </c>
      <c r="D5542" s="14" t="s">
        <v>17098</v>
      </c>
      <c r="E5542" s="2" t="s">
        <v>17099</v>
      </c>
      <c r="F5542" s="2" t="s">
        <v>7521</v>
      </c>
      <c r="G5542" s="8">
        <v>249</v>
      </c>
      <c r="H5542" s="5">
        <v>6</v>
      </c>
      <c r="I5542" s="5" t="s">
        <v>1518</v>
      </c>
      <c r="J5542" s="5" t="s">
        <v>1519</v>
      </c>
      <c r="K5542" s="2" t="s">
        <v>1520</v>
      </c>
      <c r="L5542" s="5" t="s">
        <v>1519</v>
      </c>
      <c r="M5542" s="2" t="s">
        <v>1520</v>
      </c>
      <c r="N5542" s="5" t="s">
        <v>1521</v>
      </c>
      <c r="O5542" s="5" t="s">
        <v>38</v>
      </c>
      <c r="P5542" s="5" t="s">
        <v>39</v>
      </c>
      <c r="Q5542" s="5" t="s">
        <v>40</v>
      </c>
      <c r="R5542" s="5" t="s">
        <v>1522</v>
      </c>
      <c r="S5542" s="5" t="s">
        <v>1523</v>
      </c>
      <c r="T5542" s="5" t="s">
        <v>42</v>
      </c>
      <c r="U5542" s="2">
        <v>2.9609999999999999</v>
      </c>
      <c r="V5542" s="2">
        <v>2.4239999999999999</v>
      </c>
      <c r="W5542" s="2">
        <v>1.4999999999999999E-2</v>
      </c>
      <c r="X5542" s="2">
        <v>118.9</v>
      </c>
      <c r="Y5542" s="2">
        <v>7.6</v>
      </c>
      <c r="Z5542" s="2">
        <v>16.7</v>
      </c>
      <c r="AA5542" s="5"/>
      <c r="AB5542" s="5" t="s">
        <v>43</v>
      </c>
      <c r="AC5542" s="5" t="s">
        <v>44</v>
      </c>
      <c r="AD5542" s="2"/>
      <c r="AE5542" s="1"/>
    </row>
    <row r="5543" spans="1:31" ht="14.45">
      <c r="A5543" s="11"/>
      <c r="B5543" s="20"/>
      <c r="C5543" s="2" t="s">
        <v>17100</v>
      </c>
      <c r="D5543" s="14" t="s">
        <v>17101</v>
      </c>
      <c r="E5543" s="2" t="s">
        <v>17102</v>
      </c>
      <c r="F5543" s="2" t="s">
        <v>7212</v>
      </c>
      <c r="G5543" s="8">
        <v>249</v>
      </c>
      <c r="H5543" s="5">
        <v>6</v>
      </c>
      <c r="I5543" s="5" t="s">
        <v>1518</v>
      </c>
      <c r="J5543" s="5" t="s">
        <v>1519</v>
      </c>
      <c r="K5543" s="2" t="s">
        <v>1520</v>
      </c>
      <c r="L5543" s="5" t="s">
        <v>1519</v>
      </c>
      <c r="M5543" s="2" t="s">
        <v>1520</v>
      </c>
      <c r="N5543" s="5" t="s">
        <v>1521</v>
      </c>
      <c r="O5543" s="5" t="s">
        <v>38</v>
      </c>
      <c r="P5543" s="5" t="s">
        <v>39</v>
      </c>
      <c r="Q5543" s="5" t="s">
        <v>40</v>
      </c>
      <c r="R5543" s="5" t="s">
        <v>1522</v>
      </c>
      <c r="S5543" s="5" t="s">
        <v>1523</v>
      </c>
      <c r="T5543" s="5" t="s">
        <v>42</v>
      </c>
      <c r="U5543" s="2">
        <v>2.847</v>
      </c>
      <c r="V5543" s="2">
        <v>2.31</v>
      </c>
      <c r="W5543" s="2">
        <v>1.4999999999999999E-2</v>
      </c>
      <c r="X5543" s="2">
        <v>118.9</v>
      </c>
      <c r="Y5543" s="2">
        <v>7.6</v>
      </c>
      <c r="Z5543" s="2">
        <v>16.7</v>
      </c>
      <c r="AA5543" s="5"/>
      <c r="AB5543" s="5" t="s">
        <v>43</v>
      </c>
      <c r="AC5543" s="5" t="s">
        <v>44</v>
      </c>
      <c r="AD5543" s="2"/>
      <c r="AE5543" s="1"/>
    </row>
    <row r="5544" spans="1:31" ht="14.45">
      <c r="A5544" s="11"/>
      <c r="B5544" s="20"/>
      <c r="C5544" s="2" t="s">
        <v>17103</v>
      </c>
      <c r="D5544" s="14" t="s">
        <v>17104</v>
      </c>
      <c r="E5544" s="2" t="s">
        <v>17105</v>
      </c>
      <c r="F5544" s="2" t="s">
        <v>7528</v>
      </c>
      <c r="G5544" s="8">
        <v>249</v>
      </c>
      <c r="H5544" s="5">
        <v>6</v>
      </c>
      <c r="I5544" s="5" t="s">
        <v>1518</v>
      </c>
      <c r="J5544" s="5" t="s">
        <v>1519</v>
      </c>
      <c r="K5544" s="2" t="s">
        <v>1520</v>
      </c>
      <c r="L5544" s="5" t="s">
        <v>1519</v>
      </c>
      <c r="M5544" s="2" t="s">
        <v>1520</v>
      </c>
      <c r="N5544" s="5" t="s">
        <v>1521</v>
      </c>
      <c r="O5544" s="5" t="s">
        <v>38</v>
      </c>
      <c r="P5544" s="5" t="s">
        <v>39</v>
      </c>
      <c r="Q5544" s="5" t="s">
        <v>40</v>
      </c>
      <c r="R5544" s="5" t="s">
        <v>1522</v>
      </c>
      <c r="S5544" s="5" t="s">
        <v>1523</v>
      </c>
      <c r="T5544" s="5" t="s">
        <v>42</v>
      </c>
      <c r="U5544" s="2">
        <v>2.9390000000000001</v>
      </c>
      <c r="V5544" s="2">
        <v>2.4020000000000001</v>
      </c>
      <c r="W5544" s="2">
        <v>1.4999999999999999E-2</v>
      </c>
      <c r="X5544" s="2">
        <v>118.9</v>
      </c>
      <c r="Y5544" s="2">
        <v>7.6</v>
      </c>
      <c r="Z5544" s="2">
        <v>16.7</v>
      </c>
      <c r="AA5544" s="5"/>
      <c r="AB5544" s="5" t="s">
        <v>43</v>
      </c>
      <c r="AC5544" s="5" t="s">
        <v>44</v>
      </c>
      <c r="AD5544" s="2"/>
      <c r="AE5544" s="1"/>
    </row>
    <row r="5545" spans="1:31" ht="14.45">
      <c r="A5545" s="11"/>
      <c r="B5545" s="20"/>
      <c r="C5545" s="2" t="s">
        <v>17106</v>
      </c>
      <c r="D5545" s="14" t="s">
        <v>17107</v>
      </c>
      <c r="E5545" s="2" t="s">
        <v>17108</v>
      </c>
      <c r="F5545" s="2" t="s">
        <v>7406</v>
      </c>
      <c r="G5545" s="8">
        <v>267</v>
      </c>
      <c r="H5545" s="5">
        <v>6</v>
      </c>
      <c r="I5545" s="5" t="s">
        <v>1518</v>
      </c>
      <c r="J5545" s="5" t="s">
        <v>1519</v>
      </c>
      <c r="K5545" s="2" t="s">
        <v>1520</v>
      </c>
      <c r="L5545" s="5" t="s">
        <v>1519</v>
      </c>
      <c r="M5545" s="2" t="s">
        <v>1520</v>
      </c>
      <c r="N5545" s="5" t="s">
        <v>1521</v>
      </c>
      <c r="O5545" s="5" t="s">
        <v>38</v>
      </c>
      <c r="P5545" s="5" t="s">
        <v>39</v>
      </c>
      <c r="Q5545" s="5" t="s">
        <v>40</v>
      </c>
      <c r="R5545" s="5" t="s">
        <v>1522</v>
      </c>
      <c r="S5545" s="5" t="s">
        <v>1523</v>
      </c>
      <c r="T5545" s="5" t="s">
        <v>42</v>
      </c>
      <c r="U5545" s="2">
        <v>2.847</v>
      </c>
      <c r="V5545" s="2">
        <v>2.31</v>
      </c>
      <c r="W5545" s="2">
        <v>1.4999999999999999E-2</v>
      </c>
      <c r="X5545" s="2">
        <v>118.9</v>
      </c>
      <c r="Y5545" s="2">
        <v>7.6</v>
      </c>
      <c r="Z5545" s="2">
        <v>16.7</v>
      </c>
      <c r="AA5545" s="5"/>
      <c r="AB5545" s="5" t="s">
        <v>43</v>
      </c>
      <c r="AC5545" s="5" t="s">
        <v>44</v>
      </c>
      <c r="AD5545" s="2"/>
      <c r="AE5545" s="1"/>
    </row>
    <row r="5546" spans="1:31" ht="14.45">
      <c r="A5546" s="11"/>
      <c r="B5546" s="20"/>
      <c r="C5546" s="2" t="s">
        <v>17109</v>
      </c>
      <c r="D5546" s="14" t="s">
        <v>17110</v>
      </c>
      <c r="E5546" s="2" t="s">
        <v>17111</v>
      </c>
      <c r="F5546" s="2" t="s">
        <v>7535</v>
      </c>
      <c r="G5546" s="8">
        <v>267</v>
      </c>
      <c r="H5546" s="5">
        <v>6</v>
      </c>
      <c r="I5546" s="5" t="s">
        <v>1518</v>
      </c>
      <c r="J5546" s="5" t="s">
        <v>1519</v>
      </c>
      <c r="K5546" s="2" t="s">
        <v>1520</v>
      </c>
      <c r="L5546" s="5" t="s">
        <v>1519</v>
      </c>
      <c r="M5546" s="2" t="s">
        <v>1520</v>
      </c>
      <c r="N5546" s="5" t="s">
        <v>1521</v>
      </c>
      <c r="O5546" s="5" t="s">
        <v>38</v>
      </c>
      <c r="P5546" s="5" t="s">
        <v>39</v>
      </c>
      <c r="Q5546" s="5" t="s">
        <v>40</v>
      </c>
      <c r="R5546" s="5" t="s">
        <v>1522</v>
      </c>
      <c r="S5546" s="5" t="s">
        <v>1523</v>
      </c>
      <c r="T5546" s="5" t="s">
        <v>42</v>
      </c>
      <c r="U5546" s="2">
        <v>2.9390000000000001</v>
      </c>
      <c r="V5546" s="2">
        <v>2.4020000000000001</v>
      </c>
      <c r="W5546" s="2">
        <v>1.4999999999999999E-2</v>
      </c>
      <c r="X5546" s="2">
        <v>118.9</v>
      </c>
      <c r="Y5546" s="2">
        <v>7.6</v>
      </c>
      <c r="Z5546" s="2">
        <v>16.7</v>
      </c>
      <c r="AA5546" s="5"/>
      <c r="AB5546" s="5" t="s">
        <v>43</v>
      </c>
      <c r="AC5546" s="5" t="s">
        <v>44</v>
      </c>
      <c r="AD5546" s="2"/>
      <c r="AE5546" s="1"/>
    </row>
    <row r="5547" spans="1:31" ht="14.45">
      <c r="A5547" s="11"/>
      <c r="B5547" s="20"/>
      <c r="C5547" s="2" t="s">
        <v>17112</v>
      </c>
      <c r="D5547" s="14" t="s">
        <v>17113</v>
      </c>
      <c r="E5547" s="2" t="s">
        <v>17114</v>
      </c>
      <c r="F5547" s="2" t="s">
        <v>7539</v>
      </c>
      <c r="G5547" s="8">
        <v>267</v>
      </c>
      <c r="H5547" s="5">
        <v>6</v>
      </c>
      <c r="I5547" s="5" t="s">
        <v>1518</v>
      </c>
      <c r="J5547" s="5" t="s">
        <v>1519</v>
      </c>
      <c r="K5547" s="2" t="s">
        <v>1520</v>
      </c>
      <c r="L5547" s="5" t="s">
        <v>1519</v>
      </c>
      <c r="M5547" s="2" t="s">
        <v>1520</v>
      </c>
      <c r="N5547" s="5" t="s">
        <v>1521</v>
      </c>
      <c r="O5547" s="5" t="s">
        <v>38</v>
      </c>
      <c r="P5547" s="5" t="s">
        <v>39</v>
      </c>
      <c r="Q5547" s="5" t="s">
        <v>40</v>
      </c>
      <c r="R5547" s="5" t="s">
        <v>1522</v>
      </c>
      <c r="S5547" s="5" t="s">
        <v>1523</v>
      </c>
      <c r="T5547" s="5" t="s">
        <v>42</v>
      </c>
      <c r="U5547" s="2">
        <v>2.8690000000000002</v>
      </c>
      <c r="V5547" s="2">
        <v>2.3319999999999999</v>
      </c>
      <c r="W5547" s="2">
        <v>1.4999999999999999E-2</v>
      </c>
      <c r="X5547" s="2">
        <v>118.9</v>
      </c>
      <c r="Y5547" s="2">
        <v>7.6</v>
      </c>
      <c r="Z5547" s="2">
        <v>16.7</v>
      </c>
      <c r="AA5547" s="5"/>
      <c r="AB5547" s="5" t="s">
        <v>43</v>
      </c>
      <c r="AC5547" s="5" t="s">
        <v>44</v>
      </c>
      <c r="AD5547" s="2"/>
      <c r="AE5547" s="1"/>
    </row>
    <row r="5548" spans="1:31" ht="14.45">
      <c r="A5548" s="11"/>
      <c r="B5548" s="20"/>
      <c r="C5548" s="2" t="s">
        <v>17115</v>
      </c>
      <c r="D5548" s="14" t="s">
        <v>17116</v>
      </c>
      <c r="E5548" s="2" t="s">
        <v>17117</v>
      </c>
      <c r="F5548" s="2" t="s">
        <v>7543</v>
      </c>
      <c r="G5548" s="8">
        <v>267</v>
      </c>
      <c r="H5548" s="5">
        <v>6</v>
      </c>
      <c r="I5548" s="5" t="s">
        <v>1518</v>
      </c>
      <c r="J5548" s="5" t="s">
        <v>1519</v>
      </c>
      <c r="K5548" s="2" t="s">
        <v>1520</v>
      </c>
      <c r="L5548" s="5" t="s">
        <v>1519</v>
      </c>
      <c r="M5548" s="2" t="s">
        <v>1520</v>
      </c>
      <c r="N5548" s="5" t="s">
        <v>1521</v>
      </c>
      <c r="O5548" s="5" t="s">
        <v>38</v>
      </c>
      <c r="P5548" s="5" t="s">
        <v>39</v>
      </c>
      <c r="Q5548" s="5" t="s">
        <v>40</v>
      </c>
      <c r="R5548" s="5" t="s">
        <v>1522</v>
      </c>
      <c r="S5548" s="5" t="s">
        <v>1523</v>
      </c>
      <c r="T5548" s="5" t="s">
        <v>42</v>
      </c>
      <c r="U5548" s="2">
        <v>2.9609999999999999</v>
      </c>
      <c r="V5548" s="2">
        <v>2.4239999999999999</v>
      </c>
      <c r="W5548" s="2">
        <v>1.4999999999999999E-2</v>
      </c>
      <c r="X5548" s="2">
        <v>118.9</v>
      </c>
      <c r="Y5548" s="2">
        <v>7.6</v>
      </c>
      <c r="Z5548" s="2">
        <v>16.7</v>
      </c>
      <c r="AA5548" s="5"/>
      <c r="AB5548" s="5" t="s">
        <v>43</v>
      </c>
      <c r="AC5548" s="5" t="s">
        <v>44</v>
      </c>
      <c r="AD5548" s="2"/>
      <c r="AE5548" s="1"/>
    </row>
    <row r="5549" spans="1:31" ht="14.45">
      <c r="A5549" s="11"/>
      <c r="B5549" s="20"/>
      <c r="C5549" s="2" t="s">
        <v>17118</v>
      </c>
      <c r="D5549" s="14" t="s">
        <v>17119</v>
      </c>
      <c r="E5549" s="2" t="s">
        <v>17120</v>
      </c>
      <c r="F5549" s="2" t="s">
        <v>7547</v>
      </c>
      <c r="G5549" s="8">
        <v>267</v>
      </c>
      <c r="H5549" s="5">
        <v>6</v>
      </c>
      <c r="I5549" s="5" t="s">
        <v>1518</v>
      </c>
      <c r="J5549" s="5" t="s">
        <v>1519</v>
      </c>
      <c r="K5549" s="2" t="s">
        <v>1520</v>
      </c>
      <c r="L5549" s="5" t="s">
        <v>1519</v>
      </c>
      <c r="M5549" s="2" t="s">
        <v>1520</v>
      </c>
      <c r="N5549" s="5" t="s">
        <v>1521</v>
      </c>
      <c r="O5549" s="5" t="s">
        <v>38</v>
      </c>
      <c r="P5549" s="5" t="s">
        <v>39</v>
      </c>
      <c r="Q5549" s="5" t="s">
        <v>40</v>
      </c>
      <c r="R5549" s="5" t="s">
        <v>1522</v>
      </c>
      <c r="S5549" s="5" t="s">
        <v>1523</v>
      </c>
      <c r="T5549" s="5" t="s">
        <v>42</v>
      </c>
      <c r="U5549" s="2">
        <v>2.847</v>
      </c>
      <c r="V5549" s="2">
        <v>2.31</v>
      </c>
      <c r="W5549" s="2">
        <v>1.4999999999999999E-2</v>
      </c>
      <c r="X5549" s="2">
        <v>118.9</v>
      </c>
      <c r="Y5549" s="2">
        <v>7.6</v>
      </c>
      <c r="Z5549" s="2">
        <v>16.7</v>
      </c>
      <c r="AA5549" s="5"/>
      <c r="AB5549" s="5" t="s">
        <v>43</v>
      </c>
      <c r="AC5549" s="5" t="s">
        <v>44</v>
      </c>
      <c r="AD5549" s="2"/>
      <c r="AE5549" s="1"/>
    </row>
    <row r="5550" spans="1:31" ht="14.45">
      <c r="A5550" s="11"/>
      <c r="B5550" s="20"/>
      <c r="C5550" s="2" t="s">
        <v>17121</v>
      </c>
      <c r="D5550" s="14" t="s">
        <v>17122</v>
      </c>
      <c r="E5550" s="2" t="s">
        <v>17123</v>
      </c>
      <c r="F5550" s="2" t="s">
        <v>7551</v>
      </c>
      <c r="G5550" s="8">
        <v>267</v>
      </c>
      <c r="H5550" s="5">
        <v>6</v>
      </c>
      <c r="I5550" s="5" t="s">
        <v>1518</v>
      </c>
      <c r="J5550" s="5" t="s">
        <v>1519</v>
      </c>
      <c r="K5550" s="2" t="s">
        <v>1520</v>
      </c>
      <c r="L5550" s="5" t="s">
        <v>1519</v>
      </c>
      <c r="M5550" s="2" t="s">
        <v>1520</v>
      </c>
      <c r="N5550" s="5" t="s">
        <v>1521</v>
      </c>
      <c r="O5550" s="5" t="s">
        <v>38</v>
      </c>
      <c r="P5550" s="5" t="s">
        <v>39</v>
      </c>
      <c r="Q5550" s="5" t="s">
        <v>40</v>
      </c>
      <c r="R5550" s="5" t="s">
        <v>1522</v>
      </c>
      <c r="S5550" s="5" t="s">
        <v>1523</v>
      </c>
      <c r="T5550" s="5" t="s">
        <v>42</v>
      </c>
      <c r="U5550" s="2">
        <v>2.9390000000000001</v>
      </c>
      <c r="V5550" s="2">
        <v>2.4020000000000001</v>
      </c>
      <c r="W5550" s="2">
        <v>1.4999999999999999E-2</v>
      </c>
      <c r="X5550" s="2">
        <v>118.9</v>
      </c>
      <c r="Y5550" s="2">
        <v>7.6</v>
      </c>
      <c r="Z5550" s="2">
        <v>16.7</v>
      </c>
      <c r="AA5550" s="5"/>
      <c r="AB5550" s="5" t="s">
        <v>43</v>
      </c>
      <c r="AC5550" s="5" t="s">
        <v>44</v>
      </c>
      <c r="AD5550" s="2"/>
      <c r="AE5550" s="1"/>
    </row>
    <row r="5551" spans="1:31" ht="14.45">
      <c r="A5551" s="11"/>
      <c r="B5551" s="20"/>
      <c r="C5551" s="2" t="s">
        <v>17124</v>
      </c>
      <c r="D5551" s="14" t="s">
        <v>17125</v>
      </c>
      <c r="E5551" s="2" t="s">
        <v>17126</v>
      </c>
      <c r="F5551" s="2" t="s">
        <v>7555</v>
      </c>
      <c r="G5551" s="8">
        <v>267</v>
      </c>
      <c r="H5551" s="5">
        <v>6</v>
      </c>
      <c r="I5551" s="5" t="s">
        <v>1518</v>
      </c>
      <c r="J5551" s="5" t="s">
        <v>1519</v>
      </c>
      <c r="K5551" s="2" t="s">
        <v>1520</v>
      </c>
      <c r="L5551" s="5" t="s">
        <v>1519</v>
      </c>
      <c r="M5551" s="2" t="s">
        <v>1520</v>
      </c>
      <c r="N5551" s="5" t="s">
        <v>1521</v>
      </c>
      <c r="O5551" s="5" t="s">
        <v>38</v>
      </c>
      <c r="P5551" s="5" t="s">
        <v>39</v>
      </c>
      <c r="Q5551" s="5" t="s">
        <v>40</v>
      </c>
      <c r="R5551" s="5" t="s">
        <v>1522</v>
      </c>
      <c r="S5551" s="5" t="s">
        <v>1523</v>
      </c>
      <c r="T5551" s="5" t="s">
        <v>42</v>
      </c>
      <c r="U5551" s="2">
        <v>2.847</v>
      </c>
      <c r="V5551" s="2">
        <v>2.31</v>
      </c>
      <c r="W5551" s="2">
        <v>1.4999999999999999E-2</v>
      </c>
      <c r="X5551" s="2">
        <v>118.9</v>
      </c>
      <c r="Y5551" s="2">
        <v>7.6</v>
      </c>
      <c r="Z5551" s="2">
        <v>16.7</v>
      </c>
      <c r="AA5551" s="5"/>
      <c r="AB5551" s="5" t="s">
        <v>43</v>
      </c>
      <c r="AC5551" s="5" t="s">
        <v>44</v>
      </c>
      <c r="AD5551" s="2"/>
      <c r="AE5551" s="1"/>
    </row>
    <row r="5552" spans="1:31" ht="14.45">
      <c r="A5552" s="11"/>
      <c r="B5552" s="20"/>
      <c r="C5552" s="2" t="s">
        <v>17127</v>
      </c>
      <c r="D5552" s="14" t="s">
        <v>17128</v>
      </c>
      <c r="E5552" s="2" t="s">
        <v>17129</v>
      </c>
      <c r="F5552" s="2" t="s">
        <v>7563</v>
      </c>
      <c r="G5552" s="8">
        <v>267</v>
      </c>
      <c r="H5552" s="5">
        <v>6</v>
      </c>
      <c r="I5552" s="5" t="s">
        <v>1518</v>
      </c>
      <c r="J5552" s="5" t="s">
        <v>1519</v>
      </c>
      <c r="K5552" s="2" t="s">
        <v>1520</v>
      </c>
      <c r="L5552" s="5" t="s">
        <v>1519</v>
      </c>
      <c r="M5552" s="2" t="s">
        <v>1520</v>
      </c>
      <c r="N5552" s="5" t="s">
        <v>1521</v>
      </c>
      <c r="O5552" s="5" t="s">
        <v>38</v>
      </c>
      <c r="P5552" s="5" t="s">
        <v>39</v>
      </c>
      <c r="Q5552" s="5" t="s">
        <v>40</v>
      </c>
      <c r="R5552" s="5" t="s">
        <v>1522</v>
      </c>
      <c r="S5552" s="5" t="s">
        <v>1523</v>
      </c>
      <c r="T5552" s="5" t="s">
        <v>42</v>
      </c>
      <c r="U5552" s="2">
        <v>2.8690000000000002</v>
      </c>
      <c r="V5552" s="2">
        <v>2.3319999999999999</v>
      </c>
      <c r="W5552" s="2">
        <v>1.4999999999999999E-2</v>
      </c>
      <c r="X5552" s="2">
        <v>118.9</v>
      </c>
      <c r="Y5552" s="2">
        <v>7.6</v>
      </c>
      <c r="Z5552" s="2">
        <v>16.7</v>
      </c>
      <c r="AA5552" s="5"/>
      <c r="AB5552" s="5" t="s">
        <v>43</v>
      </c>
      <c r="AC5552" s="5" t="s">
        <v>44</v>
      </c>
      <c r="AD5552" s="2"/>
      <c r="AE5552" s="1"/>
    </row>
    <row r="5553" spans="1:31" ht="14.45">
      <c r="A5553" s="11"/>
      <c r="B5553" s="20"/>
      <c r="C5553" s="2" t="s">
        <v>17130</v>
      </c>
      <c r="D5553" s="14" t="s">
        <v>17131</v>
      </c>
      <c r="E5553" s="2" t="s">
        <v>17132</v>
      </c>
      <c r="F5553" s="2" t="s">
        <v>7567</v>
      </c>
      <c r="G5553" s="8">
        <v>267</v>
      </c>
      <c r="H5553" s="5">
        <v>6</v>
      </c>
      <c r="I5553" s="5" t="s">
        <v>1518</v>
      </c>
      <c r="J5553" s="5" t="s">
        <v>1519</v>
      </c>
      <c r="K5553" s="2" t="s">
        <v>1520</v>
      </c>
      <c r="L5553" s="5" t="s">
        <v>1519</v>
      </c>
      <c r="M5553" s="2" t="s">
        <v>1520</v>
      </c>
      <c r="N5553" s="5" t="s">
        <v>1521</v>
      </c>
      <c r="O5553" s="5" t="s">
        <v>38</v>
      </c>
      <c r="P5553" s="5" t="s">
        <v>39</v>
      </c>
      <c r="Q5553" s="5" t="s">
        <v>40</v>
      </c>
      <c r="R5553" s="5" t="s">
        <v>1522</v>
      </c>
      <c r="S5553" s="5" t="s">
        <v>1523</v>
      </c>
      <c r="T5553" s="5" t="s">
        <v>42</v>
      </c>
      <c r="U5553" s="2">
        <v>2.9609999999999999</v>
      </c>
      <c r="V5553" s="2">
        <v>2.4239999999999999</v>
      </c>
      <c r="W5553" s="2">
        <v>1.4999999999999999E-2</v>
      </c>
      <c r="X5553" s="2">
        <v>118.9</v>
      </c>
      <c r="Y5553" s="2">
        <v>7.6</v>
      </c>
      <c r="Z5553" s="2">
        <v>16.7</v>
      </c>
      <c r="AA5553" s="5"/>
      <c r="AB5553" s="5" t="s">
        <v>43</v>
      </c>
      <c r="AC5553" s="5" t="s">
        <v>44</v>
      </c>
      <c r="AD5553" s="2"/>
      <c r="AE5553" s="1"/>
    </row>
    <row r="5554" spans="1:31" ht="14.45">
      <c r="A5554" s="11"/>
      <c r="B5554" s="20"/>
      <c r="C5554" s="2" t="s">
        <v>17133</v>
      </c>
      <c r="D5554" s="14" t="s">
        <v>17134</v>
      </c>
      <c r="E5554" s="2" t="s">
        <v>17135</v>
      </c>
      <c r="F5554" s="2" t="s">
        <v>16079</v>
      </c>
      <c r="G5554" s="8">
        <v>267</v>
      </c>
      <c r="H5554" s="5">
        <v>6</v>
      </c>
      <c r="I5554" s="5" t="s">
        <v>1518</v>
      </c>
      <c r="J5554" s="5" t="s">
        <v>1519</v>
      </c>
      <c r="K5554" s="2" t="s">
        <v>1520</v>
      </c>
      <c r="L5554" s="5" t="s">
        <v>1519</v>
      </c>
      <c r="M5554" s="2" t="s">
        <v>1520</v>
      </c>
      <c r="N5554" s="5" t="s">
        <v>1521</v>
      </c>
      <c r="O5554" s="5" t="s">
        <v>38</v>
      </c>
      <c r="P5554" s="5" t="s">
        <v>39</v>
      </c>
      <c r="Q5554" s="5" t="s">
        <v>40</v>
      </c>
      <c r="R5554" s="5" t="s">
        <v>1522</v>
      </c>
      <c r="S5554" s="5" t="s">
        <v>1523</v>
      </c>
      <c r="T5554" s="5" t="s">
        <v>42</v>
      </c>
      <c r="U5554" s="2">
        <v>2.8690000000000002</v>
      </c>
      <c r="V5554" s="2">
        <v>2.3319999999999999</v>
      </c>
      <c r="W5554" s="2">
        <v>1.4999999999999999E-2</v>
      </c>
      <c r="X5554" s="2">
        <v>118.9</v>
      </c>
      <c r="Y5554" s="2">
        <v>7.6</v>
      </c>
      <c r="Z5554" s="2">
        <v>16.7</v>
      </c>
      <c r="AA5554" s="5"/>
      <c r="AB5554" s="5" t="s">
        <v>43</v>
      </c>
      <c r="AC5554" s="5" t="s">
        <v>44</v>
      </c>
      <c r="AD5554" s="2"/>
      <c r="AE5554" s="1"/>
    </row>
    <row r="5555" spans="1:31" ht="14.45">
      <c r="A5555" s="11"/>
      <c r="B5555" s="20"/>
      <c r="C5555" s="2" t="s">
        <v>17136</v>
      </c>
      <c r="D5555" s="14" t="s">
        <v>17137</v>
      </c>
      <c r="E5555" s="2" t="s">
        <v>17138</v>
      </c>
      <c r="F5555" s="2" t="s">
        <v>16194</v>
      </c>
      <c r="G5555" s="8">
        <v>267</v>
      </c>
      <c r="H5555" s="5">
        <v>6</v>
      </c>
      <c r="I5555" s="5" t="s">
        <v>1518</v>
      </c>
      <c r="J5555" s="5" t="s">
        <v>1519</v>
      </c>
      <c r="K5555" s="2" t="s">
        <v>1520</v>
      </c>
      <c r="L5555" s="5" t="s">
        <v>1519</v>
      </c>
      <c r="M5555" s="2" t="s">
        <v>1520</v>
      </c>
      <c r="N5555" s="5" t="s">
        <v>1521</v>
      </c>
      <c r="O5555" s="5" t="s">
        <v>38</v>
      </c>
      <c r="P5555" s="5" t="s">
        <v>39</v>
      </c>
      <c r="Q5555" s="5" t="s">
        <v>40</v>
      </c>
      <c r="R5555" s="5" t="s">
        <v>1522</v>
      </c>
      <c r="S5555" s="5" t="s">
        <v>1523</v>
      </c>
      <c r="T5555" s="5" t="s">
        <v>42</v>
      </c>
      <c r="U5555" s="2">
        <v>2.9609999999999999</v>
      </c>
      <c r="V5555" s="2">
        <v>2.4239999999999999</v>
      </c>
      <c r="W5555" s="2">
        <v>1.4999999999999999E-2</v>
      </c>
      <c r="X5555" s="2">
        <v>118.9</v>
      </c>
      <c r="Y5555" s="2">
        <v>7.6</v>
      </c>
      <c r="Z5555" s="2">
        <v>16.7</v>
      </c>
      <c r="AA5555" s="5"/>
      <c r="AB5555" s="5" t="s">
        <v>43</v>
      </c>
      <c r="AC5555" s="5" t="s">
        <v>44</v>
      </c>
      <c r="AD5555" s="2"/>
      <c r="AE5555" s="1"/>
    </row>
    <row r="5556" spans="1:31" ht="14.45">
      <c r="A5556" s="11"/>
      <c r="B5556" s="20"/>
      <c r="C5556" s="2" t="s">
        <v>17139</v>
      </c>
      <c r="D5556" s="14" t="s">
        <v>17140</v>
      </c>
      <c r="E5556" s="2" t="s">
        <v>17141</v>
      </c>
      <c r="F5556" s="2" t="s">
        <v>7449</v>
      </c>
      <c r="G5556" s="8">
        <v>267</v>
      </c>
      <c r="H5556" s="5">
        <v>6</v>
      </c>
      <c r="I5556" s="5" t="s">
        <v>1518</v>
      </c>
      <c r="J5556" s="5" t="s">
        <v>1519</v>
      </c>
      <c r="K5556" s="2" t="s">
        <v>1520</v>
      </c>
      <c r="L5556" s="5" t="s">
        <v>1519</v>
      </c>
      <c r="M5556" s="2" t="s">
        <v>1520</v>
      </c>
      <c r="N5556" s="5" t="s">
        <v>1521</v>
      </c>
      <c r="O5556" s="5" t="s">
        <v>38</v>
      </c>
      <c r="P5556" s="5" t="s">
        <v>39</v>
      </c>
      <c r="Q5556" s="5" t="s">
        <v>40</v>
      </c>
      <c r="R5556" s="5" t="s">
        <v>1522</v>
      </c>
      <c r="S5556" s="5" t="s">
        <v>1523</v>
      </c>
      <c r="T5556" s="5" t="s">
        <v>42</v>
      </c>
      <c r="U5556" s="2">
        <v>2.8690000000000002</v>
      </c>
      <c r="V5556" s="2">
        <v>2.3319999999999999</v>
      </c>
      <c r="W5556" s="2">
        <v>1.4999999999999999E-2</v>
      </c>
      <c r="X5556" s="2">
        <v>118.9</v>
      </c>
      <c r="Y5556" s="2">
        <v>7.6</v>
      </c>
      <c r="Z5556" s="2">
        <v>16.7</v>
      </c>
      <c r="AA5556" s="5"/>
      <c r="AB5556" s="5" t="s">
        <v>43</v>
      </c>
      <c r="AC5556" s="5" t="s">
        <v>44</v>
      </c>
      <c r="AD5556" s="2"/>
      <c r="AE5556" s="1"/>
    </row>
    <row r="5557" spans="1:31" ht="14.45">
      <c r="A5557" s="11"/>
      <c r="B5557" s="20"/>
      <c r="C5557" s="2" t="s">
        <v>17142</v>
      </c>
      <c r="D5557" s="14" t="s">
        <v>17143</v>
      </c>
      <c r="E5557" s="2" t="s">
        <v>17144</v>
      </c>
      <c r="F5557" s="2" t="s">
        <v>7581</v>
      </c>
      <c r="G5557" s="8">
        <v>267</v>
      </c>
      <c r="H5557" s="5">
        <v>6</v>
      </c>
      <c r="I5557" s="5" t="s">
        <v>1518</v>
      </c>
      <c r="J5557" s="5" t="s">
        <v>1519</v>
      </c>
      <c r="K5557" s="2" t="s">
        <v>1520</v>
      </c>
      <c r="L5557" s="5" t="s">
        <v>1519</v>
      </c>
      <c r="M5557" s="2" t="s">
        <v>1520</v>
      </c>
      <c r="N5557" s="5" t="s">
        <v>1521</v>
      </c>
      <c r="O5557" s="5" t="s">
        <v>38</v>
      </c>
      <c r="P5557" s="5" t="s">
        <v>39</v>
      </c>
      <c r="Q5557" s="5" t="s">
        <v>40</v>
      </c>
      <c r="R5557" s="5" t="s">
        <v>1522</v>
      </c>
      <c r="S5557" s="5" t="s">
        <v>1523</v>
      </c>
      <c r="T5557" s="5" t="s">
        <v>42</v>
      </c>
      <c r="U5557" s="2">
        <v>2.9609999999999999</v>
      </c>
      <c r="V5557" s="2">
        <v>2.4239999999999999</v>
      </c>
      <c r="W5557" s="2">
        <v>1.4999999999999999E-2</v>
      </c>
      <c r="X5557" s="2">
        <v>118.9</v>
      </c>
      <c r="Y5557" s="2">
        <v>7.6</v>
      </c>
      <c r="Z5557" s="2">
        <v>16.7</v>
      </c>
      <c r="AA5557" s="5"/>
      <c r="AB5557" s="5" t="s">
        <v>43</v>
      </c>
      <c r="AC5557" s="5" t="s">
        <v>44</v>
      </c>
      <c r="AD5557" s="2"/>
      <c r="AE5557" s="1"/>
    </row>
    <row r="5558" spans="1:31" ht="14.45">
      <c r="A5558" s="11"/>
      <c r="B5558" s="20"/>
      <c r="C5558" s="2" t="s">
        <v>17145</v>
      </c>
      <c r="D5558" s="14" t="s">
        <v>17146</v>
      </c>
      <c r="E5558" s="2" t="s">
        <v>17147</v>
      </c>
      <c r="F5558" s="2" t="s">
        <v>7589</v>
      </c>
      <c r="G5558" s="8">
        <v>267</v>
      </c>
      <c r="H5558" s="5">
        <v>6</v>
      </c>
      <c r="I5558" s="5" t="s">
        <v>1518</v>
      </c>
      <c r="J5558" s="5" t="s">
        <v>1519</v>
      </c>
      <c r="K5558" s="2" t="s">
        <v>1520</v>
      </c>
      <c r="L5558" s="5" t="s">
        <v>1519</v>
      </c>
      <c r="M5558" s="2" t="s">
        <v>1520</v>
      </c>
      <c r="N5558" s="5" t="s">
        <v>1521</v>
      </c>
      <c r="O5558" s="5" t="s">
        <v>38</v>
      </c>
      <c r="P5558" s="5" t="s">
        <v>39</v>
      </c>
      <c r="Q5558" s="5" t="s">
        <v>40</v>
      </c>
      <c r="R5558" s="5" t="s">
        <v>1522</v>
      </c>
      <c r="S5558" s="5" t="s">
        <v>1523</v>
      </c>
      <c r="T5558" s="5" t="s">
        <v>42</v>
      </c>
      <c r="U5558" s="2">
        <v>2.9390000000000001</v>
      </c>
      <c r="V5558" s="2">
        <v>2.4020000000000001</v>
      </c>
      <c r="W5558" s="2">
        <v>1.4999999999999999E-2</v>
      </c>
      <c r="X5558" s="2">
        <v>118.9</v>
      </c>
      <c r="Y5558" s="2">
        <v>7.6</v>
      </c>
      <c r="Z5558" s="2">
        <v>16.7</v>
      </c>
      <c r="AA5558" s="5"/>
      <c r="AB5558" s="5" t="s">
        <v>43</v>
      </c>
      <c r="AC5558" s="5" t="s">
        <v>44</v>
      </c>
      <c r="AD5558" s="2"/>
      <c r="AE5558" s="1"/>
    </row>
    <row r="5559" spans="1:31" ht="14.45">
      <c r="A5559" s="11"/>
      <c r="B5559" s="20"/>
      <c r="C5559" s="2" t="s">
        <v>17148</v>
      </c>
      <c r="D5559" s="14" t="s">
        <v>17149</v>
      </c>
      <c r="E5559" s="2" t="s">
        <v>17150</v>
      </c>
      <c r="F5559" s="2" t="s">
        <v>7593</v>
      </c>
      <c r="G5559" s="8">
        <v>267</v>
      </c>
      <c r="H5559" s="5">
        <v>6</v>
      </c>
      <c r="I5559" s="5" t="s">
        <v>1518</v>
      </c>
      <c r="J5559" s="5" t="s">
        <v>1519</v>
      </c>
      <c r="K5559" s="2" t="s">
        <v>1520</v>
      </c>
      <c r="L5559" s="5" t="s">
        <v>1519</v>
      </c>
      <c r="M5559" s="2" t="s">
        <v>1520</v>
      </c>
      <c r="N5559" s="5" t="s">
        <v>1521</v>
      </c>
      <c r="O5559" s="5" t="s">
        <v>38</v>
      </c>
      <c r="P5559" s="5" t="s">
        <v>39</v>
      </c>
      <c r="Q5559" s="5" t="s">
        <v>40</v>
      </c>
      <c r="R5559" s="5" t="s">
        <v>1522</v>
      </c>
      <c r="S5559" s="5" t="s">
        <v>1523</v>
      </c>
      <c r="T5559" s="5" t="s">
        <v>42</v>
      </c>
      <c r="U5559" s="2">
        <v>2.8690000000000002</v>
      </c>
      <c r="V5559" s="2">
        <v>2.3319999999999999</v>
      </c>
      <c r="W5559" s="2">
        <v>1.4999999999999999E-2</v>
      </c>
      <c r="X5559" s="2">
        <v>118.9</v>
      </c>
      <c r="Y5559" s="2">
        <v>7.6</v>
      </c>
      <c r="Z5559" s="2">
        <v>16.7</v>
      </c>
      <c r="AA5559" s="5"/>
      <c r="AB5559" s="5" t="s">
        <v>43</v>
      </c>
      <c r="AC5559" s="5" t="s">
        <v>44</v>
      </c>
      <c r="AD5559" s="2"/>
      <c r="AE5559" s="1"/>
    </row>
    <row r="5560" spans="1:31" ht="14.45">
      <c r="A5560" s="11"/>
      <c r="B5560" s="20"/>
      <c r="C5560" s="2" t="s">
        <v>17151</v>
      </c>
      <c r="D5560" s="14" t="s">
        <v>17152</v>
      </c>
      <c r="E5560" s="2" t="s">
        <v>17153</v>
      </c>
      <c r="F5560" s="2" t="s">
        <v>7597</v>
      </c>
      <c r="G5560" s="8">
        <v>267</v>
      </c>
      <c r="H5560" s="5">
        <v>6</v>
      </c>
      <c r="I5560" s="5" t="s">
        <v>1518</v>
      </c>
      <c r="J5560" s="5" t="s">
        <v>1519</v>
      </c>
      <c r="K5560" s="2" t="s">
        <v>1520</v>
      </c>
      <c r="L5560" s="5" t="s">
        <v>1519</v>
      </c>
      <c r="M5560" s="2" t="s">
        <v>1520</v>
      </c>
      <c r="N5560" s="5" t="s">
        <v>1521</v>
      </c>
      <c r="O5560" s="5" t="s">
        <v>38</v>
      </c>
      <c r="P5560" s="5" t="s">
        <v>39</v>
      </c>
      <c r="Q5560" s="5" t="s">
        <v>40</v>
      </c>
      <c r="R5560" s="5" t="s">
        <v>1522</v>
      </c>
      <c r="S5560" s="5" t="s">
        <v>1523</v>
      </c>
      <c r="T5560" s="5" t="s">
        <v>42</v>
      </c>
      <c r="U5560" s="2">
        <v>2.9609999999999999</v>
      </c>
      <c r="V5560" s="2">
        <v>2.4239999999999999</v>
      </c>
      <c r="W5560" s="2">
        <v>1.4999999999999999E-2</v>
      </c>
      <c r="X5560" s="2">
        <v>118.9</v>
      </c>
      <c r="Y5560" s="2">
        <v>7.6</v>
      </c>
      <c r="Z5560" s="2">
        <v>16.7</v>
      </c>
      <c r="AA5560" s="5"/>
      <c r="AB5560" s="5" t="s">
        <v>43</v>
      </c>
      <c r="AC5560" s="5" t="s">
        <v>44</v>
      </c>
      <c r="AD5560" s="2"/>
      <c r="AE5560" s="1"/>
    </row>
    <row r="5561" spans="1:31" ht="14.45">
      <c r="A5561" s="11"/>
      <c r="B5561" s="20"/>
      <c r="C5561" s="2" t="s">
        <v>17154</v>
      </c>
      <c r="D5561" s="14" t="s">
        <v>17155</v>
      </c>
      <c r="E5561" s="2" t="s">
        <v>17156</v>
      </c>
      <c r="F5561" s="2" t="s">
        <v>16014</v>
      </c>
      <c r="G5561" s="8">
        <v>267</v>
      </c>
      <c r="H5561" s="5">
        <v>6</v>
      </c>
      <c r="I5561" s="5" t="s">
        <v>1518</v>
      </c>
      <c r="J5561" s="5" t="s">
        <v>1519</v>
      </c>
      <c r="K5561" s="2" t="s">
        <v>1520</v>
      </c>
      <c r="L5561" s="5" t="s">
        <v>1519</v>
      </c>
      <c r="M5561" s="2" t="s">
        <v>1520</v>
      </c>
      <c r="N5561" s="5" t="s">
        <v>1521</v>
      </c>
      <c r="O5561" s="5" t="s">
        <v>38</v>
      </c>
      <c r="P5561" s="5" t="s">
        <v>39</v>
      </c>
      <c r="Q5561" s="5" t="s">
        <v>40</v>
      </c>
      <c r="R5561" s="5" t="s">
        <v>1522</v>
      </c>
      <c r="S5561" s="5" t="s">
        <v>1523</v>
      </c>
      <c r="T5561" s="5" t="s">
        <v>42</v>
      </c>
      <c r="U5561" s="2">
        <v>2.8690000000000002</v>
      </c>
      <c r="V5561" s="2">
        <v>2.3319999999999999</v>
      </c>
      <c r="W5561" s="2">
        <v>1.4999999999999999E-2</v>
      </c>
      <c r="X5561" s="2">
        <v>118.9</v>
      </c>
      <c r="Y5561" s="2">
        <v>7.6</v>
      </c>
      <c r="Z5561" s="2">
        <v>16.7</v>
      </c>
      <c r="AA5561" s="5"/>
      <c r="AB5561" s="5" t="s">
        <v>43</v>
      </c>
      <c r="AC5561" s="5" t="s">
        <v>44</v>
      </c>
      <c r="AD5561" s="2"/>
      <c r="AE5561" s="1"/>
    </row>
    <row r="5562" spans="1:31" ht="14.45">
      <c r="A5562" s="11"/>
      <c r="B5562" s="20"/>
      <c r="C5562" s="2" t="s">
        <v>17157</v>
      </c>
      <c r="D5562" s="14" t="s">
        <v>17158</v>
      </c>
      <c r="E5562" s="2" t="s">
        <v>17159</v>
      </c>
      <c r="F5562" s="2" t="s">
        <v>16219</v>
      </c>
      <c r="G5562" s="8">
        <v>267</v>
      </c>
      <c r="H5562" s="5">
        <v>6</v>
      </c>
      <c r="I5562" s="5" t="s">
        <v>1518</v>
      </c>
      <c r="J5562" s="5" t="s">
        <v>1519</v>
      </c>
      <c r="K5562" s="2" t="s">
        <v>1520</v>
      </c>
      <c r="L5562" s="5" t="s">
        <v>1519</v>
      </c>
      <c r="M5562" s="2" t="s">
        <v>1520</v>
      </c>
      <c r="N5562" s="5" t="s">
        <v>1521</v>
      </c>
      <c r="O5562" s="5" t="s">
        <v>38</v>
      </c>
      <c r="P5562" s="5" t="s">
        <v>39</v>
      </c>
      <c r="Q5562" s="5" t="s">
        <v>40</v>
      </c>
      <c r="R5562" s="5" t="s">
        <v>1522</v>
      </c>
      <c r="S5562" s="5" t="s">
        <v>1523</v>
      </c>
      <c r="T5562" s="5" t="s">
        <v>42</v>
      </c>
      <c r="U5562" s="2">
        <v>2.9609999999999999</v>
      </c>
      <c r="V5562" s="2">
        <v>2.4239999999999999</v>
      </c>
      <c r="W5562" s="2">
        <v>1.4999999999999999E-2</v>
      </c>
      <c r="X5562" s="2">
        <v>118.9</v>
      </c>
      <c r="Y5562" s="2">
        <v>7.6</v>
      </c>
      <c r="Z5562" s="2">
        <v>16.7</v>
      </c>
      <c r="AA5562" s="5"/>
      <c r="AB5562" s="5" t="s">
        <v>43</v>
      </c>
      <c r="AC5562" s="5" t="s">
        <v>44</v>
      </c>
      <c r="AD5562" s="2"/>
      <c r="AE5562" s="1"/>
    </row>
    <row r="5563" spans="1:31" ht="14.45">
      <c r="A5563" s="11"/>
      <c r="B5563" s="20"/>
      <c r="C5563" s="2" t="s">
        <v>17160</v>
      </c>
      <c r="D5563" s="14" t="s">
        <v>17161</v>
      </c>
      <c r="E5563" s="2" t="s">
        <v>17162</v>
      </c>
      <c r="F5563" s="2" t="s">
        <v>16018</v>
      </c>
      <c r="G5563" s="8">
        <v>267</v>
      </c>
      <c r="H5563" s="5">
        <v>6</v>
      </c>
      <c r="I5563" s="5" t="s">
        <v>1518</v>
      </c>
      <c r="J5563" s="5" t="s">
        <v>1519</v>
      </c>
      <c r="K5563" s="2" t="s">
        <v>1520</v>
      </c>
      <c r="L5563" s="5" t="s">
        <v>1519</v>
      </c>
      <c r="M5563" s="2" t="s">
        <v>1520</v>
      </c>
      <c r="N5563" s="5" t="s">
        <v>1521</v>
      </c>
      <c r="O5563" s="5" t="s">
        <v>38</v>
      </c>
      <c r="P5563" s="5" t="s">
        <v>39</v>
      </c>
      <c r="Q5563" s="5" t="s">
        <v>40</v>
      </c>
      <c r="R5563" s="5" t="s">
        <v>1522</v>
      </c>
      <c r="S5563" s="5" t="s">
        <v>1523</v>
      </c>
      <c r="T5563" s="5" t="s">
        <v>42</v>
      </c>
      <c r="U5563" s="2">
        <v>2.8690000000000002</v>
      </c>
      <c r="V5563" s="2">
        <v>2.3319999999999999</v>
      </c>
      <c r="W5563" s="2">
        <v>1.4999999999999999E-2</v>
      </c>
      <c r="X5563" s="2">
        <v>118.9</v>
      </c>
      <c r="Y5563" s="2">
        <v>7.6</v>
      </c>
      <c r="Z5563" s="2">
        <v>16.7</v>
      </c>
      <c r="AA5563" s="5"/>
      <c r="AB5563" s="5" t="s">
        <v>43</v>
      </c>
      <c r="AC5563" s="5" t="s">
        <v>44</v>
      </c>
      <c r="AD5563" s="2"/>
      <c r="AE5563" s="1"/>
    </row>
    <row r="5564" spans="1:31" ht="14.45">
      <c r="A5564" s="11"/>
      <c r="B5564" s="20"/>
      <c r="C5564" s="2" t="s">
        <v>17163</v>
      </c>
      <c r="D5564" s="14" t="s">
        <v>17164</v>
      </c>
      <c r="E5564" s="2" t="s">
        <v>17165</v>
      </c>
      <c r="F5564" s="2" t="s">
        <v>16022</v>
      </c>
      <c r="G5564" s="8">
        <v>267</v>
      </c>
      <c r="H5564" s="5">
        <v>6</v>
      </c>
      <c r="I5564" s="5" t="s">
        <v>1518</v>
      </c>
      <c r="J5564" s="5" t="s">
        <v>1519</v>
      </c>
      <c r="K5564" s="2" t="s">
        <v>1520</v>
      </c>
      <c r="L5564" s="5" t="s">
        <v>1519</v>
      </c>
      <c r="M5564" s="2" t="s">
        <v>1520</v>
      </c>
      <c r="N5564" s="5" t="s">
        <v>1521</v>
      </c>
      <c r="O5564" s="5" t="s">
        <v>38</v>
      </c>
      <c r="P5564" s="5" t="s">
        <v>39</v>
      </c>
      <c r="Q5564" s="5" t="s">
        <v>40</v>
      </c>
      <c r="R5564" s="5" t="s">
        <v>1522</v>
      </c>
      <c r="S5564" s="5" t="s">
        <v>1523</v>
      </c>
      <c r="T5564" s="5" t="s">
        <v>42</v>
      </c>
      <c r="U5564" s="2">
        <v>2.9609999999999999</v>
      </c>
      <c r="V5564" s="2">
        <v>2.4239999999999999</v>
      </c>
      <c r="W5564" s="2">
        <v>1.4999999999999999E-2</v>
      </c>
      <c r="X5564" s="2">
        <v>118.9</v>
      </c>
      <c r="Y5564" s="2">
        <v>7.6</v>
      </c>
      <c r="Z5564" s="2">
        <v>16.7</v>
      </c>
      <c r="AA5564" s="5"/>
      <c r="AB5564" s="5" t="s">
        <v>43</v>
      </c>
      <c r="AC5564" s="5" t="s">
        <v>44</v>
      </c>
      <c r="AD5564" s="2"/>
      <c r="AE5564" s="1"/>
    </row>
    <row r="5565" spans="1:31" ht="14.45">
      <c r="A5565" s="11"/>
      <c r="B5565" s="20"/>
      <c r="C5565" s="2" t="s">
        <v>17166</v>
      </c>
      <c r="D5565" s="14" t="s">
        <v>17167</v>
      </c>
      <c r="E5565" s="2" t="s">
        <v>17168</v>
      </c>
      <c r="F5565" s="2" t="s">
        <v>7615</v>
      </c>
      <c r="G5565" s="8">
        <v>267</v>
      </c>
      <c r="H5565" s="5">
        <v>6</v>
      </c>
      <c r="I5565" s="5" t="s">
        <v>1518</v>
      </c>
      <c r="J5565" s="5" t="s">
        <v>1519</v>
      </c>
      <c r="K5565" s="2" t="s">
        <v>1520</v>
      </c>
      <c r="L5565" s="5" t="s">
        <v>1519</v>
      </c>
      <c r="M5565" s="2" t="s">
        <v>1520</v>
      </c>
      <c r="N5565" s="5" t="s">
        <v>1521</v>
      </c>
      <c r="O5565" s="5" t="s">
        <v>38</v>
      </c>
      <c r="P5565" s="5" t="s">
        <v>39</v>
      </c>
      <c r="Q5565" s="5" t="s">
        <v>40</v>
      </c>
      <c r="R5565" s="5" t="s">
        <v>1522</v>
      </c>
      <c r="S5565" s="5" t="s">
        <v>1523</v>
      </c>
      <c r="T5565" s="5" t="s">
        <v>42</v>
      </c>
      <c r="U5565" s="2">
        <v>2.847</v>
      </c>
      <c r="V5565" s="2">
        <v>2.31</v>
      </c>
      <c r="W5565" s="2">
        <v>1.4999999999999999E-2</v>
      </c>
      <c r="X5565" s="2">
        <v>118.9</v>
      </c>
      <c r="Y5565" s="2">
        <v>7.6</v>
      </c>
      <c r="Z5565" s="2">
        <v>16.7</v>
      </c>
      <c r="AA5565" s="5"/>
      <c r="AB5565" s="5" t="s">
        <v>43</v>
      </c>
      <c r="AC5565" s="5" t="s">
        <v>44</v>
      </c>
      <c r="AD5565" s="2"/>
      <c r="AE5565" s="1"/>
    </row>
    <row r="5566" spans="1:31" ht="14.45">
      <c r="A5566" s="11"/>
      <c r="B5566" s="20"/>
      <c r="C5566" s="2" t="s">
        <v>17169</v>
      </c>
      <c r="D5566" s="14" t="s">
        <v>17170</v>
      </c>
      <c r="E5566" s="2" t="s">
        <v>17171</v>
      </c>
      <c r="F5566" s="2" t="s">
        <v>7619</v>
      </c>
      <c r="G5566" s="8">
        <v>267</v>
      </c>
      <c r="H5566" s="5">
        <v>6</v>
      </c>
      <c r="I5566" s="5" t="s">
        <v>1518</v>
      </c>
      <c r="J5566" s="5" t="s">
        <v>1519</v>
      </c>
      <c r="K5566" s="2" t="s">
        <v>1520</v>
      </c>
      <c r="L5566" s="5" t="s">
        <v>1519</v>
      </c>
      <c r="M5566" s="2" t="s">
        <v>1520</v>
      </c>
      <c r="N5566" s="5" t="s">
        <v>1521</v>
      </c>
      <c r="O5566" s="5" t="s">
        <v>38</v>
      </c>
      <c r="P5566" s="5" t="s">
        <v>39</v>
      </c>
      <c r="Q5566" s="5" t="s">
        <v>40</v>
      </c>
      <c r="R5566" s="5" t="s">
        <v>1522</v>
      </c>
      <c r="S5566" s="5" t="s">
        <v>1523</v>
      </c>
      <c r="T5566" s="5" t="s">
        <v>42</v>
      </c>
      <c r="U5566" s="2">
        <v>2.9390000000000001</v>
      </c>
      <c r="V5566" s="2">
        <v>2.4020000000000001</v>
      </c>
      <c r="W5566" s="2">
        <v>1.4999999999999999E-2</v>
      </c>
      <c r="X5566" s="2">
        <v>118.9</v>
      </c>
      <c r="Y5566" s="2">
        <v>7.6</v>
      </c>
      <c r="Z5566" s="2">
        <v>16.7</v>
      </c>
      <c r="AA5566" s="5"/>
      <c r="AB5566" s="5" t="s">
        <v>43</v>
      </c>
      <c r="AC5566" s="5" t="s">
        <v>44</v>
      </c>
      <c r="AD5566" s="2"/>
      <c r="AE5566" s="1"/>
    </row>
    <row r="5567" spans="1:31" ht="14.45">
      <c r="A5567" s="11"/>
      <c r="B5567" s="20"/>
      <c r="C5567" s="2" t="s">
        <v>17172</v>
      </c>
      <c r="D5567" s="14" t="s">
        <v>17173</v>
      </c>
      <c r="E5567" s="2" t="s">
        <v>17174</v>
      </c>
      <c r="F5567" s="2" t="s">
        <v>16235</v>
      </c>
      <c r="G5567" s="8">
        <v>267</v>
      </c>
      <c r="H5567" s="5">
        <v>6</v>
      </c>
      <c r="I5567" s="5" t="s">
        <v>1518</v>
      </c>
      <c r="J5567" s="5" t="s">
        <v>1519</v>
      </c>
      <c r="K5567" s="2" t="s">
        <v>1520</v>
      </c>
      <c r="L5567" s="5" t="s">
        <v>1519</v>
      </c>
      <c r="M5567" s="2" t="s">
        <v>1520</v>
      </c>
      <c r="N5567" s="5" t="s">
        <v>1521</v>
      </c>
      <c r="O5567" s="5" t="s">
        <v>38</v>
      </c>
      <c r="P5567" s="5" t="s">
        <v>39</v>
      </c>
      <c r="Q5567" s="5" t="s">
        <v>40</v>
      </c>
      <c r="R5567" s="5" t="s">
        <v>1522</v>
      </c>
      <c r="S5567" s="5" t="s">
        <v>1523</v>
      </c>
      <c r="T5567" s="5" t="s">
        <v>42</v>
      </c>
      <c r="U5567" s="2">
        <v>2.9049999999999998</v>
      </c>
      <c r="V5567" s="2">
        <v>2.3679999999999999</v>
      </c>
      <c r="W5567" s="2">
        <v>1.4999999999999999E-2</v>
      </c>
      <c r="X5567" s="2">
        <v>118.9</v>
      </c>
      <c r="Y5567" s="2">
        <v>7.6</v>
      </c>
      <c r="Z5567" s="2">
        <v>16.7</v>
      </c>
      <c r="AA5567" s="5"/>
      <c r="AB5567" s="5" t="s">
        <v>43</v>
      </c>
      <c r="AC5567" s="5" t="s">
        <v>44</v>
      </c>
      <c r="AD5567" s="2"/>
      <c r="AE5567" s="1"/>
    </row>
    <row r="5568" spans="1:31" ht="14.45">
      <c r="A5568" s="11"/>
      <c r="B5568" s="20"/>
      <c r="C5568" s="2" t="s">
        <v>17175</v>
      </c>
      <c r="D5568" s="14" t="s">
        <v>17176</v>
      </c>
      <c r="E5568" s="2" t="s">
        <v>17177</v>
      </c>
      <c r="F5568" s="2" t="s">
        <v>16029</v>
      </c>
      <c r="G5568" s="8">
        <v>267</v>
      </c>
      <c r="H5568" s="5">
        <v>11</v>
      </c>
      <c r="I5568" s="5" t="s">
        <v>1518</v>
      </c>
      <c r="J5568" s="5" t="s">
        <v>1519</v>
      </c>
      <c r="K5568" s="2" t="s">
        <v>1520</v>
      </c>
      <c r="L5568" s="5" t="s">
        <v>1519</v>
      </c>
      <c r="M5568" s="2" t="s">
        <v>1520</v>
      </c>
      <c r="N5568" s="5" t="s">
        <v>1521</v>
      </c>
      <c r="O5568" s="5" t="s">
        <v>38</v>
      </c>
      <c r="P5568" s="5" t="s">
        <v>39</v>
      </c>
      <c r="Q5568" s="5" t="s">
        <v>40</v>
      </c>
      <c r="R5568" s="5" t="s">
        <v>1522</v>
      </c>
      <c r="S5568" s="5" t="s">
        <v>1523</v>
      </c>
      <c r="T5568" s="5" t="s">
        <v>42</v>
      </c>
      <c r="U5568" s="2">
        <v>2.8860000000000001</v>
      </c>
      <c r="V5568" s="2">
        <v>2.3490000000000002</v>
      </c>
      <c r="W5568" s="2">
        <v>1.4999999999999999E-2</v>
      </c>
      <c r="X5568" s="2">
        <v>118.9</v>
      </c>
      <c r="Y5568" s="2">
        <v>7.6</v>
      </c>
      <c r="Z5568" s="2">
        <v>16.7</v>
      </c>
      <c r="AA5568" s="5"/>
      <c r="AB5568" s="5" t="s">
        <v>43</v>
      </c>
      <c r="AC5568" s="5" t="s">
        <v>44</v>
      </c>
      <c r="AD5568" s="2"/>
      <c r="AE5568" s="1"/>
    </row>
    <row r="5569" spans="1:31" ht="14.45">
      <c r="A5569" s="11"/>
      <c r="B5569" s="20"/>
      <c r="C5569" s="2" t="s">
        <v>17178</v>
      </c>
      <c r="D5569" s="14" t="s">
        <v>17179</v>
      </c>
      <c r="E5569" s="2" t="s">
        <v>17180</v>
      </c>
      <c r="F5569" s="2" t="s">
        <v>16033</v>
      </c>
      <c r="G5569" s="8">
        <v>267</v>
      </c>
      <c r="H5569" s="5">
        <v>11</v>
      </c>
      <c r="I5569" s="5" t="s">
        <v>1518</v>
      </c>
      <c r="J5569" s="5" t="s">
        <v>1519</v>
      </c>
      <c r="K5569" s="2" t="s">
        <v>1520</v>
      </c>
      <c r="L5569" s="5" t="s">
        <v>1519</v>
      </c>
      <c r="M5569" s="2" t="s">
        <v>1520</v>
      </c>
      <c r="N5569" s="5" t="s">
        <v>1521</v>
      </c>
      <c r="O5569" s="5" t="s">
        <v>38</v>
      </c>
      <c r="P5569" s="5" t="s">
        <v>39</v>
      </c>
      <c r="Q5569" s="5" t="s">
        <v>40</v>
      </c>
      <c r="R5569" s="5" t="s">
        <v>1522</v>
      </c>
      <c r="S5569" s="5" t="s">
        <v>1523</v>
      </c>
      <c r="T5569" s="5" t="s">
        <v>42</v>
      </c>
      <c r="U5569" s="2">
        <v>2.9780000000000002</v>
      </c>
      <c r="V5569" s="2">
        <v>2.4409999999999998</v>
      </c>
      <c r="W5569" s="2">
        <v>1.4999999999999999E-2</v>
      </c>
      <c r="X5569" s="2">
        <v>118.9</v>
      </c>
      <c r="Y5569" s="2">
        <v>7.6</v>
      </c>
      <c r="Z5569" s="2">
        <v>16.7</v>
      </c>
      <c r="AA5569" s="5"/>
      <c r="AB5569" s="5" t="s">
        <v>43</v>
      </c>
      <c r="AC5569" s="5" t="s">
        <v>44</v>
      </c>
      <c r="AD5569" s="2"/>
      <c r="AE5569" s="1"/>
    </row>
    <row r="5570" spans="1:31" ht="14.45">
      <c r="A5570" s="11"/>
      <c r="B5570" s="20"/>
      <c r="C5570" s="2" t="s">
        <v>17181</v>
      </c>
      <c r="D5570" s="14" t="s">
        <v>17182</v>
      </c>
      <c r="E5570" s="2" t="s">
        <v>17183</v>
      </c>
      <c r="F5570" s="2" t="s">
        <v>7396</v>
      </c>
      <c r="G5570" s="8">
        <v>256</v>
      </c>
      <c r="H5570" s="5">
        <v>6</v>
      </c>
      <c r="I5570" s="5" t="s">
        <v>1518</v>
      </c>
      <c r="J5570" s="5" t="s">
        <v>1519</v>
      </c>
      <c r="K5570" s="2" t="s">
        <v>1520</v>
      </c>
      <c r="L5570" s="5" t="s">
        <v>1519</v>
      </c>
      <c r="M5570" s="2" t="s">
        <v>1520</v>
      </c>
      <c r="N5570" s="5" t="s">
        <v>1521</v>
      </c>
      <c r="O5570" s="5" t="s">
        <v>38</v>
      </c>
      <c r="P5570" s="5" t="s">
        <v>39</v>
      </c>
      <c r="Q5570" s="5" t="s">
        <v>40</v>
      </c>
      <c r="R5570" s="5" t="s">
        <v>1522</v>
      </c>
      <c r="S5570" s="5" t="s">
        <v>1523</v>
      </c>
      <c r="T5570" s="5" t="s">
        <v>42</v>
      </c>
      <c r="U5570" s="2">
        <v>3.1080000000000001</v>
      </c>
      <c r="V5570" s="2">
        <v>2.4950000000000001</v>
      </c>
      <c r="W5570" s="2">
        <v>1.7999999999999999E-2</v>
      </c>
      <c r="X5570" s="2">
        <v>139.1</v>
      </c>
      <c r="Y5570" s="2">
        <v>7.6</v>
      </c>
      <c r="Z5570" s="2">
        <v>16.7</v>
      </c>
      <c r="AA5570" s="5"/>
      <c r="AB5570" s="5" t="s">
        <v>43</v>
      </c>
      <c r="AC5570" s="5" t="s">
        <v>44</v>
      </c>
      <c r="AD5570" s="2"/>
      <c r="AE5570" s="1"/>
    </row>
    <row r="5571" spans="1:31" ht="14.45">
      <c r="A5571" s="11"/>
      <c r="B5571" s="20"/>
      <c r="C5571" s="2" t="s">
        <v>17184</v>
      </c>
      <c r="D5571" s="14" t="s">
        <v>17185</v>
      </c>
      <c r="E5571" s="2" t="s">
        <v>17186</v>
      </c>
      <c r="F5571" s="2" t="s">
        <v>7507</v>
      </c>
      <c r="G5571" s="8">
        <v>256</v>
      </c>
      <c r="H5571" s="5">
        <v>6</v>
      </c>
      <c r="I5571" s="5" t="s">
        <v>1518</v>
      </c>
      <c r="J5571" s="5" t="s">
        <v>1519</v>
      </c>
      <c r="K5571" s="2" t="s">
        <v>1520</v>
      </c>
      <c r="L5571" s="5" t="s">
        <v>1519</v>
      </c>
      <c r="M5571" s="2" t="s">
        <v>1520</v>
      </c>
      <c r="N5571" s="5" t="s">
        <v>1521</v>
      </c>
      <c r="O5571" s="5" t="s">
        <v>38</v>
      </c>
      <c r="P5571" s="5" t="s">
        <v>39</v>
      </c>
      <c r="Q5571" s="5" t="s">
        <v>40</v>
      </c>
      <c r="R5571" s="5" t="s">
        <v>1522</v>
      </c>
      <c r="S5571" s="5" t="s">
        <v>1523</v>
      </c>
      <c r="T5571" s="5" t="s">
        <v>42</v>
      </c>
      <c r="U5571" s="2">
        <v>3.21</v>
      </c>
      <c r="V5571" s="2">
        <v>2.597</v>
      </c>
      <c r="W5571" s="2">
        <v>1.7999999999999999E-2</v>
      </c>
      <c r="X5571" s="2">
        <v>139.1</v>
      </c>
      <c r="Y5571" s="2">
        <v>7.6</v>
      </c>
      <c r="Z5571" s="2">
        <v>16.7</v>
      </c>
      <c r="AA5571" s="5"/>
      <c r="AB5571" s="5" t="s">
        <v>43</v>
      </c>
      <c r="AC5571" s="5" t="s">
        <v>44</v>
      </c>
      <c r="AD5571" s="2"/>
      <c r="AE5571" s="1"/>
    </row>
    <row r="5572" spans="1:31" ht="14.45">
      <c r="A5572" s="11"/>
      <c r="B5572" s="20"/>
      <c r="C5572" s="2" t="s">
        <v>17187</v>
      </c>
      <c r="D5572" s="14" t="s">
        <v>17188</v>
      </c>
      <c r="E5572" s="2" t="s">
        <v>17189</v>
      </c>
      <c r="F5572" s="2" t="s">
        <v>7204</v>
      </c>
      <c r="G5572" s="8">
        <v>256</v>
      </c>
      <c r="H5572" s="5">
        <v>6</v>
      </c>
      <c r="I5572" s="5" t="s">
        <v>1518</v>
      </c>
      <c r="J5572" s="5" t="s">
        <v>1519</v>
      </c>
      <c r="K5572" s="2" t="s">
        <v>1520</v>
      </c>
      <c r="L5572" s="5" t="s">
        <v>1519</v>
      </c>
      <c r="M5572" s="2" t="s">
        <v>1520</v>
      </c>
      <c r="N5572" s="5" t="s">
        <v>1521</v>
      </c>
      <c r="O5572" s="5" t="s">
        <v>38</v>
      </c>
      <c r="P5572" s="5" t="s">
        <v>39</v>
      </c>
      <c r="Q5572" s="5" t="s">
        <v>40</v>
      </c>
      <c r="R5572" s="5" t="s">
        <v>1522</v>
      </c>
      <c r="S5572" s="5" t="s">
        <v>1523</v>
      </c>
      <c r="T5572" s="5" t="s">
        <v>42</v>
      </c>
      <c r="U5572" s="2">
        <v>3.117</v>
      </c>
      <c r="V5572" s="2">
        <v>2.504</v>
      </c>
      <c r="W5572" s="2">
        <v>1.7999999999999999E-2</v>
      </c>
      <c r="X5572" s="2">
        <v>139.1</v>
      </c>
      <c r="Y5572" s="2">
        <v>7.6</v>
      </c>
      <c r="Z5572" s="2">
        <v>16.7</v>
      </c>
      <c r="AA5572" s="5"/>
      <c r="AB5572" s="5" t="s">
        <v>43</v>
      </c>
      <c r="AC5572" s="5" t="s">
        <v>44</v>
      </c>
      <c r="AD5572" s="2"/>
      <c r="AE5572" s="1"/>
    </row>
    <row r="5573" spans="1:31" ht="14.45">
      <c r="A5573" s="11"/>
      <c r="B5573" s="20"/>
      <c r="C5573" s="2" t="s">
        <v>17190</v>
      </c>
      <c r="D5573" s="14" t="s">
        <v>17191</v>
      </c>
      <c r="E5573" s="2" t="s">
        <v>17192</v>
      </c>
      <c r="F5573" s="2" t="s">
        <v>7514</v>
      </c>
      <c r="G5573" s="8">
        <v>256</v>
      </c>
      <c r="H5573" s="5">
        <v>6</v>
      </c>
      <c r="I5573" s="5" t="s">
        <v>1518</v>
      </c>
      <c r="J5573" s="5" t="s">
        <v>1519</v>
      </c>
      <c r="K5573" s="2" t="s">
        <v>1520</v>
      </c>
      <c r="L5573" s="5" t="s">
        <v>1519</v>
      </c>
      <c r="M5573" s="2" t="s">
        <v>1520</v>
      </c>
      <c r="N5573" s="5" t="s">
        <v>1521</v>
      </c>
      <c r="O5573" s="5" t="s">
        <v>38</v>
      </c>
      <c r="P5573" s="5" t="s">
        <v>39</v>
      </c>
      <c r="Q5573" s="5" t="s">
        <v>40</v>
      </c>
      <c r="R5573" s="5" t="s">
        <v>1522</v>
      </c>
      <c r="S5573" s="5" t="s">
        <v>1523</v>
      </c>
      <c r="T5573" s="5" t="s">
        <v>42</v>
      </c>
      <c r="U5573" s="2">
        <v>3.2189999999999999</v>
      </c>
      <c r="V5573" s="2">
        <v>2.6059999999999999</v>
      </c>
      <c r="W5573" s="2">
        <v>1.7999999999999999E-2</v>
      </c>
      <c r="X5573" s="2">
        <v>139.1</v>
      </c>
      <c r="Y5573" s="2">
        <v>7.6</v>
      </c>
      <c r="Z5573" s="2">
        <v>16.7</v>
      </c>
      <c r="AA5573" s="5"/>
      <c r="AB5573" s="5" t="s">
        <v>43</v>
      </c>
      <c r="AC5573" s="5" t="s">
        <v>44</v>
      </c>
      <c r="AD5573" s="2"/>
      <c r="AE5573" s="1"/>
    </row>
    <row r="5574" spans="1:31" ht="14.45">
      <c r="A5574" s="11"/>
      <c r="B5574" s="20"/>
      <c r="C5574" s="2" t="s">
        <v>17193</v>
      </c>
      <c r="D5574" s="14" t="s">
        <v>17194</v>
      </c>
      <c r="E5574" s="2" t="s">
        <v>17195</v>
      </c>
      <c r="F5574" s="2" t="s">
        <v>7208</v>
      </c>
      <c r="G5574" s="8">
        <v>256</v>
      </c>
      <c r="H5574" s="5">
        <v>6</v>
      </c>
      <c r="I5574" s="5" t="s">
        <v>1518</v>
      </c>
      <c r="J5574" s="5" t="s">
        <v>1519</v>
      </c>
      <c r="K5574" s="2" t="s">
        <v>1520</v>
      </c>
      <c r="L5574" s="5" t="s">
        <v>1519</v>
      </c>
      <c r="M5574" s="2" t="s">
        <v>1520</v>
      </c>
      <c r="N5574" s="5" t="s">
        <v>1521</v>
      </c>
      <c r="O5574" s="5" t="s">
        <v>38</v>
      </c>
      <c r="P5574" s="5" t="s">
        <v>39</v>
      </c>
      <c r="Q5574" s="5" t="s">
        <v>40</v>
      </c>
      <c r="R5574" s="5" t="s">
        <v>1522</v>
      </c>
      <c r="S5574" s="5" t="s">
        <v>1523</v>
      </c>
      <c r="T5574" s="5" t="s">
        <v>42</v>
      </c>
      <c r="U5574" s="2">
        <v>3.117</v>
      </c>
      <c r="V5574" s="2">
        <v>2.504</v>
      </c>
      <c r="W5574" s="2">
        <v>1.7999999999999999E-2</v>
      </c>
      <c r="X5574" s="2">
        <v>139.1</v>
      </c>
      <c r="Y5574" s="2">
        <v>7.6</v>
      </c>
      <c r="Z5574" s="2">
        <v>16.7</v>
      </c>
      <c r="AA5574" s="5"/>
      <c r="AB5574" s="5" t="s">
        <v>43</v>
      </c>
      <c r="AC5574" s="5" t="s">
        <v>44</v>
      </c>
      <c r="AD5574" s="2"/>
      <c r="AE5574" s="1"/>
    </row>
    <row r="5575" spans="1:31" ht="14.45">
      <c r="A5575" s="11"/>
      <c r="B5575" s="20"/>
      <c r="C5575" s="2" t="s">
        <v>17196</v>
      </c>
      <c r="D5575" s="14" t="s">
        <v>17197</v>
      </c>
      <c r="E5575" s="2" t="s">
        <v>17198</v>
      </c>
      <c r="F5575" s="2" t="s">
        <v>7521</v>
      </c>
      <c r="G5575" s="8">
        <v>256</v>
      </c>
      <c r="H5575" s="5">
        <v>6</v>
      </c>
      <c r="I5575" s="5" t="s">
        <v>1518</v>
      </c>
      <c r="J5575" s="5" t="s">
        <v>1519</v>
      </c>
      <c r="K5575" s="2" t="s">
        <v>1520</v>
      </c>
      <c r="L5575" s="5" t="s">
        <v>1519</v>
      </c>
      <c r="M5575" s="2" t="s">
        <v>1520</v>
      </c>
      <c r="N5575" s="5" t="s">
        <v>1521</v>
      </c>
      <c r="O5575" s="5" t="s">
        <v>38</v>
      </c>
      <c r="P5575" s="5" t="s">
        <v>39</v>
      </c>
      <c r="Q5575" s="5" t="s">
        <v>40</v>
      </c>
      <c r="R5575" s="5" t="s">
        <v>1522</v>
      </c>
      <c r="S5575" s="5" t="s">
        <v>1523</v>
      </c>
      <c r="T5575" s="5" t="s">
        <v>42</v>
      </c>
      <c r="U5575" s="2">
        <v>3.2189999999999999</v>
      </c>
      <c r="V5575" s="2">
        <v>2.6059999999999999</v>
      </c>
      <c r="W5575" s="2">
        <v>1.7999999999999999E-2</v>
      </c>
      <c r="X5575" s="2">
        <v>139.1</v>
      </c>
      <c r="Y5575" s="2">
        <v>7.6</v>
      </c>
      <c r="Z5575" s="2">
        <v>16.7</v>
      </c>
      <c r="AA5575" s="5"/>
      <c r="AB5575" s="5" t="s">
        <v>43</v>
      </c>
      <c r="AC5575" s="5" t="s">
        <v>44</v>
      </c>
      <c r="AD5575" s="2"/>
      <c r="AE5575" s="1"/>
    </row>
    <row r="5576" spans="1:31" ht="14.45">
      <c r="A5576" s="11"/>
      <c r="B5576" s="20"/>
      <c r="C5576" s="2" t="s">
        <v>17199</v>
      </c>
      <c r="D5576" s="14" t="s">
        <v>17200</v>
      </c>
      <c r="E5576" s="2" t="s">
        <v>17201</v>
      </c>
      <c r="F5576" s="2" t="s">
        <v>7212</v>
      </c>
      <c r="G5576" s="8">
        <v>256</v>
      </c>
      <c r="H5576" s="5">
        <v>6</v>
      </c>
      <c r="I5576" s="5" t="s">
        <v>1518</v>
      </c>
      <c r="J5576" s="5" t="s">
        <v>1519</v>
      </c>
      <c r="K5576" s="2" t="s">
        <v>1520</v>
      </c>
      <c r="L5576" s="5" t="s">
        <v>1519</v>
      </c>
      <c r="M5576" s="2" t="s">
        <v>1520</v>
      </c>
      <c r="N5576" s="5" t="s">
        <v>1521</v>
      </c>
      <c r="O5576" s="5" t="s">
        <v>38</v>
      </c>
      <c r="P5576" s="5" t="s">
        <v>39</v>
      </c>
      <c r="Q5576" s="5" t="s">
        <v>40</v>
      </c>
      <c r="R5576" s="5" t="s">
        <v>1522</v>
      </c>
      <c r="S5576" s="5" t="s">
        <v>1523</v>
      </c>
      <c r="T5576" s="5" t="s">
        <v>42</v>
      </c>
      <c r="U5576" s="2">
        <v>3.0910000000000002</v>
      </c>
      <c r="V5576" s="2">
        <v>2.4780000000000002</v>
      </c>
      <c r="W5576" s="2">
        <v>1.7999999999999999E-2</v>
      </c>
      <c r="X5576" s="2">
        <v>139.1</v>
      </c>
      <c r="Y5576" s="2">
        <v>7.6</v>
      </c>
      <c r="Z5576" s="2">
        <v>16.7</v>
      </c>
      <c r="AA5576" s="5"/>
      <c r="AB5576" s="5" t="s">
        <v>43</v>
      </c>
      <c r="AC5576" s="5" t="s">
        <v>44</v>
      </c>
      <c r="AD5576" s="2"/>
      <c r="AE5576" s="1"/>
    </row>
    <row r="5577" spans="1:31" ht="14.45">
      <c r="A5577" s="11"/>
      <c r="B5577" s="20"/>
      <c r="C5577" s="2" t="s">
        <v>17202</v>
      </c>
      <c r="D5577" s="14" t="s">
        <v>17203</v>
      </c>
      <c r="E5577" s="2" t="s">
        <v>17204</v>
      </c>
      <c r="F5577" s="2" t="s">
        <v>7406</v>
      </c>
      <c r="G5577" s="8">
        <v>275</v>
      </c>
      <c r="H5577" s="5">
        <v>6</v>
      </c>
      <c r="I5577" s="5" t="s">
        <v>1518</v>
      </c>
      <c r="J5577" s="5" t="s">
        <v>1519</v>
      </c>
      <c r="K5577" s="2" t="s">
        <v>1520</v>
      </c>
      <c r="L5577" s="5" t="s">
        <v>1519</v>
      </c>
      <c r="M5577" s="2" t="s">
        <v>1520</v>
      </c>
      <c r="N5577" s="5" t="s">
        <v>1521</v>
      </c>
      <c r="O5577" s="5" t="s">
        <v>38</v>
      </c>
      <c r="P5577" s="5" t="s">
        <v>39</v>
      </c>
      <c r="Q5577" s="5" t="s">
        <v>40</v>
      </c>
      <c r="R5577" s="5" t="s">
        <v>1522</v>
      </c>
      <c r="S5577" s="5" t="s">
        <v>1523</v>
      </c>
      <c r="T5577" s="5" t="s">
        <v>42</v>
      </c>
      <c r="U5577" s="2">
        <v>3.0910000000000002</v>
      </c>
      <c r="V5577" s="2">
        <v>2.4780000000000002</v>
      </c>
      <c r="W5577" s="2">
        <v>1.7999999999999999E-2</v>
      </c>
      <c r="X5577" s="2">
        <v>139.1</v>
      </c>
      <c r="Y5577" s="2">
        <v>7.6</v>
      </c>
      <c r="Z5577" s="2">
        <v>16.7</v>
      </c>
      <c r="AA5577" s="5"/>
      <c r="AB5577" s="5" t="s">
        <v>43</v>
      </c>
      <c r="AC5577" s="5" t="s">
        <v>44</v>
      </c>
      <c r="AD5577" s="2"/>
      <c r="AE5577" s="1"/>
    </row>
    <row r="5578" spans="1:31" ht="14.45">
      <c r="A5578" s="11"/>
      <c r="B5578" s="20"/>
      <c r="C5578" s="2" t="s">
        <v>17205</v>
      </c>
      <c r="D5578" s="14" t="s">
        <v>17206</v>
      </c>
      <c r="E5578" s="2" t="s">
        <v>17207</v>
      </c>
      <c r="F5578" s="2" t="s">
        <v>7555</v>
      </c>
      <c r="G5578" s="8">
        <v>275</v>
      </c>
      <c r="H5578" s="5">
        <v>6</v>
      </c>
      <c r="I5578" s="5" t="s">
        <v>1518</v>
      </c>
      <c r="J5578" s="5" t="s">
        <v>1519</v>
      </c>
      <c r="K5578" s="2" t="s">
        <v>1520</v>
      </c>
      <c r="L5578" s="5" t="s">
        <v>1519</v>
      </c>
      <c r="M5578" s="2" t="s">
        <v>1520</v>
      </c>
      <c r="N5578" s="5" t="s">
        <v>1521</v>
      </c>
      <c r="O5578" s="5" t="s">
        <v>38</v>
      </c>
      <c r="P5578" s="5" t="s">
        <v>39</v>
      </c>
      <c r="Q5578" s="5" t="s">
        <v>40</v>
      </c>
      <c r="R5578" s="5" t="s">
        <v>1522</v>
      </c>
      <c r="S5578" s="5" t="s">
        <v>1523</v>
      </c>
      <c r="T5578" s="5" t="s">
        <v>42</v>
      </c>
      <c r="U5578" s="2">
        <v>3.0910000000000002</v>
      </c>
      <c r="V5578" s="2">
        <v>2.4780000000000002</v>
      </c>
      <c r="W5578" s="2">
        <v>1.7999999999999999E-2</v>
      </c>
      <c r="X5578" s="2">
        <v>139.1</v>
      </c>
      <c r="Y5578" s="2">
        <v>7.6</v>
      </c>
      <c r="Z5578" s="2">
        <v>16.7</v>
      </c>
      <c r="AA5578" s="5"/>
      <c r="AB5578" s="5" t="s">
        <v>43</v>
      </c>
      <c r="AC5578" s="5" t="s">
        <v>44</v>
      </c>
      <c r="AD5578" s="2"/>
      <c r="AE5578" s="1"/>
    </row>
    <row r="5579" spans="1:31" ht="14.45">
      <c r="A5579" s="11"/>
      <c r="B5579" s="20"/>
      <c r="C5579" s="2" t="s">
        <v>17208</v>
      </c>
      <c r="D5579" s="14" t="s">
        <v>17209</v>
      </c>
      <c r="E5579" s="2" t="s">
        <v>17210</v>
      </c>
      <c r="F5579" s="2" t="s">
        <v>7585</v>
      </c>
      <c r="G5579" s="8">
        <v>275</v>
      </c>
      <c r="H5579" s="5">
        <v>6</v>
      </c>
      <c r="I5579" s="5" t="s">
        <v>1518</v>
      </c>
      <c r="J5579" s="5" t="s">
        <v>1519</v>
      </c>
      <c r="K5579" s="2" t="s">
        <v>1520</v>
      </c>
      <c r="L5579" s="5" t="s">
        <v>1519</v>
      </c>
      <c r="M5579" s="2" t="s">
        <v>1520</v>
      </c>
      <c r="N5579" s="5" t="s">
        <v>1521</v>
      </c>
      <c r="O5579" s="5" t="s">
        <v>38</v>
      </c>
      <c r="P5579" s="5" t="s">
        <v>39</v>
      </c>
      <c r="Q5579" s="5" t="s">
        <v>40</v>
      </c>
      <c r="R5579" s="5" t="s">
        <v>1522</v>
      </c>
      <c r="S5579" s="5" t="s">
        <v>1523</v>
      </c>
      <c r="T5579" s="5" t="s">
        <v>42</v>
      </c>
      <c r="U5579" s="2">
        <v>3.0910000000000002</v>
      </c>
      <c r="V5579" s="2">
        <v>2.4780000000000002</v>
      </c>
      <c r="W5579" s="2">
        <v>1.7999999999999999E-2</v>
      </c>
      <c r="X5579" s="2">
        <v>139.1</v>
      </c>
      <c r="Y5579" s="2">
        <v>7.6</v>
      </c>
      <c r="Z5579" s="2">
        <v>16.7</v>
      </c>
      <c r="AA5579" s="5"/>
      <c r="AB5579" s="5" t="s">
        <v>43</v>
      </c>
      <c r="AC5579" s="5" t="s">
        <v>44</v>
      </c>
      <c r="AD5579" s="2"/>
      <c r="AE5579" s="1"/>
    </row>
    <row r="5580" spans="1:31" ht="14.45">
      <c r="A5580" s="11"/>
      <c r="B5580" s="20"/>
      <c r="C5580" s="2" t="s">
        <v>17211</v>
      </c>
      <c r="D5580" s="14" t="s">
        <v>17212</v>
      </c>
      <c r="E5580" s="2" t="s">
        <v>17213</v>
      </c>
      <c r="F5580" s="2" t="s">
        <v>7619</v>
      </c>
      <c r="G5580" s="8">
        <v>275</v>
      </c>
      <c r="H5580" s="5">
        <v>6</v>
      </c>
      <c r="I5580" s="5" t="s">
        <v>1518</v>
      </c>
      <c r="J5580" s="5" t="s">
        <v>1519</v>
      </c>
      <c r="K5580" s="2" t="s">
        <v>1520</v>
      </c>
      <c r="L5580" s="5" t="s">
        <v>1519</v>
      </c>
      <c r="M5580" s="2" t="s">
        <v>1520</v>
      </c>
      <c r="N5580" s="5" t="s">
        <v>1521</v>
      </c>
      <c r="O5580" s="5" t="s">
        <v>38</v>
      </c>
      <c r="P5580" s="5" t="s">
        <v>39</v>
      </c>
      <c r="Q5580" s="5" t="s">
        <v>40</v>
      </c>
      <c r="R5580" s="5" t="s">
        <v>1522</v>
      </c>
      <c r="S5580" s="5" t="s">
        <v>1523</v>
      </c>
      <c r="T5580" s="5" t="s">
        <v>42</v>
      </c>
      <c r="U5580" s="2">
        <v>3.1930000000000001</v>
      </c>
      <c r="V5580" s="2">
        <v>2.58</v>
      </c>
      <c r="W5580" s="2">
        <v>1.7999999999999999E-2</v>
      </c>
      <c r="X5580" s="2">
        <v>139.1</v>
      </c>
      <c r="Y5580" s="2">
        <v>7.6</v>
      </c>
      <c r="Z5580" s="2">
        <v>16.7</v>
      </c>
      <c r="AA5580" s="5"/>
      <c r="AB5580" s="5" t="s">
        <v>43</v>
      </c>
      <c r="AC5580" s="5" t="s">
        <v>44</v>
      </c>
      <c r="AD5580" s="2"/>
      <c r="AE5580" s="1"/>
    </row>
    <row r="5581" spans="1:31" ht="14.45">
      <c r="A5581" s="11"/>
      <c r="B5581" s="20"/>
      <c r="C5581" s="2" t="s">
        <v>17214</v>
      </c>
      <c r="D5581" s="14" t="s">
        <v>17215</v>
      </c>
      <c r="E5581" s="2" t="s">
        <v>17216</v>
      </c>
      <c r="F5581" s="2" t="s">
        <v>16029</v>
      </c>
      <c r="G5581" s="8">
        <v>275</v>
      </c>
      <c r="H5581" s="5">
        <v>11</v>
      </c>
      <c r="I5581" s="5" t="s">
        <v>1518</v>
      </c>
      <c r="J5581" s="5" t="s">
        <v>1519</v>
      </c>
      <c r="K5581" s="2" t="s">
        <v>1520</v>
      </c>
      <c r="L5581" s="5" t="s">
        <v>1519</v>
      </c>
      <c r="M5581" s="2" t="s">
        <v>1520</v>
      </c>
      <c r="N5581" s="5" t="s">
        <v>1521</v>
      </c>
      <c r="O5581" s="5" t="s">
        <v>38</v>
      </c>
      <c r="P5581" s="5" t="s">
        <v>39</v>
      </c>
      <c r="Q5581" s="5" t="s">
        <v>40</v>
      </c>
      <c r="R5581" s="5" t="s">
        <v>1522</v>
      </c>
      <c r="S5581" s="5" t="s">
        <v>1523</v>
      </c>
      <c r="T5581" s="5" t="s">
        <v>42</v>
      </c>
      <c r="U5581" s="2">
        <v>3.1339999999999999</v>
      </c>
      <c r="V5581" s="2">
        <v>2.5209999999999999</v>
      </c>
      <c r="W5581" s="2">
        <v>1.7999999999999999E-2</v>
      </c>
      <c r="X5581" s="2">
        <v>139.1</v>
      </c>
      <c r="Y5581" s="2">
        <v>7.6</v>
      </c>
      <c r="Z5581" s="2">
        <v>16.7</v>
      </c>
      <c r="AA5581" s="5"/>
      <c r="AB5581" s="5" t="s">
        <v>43</v>
      </c>
      <c r="AC5581" s="5" t="s">
        <v>44</v>
      </c>
      <c r="AD5581" s="2"/>
      <c r="AE5581" s="1"/>
    </row>
    <row r="5582" spans="1:31" ht="14.45">
      <c r="A5582" s="11"/>
      <c r="B5582" s="20"/>
      <c r="C5582" s="2" t="s">
        <v>17217</v>
      </c>
      <c r="D5582" s="14" t="s">
        <v>17218</v>
      </c>
      <c r="E5582" s="2" t="s">
        <v>17219</v>
      </c>
      <c r="F5582" s="2" t="s">
        <v>16033</v>
      </c>
      <c r="G5582" s="8">
        <v>275</v>
      </c>
      <c r="H5582" s="5">
        <v>11</v>
      </c>
      <c r="I5582" s="5" t="s">
        <v>1518</v>
      </c>
      <c r="J5582" s="5" t="s">
        <v>1519</v>
      </c>
      <c r="K5582" s="2" t="s">
        <v>1520</v>
      </c>
      <c r="L5582" s="5" t="s">
        <v>1519</v>
      </c>
      <c r="M5582" s="2" t="s">
        <v>1520</v>
      </c>
      <c r="N5582" s="5" t="s">
        <v>1521</v>
      </c>
      <c r="O5582" s="5" t="s">
        <v>38</v>
      </c>
      <c r="P5582" s="5" t="s">
        <v>39</v>
      </c>
      <c r="Q5582" s="5" t="s">
        <v>40</v>
      </c>
      <c r="R5582" s="5" t="s">
        <v>1522</v>
      </c>
      <c r="S5582" s="5" t="s">
        <v>1523</v>
      </c>
      <c r="T5582" s="5" t="s">
        <v>42</v>
      </c>
      <c r="U5582" s="2">
        <v>3.2360000000000002</v>
      </c>
      <c r="V5582" s="2">
        <v>2.6230000000000002</v>
      </c>
      <c r="W5582" s="2">
        <v>1.7999999999999999E-2</v>
      </c>
      <c r="X5582" s="2">
        <v>139.1</v>
      </c>
      <c r="Y5582" s="2">
        <v>7.6</v>
      </c>
      <c r="Z5582" s="2">
        <v>16.7</v>
      </c>
      <c r="AA5582" s="5"/>
      <c r="AB5582" s="5" t="s">
        <v>43</v>
      </c>
      <c r="AC5582" s="5" t="s">
        <v>44</v>
      </c>
      <c r="AD5582" s="2"/>
      <c r="AE5582" s="1"/>
    </row>
    <row r="5583" spans="1:31" ht="14.45">
      <c r="A5583" s="11"/>
      <c r="B5583" s="20"/>
      <c r="C5583" s="2" t="s">
        <v>17220</v>
      </c>
      <c r="D5583" s="14" t="s">
        <v>17221</v>
      </c>
      <c r="E5583" s="2" t="s">
        <v>17222</v>
      </c>
      <c r="F5583" s="2" t="s">
        <v>7396</v>
      </c>
      <c r="G5583" s="8">
        <v>237</v>
      </c>
      <c r="H5583" s="5">
        <v>6</v>
      </c>
      <c r="I5583" s="5" t="s">
        <v>1518</v>
      </c>
      <c r="J5583" s="5" t="s">
        <v>1519</v>
      </c>
      <c r="K5583" s="2" t="s">
        <v>1520</v>
      </c>
      <c r="L5583" s="5" t="s">
        <v>1519</v>
      </c>
      <c r="M5583" s="2" t="s">
        <v>1520</v>
      </c>
      <c r="N5583" s="5" t="s">
        <v>1521</v>
      </c>
      <c r="O5583" s="5" t="s">
        <v>38</v>
      </c>
      <c r="P5583" s="5" t="s">
        <v>39</v>
      </c>
      <c r="Q5583" s="5" t="s">
        <v>40</v>
      </c>
      <c r="R5583" s="5" t="s">
        <v>1522</v>
      </c>
      <c r="S5583" s="5" t="s">
        <v>1523</v>
      </c>
      <c r="T5583" s="5" t="s">
        <v>42</v>
      </c>
      <c r="U5583" s="2">
        <v>2.5619999999999998</v>
      </c>
      <c r="V5583" s="2">
        <v>2.0190000000000001</v>
      </c>
      <c r="W5583" s="2">
        <v>1.2999999999999999E-2</v>
      </c>
      <c r="X5583" s="2">
        <v>99.1</v>
      </c>
      <c r="Y5583" s="2">
        <v>7.6</v>
      </c>
      <c r="Z5583" s="2">
        <v>16.7</v>
      </c>
      <c r="AA5583" s="5"/>
      <c r="AB5583" s="5" t="s">
        <v>43</v>
      </c>
      <c r="AC5583" s="5" t="s">
        <v>44</v>
      </c>
      <c r="AD5583" s="2"/>
      <c r="AE5583" s="1"/>
    </row>
    <row r="5584" spans="1:31" ht="14.45">
      <c r="A5584" s="11"/>
      <c r="B5584" s="20"/>
      <c r="C5584" s="2" t="s">
        <v>17223</v>
      </c>
      <c r="D5584" s="14" t="s">
        <v>17224</v>
      </c>
      <c r="E5584" s="2" t="s">
        <v>17225</v>
      </c>
      <c r="F5584" s="2" t="s">
        <v>7507</v>
      </c>
      <c r="G5584" s="8">
        <v>237</v>
      </c>
      <c r="H5584" s="5">
        <v>6</v>
      </c>
      <c r="I5584" s="5" t="s">
        <v>1518</v>
      </c>
      <c r="J5584" s="5" t="s">
        <v>1519</v>
      </c>
      <c r="K5584" s="2" t="s">
        <v>1520</v>
      </c>
      <c r="L5584" s="5" t="s">
        <v>1519</v>
      </c>
      <c r="M5584" s="2" t="s">
        <v>1520</v>
      </c>
      <c r="N5584" s="5" t="s">
        <v>1521</v>
      </c>
      <c r="O5584" s="5" t="s">
        <v>38</v>
      </c>
      <c r="P5584" s="5" t="s">
        <v>39</v>
      </c>
      <c r="Q5584" s="5" t="s">
        <v>40</v>
      </c>
      <c r="R5584" s="5" t="s">
        <v>1522</v>
      </c>
      <c r="S5584" s="5" t="s">
        <v>1523</v>
      </c>
      <c r="T5584" s="5" t="s">
        <v>42</v>
      </c>
      <c r="U5584" s="2">
        <v>2.633</v>
      </c>
      <c r="V5584" s="2">
        <v>2.09</v>
      </c>
      <c r="W5584" s="2">
        <v>1.2999999999999999E-2</v>
      </c>
      <c r="X5584" s="2">
        <v>99.1</v>
      </c>
      <c r="Y5584" s="2">
        <v>7.6</v>
      </c>
      <c r="Z5584" s="2">
        <v>16.7</v>
      </c>
      <c r="AA5584" s="5"/>
      <c r="AB5584" s="5" t="s">
        <v>43</v>
      </c>
      <c r="AC5584" s="5" t="s">
        <v>44</v>
      </c>
      <c r="AD5584" s="2"/>
      <c r="AE5584" s="1"/>
    </row>
    <row r="5585" spans="1:31" ht="14.45">
      <c r="A5585" s="11"/>
      <c r="B5585" s="20"/>
      <c r="C5585" s="2" t="s">
        <v>17226</v>
      </c>
      <c r="D5585" s="14" t="s">
        <v>17227</v>
      </c>
      <c r="E5585" s="2" t="s">
        <v>17228</v>
      </c>
      <c r="F5585" s="2" t="s">
        <v>7204</v>
      </c>
      <c r="G5585" s="8">
        <v>237</v>
      </c>
      <c r="H5585" s="5">
        <v>6</v>
      </c>
      <c r="I5585" s="5" t="s">
        <v>1518</v>
      </c>
      <c r="J5585" s="5" t="s">
        <v>1519</v>
      </c>
      <c r="K5585" s="2" t="s">
        <v>1520</v>
      </c>
      <c r="L5585" s="5" t="s">
        <v>1519</v>
      </c>
      <c r="M5585" s="2" t="s">
        <v>1520</v>
      </c>
      <c r="N5585" s="5" t="s">
        <v>1521</v>
      </c>
      <c r="O5585" s="5" t="s">
        <v>38</v>
      </c>
      <c r="P5585" s="5" t="s">
        <v>39</v>
      </c>
      <c r="Q5585" s="5" t="s">
        <v>40</v>
      </c>
      <c r="R5585" s="5" t="s">
        <v>1522</v>
      </c>
      <c r="S5585" s="5" t="s">
        <v>1523</v>
      </c>
      <c r="T5585" s="5" t="s">
        <v>42</v>
      </c>
      <c r="U5585" s="2">
        <v>2.5680000000000001</v>
      </c>
      <c r="V5585" s="2">
        <v>2.0249999999999999</v>
      </c>
      <c r="W5585" s="2">
        <v>1.2999999999999999E-2</v>
      </c>
      <c r="X5585" s="2">
        <v>99.1</v>
      </c>
      <c r="Y5585" s="2">
        <v>7.6</v>
      </c>
      <c r="Z5585" s="2">
        <v>16.7</v>
      </c>
      <c r="AA5585" s="5"/>
      <c r="AB5585" s="5" t="s">
        <v>43</v>
      </c>
      <c r="AC5585" s="5" t="s">
        <v>44</v>
      </c>
      <c r="AD5585" s="2"/>
      <c r="AE5585" s="1"/>
    </row>
    <row r="5586" spans="1:31" ht="14.45">
      <c r="A5586" s="11"/>
      <c r="B5586" s="20"/>
      <c r="C5586" s="2" t="s">
        <v>17229</v>
      </c>
      <c r="D5586" s="14" t="s">
        <v>17230</v>
      </c>
      <c r="E5586" s="2" t="s">
        <v>17231</v>
      </c>
      <c r="F5586" s="2" t="s">
        <v>7514</v>
      </c>
      <c r="G5586" s="8">
        <v>237</v>
      </c>
      <c r="H5586" s="5">
        <v>6</v>
      </c>
      <c r="I5586" s="5" t="s">
        <v>1518</v>
      </c>
      <c r="J5586" s="5" t="s">
        <v>1519</v>
      </c>
      <c r="K5586" s="2" t="s">
        <v>1520</v>
      </c>
      <c r="L5586" s="5" t="s">
        <v>1519</v>
      </c>
      <c r="M5586" s="2" t="s">
        <v>1520</v>
      </c>
      <c r="N5586" s="5" t="s">
        <v>1521</v>
      </c>
      <c r="O5586" s="5" t="s">
        <v>38</v>
      </c>
      <c r="P5586" s="5" t="s">
        <v>39</v>
      </c>
      <c r="Q5586" s="5" t="s">
        <v>40</v>
      </c>
      <c r="R5586" s="5" t="s">
        <v>1522</v>
      </c>
      <c r="S5586" s="5" t="s">
        <v>1523</v>
      </c>
      <c r="T5586" s="5" t="s">
        <v>42</v>
      </c>
      <c r="U5586" s="2">
        <v>2.6389999999999998</v>
      </c>
      <c r="V5586" s="2">
        <v>2.0960000000000001</v>
      </c>
      <c r="W5586" s="2">
        <v>1.2999999999999999E-2</v>
      </c>
      <c r="X5586" s="2">
        <v>99.1</v>
      </c>
      <c r="Y5586" s="2">
        <v>7.6</v>
      </c>
      <c r="Z5586" s="2">
        <v>16.7</v>
      </c>
      <c r="AA5586" s="5"/>
      <c r="AB5586" s="5" t="s">
        <v>43</v>
      </c>
      <c r="AC5586" s="5" t="s">
        <v>44</v>
      </c>
      <c r="AD5586" s="2"/>
      <c r="AE5586" s="1"/>
    </row>
    <row r="5587" spans="1:31" ht="14.45">
      <c r="A5587" s="11"/>
      <c r="B5587" s="20"/>
      <c r="C5587" s="2" t="s">
        <v>17232</v>
      </c>
      <c r="D5587" s="14" t="s">
        <v>17233</v>
      </c>
      <c r="E5587" s="2" t="s">
        <v>17234</v>
      </c>
      <c r="F5587" s="2" t="s">
        <v>7208</v>
      </c>
      <c r="G5587" s="8">
        <v>237</v>
      </c>
      <c r="H5587" s="5">
        <v>6</v>
      </c>
      <c r="I5587" s="5" t="s">
        <v>1518</v>
      </c>
      <c r="J5587" s="5" t="s">
        <v>1519</v>
      </c>
      <c r="K5587" s="2" t="s">
        <v>1520</v>
      </c>
      <c r="L5587" s="5" t="s">
        <v>1519</v>
      </c>
      <c r="M5587" s="2" t="s">
        <v>1520</v>
      </c>
      <c r="N5587" s="5" t="s">
        <v>1521</v>
      </c>
      <c r="O5587" s="5" t="s">
        <v>38</v>
      </c>
      <c r="P5587" s="5" t="s">
        <v>39</v>
      </c>
      <c r="Q5587" s="5" t="s">
        <v>40</v>
      </c>
      <c r="R5587" s="5" t="s">
        <v>1522</v>
      </c>
      <c r="S5587" s="5" t="s">
        <v>1523</v>
      </c>
      <c r="T5587" s="5" t="s">
        <v>42</v>
      </c>
      <c r="U5587" s="2">
        <v>2.5680000000000001</v>
      </c>
      <c r="V5587" s="2">
        <v>2.0249999999999999</v>
      </c>
      <c r="W5587" s="2">
        <v>1.2999999999999999E-2</v>
      </c>
      <c r="X5587" s="2">
        <v>99.1</v>
      </c>
      <c r="Y5587" s="2">
        <v>7.6</v>
      </c>
      <c r="Z5587" s="2">
        <v>16.7</v>
      </c>
      <c r="AA5587" s="5"/>
      <c r="AB5587" s="5" t="s">
        <v>43</v>
      </c>
      <c r="AC5587" s="5" t="s">
        <v>44</v>
      </c>
      <c r="AD5587" s="2"/>
      <c r="AE5587" s="1"/>
    </row>
    <row r="5588" spans="1:31" ht="14.45">
      <c r="A5588" s="11"/>
      <c r="B5588" s="20"/>
      <c r="C5588" s="2" t="s">
        <v>17235</v>
      </c>
      <c r="D5588" s="14" t="s">
        <v>17236</v>
      </c>
      <c r="E5588" s="2" t="s">
        <v>17237</v>
      </c>
      <c r="F5588" s="2" t="s">
        <v>7521</v>
      </c>
      <c r="G5588" s="8">
        <v>237</v>
      </c>
      <c r="H5588" s="5">
        <v>6</v>
      </c>
      <c r="I5588" s="5" t="s">
        <v>1518</v>
      </c>
      <c r="J5588" s="5" t="s">
        <v>1519</v>
      </c>
      <c r="K5588" s="2" t="s">
        <v>1520</v>
      </c>
      <c r="L5588" s="5" t="s">
        <v>1519</v>
      </c>
      <c r="M5588" s="2" t="s">
        <v>1520</v>
      </c>
      <c r="N5588" s="5" t="s">
        <v>1521</v>
      </c>
      <c r="O5588" s="5" t="s">
        <v>38</v>
      </c>
      <c r="P5588" s="5" t="s">
        <v>39</v>
      </c>
      <c r="Q5588" s="5" t="s">
        <v>40</v>
      </c>
      <c r="R5588" s="5" t="s">
        <v>1522</v>
      </c>
      <c r="S5588" s="5" t="s">
        <v>1523</v>
      </c>
      <c r="T5588" s="5" t="s">
        <v>42</v>
      </c>
      <c r="U5588" s="2">
        <v>2.6389999999999998</v>
      </c>
      <c r="V5588" s="2">
        <v>2.0960000000000001</v>
      </c>
      <c r="W5588" s="2">
        <v>1.2999999999999999E-2</v>
      </c>
      <c r="X5588" s="2">
        <v>99.1</v>
      </c>
      <c r="Y5588" s="2">
        <v>7.6</v>
      </c>
      <c r="Z5588" s="2">
        <v>16.7</v>
      </c>
      <c r="AA5588" s="5"/>
      <c r="AB5588" s="5" t="s">
        <v>43</v>
      </c>
      <c r="AC5588" s="5" t="s">
        <v>44</v>
      </c>
      <c r="AD5588" s="2"/>
      <c r="AE5588" s="1"/>
    </row>
    <row r="5589" spans="1:31" ht="14.45">
      <c r="A5589" s="11"/>
      <c r="B5589" s="20"/>
      <c r="C5589" s="2" t="s">
        <v>17238</v>
      </c>
      <c r="D5589" s="14" t="s">
        <v>17239</v>
      </c>
      <c r="E5589" s="2" t="s">
        <v>17240</v>
      </c>
      <c r="F5589" s="2" t="s">
        <v>7212</v>
      </c>
      <c r="G5589" s="8">
        <v>237</v>
      </c>
      <c r="H5589" s="5">
        <v>6</v>
      </c>
      <c r="I5589" s="5" t="s">
        <v>1518</v>
      </c>
      <c r="J5589" s="5" t="s">
        <v>1519</v>
      </c>
      <c r="K5589" s="2" t="s">
        <v>1520</v>
      </c>
      <c r="L5589" s="5" t="s">
        <v>1519</v>
      </c>
      <c r="M5589" s="2" t="s">
        <v>1520</v>
      </c>
      <c r="N5589" s="5" t="s">
        <v>1521</v>
      </c>
      <c r="O5589" s="5" t="s">
        <v>38</v>
      </c>
      <c r="P5589" s="5" t="s">
        <v>39</v>
      </c>
      <c r="Q5589" s="5" t="s">
        <v>40</v>
      </c>
      <c r="R5589" s="5" t="s">
        <v>1522</v>
      </c>
      <c r="S5589" s="5" t="s">
        <v>1523</v>
      </c>
      <c r="T5589" s="5" t="s">
        <v>42</v>
      </c>
      <c r="U5589" s="2">
        <v>2.552</v>
      </c>
      <c r="V5589" s="2">
        <v>2.0089999999999999</v>
      </c>
      <c r="W5589" s="2">
        <v>1.2999999999999999E-2</v>
      </c>
      <c r="X5589" s="2">
        <v>99.1</v>
      </c>
      <c r="Y5589" s="2">
        <v>7.6</v>
      </c>
      <c r="Z5589" s="2">
        <v>16.7</v>
      </c>
      <c r="AA5589" s="5"/>
      <c r="AB5589" s="5" t="s">
        <v>43</v>
      </c>
      <c r="AC5589" s="5" t="s">
        <v>44</v>
      </c>
      <c r="AD5589" s="2"/>
      <c r="AE5589" s="1"/>
    </row>
    <row r="5590" spans="1:31" ht="14.45">
      <c r="A5590" s="11"/>
      <c r="B5590" s="20"/>
      <c r="C5590" s="2" t="s">
        <v>17241</v>
      </c>
      <c r="D5590" s="14" t="s">
        <v>17242</v>
      </c>
      <c r="E5590" s="2" t="s">
        <v>17243</v>
      </c>
      <c r="F5590" s="2" t="s">
        <v>7528</v>
      </c>
      <c r="G5590" s="8">
        <v>237</v>
      </c>
      <c r="H5590" s="5">
        <v>6</v>
      </c>
      <c r="I5590" s="5" t="s">
        <v>1518</v>
      </c>
      <c r="J5590" s="5" t="s">
        <v>1519</v>
      </c>
      <c r="K5590" s="2" t="s">
        <v>1520</v>
      </c>
      <c r="L5590" s="5" t="s">
        <v>1519</v>
      </c>
      <c r="M5590" s="2" t="s">
        <v>1520</v>
      </c>
      <c r="N5590" s="5" t="s">
        <v>1521</v>
      </c>
      <c r="O5590" s="5" t="s">
        <v>38</v>
      </c>
      <c r="P5590" s="5" t="s">
        <v>39</v>
      </c>
      <c r="Q5590" s="5" t="s">
        <v>40</v>
      </c>
      <c r="R5590" s="5" t="s">
        <v>1522</v>
      </c>
      <c r="S5590" s="5" t="s">
        <v>1523</v>
      </c>
      <c r="T5590" s="5" t="s">
        <v>42</v>
      </c>
      <c r="U5590" s="2">
        <v>2.6230000000000002</v>
      </c>
      <c r="V5590" s="2">
        <v>2.08</v>
      </c>
      <c r="W5590" s="2">
        <v>1.2999999999999999E-2</v>
      </c>
      <c r="X5590" s="2">
        <v>99.1</v>
      </c>
      <c r="Y5590" s="2">
        <v>7.6</v>
      </c>
      <c r="Z5590" s="2">
        <v>16.7</v>
      </c>
      <c r="AA5590" s="5"/>
      <c r="AB5590" s="5" t="s">
        <v>43</v>
      </c>
      <c r="AC5590" s="5" t="s">
        <v>44</v>
      </c>
      <c r="AD5590" s="2"/>
      <c r="AE5590" s="1"/>
    </row>
    <row r="5591" spans="1:31" ht="14.45">
      <c r="A5591" s="11"/>
      <c r="B5591" s="20"/>
      <c r="C5591" s="2" t="s">
        <v>17244</v>
      </c>
      <c r="D5591" s="14" t="s">
        <v>17245</v>
      </c>
      <c r="E5591" s="2" t="s">
        <v>17246</v>
      </c>
      <c r="F5591" s="2" t="s">
        <v>7406</v>
      </c>
      <c r="G5591" s="8">
        <v>253</v>
      </c>
      <c r="H5591" s="5">
        <v>6</v>
      </c>
      <c r="I5591" s="5" t="s">
        <v>1518</v>
      </c>
      <c r="J5591" s="5" t="s">
        <v>1519</v>
      </c>
      <c r="K5591" s="2" t="s">
        <v>1520</v>
      </c>
      <c r="L5591" s="5" t="s">
        <v>1519</v>
      </c>
      <c r="M5591" s="2" t="s">
        <v>1520</v>
      </c>
      <c r="N5591" s="5" t="s">
        <v>1521</v>
      </c>
      <c r="O5591" s="5" t="s">
        <v>38</v>
      </c>
      <c r="P5591" s="5" t="s">
        <v>39</v>
      </c>
      <c r="Q5591" s="5" t="s">
        <v>40</v>
      </c>
      <c r="R5591" s="5" t="s">
        <v>1522</v>
      </c>
      <c r="S5591" s="5" t="s">
        <v>1523</v>
      </c>
      <c r="T5591" s="5" t="s">
        <v>42</v>
      </c>
      <c r="U5591" s="2">
        <v>2.552</v>
      </c>
      <c r="V5591" s="2">
        <v>2.0089999999999999</v>
      </c>
      <c r="W5591" s="2">
        <v>1.2999999999999999E-2</v>
      </c>
      <c r="X5591" s="2">
        <v>99.1</v>
      </c>
      <c r="Y5591" s="2">
        <v>7.6</v>
      </c>
      <c r="Z5591" s="2">
        <v>16.7</v>
      </c>
      <c r="AA5591" s="5"/>
      <c r="AB5591" s="5" t="s">
        <v>43</v>
      </c>
      <c r="AC5591" s="5" t="s">
        <v>44</v>
      </c>
      <c r="AD5591" s="2"/>
      <c r="AE5591" s="1"/>
    </row>
    <row r="5592" spans="1:31" ht="14.45">
      <c r="A5592" s="11"/>
      <c r="B5592" s="20"/>
      <c r="C5592" s="2" t="s">
        <v>17247</v>
      </c>
      <c r="D5592" s="14" t="s">
        <v>17248</v>
      </c>
      <c r="E5592" s="2" t="s">
        <v>17249</v>
      </c>
      <c r="F5592" s="2" t="s">
        <v>7535</v>
      </c>
      <c r="G5592" s="8">
        <v>253</v>
      </c>
      <c r="H5592" s="5">
        <v>6</v>
      </c>
      <c r="I5592" s="5" t="s">
        <v>1518</v>
      </c>
      <c r="J5592" s="5" t="s">
        <v>1519</v>
      </c>
      <c r="K5592" s="2" t="s">
        <v>1520</v>
      </c>
      <c r="L5592" s="5" t="s">
        <v>1519</v>
      </c>
      <c r="M5592" s="2" t="s">
        <v>1520</v>
      </c>
      <c r="N5592" s="5" t="s">
        <v>1521</v>
      </c>
      <c r="O5592" s="5" t="s">
        <v>38</v>
      </c>
      <c r="P5592" s="5" t="s">
        <v>39</v>
      </c>
      <c r="Q5592" s="5" t="s">
        <v>40</v>
      </c>
      <c r="R5592" s="5" t="s">
        <v>1522</v>
      </c>
      <c r="S5592" s="5" t="s">
        <v>1523</v>
      </c>
      <c r="T5592" s="5" t="s">
        <v>42</v>
      </c>
      <c r="U5592" s="2">
        <v>2.6230000000000002</v>
      </c>
      <c r="V5592" s="2">
        <v>2.08</v>
      </c>
      <c r="W5592" s="2">
        <v>1.2999999999999999E-2</v>
      </c>
      <c r="X5592" s="2">
        <v>99.1</v>
      </c>
      <c r="Y5592" s="2">
        <v>7.6</v>
      </c>
      <c r="Z5592" s="2">
        <v>16.7</v>
      </c>
      <c r="AA5592" s="5"/>
      <c r="AB5592" s="5" t="s">
        <v>43</v>
      </c>
      <c r="AC5592" s="5" t="s">
        <v>44</v>
      </c>
      <c r="AD5592" s="2"/>
      <c r="AE5592" s="1"/>
    </row>
    <row r="5593" spans="1:31" ht="14.45">
      <c r="A5593" s="11"/>
      <c r="B5593" s="20"/>
      <c r="C5593" s="2" t="s">
        <v>17250</v>
      </c>
      <c r="D5593" s="14" t="s">
        <v>17251</v>
      </c>
      <c r="E5593" s="2" t="s">
        <v>17252</v>
      </c>
      <c r="F5593" s="2" t="s">
        <v>7539</v>
      </c>
      <c r="G5593" s="8">
        <v>253</v>
      </c>
      <c r="H5593" s="5">
        <v>6</v>
      </c>
      <c r="I5593" s="5" t="s">
        <v>1518</v>
      </c>
      <c r="J5593" s="5" t="s">
        <v>1519</v>
      </c>
      <c r="K5593" s="2" t="s">
        <v>1520</v>
      </c>
      <c r="L5593" s="5" t="s">
        <v>1519</v>
      </c>
      <c r="M5593" s="2" t="s">
        <v>1520</v>
      </c>
      <c r="N5593" s="5" t="s">
        <v>1521</v>
      </c>
      <c r="O5593" s="5" t="s">
        <v>38</v>
      </c>
      <c r="P5593" s="5" t="s">
        <v>39</v>
      </c>
      <c r="Q5593" s="5" t="s">
        <v>40</v>
      </c>
      <c r="R5593" s="5" t="s">
        <v>1522</v>
      </c>
      <c r="S5593" s="5" t="s">
        <v>1523</v>
      </c>
      <c r="T5593" s="5" t="s">
        <v>42</v>
      </c>
      <c r="U5593" s="2">
        <v>2.5680000000000001</v>
      </c>
      <c r="V5593" s="2">
        <v>2.0249999999999999</v>
      </c>
      <c r="W5593" s="2">
        <v>1.2999999999999999E-2</v>
      </c>
      <c r="X5593" s="2">
        <v>99.1</v>
      </c>
      <c r="Y5593" s="2">
        <v>7.6</v>
      </c>
      <c r="Z5593" s="2">
        <v>16.7</v>
      </c>
      <c r="AA5593" s="5"/>
      <c r="AB5593" s="5" t="s">
        <v>43</v>
      </c>
      <c r="AC5593" s="5" t="s">
        <v>44</v>
      </c>
      <c r="AD5593" s="2"/>
      <c r="AE5593" s="1"/>
    </row>
    <row r="5594" spans="1:31" ht="14.45">
      <c r="A5594" s="11"/>
      <c r="B5594" s="20"/>
      <c r="C5594" s="2" t="s">
        <v>17253</v>
      </c>
      <c r="D5594" s="14" t="s">
        <v>17254</v>
      </c>
      <c r="E5594" s="2" t="s">
        <v>17255</v>
      </c>
      <c r="F5594" s="2" t="s">
        <v>7543</v>
      </c>
      <c r="G5594" s="8">
        <v>253</v>
      </c>
      <c r="H5594" s="5">
        <v>6</v>
      </c>
      <c r="I5594" s="5" t="s">
        <v>1518</v>
      </c>
      <c r="J5594" s="5" t="s">
        <v>1519</v>
      </c>
      <c r="K5594" s="2" t="s">
        <v>1520</v>
      </c>
      <c r="L5594" s="5" t="s">
        <v>1519</v>
      </c>
      <c r="M5594" s="2" t="s">
        <v>1520</v>
      </c>
      <c r="N5594" s="5" t="s">
        <v>1521</v>
      </c>
      <c r="O5594" s="5" t="s">
        <v>38</v>
      </c>
      <c r="P5594" s="5" t="s">
        <v>39</v>
      </c>
      <c r="Q5594" s="5" t="s">
        <v>40</v>
      </c>
      <c r="R5594" s="5" t="s">
        <v>1522</v>
      </c>
      <c r="S5594" s="5" t="s">
        <v>1523</v>
      </c>
      <c r="T5594" s="5" t="s">
        <v>42</v>
      </c>
      <c r="U5594" s="2">
        <v>2.6389999999999998</v>
      </c>
      <c r="V5594" s="2">
        <v>2.0960000000000001</v>
      </c>
      <c r="W5594" s="2">
        <v>1.2999999999999999E-2</v>
      </c>
      <c r="X5594" s="2">
        <v>99.1</v>
      </c>
      <c r="Y5594" s="2">
        <v>7.6</v>
      </c>
      <c r="Z5594" s="2">
        <v>16.7</v>
      </c>
      <c r="AA5594" s="5"/>
      <c r="AB5594" s="5" t="s">
        <v>43</v>
      </c>
      <c r="AC5594" s="5" t="s">
        <v>44</v>
      </c>
      <c r="AD5594" s="2"/>
      <c r="AE5594" s="1"/>
    </row>
    <row r="5595" spans="1:31" ht="14.45">
      <c r="A5595" s="11"/>
      <c r="B5595" s="20"/>
      <c r="C5595" s="2" t="s">
        <v>17256</v>
      </c>
      <c r="D5595" s="14" t="s">
        <v>17257</v>
      </c>
      <c r="E5595" s="2" t="s">
        <v>17258</v>
      </c>
      <c r="F5595" s="2" t="s">
        <v>7547</v>
      </c>
      <c r="G5595" s="8">
        <v>253</v>
      </c>
      <c r="H5595" s="5">
        <v>6</v>
      </c>
      <c r="I5595" s="5" t="s">
        <v>1518</v>
      </c>
      <c r="J5595" s="5" t="s">
        <v>1519</v>
      </c>
      <c r="K5595" s="2" t="s">
        <v>1520</v>
      </c>
      <c r="L5595" s="5" t="s">
        <v>1519</v>
      </c>
      <c r="M5595" s="2" t="s">
        <v>1520</v>
      </c>
      <c r="N5595" s="5" t="s">
        <v>1521</v>
      </c>
      <c r="O5595" s="5" t="s">
        <v>38</v>
      </c>
      <c r="P5595" s="5" t="s">
        <v>39</v>
      </c>
      <c r="Q5595" s="5" t="s">
        <v>40</v>
      </c>
      <c r="R5595" s="5" t="s">
        <v>1522</v>
      </c>
      <c r="S5595" s="5" t="s">
        <v>1523</v>
      </c>
      <c r="T5595" s="5" t="s">
        <v>42</v>
      </c>
      <c r="U5595" s="2">
        <v>2.552</v>
      </c>
      <c r="V5595" s="2">
        <v>2.0089999999999999</v>
      </c>
      <c r="W5595" s="2">
        <v>1.2999999999999999E-2</v>
      </c>
      <c r="X5595" s="2">
        <v>99.1</v>
      </c>
      <c r="Y5595" s="2">
        <v>7.6</v>
      </c>
      <c r="Z5595" s="2">
        <v>16.7</v>
      </c>
      <c r="AA5595" s="5"/>
      <c r="AB5595" s="5" t="s">
        <v>43</v>
      </c>
      <c r="AC5595" s="5" t="s">
        <v>44</v>
      </c>
      <c r="AD5595" s="2"/>
      <c r="AE5595" s="1"/>
    </row>
    <row r="5596" spans="1:31" ht="14.45">
      <c r="A5596" s="11"/>
      <c r="B5596" s="20"/>
      <c r="C5596" s="2" t="s">
        <v>17259</v>
      </c>
      <c r="D5596" s="14" t="s">
        <v>17260</v>
      </c>
      <c r="E5596" s="2" t="s">
        <v>17261</v>
      </c>
      <c r="F5596" s="2" t="s">
        <v>7551</v>
      </c>
      <c r="G5596" s="8">
        <v>253</v>
      </c>
      <c r="H5596" s="5">
        <v>6</v>
      </c>
      <c r="I5596" s="5" t="s">
        <v>1518</v>
      </c>
      <c r="J5596" s="5" t="s">
        <v>1519</v>
      </c>
      <c r="K5596" s="2" t="s">
        <v>1520</v>
      </c>
      <c r="L5596" s="5" t="s">
        <v>1519</v>
      </c>
      <c r="M5596" s="2" t="s">
        <v>1520</v>
      </c>
      <c r="N5596" s="5" t="s">
        <v>1521</v>
      </c>
      <c r="O5596" s="5" t="s">
        <v>38</v>
      </c>
      <c r="P5596" s="5" t="s">
        <v>39</v>
      </c>
      <c r="Q5596" s="5" t="s">
        <v>40</v>
      </c>
      <c r="R5596" s="5" t="s">
        <v>1522</v>
      </c>
      <c r="S5596" s="5" t="s">
        <v>1523</v>
      </c>
      <c r="T5596" s="5" t="s">
        <v>42</v>
      </c>
      <c r="U5596" s="2">
        <v>2.6230000000000002</v>
      </c>
      <c r="V5596" s="2">
        <v>2.08</v>
      </c>
      <c r="W5596" s="2">
        <v>1.2999999999999999E-2</v>
      </c>
      <c r="X5596" s="2">
        <v>99.1</v>
      </c>
      <c r="Y5596" s="2">
        <v>7.6</v>
      </c>
      <c r="Z5596" s="2">
        <v>16.7</v>
      </c>
      <c r="AA5596" s="5"/>
      <c r="AB5596" s="5" t="s">
        <v>43</v>
      </c>
      <c r="AC5596" s="5" t="s">
        <v>44</v>
      </c>
      <c r="AD5596" s="2"/>
      <c r="AE5596" s="1"/>
    </row>
    <row r="5597" spans="1:31" ht="14.45">
      <c r="A5597" s="11"/>
      <c r="B5597" s="20"/>
      <c r="C5597" s="2" t="s">
        <v>17262</v>
      </c>
      <c r="D5597" s="14" t="s">
        <v>17263</v>
      </c>
      <c r="E5597" s="2" t="s">
        <v>17264</v>
      </c>
      <c r="F5597" s="2" t="s">
        <v>7555</v>
      </c>
      <c r="G5597" s="8">
        <v>253</v>
      </c>
      <c r="H5597" s="5">
        <v>6</v>
      </c>
      <c r="I5597" s="5" t="s">
        <v>1518</v>
      </c>
      <c r="J5597" s="5" t="s">
        <v>1519</v>
      </c>
      <c r="K5597" s="2" t="s">
        <v>1520</v>
      </c>
      <c r="L5597" s="5" t="s">
        <v>1519</v>
      </c>
      <c r="M5597" s="2" t="s">
        <v>1520</v>
      </c>
      <c r="N5597" s="5" t="s">
        <v>1521</v>
      </c>
      <c r="O5597" s="5" t="s">
        <v>38</v>
      </c>
      <c r="P5597" s="5" t="s">
        <v>39</v>
      </c>
      <c r="Q5597" s="5" t="s">
        <v>40</v>
      </c>
      <c r="R5597" s="5" t="s">
        <v>1522</v>
      </c>
      <c r="S5597" s="5" t="s">
        <v>1523</v>
      </c>
      <c r="T5597" s="5" t="s">
        <v>42</v>
      </c>
      <c r="U5597" s="2">
        <v>2.552</v>
      </c>
      <c r="V5597" s="2">
        <v>2.0089999999999999</v>
      </c>
      <c r="W5597" s="2">
        <v>1.2999999999999999E-2</v>
      </c>
      <c r="X5597" s="2">
        <v>99.1</v>
      </c>
      <c r="Y5597" s="2">
        <v>7.6</v>
      </c>
      <c r="Z5597" s="2">
        <v>16.7</v>
      </c>
      <c r="AA5597" s="5"/>
      <c r="AB5597" s="5" t="s">
        <v>43</v>
      </c>
      <c r="AC5597" s="5" t="s">
        <v>44</v>
      </c>
      <c r="AD5597" s="2"/>
      <c r="AE5597" s="1"/>
    </row>
    <row r="5598" spans="1:31" ht="14.45">
      <c r="A5598" s="11"/>
      <c r="B5598" s="20"/>
      <c r="C5598" s="2" t="s">
        <v>17265</v>
      </c>
      <c r="D5598" s="14" t="s">
        <v>17266</v>
      </c>
      <c r="E5598" s="2" t="s">
        <v>17267</v>
      </c>
      <c r="F5598" s="2" t="s">
        <v>7559</v>
      </c>
      <c r="G5598" s="8">
        <v>253</v>
      </c>
      <c r="H5598" s="5">
        <v>6</v>
      </c>
      <c r="I5598" s="5" t="s">
        <v>1518</v>
      </c>
      <c r="J5598" s="5" t="s">
        <v>1519</v>
      </c>
      <c r="K5598" s="2" t="s">
        <v>1520</v>
      </c>
      <c r="L5598" s="5" t="s">
        <v>1519</v>
      </c>
      <c r="M5598" s="2" t="s">
        <v>1520</v>
      </c>
      <c r="N5598" s="5" t="s">
        <v>1521</v>
      </c>
      <c r="O5598" s="5" t="s">
        <v>38</v>
      </c>
      <c r="P5598" s="5" t="s">
        <v>39</v>
      </c>
      <c r="Q5598" s="5" t="s">
        <v>40</v>
      </c>
      <c r="R5598" s="5" t="s">
        <v>1522</v>
      </c>
      <c r="S5598" s="5" t="s">
        <v>1523</v>
      </c>
      <c r="T5598" s="5" t="s">
        <v>42</v>
      </c>
      <c r="U5598" s="2">
        <v>2.6230000000000002</v>
      </c>
      <c r="V5598" s="2">
        <v>2.08</v>
      </c>
      <c r="W5598" s="2">
        <v>1.2999999999999999E-2</v>
      </c>
      <c r="X5598" s="2">
        <v>99.1</v>
      </c>
      <c r="Y5598" s="2">
        <v>7.6</v>
      </c>
      <c r="Z5598" s="2">
        <v>16.7</v>
      </c>
      <c r="AA5598" s="5"/>
      <c r="AB5598" s="5" t="s">
        <v>43</v>
      </c>
      <c r="AC5598" s="5" t="s">
        <v>44</v>
      </c>
      <c r="AD5598" s="2"/>
      <c r="AE5598" s="1"/>
    </row>
    <row r="5599" spans="1:31" ht="14.45">
      <c r="A5599" s="11"/>
      <c r="B5599" s="20"/>
      <c r="C5599" s="2" t="s">
        <v>17268</v>
      </c>
      <c r="D5599" s="14" t="s">
        <v>17269</v>
      </c>
      <c r="E5599" s="2" t="s">
        <v>17270</v>
      </c>
      <c r="F5599" s="2" t="s">
        <v>7563</v>
      </c>
      <c r="G5599" s="8">
        <v>253</v>
      </c>
      <c r="H5599" s="5">
        <v>6</v>
      </c>
      <c r="I5599" s="5" t="s">
        <v>1518</v>
      </c>
      <c r="J5599" s="5" t="s">
        <v>1519</v>
      </c>
      <c r="K5599" s="2" t="s">
        <v>1520</v>
      </c>
      <c r="L5599" s="5" t="s">
        <v>1519</v>
      </c>
      <c r="M5599" s="2" t="s">
        <v>1520</v>
      </c>
      <c r="N5599" s="5" t="s">
        <v>1521</v>
      </c>
      <c r="O5599" s="5" t="s">
        <v>38</v>
      </c>
      <c r="P5599" s="5" t="s">
        <v>39</v>
      </c>
      <c r="Q5599" s="5" t="s">
        <v>40</v>
      </c>
      <c r="R5599" s="5" t="s">
        <v>1522</v>
      </c>
      <c r="S5599" s="5" t="s">
        <v>1523</v>
      </c>
      <c r="T5599" s="5" t="s">
        <v>42</v>
      </c>
      <c r="U5599" s="2">
        <v>2.5680000000000001</v>
      </c>
      <c r="V5599" s="2">
        <v>2.0249999999999999</v>
      </c>
      <c r="W5599" s="2">
        <v>1.2999999999999999E-2</v>
      </c>
      <c r="X5599" s="2">
        <v>99.1</v>
      </c>
      <c r="Y5599" s="2">
        <v>7.6</v>
      </c>
      <c r="Z5599" s="2">
        <v>16.7</v>
      </c>
      <c r="AA5599" s="5"/>
      <c r="AB5599" s="5" t="s">
        <v>43</v>
      </c>
      <c r="AC5599" s="5" t="s">
        <v>44</v>
      </c>
      <c r="AD5599" s="2"/>
      <c r="AE5599" s="1"/>
    </row>
    <row r="5600" spans="1:31" ht="14.45">
      <c r="A5600" s="11"/>
      <c r="B5600" s="20"/>
      <c r="C5600" s="2" t="s">
        <v>17271</v>
      </c>
      <c r="D5600" s="14" t="s">
        <v>17272</v>
      </c>
      <c r="E5600" s="2" t="s">
        <v>17273</v>
      </c>
      <c r="F5600" s="2" t="s">
        <v>7567</v>
      </c>
      <c r="G5600" s="8">
        <v>253</v>
      </c>
      <c r="H5600" s="5">
        <v>6</v>
      </c>
      <c r="I5600" s="5" t="s">
        <v>1518</v>
      </c>
      <c r="J5600" s="5" t="s">
        <v>1519</v>
      </c>
      <c r="K5600" s="2" t="s">
        <v>1520</v>
      </c>
      <c r="L5600" s="5" t="s">
        <v>1519</v>
      </c>
      <c r="M5600" s="2" t="s">
        <v>1520</v>
      </c>
      <c r="N5600" s="5" t="s">
        <v>1521</v>
      </c>
      <c r="O5600" s="5" t="s">
        <v>38</v>
      </c>
      <c r="P5600" s="5" t="s">
        <v>39</v>
      </c>
      <c r="Q5600" s="5" t="s">
        <v>40</v>
      </c>
      <c r="R5600" s="5" t="s">
        <v>1522</v>
      </c>
      <c r="S5600" s="5" t="s">
        <v>1523</v>
      </c>
      <c r="T5600" s="5" t="s">
        <v>42</v>
      </c>
      <c r="U5600" s="2">
        <v>2.6389999999999998</v>
      </c>
      <c r="V5600" s="2">
        <v>2.0960000000000001</v>
      </c>
      <c r="W5600" s="2">
        <v>1.2999999999999999E-2</v>
      </c>
      <c r="X5600" s="2">
        <v>99.1</v>
      </c>
      <c r="Y5600" s="2">
        <v>7.6</v>
      </c>
      <c r="Z5600" s="2">
        <v>16.7</v>
      </c>
      <c r="AA5600" s="5"/>
      <c r="AB5600" s="5" t="s">
        <v>43</v>
      </c>
      <c r="AC5600" s="5" t="s">
        <v>44</v>
      </c>
      <c r="AD5600" s="2"/>
      <c r="AE5600" s="1"/>
    </row>
    <row r="5601" spans="1:31" ht="14.45">
      <c r="A5601" s="11"/>
      <c r="B5601" s="20"/>
      <c r="C5601" s="2" t="s">
        <v>17274</v>
      </c>
      <c r="D5601" s="14" t="s">
        <v>17275</v>
      </c>
      <c r="E5601" s="2" t="s">
        <v>17276</v>
      </c>
      <c r="F5601" s="2" t="s">
        <v>16079</v>
      </c>
      <c r="G5601" s="8">
        <v>253</v>
      </c>
      <c r="H5601" s="5">
        <v>6</v>
      </c>
      <c r="I5601" s="5" t="s">
        <v>1518</v>
      </c>
      <c r="J5601" s="5" t="s">
        <v>1519</v>
      </c>
      <c r="K5601" s="2" t="s">
        <v>1520</v>
      </c>
      <c r="L5601" s="5" t="s">
        <v>1519</v>
      </c>
      <c r="M5601" s="2" t="s">
        <v>1520</v>
      </c>
      <c r="N5601" s="5" t="s">
        <v>1521</v>
      </c>
      <c r="O5601" s="5" t="s">
        <v>38</v>
      </c>
      <c r="P5601" s="5" t="s">
        <v>39</v>
      </c>
      <c r="Q5601" s="5" t="s">
        <v>40</v>
      </c>
      <c r="R5601" s="5" t="s">
        <v>1522</v>
      </c>
      <c r="S5601" s="5" t="s">
        <v>1523</v>
      </c>
      <c r="T5601" s="5" t="s">
        <v>42</v>
      </c>
      <c r="U5601" s="2">
        <v>2.5680000000000001</v>
      </c>
      <c r="V5601" s="2">
        <v>2.0249999999999999</v>
      </c>
      <c r="W5601" s="2">
        <v>1.2999999999999999E-2</v>
      </c>
      <c r="X5601" s="2">
        <v>99.1</v>
      </c>
      <c r="Y5601" s="2">
        <v>7.6</v>
      </c>
      <c r="Z5601" s="2">
        <v>16.7</v>
      </c>
      <c r="AA5601" s="5"/>
      <c r="AB5601" s="5" t="s">
        <v>43</v>
      </c>
      <c r="AC5601" s="5" t="s">
        <v>44</v>
      </c>
      <c r="AD5601" s="2"/>
      <c r="AE5601" s="1"/>
    </row>
    <row r="5602" spans="1:31" ht="14.45">
      <c r="A5602" s="11"/>
      <c r="B5602" s="20"/>
      <c r="C5602" s="2" t="s">
        <v>17277</v>
      </c>
      <c r="D5602" s="14" t="s">
        <v>17278</v>
      </c>
      <c r="E5602" s="2" t="s">
        <v>17279</v>
      </c>
      <c r="F5602" s="2" t="s">
        <v>16194</v>
      </c>
      <c r="G5602" s="8">
        <v>253</v>
      </c>
      <c r="H5602" s="5">
        <v>6</v>
      </c>
      <c r="I5602" s="5" t="s">
        <v>1518</v>
      </c>
      <c r="J5602" s="5" t="s">
        <v>1519</v>
      </c>
      <c r="K5602" s="2" t="s">
        <v>1520</v>
      </c>
      <c r="L5602" s="5" t="s">
        <v>1519</v>
      </c>
      <c r="M5602" s="2" t="s">
        <v>1520</v>
      </c>
      <c r="N5602" s="5" t="s">
        <v>1521</v>
      </c>
      <c r="O5602" s="5" t="s">
        <v>38</v>
      </c>
      <c r="P5602" s="5" t="s">
        <v>39</v>
      </c>
      <c r="Q5602" s="5" t="s">
        <v>40</v>
      </c>
      <c r="R5602" s="5" t="s">
        <v>1522</v>
      </c>
      <c r="S5602" s="5" t="s">
        <v>1523</v>
      </c>
      <c r="T5602" s="5" t="s">
        <v>42</v>
      </c>
      <c r="U5602" s="2">
        <v>2.6389999999999998</v>
      </c>
      <c r="V5602" s="2">
        <v>2.0960000000000001</v>
      </c>
      <c r="W5602" s="2">
        <v>1.2999999999999999E-2</v>
      </c>
      <c r="X5602" s="2">
        <v>99.1</v>
      </c>
      <c r="Y5602" s="2">
        <v>7.6</v>
      </c>
      <c r="Z5602" s="2">
        <v>16.7</v>
      </c>
      <c r="AA5602" s="5"/>
      <c r="AB5602" s="5" t="s">
        <v>43</v>
      </c>
      <c r="AC5602" s="5" t="s">
        <v>44</v>
      </c>
      <c r="AD5602" s="2"/>
      <c r="AE5602" s="1"/>
    </row>
    <row r="5603" spans="1:31" ht="14.45">
      <c r="A5603" s="11"/>
      <c r="B5603" s="20"/>
      <c r="C5603" s="2" t="s">
        <v>17280</v>
      </c>
      <c r="D5603" s="14" t="s">
        <v>17281</v>
      </c>
      <c r="E5603" s="2" t="s">
        <v>17282</v>
      </c>
      <c r="F5603" s="2" t="s">
        <v>7449</v>
      </c>
      <c r="G5603" s="8">
        <v>253</v>
      </c>
      <c r="H5603" s="5">
        <v>6</v>
      </c>
      <c r="I5603" s="5" t="s">
        <v>1518</v>
      </c>
      <c r="J5603" s="5" t="s">
        <v>1519</v>
      </c>
      <c r="K5603" s="2" t="s">
        <v>1520</v>
      </c>
      <c r="L5603" s="5" t="s">
        <v>1519</v>
      </c>
      <c r="M5603" s="2" t="s">
        <v>1520</v>
      </c>
      <c r="N5603" s="5" t="s">
        <v>1521</v>
      </c>
      <c r="O5603" s="5" t="s">
        <v>38</v>
      </c>
      <c r="P5603" s="5" t="s">
        <v>39</v>
      </c>
      <c r="Q5603" s="5" t="s">
        <v>40</v>
      </c>
      <c r="R5603" s="5" t="s">
        <v>1522</v>
      </c>
      <c r="S5603" s="5" t="s">
        <v>1523</v>
      </c>
      <c r="T5603" s="5" t="s">
        <v>42</v>
      </c>
      <c r="U5603" s="2">
        <v>2.5680000000000001</v>
      </c>
      <c r="V5603" s="2">
        <v>2.0249999999999999</v>
      </c>
      <c r="W5603" s="2">
        <v>1.2999999999999999E-2</v>
      </c>
      <c r="X5603" s="2">
        <v>99.1</v>
      </c>
      <c r="Y5603" s="2">
        <v>7.6</v>
      </c>
      <c r="Z5603" s="2">
        <v>16.7</v>
      </c>
      <c r="AA5603" s="5"/>
      <c r="AB5603" s="5" t="s">
        <v>43</v>
      </c>
      <c r="AC5603" s="5" t="s">
        <v>44</v>
      </c>
      <c r="AD5603" s="2"/>
      <c r="AE5603" s="1"/>
    </row>
    <row r="5604" spans="1:31" ht="14.45">
      <c r="A5604" s="11"/>
      <c r="B5604" s="20"/>
      <c r="C5604" s="2" t="s">
        <v>17283</v>
      </c>
      <c r="D5604" s="14" t="s">
        <v>17284</v>
      </c>
      <c r="E5604" s="2" t="s">
        <v>17285</v>
      </c>
      <c r="F5604" s="2" t="s">
        <v>7581</v>
      </c>
      <c r="G5604" s="8">
        <v>253</v>
      </c>
      <c r="H5604" s="5">
        <v>6</v>
      </c>
      <c r="I5604" s="5" t="s">
        <v>1518</v>
      </c>
      <c r="J5604" s="5" t="s">
        <v>1519</v>
      </c>
      <c r="K5604" s="2" t="s">
        <v>1520</v>
      </c>
      <c r="L5604" s="5" t="s">
        <v>1519</v>
      </c>
      <c r="M5604" s="2" t="s">
        <v>1520</v>
      </c>
      <c r="N5604" s="5" t="s">
        <v>1521</v>
      </c>
      <c r="O5604" s="5" t="s">
        <v>38</v>
      </c>
      <c r="P5604" s="5" t="s">
        <v>39</v>
      </c>
      <c r="Q5604" s="5" t="s">
        <v>40</v>
      </c>
      <c r="R5604" s="5" t="s">
        <v>1522</v>
      </c>
      <c r="S5604" s="5" t="s">
        <v>1523</v>
      </c>
      <c r="T5604" s="5" t="s">
        <v>42</v>
      </c>
      <c r="U5604" s="2">
        <v>2.6389999999999998</v>
      </c>
      <c r="V5604" s="2">
        <v>2.0960000000000001</v>
      </c>
      <c r="W5604" s="2">
        <v>1.2999999999999999E-2</v>
      </c>
      <c r="X5604" s="2">
        <v>99.1</v>
      </c>
      <c r="Y5604" s="2">
        <v>7.6</v>
      </c>
      <c r="Z5604" s="2">
        <v>16.7</v>
      </c>
      <c r="AA5604" s="5"/>
      <c r="AB5604" s="5" t="s">
        <v>43</v>
      </c>
      <c r="AC5604" s="5" t="s">
        <v>44</v>
      </c>
      <c r="AD5604" s="2"/>
      <c r="AE5604" s="1"/>
    </row>
    <row r="5605" spans="1:31" ht="14.45">
      <c r="A5605" s="11"/>
      <c r="B5605" s="20"/>
      <c r="C5605" s="2" t="s">
        <v>17286</v>
      </c>
      <c r="D5605" s="14" t="s">
        <v>17287</v>
      </c>
      <c r="E5605" s="2" t="s">
        <v>17288</v>
      </c>
      <c r="F5605" s="2" t="s">
        <v>7585</v>
      </c>
      <c r="G5605" s="8">
        <v>253</v>
      </c>
      <c r="H5605" s="5">
        <v>6</v>
      </c>
      <c r="I5605" s="5" t="s">
        <v>1518</v>
      </c>
      <c r="J5605" s="5" t="s">
        <v>1519</v>
      </c>
      <c r="K5605" s="2" t="s">
        <v>1520</v>
      </c>
      <c r="L5605" s="5" t="s">
        <v>1519</v>
      </c>
      <c r="M5605" s="2" t="s">
        <v>1520</v>
      </c>
      <c r="N5605" s="5" t="s">
        <v>1521</v>
      </c>
      <c r="O5605" s="5" t="s">
        <v>38</v>
      </c>
      <c r="P5605" s="5" t="s">
        <v>39</v>
      </c>
      <c r="Q5605" s="5" t="s">
        <v>40</v>
      </c>
      <c r="R5605" s="5" t="s">
        <v>1522</v>
      </c>
      <c r="S5605" s="5" t="s">
        <v>1523</v>
      </c>
      <c r="T5605" s="5" t="s">
        <v>42</v>
      </c>
      <c r="U5605" s="2">
        <v>2.552</v>
      </c>
      <c r="V5605" s="2">
        <v>2.0089999999999999</v>
      </c>
      <c r="W5605" s="2">
        <v>1.2999999999999999E-2</v>
      </c>
      <c r="X5605" s="2">
        <v>99.1</v>
      </c>
      <c r="Y5605" s="2">
        <v>7.6</v>
      </c>
      <c r="Z5605" s="2">
        <v>16.7</v>
      </c>
      <c r="AA5605" s="5"/>
      <c r="AB5605" s="5" t="s">
        <v>43</v>
      </c>
      <c r="AC5605" s="5" t="s">
        <v>44</v>
      </c>
      <c r="AD5605" s="2"/>
      <c r="AE5605" s="1"/>
    </row>
    <row r="5606" spans="1:31" ht="14.45">
      <c r="A5606" s="11"/>
      <c r="B5606" s="20"/>
      <c r="C5606" s="2" t="s">
        <v>17289</v>
      </c>
      <c r="D5606" s="14" t="s">
        <v>17290</v>
      </c>
      <c r="E5606" s="2" t="s">
        <v>17291</v>
      </c>
      <c r="F5606" s="2" t="s">
        <v>7589</v>
      </c>
      <c r="G5606" s="8">
        <v>253</v>
      </c>
      <c r="H5606" s="5">
        <v>6</v>
      </c>
      <c r="I5606" s="5" t="s">
        <v>1518</v>
      </c>
      <c r="J5606" s="5" t="s">
        <v>1519</v>
      </c>
      <c r="K5606" s="2" t="s">
        <v>1520</v>
      </c>
      <c r="L5606" s="5" t="s">
        <v>1519</v>
      </c>
      <c r="M5606" s="2" t="s">
        <v>1520</v>
      </c>
      <c r="N5606" s="5" t="s">
        <v>1521</v>
      </c>
      <c r="O5606" s="5" t="s">
        <v>38</v>
      </c>
      <c r="P5606" s="5" t="s">
        <v>39</v>
      </c>
      <c r="Q5606" s="5" t="s">
        <v>40</v>
      </c>
      <c r="R5606" s="5" t="s">
        <v>1522</v>
      </c>
      <c r="S5606" s="5" t="s">
        <v>1523</v>
      </c>
      <c r="T5606" s="5" t="s">
        <v>42</v>
      </c>
      <c r="U5606" s="2">
        <v>2.6230000000000002</v>
      </c>
      <c r="V5606" s="2">
        <v>2.08</v>
      </c>
      <c r="W5606" s="2">
        <v>1.2999999999999999E-2</v>
      </c>
      <c r="X5606" s="2">
        <v>99.1</v>
      </c>
      <c r="Y5606" s="2">
        <v>7.6</v>
      </c>
      <c r="Z5606" s="2">
        <v>16.7</v>
      </c>
      <c r="AA5606" s="5"/>
      <c r="AB5606" s="5" t="s">
        <v>43</v>
      </c>
      <c r="AC5606" s="5" t="s">
        <v>44</v>
      </c>
      <c r="AD5606" s="2"/>
      <c r="AE5606" s="1"/>
    </row>
    <row r="5607" spans="1:31" ht="14.45">
      <c r="A5607" s="11"/>
      <c r="B5607" s="20"/>
      <c r="C5607" s="2" t="s">
        <v>17292</v>
      </c>
      <c r="D5607" s="14" t="s">
        <v>17293</v>
      </c>
      <c r="E5607" s="2" t="s">
        <v>17294</v>
      </c>
      <c r="F5607" s="2" t="s">
        <v>7593</v>
      </c>
      <c r="G5607" s="8">
        <v>253</v>
      </c>
      <c r="H5607" s="5">
        <v>6</v>
      </c>
      <c r="I5607" s="5" t="s">
        <v>1518</v>
      </c>
      <c r="J5607" s="5" t="s">
        <v>1519</v>
      </c>
      <c r="K5607" s="2" t="s">
        <v>1520</v>
      </c>
      <c r="L5607" s="5" t="s">
        <v>1519</v>
      </c>
      <c r="M5607" s="2" t="s">
        <v>1520</v>
      </c>
      <c r="N5607" s="5" t="s">
        <v>1521</v>
      </c>
      <c r="O5607" s="5" t="s">
        <v>38</v>
      </c>
      <c r="P5607" s="5" t="s">
        <v>39</v>
      </c>
      <c r="Q5607" s="5" t="s">
        <v>40</v>
      </c>
      <c r="R5607" s="5" t="s">
        <v>1522</v>
      </c>
      <c r="S5607" s="5" t="s">
        <v>1523</v>
      </c>
      <c r="T5607" s="5" t="s">
        <v>42</v>
      </c>
      <c r="U5607" s="2">
        <v>2.5680000000000001</v>
      </c>
      <c r="V5607" s="2">
        <v>2.0249999999999999</v>
      </c>
      <c r="W5607" s="2">
        <v>1.2999999999999999E-2</v>
      </c>
      <c r="X5607" s="2">
        <v>99.1</v>
      </c>
      <c r="Y5607" s="2">
        <v>7.6</v>
      </c>
      <c r="Z5607" s="2">
        <v>16.7</v>
      </c>
      <c r="AA5607" s="5"/>
      <c r="AB5607" s="5" t="s">
        <v>43</v>
      </c>
      <c r="AC5607" s="5" t="s">
        <v>44</v>
      </c>
      <c r="AD5607" s="2"/>
      <c r="AE5607" s="1"/>
    </row>
    <row r="5608" spans="1:31" ht="14.45">
      <c r="A5608" s="11"/>
      <c r="B5608" s="20"/>
      <c r="C5608" s="2" t="s">
        <v>17295</v>
      </c>
      <c r="D5608" s="14" t="s">
        <v>17296</v>
      </c>
      <c r="E5608" s="2" t="s">
        <v>17297</v>
      </c>
      <c r="F5608" s="2" t="s">
        <v>7597</v>
      </c>
      <c r="G5608" s="8">
        <v>253</v>
      </c>
      <c r="H5608" s="5">
        <v>6</v>
      </c>
      <c r="I5608" s="5" t="s">
        <v>1518</v>
      </c>
      <c r="J5608" s="5" t="s">
        <v>1519</v>
      </c>
      <c r="K5608" s="2" t="s">
        <v>1520</v>
      </c>
      <c r="L5608" s="5" t="s">
        <v>1519</v>
      </c>
      <c r="M5608" s="2" t="s">
        <v>1520</v>
      </c>
      <c r="N5608" s="5" t="s">
        <v>1521</v>
      </c>
      <c r="O5608" s="5" t="s">
        <v>38</v>
      </c>
      <c r="P5608" s="5" t="s">
        <v>39</v>
      </c>
      <c r="Q5608" s="5" t="s">
        <v>40</v>
      </c>
      <c r="R5608" s="5" t="s">
        <v>1522</v>
      </c>
      <c r="S5608" s="5" t="s">
        <v>1523</v>
      </c>
      <c r="T5608" s="5" t="s">
        <v>42</v>
      </c>
      <c r="U5608" s="2">
        <v>2.6389999999999998</v>
      </c>
      <c r="V5608" s="2">
        <v>2.0960000000000001</v>
      </c>
      <c r="W5608" s="2">
        <v>1.2999999999999999E-2</v>
      </c>
      <c r="X5608" s="2">
        <v>99.1</v>
      </c>
      <c r="Y5608" s="2">
        <v>7.6</v>
      </c>
      <c r="Z5608" s="2">
        <v>16.7</v>
      </c>
      <c r="AA5608" s="5"/>
      <c r="AB5608" s="5" t="s">
        <v>43</v>
      </c>
      <c r="AC5608" s="5" t="s">
        <v>44</v>
      </c>
      <c r="AD5608" s="2"/>
      <c r="AE5608" s="1"/>
    </row>
    <row r="5609" spans="1:31" ht="14.45">
      <c r="A5609" s="11"/>
      <c r="B5609" s="20"/>
      <c r="C5609" s="2" t="s">
        <v>17298</v>
      </c>
      <c r="D5609" s="14" t="s">
        <v>17299</v>
      </c>
      <c r="E5609" s="2" t="s">
        <v>17300</v>
      </c>
      <c r="F5609" s="2" t="s">
        <v>16014</v>
      </c>
      <c r="G5609" s="8">
        <v>253</v>
      </c>
      <c r="H5609" s="5">
        <v>6</v>
      </c>
      <c r="I5609" s="5" t="s">
        <v>1518</v>
      </c>
      <c r="J5609" s="5" t="s">
        <v>1519</v>
      </c>
      <c r="K5609" s="2" t="s">
        <v>1520</v>
      </c>
      <c r="L5609" s="5" t="s">
        <v>1519</v>
      </c>
      <c r="M5609" s="2" t="s">
        <v>1520</v>
      </c>
      <c r="N5609" s="5" t="s">
        <v>1521</v>
      </c>
      <c r="O5609" s="5" t="s">
        <v>38</v>
      </c>
      <c r="P5609" s="5" t="s">
        <v>39</v>
      </c>
      <c r="Q5609" s="5" t="s">
        <v>40</v>
      </c>
      <c r="R5609" s="5" t="s">
        <v>1522</v>
      </c>
      <c r="S5609" s="5" t="s">
        <v>1523</v>
      </c>
      <c r="T5609" s="5" t="s">
        <v>42</v>
      </c>
      <c r="U5609" s="2">
        <v>2.5680000000000001</v>
      </c>
      <c r="V5609" s="2">
        <v>2.0249999999999999</v>
      </c>
      <c r="W5609" s="2">
        <v>1.2999999999999999E-2</v>
      </c>
      <c r="X5609" s="2">
        <v>99.1</v>
      </c>
      <c r="Y5609" s="2">
        <v>7.6</v>
      </c>
      <c r="Z5609" s="2">
        <v>16.7</v>
      </c>
      <c r="AA5609" s="5"/>
      <c r="AB5609" s="5" t="s">
        <v>43</v>
      </c>
      <c r="AC5609" s="5" t="s">
        <v>44</v>
      </c>
      <c r="AD5609" s="2"/>
      <c r="AE5609" s="1"/>
    </row>
    <row r="5610" spans="1:31" ht="14.45">
      <c r="A5610" s="11"/>
      <c r="B5610" s="20"/>
      <c r="C5610" s="2" t="s">
        <v>17301</v>
      </c>
      <c r="D5610" s="14" t="s">
        <v>17302</v>
      </c>
      <c r="E5610" s="2" t="s">
        <v>17303</v>
      </c>
      <c r="F5610" s="2" t="s">
        <v>16219</v>
      </c>
      <c r="G5610" s="8">
        <v>253</v>
      </c>
      <c r="H5610" s="5">
        <v>6</v>
      </c>
      <c r="I5610" s="5" t="s">
        <v>1518</v>
      </c>
      <c r="J5610" s="5" t="s">
        <v>1519</v>
      </c>
      <c r="K5610" s="2" t="s">
        <v>1520</v>
      </c>
      <c r="L5610" s="5" t="s">
        <v>1519</v>
      </c>
      <c r="M5610" s="2" t="s">
        <v>1520</v>
      </c>
      <c r="N5610" s="5" t="s">
        <v>1521</v>
      </c>
      <c r="O5610" s="5" t="s">
        <v>38</v>
      </c>
      <c r="P5610" s="5" t="s">
        <v>39</v>
      </c>
      <c r="Q5610" s="5" t="s">
        <v>40</v>
      </c>
      <c r="R5610" s="5" t="s">
        <v>1522</v>
      </c>
      <c r="S5610" s="5" t="s">
        <v>1523</v>
      </c>
      <c r="T5610" s="5" t="s">
        <v>42</v>
      </c>
      <c r="U5610" s="2">
        <v>2.6389999999999998</v>
      </c>
      <c r="V5610" s="2">
        <v>2.0960000000000001</v>
      </c>
      <c r="W5610" s="2">
        <v>1.2999999999999999E-2</v>
      </c>
      <c r="X5610" s="2">
        <v>99.1</v>
      </c>
      <c r="Y5610" s="2">
        <v>7.6</v>
      </c>
      <c r="Z5610" s="2">
        <v>16.7</v>
      </c>
      <c r="AA5610" s="5"/>
      <c r="AB5610" s="5" t="s">
        <v>43</v>
      </c>
      <c r="AC5610" s="5" t="s">
        <v>44</v>
      </c>
      <c r="AD5610" s="2"/>
      <c r="AE5610" s="1"/>
    </row>
    <row r="5611" spans="1:31" ht="14.45">
      <c r="A5611" s="11"/>
      <c r="B5611" s="20"/>
      <c r="C5611" s="2" t="s">
        <v>17304</v>
      </c>
      <c r="D5611" s="14" t="s">
        <v>17305</v>
      </c>
      <c r="E5611" s="2" t="s">
        <v>17306</v>
      </c>
      <c r="F5611" s="2" t="s">
        <v>16018</v>
      </c>
      <c r="G5611" s="8">
        <v>253</v>
      </c>
      <c r="H5611" s="5">
        <v>6</v>
      </c>
      <c r="I5611" s="5" t="s">
        <v>1518</v>
      </c>
      <c r="J5611" s="5" t="s">
        <v>1519</v>
      </c>
      <c r="K5611" s="2" t="s">
        <v>1520</v>
      </c>
      <c r="L5611" s="5" t="s">
        <v>1519</v>
      </c>
      <c r="M5611" s="2" t="s">
        <v>1520</v>
      </c>
      <c r="N5611" s="5" t="s">
        <v>1521</v>
      </c>
      <c r="O5611" s="5" t="s">
        <v>38</v>
      </c>
      <c r="P5611" s="5" t="s">
        <v>39</v>
      </c>
      <c r="Q5611" s="5" t="s">
        <v>40</v>
      </c>
      <c r="R5611" s="5" t="s">
        <v>1522</v>
      </c>
      <c r="S5611" s="5" t="s">
        <v>1523</v>
      </c>
      <c r="T5611" s="5" t="s">
        <v>42</v>
      </c>
      <c r="U5611" s="2">
        <v>2.5680000000000001</v>
      </c>
      <c r="V5611" s="2">
        <v>2.0249999999999999</v>
      </c>
      <c r="W5611" s="2">
        <v>1.2999999999999999E-2</v>
      </c>
      <c r="X5611" s="2">
        <v>99.1</v>
      </c>
      <c r="Y5611" s="2">
        <v>7.6</v>
      </c>
      <c r="Z5611" s="2">
        <v>16.7</v>
      </c>
      <c r="AA5611" s="5"/>
      <c r="AB5611" s="5" t="s">
        <v>43</v>
      </c>
      <c r="AC5611" s="5" t="s">
        <v>44</v>
      </c>
      <c r="AD5611" s="2"/>
      <c r="AE5611" s="1"/>
    </row>
    <row r="5612" spans="1:31" ht="14.45">
      <c r="A5612" s="11"/>
      <c r="B5612" s="20"/>
      <c r="C5612" s="2" t="s">
        <v>17307</v>
      </c>
      <c r="D5612" s="14" t="s">
        <v>17308</v>
      </c>
      <c r="E5612" s="2" t="s">
        <v>17309</v>
      </c>
      <c r="F5612" s="2" t="s">
        <v>16022</v>
      </c>
      <c r="G5612" s="8">
        <v>253</v>
      </c>
      <c r="H5612" s="5">
        <v>6</v>
      </c>
      <c r="I5612" s="5" t="s">
        <v>1518</v>
      </c>
      <c r="J5612" s="5" t="s">
        <v>1519</v>
      </c>
      <c r="K5612" s="2" t="s">
        <v>1520</v>
      </c>
      <c r="L5612" s="5" t="s">
        <v>1519</v>
      </c>
      <c r="M5612" s="2" t="s">
        <v>1520</v>
      </c>
      <c r="N5612" s="5" t="s">
        <v>1521</v>
      </c>
      <c r="O5612" s="5" t="s">
        <v>38</v>
      </c>
      <c r="P5612" s="5" t="s">
        <v>39</v>
      </c>
      <c r="Q5612" s="5" t="s">
        <v>40</v>
      </c>
      <c r="R5612" s="5" t="s">
        <v>1522</v>
      </c>
      <c r="S5612" s="5" t="s">
        <v>1523</v>
      </c>
      <c r="T5612" s="5" t="s">
        <v>42</v>
      </c>
      <c r="U5612" s="2">
        <v>2.6389999999999998</v>
      </c>
      <c r="V5612" s="2">
        <v>2.0960000000000001</v>
      </c>
      <c r="W5612" s="2">
        <v>1.2999999999999999E-2</v>
      </c>
      <c r="X5612" s="2">
        <v>99.1</v>
      </c>
      <c r="Y5612" s="2">
        <v>7.6</v>
      </c>
      <c r="Z5612" s="2">
        <v>16.7</v>
      </c>
      <c r="AA5612" s="5"/>
      <c r="AB5612" s="5" t="s">
        <v>43</v>
      </c>
      <c r="AC5612" s="5" t="s">
        <v>44</v>
      </c>
      <c r="AD5612" s="2"/>
      <c r="AE5612" s="1"/>
    </row>
    <row r="5613" spans="1:31" ht="14.45">
      <c r="A5613" s="11"/>
      <c r="B5613" s="20"/>
      <c r="C5613" s="2" t="s">
        <v>17310</v>
      </c>
      <c r="D5613" s="14" t="s">
        <v>17311</v>
      </c>
      <c r="E5613" s="2" t="s">
        <v>17312</v>
      </c>
      <c r="F5613" s="2" t="s">
        <v>7615</v>
      </c>
      <c r="G5613" s="8">
        <v>253</v>
      </c>
      <c r="H5613" s="5">
        <v>6</v>
      </c>
      <c r="I5613" s="5" t="s">
        <v>1518</v>
      </c>
      <c r="J5613" s="5" t="s">
        <v>1519</v>
      </c>
      <c r="K5613" s="2" t="s">
        <v>1520</v>
      </c>
      <c r="L5613" s="5" t="s">
        <v>1519</v>
      </c>
      <c r="M5613" s="2" t="s">
        <v>1520</v>
      </c>
      <c r="N5613" s="5" t="s">
        <v>1521</v>
      </c>
      <c r="O5613" s="5" t="s">
        <v>38</v>
      </c>
      <c r="P5613" s="5" t="s">
        <v>39</v>
      </c>
      <c r="Q5613" s="5" t="s">
        <v>40</v>
      </c>
      <c r="R5613" s="5" t="s">
        <v>1522</v>
      </c>
      <c r="S5613" s="5" t="s">
        <v>1523</v>
      </c>
      <c r="T5613" s="5" t="s">
        <v>42</v>
      </c>
      <c r="U5613" s="2">
        <v>2.552</v>
      </c>
      <c r="V5613" s="2">
        <v>2.0089999999999999</v>
      </c>
      <c r="W5613" s="2">
        <v>1.2999999999999999E-2</v>
      </c>
      <c r="X5613" s="2">
        <v>99.1</v>
      </c>
      <c r="Y5613" s="2">
        <v>7.6</v>
      </c>
      <c r="Z5613" s="2">
        <v>16.7</v>
      </c>
      <c r="AA5613" s="5"/>
      <c r="AB5613" s="5" t="s">
        <v>43</v>
      </c>
      <c r="AC5613" s="5" t="s">
        <v>44</v>
      </c>
      <c r="AD5613" s="2"/>
      <c r="AE5613" s="1"/>
    </row>
    <row r="5614" spans="1:31" ht="14.45">
      <c r="A5614" s="11"/>
      <c r="B5614" s="20"/>
      <c r="C5614" s="2" t="s">
        <v>17313</v>
      </c>
      <c r="D5614" s="14" t="s">
        <v>17314</v>
      </c>
      <c r="E5614" s="2" t="s">
        <v>17315</v>
      </c>
      <c r="F5614" s="2" t="s">
        <v>7619</v>
      </c>
      <c r="G5614" s="8">
        <v>253</v>
      </c>
      <c r="H5614" s="5">
        <v>6</v>
      </c>
      <c r="I5614" s="5" t="s">
        <v>1518</v>
      </c>
      <c r="J5614" s="5" t="s">
        <v>1519</v>
      </c>
      <c r="K5614" s="2" t="s">
        <v>1520</v>
      </c>
      <c r="L5614" s="5" t="s">
        <v>1519</v>
      </c>
      <c r="M5614" s="2" t="s">
        <v>1520</v>
      </c>
      <c r="N5614" s="5" t="s">
        <v>1521</v>
      </c>
      <c r="O5614" s="5" t="s">
        <v>38</v>
      </c>
      <c r="P5614" s="5" t="s">
        <v>39</v>
      </c>
      <c r="Q5614" s="5" t="s">
        <v>40</v>
      </c>
      <c r="R5614" s="5" t="s">
        <v>1522</v>
      </c>
      <c r="S5614" s="5" t="s">
        <v>1523</v>
      </c>
      <c r="T5614" s="5" t="s">
        <v>42</v>
      </c>
      <c r="U5614" s="2">
        <v>2.6230000000000002</v>
      </c>
      <c r="V5614" s="2">
        <v>2.08</v>
      </c>
      <c r="W5614" s="2">
        <v>1.2999999999999999E-2</v>
      </c>
      <c r="X5614" s="2">
        <v>99.1</v>
      </c>
      <c r="Y5614" s="2">
        <v>7.6</v>
      </c>
      <c r="Z5614" s="2">
        <v>16.7</v>
      </c>
      <c r="AA5614" s="5"/>
      <c r="AB5614" s="5" t="s">
        <v>43</v>
      </c>
      <c r="AC5614" s="5" t="s">
        <v>44</v>
      </c>
      <c r="AD5614" s="2"/>
      <c r="AE5614" s="1"/>
    </row>
    <row r="5615" spans="1:31" ht="14.45">
      <c r="A5615" s="11"/>
      <c r="B5615" s="20"/>
      <c r="C5615" s="2" t="s">
        <v>17316</v>
      </c>
      <c r="D5615" s="14" t="s">
        <v>17317</v>
      </c>
      <c r="E5615" s="2" t="s">
        <v>17318</v>
      </c>
      <c r="F5615" s="2" t="s">
        <v>16235</v>
      </c>
      <c r="G5615" s="8">
        <v>253</v>
      </c>
      <c r="H5615" s="5">
        <v>6</v>
      </c>
      <c r="I5615" s="5" t="s">
        <v>1518</v>
      </c>
      <c r="J5615" s="5" t="s">
        <v>1519</v>
      </c>
      <c r="K5615" s="2" t="s">
        <v>1520</v>
      </c>
      <c r="L5615" s="5" t="s">
        <v>1519</v>
      </c>
      <c r="M5615" s="2" t="s">
        <v>1520</v>
      </c>
      <c r="N5615" s="5" t="s">
        <v>1521</v>
      </c>
      <c r="O5615" s="5" t="s">
        <v>38</v>
      </c>
      <c r="P5615" s="5" t="s">
        <v>39</v>
      </c>
      <c r="Q5615" s="5" t="s">
        <v>40</v>
      </c>
      <c r="R5615" s="5" t="s">
        <v>1522</v>
      </c>
      <c r="S5615" s="5" t="s">
        <v>1523</v>
      </c>
      <c r="T5615" s="5" t="s">
        <v>42</v>
      </c>
      <c r="U5615" s="2">
        <v>2.593</v>
      </c>
      <c r="V5615" s="2">
        <v>2.0499999999999998</v>
      </c>
      <c r="W5615" s="2">
        <v>1.2999999999999999E-2</v>
      </c>
      <c r="X5615" s="2">
        <v>99.1</v>
      </c>
      <c r="Y5615" s="2">
        <v>7.6</v>
      </c>
      <c r="Z5615" s="2">
        <v>16.7</v>
      </c>
      <c r="AA5615" s="5"/>
      <c r="AB5615" s="5" t="s">
        <v>43</v>
      </c>
      <c r="AC5615" s="5" t="s">
        <v>44</v>
      </c>
      <c r="AD5615" s="2"/>
      <c r="AE5615" s="1"/>
    </row>
    <row r="5616" spans="1:31" ht="14.45">
      <c r="A5616" s="11"/>
      <c r="B5616" s="20"/>
      <c r="C5616" s="2" t="s">
        <v>17319</v>
      </c>
      <c r="D5616" s="14" t="s">
        <v>17320</v>
      </c>
      <c r="E5616" s="2" t="s">
        <v>17321</v>
      </c>
      <c r="F5616" s="2" t="s">
        <v>16029</v>
      </c>
      <c r="G5616" s="8">
        <v>253</v>
      </c>
      <c r="H5616" s="5">
        <v>11</v>
      </c>
      <c r="I5616" s="5" t="s">
        <v>1518</v>
      </c>
      <c r="J5616" s="5" t="s">
        <v>1519</v>
      </c>
      <c r="K5616" s="2" t="s">
        <v>1520</v>
      </c>
      <c r="L5616" s="5" t="s">
        <v>1519</v>
      </c>
      <c r="M5616" s="2" t="s">
        <v>1520</v>
      </c>
      <c r="N5616" s="5" t="s">
        <v>1521</v>
      </c>
      <c r="O5616" s="5" t="s">
        <v>38</v>
      </c>
      <c r="P5616" s="5" t="s">
        <v>39</v>
      </c>
      <c r="Q5616" s="5" t="s">
        <v>40</v>
      </c>
      <c r="R5616" s="5" t="s">
        <v>1522</v>
      </c>
      <c r="S5616" s="5" t="s">
        <v>1523</v>
      </c>
      <c r="T5616" s="5" t="s">
        <v>42</v>
      </c>
      <c r="U5616" s="2">
        <v>2.585</v>
      </c>
      <c r="V5616" s="2">
        <v>2.0419999999999998</v>
      </c>
      <c r="W5616" s="2">
        <v>1.2999999999999999E-2</v>
      </c>
      <c r="X5616" s="2">
        <v>99.1</v>
      </c>
      <c r="Y5616" s="2">
        <v>7.6</v>
      </c>
      <c r="Z5616" s="2">
        <v>16.7</v>
      </c>
      <c r="AA5616" s="5"/>
      <c r="AB5616" s="5" t="s">
        <v>43</v>
      </c>
      <c r="AC5616" s="5" t="s">
        <v>44</v>
      </c>
      <c r="AD5616" s="2"/>
      <c r="AE5616" s="1"/>
    </row>
    <row r="5617" spans="1:31" ht="14.45">
      <c r="A5617" s="11"/>
      <c r="B5617" s="20"/>
      <c r="C5617" s="2" t="s">
        <v>17322</v>
      </c>
      <c r="D5617" s="14" t="s">
        <v>17323</v>
      </c>
      <c r="E5617" s="2" t="s">
        <v>17324</v>
      </c>
      <c r="F5617" s="2" t="s">
        <v>16033</v>
      </c>
      <c r="G5617" s="8">
        <v>253</v>
      </c>
      <c r="H5617" s="5">
        <v>11</v>
      </c>
      <c r="I5617" s="5" t="s">
        <v>1518</v>
      </c>
      <c r="J5617" s="5" t="s">
        <v>1519</v>
      </c>
      <c r="K5617" s="2" t="s">
        <v>1520</v>
      </c>
      <c r="L5617" s="5" t="s">
        <v>1519</v>
      </c>
      <c r="M5617" s="2" t="s">
        <v>1520</v>
      </c>
      <c r="N5617" s="5" t="s">
        <v>1521</v>
      </c>
      <c r="O5617" s="5" t="s">
        <v>38</v>
      </c>
      <c r="P5617" s="5" t="s">
        <v>39</v>
      </c>
      <c r="Q5617" s="5" t="s">
        <v>40</v>
      </c>
      <c r="R5617" s="5" t="s">
        <v>1522</v>
      </c>
      <c r="S5617" s="5" t="s">
        <v>1523</v>
      </c>
      <c r="T5617" s="5" t="s">
        <v>42</v>
      </c>
      <c r="U5617" s="2">
        <v>2.6560000000000001</v>
      </c>
      <c r="V5617" s="2">
        <v>2.113</v>
      </c>
      <c r="W5617" s="2">
        <v>1.2999999999999999E-2</v>
      </c>
      <c r="X5617" s="2">
        <v>99.1</v>
      </c>
      <c r="Y5617" s="2">
        <v>7.6</v>
      </c>
      <c r="Z5617" s="2">
        <v>16.7</v>
      </c>
      <c r="AA5617" s="5"/>
      <c r="AB5617" s="5" t="s">
        <v>43</v>
      </c>
      <c r="AC5617" s="5" t="s">
        <v>44</v>
      </c>
      <c r="AD5617" s="2"/>
      <c r="AE5617" s="1"/>
    </row>
    <row r="5618" spans="1:31" ht="14.45">
      <c r="A5618" s="11"/>
      <c r="B5618" s="20"/>
      <c r="C5618" s="2" t="s">
        <v>17325</v>
      </c>
      <c r="D5618" s="14" t="s">
        <v>17326</v>
      </c>
      <c r="E5618" s="2" t="s">
        <v>17327</v>
      </c>
      <c r="F5618" s="2" t="s">
        <v>7396</v>
      </c>
      <c r="G5618" s="8">
        <v>246</v>
      </c>
      <c r="H5618" s="5">
        <v>6</v>
      </c>
      <c r="I5618" s="5" t="s">
        <v>1518</v>
      </c>
      <c r="J5618" s="5" t="s">
        <v>1519</v>
      </c>
      <c r="K5618" s="2" t="s">
        <v>1520</v>
      </c>
      <c r="L5618" s="5" t="s">
        <v>1519</v>
      </c>
      <c r="M5618" s="2" t="s">
        <v>1520</v>
      </c>
      <c r="N5618" s="5" t="s">
        <v>1521</v>
      </c>
      <c r="O5618" s="5" t="s">
        <v>38</v>
      </c>
      <c r="P5618" s="5" t="s">
        <v>39</v>
      </c>
      <c r="Q5618" s="5" t="s">
        <v>40</v>
      </c>
      <c r="R5618" s="5" t="s">
        <v>1522</v>
      </c>
      <c r="S5618" s="5" t="s">
        <v>1523</v>
      </c>
      <c r="T5618" s="5" t="s">
        <v>42</v>
      </c>
      <c r="U5618" s="2">
        <v>2.7290000000000001</v>
      </c>
      <c r="V5618" s="2">
        <v>2.1859999999999999</v>
      </c>
      <c r="W5618" s="2">
        <v>1.4999999999999999E-2</v>
      </c>
      <c r="X5618" s="2">
        <v>118.9</v>
      </c>
      <c r="Y5618" s="2">
        <v>7.6</v>
      </c>
      <c r="Z5618" s="2">
        <v>16.7</v>
      </c>
      <c r="AA5618" s="5"/>
      <c r="AB5618" s="5" t="s">
        <v>43</v>
      </c>
      <c r="AC5618" s="5" t="s">
        <v>44</v>
      </c>
      <c r="AD5618" s="2"/>
      <c r="AE5618" s="1"/>
    </row>
    <row r="5619" spans="1:31" ht="14.45">
      <c r="A5619" s="11"/>
      <c r="B5619" s="20"/>
      <c r="C5619" s="2" t="s">
        <v>17328</v>
      </c>
      <c r="D5619" s="14" t="s">
        <v>17329</v>
      </c>
      <c r="E5619" s="2" t="s">
        <v>17330</v>
      </c>
      <c r="F5619" s="2" t="s">
        <v>7507</v>
      </c>
      <c r="G5619" s="8">
        <v>246</v>
      </c>
      <c r="H5619" s="5">
        <v>6</v>
      </c>
      <c r="I5619" s="5" t="s">
        <v>1518</v>
      </c>
      <c r="J5619" s="5" t="s">
        <v>1519</v>
      </c>
      <c r="K5619" s="2" t="s">
        <v>1520</v>
      </c>
      <c r="L5619" s="5" t="s">
        <v>1519</v>
      </c>
      <c r="M5619" s="2" t="s">
        <v>1520</v>
      </c>
      <c r="N5619" s="5" t="s">
        <v>1521</v>
      </c>
      <c r="O5619" s="5" t="s">
        <v>38</v>
      </c>
      <c r="P5619" s="5" t="s">
        <v>39</v>
      </c>
      <c r="Q5619" s="5" t="s">
        <v>40</v>
      </c>
      <c r="R5619" s="5" t="s">
        <v>1522</v>
      </c>
      <c r="S5619" s="5" t="s">
        <v>1523</v>
      </c>
      <c r="T5619" s="5" t="s">
        <v>42</v>
      </c>
      <c r="U5619" s="2">
        <v>2.8109999999999999</v>
      </c>
      <c r="V5619" s="2">
        <v>2.2679999999999998</v>
      </c>
      <c r="W5619" s="2">
        <v>1.4999999999999999E-2</v>
      </c>
      <c r="X5619" s="2">
        <v>118.9</v>
      </c>
      <c r="Y5619" s="2">
        <v>7.6</v>
      </c>
      <c r="Z5619" s="2">
        <v>16.7</v>
      </c>
      <c r="AA5619" s="5"/>
      <c r="AB5619" s="5" t="s">
        <v>43</v>
      </c>
      <c r="AC5619" s="5" t="s">
        <v>44</v>
      </c>
      <c r="AD5619" s="2"/>
      <c r="AE5619" s="1"/>
    </row>
    <row r="5620" spans="1:31" ht="14.45">
      <c r="A5620" s="11"/>
      <c r="B5620" s="20"/>
      <c r="C5620" s="2" t="s">
        <v>17331</v>
      </c>
      <c r="D5620" s="14" t="s">
        <v>17332</v>
      </c>
      <c r="E5620" s="2" t="s">
        <v>17333</v>
      </c>
      <c r="F5620" s="2" t="s">
        <v>7204</v>
      </c>
      <c r="G5620" s="8">
        <v>246</v>
      </c>
      <c r="H5620" s="5">
        <v>6</v>
      </c>
      <c r="I5620" s="5" t="s">
        <v>1518</v>
      </c>
      <c r="J5620" s="5" t="s">
        <v>1519</v>
      </c>
      <c r="K5620" s="2" t="s">
        <v>1520</v>
      </c>
      <c r="L5620" s="5" t="s">
        <v>1519</v>
      </c>
      <c r="M5620" s="2" t="s">
        <v>1520</v>
      </c>
      <c r="N5620" s="5" t="s">
        <v>1521</v>
      </c>
      <c r="O5620" s="5" t="s">
        <v>38</v>
      </c>
      <c r="P5620" s="5" t="s">
        <v>39</v>
      </c>
      <c r="Q5620" s="5" t="s">
        <v>40</v>
      </c>
      <c r="R5620" s="5" t="s">
        <v>1522</v>
      </c>
      <c r="S5620" s="5" t="s">
        <v>1523</v>
      </c>
      <c r="T5620" s="5" t="s">
        <v>42</v>
      </c>
      <c r="U5620" s="2">
        <v>2.7349999999999999</v>
      </c>
      <c r="V5620" s="2">
        <v>2.1920000000000002</v>
      </c>
      <c r="W5620" s="2">
        <v>1.4999999999999999E-2</v>
      </c>
      <c r="X5620" s="2">
        <v>118.9</v>
      </c>
      <c r="Y5620" s="2">
        <v>7.6</v>
      </c>
      <c r="Z5620" s="2">
        <v>16.7</v>
      </c>
      <c r="AA5620" s="5"/>
      <c r="AB5620" s="5" t="s">
        <v>43</v>
      </c>
      <c r="AC5620" s="5" t="s">
        <v>44</v>
      </c>
      <c r="AD5620" s="2"/>
      <c r="AE5620" s="1"/>
    </row>
    <row r="5621" spans="1:31" ht="14.45">
      <c r="A5621" s="11"/>
      <c r="B5621" s="20"/>
      <c r="C5621" s="2" t="s">
        <v>17334</v>
      </c>
      <c r="D5621" s="14" t="s">
        <v>17335</v>
      </c>
      <c r="E5621" s="2" t="s">
        <v>17336</v>
      </c>
      <c r="F5621" s="2" t="s">
        <v>7514</v>
      </c>
      <c r="G5621" s="8">
        <v>246</v>
      </c>
      <c r="H5621" s="5">
        <v>6</v>
      </c>
      <c r="I5621" s="5" t="s">
        <v>1518</v>
      </c>
      <c r="J5621" s="5" t="s">
        <v>1519</v>
      </c>
      <c r="K5621" s="2" t="s">
        <v>1520</v>
      </c>
      <c r="L5621" s="5" t="s">
        <v>1519</v>
      </c>
      <c r="M5621" s="2" t="s">
        <v>1520</v>
      </c>
      <c r="N5621" s="5" t="s">
        <v>1521</v>
      </c>
      <c r="O5621" s="5" t="s">
        <v>38</v>
      </c>
      <c r="P5621" s="5" t="s">
        <v>39</v>
      </c>
      <c r="Q5621" s="5" t="s">
        <v>40</v>
      </c>
      <c r="R5621" s="5" t="s">
        <v>1522</v>
      </c>
      <c r="S5621" s="5" t="s">
        <v>1523</v>
      </c>
      <c r="T5621" s="5" t="s">
        <v>42</v>
      </c>
      <c r="U5621" s="2">
        <v>2.8170000000000002</v>
      </c>
      <c r="V5621" s="2">
        <v>2.274</v>
      </c>
      <c r="W5621" s="2">
        <v>1.4999999999999999E-2</v>
      </c>
      <c r="X5621" s="2">
        <v>118.9</v>
      </c>
      <c r="Y5621" s="2">
        <v>7.6</v>
      </c>
      <c r="Z5621" s="2">
        <v>16.7</v>
      </c>
      <c r="AA5621" s="5"/>
      <c r="AB5621" s="5" t="s">
        <v>43</v>
      </c>
      <c r="AC5621" s="5" t="s">
        <v>44</v>
      </c>
      <c r="AD5621" s="2"/>
      <c r="AE5621" s="1"/>
    </row>
    <row r="5622" spans="1:31" ht="14.45">
      <c r="A5622" s="11"/>
      <c r="B5622" s="20"/>
      <c r="C5622" s="2" t="s">
        <v>17337</v>
      </c>
      <c r="D5622" s="14" t="s">
        <v>17338</v>
      </c>
      <c r="E5622" s="2" t="s">
        <v>17339</v>
      </c>
      <c r="F5622" s="2" t="s">
        <v>7208</v>
      </c>
      <c r="G5622" s="8">
        <v>246</v>
      </c>
      <c r="H5622" s="5">
        <v>6</v>
      </c>
      <c r="I5622" s="5" t="s">
        <v>1518</v>
      </c>
      <c r="J5622" s="5" t="s">
        <v>1519</v>
      </c>
      <c r="K5622" s="2" t="s">
        <v>1520</v>
      </c>
      <c r="L5622" s="5" t="s">
        <v>1519</v>
      </c>
      <c r="M5622" s="2" t="s">
        <v>1520</v>
      </c>
      <c r="N5622" s="5" t="s">
        <v>1521</v>
      </c>
      <c r="O5622" s="5" t="s">
        <v>38</v>
      </c>
      <c r="P5622" s="5" t="s">
        <v>39</v>
      </c>
      <c r="Q5622" s="5" t="s">
        <v>40</v>
      </c>
      <c r="R5622" s="5" t="s">
        <v>1522</v>
      </c>
      <c r="S5622" s="5" t="s">
        <v>1523</v>
      </c>
      <c r="T5622" s="5" t="s">
        <v>42</v>
      </c>
      <c r="U5622" s="2">
        <v>2.7349999999999999</v>
      </c>
      <c r="V5622" s="2">
        <v>2.1920000000000002</v>
      </c>
      <c r="W5622" s="2">
        <v>1.4999999999999999E-2</v>
      </c>
      <c r="X5622" s="2">
        <v>118.9</v>
      </c>
      <c r="Y5622" s="2">
        <v>7.6</v>
      </c>
      <c r="Z5622" s="2">
        <v>16.7</v>
      </c>
      <c r="AA5622" s="5"/>
      <c r="AB5622" s="5" t="s">
        <v>43</v>
      </c>
      <c r="AC5622" s="5" t="s">
        <v>44</v>
      </c>
      <c r="AD5622" s="2"/>
      <c r="AE5622" s="1"/>
    </row>
    <row r="5623" spans="1:31" ht="14.45">
      <c r="A5623" s="11"/>
      <c r="B5623" s="20"/>
      <c r="C5623" s="2" t="s">
        <v>17340</v>
      </c>
      <c r="D5623" s="14" t="s">
        <v>17341</v>
      </c>
      <c r="E5623" s="2" t="s">
        <v>17342</v>
      </c>
      <c r="F5623" s="2" t="s">
        <v>7521</v>
      </c>
      <c r="G5623" s="8">
        <v>246</v>
      </c>
      <c r="H5623" s="5">
        <v>6</v>
      </c>
      <c r="I5623" s="5" t="s">
        <v>1518</v>
      </c>
      <c r="J5623" s="5" t="s">
        <v>1519</v>
      </c>
      <c r="K5623" s="2" t="s">
        <v>1520</v>
      </c>
      <c r="L5623" s="5" t="s">
        <v>1519</v>
      </c>
      <c r="M5623" s="2" t="s">
        <v>1520</v>
      </c>
      <c r="N5623" s="5" t="s">
        <v>1521</v>
      </c>
      <c r="O5623" s="5" t="s">
        <v>38</v>
      </c>
      <c r="P5623" s="5" t="s">
        <v>39</v>
      </c>
      <c r="Q5623" s="5" t="s">
        <v>40</v>
      </c>
      <c r="R5623" s="5" t="s">
        <v>1522</v>
      </c>
      <c r="S5623" s="5" t="s">
        <v>1523</v>
      </c>
      <c r="T5623" s="5" t="s">
        <v>42</v>
      </c>
      <c r="U5623" s="2">
        <v>2.8170000000000002</v>
      </c>
      <c r="V5623" s="2">
        <v>2.274</v>
      </c>
      <c r="W5623" s="2">
        <v>1.4999999999999999E-2</v>
      </c>
      <c r="X5623" s="2">
        <v>118.9</v>
      </c>
      <c r="Y5623" s="2">
        <v>7.6</v>
      </c>
      <c r="Z5623" s="2">
        <v>16.7</v>
      </c>
      <c r="AA5623" s="5"/>
      <c r="AB5623" s="5" t="s">
        <v>43</v>
      </c>
      <c r="AC5623" s="5" t="s">
        <v>44</v>
      </c>
      <c r="AD5623" s="2"/>
      <c r="AE5623" s="1"/>
    </row>
    <row r="5624" spans="1:31" ht="14.45">
      <c r="A5624" s="11"/>
      <c r="B5624" s="20"/>
      <c r="C5624" s="2" t="s">
        <v>17343</v>
      </c>
      <c r="D5624" s="14" t="s">
        <v>17344</v>
      </c>
      <c r="E5624" s="2" t="s">
        <v>17345</v>
      </c>
      <c r="F5624" s="2" t="s">
        <v>7212</v>
      </c>
      <c r="G5624" s="8">
        <v>246</v>
      </c>
      <c r="H5624" s="5">
        <v>6</v>
      </c>
      <c r="I5624" s="5" t="s">
        <v>1518</v>
      </c>
      <c r="J5624" s="5" t="s">
        <v>1519</v>
      </c>
      <c r="K5624" s="2" t="s">
        <v>1520</v>
      </c>
      <c r="L5624" s="5" t="s">
        <v>1519</v>
      </c>
      <c r="M5624" s="2" t="s">
        <v>1520</v>
      </c>
      <c r="N5624" s="5" t="s">
        <v>1521</v>
      </c>
      <c r="O5624" s="5" t="s">
        <v>38</v>
      </c>
      <c r="P5624" s="5" t="s">
        <v>39</v>
      </c>
      <c r="Q5624" s="5" t="s">
        <v>40</v>
      </c>
      <c r="R5624" s="5" t="s">
        <v>1522</v>
      </c>
      <c r="S5624" s="5" t="s">
        <v>1523</v>
      </c>
      <c r="T5624" s="5" t="s">
        <v>42</v>
      </c>
      <c r="U5624" s="2">
        <v>2.7160000000000002</v>
      </c>
      <c r="V5624" s="2">
        <v>2.173</v>
      </c>
      <c r="W5624" s="2">
        <v>1.4999999999999999E-2</v>
      </c>
      <c r="X5624" s="2">
        <v>118.9</v>
      </c>
      <c r="Y5624" s="2">
        <v>7.6</v>
      </c>
      <c r="Z5624" s="2">
        <v>16.7</v>
      </c>
      <c r="AA5624" s="5"/>
      <c r="AB5624" s="5" t="s">
        <v>43</v>
      </c>
      <c r="AC5624" s="5" t="s">
        <v>44</v>
      </c>
      <c r="AD5624" s="2"/>
      <c r="AE5624" s="1"/>
    </row>
    <row r="5625" spans="1:31" ht="14.45">
      <c r="A5625" s="11"/>
      <c r="B5625" s="20"/>
      <c r="C5625" s="2" t="s">
        <v>17346</v>
      </c>
      <c r="D5625" s="14" t="s">
        <v>17347</v>
      </c>
      <c r="E5625" s="2" t="s">
        <v>17348</v>
      </c>
      <c r="F5625" s="2" t="s">
        <v>7528</v>
      </c>
      <c r="G5625" s="8">
        <v>246</v>
      </c>
      <c r="H5625" s="5">
        <v>6</v>
      </c>
      <c r="I5625" s="5" t="s">
        <v>1518</v>
      </c>
      <c r="J5625" s="5" t="s">
        <v>1519</v>
      </c>
      <c r="K5625" s="2" t="s">
        <v>1520</v>
      </c>
      <c r="L5625" s="5" t="s">
        <v>1519</v>
      </c>
      <c r="M5625" s="2" t="s">
        <v>1520</v>
      </c>
      <c r="N5625" s="5" t="s">
        <v>1521</v>
      </c>
      <c r="O5625" s="5" t="s">
        <v>38</v>
      </c>
      <c r="P5625" s="5" t="s">
        <v>39</v>
      </c>
      <c r="Q5625" s="5" t="s">
        <v>40</v>
      </c>
      <c r="R5625" s="5" t="s">
        <v>1522</v>
      </c>
      <c r="S5625" s="5" t="s">
        <v>1523</v>
      </c>
      <c r="T5625" s="5" t="s">
        <v>42</v>
      </c>
      <c r="U5625" s="2">
        <v>2.798</v>
      </c>
      <c r="V5625" s="2">
        <v>2.2549999999999999</v>
      </c>
      <c r="W5625" s="2">
        <v>1.4999999999999999E-2</v>
      </c>
      <c r="X5625" s="2">
        <v>118.9</v>
      </c>
      <c r="Y5625" s="2">
        <v>7.6</v>
      </c>
      <c r="Z5625" s="2">
        <v>16.7</v>
      </c>
      <c r="AA5625" s="5"/>
      <c r="AB5625" s="5" t="s">
        <v>43</v>
      </c>
      <c r="AC5625" s="5" t="s">
        <v>44</v>
      </c>
      <c r="AD5625" s="2"/>
      <c r="AE5625" s="1"/>
    </row>
    <row r="5626" spans="1:31" ht="14.45">
      <c r="A5626" s="11"/>
      <c r="B5626" s="20"/>
      <c r="C5626" s="2" t="s">
        <v>17349</v>
      </c>
      <c r="D5626" s="14" t="s">
        <v>17350</v>
      </c>
      <c r="E5626" s="2" t="s">
        <v>17351</v>
      </c>
      <c r="F5626" s="2" t="s">
        <v>7406</v>
      </c>
      <c r="G5626" s="8">
        <v>263</v>
      </c>
      <c r="H5626" s="5">
        <v>6</v>
      </c>
      <c r="I5626" s="5" t="s">
        <v>1518</v>
      </c>
      <c r="J5626" s="5" t="s">
        <v>1519</v>
      </c>
      <c r="K5626" s="2" t="s">
        <v>1520</v>
      </c>
      <c r="L5626" s="5" t="s">
        <v>1519</v>
      </c>
      <c r="M5626" s="2" t="s">
        <v>1520</v>
      </c>
      <c r="N5626" s="5" t="s">
        <v>1521</v>
      </c>
      <c r="O5626" s="5" t="s">
        <v>38</v>
      </c>
      <c r="P5626" s="5" t="s">
        <v>39</v>
      </c>
      <c r="Q5626" s="5" t="s">
        <v>40</v>
      </c>
      <c r="R5626" s="5" t="s">
        <v>1522</v>
      </c>
      <c r="S5626" s="5" t="s">
        <v>1523</v>
      </c>
      <c r="T5626" s="5" t="s">
        <v>42</v>
      </c>
      <c r="U5626" s="2">
        <v>2.7160000000000002</v>
      </c>
      <c r="V5626" s="2">
        <v>2.173</v>
      </c>
      <c r="W5626" s="2">
        <v>1.4999999999999999E-2</v>
      </c>
      <c r="X5626" s="2">
        <v>118.9</v>
      </c>
      <c r="Y5626" s="2">
        <v>7.6</v>
      </c>
      <c r="Z5626" s="2">
        <v>16.7</v>
      </c>
      <c r="AA5626" s="5"/>
      <c r="AB5626" s="5" t="s">
        <v>43</v>
      </c>
      <c r="AC5626" s="5" t="s">
        <v>44</v>
      </c>
      <c r="AD5626" s="2"/>
      <c r="AE5626" s="1"/>
    </row>
    <row r="5627" spans="1:31" ht="14.45">
      <c r="A5627" s="11"/>
      <c r="B5627" s="20"/>
      <c r="C5627" s="2" t="s">
        <v>17352</v>
      </c>
      <c r="D5627" s="14" t="s">
        <v>17353</v>
      </c>
      <c r="E5627" s="2" t="s">
        <v>17354</v>
      </c>
      <c r="F5627" s="2" t="s">
        <v>7535</v>
      </c>
      <c r="G5627" s="8">
        <v>263</v>
      </c>
      <c r="H5627" s="5">
        <v>6</v>
      </c>
      <c r="I5627" s="5" t="s">
        <v>1518</v>
      </c>
      <c r="J5627" s="5" t="s">
        <v>1519</v>
      </c>
      <c r="K5627" s="2" t="s">
        <v>1520</v>
      </c>
      <c r="L5627" s="5" t="s">
        <v>1519</v>
      </c>
      <c r="M5627" s="2" t="s">
        <v>1520</v>
      </c>
      <c r="N5627" s="5" t="s">
        <v>1521</v>
      </c>
      <c r="O5627" s="5" t="s">
        <v>38</v>
      </c>
      <c r="P5627" s="5" t="s">
        <v>39</v>
      </c>
      <c r="Q5627" s="5" t="s">
        <v>40</v>
      </c>
      <c r="R5627" s="5" t="s">
        <v>1522</v>
      </c>
      <c r="S5627" s="5" t="s">
        <v>1523</v>
      </c>
      <c r="T5627" s="5" t="s">
        <v>42</v>
      </c>
      <c r="U5627" s="2">
        <v>2.798</v>
      </c>
      <c r="V5627" s="2">
        <v>2.2549999999999999</v>
      </c>
      <c r="W5627" s="2">
        <v>1.4999999999999999E-2</v>
      </c>
      <c r="X5627" s="2">
        <v>118.9</v>
      </c>
      <c r="Y5627" s="2">
        <v>7.6</v>
      </c>
      <c r="Z5627" s="2">
        <v>16.7</v>
      </c>
      <c r="AA5627" s="5"/>
      <c r="AB5627" s="5" t="s">
        <v>43</v>
      </c>
      <c r="AC5627" s="5" t="s">
        <v>44</v>
      </c>
      <c r="AD5627" s="2"/>
      <c r="AE5627" s="1"/>
    </row>
    <row r="5628" spans="1:31" ht="14.45">
      <c r="A5628" s="11"/>
      <c r="B5628" s="20"/>
      <c r="C5628" s="2" t="s">
        <v>17355</v>
      </c>
      <c r="D5628" s="14" t="s">
        <v>17356</v>
      </c>
      <c r="E5628" s="2" t="s">
        <v>17357</v>
      </c>
      <c r="F5628" s="2" t="s">
        <v>7539</v>
      </c>
      <c r="G5628" s="8">
        <v>263</v>
      </c>
      <c r="H5628" s="5">
        <v>6</v>
      </c>
      <c r="I5628" s="5" t="s">
        <v>1518</v>
      </c>
      <c r="J5628" s="5" t="s">
        <v>1519</v>
      </c>
      <c r="K5628" s="2" t="s">
        <v>1520</v>
      </c>
      <c r="L5628" s="5" t="s">
        <v>1519</v>
      </c>
      <c r="M5628" s="2" t="s">
        <v>1520</v>
      </c>
      <c r="N5628" s="5" t="s">
        <v>1521</v>
      </c>
      <c r="O5628" s="5" t="s">
        <v>38</v>
      </c>
      <c r="P5628" s="5" t="s">
        <v>39</v>
      </c>
      <c r="Q5628" s="5" t="s">
        <v>40</v>
      </c>
      <c r="R5628" s="5" t="s">
        <v>1522</v>
      </c>
      <c r="S5628" s="5" t="s">
        <v>1523</v>
      </c>
      <c r="T5628" s="5" t="s">
        <v>42</v>
      </c>
      <c r="U5628" s="2">
        <v>2.7349999999999999</v>
      </c>
      <c r="V5628" s="2">
        <v>2.1920000000000002</v>
      </c>
      <c r="W5628" s="2">
        <v>1.4999999999999999E-2</v>
      </c>
      <c r="X5628" s="2">
        <v>118.9</v>
      </c>
      <c r="Y5628" s="2">
        <v>7.6</v>
      </c>
      <c r="Z5628" s="2">
        <v>16.7</v>
      </c>
      <c r="AA5628" s="5"/>
      <c r="AB5628" s="5" t="s">
        <v>43</v>
      </c>
      <c r="AC5628" s="5" t="s">
        <v>44</v>
      </c>
      <c r="AD5628" s="2"/>
      <c r="AE5628" s="1"/>
    </row>
    <row r="5629" spans="1:31" ht="14.45">
      <c r="A5629" s="11"/>
      <c r="B5629" s="20"/>
      <c r="C5629" s="2" t="s">
        <v>17358</v>
      </c>
      <c r="D5629" s="14" t="s">
        <v>17359</v>
      </c>
      <c r="E5629" s="2" t="s">
        <v>17360</v>
      </c>
      <c r="F5629" s="2" t="s">
        <v>7543</v>
      </c>
      <c r="G5629" s="8">
        <v>263</v>
      </c>
      <c r="H5629" s="5">
        <v>6</v>
      </c>
      <c r="I5629" s="5" t="s">
        <v>1518</v>
      </c>
      <c r="J5629" s="5" t="s">
        <v>1519</v>
      </c>
      <c r="K5629" s="2" t="s">
        <v>1520</v>
      </c>
      <c r="L5629" s="5" t="s">
        <v>1519</v>
      </c>
      <c r="M5629" s="2" t="s">
        <v>1520</v>
      </c>
      <c r="N5629" s="5" t="s">
        <v>1521</v>
      </c>
      <c r="O5629" s="5" t="s">
        <v>38</v>
      </c>
      <c r="P5629" s="5" t="s">
        <v>39</v>
      </c>
      <c r="Q5629" s="5" t="s">
        <v>40</v>
      </c>
      <c r="R5629" s="5" t="s">
        <v>1522</v>
      </c>
      <c r="S5629" s="5" t="s">
        <v>1523</v>
      </c>
      <c r="T5629" s="5" t="s">
        <v>42</v>
      </c>
      <c r="U5629" s="2">
        <v>2.8170000000000002</v>
      </c>
      <c r="V5629" s="2">
        <v>2.274</v>
      </c>
      <c r="W5629" s="2">
        <v>1.4999999999999999E-2</v>
      </c>
      <c r="X5629" s="2">
        <v>118.9</v>
      </c>
      <c r="Y5629" s="2">
        <v>7.6</v>
      </c>
      <c r="Z5629" s="2">
        <v>16.7</v>
      </c>
      <c r="AA5629" s="5"/>
      <c r="AB5629" s="5" t="s">
        <v>43</v>
      </c>
      <c r="AC5629" s="5" t="s">
        <v>44</v>
      </c>
      <c r="AD5629" s="2"/>
      <c r="AE5629" s="1"/>
    </row>
    <row r="5630" spans="1:31" ht="14.45">
      <c r="A5630" s="11"/>
      <c r="B5630" s="20"/>
      <c r="C5630" s="2" t="s">
        <v>17361</v>
      </c>
      <c r="D5630" s="14" t="s">
        <v>17362</v>
      </c>
      <c r="E5630" s="2" t="s">
        <v>17363</v>
      </c>
      <c r="F5630" s="2" t="s">
        <v>7547</v>
      </c>
      <c r="G5630" s="8">
        <v>263</v>
      </c>
      <c r="H5630" s="5">
        <v>6</v>
      </c>
      <c r="I5630" s="5" t="s">
        <v>1518</v>
      </c>
      <c r="J5630" s="5" t="s">
        <v>1519</v>
      </c>
      <c r="K5630" s="2" t="s">
        <v>1520</v>
      </c>
      <c r="L5630" s="5" t="s">
        <v>1519</v>
      </c>
      <c r="M5630" s="2" t="s">
        <v>1520</v>
      </c>
      <c r="N5630" s="5" t="s">
        <v>1521</v>
      </c>
      <c r="O5630" s="5" t="s">
        <v>38</v>
      </c>
      <c r="P5630" s="5" t="s">
        <v>39</v>
      </c>
      <c r="Q5630" s="5" t="s">
        <v>40</v>
      </c>
      <c r="R5630" s="5" t="s">
        <v>1522</v>
      </c>
      <c r="S5630" s="5" t="s">
        <v>1523</v>
      </c>
      <c r="T5630" s="5" t="s">
        <v>42</v>
      </c>
      <c r="U5630" s="2">
        <v>2.7160000000000002</v>
      </c>
      <c r="V5630" s="2">
        <v>2.173</v>
      </c>
      <c r="W5630" s="2">
        <v>1.4999999999999999E-2</v>
      </c>
      <c r="X5630" s="2">
        <v>118.9</v>
      </c>
      <c r="Y5630" s="2">
        <v>7.6</v>
      </c>
      <c r="Z5630" s="2">
        <v>16.7</v>
      </c>
      <c r="AA5630" s="5"/>
      <c r="AB5630" s="5" t="s">
        <v>43</v>
      </c>
      <c r="AC5630" s="5" t="s">
        <v>44</v>
      </c>
      <c r="AD5630" s="2"/>
      <c r="AE5630" s="1"/>
    </row>
    <row r="5631" spans="1:31" ht="14.45">
      <c r="A5631" s="11"/>
      <c r="B5631" s="20"/>
      <c r="C5631" s="2" t="s">
        <v>17364</v>
      </c>
      <c r="D5631" s="14" t="s">
        <v>17365</v>
      </c>
      <c r="E5631" s="2" t="s">
        <v>17366</v>
      </c>
      <c r="F5631" s="2" t="s">
        <v>7551</v>
      </c>
      <c r="G5631" s="8">
        <v>263</v>
      </c>
      <c r="H5631" s="5">
        <v>6</v>
      </c>
      <c r="I5631" s="5" t="s">
        <v>1518</v>
      </c>
      <c r="J5631" s="5" t="s">
        <v>1519</v>
      </c>
      <c r="K5631" s="2" t="s">
        <v>1520</v>
      </c>
      <c r="L5631" s="5" t="s">
        <v>1519</v>
      </c>
      <c r="M5631" s="2" t="s">
        <v>1520</v>
      </c>
      <c r="N5631" s="5" t="s">
        <v>1521</v>
      </c>
      <c r="O5631" s="5" t="s">
        <v>38</v>
      </c>
      <c r="P5631" s="5" t="s">
        <v>39</v>
      </c>
      <c r="Q5631" s="5" t="s">
        <v>40</v>
      </c>
      <c r="R5631" s="5" t="s">
        <v>1522</v>
      </c>
      <c r="S5631" s="5" t="s">
        <v>1523</v>
      </c>
      <c r="T5631" s="5" t="s">
        <v>42</v>
      </c>
      <c r="U5631" s="2">
        <v>2.798</v>
      </c>
      <c r="V5631" s="2">
        <v>2.2549999999999999</v>
      </c>
      <c r="W5631" s="2">
        <v>1.4999999999999999E-2</v>
      </c>
      <c r="X5631" s="2">
        <v>118.9</v>
      </c>
      <c r="Y5631" s="2">
        <v>7.6</v>
      </c>
      <c r="Z5631" s="2">
        <v>16.7</v>
      </c>
      <c r="AA5631" s="5"/>
      <c r="AB5631" s="5" t="s">
        <v>43</v>
      </c>
      <c r="AC5631" s="5" t="s">
        <v>44</v>
      </c>
      <c r="AD5631" s="2"/>
      <c r="AE5631" s="1"/>
    </row>
    <row r="5632" spans="1:31" ht="14.45">
      <c r="A5632" s="11"/>
      <c r="B5632" s="20"/>
      <c r="C5632" s="2" t="s">
        <v>17367</v>
      </c>
      <c r="D5632" s="14" t="s">
        <v>17368</v>
      </c>
      <c r="E5632" s="2" t="s">
        <v>17369</v>
      </c>
      <c r="F5632" s="2" t="s">
        <v>7555</v>
      </c>
      <c r="G5632" s="8">
        <v>263</v>
      </c>
      <c r="H5632" s="5">
        <v>6</v>
      </c>
      <c r="I5632" s="5" t="s">
        <v>1518</v>
      </c>
      <c r="J5632" s="5" t="s">
        <v>1519</v>
      </c>
      <c r="K5632" s="2" t="s">
        <v>1520</v>
      </c>
      <c r="L5632" s="5" t="s">
        <v>1519</v>
      </c>
      <c r="M5632" s="2" t="s">
        <v>1520</v>
      </c>
      <c r="N5632" s="5" t="s">
        <v>1521</v>
      </c>
      <c r="O5632" s="5" t="s">
        <v>38</v>
      </c>
      <c r="P5632" s="5" t="s">
        <v>39</v>
      </c>
      <c r="Q5632" s="5" t="s">
        <v>40</v>
      </c>
      <c r="R5632" s="5" t="s">
        <v>1522</v>
      </c>
      <c r="S5632" s="5" t="s">
        <v>1523</v>
      </c>
      <c r="T5632" s="5" t="s">
        <v>42</v>
      </c>
      <c r="U5632" s="2">
        <v>2.7160000000000002</v>
      </c>
      <c r="V5632" s="2">
        <v>2.173</v>
      </c>
      <c r="W5632" s="2">
        <v>1.4999999999999999E-2</v>
      </c>
      <c r="X5632" s="2">
        <v>118.9</v>
      </c>
      <c r="Y5632" s="2">
        <v>7.6</v>
      </c>
      <c r="Z5632" s="2">
        <v>16.7</v>
      </c>
      <c r="AA5632" s="5"/>
      <c r="AB5632" s="5" t="s">
        <v>43</v>
      </c>
      <c r="AC5632" s="5" t="s">
        <v>44</v>
      </c>
      <c r="AD5632" s="2"/>
      <c r="AE5632" s="1"/>
    </row>
    <row r="5633" spans="1:31" ht="14.45">
      <c r="A5633" s="11"/>
      <c r="B5633" s="20"/>
      <c r="C5633" s="2" t="s">
        <v>17370</v>
      </c>
      <c r="D5633" s="14" t="s">
        <v>17371</v>
      </c>
      <c r="E5633" s="2" t="s">
        <v>17372</v>
      </c>
      <c r="F5633" s="2" t="s">
        <v>7559</v>
      </c>
      <c r="G5633" s="8">
        <v>263</v>
      </c>
      <c r="H5633" s="5">
        <v>6</v>
      </c>
      <c r="I5633" s="5" t="s">
        <v>1518</v>
      </c>
      <c r="J5633" s="5" t="s">
        <v>1519</v>
      </c>
      <c r="K5633" s="2" t="s">
        <v>1520</v>
      </c>
      <c r="L5633" s="5" t="s">
        <v>1519</v>
      </c>
      <c r="M5633" s="2" t="s">
        <v>1520</v>
      </c>
      <c r="N5633" s="5" t="s">
        <v>1521</v>
      </c>
      <c r="O5633" s="5" t="s">
        <v>38</v>
      </c>
      <c r="P5633" s="5" t="s">
        <v>39</v>
      </c>
      <c r="Q5633" s="5" t="s">
        <v>40</v>
      </c>
      <c r="R5633" s="5" t="s">
        <v>1522</v>
      </c>
      <c r="S5633" s="5" t="s">
        <v>1523</v>
      </c>
      <c r="T5633" s="5" t="s">
        <v>42</v>
      </c>
      <c r="U5633" s="2">
        <v>2.798</v>
      </c>
      <c r="V5633" s="2">
        <v>2.2549999999999999</v>
      </c>
      <c r="W5633" s="2">
        <v>1.4999999999999999E-2</v>
      </c>
      <c r="X5633" s="2">
        <v>118.9</v>
      </c>
      <c r="Y5633" s="2">
        <v>7.6</v>
      </c>
      <c r="Z5633" s="2">
        <v>16.7</v>
      </c>
      <c r="AA5633" s="5"/>
      <c r="AB5633" s="5" t="s">
        <v>43</v>
      </c>
      <c r="AC5633" s="5" t="s">
        <v>44</v>
      </c>
      <c r="AD5633" s="2"/>
      <c r="AE5633" s="1"/>
    </row>
    <row r="5634" spans="1:31" ht="14.45">
      <c r="A5634" s="11"/>
      <c r="B5634" s="20"/>
      <c r="C5634" s="2" t="s">
        <v>17373</v>
      </c>
      <c r="D5634" s="14" t="s">
        <v>17374</v>
      </c>
      <c r="E5634" s="2" t="s">
        <v>17375</v>
      </c>
      <c r="F5634" s="2" t="s">
        <v>7563</v>
      </c>
      <c r="G5634" s="8">
        <v>263</v>
      </c>
      <c r="H5634" s="5">
        <v>6</v>
      </c>
      <c r="I5634" s="5" t="s">
        <v>1518</v>
      </c>
      <c r="J5634" s="5" t="s">
        <v>1519</v>
      </c>
      <c r="K5634" s="2" t="s">
        <v>1520</v>
      </c>
      <c r="L5634" s="5" t="s">
        <v>1519</v>
      </c>
      <c r="M5634" s="2" t="s">
        <v>1520</v>
      </c>
      <c r="N5634" s="5" t="s">
        <v>1521</v>
      </c>
      <c r="O5634" s="5" t="s">
        <v>38</v>
      </c>
      <c r="P5634" s="5" t="s">
        <v>39</v>
      </c>
      <c r="Q5634" s="5" t="s">
        <v>40</v>
      </c>
      <c r="R5634" s="5" t="s">
        <v>1522</v>
      </c>
      <c r="S5634" s="5" t="s">
        <v>1523</v>
      </c>
      <c r="T5634" s="5" t="s">
        <v>42</v>
      </c>
      <c r="U5634" s="2">
        <v>2.7349999999999999</v>
      </c>
      <c r="V5634" s="2">
        <v>2.1920000000000002</v>
      </c>
      <c r="W5634" s="2">
        <v>1.4999999999999999E-2</v>
      </c>
      <c r="X5634" s="2">
        <v>118.9</v>
      </c>
      <c r="Y5634" s="2">
        <v>7.6</v>
      </c>
      <c r="Z5634" s="2">
        <v>16.7</v>
      </c>
      <c r="AA5634" s="5"/>
      <c r="AB5634" s="5" t="s">
        <v>43</v>
      </c>
      <c r="AC5634" s="5" t="s">
        <v>44</v>
      </c>
      <c r="AD5634" s="2"/>
      <c r="AE5634" s="1"/>
    </row>
    <row r="5635" spans="1:31" ht="14.45">
      <c r="A5635" s="11"/>
      <c r="B5635" s="20"/>
      <c r="C5635" s="2" t="s">
        <v>17376</v>
      </c>
      <c r="D5635" s="14" t="s">
        <v>17377</v>
      </c>
      <c r="E5635" s="2" t="s">
        <v>17378</v>
      </c>
      <c r="F5635" s="2" t="s">
        <v>7567</v>
      </c>
      <c r="G5635" s="8">
        <v>263</v>
      </c>
      <c r="H5635" s="5">
        <v>6</v>
      </c>
      <c r="I5635" s="5" t="s">
        <v>1518</v>
      </c>
      <c r="J5635" s="5" t="s">
        <v>1519</v>
      </c>
      <c r="K5635" s="2" t="s">
        <v>1520</v>
      </c>
      <c r="L5635" s="5" t="s">
        <v>1519</v>
      </c>
      <c r="M5635" s="2" t="s">
        <v>1520</v>
      </c>
      <c r="N5635" s="5" t="s">
        <v>1521</v>
      </c>
      <c r="O5635" s="5" t="s">
        <v>38</v>
      </c>
      <c r="P5635" s="5" t="s">
        <v>39</v>
      </c>
      <c r="Q5635" s="5" t="s">
        <v>40</v>
      </c>
      <c r="R5635" s="5" t="s">
        <v>1522</v>
      </c>
      <c r="S5635" s="5" t="s">
        <v>1523</v>
      </c>
      <c r="T5635" s="5" t="s">
        <v>42</v>
      </c>
      <c r="U5635" s="2">
        <v>2.8170000000000002</v>
      </c>
      <c r="V5635" s="2">
        <v>2.274</v>
      </c>
      <c r="W5635" s="2">
        <v>1.4999999999999999E-2</v>
      </c>
      <c r="X5635" s="2">
        <v>118.9</v>
      </c>
      <c r="Y5635" s="2">
        <v>7.6</v>
      </c>
      <c r="Z5635" s="2">
        <v>16.7</v>
      </c>
      <c r="AA5635" s="5"/>
      <c r="AB5635" s="5" t="s">
        <v>43</v>
      </c>
      <c r="AC5635" s="5" t="s">
        <v>44</v>
      </c>
      <c r="AD5635" s="2"/>
      <c r="AE5635" s="1"/>
    </row>
    <row r="5636" spans="1:31" ht="14.45">
      <c r="A5636" s="11"/>
      <c r="B5636" s="20"/>
      <c r="C5636" s="2" t="s">
        <v>17379</v>
      </c>
      <c r="D5636" s="14" t="s">
        <v>17380</v>
      </c>
      <c r="E5636" s="2" t="s">
        <v>17381</v>
      </c>
      <c r="F5636" s="2" t="s">
        <v>16079</v>
      </c>
      <c r="G5636" s="8">
        <v>263</v>
      </c>
      <c r="H5636" s="5">
        <v>6</v>
      </c>
      <c r="I5636" s="5" t="s">
        <v>1518</v>
      </c>
      <c r="J5636" s="5" t="s">
        <v>1519</v>
      </c>
      <c r="K5636" s="2" t="s">
        <v>1520</v>
      </c>
      <c r="L5636" s="5" t="s">
        <v>1519</v>
      </c>
      <c r="M5636" s="2" t="s">
        <v>1520</v>
      </c>
      <c r="N5636" s="5" t="s">
        <v>1521</v>
      </c>
      <c r="O5636" s="5" t="s">
        <v>38</v>
      </c>
      <c r="P5636" s="5" t="s">
        <v>39</v>
      </c>
      <c r="Q5636" s="5" t="s">
        <v>40</v>
      </c>
      <c r="R5636" s="5" t="s">
        <v>1522</v>
      </c>
      <c r="S5636" s="5" t="s">
        <v>1523</v>
      </c>
      <c r="T5636" s="5" t="s">
        <v>42</v>
      </c>
      <c r="U5636" s="2">
        <v>2.7349999999999999</v>
      </c>
      <c r="V5636" s="2">
        <v>2.1920000000000002</v>
      </c>
      <c r="W5636" s="2">
        <v>1.4999999999999999E-2</v>
      </c>
      <c r="X5636" s="2">
        <v>118.9</v>
      </c>
      <c r="Y5636" s="2">
        <v>7.6</v>
      </c>
      <c r="Z5636" s="2">
        <v>16.7</v>
      </c>
      <c r="AA5636" s="5"/>
      <c r="AB5636" s="5" t="s">
        <v>43</v>
      </c>
      <c r="AC5636" s="5" t="s">
        <v>44</v>
      </c>
      <c r="AD5636" s="2"/>
      <c r="AE5636" s="1"/>
    </row>
    <row r="5637" spans="1:31" ht="14.45">
      <c r="A5637" s="11"/>
      <c r="B5637" s="20"/>
      <c r="C5637" s="2" t="s">
        <v>17382</v>
      </c>
      <c r="D5637" s="14" t="s">
        <v>17383</v>
      </c>
      <c r="E5637" s="2" t="s">
        <v>17384</v>
      </c>
      <c r="F5637" s="2" t="s">
        <v>16194</v>
      </c>
      <c r="G5637" s="8">
        <v>263</v>
      </c>
      <c r="H5637" s="5">
        <v>6</v>
      </c>
      <c r="I5637" s="5" t="s">
        <v>1518</v>
      </c>
      <c r="J5637" s="5" t="s">
        <v>1519</v>
      </c>
      <c r="K5637" s="2" t="s">
        <v>1520</v>
      </c>
      <c r="L5637" s="5" t="s">
        <v>1519</v>
      </c>
      <c r="M5637" s="2" t="s">
        <v>1520</v>
      </c>
      <c r="N5637" s="5" t="s">
        <v>1521</v>
      </c>
      <c r="O5637" s="5" t="s">
        <v>38</v>
      </c>
      <c r="P5637" s="5" t="s">
        <v>39</v>
      </c>
      <c r="Q5637" s="5" t="s">
        <v>40</v>
      </c>
      <c r="R5637" s="5" t="s">
        <v>1522</v>
      </c>
      <c r="S5637" s="5" t="s">
        <v>1523</v>
      </c>
      <c r="T5637" s="5" t="s">
        <v>42</v>
      </c>
      <c r="U5637" s="2">
        <v>2.8170000000000002</v>
      </c>
      <c r="V5637" s="2">
        <v>2.274</v>
      </c>
      <c r="W5637" s="2">
        <v>1.4999999999999999E-2</v>
      </c>
      <c r="X5637" s="2">
        <v>118.9</v>
      </c>
      <c r="Y5637" s="2">
        <v>7.6</v>
      </c>
      <c r="Z5637" s="2">
        <v>16.7</v>
      </c>
      <c r="AA5637" s="5"/>
      <c r="AB5637" s="5" t="s">
        <v>43</v>
      </c>
      <c r="AC5637" s="5" t="s">
        <v>44</v>
      </c>
      <c r="AD5637" s="2"/>
      <c r="AE5637" s="1"/>
    </row>
    <row r="5638" spans="1:31" ht="14.45">
      <c r="A5638" s="11"/>
      <c r="B5638" s="20"/>
      <c r="C5638" s="2" t="s">
        <v>17385</v>
      </c>
      <c r="D5638" s="14" t="s">
        <v>17386</v>
      </c>
      <c r="E5638" s="2" t="s">
        <v>17387</v>
      </c>
      <c r="F5638" s="2" t="s">
        <v>7449</v>
      </c>
      <c r="G5638" s="8">
        <v>263</v>
      </c>
      <c r="H5638" s="5">
        <v>6</v>
      </c>
      <c r="I5638" s="5" t="s">
        <v>1518</v>
      </c>
      <c r="J5638" s="5" t="s">
        <v>1519</v>
      </c>
      <c r="K5638" s="2" t="s">
        <v>1520</v>
      </c>
      <c r="L5638" s="5" t="s">
        <v>1519</v>
      </c>
      <c r="M5638" s="2" t="s">
        <v>1520</v>
      </c>
      <c r="N5638" s="5" t="s">
        <v>1521</v>
      </c>
      <c r="O5638" s="5" t="s">
        <v>38</v>
      </c>
      <c r="P5638" s="5" t="s">
        <v>39</v>
      </c>
      <c r="Q5638" s="5" t="s">
        <v>40</v>
      </c>
      <c r="R5638" s="5" t="s">
        <v>1522</v>
      </c>
      <c r="S5638" s="5" t="s">
        <v>1523</v>
      </c>
      <c r="T5638" s="5" t="s">
        <v>42</v>
      </c>
      <c r="U5638" s="2">
        <v>2.7349999999999999</v>
      </c>
      <c r="V5638" s="2">
        <v>2.1920000000000002</v>
      </c>
      <c r="W5638" s="2">
        <v>1.4999999999999999E-2</v>
      </c>
      <c r="X5638" s="2">
        <v>118.9</v>
      </c>
      <c r="Y5638" s="2">
        <v>7.6</v>
      </c>
      <c r="Z5638" s="2">
        <v>16.7</v>
      </c>
      <c r="AA5638" s="5"/>
      <c r="AB5638" s="5" t="s">
        <v>43</v>
      </c>
      <c r="AC5638" s="5" t="s">
        <v>44</v>
      </c>
      <c r="AD5638" s="2"/>
      <c r="AE5638" s="1"/>
    </row>
    <row r="5639" spans="1:31" ht="14.45">
      <c r="A5639" s="11"/>
      <c r="B5639" s="20"/>
      <c r="C5639" s="2" t="s">
        <v>17388</v>
      </c>
      <c r="D5639" s="14" t="s">
        <v>17389</v>
      </c>
      <c r="E5639" s="2" t="s">
        <v>17390</v>
      </c>
      <c r="F5639" s="2" t="s">
        <v>7581</v>
      </c>
      <c r="G5639" s="8">
        <v>263</v>
      </c>
      <c r="H5639" s="5">
        <v>6</v>
      </c>
      <c r="I5639" s="5" t="s">
        <v>1518</v>
      </c>
      <c r="J5639" s="5" t="s">
        <v>1519</v>
      </c>
      <c r="K5639" s="2" t="s">
        <v>1520</v>
      </c>
      <c r="L5639" s="5" t="s">
        <v>1519</v>
      </c>
      <c r="M5639" s="2" t="s">
        <v>1520</v>
      </c>
      <c r="N5639" s="5" t="s">
        <v>1521</v>
      </c>
      <c r="O5639" s="5" t="s">
        <v>38</v>
      </c>
      <c r="P5639" s="5" t="s">
        <v>39</v>
      </c>
      <c r="Q5639" s="5" t="s">
        <v>40</v>
      </c>
      <c r="R5639" s="5" t="s">
        <v>1522</v>
      </c>
      <c r="S5639" s="5" t="s">
        <v>1523</v>
      </c>
      <c r="T5639" s="5" t="s">
        <v>42</v>
      </c>
      <c r="U5639" s="2">
        <v>2.8170000000000002</v>
      </c>
      <c r="V5639" s="2">
        <v>2.274</v>
      </c>
      <c r="W5639" s="2">
        <v>1.4999999999999999E-2</v>
      </c>
      <c r="X5639" s="2">
        <v>118.9</v>
      </c>
      <c r="Y5639" s="2">
        <v>7.6</v>
      </c>
      <c r="Z5639" s="2">
        <v>16.7</v>
      </c>
      <c r="AA5639" s="5"/>
      <c r="AB5639" s="5" t="s">
        <v>43</v>
      </c>
      <c r="AC5639" s="5" t="s">
        <v>44</v>
      </c>
      <c r="AD5639" s="2"/>
      <c r="AE5639" s="1"/>
    </row>
    <row r="5640" spans="1:31" ht="14.45">
      <c r="A5640" s="11"/>
      <c r="B5640" s="20"/>
      <c r="C5640" s="2" t="s">
        <v>17391</v>
      </c>
      <c r="D5640" s="14" t="s">
        <v>17392</v>
      </c>
      <c r="E5640" s="2" t="s">
        <v>17393</v>
      </c>
      <c r="F5640" s="2" t="s">
        <v>7585</v>
      </c>
      <c r="G5640" s="8">
        <v>263</v>
      </c>
      <c r="H5640" s="5">
        <v>6</v>
      </c>
      <c r="I5640" s="5" t="s">
        <v>1518</v>
      </c>
      <c r="J5640" s="5" t="s">
        <v>1519</v>
      </c>
      <c r="K5640" s="2" t="s">
        <v>1520</v>
      </c>
      <c r="L5640" s="5" t="s">
        <v>1519</v>
      </c>
      <c r="M5640" s="2" t="s">
        <v>1520</v>
      </c>
      <c r="N5640" s="5" t="s">
        <v>1521</v>
      </c>
      <c r="O5640" s="5" t="s">
        <v>38</v>
      </c>
      <c r="P5640" s="5" t="s">
        <v>39</v>
      </c>
      <c r="Q5640" s="5" t="s">
        <v>40</v>
      </c>
      <c r="R5640" s="5" t="s">
        <v>1522</v>
      </c>
      <c r="S5640" s="5" t="s">
        <v>1523</v>
      </c>
      <c r="T5640" s="5" t="s">
        <v>42</v>
      </c>
      <c r="U5640" s="2">
        <v>2.7160000000000002</v>
      </c>
      <c r="V5640" s="2">
        <v>2.173</v>
      </c>
      <c r="W5640" s="2">
        <v>1.4999999999999999E-2</v>
      </c>
      <c r="X5640" s="2">
        <v>118.9</v>
      </c>
      <c r="Y5640" s="2">
        <v>7.6</v>
      </c>
      <c r="Z5640" s="2">
        <v>16.7</v>
      </c>
      <c r="AA5640" s="5"/>
      <c r="AB5640" s="5" t="s">
        <v>43</v>
      </c>
      <c r="AC5640" s="5" t="s">
        <v>44</v>
      </c>
      <c r="AD5640" s="2"/>
      <c r="AE5640" s="1"/>
    </row>
    <row r="5641" spans="1:31" ht="14.45">
      <c r="A5641" s="11"/>
      <c r="B5641" s="20"/>
      <c r="C5641" s="2" t="s">
        <v>17394</v>
      </c>
      <c r="D5641" s="14" t="s">
        <v>17395</v>
      </c>
      <c r="E5641" s="2" t="s">
        <v>17396</v>
      </c>
      <c r="F5641" s="2" t="s">
        <v>7589</v>
      </c>
      <c r="G5641" s="8">
        <v>263</v>
      </c>
      <c r="H5641" s="5">
        <v>6</v>
      </c>
      <c r="I5641" s="5" t="s">
        <v>1518</v>
      </c>
      <c r="J5641" s="5" t="s">
        <v>1519</v>
      </c>
      <c r="K5641" s="2" t="s">
        <v>1520</v>
      </c>
      <c r="L5641" s="5" t="s">
        <v>1519</v>
      </c>
      <c r="M5641" s="2" t="s">
        <v>1520</v>
      </c>
      <c r="N5641" s="5" t="s">
        <v>1521</v>
      </c>
      <c r="O5641" s="5" t="s">
        <v>38</v>
      </c>
      <c r="P5641" s="5" t="s">
        <v>39</v>
      </c>
      <c r="Q5641" s="5" t="s">
        <v>40</v>
      </c>
      <c r="R5641" s="5" t="s">
        <v>1522</v>
      </c>
      <c r="S5641" s="5" t="s">
        <v>1523</v>
      </c>
      <c r="T5641" s="5" t="s">
        <v>42</v>
      </c>
      <c r="U5641" s="2">
        <v>2.798</v>
      </c>
      <c r="V5641" s="2">
        <v>2.2549999999999999</v>
      </c>
      <c r="W5641" s="2">
        <v>1.4999999999999999E-2</v>
      </c>
      <c r="X5641" s="2">
        <v>118.9</v>
      </c>
      <c r="Y5641" s="2">
        <v>7.6</v>
      </c>
      <c r="Z5641" s="2">
        <v>16.7</v>
      </c>
      <c r="AA5641" s="5"/>
      <c r="AB5641" s="5" t="s">
        <v>43</v>
      </c>
      <c r="AC5641" s="5" t="s">
        <v>44</v>
      </c>
      <c r="AD5641" s="2"/>
      <c r="AE5641" s="1"/>
    </row>
    <row r="5642" spans="1:31" ht="14.45">
      <c r="A5642" s="11"/>
      <c r="B5642" s="20"/>
      <c r="C5642" s="2" t="s">
        <v>17397</v>
      </c>
      <c r="D5642" s="14" t="s">
        <v>17398</v>
      </c>
      <c r="E5642" s="2" t="s">
        <v>17399</v>
      </c>
      <c r="F5642" s="2" t="s">
        <v>7593</v>
      </c>
      <c r="G5642" s="8">
        <v>263</v>
      </c>
      <c r="H5642" s="5">
        <v>6</v>
      </c>
      <c r="I5642" s="5" t="s">
        <v>1518</v>
      </c>
      <c r="J5642" s="5" t="s">
        <v>1519</v>
      </c>
      <c r="K5642" s="2" t="s">
        <v>1520</v>
      </c>
      <c r="L5642" s="5" t="s">
        <v>1519</v>
      </c>
      <c r="M5642" s="2" t="s">
        <v>1520</v>
      </c>
      <c r="N5642" s="5" t="s">
        <v>1521</v>
      </c>
      <c r="O5642" s="5" t="s">
        <v>38</v>
      </c>
      <c r="P5642" s="5" t="s">
        <v>39</v>
      </c>
      <c r="Q5642" s="5" t="s">
        <v>40</v>
      </c>
      <c r="R5642" s="5" t="s">
        <v>1522</v>
      </c>
      <c r="S5642" s="5" t="s">
        <v>1523</v>
      </c>
      <c r="T5642" s="5" t="s">
        <v>42</v>
      </c>
      <c r="U5642" s="2">
        <v>2.7349999999999999</v>
      </c>
      <c r="V5642" s="2">
        <v>2.1920000000000002</v>
      </c>
      <c r="W5642" s="2">
        <v>1.4999999999999999E-2</v>
      </c>
      <c r="X5642" s="2">
        <v>118.9</v>
      </c>
      <c r="Y5642" s="2">
        <v>7.6</v>
      </c>
      <c r="Z5642" s="2">
        <v>16.7</v>
      </c>
      <c r="AA5642" s="5"/>
      <c r="AB5642" s="5" t="s">
        <v>43</v>
      </c>
      <c r="AC5642" s="5" t="s">
        <v>44</v>
      </c>
      <c r="AD5642" s="2"/>
      <c r="AE5642" s="1"/>
    </row>
    <row r="5643" spans="1:31" ht="14.45">
      <c r="A5643" s="11"/>
      <c r="B5643" s="20"/>
      <c r="C5643" s="2" t="s">
        <v>17400</v>
      </c>
      <c r="D5643" s="14" t="s">
        <v>17401</v>
      </c>
      <c r="E5643" s="2" t="s">
        <v>17402</v>
      </c>
      <c r="F5643" s="2" t="s">
        <v>7597</v>
      </c>
      <c r="G5643" s="8">
        <v>263</v>
      </c>
      <c r="H5643" s="5">
        <v>6</v>
      </c>
      <c r="I5643" s="5" t="s">
        <v>1518</v>
      </c>
      <c r="J5643" s="5" t="s">
        <v>1519</v>
      </c>
      <c r="K5643" s="2" t="s">
        <v>1520</v>
      </c>
      <c r="L5643" s="5" t="s">
        <v>1519</v>
      </c>
      <c r="M5643" s="2" t="s">
        <v>1520</v>
      </c>
      <c r="N5643" s="5" t="s">
        <v>1521</v>
      </c>
      <c r="O5643" s="5" t="s">
        <v>38</v>
      </c>
      <c r="P5643" s="5" t="s">
        <v>39</v>
      </c>
      <c r="Q5643" s="5" t="s">
        <v>40</v>
      </c>
      <c r="R5643" s="5" t="s">
        <v>1522</v>
      </c>
      <c r="S5643" s="5" t="s">
        <v>1523</v>
      </c>
      <c r="T5643" s="5" t="s">
        <v>42</v>
      </c>
      <c r="U5643" s="2">
        <v>2.8170000000000002</v>
      </c>
      <c r="V5643" s="2">
        <v>2.274</v>
      </c>
      <c r="W5643" s="2">
        <v>1.4999999999999999E-2</v>
      </c>
      <c r="X5643" s="2">
        <v>118.9</v>
      </c>
      <c r="Y5643" s="2">
        <v>7.6</v>
      </c>
      <c r="Z5643" s="2">
        <v>16.7</v>
      </c>
      <c r="AA5643" s="5"/>
      <c r="AB5643" s="5" t="s">
        <v>43</v>
      </c>
      <c r="AC5643" s="5" t="s">
        <v>44</v>
      </c>
      <c r="AD5643" s="2"/>
      <c r="AE5643" s="1"/>
    </row>
    <row r="5644" spans="1:31" ht="14.45">
      <c r="A5644" s="11"/>
      <c r="B5644" s="20"/>
      <c r="C5644" s="2" t="s">
        <v>17403</v>
      </c>
      <c r="D5644" s="14" t="s">
        <v>17404</v>
      </c>
      <c r="E5644" s="2" t="s">
        <v>17405</v>
      </c>
      <c r="F5644" s="2" t="s">
        <v>16014</v>
      </c>
      <c r="G5644" s="8">
        <v>263</v>
      </c>
      <c r="H5644" s="5">
        <v>6</v>
      </c>
      <c r="I5644" s="5" t="s">
        <v>1518</v>
      </c>
      <c r="J5644" s="5" t="s">
        <v>1519</v>
      </c>
      <c r="K5644" s="2" t="s">
        <v>1520</v>
      </c>
      <c r="L5644" s="5" t="s">
        <v>1519</v>
      </c>
      <c r="M5644" s="2" t="s">
        <v>1520</v>
      </c>
      <c r="N5644" s="5" t="s">
        <v>1521</v>
      </c>
      <c r="O5644" s="5" t="s">
        <v>38</v>
      </c>
      <c r="P5644" s="5" t="s">
        <v>39</v>
      </c>
      <c r="Q5644" s="5" t="s">
        <v>40</v>
      </c>
      <c r="R5644" s="5" t="s">
        <v>1522</v>
      </c>
      <c r="S5644" s="5" t="s">
        <v>1523</v>
      </c>
      <c r="T5644" s="5" t="s">
        <v>42</v>
      </c>
      <c r="U5644" s="2">
        <v>2.7349999999999999</v>
      </c>
      <c r="V5644" s="2">
        <v>2.1920000000000002</v>
      </c>
      <c r="W5644" s="2">
        <v>1.4999999999999999E-2</v>
      </c>
      <c r="X5644" s="2">
        <v>118.9</v>
      </c>
      <c r="Y5644" s="2">
        <v>7.6</v>
      </c>
      <c r="Z5644" s="2">
        <v>16.7</v>
      </c>
      <c r="AA5644" s="5"/>
      <c r="AB5644" s="5" t="s">
        <v>43</v>
      </c>
      <c r="AC5644" s="5" t="s">
        <v>44</v>
      </c>
      <c r="AD5644" s="2"/>
      <c r="AE5644" s="1"/>
    </row>
    <row r="5645" spans="1:31" ht="14.45">
      <c r="A5645" s="11"/>
      <c r="B5645" s="20"/>
      <c r="C5645" s="2" t="s">
        <v>17406</v>
      </c>
      <c r="D5645" s="14" t="s">
        <v>17407</v>
      </c>
      <c r="E5645" s="2" t="s">
        <v>17408</v>
      </c>
      <c r="F5645" s="2" t="s">
        <v>16219</v>
      </c>
      <c r="G5645" s="8">
        <v>263</v>
      </c>
      <c r="H5645" s="5">
        <v>6</v>
      </c>
      <c r="I5645" s="5" t="s">
        <v>1518</v>
      </c>
      <c r="J5645" s="5" t="s">
        <v>1519</v>
      </c>
      <c r="K5645" s="2" t="s">
        <v>1520</v>
      </c>
      <c r="L5645" s="5" t="s">
        <v>1519</v>
      </c>
      <c r="M5645" s="2" t="s">
        <v>1520</v>
      </c>
      <c r="N5645" s="5" t="s">
        <v>1521</v>
      </c>
      <c r="O5645" s="5" t="s">
        <v>38</v>
      </c>
      <c r="P5645" s="5" t="s">
        <v>39</v>
      </c>
      <c r="Q5645" s="5" t="s">
        <v>40</v>
      </c>
      <c r="R5645" s="5" t="s">
        <v>1522</v>
      </c>
      <c r="S5645" s="5" t="s">
        <v>1523</v>
      </c>
      <c r="T5645" s="5" t="s">
        <v>42</v>
      </c>
      <c r="U5645" s="2">
        <v>2.8170000000000002</v>
      </c>
      <c r="V5645" s="2">
        <v>2.274</v>
      </c>
      <c r="W5645" s="2">
        <v>1.4999999999999999E-2</v>
      </c>
      <c r="X5645" s="2">
        <v>118.9</v>
      </c>
      <c r="Y5645" s="2">
        <v>7.6</v>
      </c>
      <c r="Z5645" s="2">
        <v>16.7</v>
      </c>
      <c r="AA5645" s="5"/>
      <c r="AB5645" s="5" t="s">
        <v>43</v>
      </c>
      <c r="AC5645" s="5" t="s">
        <v>44</v>
      </c>
      <c r="AD5645" s="2"/>
      <c r="AE5645" s="1"/>
    </row>
    <row r="5646" spans="1:31" ht="14.45">
      <c r="A5646" s="11"/>
      <c r="B5646" s="20"/>
      <c r="C5646" s="2" t="s">
        <v>17409</v>
      </c>
      <c r="D5646" s="14" t="s">
        <v>17410</v>
      </c>
      <c r="E5646" s="2" t="s">
        <v>17411</v>
      </c>
      <c r="F5646" s="2" t="s">
        <v>16018</v>
      </c>
      <c r="G5646" s="8">
        <v>263</v>
      </c>
      <c r="H5646" s="5">
        <v>6</v>
      </c>
      <c r="I5646" s="5" t="s">
        <v>1518</v>
      </c>
      <c r="J5646" s="5" t="s">
        <v>1519</v>
      </c>
      <c r="K5646" s="2" t="s">
        <v>1520</v>
      </c>
      <c r="L5646" s="5" t="s">
        <v>1519</v>
      </c>
      <c r="M5646" s="2" t="s">
        <v>1520</v>
      </c>
      <c r="N5646" s="5" t="s">
        <v>1521</v>
      </c>
      <c r="O5646" s="5" t="s">
        <v>38</v>
      </c>
      <c r="P5646" s="5" t="s">
        <v>39</v>
      </c>
      <c r="Q5646" s="5" t="s">
        <v>40</v>
      </c>
      <c r="R5646" s="5" t="s">
        <v>1522</v>
      </c>
      <c r="S5646" s="5" t="s">
        <v>1523</v>
      </c>
      <c r="T5646" s="5" t="s">
        <v>42</v>
      </c>
      <c r="U5646" s="2">
        <v>2.7349999999999999</v>
      </c>
      <c r="V5646" s="2">
        <v>2.1920000000000002</v>
      </c>
      <c r="W5646" s="2">
        <v>1.4999999999999999E-2</v>
      </c>
      <c r="X5646" s="2">
        <v>118.9</v>
      </c>
      <c r="Y5646" s="2">
        <v>7.6</v>
      </c>
      <c r="Z5646" s="2">
        <v>16.7</v>
      </c>
      <c r="AA5646" s="5"/>
      <c r="AB5646" s="5" t="s">
        <v>43</v>
      </c>
      <c r="AC5646" s="5" t="s">
        <v>44</v>
      </c>
      <c r="AD5646" s="2"/>
      <c r="AE5646" s="1"/>
    </row>
    <row r="5647" spans="1:31" ht="14.45">
      <c r="A5647" s="11"/>
      <c r="B5647" s="20"/>
      <c r="C5647" s="2" t="s">
        <v>17412</v>
      </c>
      <c r="D5647" s="14" t="s">
        <v>17413</v>
      </c>
      <c r="E5647" s="2" t="s">
        <v>17414</v>
      </c>
      <c r="F5647" s="2" t="s">
        <v>16022</v>
      </c>
      <c r="G5647" s="8">
        <v>263</v>
      </c>
      <c r="H5647" s="5">
        <v>6</v>
      </c>
      <c r="I5647" s="5" t="s">
        <v>1518</v>
      </c>
      <c r="J5647" s="5" t="s">
        <v>1519</v>
      </c>
      <c r="K5647" s="2" t="s">
        <v>1520</v>
      </c>
      <c r="L5647" s="5" t="s">
        <v>1519</v>
      </c>
      <c r="M5647" s="2" t="s">
        <v>1520</v>
      </c>
      <c r="N5647" s="5" t="s">
        <v>1521</v>
      </c>
      <c r="O5647" s="5" t="s">
        <v>38</v>
      </c>
      <c r="P5647" s="5" t="s">
        <v>39</v>
      </c>
      <c r="Q5647" s="5" t="s">
        <v>40</v>
      </c>
      <c r="R5647" s="5" t="s">
        <v>1522</v>
      </c>
      <c r="S5647" s="5" t="s">
        <v>1523</v>
      </c>
      <c r="T5647" s="5" t="s">
        <v>42</v>
      </c>
      <c r="U5647" s="2">
        <v>2.8170000000000002</v>
      </c>
      <c r="V5647" s="2">
        <v>2.274</v>
      </c>
      <c r="W5647" s="2">
        <v>1.4999999999999999E-2</v>
      </c>
      <c r="X5647" s="2">
        <v>118.9</v>
      </c>
      <c r="Y5647" s="2">
        <v>7.6</v>
      </c>
      <c r="Z5647" s="2">
        <v>16.7</v>
      </c>
      <c r="AA5647" s="5"/>
      <c r="AB5647" s="5" t="s">
        <v>43</v>
      </c>
      <c r="AC5647" s="5" t="s">
        <v>44</v>
      </c>
      <c r="AD5647" s="2"/>
      <c r="AE5647" s="1"/>
    </row>
    <row r="5648" spans="1:31" ht="14.45">
      <c r="A5648" s="11"/>
      <c r="B5648" s="20"/>
      <c r="C5648" s="2" t="s">
        <v>17415</v>
      </c>
      <c r="D5648" s="14" t="s">
        <v>17416</v>
      </c>
      <c r="E5648" s="2" t="s">
        <v>17417</v>
      </c>
      <c r="F5648" s="2" t="s">
        <v>7615</v>
      </c>
      <c r="G5648" s="8">
        <v>263</v>
      </c>
      <c r="H5648" s="5">
        <v>6</v>
      </c>
      <c r="I5648" s="5" t="s">
        <v>1518</v>
      </c>
      <c r="J5648" s="5" t="s">
        <v>1519</v>
      </c>
      <c r="K5648" s="2" t="s">
        <v>1520</v>
      </c>
      <c r="L5648" s="5" t="s">
        <v>1519</v>
      </c>
      <c r="M5648" s="2" t="s">
        <v>1520</v>
      </c>
      <c r="N5648" s="5" t="s">
        <v>1521</v>
      </c>
      <c r="O5648" s="5" t="s">
        <v>38</v>
      </c>
      <c r="P5648" s="5" t="s">
        <v>39</v>
      </c>
      <c r="Q5648" s="5" t="s">
        <v>40</v>
      </c>
      <c r="R5648" s="5" t="s">
        <v>1522</v>
      </c>
      <c r="S5648" s="5" t="s">
        <v>1523</v>
      </c>
      <c r="T5648" s="5" t="s">
        <v>42</v>
      </c>
      <c r="U5648" s="2">
        <v>2.7160000000000002</v>
      </c>
      <c r="V5648" s="2">
        <v>2.173</v>
      </c>
      <c r="W5648" s="2">
        <v>1.4999999999999999E-2</v>
      </c>
      <c r="X5648" s="2">
        <v>118.9</v>
      </c>
      <c r="Y5648" s="2">
        <v>7.6</v>
      </c>
      <c r="Z5648" s="2">
        <v>16.7</v>
      </c>
      <c r="AA5648" s="5"/>
      <c r="AB5648" s="5" t="s">
        <v>43</v>
      </c>
      <c r="AC5648" s="5" t="s">
        <v>44</v>
      </c>
      <c r="AD5648" s="2"/>
      <c r="AE5648" s="1"/>
    </row>
    <row r="5649" spans="1:31" ht="14.45">
      <c r="A5649" s="11"/>
      <c r="B5649" s="20"/>
      <c r="C5649" s="2" t="s">
        <v>17418</v>
      </c>
      <c r="D5649" s="14" t="s">
        <v>17419</v>
      </c>
      <c r="E5649" s="2" t="s">
        <v>17420</v>
      </c>
      <c r="F5649" s="2" t="s">
        <v>7619</v>
      </c>
      <c r="G5649" s="8">
        <v>263</v>
      </c>
      <c r="H5649" s="5">
        <v>6</v>
      </c>
      <c r="I5649" s="5" t="s">
        <v>1518</v>
      </c>
      <c r="J5649" s="5" t="s">
        <v>1519</v>
      </c>
      <c r="K5649" s="2" t="s">
        <v>1520</v>
      </c>
      <c r="L5649" s="5" t="s">
        <v>1519</v>
      </c>
      <c r="M5649" s="2" t="s">
        <v>1520</v>
      </c>
      <c r="N5649" s="5" t="s">
        <v>1521</v>
      </c>
      <c r="O5649" s="5" t="s">
        <v>38</v>
      </c>
      <c r="P5649" s="5" t="s">
        <v>39</v>
      </c>
      <c r="Q5649" s="5" t="s">
        <v>40</v>
      </c>
      <c r="R5649" s="5" t="s">
        <v>1522</v>
      </c>
      <c r="S5649" s="5" t="s">
        <v>1523</v>
      </c>
      <c r="T5649" s="5" t="s">
        <v>42</v>
      </c>
      <c r="U5649" s="2">
        <v>2.798</v>
      </c>
      <c r="V5649" s="2">
        <v>2.2549999999999999</v>
      </c>
      <c r="W5649" s="2">
        <v>1.4999999999999999E-2</v>
      </c>
      <c r="X5649" s="2">
        <v>118.9</v>
      </c>
      <c r="Y5649" s="2">
        <v>7.6</v>
      </c>
      <c r="Z5649" s="2">
        <v>16.7</v>
      </c>
      <c r="AA5649" s="5"/>
      <c r="AB5649" s="5" t="s">
        <v>43</v>
      </c>
      <c r="AC5649" s="5" t="s">
        <v>44</v>
      </c>
      <c r="AD5649" s="2"/>
      <c r="AE5649" s="1"/>
    </row>
    <row r="5650" spans="1:31" ht="14.45">
      <c r="A5650" s="11"/>
      <c r="B5650" s="20"/>
      <c r="C5650" s="2" t="s">
        <v>17421</v>
      </c>
      <c r="D5650" s="14" t="s">
        <v>17422</v>
      </c>
      <c r="E5650" s="2" t="s">
        <v>17423</v>
      </c>
      <c r="F5650" s="2" t="s">
        <v>16235</v>
      </c>
      <c r="G5650" s="8">
        <v>263</v>
      </c>
      <c r="H5650" s="5">
        <v>6</v>
      </c>
      <c r="I5650" s="5" t="s">
        <v>1518</v>
      </c>
      <c r="J5650" s="5" t="s">
        <v>1519</v>
      </c>
      <c r="K5650" s="2" t="s">
        <v>1520</v>
      </c>
      <c r="L5650" s="5" t="s">
        <v>1519</v>
      </c>
      <c r="M5650" s="2" t="s">
        <v>1520</v>
      </c>
      <c r="N5650" s="5" t="s">
        <v>1521</v>
      </c>
      <c r="O5650" s="5" t="s">
        <v>38</v>
      </c>
      <c r="P5650" s="5" t="s">
        <v>39</v>
      </c>
      <c r="Q5650" s="5" t="s">
        <v>40</v>
      </c>
      <c r="R5650" s="5" t="s">
        <v>1522</v>
      </c>
      <c r="S5650" s="5" t="s">
        <v>1523</v>
      </c>
      <c r="T5650" s="5" t="s">
        <v>42</v>
      </c>
      <c r="U5650" s="2">
        <v>2.766</v>
      </c>
      <c r="V5650" s="2">
        <v>2.2229999999999999</v>
      </c>
      <c r="W5650" s="2">
        <v>1.4999999999999999E-2</v>
      </c>
      <c r="X5650" s="2">
        <v>118.9</v>
      </c>
      <c r="Y5650" s="2">
        <v>7.6</v>
      </c>
      <c r="Z5650" s="2">
        <v>16.7</v>
      </c>
      <c r="AA5650" s="5"/>
      <c r="AB5650" s="5" t="s">
        <v>43</v>
      </c>
      <c r="AC5650" s="5" t="s">
        <v>44</v>
      </c>
      <c r="AD5650" s="2"/>
      <c r="AE5650" s="1"/>
    </row>
    <row r="5651" spans="1:31" ht="14.45">
      <c r="A5651" s="11"/>
      <c r="B5651" s="20"/>
      <c r="C5651" s="2" t="s">
        <v>17424</v>
      </c>
      <c r="D5651" s="14" t="s">
        <v>17425</v>
      </c>
      <c r="E5651" s="2" t="s">
        <v>17426</v>
      </c>
      <c r="F5651" s="2" t="s">
        <v>16029</v>
      </c>
      <c r="G5651" s="8">
        <v>263</v>
      </c>
      <c r="H5651" s="5">
        <v>11</v>
      </c>
      <c r="I5651" s="5" t="s">
        <v>1518</v>
      </c>
      <c r="J5651" s="5" t="s">
        <v>1519</v>
      </c>
      <c r="K5651" s="2" t="s">
        <v>1520</v>
      </c>
      <c r="L5651" s="5" t="s">
        <v>1519</v>
      </c>
      <c r="M5651" s="2" t="s">
        <v>1520</v>
      </c>
      <c r="N5651" s="5" t="s">
        <v>1521</v>
      </c>
      <c r="O5651" s="5" t="s">
        <v>38</v>
      </c>
      <c r="P5651" s="5" t="s">
        <v>39</v>
      </c>
      <c r="Q5651" s="5" t="s">
        <v>40</v>
      </c>
      <c r="R5651" s="5" t="s">
        <v>1522</v>
      </c>
      <c r="S5651" s="5" t="s">
        <v>1523</v>
      </c>
      <c r="T5651" s="5" t="s">
        <v>42</v>
      </c>
      <c r="U5651" s="2">
        <v>2.7519999999999998</v>
      </c>
      <c r="V5651" s="2">
        <v>2.2090000000000001</v>
      </c>
      <c r="W5651" s="2">
        <v>1.4999999999999999E-2</v>
      </c>
      <c r="X5651" s="2">
        <v>118.9</v>
      </c>
      <c r="Y5651" s="2">
        <v>7.6</v>
      </c>
      <c r="Z5651" s="2">
        <v>16.7</v>
      </c>
      <c r="AA5651" s="5"/>
      <c r="AB5651" s="5" t="s">
        <v>43</v>
      </c>
      <c r="AC5651" s="5" t="s">
        <v>44</v>
      </c>
      <c r="AD5651" s="2"/>
      <c r="AE5651" s="1"/>
    </row>
    <row r="5652" spans="1:31" ht="14.45">
      <c r="A5652" s="11"/>
      <c r="B5652" s="20"/>
      <c r="C5652" s="2" t="s">
        <v>17427</v>
      </c>
      <c r="D5652" s="14" t="s">
        <v>17428</v>
      </c>
      <c r="E5652" s="2" t="s">
        <v>17429</v>
      </c>
      <c r="F5652" s="2" t="s">
        <v>16033</v>
      </c>
      <c r="G5652" s="8">
        <v>263</v>
      </c>
      <c r="H5652" s="5">
        <v>11</v>
      </c>
      <c r="I5652" s="5" t="s">
        <v>1518</v>
      </c>
      <c r="J5652" s="5" t="s">
        <v>1519</v>
      </c>
      <c r="K5652" s="2" t="s">
        <v>1520</v>
      </c>
      <c r="L5652" s="5" t="s">
        <v>1519</v>
      </c>
      <c r="M5652" s="2" t="s">
        <v>1520</v>
      </c>
      <c r="N5652" s="5" t="s">
        <v>1521</v>
      </c>
      <c r="O5652" s="5" t="s">
        <v>38</v>
      </c>
      <c r="P5652" s="5" t="s">
        <v>39</v>
      </c>
      <c r="Q5652" s="5" t="s">
        <v>40</v>
      </c>
      <c r="R5652" s="5" t="s">
        <v>1522</v>
      </c>
      <c r="S5652" s="5" t="s">
        <v>1523</v>
      </c>
      <c r="T5652" s="5" t="s">
        <v>42</v>
      </c>
      <c r="U5652" s="2">
        <v>2.8340000000000001</v>
      </c>
      <c r="V5652" s="2">
        <v>2.2909999999999999</v>
      </c>
      <c r="W5652" s="2">
        <v>1.4999999999999999E-2</v>
      </c>
      <c r="X5652" s="2">
        <v>118.9</v>
      </c>
      <c r="Y5652" s="2">
        <v>7.6</v>
      </c>
      <c r="Z5652" s="2">
        <v>16.7</v>
      </c>
      <c r="AA5652" s="5"/>
      <c r="AB5652" s="5" t="s">
        <v>43</v>
      </c>
      <c r="AC5652" s="5" t="s">
        <v>44</v>
      </c>
      <c r="AD5652" s="2"/>
      <c r="AE5652" s="1"/>
    </row>
    <row r="5653" spans="1:31" ht="14.45">
      <c r="A5653" s="11"/>
      <c r="B5653" s="20"/>
      <c r="C5653" s="2" t="s">
        <v>17430</v>
      </c>
      <c r="D5653" s="14" t="s">
        <v>17431</v>
      </c>
      <c r="E5653" s="2" t="s">
        <v>17432</v>
      </c>
      <c r="F5653" s="2" t="s">
        <v>7396</v>
      </c>
      <c r="G5653" s="8">
        <v>249</v>
      </c>
      <c r="H5653" s="5">
        <v>6</v>
      </c>
      <c r="I5653" s="5" t="s">
        <v>1518</v>
      </c>
      <c r="J5653" s="5" t="s">
        <v>1519</v>
      </c>
      <c r="K5653" s="2" t="s">
        <v>1520</v>
      </c>
      <c r="L5653" s="5" t="s">
        <v>1519</v>
      </c>
      <c r="M5653" s="2" t="s">
        <v>1520</v>
      </c>
      <c r="N5653" s="5" t="s">
        <v>1521</v>
      </c>
      <c r="O5653" s="5" t="s">
        <v>38</v>
      </c>
      <c r="P5653" s="5" t="s">
        <v>39</v>
      </c>
      <c r="Q5653" s="5" t="s">
        <v>40</v>
      </c>
      <c r="R5653" s="5" t="s">
        <v>1522</v>
      </c>
      <c r="S5653" s="5" t="s">
        <v>1523</v>
      </c>
      <c r="T5653" s="5" t="s">
        <v>42</v>
      </c>
      <c r="U5653" s="2">
        <v>2.9849999999999999</v>
      </c>
      <c r="V5653" s="2">
        <v>2.3679999999999999</v>
      </c>
      <c r="W5653" s="2">
        <v>1.7999999999999999E-2</v>
      </c>
      <c r="X5653" s="2">
        <v>139.1</v>
      </c>
      <c r="Y5653" s="2">
        <v>7.6</v>
      </c>
      <c r="Z5653" s="2">
        <v>16.7</v>
      </c>
      <c r="AA5653" s="5"/>
      <c r="AB5653" s="5" t="s">
        <v>43</v>
      </c>
      <c r="AC5653" s="5" t="s">
        <v>44</v>
      </c>
      <c r="AD5653" s="2"/>
      <c r="AE5653" s="1"/>
    </row>
    <row r="5654" spans="1:31" ht="14.45">
      <c r="A5654" s="11"/>
      <c r="B5654" s="20"/>
      <c r="C5654" s="2" t="s">
        <v>17433</v>
      </c>
      <c r="D5654" s="14" t="s">
        <v>17434</v>
      </c>
      <c r="E5654" s="2" t="s">
        <v>17435</v>
      </c>
      <c r="F5654" s="2" t="s">
        <v>7507</v>
      </c>
      <c r="G5654" s="8">
        <v>249</v>
      </c>
      <c r="H5654" s="5">
        <v>6</v>
      </c>
      <c r="I5654" s="5" t="s">
        <v>1518</v>
      </c>
      <c r="J5654" s="5" t="s">
        <v>1519</v>
      </c>
      <c r="K5654" s="2" t="s">
        <v>1520</v>
      </c>
      <c r="L5654" s="5" t="s">
        <v>1519</v>
      </c>
      <c r="M5654" s="2" t="s">
        <v>1520</v>
      </c>
      <c r="N5654" s="5" t="s">
        <v>1521</v>
      </c>
      <c r="O5654" s="5" t="s">
        <v>38</v>
      </c>
      <c r="P5654" s="5" t="s">
        <v>39</v>
      </c>
      <c r="Q5654" s="5" t="s">
        <v>40</v>
      </c>
      <c r="R5654" s="5" t="s">
        <v>1522</v>
      </c>
      <c r="S5654" s="5" t="s">
        <v>1523</v>
      </c>
      <c r="T5654" s="5" t="s">
        <v>42</v>
      </c>
      <c r="U5654" s="2">
        <v>3.0790000000000002</v>
      </c>
      <c r="V5654" s="2">
        <v>2.4620000000000002</v>
      </c>
      <c r="W5654" s="2">
        <v>1.7999999999999999E-2</v>
      </c>
      <c r="X5654" s="2">
        <v>139.1</v>
      </c>
      <c r="Y5654" s="2">
        <v>7.6</v>
      </c>
      <c r="Z5654" s="2">
        <v>16.7</v>
      </c>
      <c r="AA5654" s="5"/>
      <c r="AB5654" s="5" t="s">
        <v>43</v>
      </c>
      <c r="AC5654" s="5" t="s">
        <v>44</v>
      </c>
      <c r="AD5654" s="2"/>
      <c r="AE5654" s="1"/>
    </row>
    <row r="5655" spans="1:31" ht="14.45">
      <c r="A5655" s="11"/>
      <c r="B5655" s="20"/>
      <c r="C5655" s="2" t="s">
        <v>17436</v>
      </c>
      <c r="D5655" s="14" t="s">
        <v>17437</v>
      </c>
      <c r="E5655" s="2" t="s">
        <v>17438</v>
      </c>
      <c r="F5655" s="2" t="s">
        <v>7204</v>
      </c>
      <c r="G5655" s="8">
        <v>249</v>
      </c>
      <c r="H5655" s="5">
        <v>6</v>
      </c>
      <c r="I5655" s="5" t="s">
        <v>1518</v>
      </c>
      <c r="J5655" s="5" t="s">
        <v>1519</v>
      </c>
      <c r="K5655" s="2" t="s">
        <v>1520</v>
      </c>
      <c r="L5655" s="5" t="s">
        <v>1519</v>
      </c>
      <c r="M5655" s="2" t="s">
        <v>1520</v>
      </c>
      <c r="N5655" s="5" t="s">
        <v>1521</v>
      </c>
      <c r="O5655" s="5" t="s">
        <v>38</v>
      </c>
      <c r="P5655" s="5" t="s">
        <v>39</v>
      </c>
      <c r="Q5655" s="5" t="s">
        <v>40</v>
      </c>
      <c r="R5655" s="5" t="s">
        <v>1522</v>
      </c>
      <c r="S5655" s="5" t="s">
        <v>1523</v>
      </c>
      <c r="T5655" s="5" t="s">
        <v>42</v>
      </c>
      <c r="U5655" s="2">
        <v>2.9929999999999999</v>
      </c>
      <c r="V5655" s="2">
        <v>2.3759999999999999</v>
      </c>
      <c r="W5655" s="2">
        <v>1.7999999999999999E-2</v>
      </c>
      <c r="X5655" s="2">
        <v>139.1</v>
      </c>
      <c r="Y5655" s="2">
        <v>7.6</v>
      </c>
      <c r="Z5655" s="2">
        <v>16.7</v>
      </c>
      <c r="AA5655" s="5"/>
      <c r="AB5655" s="5" t="s">
        <v>43</v>
      </c>
      <c r="AC5655" s="5" t="s">
        <v>44</v>
      </c>
      <c r="AD5655" s="2"/>
      <c r="AE5655" s="1"/>
    </row>
    <row r="5656" spans="1:31" ht="14.45">
      <c r="A5656" s="11"/>
      <c r="B5656" s="20"/>
      <c r="C5656" s="2" t="s">
        <v>17439</v>
      </c>
      <c r="D5656" s="14" t="s">
        <v>17440</v>
      </c>
      <c r="E5656" s="2" t="s">
        <v>17441</v>
      </c>
      <c r="F5656" s="2" t="s">
        <v>7514</v>
      </c>
      <c r="G5656" s="8">
        <v>249</v>
      </c>
      <c r="H5656" s="5">
        <v>6</v>
      </c>
      <c r="I5656" s="5" t="s">
        <v>1518</v>
      </c>
      <c r="J5656" s="5" t="s">
        <v>1519</v>
      </c>
      <c r="K5656" s="2" t="s">
        <v>1520</v>
      </c>
      <c r="L5656" s="5" t="s">
        <v>1519</v>
      </c>
      <c r="M5656" s="2" t="s">
        <v>1520</v>
      </c>
      <c r="N5656" s="5" t="s">
        <v>1521</v>
      </c>
      <c r="O5656" s="5" t="s">
        <v>38</v>
      </c>
      <c r="P5656" s="5" t="s">
        <v>39</v>
      </c>
      <c r="Q5656" s="5" t="s">
        <v>40</v>
      </c>
      <c r="R5656" s="5" t="s">
        <v>1522</v>
      </c>
      <c r="S5656" s="5" t="s">
        <v>1523</v>
      </c>
      <c r="T5656" s="5" t="s">
        <v>42</v>
      </c>
      <c r="U5656" s="2">
        <v>3.0870000000000002</v>
      </c>
      <c r="V5656" s="2">
        <v>2.4700000000000002</v>
      </c>
      <c r="W5656" s="2">
        <v>1.7999999999999999E-2</v>
      </c>
      <c r="X5656" s="2">
        <v>139.1</v>
      </c>
      <c r="Y5656" s="2">
        <v>7.6</v>
      </c>
      <c r="Z5656" s="2">
        <v>16.7</v>
      </c>
      <c r="AA5656" s="5"/>
      <c r="AB5656" s="5" t="s">
        <v>43</v>
      </c>
      <c r="AC5656" s="5" t="s">
        <v>44</v>
      </c>
      <c r="AD5656" s="2"/>
      <c r="AE5656" s="1"/>
    </row>
    <row r="5657" spans="1:31" ht="14.45">
      <c r="A5657" s="11"/>
      <c r="B5657" s="20"/>
      <c r="C5657" s="2" t="s">
        <v>17442</v>
      </c>
      <c r="D5657" s="14" t="s">
        <v>17443</v>
      </c>
      <c r="E5657" s="2" t="s">
        <v>17444</v>
      </c>
      <c r="F5657" s="2" t="s">
        <v>7208</v>
      </c>
      <c r="G5657" s="8">
        <v>249</v>
      </c>
      <c r="H5657" s="5">
        <v>6</v>
      </c>
      <c r="I5657" s="5" t="s">
        <v>1518</v>
      </c>
      <c r="J5657" s="5" t="s">
        <v>1519</v>
      </c>
      <c r="K5657" s="2" t="s">
        <v>1520</v>
      </c>
      <c r="L5657" s="5" t="s">
        <v>1519</v>
      </c>
      <c r="M5657" s="2" t="s">
        <v>1520</v>
      </c>
      <c r="N5657" s="5" t="s">
        <v>1521</v>
      </c>
      <c r="O5657" s="5" t="s">
        <v>38</v>
      </c>
      <c r="P5657" s="5" t="s">
        <v>39</v>
      </c>
      <c r="Q5657" s="5" t="s">
        <v>40</v>
      </c>
      <c r="R5657" s="5" t="s">
        <v>1522</v>
      </c>
      <c r="S5657" s="5" t="s">
        <v>1523</v>
      </c>
      <c r="T5657" s="5" t="s">
        <v>42</v>
      </c>
      <c r="U5657" s="2">
        <v>2.9929999999999999</v>
      </c>
      <c r="V5657" s="2">
        <v>2.3759999999999999</v>
      </c>
      <c r="W5657" s="2">
        <v>1.7999999999999999E-2</v>
      </c>
      <c r="X5657" s="2">
        <v>139.1</v>
      </c>
      <c r="Y5657" s="2">
        <v>7.6</v>
      </c>
      <c r="Z5657" s="2">
        <v>16.7</v>
      </c>
      <c r="AA5657" s="5"/>
      <c r="AB5657" s="5" t="s">
        <v>43</v>
      </c>
      <c r="AC5657" s="5" t="s">
        <v>44</v>
      </c>
      <c r="AD5657" s="2"/>
      <c r="AE5657" s="1"/>
    </row>
    <row r="5658" spans="1:31" ht="14.45">
      <c r="A5658" s="11"/>
      <c r="B5658" s="20"/>
      <c r="C5658" s="2" t="s">
        <v>17445</v>
      </c>
      <c r="D5658" s="14" t="s">
        <v>17446</v>
      </c>
      <c r="E5658" s="2" t="s">
        <v>17447</v>
      </c>
      <c r="F5658" s="2" t="s">
        <v>7521</v>
      </c>
      <c r="G5658" s="8">
        <v>249</v>
      </c>
      <c r="H5658" s="5">
        <v>6</v>
      </c>
      <c r="I5658" s="5" t="s">
        <v>1518</v>
      </c>
      <c r="J5658" s="5" t="s">
        <v>1519</v>
      </c>
      <c r="K5658" s="2" t="s">
        <v>1520</v>
      </c>
      <c r="L5658" s="5" t="s">
        <v>1519</v>
      </c>
      <c r="M5658" s="2" t="s">
        <v>1520</v>
      </c>
      <c r="N5658" s="5" t="s">
        <v>1521</v>
      </c>
      <c r="O5658" s="5" t="s">
        <v>38</v>
      </c>
      <c r="P5658" s="5" t="s">
        <v>39</v>
      </c>
      <c r="Q5658" s="5" t="s">
        <v>40</v>
      </c>
      <c r="R5658" s="5" t="s">
        <v>1522</v>
      </c>
      <c r="S5658" s="5" t="s">
        <v>1523</v>
      </c>
      <c r="T5658" s="5" t="s">
        <v>42</v>
      </c>
      <c r="U5658" s="2">
        <v>3.0870000000000002</v>
      </c>
      <c r="V5658" s="2">
        <v>2.4700000000000002</v>
      </c>
      <c r="W5658" s="2">
        <v>1.7999999999999999E-2</v>
      </c>
      <c r="X5658" s="2">
        <v>139.1</v>
      </c>
      <c r="Y5658" s="2">
        <v>7.6</v>
      </c>
      <c r="Z5658" s="2">
        <v>16.7</v>
      </c>
      <c r="AA5658" s="5"/>
      <c r="AB5658" s="5" t="s">
        <v>43</v>
      </c>
      <c r="AC5658" s="5" t="s">
        <v>44</v>
      </c>
      <c r="AD5658" s="2"/>
      <c r="AE5658" s="1"/>
    </row>
    <row r="5659" spans="1:31" ht="14.45">
      <c r="A5659" s="11"/>
      <c r="B5659" s="20"/>
      <c r="C5659" s="2" t="s">
        <v>17448</v>
      </c>
      <c r="D5659" s="14" t="s">
        <v>17449</v>
      </c>
      <c r="E5659" s="2" t="s">
        <v>17450</v>
      </c>
      <c r="F5659" s="2" t="s">
        <v>7212</v>
      </c>
      <c r="G5659" s="8">
        <v>249</v>
      </c>
      <c r="H5659" s="5">
        <v>6</v>
      </c>
      <c r="I5659" s="5" t="s">
        <v>1518</v>
      </c>
      <c r="J5659" s="5" t="s">
        <v>1519</v>
      </c>
      <c r="K5659" s="2" t="s">
        <v>1520</v>
      </c>
      <c r="L5659" s="5" t="s">
        <v>1519</v>
      </c>
      <c r="M5659" s="2" t="s">
        <v>1520</v>
      </c>
      <c r="N5659" s="5" t="s">
        <v>1521</v>
      </c>
      <c r="O5659" s="5" t="s">
        <v>38</v>
      </c>
      <c r="P5659" s="5" t="s">
        <v>39</v>
      </c>
      <c r="Q5659" s="5" t="s">
        <v>40</v>
      </c>
      <c r="R5659" s="5" t="s">
        <v>1522</v>
      </c>
      <c r="S5659" s="5" t="s">
        <v>1523</v>
      </c>
      <c r="T5659" s="5" t="s">
        <v>42</v>
      </c>
      <c r="U5659" s="2">
        <v>2.97</v>
      </c>
      <c r="V5659" s="2">
        <v>2.3530000000000002</v>
      </c>
      <c r="W5659" s="2">
        <v>1.7999999999999999E-2</v>
      </c>
      <c r="X5659" s="2">
        <v>139.1</v>
      </c>
      <c r="Y5659" s="2">
        <v>7.6</v>
      </c>
      <c r="Z5659" s="2">
        <v>16.7</v>
      </c>
      <c r="AA5659" s="5"/>
      <c r="AB5659" s="5" t="s">
        <v>43</v>
      </c>
      <c r="AC5659" s="5" t="s">
        <v>44</v>
      </c>
      <c r="AD5659" s="2"/>
      <c r="AE5659" s="1"/>
    </row>
    <row r="5660" spans="1:31" ht="14.45">
      <c r="A5660" s="11"/>
      <c r="B5660" s="20"/>
      <c r="C5660" s="2" t="s">
        <v>17451</v>
      </c>
      <c r="D5660" s="14" t="s">
        <v>17452</v>
      </c>
      <c r="E5660" s="2" t="s">
        <v>17453</v>
      </c>
      <c r="F5660" s="2" t="s">
        <v>7528</v>
      </c>
      <c r="G5660" s="8">
        <v>249</v>
      </c>
      <c r="H5660" s="5">
        <v>6</v>
      </c>
      <c r="I5660" s="5" t="s">
        <v>1518</v>
      </c>
      <c r="J5660" s="5" t="s">
        <v>1519</v>
      </c>
      <c r="K5660" s="2" t="s">
        <v>1520</v>
      </c>
      <c r="L5660" s="5" t="s">
        <v>1519</v>
      </c>
      <c r="M5660" s="2" t="s">
        <v>1520</v>
      </c>
      <c r="N5660" s="5" t="s">
        <v>1521</v>
      </c>
      <c r="O5660" s="5" t="s">
        <v>38</v>
      </c>
      <c r="P5660" s="5" t="s">
        <v>39</v>
      </c>
      <c r="Q5660" s="5" t="s">
        <v>40</v>
      </c>
      <c r="R5660" s="5" t="s">
        <v>1522</v>
      </c>
      <c r="S5660" s="5" t="s">
        <v>1523</v>
      </c>
      <c r="T5660" s="5" t="s">
        <v>42</v>
      </c>
      <c r="U5660" s="2">
        <v>3.0640000000000001</v>
      </c>
      <c r="V5660" s="2">
        <v>2.4470000000000001</v>
      </c>
      <c r="W5660" s="2">
        <v>1.7999999999999999E-2</v>
      </c>
      <c r="X5660" s="2">
        <v>139.1</v>
      </c>
      <c r="Y5660" s="2">
        <v>7.6</v>
      </c>
      <c r="Z5660" s="2">
        <v>16.7</v>
      </c>
      <c r="AA5660" s="5"/>
      <c r="AB5660" s="5" t="s">
        <v>43</v>
      </c>
      <c r="AC5660" s="5" t="s">
        <v>44</v>
      </c>
      <c r="AD5660" s="2"/>
      <c r="AE5660" s="1"/>
    </row>
    <row r="5661" spans="1:31" ht="14.45">
      <c r="A5661" s="11"/>
      <c r="B5661" s="20"/>
      <c r="C5661" s="2" t="s">
        <v>17454</v>
      </c>
      <c r="D5661" s="14" t="s">
        <v>17455</v>
      </c>
      <c r="E5661" s="2" t="s">
        <v>17456</v>
      </c>
      <c r="F5661" s="2" t="s">
        <v>7406</v>
      </c>
      <c r="G5661" s="8">
        <v>267</v>
      </c>
      <c r="H5661" s="5">
        <v>6</v>
      </c>
      <c r="I5661" s="5" t="s">
        <v>1518</v>
      </c>
      <c r="J5661" s="5" t="s">
        <v>1519</v>
      </c>
      <c r="K5661" s="2" t="s">
        <v>1520</v>
      </c>
      <c r="L5661" s="5" t="s">
        <v>1519</v>
      </c>
      <c r="M5661" s="2" t="s">
        <v>1520</v>
      </c>
      <c r="N5661" s="5" t="s">
        <v>1521</v>
      </c>
      <c r="O5661" s="5" t="s">
        <v>38</v>
      </c>
      <c r="P5661" s="5" t="s">
        <v>39</v>
      </c>
      <c r="Q5661" s="5" t="s">
        <v>40</v>
      </c>
      <c r="R5661" s="5" t="s">
        <v>1522</v>
      </c>
      <c r="S5661" s="5" t="s">
        <v>1523</v>
      </c>
      <c r="T5661" s="5" t="s">
        <v>42</v>
      </c>
      <c r="U5661" s="2">
        <v>2.97</v>
      </c>
      <c r="V5661" s="2">
        <v>2.3530000000000002</v>
      </c>
      <c r="W5661" s="2">
        <v>1.7999999999999999E-2</v>
      </c>
      <c r="X5661" s="2">
        <v>139.1</v>
      </c>
      <c r="Y5661" s="2">
        <v>7.6</v>
      </c>
      <c r="Z5661" s="2">
        <v>16.7</v>
      </c>
      <c r="AA5661" s="5"/>
      <c r="AB5661" s="5" t="s">
        <v>43</v>
      </c>
      <c r="AC5661" s="5" t="s">
        <v>44</v>
      </c>
      <c r="AD5661" s="2"/>
      <c r="AE5661" s="1"/>
    </row>
    <row r="5662" spans="1:31" ht="14.45">
      <c r="A5662" s="11"/>
      <c r="B5662" s="20"/>
      <c r="C5662" s="2" t="s">
        <v>17457</v>
      </c>
      <c r="D5662" s="14" t="s">
        <v>17458</v>
      </c>
      <c r="E5662" s="2" t="s">
        <v>17459</v>
      </c>
      <c r="F5662" s="2" t="s">
        <v>7535</v>
      </c>
      <c r="G5662" s="8">
        <v>267</v>
      </c>
      <c r="H5662" s="5">
        <v>6</v>
      </c>
      <c r="I5662" s="5" t="s">
        <v>1518</v>
      </c>
      <c r="J5662" s="5" t="s">
        <v>1519</v>
      </c>
      <c r="K5662" s="2" t="s">
        <v>1520</v>
      </c>
      <c r="L5662" s="5" t="s">
        <v>1519</v>
      </c>
      <c r="M5662" s="2" t="s">
        <v>1520</v>
      </c>
      <c r="N5662" s="5" t="s">
        <v>1521</v>
      </c>
      <c r="O5662" s="5" t="s">
        <v>38</v>
      </c>
      <c r="P5662" s="5" t="s">
        <v>39</v>
      </c>
      <c r="Q5662" s="5" t="s">
        <v>40</v>
      </c>
      <c r="R5662" s="5" t="s">
        <v>1522</v>
      </c>
      <c r="S5662" s="5" t="s">
        <v>1523</v>
      </c>
      <c r="T5662" s="5" t="s">
        <v>42</v>
      </c>
      <c r="U5662" s="2">
        <v>3.0640000000000001</v>
      </c>
      <c r="V5662" s="2">
        <v>2.4470000000000001</v>
      </c>
      <c r="W5662" s="2">
        <v>1.7999999999999999E-2</v>
      </c>
      <c r="X5662" s="2">
        <v>139.1</v>
      </c>
      <c r="Y5662" s="2">
        <v>7.6</v>
      </c>
      <c r="Z5662" s="2">
        <v>16.7</v>
      </c>
      <c r="AA5662" s="5"/>
      <c r="AB5662" s="5" t="s">
        <v>43</v>
      </c>
      <c r="AC5662" s="5" t="s">
        <v>44</v>
      </c>
      <c r="AD5662" s="2"/>
      <c r="AE5662" s="1"/>
    </row>
    <row r="5663" spans="1:31" ht="14.45">
      <c r="A5663" s="11"/>
      <c r="B5663" s="20"/>
      <c r="C5663" s="2" t="s">
        <v>17460</v>
      </c>
      <c r="D5663" s="14" t="s">
        <v>17461</v>
      </c>
      <c r="E5663" s="2" t="s">
        <v>17462</v>
      </c>
      <c r="F5663" s="2" t="s">
        <v>7539</v>
      </c>
      <c r="G5663" s="8">
        <v>267</v>
      </c>
      <c r="H5663" s="5">
        <v>6</v>
      </c>
      <c r="I5663" s="5" t="s">
        <v>1518</v>
      </c>
      <c r="J5663" s="5" t="s">
        <v>1519</v>
      </c>
      <c r="K5663" s="2" t="s">
        <v>1520</v>
      </c>
      <c r="L5663" s="5" t="s">
        <v>1519</v>
      </c>
      <c r="M5663" s="2" t="s">
        <v>1520</v>
      </c>
      <c r="N5663" s="5" t="s">
        <v>1521</v>
      </c>
      <c r="O5663" s="5" t="s">
        <v>38</v>
      </c>
      <c r="P5663" s="5" t="s">
        <v>39</v>
      </c>
      <c r="Q5663" s="5" t="s">
        <v>40</v>
      </c>
      <c r="R5663" s="5" t="s">
        <v>1522</v>
      </c>
      <c r="S5663" s="5" t="s">
        <v>1523</v>
      </c>
      <c r="T5663" s="5" t="s">
        <v>42</v>
      </c>
      <c r="U5663" s="2">
        <v>2.9929999999999999</v>
      </c>
      <c r="V5663" s="2">
        <v>2.3759999999999999</v>
      </c>
      <c r="W5663" s="2">
        <v>1.7999999999999999E-2</v>
      </c>
      <c r="X5663" s="2">
        <v>139.1</v>
      </c>
      <c r="Y5663" s="2">
        <v>7.6</v>
      </c>
      <c r="Z5663" s="2">
        <v>16.7</v>
      </c>
      <c r="AA5663" s="5"/>
      <c r="AB5663" s="5" t="s">
        <v>43</v>
      </c>
      <c r="AC5663" s="5" t="s">
        <v>44</v>
      </c>
      <c r="AD5663" s="2"/>
      <c r="AE5663" s="1"/>
    </row>
    <row r="5664" spans="1:31" ht="14.45">
      <c r="A5664" s="11"/>
      <c r="B5664" s="20"/>
      <c r="C5664" s="2" t="s">
        <v>17463</v>
      </c>
      <c r="D5664" s="14" t="s">
        <v>17464</v>
      </c>
      <c r="E5664" s="2" t="s">
        <v>17465</v>
      </c>
      <c r="F5664" s="2" t="s">
        <v>7543</v>
      </c>
      <c r="G5664" s="8">
        <v>267</v>
      </c>
      <c r="H5664" s="5">
        <v>6</v>
      </c>
      <c r="I5664" s="5" t="s">
        <v>1518</v>
      </c>
      <c r="J5664" s="5" t="s">
        <v>1519</v>
      </c>
      <c r="K5664" s="2" t="s">
        <v>1520</v>
      </c>
      <c r="L5664" s="5" t="s">
        <v>1519</v>
      </c>
      <c r="M5664" s="2" t="s">
        <v>1520</v>
      </c>
      <c r="N5664" s="5" t="s">
        <v>1521</v>
      </c>
      <c r="O5664" s="5" t="s">
        <v>38</v>
      </c>
      <c r="P5664" s="5" t="s">
        <v>39</v>
      </c>
      <c r="Q5664" s="5" t="s">
        <v>40</v>
      </c>
      <c r="R5664" s="5" t="s">
        <v>1522</v>
      </c>
      <c r="S5664" s="5" t="s">
        <v>1523</v>
      </c>
      <c r="T5664" s="5" t="s">
        <v>42</v>
      </c>
      <c r="U5664" s="2">
        <v>3.0870000000000002</v>
      </c>
      <c r="V5664" s="2">
        <v>2.4700000000000002</v>
      </c>
      <c r="W5664" s="2">
        <v>1.7999999999999999E-2</v>
      </c>
      <c r="X5664" s="2">
        <v>139.1</v>
      </c>
      <c r="Y5664" s="2">
        <v>7.6</v>
      </c>
      <c r="Z5664" s="2">
        <v>16.7</v>
      </c>
      <c r="AA5664" s="5"/>
      <c r="AB5664" s="5" t="s">
        <v>43</v>
      </c>
      <c r="AC5664" s="5" t="s">
        <v>44</v>
      </c>
      <c r="AD5664" s="2"/>
      <c r="AE5664" s="1"/>
    </row>
    <row r="5665" spans="1:31" ht="14.45">
      <c r="A5665" s="11"/>
      <c r="B5665" s="20"/>
      <c r="C5665" s="2" t="s">
        <v>17466</v>
      </c>
      <c r="D5665" s="14" t="s">
        <v>17467</v>
      </c>
      <c r="E5665" s="2" t="s">
        <v>17468</v>
      </c>
      <c r="F5665" s="2" t="s">
        <v>7547</v>
      </c>
      <c r="G5665" s="8">
        <v>267</v>
      </c>
      <c r="H5665" s="5">
        <v>6</v>
      </c>
      <c r="I5665" s="5" t="s">
        <v>1518</v>
      </c>
      <c r="J5665" s="5" t="s">
        <v>1519</v>
      </c>
      <c r="K5665" s="2" t="s">
        <v>1520</v>
      </c>
      <c r="L5665" s="5" t="s">
        <v>1519</v>
      </c>
      <c r="M5665" s="2" t="s">
        <v>1520</v>
      </c>
      <c r="N5665" s="5" t="s">
        <v>1521</v>
      </c>
      <c r="O5665" s="5" t="s">
        <v>38</v>
      </c>
      <c r="P5665" s="5" t="s">
        <v>39</v>
      </c>
      <c r="Q5665" s="5" t="s">
        <v>40</v>
      </c>
      <c r="R5665" s="5" t="s">
        <v>1522</v>
      </c>
      <c r="S5665" s="5" t="s">
        <v>1523</v>
      </c>
      <c r="T5665" s="5" t="s">
        <v>42</v>
      </c>
      <c r="U5665" s="2">
        <v>2.97</v>
      </c>
      <c r="V5665" s="2">
        <v>2.3530000000000002</v>
      </c>
      <c r="W5665" s="2">
        <v>1.7999999999999999E-2</v>
      </c>
      <c r="X5665" s="2">
        <v>139.1</v>
      </c>
      <c r="Y5665" s="2">
        <v>7.6</v>
      </c>
      <c r="Z5665" s="2">
        <v>16.7</v>
      </c>
      <c r="AA5665" s="5"/>
      <c r="AB5665" s="5" t="s">
        <v>43</v>
      </c>
      <c r="AC5665" s="5" t="s">
        <v>44</v>
      </c>
      <c r="AD5665" s="2"/>
      <c r="AE5665" s="1"/>
    </row>
    <row r="5666" spans="1:31" ht="14.45">
      <c r="A5666" s="11"/>
      <c r="B5666" s="20"/>
      <c r="C5666" s="2" t="s">
        <v>17469</v>
      </c>
      <c r="D5666" s="14" t="s">
        <v>17470</v>
      </c>
      <c r="E5666" s="2" t="s">
        <v>17471</v>
      </c>
      <c r="F5666" s="2" t="s">
        <v>7551</v>
      </c>
      <c r="G5666" s="8">
        <v>267</v>
      </c>
      <c r="H5666" s="5">
        <v>6</v>
      </c>
      <c r="I5666" s="5" t="s">
        <v>1518</v>
      </c>
      <c r="J5666" s="5" t="s">
        <v>1519</v>
      </c>
      <c r="K5666" s="2" t="s">
        <v>1520</v>
      </c>
      <c r="L5666" s="5" t="s">
        <v>1519</v>
      </c>
      <c r="M5666" s="2" t="s">
        <v>1520</v>
      </c>
      <c r="N5666" s="5" t="s">
        <v>1521</v>
      </c>
      <c r="O5666" s="5" t="s">
        <v>38</v>
      </c>
      <c r="P5666" s="5" t="s">
        <v>39</v>
      </c>
      <c r="Q5666" s="5" t="s">
        <v>40</v>
      </c>
      <c r="R5666" s="5" t="s">
        <v>1522</v>
      </c>
      <c r="S5666" s="5" t="s">
        <v>1523</v>
      </c>
      <c r="T5666" s="5" t="s">
        <v>42</v>
      </c>
      <c r="U5666" s="2">
        <v>3.0640000000000001</v>
      </c>
      <c r="V5666" s="2">
        <v>2.4470000000000001</v>
      </c>
      <c r="W5666" s="2">
        <v>1.7999999999999999E-2</v>
      </c>
      <c r="X5666" s="2">
        <v>139.1</v>
      </c>
      <c r="Y5666" s="2">
        <v>7.6</v>
      </c>
      <c r="Z5666" s="2">
        <v>16.7</v>
      </c>
      <c r="AA5666" s="5"/>
      <c r="AB5666" s="5" t="s">
        <v>43</v>
      </c>
      <c r="AC5666" s="5" t="s">
        <v>44</v>
      </c>
      <c r="AD5666" s="2"/>
      <c r="AE5666" s="1"/>
    </row>
    <row r="5667" spans="1:31" ht="14.45">
      <c r="A5667" s="11"/>
      <c r="B5667" s="20"/>
      <c r="C5667" s="2" t="s">
        <v>17472</v>
      </c>
      <c r="D5667" s="14" t="s">
        <v>17473</v>
      </c>
      <c r="E5667" s="2" t="s">
        <v>17474</v>
      </c>
      <c r="F5667" s="2" t="s">
        <v>7555</v>
      </c>
      <c r="G5667" s="8">
        <v>267</v>
      </c>
      <c r="H5667" s="5">
        <v>6</v>
      </c>
      <c r="I5667" s="5" t="s">
        <v>1518</v>
      </c>
      <c r="J5667" s="5" t="s">
        <v>1519</v>
      </c>
      <c r="K5667" s="2" t="s">
        <v>1520</v>
      </c>
      <c r="L5667" s="5" t="s">
        <v>1519</v>
      </c>
      <c r="M5667" s="2" t="s">
        <v>1520</v>
      </c>
      <c r="N5667" s="5" t="s">
        <v>1521</v>
      </c>
      <c r="O5667" s="5" t="s">
        <v>38</v>
      </c>
      <c r="P5667" s="5" t="s">
        <v>39</v>
      </c>
      <c r="Q5667" s="5" t="s">
        <v>40</v>
      </c>
      <c r="R5667" s="5" t="s">
        <v>1522</v>
      </c>
      <c r="S5667" s="5" t="s">
        <v>1523</v>
      </c>
      <c r="T5667" s="5" t="s">
        <v>42</v>
      </c>
      <c r="U5667" s="2">
        <v>2.97</v>
      </c>
      <c r="V5667" s="2">
        <v>2.3530000000000002</v>
      </c>
      <c r="W5667" s="2">
        <v>1.7999999999999999E-2</v>
      </c>
      <c r="X5667" s="2">
        <v>139.1</v>
      </c>
      <c r="Y5667" s="2">
        <v>7.6</v>
      </c>
      <c r="Z5667" s="2">
        <v>16.7</v>
      </c>
      <c r="AA5667" s="5"/>
      <c r="AB5667" s="5" t="s">
        <v>43</v>
      </c>
      <c r="AC5667" s="5" t="s">
        <v>44</v>
      </c>
      <c r="AD5667" s="2"/>
      <c r="AE5667" s="1"/>
    </row>
    <row r="5668" spans="1:31" ht="14.45">
      <c r="A5668" s="11"/>
      <c r="B5668" s="20"/>
      <c r="C5668" s="2" t="s">
        <v>17475</v>
      </c>
      <c r="D5668" s="14" t="s">
        <v>17476</v>
      </c>
      <c r="E5668" s="2" t="s">
        <v>17477</v>
      </c>
      <c r="F5668" s="2" t="s">
        <v>7559</v>
      </c>
      <c r="G5668" s="8">
        <v>267</v>
      </c>
      <c r="H5668" s="5">
        <v>6</v>
      </c>
      <c r="I5668" s="5" t="s">
        <v>1518</v>
      </c>
      <c r="J5668" s="5" t="s">
        <v>1519</v>
      </c>
      <c r="K5668" s="2" t="s">
        <v>1520</v>
      </c>
      <c r="L5668" s="5" t="s">
        <v>1519</v>
      </c>
      <c r="M5668" s="2" t="s">
        <v>1520</v>
      </c>
      <c r="N5668" s="5" t="s">
        <v>1521</v>
      </c>
      <c r="O5668" s="5" t="s">
        <v>38</v>
      </c>
      <c r="P5668" s="5" t="s">
        <v>39</v>
      </c>
      <c r="Q5668" s="5" t="s">
        <v>40</v>
      </c>
      <c r="R5668" s="5" t="s">
        <v>1522</v>
      </c>
      <c r="S5668" s="5" t="s">
        <v>1523</v>
      </c>
      <c r="T5668" s="5" t="s">
        <v>42</v>
      </c>
      <c r="U5668" s="2">
        <v>3.0640000000000001</v>
      </c>
      <c r="V5668" s="2">
        <v>2.4470000000000001</v>
      </c>
      <c r="W5668" s="2">
        <v>1.7999999999999999E-2</v>
      </c>
      <c r="X5668" s="2">
        <v>139.1</v>
      </c>
      <c r="Y5668" s="2">
        <v>7.6</v>
      </c>
      <c r="Z5668" s="2">
        <v>16.7</v>
      </c>
      <c r="AA5668" s="5"/>
      <c r="AB5668" s="5" t="s">
        <v>43</v>
      </c>
      <c r="AC5668" s="5" t="s">
        <v>44</v>
      </c>
      <c r="AD5668" s="2"/>
      <c r="AE5668" s="1"/>
    </row>
    <row r="5669" spans="1:31" ht="14.45">
      <c r="A5669" s="11"/>
      <c r="B5669" s="20"/>
      <c r="C5669" s="2" t="s">
        <v>17478</v>
      </c>
      <c r="D5669" s="14" t="s">
        <v>17479</v>
      </c>
      <c r="E5669" s="2" t="s">
        <v>17480</v>
      </c>
      <c r="F5669" s="2" t="s">
        <v>7563</v>
      </c>
      <c r="G5669" s="8">
        <v>267</v>
      </c>
      <c r="H5669" s="5">
        <v>6</v>
      </c>
      <c r="I5669" s="5" t="s">
        <v>1518</v>
      </c>
      <c r="J5669" s="5" t="s">
        <v>1519</v>
      </c>
      <c r="K5669" s="2" t="s">
        <v>1520</v>
      </c>
      <c r="L5669" s="5" t="s">
        <v>1519</v>
      </c>
      <c r="M5669" s="2" t="s">
        <v>1520</v>
      </c>
      <c r="N5669" s="5" t="s">
        <v>1521</v>
      </c>
      <c r="O5669" s="5" t="s">
        <v>38</v>
      </c>
      <c r="P5669" s="5" t="s">
        <v>39</v>
      </c>
      <c r="Q5669" s="5" t="s">
        <v>40</v>
      </c>
      <c r="R5669" s="5" t="s">
        <v>1522</v>
      </c>
      <c r="S5669" s="5" t="s">
        <v>1523</v>
      </c>
      <c r="T5669" s="5" t="s">
        <v>42</v>
      </c>
      <c r="U5669" s="2">
        <v>2.9929999999999999</v>
      </c>
      <c r="V5669" s="2">
        <v>2.3759999999999999</v>
      </c>
      <c r="W5669" s="2">
        <v>1.7999999999999999E-2</v>
      </c>
      <c r="X5669" s="2">
        <v>139.1</v>
      </c>
      <c r="Y5669" s="2">
        <v>7.6</v>
      </c>
      <c r="Z5669" s="2">
        <v>16.7</v>
      </c>
      <c r="AA5669" s="5"/>
      <c r="AB5669" s="5" t="s">
        <v>43</v>
      </c>
      <c r="AC5669" s="5" t="s">
        <v>44</v>
      </c>
      <c r="AD5669" s="2"/>
      <c r="AE5669" s="1"/>
    </row>
    <row r="5670" spans="1:31" ht="14.45">
      <c r="A5670" s="11"/>
      <c r="B5670" s="20"/>
      <c r="C5670" s="2" t="s">
        <v>17481</v>
      </c>
      <c r="D5670" s="14" t="s">
        <v>17482</v>
      </c>
      <c r="E5670" s="2" t="s">
        <v>17483</v>
      </c>
      <c r="F5670" s="2" t="s">
        <v>7567</v>
      </c>
      <c r="G5670" s="8">
        <v>267</v>
      </c>
      <c r="H5670" s="5">
        <v>6</v>
      </c>
      <c r="I5670" s="5" t="s">
        <v>1518</v>
      </c>
      <c r="J5670" s="5" t="s">
        <v>1519</v>
      </c>
      <c r="K5670" s="2" t="s">
        <v>1520</v>
      </c>
      <c r="L5670" s="5" t="s">
        <v>1519</v>
      </c>
      <c r="M5670" s="2" t="s">
        <v>1520</v>
      </c>
      <c r="N5670" s="5" t="s">
        <v>1521</v>
      </c>
      <c r="O5670" s="5" t="s">
        <v>38</v>
      </c>
      <c r="P5670" s="5" t="s">
        <v>39</v>
      </c>
      <c r="Q5670" s="5" t="s">
        <v>40</v>
      </c>
      <c r="R5670" s="5" t="s">
        <v>1522</v>
      </c>
      <c r="S5670" s="5" t="s">
        <v>1523</v>
      </c>
      <c r="T5670" s="5" t="s">
        <v>42</v>
      </c>
      <c r="U5670" s="2">
        <v>3.0870000000000002</v>
      </c>
      <c r="V5670" s="2">
        <v>2.4700000000000002</v>
      </c>
      <c r="W5670" s="2">
        <v>1.7999999999999999E-2</v>
      </c>
      <c r="X5670" s="2">
        <v>139.1</v>
      </c>
      <c r="Y5670" s="2">
        <v>7.6</v>
      </c>
      <c r="Z5670" s="2">
        <v>16.7</v>
      </c>
      <c r="AA5670" s="5"/>
      <c r="AB5670" s="5" t="s">
        <v>43</v>
      </c>
      <c r="AC5670" s="5" t="s">
        <v>44</v>
      </c>
      <c r="AD5670" s="2"/>
      <c r="AE5670" s="1"/>
    </row>
    <row r="5671" spans="1:31" ht="14.45">
      <c r="A5671" s="11"/>
      <c r="B5671" s="20"/>
      <c r="C5671" s="2" t="s">
        <v>17484</v>
      </c>
      <c r="D5671" s="14" t="s">
        <v>17485</v>
      </c>
      <c r="E5671" s="2" t="s">
        <v>17486</v>
      </c>
      <c r="F5671" s="2" t="s">
        <v>16079</v>
      </c>
      <c r="G5671" s="8">
        <v>267</v>
      </c>
      <c r="H5671" s="5">
        <v>6</v>
      </c>
      <c r="I5671" s="5" t="s">
        <v>1518</v>
      </c>
      <c r="J5671" s="5" t="s">
        <v>1519</v>
      </c>
      <c r="K5671" s="2" t="s">
        <v>1520</v>
      </c>
      <c r="L5671" s="5" t="s">
        <v>1519</v>
      </c>
      <c r="M5671" s="2" t="s">
        <v>1520</v>
      </c>
      <c r="N5671" s="5" t="s">
        <v>1521</v>
      </c>
      <c r="O5671" s="5" t="s">
        <v>38</v>
      </c>
      <c r="P5671" s="5" t="s">
        <v>39</v>
      </c>
      <c r="Q5671" s="5" t="s">
        <v>40</v>
      </c>
      <c r="R5671" s="5" t="s">
        <v>1522</v>
      </c>
      <c r="S5671" s="5" t="s">
        <v>1523</v>
      </c>
      <c r="T5671" s="5" t="s">
        <v>42</v>
      </c>
      <c r="U5671" s="2">
        <v>2.9929999999999999</v>
      </c>
      <c r="V5671" s="2">
        <v>2.3759999999999999</v>
      </c>
      <c r="W5671" s="2">
        <v>1.7999999999999999E-2</v>
      </c>
      <c r="X5671" s="2">
        <v>139.1</v>
      </c>
      <c r="Y5671" s="2">
        <v>7.6</v>
      </c>
      <c r="Z5671" s="2">
        <v>16.7</v>
      </c>
      <c r="AA5671" s="5"/>
      <c r="AB5671" s="5" t="s">
        <v>43</v>
      </c>
      <c r="AC5671" s="5" t="s">
        <v>44</v>
      </c>
      <c r="AD5671" s="2"/>
      <c r="AE5671" s="1"/>
    </row>
    <row r="5672" spans="1:31" ht="14.45">
      <c r="A5672" s="11"/>
      <c r="B5672" s="20"/>
      <c r="C5672" s="2" t="s">
        <v>17487</v>
      </c>
      <c r="D5672" s="14" t="s">
        <v>17488</v>
      </c>
      <c r="E5672" s="2" t="s">
        <v>17489</v>
      </c>
      <c r="F5672" s="2" t="s">
        <v>16194</v>
      </c>
      <c r="G5672" s="8">
        <v>267</v>
      </c>
      <c r="H5672" s="5">
        <v>6</v>
      </c>
      <c r="I5672" s="5" t="s">
        <v>1518</v>
      </c>
      <c r="J5672" s="5" t="s">
        <v>1519</v>
      </c>
      <c r="K5672" s="2" t="s">
        <v>1520</v>
      </c>
      <c r="L5672" s="5" t="s">
        <v>1519</v>
      </c>
      <c r="M5672" s="2" t="s">
        <v>1520</v>
      </c>
      <c r="N5672" s="5" t="s">
        <v>1521</v>
      </c>
      <c r="O5672" s="5" t="s">
        <v>38</v>
      </c>
      <c r="P5672" s="5" t="s">
        <v>39</v>
      </c>
      <c r="Q5672" s="5" t="s">
        <v>40</v>
      </c>
      <c r="R5672" s="5" t="s">
        <v>1522</v>
      </c>
      <c r="S5672" s="5" t="s">
        <v>1523</v>
      </c>
      <c r="T5672" s="5" t="s">
        <v>42</v>
      </c>
      <c r="U5672" s="2">
        <v>3.0870000000000002</v>
      </c>
      <c r="V5672" s="2">
        <v>2.4700000000000002</v>
      </c>
      <c r="W5672" s="2">
        <v>1.7999999999999999E-2</v>
      </c>
      <c r="X5672" s="2">
        <v>139.1</v>
      </c>
      <c r="Y5672" s="2">
        <v>7.6</v>
      </c>
      <c r="Z5672" s="2">
        <v>16.7</v>
      </c>
      <c r="AA5672" s="5"/>
      <c r="AB5672" s="5" t="s">
        <v>43</v>
      </c>
      <c r="AC5672" s="5" t="s">
        <v>44</v>
      </c>
      <c r="AD5672" s="2"/>
      <c r="AE5672" s="1"/>
    </row>
    <row r="5673" spans="1:31" ht="14.45">
      <c r="A5673" s="11"/>
      <c r="B5673" s="20"/>
      <c r="C5673" s="2" t="s">
        <v>17490</v>
      </c>
      <c r="D5673" s="14" t="s">
        <v>17491</v>
      </c>
      <c r="E5673" s="2" t="s">
        <v>17492</v>
      </c>
      <c r="F5673" s="2" t="s">
        <v>7449</v>
      </c>
      <c r="G5673" s="8">
        <v>267</v>
      </c>
      <c r="H5673" s="5">
        <v>6</v>
      </c>
      <c r="I5673" s="5" t="s">
        <v>1518</v>
      </c>
      <c r="J5673" s="5" t="s">
        <v>1519</v>
      </c>
      <c r="K5673" s="2" t="s">
        <v>1520</v>
      </c>
      <c r="L5673" s="5" t="s">
        <v>1519</v>
      </c>
      <c r="M5673" s="2" t="s">
        <v>1520</v>
      </c>
      <c r="N5673" s="5" t="s">
        <v>1521</v>
      </c>
      <c r="O5673" s="5" t="s">
        <v>38</v>
      </c>
      <c r="P5673" s="5" t="s">
        <v>39</v>
      </c>
      <c r="Q5673" s="5" t="s">
        <v>40</v>
      </c>
      <c r="R5673" s="5" t="s">
        <v>1522</v>
      </c>
      <c r="S5673" s="5" t="s">
        <v>1523</v>
      </c>
      <c r="T5673" s="5" t="s">
        <v>42</v>
      </c>
      <c r="U5673" s="2">
        <v>2.9929999999999999</v>
      </c>
      <c r="V5673" s="2">
        <v>2.3759999999999999</v>
      </c>
      <c r="W5673" s="2">
        <v>1.7999999999999999E-2</v>
      </c>
      <c r="X5673" s="2">
        <v>139.1</v>
      </c>
      <c r="Y5673" s="2">
        <v>7.6</v>
      </c>
      <c r="Z5673" s="2">
        <v>16.7</v>
      </c>
      <c r="AA5673" s="5"/>
      <c r="AB5673" s="5" t="s">
        <v>43</v>
      </c>
      <c r="AC5673" s="5" t="s">
        <v>44</v>
      </c>
      <c r="AD5673" s="2"/>
      <c r="AE5673" s="1"/>
    </row>
    <row r="5674" spans="1:31" ht="14.45">
      <c r="A5674" s="11"/>
      <c r="B5674" s="20"/>
      <c r="C5674" s="2" t="s">
        <v>17493</v>
      </c>
      <c r="D5674" s="14" t="s">
        <v>17494</v>
      </c>
      <c r="E5674" s="2" t="s">
        <v>17495</v>
      </c>
      <c r="F5674" s="2" t="s">
        <v>7581</v>
      </c>
      <c r="G5674" s="8">
        <v>267</v>
      </c>
      <c r="H5674" s="5">
        <v>6</v>
      </c>
      <c r="I5674" s="5" t="s">
        <v>1518</v>
      </c>
      <c r="J5674" s="5" t="s">
        <v>1519</v>
      </c>
      <c r="K5674" s="2" t="s">
        <v>1520</v>
      </c>
      <c r="L5674" s="5" t="s">
        <v>1519</v>
      </c>
      <c r="M5674" s="2" t="s">
        <v>1520</v>
      </c>
      <c r="N5674" s="5" t="s">
        <v>1521</v>
      </c>
      <c r="O5674" s="5" t="s">
        <v>38</v>
      </c>
      <c r="P5674" s="5" t="s">
        <v>39</v>
      </c>
      <c r="Q5674" s="5" t="s">
        <v>40</v>
      </c>
      <c r="R5674" s="5" t="s">
        <v>1522</v>
      </c>
      <c r="S5674" s="5" t="s">
        <v>1523</v>
      </c>
      <c r="T5674" s="5" t="s">
        <v>42</v>
      </c>
      <c r="U5674" s="2">
        <v>3.0870000000000002</v>
      </c>
      <c r="V5674" s="2">
        <v>2.4700000000000002</v>
      </c>
      <c r="W5674" s="2">
        <v>1.7999999999999999E-2</v>
      </c>
      <c r="X5674" s="2">
        <v>139.1</v>
      </c>
      <c r="Y5674" s="2">
        <v>7.6</v>
      </c>
      <c r="Z5674" s="2">
        <v>16.7</v>
      </c>
      <c r="AA5674" s="5"/>
      <c r="AB5674" s="5" t="s">
        <v>43</v>
      </c>
      <c r="AC5674" s="5" t="s">
        <v>44</v>
      </c>
      <c r="AD5674" s="2"/>
      <c r="AE5674" s="1"/>
    </row>
    <row r="5675" spans="1:31" ht="14.45">
      <c r="A5675" s="11"/>
      <c r="B5675" s="20"/>
      <c r="C5675" s="2" t="s">
        <v>17496</v>
      </c>
      <c r="D5675" s="14" t="s">
        <v>17497</v>
      </c>
      <c r="E5675" s="2" t="s">
        <v>17498</v>
      </c>
      <c r="F5675" s="2" t="s">
        <v>7585</v>
      </c>
      <c r="G5675" s="8">
        <v>267</v>
      </c>
      <c r="H5675" s="5">
        <v>6</v>
      </c>
      <c r="I5675" s="5" t="s">
        <v>1518</v>
      </c>
      <c r="J5675" s="5" t="s">
        <v>1519</v>
      </c>
      <c r="K5675" s="2" t="s">
        <v>1520</v>
      </c>
      <c r="L5675" s="5" t="s">
        <v>1519</v>
      </c>
      <c r="M5675" s="2" t="s">
        <v>1520</v>
      </c>
      <c r="N5675" s="5" t="s">
        <v>1521</v>
      </c>
      <c r="O5675" s="5" t="s">
        <v>38</v>
      </c>
      <c r="P5675" s="5" t="s">
        <v>39</v>
      </c>
      <c r="Q5675" s="5" t="s">
        <v>40</v>
      </c>
      <c r="R5675" s="5" t="s">
        <v>1522</v>
      </c>
      <c r="S5675" s="5" t="s">
        <v>1523</v>
      </c>
      <c r="T5675" s="5" t="s">
        <v>42</v>
      </c>
      <c r="U5675" s="2">
        <v>2.97</v>
      </c>
      <c r="V5675" s="2">
        <v>2.3530000000000002</v>
      </c>
      <c r="W5675" s="2">
        <v>1.7999999999999999E-2</v>
      </c>
      <c r="X5675" s="2">
        <v>139.1</v>
      </c>
      <c r="Y5675" s="2">
        <v>7.6</v>
      </c>
      <c r="Z5675" s="2">
        <v>16.7</v>
      </c>
      <c r="AA5675" s="5"/>
      <c r="AB5675" s="5" t="s">
        <v>43</v>
      </c>
      <c r="AC5675" s="5" t="s">
        <v>44</v>
      </c>
      <c r="AD5675" s="2"/>
      <c r="AE5675" s="1"/>
    </row>
    <row r="5676" spans="1:31" ht="14.45">
      <c r="A5676" s="11"/>
      <c r="B5676" s="20"/>
      <c r="C5676" s="2" t="s">
        <v>17499</v>
      </c>
      <c r="D5676" s="14" t="s">
        <v>17500</v>
      </c>
      <c r="E5676" s="2" t="s">
        <v>17501</v>
      </c>
      <c r="F5676" s="2" t="s">
        <v>7589</v>
      </c>
      <c r="G5676" s="8">
        <v>267</v>
      </c>
      <c r="H5676" s="5">
        <v>6</v>
      </c>
      <c r="I5676" s="5" t="s">
        <v>1518</v>
      </c>
      <c r="J5676" s="5" t="s">
        <v>1519</v>
      </c>
      <c r="K5676" s="2" t="s">
        <v>1520</v>
      </c>
      <c r="L5676" s="5" t="s">
        <v>1519</v>
      </c>
      <c r="M5676" s="2" t="s">
        <v>1520</v>
      </c>
      <c r="N5676" s="5" t="s">
        <v>1521</v>
      </c>
      <c r="O5676" s="5" t="s">
        <v>38</v>
      </c>
      <c r="P5676" s="5" t="s">
        <v>39</v>
      </c>
      <c r="Q5676" s="5" t="s">
        <v>40</v>
      </c>
      <c r="R5676" s="5" t="s">
        <v>1522</v>
      </c>
      <c r="S5676" s="5" t="s">
        <v>1523</v>
      </c>
      <c r="T5676" s="5" t="s">
        <v>42</v>
      </c>
      <c r="U5676" s="2">
        <v>3.0640000000000001</v>
      </c>
      <c r="V5676" s="2">
        <v>2.4470000000000001</v>
      </c>
      <c r="W5676" s="2">
        <v>1.7999999999999999E-2</v>
      </c>
      <c r="X5676" s="2">
        <v>139.1</v>
      </c>
      <c r="Y5676" s="2">
        <v>7.6</v>
      </c>
      <c r="Z5676" s="2">
        <v>16.7</v>
      </c>
      <c r="AA5676" s="5"/>
      <c r="AB5676" s="5" t="s">
        <v>43</v>
      </c>
      <c r="AC5676" s="5" t="s">
        <v>44</v>
      </c>
      <c r="AD5676" s="2"/>
      <c r="AE5676" s="1"/>
    </row>
    <row r="5677" spans="1:31" ht="14.45">
      <c r="A5677" s="11"/>
      <c r="B5677" s="20"/>
      <c r="C5677" s="2" t="s">
        <v>17502</v>
      </c>
      <c r="D5677" s="14" t="s">
        <v>17503</v>
      </c>
      <c r="E5677" s="2" t="s">
        <v>17504</v>
      </c>
      <c r="F5677" s="2" t="s">
        <v>7593</v>
      </c>
      <c r="G5677" s="8">
        <v>267</v>
      </c>
      <c r="H5677" s="5">
        <v>6</v>
      </c>
      <c r="I5677" s="5" t="s">
        <v>1518</v>
      </c>
      <c r="J5677" s="5" t="s">
        <v>1519</v>
      </c>
      <c r="K5677" s="2" t="s">
        <v>1520</v>
      </c>
      <c r="L5677" s="5" t="s">
        <v>1519</v>
      </c>
      <c r="M5677" s="2" t="s">
        <v>1520</v>
      </c>
      <c r="N5677" s="5" t="s">
        <v>1521</v>
      </c>
      <c r="O5677" s="5" t="s">
        <v>38</v>
      </c>
      <c r="P5677" s="5" t="s">
        <v>39</v>
      </c>
      <c r="Q5677" s="5" t="s">
        <v>40</v>
      </c>
      <c r="R5677" s="5" t="s">
        <v>1522</v>
      </c>
      <c r="S5677" s="5" t="s">
        <v>1523</v>
      </c>
      <c r="T5677" s="5" t="s">
        <v>42</v>
      </c>
      <c r="U5677" s="2">
        <v>2.9929999999999999</v>
      </c>
      <c r="V5677" s="2">
        <v>2.3759999999999999</v>
      </c>
      <c r="W5677" s="2">
        <v>1.7999999999999999E-2</v>
      </c>
      <c r="X5677" s="2">
        <v>139.1</v>
      </c>
      <c r="Y5677" s="2">
        <v>7.6</v>
      </c>
      <c r="Z5677" s="2">
        <v>16.7</v>
      </c>
      <c r="AA5677" s="5"/>
      <c r="AB5677" s="5" t="s">
        <v>43</v>
      </c>
      <c r="AC5677" s="5" t="s">
        <v>44</v>
      </c>
      <c r="AD5677" s="2"/>
      <c r="AE5677" s="1"/>
    </row>
    <row r="5678" spans="1:31" ht="14.45">
      <c r="A5678" s="11"/>
      <c r="B5678" s="20"/>
      <c r="C5678" s="2" t="s">
        <v>17505</v>
      </c>
      <c r="D5678" s="14" t="s">
        <v>17506</v>
      </c>
      <c r="E5678" s="2" t="s">
        <v>17507</v>
      </c>
      <c r="F5678" s="2" t="s">
        <v>7597</v>
      </c>
      <c r="G5678" s="8">
        <v>267</v>
      </c>
      <c r="H5678" s="5">
        <v>6</v>
      </c>
      <c r="I5678" s="5" t="s">
        <v>1518</v>
      </c>
      <c r="J5678" s="5" t="s">
        <v>1519</v>
      </c>
      <c r="K5678" s="2" t="s">
        <v>1520</v>
      </c>
      <c r="L5678" s="5" t="s">
        <v>1519</v>
      </c>
      <c r="M5678" s="2" t="s">
        <v>1520</v>
      </c>
      <c r="N5678" s="5" t="s">
        <v>1521</v>
      </c>
      <c r="O5678" s="5" t="s">
        <v>38</v>
      </c>
      <c r="P5678" s="5" t="s">
        <v>39</v>
      </c>
      <c r="Q5678" s="5" t="s">
        <v>40</v>
      </c>
      <c r="R5678" s="5" t="s">
        <v>1522</v>
      </c>
      <c r="S5678" s="5" t="s">
        <v>1523</v>
      </c>
      <c r="T5678" s="5" t="s">
        <v>42</v>
      </c>
      <c r="U5678" s="2">
        <v>3.0870000000000002</v>
      </c>
      <c r="V5678" s="2">
        <v>2.4700000000000002</v>
      </c>
      <c r="W5678" s="2">
        <v>1.7999999999999999E-2</v>
      </c>
      <c r="X5678" s="2">
        <v>139.1</v>
      </c>
      <c r="Y5678" s="2">
        <v>7.6</v>
      </c>
      <c r="Z5678" s="2">
        <v>16.7</v>
      </c>
      <c r="AA5678" s="5"/>
      <c r="AB5678" s="5" t="s">
        <v>43</v>
      </c>
      <c r="AC5678" s="5" t="s">
        <v>44</v>
      </c>
      <c r="AD5678" s="2"/>
      <c r="AE5678" s="1"/>
    </row>
    <row r="5679" spans="1:31" ht="14.45">
      <c r="A5679" s="11"/>
      <c r="B5679" s="20"/>
      <c r="C5679" s="2" t="s">
        <v>17508</v>
      </c>
      <c r="D5679" s="14" t="s">
        <v>17509</v>
      </c>
      <c r="E5679" s="2" t="s">
        <v>17510</v>
      </c>
      <c r="F5679" s="2" t="s">
        <v>16014</v>
      </c>
      <c r="G5679" s="8">
        <v>267</v>
      </c>
      <c r="H5679" s="5">
        <v>6</v>
      </c>
      <c r="I5679" s="5" t="s">
        <v>1518</v>
      </c>
      <c r="J5679" s="5" t="s">
        <v>1519</v>
      </c>
      <c r="K5679" s="2" t="s">
        <v>1520</v>
      </c>
      <c r="L5679" s="5" t="s">
        <v>1519</v>
      </c>
      <c r="M5679" s="2" t="s">
        <v>1520</v>
      </c>
      <c r="N5679" s="5" t="s">
        <v>1521</v>
      </c>
      <c r="O5679" s="5" t="s">
        <v>38</v>
      </c>
      <c r="P5679" s="5" t="s">
        <v>39</v>
      </c>
      <c r="Q5679" s="5" t="s">
        <v>40</v>
      </c>
      <c r="R5679" s="5" t="s">
        <v>1522</v>
      </c>
      <c r="S5679" s="5" t="s">
        <v>1523</v>
      </c>
      <c r="T5679" s="5" t="s">
        <v>42</v>
      </c>
      <c r="U5679" s="2">
        <v>2.9929999999999999</v>
      </c>
      <c r="V5679" s="2">
        <v>2.3759999999999999</v>
      </c>
      <c r="W5679" s="2">
        <v>1.7999999999999999E-2</v>
      </c>
      <c r="X5679" s="2">
        <v>139.1</v>
      </c>
      <c r="Y5679" s="2">
        <v>7.6</v>
      </c>
      <c r="Z5679" s="2">
        <v>16.7</v>
      </c>
      <c r="AA5679" s="5"/>
      <c r="AB5679" s="5" t="s">
        <v>43</v>
      </c>
      <c r="AC5679" s="5" t="s">
        <v>44</v>
      </c>
      <c r="AD5679" s="2"/>
      <c r="AE5679" s="1"/>
    </row>
    <row r="5680" spans="1:31" ht="14.45">
      <c r="A5680" s="11"/>
      <c r="B5680" s="20"/>
      <c r="C5680" s="2" t="s">
        <v>17511</v>
      </c>
      <c r="D5680" s="14" t="s">
        <v>17512</v>
      </c>
      <c r="E5680" s="2" t="s">
        <v>17513</v>
      </c>
      <c r="F5680" s="2" t="s">
        <v>16219</v>
      </c>
      <c r="G5680" s="8">
        <v>267</v>
      </c>
      <c r="H5680" s="5">
        <v>6</v>
      </c>
      <c r="I5680" s="5" t="s">
        <v>1518</v>
      </c>
      <c r="J5680" s="5" t="s">
        <v>1519</v>
      </c>
      <c r="K5680" s="2" t="s">
        <v>1520</v>
      </c>
      <c r="L5680" s="5" t="s">
        <v>1519</v>
      </c>
      <c r="M5680" s="2" t="s">
        <v>1520</v>
      </c>
      <c r="N5680" s="5" t="s">
        <v>1521</v>
      </c>
      <c r="O5680" s="5" t="s">
        <v>38</v>
      </c>
      <c r="P5680" s="5" t="s">
        <v>39</v>
      </c>
      <c r="Q5680" s="5" t="s">
        <v>40</v>
      </c>
      <c r="R5680" s="5" t="s">
        <v>1522</v>
      </c>
      <c r="S5680" s="5" t="s">
        <v>1523</v>
      </c>
      <c r="T5680" s="5" t="s">
        <v>42</v>
      </c>
      <c r="U5680" s="2">
        <v>3.0870000000000002</v>
      </c>
      <c r="V5680" s="2">
        <v>2.4700000000000002</v>
      </c>
      <c r="W5680" s="2">
        <v>1.7999999999999999E-2</v>
      </c>
      <c r="X5680" s="2">
        <v>139.1</v>
      </c>
      <c r="Y5680" s="2">
        <v>7.6</v>
      </c>
      <c r="Z5680" s="2">
        <v>16.7</v>
      </c>
      <c r="AA5680" s="5"/>
      <c r="AB5680" s="5" t="s">
        <v>43</v>
      </c>
      <c r="AC5680" s="5" t="s">
        <v>44</v>
      </c>
      <c r="AD5680" s="2"/>
      <c r="AE5680" s="1"/>
    </row>
    <row r="5681" spans="1:31" ht="14.45">
      <c r="A5681" s="11"/>
      <c r="B5681" s="20"/>
      <c r="C5681" s="2" t="s">
        <v>17514</v>
      </c>
      <c r="D5681" s="14" t="s">
        <v>17515</v>
      </c>
      <c r="E5681" s="2" t="s">
        <v>17516</v>
      </c>
      <c r="F5681" s="2" t="s">
        <v>16018</v>
      </c>
      <c r="G5681" s="8">
        <v>267</v>
      </c>
      <c r="H5681" s="5">
        <v>6</v>
      </c>
      <c r="I5681" s="5" t="s">
        <v>1518</v>
      </c>
      <c r="J5681" s="5" t="s">
        <v>1519</v>
      </c>
      <c r="K5681" s="2" t="s">
        <v>1520</v>
      </c>
      <c r="L5681" s="5" t="s">
        <v>1519</v>
      </c>
      <c r="M5681" s="2" t="s">
        <v>1520</v>
      </c>
      <c r="N5681" s="5" t="s">
        <v>1521</v>
      </c>
      <c r="O5681" s="5" t="s">
        <v>38</v>
      </c>
      <c r="P5681" s="5" t="s">
        <v>39</v>
      </c>
      <c r="Q5681" s="5" t="s">
        <v>40</v>
      </c>
      <c r="R5681" s="5" t="s">
        <v>1522</v>
      </c>
      <c r="S5681" s="5" t="s">
        <v>1523</v>
      </c>
      <c r="T5681" s="5" t="s">
        <v>42</v>
      </c>
      <c r="U5681" s="2">
        <v>2.9929999999999999</v>
      </c>
      <c r="V5681" s="2">
        <v>2.3759999999999999</v>
      </c>
      <c r="W5681" s="2">
        <v>1.7999999999999999E-2</v>
      </c>
      <c r="X5681" s="2">
        <v>139.1</v>
      </c>
      <c r="Y5681" s="2">
        <v>7.6</v>
      </c>
      <c r="Z5681" s="2">
        <v>16.7</v>
      </c>
      <c r="AA5681" s="5"/>
      <c r="AB5681" s="5" t="s">
        <v>43</v>
      </c>
      <c r="AC5681" s="5" t="s">
        <v>44</v>
      </c>
      <c r="AD5681" s="2"/>
      <c r="AE5681" s="1"/>
    </row>
    <row r="5682" spans="1:31" ht="14.45">
      <c r="A5682" s="11"/>
      <c r="B5682" s="20"/>
      <c r="C5682" s="2" t="s">
        <v>17517</v>
      </c>
      <c r="D5682" s="14" t="s">
        <v>17518</v>
      </c>
      <c r="E5682" s="2" t="s">
        <v>17519</v>
      </c>
      <c r="F5682" s="2" t="s">
        <v>16022</v>
      </c>
      <c r="G5682" s="8">
        <v>267</v>
      </c>
      <c r="H5682" s="5">
        <v>6</v>
      </c>
      <c r="I5682" s="5" t="s">
        <v>1518</v>
      </c>
      <c r="J5682" s="5" t="s">
        <v>1519</v>
      </c>
      <c r="K5682" s="2" t="s">
        <v>1520</v>
      </c>
      <c r="L5682" s="5" t="s">
        <v>1519</v>
      </c>
      <c r="M5682" s="2" t="s">
        <v>1520</v>
      </c>
      <c r="N5682" s="5" t="s">
        <v>1521</v>
      </c>
      <c r="O5682" s="5" t="s">
        <v>38</v>
      </c>
      <c r="P5682" s="5" t="s">
        <v>39</v>
      </c>
      <c r="Q5682" s="5" t="s">
        <v>40</v>
      </c>
      <c r="R5682" s="5" t="s">
        <v>1522</v>
      </c>
      <c r="S5682" s="5" t="s">
        <v>1523</v>
      </c>
      <c r="T5682" s="5" t="s">
        <v>42</v>
      </c>
      <c r="U5682" s="2">
        <v>3.0870000000000002</v>
      </c>
      <c r="V5682" s="2">
        <v>2.4700000000000002</v>
      </c>
      <c r="W5682" s="2">
        <v>1.7999999999999999E-2</v>
      </c>
      <c r="X5682" s="2">
        <v>139.1</v>
      </c>
      <c r="Y5682" s="2">
        <v>7.6</v>
      </c>
      <c r="Z5682" s="2">
        <v>16.7</v>
      </c>
      <c r="AA5682" s="5"/>
      <c r="AB5682" s="5" t="s">
        <v>43</v>
      </c>
      <c r="AC5682" s="5" t="s">
        <v>44</v>
      </c>
      <c r="AD5682" s="2"/>
      <c r="AE5682" s="1"/>
    </row>
    <row r="5683" spans="1:31" ht="14.45">
      <c r="A5683" s="11"/>
      <c r="B5683" s="20"/>
      <c r="C5683" s="2" t="s">
        <v>17520</v>
      </c>
      <c r="D5683" s="14" t="s">
        <v>17521</v>
      </c>
      <c r="E5683" s="2" t="s">
        <v>17522</v>
      </c>
      <c r="F5683" s="2" t="s">
        <v>7615</v>
      </c>
      <c r="G5683" s="8">
        <v>267</v>
      </c>
      <c r="H5683" s="5">
        <v>6</v>
      </c>
      <c r="I5683" s="5" t="s">
        <v>1518</v>
      </c>
      <c r="J5683" s="5" t="s">
        <v>1519</v>
      </c>
      <c r="K5683" s="2" t="s">
        <v>1520</v>
      </c>
      <c r="L5683" s="5" t="s">
        <v>1519</v>
      </c>
      <c r="M5683" s="2" t="s">
        <v>1520</v>
      </c>
      <c r="N5683" s="5" t="s">
        <v>1521</v>
      </c>
      <c r="O5683" s="5" t="s">
        <v>38</v>
      </c>
      <c r="P5683" s="5" t="s">
        <v>39</v>
      </c>
      <c r="Q5683" s="5" t="s">
        <v>40</v>
      </c>
      <c r="R5683" s="5" t="s">
        <v>1522</v>
      </c>
      <c r="S5683" s="5" t="s">
        <v>1523</v>
      </c>
      <c r="T5683" s="5" t="s">
        <v>42</v>
      </c>
      <c r="U5683" s="2">
        <v>2.97</v>
      </c>
      <c r="V5683" s="2">
        <v>2.3530000000000002</v>
      </c>
      <c r="W5683" s="2">
        <v>1.7999999999999999E-2</v>
      </c>
      <c r="X5683" s="2">
        <v>139.1</v>
      </c>
      <c r="Y5683" s="2">
        <v>7.6</v>
      </c>
      <c r="Z5683" s="2">
        <v>16.7</v>
      </c>
      <c r="AA5683" s="5"/>
      <c r="AB5683" s="5" t="s">
        <v>43</v>
      </c>
      <c r="AC5683" s="5" t="s">
        <v>44</v>
      </c>
      <c r="AD5683" s="2"/>
      <c r="AE5683" s="1"/>
    </row>
    <row r="5684" spans="1:31" ht="14.45">
      <c r="A5684" s="11"/>
      <c r="B5684" s="20"/>
      <c r="C5684" s="2" t="s">
        <v>17523</v>
      </c>
      <c r="D5684" s="14" t="s">
        <v>17524</v>
      </c>
      <c r="E5684" s="2" t="s">
        <v>17525</v>
      </c>
      <c r="F5684" s="2" t="s">
        <v>7619</v>
      </c>
      <c r="G5684" s="8">
        <v>267</v>
      </c>
      <c r="H5684" s="5">
        <v>6</v>
      </c>
      <c r="I5684" s="5" t="s">
        <v>1518</v>
      </c>
      <c r="J5684" s="5" t="s">
        <v>1519</v>
      </c>
      <c r="K5684" s="2" t="s">
        <v>1520</v>
      </c>
      <c r="L5684" s="5" t="s">
        <v>1519</v>
      </c>
      <c r="M5684" s="2" t="s">
        <v>1520</v>
      </c>
      <c r="N5684" s="5" t="s">
        <v>1521</v>
      </c>
      <c r="O5684" s="5" t="s">
        <v>38</v>
      </c>
      <c r="P5684" s="5" t="s">
        <v>39</v>
      </c>
      <c r="Q5684" s="5" t="s">
        <v>40</v>
      </c>
      <c r="R5684" s="5" t="s">
        <v>1522</v>
      </c>
      <c r="S5684" s="5" t="s">
        <v>1523</v>
      </c>
      <c r="T5684" s="5" t="s">
        <v>42</v>
      </c>
      <c r="U5684" s="2">
        <v>3.0640000000000001</v>
      </c>
      <c r="V5684" s="2">
        <v>2.4470000000000001</v>
      </c>
      <c r="W5684" s="2">
        <v>1.7999999999999999E-2</v>
      </c>
      <c r="X5684" s="2">
        <v>139.1</v>
      </c>
      <c r="Y5684" s="2">
        <v>7.6</v>
      </c>
      <c r="Z5684" s="2">
        <v>16.7</v>
      </c>
      <c r="AA5684" s="5"/>
      <c r="AB5684" s="5" t="s">
        <v>43</v>
      </c>
      <c r="AC5684" s="5" t="s">
        <v>44</v>
      </c>
      <c r="AD5684" s="2"/>
      <c r="AE5684" s="1"/>
    </row>
    <row r="5685" spans="1:31" ht="14.45">
      <c r="A5685" s="11"/>
      <c r="B5685" s="20"/>
      <c r="C5685" s="2" t="s">
        <v>17526</v>
      </c>
      <c r="D5685" s="14" t="s">
        <v>17527</v>
      </c>
      <c r="E5685" s="2" t="s">
        <v>17528</v>
      </c>
      <c r="F5685" s="2" t="s">
        <v>16235</v>
      </c>
      <c r="G5685" s="8">
        <v>267</v>
      </c>
      <c r="H5685" s="5">
        <v>6</v>
      </c>
      <c r="I5685" s="5" t="s">
        <v>1518</v>
      </c>
      <c r="J5685" s="5" t="s">
        <v>1519</v>
      </c>
      <c r="K5685" s="2" t="s">
        <v>1520</v>
      </c>
      <c r="L5685" s="5" t="s">
        <v>1519</v>
      </c>
      <c r="M5685" s="2" t="s">
        <v>1520</v>
      </c>
      <c r="N5685" s="5" t="s">
        <v>1521</v>
      </c>
      <c r="O5685" s="5" t="s">
        <v>38</v>
      </c>
      <c r="P5685" s="5" t="s">
        <v>39</v>
      </c>
      <c r="Q5685" s="5" t="s">
        <v>40</v>
      </c>
      <c r="R5685" s="5" t="s">
        <v>1522</v>
      </c>
      <c r="S5685" s="5" t="s">
        <v>1523</v>
      </c>
      <c r="T5685" s="5" t="s">
        <v>42</v>
      </c>
      <c r="U5685" s="2">
        <v>3.03</v>
      </c>
      <c r="V5685" s="2">
        <v>2.4129999999999998</v>
      </c>
      <c r="W5685" s="2">
        <v>1.7999999999999999E-2</v>
      </c>
      <c r="X5685" s="2">
        <v>139.1</v>
      </c>
      <c r="Y5685" s="2">
        <v>7.6</v>
      </c>
      <c r="Z5685" s="2">
        <v>16.7</v>
      </c>
      <c r="AA5685" s="5"/>
      <c r="AB5685" s="5" t="s">
        <v>43</v>
      </c>
      <c r="AC5685" s="5" t="s">
        <v>44</v>
      </c>
      <c r="AD5685" s="2"/>
      <c r="AE5685" s="1"/>
    </row>
    <row r="5686" spans="1:31" ht="14.45">
      <c r="A5686" s="11"/>
      <c r="B5686" s="20"/>
      <c r="C5686" s="2" t="s">
        <v>17529</v>
      </c>
      <c r="D5686" s="14" t="s">
        <v>17530</v>
      </c>
      <c r="E5686" s="2" t="s">
        <v>17531</v>
      </c>
      <c r="F5686" s="2" t="s">
        <v>16029</v>
      </c>
      <c r="G5686" s="8">
        <v>267</v>
      </c>
      <c r="H5686" s="5">
        <v>11</v>
      </c>
      <c r="I5686" s="5" t="s">
        <v>1518</v>
      </c>
      <c r="J5686" s="5" t="s">
        <v>1519</v>
      </c>
      <c r="K5686" s="2" t="s">
        <v>1520</v>
      </c>
      <c r="L5686" s="5" t="s">
        <v>1519</v>
      </c>
      <c r="M5686" s="2" t="s">
        <v>1520</v>
      </c>
      <c r="N5686" s="5" t="s">
        <v>1521</v>
      </c>
      <c r="O5686" s="5" t="s">
        <v>38</v>
      </c>
      <c r="P5686" s="5" t="s">
        <v>39</v>
      </c>
      <c r="Q5686" s="5" t="s">
        <v>40</v>
      </c>
      <c r="R5686" s="5" t="s">
        <v>1522</v>
      </c>
      <c r="S5686" s="5" t="s">
        <v>1523</v>
      </c>
      <c r="T5686" s="5" t="s">
        <v>42</v>
      </c>
      <c r="U5686" s="2">
        <v>3.01</v>
      </c>
      <c r="V5686" s="2">
        <v>2.3929999999999998</v>
      </c>
      <c r="W5686" s="2">
        <v>1.7999999999999999E-2</v>
      </c>
      <c r="X5686" s="2">
        <v>139.1</v>
      </c>
      <c r="Y5686" s="2">
        <v>7.6</v>
      </c>
      <c r="Z5686" s="2">
        <v>16.7</v>
      </c>
      <c r="AA5686" s="5"/>
      <c r="AB5686" s="5" t="s">
        <v>43</v>
      </c>
      <c r="AC5686" s="5" t="s">
        <v>44</v>
      </c>
      <c r="AD5686" s="2"/>
      <c r="AE5686" s="1"/>
    </row>
    <row r="5687" spans="1:31" ht="14.45">
      <c r="A5687" s="11"/>
      <c r="B5687" s="20"/>
      <c r="C5687" s="2" t="s">
        <v>17532</v>
      </c>
      <c r="D5687" s="14" t="s">
        <v>17533</v>
      </c>
      <c r="E5687" s="2" t="s">
        <v>17534</v>
      </c>
      <c r="F5687" s="2" t="s">
        <v>16033</v>
      </c>
      <c r="G5687" s="8">
        <v>267</v>
      </c>
      <c r="H5687" s="5">
        <v>11</v>
      </c>
      <c r="I5687" s="5" t="s">
        <v>1518</v>
      </c>
      <c r="J5687" s="5" t="s">
        <v>1519</v>
      </c>
      <c r="K5687" s="2" t="s">
        <v>1520</v>
      </c>
      <c r="L5687" s="5" t="s">
        <v>1519</v>
      </c>
      <c r="M5687" s="2" t="s">
        <v>1520</v>
      </c>
      <c r="N5687" s="5" t="s">
        <v>1521</v>
      </c>
      <c r="O5687" s="5" t="s">
        <v>38</v>
      </c>
      <c r="P5687" s="5" t="s">
        <v>39</v>
      </c>
      <c r="Q5687" s="5" t="s">
        <v>40</v>
      </c>
      <c r="R5687" s="5" t="s">
        <v>1522</v>
      </c>
      <c r="S5687" s="5" t="s">
        <v>1523</v>
      </c>
      <c r="T5687" s="5" t="s">
        <v>42</v>
      </c>
      <c r="U5687" s="2">
        <v>3.1040000000000001</v>
      </c>
      <c r="V5687" s="2">
        <v>2.4870000000000001</v>
      </c>
      <c r="W5687" s="2">
        <v>1.7999999999999999E-2</v>
      </c>
      <c r="X5687" s="2">
        <v>139.1</v>
      </c>
      <c r="Y5687" s="2">
        <v>7.6</v>
      </c>
      <c r="Z5687" s="2">
        <v>16.7</v>
      </c>
      <c r="AA5687" s="5"/>
      <c r="AB5687" s="5" t="s">
        <v>43</v>
      </c>
      <c r="AC5687" s="5" t="s">
        <v>44</v>
      </c>
      <c r="AD5687" s="2"/>
      <c r="AE5687" s="1"/>
    </row>
    <row r="5688" spans="1:31" ht="14.45">
      <c r="A5688" s="11"/>
      <c r="B5688" s="20"/>
      <c r="C5688" s="2" t="s">
        <v>17535</v>
      </c>
      <c r="D5688" s="14" t="s">
        <v>17536</v>
      </c>
      <c r="E5688" s="2" t="s">
        <v>17537</v>
      </c>
      <c r="F5688" s="2" t="s">
        <v>7396</v>
      </c>
      <c r="G5688" s="8">
        <v>256</v>
      </c>
      <c r="H5688" s="5">
        <v>6</v>
      </c>
      <c r="I5688" s="5" t="s">
        <v>1518</v>
      </c>
      <c r="J5688" s="5" t="s">
        <v>1519</v>
      </c>
      <c r="K5688" s="2" t="s">
        <v>1520</v>
      </c>
      <c r="L5688" s="5" t="s">
        <v>1519</v>
      </c>
      <c r="M5688" s="2" t="s">
        <v>1520</v>
      </c>
      <c r="N5688" s="5" t="s">
        <v>1521</v>
      </c>
      <c r="O5688" s="5" t="s">
        <v>38</v>
      </c>
      <c r="P5688" s="5" t="s">
        <v>39</v>
      </c>
      <c r="Q5688" s="5" t="s">
        <v>40</v>
      </c>
      <c r="R5688" s="5" t="s">
        <v>1522</v>
      </c>
      <c r="S5688" s="5" t="s">
        <v>1523</v>
      </c>
      <c r="T5688" s="5" t="s">
        <v>42</v>
      </c>
      <c r="U5688" s="2">
        <v>3.2370000000000001</v>
      </c>
      <c r="V5688" s="2">
        <v>2.5369999999999999</v>
      </c>
      <c r="W5688" s="2">
        <v>0.02</v>
      </c>
      <c r="X5688" s="2">
        <v>159.1</v>
      </c>
      <c r="Y5688" s="2">
        <v>7.6</v>
      </c>
      <c r="Z5688" s="2">
        <v>16.7</v>
      </c>
      <c r="AA5688" s="5"/>
      <c r="AB5688" s="5" t="s">
        <v>43</v>
      </c>
      <c r="AC5688" s="5" t="s">
        <v>44</v>
      </c>
      <c r="AD5688" s="2"/>
      <c r="AE5688" s="1"/>
    </row>
    <row r="5689" spans="1:31" ht="14.45">
      <c r="A5689" s="11"/>
      <c r="B5689" s="20"/>
      <c r="C5689" s="2" t="s">
        <v>17538</v>
      </c>
      <c r="D5689" s="14" t="s">
        <v>17539</v>
      </c>
      <c r="E5689" s="2" t="s">
        <v>17540</v>
      </c>
      <c r="F5689" s="2" t="s">
        <v>7507</v>
      </c>
      <c r="G5689" s="8">
        <v>256</v>
      </c>
      <c r="H5689" s="5">
        <v>6</v>
      </c>
      <c r="I5689" s="5" t="s">
        <v>1518</v>
      </c>
      <c r="J5689" s="5" t="s">
        <v>1519</v>
      </c>
      <c r="K5689" s="2" t="s">
        <v>1520</v>
      </c>
      <c r="L5689" s="5" t="s">
        <v>1519</v>
      </c>
      <c r="M5689" s="2" t="s">
        <v>1520</v>
      </c>
      <c r="N5689" s="5" t="s">
        <v>1521</v>
      </c>
      <c r="O5689" s="5" t="s">
        <v>38</v>
      </c>
      <c r="P5689" s="5" t="s">
        <v>39</v>
      </c>
      <c r="Q5689" s="5" t="s">
        <v>40</v>
      </c>
      <c r="R5689" s="5" t="s">
        <v>1522</v>
      </c>
      <c r="S5689" s="5" t="s">
        <v>1523</v>
      </c>
      <c r="T5689" s="5" t="s">
        <v>42</v>
      </c>
      <c r="U5689" s="2">
        <v>3.343</v>
      </c>
      <c r="V5689" s="2">
        <v>2.6429999999999998</v>
      </c>
      <c r="W5689" s="2">
        <v>0.02</v>
      </c>
      <c r="X5689" s="2">
        <v>159.1</v>
      </c>
      <c r="Y5689" s="2">
        <v>7.6</v>
      </c>
      <c r="Z5689" s="2">
        <v>16.7</v>
      </c>
      <c r="AA5689" s="5"/>
      <c r="AB5689" s="5" t="s">
        <v>43</v>
      </c>
      <c r="AC5689" s="5" t="s">
        <v>44</v>
      </c>
      <c r="AD5689" s="2"/>
      <c r="AE5689" s="1"/>
    </row>
    <row r="5690" spans="1:31" ht="14.45">
      <c r="A5690" s="11"/>
      <c r="B5690" s="20"/>
      <c r="C5690" s="2" t="s">
        <v>17541</v>
      </c>
      <c r="D5690" s="14" t="s">
        <v>17542</v>
      </c>
      <c r="E5690" s="2" t="s">
        <v>17543</v>
      </c>
      <c r="F5690" s="2" t="s">
        <v>7204</v>
      </c>
      <c r="G5690" s="8">
        <v>256</v>
      </c>
      <c r="H5690" s="5">
        <v>6</v>
      </c>
      <c r="I5690" s="5" t="s">
        <v>1518</v>
      </c>
      <c r="J5690" s="5" t="s">
        <v>1519</v>
      </c>
      <c r="K5690" s="2" t="s">
        <v>1520</v>
      </c>
      <c r="L5690" s="5" t="s">
        <v>1519</v>
      </c>
      <c r="M5690" s="2" t="s">
        <v>1520</v>
      </c>
      <c r="N5690" s="5" t="s">
        <v>1521</v>
      </c>
      <c r="O5690" s="5" t="s">
        <v>38</v>
      </c>
      <c r="P5690" s="5" t="s">
        <v>39</v>
      </c>
      <c r="Q5690" s="5" t="s">
        <v>40</v>
      </c>
      <c r="R5690" s="5" t="s">
        <v>1522</v>
      </c>
      <c r="S5690" s="5" t="s">
        <v>1523</v>
      </c>
      <c r="T5690" s="5" t="s">
        <v>42</v>
      </c>
      <c r="U5690" s="2">
        <v>3.2450000000000001</v>
      </c>
      <c r="V5690" s="2">
        <v>2.5449999999999999</v>
      </c>
      <c r="W5690" s="2">
        <v>0.02</v>
      </c>
      <c r="X5690" s="2">
        <v>159.1</v>
      </c>
      <c r="Y5690" s="2">
        <v>7.6</v>
      </c>
      <c r="Z5690" s="2">
        <v>16.7</v>
      </c>
      <c r="AA5690" s="5"/>
      <c r="AB5690" s="5" t="s">
        <v>43</v>
      </c>
      <c r="AC5690" s="5" t="s">
        <v>44</v>
      </c>
      <c r="AD5690" s="2"/>
      <c r="AE5690" s="1"/>
    </row>
    <row r="5691" spans="1:31" ht="14.45">
      <c r="A5691" s="11"/>
      <c r="B5691" s="20"/>
      <c r="C5691" s="2" t="s">
        <v>17544</v>
      </c>
      <c r="D5691" s="14" t="s">
        <v>17545</v>
      </c>
      <c r="E5691" s="2" t="s">
        <v>17546</v>
      </c>
      <c r="F5691" s="2" t="s">
        <v>7514</v>
      </c>
      <c r="G5691" s="8">
        <v>256</v>
      </c>
      <c r="H5691" s="5">
        <v>6</v>
      </c>
      <c r="I5691" s="5" t="s">
        <v>1518</v>
      </c>
      <c r="J5691" s="5" t="s">
        <v>1519</v>
      </c>
      <c r="K5691" s="2" t="s">
        <v>1520</v>
      </c>
      <c r="L5691" s="5" t="s">
        <v>1519</v>
      </c>
      <c r="M5691" s="2" t="s">
        <v>1520</v>
      </c>
      <c r="N5691" s="5" t="s">
        <v>1521</v>
      </c>
      <c r="O5691" s="5" t="s">
        <v>38</v>
      </c>
      <c r="P5691" s="5" t="s">
        <v>39</v>
      </c>
      <c r="Q5691" s="5" t="s">
        <v>40</v>
      </c>
      <c r="R5691" s="5" t="s">
        <v>1522</v>
      </c>
      <c r="S5691" s="5" t="s">
        <v>1523</v>
      </c>
      <c r="T5691" s="5" t="s">
        <v>42</v>
      </c>
      <c r="U5691" s="2">
        <v>3.351</v>
      </c>
      <c r="V5691" s="2">
        <v>2.6509999999999998</v>
      </c>
      <c r="W5691" s="2">
        <v>0.02</v>
      </c>
      <c r="X5691" s="2">
        <v>159.1</v>
      </c>
      <c r="Y5691" s="2">
        <v>7.6</v>
      </c>
      <c r="Z5691" s="2">
        <v>16.7</v>
      </c>
      <c r="AA5691" s="5"/>
      <c r="AB5691" s="5" t="s">
        <v>43</v>
      </c>
      <c r="AC5691" s="5" t="s">
        <v>44</v>
      </c>
      <c r="AD5691" s="2"/>
      <c r="AE5691" s="1"/>
    </row>
    <row r="5692" spans="1:31" ht="14.45">
      <c r="A5692" s="11"/>
      <c r="B5692" s="20"/>
      <c r="C5692" s="2" t="s">
        <v>17547</v>
      </c>
      <c r="D5692" s="14" t="s">
        <v>17548</v>
      </c>
      <c r="E5692" s="2" t="s">
        <v>17549</v>
      </c>
      <c r="F5692" s="2" t="s">
        <v>7208</v>
      </c>
      <c r="G5692" s="8">
        <v>256</v>
      </c>
      <c r="H5692" s="5">
        <v>6</v>
      </c>
      <c r="I5692" s="5" t="s">
        <v>1518</v>
      </c>
      <c r="J5692" s="5" t="s">
        <v>1519</v>
      </c>
      <c r="K5692" s="2" t="s">
        <v>1520</v>
      </c>
      <c r="L5692" s="5" t="s">
        <v>1519</v>
      </c>
      <c r="M5692" s="2" t="s">
        <v>1520</v>
      </c>
      <c r="N5692" s="5" t="s">
        <v>1521</v>
      </c>
      <c r="O5692" s="5" t="s">
        <v>38</v>
      </c>
      <c r="P5692" s="5" t="s">
        <v>39</v>
      </c>
      <c r="Q5692" s="5" t="s">
        <v>40</v>
      </c>
      <c r="R5692" s="5" t="s">
        <v>1522</v>
      </c>
      <c r="S5692" s="5" t="s">
        <v>1523</v>
      </c>
      <c r="T5692" s="5" t="s">
        <v>42</v>
      </c>
      <c r="U5692" s="2">
        <v>3.2450000000000001</v>
      </c>
      <c r="V5692" s="2">
        <v>2.5449999999999999</v>
      </c>
      <c r="W5692" s="2">
        <v>0.02</v>
      </c>
      <c r="X5692" s="2">
        <v>159.1</v>
      </c>
      <c r="Y5692" s="2">
        <v>7.6</v>
      </c>
      <c r="Z5692" s="2">
        <v>16.7</v>
      </c>
      <c r="AA5692" s="5"/>
      <c r="AB5692" s="5" t="s">
        <v>43</v>
      </c>
      <c r="AC5692" s="5" t="s">
        <v>44</v>
      </c>
      <c r="AD5692" s="2"/>
      <c r="AE5692" s="1"/>
    </row>
    <row r="5693" spans="1:31" ht="14.45">
      <c r="A5693" s="11"/>
      <c r="B5693" s="20"/>
      <c r="C5693" s="2" t="s">
        <v>17550</v>
      </c>
      <c r="D5693" s="14" t="s">
        <v>17551</v>
      </c>
      <c r="E5693" s="2" t="s">
        <v>17552</v>
      </c>
      <c r="F5693" s="2" t="s">
        <v>7521</v>
      </c>
      <c r="G5693" s="8">
        <v>256</v>
      </c>
      <c r="H5693" s="5">
        <v>6</v>
      </c>
      <c r="I5693" s="5" t="s">
        <v>1518</v>
      </c>
      <c r="J5693" s="5" t="s">
        <v>1519</v>
      </c>
      <c r="K5693" s="2" t="s">
        <v>1520</v>
      </c>
      <c r="L5693" s="5" t="s">
        <v>1519</v>
      </c>
      <c r="M5693" s="2" t="s">
        <v>1520</v>
      </c>
      <c r="N5693" s="5" t="s">
        <v>1521</v>
      </c>
      <c r="O5693" s="5" t="s">
        <v>38</v>
      </c>
      <c r="P5693" s="5" t="s">
        <v>39</v>
      </c>
      <c r="Q5693" s="5" t="s">
        <v>40</v>
      </c>
      <c r="R5693" s="5" t="s">
        <v>1522</v>
      </c>
      <c r="S5693" s="5" t="s">
        <v>1523</v>
      </c>
      <c r="T5693" s="5" t="s">
        <v>42</v>
      </c>
      <c r="U5693" s="2">
        <v>3.351</v>
      </c>
      <c r="V5693" s="2">
        <v>2.6509999999999998</v>
      </c>
      <c r="W5693" s="2">
        <v>0.02</v>
      </c>
      <c r="X5693" s="2">
        <v>159.1</v>
      </c>
      <c r="Y5693" s="2">
        <v>7.6</v>
      </c>
      <c r="Z5693" s="2">
        <v>16.7</v>
      </c>
      <c r="AA5693" s="5"/>
      <c r="AB5693" s="5" t="s">
        <v>43</v>
      </c>
      <c r="AC5693" s="5" t="s">
        <v>44</v>
      </c>
      <c r="AD5693" s="2"/>
      <c r="AE5693" s="1"/>
    </row>
    <row r="5694" spans="1:31" ht="14.45">
      <c r="A5694" s="11"/>
      <c r="B5694" s="20"/>
      <c r="C5694" s="2" t="s">
        <v>17553</v>
      </c>
      <c r="D5694" s="14" t="s">
        <v>17554</v>
      </c>
      <c r="E5694" s="2" t="s">
        <v>17555</v>
      </c>
      <c r="F5694" s="2" t="s">
        <v>7212</v>
      </c>
      <c r="G5694" s="8">
        <v>256</v>
      </c>
      <c r="H5694" s="5">
        <v>6</v>
      </c>
      <c r="I5694" s="5" t="s">
        <v>1518</v>
      </c>
      <c r="J5694" s="5" t="s">
        <v>1519</v>
      </c>
      <c r="K5694" s="2" t="s">
        <v>1520</v>
      </c>
      <c r="L5694" s="5" t="s">
        <v>1519</v>
      </c>
      <c r="M5694" s="2" t="s">
        <v>1520</v>
      </c>
      <c r="N5694" s="5" t="s">
        <v>1521</v>
      </c>
      <c r="O5694" s="5" t="s">
        <v>38</v>
      </c>
      <c r="P5694" s="5" t="s">
        <v>39</v>
      </c>
      <c r="Q5694" s="5" t="s">
        <v>40</v>
      </c>
      <c r="R5694" s="5" t="s">
        <v>1522</v>
      </c>
      <c r="S5694" s="5" t="s">
        <v>1523</v>
      </c>
      <c r="T5694" s="5" t="s">
        <v>42</v>
      </c>
      <c r="U5694" s="2">
        <v>3.2189999999999999</v>
      </c>
      <c r="V5694" s="2">
        <v>2.5190000000000001</v>
      </c>
      <c r="W5694" s="2">
        <v>0.02</v>
      </c>
      <c r="X5694" s="2">
        <v>159.1</v>
      </c>
      <c r="Y5694" s="2">
        <v>7.6</v>
      </c>
      <c r="Z5694" s="2">
        <v>16.7</v>
      </c>
      <c r="AA5694" s="5"/>
      <c r="AB5694" s="5" t="s">
        <v>43</v>
      </c>
      <c r="AC5694" s="5" t="s">
        <v>44</v>
      </c>
      <c r="AD5694" s="2"/>
      <c r="AE5694" s="1"/>
    </row>
    <row r="5695" spans="1:31" ht="14.45">
      <c r="A5695" s="11"/>
      <c r="B5695" s="20"/>
      <c r="C5695" s="2" t="s">
        <v>17556</v>
      </c>
      <c r="D5695" s="14" t="s">
        <v>17557</v>
      </c>
      <c r="E5695" s="2" t="s">
        <v>17558</v>
      </c>
      <c r="F5695" s="2" t="s">
        <v>7528</v>
      </c>
      <c r="G5695" s="8">
        <v>256</v>
      </c>
      <c r="H5695" s="5">
        <v>6</v>
      </c>
      <c r="I5695" s="5" t="s">
        <v>1518</v>
      </c>
      <c r="J5695" s="5" t="s">
        <v>1519</v>
      </c>
      <c r="K5695" s="2" t="s">
        <v>1520</v>
      </c>
      <c r="L5695" s="5" t="s">
        <v>1519</v>
      </c>
      <c r="M5695" s="2" t="s">
        <v>1520</v>
      </c>
      <c r="N5695" s="5" t="s">
        <v>1521</v>
      </c>
      <c r="O5695" s="5" t="s">
        <v>38</v>
      </c>
      <c r="P5695" s="5" t="s">
        <v>39</v>
      </c>
      <c r="Q5695" s="5" t="s">
        <v>40</v>
      </c>
      <c r="R5695" s="5" t="s">
        <v>1522</v>
      </c>
      <c r="S5695" s="5" t="s">
        <v>1523</v>
      </c>
      <c r="T5695" s="5" t="s">
        <v>42</v>
      </c>
      <c r="U5695" s="2">
        <v>3.3250000000000002</v>
      </c>
      <c r="V5695" s="2">
        <v>2.625</v>
      </c>
      <c r="W5695" s="2">
        <v>0.02</v>
      </c>
      <c r="X5695" s="2">
        <v>159.1</v>
      </c>
      <c r="Y5695" s="2">
        <v>7.6</v>
      </c>
      <c r="Z5695" s="2">
        <v>16.7</v>
      </c>
      <c r="AA5695" s="5"/>
      <c r="AB5695" s="5" t="s">
        <v>43</v>
      </c>
      <c r="AC5695" s="5" t="s">
        <v>44</v>
      </c>
      <c r="AD5695" s="2"/>
      <c r="AE5695" s="1"/>
    </row>
    <row r="5696" spans="1:31" ht="14.45">
      <c r="A5696" s="11"/>
      <c r="B5696" s="20"/>
      <c r="C5696" s="2" t="s">
        <v>17559</v>
      </c>
      <c r="D5696" s="14" t="s">
        <v>17560</v>
      </c>
      <c r="E5696" s="2" t="s">
        <v>17561</v>
      </c>
      <c r="F5696" s="2" t="s">
        <v>7406</v>
      </c>
      <c r="G5696" s="8">
        <v>275</v>
      </c>
      <c r="H5696" s="5">
        <v>6</v>
      </c>
      <c r="I5696" s="5" t="s">
        <v>1518</v>
      </c>
      <c r="J5696" s="5" t="s">
        <v>1519</v>
      </c>
      <c r="K5696" s="2" t="s">
        <v>1520</v>
      </c>
      <c r="L5696" s="5" t="s">
        <v>1519</v>
      </c>
      <c r="M5696" s="2" t="s">
        <v>1520</v>
      </c>
      <c r="N5696" s="5" t="s">
        <v>1521</v>
      </c>
      <c r="O5696" s="5" t="s">
        <v>38</v>
      </c>
      <c r="P5696" s="5" t="s">
        <v>39</v>
      </c>
      <c r="Q5696" s="5" t="s">
        <v>40</v>
      </c>
      <c r="R5696" s="5" t="s">
        <v>1522</v>
      </c>
      <c r="S5696" s="5" t="s">
        <v>1523</v>
      </c>
      <c r="T5696" s="5" t="s">
        <v>42</v>
      </c>
      <c r="U5696" s="2">
        <v>3.2189999999999999</v>
      </c>
      <c r="V5696" s="2">
        <v>2.5190000000000001</v>
      </c>
      <c r="W5696" s="2">
        <v>0.02</v>
      </c>
      <c r="X5696" s="2">
        <v>159.1</v>
      </c>
      <c r="Y5696" s="2">
        <v>7.6</v>
      </c>
      <c r="Z5696" s="2">
        <v>16.7</v>
      </c>
      <c r="AA5696" s="5"/>
      <c r="AB5696" s="5" t="s">
        <v>43</v>
      </c>
      <c r="AC5696" s="5" t="s">
        <v>44</v>
      </c>
      <c r="AD5696" s="2"/>
      <c r="AE5696" s="1"/>
    </row>
    <row r="5697" spans="1:31" ht="14.45">
      <c r="A5697" s="11"/>
      <c r="B5697" s="20"/>
      <c r="C5697" s="2" t="s">
        <v>17562</v>
      </c>
      <c r="D5697" s="14" t="s">
        <v>17563</v>
      </c>
      <c r="E5697" s="2" t="s">
        <v>17564</v>
      </c>
      <c r="F5697" s="2" t="s">
        <v>7535</v>
      </c>
      <c r="G5697" s="8">
        <v>275</v>
      </c>
      <c r="H5697" s="5">
        <v>6</v>
      </c>
      <c r="I5697" s="5" t="s">
        <v>1518</v>
      </c>
      <c r="J5697" s="5" t="s">
        <v>1519</v>
      </c>
      <c r="K5697" s="2" t="s">
        <v>1520</v>
      </c>
      <c r="L5697" s="5" t="s">
        <v>1519</v>
      </c>
      <c r="M5697" s="2" t="s">
        <v>1520</v>
      </c>
      <c r="N5697" s="5" t="s">
        <v>1521</v>
      </c>
      <c r="O5697" s="5" t="s">
        <v>38</v>
      </c>
      <c r="P5697" s="5" t="s">
        <v>39</v>
      </c>
      <c r="Q5697" s="5" t="s">
        <v>40</v>
      </c>
      <c r="R5697" s="5" t="s">
        <v>1522</v>
      </c>
      <c r="S5697" s="5" t="s">
        <v>1523</v>
      </c>
      <c r="T5697" s="5" t="s">
        <v>42</v>
      </c>
      <c r="U5697" s="2">
        <v>3.3250000000000002</v>
      </c>
      <c r="V5697" s="2">
        <v>2.625</v>
      </c>
      <c r="W5697" s="2">
        <v>0.02</v>
      </c>
      <c r="X5697" s="2">
        <v>159.1</v>
      </c>
      <c r="Y5697" s="2">
        <v>7.6</v>
      </c>
      <c r="Z5697" s="2">
        <v>16.7</v>
      </c>
      <c r="AA5697" s="5"/>
      <c r="AB5697" s="5" t="s">
        <v>43</v>
      </c>
      <c r="AC5697" s="5" t="s">
        <v>44</v>
      </c>
      <c r="AD5697" s="2"/>
      <c r="AE5697" s="1"/>
    </row>
    <row r="5698" spans="1:31" ht="14.45">
      <c r="A5698" s="11"/>
      <c r="B5698" s="20"/>
      <c r="C5698" s="2" t="s">
        <v>17565</v>
      </c>
      <c r="D5698" s="14" t="s">
        <v>17566</v>
      </c>
      <c r="E5698" s="2" t="s">
        <v>17567</v>
      </c>
      <c r="F5698" s="2" t="s">
        <v>7539</v>
      </c>
      <c r="G5698" s="8">
        <v>275</v>
      </c>
      <c r="H5698" s="5">
        <v>6</v>
      </c>
      <c r="I5698" s="5" t="s">
        <v>1518</v>
      </c>
      <c r="J5698" s="5" t="s">
        <v>1519</v>
      </c>
      <c r="K5698" s="2" t="s">
        <v>1520</v>
      </c>
      <c r="L5698" s="5" t="s">
        <v>1519</v>
      </c>
      <c r="M5698" s="2" t="s">
        <v>1520</v>
      </c>
      <c r="N5698" s="5" t="s">
        <v>1521</v>
      </c>
      <c r="O5698" s="5" t="s">
        <v>38</v>
      </c>
      <c r="P5698" s="5" t="s">
        <v>39</v>
      </c>
      <c r="Q5698" s="5" t="s">
        <v>40</v>
      </c>
      <c r="R5698" s="5" t="s">
        <v>1522</v>
      </c>
      <c r="S5698" s="5" t="s">
        <v>1523</v>
      </c>
      <c r="T5698" s="5" t="s">
        <v>42</v>
      </c>
      <c r="U5698" s="2">
        <v>3.2450000000000001</v>
      </c>
      <c r="V5698" s="2">
        <v>2.5449999999999999</v>
      </c>
      <c r="W5698" s="2">
        <v>0.02</v>
      </c>
      <c r="X5698" s="2">
        <v>159.1</v>
      </c>
      <c r="Y5698" s="2">
        <v>7.6</v>
      </c>
      <c r="Z5698" s="2">
        <v>16.7</v>
      </c>
      <c r="AA5698" s="5"/>
      <c r="AB5698" s="5" t="s">
        <v>43</v>
      </c>
      <c r="AC5698" s="5" t="s">
        <v>44</v>
      </c>
      <c r="AD5698" s="2"/>
      <c r="AE5698" s="1"/>
    </row>
    <row r="5699" spans="1:31" ht="14.45">
      <c r="A5699" s="11"/>
      <c r="B5699" s="20"/>
      <c r="C5699" s="2" t="s">
        <v>17568</v>
      </c>
      <c r="D5699" s="14" t="s">
        <v>17569</v>
      </c>
      <c r="E5699" s="2" t="s">
        <v>17570</v>
      </c>
      <c r="F5699" s="2" t="s">
        <v>7543</v>
      </c>
      <c r="G5699" s="8">
        <v>275</v>
      </c>
      <c r="H5699" s="5">
        <v>6</v>
      </c>
      <c r="I5699" s="5" t="s">
        <v>1518</v>
      </c>
      <c r="J5699" s="5" t="s">
        <v>1519</v>
      </c>
      <c r="K5699" s="2" t="s">
        <v>1520</v>
      </c>
      <c r="L5699" s="5" t="s">
        <v>1519</v>
      </c>
      <c r="M5699" s="2" t="s">
        <v>1520</v>
      </c>
      <c r="N5699" s="5" t="s">
        <v>1521</v>
      </c>
      <c r="O5699" s="5" t="s">
        <v>38</v>
      </c>
      <c r="P5699" s="5" t="s">
        <v>39</v>
      </c>
      <c r="Q5699" s="5" t="s">
        <v>40</v>
      </c>
      <c r="R5699" s="5" t="s">
        <v>1522</v>
      </c>
      <c r="S5699" s="5" t="s">
        <v>1523</v>
      </c>
      <c r="T5699" s="5" t="s">
        <v>42</v>
      </c>
      <c r="U5699" s="2">
        <v>3.351</v>
      </c>
      <c r="V5699" s="2">
        <v>2.6509999999999998</v>
      </c>
      <c r="W5699" s="2">
        <v>0.02</v>
      </c>
      <c r="X5699" s="2">
        <v>159.1</v>
      </c>
      <c r="Y5699" s="2">
        <v>7.6</v>
      </c>
      <c r="Z5699" s="2">
        <v>16.7</v>
      </c>
      <c r="AA5699" s="5"/>
      <c r="AB5699" s="5" t="s">
        <v>43</v>
      </c>
      <c r="AC5699" s="5" t="s">
        <v>44</v>
      </c>
      <c r="AD5699" s="2"/>
      <c r="AE5699" s="1"/>
    </row>
    <row r="5700" spans="1:31" ht="14.45">
      <c r="A5700" s="11"/>
      <c r="B5700" s="20"/>
      <c r="C5700" s="2" t="s">
        <v>17571</v>
      </c>
      <c r="D5700" s="14" t="s">
        <v>17572</v>
      </c>
      <c r="E5700" s="2" t="s">
        <v>17573</v>
      </c>
      <c r="F5700" s="2" t="s">
        <v>7551</v>
      </c>
      <c r="G5700" s="8">
        <v>275</v>
      </c>
      <c r="H5700" s="5">
        <v>6</v>
      </c>
      <c r="I5700" s="5" t="s">
        <v>1518</v>
      </c>
      <c r="J5700" s="5" t="s">
        <v>1519</v>
      </c>
      <c r="K5700" s="2" t="s">
        <v>1520</v>
      </c>
      <c r="L5700" s="5" t="s">
        <v>1519</v>
      </c>
      <c r="M5700" s="2" t="s">
        <v>1520</v>
      </c>
      <c r="N5700" s="5" t="s">
        <v>1521</v>
      </c>
      <c r="O5700" s="5" t="s">
        <v>38</v>
      </c>
      <c r="P5700" s="5" t="s">
        <v>39</v>
      </c>
      <c r="Q5700" s="5" t="s">
        <v>40</v>
      </c>
      <c r="R5700" s="5" t="s">
        <v>1522</v>
      </c>
      <c r="S5700" s="5" t="s">
        <v>1523</v>
      </c>
      <c r="T5700" s="5" t="s">
        <v>42</v>
      </c>
      <c r="U5700" s="2">
        <v>3.3250000000000002</v>
      </c>
      <c r="V5700" s="2">
        <v>2.625</v>
      </c>
      <c r="W5700" s="2">
        <v>0.02</v>
      </c>
      <c r="X5700" s="2">
        <v>159.1</v>
      </c>
      <c r="Y5700" s="2">
        <v>7.6</v>
      </c>
      <c r="Z5700" s="2">
        <v>16.7</v>
      </c>
      <c r="AA5700" s="5"/>
      <c r="AB5700" s="5" t="s">
        <v>43</v>
      </c>
      <c r="AC5700" s="5" t="s">
        <v>44</v>
      </c>
      <c r="AD5700" s="2"/>
      <c r="AE5700" s="1"/>
    </row>
    <row r="5701" spans="1:31" ht="14.45">
      <c r="A5701" s="11"/>
      <c r="B5701" s="20"/>
      <c r="C5701" s="2" t="s">
        <v>17574</v>
      </c>
      <c r="D5701" s="14" t="s">
        <v>17575</v>
      </c>
      <c r="E5701" s="2" t="s">
        <v>17576</v>
      </c>
      <c r="F5701" s="2" t="s">
        <v>7559</v>
      </c>
      <c r="G5701" s="8">
        <v>275</v>
      </c>
      <c r="H5701" s="5">
        <v>6</v>
      </c>
      <c r="I5701" s="5" t="s">
        <v>1518</v>
      </c>
      <c r="J5701" s="5" t="s">
        <v>1519</v>
      </c>
      <c r="K5701" s="2" t="s">
        <v>1520</v>
      </c>
      <c r="L5701" s="5" t="s">
        <v>1519</v>
      </c>
      <c r="M5701" s="2" t="s">
        <v>1520</v>
      </c>
      <c r="N5701" s="5" t="s">
        <v>1521</v>
      </c>
      <c r="O5701" s="5" t="s">
        <v>38</v>
      </c>
      <c r="P5701" s="5" t="s">
        <v>39</v>
      </c>
      <c r="Q5701" s="5" t="s">
        <v>40</v>
      </c>
      <c r="R5701" s="5" t="s">
        <v>1522</v>
      </c>
      <c r="S5701" s="5" t="s">
        <v>1523</v>
      </c>
      <c r="T5701" s="5" t="s">
        <v>42</v>
      </c>
      <c r="U5701" s="2">
        <v>3.3250000000000002</v>
      </c>
      <c r="V5701" s="2">
        <v>2.625</v>
      </c>
      <c r="W5701" s="2">
        <v>0.02</v>
      </c>
      <c r="X5701" s="2">
        <v>159.1</v>
      </c>
      <c r="Y5701" s="2">
        <v>7.6</v>
      </c>
      <c r="Z5701" s="2">
        <v>16.7</v>
      </c>
      <c r="AA5701" s="5"/>
      <c r="AB5701" s="5" t="s">
        <v>43</v>
      </c>
      <c r="AC5701" s="5" t="s">
        <v>44</v>
      </c>
      <c r="AD5701" s="2"/>
      <c r="AE5701" s="1"/>
    </row>
    <row r="5702" spans="1:31" ht="14.45">
      <c r="A5702" s="11"/>
      <c r="B5702" s="20"/>
      <c r="C5702" s="2" t="s">
        <v>17577</v>
      </c>
      <c r="D5702" s="14" t="s">
        <v>17578</v>
      </c>
      <c r="E5702" s="2" t="s">
        <v>17579</v>
      </c>
      <c r="F5702" s="2" t="s">
        <v>7563</v>
      </c>
      <c r="G5702" s="8">
        <v>275</v>
      </c>
      <c r="H5702" s="5">
        <v>6</v>
      </c>
      <c r="I5702" s="5" t="s">
        <v>1518</v>
      </c>
      <c r="J5702" s="5" t="s">
        <v>1519</v>
      </c>
      <c r="K5702" s="2" t="s">
        <v>1520</v>
      </c>
      <c r="L5702" s="5" t="s">
        <v>1519</v>
      </c>
      <c r="M5702" s="2" t="s">
        <v>1520</v>
      </c>
      <c r="N5702" s="5" t="s">
        <v>1521</v>
      </c>
      <c r="O5702" s="5" t="s">
        <v>38</v>
      </c>
      <c r="P5702" s="5" t="s">
        <v>39</v>
      </c>
      <c r="Q5702" s="5" t="s">
        <v>40</v>
      </c>
      <c r="R5702" s="5" t="s">
        <v>1522</v>
      </c>
      <c r="S5702" s="5" t="s">
        <v>1523</v>
      </c>
      <c r="T5702" s="5" t="s">
        <v>42</v>
      </c>
      <c r="U5702" s="2">
        <v>3.2450000000000001</v>
      </c>
      <c r="V5702" s="2">
        <v>2.5449999999999999</v>
      </c>
      <c r="W5702" s="2">
        <v>0.02</v>
      </c>
      <c r="X5702" s="2">
        <v>159.1</v>
      </c>
      <c r="Y5702" s="2">
        <v>7.6</v>
      </c>
      <c r="Z5702" s="2">
        <v>16.7</v>
      </c>
      <c r="AA5702" s="5"/>
      <c r="AB5702" s="5" t="s">
        <v>43</v>
      </c>
      <c r="AC5702" s="5" t="s">
        <v>44</v>
      </c>
      <c r="AD5702" s="2"/>
      <c r="AE5702" s="1"/>
    </row>
    <row r="5703" spans="1:31" ht="14.45">
      <c r="A5703" s="11"/>
      <c r="B5703" s="20"/>
      <c r="C5703" s="2" t="s">
        <v>17580</v>
      </c>
      <c r="D5703" s="14" t="s">
        <v>17581</v>
      </c>
      <c r="E5703" s="2" t="s">
        <v>17582</v>
      </c>
      <c r="F5703" s="2" t="s">
        <v>7567</v>
      </c>
      <c r="G5703" s="8">
        <v>275</v>
      </c>
      <c r="H5703" s="5">
        <v>6</v>
      </c>
      <c r="I5703" s="5" t="s">
        <v>1518</v>
      </c>
      <c r="J5703" s="5" t="s">
        <v>1519</v>
      </c>
      <c r="K5703" s="2" t="s">
        <v>1520</v>
      </c>
      <c r="L5703" s="5" t="s">
        <v>1519</v>
      </c>
      <c r="M5703" s="2" t="s">
        <v>1520</v>
      </c>
      <c r="N5703" s="5" t="s">
        <v>1521</v>
      </c>
      <c r="O5703" s="5" t="s">
        <v>38</v>
      </c>
      <c r="P5703" s="5" t="s">
        <v>39</v>
      </c>
      <c r="Q5703" s="5" t="s">
        <v>40</v>
      </c>
      <c r="R5703" s="5" t="s">
        <v>1522</v>
      </c>
      <c r="S5703" s="5" t="s">
        <v>1523</v>
      </c>
      <c r="T5703" s="5" t="s">
        <v>42</v>
      </c>
      <c r="U5703" s="2">
        <v>3.351</v>
      </c>
      <c r="V5703" s="2">
        <v>2.6509999999999998</v>
      </c>
      <c r="W5703" s="2">
        <v>0.02</v>
      </c>
      <c r="X5703" s="2">
        <v>159.1</v>
      </c>
      <c r="Y5703" s="2">
        <v>7.6</v>
      </c>
      <c r="Z5703" s="2">
        <v>16.7</v>
      </c>
      <c r="AA5703" s="5"/>
      <c r="AB5703" s="5" t="s">
        <v>43</v>
      </c>
      <c r="AC5703" s="5" t="s">
        <v>44</v>
      </c>
      <c r="AD5703" s="2"/>
      <c r="AE5703" s="1"/>
    </row>
    <row r="5704" spans="1:31" ht="14.45">
      <c r="A5704" s="11"/>
      <c r="B5704" s="20"/>
      <c r="C5704" s="2" t="s">
        <v>17583</v>
      </c>
      <c r="D5704" s="14" t="s">
        <v>17584</v>
      </c>
      <c r="E5704" s="2" t="s">
        <v>17585</v>
      </c>
      <c r="F5704" s="2" t="s">
        <v>16079</v>
      </c>
      <c r="G5704" s="8">
        <v>275</v>
      </c>
      <c r="H5704" s="5">
        <v>6</v>
      </c>
      <c r="I5704" s="5" t="s">
        <v>1518</v>
      </c>
      <c r="J5704" s="5" t="s">
        <v>1519</v>
      </c>
      <c r="K5704" s="2" t="s">
        <v>1520</v>
      </c>
      <c r="L5704" s="5" t="s">
        <v>1519</v>
      </c>
      <c r="M5704" s="2" t="s">
        <v>1520</v>
      </c>
      <c r="N5704" s="5" t="s">
        <v>1521</v>
      </c>
      <c r="O5704" s="5" t="s">
        <v>38</v>
      </c>
      <c r="P5704" s="5" t="s">
        <v>39</v>
      </c>
      <c r="Q5704" s="5" t="s">
        <v>40</v>
      </c>
      <c r="R5704" s="5" t="s">
        <v>1522</v>
      </c>
      <c r="S5704" s="5" t="s">
        <v>1523</v>
      </c>
      <c r="T5704" s="5" t="s">
        <v>42</v>
      </c>
      <c r="U5704" s="2">
        <v>3.2450000000000001</v>
      </c>
      <c r="V5704" s="2">
        <v>2.5449999999999999</v>
      </c>
      <c r="W5704" s="2">
        <v>0.02</v>
      </c>
      <c r="X5704" s="2">
        <v>159.1</v>
      </c>
      <c r="Y5704" s="2">
        <v>7.6</v>
      </c>
      <c r="Z5704" s="2">
        <v>16.7</v>
      </c>
      <c r="AA5704" s="5"/>
      <c r="AB5704" s="5" t="s">
        <v>43</v>
      </c>
      <c r="AC5704" s="5" t="s">
        <v>44</v>
      </c>
      <c r="AD5704" s="2"/>
      <c r="AE5704" s="1"/>
    </row>
    <row r="5705" spans="1:31" ht="14.45">
      <c r="A5705" s="11"/>
      <c r="B5705" s="20"/>
      <c r="C5705" s="2" t="s">
        <v>17586</v>
      </c>
      <c r="D5705" s="14" t="s">
        <v>17587</v>
      </c>
      <c r="E5705" s="2" t="s">
        <v>17588</v>
      </c>
      <c r="F5705" s="2" t="s">
        <v>16194</v>
      </c>
      <c r="G5705" s="8">
        <v>275</v>
      </c>
      <c r="H5705" s="5">
        <v>6</v>
      </c>
      <c r="I5705" s="5" t="s">
        <v>1518</v>
      </c>
      <c r="J5705" s="5" t="s">
        <v>1519</v>
      </c>
      <c r="K5705" s="2" t="s">
        <v>1520</v>
      </c>
      <c r="L5705" s="5" t="s">
        <v>1519</v>
      </c>
      <c r="M5705" s="2" t="s">
        <v>1520</v>
      </c>
      <c r="N5705" s="5" t="s">
        <v>1521</v>
      </c>
      <c r="O5705" s="5" t="s">
        <v>38</v>
      </c>
      <c r="P5705" s="5" t="s">
        <v>39</v>
      </c>
      <c r="Q5705" s="5" t="s">
        <v>40</v>
      </c>
      <c r="R5705" s="5" t="s">
        <v>1522</v>
      </c>
      <c r="S5705" s="5" t="s">
        <v>1523</v>
      </c>
      <c r="T5705" s="5" t="s">
        <v>42</v>
      </c>
      <c r="U5705" s="2">
        <v>3.351</v>
      </c>
      <c r="V5705" s="2">
        <v>2.6509999999999998</v>
      </c>
      <c r="W5705" s="2">
        <v>0.02</v>
      </c>
      <c r="X5705" s="2">
        <v>159.1</v>
      </c>
      <c r="Y5705" s="2">
        <v>7.6</v>
      </c>
      <c r="Z5705" s="2">
        <v>16.7</v>
      </c>
      <c r="AA5705" s="5"/>
      <c r="AB5705" s="5" t="s">
        <v>43</v>
      </c>
      <c r="AC5705" s="5" t="s">
        <v>44</v>
      </c>
      <c r="AD5705" s="2"/>
      <c r="AE5705" s="1"/>
    </row>
    <row r="5706" spans="1:31" ht="14.45">
      <c r="A5706" s="11"/>
      <c r="B5706" s="20"/>
      <c r="C5706" s="2" t="s">
        <v>17589</v>
      </c>
      <c r="D5706" s="14" t="s">
        <v>17590</v>
      </c>
      <c r="E5706" s="2" t="s">
        <v>17591</v>
      </c>
      <c r="F5706" s="2" t="s">
        <v>7581</v>
      </c>
      <c r="G5706" s="8">
        <v>275</v>
      </c>
      <c r="H5706" s="5">
        <v>6</v>
      </c>
      <c r="I5706" s="5" t="s">
        <v>1518</v>
      </c>
      <c r="J5706" s="5" t="s">
        <v>1519</v>
      </c>
      <c r="K5706" s="2" t="s">
        <v>1520</v>
      </c>
      <c r="L5706" s="5" t="s">
        <v>1519</v>
      </c>
      <c r="M5706" s="2" t="s">
        <v>1520</v>
      </c>
      <c r="N5706" s="5" t="s">
        <v>1521</v>
      </c>
      <c r="O5706" s="5" t="s">
        <v>38</v>
      </c>
      <c r="P5706" s="5" t="s">
        <v>39</v>
      </c>
      <c r="Q5706" s="5" t="s">
        <v>40</v>
      </c>
      <c r="R5706" s="5" t="s">
        <v>1522</v>
      </c>
      <c r="S5706" s="5" t="s">
        <v>1523</v>
      </c>
      <c r="T5706" s="5" t="s">
        <v>42</v>
      </c>
      <c r="U5706" s="2">
        <v>3.351</v>
      </c>
      <c r="V5706" s="2">
        <v>2.6509999999999998</v>
      </c>
      <c r="W5706" s="2">
        <v>0.02</v>
      </c>
      <c r="X5706" s="2">
        <v>159.1</v>
      </c>
      <c r="Y5706" s="2">
        <v>7.6</v>
      </c>
      <c r="Z5706" s="2">
        <v>16.7</v>
      </c>
      <c r="AA5706" s="5"/>
      <c r="AB5706" s="5" t="s">
        <v>43</v>
      </c>
      <c r="AC5706" s="5" t="s">
        <v>44</v>
      </c>
      <c r="AD5706" s="2"/>
      <c r="AE5706" s="1"/>
    </row>
    <row r="5707" spans="1:31" ht="14.45">
      <c r="A5707" s="11"/>
      <c r="B5707" s="20"/>
      <c r="C5707" s="2" t="s">
        <v>17592</v>
      </c>
      <c r="D5707" s="14" t="s">
        <v>17593</v>
      </c>
      <c r="E5707" s="2" t="s">
        <v>17594</v>
      </c>
      <c r="F5707" s="2" t="s">
        <v>7585</v>
      </c>
      <c r="G5707" s="8">
        <v>275</v>
      </c>
      <c r="H5707" s="5">
        <v>6</v>
      </c>
      <c r="I5707" s="5" t="s">
        <v>1518</v>
      </c>
      <c r="J5707" s="5" t="s">
        <v>1519</v>
      </c>
      <c r="K5707" s="2" t="s">
        <v>1520</v>
      </c>
      <c r="L5707" s="5" t="s">
        <v>1519</v>
      </c>
      <c r="M5707" s="2" t="s">
        <v>1520</v>
      </c>
      <c r="N5707" s="5" t="s">
        <v>1521</v>
      </c>
      <c r="O5707" s="5" t="s">
        <v>38</v>
      </c>
      <c r="P5707" s="5" t="s">
        <v>39</v>
      </c>
      <c r="Q5707" s="5" t="s">
        <v>40</v>
      </c>
      <c r="R5707" s="5" t="s">
        <v>1522</v>
      </c>
      <c r="S5707" s="5" t="s">
        <v>1523</v>
      </c>
      <c r="T5707" s="5" t="s">
        <v>42</v>
      </c>
      <c r="U5707" s="2">
        <v>3.2189999999999999</v>
      </c>
      <c r="V5707" s="2">
        <v>2.5190000000000001</v>
      </c>
      <c r="W5707" s="2">
        <v>0.02</v>
      </c>
      <c r="X5707" s="2">
        <v>159.1</v>
      </c>
      <c r="Y5707" s="2">
        <v>7.6</v>
      </c>
      <c r="Z5707" s="2">
        <v>16.7</v>
      </c>
      <c r="AA5707" s="5"/>
      <c r="AB5707" s="5" t="s">
        <v>43</v>
      </c>
      <c r="AC5707" s="5" t="s">
        <v>44</v>
      </c>
      <c r="AD5707" s="2"/>
      <c r="AE5707" s="1"/>
    </row>
    <row r="5708" spans="1:31" ht="14.45">
      <c r="A5708" s="11"/>
      <c r="B5708" s="20"/>
      <c r="C5708" s="2" t="s">
        <v>17595</v>
      </c>
      <c r="D5708" s="14" t="s">
        <v>17596</v>
      </c>
      <c r="E5708" s="2" t="s">
        <v>17597</v>
      </c>
      <c r="F5708" s="2" t="s">
        <v>7589</v>
      </c>
      <c r="G5708" s="8">
        <v>275</v>
      </c>
      <c r="H5708" s="5">
        <v>6</v>
      </c>
      <c r="I5708" s="5" t="s">
        <v>1518</v>
      </c>
      <c r="J5708" s="5" t="s">
        <v>1519</v>
      </c>
      <c r="K5708" s="2" t="s">
        <v>1520</v>
      </c>
      <c r="L5708" s="5" t="s">
        <v>1519</v>
      </c>
      <c r="M5708" s="2" t="s">
        <v>1520</v>
      </c>
      <c r="N5708" s="5" t="s">
        <v>1521</v>
      </c>
      <c r="O5708" s="5" t="s">
        <v>38</v>
      </c>
      <c r="P5708" s="5" t="s">
        <v>39</v>
      </c>
      <c r="Q5708" s="5" t="s">
        <v>40</v>
      </c>
      <c r="R5708" s="5" t="s">
        <v>1522</v>
      </c>
      <c r="S5708" s="5" t="s">
        <v>1523</v>
      </c>
      <c r="T5708" s="5" t="s">
        <v>42</v>
      </c>
      <c r="U5708" s="2">
        <v>3.3250000000000002</v>
      </c>
      <c r="V5708" s="2">
        <v>2.625</v>
      </c>
      <c r="W5708" s="2">
        <v>0.02</v>
      </c>
      <c r="X5708" s="2">
        <v>159.1</v>
      </c>
      <c r="Y5708" s="2">
        <v>7.6</v>
      </c>
      <c r="Z5708" s="2">
        <v>16.7</v>
      </c>
      <c r="AA5708" s="5"/>
      <c r="AB5708" s="5" t="s">
        <v>43</v>
      </c>
      <c r="AC5708" s="5" t="s">
        <v>44</v>
      </c>
      <c r="AD5708" s="2"/>
      <c r="AE5708" s="1"/>
    </row>
    <row r="5709" spans="1:31" ht="14.45">
      <c r="A5709" s="11"/>
      <c r="B5709" s="20"/>
      <c r="C5709" s="2" t="s">
        <v>17598</v>
      </c>
      <c r="D5709" s="14" t="s">
        <v>17599</v>
      </c>
      <c r="E5709" s="2" t="s">
        <v>17600</v>
      </c>
      <c r="F5709" s="2" t="s">
        <v>7597</v>
      </c>
      <c r="G5709" s="8">
        <v>275</v>
      </c>
      <c r="H5709" s="5">
        <v>6</v>
      </c>
      <c r="I5709" s="5" t="s">
        <v>1518</v>
      </c>
      <c r="J5709" s="5" t="s">
        <v>1519</v>
      </c>
      <c r="K5709" s="2" t="s">
        <v>1520</v>
      </c>
      <c r="L5709" s="5" t="s">
        <v>1519</v>
      </c>
      <c r="M5709" s="2" t="s">
        <v>1520</v>
      </c>
      <c r="N5709" s="5" t="s">
        <v>1521</v>
      </c>
      <c r="O5709" s="5" t="s">
        <v>38</v>
      </c>
      <c r="P5709" s="5" t="s">
        <v>39</v>
      </c>
      <c r="Q5709" s="5" t="s">
        <v>40</v>
      </c>
      <c r="R5709" s="5" t="s">
        <v>1522</v>
      </c>
      <c r="S5709" s="5" t="s">
        <v>1523</v>
      </c>
      <c r="T5709" s="5" t="s">
        <v>42</v>
      </c>
      <c r="U5709" s="2">
        <v>3.351</v>
      </c>
      <c r="V5709" s="2">
        <v>2.6509999999999998</v>
      </c>
      <c r="W5709" s="2">
        <v>0.02</v>
      </c>
      <c r="X5709" s="2">
        <v>159.1</v>
      </c>
      <c r="Y5709" s="2">
        <v>7.6</v>
      </c>
      <c r="Z5709" s="2">
        <v>16.7</v>
      </c>
      <c r="AA5709" s="5"/>
      <c r="AB5709" s="5" t="s">
        <v>43</v>
      </c>
      <c r="AC5709" s="5" t="s">
        <v>44</v>
      </c>
      <c r="AD5709" s="2"/>
      <c r="AE5709" s="1"/>
    </row>
    <row r="5710" spans="1:31" ht="14.45">
      <c r="A5710" s="11"/>
      <c r="B5710" s="20"/>
      <c r="C5710" s="2" t="s">
        <v>17601</v>
      </c>
      <c r="D5710" s="14" t="s">
        <v>17602</v>
      </c>
      <c r="E5710" s="2" t="s">
        <v>17603</v>
      </c>
      <c r="F5710" s="2" t="s">
        <v>16014</v>
      </c>
      <c r="G5710" s="8">
        <v>275</v>
      </c>
      <c r="H5710" s="5">
        <v>6</v>
      </c>
      <c r="I5710" s="5" t="s">
        <v>1518</v>
      </c>
      <c r="J5710" s="5" t="s">
        <v>1519</v>
      </c>
      <c r="K5710" s="2" t="s">
        <v>1520</v>
      </c>
      <c r="L5710" s="5" t="s">
        <v>1519</v>
      </c>
      <c r="M5710" s="2" t="s">
        <v>1520</v>
      </c>
      <c r="N5710" s="5" t="s">
        <v>1521</v>
      </c>
      <c r="O5710" s="5" t="s">
        <v>38</v>
      </c>
      <c r="P5710" s="5" t="s">
        <v>39</v>
      </c>
      <c r="Q5710" s="5" t="s">
        <v>40</v>
      </c>
      <c r="R5710" s="5" t="s">
        <v>1522</v>
      </c>
      <c r="S5710" s="5" t="s">
        <v>1523</v>
      </c>
      <c r="T5710" s="5" t="s">
        <v>42</v>
      </c>
      <c r="U5710" s="2">
        <v>3.2450000000000001</v>
      </c>
      <c r="V5710" s="2">
        <v>2.5449999999999999</v>
      </c>
      <c r="W5710" s="2">
        <v>0.02</v>
      </c>
      <c r="X5710" s="2">
        <v>159.1</v>
      </c>
      <c r="Y5710" s="2">
        <v>7.6</v>
      </c>
      <c r="Z5710" s="2">
        <v>16.7</v>
      </c>
      <c r="AA5710" s="5"/>
      <c r="AB5710" s="5" t="s">
        <v>43</v>
      </c>
      <c r="AC5710" s="5" t="s">
        <v>44</v>
      </c>
      <c r="AD5710" s="2"/>
      <c r="AE5710" s="1"/>
    </row>
    <row r="5711" spans="1:31" ht="14.45">
      <c r="A5711" s="11"/>
      <c r="B5711" s="20"/>
      <c r="C5711" s="2" t="s">
        <v>17604</v>
      </c>
      <c r="D5711" s="14" t="s">
        <v>17605</v>
      </c>
      <c r="E5711" s="2" t="s">
        <v>17606</v>
      </c>
      <c r="F5711" s="2" t="s">
        <v>16219</v>
      </c>
      <c r="G5711" s="8">
        <v>275</v>
      </c>
      <c r="H5711" s="5">
        <v>6</v>
      </c>
      <c r="I5711" s="5" t="s">
        <v>1518</v>
      </c>
      <c r="J5711" s="5" t="s">
        <v>1519</v>
      </c>
      <c r="K5711" s="2" t="s">
        <v>1520</v>
      </c>
      <c r="L5711" s="5" t="s">
        <v>1519</v>
      </c>
      <c r="M5711" s="2" t="s">
        <v>1520</v>
      </c>
      <c r="N5711" s="5" t="s">
        <v>1521</v>
      </c>
      <c r="O5711" s="5" t="s">
        <v>38</v>
      </c>
      <c r="P5711" s="5" t="s">
        <v>39</v>
      </c>
      <c r="Q5711" s="5" t="s">
        <v>40</v>
      </c>
      <c r="R5711" s="5" t="s">
        <v>1522</v>
      </c>
      <c r="S5711" s="5" t="s">
        <v>1523</v>
      </c>
      <c r="T5711" s="5" t="s">
        <v>42</v>
      </c>
      <c r="U5711" s="2">
        <v>3.351</v>
      </c>
      <c r="V5711" s="2">
        <v>2.6509999999999998</v>
      </c>
      <c r="W5711" s="2">
        <v>0.02</v>
      </c>
      <c r="X5711" s="2">
        <v>159.1</v>
      </c>
      <c r="Y5711" s="2">
        <v>7.6</v>
      </c>
      <c r="Z5711" s="2">
        <v>16.7</v>
      </c>
      <c r="AA5711" s="5"/>
      <c r="AB5711" s="5" t="s">
        <v>43</v>
      </c>
      <c r="AC5711" s="5" t="s">
        <v>44</v>
      </c>
      <c r="AD5711" s="2"/>
      <c r="AE5711" s="1"/>
    </row>
    <row r="5712" spans="1:31" ht="14.45">
      <c r="A5712" s="11"/>
      <c r="B5712" s="20"/>
      <c r="C5712" s="2" t="s">
        <v>17607</v>
      </c>
      <c r="D5712" s="14" t="s">
        <v>17608</v>
      </c>
      <c r="E5712" s="2" t="s">
        <v>17609</v>
      </c>
      <c r="F5712" s="2" t="s">
        <v>16018</v>
      </c>
      <c r="G5712" s="8">
        <v>275</v>
      </c>
      <c r="H5712" s="5">
        <v>6</v>
      </c>
      <c r="I5712" s="5" t="s">
        <v>1518</v>
      </c>
      <c r="J5712" s="5" t="s">
        <v>1519</v>
      </c>
      <c r="K5712" s="2" t="s">
        <v>1520</v>
      </c>
      <c r="L5712" s="5" t="s">
        <v>1519</v>
      </c>
      <c r="M5712" s="2" t="s">
        <v>1520</v>
      </c>
      <c r="N5712" s="5" t="s">
        <v>1521</v>
      </c>
      <c r="O5712" s="5" t="s">
        <v>38</v>
      </c>
      <c r="P5712" s="5" t="s">
        <v>39</v>
      </c>
      <c r="Q5712" s="5" t="s">
        <v>40</v>
      </c>
      <c r="R5712" s="5" t="s">
        <v>1522</v>
      </c>
      <c r="S5712" s="5" t="s">
        <v>1523</v>
      </c>
      <c r="T5712" s="5" t="s">
        <v>42</v>
      </c>
      <c r="U5712" s="2">
        <v>3.2450000000000001</v>
      </c>
      <c r="V5712" s="2">
        <v>2.5449999999999999</v>
      </c>
      <c r="W5712" s="2">
        <v>0.02</v>
      </c>
      <c r="X5712" s="2">
        <v>159.1</v>
      </c>
      <c r="Y5712" s="2">
        <v>7.6</v>
      </c>
      <c r="Z5712" s="2">
        <v>16.7</v>
      </c>
      <c r="AA5712" s="5"/>
      <c r="AB5712" s="5" t="s">
        <v>43</v>
      </c>
      <c r="AC5712" s="5" t="s">
        <v>44</v>
      </c>
      <c r="AD5712" s="2"/>
      <c r="AE5712" s="1"/>
    </row>
    <row r="5713" spans="1:31" ht="14.45">
      <c r="A5713" s="11"/>
      <c r="B5713" s="20"/>
      <c r="C5713" s="2" t="s">
        <v>17610</v>
      </c>
      <c r="D5713" s="14" t="s">
        <v>17611</v>
      </c>
      <c r="E5713" s="2" t="s">
        <v>17612</v>
      </c>
      <c r="F5713" s="2" t="s">
        <v>16022</v>
      </c>
      <c r="G5713" s="8">
        <v>275</v>
      </c>
      <c r="H5713" s="5">
        <v>6</v>
      </c>
      <c r="I5713" s="5" t="s">
        <v>1518</v>
      </c>
      <c r="J5713" s="5" t="s">
        <v>1519</v>
      </c>
      <c r="K5713" s="2" t="s">
        <v>1520</v>
      </c>
      <c r="L5713" s="5" t="s">
        <v>1519</v>
      </c>
      <c r="M5713" s="2" t="s">
        <v>1520</v>
      </c>
      <c r="N5713" s="5" t="s">
        <v>1521</v>
      </c>
      <c r="O5713" s="5" t="s">
        <v>38</v>
      </c>
      <c r="P5713" s="5" t="s">
        <v>39</v>
      </c>
      <c r="Q5713" s="5" t="s">
        <v>40</v>
      </c>
      <c r="R5713" s="5" t="s">
        <v>1522</v>
      </c>
      <c r="S5713" s="5" t="s">
        <v>1523</v>
      </c>
      <c r="T5713" s="5" t="s">
        <v>42</v>
      </c>
      <c r="U5713" s="2">
        <v>3.351</v>
      </c>
      <c r="V5713" s="2">
        <v>2.6509999999999998</v>
      </c>
      <c r="W5713" s="2">
        <v>0.02</v>
      </c>
      <c r="X5713" s="2">
        <v>159.1</v>
      </c>
      <c r="Y5713" s="2">
        <v>7.6</v>
      </c>
      <c r="Z5713" s="2">
        <v>16.7</v>
      </c>
      <c r="AA5713" s="5"/>
      <c r="AB5713" s="5" t="s">
        <v>43</v>
      </c>
      <c r="AC5713" s="5" t="s">
        <v>44</v>
      </c>
      <c r="AD5713" s="2"/>
      <c r="AE5713" s="1"/>
    </row>
    <row r="5714" spans="1:31" ht="14.45">
      <c r="A5714" s="11"/>
      <c r="B5714" s="20"/>
      <c r="C5714" s="2" t="s">
        <v>17613</v>
      </c>
      <c r="D5714" s="14" t="s">
        <v>17614</v>
      </c>
      <c r="E5714" s="2" t="s">
        <v>17615</v>
      </c>
      <c r="F5714" s="2" t="s">
        <v>7615</v>
      </c>
      <c r="G5714" s="8">
        <v>275</v>
      </c>
      <c r="H5714" s="5">
        <v>6</v>
      </c>
      <c r="I5714" s="5" t="s">
        <v>1518</v>
      </c>
      <c r="J5714" s="5" t="s">
        <v>1519</v>
      </c>
      <c r="K5714" s="2" t="s">
        <v>1520</v>
      </c>
      <c r="L5714" s="5" t="s">
        <v>1519</v>
      </c>
      <c r="M5714" s="2" t="s">
        <v>1520</v>
      </c>
      <c r="N5714" s="5" t="s">
        <v>1521</v>
      </c>
      <c r="O5714" s="5" t="s">
        <v>38</v>
      </c>
      <c r="P5714" s="5" t="s">
        <v>39</v>
      </c>
      <c r="Q5714" s="5" t="s">
        <v>40</v>
      </c>
      <c r="R5714" s="5" t="s">
        <v>1522</v>
      </c>
      <c r="S5714" s="5" t="s">
        <v>1523</v>
      </c>
      <c r="T5714" s="5" t="s">
        <v>42</v>
      </c>
      <c r="U5714" s="2">
        <v>3.2189999999999999</v>
      </c>
      <c r="V5714" s="2">
        <v>2.5190000000000001</v>
      </c>
      <c r="W5714" s="2">
        <v>0.02</v>
      </c>
      <c r="X5714" s="2">
        <v>159.1</v>
      </c>
      <c r="Y5714" s="2">
        <v>7.6</v>
      </c>
      <c r="Z5714" s="2">
        <v>16.7</v>
      </c>
      <c r="AA5714" s="5"/>
      <c r="AB5714" s="5" t="s">
        <v>43</v>
      </c>
      <c r="AC5714" s="5" t="s">
        <v>44</v>
      </c>
      <c r="AD5714" s="2"/>
      <c r="AE5714" s="1"/>
    </row>
    <row r="5715" spans="1:31" ht="14.45">
      <c r="A5715" s="11"/>
      <c r="B5715" s="20"/>
      <c r="C5715" s="2" t="s">
        <v>17616</v>
      </c>
      <c r="D5715" s="14" t="s">
        <v>17617</v>
      </c>
      <c r="E5715" s="2" t="s">
        <v>17618</v>
      </c>
      <c r="F5715" s="2" t="s">
        <v>7619</v>
      </c>
      <c r="G5715" s="8">
        <v>275</v>
      </c>
      <c r="H5715" s="5">
        <v>6</v>
      </c>
      <c r="I5715" s="5" t="s">
        <v>1518</v>
      </c>
      <c r="J5715" s="5" t="s">
        <v>1519</v>
      </c>
      <c r="K5715" s="2" t="s">
        <v>1520</v>
      </c>
      <c r="L5715" s="5" t="s">
        <v>1519</v>
      </c>
      <c r="M5715" s="2" t="s">
        <v>1520</v>
      </c>
      <c r="N5715" s="5" t="s">
        <v>1521</v>
      </c>
      <c r="O5715" s="5" t="s">
        <v>38</v>
      </c>
      <c r="P5715" s="5" t="s">
        <v>39</v>
      </c>
      <c r="Q5715" s="5" t="s">
        <v>40</v>
      </c>
      <c r="R5715" s="5" t="s">
        <v>1522</v>
      </c>
      <c r="S5715" s="5" t="s">
        <v>1523</v>
      </c>
      <c r="T5715" s="5" t="s">
        <v>42</v>
      </c>
      <c r="U5715" s="2">
        <v>3.3250000000000002</v>
      </c>
      <c r="V5715" s="2">
        <v>2.625</v>
      </c>
      <c r="W5715" s="2">
        <v>0.02</v>
      </c>
      <c r="X5715" s="2">
        <v>159.1</v>
      </c>
      <c r="Y5715" s="2">
        <v>7.6</v>
      </c>
      <c r="Z5715" s="2">
        <v>16.7</v>
      </c>
      <c r="AA5715" s="5"/>
      <c r="AB5715" s="5" t="s">
        <v>43</v>
      </c>
      <c r="AC5715" s="5" t="s">
        <v>44</v>
      </c>
      <c r="AD5715" s="2"/>
      <c r="AE5715" s="1"/>
    </row>
    <row r="5716" spans="1:31" ht="14.45">
      <c r="A5716" s="11"/>
      <c r="B5716" s="20"/>
      <c r="C5716" s="2" t="s">
        <v>17619</v>
      </c>
      <c r="D5716" s="14" t="s">
        <v>17620</v>
      </c>
      <c r="E5716" s="2" t="s">
        <v>17621</v>
      </c>
      <c r="F5716" s="2" t="s">
        <v>16029</v>
      </c>
      <c r="G5716" s="8">
        <v>275</v>
      </c>
      <c r="H5716" s="5">
        <v>11</v>
      </c>
      <c r="I5716" s="5" t="s">
        <v>1518</v>
      </c>
      <c r="J5716" s="5" t="s">
        <v>1519</v>
      </c>
      <c r="K5716" s="2" t="s">
        <v>1520</v>
      </c>
      <c r="L5716" s="5" t="s">
        <v>1519</v>
      </c>
      <c r="M5716" s="2" t="s">
        <v>1520</v>
      </c>
      <c r="N5716" s="5" t="s">
        <v>1521</v>
      </c>
      <c r="O5716" s="5" t="s">
        <v>38</v>
      </c>
      <c r="P5716" s="5" t="s">
        <v>39</v>
      </c>
      <c r="Q5716" s="5" t="s">
        <v>40</v>
      </c>
      <c r="R5716" s="5" t="s">
        <v>1522</v>
      </c>
      <c r="S5716" s="5" t="s">
        <v>1523</v>
      </c>
      <c r="T5716" s="5" t="s">
        <v>42</v>
      </c>
      <c r="U5716" s="2">
        <v>3.262</v>
      </c>
      <c r="V5716" s="2">
        <v>2.5619999999999998</v>
      </c>
      <c r="W5716" s="2">
        <v>0.02</v>
      </c>
      <c r="X5716" s="2">
        <v>159.1</v>
      </c>
      <c r="Y5716" s="2">
        <v>7.6</v>
      </c>
      <c r="Z5716" s="2">
        <v>16.7</v>
      </c>
      <c r="AA5716" s="5"/>
      <c r="AB5716" s="5" t="s">
        <v>43</v>
      </c>
      <c r="AC5716" s="5" t="s">
        <v>44</v>
      </c>
      <c r="AD5716" s="2"/>
      <c r="AE5716" s="1"/>
    </row>
    <row r="5717" spans="1:31" ht="14.45">
      <c r="A5717" s="11"/>
      <c r="B5717" s="20"/>
      <c r="C5717" s="2" t="s">
        <v>17622</v>
      </c>
      <c r="D5717" s="14" t="s">
        <v>17623</v>
      </c>
      <c r="E5717" s="2" t="s">
        <v>17624</v>
      </c>
      <c r="F5717" s="2" t="s">
        <v>16033</v>
      </c>
      <c r="G5717" s="8">
        <v>275</v>
      </c>
      <c r="H5717" s="5">
        <v>11</v>
      </c>
      <c r="I5717" s="5" t="s">
        <v>1518</v>
      </c>
      <c r="J5717" s="5" t="s">
        <v>1519</v>
      </c>
      <c r="K5717" s="2" t="s">
        <v>1520</v>
      </c>
      <c r="L5717" s="5" t="s">
        <v>1519</v>
      </c>
      <c r="M5717" s="2" t="s">
        <v>1520</v>
      </c>
      <c r="N5717" s="5" t="s">
        <v>1521</v>
      </c>
      <c r="O5717" s="5" t="s">
        <v>38</v>
      </c>
      <c r="P5717" s="5" t="s">
        <v>39</v>
      </c>
      <c r="Q5717" s="5" t="s">
        <v>40</v>
      </c>
      <c r="R5717" s="5" t="s">
        <v>1522</v>
      </c>
      <c r="S5717" s="5" t="s">
        <v>1523</v>
      </c>
      <c r="T5717" s="5" t="s">
        <v>42</v>
      </c>
      <c r="U5717" s="2">
        <v>3.3679999999999999</v>
      </c>
      <c r="V5717" s="2">
        <v>2.6680000000000001</v>
      </c>
      <c r="W5717" s="2">
        <v>0.02</v>
      </c>
      <c r="X5717" s="2">
        <v>159.1</v>
      </c>
      <c r="Y5717" s="2">
        <v>7.6</v>
      </c>
      <c r="Z5717" s="2">
        <v>16.7</v>
      </c>
      <c r="AA5717" s="5"/>
      <c r="AB5717" s="5" t="s">
        <v>43</v>
      </c>
      <c r="AC5717" s="5" t="s">
        <v>44</v>
      </c>
      <c r="AD5717" s="2"/>
      <c r="AE5717" s="1"/>
    </row>
    <row r="5718" spans="1:31" ht="14.45">
      <c r="A5718" s="11"/>
      <c r="B5718" s="20"/>
      <c r="C5718" s="2" t="s">
        <v>17625</v>
      </c>
      <c r="D5718" s="14" t="s">
        <v>17626</v>
      </c>
      <c r="E5718" s="2" t="s">
        <v>17627</v>
      </c>
      <c r="F5718" s="2" t="s">
        <v>7396</v>
      </c>
      <c r="G5718" s="8">
        <v>267</v>
      </c>
      <c r="H5718" s="5">
        <v>6</v>
      </c>
      <c r="I5718" s="5" t="s">
        <v>1518</v>
      </c>
      <c r="J5718" s="5" t="s">
        <v>1519</v>
      </c>
      <c r="K5718" s="2" t="s">
        <v>1520</v>
      </c>
      <c r="L5718" s="5" t="s">
        <v>1519</v>
      </c>
      <c r="M5718" s="2" t="s">
        <v>1520</v>
      </c>
      <c r="N5718" s="5" t="s">
        <v>1521</v>
      </c>
      <c r="O5718" s="5" t="s">
        <v>38</v>
      </c>
      <c r="P5718" s="5" t="s">
        <v>39</v>
      </c>
      <c r="Q5718" s="5" t="s">
        <v>40</v>
      </c>
      <c r="R5718" s="5" t="s">
        <v>1522</v>
      </c>
      <c r="S5718" s="5" t="s">
        <v>1523</v>
      </c>
      <c r="T5718" s="5" t="s">
        <v>42</v>
      </c>
      <c r="U5718" s="2">
        <v>3.4609999999999999</v>
      </c>
      <c r="V5718" s="2">
        <v>2.6930000000000001</v>
      </c>
      <c r="W5718" s="2">
        <v>2.1000000000000001E-2</v>
      </c>
      <c r="X5718" s="2">
        <v>165.1</v>
      </c>
      <c r="Y5718" s="2">
        <v>7.6</v>
      </c>
      <c r="Z5718" s="2">
        <v>16.7</v>
      </c>
      <c r="AA5718" s="5"/>
      <c r="AB5718" s="5" t="s">
        <v>43</v>
      </c>
      <c r="AC5718" s="5" t="s">
        <v>44</v>
      </c>
      <c r="AD5718" s="2"/>
      <c r="AE5718" s="1"/>
    </row>
    <row r="5719" spans="1:31" ht="14.45">
      <c r="A5719" s="11"/>
      <c r="B5719" s="20"/>
      <c r="C5719" s="2" t="s">
        <v>17628</v>
      </c>
      <c r="D5719" s="14" t="s">
        <v>17629</v>
      </c>
      <c r="E5719" s="2" t="s">
        <v>17630</v>
      </c>
      <c r="F5719" s="2" t="s">
        <v>7507</v>
      </c>
      <c r="G5719" s="8">
        <v>267</v>
      </c>
      <c r="H5719" s="5">
        <v>6</v>
      </c>
      <c r="I5719" s="5" t="s">
        <v>1518</v>
      </c>
      <c r="J5719" s="5" t="s">
        <v>1519</v>
      </c>
      <c r="K5719" s="2" t="s">
        <v>1520</v>
      </c>
      <c r="L5719" s="5" t="s">
        <v>1519</v>
      </c>
      <c r="M5719" s="2" t="s">
        <v>1520</v>
      </c>
      <c r="N5719" s="5" t="s">
        <v>1521</v>
      </c>
      <c r="O5719" s="5" t="s">
        <v>38</v>
      </c>
      <c r="P5719" s="5" t="s">
        <v>39</v>
      </c>
      <c r="Q5719" s="5" t="s">
        <v>40</v>
      </c>
      <c r="R5719" s="5" t="s">
        <v>1522</v>
      </c>
      <c r="S5719" s="5" t="s">
        <v>1523</v>
      </c>
      <c r="T5719" s="5" t="s">
        <v>42</v>
      </c>
      <c r="U5719" s="2">
        <v>3.5779999999999998</v>
      </c>
      <c r="V5719" s="2">
        <v>2.81</v>
      </c>
      <c r="W5719" s="2">
        <v>2.1000000000000001E-2</v>
      </c>
      <c r="X5719" s="2">
        <v>165.1</v>
      </c>
      <c r="Y5719" s="2">
        <v>7.6</v>
      </c>
      <c r="Z5719" s="2">
        <v>16.7</v>
      </c>
      <c r="AA5719" s="5"/>
      <c r="AB5719" s="5" t="s">
        <v>43</v>
      </c>
      <c r="AC5719" s="5" t="s">
        <v>44</v>
      </c>
      <c r="AD5719" s="2"/>
      <c r="AE5719" s="1"/>
    </row>
    <row r="5720" spans="1:31" ht="14.45">
      <c r="A5720" s="11"/>
      <c r="B5720" s="20"/>
      <c r="C5720" s="2" t="s">
        <v>17631</v>
      </c>
      <c r="D5720" s="14" t="s">
        <v>17632</v>
      </c>
      <c r="E5720" s="2" t="s">
        <v>17633</v>
      </c>
      <c r="F5720" s="2" t="s">
        <v>7204</v>
      </c>
      <c r="G5720" s="8">
        <v>267</v>
      </c>
      <c r="H5720" s="5">
        <v>6</v>
      </c>
      <c r="I5720" s="5" t="s">
        <v>1518</v>
      </c>
      <c r="J5720" s="5" t="s">
        <v>1519</v>
      </c>
      <c r="K5720" s="2" t="s">
        <v>1520</v>
      </c>
      <c r="L5720" s="5" t="s">
        <v>1519</v>
      </c>
      <c r="M5720" s="2" t="s">
        <v>1520</v>
      </c>
      <c r="N5720" s="5" t="s">
        <v>1521</v>
      </c>
      <c r="O5720" s="5" t="s">
        <v>38</v>
      </c>
      <c r="P5720" s="5" t="s">
        <v>39</v>
      </c>
      <c r="Q5720" s="5" t="s">
        <v>40</v>
      </c>
      <c r="R5720" s="5" t="s">
        <v>1522</v>
      </c>
      <c r="S5720" s="5" t="s">
        <v>1523</v>
      </c>
      <c r="T5720" s="5" t="s">
        <v>42</v>
      </c>
      <c r="U5720" s="2">
        <v>3.4710000000000001</v>
      </c>
      <c r="V5720" s="2">
        <v>2.7029999999999998</v>
      </c>
      <c r="W5720" s="2">
        <v>2.1000000000000001E-2</v>
      </c>
      <c r="X5720" s="2">
        <v>165.1</v>
      </c>
      <c r="Y5720" s="2">
        <v>7.6</v>
      </c>
      <c r="Z5720" s="2">
        <v>16.7</v>
      </c>
      <c r="AA5720" s="5"/>
      <c r="AB5720" s="5" t="s">
        <v>43</v>
      </c>
      <c r="AC5720" s="5" t="s">
        <v>44</v>
      </c>
      <c r="AD5720" s="2"/>
      <c r="AE5720" s="1"/>
    </row>
    <row r="5721" spans="1:31" ht="14.45">
      <c r="A5721" s="11"/>
      <c r="B5721" s="20"/>
      <c r="C5721" s="2" t="s">
        <v>17634</v>
      </c>
      <c r="D5721" s="14" t="s">
        <v>17635</v>
      </c>
      <c r="E5721" s="2" t="s">
        <v>17636</v>
      </c>
      <c r="F5721" s="2" t="s">
        <v>7514</v>
      </c>
      <c r="G5721" s="8">
        <v>267</v>
      </c>
      <c r="H5721" s="5">
        <v>6</v>
      </c>
      <c r="I5721" s="5" t="s">
        <v>1518</v>
      </c>
      <c r="J5721" s="5" t="s">
        <v>1519</v>
      </c>
      <c r="K5721" s="2" t="s">
        <v>1520</v>
      </c>
      <c r="L5721" s="5" t="s">
        <v>1519</v>
      </c>
      <c r="M5721" s="2" t="s">
        <v>1520</v>
      </c>
      <c r="N5721" s="5" t="s">
        <v>1521</v>
      </c>
      <c r="O5721" s="5" t="s">
        <v>38</v>
      </c>
      <c r="P5721" s="5" t="s">
        <v>39</v>
      </c>
      <c r="Q5721" s="5" t="s">
        <v>40</v>
      </c>
      <c r="R5721" s="5" t="s">
        <v>1522</v>
      </c>
      <c r="S5721" s="5" t="s">
        <v>1523</v>
      </c>
      <c r="T5721" s="5" t="s">
        <v>42</v>
      </c>
      <c r="U5721" s="2">
        <v>3.5880000000000001</v>
      </c>
      <c r="V5721" s="2">
        <v>2.82</v>
      </c>
      <c r="W5721" s="2">
        <v>2.1000000000000001E-2</v>
      </c>
      <c r="X5721" s="2">
        <v>165.1</v>
      </c>
      <c r="Y5721" s="2">
        <v>7.6</v>
      </c>
      <c r="Z5721" s="2">
        <v>16.7</v>
      </c>
      <c r="AA5721" s="5"/>
      <c r="AB5721" s="5" t="s">
        <v>43</v>
      </c>
      <c r="AC5721" s="5" t="s">
        <v>44</v>
      </c>
      <c r="AD5721" s="2"/>
      <c r="AE5721" s="1"/>
    </row>
    <row r="5722" spans="1:31" ht="14.45">
      <c r="A5722" s="11"/>
      <c r="B5722" s="20"/>
      <c r="C5722" s="2" t="s">
        <v>17637</v>
      </c>
      <c r="D5722" s="14" t="s">
        <v>17638</v>
      </c>
      <c r="E5722" s="2" t="s">
        <v>17639</v>
      </c>
      <c r="F5722" s="2" t="s">
        <v>7208</v>
      </c>
      <c r="G5722" s="8">
        <v>267</v>
      </c>
      <c r="H5722" s="5">
        <v>6</v>
      </c>
      <c r="I5722" s="5" t="s">
        <v>1518</v>
      </c>
      <c r="J5722" s="5" t="s">
        <v>1519</v>
      </c>
      <c r="K5722" s="2" t="s">
        <v>1520</v>
      </c>
      <c r="L5722" s="5" t="s">
        <v>1519</v>
      </c>
      <c r="M5722" s="2" t="s">
        <v>1520</v>
      </c>
      <c r="N5722" s="5" t="s">
        <v>1521</v>
      </c>
      <c r="O5722" s="5" t="s">
        <v>38</v>
      </c>
      <c r="P5722" s="5" t="s">
        <v>39</v>
      </c>
      <c r="Q5722" s="5" t="s">
        <v>40</v>
      </c>
      <c r="R5722" s="5" t="s">
        <v>1522</v>
      </c>
      <c r="S5722" s="5" t="s">
        <v>1523</v>
      </c>
      <c r="T5722" s="5" t="s">
        <v>42</v>
      </c>
      <c r="U5722" s="2">
        <v>3.4710000000000001</v>
      </c>
      <c r="V5722" s="2">
        <v>2.7029999999999998</v>
      </c>
      <c r="W5722" s="2">
        <v>2.1000000000000001E-2</v>
      </c>
      <c r="X5722" s="2">
        <v>165.1</v>
      </c>
      <c r="Y5722" s="2">
        <v>7.6</v>
      </c>
      <c r="Z5722" s="2">
        <v>16.7</v>
      </c>
      <c r="AA5722" s="5"/>
      <c r="AB5722" s="5" t="s">
        <v>43</v>
      </c>
      <c r="AC5722" s="5" t="s">
        <v>44</v>
      </c>
      <c r="AD5722" s="2"/>
      <c r="AE5722" s="1"/>
    </row>
    <row r="5723" spans="1:31" ht="14.45">
      <c r="A5723" s="11"/>
      <c r="B5723" s="20"/>
      <c r="C5723" s="2" t="s">
        <v>17640</v>
      </c>
      <c r="D5723" s="14" t="s">
        <v>17641</v>
      </c>
      <c r="E5723" s="2" t="s">
        <v>17642</v>
      </c>
      <c r="F5723" s="2" t="s">
        <v>7521</v>
      </c>
      <c r="G5723" s="8">
        <v>267</v>
      </c>
      <c r="H5723" s="5">
        <v>6</v>
      </c>
      <c r="I5723" s="5" t="s">
        <v>1518</v>
      </c>
      <c r="J5723" s="5" t="s">
        <v>1519</v>
      </c>
      <c r="K5723" s="2" t="s">
        <v>1520</v>
      </c>
      <c r="L5723" s="5" t="s">
        <v>1519</v>
      </c>
      <c r="M5723" s="2" t="s">
        <v>1520</v>
      </c>
      <c r="N5723" s="5" t="s">
        <v>1521</v>
      </c>
      <c r="O5723" s="5" t="s">
        <v>38</v>
      </c>
      <c r="P5723" s="5" t="s">
        <v>39</v>
      </c>
      <c r="Q5723" s="5" t="s">
        <v>40</v>
      </c>
      <c r="R5723" s="5" t="s">
        <v>1522</v>
      </c>
      <c r="S5723" s="5" t="s">
        <v>1523</v>
      </c>
      <c r="T5723" s="5" t="s">
        <v>42</v>
      </c>
      <c r="U5723" s="2">
        <v>3.5880000000000001</v>
      </c>
      <c r="V5723" s="2">
        <v>2.82</v>
      </c>
      <c r="W5723" s="2">
        <v>2.1000000000000001E-2</v>
      </c>
      <c r="X5723" s="2">
        <v>165.1</v>
      </c>
      <c r="Y5723" s="2">
        <v>7.6</v>
      </c>
      <c r="Z5723" s="2">
        <v>16.7</v>
      </c>
      <c r="AA5723" s="5"/>
      <c r="AB5723" s="5" t="s">
        <v>43</v>
      </c>
      <c r="AC5723" s="5" t="s">
        <v>44</v>
      </c>
      <c r="AD5723" s="2"/>
      <c r="AE5723" s="1"/>
    </row>
    <row r="5724" spans="1:31" ht="14.45">
      <c r="A5724" s="11"/>
      <c r="B5724" s="20"/>
      <c r="C5724" s="2" t="s">
        <v>17643</v>
      </c>
      <c r="D5724" s="14" t="s">
        <v>17644</v>
      </c>
      <c r="E5724" s="2" t="s">
        <v>17645</v>
      </c>
      <c r="F5724" s="2" t="s">
        <v>7212</v>
      </c>
      <c r="G5724" s="8">
        <v>267</v>
      </c>
      <c r="H5724" s="5">
        <v>6</v>
      </c>
      <c r="I5724" s="5" t="s">
        <v>1518</v>
      </c>
      <c r="J5724" s="5" t="s">
        <v>1519</v>
      </c>
      <c r="K5724" s="2" t="s">
        <v>1520</v>
      </c>
      <c r="L5724" s="5" t="s">
        <v>1519</v>
      </c>
      <c r="M5724" s="2" t="s">
        <v>1520</v>
      </c>
      <c r="N5724" s="5" t="s">
        <v>1521</v>
      </c>
      <c r="O5724" s="5" t="s">
        <v>38</v>
      </c>
      <c r="P5724" s="5" t="s">
        <v>39</v>
      </c>
      <c r="Q5724" s="5" t="s">
        <v>40</v>
      </c>
      <c r="R5724" s="5" t="s">
        <v>1522</v>
      </c>
      <c r="S5724" s="5" t="s">
        <v>1523</v>
      </c>
      <c r="T5724" s="5" t="s">
        <v>42</v>
      </c>
      <c r="U5724" s="2">
        <v>3.4409999999999998</v>
      </c>
      <c r="V5724" s="2">
        <v>2.673</v>
      </c>
      <c r="W5724" s="2">
        <v>2.1000000000000001E-2</v>
      </c>
      <c r="X5724" s="2">
        <v>165.1</v>
      </c>
      <c r="Y5724" s="2">
        <v>7.6</v>
      </c>
      <c r="Z5724" s="2">
        <v>16.7</v>
      </c>
      <c r="AA5724" s="5"/>
      <c r="AB5724" s="5" t="s">
        <v>43</v>
      </c>
      <c r="AC5724" s="5" t="s">
        <v>44</v>
      </c>
      <c r="AD5724" s="2"/>
      <c r="AE5724" s="1"/>
    </row>
    <row r="5725" spans="1:31" ht="14.45">
      <c r="A5725" s="11"/>
      <c r="B5725" s="20"/>
      <c r="C5725" s="2" t="s">
        <v>17646</v>
      </c>
      <c r="D5725" s="14" t="s">
        <v>17647</v>
      </c>
      <c r="E5725" s="2" t="s">
        <v>17648</v>
      </c>
      <c r="F5725" s="2" t="s">
        <v>7528</v>
      </c>
      <c r="G5725" s="8">
        <v>267</v>
      </c>
      <c r="H5725" s="5">
        <v>6</v>
      </c>
      <c r="I5725" s="5" t="s">
        <v>1518</v>
      </c>
      <c r="J5725" s="5" t="s">
        <v>1519</v>
      </c>
      <c r="K5725" s="2" t="s">
        <v>1520</v>
      </c>
      <c r="L5725" s="5" t="s">
        <v>1519</v>
      </c>
      <c r="M5725" s="2" t="s">
        <v>1520</v>
      </c>
      <c r="N5725" s="5" t="s">
        <v>1521</v>
      </c>
      <c r="O5725" s="5" t="s">
        <v>38</v>
      </c>
      <c r="P5725" s="5" t="s">
        <v>39</v>
      </c>
      <c r="Q5725" s="5" t="s">
        <v>40</v>
      </c>
      <c r="R5725" s="5" t="s">
        <v>1522</v>
      </c>
      <c r="S5725" s="5" t="s">
        <v>1523</v>
      </c>
      <c r="T5725" s="5" t="s">
        <v>42</v>
      </c>
      <c r="U5725" s="2">
        <v>3.5579999999999998</v>
      </c>
      <c r="V5725" s="2">
        <v>2.79</v>
      </c>
      <c r="W5725" s="2">
        <v>2.1000000000000001E-2</v>
      </c>
      <c r="X5725" s="2">
        <v>165.1</v>
      </c>
      <c r="Y5725" s="2">
        <v>7.6</v>
      </c>
      <c r="Z5725" s="2">
        <v>16.7</v>
      </c>
      <c r="AA5725" s="5"/>
      <c r="AB5725" s="5" t="s">
        <v>43</v>
      </c>
      <c r="AC5725" s="5" t="s">
        <v>44</v>
      </c>
      <c r="AD5725" s="2"/>
      <c r="AE5725" s="1"/>
    </row>
    <row r="5726" spans="1:31" ht="14.45">
      <c r="A5726" s="11"/>
      <c r="B5726" s="20"/>
      <c r="C5726" s="2" t="s">
        <v>17649</v>
      </c>
      <c r="D5726" s="14" t="s">
        <v>17650</v>
      </c>
      <c r="E5726" s="2" t="s">
        <v>17651</v>
      </c>
      <c r="F5726" s="2" t="s">
        <v>7406</v>
      </c>
      <c r="G5726" s="8">
        <v>287</v>
      </c>
      <c r="H5726" s="5">
        <v>6</v>
      </c>
      <c r="I5726" s="5" t="s">
        <v>1518</v>
      </c>
      <c r="J5726" s="5" t="s">
        <v>1519</v>
      </c>
      <c r="K5726" s="2" t="s">
        <v>1520</v>
      </c>
      <c r="L5726" s="5" t="s">
        <v>1519</v>
      </c>
      <c r="M5726" s="2" t="s">
        <v>1520</v>
      </c>
      <c r="N5726" s="5" t="s">
        <v>1521</v>
      </c>
      <c r="O5726" s="5" t="s">
        <v>38</v>
      </c>
      <c r="P5726" s="5" t="s">
        <v>39</v>
      </c>
      <c r="Q5726" s="5" t="s">
        <v>40</v>
      </c>
      <c r="R5726" s="5" t="s">
        <v>1522</v>
      </c>
      <c r="S5726" s="5" t="s">
        <v>1523</v>
      </c>
      <c r="T5726" s="5" t="s">
        <v>42</v>
      </c>
      <c r="U5726" s="2">
        <v>3.4409999999999998</v>
      </c>
      <c r="V5726" s="2">
        <v>2.673</v>
      </c>
      <c r="W5726" s="2">
        <v>2.1000000000000001E-2</v>
      </c>
      <c r="X5726" s="2">
        <v>165.1</v>
      </c>
      <c r="Y5726" s="2">
        <v>7.6</v>
      </c>
      <c r="Z5726" s="2">
        <v>16.7</v>
      </c>
      <c r="AA5726" s="5"/>
      <c r="AB5726" s="5" t="s">
        <v>43</v>
      </c>
      <c r="AC5726" s="5" t="s">
        <v>44</v>
      </c>
      <c r="AD5726" s="2"/>
      <c r="AE5726" s="1"/>
    </row>
    <row r="5727" spans="1:31" ht="14.45">
      <c r="A5727" s="11"/>
      <c r="B5727" s="20"/>
      <c r="C5727" s="2" t="s">
        <v>17652</v>
      </c>
      <c r="D5727" s="14" t="s">
        <v>17653</v>
      </c>
      <c r="E5727" s="2" t="s">
        <v>17654</v>
      </c>
      <c r="F5727" s="2" t="s">
        <v>7535</v>
      </c>
      <c r="G5727" s="8">
        <v>287</v>
      </c>
      <c r="H5727" s="5">
        <v>6</v>
      </c>
      <c r="I5727" s="5" t="s">
        <v>1518</v>
      </c>
      <c r="J5727" s="5" t="s">
        <v>1519</v>
      </c>
      <c r="K5727" s="2" t="s">
        <v>1520</v>
      </c>
      <c r="L5727" s="5" t="s">
        <v>1519</v>
      </c>
      <c r="M5727" s="2" t="s">
        <v>1520</v>
      </c>
      <c r="N5727" s="5" t="s">
        <v>1521</v>
      </c>
      <c r="O5727" s="5" t="s">
        <v>38</v>
      </c>
      <c r="P5727" s="5" t="s">
        <v>39</v>
      </c>
      <c r="Q5727" s="5" t="s">
        <v>40</v>
      </c>
      <c r="R5727" s="5" t="s">
        <v>1522</v>
      </c>
      <c r="S5727" s="5" t="s">
        <v>1523</v>
      </c>
      <c r="T5727" s="5" t="s">
        <v>42</v>
      </c>
      <c r="U5727" s="2">
        <v>3.5579999999999998</v>
      </c>
      <c r="V5727" s="2">
        <v>2.79</v>
      </c>
      <c r="W5727" s="2">
        <v>2.1000000000000001E-2</v>
      </c>
      <c r="X5727" s="2">
        <v>165.1</v>
      </c>
      <c r="Y5727" s="2">
        <v>7.6</v>
      </c>
      <c r="Z5727" s="2">
        <v>16.7</v>
      </c>
      <c r="AA5727" s="5"/>
      <c r="AB5727" s="5" t="s">
        <v>43</v>
      </c>
      <c r="AC5727" s="5" t="s">
        <v>44</v>
      </c>
      <c r="AD5727" s="2"/>
      <c r="AE5727" s="1"/>
    </row>
    <row r="5728" spans="1:31" ht="14.45">
      <c r="A5728" s="11"/>
      <c r="B5728" s="20"/>
      <c r="C5728" s="2" t="s">
        <v>17655</v>
      </c>
      <c r="D5728" s="14" t="s">
        <v>17656</v>
      </c>
      <c r="E5728" s="2" t="s">
        <v>17657</v>
      </c>
      <c r="F5728" s="2" t="s">
        <v>7539</v>
      </c>
      <c r="G5728" s="8">
        <v>287</v>
      </c>
      <c r="H5728" s="5">
        <v>6</v>
      </c>
      <c r="I5728" s="5" t="s">
        <v>1518</v>
      </c>
      <c r="J5728" s="5" t="s">
        <v>1519</v>
      </c>
      <c r="K5728" s="2" t="s">
        <v>1520</v>
      </c>
      <c r="L5728" s="5" t="s">
        <v>1519</v>
      </c>
      <c r="M5728" s="2" t="s">
        <v>1520</v>
      </c>
      <c r="N5728" s="5" t="s">
        <v>1521</v>
      </c>
      <c r="O5728" s="5" t="s">
        <v>38</v>
      </c>
      <c r="P5728" s="5" t="s">
        <v>39</v>
      </c>
      <c r="Q5728" s="5" t="s">
        <v>40</v>
      </c>
      <c r="R5728" s="5" t="s">
        <v>1522</v>
      </c>
      <c r="S5728" s="5" t="s">
        <v>1523</v>
      </c>
      <c r="T5728" s="5" t="s">
        <v>42</v>
      </c>
      <c r="U5728" s="2">
        <v>3.4710000000000001</v>
      </c>
      <c r="V5728" s="2">
        <v>2.7029999999999998</v>
      </c>
      <c r="W5728" s="2">
        <v>2.1000000000000001E-2</v>
      </c>
      <c r="X5728" s="2">
        <v>165.1</v>
      </c>
      <c r="Y5728" s="2">
        <v>7.6</v>
      </c>
      <c r="Z5728" s="2">
        <v>16.7</v>
      </c>
      <c r="AA5728" s="5"/>
      <c r="AB5728" s="5" t="s">
        <v>43</v>
      </c>
      <c r="AC5728" s="5" t="s">
        <v>44</v>
      </c>
      <c r="AD5728" s="2"/>
      <c r="AE5728" s="1"/>
    </row>
    <row r="5729" spans="1:31" ht="14.45">
      <c r="A5729" s="11"/>
      <c r="B5729" s="20"/>
      <c r="C5729" s="2" t="s">
        <v>17658</v>
      </c>
      <c r="D5729" s="14" t="s">
        <v>17659</v>
      </c>
      <c r="E5729" s="2" t="s">
        <v>17660</v>
      </c>
      <c r="F5729" s="2" t="s">
        <v>7543</v>
      </c>
      <c r="G5729" s="8">
        <v>287</v>
      </c>
      <c r="H5729" s="5">
        <v>6</v>
      </c>
      <c r="I5729" s="5" t="s">
        <v>1518</v>
      </c>
      <c r="J5729" s="5" t="s">
        <v>1519</v>
      </c>
      <c r="K5729" s="2" t="s">
        <v>1520</v>
      </c>
      <c r="L5729" s="5" t="s">
        <v>1519</v>
      </c>
      <c r="M5729" s="2" t="s">
        <v>1520</v>
      </c>
      <c r="N5729" s="5" t="s">
        <v>1521</v>
      </c>
      <c r="O5729" s="5" t="s">
        <v>38</v>
      </c>
      <c r="P5729" s="5" t="s">
        <v>39</v>
      </c>
      <c r="Q5729" s="5" t="s">
        <v>40</v>
      </c>
      <c r="R5729" s="5" t="s">
        <v>1522</v>
      </c>
      <c r="S5729" s="5" t="s">
        <v>1523</v>
      </c>
      <c r="T5729" s="5" t="s">
        <v>42</v>
      </c>
      <c r="U5729" s="2">
        <v>3.5880000000000001</v>
      </c>
      <c r="V5729" s="2">
        <v>2.82</v>
      </c>
      <c r="W5729" s="2">
        <v>2.1000000000000001E-2</v>
      </c>
      <c r="X5729" s="2">
        <v>165.1</v>
      </c>
      <c r="Y5729" s="2">
        <v>7.6</v>
      </c>
      <c r="Z5729" s="2">
        <v>16.7</v>
      </c>
      <c r="AA5729" s="5"/>
      <c r="AB5729" s="5" t="s">
        <v>43</v>
      </c>
      <c r="AC5729" s="5" t="s">
        <v>44</v>
      </c>
      <c r="AD5729" s="2"/>
      <c r="AE5729" s="1"/>
    </row>
    <row r="5730" spans="1:31" ht="14.45">
      <c r="A5730" s="11"/>
      <c r="B5730" s="20"/>
      <c r="C5730" s="2" t="s">
        <v>17661</v>
      </c>
      <c r="D5730" s="14" t="s">
        <v>17662</v>
      </c>
      <c r="E5730" s="2" t="s">
        <v>17663</v>
      </c>
      <c r="F5730" s="2" t="s">
        <v>7563</v>
      </c>
      <c r="G5730" s="8">
        <v>287</v>
      </c>
      <c r="H5730" s="5">
        <v>6</v>
      </c>
      <c r="I5730" s="5" t="s">
        <v>1518</v>
      </c>
      <c r="J5730" s="5" t="s">
        <v>1519</v>
      </c>
      <c r="K5730" s="2" t="s">
        <v>1520</v>
      </c>
      <c r="L5730" s="5" t="s">
        <v>1519</v>
      </c>
      <c r="M5730" s="2" t="s">
        <v>1520</v>
      </c>
      <c r="N5730" s="5" t="s">
        <v>1521</v>
      </c>
      <c r="O5730" s="5" t="s">
        <v>38</v>
      </c>
      <c r="P5730" s="5" t="s">
        <v>39</v>
      </c>
      <c r="Q5730" s="5" t="s">
        <v>40</v>
      </c>
      <c r="R5730" s="5" t="s">
        <v>1522</v>
      </c>
      <c r="S5730" s="5" t="s">
        <v>1523</v>
      </c>
      <c r="T5730" s="5" t="s">
        <v>42</v>
      </c>
      <c r="U5730" s="2">
        <v>3.4710000000000001</v>
      </c>
      <c r="V5730" s="2">
        <v>2.7029999999999998</v>
      </c>
      <c r="W5730" s="2">
        <v>2.1000000000000001E-2</v>
      </c>
      <c r="X5730" s="2">
        <v>165.1</v>
      </c>
      <c r="Y5730" s="2">
        <v>7.6</v>
      </c>
      <c r="Z5730" s="2">
        <v>16.7</v>
      </c>
      <c r="AA5730" s="5"/>
      <c r="AB5730" s="5" t="s">
        <v>43</v>
      </c>
      <c r="AC5730" s="5" t="s">
        <v>44</v>
      </c>
      <c r="AD5730" s="2"/>
      <c r="AE5730" s="1"/>
    </row>
    <row r="5731" spans="1:31" ht="14.45">
      <c r="A5731" s="11"/>
      <c r="B5731" s="20"/>
      <c r="C5731" s="2" t="s">
        <v>17664</v>
      </c>
      <c r="D5731" s="14" t="s">
        <v>17665</v>
      </c>
      <c r="E5731" s="2" t="s">
        <v>17666</v>
      </c>
      <c r="F5731" s="2" t="s">
        <v>7567</v>
      </c>
      <c r="G5731" s="8">
        <v>287</v>
      </c>
      <c r="H5731" s="5">
        <v>6</v>
      </c>
      <c r="I5731" s="5" t="s">
        <v>1518</v>
      </c>
      <c r="J5731" s="5" t="s">
        <v>1519</v>
      </c>
      <c r="K5731" s="2" t="s">
        <v>1520</v>
      </c>
      <c r="L5731" s="5" t="s">
        <v>1519</v>
      </c>
      <c r="M5731" s="2" t="s">
        <v>1520</v>
      </c>
      <c r="N5731" s="5" t="s">
        <v>1521</v>
      </c>
      <c r="O5731" s="5" t="s">
        <v>38</v>
      </c>
      <c r="P5731" s="5" t="s">
        <v>39</v>
      </c>
      <c r="Q5731" s="5" t="s">
        <v>40</v>
      </c>
      <c r="R5731" s="5" t="s">
        <v>1522</v>
      </c>
      <c r="S5731" s="5" t="s">
        <v>1523</v>
      </c>
      <c r="T5731" s="5" t="s">
        <v>42</v>
      </c>
      <c r="U5731" s="2">
        <v>3.5880000000000001</v>
      </c>
      <c r="V5731" s="2">
        <v>2.82</v>
      </c>
      <c r="W5731" s="2">
        <v>2.1000000000000001E-2</v>
      </c>
      <c r="X5731" s="2">
        <v>165.1</v>
      </c>
      <c r="Y5731" s="2">
        <v>7.6</v>
      </c>
      <c r="Z5731" s="2">
        <v>16.7</v>
      </c>
      <c r="AA5731" s="5"/>
      <c r="AB5731" s="5" t="s">
        <v>43</v>
      </c>
      <c r="AC5731" s="5" t="s">
        <v>44</v>
      </c>
      <c r="AD5731" s="2"/>
      <c r="AE5731" s="1"/>
    </row>
    <row r="5732" spans="1:31" ht="14.45">
      <c r="A5732" s="11"/>
      <c r="B5732" s="20"/>
      <c r="C5732" s="2" t="s">
        <v>17667</v>
      </c>
      <c r="D5732" s="14" t="s">
        <v>17668</v>
      </c>
      <c r="E5732" s="2" t="s">
        <v>17669</v>
      </c>
      <c r="F5732" s="2" t="s">
        <v>7449</v>
      </c>
      <c r="G5732" s="8">
        <v>287</v>
      </c>
      <c r="H5732" s="5">
        <v>6</v>
      </c>
      <c r="I5732" s="5" t="s">
        <v>1518</v>
      </c>
      <c r="J5732" s="5" t="s">
        <v>1519</v>
      </c>
      <c r="K5732" s="2" t="s">
        <v>1520</v>
      </c>
      <c r="L5732" s="5" t="s">
        <v>1519</v>
      </c>
      <c r="M5732" s="2" t="s">
        <v>1520</v>
      </c>
      <c r="N5732" s="5" t="s">
        <v>1521</v>
      </c>
      <c r="O5732" s="5" t="s">
        <v>38</v>
      </c>
      <c r="P5732" s="5" t="s">
        <v>39</v>
      </c>
      <c r="Q5732" s="5" t="s">
        <v>40</v>
      </c>
      <c r="R5732" s="5" t="s">
        <v>1522</v>
      </c>
      <c r="S5732" s="5" t="s">
        <v>1523</v>
      </c>
      <c r="T5732" s="5" t="s">
        <v>42</v>
      </c>
      <c r="U5732" s="2">
        <v>3.4710000000000001</v>
      </c>
      <c r="V5732" s="2">
        <v>2.7029999999999998</v>
      </c>
      <c r="W5732" s="2">
        <v>2.1000000000000001E-2</v>
      </c>
      <c r="X5732" s="2">
        <v>165.1</v>
      </c>
      <c r="Y5732" s="2">
        <v>7.6</v>
      </c>
      <c r="Z5732" s="2">
        <v>16.7</v>
      </c>
      <c r="AA5732" s="5"/>
      <c r="AB5732" s="5" t="s">
        <v>43</v>
      </c>
      <c r="AC5732" s="5" t="s">
        <v>44</v>
      </c>
      <c r="AD5732" s="2"/>
      <c r="AE5732" s="1"/>
    </row>
    <row r="5733" spans="1:31" ht="14.45">
      <c r="A5733" s="11"/>
      <c r="B5733" s="20"/>
      <c r="C5733" s="2" t="s">
        <v>17670</v>
      </c>
      <c r="D5733" s="14" t="s">
        <v>17671</v>
      </c>
      <c r="E5733" s="2" t="s">
        <v>17672</v>
      </c>
      <c r="F5733" s="2" t="s">
        <v>7581</v>
      </c>
      <c r="G5733" s="8">
        <v>287</v>
      </c>
      <c r="H5733" s="5">
        <v>6</v>
      </c>
      <c r="I5733" s="5" t="s">
        <v>1518</v>
      </c>
      <c r="J5733" s="5" t="s">
        <v>1519</v>
      </c>
      <c r="K5733" s="2" t="s">
        <v>1520</v>
      </c>
      <c r="L5733" s="5" t="s">
        <v>1519</v>
      </c>
      <c r="M5733" s="2" t="s">
        <v>1520</v>
      </c>
      <c r="N5733" s="5" t="s">
        <v>1521</v>
      </c>
      <c r="O5733" s="5" t="s">
        <v>38</v>
      </c>
      <c r="P5733" s="5" t="s">
        <v>39</v>
      </c>
      <c r="Q5733" s="5" t="s">
        <v>40</v>
      </c>
      <c r="R5733" s="5" t="s">
        <v>1522</v>
      </c>
      <c r="S5733" s="5" t="s">
        <v>1523</v>
      </c>
      <c r="T5733" s="5" t="s">
        <v>42</v>
      </c>
      <c r="U5733" s="2">
        <v>3.5880000000000001</v>
      </c>
      <c r="V5733" s="2">
        <v>2.82</v>
      </c>
      <c r="W5733" s="2">
        <v>2.1000000000000001E-2</v>
      </c>
      <c r="X5733" s="2">
        <v>165.1</v>
      </c>
      <c r="Y5733" s="2">
        <v>7.6</v>
      </c>
      <c r="Z5733" s="2">
        <v>16.7</v>
      </c>
      <c r="AA5733" s="5"/>
      <c r="AB5733" s="5" t="s">
        <v>43</v>
      </c>
      <c r="AC5733" s="5" t="s">
        <v>44</v>
      </c>
      <c r="AD5733" s="2"/>
      <c r="AE5733" s="1"/>
    </row>
    <row r="5734" spans="1:31" ht="14.45">
      <c r="A5734" s="11"/>
      <c r="B5734" s="20"/>
      <c r="C5734" s="2" t="s">
        <v>17673</v>
      </c>
      <c r="D5734" s="14" t="s">
        <v>17674</v>
      </c>
      <c r="E5734" s="2" t="s">
        <v>17675</v>
      </c>
      <c r="F5734" s="2" t="s">
        <v>16219</v>
      </c>
      <c r="G5734" s="8">
        <v>287</v>
      </c>
      <c r="H5734" s="5">
        <v>6</v>
      </c>
      <c r="I5734" s="5" t="s">
        <v>1518</v>
      </c>
      <c r="J5734" s="5" t="s">
        <v>1519</v>
      </c>
      <c r="K5734" s="2" t="s">
        <v>1520</v>
      </c>
      <c r="L5734" s="5" t="s">
        <v>1519</v>
      </c>
      <c r="M5734" s="2" t="s">
        <v>1520</v>
      </c>
      <c r="N5734" s="5" t="s">
        <v>1521</v>
      </c>
      <c r="O5734" s="5" t="s">
        <v>38</v>
      </c>
      <c r="P5734" s="5" t="s">
        <v>39</v>
      </c>
      <c r="Q5734" s="5" t="s">
        <v>40</v>
      </c>
      <c r="R5734" s="5" t="s">
        <v>1522</v>
      </c>
      <c r="S5734" s="5" t="s">
        <v>1523</v>
      </c>
      <c r="T5734" s="5" t="s">
        <v>42</v>
      </c>
      <c r="U5734" s="2">
        <v>3.5880000000000001</v>
      </c>
      <c r="V5734" s="2">
        <v>2.82</v>
      </c>
      <c r="W5734" s="2">
        <v>2.1000000000000001E-2</v>
      </c>
      <c r="X5734" s="2">
        <v>165.1</v>
      </c>
      <c r="Y5734" s="2">
        <v>7.6</v>
      </c>
      <c r="Z5734" s="2">
        <v>16.7</v>
      </c>
      <c r="AA5734" s="5"/>
      <c r="AB5734" s="5" t="s">
        <v>43</v>
      </c>
      <c r="AC5734" s="5" t="s">
        <v>44</v>
      </c>
      <c r="AD5734" s="2"/>
      <c r="AE5734" s="1"/>
    </row>
    <row r="5735" spans="1:31" ht="14.45">
      <c r="A5735" s="11"/>
      <c r="B5735" s="20"/>
      <c r="C5735" s="2" t="s">
        <v>17676</v>
      </c>
      <c r="D5735" s="14" t="s">
        <v>17677</v>
      </c>
      <c r="E5735" s="2" t="s">
        <v>17678</v>
      </c>
      <c r="F5735" s="2" t="s">
        <v>16022</v>
      </c>
      <c r="G5735" s="8">
        <v>287</v>
      </c>
      <c r="H5735" s="5">
        <v>6</v>
      </c>
      <c r="I5735" s="5" t="s">
        <v>1518</v>
      </c>
      <c r="J5735" s="5" t="s">
        <v>1519</v>
      </c>
      <c r="K5735" s="2" t="s">
        <v>1520</v>
      </c>
      <c r="L5735" s="5" t="s">
        <v>1519</v>
      </c>
      <c r="M5735" s="2" t="s">
        <v>1520</v>
      </c>
      <c r="N5735" s="5" t="s">
        <v>1521</v>
      </c>
      <c r="O5735" s="5" t="s">
        <v>38</v>
      </c>
      <c r="P5735" s="5" t="s">
        <v>39</v>
      </c>
      <c r="Q5735" s="5" t="s">
        <v>40</v>
      </c>
      <c r="R5735" s="5" t="s">
        <v>1522</v>
      </c>
      <c r="S5735" s="5" t="s">
        <v>1523</v>
      </c>
      <c r="T5735" s="5" t="s">
        <v>42</v>
      </c>
      <c r="U5735" s="2">
        <v>3.5880000000000001</v>
      </c>
      <c r="V5735" s="2">
        <v>2.82</v>
      </c>
      <c r="W5735" s="2">
        <v>2.1000000000000001E-2</v>
      </c>
      <c r="X5735" s="2">
        <v>165.1</v>
      </c>
      <c r="Y5735" s="2">
        <v>7.6</v>
      </c>
      <c r="Z5735" s="2">
        <v>16.7</v>
      </c>
      <c r="AA5735" s="5"/>
      <c r="AB5735" s="5" t="s">
        <v>43</v>
      </c>
      <c r="AC5735" s="5" t="s">
        <v>44</v>
      </c>
      <c r="AD5735" s="2"/>
      <c r="AE5735" s="1"/>
    </row>
    <row r="5736" spans="1:31" ht="14.45">
      <c r="A5736" s="11"/>
      <c r="B5736" s="20"/>
      <c r="C5736" s="2" t="s">
        <v>17679</v>
      </c>
      <c r="D5736" s="14" t="s">
        <v>17680</v>
      </c>
      <c r="E5736" s="2" t="s">
        <v>17681</v>
      </c>
      <c r="F5736" s="2" t="s">
        <v>7615</v>
      </c>
      <c r="G5736" s="8">
        <v>287</v>
      </c>
      <c r="H5736" s="5">
        <v>6</v>
      </c>
      <c r="I5736" s="5" t="s">
        <v>1518</v>
      </c>
      <c r="J5736" s="5" t="s">
        <v>1519</v>
      </c>
      <c r="K5736" s="2" t="s">
        <v>1520</v>
      </c>
      <c r="L5736" s="5" t="s">
        <v>1519</v>
      </c>
      <c r="M5736" s="2" t="s">
        <v>1520</v>
      </c>
      <c r="N5736" s="5" t="s">
        <v>1521</v>
      </c>
      <c r="O5736" s="5" t="s">
        <v>38</v>
      </c>
      <c r="P5736" s="5" t="s">
        <v>39</v>
      </c>
      <c r="Q5736" s="5" t="s">
        <v>40</v>
      </c>
      <c r="R5736" s="5" t="s">
        <v>1522</v>
      </c>
      <c r="S5736" s="5" t="s">
        <v>1523</v>
      </c>
      <c r="T5736" s="5" t="s">
        <v>42</v>
      </c>
      <c r="U5736" s="2">
        <v>3.4409999999999998</v>
      </c>
      <c r="V5736" s="2">
        <v>2.673</v>
      </c>
      <c r="W5736" s="2">
        <v>2.1000000000000001E-2</v>
      </c>
      <c r="X5736" s="2">
        <v>165.1</v>
      </c>
      <c r="Y5736" s="2">
        <v>7.6</v>
      </c>
      <c r="Z5736" s="2">
        <v>16.7</v>
      </c>
      <c r="AA5736" s="5"/>
      <c r="AB5736" s="5" t="s">
        <v>43</v>
      </c>
      <c r="AC5736" s="5" t="s">
        <v>44</v>
      </c>
      <c r="AD5736" s="2"/>
      <c r="AE5736" s="1"/>
    </row>
    <row r="5737" spans="1:31" ht="14.45">
      <c r="A5737" s="11"/>
      <c r="B5737" s="20"/>
      <c r="C5737" s="2" t="s">
        <v>17682</v>
      </c>
      <c r="D5737" s="14" t="s">
        <v>17683</v>
      </c>
      <c r="E5737" s="2" t="s">
        <v>17684</v>
      </c>
      <c r="F5737" s="2" t="s">
        <v>7619</v>
      </c>
      <c r="G5737" s="8">
        <v>287</v>
      </c>
      <c r="H5737" s="5">
        <v>6</v>
      </c>
      <c r="I5737" s="5" t="s">
        <v>1518</v>
      </c>
      <c r="J5737" s="5" t="s">
        <v>1519</v>
      </c>
      <c r="K5737" s="2" t="s">
        <v>1520</v>
      </c>
      <c r="L5737" s="5" t="s">
        <v>1519</v>
      </c>
      <c r="M5737" s="2" t="s">
        <v>1520</v>
      </c>
      <c r="N5737" s="5" t="s">
        <v>1521</v>
      </c>
      <c r="O5737" s="5" t="s">
        <v>38</v>
      </c>
      <c r="P5737" s="5" t="s">
        <v>39</v>
      </c>
      <c r="Q5737" s="5" t="s">
        <v>40</v>
      </c>
      <c r="R5737" s="5" t="s">
        <v>1522</v>
      </c>
      <c r="S5737" s="5" t="s">
        <v>1523</v>
      </c>
      <c r="T5737" s="5" t="s">
        <v>42</v>
      </c>
      <c r="U5737" s="2">
        <v>3.5579999999999998</v>
      </c>
      <c r="V5737" s="2">
        <v>2.79</v>
      </c>
      <c r="W5737" s="2">
        <v>2.1000000000000001E-2</v>
      </c>
      <c r="X5737" s="2">
        <v>165.1</v>
      </c>
      <c r="Y5737" s="2">
        <v>7.6</v>
      </c>
      <c r="Z5737" s="2">
        <v>16.7</v>
      </c>
      <c r="AA5737" s="5"/>
      <c r="AB5737" s="5" t="s">
        <v>43</v>
      </c>
      <c r="AC5737" s="5" t="s">
        <v>44</v>
      </c>
      <c r="AD5737" s="2"/>
      <c r="AE5737" s="1"/>
    </row>
    <row r="5738" spans="1:31" ht="14.45">
      <c r="A5738" s="11"/>
      <c r="B5738" s="20"/>
      <c r="C5738" s="2" t="s">
        <v>17685</v>
      </c>
      <c r="D5738" s="14" t="s">
        <v>17686</v>
      </c>
      <c r="E5738" s="2" t="s">
        <v>17687</v>
      </c>
      <c r="F5738" s="2" t="s">
        <v>16029</v>
      </c>
      <c r="G5738" s="8">
        <v>287</v>
      </c>
      <c r="H5738" s="5">
        <v>11</v>
      </c>
      <c r="I5738" s="5" t="s">
        <v>1518</v>
      </c>
      <c r="J5738" s="5" t="s">
        <v>1519</v>
      </c>
      <c r="K5738" s="2" t="s">
        <v>1520</v>
      </c>
      <c r="L5738" s="5" t="s">
        <v>1519</v>
      </c>
      <c r="M5738" s="2" t="s">
        <v>1520</v>
      </c>
      <c r="N5738" s="5" t="s">
        <v>1521</v>
      </c>
      <c r="O5738" s="5" t="s">
        <v>38</v>
      </c>
      <c r="P5738" s="5" t="s">
        <v>39</v>
      </c>
      <c r="Q5738" s="5" t="s">
        <v>40</v>
      </c>
      <c r="R5738" s="5" t="s">
        <v>1522</v>
      </c>
      <c r="S5738" s="5" t="s">
        <v>1523</v>
      </c>
      <c r="T5738" s="5" t="s">
        <v>42</v>
      </c>
      <c r="U5738" s="2">
        <v>3.488</v>
      </c>
      <c r="V5738" s="2">
        <v>2.72</v>
      </c>
      <c r="W5738" s="2">
        <v>2.1000000000000001E-2</v>
      </c>
      <c r="X5738" s="2">
        <v>165.1</v>
      </c>
      <c r="Y5738" s="2">
        <v>7.6</v>
      </c>
      <c r="Z5738" s="2">
        <v>16.7</v>
      </c>
      <c r="AA5738" s="5"/>
      <c r="AB5738" s="5" t="s">
        <v>43</v>
      </c>
      <c r="AC5738" s="5" t="s">
        <v>44</v>
      </c>
      <c r="AD5738" s="2"/>
      <c r="AE5738" s="1"/>
    </row>
    <row r="5739" spans="1:31" ht="14.45">
      <c r="A5739" s="11"/>
      <c r="B5739" s="20"/>
      <c r="C5739" s="2" t="s">
        <v>17688</v>
      </c>
      <c r="D5739" s="14" t="s">
        <v>17689</v>
      </c>
      <c r="E5739" s="2" t="s">
        <v>17690</v>
      </c>
      <c r="F5739" s="2" t="s">
        <v>16033</v>
      </c>
      <c r="G5739" s="8">
        <v>287</v>
      </c>
      <c r="H5739" s="5">
        <v>11</v>
      </c>
      <c r="I5739" s="5" t="s">
        <v>1518</v>
      </c>
      <c r="J5739" s="5" t="s">
        <v>1519</v>
      </c>
      <c r="K5739" s="2" t="s">
        <v>1520</v>
      </c>
      <c r="L5739" s="5" t="s">
        <v>1519</v>
      </c>
      <c r="M5739" s="2" t="s">
        <v>1520</v>
      </c>
      <c r="N5739" s="5" t="s">
        <v>1521</v>
      </c>
      <c r="O5739" s="5" t="s">
        <v>38</v>
      </c>
      <c r="P5739" s="5" t="s">
        <v>39</v>
      </c>
      <c r="Q5739" s="5" t="s">
        <v>40</v>
      </c>
      <c r="R5739" s="5" t="s">
        <v>1522</v>
      </c>
      <c r="S5739" s="5" t="s">
        <v>1523</v>
      </c>
      <c r="T5739" s="5" t="s">
        <v>42</v>
      </c>
      <c r="U5739" s="2">
        <v>3.605</v>
      </c>
      <c r="V5739" s="2">
        <v>2.8370000000000002</v>
      </c>
      <c r="W5739" s="2">
        <v>2.1000000000000001E-2</v>
      </c>
      <c r="X5739" s="2">
        <v>165.1</v>
      </c>
      <c r="Y5739" s="2">
        <v>7.6</v>
      </c>
      <c r="Z5739" s="2">
        <v>16.7</v>
      </c>
      <c r="AA5739" s="5"/>
      <c r="AB5739" s="5" t="s">
        <v>43</v>
      </c>
      <c r="AC5739" s="5" t="s">
        <v>44</v>
      </c>
      <c r="AD5739" s="2"/>
      <c r="AE5739" s="1"/>
    </row>
    <row r="5740" spans="1:31" ht="14.45">
      <c r="A5740" s="11"/>
      <c r="B5740" s="20"/>
      <c r="C5740" s="2" t="s">
        <v>17691</v>
      </c>
      <c r="D5740" s="14" t="s">
        <v>17692</v>
      </c>
      <c r="E5740" s="2" t="s">
        <v>17693</v>
      </c>
      <c r="F5740" s="2" t="s">
        <v>7396</v>
      </c>
      <c r="G5740" s="8">
        <v>254</v>
      </c>
      <c r="H5740" s="5">
        <v>6</v>
      </c>
      <c r="I5740" s="5" t="s">
        <v>1518</v>
      </c>
      <c r="J5740" s="5" t="s">
        <v>1519</v>
      </c>
      <c r="K5740" s="2" t="s">
        <v>1520</v>
      </c>
      <c r="L5740" s="5" t="s">
        <v>1519</v>
      </c>
      <c r="M5740" s="2" t="s">
        <v>1520</v>
      </c>
      <c r="N5740" s="5" t="s">
        <v>1521</v>
      </c>
      <c r="O5740" s="5" t="s">
        <v>38</v>
      </c>
      <c r="P5740" s="5" t="s">
        <v>39</v>
      </c>
      <c r="Q5740" s="5" t="s">
        <v>40</v>
      </c>
      <c r="R5740" s="5" t="s">
        <v>1522</v>
      </c>
      <c r="S5740" s="5" t="s">
        <v>1523</v>
      </c>
      <c r="T5740" s="5" t="s">
        <v>42</v>
      </c>
      <c r="U5740" s="2">
        <v>2.7650000000000001</v>
      </c>
      <c r="V5740" s="2">
        <v>2.23</v>
      </c>
      <c r="W5740" s="2">
        <v>1.4999999999999999E-2</v>
      </c>
      <c r="X5740" s="2">
        <v>118.9</v>
      </c>
      <c r="Y5740" s="2">
        <v>7.6</v>
      </c>
      <c r="Z5740" s="2">
        <v>16.7</v>
      </c>
      <c r="AA5740" s="5"/>
      <c r="AB5740" s="5" t="s">
        <v>43</v>
      </c>
      <c r="AC5740" s="5" t="s">
        <v>44</v>
      </c>
      <c r="AD5740" s="2"/>
      <c r="AE5740" s="1"/>
    </row>
    <row r="5741" spans="1:31" ht="14.45">
      <c r="A5741" s="11"/>
      <c r="B5741" s="20"/>
      <c r="C5741" s="2" t="s">
        <v>17694</v>
      </c>
      <c r="D5741" s="14" t="s">
        <v>17695</v>
      </c>
      <c r="E5741" s="2" t="s">
        <v>17696</v>
      </c>
      <c r="F5741" s="2" t="s">
        <v>7507</v>
      </c>
      <c r="G5741" s="8">
        <v>254</v>
      </c>
      <c r="H5741" s="5">
        <v>6</v>
      </c>
      <c r="I5741" s="5" t="s">
        <v>1518</v>
      </c>
      <c r="J5741" s="5" t="s">
        <v>1519</v>
      </c>
      <c r="K5741" s="2" t="s">
        <v>1520</v>
      </c>
      <c r="L5741" s="5" t="s">
        <v>1519</v>
      </c>
      <c r="M5741" s="2" t="s">
        <v>1520</v>
      </c>
      <c r="N5741" s="5" t="s">
        <v>1521</v>
      </c>
      <c r="O5741" s="5" t="s">
        <v>38</v>
      </c>
      <c r="P5741" s="5" t="s">
        <v>39</v>
      </c>
      <c r="Q5741" s="5" t="s">
        <v>40</v>
      </c>
      <c r="R5741" s="5" t="s">
        <v>1522</v>
      </c>
      <c r="S5741" s="5" t="s">
        <v>1523</v>
      </c>
      <c r="T5741" s="5" t="s">
        <v>42</v>
      </c>
      <c r="U5741" s="2">
        <v>2.84</v>
      </c>
      <c r="V5741" s="2">
        <v>2.3050000000000002</v>
      </c>
      <c r="W5741" s="2">
        <v>1.4999999999999999E-2</v>
      </c>
      <c r="X5741" s="2">
        <v>118.9</v>
      </c>
      <c r="Y5741" s="2">
        <v>7.6</v>
      </c>
      <c r="Z5741" s="2">
        <v>16.7</v>
      </c>
      <c r="AA5741" s="5"/>
      <c r="AB5741" s="5" t="s">
        <v>43</v>
      </c>
      <c r="AC5741" s="5" t="s">
        <v>44</v>
      </c>
      <c r="AD5741" s="2"/>
      <c r="AE5741" s="1"/>
    </row>
    <row r="5742" spans="1:31" ht="14.45">
      <c r="A5742" s="11"/>
      <c r="B5742" s="20"/>
      <c r="C5742" s="2" t="s">
        <v>17697</v>
      </c>
      <c r="D5742" s="14" t="s">
        <v>17698</v>
      </c>
      <c r="E5742" s="2" t="s">
        <v>17699</v>
      </c>
      <c r="F5742" s="2" t="s">
        <v>7204</v>
      </c>
      <c r="G5742" s="8">
        <v>254</v>
      </c>
      <c r="H5742" s="5">
        <v>6</v>
      </c>
      <c r="I5742" s="5" t="s">
        <v>1518</v>
      </c>
      <c r="J5742" s="5" t="s">
        <v>1519</v>
      </c>
      <c r="K5742" s="2" t="s">
        <v>1520</v>
      </c>
      <c r="L5742" s="5" t="s">
        <v>1519</v>
      </c>
      <c r="M5742" s="2" t="s">
        <v>1520</v>
      </c>
      <c r="N5742" s="5" t="s">
        <v>1521</v>
      </c>
      <c r="O5742" s="5" t="s">
        <v>38</v>
      </c>
      <c r="P5742" s="5" t="s">
        <v>39</v>
      </c>
      <c r="Q5742" s="5" t="s">
        <v>40</v>
      </c>
      <c r="R5742" s="5" t="s">
        <v>1522</v>
      </c>
      <c r="S5742" s="5" t="s">
        <v>1523</v>
      </c>
      <c r="T5742" s="5" t="s">
        <v>42</v>
      </c>
      <c r="U5742" s="2">
        <v>2.7709999999999999</v>
      </c>
      <c r="V5742" s="2">
        <v>2.2360000000000002</v>
      </c>
      <c r="W5742" s="2">
        <v>1.4999999999999999E-2</v>
      </c>
      <c r="X5742" s="2">
        <v>118.9</v>
      </c>
      <c r="Y5742" s="2">
        <v>7.6</v>
      </c>
      <c r="Z5742" s="2">
        <v>16.7</v>
      </c>
      <c r="AA5742" s="5"/>
      <c r="AB5742" s="5" t="s">
        <v>43</v>
      </c>
      <c r="AC5742" s="5" t="s">
        <v>44</v>
      </c>
      <c r="AD5742" s="2"/>
      <c r="AE5742" s="1"/>
    </row>
    <row r="5743" spans="1:31" ht="14.45">
      <c r="A5743" s="11"/>
      <c r="B5743" s="20"/>
      <c r="C5743" s="2" t="s">
        <v>17700</v>
      </c>
      <c r="D5743" s="14" t="s">
        <v>17701</v>
      </c>
      <c r="E5743" s="2" t="s">
        <v>17702</v>
      </c>
      <c r="F5743" s="2" t="s">
        <v>7514</v>
      </c>
      <c r="G5743" s="8">
        <v>254</v>
      </c>
      <c r="H5743" s="5">
        <v>6</v>
      </c>
      <c r="I5743" s="5" t="s">
        <v>1518</v>
      </c>
      <c r="J5743" s="5" t="s">
        <v>1519</v>
      </c>
      <c r="K5743" s="2" t="s">
        <v>1520</v>
      </c>
      <c r="L5743" s="5" t="s">
        <v>1519</v>
      </c>
      <c r="M5743" s="2" t="s">
        <v>1520</v>
      </c>
      <c r="N5743" s="5" t="s">
        <v>1521</v>
      </c>
      <c r="O5743" s="5" t="s">
        <v>38</v>
      </c>
      <c r="P5743" s="5" t="s">
        <v>39</v>
      </c>
      <c r="Q5743" s="5" t="s">
        <v>40</v>
      </c>
      <c r="R5743" s="5" t="s">
        <v>1522</v>
      </c>
      <c r="S5743" s="5" t="s">
        <v>1523</v>
      </c>
      <c r="T5743" s="5" t="s">
        <v>42</v>
      </c>
      <c r="U5743" s="2">
        <v>2.8460000000000001</v>
      </c>
      <c r="V5743" s="2">
        <v>2.3109999999999999</v>
      </c>
      <c r="W5743" s="2">
        <v>1.4999999999999999E-2</v>
      </c>
      <c r="X5743" s="2">
        <v>118.9</v>
      </c>
      <c r="Y5743" s="2">
        <v>7.6</v>
      </c>
      <c r="Z5743" s="2">
        <v>16.7</v>
      </c>
      <c r="AA5743" s="5"/>
      <c r="AB5743" s="5" t="s">
        <v>43</v>
      </c>
      <c r="AC5743" s="5" t="s">
        <v>44</v>
      </c>
      <c r="AD5743" s="2"/>
      <c r="AE5743" s="1"/>
    </row>
    <row r="5744" spans="1:31" ht="14.45">
      <c r="A5744" s="11"/>
      <c r="B5744" s="20"/>
      <c r="C5744" s="2" t="s">
        <v>17703</v>
      </c>
      <c r="D5744" s="14" t="s">
        <v>17704</v>
      </c>
      <c r="E5744" s="2" t="s">
        <v>17705</v>
      </c>
      <c r="F5744" s="2" t="s">
        <v>7208</v>
      </c>
      <c r="G5744" s="8">
        <v>254</v>
      </c>
      <c r="H5744" s="5">
        <v>6</v>
      </c>
      <c r="I5744" s="5" t="s">
        <v>1518</v>
      </c>
      <c r="J5744" s="5" t="s">
        <v>1519</v>
      </c>
      <c r="K5744" s="2" t="s">
        <v>1520</v>
      </c>
      <c r="L5744" s="5" t="s">
        <v>1519</v>
      </c>
      <c r="M5744" s="2" t="s">
        <v>1520</v>
      </c>
      <c r="N5744" s="5" t="s">
        <v>1521</v>
      </c>
      <c r="O5744" s="5" t="s">
        <v>38</v>
      </c>
      <c r="P5744" s="5" t="s">
        <v>39</v>
      </c>
      <c r="Q5744" s="5" t="s">
        <v>40</v>
      </c>
      <c r="R5744" s="5" t="s">
        <v>1522</v>
      </c>
      <c r="S5744" s="5" t="s">
        <v>1523</v>
      </c>
      <c r="T5744" s="5" t="s">
        <v>42</v>
      </c>
      <c r="U5744" s="2">
        <v>2.7709999999999999</v>
      </c>
      <c r="V5744" s="2">
        <v>2.2360000000000002</v>
      </c>
      <c r="W5744" s="2">
        <v>1.4999999999999999E-2</v>
      </c>
      <c r="X5744" s="2">
        <v>118.9</v>
      </c>
      <c r="Y5744" s="2">
        <v>7.6</v>
      </c>
      <c r="Z5744" s="2">
        <v>16.7</v>
      </c>
      <c r="AA5744" s="5"/>
      <c r="AB5744" s="5" t="s">
        <v>43</v>
      </c>
      <c r="AC5744" s="5" t="s">
        <v>44</v>
      </c>
      <c r="AD5744" s="2"/>
      <c r="AE5744" s="1"/>
    </row>
    <row r="5745" spans="1:31" ht="14.45">
      <c r="A5745" s="11"/>
      <c r="B5745" s="20"/>
      <c r="C5745" s="2" t="s">
        <v>17706</v>
      </c>
      <c r="D5745" s="14" t="s">
        <v>17707</v>
      </c>
      <c r="E5745" s="2" t="s">
        <v>17708</v>
      </c>
      <c r="F5745" s="2" t="s">
        <v>7521</v>
      </c>
      <c r="G5745" s="8">
        <v>254</v>
      </c>
      <c r="H5745" s="5">
        <v>6</v>
      </c>
      <c r="I5745" s="5" t="s">
        <v>1518</v>
      </c>
      <c r="J5745" s="5" t="s">
        <v>1519</v>
      </c>
      <c r="K5745" s="2" t="s">
        <v>1520</v>
      </c>
      <c r="L5745" s="5" t="s">
        <v>1519</v>
      </c>
      <c r="M5745" s="2" t="s">
        <v>1520</v>
      </c>
      <c r="N5745" s="5" t="s">
        <v>1521</v>
      </c>
      <c r="O5745" s="5" t="s">
        <v>38</v>
      </c>
      <c r="P5745" s="5" t="s">
        <v>39</v>
      </c>
      <c r="Q5745" s="5" t="s">
        <v>40</v>
      </c>
      <c r="R5745" s="5" t="s">
        <v>1522</v>
      </c>
      <c r="S5745" s="5" t="s">
        <v>1523</v>
      </c>
      <c r="T5745" s="5" t="s">
        <v>42</v>
      </c>
      <c r="U5745" s="2">
        <v>2.8460000000000001</v>
      </c>
      <c r="V5745" s="2">
        <v>2.3109999999999999</v>
      </c>
      <c r="W5745" s="2">
        <v>1.4999999999999999E-2</v>
      </c>
      <c r="X5745" s="2">
        <v>118.9</v>
      </c>
      <c r="Y5745" s="2">
        <v>7.6</v>
      </c>
      <c r="Z5745" s="2">
        <v>16.7</v>
      </c>
      <c r="AA5745" s="5"/>
      <c r="AB5745" s="5" t="s">
        <v>43</v>
      </c>
      <c r="AC5745" s="5" t="s">
        <v>44</v>
      </c>
      <c r="AD5745" s="2"/>
      <c r="AE5745" s="1"/>
    </row>
    <row r="5746" spans="1:31" ht="14.45">
      <c r="A5746" s="11"/>
      <c r="B5746" s="20"/>
      <c r="C5746" s="2" t="s">
        <v>17709</v>
      </c>
      <c r="D5746" s="14" t="s">
        <v>17710</v>
      </c>
      <c r="E5746" s="2" t="s">
        <v>17711</v>
      </c>
      <c r="F5746" s="2" t="s">
        <v>7212</v>
      </c>
      <c r="G5746" s="8">
        <v>254</v>
      </c>
      <c r="H5746" s="5">
        <v>6</v>
      </c>
      <c r="I5746" s="5" t="s">
        <v>1518</v>
      </c>
      <c r="J5746" s="5" t="s">
        <v>1519</v>
      </c>
      <c r="K5746" s="2" t="s">
        <v>1520</v>
      </c>
      <c r="L5746" s="5" t="s">
        <v>1519</v>
      </c>
      <c r="M5746" s="2" t="s">
        <v>1520</v>
      </c>
      <c r="N5746" s="5" t="s">
        <v>1521</v>
      </c>
      <c r="O5746" s="5" t="s">
        <v>38</v>
      </c>
      <c r="P5746" s="5" t="s">
        <v>39</v>
      </c>
      <c r="Q5746" s="5" t="s">
        <v>40</v>
      </c>
      <c r="R5746" s="5" t="s">
        <v>1522</v>
      </c>
      <c r="S5746" s="5" t="s">
        <v>1523</v>
      </c>
      <c r="T5746" s="5" t="s">
        <v>42</v>
      </c>
      <c r="U5746" s="2">
        <v>2.7530000000000001</v>
      </c>
      <c r="V5746" s="2">
        <v>2.218</v>
      </c>
      <c r="W5746" s="2">
        <v>1.4999999999999999E-2</v>
      </c>
      <c r="X5746" s="2">
        <v>118.9</v>
      </c>
      <c r="Y5746" s="2">
        <v>7.6</v>
      </c>
      <c r="Z5746" s="2">
        <v>16.7</v>
      </c>
      <c r="AA5746" s="5"/>
      <c r="AB5746" s="5" t="s">
        <v>43</v>
      </c>
      <c r="AC5746" s="5" t="s">
        <v>44</v>
      </c>
      <c r="AD5746" s="2"/>
      <c r="AE5746" s="1"/>
    </row>
    <row r="5747" spans="1:31" ht="14.45">
      <c r="A5747" s="11"/>
      <c r="B5747" s="20"/>
      <c r="C5747" s="2" t="s">
        <v>17712</v>
      </c>
      <c r="D5747" s="14" t="s">
        <v>17713</v>
      </c>
      <c r="E5747" s="2" t="s">
        <v>17714</v>
      </c>
      <c r="F5747" s="2" t="s">
        <v>7528</v>
      </c>
      <c r="G5747" s="8">
        <v>254</v>
      </c>
      <c r="H5747" s="5">
        <v>6</v>
      </c>
      <c r="I5747" s="5" t="s">
        <v>1518</v>
      </c>
      <c r="J5747" s="5" t="s">
        <v>1519</v>
      </c>
      <c r="K5747" s="2" t="s">
        <v>1520</v>
      </c>
      <c r="L5747" s="5" t="s">
        <v>1519</v>
      </c>
      <c r="M5747" s="2" t="s">
        <v>1520</v>
      </c>
      <c r="N5747" s="5" t="s">
        <v>1521</v>
      </c>
      <c r="O5747" s="5" t="s">
        <v>38</v>
      </c>
      <c r="P5747" s="5" t="s">
        <v>39</v>
      </c>
      <c r="Q5747" s="5" t="s">
        <v>40</v>
      </c>
      <c r="R5747" s="5" t="s">
        <v>1522</v>
      </c>
      <c r="S5747" s="5" t="s">
        <v>1523</v>
      </c>
      <c r="T5747" s="5" t="s">
        <v>42</v>
      </c>
      <c r="U5747" s="2">
        <v>2.8279999999999998</v>
      </c>
      <c r="V5747" s="2">
        <v>2.2930000000000001</v>
      </c>
      <c r="W5747" s="2">
        <v>1.4999999999999999E-2</v>
      </c>
      <c r="X5747" s="2">
        <v>118.9</v>
      </c>
      <c r="Y5747" s="2">
        <v>7.6</v>
      </c>
      <c r="Z5747" s="2">
        <v>16.7</v>
      </c>
      <c r="AA5747" s="5"/>
      <c r="AB5747" s="5" t="s">
        <v>43</v>
      </c>
      <c r="AC5747" s="5" t="s">
        <v>44</v>
      </c>
      <c r="AD5747" s="2"/>
      <c r="AE5747" s="1"/>
    </row>
    <row r="5748" spans="1:31" ht="14.45">
      <c r="A5748" s="11"/>
      <c r="B5748" s="20"/>
      <c r="C5748" s="2" t="s">
        <v>17715</v>
      </c>
      <c r="D5748" s="14" t="s">
        <v>17716</v>
      </c>
      <c r="E5748" s="2" t="s">
        <v>17717</v>
      </c>
      <c r="F5748" s="2" t="s">
        <v>7406</v>
      </c>
      <c r="G5748" s="8">
        <v>272</v>
      </c>
      <c r="H5748" s="5">
        <v>6</v>
      </c>
      <c r="I5748" s="5" t="s">
        <v>1518</v>
      </c>
      <c r="J5748" s="5" t="s">
        <v>1519</v>
      </c>
      <c r="K5748" s="2" t="s">
        <v>1520</v>
      </c>
      <c r="L5748" s="5" t="s">
        <v>1519</v>
      </c>
      <c r="M5748" s="2" t="s">
        <v>1520</v>
      </c>
      <c r="N5748" s="5" t="s">
        <v>1521</v>
      </c>
      <c r="O5748" s="5" t="s">
        <v>38</v>
      </c>
      <c r="P5748" s="5" t="s">
        <v>39</v>
      </c>
      <c r="Q5748" s="5" t="s">
        <v>40</v>
      </c>
      <c r="R5748" s="5" t="s">
        <v>1522</v>
      </c>
      <c r="S5748" s="5" t="s">
        <v>1523</v>
      </c>
      <c r="T5748" s="5" t="s">
        <v>42</v>
      </c>
      <c r="U5748" s="2">
        <v>2.7530000000000001</v>
      </c>
      <c r="V5748" s="2">
        <v>2.218</v>
      </c>
      <c r="W5748" s="2">
        <v>1.4999999999999999E-2</v>
      </c>
      <c r="X5748" s="2">
        <v>118.9</v>
      </c>
      <c r="Y5748" s="2">
        <v>7.6</v>
      </c>
      <c r="Z5748" s="2">
        <v>16.7</v>
      </c>
      <c r="AA5748" s="5"/>
      <c r="AB5748" s="5" t="s">
        <v>43</v>
      </c>
      <c r="AC5748" s="5" t="s">
        <v>44</v>
      </c>
      <c r="AD5748" s="2"/>
      <c r="AE5748" s="1"/>
    </row>
    <row r="5749" spans="1:31" ht="14.45">
      <c r="A5749" s="11"/>
      <c r="B5749" s="20"/>
      <c r="C5749" s="2" t="s">
        <v>17718</v>
      </c>
      <c r="D5749" s="14" t="s">
        <v>17719</v>
      </c>
      <c r="E5749" s="2" t="s">
        <v>17720</v>
      </c>
      <c r="F5749" s="2" t="s">
        <v>7535</v>
      </c>
      <c r="G5749" s="8">
        <v>272</v>
      </c>
      <c r="H5749" s="5">
        <v>6</v>
      </c>
      <c r="I5749" s="5" t="s">
        <v>1518</v>
      </c>
      <c r="J5749" s="5" t="s">
        <v>1519</v>
      </c>
      <c r="K5749" s="2" t="s">
        <v>1520</v>
      </c>
      <c r="L5749" s="5" t="s">
        <v>1519</v>
      </c>
      <c r="M5749" s="2" t="s">
        <v>1520</v>
      </c>
      <c r="N5749" s="5" t="s">
        <v>1521</v>
      </c>
      <c r="O5749" s="5" t="s">
        <v>38</v>
      </c>
      <c r="P5749" s="5" t="s">
        <v>39</v>
      </c>
      <c r="Q5749" s="5" t="s">
        <v>40</v>
      </c>
      <c r="R5749" s="5" t="s">
        <v>1522</v>
      </c>
      <c r="S5749" s="5" t="s">
        <v>1523</v>
      </c>
      <c r="T5749" s="5" t="s">
        <v>42</v>
      </c>
      <c r="U5749" s="2">
        <v>2.8279999999999998</v>
      </c>
      <c r="V5749" s="2">
        <v>2.2930000000000001</v>
      </c>
      <c r="W5749" s="2">
        <v>1.4999999999999999E-2</v>
      </c>
      <c r="X5749" s="2">
        <v>118.9</v>
      </c>
      <c r="Y5749" s="2">
        <v>7.6</v>
      </c>
      <c r="Z5749" s="2">
        <v>16.7</v>
      </c>
      <c r="AA5749" s="5"/>
      <c r="AB5749" s="5" t="s">
        <v>43</v>
      </c>
      <c r="AC5749" s="5" t="s">
        <v>44</v>
      </c>
      <c r="AD5749" s="2"/>
      <c r="AE5749" s="1"/>
    </row>
    <row r="5750" spans="1:31" ht="14.45">
      <c r="A5750" s="11"/>
      <c r="B5750" s="20"/>
      <c r="C5750" s="2" t="s">
        <v>17721</v>
      </c>
      <c r="D5750" s="14" t="s">
        <v>17722</v>
      </c>
      <c r="E5750" s="2" t="s">
        <v>17723</v>
      </c>
      <c r="F5750" s="2" t="s">
        <v>7539</v>
      </c>
      <c r="G5750" s="8">
        <v>272</v>
      </c>
      <c r="H5750" s="5">
        <v>6</v>
      </c>
      <c r="I5750" s="5" t="s">
        <v>1518</v>
      </c>
      <c r="J5750" s="5" t="s">
        <v>1519</v>
      </c>
      <c r="K5750" s="2" t="s">
        <v>1520</v>
      </c>
      <c r="L5750" s="5" t="s">
        <v>1519</v>
      </c>
      <c r="M5750" s="2" t="s">
        <v>1520</v>
      </c>
      <c r="N5750" s="5" t="s">
        <v>1521</v>
      </c>
      <c r="O5750" s="5" t="s">
        <v>38</v>
      </c>
      <c r="P5750" s="5" t="s">
        <v>39</v>
      </c>
      <c r="Q5750" s="5" t="s">
        <v>40</v>
      </c>
      <c r="R5750" s="5" t="s">
        <v>1522</v>
      </c>
      <c r="S5750" s="5" t="s">
        <v>1523</v>
      </c>
      <c r="T5750" s="5" t="s">
        <v>42</v>
      </c>
      <c r="U5750" s="2">
        <v>2.7709999999999999</v>
      </c>
      <c r="V5750" s="2">
        <v>2.2360000000000002</v>
      </c>
      <c r="W5750" s="2">
        <v>1.4999999999999999E-2</v>
      </c>
      <c r="X5750" s="2">
        <v>118.9</v>
      </c>
      <c r="Y5750" s="2">
        <v>7.6</v>
      </c>
      <c r="Z5750" s="2">
        <v>16.7</v>
      </c>
      <c r="AA5750" s="5"/>
      <c r="AB5750" s="5" t="s">
        <v>43</v>
      </c>
      <c r="AC5750" s="5" t="s">
        <v>44</v>
      </c>
      <c r="AD5750" s="2"/>
      <c r="AE5750" s="1"/>
    </row>
    <row r="5751" spans="1:31" ht="14.45">
      <c r="A5751" s="11"/>
      <c r="B5751" s="20"/>
      <c r="C5751" s="2" t="s">
        <v>17724</v>
      </c>
      <c r="D5751" s="14" t="s">
        <v>17725</v>
      </c>
      <c r="E5751" s="2" t="s">
        <v>17726</v>
      </c>
      <c r="F5751" s="2" t="s">
        <v>7543</v>
      </c>
      <c r="G5751" s="8">
        <v>272</v>
      </c>
      <c r="H5751" s="5">
        <v>6</v>
      </c>
      <c r="I5751" s="5" t="s">
        <v>1518</v>
      </c>
      <c r="J5751" s="5" t="s">
        <v>1519</v>
      </c>
      <c r="K5751" s="2" t="s">
        <v>1520</v>
      </c>
      <c r="L5751" s="5" t="s">
        <v>1519</v>
      </c>
      <c r="M5751" s="2" t="s">
        <v>1520</v>
      </c>
      <c r="N5751" s="5" t="s">
        <v>1521</v>
      </c>
      <c r="O5751" s="5" t="s">
        <v>38</v>
      </c>
      <c r="P5751" s="5" t="s">
        <v>39</v>
      </c>
      <c r="Q5751" s="5" t="s">
        <v>40</v>
      </c>
      <c r="R5751" s="5" t="s">
        <v>1522</v>
      </c>
      <c r="S5751" s="5" t="s">
        <v>1523</v>
      </c>
      <c r="T5751" s="5" t="s">
        <v>42</v>
      </c>
      <c r="U5751" s="2">
        <v>2.8460000000000001</v>
      </c>
      <c r="V5751" s="2">
        <v>2.3109999999999999</v>
      </c>
      <c r="W5751" s="2">
        <v>1.4999999999999999E-2</v>
      </c>
      <c r="X5751" s="2">
        <v>118.9</v>
      </c>
      <c r="Y5751" s="2">
        <v>7.6</v>
      </c>
      <c r="Z5751" s="2">
        <v>16.7</v>
      </c>
      <c r="AA5751" s="5"/>
      <c r="AB5751" s="5" t="s">
        <v>43</v>
      </c>
      <c r="AC5751" s="5" t="s">
        <v>44</v>
      </c>
      <c r="AD5751" s="2"/>
      <c r="AE5751" s="1"/>
    </row>
    <row r="5752" spans="1:31" ht="14.45">
      <c r="A5752" s="11"/>
      <c r="B5752" s="20"/>
      <c r="C5752" s="2" t="s">
        <v>17727</v>
      </c>
      <c r="D5752" s="14" t="s">
        <v>17728</v>
      </c>
      <c r="E5752" s="2" t="s">
        <v>17729</v>
      </c>
      <c r="F5752" s="2" t="s">
        <v>7547</v>
      </c>
      <c r="G5752" s="8">
        <v>272</v>
      </c>
      <c r="H5752" s="5">
        <v>6</v>
      </c>
      <c r="I5752" s="5" t="s">
        <v>1518</v>
      </c>
      <c r="J5752" s="5" t="s">
        <v>1519</v>
      </c>
      <c r="K5752" s="2" t="s">
        <v>1520</v>
      </c>
      <c r="L5752" s="5" t="s">
        <v>1519</v>
      </c>
      <c r="M5752" s="2" t="s">
        <v>1520</v>
      </c>
      <c r="N5752" s="5" t="s">
        <v>1521</v>
      </c>
      <c r="O5752" s="5" t="s">
        <v>38</v>
      </c>
      <c r="P5752" s="5" t="s">
        <v>39</v>
      </c>
      <c r="Q5752" s="5" t="s">
        <v>40</v>
      </c>
      <c r="R5752" s="5" t="s">
        <v>1522</v>
      </c>
      <c r="S5752" s="5" t="s">
        <v>1523</v>
      </c>
      <c r="T5752" s="5" t="s">
        <v>42</v>
      </c>
      <c r="U5752" s="2">
        <v>2.7530000000000001</v>
      </c>
      <c r="V5752" s="2">
        <v>2.218</v>
      </c>
      <c r="W5752" s="2">
        <v>1.4999999999999999E-2</v>
      </c>
      <c r="X5752" s="2">
        <v>118.9</v>
      </c>
      <c r="Y5752" s="2">
        <v>7.6</v>
      </c>
      <c r="Z5752" s="2">
        <v>16.7</v>
      </c>
      <c r="AA5752" s="5"/>
      <c r="AB5752" s="5" t="s">
        <v>43</v>
      </c>
      <c r="AC5752" s="5" t="s">
        <v>44</v>
      </c>
      <c r="AD5752" s="2"/>
      <c r="AE5752" s="1"/>
    </row>
    <row r="5753" spans="1:31" ht="14.45">
      <c r="A5753" s="11"/>
      <c r="B5753" s="20"/>
      <c r="C5753" s="2" t="s">
        <v>17730</v>
      </c>
      <c r="D5753" s="14" t="s">
        <v>17731</v>
      </c>
      <c r="E5753" s="2" t="s">
        <v>17732</v>
      </c>
      <c r="F5753" s="2" t="s">
        <v>7555</v>
      </c>
      <c r="G5753" s="8">
        <v>272</v>
      </c>
      <c r="H5753" s="5">
        <v>6</v>
      </c>
      <c r="I5753" s="5" t="s">
        <v>1518</v>
      </c>
      <c r="J5753" s="5" t="s">
        <v>1519</v>
      </c>
      <c r="K5753" s="2" t="s">
        <v>1520</v>
      </c>
      <c r="L5753" s="5" t="s">
        <v>1519</v>
      </c>
      <c r="M5753" s="2" t="s">
        <v>1520</v>
      </c>
      <c r="N5753" s="5" t="s">
        <v>1521</v>
      </c>
      <c r="O5753" s="5" t="s">
        <v>38</v>
      </c>
      <c r="P5753" s="5" t="s">
        <v>39</v>
      </c>
      <c r="Q5753" s="5" t="s">
        <v>40</v>
      </c>
      <c r="R5753" s="5" t="s">
        <v>1522</v>
      </c>
      <c r="S5753" s="5" t="s">
        <v>1523</v>
      </c>
      <c r="T5753" s="5" t="s">
        <v>42</v>
      </c>
      <c r="U5753" s="2">
        <v>2.7530000000000001</v>
      </c>
      <c r="V5753" s="2">
        <v>2.218</v>
      </c>
      <c r="W5753" s="2">
        <v>1.4999999999999999E-2</v>
      </c>
      <c r="X5753" s="2">
        <v>118.9</v>
      </c>
      <c r="Y5753" s="2">
        <v>7.6</v>
      </c>
      <c r="Z5753" s="2">
        <v>16.7</v>
      </c>
      <c r="AA5753" s="5"/>
      <c r="AB5753" s="5" t="s">
        <v>43</v>
      </c>
      <c r="AC5753" s="5" t="s">
        <v>44</v>
      </c>
      <c r="AD5753" s="2"/>
      <c r="AE5753" s="1"/>
    </row>
    <row r="5754" spans="1:31" ht="14.45">
      <c r="A5754" s="11"/>
      <c r="B5754" s="20"/>
      <c r="C5754" s="2" t="s">
        <v>17733</v>
      </c>
      <c r="D5754" s="14" t="s">
        <v>17734</v>
      </c>
      <c r="E5754" s="2" t="s">
        <v>17735</v>
      </c>
      <c r="F5754" s="2" t="s">
        <v>7559</v>
      </c>
      <c r="G5754" s="8">
        <v>272</v>
      </c>
      <c r="H5754" s="5">
        <v>6</v>
      </c>
      <c r="I5754" s="5" t="s">
        <v>1518</v>
      </c>
      <c r="J5754" s="5" t="s">
        <v>1519</v>
      </c>
      <c r="K5754" s="2" t="s">
        <v>1520</v>
      </c>
      <c r="L5754" s="5" t="s">
        <v>1519</v>
      </c>
      <c r="M5754" s="2" t="s">
        <v>1520</v>
      </c>
      <c r="N5754" s="5" t="s">
        <v>1521</v>
      </c>
      <c r="O5754" s="5" t="s">
        <v>38</v>
      </c>
      <c r="P5754" s="5" t="s">
        <v>39</v>
      </c>
      <c r="Q5754" s="5" t="s">
        <v>40</v>
      </c>
      <c r="R5754" s="5" t="s">
        <v>1522</v>
      </c>
      <c r="S5754" s="5" t="s">
        <v>1523</v>
      </c>
      <c r="T5754" s="5" t="s">
        <v>42</v>
      </c>
      <c r="U5754" s="2">
        <v>2.8279999999999998</v>
      </c>
      <c r="V5754" s="2">
        <v>2.2930000000000001</v>
      </c>
      <c r="W5754" s="2">
        <v>1.4999999999999999E-2</v>
      </c>
      <c r="X5754" s="2">
        <v>118.9</v>
      </c>
      <c r="Y5754" s="2">
        <v>7.6</v>
      </c>
      <c r="Z5754" s="2">
        <v>16.7</v>
      </c>
      <c r="AA5754" s="5"/>
      <c r="AB5754" s="5" t="s">
        <v>43</v>
      </c>
      <c r="AC5754" s="5" t="s">
        <v>44</v>
      </c>
      <c r="AD5754" s="2"/>
      <c r="AE5754" s="1"/>
    </row>
    <row r="5755" spans="1:31" ht="14.45">
      <c r="A5755" s="11"/>
      <c r="B5755" s="20"/>
      <c r="C5755" s="2" t="s">
        <v>17736</v>
      </c>
      <c r="D5755" s="14" t="s">
        <v>17737</v>
      </c>
      <c r="E5755" s="2" t="s">
        <v>17738</v>
      </c>
      <c r="F5755" s="2" t="s">
        <v>7567</v>
      </c>
      <c r="G5755" s="8">
        <v>272</v>
      </c>
      <c r="H5755" s="5">
        <v>6</v>
      </c>
      <c r="I5755" s="5" t="s">
        <v>1518</v>
      </c>
      <c r="J5755" s="5" t="s">
        <v>1519</v>
      </c>
      <c r="K5755" s="2" t="s">
        <v>1520</v>
      </c>
      <c r="L5755" s="5" t="s">
        <v>1519</v>
      </c>
      <c r="M5755" s="2" t="s">
        <v>1520</v>
      </c>
      <c r="N5755" s="5" t="s">
        <v>1521</v>
      </c>
      <c r="O5755" s="5" t="s">
        <v>38</v>
      </c>
      <c r="P5755" s="5" t="s">
        <v>39</v>
      </c>
      <c r="Q5755" s="5" t="s">
        <v>40</v>
      </c>
      <c r="R5755" s="5" t="s">
        <v>1522</v>
      </c>
      <c r="S5755" s="5" t="s">
        <v>1523</v>
      </c>
      <c r="T5755" s="5" t="s">
        <v>42</v>
      </c>
      <c r="U5755" s="2">
        <v>2.8460000000000001</v>
      </c>
      <c r="V5755" s="2">
        <v>2.3109999999999999</v>
      </c>
      <c r="W5755" s="2">
        <v>1.4999999999999999E-2</v>
      </c>
      <c r="X5755" s="2">
        <v>118.9</v>
      </c>
      <c r="Y5755" s="2">
        <v>7.6</v>
      </c>
      <c r="Z5755" s="2">
        <v>16.7</v>
      </c>
      <c r="AA5755" s="5"/>
      <c r="AB5755" s="5" t="s">
        <v>43</v>
      </c>
      <c r="AC5755" s="5" t="s">
        <v>44</v>
      </c>
      <c r="AD5755" s="2"/>
      <c r="AE5755" s="1"/>
    </row>
    <row r="5756" spans="1:31" ht="14.45">
      <c r="A5756" s="11"/>
      <c r="B5756" s="20"/>
      <c r="C5756" s="2" t="s">
        <v>17739</v>
      </c>
      <c r="D5756" s="14" t="s">
        <v>17740</v>
      </c>
      <c r="E5756" s="2" t="s">
        <v>17741</v>
      </c>
      <c r="F5756" s="2" t="s">
        <v>7449</v>
      </c>
      <c r="G5756" s="8">
        <v>272</v>
      </c>
      <c r="H5756" s="5">
        <v>6</v>
      </c>
      <c r="I5756" s="5" t="s">
        <v>1518</v>
      </c>
      <c r="J5756" s="5" t="s">
        <v>1519</v>
      </c>
      <c r="K5756" s="2" t="s">
        <v>1520</v>
      </c>
      <c r="L5756" s="5" t="s">
        <v>1519</v>
      </c>
      <c r="M5756" s="2" t="s">
        <v>1520</v>
      </c>
      <c r="N5756" s="5" t="s">
        <v>1521</v>
      </c>
      <c r="O5756" s="5" t="s">
        <v>38</v>
      </c>
      <c r="P5756" s="5" t="s">
        <v>39</v>
      </c>
      <c r="Q5756" s="5" t="s">
        <v>40</v>
      </c>
      <c r="R5756" s="5" t="s">
        <v>1522</v>
      </c>
      <c r="S5756" s="5" t="s">
        <v>1523</v>
      </c>
      <c r="T5756" s="5" t="s">
        <v>42</v>
      </c>
      <c r="U5756" s="2">
        <v>2.7709999999999999</v>
      </c>
      <c r="V5756" s="2">
        <v>2.2360000000000002</v>
      </c>
      <c r="W5756" s="2">
        <v>1.4999999999999999E-2</v>
      </c>
      <c r="X5756" s="2">
        <v>118.9</v>
      </c>
      <c r="Y5756" s="2">
        <v>7.6</v>
      </c>
      <c r="Z5756" s="2">
        <v>16.7</v>
      </c>
      <c r="AA5756" s="5"/>
      <c r="AB5756" s="5" t="s">
        <v>43</v>
      </c>
      <c r="AC5756" s="5" t="s">
        <v>44</v>
      </c>
      <c r="AD5756" s="2"/>
      <c r="AE5756" s="1"/>
    </row>
    <row r="5757" spans="1:31" ht="14.45">
      <c r="A5757" s="11"/>
      <c r="B5757" s="20"/>
      <c r="C5757" s="2" t="s">
        <v>17742</v>
      </c>
      <c r="D5757" s="14" t="s">
        <v>17743</v>
      </c>
      <c r="E5757" s="2" t="s">
        <v>17744</v>
      </c>
      <c r="F5757" s="2" t="s">
        <v>7581</v>
      </c>
      <c r="G5757" s="8">
        <v>272</v>
      </c>
      <c r="H5757" s="5">
        <v>6</v>
      </c>
      <c r="I5757" s="5" t="s">
        <v>1518</v>
      </c>
      <c r="J5757" s="5" t="s">
        <v>1519</v>
      </c>
      <c r="K5757" s="2" t="s">
        <v>1520</v>
      </c>
      <c r="L5757" s="5" t="s">
        <v>1519</v>
      </c>
      <c r="M5757" s="2" t="s">
        <v>1520</v>
      </c>
      <c r="N5757" s="5" t="s">
        <v>1521</v>
      </c>
      <c r="O5757" s="5" t="s">
        <v>38</v>
      </c>
      <c r="P5757" s="5" t="s">
        <v>39</v>
      </c>
      <c r="Q5757" s="5" t="s">
        <v>40</v>
      </c>
      <c r="R5757" s="5" t="s">
        <v>1522</v>
      </c>
      <c r="S5757" s="5" t="s">
        <v>1523</v>
      </c>
      <c r="T5757" s="5" t="s">
        <v>42</v>
      </c>
      <c r="U5757" s="2">
        <v>2.8460000000000001</v>
      </c>
      <c r="V5757" s="2">
        <v>2.3109999999999999</v>
      </c>
      <c r="W5757" s="2">
        <v>1.4999999999999999E-2</v>
      </c>
      <c r="X5757" s="2">
        <v>118.9</v>
      </c>
      <c r="Y5757" s="2">
        <v>7.6</v>
      </c>
      <c r="Z5757" s="2">
        <v>16.7</v>
      </c>
      <c r="AA5757" s="5"/>
      <c r="AB5757" s="5" t="s">
        <v>43</v>
      </c>
      <c r="AC5757" s="5" t="s">
        <v>44</v>
      </c>
      <c r="AD5757" s="2"/>
      <c r="AE5757" s="1"/>
    </row>
    <row r="5758" spans="1:31" ht="14.45">
      <c r="A5758" s="11"/>
      <c r="B5758" s="20"/>
      <c r="C5758" s="2" t="s">
        <v>17745</v>
      </c>
      <c r="D5758" s="14" t="s">
        <v>17746</v>
      </c>
      <c r="E5758" s="2" t="s">
        <v>17747</v>
      </c>
      <c r="F5758" s="2" t="s">
        <v>16014</v>
      </c>
      <c r="G5758" s="8">
        <v>272</v>
      </c>
      <c r="H5758" s="5">
        <v>6</v>
      </c>
      <c r="I5758" s="5" t="s">
        <v>1518</v>
      </c>
      <c r="J5758" s="5" t="s">
        <v>1519</v>
      </c>
      <c r="K5758" s="2" t="s">
        <v>1520</v>
      </c>
      <c r="L5758" s="5" t="s">
        <v>1519</v>
      </c>
      <c r="M5758" s="2" t="s">
        <v>1520</v>
      </c>
      <c r="N5758" s="5" t="s">
        <v>1521</v>
      </c>
      <c r="O5758" s="5" t="s">
        <v>38</v>
      </c>
      <c r="P5758" s="5" t="s">
        <v>39</v>
      </c>
      <c r="Q5758" s="5" t="s">
        <v>40</v>
      </c>
      <c r="R5758" s="5" t="s">
        <v>1522</v>
      </c>
      <c r="S5758" s="5" t="s">
        <v>1523</v>
      </c>
      <c r="T5758" s="5" t="s">
        <v>42</v>
      </c>
      <c r="U5758" s="2">
        <v>2.7709999999999999</v>
      </c>
      <c r="V5758" s="2">
        <v>2.2360000000000002</v>
      </c>
      <c r="W5758" s="2">
        <v>1.4999999999999999E-2</v>
      </c>
      <c r="X5758" s="2">
        <v>118.9</v>
      </c>
      <c r="Y5758" s="2">
        <v>7.6</v>
      </c>
      <c r="Z5758" s="2">
        <v>16.7</v>
      </c>
      <c r="AA5758" s="5"/>
      <c r="AB5758" s="5" t="s">
        <v>43</v>
      </c>
      <c r="AC5758" s="5" t="s">
        <v>44</v>
      </c>
      <c r="AD5758" s="2"/>
      <c r="AE5758" s="1"/>
    </row>
    <row r="5759" spans="1:31" ht="14.45">
      <c r="A5759" s="11"/>
      <c r="B5759" s="20"/>
      <c r="C5759" s="2" t="s">
        <v>17748</v>
      </c>
      <c r="D5759" s="14" t="s">
        <v>17749</v>
      </c>
      <c r="E5759" s="2" t="s">
        <v>17750</v>
      </c>
      <c r="F5759" s="2" t="s">
        <v>16018</v>
      </c>
      <c r="G5759" s="8">
        <v>272</v>
      </c>
      <c r="H5759" s="5">
        <v>6</v>
      </c>
      <c r="I5759" s="5" t="s">
        <v>1518</v>
      </c>
      <c r="J5759" s="5" t="s">
        <v>1519</v>
      </c>
      <c r="K5759" s="2" t="s">
        <v>1520</v>
      </c>
      <c r="L5759" s="5" t="s">
        <v>1519</v>
      </c>
      <c r="M5759" s="2" t="s">
        <v>1520</v>
      </c>
      <c r="N5759" s="5" t="s">
        <v>1521</v>
      </c>
      <c r="O5759" s="5" t="s">
        <v>38</v>
      </c>
      <c r="P5759" s="5" t="s">
        <v>39</v>
      </c>
      <c r="Q5759" s="5" t="s">
        <v>40</v>
      </c>
      <c r="R5759" s="5" t="s">
        <v>1522</v>
      </c>
      <c r="S5759" s="5" t="s">
        <v>1523</v>
      </c>
      <c r="T5759" s="5" t="s">
        <v>42</v>
      </c>
      <c r="U5759" s="2">
        <v>2.7709999999999999</v>
      </c>
      <c r="V5759" s="2">
        <v>2.2360000000000002</v>
      </c>
      <c r="W5759" s="2">
        <v>1.4999999999999999E-2</v>
      </c>
      <c r="X5759" s="2">
        <v>118.9</v>
      </c>
      <c r="Y5759" s="2">
        <v>7.6</v>
      </c>
      <c r="Z5759" s="2">
        <v>16.7</v>
      </c>
      <c r="AA5759" s="5"/>
      <c r="AB5759" s="5" t="s">
        <v>43</v>
      </c>
      <c r="AC5759" s="5" t="s">
        <v>44</v>
      </c>
      <c r="AD5759" s="2"/>
      <c r="AE5759" s="1"/>
    </row>
    <row r="5760" spans="1:31" ht="14.45">
      <c r="A5760" s="11"/>
      <c r="B5760" s="20"/>
      <c r="C5760" s="2" t="s">
        <v>17751</v>
      </c>
      <c r="D5760" s="14" t="s">
        <v>17752</v>
      </c>
      <c r="E5760" s="2" t="s">
        <v>17753</v>
      </c>
      <c r="F5760" s="2" t="s">
        <v>7615</v>
      </c>
      <c r="G5760" s="8">
        <v>272</v>
      </c>
      <c r="H5760" s="5">
        <v>6</v>
      </c>
      <c r="I5760" s="5" t="s">
        <v>1518</v>
      </c>
      <c r="J5760" s="5" t="s">
        <v>1519</v>
      </c>
      <c r="K5760" s="2" t="s">
        <v>1520</v>
      </c>
      <c r="L5760" s="5" t="s">
        <v>1519</v>
      </c>
      <c r="M5760" s="2" t="s">
        <v>1520</v>
      </c>
      <c r="N5760" s="5" t="s">
        <v>1521</v>
      </c>
      <c r="O5760" s="5" t="s">
        <v>38</v>
      </c>
      <c r="P5760" s="5" t="s">
        <v>39</v>
      </c>
      <c r="Q5760" s="5" t="s">
        <v>40</v>
      </c>
      <c r="R5760" s="5" t="s">
        <v>1522</v>
      </c>
      <c r="S5760" s="5" t="s">
        <v>1523</v>
      </c>
      <c r="T5760" s="5" t="s">
        <v>42</v>
      </c>
      <c r="U5760" s="2">
        <v>2.7530000000000001</v>
      </c>
      <c r="V5760" s="2">
        <v>2.218</v>
      </c>
      <c r="W5760" s="2">
        <v>1.4999999999999999E-2</v>
      </c>
      <c r="X5760" s="2">
        <v>118.9</v>
      </c>
      <c r="Y5760" s="2">
        <v>7.6</v>
      </c>
      <c r="Z5760" s="2">
        <v>16.7</v>
      </c>
      <c r="AA5760" s="5"/>
      <c r="AB5760" s="5" t="s">
        <v>43</v>
      </c>
      <c r="AC5760" s="5" t="s">
        <v>44</v>
      </c>
      <c r="AD5760" s="2"/>
      <c r="AE5760" s="1"/>
    </row>
    <row r="5761" spans="1:31" ht="14.45">
      <c r="A5761" s="11"/>
      <c r="B5761" s="20"/>
      <c r="C5761" s="2" t="s">
        <v>17754</v>
      </c>
      <c r="D5761" s="14" t="s">
        <v>17755</v>
      </c>
      <c r="E5761" s="2" t="s">
        <v>17756</v>
      </c>
      <c r="F5761" s="2" t="s">
        <v>16029</v>
      </c>
      <c r="G5761" s="8">
        <v>272</v>
      </c>
      <c r="H5761" s="5">
        <v>11</v>
      </c>
      <c r="I5761" s="5" t="s">
        <v>1518</v>
      </c>
      <c r="J5761" s="5" t="s">
        <v>1519</v>
      </c>
      <c r="K5761" s="2" t="s">
        <v>1520</v>
      </c>
      <c r="L5761" s="5" t="s">
        <v>1519</v>
      </c>
      <c r="M5761" s="2" t="s">
        <v>1520</v>
      </c>
      <c r="N5761" s="5" t="s">
        <v>1521</v>
      </c>
      <c r="O5761" s="5" t="s">
        <v>38</v>
      </c>
      <c r="P5761" s="5" t="s">
        <v>39</v>
      </c>
      <c r="Q5761" s="5" t="s">
        <v>40</v>
      </c>
      <c r="R5761" s="5" t="s">
        <v>1522</v>
      </c>
      <c r="S5761" s="5" t="s">
        <v>1523</v>
      </c>
      <c r="T5761" s="5" t="s">
        <v>42</v>
      </c>
      <c r="U5761" s="2">
        <v>2.786</v>
      </c>
      <c r="V5761" s="2">
        <v>2.2509999999999999</v>
      </c>
      <c r="W5761" s="2">
        <v>1.4999999999999999E-2</v>
      </c>
      <c r="X5761" s="2">
        <v>118.9</v>
      </c>
      <c r="Y5761" s="2">
        <v>7.6</v>
      </c>
      <c r="Z5761" s="2">
        <v>16.7</v>
      </c>
      <c r="AA5761" s="5"/>
      <c r="AB5761" s="5" t="s">
        <v>43</v>
      </c>
      <c r="AC5761" s="5" t="s">
        <v>44</v>
      </c>
      <c r="AD5761" s="2"/>
      <c r="AE5761" s="1"/>
    </row>
    <row r="5762" spans="1:31" ht="14.45">
      <c r="A5762" s="11"/>
      <c r="B5762" s="20"/>
      <c r="C5762" s="2" t="s">
        <v>17757</v>
      </c>
      <c r="D5762" s="14" t="s">
        <v>17758</v>
      </c>
      <c r="E5762" s="2" t="s">
        <v>17759</v>
      </c>
      <c r="F5762" s="2" t="s">
        <v>16033</v>
      </c>
      <c r="G5762" s="8">
        <v>272</v>
      </c>
      <c r="H5762" s="5">
        <v>11</v>
      </c>
      <c r="I5762" s="5" t="s">
        <v>1518</v>
      </c>
      <c r="J5762" s="5" t="s">
        <v>1519</v>
      </c>
      <c r="K5762" s="2" t="s">
        <v>1520</v>
      </c>
      <c r="L5762" s="5" t="s">
        <v>1519</v>
      </c>
      <c r="M5762" s="2" t="s">
        <v>1520</v>
      </c>
      <c r="N5762" s="5" t="s">
        <v>1521</v>
      </c>
      <c r="O5762" s="5" t="s">
        <v>38</v>
      </c>
      <c r="P5762" s="5" t="s">
        <v>39</v>
      </c>
      <c r="Q5762" s="5" t="s">
        <v>40</v>
      </c>
      <c r="R5762" s="5" t="s">
        <v>1522</v>
      </c>
      <c r="S5762" s="5" t="s">
        <v>1523</v>
      </c>
      <c r="T5762" s="5" t="s">
        <v>42</v>
      </c>
      <c r="U5762" s="2">
        <v>2.8610000000000002</v>
      </c>
      <c r="V5762" s="2">
        <v>2.3260000000000001</v>
      </c>
      <c r="W5762" s="2">
        <v>1.4999999999999999E-2</v>
      </c>
      <c r="X5762" s="2">
        <v>118.9</v>
      </c>
      <c r="Y5762" s="2">
        <v>7.6</v>
      </c>
      <c r="Z5762" s="2">
        <v>16.7</v>
      </c>
      <c r="AA5762" s="5"/>
      <c r="AB5762" s="5" t="s">
        <v>43</v>
      </c>
      <c r="AC5762" s="5" t="s">
        <v>44</v>
      </c>
      <c r="AD5762" s="2"/>
      <c r="AE5762" s="1"/>
    </row>
    <row r="5763" spans="1:31" ht="14.45">
      <c r="A5763" s="11"/>
      <c r="B5763" s="20"/>
      <c r="C5763" s="2" t="s">
        <v>17760</v>
      </c>
      <c r="D5763" s="14" t="s">
        <v>17761</v>
      </c>
      <c r="E5763" s="2" t="s">
        <v>17762</v>
      </c>
      <c r="F5763" s="2" t="s">
        <v>7396</v>
      </c>
      <c r="G5763" s="8">
        <v>254</v>
      </c>
      <c r="H5763" s="5">
        <v>6</v>
      </c>
      <c r="I5763" s="5" t="s">
        <v>1518</v>
      </c>
      <c r="J5763" s="5" t="s">
        <v>1519</v>
      </c>
      <c r="K5763" s="2" t="s">
        <v>1520</v>
      </c>
      <c r="L5763" s="5" t="s">
        <v>1519</v>
      </c>
      <c r="M5763" s="2" t="s">
        <v>1520</v>
      </c>
      <c r="N5763" s="5" t="s">
        <v>1521</v>
      </c>
      <c r="O5763" s="5" t="s">
        <v>38</v>
      </c>
      <c r="P5763" s="5" t="s">
        <v>39</v>
      </c>
      <c r="Q5763" s="5" t="s">
        <v>40</v>
      </c>
      <c r="R5763" s="5" t="s">
        <v>1522</v>
      </c>
      <c r="S5763" s="5" t="s">
        <v>1523</v>
      </c>
      <c r="T5763" s="5" t="s">
        <v>42</v>
      </c>
      <c r="U5763" s="2">
        <v>2.9319999999999999</v>
      </c>
      <c r="V5763" s="2">
        <v>2.4049999999999998</v>
      </c>
      <c r="W5763" s="2">
        <v>1.4999999999999999E-2</v>
      </c>
      <c r="X5763" s="2">
        <v>118.9</v>
      </c>
      <c r="Y5763" s="2">
        <v>7.6</v>
      </c>
      <c r="Z5763" s="2">
        <v>16.7</v>
      </c>
      <c r="AA5763" s="5"/>
      <c r="AB5763" s="5" t="s">
        <v>43</v>
      </c>
      <c r="AC5763" s="5" t="s">
        <v>44</v>
      </c>
      <c r="AD5763" s="2"/>
      <c r="AE5763" s="1"/>
    </row>
    <row r="5764" spans="1:31" ht="14.45">
      <c r="A5764" s="11"/>
      <c r="B5764" s="20"/>
      <c r="C5764" s="2" t="s">
        <v>17763</v>
      </c>
      <c r="D5764" s="14" t="s">
        <v>17764</v>
      </c>
      <c r="E5764" s="2" t="s">
        <v>17765</v>
      </c>
      <c r="F5764" s="2" t="s">
        <v>7507</v>
      </c>
      <c r="G5764" s="8">
        <v>254</v>
      </c>
      <c r="H5764" s="5">
        <v>6</v>
      </c>
      <c r="I5764" s="5" t="s">
        <v>1518</v>
      </c>
      <c r="J5764" s="5" t="s">
        <v>1519</v>
      </c>
      <c r="K5764" s="2" t="s">
        <v>1520</v>
      </c>
      <c r="L5764" s="5" t="s">
        <v>1519</v>
      </c>
      <c r="M5764" s="2" t="s">
        <v>1520</v>
      </c>
      <c r="N5764" s="5" t="s">
        <v>1521</v>
      </c>
      <c r="O5764" s="5" t="s">
        <v>38</v>
      </c>
      <c r="P5764" s="5" t="s">
        <v>39</v>
      </c>
      <c r="Q5764" s="5" t="s">
        <v>40</v>
      </c>
      <c r="R5764" s="5" t="s">
        <v>1522</v>
      </c>
      <c r="S5764" s="5" t="s">
        <v>1523</v>
      </c>
      <c r="T5764" s="5" t="s">
        <v>42</v>
      </c>
      <c r="U5764" s="2">
        <v>3.0179999999999998</v>
      </c>
      <c r="V5764" s="2">
        <v>2.4910000000000001</v>
      </c>
      <c r="W5764" s="2">
        <v>1.4999999999999999E-2</v>
      </c>
      <c r="X5764" s="2">
        <v>118.9</v>
      </c>
      <c r="Y5764" s="2">
        <v>7.6</v>
      </c>
      <c r="Z5764" s="2">
        <v>16.7</v>
      </c>
      <c r="AA5764" s="5"/>
      <c r="AB5764" s="5" t="s">
        <v>43</v>
      </c>
      <c r="AC5764" s="5" t="s">
        <v>44</v>
      </c>
      <c r="AD5764" s="2"/>
      <c r="AE5764" s="1"/>
    </row>
    <row r="5765" spans="1:31" ht="14.45">
      <c r="A5765" s="11"/>
      <c r="B5765" s="20"/>
      <c r="C5765" s="2" t="s">
        <v>17766</v>
      </c>
      <c r="D5765" s="14" t="s">
        <v>17767</v>
      </c>
      <c r="E5765" s="2" t="s">
        <v>17768</v>
      </c>
      <c r="F5765" s="2" t="s">
        <v>7204</v>
      </c>
      <c r="G5765" s="8">
        <v>254</v>
      </c>
      <c r="H5765" s="5">
        <v>6</v>
      </c>
      <c r="I5765" s="5" t="s">
        <v>1518</v>
      </c>
      <c r="J5765" s="5" t="s">
        <v>1519</v>
      </c>
      <c r="K5765" s="2" t="s">
        <v>1520</v>
      </c>
      <c r="L5765" s="5" t="s">
        <v>1519</v>
      </c>
      <c r="M5765" s="2" t="s">
        <v>1520</v>
      </c>
      <c r="N5765" s="5" t="s">
        <v>1521</v>
      </c>
      <c r="O5765" s="5" t="s">
        <v>38</v>
      </c>
      <c r="P5765" s="5" t="s">
        <v>39</v>
      </c>
      <c r="Q5765" s="5" t="s">
        <v>40</v>
      </c>
      <c r="R5765" s="5" t="s">
        <v>1522</v>
      </c>
      <c r="S5765" s="5" t="s">
        <v>1523</v>
      </c>
      <c r="T5765" s="5" t="s">
        <v>42</v>
      </c>
      <c r="U5765" s="2">
        <v>2.9390000000000001</v>
      </c>
      <c r="V5765" s="2">
        <v>2.4119999999999999</v>
      </c>
      <c r="W5765" s="2">
        <v>1.4999999999999999E-2</v>
      </c>
      <c r="X5765" s="2">
        <v>118.9</v>
      </c>
      <c r="Y5765" s="2">
        <v>7.6</v>
      </c>
      <c r="Z5765" s="2">
        <v>16.7</v>
      </c>
      <c r="AA5765" s="5"/>
      <c r="AB5765" s="5" t="s">
        <v>43</v>
      </c>
      <c r="AC5765" s="5" t="s">
        <v>44</v>
      </c>
      <c r="AD5765" s="2"/>
      <c r="AE5765" s="1"/>
    </row>
    <row r="5766" spans="1:31" ht="14.45">
      <c r="A5766" s="11"/>
      <c r="B5766" s="20"/>
      <c r="C5766" s="2" t="s">
        <v>17769</v>
      </c>
      <c r="D5766" s="14" t="s">
        <v>17770</v>
      </c>
      <c r="E5766" s="2" t="s">
        <v>17771</v>
      </c>
      <c r="F5766" s="2" t="s">
        <v>7514</v>
      </c>
      <c r="G5766" s="8">
        <v>254</v>
      </c>
      <c r="H5766" s="5">
        <v>6</v>
      </c>
      <c r="I5766" s="5" t="s">
        <v>1518</v>
      </c>
      <c r="J5766" s="5" t="s">
        <v>1519</v>
      </c>
      <c r="K5766" s="2" t="s">
        <v>1520</v>
      </c>
      <c r="L5766" s="5" t="s">
        <v>1519</v>
      </c>
      <c r="M5766" s="2" t="s">
        <v>1520</v>
      </c>
      <c r="N5766" s="5" t="s">
        <v>1521</v>
      </c>
      <c r="O5766" s="5" t="s">
        <v>38</v>
      </c>
      <c r="P5766" s="5" t="s">
        <v>39</v>
      </c>
      <c r="Q5766" s="5" t="s">
        <v>40</v>
      </c>
      <c r="R5766" s="5" t="s">
        <v>1522</v>
      </c>
      <c r="S5766" s="5" t="s">
        <v>1523</v>
      </c>
      <c r="T5766" s="5" t="s">
        <v>42</v>
      </c>
      <c r="U5766" s="2">
        <v>3.0249999999999999</v>
      </c>
      <c r="V5766" s="2">
        <v>2.4980000000000002</v>
      </c>
      <c r="W5766" s="2">
        <v>1.4999999999999999E-2</v>
      </c>
      <c r="X5766" s="2">
        <v>118.9</v>
      </c>
      <c r="Y5766" s="2">
        <v>7.6</v>
      </c>
      <c r="Z5766" s="2">
        <v>16.7</v>
      </c>
      <c r="AA5766" s="5"/>
      <c r="AB5766" s="5" t="s">
        <v>43</v>
      </c>
      <c r="AC5766" s="5" t="s">
        <v>44</v>
      </c>
      <c r="AD5766" s="2"/>
      <c r="AE5766" s="1"/>
    </row>
    <row r="5767" spans="1:31" ht="14.45">
      <c r="A5767" s="11"/>
      <c r="B5767" s="20"/>
      <c r="C5767" s="2" t="s">
        <v>17772</v>
      </c>
      <c r="D5767" s="14" t="s">
        <v>17773</v>
      </c>
      <c r="E5767" s="2" t="s">
        <v>17774</v>
      </c>
      <c r="F5767" s="2" t="s">
        <v>7208</v>
      </c>
      <c r="G5767" s="8">
        <v>254</v>
      </c>
      <c r="H5767" s="5">
        <v>6</v>
      </c>
      <c r="I5767" s="5" t="s">
        <v>1518</v>
      </c>
      <c r="J5767" s="5" t="s">
        <v>1519</v>
      </c>
      <c r="K5767" s="2" t="s">
        <v>1520</v>
      </c>
      <c r="L5767" s="5" t="s">
        <v>1519</v>
      </c>
      <c r="M5767" s="2" t="s">
        <v>1520</v>
      </c>
      <c r="N5767" s="5" t="s">
        <v>1521</v>
      </c>
      <c r="O5767" s="5" t="s">
        <v>38</v>
      </c>
      <c r="P5767" s="5" t="s">
        <v>39</v>
      </c>
      <c r="Q5767" s="5" t="s">
        <v>40</v>
      </c>
      <c r="R5767" s="5" t="s">
        <v>1522</v>
      </c>
      <c r="S5767" s="5" t="s">
        <v>1523</v>
      </c>
      <c r="T5767" s="5" t="s">
        <v>42</v>
      </c>
      <c r="U5767" s="2">
        <v>2.9390000000000001</v>
      </c>
      <c r="V5767" s="2">
        <v>2.4119999999999999</v>
      </c>
      <c r="W5767" s="2">
        <v>1.4999999999999999E-2</v>
      </c>
      <c r="X5767" s="2">
        <v>118.9</v>
      </c>
      <c r="Y5767" s="2">
        <v>7.6</v>
      </c>
      <c r="Z5767" s="2">
        <v>16.7</v>
      </c>
      <c r="AA5767" s="5"/>
      <c r="AB5767" s="5" t="s">
        <v>43</v>
      </c>
      <c r="AC5767" s="5" t="s">
        <v>44</v>
      </c>
      <c r="AD5767" s="2"/>
      <c r="AE5767" s="1"/>
    </row>
    <row r="5768" spans="1:31" ht="14.45">
      <c r="A5768" s="11"/>
      <c r="B5768" s="20"/>
      <c r="C5768" s="2" t="s">
        <v>17775</v>
      </c>
      <c r="D5768" s="14" t="s">
        <v>17776</v>
      </c>
      <c r="E5768" s="2" t="s">
        <v>17777</v>
      </c>
      <c r="F5768" s="2" t="s">
        <v>7521</v>
      </c>
      <c r="G5768" s="8">
        <v>254</v>
      </c>
      <c r="H5768" s="5">
        <v>6</v>
      </c>
      <c r="I5768" s="5" t="s">
        <v>1518</v>
      </c>
      <c r="J5768" s="5" t="s">
        <v>1519</v>
      </c>
      <c r="K5768" s="2" t="s">
        <v>1520</v>
      </c>
      <c r="L5768" s="5" t="s">
        <v>1519</v>
      </c>
      <c r="M5768" s="2" t="s">
        <v>1520</v>
      </c>
      <c r="N5768" s="5" t="s">
        <v>1521</v>
      </c>
      <c r="O5768" s="5" t="s">
        <v>38</v>
      </c>
      <c r="P5768" s="5" t="s">
        <v>39</v>
      </c>
      <c r="Q5768" s="5" t="s">
        <v>40</v>
      </c>
      <c r="R5768" s="5" t="s">
        <v>1522</v>
      </c>
      <c r="S5768" s="5" t="s">
        <v>1523</v>
      </c>
      <c r="T5768" s="5" t="s">
        <v>42</v>
      </c>
      <c r="U5768" s="2">
        <v>3.0249999999999999</v>
      </c>
      <c r="V5768" s="2">
        <v>2.4980000000000002</v>
      </c>
      <c r="W5768" s="2">
        <v>1.4999999999999999E-2</v>
      </c>
      <c r="X5768" s="2">
        <v>118.9</v>
      </c>
      <c r="Y5768" s="2">
        <v>7.6</v>
      </c>
      <c r="Z5768" s="2">
        <v>16.7</v>
      </c>
      <c r="AA5768" s="5"/>
      <c r="AB5768" s="5" t="s">
        <v>43</v>
      </c>
      <c r="AC5768" s="5" t="s">
        <v>44</v>
      </c>
      <c r="AD5768" s="2"/>
      <c r="AE5768" s="1"/>
    </row>
    <row r="5769" spans="1:31" ht="14.45">
      <c r="A5769" s="11"/>
      <c r="B5769" s="20"/>
      <c r="C5769" s="2" t="s">
        <v>17778</v>
      </c>
      <c r="D5769" s="14" t="s">
        <v>17779</v>
      </c>
      <c r="E5769" s="2" t="s">
        <v>17780</v>
      </c>
      <c r="F5769" s="2" t="s">
        <v>7212</v>
      </c>
      <c r="G5769" s="8">
        <v>254</v>
      </c>
      <c r="H5769" s="5">
        <v>6</v>
      </c>
      <c r="I5769" s="5" t="s">
        <v>1518</v>
      </c>
      <c r="J5769" s="5" t="s">
        <v>1519</v>
      </c>
      <c r="K5769" s="2" t="s">
        <v>1520</v>
      </c>
      <c r="L5769" s="5" t="s">
        <v>1519</v>
      </c>
      <c r="M5769" s="2" t="s">
        <v>1520</v>
      </c>
      <c r="N5769" s="5" t="s">
        <v>1521</v>
      </c>
      <c r="O5769" s="5" t="s">
        <v>38</v>
      </c>
      <c r="P5769" s="5" t="s">
        <v>39</v>
      </c>
      <c r="Q5769" s="5" t="s">
        <v>40</v>
      </c>
      <c r="R5769" s="5" t="s">
        <v>1522</v>
      </c>
      <c r="S5769" s="5" t="s">
        <v>1523</v>
      </c>
      <c r="T5769" s="5" t="s">
        <v>42</v>
      </c>
      <c r="U5769" s="2">
        <v>2.9169999999999998</v>
      </c>
      <c r="V5769" s="2">
        <v>2.39</v>
      </c>
      <c r="W5769" s="2">
        <v>1.4999999999999999E-2</v>
      </c>
      <c r="X5769" s="2">
        <v>118.9</v>
      </c>
      <c r="Y5769" s="2">
        <v>7.6</v>
      </c>
      <c r="Z5769" s="2">
        <v>16.7</v>
      </c>
      <c r="AA5769" s="5"/>
      <c r="AB5769" s="5" t="s">
        <v>43</v>
      </c>
      <c r="AC5769" s="5" t="s">
        <v>44</v>
      </c>
      <c r="AD5769" s="2"/>
      <c r="AE5769" s="1"/>
    </row>
    <row r="5770" spans="1:31" ht="14.45">
      <c r="A5770" s="11"/>
      <c r="B5770" s="20"/>
      <c r="C5770" s="2" t="s">
        <v>17781</v>
      </c>
      <c r="D5770" s="14" t="s">
        <v>17782</v>
      </c>
      <c r="E5770" s="2" t="s">
        <v>17783</v>
      </c>
      <c r="F5770" s="2" t="s">
        <v>7528</v>
      </c>
      <c r="G5770" s="8">
        <v>254</v>
      </c>
      <c r="H5770" s="5">
        <v>6</v>
      </c>
      <c r="I5770" s="5" t="s">
        <v>1518</v>
      </c>
      <c r="J5770" s="5" t="s">
        <v>1519</v>
      </c>
      <c r="K5770" s="2" t="s">
        <v>1520</v>
      </c>
      <c r="L5770" s="5" t="s">
        <v>1519</v>
      </c>
      <c r="M5770" s="2" t="s">
        <v>1520</v>
      </c>
      <c r="N5770" s="5" t="s">
        <v>1521</v>
      </c>
      <c r="O5770" s="5" t="s">
        <v>38</v>
      </c>
      <c r="P5770" s="5" t="s">
        <v>39</v>
      </c>
      <c r="Q5770" s="5" t="s">
        <v>40</v>
      </c>
      <c r="R5770" s="5" t="s">
        <v>1522</v>
      </c>
      <c r="S5770" s="5" t="s">
        <v>1523</v>
      </c>
      <c r="T5770" s="5" t="s">
        <v>42</v>
      </c>
      <c r="U5770" s="2">
        <v>3.0030000000000001</v>
      </c>
      <c r="V5770" s="2">
        <v>2.476</v>
      </c>
      <c r="W5770" s="2">
        <v>1.4999999999999999E-2</v>
      </c>
      <c r="X5770" s="2">
        <v>118.9</v>
      </c>
      <c r="Y5770" s="2">
        <v>7.6</v>
      </c>
      <c r="Z5770" s="2">
        <v>16.7</v>
      </c>
      <c r="AA5770" s="5"/>
      <c r="AB5770" s="5" t="s">
        <v>43</v>
      </c>
      <c r="AC5770" s="5" t="s">
        <v>44</v>
      </c>
      <c r="AD5770" s="2"/>
      <c r="AE5770" s="1"/>
    </row>
    <row r="5771" spans="1:31" ht="14.45">
      <c r="A5771" s="11"/>
      <c r="B5771" s="20"/>
      <c r="C5771" s="2" t="s">
        <v>17784</v>
      </c>
      <c r="D5771" s="14" t="s">
        <v>17785</v>
      </c>
      <c r="E5771" s="2" t="s">
        <v>17786</v>
      </c>
      <c r="F5771" s="2" t="s">
        <v>7406</v>
      </c>
      <c r="G5771" s="8">
        <v>272</v>
      </c>
      <c r="H5771" s="5">
        <v>6</v>
      </c>
      <c r="I5771" s="5" t="s">
        <v>1518</v>
      </c>
      <c r="J5771" s="5" t="s">
        <v>1519</v>
      </c>
      <c r="K5771" s="2" t="s">
        <v>1520</v>
      </c>
      <c r="L5771" s="5" t="s">
        <v>1519</v>
      </c>
      <c r="M5771" s="2" t="s">
        <v>1520</v>
      </c>
      <c r="N5771" s="5" t="s">
        <v>1521</v>
      </c>
      <c r="O5771" s="5" t="s">
        <v>38</v>
      </c>
      <c r="P5771" s="5" t="s">
        <v>39</v>
      </c>
      <c r="Q5771" s="5" t="s">
        <v>40</v>
      </c>
      <c r="R5771" s="5" t="s">
        <v>1522</v>
      </c>
      <c r="S5771" s="5" t="s">
        <v>1523</v>
      </c>
      <c r="T5771" s="5" t="s">
        <v>42</v>
      </c>
      <c r="U5771" s="2">
        <v>2.9169999999999998</v>
      </c>
      <c r="V5771" s="2">
        <v>2.39</v>
      </c>
      <c r="W5771" s="2">
        <v>1.4999999999999999E-2</v>
      </c>
      <c r="X5771" s="2">
        <v>118.9</v>
      </c>
      <c r="Y5771" s="2">
        <v>7.6</v>
      </c>
      <c r="Z5771" s="2">
        <v>16.7</v>
      </c>
      <c r="AA5771" s="5"/>
      <c r="AB5771" s="5" t="s">
        <v>43</v>
      </c>
      <c r="AC5771" s="5" t="s">
        <v>44</v>
      </c>
      <c r="AD5771" s="2"/>
      <c r="AE5771" s="1"/>
    </row>
    <row r="5772" spans="1:31" ht="14.45">
      <c r="A5772" s="11"/>
      <c r="B5772" s="20"/>
      <c r="C5772" s="2" t="s">
        <v>17787</v>
      </c>
      <c r="D5772" s="14" t="s">
        <v>17788</v>
      </c>
      <c r="E5772" s="2" t="s">
        <v>17789</v>
      </c>
      <c r="F5772" s="2" t="s">
        <v>7535</v>
      </c>
      <c r="G5772" s="8">
        <v>272</v>
      </c>
      <c r="H5772" s="5">
        <v>6</v>
      </c>
      <c r="I5772" s="5" t="s">
        <v>1518</v>
      </c>
      <c r="J5772" s="5" t="s">
        <v>1519</v>
      </c>
      <c r="K5772" s="2" t="s">
        <v>1520</v>
      </c>
      <c r="L5772" s="5" t="s">
        <v>1519</v>
      </c>
      <c r="M5772" s="2" t="s">
        <v>1520</v>
      </c>
      <c r="N5772" s="5" t="s">
        <v>1521</v>
      </c>
      <c r="O5772" s="5" t="s">
        <v>38</v>
      </c>
      <c r="P5772" s="5" t="s">
        <v>39</v>
      </c>
      <c r="Q5772" s="5" t="s">
        <v>40</v>
      </c>
      <c r="R5772" s="5" t="s">
        <v>1522</v>
      </c>
      <c r="S5772" s="5" t="s">
        <v>1523</v>
      </c>
      <c r="T5772" s="5" t="s">
        <v>42</v>
      </c>
      <c r="U5772" s="2">
        <v>3.0030000000000001</v>
      </c>
      <c r="V5772" s="2">
        <v>2.476</v>
      </c>
      <c r="W5772" s="2">
        <v>1.4999999999999999E-2</v>
      </c>
      <c r="X5772" s="2">
        <v>118.9</v>
      </c>
      <c r="Y5772" s="2">
        <v>7.6</v>
      </c>
      <c r="Z5772" s="2">
        <v>16.7</v>
      </c>
      <c r="AA5772" s="5"/>
      <c r="AB5772" s="5" t="s">
        <v>43</v>
      </c>
      <c r="AC5772" s="5" t="s">
        <v>44</v>
      </c>
      <c r="AD5772" s="2"/>
      <c r="AE5772" s="1"/>
    </row>
    <row r="5773" spans="1:31" ht="14.45">
      <c r="A5773" s="11"/>
      <c r="B5773" s="20"/>
      <c r="C5773" s="2" t="s">
        <v>17790</v>
      </c>
      <c r="D5773" s="14" t="s">
        <v>17791</v>
      </c>
      <c r="E5773" s="2" t="s">
        <v>17792</v>
      </c>
      <c r="F5773" s="2" t="s">
        <v>7539</v>
      </c>
      <c r="G5773" s="8">
        <v>272</v>
      </c>
      <c r="H5773" s="5">
        <v>6</v>
      </c>
      <c r="I5773" s="5" t="s">
        <v>1518</v>
      </c>
      <c r="J5773" s="5" t="s">
        <v>1519</v>
      </c>
      <c r="K5773" s="2" t="s">
        <v>1520</v>
      </c>
      <c r="L5773" s="5" t="s">
        <v>1519</v>
      </c>
      <c r="M5773" s="2" t="s">
        <v>1520</v>
      </c>
      <c r="N5773" s="5" t="s">
        <v>1521</v>
      </c>
      <c r="O5773" s="5" t="s">
        <v>38</v>
      </c>
      <c r="P5773" s="5" t="s">
        <v>39</v>
      </c>
      <c r="Q5773" s="5" t="s">
        <v>40</v>
      </c>
      <c r="R5773" s="5" t="s">
        <v>1522</v>
      </c>
      <c r="S5773" s="5" t="s">
        <v>1523</v>
      </c>
      <c r="T5773" s="5" t="s">
        <v>42</v>
      </c>
      <c r="U5773" s="2">
        <v>2.9390000000000001</v>
      </c>
      <c r="V5773" s="2">
        <v>2.4119999999999999</v>
      </c>
      <c r="W5773" s="2">
        <v>1.4999999999999999E-2</v>
      </c>
      <c r="X5773" s="2">
        <v>118.9</v>
      </c>
      <c r="Y5773" s="2">
        <v>7.6</v>
      </c>
      <c r="Z5773" s="2">
        <v>16.7</v>
      </c>
      <c r="AA5773" s="5"/>
      <c r="AB5773" s="5" t="s">
        <v>43</v>
      </c>
      <c r="AC5773" s="5" t="s">
        <v>44</v>
      </c>
      <c r="AD5773" s="2"/>
      <c r="AE5773" s="1"/>
    </row>
    <row r="5774" spans="1:31" ht="14.45">
      <c r="A5774" s="11"/>
      <c r="B5774" s="20"/>
      <c r="C5774" s="2" t="s">
        <v>17793</v>
      </c>
      <c r="D5774" s="14" t="s">
        <v>17794</v>
      </c>
      <c r="E5774" s="2" t="s">
        <v>17795</v>
      </c>
      <c r="F5774" s="2" t="s">
        <v>7543</v>
      </c>
      <c r="G5774" s="8">
        <v>272</v>
      </c>
      <c r="H5774" s="5">
        <v>6</v>
      </c>
      <c r="I5774" s="5" t="s">
        <v>1518</v>
      </c>
      <c r="J5774" s="5" t="s">
        <v>1519</v>
      </c>
      <c r="K5774" s="2" t="s">
        <v>1520</v>
      </c>
      <c r="L5774" s="5" t="s">
        <v>1519</v>
      </c>
      <c r="M5774" s="2" t="s">
        <v>1520</v>
      </c>
      <c r="N5774" s="5" t="s">
        <v>1521</v>
      </c>
      <c r="O5774" s="5" t="s">
        <v>38</v>
      </c>
      <c r="P5774" s="5" t="s">
        <v>39</v>
      </c>
      <c r="Q5774" s="5" t="s">
        <v>40</v>
      </c>
      <c r="R5774" s="5" t="s">
        <v>1522</v>
      </c>
      <c r="S5774" s="5" t="s">
        <v>1523</v>
      </c>
      <c r="T5774" s="5" t="s">
        <v>42</v>
      </c>
      <c r="U5774" s="2">
        <v>3.0249999999999999</v>
      </c>
      <c r="V5774" s="2">
        <v>2.4980000000000002</v>
      </c>
      <c r="W5774" s="2">
        <v>1.4999999999999999E-2</v>
      </c>
      <c r="X5774" s="2">
        <v>118.9</v>
      </c>
      <c r="Y5774" s="2">
        <v>7.6</v>
      </c>
      <c r="Z5774" s="2">
        <v>16.7</v>
      </c>
      <c r="AA5774" s="5"/>
      <c r="AB5774" s="5" t="s">
        <v>43</v>
      </c>
      <c r="AC5774" s="5" t="s">
        <v>44</v>
      </c>
      <c r="AD5774" s="2"/>
      <c r="AE5774" s="1"/>
    </row>
    <row r="5775" spans="1:31" ht="14.45">
      <c r="A5775" s="11"/>
      <c r="B5775" s="20"/>
      <c r="C5775" s="2" t="s">
        <v>17796</v>
      </c>
      <c r="D5775" s="14" t="s">
        <v>17797</v>
      </c>
      <c r="E5775" s="2" t="s">
        <v>17798</v>
      </c>
      <c r="F5775" s="2" t="s">
        <v>7563</v>
      </c>
      <c r="G5775" s="8">
        <v>272</v>
      </c>
      <c r="H5775" s="5">
        <v>6</v>
      </c>
      <c r="I5775" s="5" t="s">
        <v>1518</v>
      </c>
      <c r="J5775" s="5" t="s">
        <v>1519</v>
      </c>
      <c r="K5775" s="2" t="s">
        <v>1520</v>
      </c>
      <c r="L5775" s="5" t="s">
        <v>1519</v>
      </c>
      <c r="M5775" s="2" t="s">
        <v>1520</v>
      </c>
      <c r="N5775" s="5" t="s">
        <v>1521</v>
      </c>
      <c r="O5775" s="5" t="s">
        <v>38</v>
      </c>
      <c r="P5775" s="5" t="s">
        <v>39</v>
      </c>
      <c r="Q5775" s="5" t="s">
        <v>40</v>
      </c>
      <c r="R5775" s="5" t="s">
        <v>1522</v>
      </c>
      <c r="S5775" s="5" t="s">
        <v>1523</v>
      </c>
      <c r="T5775" s="5" t="s">
        <v>42</v>
      </c>
      <c r="U5775" s="2">
        <v>2.9390000000000001</v>
      </c>
      <c r="V5775" s="2">
        <v>2.4119999999999999</v>
      </c>
      <c r="W5775" s="2">
        <v>1.4999999999999999E-2</v>
      </c>
      <c r="X5775" s="2">
        <v>118.9</v>
      </c>
      <c r="Y5775" s="2">
        <v>7.6</v>
      </c>
      <c r="Z5775" s="2">
        <v>16.7</v>
      </c>
      <c r="AA5775" s="5"/>
      <c r="AB5775" s="5" t="s">
        <v>43</v>
      </c>
      <c r="AC5775" s="5" t="s">
        <v>44</v>
      </c>
      <c r="AD5775" s="2"/>
      <c r="AE5775" s="1"/>
    </row>
    <row r="5776" spans="1:31" ht="14.45">
      <c r="A5776" s="11"/>
      <c r="B5776" s="20"/>
      <c r="C5776" s="2" t="s">
        <v>17799</v>
      </c>
      <c r="D5776" s="14" t="s">
        <v>17800</v>
      </c>
      <c r="E5776" s="2" t="s">
        <v>17801</v>
      </c>
      <c r="F5776" s="2" t="s">
        <v>7449</v>
      </c>
      <c r="G5776" s="8">
        <v>272</v>
      </c>
      <c r="H5776" s="5">
        <v>6</v>
      </c>
      <c r="I5776" s="5" t="s">
        <v>1518</v>
      </c>
      <c r="J5776" s="5" t="s">
        <v>1519</v>
      </c>
      <c r="K5776" s="2" t="s">
        <v>1520</v>
      </c>
      <c r="L5776" s="5" t="s">
        <v>1519</v>
      </c>
      <c r="M5776" s="2" t="s">
        <v>1520</v>
      </c>
      <c r="N5776" s="5" t="s">
        <v>1521</v>
      </c>
      <c r="O5776" s="5" t="s">
        <v>38</v>
      </c>
      <c r="P5776" s="5" t="s">
        <v>39</v>
      </c>
      <c r="Q5776" s="5" t="s">
        <v>40</v>
      </c>
      <c r="R5776" s="5" t="s">
        <v>1522</v>
      </c>
      <c r="S5776" s="5" t="s">
        <v>1523</v>
      </c>
      <c r="T5776" s="5" t="s">
        <v>42</v>
      </c>
      <c r="U5776" s="2">
        <v>2.9390000000000001</v>
      </c>
      <c r="V5776" s="2">
        <v>2.4119999999999999</v>
      </c>
      <c r="W5776" s="2">
        <v>1.4999999999999999E-2</v>
      </c>
      <c r="X5776" s="2">
        <v>118.9</v>
      </c>
      <c r="Y5776" s="2">
        <v>7.6</v>
      </c>
      <c r="Z5776" s="2">
        <v>16.7</v>
      </c>
      <c r="AA5776" s="5"/>
      <c r="AB5776" s="5" t="s">
        <v>43</v>
      </c>
      <c r="AC5776" s="5" t="s">
        <v>44</v>
      </c>
      <c r="AD5776" s="2"/>
      <c r="AE5776" s="1"/>
    </row>
    <row r="5777" spans="1:31" ht="14.45">
      <c r="A5777" s="11"/>
      <c r="B5777" s="20"/>
      <c r="C5777" s="2" t="s">
        <v>17802</v>
      </c>
      <c r="D5777" s="14" t="s">
        <v>17803</v>
      </c>
      <c r="E5777" s="2" t="s">
        <v>17804</v>
      </c>
      <c r="F5777" s="2" t="s">
        <v>7585</v>
      </c>
      <c r="G5777" s="8">
        <v>272</v>
      </c>
      <c r="H5777" s="5">
        <v>6</v>
      </c>
      <c r="I5777" s="5" t="s">
        <v>1518</v>
      </c>
      <c r="J5777" s="5" t="s">
        <v>1519</v>
      </c>
      <c r="K5777" s="2" t="s">
        <v>1520</v>
      </c>
      <c r="L5777" s="5" t="s">
        <v>1519</v>
      </c>
      <c r="M5777" s="2" t="s">
        <v>1520</v>
      </c>
      <c r="N5777" s="5" t="s">
        <v>1521</v>
      </c>
      <c r="O5777" s="5" t="s">
        <v>38</v>
      </c>
      <c r="P5777" s="5" t="s">
        <v>39</v>
      </c>
      <c r="Q5777" s="5" t="s">
        <v>40</v>
      </c>
      <c r="R5777" s="5" t="s">
        <v>1522</v>
      </c>
      <c r="S5777" s="5" t="s">
        <v>1523</v>
      </c>
      <c r="T5777" s="5" t="s">
        <v>42</v>
      </c>
      <c r="U5777" s="2">
        <v>2.9169999999999998</v>
      </c>
      <c r="V5777" s="2">
        <v>2.39</v>
      </c>
      <c r="W5777" s="2">
        <v>1.4999999999999999E-2</v>
      </c>
      <c r="X5777" s="2">
        <v>118.9</v>
      </c>
      <c r="Y5777" s="2">
        <v>7.6</v>
      </c>
      <c r="Z5777" s="2">
        <v>16.7</v>
      </c>
      <c r="AA5777" s="5"/>
      <c r="AB5777" s="5" t="s">
        <v>43</v>
      </c>
      <c r="AC5777" s="5" t="s">
        <v>44</v>
      </c>
      <c r="AD5777" s="2"/>
      <c r="AE5777" s="1"/>
    </row>
    <row r="5778" spans="1:31" ht="14.45">
      <c r="A5778" s="11"/>
      <c r="B5778" s="20"/>
      <c r="C5778" s="2" t="s">
        <v>17805</v>
      </c>
      <c r="D5778" s="14" t="s">
        <v>17806</v>
      </c>
      <c r="E5778" s="2" t="s">
        <v>17807</v>
      </c>
      <c r="F5778" s="2" t="s">
        <v>7593</v>
      </c>
      <c r="G5778" s="8">
        <v>272</v>
      </c>
      <c r="H5778" s="5">
        <v>6</v>
      </c>
      <c r="I5778" s="5" t="s">
        <v>1518</v>
      </c>
      <c r="J5778" s="5" t="s">
        <v>1519</v>
      </c>
      <c r="K5778" s="2" t="s">
        <v>1520</v>
      </c>
      <c r="L5778" s="5" t="s">
        <v>1519</v>
      </c>
      <c r="M5778" s="2" t="s">
        <v>1520</v>
      </c>
      <c r="N5778" s="5" t="s">
        <v>1521</v>
      </c>
      <c r="O5778" s="5" t="s">
        <v>38</v>
      </c>
      <c r="P5778" s="5" t="s">
        <v>39</v>
      </c>
      <c r="Q5778" s="5" t="s">
        <v>40</v>
      </c>
      <c r="R5778" s="5" t="s">
        <v>1522</v>
      </c>
      <c r="S5778" s="5" t="s">
        <v>1523</v>
      </c>
      <c r="T5778" s="5" t="s">
        <v>42</v>
      </c>
      <c r="U5778" s="2">
        <v>2.9390000000000001</v>
      </c>
      <c r="V5778" s="2">
        <v>2.4119999999999999</v>
      </c>
      <c r="W5778" s="2">
        <v>1.4999999999999999E-2</v>
      </c>
      <c r="X5778" s="2">
        <v>118.9</v>
      </c>
      <c r="Y5778" s="2">
        <v>7.6</v>
      </c>
      <c r="Z5778" s="2">
        <v>16.7</v>
      </c>
      <c r="AA5778" s="5"/>
      <c r="AB5778" s="5" t="s">
        <v>43</v>
      </c>
      <c r="AC5778" s="5" t="s">
        <v>44</v>
      </c>
      <c r="AD5778" s="2"/>
      <c r="AE5778" s="1"/>
    </row>
    <row r="5779" spans="1:31" ht="14.45">
      <c r="A5779" s="11"/>
      <c r="B5779" s="20"/>
      <c r="C5779" s="2" t="s">
        <v>17808</v>
      </c>
      <c r="D5779" s="14" t="s">
        <v>17809</v>
      </c>
      <c r="E5779" s="2" t="s">
        <v>17810</v>
      </c>
      <c r="F5779" s="2" t="s">
        <v>7615</v>
      </c>
      <c r="G5779" s="8">
        <v>272</v>
      </c>
      <c r="H5779" s="5">
        <v>6</v>
      </c>
      <c r="I5779" s="5" t="s">
        <v>1518</v>
      </c>
      <c r="J5779" s="5" t="s">
        <v>1519</v>
      </c>
      <c r="K5779" s="2" t="s">
        <v>1520</v>
      </c>
      <c r="L5779" s="5" t="s">
        <v>1519</v>
      </c>
      <c r="M5779" s="2" t="s">
        <v>1520</v>
      </c>
      <c r="N5779" s="5" t="s">
        <v>1521</v>
      </c>
      <c r="O5779" s="5" t="s">
        <v>38</v>
      </c>
      <c r="P5779" s="5" t="s">
        <v>39</v>
      </c>
      <c r="Q5779" s="5" t="s">
        <v>40</v>
      </c>
      <c r="R5779" s="5" t="s">
        <v>1522</v>
      </c>
      <c r="S5779" s="5" t="s">
        <v>1523</v>
      </c>
      <c r="T5779" s="5" t="s">
        <v>42</v>
      </c>
      <c r="U5779" s="2">
        <v>2.9169999999999998</v>
      </c>
      <c r="V5779" s="2">
        <v>2.39</v>
      </c>
      <c r="W5779" s="2">
        <v>1.4999999999999999E-2</v>
      </c>
      <c r="X5779" s="2">
        <v>118.9</v>
      </c>
      <c r="Y5779" s="2">
        <v>7.6</v>
      </c>
      <c r="Z5779" s="2">
        <v>16.7</v>
      </c>
      <c r="AA5779" s="5"/>
      <c r="AB5779" s="5" t="s">
        <v>43</v>
      </c>
      <c r="AC5779" s="5" t="s">
        <v>44</v>
      </c>
      <c r="AD5779" s="2"/>
      <c r="AE5779" s="1"/>
    </row>
    <row r="5780" spans="1:31" ht="14.45">
      <c r="A5780" s="11"/>
      <c r="B5780" s="20"/>
      <c r="C5780" s="2" t="s">
        <v>17811</v>
      </c>
      <c r="D5780" s="14" t="s">
        <v>17812</v>
      </c>
      <c r="E5780" s="2" t="s">
        <v>17813</v>
      </c>
      <c r="F5780" s="2" t="s">
        <v>7619</v>
      </c>
      <c r="G5780" s="8">
        <v>272</v>
      </c>
      <c r="H5780" s="5">
        <v>6</v>
      </c>
      <c r="I5780" s="5" t="s">
        <v>1518</v>
      </c>
      <c r="J5780" s="5" t="s">
        <v>1519</v>
      </c>
      <c r="K5780" s="2" t="s">
        <v>1520</v>
      </c>
      <c r="L5780" s="5" t="s">
        <v>1519</v>
      </c>
      <c r="M5780" s="2" t="s">
        <v>1520</v>
      </c>
      <c r="N5780" s="5" t="s">
        <v>1521</v>
      </c>
      <c r="O5780" s="5" t="s">
        <v>38</v>
      </c>
      <c r="P5780" s="5" t="s">
        <v>39</v>
      </c>
      <c r="Q5780" s="5" t="s">
        <v>40</v>
      </c>
      <c r="R5780" s="5" t="s">
        <v>1522</v>
      </c>
      <c r="S5780" s="5" t="s">
        <v>1523</v>
      </c>
      <c r="T5780" s="5" t="s">
        <v>42</v>
      </c>
      <c r="U5780" s="2">
        <v>3.0030000000000001</v>
      </c>
      <c r="V5780" s="2">
        <v>2.476</v>
      </c>
      <c r="W5780" s="2">
        <v>1.4999999999999999E-2</v>
      </c>
      <c r="X5780" s="2">
        <v>118.9</v>
      </c>
      <c r="Y5780" s="2">
        <v>7.6</v>
      </c>
      <c r="Z5780" s="2">
        <v>16.7</v>
      </c>
      <c r="AA5780" s="5"/>
      <c r="AB5780" s="5" t="s">
        <v>43</v>
      </c>
      <c r="AC5780" s="5" t="s">
        <v>44</v>
      </c>
      <c r="AD5780" s="2"/>
      <c r="AE5780" s="1"/>
    </row>
    <row r="5781" spans="1:31" ht="14.45">
      <c r="A5781" s="11"/>
      <c r="B5781" s="20"/>
      <c r="C5781" s="2" t="s">
        <v>17814</v>
      </c>
      <c r="D5781" s="14" t="s">
        <v>17815</v>
      </c>
      <c r="E5781" s="2" t="s">
        <v>17816</v>
      </c>
      <c r="F5781" s="2" t="s">
        <v>16029</v>
      </c>
      <c r="G5781" s="8">
        <v>272</v>
      </c>
      <c r="H5781" s="5">
        <v>11</v>
      </c>
      <c r="I5781" s="5" t="s">
        <v>1518</v>
      </c>
      <c r="J5781" s="5" t="s">
        <v>1519</v>
      </c>
      <c r="K5781" s="2" t="s">
        <v>1520</v>
      </c>
      <c r="L5781" s="5" t="s">
        <v>1519</v>
      </c>
      <c r="M5781" s="2" t="s">
        <v>1520</v>
      </c>
      <c r="N5781" s="5" t="s">
        <v>1521</v>
      </c>
      <c r="O5781" s="5" t="s">
        <v>38</v>
      </c>
      <c r="P5781" s="5" t="s">
        <v>39</v>
      </c>
      <c r="Q5781" s="5" t="s">
        <v>40</v>
      </c>
      <c r="R5781" s="5" t="s">
        <v>1522</v>
      </c>
      <c r="S5781" s="5" t="s">
        <v>1523</v>
      </c>
      <c r="T5781" s="5" t="s">
        <v>42</v>
      </c>
      <c r="U5781" s="2">
        <v>2.9540000000000002</v>
      </c>
      <c r="V5781" s="2">
        <v>2.427</v>
      </c>
      <c r="W5781" s="2">
        <v>1.4999999999999999E-2</v>
      </c>
      <c r="X5781" s="2">
        <v>118.9</v>
      </c>
      <c r="Y5781" s="2">
        <v>7.6</v>
      </c>
      <c r="Z5781" s="2">
        <v>16.7</v>
      </c>
      <c r="AA5781" s="5"/>
      <c r="AB5781" s="5" t="s">
        <v>43</v>
      </c>
      <c r="AC5781" s="5" t="s">
        <v>44</v>
      </c>
      <c r="AD5781" s="2"/>
      <c r="AE5781" s="1"/>
    </row>
    <row r="5782" spans="1:31" ht="14.45">
      <c r="A5782" s="11"/>
      <c r="B5782" s="20"/>
      <c r="C5782" s="2" t="s">
        <v>17817</v>
      </c>
      <c r="D5782" s="14" t="s">
        <v>17818</v>
      </c>
      <c r="E5782" s="2" t="s">
        <v>17819</v>
      </c>
      <c r="F5782" s="2" t="s">
        <v>16033</v>
      </c>
      <c r="G5782" s="8">
        <v>272</v>
      </c>
      <c r="H5782" s="5">
        <v>11</v>
      </c>
      <c r="I5782" s="5" t="s">
        <v>1518</v>
      </c>
      <c r="J5782" s="5" t="s">
        <v>1519</v>
      </c>
      <c r="K5782" s="2" t="s">
        <v>1520</v>
      </c>
      <c r="L5782" s="5" t="s">
        <v>1519</v>
      </c>
      <c r="M5782" s="2" t="s">
        <v>1520</v>
      </c>
      <c r="N5782" s="5" t="s">
        <v>1521</v>
      </c>
      <c r="O5782" s="5" t="s">
        <v>38</v>
      </c>
      <c r="P5782" s="5" t="s">
        <v>39</v>
      </c>
      <c r="Q5782" s="5" t="s">
        <v>40</v>
      </c>
      <c r="R5782" s="5" t="s">
        <v>1522</v>
      </c>
      <c r="S5782" s="5" t="s">
        <v>1523</v>
      </c>
      <c r="T5782" s="5" t="s">
        <v>42</v>
      </c>
      <c r="U5782" s="2">
        <v>3.04</v>
      </c>
      <c r="V5782" s="2">
        <v>2.5129999999999999</v>
      </c>
      <c r="W5782" s="2">
        <v>1.4999999999999999E-2</v>
      </c>
      <c r="X5782" s="2">
        <v>118.9</v>
      </c>
      <c r="Y5782" s="2">
        <v>7.6</v>
      </c>
      <c r="Z5782" s="2">
        <v>16.7</v>
      </c>
      <c r="AA5782" s="5"/>
      <c r="AB5782" s="5" t="s">
        <v>43</v>
      </c>
      <c r="AC5782" s="5" t="s">
        <v>44</v>
      </c>
      <c r="AD5782" s="2"/>
      <c r="AE5782" s="1"/>
    </row>
    <row r="5783" spans="1:31" ht="14.45">
      <c r="A5783" s="11"/>
      <c r="B5783" s="20"/>
      <c r="C5783" s="2" t="s">
        <v>17820</v>
      </c>
      <c r="D5783" s="14" t="s">
        <v>17821</v>
      </c>
      <c r="E5783" s="2" t="s">
        <v>17822</v>
      </c>
      <c r="F5783" s="2" t="s">
        <v>7396</v>
      </c>
      <c r="G5783" s="8">
        <v>263</v>
      </c>
      <c r="H5783" s="5">
        <v>6</v>
      </c>
      <c r="I5783" s="5" t="s">
        <v>1518</v>
      </c>
      <c r="J5783" s="5" t="s">
        <v>1519</v>
      </c>
      <c r="K5783" s="2" t="s">
        <v>1520</v>
      </c>
      <c r="L5783" s="5" t="s">
        <v>1519</v>
      </c>
      <c r="M5783" s="2" t="s">
        <v>1520</v>
      </c>
      <c r="N5783" s="5" t="s">
        <v>1521</v>
      </c>
      <c r="O5783" s="5" t="s">
        <v>38</v>
      </c>
      <c r="P5783" s="5" t="s">
        <v>39</v>
      </c>
      <c r="Q5783" s="5" t="s">
        <v>40</v>
      </c>
      <c r="R5783" s="5" t="s">
        <v>1522</v>
      </c>
      <c r="S5783" s="5" t="s">
        <v>1523</v>
      </c>
      <c r="T5783" s="5" t="s">
        <v>42</v>
      </c>
      <c r="U5783" s="2">
        <v>3.101</v>
      </c>
      <c r="V5783" s="2">
        <v>2.5830000000000002</v>
      </c>
      <c r="W5783" s="2">
        <v>1.4999999999999999E-2</v>
      </c>
      <c r="X5783" s="2">
        <v>118.9</v>
      </c>
      <c r="Y5783" s="2">
        <v>7.6</v>
      </c>
      <c r="Z5783" s="2">
        <v>16.7</v>
      </c>
      <c r="AA5783" s="5"/>
      <c r="AB5783" s="5" t="s">
        <v>43</v>
      </c>
      <c r="AC5783" s="5" t="s">
        <v>44</v>
      </c>
      <c r="AD5783" s="2"/>
      <c r="AE5783" s="1"/>
    </row>
    <row r="5784" spans="1:31" ht="14.45">
      <c r="A5784" s="11"/>
      <c r="B5784" s="20"/>
      <c r="C5784" s="2" t="s">
        <v>17823</v>
      </c>
      <c r="D5784" s="14" t="s">
        <v>17824</v>
      </c>
      <c r="E5784" s="2" t="s">
        <v>17825</v>
      </c>
      <c r="F5784" s="2" t="s">
        <v>7507</v>
      </c>
      <c r="G5784" s="8">
        <v>263</v>
      </c>
      <c r="H5784" s="5">
        <v>6</v>
      </c>
      <c r="I5784" s="5" t="s">
        <v>1518</v>
      </c>
      <c r="J5784" s="5" t="s">
        <v>1519</v>
      </c>
      <c r="K5784" s="2" t="s">
        <v>1520</v>
      </c>
      <c r="L5784" s="5" t="s">
        <v>1519</v>
      </c>
      <c r="M5784" s="2" t="s">
        <v>1520</v>
      </c>
      <c r="N5784" s="5" t="s">
        <v>1521</v>
      </c>
      <c r="O5784" s="5" t="s">
        <v>38</v>
      </c>
      <c r="P5784" s="5" t="s">
        <v>39</v>
      </c>
      <c r="Q5784" s="5" t="s">
        <v>40</v>
      </c>
      <c r="R5784" s="5" t="s">
        <v>1522</v>
      </c>
      <c r="S5784" s="5" t="s">
        <v>1523</v>
      </c>
      <c r="T5784" s="5" t="s">
        <v>42</v>
      </c>
      <c r="U5784" s="2">
        <v>3.2010000000000001</v>
      </c>
      <c r="V5784" s="2">
        <v>2.6829999999999998</v>
      </c>
      <c r="W5784" s="2">
        <v>1.4999999999999999E-2</v>
      </c>
      <c r="X5784" s="2">
        <v>118.9</v>
      </c>
      <c r="Y5784" s="2">
        <v>7.6</v>
      </c>
      <c r="Z5784" s="2">
        <v>16.7</v>
      </c>
      <c r="AA5784" s="5"/>
      <c r="AB5784" s="5" t="s">
        <v>43</v>
      </c>
      <c r="AC5784" s="5" t="s">
        <v>44</v>
      </c>
      <c r="AD5784" s="2"/>
      <c r="AE5784" s="1"/>
    </row>
    <row r="5785" spans="1:31" ht="14.45">
      <c r="A5785" s="11"/>
      <c r="B5785" s="20"/>
      <c r="C5785" s="2" t="s">
        <v>17826</v>
      </c>
      <c r="D5785" s="14" t="s">
        <v>17827</v>
      </c>
      <c r="E5785" s="2" t="s">
        <v>17828</v>
      </c>
      <c r="F5785" s="2" t="s">
        <v>7204</v>
      </c>
      <c r="G5785" s="8">
        <v>263</v>
      </c>
      <c r="H5785" s="5">
        <v>6</v>
      </c>
      <c r="I5785" s="5" t="s">
        <v>1518</v>
      </c>
      <c r="J5785" s="5" t="s">
        <v>1519</v>
      </c>
      <c r="K5785" s="2" t="s">
        <v>1520</v>
      </c>
      <c r="L5785" s="5" t="s">
        <v>1519</v>
      </c>
      <c r="M5785" s="2" t="s">
        <v>1520</v>
      </c>
      <c r="N5785" s="5" t="s">
        <v>1521</v>
      </c>
      <c r="O5785" s="5" t="s">
        <v>38</v>
      </c>
      <c r="P5785" s="5" t="s">
        <v>39</v>
      </c>
      <c r="Q5785" s="5" t="s">
        <v>40</v>
      </c>
      <c r="R5785" s="5" t="s">
        <v>1522</v>
      </c>
      <c r="S5785" s="5" t="s">
        <v>1523</v>
      </c>
      <c r="T5785" s="5" t="s">
        <v>42</v>
      </c>
      <c r="U5785" s="2">
        <v>3.11</v>
      </c>
      <c r="V5785" s="2">
        <v>2.5920000000000001</v>
      </c>
      <c r="W5785" s="2">
        <v>1.4999999999999999E-2</v>
      </c>
      <c r="X5785" s="2">
        <v>118.9</v>
      </c>
      <c r="Y5785" s="2">
        <v>7.6</v>
      </c>
      <c r="Z5785" s="2">
        <v>16.7</v>
      </c>
      <c r="AA5785" s="5"/>
      <c r="AB5785" s="5" t="s">
        <v>43</v>
      </c>
      <c r="AC5785" s="5" t="s">
        <v>44</v>
      </c>
      <c r="AD5785" s="2"/>
      <c r="AE5785" s="1"/>
    </row>
    <row r="5786" spans="1:31" ht="14.45">
      <c r="A5786" s="11"/>
      <c r="B5786" s="20"/>
      <c r="C5786" s="2" t="s">
        <v>17829</v>
      </c>
      <c r="D5786" s="14" t="s">
        <v>17830</v>
      </c>
      <c r="E5786" s="2" t="s">
        <v>17831</v>
      </c>
      <c r="F5786" s="2" t="s">
        <v>7514</v>
      </c>
      <c r="G5786" s="8">
        <v>263</v>
      </c>
      <c r="H5786" s="5">
        <v>6</v>
      </c>
      <c r="I5786" s="5" t="s">
        <v>1518</v>
      </c>
      <c r="J5786" s="5" t="s">
        <v>1519</v>
      </c>
      <c r="K5786" s="2" t="s">
        <v>1520</v>
      </c>
      <c r="L5786" s="5" t="s">
        <v>1519</v>
      </c>
      <c r="M5786" s="2" t="s">
        <v>1520</v>
      </c>
      <c r="N5786" s="5" t="s">
        <v>1521</v>
      </c>
      <c r="O5786" s="5" t="s">
        <v>38</v>
      </c>
      <c r="P5786" s="5" t="s">
        <v>39</v>
      </c>
      <c r="Q5786" s="5" t="s">
        <v>40</v>
      </c>
      <c r="R5786" s="5" t="s">
        <v>1522</v>
      </c>
      <c r="S5786" s="5" t="s">
        <v>1523</v>
      </c>
      <c r="T5786" s="5" t="s">
        <v>42</v>
      </c>
      <c r="U5786" s="2">
        <v>3.21</v>
      </c>
      <c r="V5786" s="2">
        <v>2.6920000000000002</v>
      </c>
      <c r="W5786" s="2">
        <v>1.4999999999999999E-2</v>
      </c>
      <c r="X5786" s="2">
        <v>118.9</v>
      </c>
      <c r="Y5786" s="2">
        <v>7.6</v>
      </c>
      <c r="Z5786" s="2">
        <v>16.7</v>
      </c>
      <c r="AA5786" s="5"/>
      <c r="AB5786" s="5" t="s">
        <v>43</v>
      </c>
      <c r="AC5786" s="5" t="s">
        <v>44</v>
      </c>
      <c r="AD5786" s="2"/>
      <c r="AE5786" s="1"/>
    </row>
    <row r="5787" spans="1:31" ht="14.45">
      <c r="A5787" s="11"/>
      <c r="B5787" s="20"/>
      <c r="C5787" s="2" t="s">
        <v>17832</v>
      </c>
      <c r="D5787" s="14" t="s">
        <v>17833</v>
      </c>
      <c r="E5787" s="2" t="s">
        <v>17834</v>
      </c>
      <c r="F5787" s="2" t="s">
        <v>7208</v>
      </c>
      <c r="G5787" s="8">
        <v>263</v>
      </c>
      <c r="H5787" s="5">
        <v>6</v>
      </c>
      <c r="I5787" s="5" t="s">
        <v>1518</v>
      </c>
      <c r="J5787" s="5" t="s">
        <v>1519</v>
      </c>
      <c r="K5787" s="2" t="s">
        <v>1520</v>
      </c>
      <c r="L5787" s="5" t="s">
        <v>1519</v>
      </c>
      <c r="M5787" s="2" t="s">
        <v>1520</v>
      </c>
      <c r="N5787" s="5" t="s">
        <v>1521</v>
      </c>
      <c r="O5787" s="5" t="s">
        <v>38</v>
      </c>
      <c r="P5787" s="5" t="s">
        <v>39</v>
      </c>
      <c r="Q5787" s="5" t="s">
        <v>40</v>
      </c>
      <c r="R5787" s="5" t="s">
        <v>1522</v>
      </c>
      <c r="S5787" s="5" t="s">
        <v>1523</v>
      </c>
      <c r="T5787" s="5" t="s">
        <v>42</v>
      </c>
      <c r="U5787" s="2">
        <v>3.11</v>
      </c>
      <c r="V5787" s="2">
        <v>2.5920000000000001</v>
      </c>
      <c r="W5787" s="2">
        <v>1.4999999999999999E-2</v>
      </c>
      <c r="X5787" s="2">
        <v>118.9</v>
      </c>
      <c r="Y5787" s="2">
        <v>7.6</v>
      </c>
      <c r="Z5787" s="2">
        <v>16.7</v>
      </c>
      <c r="AA5787" s="5"/>
      <c r="AB5787" s="5" t="s">
        <v>43</v>
      </c>
      <c r="AC5787" s="5" t="s">
        <v>44</v>
      </c>
      <c r="AD5787" s="2"/>
      <c r="AE5787" s="1"/>
    </row>
    <row r="5788" spans="1:31" ht="14.45">
      <c r="A5788" s="11"/>
      <c r="B5788" s="20"/>
      <c r="C5788" s="2" t="s">
        <v>17835</v>
      </c>
      <c r="D5788" s="14" t="s">
        <v>17836</v>
      </c>
      <c r="E5788" s="2" t="s">
        <v>17837</v>
      </c>
      <c r="F5788" s="2" t="s">
        <v>7521</v>
      </c>
      <c r="G5788" s="8">
        <v>263</v>
      </c>
      <c r="H5788" s="5">
        <v>6</v>
      </c>
      <c r="I5788" s="5" t="s">
        <v>1518</v>
      </c>
      <c r="J5788" s="5" t="s">
        <v>1519</v>
      </c>
      <c r="K5788" s="2" t="s">
        <v>1520</v>
      </c>
      <c r="L5788" s="5" t="s">
        <v>1519</v>
      </c>
      <c r="M5788" s="2" t="s">
        <v>1520</v>
      </c>
      <c r="N5788" s="5" t="s">
        <v>1521</v>
      </c>
      <c r="O5788" s="5" t="s">
        <v>38</v>
      </c>
      <c r="P5788" s="5" t="s">
        <v>39</v>
      </c>
      <c r="Q5788" s="5" t="s">
        <v>40</v>
      </c>
      <c r="R5788" s="5" t="s">
        <v>1522</v>
      </c>
      <c r="S5788" s="5" t="s">
        <v>1523</v>
      </c>
      <c r="T5788" s="5" t="s">
        <v>42</v>
      </c>
      <c r="U5788" s="2">
        <v>3.21</v>
      </c>
      <c r="V5788" s="2">
        <v>2.6920000000000002</v>
      </c>
      <c r="W5788" s="2">
        <v>1.4999999999999999E-2</v>
      </c>
      <c r="X5788" s="2">
        <v>118.9</v>
      </c>
      <c r="Y5788" s="2">
        <v>7.6</v>
      </c>
      <c r="Z5788" s="2">
        <v>16.7</v>
      </c>
      <c r="AA5788" s="5"/>
      <c r="AB5788" s="5" t="s">
        <v>43</v>
      </c>
      <c r="AC5788" s="5" t="s">
        <v>44</v>
      </c>
      <c r="AD5788" s="2"/>
      <c r="AE5788" s="1"/>
    </row>
    <row r="5789" spans="1:31" ht="14.45">
      <c r="A5789" s="11"/>
      <c r="B5789" s="20"/>
      <c r="C5789" s="2" t="s">
        <v>17838</v>
      </c>
      <c r="D5789" s="14" t="s">
        <v>17839</v>
      </c>
      <c r="E5789" s="2" t="s">
        <v>17840</v>
      </c>
      <c r="F5789" s="2" t="s">
        <v>7212</v>
      </c>
      <c r="G5789" s="8">
        <v>263</v>
      </c>
      <c r="H5789" s="5">
        <v>6</v>
      </c>
      <c r="I5789" s="5" t="s">
        <v>1518</v>
      </c>
      <c r="J5789" s="5" t="s">
        <v>1519</v>
      </c>
      <c r="K5789" s="2" t="s">
        <v>1520</v>
      </c>
      <c r="L5789" s="5" t="s">
        <v>1519</v>
      </c>
      <c r="M5789" s="2" t="s">
        <v>1520</v>
      </c>
      <c r="N5789" s="5" t="s">
        <v>1521</v>
      </c>
      <c r="O5789" s="5" t="s">
        <v>38</v>
      </c>
      <c r="P5789" s="5" t="s">
        <v>39</v>
      </c>
      <c r="Q5789" s="5" t="s">
        <v>40</v>
      </c>
      <c r="R5789" s="5" t="s">
        <v>1522</v>
      </c>
      <c r="S5789" s="5" t="s">
        <v>1523</v>
      </c>
      <c r="T5789" s="5" t="s">
        <v>42</v>
      </c>
      <c r="U5789" s="2">
        <v>3.0830000000000002</v>
      </c>
      <c r="V5789" s="2">
        <v>2.5649999999999999</v>
      </c>
      <c r="W5789" s="2">
        <v>1.4999999999999999E-2</v>
      </c>
      <c r="X5789" s="2">
        <v>118.9</v>
      </c>
      <c r="Y5789" s="2">
        <v>7.6</v>
      </c>
      <c r="Z5789" s="2">
        <v>16.7</v>
      </c>
      <c r="AA5789" s="5"/>
      <c r="AB5789" s="5" t="s">
        <v>43</v>
      </c>
      <c r="AC5789" s="5" t="s">
        <v>44</v>
      </c>
      <c r="AD5789" s="2"/>
      <c r="AE5789" s="1"/>
    </row>
    <row r="5790" spans="1:31" ht="14.45">
      <c r="A5790" s="11"/>
      <c r="B5790" s="20"/>
      <c r="C5790" s="2" t="s">
        <v>17841</v>
      </c>
      <c r="D5790" s="14" t="s">
        <v>17842</v>
      </c>
      <c r="E5790" s="2" t="s">
        <v>17843</v>
      </c>
      <c r="F5790" s="2" t="s">
        <v>7528</v>
      </c>
      <c r="G5790" s="8">
        <v>263</v>
      </c>
      <c r="H5790" s="5">
        <v>6</v>
      </c>
      <c r="I5790" s="5" t="s">
        <v>1518</v>
      </c>
      <c r="J5790" s="5" t="s">
        <v>1519</v>
      </c>
      <c r="K5790" s="2" t="s">
        <v>1520</v>
      </c>
      <c r="L5790" s="5" t="s">
        <v>1519</v>
      </c>
      <c r="M5790" s="2" t="s">
        <v>1520</v>
      </c>
      <c r="N5790" s="5" t="s">
        <v>1521</v>
      </c>
      <c r="O5790" s="5" t="s">
        <v>38</v>
      </c>
      <c r="P5790" s="5" t="s">
        <v>39</v>
      </c>
      <c r="Q5790" s="5" t="s">
        <v>40</v>
      </c>
      <c r="R5790" s="5" t="s">
        <v>1522</v>
      </c>
      <c r="S5790" s="5" t="s">
        <v>1523</v>
      </c>
      <c r="T5790" s="5" t="s">
        <v>42</v>
      </c>
      <c r="U5790" s="2">
        <v>3.1829999999999998</v>
      </c>
      <c r="V5790" s="2">
        <v>2.665</v>
      </c>
      <c r="W5790" s="2">
        <v>1.4999999999999999E-2</v>
      </c>
      <c r="X5790" s="2">
        <v>118.9</v>
      </c>
      <c r="Y5790" s="2">
        <v>7.6</v>
      </c>
      <c r="Z5790" s="2">
        <v>16.7</v>
      </c>
      <c r="AA5790" s="5"/>
      <c r="AB5790" s="5" t="s">
        <v>43</v>
      </c>
      <c r="AC5790" s="5" t="s">
        <v>44</v>
      </c>
      <c r="AD5790" s="2"/>
      <c r="AE5790" s="1"/>
    </row>
    <row r="5791" spans="1:31" ht="14.45">
      <c r="A5791" s="11"/>
      <c r="B5791" s="20"/>
      <c r="C5791" s="2" t="s">
        <v>17844</v>
      </c>
      <c r="D5791" s="14" t="s">
        <v>17845</v>
      </c>
      <c r="E5791" s="2" t="s">
        <v>17846</v>
      </c>
      <c r="F5791" s="2" t="s">
        <v>7406</v>
      </c>
      <c r="G5791" s="8">
        <v>283</v>
      </c>
      <c r="H5791" s="5">
        <v>6</v>
      </c>
      <c r="I5791" s="5" t="s">
        <v>1518</v>
      </c>
      <c r="J5791" s="5" t="s">
        <v>1519</v>
      </c>
      <c r="K5791" s="2" t="s">
        <v>1520</v>
      </c>
      <c r="L5791" s="5" t="s">
        <v>1519</v>
      </c>
      <c r="M5791" s="2" t="s">
        <v>1520</v>
      </c>
      <c r="N5791" s="5" t="s">
        <v>1521</v>
      </c>
      <c r="O5791" s="5" t="s">
        <v>38</v>
      </c>
      <c r="P5791" s="5" t="s">
        <v>39</v>
      </c>
      <c r="Q5791" s="5" t="s">
        <v>40</v>
      </c>
      <c r="R5791" s="5" t="s">
        <v>1522</v>
      </c>
      <c r="S5791" s="5" t="s">
        <v>1523</v>
      </c>
      <c r="T5791" s="5" t="s">
        <v>42</v>
      </c>
      <c r="U5791" s="2">
        <v>3.0830000000000002</v>
      </c>
      <c r="V5791" s="2">
        <v>2.5649999999999999</v>
      </c>
      <c r="W5791" s="2">
        <v>1.4999999999999999E-2</v>
      </c>
      <c r="X5791" s="2">
        <v>118.9</v>
      </c>
      <c r="Y5791" s="2">
        <v>7.6</v>
      </c>
      <c r="Z5791" s="2">
        <v>16.7</v>
      </c>
      <c r="AA5791" s="5"/>
      <c r="AB5791" s="5" t="s">
        <v>43</v>
      </c>
      <c r="AC5791" s="5" t="s">
        <v>44</v>
      </c>
      <c r="AD5791" s="2"/>
      <c r="AE5791" s="1"/>
    </row>
    <row r="5792" spans="1:31" ht="14.45">
      <c r="A5792" s="11"/>
      <c r="B5792" s="20"/>
      <c r="C5792" s="2" t="s">
        <v>17847</v>
      </c>
      <c r="D5792" s="14" t="s">
        <v>17848</v>
      </c>
      <c r="E5792" s="2" t="s">
        <v>17849</v>
      </c>
      <c r="F5792" s="2" t="s">
        <v>7535</v>
      </c>
      <c r="G5792" s="8">
        <v>283</v>
      </c>
      <c r="H5792" s="5">
        <v>6</v>
      </c>
      <c r="I5792" s="5" t="s">
        <v>1518</v>
      </c>
      <c r="J5792" s="5" t="s">
        <v>1519</v>
      </c>
      <c r="K5792" s="2" t="s">
        <v>1520</v>
      </c>
      <c r="L5792" s="5" t="s">
        <v>1519</v>
      </c>
      <c r="M5792" s="2" t="s">
        <v>1520</v>
      </c>
      <c r="N5792" s="5" t="s">
        <v>1521</v>
      </c>
      <c r="O5792" s="5" t="s">
        <v>38</v>
      </c>
      <c r="P5792" s="5" t="s">
        <v>39</v>
      </c>
      <c r="Q5792" s="5" t="s">
        <v>40</v>
      </c>
      <c r="R5792" s="5" t="s">
        <v>1522</v>
      </c>
      <c r="S5792" s="5" t="s">
        <v>1523</v>
      </c>
      <c r="T5792" s="5" t="s">
        <v>42</v>
      </c>
      <c r="U5792" s="2">
        <v>3.1829999999999998</v>
      </c>
      <c r="V5792" s="2">
        <v>2.665</v>
      </c>
      <c r="W5792" s="2">
        <v>1.4999999999999999E-2</v>
      </c>
      <c r="X5792" s="2">
        <v>118.9</v>
      </c>
      <c r="Y5792" s="2">
        <v>7.6</v>
      </c>
      <c r="Z5792" s="2">
        <v>16.7</v>
      </c>
      <c r="AA5792" s="5"/>
      <c r="AB5792" s="5" t="s">
        <v>43</v>
      </c>
      <c r="AC5792" s="5" t="s">
        <v>44</v>
      </c>
      <c r="AD5792" s="2"/>
      <c r="AE5792" s="1"/>
    </row>
    <row r="5793" spans="1:31" ht="14.45">
      <c r="A5793" s="11"/>
      <c r="B5793" s="20"/>
      <c r="C5793" s="2" t="s">
        <v>17850</v>
      </c>
      <c r="D5793" s="14" t="s">
        <v>17851</v>
      </c>
      <c r="E5793" s="2" t="s">
        <v>17852</v>
      </c>
      <c r="F5793" s="2" t="s">
        <v>7539</v>
      </c>
      <c r="G5793" s="8">
        <v>283</v>
      </c>
      <c r="H5793" s="5">
        <v>6</v>
      </c>
      <c r="I5793" s="5" t="s">
        <v>1518</v>
      </c>
      <c r="J5793" s="5" t="s">
        <v>1519</v>
      </c>
      <c r="K5793" s="2" t="s">
        <v>1520</v>
      </c>
      <c r="L5793" s="5" t="s">
        <v>1519</v>
      </c>
      <c r="M5793" s="2" t="s">
        <v>1520</v>
      </c>
      <c r="N5793" s="5" t="s">
        <v>1521</v>
      </c>
      <c r="O5793" s="5" t="s">
        <v>38</v>
      </c>
      <c r="P5793" s="5" t="s">
        <v>39</v>
      </c>
      <c r="Q5793" s="5" t="s">
        <v>40</v>
      </c>
      <c r="R5793" s="5" t="s">
        <v>1522</v>
      </c>
      <c r="S5793" s="5" t="s">
        <v>1523</v>
      </c>
      <c r="T5793" s="5" t="s">
        <v>42</v>
      </c>
      <c r="U5793" s="2">
        <v>3.11</v>
      </c>
      <c r="V5793" s="2">
        <v>2.5920000000000001</v>
      </c>
      <c r="W5793" s="2">
        <v>1.4999999999999999E-2</v>
      </c>
      <c r="X5793" s="2">
        <v>118.9</v>
      </c>
      <c r="Y5793" s="2">
        <v>7.6</v>
      </c>
      <c r="Z5793" s="2">
        <v>16.7</v>
      </c>
      <c r="AA5793" s="5"/>
      <c r="AB5793" s="5" t="s">
        <v>43</v>
      </c>
      <c r="AC5793" s="5" t="s">
        <v>44</v>
      </c>
      <c r="AD5793" s="2"/>
      <c r="AE5793" s="1"/>
    </row>
    <row r="5794" spans="1:31" ht="14.45">
      <c r="A5794" s="11"/>
      <c r="B5794" s="20"/>
      <c r="C5794" s="2" t="s">
        <v>17853</v>
      </c>
      <c r="D5794" s="14" t="s">
        <v>17854</v>
      </c>
      <c r="E5794" s="2" t="s">
        <v>17855</v>
      </c>
      <c r="F5794" s="2" t="s">
        <v>7555</v>
      </c>
      <c r="G5794" s="8">
        <v>283</v>
      </c>
      <c r="H5794" s="5">
        <v>6</v>
      </c>
      <c r="I5794" s="5" t="s">
        <v>1518</v>
      </c>
      <c r="J5794" s="5" t="s">
        <v>1519</v>
      </c>
      <c r="K5794" s="2" t="s">
        <v>1520</v>
      </c>
      <c r="L5794" s="5" t="s">
        <v>1519</v>
      </c>
      <c r="M5794" s="2" t="s">
        <v>1520</v>
      </c>
      <c r="N5794" s="5" t="s">
        <v>1521</v>
      </c>
      <c r="O5794" s="5" t="s">
        <v>38</v>
      </c>
      <c r="P5794" s="5" t="s">
        <v>39</v>
      </c>
      <c r="Q5794" s="5" t="s">
        <v>40</v>
      </c>
      <c r="R5794" s="5" t="s">
        <v>1522</v>
      </c>
      <c r="S5794" s="5" t="s">
        <v>1523</v>
      </c>
      <c r="T5794" s="5" t="s">
        <v>42</v>
      </c>
      <c r="U5794" s="2">
        <v>3.0830000000000002</v>
      </c>
      <c r="V5794" s="2">
        <v>2.5649999999999999</v>
      </c>
      <c r="W5794" s="2">
        <v>1.4999999999999999E-2</v>
      </c>
      <c r="X5794" s="2">
        <v>118.9</v>
      </c>
      <c r="Y5794" s="2">
        <v>7.6</v>
      </c>
      <c r="Z5794" s="2">
        <v>16.7</v>
      </c>
      <c r="AA5794" s="5"/>
      <c r="AB5794" s="5" t="s">
        <v>43</v>
      </c>
      <c r="AC5794" s="5" t="s">
        <v>44</v>
      </c>
      <c r="AD5794" s="2"/>
      <c r="AE5794" s="1"/>
    </row>
    <row r="5795" spans="1:31" ht="14.45">
      <c r="A5795" s="11"/>
      <c r="B5795" s="20"/>
      <c r="C5795" s="2" t="s">
        <v>17856</v>
      </c>
      <c r="D5795" s="14" t="s">
        <v>17857</v>
      </c>
      <c r="E5795" s="2" t="s">
        <v>17858</v>
      </c>
      <c r="F5795" s="2" t="s">
        <v>7449</v>
      </c>
      <c r="G5795" s="8">
        <v>283</v>
      </c>
      <c r="H5795" s="5">
        <v>6</v>
      </c>
      <c r="I5795" s="5" t="s">
        <v>1518</v>
      </c>
      <c r="J5795" s="5" t="s">
        <v>1519</v>
      </c>
      <c r="K5795" s="2" t="s">
        <v>1520</v>
      </c>
      <c r="L5795" s="5" t="s">
        <v>1519</v>
      </c>
      <c r="M5795" s="2" t="s">
        <v>1520</v>
      </c>
      <c r="N5795" s="5" t="s">
        <v>1521</v>
      </c>
      <c r="O5795" s="5" t="s">
        <v>38</v>
      </c>
      <c r="P5795" s="5" t="s">
        <v>39</v>
      </c>
      <c r="Q5795" s="5" t="s">
        <v>40</v>
      </c>
      <c r="R5795" s="5" t="s">
        <v>1522</v>
      </c>
      <c r="S5795" s="5" t="s">
        <v>1523</v>
      </c>
      <c r="T5795" s="5" t="s">
        <v>42</v>
      </c>
      <c r="U5795" s="2">
        <v>3.11</v>
      </c>
      <c r="V5795" s="2">
        <v>2.5920000000000001</v>
      </c>
      <c r="W5795" s="2">
        <v>1.4999999999999999E-2</v>
      </c>
      <c r="X5795" s="2">
        <v>118.9</v>
      </c>
      <c r="Y5795" s="2">
        <v>7.6</v>
      </c>
      <c r="Z5795" s="2">
        <v>16.7</v>
      </c>
      <c r="AA5795" s="5"/>
      <c r="AB5795" s="5" t="s">
        <v>43</v>
      </c>
      <c r="AC5795" s="5" t="s">
        <v>44</v>
      </c>
      <c r="AD5795" s="2"/>
      <c r="AE5795" s="1"/>
    </row>
    <row r="5796" spans="1:31" ht="14.45">
      <c r="A5796" s="11"/>
      <c r="B5796" s="20"/>
      <c r="C5796" s="2" t="s">
        <v>17859</v>
      </c>
      <c r="D5796" s="14" t="s">
        <v>17860</v>
      </c>
      <c r="E5796" s="2" t="s">
        <v>17861</v>
      </c>
      <c r="F5796" s="2" t="s">
        <v>16219</v>
      </c>
      <c r="G5796" s="8">
        <v>283</v>
      </c>
      <c r="H5796" s="5">
        <v>6</v>
      </c>
      <c r="I5796" s="5" t="s">
        <v>1518</v>
      </c>
      <c r="J5796" s="5" t="s">
        <v>1519</v>
      </c>
      <c r="K5796" s="2" t="s">
        <v>1520</v>
      </c>
      <c r="L5796" s="5" t="s">
        <v>1519</v>
      </c>
      <c r="M5796" s="2" t="s">
        <v>1520</v>
      </c>
      <c r="N5796" s="5" t="s">
        <v>1521</v>
      </c>
      <c r="O5796" s="5" t="s">
        <v>38</v>
      </c>
      <c r="P5796" s="5" t="s">
        <v>39</v>
      </c>
      <c r="Q5796" s="5" t="s">
        <v>40</v>
      </c>
      <c r="R5796" s="5" t="s">
        <v>1522</v>
      </c>
      <c r="S5796" s="5" t="s">
        <v>1523</v>
      </c>
      <c r="T5796" s="5" t="s">
        <v>42</v>
      </c>
      <c r="U5796" s="2">
        <v>3.21</v>
      </c>
      <c r="V5796" s="2">
        <v>2.6920000000000002</v>
      </c>
      <c r="W5796" s="2">
        <v>1.4999999999999999E-2</v>
      </c>
      <c r="X5796" s="2">
        <v>118.9</v>
      </c>
      <c r="Y5796" s="2">
        <v>7.6</v>
      </c>
      <c r="Z5796" s="2">
        <v>16.7</v>
      </c>
      <c r="AA5796" s="5"/>
      <c r="AB5796" s="5" t="s">
        <v>43</v>
      </c>
      <c r="AC5796" s="5" t="s">
        <v>44</v>
      </c>
      <c r="AD5796" s="2"/>
      <c r="AE5796" s="1"/>
    </row>
    <row r="5797" spans="1:31" ht="14.45">
      <c r="A5797" s="11"/>
      <c r="B5797" s="20"/>
      <c r="C5797" s="2" t="s">
        <v>17862</v>
      </c>
      <c r="D5797" s="14" t="s">
        <v>17863</v>
      </c>
      <c r="E5797" s="2" t="s">
        <v>17864</v>
      </c>
      <c r="F5797" s="2" t="s">
        <v>7615</v>
      </c>
      <c r="G5797" s="8">
        <v>283</v>
      </c>
      <c r="H5797" s="5">
        <v>6</v>
      </c>
      <c r="I5797" s="5" t="s">
        <v>1518</v>
      </c>
      <c r="J5797" s="5" t="s">
        <v>1519</v>
      </c>
      <c r="K5797" s="2" t="s">
        <v>1520</v>
      </c>
      <c r="L5797" s="5" t="s">
        <v>1519</v>
      </c>
      <c r="M5797" s="2" t="s">
        <v>1520</v>
      </c>
      <c r="N5797" s="5" t="s">
        <v>1521</v>
      </c>
      <c r="O5797" s="5" t="s">
        <v>38</v>
      </c>
      <c r="P5797" s="5" t="s">
        <v>39</v>
      </c>
      <c r="Q5797" s="5" t="s">
        <v>40</v>
      </c>
      <c r="R5797" s="5" t="s">
        <v>1522</v>
      </c>
      <c r="S5797" s="5" t="s">
        <v>1523</v>
      </c>
      <c r="T5797" s="5" t="s">
        <v>42</v>
      </c>
      <c r="U5797" s="2">
        <v>3.0830000000000002</v>
      </c>
      <c r="V5797" s="2">
        <v>2.5649999999999999</v>
      </c>
      <c r="W5797" s="2">
        <v>1.4999999999999999E-2</v>
      </c>
      <c r="X5797" s="2">
        <v>118.9</v>
      </c>
      <c r="Y5797" s="2">
        <v>7.6</v>
      </c>
      <c r="Z5797" s="2">
        <v>16.7</v>
      </c>
      <c r="AA5797" s="5"/>
      <c r="AB5797" s="5" t="s">
        <v>43</v>
      </c>
      <c r="AC5797" s="5" t="s">
        <v>44</v>
      </c>
      <c r="AD5797" s="2"/>
      <c r="AE5797" s="1"/>
    </row>
    <row r="5798" spans="1:31" ht="14.45">
      <c r="A5798" s="11"/>
      <c r="B5798" s="20"/>
      <c r="C5798" s="2" t="s">
        <v>17865</v>
      </c>
      <c r="D5798" s="14" t="s">
        <v>17866</v>
      </c>
      <c r="E5798" s="2" t="s">
        <v>17867</v>
      </c>
      <c r="F5798" s="2" t="s">
        <v>7619</v>
      </c>
      <c r="G5798" s="8">
        <v>283</v>
      </c>
      <c r="H5798" s="5">
        <v>6</v>
      </c>
      <c r="I5798" s="5" t="s">
        <v>1518</v>
      </c>
      <c r="J5798" s="5" t="s">
        <v>1519</v>
      </c>
      <c r="K5798" s="2" t="s">
        <v>1520</v>
      </c>
      <c r="L5798" s="5" t="s">
        <v>1519</v>
      </c>
      <c r="M5798" s="2" t="s">
        <v>1520</v>
      </c>
      <c r="N5798" s="5" t="s">
        <v>1521</v>
      </c>
      <c r="O5798" s="5" t="s">
        <v>38</v>
      </c>
      <c r="P5798" s="5" t="s">
        <v>39</v>
      </c>
      <c r="Q5798" s="5" t="s">
        <v>40</v>
      </c>
      <c r="R5798" s="5" t="s">
        <v>1522</v>
      </c>
      <c r="S5798" s="5" t="s">
        <v>1523</v>
      </c>
      <c r="T5798" s="5" t="s">
        <v>42</v>
      </c>
      <c r="U5798" s="2">
        <v>3.1829999999999998</v>
      </c>
      <c r="V5798" s="2">
        <v>2.665</v>
      </c>
      <c r="W5798" s="2">
        <v>1.4999999999999999E-2</v>
      </c>
      <c r="X5798" s="2">
        <v>118.9</v>
      </c>
      <c r="Y5798" s="2">
        <v>7.6</v>
      </c>
      <c r="Z5798" s="2">
        <v>16.7</v>
      </c>
      <c r="AA5798" s="5"/>
      <c r="AB5798" s="5" t="s">
        <v>43</v>
      </c>
      <c r="AC5798" s="5" t="s">
        <v>44</v>
      </c>
      <c r="AD5798" s="2"/>
      <c r="AE5798" s="1"/>
    </row>
    <row r="5799" spans="1:31" ht="14.45">
      <c r="A5799" s="11"/>
      <c r="B5799" s="20"/>
      <c r="C5799" s="2" t="s">
        <v>17868</v>
      </c>
      <c r="D5799" s="14" t="s">
        <v>17869</v>
      </c>
      <c r="E5799" s="2" t="s">
        <v>17870</v>
      </c>
      <c r="F5799" s="2" t="s">
        <v>16029</v>
      </c>
      <c r="G5799" s="8">
        <v>283</v>
      </c>
      <c r="H5799" s="5">
        <v>11</v>
      </c>
      <c r="I5799" s="5" t="s">
        <v>1518</v>
      </c>
      <c r="J5799" s="5" t="s">
        <v>1519</v>
      </c>
      <c r="K5799" s="2" t="s">
        <v>1520</v>
      </c>
      <c r="L5799" s="5" t="s">
        <v>1519</v>
      </c>
      <c r="M5799" s="2" t="s">
        <v>1520</v>
      </c>
      <c r="N5799" s="5" t="s">
        <v>1521</v>
      </c>
      <c r="O5799" s="5" t="s">
        <v>38</v>
      </c>
      <c r="P5799" s="5" t="s">
        <v>39</v>
      </c>
      <c r="Q5799" s="5" t="s">
        <v>40</v>
      </c>
      <c r="R5799" s="5" t="s">
        <v>1522</v>
      </c>
      <c r="S5799" s="5" t="s">
        <v>1523</v>
      </c>
      <c r="T5799" s="5" t="s">
        <v>42</v>
      </c>
      <c r="U5799" s="2">
        <v>3.125</v>
      </c>
      <c r="V5799" s="2">
        <v>2.6070000000000002</v>
      </c>
      <c r="W5799" s="2">
        <v>1.4999999999999999E-2</v>
      </c>
      <c r="X5799" s="2">
        <v>118.9</v>
      </c>
      <c r="Y5799" s="2">
        <v>7.6</v>
      </c>
      <c r="Z5799" s="2">
        <v>16.7</v>
      </c>
      <c r="AA5799" s="5"/>
      <c r="AB5799" s="5" t="s">
        <v>43</v>
      </c>
      <c r="AC5799" s="5" t="s">
        <v>44</v>
      </c>
      <c r="AD5799" s="2"/>
      <c r="AE5799" s="1"/>
    </row>
    <row r="5800" spans="1:31" ht="14.45">
      <c r="A5800" s="11"/>
      <c r="B5800" s="20"/>
      <c r="C5800" s="2" t="s">
        <v>17871</v>
      </c>
      <c r="D5800" s="14" t="s">
        <v>17872</v>
      </c>
      <c r="E5800" s="2" t="s">
        <v>17873</v>
      </c>
      <c r="F5800" s="2" t="s">
        <v>16033</v>
      </c>
      <c r="G5800" s="8">
        <v>283</v>
      </c>
      <c r="H5800" s="5">
        <v>11</v>
      </c>
      <c r="I5800" s="5" t="s">
        <v>1518</v>
      </c>
      <c r="J5800" s="5" t="s">
        <v>1519</v>
      </c>
      <c r="K5800" s="2" t="s">
        <v>1520</v>
      </c>
      <c r="L5800" s="5" t="s">
        <v>1519</v>
      </c>
      <c r="M5800" s="2" t="s">
        <v>1520</v>
      </c>
      <c r="N5800" s="5" t="s">
        <v>1521</v>
      </c>
      <c r="O5800" s="5" t="s">
        <v>38</v>
      </c>
      <c r="P5800" s="5" t="s">
        <v>39</v>
      </c>
      <c r="Q5800" s="5" t="s">
        <v>40</v>
      </c>
      <c r="R5800" s="5" t="s">
        <v>1522</v>
      </c>
      <c r="S5800" s="5" t="s">
        <v>1523</v>
      </c>
      <c r="T5800" s="5" t="s">
        <v>42</v>
      </c>
      <c r="U5800" s="2">
        <v>3.2250000000000001</v>
      </c>
      <c r="V5800" s="2">
        <v>2.7069999999999999</v>
      </c>
      <c r="W5800" s="2">
        <v>1.4999999999999999E-2</v>
      </c>
      <c r="X5800" s="2">
        <v>118.9</v>
      </c>
      <c r="Y5800" s="2">
        <v>7.6</v>
      </c>
      <c r="Z5800" s="2">
        <v>16.7</v>
      </c>
      <c r="AA5800" s="5"/>
      <c r="AB5800" s="5" t="s">
        <v>43</v>
      </c>
      <c r="AC5800" s="5" t="s">
        <v>44</v>
      </c>
      <c r="AD5800" s="2"/>
      <c r="AE5800" s="1"/>
    </row>
    <row r="5801" spans="1:31" ht="14.45">
      <c r="A5801" s="11"/>
      <c r="B5801" s="20"/>
      <c r="C5801" s="2" t="s">
        <v>17874</v>
      </c>
      <c r="D5801" s="14" t="s">
        <v>17875</v>
      </c>
      <c r="E5801" s="2" t="s">
        <v>17876</v>
      </c>
      <c r="F5801" s="2" t="s">
        <v>7396</v>
      </c>
      <c r="G5801" s="8">
        <v>275</v>
      </c>
      <c r="H5801" s="5">
        <v>6</v>
      </c>
      <c r="I5801" s="5" t="s">
        <v>1518</v>
      </c>
      <c r="J5801" s="5" t="s">
        <v>1519</v>
      </c>
      <c r="K5801" s="2" t="s">
        <v>1520</v>
      </c>
      <c r="L5801" s="5" t="s">
        <v>1519</v>
      </c>
      <c r="M5801" s="2" t="s">
        <v>1520</v>
      </c>
      <c r="N5801" s="5" t="s">
        <v>1521</v>
      </c>
      <c r="O5801" s="5" t="s">
        <v>38</v>
      </c>
      <c r="P5801" s="5" t="s">
        <v>39</v>
      </c>
      <c r="Q5801" s="5" t="s">
        <v>40</v>
      </c>
      <c r="R5801" s="5" t="s">
        <v>1522</v>
      </c>
      <c r="S5801" s="5" t="s">
        <v>1523</v>
      </c>
      <c r="T5801" s="5" t="s">
        <v>42</v>
      </c>
      <c r="U5801" s="2">
        <v>3.3570000000000002</v>
      </c>
      <c r="V5801" s="2">
        <v>2.762</v>
      </c>
      <c r="W5801" s="2">
        <v>1.7999999999999999E-2</v>
      </c>
      <c r="X5801" s="2">
        <v>139.1</v>
      </c>
      <c r="Y5801" s="2">
        <v>7.6</v>
      </c>
      <c r="Z5801" s="2">
        <v>16.7</v>
      </c>
      <c r="AA5801" s="5"/>
      <c r="AB5801" s="5" t="s">
        <v>43</v>
      </c>
      <c r="AC5801" s="5" t="s">
        <v>44</v>
      </c>
      <c r="AD5801" s="2"/>
      <c r="AE5801" s="1"/>
    </row>
    <row r="5802" spans="1:31" ht="14.45">
      <c r="A5802" s="11"/>
      <c r="B5802" s="20"/>
      <c r="C5802" s="2" t="s">
        <v>17877</v>
      </c>
      <c r="D5802" s="14" t="s">
        <v>17878</v>
      </c>
      <c r="E5802" s="2" t="s">
        <v>17879</v>
      </c>
      <c r="F5802" s="2" t="s">
        <v>7507</v>
      </c>
      <c r="G5802" s="8">
        <v>275</v>
      </c>
      <c r="H5802" s="5">
        <v>6</v>
      </c>
      <c r="I5802" s="5" t="s">
        <v>1518</v>
      </c>
      <c r="J5802" s="5" t="s">
        <v>1519</v>
      </c>
      <c r="K5802" s="2" t="s">
        <v>1520</v>
      </c>
      <c r="L5802" s="5" t="s">
        <v>1519</v>
      </c>
      <c r="M5802" s="2" t="s">
        <v>1520</v>
      </c>
      <c r="N5802" s="5" t="s">
        <v>1521</v>
      </c>
      <c r="O5802" s="5" t="s">
        <v>38</v>
      </c>
      <c r="P5802" s="5" t="s">
        <v>39</v>
      </c>
      <c r="Q5802" s="5" t="s">
        <v>40</v>
      </c>
      <c r="R5802" s="5" t="s">
        <v>1522</v>
      </c>
      <c r="S5802" s="5" t="s">
        <v>1523</v>
      </c>
      <c r="T5802" s="5" t="s">
        <v>42</v>
      </c>
      <c r="U5802" s="2">
        <v>3.4670000000000001</v>
      </c>
      <c r="V5802" s="2">
        <v>2.8719999999999999</v>
      </c>
      <c r="W5802" s="2">
        <v>1.7999999999999999E-2</v>
      </c>
      <c r="X5802" s="2">
        <v>139.1</v>
      </c>
      <c r="Y5802" s="2">
        <v>7.6</v>
      </c>
      <c r="Z5802" s="2">
        <v>16.7</v>
      </c>
      <c r="AA5802" s="5"/>
      <c r="AB5802" s="5" t="s">
        <v>43</v>
      </c>
      <c r="AC5802" s="5" t="s">
        <v>44</v>
      </c>
      <c r="AD5802" s="2"/>
      <c r="AE5802" s="1"/>
    </row>
    <row r="5803" spans="1:31" ht="14.45">
      <c r="A5803" s="11"/>
      <c r="B5803" s="20"/>
      <c r="C5803" s="2" t="s">
        <v>17880</v>
      </c>
      <c r="D5803" s="14" t="s">
        <v>17881</v>
      </c>
      <c r="E5803" s="2" t="s">
        <v>17882</v>
      </c>
      <c r="F5803" s="2" t="s">
        <v>7204</v>
      </c>
      <c r="G5803" s="8">
        <v>275</v>
      </c>
      <c r="H5803" s="5">
        <v>6</v>
      </c>
      <c r="I5803" s="5" t="s">
        <v>1518</v>
      </c>
      <c r="J5803" s="5" t="s">
        <v>1519</v>
      </c>
      <c r="K5803" s="2" t="s">
        <v>1520</v>
      </c>
      <c r="L5803" s="5" t="s">
        <v>1519</v>
      </c>
      <c r="M5803" s="2" t="s">
        <v>1520</v>
      </c>
      <c r="N5803" s="5" t="s">
        <v>1521</v>
      </c>
      <c r="O5803" s="5" t="s">
        <v>38</v>
      </c>
      <c r="P5803" s="5" t="s">
        <v>39</v>
      </c>
      <c r="Q5803" s="5" t="s">
        <v>40</v>
      </c>
      <c r="R5803" s="5" t="s">
        <v>1522</v>
      </c>
      <c r="S5803" s="5" t="s">
        <v>1523</v>
      </c>
      <c r="T5803" s="5" t="s">
        <v>42</v>
      </c>
      <c r="U5803" s="2">
        <v>3.367</v>
      </c>
      <c r="V5803" s="2">
        <v>2.7719999999999998</v>
      </c>
      <c r="W5803" s="2">
        <v>1.7999999999999999E-2</v>
      </c>
      <c r="X5803" s="2">
        <v>139.1</v>
      </c>
      <c r="Y5803" s="2">
        <v>7.6</v>
      </c>
      <c r="Z5803" s="2">
        <v>16.7</v>
      </c>
      <c r="AA5803" s="5"/>
      <c r="AB5803" s="5" t="s">
        <v>43</v>
      </c>
      <c r="AC5803" s="5" t="s">
        <v>44</v>
      </c>
      <c r="AD5803" s="2"/>
      <c r="AE5803" s="1"/>
    </row>
    <row r="5804" spans="1:31" ht="14.45">
      <c r="A5804" s="11"/>
      <c r="B5804" s="20"/>
      <c r="C5804" s="2" t="s">
        <v>17883</v>
      </c>
      <c r="D5804" s="14" t="s">
        <v>17884</v>
      </c>
      <c r="E5804" s="2" t="s">
        <v>17885</v>
      </c>
      <c r="F5804" s="2" t="s">
        <v>7514</v>
      </c>
      <c r="G5804" s="8">
        <v>275</v>
      </c>
      <c r="H5804" s="5">
        <v>6</v>
      </c>
      <c r="I5804" s="5" t="s">
        <v>1518</v>
      </c>
      <c r="J5804" s="5" t="s">
        <v>1519</v>
      </c>
      <c r="K5804" s="2" t="s">
        <v>1520</v>
      </c>
      <c r="L5804" s="5" t="s">
        <v>1519</v>
      </c>
      <c r="M5804" s="2" t="s">
        <v>1520</v>
      </c>
      <c r="N5804" s="5" t="s">
        <v>1521</v>
      </c>
      <c r="O5804" s="5" t="s">
        <v>38</v>
      </c>
      <c r="P5804" s="5" t="s">
        <v>39</v>
      </c>
      <c r="Q5804" s="5" t="s">
        <v>40</v>
      </c>
      <c r="R5804" s="5" t="s">
        <v>1522</v>
      </c>
      <c r="S5804" s="5" t="s">
        <v>1523</v>
      </c>
      <c r="T5804" s="5" t="s">
        <v>42</v>
      </c>
      <c r="U5804" s="2">
        <v>3.4769999999999999</v>
      </c>
      <c r="V5804" s="2">
        <v>2.8820000000000001</v>
      </c>
      <c r="W5804" s="2">
        <v>1.7999999999999999E-2</v>
      </c>
      <c r="X5804" s="2">
        <v>139.1</v>
      </c>
      <c r="Y5804" s="2">
        <v>7.6</v>
      </c>
      <c r="Z5804" s="2">
        <v>16.7</v>
      </c>
      <c r="AA5804" s="5"/>
      <c r="AB5804" s="5" t="s">
        <v>43</v>
      </c>
      <c r="AC5804" s="5" t="s">
        <v>44</v>
      </c>
      <c r="AD5804" s="2"/>
      <c r="AE5804" s="1"/>
    </row>
    <row r="5805" spans="1:31" ht="14.45">
      <c r="A5805" s="11"/>
      <c r="B5805" s="20"/>
      <c r="C5805" s="2" t="s">
        <v>17886</v>
      </c>
      <c r="D5805" s="14" t="s">
        <v>17887</v>
      </c>
      <c r="E5805" s="2" t="s">
        <v>17888</v>
      </c>
      <c r="F5805" s="2" t="s">
        <v>7208</v>
      </c>
      <c r="G5805" s="8">
        <v>275</v>
      </c>
      <c r="H5805" s="5">
        <v>6</v>
      </c>
      <c r="I5805" s="5" t="s">
        <v>1518</v>
      </c>
      <c r="J5805" s="5" t="s">
        <v>1519</v>
      </c>
      <c r="K5805" s="2" t="s">
        <v>1520</v>
      </c>
      <c r="L5805" s="5" t="s">
        <v>1519</v>
      </c>
      <c r="M5805" s="2" t="s">
        <v>1520</v>
      </c>
      <c r="N5805" s="5" t="s">
        <v>1521</v>
      </c>
      <c r="O5805" s="5" t="s">
        <v>38</v>
      </c>
      <c r="P5805" s="5" t="s">
        <v>39</v>
      </c>
      <c r="Q5805" s="5" t="s">
        <v>40</v>
      </c>
      <c r="R5805" s="5" t="s">
        <v>1522</v>
      </c>
      <c r="S5805" s="5" t="s">
        <v>1523</v>
      </c>
      <c r="T5805" s="5" t="s">
        <v>42</v>
      </c>
      <c r="U5805" s="2">
        <v>3.367</v>
      </c>
      <c r="V5805" s="2">
        <v>2.7719999999999998</v>
      </c>
      <c r="W5805" s="2">
        <v>1.7999999999999999E-2</v>
      </c>
      <c r="X5805" s="2">
        <v>139.1</v>
      </c>
      <c r="Y5805" s="2">
        <v>7.6</v>
      </c>
      <c r="Z5805" s="2">
        <v>16.7</v>
      </c>
      <c r="AA5805" s="5"/>
      <c r="AB5805" s="5" t="s">
        <v>43</v>
      </c>
      <c r="AC5805" s="5" t="s">
        <v>44</v>
      </c>
      <c r="AD5805" s="2"/>
      <c r="AE5805" s="1"/>
    </row>
    <row r="5806" spans="1:31" ht="14.45">
      <c r="A5806" s="11"/>
      <c r="B5806" s="20"/>
      <c r="C5806" s="2" t="s">
        <v>17889</v>
      </c>
      <c r="D5806" s="14" t="s">
        <v>17890</v>
      </c>
      <c r="E5806" s="2" t="s">
        <v>17891</v>
      </c>
      <c r="F5806" s="2" t="s">
        <v>7521</v>
      </c>
      <c r="G5806" s="8">
        <v>275</v>
      </c>
      <c r="H5806" s="5">
        <v>6</v>
      </c>
      <c r="I5806" s="5" t="s">
        <v>1518</v>
      </c>
      <c r="J5806" s="5" t="s">
        <v>1519</v>
      </c>
      <c r="K5806" s="2" t="s">
        <v>1520</v>
      </c>
      <c r="L5806" s="5" t="s">
        <v>1519</v>
      </c>
      <c r="M5806" s="2" t="s">
        <v>1520</v>
      </c>
      <c r="N5806" s="5" t="s">
        <v>1521</v>
      </c>
      <c r="O5806" s="5" t="s">
        <v>38</v>
      </c>
      <c r="P5806" s="5" t="s">
        <v>39</v>
      </c>
      <c r="Q5806" s="5" t="s">
        <v>40</v>
      </c>
      <c r="R5806" s="5" t="s">
        <v>1522</v>
      </c>
      <c r="S5806" s="5" t="s">
        <v>1523</v>
      </c>
      <c r="T5806" s="5" t="s">
        <v>42</v>
      </c>
      <c r="U5806" s="2">
        <v>3.4769999999999999</v>
      </c>
      <c r="V5806" s="2">
        <v>2.8820000000000001</v>
      </c>
      <c r="W5806" s="2">
        <v>1.7999999999999999E-2</v>
      </c>
      <c r="X5806" s="2">
        <v>139.1</v>
      </c>
      <c r="Y5806" s="2">
        <v>7.6</v>
      </c>
      <c r="Z5806" s="2">
        <v>16.7</v>
      </c>
      <c r="AA5806" s="5"/>
      <c r="AB5806" s="5" t="s">
        <v>43</v>
      </c>
      <c r="AC5806" s="5" t="s">
        <v>44</v>
      </c>
      <c r="AD5806" s="2"/>
      <c r="AE5806" s="1"/>
    </row>
    <row r="5807" spans="1:31" ht="14.45">
      <c r="A5807" s="11"/>
      <c r="B5807" s="20"/>
      <c r="C5807" s="2" t="s">
        <v>17892</v>
      </c>
      <c r="D5807" s="14" t="s">
        <v>17893</v>
      </c>
      <c r="E5807" s="2" t="s">
        <v>17894</v>
      </c>
      <c r="F5807" s="2" t="s">
        <v>7212</v>
      </c>
      <c r="G5807" s="8">
        <v>275</v>
      </c>
      <c r="H5807" s="5">
        <v>6</v>
      </c>
      <c r="I5807" s="5" t="s">
        <v>1518</v>
      </c>
      <c r="J5807" s="5" t="s">
        <v>1519</v>
      </c>
      <c r="K5807" s="2" t="s">
        <v>1520</v>
      </c>
      <c r="L5807" s="5" t="s">
        <v>1519</v>
      </c>
      <c r="M5807" s="2" t="s">
        <v>1520</v>
      </c>
      <c r="N5807" s="5" t="s">
        <v>1521</v>
      </c>
      <c r="O5807" s="5" t="s">
        <v>38</v>
      </c>
      <c r="P5807" s="5" t="s">
        <v>39</v>
      </c>
      <c r="Q5807" s="5" t="s">
        <v>40</v>
      </c>
      <c r="R5807" s="5" t="s">
        <v>1522</v>
      </c>
      <c r="S5807" s="5" t="s">
        <v>1523</v>
      </c>
      <c r="T5807" s="5" t="s">
        <v>42</v>
      </c>
      <c r="U5807" s="2">
        <v>3.335</v>
      </c>
      <c r="V5807" s="2">
        <v>2.74</v>
      </c>
      <c r="W5807" s="2">
        <v>1.7999999999999999E-2</v>
      </c>
      <c r="X5807" s="2">
        <v>139.1</v>
      </c>
      <c r="Y5807" s="2">
        <v>7.6</v>
      </c>
      <c r="Z5807" s="2">
        <v>16.7</v>
      </c>
      <c r="AA5807" s="5"/>
      <c r="AB5807" s="5" t="s">
        <v>43</v>
      </c>
      <c r="AC5807" s="5" t="s">
        <v>44</v>
      </c>
      <c r="AD5807" s="2"/>
      <c r="AE5807" s="1"/>
    </row>
    <row r="5808" spans="1:31" ht="14.45">
      <c r="A5808" s="11"/>
      <c r="B5808" s="20"/>
      <c r="C5808" s="2" t="s">
        <v>17895</v>
      </c>
      <c r="D5808" s="14" t="s">
        <v>17896</v>
      </c>
      <c r="E5808" s="2" t="s">
        <v>17897</v>
      </c>
      <c r="F5808" s="2" t="s">
        <v>7528</v>
      </c>
      <c r="G5808" s="8">
        <v>275</v>
      </c>
      <c r="H5808" s="5">
        <v>6</v>
      </c>
      <c r="I5808" s="5" t="s">
        <v>1518</v>
      </c>
      <c r="J5808" s="5" t="s">
        <v>1519</v>
      </c>
      <c r="K5808" s="2" t="s">
        <v>1520</v>
      </c>
      <c r="L5808" s="5" t="s">
        <v>1519</v>
      </c>
      <c r="M5808" s="2" t="s">
        <v>1520</v>
      </c>
      <c r="N5808" s="5" t="s">
        <v>1521</v>
      </c>
      <c r="O5808" s="5" t="s">
        <v>38</v>
      </c>
      <c r="P5808" s="5" t="s">
        <v>39</v>
      </c>
      <c r="Q5808" s="5" t="s">
        <v>40</v>
      </c>
      <c r="R5808" s="5" t="s">
        <v>1522</v>
      </c>
      <c r="S5808" s="5" t="s">
        <v>1523</v>
      </c>
      <c r="T5808" s="5" t="s">
        <v>42</v>
      </c>
      <c r="U5808" s="2">
        <v>3.4449999999999998</v>
      </c>
      <c r="V5808" s="2">
        <v>2.85</v>
      </c>
      <c r="W5808" s="2">
        <v>1.7999999999999999E-2</v>
      </c>
      <c r="X5808" s="2">
        <v>139.1</v>
      </c>
      <c r="Y5808" s="2">
        <v>7.6</v>
      </c>
      <c r="Z5808" s="2">
        <v>16.7</v>
      </c>
      <c r="AA5808" s="5"/>
      <c r="AB5808" s="5" t="s">
        <v>43</v>
      </c>
      <c r="AC5808" s="5" t="s">
        <v>44</v>
      </c>
      <c r="AD5808" s="2"/>
      <c r="AE5808" s="1"/>
    </row>
    <row r="5809" spans="1:31" ht="14.45">
      <c r="A5809" s="11"/>
      <c r="B5809" s="20"/>
      <c r="C5809" s="2" t="s">
        <v>17898</v>
      </c>
      <c r="D5809" s="14" t="s">
        <v>17899</v>
      </c>
      <c r="E5809" s="2" t="s">
        <v>17900</v>
      </c>
      <c r="F5809" s="2" t="s">
        <v>7406</v>
      </c>
      <c r="G5809" s="8">
        <v>296</v>
      </c>
      <c r="H5809" s="5">
        <v>6</v>
      </c>
      <c r="I5809" s="5" t="s">
        <v>1518</v>
      </c>
      <c r="J5809" s="5" t="s">
        <v>1519</v>
      </c>
      <c r="K5809" s="2" t="s">
        <v>1520</v>
      </c>
      <c r="L5809" s="5" t="s">
        <v>1519</v>
      </c>
      <c r="M5809" s="2" t="s">
        <v>1520</v>
      </c>
      <c r="N5809" s="5" t="s">
        <v>1521</v>
      </c>
      <c r="O5809" s="5" t="s">
        <v>38</v>
      </c>
      <c r="P5809" s="5" t="s">
        <v>39</v>
      </c>
      <c r="Q5809" s="5" t="s">
        <v>40</v>
      </c>
      <c r="R5809" s="5" t="s">
        <v>1522</v>
      </c>
      <c r="S5809" s="5" t="s">
        <v>1523</v>
      </c>
      <c r="T5809" s="5" t="s">
        <v>42</v>
      </c>
      <c r="U5809" s="2">
        <v>3.335</v>
      </c>
      <c r="V5809" s="2">
        <v>2.74</v>
      </c>
      <c r="W5809" s="2">
        <v>1.7999999999999999E-2</v>
      </c>
      <c r="X5809" s="2">
        <v>139.1</v>
      </c>
      <c r="Y5809" s="2">
        <v>7.6</v>
      </c>
      <c r="Z5809" s="2">
        <v>16.7</v>
      </c>
      <c r="AA5809" s="5"/>
      <c r="AB5809" s="5" t="s">
        <v>43</v>
      </c>
      <c r="AC5809" s="5" t="s">
        <v>44</v>
      </c>
      <c r="AD5809" s="2"/>
      <c r="AE5809" s="1"/>
    </row>
    <row r="5810" spans="1:31" ht="14.45">
      <c r="A5810" s="11"/>
      <c r="B5810" s="20"/>
      <c r="C5810" s="2" t="s">
        <v>17901</v>
      </c>
      <c r="D5810" s="14" t="s">
        <v>17902</v>
      </c>
      <c r="E5810" s="2" t="s">
        <v>17903</v>
      </c>
      <c r="F5810" s="2" t="s">
        <v>7535</v>
      </c>
      <c r="G5810" s="8">
        <v>296</v>
      </c>
      <c r="H5810" s="5">
        <v>6</v>
      </c>
      <c r="I5810" s="5" t="s">
        <v>1518</v>
      </c>
      <c r="J5810" s="5" t="s">
        <v>1519</v>
      </c>
      <c r="K5810" s="2" t="s">
        <v>1520</v>
      </c>
      <c r="L5810" s="5" t="s">
        <v>1519</v>
      </c>
      <c r="M5810" s="2" t="s">
        <v>1520</v>
      </c>
      <c r="N5810" s="5" t="s">
        <v>1521</v>
      </c>
      <c r="O5810" s="5" t="s">
        <v>38</v>
      </c>
      <c r="P5810" s="5" t="s">
        <v>39</v>
      </c>
      <c r="Q5810" s="5" t="s">
        <v>40</v>
      </c>
      <c r="R5810" s="5" t="s">
        <v>1522</v>
      </c>
      <c r="S5810" s="5" t="s">
        <v>1523</v>
      </c>
      <c r="T5810" s="5" t="s">
        <v>42</v>
      </c>
      <c r="U5810" s="2">
        <v>3.4449999999999998</v>
      </c>
      <c r="V5810" s="2">
        <v>2.85</v>
      </c>
      <c r="W5810" s="2">
        <v>1.7999999999999999E-2</v>
      </c>
      <c r="X5810" s="2">
        <v>139.1</v>
      </c>
      <c r="Y5810" s="2">
        <v>7.6</v>
      </c>
      <c r="Z5810" s="2">
        <v>16.7</v>
      </c>
      <c r="AA5810" s="5"/>
      <c r="AB5810" s="5" t="s">
        <v>43</v>
      </c>
      <c r="AC5810" s="5" t="s">
        <v>44</v>
      </c>
      <c r="AD5810" s="2"/>
      <c r="AE5810" s="1"/>
    </row>
    <row r="5811" spans="1:31" ht="14.45">
      <c r="A5811" s="11"/>
      <c r="B5811" s="20"/>
      <c r="C5811" s="2" t="s">
        <v>17904</v>
      </c>
      <c r="D5811" s="14" t="s">
        <v>17905</v>
      </c>
      <c r="E5811" s="2" t="s">
        <v>17906</v>
      </c>
      <c r="F5811" s="2" t="s">
        <v>7539</v>
      </c>
      <c r="G5811" s="8">
        <v>296</v>
      </c>
      <c r="H5811" s="5">
        <v>6</v>
      </c>
      <c r="I5811" s="5" t="s">
        <v>1518</v>
      </c>
      <c r="J5811" s="5" t="s">
        <v>1519</v>
      </c>
      <c r="K5811" s="2" t="s">
        <v>1520</v>
      </c>
      <c r="L5811" s="5" t="s">
        <v>1519</v>
      </c>
      <c r="M5811" s="2" t="s">
        <v>1520</v>
      </c>
      <c r="N5811" s="5" t="s">
        <v>1521</v>
      </c>
      <c r="O5811" s="5" t="s">
        <v>38</v>
      </c>
      <c r="P5811" s="5" t="s">
        <v>39</v>
      </c>
      <c r="Q5811" s="5" t="s">
        <v>40</v>
      </c>
      <c r="R5811" s="5" t="s">
        <v>1522</v>
      </c>
      <c r="S5811" s="5" t="s">
        <v>1523</v>
      </c>
      <c r="T5811" s="5" t="s">
        <v>42</v>
      </c>
      <c r="U5811" s="2">
        <v>3.367</v>
      </c>
      <c r="V5811" s="2">
        <v>2.7719999999999998</v>
      </c>
      <c r="W5811" s="2">
        <v>1.7999999999999999E-2</v>
      </c>
      <c r="X5811" s="2">
        <v>139.1</v>
      </c>
      <c r="Y5811" s="2">
        <v>7.6</v>
      </c>
      <c r="Z5811" s="2">
        <v>16.7</v>
      </c>
      <c r="AA5811" s="5"/>
      <c r="AB5811" s="5" t="s">
        <v>43</v>
      </c>
      <c r="AC5811" s="5" t="s">
        <v>44</v>
      </c>
      <c r="AD5811" s="2"/>
      <c r="AE5811" s="1"/>
    </row>
    <row r="5812" spans="1:31" ht="14.45">
      <c r="A5812" s="11"/>
      <c r="B5812" s="20"/>
      <c r="C5812" s="2" t="s">
        <v>17907</v>
      </c>
      <c r="D5812" s="14" t="s">
        <v>17908</v>
      </c>
      <c r="E5812" s="2" t="s">
        <v>17909</v>
      </c>
      <c r="F5812" s="2" t="s">
        <v>7543</v>
      </c>
      <c r="G5812" s="8">
        <v>296</v>
      </c>
      <c r="H5812" s="5">
        <v>6</v>
      </c>
      <c r="I5812" s="5" t="s">
        <v>1518</v>
      </c>
      <c r="J5812" s="5" t="s">
        <v>1519</v>
      </c>
      <c r="K5812" s="2" t="s">
        <v>1520</v>
      </c>
      <c r="L5812" s="5" t="s">
        <v>1519</v>
      </c>
      <c r="M5812" s="2" t="s">
        <v>1520</v>
      </c>
      <c r="N5812" s="5" t="s">
        <v>1521</v>
      </c>
      <c r="O5812" s="5" t="s">
        <v>38</v>
      </c>
      <c r="P5812" s="5" t="s">
        <v>39</v>
      </c>
      <c r="Q5812" s="5" t="s">
        <v>40</v>
      </c>
      <c r="R5812" s="5" t="s">
        <v>1522</v>
      </c>
      <c r="S5812" s="5" t="s">
        <v>1523</v>
      </c>
      <c r="T5812" s="5" t="s">
        <v>42</v>
      </c>
      <c r="U5812" s="2">
        <v>3.4769999999999999</v>
      </c>
      <c r="V5812" s="2">
        <v>2.8820000000000001</v>
      </c>
      <c r="W5812" s="2">
        <v>1.7999999999999999E-2</v>
      </c>
      <c r="X5812" s="2">
        <v>139.1</v>
      </c>
      <c r="Y5812" s="2">
        <v>7.6</v>
      </c>
      <c r="Z5812" s="2">
        <v>16.7</v>
      </c>
      <c r="AA5812" s="5"/>
      <c r="AB5812" s="5" t="s">
        <v>43</v>
      </c>
      <c r="AC5812" s="5" t="s">
        <v>44</v>
      </c>
      <c r="AD5812" s="2"/>
      <c r="AE5812" s="1"/>
    </row>
    <row r="5813" spans="1:31" ht="14.45">
      <c r="A5813" s="11"/>
      <c r="B5813" s="20"/>
      <c r="C5813" s="2" t="s">
        <v>17910</v>
      </c>
      <c r="D5813" s="14" t="s">
        <v>17911</v>
      </c>
      <c r="E5813" s="2" t="s">
        <v>17912</v>
      </c>
      <c r="F5813" s="2" t="s">
        <v>7547</v>
      </c>
      <c r="G5813" s="8">
        <v>296</v>
      </c>
      <c r="H5813" s="5">
        <v>6</v>
      </c>
      <c r="I5813" s="5" t="s">
        <v>1518</v>
      </c>
      <c r="J5813" s="5" t="s">
        <v>1519</v>
      </c>
      <c r="K5813" s="2" t="s">
        <v>1520</v>
      </c>
      <c r="L5813" s="5" t="s">
        <v>1519</v>
      </c>
      <c r="M5813" s="2" t="s">
        <v>1520</v>
      </c>
      <c r="N5813" s="5" t="s">
        <v>1521</v>
      </c>
      <c r="O5813" s="5" t="s">
        <v>38</v>
      </c>
      <c r="P5813" s="5" t="s">
        <v>39</v>
      </c>
      <c r="Q5813" s="5" t="s">
        <v>40</v>
      </c>
      <c r="R5813" s="5" t="s">
        <v>1522</v>
      </c>
      <c r="S5813" s="5" t="s">
        <v>1523</v>
      </c>
      <c r="T5813" s="5" t="s">
        <v>42</v>
      </c>
      <c r="U5813" s="2">
        <v>3.335</v>
      </c>
      <c r="V5813" s="2">
        <v>2.74</v>
      </c>
      <c r="W5813" s="2">
        <v>1.7999999999999999E-2</v>
      </c>
      <c r="X5813" s="2">
        <v>139.1</v>
      </c>
      <c r="Y5813" s="2">
        <v>7.6</v>
      </c>
      <c r="Z5813" s="2">
        <v>16.7</v>
      </c>
      <c r="AA5813" s="5"/>
      <c r="AB5813" s="5" t="s">
        <v>43</v>
      </c>
      <c r="AC5813" s="5" t="s">
        <v>44</v>
      </c>
      <c r="AD5813" s="2"/>
      <c r="AE5813" s="1"/>
    </row>
    <row r="5814" spans="1:31" ht="14.45">
      <c r="A5814" s="11"/>
      <c r="B5814" s="20"/>
      <c r="C5814" s="2" t="s">
        <v>17913</v>
      </c>
      <c r="D5814" s="14" t="s">
        <v>17914</v>
      </c>
      <c r="E5814" s="2" t="s">
        <v>17915</v>
      </c>
      <c r="F5814" s="2" t="s">
        <v>7563</v>
      </c>
      <c r="G5814" s="8">
        <v>296</v>
      </c>
      <c r="H5814" s="5">
        <v>6</v>
      </c>
      <c r="I5814" s="5" t="s">
        <v>1518</v>
      </c>
      <c r="J5814" s="5" t="s">
        <v>1519</v>
      </c>
      <c r="K5814" s="2" t="s">
        <v>1520</v>
      </c>
      <c r="L5814" s="5" t="s">
        <v>1519</v>
      </c>
      <c r="M5814" s="2" t="s">
        <v>1520</v>
      </c>
      <c r="N5814" s="5" t="s">
        <v>1521</v>
      </c>
      <c r="O5814" s="5" t="s">
        <v>38</v>
      </c>
      <c r="P5814" s="5" t="s">
        <v>39</v>
      </c>
      <c r="Q5814" s="5" t="s">
        <v>40</v>
      </c>
      <c r="R5814" s="5" t="s">
        <v>1522</v>
      </c>
      <c r="S5814" s="5" t="s">
        <v>1523</v>
      </c>
      <c r="T5814" s="5" t="s">
        <v>42</v>
      </c>
      <c r="U5814" s="2">
        <v>3.367</v>
      </c>
      <c r="V5814" s="2">
        <v>2.7719999999999998</v>
      </c>
      <c r="W5814" s="2">
        <v>1.7999999999999999E-2</v>
      </c>
      <c r="X5814" s="2">
        <v>139.1</v>
      </c>
      <c r="Y5814" s="2">
        <v>7.6</v>
      </c>
      <c r="Z5814" s="2">
        <v>16.7</v>
      </c>
      <c r="AA5814" s="5"/>
      <c r="AB5814" s="5" t="s">
        <v>43</v>
      </c>
      <c r="AC5814" s="5" t="s">
        <v>44</v>
      </c>
      <c r="AD5814" s="2"/>
      <c r="AE5814" s="1"/>
    </row>
    <row r="5815" spans="1:31" ht="14.45">
      <c r="A5815" s="11"/>
      <c r="B5815" s="20"/>
      <c r="C5815" s="2" t="s">
        <v>17916</v>
      </c>
      <c r="D5815" s="14" t="s">
        <v>17917</v>
      </c>
      <c r="E5815" s="2" t="s">
        <v>17918</v>
      </c>
      <c r="F5815" s="2" t="s">
        <v>7567</v>
      </c>
      <c r="G5815" s="8">
        <v>296</v>
      </c>
      <c r="H5815" s="5">
        <v>6</v>
      </c>
      <c r="I5815" s="5" t="s">
        <v>1518</v>
      </c>
      <c r="J5815" s="5" t="s">
        <v>1519</v>
      </c>
      <c r="K5815" s="2" t="s">
        <v>1520</v>
      </c>
      <c r="L5815" s="5" t="s">
        <v>1519</v>
      </c>
      <c r="M5815" s="2" t="s">
        <v>1520</v>
      </c>
      <c r="N5815" s="5" t="s">
        <v>1521</v>
      </c>
      <c r="O5815" s="5" t="s">
        <v>38</v>
      </c>
      <c r="P5815" s="5" t="s">
        <v>39</v>
      </c>
      <c r="Q5815" s="5" t="s">
        <v>40</v>
      </c>
      <c r="R5815" s="5" t="s">
        <v>1522</v>
      </c>
      <c r="S5815" s="5" t="s">
        <v>1523</v>
      </c>
      <c r="T5815" s="5" t="s">
        <v>42</v>
      </c>
      <c r="U5815" s="2">
        <v>3.4769999999999999</v>
      </c>
      <c r="V5815" s="2">
        <v>2.8820000000000001</v>
      </c>
      <c r="W5815" s="2">
        <v>1.7999999999999999E-2</v>
      </c>
      <c r="X5815" s="2">
        <v>139.1</v>
      </c>
      <c r="Y5815" s="2">
        <v>7.6</v>
      </c>
      <c r="Z5815" s="2">
        <v>16.7</v>
      </c>
      <c r="AA5815" s="5"/>
      <c r="AB5815" s="5" t="s">
        <v>43</v>
      </c>
      <c r="AC5815" s="5" t="s">
        <v>44</v>
      </c>
      <c r="AD5815" s="2"/>
      <c r="AE5815" s="1"/>
    </row>
    <row r="5816" spans="1:31" ht="14.45">
      <c r="A5816" s="11"/>
      <c r="B5816" s="20"/>
      <c r="C5816" s="2" t="s">
        <v>17919</v>
      </c>
      <c r="D5816" s="14" t="s">
        <v>17920</v>
      </c>
      <c r="E5816" s="2" t="s">
        <v>17921</v>
      </c>
      <c r="F5816" s="2" t="s">
        <v>16079</v>
      </c>
      <c r="G5816" s="8">
        <v>296</v>
      </c>
      <c r="H5816" s="5">
        <v>6</v>
      </c>
      <c r="I5816" s="5" t="s">
        <v>1518</v>
      </c>
      <c r="J5816" s="5" t="s">
        <v>1519</v>
      </c>
      <c r="K5816" s="2" t="s">
        <v>1520</v>
      </c>
      <c r="L5816" s="5" t="s">
        <v>1519</v>
      </c>
      <c r="M5816" s="2" t="s">
        <v>1520</v>
      </c>
      <c r="N5816" s="5" t="s">
        <v>1521</v>
      </c>
      <c r="O5816" s="5" t="s">
        <v>38</v>
      </c>
      <c r="P5816" s="5" t="s">
        <v>39</v>
      </c>
      <c r="Q5816" s="5" t="s">
        <v>40</v>
      </c>
      <c r="R5816" s="5" t="s">
        <v>1522</v>
      </c>
      <c r="S5816" s="5" t="s">
        <v>1523</v>
      </c>
      <c r="T5816" s="5" t="s">
        <v>42</v>
      </c>
      <c r="U5816" s="2">
        <v>3.367</v>
      </c>
      <c r="V5816" s="2">
        <v>2.7719999999999998</v>
      </c>
      <c r="W5816" s="2">
        <v>1.7999999999999999E-2</v>
      </c>
      <c r="X5816" s="2">
        <v>139.1</v>
      </c>
      <c r="Y5816" s="2">
        <v>7.6</v>
      </c>
      <c r="Z5816" s="2">
        <v>16.7</v>
      </c>
      <c r="AA5816" s="5"/>
      <c r="AB5816" s="5" t="s">
        <v>43</v>
      </c>
      <c r="AC5816" s="5" t="s">
        <v>44</v>
      </c>
      <c r="AD5816" s="2"/>
      <c r="AE5816" s="1"/>
    </row>
    <row r="5817" spans="1:31" ht="14.45">
      <c r="A5817" s="11"/>
      <c r="B5817" s="20"/>
      <c r="C5817" s="2" t="s">
        <v>17922</v>
      </c>
      <c r="D5817" s="14" t="s">
        <v>17923</v>
      </c>
      <c r="E5817" s="2" t="s">
        <v>17924</v>
      </c>
      <c r="F5817" s="2" t="s">
        <v>16194</v>
      </c>
      <c r="G5817" s="8">
        <v>296</v>
      </c>
      <c r="H5817" s="5">
        <v>6</v>
      </c>
      <c r="I5817" s="5" t="s">
        <v>1518</v>
      </c>
      <c r="J5817" s="5" t="s">
        <v>1519</v>
      </c>
      <c r="K5817" s="2" t="s">
        <v>1520</v>
      </c>
      <c r="L5817" s="5" t="s">
        <v>1519</v>
      </c>
      <c r="M5817" s="2" t="s">
        <v>1520</v>
      </c>
      <c r="N5817" s="5" t="s">
        <v>1521</v>
      </c>
      <c r="O5817" s="5" t="s">
        <v>38</v>
      </c>
      <c r="P5817" s="5" t="s">
        <v>39</v>
      </c>
      <c r="Q5817" s="5" t="s">
        <v>40</v>
      </c>
      <c r="R5817" s="5" t="s">
        <v>1522</v>
      </c>
      <c r="S5817" s="5" t="s">
        <v>1523</v>
      </c>
      <c r="T5817" s="5" t="s">
        <v>42</v>
      </c>
      <c r="U5817" s="2">
        <v>3.4769999999999999</v>
      </c>
      <c r="V5817" s="2">
        <v>2.8820000000000001</v>
      </c>
      <c r="W5817" s="2">
        <v>1.7999999999999999E-2</v>
      </c>
      <c r="X5817" s="2">
        <v>139.1</v>
      </c>
      <c r="Y5817" s="2">
        <v>7.6</v>
      </c>
      <c r="Z5817" s="2">
        <v>16.7</v>
      </c>
      <c r="AA5817" s="5"/>
      <c r="AB5817" s="5" t="s">
        <v>43</v>
      </c>
      <c r="AC5817" s="5" t="s">
        <v>44</v>
      </c>
      <c r="AD5817" s="2"/>
      <c r="AE5817" s="1"/>
    </row>
    <row r="5818" spans="1:31" ht="14.45">
      <c r="A5818" s="11"/>
      <c r="B5818" s="20"/>
      <c r="C5818" s="2" t="s">
        <v>17925</v>
      </c>
      <c r="D5818" s="14" t="s">
        <v>17926</v>
      </c>
      <c r="E5818" s="2" t="s">
        <v>17927</v>
      </c>
      <c r="F5818" s="2" t="s">
        <v>7581</v>
      </c>
      <c r="G5818" s="8">
        <v>296</v>
      </c>
      <c r="H5818" s="5">
        <v>6</v>
      </c>
      <c r="I5818" s="5" t="s">
        <v>1518</v>
      </c>
      <c r="J5818" s="5" t="s">
        <v>1519</v>
      </c>
      <c r="K5818" s="2" t="s">
        <v>1520</v>
      </c>
      <c r="L5818" s="5" t="s">
        <v>1519</v>
      </c>
      <c r="M5818" s="2" t="s">
        <v>1520</v>
      </c>
      <c r="N5818" s="5" t="s">
        <v>1521</v>
      </c>
      <c r="O5818" s="5" t="s">
        <v>38</v>
      </c>
      <c r="P5818" s="5" t="s">
        <v>39</v>
      </c>
      <c r="Q5818" s="5" t="s">
        <v>40</v>
      </c>
      <c r="R5818" s="5" t="s">
        <v>1522</v>
      </c>
      <c r="S5818" s="5" t="s">
        <v>1523</v>
      </c>
      <c r="T5818" s="5" t="s">
        <v>42</v>
      </c>
      <c r="U5818" s="2">
        <v>3.4769999999999999</v>
      </c>
      <c r="V5818" s="2">
        <v>2.8820000000000001</v>
      </c>
      <c r="W5818" s="2">
        <v>1.7999999999999999E-2</v>
      </c>
      <c r="X5818" s="2">
        <v>139.1</v>
      </c>
      <c r="Y5818" s="2">
        <v>7.6</v>
      </c>
      <c r="Z5818" s="2">
        <v>16.7</v>
      </c>
      <c r="AA5818" s="5"/>
      <c r="AB5818" s="5" t="s">
        <v>43</v>
      </c>
      <c r="AC5818" s="5" t="s">
        <v>44</v>
      </c>
      <c r="AD5818" s="2"/>
      <c r="AE5818" s="1"/>
    </row>
    <row r="5819" spans="1:31" ht="14.45">
      <c r="A5819" s="11"/>
      <c r="B5819" s="20"/>
      <c r="C5819" s="2" t="s">
        <v>17928</v>
      </c>
      <c r="D5819" s="14" t="s">
        <v>17929</v>
      </c>
      <c r="E5819" s="2" t="s">
        <v>17930</v>
      </c>
      <c r="F5819" s="2" t="s">
        <v>7589</v>
      </c>
      <c r="G5819" s="8">
        <v>296</v>
      </c>
      <c r="H5819" s="5">
        <v>6</v>
      </c>
      <c r="I5819" s="5" t="s">
        <v>1518</v>
      </c>
      <c r="J5819" s="5" t="s">
        <v>1519</v>
      </c>
      <c r="K5819" s="2" t="s">
        <v>1520</v>
      </c>
      <c r="L5819" s="5" t="s">
        <v>1519</v>
      </c>
      <c r="M5819" s="2" t="s">
        <v>1520</v>
      </c>
      <c r="N5819" s="5" t="s">
        <v>1521</v>
      </c>
      <c r="O5819" s="5" t="s">
        <v>38</v>
      </c>
      <c r="P5819" s="5" t="s">
        <v>39</v>
      </c>
      <c r="Q5819" s="5" t="s">
        <v>40</v>
      </c>
      <c r="R5819" s="5" t="s">
        <v>1522</v>
      </c>
      <c r="S5819" s="5" t="s">
        <v>1523</v>
      </c>
      <c r="T5819" s="5" t="s">
        <v>42</v>
      </c>
      <c r="U5819" s="2">
        <v>3.4449999999999998</v>
      </c>
      <c r="V5819" s="2">
        <v>2.85</v>
      </c>
      <c r="W5819" s="2">
        <v>1.7999999999999999E-2</v>
      </c>
      <c r="X5819" s="2">
        <v>139.1</v>
      </c>
      <c r="Y5819" s="2">
        <v>7.6</v>
      </c>
      <c r="Z5819" s="2">
        <v>16.7</v>
      </c>
      <c r="AA5819" s="5"/>
      <c r="AB5819" s="5" t="s">
        <v>43</v>
      </c>
      <c r="AC5819" s="5" t="s">
        <v>44</v>
      </c>
      <c r="AD5819" s="2"/>
      <c r="AE5819" s="1"/>
    </row>
    <row r="5820" spans="1:31" ht="14.45">
      <c r="A5820" s="11"/>
      <c r="B5820" s="20"/>
      <c r="C5820" s="2" t="s">
        <v>17931</v>
      </c>
      <c r="D5820" s="14" t="s">
        <v>17932</v>
      </c>
      <c r="E5820" s="2" t="s">
        <v>17933</v>
      </c>
      <c r="F5820" s="2" t="s">
        <v>16014</v>
      </c>
      <c r="G5820" s="8">
        <v>296</v>
      </c>
      <c r="H5820" s="5">
        <v>6</v>
      </c>
      <c r="I5820" s="5" t="s">
        <v>1518</v>
      </c>
      <c r="J5820" s="5" t="s">
        <v>1519</v>
      </c>
      <c r="K5820" s="2" t="s">
        <v>1520</v>
      </c>
      <c r="L5820" s="5" t="s">
        <v>1519</v>
      </c>
      <c r="M5820" s="2" t="s">
        <v>1520</v>
      </c>
      <c r="N5820" s="5" t="s">
        <v>1521</v>
      </c>
      <c r="O5820" s="5" t="s">
        <v>38</v>
      </c>
      <c r="P5820" s="5" t="s">
        <v>39</v>
      </c>
      <c r="Q5820" s="5" t="s">
        <v>40</v>
      </c>
      <c r="R5820" s="5" t="s">
        <v>1522</v>
      </c>
      <c r="S5820" s="5" t="s">
        <v>1523</v>
      </c>
      <c r="T5820" s="5" t="s">
        <v>42</v>
      </c>
      <c r="U5820" s="2">
        <v>3.367</v>
      </c>
      <c r="V5820" s="2">
        <v>2.7719999999999998</v>
      </c>
      <c r="W5820" s="2">
        <v>1.7999999999999999E-2</v>
      </c>
      <c r="X5820" s="2">
        <v>139.1</v>
      </c>
      <c r="Y5820" s="2">
        <v>7.6</v>
      </c>
      <c r="Z5820" s="2">
        <v>16.7</v>
      </c>
      <c r="AA5820" s="5"/>
      <c r="AB5820" s="5" t="s">
        <v>43</v>
      </c>
      <c r="AC5820" s="5" t="s">
        <v>44</v>
      </c>
      <c r="AD5820" s="2"/>
      <c r="AE5820" s="1"/>
    </row>
    <row r="5821" spans="1:31" ht="14.45">
      <c r="A5821" s="11"/>
      <c r="B5821" s="20"/>
      <c r="C5821" s="2" t="s">
        <v>17934</v>
      </c>
      <c r="D5821" s="14" t="s">
        <v>17935</v>
      </c>
      <c r="E5821" s="2" t="s">
        <v>17936</v>
      </c>
      <c r="F5821" s="2" t="s">
        <v>16018</v>
      </c>
      <c r="G5821" s="8">
        <v>296</v>
      </c>
      <c r="H5821" s="5">
        <v>6</v>
      </c>
      <c r="I5821" s="5" t="s">
        <v>1518</v>
      </c>
      <c r="J5821" s="5" t="s">
        <v>1519</v>
      </c>
      <c r="K5821" s="2" t="s">
        <v>1520</v>
      </c>
      <c r="L5821" s="5" t="s">
        <v>1519</v>
      </c>
      <c r="M5821" s="2" t="s">
        <v>1520</v>
      </c>
      <c r="N5821" s="5" t="s">
        <v>1521</v>
      </c>
      <c r="O5821" s="5" t="s">
        <v>38</v>
      </c>
      <c r="P5821" s="5" t="s">
        <v>39</v>
      </c>
      <c r="Q5821" s="5" t="s">
        <v>40</v>
      </c>
      <c r="R5821" s="5" t="s">
        <v>1522</v>
      </c>
      <c r="S5821" s="5" t="s">
        <v>1523</v>
      </c>
      <c r="T5821" s="5" t="s">
        <v>42</v>
      </c>
      <c r="U5821" s="2">
        <v>3.367</v>
      </c>
      <c r="V5821" s="2">
        <v>2.7719999999999998</v>
      </c>
      <c r="W5821" s="2">
        <v>1.7999999999999999E-2</v>
      </c>
      <c r="X5821" s="2">
        <v>139.1</v>
      </c>
      <c r="Y5821" s="2">
        <v>7.6</v>
      </c>
      <c r="Z5821" s="2">
        <v>16.7</v>
      </c>
      <c r="AA5821" s="5"/>
      <c r="AB5821" s="5" t="s">
        <v>43</v>
      </c>
      <c r="AC5821" s="5" t="s">
        <v>44</v>
      </c>
      <c r="AD5821" s="2"/>
      <c r="AE5821" s="1"/>
    </row>
    <row r="5822" spans="1:31" ht="14.45">
      <c r="A5822" s="11"/>
      <c r="B5822" s="20"/>
      <c r="C5822" s="2" t="s">
        <v>17937</v>
      </c>
      <c r="D5822" s="14" t="s">
        <v>17938</v>
      </c>
      <c r="E5822" s="2" t="s">
        <v>17939</v>
      </c>
      <c r="F5822" s="2" t="s">
        <v>16022</v>
      </c>
      <c r="G5822" s="8">
        <v>296</v>
      </c>
      <c r="H5822" s="5">
        <v>6</v>
      </c>
      <c r="I5822" s="5" t="s">
        <v>1518</v>
      </c>
      <c r="J5822" s="5" t="s">
        <v>1519</v>
      </c>
      <c r="K5822" s="2" t="s">
        <v>1520</v>
      </c>
      <c r="L5822" s="5" t="s">
        <v>1519</v>
      </c>
      <c r="M5822" s="2" t="s">
        <v>1520</v>
      </c>
      <c r="N5822" s="5" t="s">
        <v>1521</v>
      </c>
      <c r="O5822" s="5" t="s">
        <v>38</v>
      </c>
      <c r="P5822" s="5" t="s">
        <v>39</v>
      </c>
      <c r="Q5822" s="5" t="s">
        <v>40</v>
      </c>
      <c r="R5822" s="5" t="s">
        <v>1522</v>
      </c>
      <c r="S5822" s="5" t="s">
        <v>1523</v>
      </c>
      <c r="T5822" s="5" t="s">
        <v>42</v>
      </c>
      <c r="U5822" s="2">
        <v>3.4769999999999999</v>
      </c>
      <c r="V5822" s="2">
        <v>2.8820000000000001</v>
      </c>
      <c r="W5822" s="2">
        <v>1.7999999999999999E-2</v>
      </c>
      <c r="X5822" s="2">
        <v>139.1</v>
      </c>
      <c r="Y5822" s="2">
        <v>7.6</v>
      </c>
      <c r="Z5822" s="2">
        <v>16.7</v>
      </c>
      <c r="AA5822" s="5"/>
      <c r="AB5822" s="5" t="s">
        <v>43</v>
      </c>
      <c r="AC5822" s="5" t="s">
        <v>44</v>
      </c>
      <c r="AD5822" s="2"/>
      <c r="AE5822" s="1"/>
    </row>
    <row r="5823" spans="1:31" ht="14.45">
      <c r="A5823" s="11"/>
      <c r="B5823" s="20"/>
      <c r="C5823" s="2" t="s">
        <v>17940</v>
      </c>
      <c r="D5823" s="14" t="s">
        <v>17941</v>
      </c>
      <c r="E5823" s="2" t="s">
        <v>17942</v>
      </c>
      <c r="F5823" s="2" t="s">
        <v>7615</v>
      </c>
      <c r="G5823" s="8">
        <v>296</v>
      </c>
      <c r="H5823" s="5">
        <v>6</v>
      </c>
      <c r="I5823" s="5" t="s">
        <v>1518</v>
      </c>
      <c r="J5823" s="5" t="s">
        <v>1519</v>
      </c>
      <c r="K5823" s="2" t="s">
        <v>1520</v>
      </c>
      <c r="L5823" s="5" t="s">
        <v>1519</v>
      </c>
      <c r="M5823" s="2" t="s">
        <v>1520</v>
      </c>
      <c r="N5823" s="5" t="s">
        <v>1521</v>
      </c>
      <c r="O5823" s="5" t="s">
        <v>38</v>
      </c>
      <c r="P5823" s="5" t="s">
        <v>39</v>
      </c>
      <c r="Q5823" s="5" t="s">
        <v>40</v>
      </c>
      <c r="R5823" s="5" t="s">
        <v>1522</v>
      </c>
      <c r="S5823" s="5" t="s">
        <v>1523</v>
      </c>
      <c r="T5823" s="5" t="s">
        <v>42</v>
      </c>
      <c r="U5823" s="2">
        <v>3.335</v>
      </c>
      <c r="V5823" s="2">
        <v>2.74</v>
      </c>
      <c r="W5823" s="2">
        <v>1.7999999999999999E-2</v>
      </c>
      <c r="X5823" s="2">
        <v>139.1</v>
      </c>
      <c r="Y5823" s="2">
        <v>7.6</v>
      </c>
      <c r="Z5823" s="2">
        <v>16.7</v>
      </c>
      <c r="AA5823" s="5"/>
      <c r="AB5823" s="5" t="s">
        <v>43</v>
      </c>
      <c r="AC5823" s="5" t="s">
        <v>44</v>
      </c>
      <c r="AD5823" s="2"/>
      <c r="AE5823" s="1"/>
    </row>
    <row r="5824" spans="1:31" ht="14.45">
      <c r="A5824" s="11"/>
      <c r="B5824" s="20"/>
      <c r="C5824" s="2" t="s">
        <v>17943</v>
      </c>
      <c r="D5824" s="14" t="s">
        <v>17944</v>
      </c>
      <c r="E5824" s="2" t="s">
        <v>17945</v>
      </c>
      <c r="F5824" s="2" t="s">
        <v>16029</v>
      </c>
      <c r="G5824" s="8">
        <v>296</v>
      </c>
      <c r="H5824" s="5">
        <v>11</v>
      </c>
      <c r="I5824" s="5" t="s">
        <v>1518</v>
      </c>
      <c r="J5824" s="5" t="s">
        <v>1519</v>
      </c>
      <c r="K5824" s="2" t="s">
        <v>1520</v>
      </c>
      <c r="L5824" s="5" t="s">
        <v>1519</v>
      </c>
      <c r="M5824" s="2" t="s">
        <v>1520</v>
      </c>
      <c r="N5824" s="5" t="s">
        <v>1521</v>
      </c>
      <c r="O5824" s="5" t="s">
        <v>38</v>
      </c>
      <c r="P5824" s="5" t="s">
        <v>39</v>
      </c>
      <c r="Q5824" s="5" t="s">
        <v>40</v>
      </c>
      <c r="R5824" s="5" t="s">
        <v>1522</v>
      </c>
      <c r="S5824" s="5" t="s">
        <v>1523</v>
      </c>
      <c r="T5824" s="5" t="s">
        <v>42</v>
      </c>
      <c r="U5824" s="2">
        <v>3.3820000000000001</v>
      </c>
      <c r="V5824" s="2">
        <v>2.7869999999999999</v>
      </c>
      <c r="W5824" s="2">
        <v>1.7999999999999999E-2</v>
      </c>
      <c r="X5824" s="2">
        <v>139.1</v>
      </c>
      <c r="Y5824" s="2">
        <v>7.6</v>
      </c>
      <c r="Z5824" s="2">
        <v>16.7</v>
      </c>
      <c r="AA5824" s="5"/>
      <c r="AB5824" s="5" t="s">
        <v>43</v>
      </c>
      <c r="AC5824" s="5" t="s">
        <v>44</v>
      </c>
      <c r="AD5824" s="2"/>
      <c r="AE5824" s="1"/>
    </row>
    <row r="5825" spans="1:31" ht="14.45">
      <c r="A5825" s="11"/>
      <c r="B5825" s="20"/>
      <c r="C5825" s="2" t="s">
        <v>17946</v>
      </c>
      <c r="D5825" s="14" t="s">
        <v>17947</v>
      </c>
      <c r="E5825" s="2" t="s">
        <v>17948</v>
      </c>
      <c r="F5825" s="2" t="s">
        <v>16033</v>
      </c>
      <c r="G5825" s="8">
        <v>296</v>
      </c>
      <c r="H5825" s="5">
        <v>11</v>
      </c>
      <c r="I5825" s="5" t="s">
        <v>1518</v>
      </c>
      <c r="J5825" s="5" t="s">
        <v>1519</v>
      </c>
      <c r="K5825" s="2" t="s">
        <v>1520</v>
      </c>
      <c r="L5825" s="5" t="s">
        <v>1519</v>
      </c>
      <c r="M5825" s="2" t="s">
        <v>1520</v>
      </c>
      <c r="N5825" s="5" t="s">
        <v>1521</v>
      </c>
      <c r="O5825" s="5" t="s">
        <v>38</v>
      </c>
      <c r="P5825" s="5" t="s">
        <v>39</v>
      </c>
      <c r="Q5825" s="5" t="s">
        <v>40</v>
      </c>
      <c r="R5825" s="5" t="s">
        <v>1522</v>
      </c>
      <c r="S5825" s="5" t="s">
        <v>1523</v>
      </c>
      <c r="T5825" s="5" t="s">
        <v>42</v>
      </c>
      <c r="U5825" s="2">
        <v>3.492</v>
      </c>
      <c r="V5825" s="2">
        <v>2.8969999999999998</v>
      </c>
      <c r="W5825" s="2">
        <v>1.7999999999999999E-2</v>
      </c>
      <c r="X5825" s="2">
        <v>139.1</v>
      </c>
      <c r="Y5825" s="2">
        <v>7.6</v>
      </c>
      <c r="Z5825" s="2">
        <v>16.7</v>
      </c>
      <c r="AA5825" s="5"/>
      <c r="AB5825" s="5" t="s">
        <v>43</v>
      </c>
      <c r="AC5825" s="5" t="s">
        <v>44</v>
      </c>
      <c r="AD5825" s="2"/>
      <c r="AE5825" s="1"/>
    </row>
    <row r="5826" spans="1:31" ht="14.45">
      <c r="A5826" s="11"/>
      <c r="B5826" s="20"/>
      <c r="C5826" s="2" t="s">
        <v>17949</v>
      </c>
      <c r="D5826" s="14" t="s">
        <v>17950</v>
      </c>
      <c r="E5826" s="2" t="s">
        <v>17951</v>
      </c>
      <c r="F5826" s="2" t="s">
        <v>7396</v>
      </c>
      <c r="G5826" s="8">
        <v>254</v>
      </c>
      <c r="H5826" s="5">
        <v>6</v>
      </c>
      <c r="I5826" s="5" t="s">
        <v>1518</v>
      </c>
      <c r="J5826" s="5" t="s">
        <v>1519</v>
      </c>
      <c r="K5826" s="2" t="s">
        <v>1520</v>
      </c>
      <c r="L5826" s="5" t="s">
        <v>1519</v>
      </c>
      <c r="M5826" s="2" t="s">
        <v>1520</v>
      </c>
      <c r="N5826" s="5" t="s">
        <v>1521</v>
      </c>
      <c r="O5826" s="5" t="s">
        <v>38</v>
      </c>
      <c r="P5826" s="5" t="s">
        <v>39</v>
      </c>
      <c r="Q5826" s="5" t="s">
        <v>40</v>
      </c>
      <c r="R5826" s="5" t="s">
        <v>1522</v>
      </c>
      <c r="S5826" s="5" t="s">
        <v>1523</v>
      </c>
      <c r="T5826" s="5" t="s">
        <v>42</v>
      </c>
      <c r="U5826" s="2">
        <v>2.9609999999999999</v>
      </c>
      <c r="V5826" s="2">
        <v>2.4369999999999998</v>
      </c>
      <c r="W5826" s="2">
        <v>1.4999999999999999E-2</v>
      </c>
      <c r="X5826" s="2">
        <v>118.9</v>
      </c>
      <c r="Y5826" s="2">
        <v>7.6</v>
      </c>
      <c r="Z5826" s="2">
        <v>16.7</v>
      </c>
      <c r="AA5826" s="5"/>
      <c r="AB5826" s="5" t="s">
        <v>43</v>
      </c>
      <c r="AC5826" s="5" t="s">
        <v>44</v>
      </c>
      <c r="AD5826" s="2"/>
      <c r="AE5826" s="1"/>
    </row>
    <row r="5827" spans="1:31" ht="14.45">
      <c r="A5827" s="11"/>
      <c r="B5827" s="20"/>
      <c r="C5827" s="2" t="s">
        <v>17952</v>
      </c>
      <c r="D5827" s="14" t="s">
        <v>17953</v>
      </c>
      <c r="E5827" s="2" t="s">
        <v>17954</v>
      </c>
      <c r="F5827" s="2" t="s">
        <v>7507</v>
      </c>
      <c r="G5827" s="8">
        <v>254</v>
      </c>
      <c r="H5827" s="5">
        <v>6</v>
      </c>
      <c r="I5827" s="5" t="s">
        <v>1518</v>
      </c>
      <c r="J5827" s="5" t="s">
        <v>1519</v>
      </c>
      <c r="K5827" s="2" t="s">
        <v>1520</v>
      </c>
      <c r="L5827" s="5" t="s">
        <v>1519</v>
      </c>
      <c r="M5827" s="2" t="s">
        <v>1520</v>
      </c>
      <c r="N5827" s="5" t="s">
        <v>1521</v>
      </c>
      <c r="O5827" s="5" t="s">
        <v>38</v>
      </c>
      <c r="P5827" s="5" t="s">
        <v>39</v>
      </c>
      <c r="Q5827" s="5" t="s">
        <v>40</v>
      </c>
      <c r="R5827" s="5" t="s">
        <v>1522</v>
      </c>
      <c r="S5827" s="5" t="s">
        <v>1523</v>
      </c>
      <c r="T5827" s="5" t="s">
        <v>42</v>
      </c>
      <c r="U5827" s="2">
        <v>3.0510000000000002</v>
      </c>
      <c r="V5827" s="2">
        <v>2.5270000000000001</v>
      </c>
      <c r="W5827" s="2">
        <v>1.4999999999999999E-2</v>
      </c>
      <c r="X5827" s="2">
        <v>118.9</v>
      </c>
      <c r="Y5827" s="2">
        <v>7.6</v>
      </c>
      <c r="Z5827" s="2">
        <v>16.7</v>
      </c>
      <c r="AA5827" s="5"/>
      <c r="AB5827" s="5" t="s">
        <v>43</v>
      </c>
      <c r="AC5827" s="5" t="s">
        <v>44</v>
      </c>
      <c r="AD5827" s="2"/>
      <c r="AE5827" s="1"/>
    </row>
    <row r="5828" spans="1:31" ht="14.45">
      <c r="A5828" s="11"/>
      <c r="B5828" s="20"/>
      <c r="C5828" s="2" t="s">
        <v>17955</v>
      </c>
      <c r="D5828" s="14" t="s">
        <v>17956</v>
      </c>
      <c r="E5828" s="2" t="s">
        <v>17957</v>
      </c>
      <c r="F5828" s="2" t="s">
        <v>7204</v>
      </c>
      <c r="G5828" s="8">
        <v>254</v>
      </c>
      <c r="H5828" s="5">
        <v>6</v>
      </c>
      <c r="I5828" s="5" t="s">
        <v>1518</v>
      </c>
      <c r="J5828" s="5" t="s">
        <v>1519</v>
      </c>
      <c r="K5828" s="2" t="s">
        <v>1520</v>
      </c>
      <c r="L5828" s="5" t="s">
        <v>1519</v>
      </c>
      <c r="M5828" s="2" t="s">
        <v>1520</v>
      </c>
      <c r="N5828" s="5" t="s">
        <v>1521</v>
      </c>
      <c r="O5828" s="5" t="s">
        <v>38</v>
      </c>
      <c r="P5828" s="5" t="s">
        <v>39</v>
      </c>
      <c r="Q5828" s="5" t="s">
        <v>40</v>
      </c>
      <c r="R5828" s="5" t="s">
        <v>1522</v>
      </c>
      <c r="S5828" s="5" t="s">
        <v>1523</v>
      </c>
      <c r="T5828" s="5" t="s">
        <v>42</v>
      </c>
      <c r="U5828" s="2">
        <v>2.9689999999999999</v>
      </c>
      <c r="V5828" s="2">
        <v>2.4449999999999998</v>
      </c>
      <c r="W5828" s="2">
        <v>1.4999999999999999E-2</v>
      </c>
      <c r="X5828" s="2">
        <v>118.9</v>
      </c>
      <c r="Y5828" s="2">
        <v>7.6</v>
      </c>
      <c r="Z5828" s="2">
        <v>16.7</v>
      </c>
      <c r="AA5828" s="5"/>
      <c r="AB5828" s="5" t="s">
        <v>43</v>
      </c>
      <c r="AC5828" s="5" t="s">
        <v>44</v>
      </c>
      <c r="AD5828" s="2"/>
      <c r="AE5828" s="1"/>
    </row>
    <row r="5829" spans="1:31" ht="14.45">
      <c r="A5829" s="11"/>
      <c r="B5829" s="20"/>
      <c r="C5829" s="2" t="s">
        <v>17958</v>
      </c>
      <c r="D5829" s="14" t="s">
        <v>17959</v>
      </c>
      <c r="E5829" s="2" t="s">
        <v>17960</v>
      </c>
      <c r="F5829" s="2" t="s">
        <v>7514</v>
      </c>
      <c r="G5829" s="8">
        <v>254</v>
      </c>
      <c r="H5829" s="5">
        <v>6</v>
      </c>
      <c r="I5829" s="5" t="s">
        <v>1518</v>
      </c>
      <c r="J5829" s="5" t="s">
        <v>1519</v>
      </c>
      <c r="K5829" s="2" t="s">
        <v>1520</v>
      </c>
      <c r="L5829" s="5" t="s">
        <v>1519</v>
      </c>
      <c r="M5829" s="2" t="s">
        <v>1520</v>
      </c>
      <c r="N5829" s="5" t="s">
        <v>1521</v>
      </c>
      <c r="O5829" s="5" t="s">
        <v>38</v>
      </c>
      <c r="P5829" s="5" t="s">
        <v>39</v>
      </c>
      <c r="Q5829" s="5" t="s">
        <v>40</v>
      </c>
      <c r="R5829" s="5" t="s">
        <v>1522</v>
      </c>
      <c r="S5829" s="5" t="s">
        <v>1523</v>
      </c>
      <c r="T5829" s="5" t="s">
        <v>42</v>
      </c>
      <c r="U5829" s="2">
        <v>3.0590000000000002</v>
      </c>
      <c r="V5829" s="2">
        <v>2.5350000000000001</v>
      </c>
      <c r="W5829" s="2">
        <v>1.4999999999999999E-2</v>
      </c>
      <c r="X5829" s="2">
        <v>118.9</v>
      </c>
      <c r="Y5829" s="2">
        <v>7.6</v>
      </c>
      <c r="Z5829" s="2">
        <v>16.7</v>
      </c>
      <c r="AA5829" s="5"/>
      <c r="AB5829" s="5" t="s">
        <v>43</v>
      </c>
      <c r="AC5829" s="5" t="s">
        <v>44</v>
      </c>
      <c r="AD5829" s="2"/>
      <c r="AE5829" s="1"/>
    </row>
    <row r="5830" spans="1:31" ht="14.45">
      <c r="A5830" s="11"/>
      <c r="B5830" s="20"/>
      <c r="C5830" s="2" t="s">
        <v>17961</v>
      </c>
      <c r="D5830" s="14" t="s">
        <v>17962</v>
      </c>
      <c r="E5830" s="2" t="s">
        <v>17963</v>
      </c>
      <c r="F5830" s="2" t="s">
        <v>7208</v>
      </c>
      <c r="G5830" s="8">
        <v>254</v>
      </c>
      <c r="H5830" s="5">
        <v>6</v>
      </c>
      <c r="I5830" s="5" t="s">
        <v>1518</v>
      </c>
      <c r="J5830" s="5" t="s">
        <v>1519</v>
      </c>
      <c r="K5830" s="2" t="s">
        <v>1520</v>
      </c>
      <c r="L5830" s="5" t="s">
        <v>1519</v>
      </c>
      <c r="M5830" s="2" t="s">
        <v>1520</v>
      </c>
      <c r="N5830" s="5" t="s">
        <v>1521</v>
      </c>
      <c r="O5830" s="5" t="s">
        <v>38</v>
      </c>
      <c r="P5830" s="5" t="s">
        <v>39</v>
      </c>
      <c r="Q5830" s="5" t="s">
        <v>40</v>
      </c>
      <c r="R5830" s="5" t="s">
        <v>1522</v>
      </c>
      <c r="S5830" s="5" t="s">
        <v>1523</v>
      </c>
      <c r="T5830" s="5" t="s">
        <v>42</v>
      </c>
      <c r="U5830" s="2">
        <v>2.9689999999999999</v>
      </c>
      <c r="V5830" s="2">
        <v>2.4449999999999998</v>
      </c>
      <c r="W5830" s="2">
        <v>1.4999999999999999E-2</v>
      </c>
      <c r="X5830" s="2">
        <v>118.9</v>
      </c>
      <c r="Y5830" s="2">
        <v>7.6</v>
      </c>
      <c r="Z5830" s="2">
        <v>16.7</v>
      </c>
      <c r="AA5830" s="5"/>
      <c r="AB5830" s="5" t="s">
        <v>43</v>
      </c>
      <c r="AC5830" s="5" t="s">
        <v>44</v>
      </c>
      <c r="AD5830" s="2"/>
      <c r="AE5830" s="1"/>
    </row>
    <row r="5831" spans="1:31" ht="14.45">
      <c r="A5831" s="11"/>
      <c r="B5831" s="20"/>
      <c r="C5831" s="2" t="s">
        <v>17964</v>
      </c>
      <c r="D5831" s="14" t="s">
        <v>17965</v>
      </c>
      <c r="E5831" s="2" t="s">
        <v>17966</v>
      </c>
      <c r="F5831" s="2" t="s">
        <v>7521</v>
      </c>
      <c r="G5831" s="8">
        <v>254</v>
      </c>
      <c r="H5831" s="5">
        <v>6</v>
      </c>
      <c r="I5831" s="5" t="s">
        <v>1518</v>
      </c>
      <c r="J5831" s="5" t="s">
        <v>1519</v>
      </c>
      <c r="K5831" s="2" t="s">
        <v>1520</v>
      </c>
      <c r="L5831" s="5" t="s">
        <v>1519</v>
      </c>
      <c r="M5831" s="2" t="s">
        <v>1520</v>
      </c>
      <c r="N5831" s="5" t="s">
        <v>1521</v>
      </c>
      <c r="O5831" s="5" t="s">
        <v>38</v>
      </c>
      <c r="P5831" s="5" t="s">
        <v>39</v>
      </c>
      <c r="Q5831" s="5" t="s">
        <v>40</v>
      </c>
      <c r="R5831" s="5" t="s">
        <v>1522</v>
      </c>
      <c r="S5831" s="5" t="s">
        <v>1523</v>
      </c>
      <c r="T5831" s="5" t="s">
        <v>42</v>
      </c>
      <c r="U5831" s="2">
        <v>3.0590000000000002</v>
      </c>
      <c r="V5831" s="2">
        <v>2.5350000000000001</v>
      </c>
      <c r="W5831" s="2">
        <v>1.4999999999999999E-2</v>
      </c>
      <c r="X5831" s="2">
        <v>118.9</v>
      </c>
      <c r="Y5831" s="2">
        <v>7.6</v>
      </c>
      <c r="Z5831" s="2">
        <v>16.7</v>
      </c>
      <c r="AA5831" s="5"/>
      <c r="AB5831" s="5" t="s">
        <v>43</v>
      </c>
      <c r="AC5831" s="5" t="s">
        <v>44</v>
      </c>
      <c r="AD5831" s="2"/>
      <c r="AE5831" s="1"/>
    </row>
    <row r="5832" spans="1:31" ht="14.45">
      <c r="A5832" s="11"/>
      <c r="B5832" s="20"/>
      <c r="C5832" s="2" t="s">
        <v>17967</v>
      </c>
      <c r="D5832" s="14" t="s">
        <v>17968</v>
      </c>
      <c r="E5832" s="2" t="s">
        <v>17969</v>
      </c>
      <c r="F5832" s="2" t="s">
        <v>7212</v>
      </c>
      <c r="G5832" s="8">
        <v>254</v>
      </c>
      <c r="H5832" s="5">
        <v>6</v>
      </c>
      <c r="I5832" s="5" t="s">
        <v>1518</v>
      </c>
      <c r="J5832" s="5" t="s">
        <v>1519</v>
      </c>
      <c r="K5832" s="2" t="s">
        <v>1520</v>
      </c>
      <c r="L5832" s="5" t="s">
        <v>1519</v>
      </c>
      <c r="M5832" s="2" t="s">
        <v>1520</v>
      </c>
      <c r="N5832" s="5" t="s">
        <v>1521</v>
      </c>
      <c r="O5832" s="5" t="s">
        <v>38</v>
      </c>
      <c r="P5832" s="5" t="s">
        <v>39</v>
      </c>
      <c r="Q5832" s="5" t="s">
        <v>40</v>
      </c>
      <c r="R5832" s="5" t="s">
        <v>1522</v>
      </c>
      <c r="S5832" s="5" t="s">
        <v>1523</v>
      </c>
      <c r="T5832" s="5" t="s">
        <v>42</v>
      </c>
      <c r="U5832" s="2">
        <v>2.9449999999999998</v>
      </c>
      <c r="V5832" s="2">
        <v>2.4209999999999998</v>
      </c>
      <c r="W5832" s="2">
        <v>1.4999999999999999E-2</v>
      </c>
      <c r="X5832" s="2">
        <v>118.9</v>
      </c>
      <c r="Y5832" s="2">
        <v>7.6</v>
      </c>
      <c r="Z5832" s="2">
        <v>16.7</v>
      </c>
      <c r="AA5832" s="5"/>
      <c r="AB5832" s="5" t="s">
        <v>43</v>
      </c>
      <c r="AC5832" s="5" t="s">
        <v>44</v>
      </c>
      <c r="AD5832" s="2"/>
      <c r="AE5832" s="1"/>
    </row>
    <row r="5833" spans="1:31" ht="14.45">
      <c r="A5833" s="11"/>
      <c r="B5833" s="20"/>
      <c r="C5833" s="2" t="s">
        <v>17970</v>
      </c>
      <c r="D5833" s="14" t="s">
        <v>17971</v>
      </c>
      <c r="E5833" s="2" t="s">
        <v>17972</v>
      </c>
      <c r="F5833" s="2" t="s">
        <v>7528</v>
      </c>
      <c r="G5833" s="8">
        <v>254</v>
      </c>
      <c r="H5833" s="5">
        <v>6</v>
      </c>
      <c r="I5833" s="5" t="s">
        <v>1518</v>
      </c>
      <c r="J5833" s="5" t="s">
        <v>1519</v>
      </c>
      <c r="K5833" s="2" t="s">
        <v>1520</v>
      </c>
      <c r="L5833" s="5" t="s">
        <v>1519</v>
      </c>
      <c r="M5833" s="2" t="s">
        <v>1520</v>
      </c>
      <c r="N5833" s="5" t="s">
        <v>1521</v>
      </c>
      <c r="O5833" s="5" t="s">
        <v>38</v>
      </c>
      <c r="P5833" s="5" t="s">
        <v>39</v>
      </c>
      <c r="Q5833" s="5" t="s">
        <v>40</v>
      </c>
      <c r="R5833" s="5" t="s">
        <v>1522</v>
      </c>
      <c r="S5833" s="5" t="s">
        <v>1523</v>
      </c>
      <c r="T5833" s="5" t="s">
        <v>42</v>
      </c>
      <c r="U5833" s="2">
        <v>3.0350000000000001</v>
      </c>
      <c r="V5833" s="2">
        <v>2.5110000000000001</v>
      </c>
      <c r="W5833" s="2">
        <v>1.4999999999999999E-2</v>
      </c>
      <c r="X5833" s="2">
        <v>118.9</v>
      </c>
      <c r="Y5833" s="2">
        <v>7.6</v>
      </c>
      <c r="Z5833" s="2">
        <v>16.7</v>
      </c>
      <c r="AA5833" s="5"/>
      <c r="AB5833" s="5" t="s">
        <v>43</v>
      </c>
      <c r="AC5833" s="5" t="s">
        <v>44</v>
      </c>
      <c r="AD5833" s="2"/>
      <c r="AE5833" s="1"/>
    </row>
    <row r="5834" spans="1:31" ht="14.45">
      <c r="A5834" s="11"/>
      <c r="B5834" s="20"/>
      <c r="C5834" s="2" t="s">
        <v>17973</v>
      </c>
      <c r="D5834" s="14" t="s">
        <v>17974</v>
      </c>
      <c r="E5834" s="2" t="s">
        <v>17975</v>
      </c>
      <c r="F5834" s="2" t="s">
        <v>7406</v>
      </c>
      <c r="G5834" s="8">
        <v>272</v>
      </c>
      <c r="H5834" s="5">
        <v>6</v>
      </c>
      <c r="I5834" s="5" t="s">
        <v>1518</v>
      </c>
      <c r="J5834" s="5" t="s">
        <v>1519</v>
      </c>
      <c r="K5834" s="2" t="s">
        <v>1520</v>
      </c>
      <c r="L5834" s="5" t="s">
        <v>1519</v>
      </c>
      <c r="M5834" s="2" t="s">
        <v>1520</v>
      </c>
      <c r="N5834" s="5" t="s">
        <v>1521</v>
      </c>
      <c r="O5834" s="5" t="s">
        <v>38</v>
      </c>
      <c r="P5834" s="5" t="s">
        <v>39</v>
      </c>
      <c r="Q5834" s="5" t="s">
        <v>40</v>
      </c>
      <c r="R5834" s="5" t="s">
        <v>1522</v>
      </c>
      <c r="S5834" s="5" t="s">
        <v>1523</v>
      </c>
      <c r="T5834" s="5" t="s">
        <v>42</v>
      </c>
      <c r="U5834" s="2">
        <v>2.9449999999999998</v>
      </c>
      <c r="V5834" s="2">
        <v>2.4209999999999998</v>
      </c>
      <c r="W5834" s="2">
        <v>1.4999999999999999E-2</v>
      </c>
      <c r="X5834" s="2">
        <v>118.9</v>
      </c>
      <c r="Y5834" s="2">
        <v>7.6</v>
      </c>
      <c r="Z5834" s="2">
        <v>16.7</v>
      </c>
      <c r="AA5834" s="5"/>
      <c r="AB5834" s="5" t="s">
        <v>43</v>
      </c>
      <c r="AC5834" s="5" t="s">
        <v>44</v>
      </c>
      <c r="AD5834" s="2"/>
      <c r="AE5834" s="1"/>
    </row>
    <row r="5835" spans="1:31" ht="14.45">
      <c r="A5835" s="11"/>
      <c r="B5835" s="20"/>
      <c r="C5835" s="2" t="s">
        <v>17976</v>
      </c>
      <c r="D5835" s="14" t="s">
        <v>17977</v>
      </c>
      <c r="E5835" s="2" t="s">
        <v>17978</v>
      </c>
      <c r="F5835" s="2" t="s">
        <v>7535</v>
      </c>
      <c r="G5835" s="8">
        <v>272</v>
      </c>
      <c r="H5835" s="5">
        <v>6</v>
      </c>
      <c r="I5835" s="5" t="s">
        <v>1518</v>
      </c>
      <c r="J5835" s="5" t="s">
        <v>1519</v>
      </c>
      <c r="K5835" s="2" t="s">
        <v>1520</v>
      </c>
      <c r="L5835" s="5" t="s">
        <v>1519</v>
      </c>
      <c r="M5835" s="2" t="s">
        <v>1520</v>
      </c>
      <c r="N5835" s="5" t="s">
        <v>1521</v>
      </c>
      <c r="O5835" s="5" t="s">
        <v>38</v>
      </c>
      <c r="P5835" s="5" t="s">
        <v>39</v>
      </c>
      <c r="Q5835" s="5" t="s">
        <v>40</v>
      </c>
      <c r="R5835" s="5" t="s">
        <v>1522</v>
      </c>
      <c r="S5835" s="5" t="s">
        <v>1523</v>
      </c>
      <c r="T5835" s="5" t="s">
        <v>42</v>
      </c>
      <c r="U5835" s="2">
        <v>3.0350000000000001</v>
      </c>
      <c r="V5835" s="2">
        <v>2.5110000000000001</v>
      </c>
      <c r="W5835" s="2">
        <v>1.4999999999999999E-2</v>
      </c>
      <c r="X5835" s="2">
        <v>118.9</v>
      </c>
      <c r="Y5835" s="2">
        <v>7.6</v>
      </c>
      <c r="Z5835" s="2">
        <v>16.7</v>
      </c>
      <c r="AA5835" s="5"/>
      <c r="AB5835" s="5" t="s">
        <v>43</v>
      </c>
      <c r="AC5835" s="5" t="s">
        <v>44</v>
      </c>
      <c r="AD5835" s="2"/>
      <c r="AE5835" s="1"/>
    </row>
    <row r="5836" spans="1:31" ht="14.45">
      <c r="A5836" s="11"/>
      <c r="B5836" s="20"/>
      <c r="C5836" s="2" t="s">
        <v>17979</v>
      </c>
      <c r="D5836" s="14" t="s">
        <v>17980</v>
      </c>
      <c r="E5836" s="2" t="s">
        <v>17981</v>
      </c>
      <c r="F5836" s="2" t="s">
        <v>7539</v>
      </c>
      <c r="G5836" s="8">
        <v>272</v>
      </c>
      <c r="H5836" s="5">
        <v>6</v>
      </c>
      <c r="I5836" s="5" t="s">
        <v>1518</v>
      </c>
      <c r="J5836" s="5" t="s">
        <v>1519</v>
      </c>
      <c r="K5836" s="2" t="s">
        <v>1520</v>
      </c>
      <c r="L5836" s="5" t="s">
        <v>1519</v>
      </c>
      <c r="M5836" s="2" t="s">
        <v>1520</v>
      </c>
      <c r="N5836" s="5" t="s">
        <v>1521</v>
      </c>
      <c r="O5836" s="5" t="s">
        <v>38</v>
      </c>
      <c r="P5836" s="5" t="s">
        <v>39</v>
      </c>
      <c r="Q5836" s="5" t="s">
        <v>40</v>
      </c>
      <c r="R5836" s="5" t="s">
        <v>1522</v>
      </c>
      <c r="S5836" s="5" t="s">
        <v>1523</v>
      </c>
      <c r="T5836" s="5" t="s">
        <v>42</v>
      </c>
      <c r="U5836" s="2">
        <v>2.9689999999999999</v>
      </c>
      <c r="V5836" s="2">
        <v>2.4449999999999998</v>
      </c>
      <c r="W5836" s="2">
        <v>1.4999999999999999E-2</v>
      </c>
      <c r="X5836" s="2">
        <v>118.9</v>
      </c>
      <c r="Y5836" s="2">
        <v>7.6</v>
      </c>
      <c r="Z5836" s="2">
        <v>16.7</v>
      </c>
      <c r="AA5836" s="5"/>
      <c r="AB5836" s="5" t="s">
        <v>43</v>
      </c>
      <c r="AC5836" s="5" t="s">
        <v>44</v>
      </c>
      <c r="AD5836" s="2"/>
      <c r="AE5836" s="1"/>
    </row>
    <row r="5837" spans="1:31" ht="14.45">
      <c r="A5837" s="11"/>
      <c r="B5837" s="20"/>
      <c r="C5837" s="2" t="s">
        <v>17982</v>
      </c>
      <c r="D5837" s="14" t="s">
        <v>17983</v>
      </c>
      <c r="E5837" s="2" t="s">
        <v>17984</v>
      </c>
      <c r="F5837" s="2" t="s">
        <v>7543</v>
      </c>
      <c r="G5837" s="8">
        <v>272</v>
      </c>
      <c r="H5837" s="5">
        <v>6</v>
      </c>
      <c r="I5837" s="5" t="s">
        <v>1518</v>
      </c>
      <c r="J5837" s="5" t="s">
        <v>1519</v>
      </c>
      <c r="K5837" s="2" t="s">
        <v>1520</v>
      </c>
      <c r="L5837" s="5" t="s">
        <v>1519</v>
      </c>
      <c r="M5837" s="2" t="s">
        <v>1520</v>
      </c>
      <c r="N5837" s="5" t="s">
        <v>1521</v>
      </c>
      <c r="O5837" s="5" t="s">
        <v>38</v>
      </c>
      <c r="P5837" s="5" t="s">
        <v>39</v>
      </c>
      <c r="Q5837" s="5" t="s">
        <v>40</v>
      </c>
      <c r="R5837" s="5" t="s">
        <v>1522</v>
      </c>
      <c r="S5837" s="5" t="s">
        <v>1523</v>
      </c>
      <c r="T5837" s="5" t="s">
        <v>42</v>
      </c>
      <c r="U5837" s="2">
        <v>3.0590000000000002</v>
      </c>
      <c r="V5837" s="2">
        <v>2.5350000000000001</v>
      </c>
      <c r="W5837" s="2">
        <v>1.4999999999999999E-2</v>
      </c>
      <c r="X5837" s="2">
        <v>118.9</v>
      </c>
      <c r="Y5837" s="2">
        <v>7.6</v>
      </c>
      <c r="Z5837" s="2">
        <v>16.7</v>
      </c>
      <c r="AA5837" s="5"/>
      <c r="AB5837" s="5" t="s">
        <v>43</v>
      </c>
      <c r="AC5837" s="5" t="s">
        <v>44</v>
      </c>
      <c r="AD5837" s="2"/>
      <c r="AE5837" s="1"/>
    </row>
    <row r="5838" spans="1:31" ht="14.45">
      <c r="A5838" s="11"/>
      <c r="B5838" s="20"/>
      <c r="C5838" s="2" t="s">
        <v>17985</v>
      </c>
      <c r="D5838" s="14" t="s">
        <v>17986</v>
      </c>
      <c r="E5838" s="2" t="s">
        <v>17987</v>
      </c>
      <c r="F5838" s="2" t="s">
        <v>7547</v>
      </c>
      <c r="G5838" s="8">
        <v>272</v>
      </c>
      <c r="H5838" s="5">
        <v>6</v>
      </c>
      <c r="I5838" s="5" t="s">
        <v>1518</v>
      </c>
      <c r="J5838" s="5" t="s">
        <v>1519</v>
      </c>
      <c r="K5838" s="2" t="s">
        <v>1520</v>
      </c>
      <c r="L5838" s="5" t="s">
        <v>1519</v>
      </c>
      <c r="M5838" s="2" t="s">
        <v>1520</v>
      </c>
      <c r="N5838" s="5" t="s">
        <v>1521</v>
      </c>
      <c r="O5838" s="5" t="s">
        <v>38</v>
      </c>
      <c r="P5838" s="5" t="s">
        <v>39</v>
      </c>
      <c r="Q5838" s="5" t="s">
        <v>40</v>
      </c>
      <c r="R5838" s="5" t="s">
        <v>1522</v>
      </c>
      <c r="S5838" s="5" t="s">
        <v>1523</v>
      </c>
      <c r="T5838" s="5" t="s">
        <v>42</v>
      </c>
      <c r="U5838" s="2">
        <v>2.9449999999999998</v>
      </c>
      <c r="V5838" s="2">
        <v>2.4209999999999998</v>
      </c>
      <c r="W5838" s="2">
        <v>1.4999999999999999E-2</v>
      </c>
      <c r="X5838" s="2">
        <v>118.9</v>
      </c>
      <c r="Y5838" s="2">
        <v>7.6</v>
      </c>
      <c r="Z5838" s="2">
        <v>16.7</v>
      </c>
      <c r="AA5838" s="5"/>
      <c r="AB5838" s="5" t="s">
        <v>43</v>
      </c>
      <c r="AC5838" s="5" t="s">
        <v>44</v>
      </c>
      <c r="AD5838" s="2"/>
      <c r="AE5838" s="1"/>
    </row>
    <row r="5839" spans="1:31" ht="14.45">
      <c r="A5839" s="11"/>
      <c r="B5839" s="20"/>
      <c r="C5839" s="2" t="s">
        <v>17988</v>
      </c>
      <c r="D5839" s="14" t="s">
        <v>17989</v>
      </c>
      <c r="E5839" s="2" t="s">
        <v>17990</v>
      </c>
      <c r="F5839" s="2" t="s">
        <v>7551</v>
      </c>
      <c r="G5839" s="8">
        <v>272</v>
      </c>
      <c r="H5839" s="5">
        <v>6</v>
      </c>
      <c r="I5839" s="5" t="s">
        <v>1518</v>
      </c>
      <c r="J5839" s="5" t="s">
        <v>1519</v>
      </c>
      <c r="K5839" s="2" t="s">
        <v>1520</v>
      </c>
      <c r="L5839" s="5" t="s">
        <v>1519</v>
      </c>
      <c r="M5839" s="2" t="s">
        <v>1520</v>
      </c>
      <c r="N5839" s="5" t="s">
        <v>1521</v>
      </c>
      <c r="O5839" s="5" t="s">
        <v>38</v>
      </c>
      <c r="P5839" s="5" t="s">
        <v>39</v>
      </c>
      <c r="Q5839" s="5" t="s">
        <v>40</v>
      </c>
      <c r="R5839" s="5" t="s">
        <v>1522</v>
      </c>
      <c r="S5839" s="5" t="s">
        <v>1523</v>
      </c>
      <c r="T5839" s="5" t="s">
        <v>42</v>
      </c>
      <c r="U5839" s="2">
        <v>3.0350000000000001</v>
      </c>
      <c r="V5839" s="2">
        <v>2.5110000000000001</v>
      </c>
      <c r="W5839" s="2">
        <v>1.4999999999999999E-2</v>
      </c>
      <c r="X5839" s="2">
        <v>118.9</v>
      </c>
      <c r="Y5839" s="2">
        <v>7.6</v>
      </c>
      <c r="Z5839" s="2">
        <v>16.7</v>
      </c>
      <c r="AA5839" s="5"/>
      <c r="AB5839" s="5" t="s">
        <v>43</v>
      </c>
      <c r="AC5839" s="5" t="s">
        <v>44</v>
      </c>
      <c r="AD5839" s="2"/>
      <c r="AE5839" s="1"/>
    </row>
    <row r="5840" spans="1:31" ht="14.45">
      <c r="A5840" s="11"/>
      <c r="B5840" s="20"/>
      <c r="C5840" s="2" t="s">
        <v>17991</v>
      </c>
      <c r="D5840" s="14" t="s">
        <v>17992</v>
      </c>
      <c r="E5840" s="2" t="s">
        <v>17993</v>
      </c>
      <c r="F5840" s="2" t="s">
        <v>7555</v>
      </c>
      <c r="G5840" s="8">
        <v>272</v>
      </c>
      <c r="H5840" s="5">
        <v>6</v>
      </c>
      <c r="I5840" s="5" t="s">
        <v>1518</v>
      </c>
      <c r="J5840" s="5" t="s">
        <v>1519</v>
      </c>
      <c r="K5840" s="2" t="s">
        <v>1520</v>
      </c>
      <c r="L5840" s="5" t="s">
        <v>1519</v>
      </c>
      <c r="M5840" s="2" t="s">
        <v>1520</v>
      </c>
      <c r="N5840" s="5" t="s">
        <v>1521</v>
      </c>
      <c r="O5840" s="5" t="s">
        <v>38</v>
      </c>
      <c r="P5840" s="5" t="s">
        <v>39</v>
      </c>
      <c r="Q5840" s="5" t="s">
        <v>40</v>
      </c>
      <c r="R5840" s="5" t="s">
        <v>1522</v>
      </c>
      <c r="S5840" s="5" t="s">
        <v>1523</v>
      </c>
      <c r="T5840" s="5" t="s">
        <v>42</v>
      </c>
      <c r="U5840" s="2">
        <v>2.9449999999999998</v>
      </c>
      <c r="V5840" s="2">
        <v>2.4209999999999998</v>
      </c>
      <c r="W5840" s="2">
        <v>1.4999999999999999E-2</v>
      </c>
      <c r="X5840" s="2">
        <v>118.9</v>
      </c>
      <c r="Y5840" s="2">
        <v>7.6</v>
      </c>
      <c r="Z5840" s="2">
        <v>16.7</v>
      </c>
      <c r="AA5840" s="5"/>
      <c r="AB5840" s="5" t="s">
        <v>43</v>
      </c>
      <c r="AC5840" s="5" t="s">
        <v>44</v>
      </c>
      <c r="AD5840" s="2"/>
      <c r="AE5840" s="1"/>
    </row>
    <row r="5841" spans="1:31" ht="14.45">
      <c r="A5841" s="11"/>
      <c r="B5841" s="20"/>
      <c r="C5841" s="2" t="s">
        <v>17994</v>
      </c>
      <c r="D5841" s="14" t="s">
        <v>17995</v>
      </c>
      <c r="E5841" s="2" t="s">
        <v>17996</v>
      </c>
      <c r="F5841" s="2" t="s">
        <v>7559</v>
      </c>
      <c r="G5841" s="8">
        <v>272</v>
      </c>
      <c r="H5841" s="5">
        <v>6</v>
      </c>
      <c r="I5841" s="5" t="s">
        <v>1518</v>
      </c>
      <c r="J5841" s="5" t="s">
        <v>1519</v>
      </c>
      <c r="K5841" s="2" t="s">
        <v>1520</v>
      </c>
      <c r="L5841" s="5" t="s">
        <v>1519</v>
      </c>
      <c r="M5841" s="2" t="s">
        <v>1520</v>
      </c>
      <c r="N5841" s="5" t="s">
        <v>1521</v>
      </c>
      <c r="O5841" s="5" t="s">
        <v>38</v>
      </c>
      <c r="P5841" s="5" t="s">
        <v>39</v>
      </c>
      <c r="Q5841" s="5" t="s">
        <v>40</v>
      </c>
      <c r="R5841" s="5" t="s">
        <v>1522</v>
      </c>
      <c r="S5841" s="5" t="s">
        <v>1523</v>
      </c>
      <c r="T5841" s="5" t="s">
        <v>42</v>
      </c>
      <c r="U5841" s="2">
        <v>3.0350000000000001</v>
      </c>
      <c r="V5841" s="2">
        <v>2.5110000000000001</v>
      </c>
      <c r="W5841" s="2">
        <v>1.4999999999999999E-2</v>
      </c>
      <c r="X5841" s="2">
        <v>118.9</v>
      </c>
      <c r="Y5841" s="2">
        <v>7.6</v>
      </c>
      <c r="Z5841" s="2">
        <v>16.7</v>
      </c>
      <c r="AA5841" s="5"/>
      <c r="AB5841" s="5" t="s">
        <v>43</v>
      </c>
      <c r="AC5841" s="5" t="s">
        <v>44</v>
      </c>
      <c r="AD5841" s="2"/>
      <c r="AE5841" s="1"/>
    </row>
    <row r="5842" spans="1:31" ht="14.45">
      <c r="A5842" s="11"/>
      <c r="B5842" s="20"/>
      <c r="C5842" s="2" t="s">
        <v>17997</v>
      </c>
      <c r="D5842" s="14" t="s">
        <v>17998</v>
      </c>
      <c r="E5842" s="2" t="s">
        <v>17999</v>
      </c>
      <c r="F5842" s="2" t="s">
        <v>7563</v>
      </c>
      <c r="G5842" s="8">
        <v>272</v>
      </c>
      <c r="H5842" s="5">
        <v>6</v>
      </c>
      <c r="I5842" s="5" t="s">
        <v>1518</v>
      </c>
      <c r="J5842" s="5" t="s">
        <v>1519</v>
      </c>
      <c r="K5842" s="2" t="s">
        <v>1520</v>
      </c>
      <c r="L5842" s="5" t="s">
        <v>1519</v>
      </c>
      <c r="M5842" s="2" t="s">
        <v>1520</v>
      </c>
      <c r="N5842" s="5" t="s">
        <v>1521</v>
      </c>
      <c r="O5842" s="5" t="s">
        <v>38</v>
      </c>
      <c r="P5842" s="5" t="s">
        <v>39</v>
      </c>
      <c r="Q5842" s="5" t="s">
        <v>40</v>
      </c>
      <c r="R5842" s="5" t="s">
        <v>1522</v>
      </c>
      <c r="S5842" s="5" t="s">
        <v>1523</v>
      </c>
      <c r="T5842" s="5" t="s">
        <v>42</v>
      </c>
      <c r="U5842" s="2">
        <v>2.9689999999999999</v>
      </c>
      <c r="V5842" s="2">
        <v>2.4449999999999998</v>
      </c>
      <c r="W5842" s="2">
        <v>1.4999999999999999E-2</v>
      </c>
      <c r="X5842" s="2">
        <v>118.9</v>
      </c>
      <c r="Y5842" s="2">
        <v>7.6</v>
      </c>
      <c r="Z5842" s="2">
        <v>16.7</v>
      </c>
      <c r="AA5842" s="5"/>
      <c r="AB5842" s="5" t="s">
        <v>43</v>
      </c>
      <c r="AC5842" s="5" t="s">
        <v>44</v>
      </c>
      <c r="AD5842" s="2"/>
      <c r="AE5842" s="1"/>
    </row>
    <row r="5843" spans="1:31" ht="14.45">
      <c r="A5843" s="11"/>
      <c r="B5843" s="20"/>
      <c r="C5843" s="2" t="s">
        <v>18000</v>
      </c>
      <c r="D5843" s="14" t="s">
        <v>18001</v>
      </c>
      <c r="E5843" s="2" t="s">
        <v>18002</v>
      </c>
      <c r="F5843" s="2" t="s">
        <v>7567</v>
      </c>
      <c r="G5843" s="8">
        <v>272</v>
      </c>
      <c r="H5843" s="5">
        <v>6</v>
      </c>
      <c r="I5843" s="5" t="s">
        <v>1518</v>
      </c>
      <c r="J5843" s="5" t="s">
        <v>1519</v>
      </c>
      <c r="K5843" s="2" t="s">
        <v>1520</v>
      </c>
      <c r="L5843" s="5" t="s">
        <v>1519</v>
      </c>
      <c r="M5843" s="2" t="s">
        <v>1520</v>
      </c>
      <c r="N5843" s="5" t="s">
        <v>1521</v>
      </c>
      <c r="O5843" s="5" t="s">
        <v>38</v>
      </c>
      <c r="P5843" s="5" t="s">
        <v>39</v>
      </c>
      <c r="Q5843" s="5" t="s">
        <v>40</v>
      </c>
      <c r="R5843" s="5" t="s">
        <v>1522</v>
      </c>
      <c r="S5843" s="5" t="s">
        <v>1523</v>
      </c>
      <c r="T5843" s="5" t="s">
        <v>42</v>
      </c>
      <c r="U5843" s="2">
        <v>3.0590000000000002</v>
      </c>
      <c r="V5843" s="2">
        <v>2.5350000000000001</v>
      </c>
      <c r="W5843" s="2">
        <v>1.4999999999999999E-2</v>
      </c>
      <c r="X5843" s="2">
        <v>118.9</v>
      </c>
      <c r="Y5843" s="2">
        <v>7.6</v>
      </c>
      <c r="Z5843" s="2">
        <v>16.7</v>
      </c>
      <c r="AA5843" s="5"/>
      <c r="AB5843" s="5" t="s">
        <v>43</v>
      </c>
      <c r="AC5843" s="5" t="s">
        <v>44</v>
      </c>
      <c r="AD5843" s="2"/>
      <c r="AE5843" s="1"/>
    </row>
    <row r="5844" spans="1:31" ht="14.45">
      <c r="A5844" s="11"/>
      <c r="B5844" s="20"/>
      <c r="C5844" s="2" t="s">
        <v>18003</v>
      </c>
      <c r="D5844" s="14" t="s">
        <v>18004</v>
      </c>
      <c r="E5844" s="2" t="s">
        <v>18005</v>
      </c>
      <c r="F5844" s="2" t="s">
        <v>16079</v>
      </c>
      <c r="G5844" s="8">
        <v>272</v>
      </c>
      <c r="H5844" s="5">
        <v>6</v>
      </c>
      <c r="I5844" s="5" t="s">
        <v>1518</v>
      </c>
      <c r="J5844" s="5" t="s">
        <v>1519</v>
      </c>
      <c r="K5844" s="2" t="s">
        <v>1520</v>
      </c>
      <c r="L5844" s="5" t="s">
        <v>1519</v>
      </c>
      <c r="M5844" s="2" t="s">
        <v>1520</v>
      </c>
      <c r="N5844" s="5" t="s">
        <v>1521</v>
      </c>
      <c r="O5844" s="5" t="s">
        <v>38</v>
      </c>
      <c r="P5844" s="5" t="s">
        <v>39</v>
      </c>
      <c r="Q5844" s="5" t="s">
        <v>40</v>
      </c>
      <c r="R5844" s="5" t="s">
        <v>1522</v>
      </c>
      <c r="S5844" s="5" t="s">
        <v>1523</v>
      </c>
      <c r="T5844" s="5" t="s">
        <v>42</v>
      </c>
      <c r="U5844" s="2">
        <v>2.9689999999999999</v>
      </c>
      <c r="V5844" s="2">
        <v>2.4449999999999998</v>
      </c>
      <c r="W5844" s="2">
        <v>1.4999999999999999E-2</v>
      </c>
      <c r="X5844" s="2">
        <v>118.9</v>
      </c>
      <c r="Y5844" s="2">
        <v>7.6</v>
      </c>
      <c r="Z5844" s="2">
        <v>16.7</v>
      </c>
      <c r="AA5844" s="5"/>
      <c r="AB5844" s="5" t="s">
        <v>43</v>
      </c>
      <c r="AC5844" s="5" t="s">
        <v>44</v>
      </c>
      <c r="AD5844" s="2"/>
      <c r="AE5844" s="1"/>
    </row>
    <row r="5845" spans="1:31" ht="14.45">
      <c r="A5845" s="11"/>
      <c r="B5845" s="20"/>
      <c r="C5845" s="2" t="s">
        <v>18006</v>
      </c>
      <c r="D5845" s="14" t="s">
        <v>18007</v>
      </c>
      <c r="E5845" s="2" t="s">
        <v>18008</v>
      </c>
      <c r="F5845" s="2" t="s">
        <v>16194</v>
      </c>
      <c r="G5845" s="8">
        <v>272</v>
      </c>
      <c r="H5845" s="5">
        <v>6</v>
      </c>
      <c r="I5845" s="5" t="s">
        <v>1518</v>
      </c>
      <c r="J5845" s="5" t="s">
        <v>1519</v>
      </c>
      <c r="K5845" s="2" t="s">
        <v>1520</v>
      </c>
      <c r="L5845" s="5" t="s">
        <v>1519</v>
      </c>
      <c r="M5845" s="2" t="s">
        <v>1520</v>
      </c>
      <c r="N5845" s="5" t="s">
        <v>1521</v>
      </c>
      <c r="O5845" s="5" t="s">
        <v>38</v>
      </c>
      <c r="P5845" s="5" t="s">
        <v>39</v>
      </c>
      <c r="Q5845" s="5" t="s">
        <v>40</v>
      </c>
      <c r="R5845" s="5" t="s">
        <v>1522</v>
      </c>
      <c r="S5845" s="5" t="s">
        <v>1523</v>
      </c>
      <c r="T5845" s="5" t="s">
        <v>42</v>
      </c>
      <c r="U5845" s="2">
        <v>3.0590000000000002</v>
      </c>
      <c r="V5845" s="2">
        <v>2.5350000000000001</v>
      </c>
      <c r="W5845" s="2">
        <v>1.4999999999999999E-2</v>
      </c>
      <c r="X5845" s="2">
        <v>118.9</v>
      </c>
      <c r="Y5845" s="2">
        <v>7.6</v>
      </c>
      <c r="Z5845" s="2">
        <v>16.7</v>
      </c>
      <c r="AA5845" s="5"/>
      <c r="AB5845" s="5" t="s">
        <v>43</v>
      </c>
      <c r="AC5845" s="5" t="s">
        <v>44</v>
      </c>
      <c r="AD5845" s="2"/>
      <c r="AE5845" s="1"/>
    </row>
    <row r="5846" spans="1:31" ht="14.45">
      <c r="A5846" s="11"/>
      <c r="B5846" s="20"/>
      <c r="C5846" s="2" t="s">
        <v>18009</v>
      </c>
      <c r="D5846" s="14" t="s">
        <v>18010</v>
      </c>
      <c r="E5846" s="2" t="s">
        <v>18011</v>
      </c>
      <c r="F5846" s="2" t="s">
        <v>7449</v>
      </c>
      <c r="G5846" s="8">
        <v>272</v>
      </c>
      <c r="H5846" s="5">
        <v>6</v>
      </c>
      <c r="I5846" s="5" t="s">
        <v>1518</v>
      </c>
      <c r="J5846" s="5" t="s">
        <v>1519</v>
      </c>
      <c r="K5846" s="2" t="s">
        <v>1520</v>
      </c>
      <c r="L5846" s="5" t="s">
        <v>1519</v>
      </c>
      <c r="M5846" s="2" t="s">
        <v>1520</v>
      </c>
      <c r="N5846" s="5" t="s">
        <v>1521</v>
      </c>
      <c r="O5846" s="5" t="s">
        <v>38</v>
      </c>
      <c r="P5846" s="5" t="s">
        <v>39</v>
      </c>
      <c r="Q5846" s="5" t="s">
        <v>40</v>
      </c>
      <c r="R5846" s="5" t="s">
        <v>1522</v>
      </c>
      <c r="S5846" s="5" t="s">
        <v>1523</v>
      </c>
      <c r="T5846" s="5" t="s">
        <v>42</v>
      </c>
      <c r="U5846" s="2">
        <v>2.9689999999999999</v>
      </c>
      <c r="V5846" s="2">
        <v>2.4449999999999998</v>
      </c>
      <c r="W5846" s="2">
        <v>1.4999999999999999E-2</v>
      </c>
      <c r="X5846" s="2">
        <v>118.9</v>
      </c>
      <c r="Y5846" s="2">
        <v>7.6</v>
      </c>
      <c r="Z5846" s="2">
        <v>16.7</v>
      </c>
      <c r="AA5846" s="5"/>
      <c r="AB5846" s="5" t="s">
        <v>43</v>
      </c>
      <c r="AC5846" s="5" t="s">
        <v>44</v>
      </c>
      <c r="AD5846" s="2"/>
      <c r="AE5846" s="1"/>
    </row>
    <row r="5847" spans="1:31" ht="14.45">
      <c r="A5847" s="11"/>
      <c r="B5847" s="20"/>
      <c r="C5847" s="2" t="s">
        <v>18012</v>
      </c>
      <c r="D5847" s="14" t="s">
        <v>18013</v>
      </c>
      <c r="E5847" s="2" t="s">
        <v>18014</v>
      </c>
      <c r="F5847" s="2" t="s">
        <v>7581</v>
      </c>
      <c r="G5847" s="8">
        <v>272</v>
      </c>
      <c r="H5847" s="5">
        <v>6</v>
      </c>
      <c r="I5847" s="5" t="s">
        <v>1518</v>
      </c>
      <c r="J5847" s="5" t="s">
        <v>1519</v>
      </c>
      <c r="K5847" s="2" t="s">
        <v>1520</v>
      </c>
      <c r="L5847" s="5" t="s">
        <v>1519</v>
      </c>
      <c r="M5847" s="2" t="s">
        <v>1520</v>
      </c>
      <c r="N5847" s="5" t="s">
        <v>1521</v>
      </c>
      <c r="O5847" s="5" t="s">
        <v>38</v>
      </c>
      <c r="P5847" s="5" t="s">
        <v>39</v>
      </c>
      <c r="Q5847" s="5" t="s">
        <v>40</v>
      </c>
      <c r="R5847" s="5" t="s">
        <v>1522</v>
      </c>
      <c r="S5847" s="5" t="s">
        <v>1523</v>
      </c>
      <c r="T5847" s="5" t="s">
        <v>42</v>
      </c>
      <c r="U5847" s="2">
        <v>3.0590000000000002</v>
      </c>
      <c r="V5847" s="2">
        <v>2.5350000000000001</v>
      </c>
      <c r="W5847" s="2">
        <v>1.4999999999999999E-2</v>
      </c>
      <c r="X5847" s="2">
        <v>118.9</v>
      </c>
      <c r="Y5847" s="2">
        <v>7.6</v>
      </c>
      <c r="Z5847" s="2">
        <v>16.7</v>
      </c>
      <c r="AA5847" s="5"/>
      <c r="AB5847" s="5" t="s">
        <v>43</v>
      </c>
      <c r="AC5847" s="5" t="s">
        <v>44</v>
      </c>
      <c r="AD5847" s="2"/>
      <c r="AE5847" s="1"/>
    </row>
    <row r="5848" spans="1:31" ht="14.45">
      <c r="A5848" s="11"/>
      <c r="B5848" s="20"/>
      <c r="C5848" s="2" t="s">
        <v>18015</v>
      </c>
      <c r="D5848" s="14" t="s">
        <v>18016</v>
      </c>
      <c r="E5848" s="2" t="s">
        <v>18017</v>
      </c>
      <c r="F5848" s="2" t="s">
        <v>7585</v>
      </c>
      <c r="G5848" s="8">
        <v>272</v>
      </c>
      <c r="H5848" s="5">
        <v>6</v>
      </c>
      <c r="I5848" s="5" t="s">
        <v>1518</v>
      </c>
      <c r="J5848" s="5" t="s">
        <v>1519</v>
      </c>
      <c r="K5848" s="2" t="s">
        <v>1520</v>
      </c>
      <c r="L5848" s="5" t="s">
        <v>1519</v>
      </c>
      <c r="M5848" s="2" t="s">
        <v>1520</v>
      </c>
      <c r="N5848" s="5" t="s">
        <v>1521</v>
      </c>
      <c r="O5848" s="5" t="s">
        <v>38</v>
      </c>
      <c r="P5848" s="5" t="s">
        <v>39</v>
      </c>
      <c r="Q5848" s="5" t="s">
        <v>40</v>
      </c>
      <c r="R5848" s="5" t="s">
        <v>1522</v>
      </c>
      <c r="S5848" s="5" t="s">
        <v>1523</v>
      </c>
      <c r="T5848" s="5" t="s">
        <v>42</v>
      </c>
      <c r="U5848" s="2">
        <v>2.9449999999999998</v>
      </c>
      <c r="V5848" s="2">
        <v>2.4209999999999998</v>
      </c>
      <c r="W5848" s="2">
        <v>1.4999999999999999E-2</v>
      </c>
      <c r="X5848" s="2">
        <v>118.9</v>
      </c>
      <c r="Y5848" s="2">
        <v>7.6</v>
      </c>
      <c r="Z5848" s="2">
        <v>16.7</v>
      </c>
      <c r="AA5848" s="5"/>
      <c r="AB5848" s="5" t="s">
        <v>43</v>
      </c>
      <c r="AC5848" s="5" t="s">
        <v>44</v>
      </c>
      <c r="AD5848" s="2"/>
      <c r="AE5848" s="1"/>
    </row>
    <row r="5849" spans="1:31" ht="14.45">
      <c r="A5849" s="11"/>
      <c r="B5849" s="20"/>
      <c r="C5849" s="2" t="s">
        <v>18018</v>
      </c>
      <c r="D5849" s="14" t="s">
        <v>18019</v>
      </c>
      <c r="E5849" s="2" t="s">
        <v>18020</v>
      </c>
      <c r="F5849" s="2" t="s">
        <v>7589</v>
      </c>
      <c r="G5849" s="8">
        <v>272</v>
      </c>
      <c r="H5849" s="5">
        <v>6</v>
      </c>
      <c r="I5849" s="5" t="s">
        <v>1518</v>
      </c>
      <c r="J5849" s="5" t="s">
        <v>1519</v>
      </c>
      <c r="K5849" s="2" t="s">
        <v>1520</v>
      </c>
      <c r="L5849" s="5" t="s">
        <v>1519</v>
      </c>
      <c r="M5849" s="2" t="s">
        <v>1520</v>
      </c>
      <c r="N5849" s="5" t="s">
        <v>1521</v>
      </c>
      <c r="O5849" s="5" t="s">
        <v>38</v>
      </c>
      <c r="P5849" s="5" t="s">
        <v>39</v>
      </c>
      <c r="Q5849" s="5" t="s">
        <v>40</v>
      </c>
      <c r="R5849" s="5" t="s">
        <v>1522</v>
      </c>
      <c r="S5849" s="5" t="s">
        <v>1523</v>
      </c>
      <c r="T5849" s="5" t="s">
        <v>42</v>
      </c>
      <c r="U5849" s="2">
        <v>3.0350000000000001</v>
      </c>
      <c r="V5849" s="2">
        <v>2.5110000000000001</v>
      </c>
      <c r="W5849" s="2">
        <v>1.4999999999999999E-2</v>
      </c>
      <c r="X5849" s="2">
        <v>118.9</v>
      </c>
      <c r="Y5849" s="2">
        <v>7.6</v>
      </c>
      <c r="Z5849" s="2">
        <v>16.7</v>
      </c>
      <c r="AA5849" s="5"/>
      <c r="AB5849" s="5" t="s">
        <v>43</v>
      </c>
      <c r="AC5849" s="5" t="s">
        <v>44</v>
      </c>
      <c r="AD5849" s="2"/>
      <c r="AE5849" s="1"/>
    </row>
    <row r="5850" spans="1:31" ht="14.45">
      <c r="A5850" s="11"/>
      <c r="B5850" s="20"/>
      <c r="C5850" s="2" t="s">
        <v>18021</v>
      </c>
      <c r="D5850" s="14" t="s">
        <v>18022</v>
      </c>
      <c r="E5850" s="2" t="s">
        <v>18023</v>
      </c>
      <c r="F5850" s="2" t="s">
        <v>7593</v>
      </c>
      <c r="G5850" s="8">
        <v>272</v>
      </c>
      <c r="H5850" s="5">
        <v>6</v>
      </c>
      <c r="I5850" s="5" t="s">
        <v>1518</v>
      </c>
      <c r="J5850" s="5" t="s">
        <v>1519</v>
      </c>
      <c r="K5850" s="2" t="s">
        <v>1520</v>
      </c>
      <c r="L5850" s="5" t="s">
        <v>1519</v>
      </c>
      <c r="M5850" s="2" t="s">
        <v>1520</v>
      </c>
      <c r="N5850" s="5" t="s">
        <v>1521</v>
      </c>
      <c r="O5850" s="5" t="s">
        <v>38</v>
      </c>
      <c r="P5850" s="5" t="s">
        <v>39</v>
      </c>
      <c r="Q5850" s="5" t="s">
        <v>40</v>
      </c>
      <c r="R5850" s="5" t="s">
        <v>1522</v>
      </c>
      <c r="S5850" s="5" t="s">
        <v>1523</v>
      </c>
      <c r="T5850" s="5" t="s">
        <v>42</v>
      </c>
      <c r="U5850" s="2">
        <v>2.9689999999999999</v>
      </c>
      <c r="V5850" s="2">
        <v>2.4449999999999998</v>
      </c>
      <c r="W5850" s="2">
        <v>1.4999999999999999E-2</v>
      </c>
      <c r="X5850" s="2">
        <v>118.9</v>
      </c>
      <c r="Y5850" s="2">
        <v>7.6</v>
      </c>
      <c r="Z5850" s="2">
        <v>16.7</v>
      </c>
      <c r="AA5850" s="5"/>
      <c r="AB5850" s="5" t="s">
        <v>43</v>
      </c>
      <c r="AC5850" s="5" t="s">
        <v>44</v>
      </c>
      <c r="AD5850" s="2"/>
      <c r="AE5850" s="1"/>
    </row>
    <row r="5851" spans="1:31" ht="14.45">
      <c r="A5851" s="11"/>
      <c r="B5851" s="20"/>
      <c r="C5851" s="2" t="s">
        <v>18024</v>
      </c>
      <c r="D5851" s="14" t="s">
        <v>18025</v>
      </c>
      <c r="E5851" s="2" t="s">
        <v>18026</v>
      </c>
      <c r="F5851" s="2" t="s">
        <v>7597</v>
      </c>
      <c r="G5851" s="8">
        <v>272</v>
      </c>
      <c r="H5851" s="5">
        <v>6</v>
      </c>
      <c r="I5851" s="5" t="s">
        <v>1518</v>
      </c>
      <c r="J5851" s="5" t="s">
        <v>1519</v>
      </c>
      <c r="K5851" s="2" t="s">
        <v>1520</v>
      </c>
      <c r="L5851" s="5" t="s">
        <v>1519</v>
      </c>
      <c r="M5851" s="2" t="s">
        <v>1520</v>
      </c>
      <c r="N5851" s="5" t="s">
        <v>1521</v>
      </c>
      <c r="O5851" s="5" t="s">
        <v>38</v>
      </c>
      <c r="P5851" s="5" t="s">
        <v>39</v>
      </c>
      <c r="Q5851" s="5" t="s">
        <v>40</v>
      </c>
      <c r="R5851" s="5" t="s">
        <v>1522</v>
      </c>
      <c r="S5851" s="5" t="s">
        <v>1523</v>
      </c>
      <c r="T5851" s="5" t="s">
        <v>42</v>
      </c>
      <c r="U5851" s="2">
        <v>3.0590000000000002</v>
      </c>
      <c r="V5851" s="2">
        <v>2.5350000000000001</v>
      </c>
      <c r="W5851" s="2">
        <v>1.4999999999999999E-2</v>
      </c>
      <c r="X5851" s="2">
        <v>118.9</v>
      </c>
      <c r="Y5851" s="2">
        <v>7.6</v>
      </c>
      <c r="Z5851" s="2">
        <v>16.7</v>
      </c>
      <c r="AA5851" s="5"/>
      <c r="AB5851" s="5" t="s">
        <v>43</v>
      </c>
      <c r="AC5851" s="5" t="s">
        <v>44</v>
      </c>
      <c r="AD5851" s="2"/>
      <c r="AE5851" s="1"/>
    </row>
    <row r="5852" spans="1:31" ht="14.45">
      <c r="A5852" s="11"/>
      <c r="B5852" s="20"/>
      <c r="C5852" s="2" t="s">
        <v>18027</v>
      </c>
      <c r="D5852" s="14" t="s">
        <v>18028</v>
      </c>
      <c r="E5852" s="2" t="s">
        <v>18029</v>
      </c>
      <c r="F5852" s="2" t="s">
        <v>16014</v>
      </c>
      <c r="G5852" s="8">
        <v>272</v>
      </c>
      <c r="H5852" s="5">
        <v>6</v>
      </c>
      <c r="I5852" s="5" t="s">
        <v>1518</v>
      </c>
      <c r="J5852" s="5" t="s">
        <v>1519</v>
      </c>
      <c r="K5852" s="2" t="s">
        <v>1520</v>
      </c>
      <c r="L5852" s="5" t="s">
        <v>1519</v>
      </c>
      <c r="M5852" s="2" t="s">
        <v>1520</v>
      </c>
      <c r="N5852" s="5" t="s">
        <v>1521</v>
      </c>
      <c r="O5852" s="5" t="s">
        <v>38</v>
      </c>
      <c r="P5852" s="5" t="s">
        <v>39</v>
      </c>
      <c r="Q5852" s="5" t="s">
        <v>40</v>
      </c>
      <c r="R5852" s="5" t="s">
        <v>1522</v>
      </c>
      <c r="S5852" s="5" t="s">
        <v>1523</v>
      </c>
      <c r="T5852" s="5" t="s">
        <v>42</v>
      </c>
      <c r="U5852" s="2">
        <v>2.9689999999999999</v>
      </c>
      <c r="V5852" s="2">
        <v>2.4449999999999998</v>
      </c>
      <c r="W5852" s="2">
        <v>1.4999999999999999E-2</v>
      </c>
      <c r="X5852" s="2">
        <v>118.9</v>
      </c>
      <c r="Y5852" s="2">
        <v>7.6</v>
      </c>
      <c r="Z5852" s="2">
        <v>16.7</v>
      </c>
      <c r="AA5852" s="5"/>
      <c r="AB5852" s="5" t="s">
        <v>43</v>
      </c>
      <c r="AC5852" s="5" t="s">
        <v>44</v>
      </c>
      <c r="AD5852" s="2"/>
      <c r="AE5852" s="1"/>
    </row>
    <row r="5853" spans="1:31" ht="14.45">
      <c r="A5853" s="11"/>
      <c r="B5853" s="20"/>
      <c r="C5853" s="2" t="s">
        <v>18030</v>
      </c>
      <c r="D5853" s="14" t="s">
        <v>18031</v>
      </c>
      <c r="E5853" s="2" t="s">
        <v>18032</v>
      </c>
      <c r="F5853" s="2" t="s">
        <v>16219</v>
      </c>
      <c r="G5853" s="8">
        <v>272</v>
      </c>
      <c r="H5853" s="5">
        <v>6</v>
      </c>
      <c r="I5853" s="5" t="s">
        <v>1518</v>
      </c>
      <c r="J5853" s="5" t="s">
        <v>1519</v>
      </c>
      <c r="K5853" s="2" t="s">
        <v>1520</v>
      </c>
      <c r="L5853" s="5" t="s">
        <v>1519</v>
      </c>
      <c r="M5853" s="2" t="s">
        <v>1520</v>
      </c>
      <c r="N5853" s="5" t="s">
        <v>1521</v>
      </c>
      <c r="O5853" s="5" t="s">
        <v>38</v>
      </c>
      <c r="P5853" s="5" t="s">
        <v>39</v>
      </c>
      <c r="Q5853" s="5" t="s">
        <v>40</v>
      </c>
      <c r="R5853" s="5" t="s">
        <v>1522</v>
      </c>
      <c r="S5853" s="5" t="s">
        <v>1523</v>
      </c>
      <c r="T5853" s="5" t="s">
        <v>42</v>
      </c>
      <c r="U5853" s="2">
        <v>3.0590000000000002</v>
      </c>
      <c r="V5853" s="2">
        <v>2.5350000000000001</v>
      </c>
      <c r="W5853" s="2">
        <v>1.4999999999999999E-2</v>
      </c>
      <c r="X5853" s="2">
        <v>118.9</v>
      </c>
      <c r="Y5853" s="2">
        <v>7.6</v>
      </c>
      <c r="Z5853" s="2">
        <v>16.7</v>
      </c>
      <c r="AA5853" s="5"/>
      <c r="AB5853" s="5" t="s">
        <v>43</v>
      </c>
      <c r="AC5853" s="5" t="s">
        <v>44</v>
      </c>
      <c r="AD5853" s="2"/>
      <c r="AE5853" s="1"/>
    </row>
    <row r="5854" spans="1:31" ht="14.45">
      <c r="A5854" s="11"/>
      <c r="B5854" s="20"/>
      <c r="C5854" s="2" t="s">
        <v>18033</v>
      </c>
      <c r="D5854" s="14" t="s">
        <v>18034</v>
      </c>
      <c r="E5854" s="2" t="s">
        <v>18035</v>
      </c>
      <c r="F5854" s="2" t="s">
        <v>16018</v>
      </c>
      <c r="G5854" s="8">
        <v>272</v>
      </c>
      <c r="H5854" s="5">
        <v>6</v>
      </c>
      <c r="I5854" s="5" t="s">
        <v>1518</v>
      </c>
      <c r="J5854" s="5" t="s">
        <v>1519</v>
      </c>
      <c r="K5854" s="2" t="s">
        <v>1520</v>
      </c>
      <c r="L5854" s="5" t="s">
        <v>1519</v>
      </c>
      <c r="M5854" s="2" t="s">
        <v>1520</v>
      </c>
      <c r="N5854" s="5" t="s">
        <v>1521</v>
      </c>
      <c r="O5854" s="5" t="s">
        <v>38</v>
      </c>
      <c r="P5854" s="5" t="s">
        <v>39</v>
      </c>
      <c r="Q5854" s="5" t="s">
        <v>40</v>
      </c>
      <c r="R5854" s="5" t="s">
        <v>1522</v>
      </c>
      <c r="S5854" s="5" t="s">
        <v>1523</v>
      </c>
      <c r="T5854" s="5" t="s">
        <v>42</v>
      </c>
      <c r="U5854" s="2">
        <v>2.9689999999999999</v>
      </c>
      <c r="V5854" s="2">
        <v>2.4449999999999998</v>
      </c>
      <c r="W5854" s="2">
        <v>1.4999999999999999E-2</v>
      </c>
      <c r="X5854" s="2">
        <v>118.9</v>
      </c>
      <c r="Y5854" s="2">
        <v>7.6</v>
      </c>
      <c r="Z5854" s="2">
        <v>16.7</v>
      </c>
      <c r="AA5854" s="5"/>
      <c r="AB5854" s="5" t="s">
        <v>43</v>
      </c>
      <c r="AC5854" s="5" t="s">
        <v>44</v>
      </c>
      <c r="AD5854" s="2"/>
      <c r="AE5854" s="1"/>
    </row>
    <row r="5855" spans="1:31" ht="14.45">
      <c r="A5855" s="11"/>
      <c r="B5855" s="20"/>
      <c r="C5855" s="2" t="s">
        <v>18036</v>
      </c>
      <c r="D5855" s="14" t="s">
        <v>18037</v>
      </c>
      <c r="E5855" s="2" t="s">
        <v>18038</v>
      </c>
      <c r="F5855" s="2" t="s">
        <v>16022</v>
      </c>
      <c r="G5855" s="8">
        <v>272</v>
      </c>
      <c r="H5855" s="5">
        <v>6</v>
      </c>
      <c r="I5855" s="5" t="s">
        <v>1518</v>
      </c>
      <c r="J5855" s="5" t="s">
        <v>1519</v>
      </c>
      <c r="K5855" s="2" t="s">
        <v>1520</v>
      </c>
      <c r="L5855" s="5" t="s">
        <v>1519</v>
      </c>
      <c r="M5855" s="2" t="s">
        <v>1520</v>
      </c>
      <c r="N5855" s="5" t="s">
        <v>1521</v>
      </c>
      <c r="O5855" s="5" t="s">
        <v>38</v>
      </c>
      <c r="P5855" s="5" t="s">
        <v>39</v>
      </c>
      <c r="Q5855" s="5" t="s">
        <v>40</v>
      </c>
      <c r="R5855" s="5" t="s">
        <v>1522</v>
      </c>
      <c r="S5855" s="5" t="s">
        <v>1523</v>
      </c>
      <c r="T5855" s="5" t="s">
        <v>42</v>
      </c>
      <c r="U5855" s="2">
        <v>3.0590000000000002</v>
      </c>
      <c r="V5855" s="2">
        <v>2.5350000000000001</v>
      </c>
      <c r="W5855" s="2">
        <v>1.4999999999999999E-2</v>
      </c>
      <c r="X5855" s="2">
        <v>118.9</v>
      </c>
      <c r="Y5855" s="2">
        <v>7.6</v>
      </c>
      <c r="Z5855" s="2">
        <v>16.7</v>
      </c>
      <c r="AA5855" s="5"/>
      <c r="AB5855" s="5" t="s">
        <v>43</v>
      </c>
      <c r="AC5855" s="5" t="s">
        <v>44</v>
      </c>
      <c r="AD5855" s="2"/>
      <c r="AE5855" s="1"/>
    </row>
    <row r="5856" spans="1:31" ht="14.45">
      <c r="A5856" s="11"/>
      <c r="B5856" s="20"/>
      <c r="C5856" s="2" t="s">
        <v>18039</v>
      </c>
      <c r="D5856" s="14" t="s">
        <v>18040</v>
      </c>
      <c r="E5856" s="2" t="s">
        <v>18041</v>
      </c>
      <c r="F5856" s="2" t="s">
        <v>7615</v>
      </c>
      <c r="G5856" s="8">
        <v>272</v>
      </c>
      <c r="H5856" s="5">
        <v>6</v>
      </c>
      <c r="I5856" s="5" t="s">
        <v>1518</v>
      </c>
      <c r="J5856" s="5" t="s">
        <v>1519</v>
      </c>
      <c r="K5856" s="2" t="s">
        <v>1520</v>
      </c>
      <c r="L5856" s="5" t="s">
        <v>1519</v>
      </c>
      <c r="M5856" s="2" t="s">
        <v>1520</v>
      </c>
      <c r="N5856" s="5" t="s">
        <v>1521</v>
      </c>
      <c r="O5856" s="5" t="s">
        <v>38</v>
      </c>
      <c r="P5856" s="5" t="s">
        <v>39</v>
      </c>
      <c r="Q5856" s="5" t="s">
        <v>40</v>
      </c>
      <c r="R5856" s="5" t="s">
        <v>1522</v>
      </c>
      <c r="S5856" s="5" t="s">
        <v>1523</v>
      </c>
      <c r="T5856" s="5" t="s">
        <v>42</v>
      </c>
      <c r="U5856" s="2">
        <v>2.9449999999999998</v>
      </c>
      <c r="V5856" s="2">
        <v>2.4209999999999998</v>
      </c>
      <c r="W5856" s="2">
        <v>1.4999999999999999E-2</v>
      </c>
      <c r="X5856" s="2">
        <v>118.9</v>
      </c>
      <c r="Y5856" s="2">
        <v>7.6</v>
      </c>
      <c r="Z5856" s="2">
        <v>16.7</v>
      </c>
      <c r="AA5856" s="5"/>
      <c r="AB5856" s="5" t="s">
        <v>43</v>
      </c>
      <c r="AC5856" s="5" t="s">
        <v>44</v>
      </c>
      <c r="AD5856" s="2"/>
      <c r="AE5856" s="1"/>
    </row>
    <row r="5857" spans="1:31" ht="14.45">
      <c r="A5857" s="11"/>
      <c r="B5857" s="20"/>
      <c r="C5857" s="2" t="s">
        <v>18042</v>
      </c>
      <c r="D5857" s="14" t="s">
        <v>18043</v>
      </c>
      <c r="E5857" s="2" t="s">
        <v>18044</v>
      </c>
      <c r="F5857" s="2" t="s">
        <v>7619</v>
      </c>
      <c r="G5857" s="8">
        <v>272</v>
      </c>
      <c r="H5857" s="5">
        <v>6</v>
      </c>
      <c r="I5857" s="5" t="s">
        <v>1518</v>
      </c>
      <c r="J5857" s="5" t="s">
        <v>1519</v>
      </c>
      <c r="K5857" s="2" t="s">
        <v>1520</v>
      </c>
      <c r="L5857" s="5" t="s">
        <v>1519</v>
      </c>
      <c r="M5857" s="2" t="s">
        <v>1520</v>
      </c>
      <c r="N5857" s="5" t="s">
        <v>1521</v>
      </c>
      <c r="O5857" s="5" t="s">
        <v>38</v>
      </c>
      <c r="P5857" s="5" t="s">
        <v>39</v>
      </c>
      <c r="Q5857" s="5" t="s">
        <v>40</v>
      </c>
      <c r="R5857" s="5" t="s">
        <v>1522</v>
      </c>
      <c r="S5857" s="5" t="s">
        <v>1523</v>
      </c>
      <c r="T5857" s="5" t="s">
        <v>42</v>
      </c>
      <c r="U5857" s="2">
        <v>3.0350000000000001</v>
      </c>
      <c r="V5857" s="2">
        <v>2.5110000000000001</v>
      </c>
      <c r="W5857" s="2">
        <v>1.4999999999999999E-2</v>
      </c>
      <c r="X5857" s="2">
        <v>118.9</v>
      </c>
      <c r="Y5857" s="2">
        <v>7.6</v>
      </c>
      <c r="Z5857" s="2">
        <v>16.7</v>
      </c>
      <c r="AA5857" s="5"/>
      <c r="AB5857" s="5" t="s">
        <v>43</v>
      </c>
      <c r="AC5857" s="5" t="s">
        <v>44</v>
      </c>
      <c r="AD5857" s="2"/>
      <c r="AE5857" s="1"/>
    </row>
    <row r="5858" spans="1:31" ht="14.45">
      <c r="A5858" s="11"/>
      <c r="B5858" s="20"/>
      <c r="C5858" s="2" t="s">
        <v>18045</v>
      </c>
      <c r="D5858" s="14" t="s">
        <v>18046</v>
      </c>
      <c r="E5858" s="2" t="s">
        <v>18047</v>
      </c>
      <c r="F5858" s="2" t="s">
        <v>16235</v>
      </c>
      <c r="G5858" s="8">
        <v>272</v>
      </c>
      <c r="H5858" s="5">
        <v>6</v>
      </c>
      <c r="I5858" s="5" t="s">
        <v>1518</v>
      </c>
      <c r="J5858" s="5" t="s">
        <v>1519</v>
      </c>
      <c r="K5858" s="2" t="s">
        <v>1520</v>
      </c>
      <c r="L5858" s="5" t="s">
        <v>1519</v>
      </c>
      <c r="M5858" s="2" t="s">
        <v>1520</v>
      </c>
      <c r="N5858" s="5" t="s">
        <v>1521</v>
      </c>
      <c r="O5858" s="5" t="s">
        <v>38</v>
      </c>
      <c r="P5858" s="5" t="s">
        <v>39</v>
      </c>
      <c r="Q5858" s="5" t="s">
        <v>40</v>
      </c>
      <c r="R5858" s="5" t="s">
        <v>1522</v>
      </c>
      <c r="S5858" s="5" t="s">
        <v>1523</v>
      </c>
      <c r="T5858" s="5" t="s">
        <v>42</v>
      </c>
      <c r="U5858" s="2">
        <v>3.008</v>
      </c>
      <c r="V5858" s="2">
        <v>2.484</v>
      </c>
      <c r="W5858" s="2">
        <v>1.4999999999999999E-2</v>
      </c>
      <c r="X5858" s="2">
        <v>118.9</v>
      </c>
      <c r="Y5858" s="2">
        <v>7.6</v>
      </c>
      <c r="Z5858" s="2">
        <v>16.7</v>
      </c>
      <c r="AA5858" s="5"/>
      <c r="AB5858" s="5" t="s">
        <v>43</v>
      </c>
      <c r="AC5858" s="5" t="s">
        <v>44</v>
      </c>
      <c r="AD5858" s="2"/>
      <c r="AE5858" s="1"/>
    </row>
    <row r="5859" spans="1:31" ht="14.45">
      <c r="A5859" s="11"/>
      <c r="B5859" s="20"/>
      <c r="C5859" s="2" t="s">
        <v>18048</v>
      </c>
      <c r="D5859" s="14" t="s">
        <v>18049</v>
      </c>
      <c r="E5859" s="2" t="s">
        <v>18050</v>
      </c>
      <c r="F5859" s="2" t="s">
        <v>16029</v>
      </c>
      <c r="G5859" s="8">
        <v>272</v>
      </c>
      <c r="H5859" s="5">
        <v>11</v>
      </c>
      <c r="I5859" s="5" t="s">
        <v>1518</v>
      </c>
      <c r="J5859" s="5" t="s">
        <v>1519</v>
      </c>
      <c r="K5859" s="2" t="s">
        <v>1520</v>
      </c>
      <c r="L5859" s="5" t="s">
        <v>1519</v>
      </c>
      <c r="M5859" s="2" t="s">
        <v>1520</v>
      </c>
      <c r="N5859" s="5" t="s">
        <v>1521</v>
      </c>
      <c r="O5859" s="5" t="s">
        <v>38</v>
      </c>
      <c r="P5859" s="5" t="s">
        <v>39</v>
      </c>
      <c r="Q5859" s="5" t="s">
        <v>40</v>
      </c>
      <c r="R5859" s="5" t="s">
        <v>1522</v>
      </c>
      <c r="S5859" s="5" t="s">
        <v>1523</v>
      </c>
      <c r="T5859" s="5" t="s">
        <v>42</v>
      </c>
      <c r="U5859" s="2">
        <v>2.984</v>
      </c>
      <c r="V5859" s="2">
        <v>2.46</v>
      </c>
      <c r="W5859" s="2">
        <v>1.4999999999999999E-2</v>
      </c>
      <c r="X5859" s="2">
        <v>118.9</v>
      </c>
      <c r="Y5859" s="2">
        <v>7.6</v>
      </c>
      <c r="Z5859" s="2">
        <v>16.7</v>
      </c>
      <c r="AA5859" s="5"/>
      <c r="AB5859" s="5" t="s">
        <v>43</v>
      </c>
      <c r="AC5859" s="5" t="s">
        <v>44</v>
      </c>
      <c r="AD5859" s="2"/>
      <c r="AE5859" s="1"/>
    </row>
    <row r="5860" spans="1:31" ht="14.45">
      <c r="A5860" s="11"/>
      <c r="B5860" s="20"/>
      <c r="C5860" s="2" t="s">
        <v>18051</v>
      </c>
      <c r="D5860" s="14" t="s">
        <v>18052</v>
      </c>
      <c r="E5860" s="2" t="s">
        <v>18053</v>
      </c>
      <c r="F5860" s="2" t="s">
        <v>16033</v>
      </c>
      <c r="G5860" s="8">
        <v>272</v>
      </c>
      <c r="H5860" s="5">
        <v>11</v>
      </c>
      <c r="I5860" s="5" t="s">
        <v>1518</v>
      </c>
      <c r="J5860" s="5" t="s">
        <v>1519</v>
      </c>
      <c r="K5860" s="2" t="s">
        <v>1520</v>
      </c>
      <c r="L5860" s="5" t="s">
        <v>1519</v>
      </c>
      <c r="M5860" s="2" t="s">
        <v>1520</v>
      </c>
      <c r="N5860" s="5" t="s">
        <v>1521</v>
      </c>
      <c r="O5860" s="5" t="s">
        <v>38</v>
      </c>
      <c r="P5860" s="5" t="s">
        <v>39</v>
      </c>
      <c r="Q5860" s="5" t="s">
        <v>40</v>
      </c>
      <c r="R5860" s="5" t="s">
        <v>1522</v>
      </c>
      <c r="S5860" s="5" t="s">
        <v>1523</v>
      </c>
      <c r="T5860" s="5" t="s">
        <v>42</v>
      </c>
      <c r="U5860" s="2">
        <v>3.0739999999999998</v>
      </c>
      <c r="V5860" s="2">
        <v>2.5499999999999998</v>
      </c>
      <c r="W5860" s="2">
        <v>1.4999999999999999E-2</v>
      </c>
      <c r="X5860" s="2">
        <v>118.9</v>
      </c>
      <c r="Y5860" s="2">
        <v>7.6</v>
      </c>
      <c r="Z5860" s="2">
        <v>16.7</v>
      </c>
      <c r="AA5860" s="5"/>
      <c r="AB5860" s="5" t="s">
        <v>43</v>
      </c>
      <c r="AC5860" s="5" t="s">
        <v>44</v>
      </c>
      <c r="AD5860" s="2"/>
      <c r="AE5860" s="1"/>
    </row>
    <row r="5861" spans="1:31" ht="14.45">
      <c r="A5861" s="11"/>
      <c r="B5861" s="20"/>
      <c r="C5861" s="2" t="s">
        <v>18054</v>
      </c>
      <c r="D5861" s="14" t="s">
        <v>18055</v>
      </c>
      <c r="E5861" s="2" t="s">
        <v>18056</v>
      </c>
      <c r="F5861" s="2" t="s">
        <v>7396</v>
      </c>
      <c r="G5861" s="8">
        <v>263</v>
      </c>
      <c r="H5861" s="5">
        <v>6</v>
      </c>
      <c r="I5861" s="5" t="s">
        <v>1518</v>
      </c>
      <c r="J5861" s="5" t="s">
        <v>1519</v>
      </c>
      <c r="K5861" s="2" t="s">
        <v>1520</v>
      </c>
      <c r="L5861" s="5" t="s">
        <v>1519</v>
      </c>
      <c r="M5861" s="2" t="s">
        <v>1520</v>
      </c>
      <c r="N5861" s="5" t="s">
        <v>1521</v>
      </c>
      <c r="O5861" s="5" t="s">
        <v>38</v>
      </c>
      <c r="P5861" s="5" t="s">
        <v>39</v>
      </c>
      <c r="Q5861" s="5" t="s">
        <v>40</v>
      </c>
      <c r="R5861" s="5" t="s">
        <v>1522</v>
      </c>
      <c r="S5861" s="5" t="s">
        <v>1523</v>
      </c>
      <c r="T5861" s="5" t="s">
        <v>42</v>
      </c>
      <c r="U5861" s="2">
        <v>3.2280000000000002</v>
      </c>
      <c r="V5861" s="2">
        <v>2.629</v>
      </c>
      <c r="W5861" s="2">
        <v>1.7999999999999999E-2</v>
      </c>
      <c r="X5861" s="2">
        <v>139.1</v>
      </c>
      <c r="Y5861" s="2">
        <v>7.6</v>
      </c>
      <c r="Z5861" s="2">
        <v>16.7</v>
      </c>
      <c r="AA5861" s="5"/>
      <c r="AB5861" s="5" t="s">
        <v>43</v>
      </c>
      <c r="AC5861" s="5" t="s">
        <v>44</v>
      </c>
      <c r="AD5861" s="2"/>
      <c r="AE5861" s="1"/>
    </row>
    <row r="5862" spans="1:31" ht="14.45">
      <c r="A5862" s="11"/>
      <c r="B5862" s="20"/>
      <c r="C5862" s="2" t="s">
        <v>18057</v>
      </c>
      <c r="D5862" s="14" t="s">
        <v>18058</v>
      </c>
      <c r="E5862" s="2" t="s">
        <v>18059</v>
      </c>
      <c r="F5862" s="2" t="s">
        <v>7507</v>
      </c>
      <c r="G5862" s="8">
        <v>263</v>
      </c>
      <c r="H5862" s="5">
        <v>6</v>
      </c>
      <c r="I5862" s="5" t="s">
        <v>1518</v>
      </c>
      <c r="J5862" s="5" t="s">
        <v>1519</v>
      </c>
      <c r="K5862" s="2" t="s">
        <v>1520</v>
      </c>
      <c r="L5862" s="5" t="s">
        <v>1519</v>
      </c>
      <c r="M5862" s="2" t="s">
        <v>1520</v>
      </c>
      <c r="N5862" s="5" t="s">
        <v>1521</v>
      </c>
      <c r="O5862" s="5" t="s">
        <v>38</v>
      </c>
      <c r="P5862" s="5" t="s">
        <v>39</v>
      </c>
      <c r="Q5862" s="5" t="s">
        <v>40</v>
      </c>
      <c r="R5862" s="5" t="s">
        <v>1522</v>
      </c>
      <c r="S5862" s="5" t="s">
        <v>1523</v>
      </c>
      <c r="T5862" s="5" t="s">
        <v>42</v>
      </c>
      <c r="U5862" s="2">
        <v>3.33</v>
      </c>
      <c r="V5862" s="2">
        <v>2.7309999999999999</v>
      </c>
      <c r="W5862" s="2">
        <v>1.7999999999999999E-2</v>
      </c>
      <c r="X5862" s="2">
        <v>139.1</v>
      </c>
      <c r="Y5862" s="2">
        <v>7.6</v>
      </c>
      <c r="Z5862" s="2">
        <v>16.7</v>
      </c>
      <c r="AA5862" s="5"/>
      <c r="AB5862" s="5" t="s">
        <v>43</v>
      </c>
      <c r="AC5862" s="5" t="s">
        <v>44</v>
      </c>
      <c r="AD5862" s="2"/>
      <c r="AE5862" s="1"/>
    </row>
    <row r="5863" spans="1:31" ht="14.45">
      <c r="A5863" s="11"/>
      <c r="B5863" s="20"/>
      <c r="C5863" s="2" t="s">
        <v>18060</v>
      </c>
      <c r="D5863" s="14" t="s">
        <v>18061</v>
      </c>
      <c r="E5863" s="2" t="s">
        <v>18062</v>
      </c>
      <c r="F5863" s="2" t="s">
        <v>7204</v>
      </c>
      <c r="G5863" s="8">
        <v>263</v>
      </c>
      <c r="H5863" s="5">
        <v>6</v>
      </c>
      <c r="I5863" s="5" t="s">
        <v>1518</v>
      </c>
      <c r="J5863" s="5" t="s">
        <v>1519</v>
      </c>
      <c r="K5863" s="2" t="s">
        <v>1520</v>
      </c>
      <c r="L5863" s="5" t="s">
        <v>1519</v>
      </c>
      <c r="M5863" s="2" t="s">
        <v>1520</v>
      </c>
      <c r="N5863" s="5" t="s">
        <v>1521</v>
      </c>
      <c r="O5863" s="5" t="s">
        <v>38</v>
      </c>
      <c r="P5863" s="5" t="s">
        <v>39</v>
      </c>
      <c r="Q5863" s="5" t="s">
        <v>40</v>
      </c>
      <c r="R5863" s="5" t="s">
        <v>1522</v>
      </c>
      <c r="S5863" s="5" t="s">
        <v>1523</v>
      </c>
      <c r="T5863" s="5" t="s">
        <v>42</v>
      </c>
      <c r="U5863" s="2">
        <v>3.2370000000000001</v>
      </c>
      <c r="V5863" s="2">
        <v>2.6379999999999999</v>
      </c>
      <c r="W5863" s="2">
        <v>1.7999999999999999E-2</v>
      </c>
      <c r="X5863" s="2">
        <v>139.1</v>
      </c>
      <c r="Y5863" s="2">
        <v>7.6</v>
      </c>
      <c r="Z5863" s="2">
        <v>16.7</v>
      </c>
      <c r="AA5863" s="5"/>
      <c r="AB5863" s="5" t="s">
        <v>43</v>
      </c>
      <c r="AC5863" s="5" t="s">
        <v>44</v>
      </c>
      <c r="AD5863" s="2"/>
      <c r="AE5863" s="1"/>
    </row>
    <row r="5864" spans="1:31" ht="14.45">
      <c r="A5864" s="11"/>
      <c r="B5864" s="20"/>
      <c r="C5864" s="2" t="s">
        <v>18063</v>
      </c>
      <c r="D5864" s="14" t="s">
        <v>18064</v>
      </c>
      <c r="E5864" s="2" t="s">
        <v>18065</v>
      </c>
      <c r="F5864" s="2" t="s">
        <v>7514</v>
      </c>
      <c r="G5864" s="8">
        <v>263</v>
      </c>
      <c r="H5864" s="5">
        <v>6</v>
      </c>
      <c r="I5864" s="5" t="s">
        <v>1518</v>
      </c>
      <c r="J5864" s="5" t="s">
        <v>1519</v>
      </c>
      <c r="K5864" s="2" t="s">
        <v>1520</v>
      </c>
      <c r="L5864" s="5" t="s">
        <v>1519</v>
      </c>
      <c r="M5864" s="2" t="s">
        <v>1520</v>
      </c>
      <c r="N5864" s="5" t="s">
        <v>1521</v>
      </c>
      <c r="O5864" s="5" t="s">
        <v>38</v>
      </c>
      <c r="P5864" s="5" t="s">
        <v>39</v>
      </c>
      <c r="Q5864" s="5" t="s">
        <v>40</v>
      </c>
      <c r="R5864" s="5" t="s">
        <v>1522</v>
      </c>
      <c r="S5864" s="5" t="s">
        <v>1523</v>
      </c>
      <c r="T5864" s="5" t="s">
        <v>42</v>
      </c>
      <c r="U5864" s="2">
        <v>3.339</v>
      </c>
      <c r="V5864" s="2">
        <v>2.74</v>
      </c>
      <c r="W5864" s="2">
        <v>1.7999999999999999E-2</v>
      </c>
      <c r="X5864" s="2">
        <v>139.1</v>
      </c>
      <c r="Y5864" s="2">
        <v>7.6</v>
      </c>
      <c r="Z5864" s="2">
        <v>16.7</v>
      </c>
      <c r="AA5864" s="5"/>
      <c r="AB5864" s="5" t="s">
        <v>43</v>
      </c>
      <c r="AC5864" s="5" t="s">
        <v>44</v>
      </c>
      <c r="AD5864" s="2"/>
      <c r="AE5864" s="1"/>
    </row>
    <row r="5865" spans="1:31" ht="14.45">
      <c r="A5865" s="11"/>
      <c r="B5865" s="20"/>
      <c r="C5865" s="2" t="s">
        <v>18066</v>
      </c>
      <c r="D5865" s="14" t="s">
        <v>18067</v>
      </c>
      <c r="E5865" s="2" t="s">
        <v>18068</v>
      </c>
      <c r="F5865" s="2" t="s">
        <v>7208</v>
      </c>
      <c r="G5865" s="8">
        <v>263</v>
      </c>
      <c r="H5865" s="5">
        <v>6</v>
      </c>
      <c r="I5865" s="5" t="s">
        <v>1518</v>
      </c>
      <c r="J5865" s="5" t="s">
        <v>1519</v>
      </c>
      <c r="K5865" s="2" t="s">
        <v>1520</v>
      </c>
      <c r="L5865" s="5" t="s">
        <v>1519</v>
      </c>
      <c r="M5865" s="2" t="s">
        <v>1520</v>
      </c>
      <c r="N5865" s="5" t="s">
        <v>1521</v>
      </c>
      <c r="O5865" s="5" t="s">
        <v>38</v>
      </c>
      <c r="P5865" s="5" t="s">
        <v>39</v>
      </c>
      <c r="Q5865" s="5" t="s">
        <v>40</v>
      </c>
      <c r="R5865" s="5" t="s">
        <v>1522</v>
      </c>
      <c r="S5865" s="5" t="s">
        <v>1523</v>
      </c>
      <c r="T5865" s="5" t="s">
        <v>42</v>
      </c>
      <c r="U5865" s="2">
        <v>3.2370000000000001</v>
      </c>
      <c r="V5865" s="2">
        <v>2.6379999999999999</v>
      </c>
      <c r="W5865" s="2">
        <v>1.7999999999999999E-2</v>
      </c>
      <c r="X5865" s="2">
        <v>139.1</v>
      </c>
      <c r="Y5865" s="2">
        <v>7.6</v>
      </c>
      <c r="Z5865" s="2">
        <v>16.7</v>
      </c>
      <c r="AA5865" s="5"/>
      <c r="AB5865" s="5" t="s">
        <v>43</v>
      </c>
      <c r="AC5865" s="5" t="s">
        <v>44</v>
      </c>
      <c r="AD5865" s="2"/>
      <c r="AE5865" s="1"/>
    </row>
    <row r="5866" spans="1:31" ht="14.45">
      <c r="A5866" s="11"/>
      <c r="B5866" s="20"/>
      <c r="C5866" s="2" t="s">
        <v>18069</v>
      </c>
      <c r="D5866" s="14" t="s">
        <v>18070</v>
      </c>
      <c r="E5866" s="2" t="s">
        <v>18071</v>
      </c>
      <c r="F5866" s="2" t="s">
        <v>7521</v>
      </c>
      <c r="G5866" s="8">
        <v>263</v>
      </c>
      <c r="H5866" s="5">
        <v>6</v>
      </c>
      <c r="I5866" s="5" t="s">
        <v>1518</v>
      </c>
      <c r="J5866" s="5" t="s">
        <v>1519</v>
      </c>
      <c r="K5866" s="2" t="s">
        <v>1520</v>
      </c>
      <c r="L5866" s="5" t="s">
        <v>1519</v>
      </c>
      <c r="M5866" s="2" t="s">
        <v>1520</v>
      </c>
      <c r="N5866" s="5" t="s">
        <v>1521</v>
      </c>
      <c r="O5866" s="5" t="s">
        <v>38</v>
      </c>
      <c r="P5866" s="5" t="s">
        <v>39</v>
      </c>
      <c r="Q5866" s="5" t="s">
        <v>40</v>
      </c>
      <c r="R5866" s="5" t="s">
        <v>1522</v>
      </c>
      <c r="S5866" s="5" t="s">
        <v>1523</v>
      </c>
      <c r="T5866" s="5" t="s">
        <v>42</v>
      </c>
      <c r="U5866" s="2">
        <v>3.339</v>
      </c>
      <c r="V5866" s="2">
        <v>2.74</v>
      </c>
      <c r="W5866" s="2">
        <v>1.7999999999999999E-2</v>
      </c>
      <c r="X5866" s="2">
        <v>139.1</v>
      </c>
      <c r="Y5866" s="2">
        <v>7.6</v>
      </c>
      <c r="Z5866" s="2">
        <v>16.7</v>
      </c>
      <c r="AA5866" s="5"/>
      <c r="AB5866" s="5" t="s">
        <v>43</v>
      </c>
      <c r="AC5866" s="5" t="s">
        <v>44</v>
      </c>
      <c r="AD5866" s="2"/>
      <c r="AE5866" s="1"/>
    </row>
    <row r="5867" spans="1:31" ht="14.45">
      <c r="A5867" s="11"/>
      <c r="B5867" s="20"/>
      <c r="C5867" s="2" t="s">
        <v>18072</v>
      </c>
      <c r="D5867" s="14" t="s">
        <v>18073</v>
      </c>
      <c r="E5867" s="2" t="s">
        <v>18074</v>
      </c>
      <c r="F5867" s="2" t="s">
        <v>7212</v>
      </c>
      <c r="G5867" s="8">
        <v>263</v>
      </c>
      <c r="H5867" s="5">
        <v>6</v>
      </c>
      <c r="I5867" s="5" t="s">
        <v>1518</v>
      </c>
      <c r="J5867" s="5" t="s">
        <v>1519</v>
      </c>
      <c r="K5867" s="2" t="s">
        <v>1520</v>
      </c>
      <c r="L5867" s="5" t="s">
        <v>1519</v>
      </c>
      <c r="M5867" s="2" t="s">
        <v>1520</v>
      </c>
      <c r="N5867" s="5" t="s">
        <v>1521</v>
      </c>
      <c r="O5867" s="5" t="s">
        <v>38</v>
      </c>
      <c r="P5867" s="5" t="s">
        <v>39</v>
      </c>
      <c r="Q5867" s="5" t="s">
        <v>40</v>
      </c>
      <c r="R5867" s="5" t="s">
        <v>1522</v>
      </c>
      <c r="S5867" s="5" t="s">
        <v>1523</v>
      </c>
      <c r="T5867" s="5" t="s">
        <v>42</v>
      </c>
      <c r="U5867" s="2">
        <v>3.2080000000000002</v>
      </c>
      <c r="V5867" s="2">
        <v>2.609</v>
      </c>
      <c r="W5867" s="2">
        <v>1.7999999999999999E-2</v>
      </c>
      <c r="X5867" s="2">
        <v>139.1</v>
      </c>
      <c r="Y5867" s="2">
        <v>7.6</v>
      </c>
      <c r="Z5867" s="2">
        <v>16.7</v>
      </c>
      <c r="AA5867" s="5"/>
      <c r="AB5867" s="5" t="s">
        <v>43</v>
      </c>
      <c r="AC5867" s="5" t="s">
        <v>44</v>
      </c>
      <c r="AD5867" s="2"/>
      <c r="AE5867" s="1"/>
    </row>
    <row r="5868" spans="1:31" ht="14.45">
      <c r="A5868" s="11"/>
      <c r="B5868" s="20"/>
      <c r="C5868" s="2" t="s">
        <v>18075</v>
      </c>
      <c r="D5868" s="14" t="s">
        <v>18076</v>
      </c>
      <c r="E5868" s="2" t="s">
        <v>18077</v>
      </c>
      <c r="F5868" s="2" t="s">
        <v>7528</v>
      </c>
      <c r="G5868" s="8">
        <v>263</v>
      </c>
      <c r="H5868" s="5">
        <v>6</v>
      </c>
      <c r="I5868" s="5" t="s">
        <v>1518</v>
      </c>
      <c r="J5868" s="5" t="s">
        <v>1519</v>
      </c>
      <c r="K5868" s="2" t="s">
        <v>1520</v>
      </c>
      <c r="L5868" s="5" t="s">
        <v>1519</v>
      </c>
      <c r="M5868" s="2" t="s">
        <v>1520</v>
      </c>
      <c r="N5868" s="5" t="s">
        <v>1521</v>
      </c>
      <c r="O5868" s="5" t="s">
        <v>38</v>
      </c>
      <c r="P5868" s="5" t="s">
        <v>39</v>
      </c>
      <c r="Q5868" s="5" t="s">
        <v>40</v>
      </c>
      <c r="R5868" s="5" t="s">
        <v>1522</v>
      </c>
      <c r="S5868" s="5" t="s">
        <v>1523</v>
      </c>
      <c r="T5868" s="5" t="s">
        <v>42</v>
      </c>
      <c r="U5868" s="2">
        <v>3.31</v>
      </c>
      <c r="V5868" s="2">
        <v>2.7109999999999999</v>
      </c>
      <c r="W5868" s="2">
        <v>1.7999999999999999E-2</v>
      </c>
      <c r="X5868" s="2">
        <v>139.1</v>
      </c>
      <c r="Y5868" s="2">
        <v>7.6</v>
      </c>
      <c r="Z5868" s="2">
        <v>16.7</v>
      </c>
      <c r="AA5868" s="5"/>
      <c r="AB5868" s="5" t="s">
        <v>43</v>
      </c>
      <c r="AC5868" s="5" t="s">
        <v>44</v>
      </c>
      <c r="AD5868" s="2"/>
      <c r="AE5868" s="1"/>
    </row>
    <row r="5869" spans="1:31" ht="14.45">
      <c r="A5869" s="11"/>
      <c r="B5869" s="20"/>
      <c r="C5869" s="2" t="s">
        <v>18078</v>
      </c>
      <c r="D5869" s="14" t="s">
        <v>18079</v>
      </c>
      <c r="E5869" s="2" t="s">
        <v>18080</v>
      </c>
      <c r="F5869" s="2" t="s">
        <v>7406</v>
      </c>
      <c r="G5869" s="8">
        <v>283</v>
      </c>
      <c r="H5869" s="5">
        <v>6</v>
      </c>
      <c r="I5869" s="5" t="s">
        <v>1518</v>
      </c>
      <c r="J5869" s="5" t="s">
        <v>1519</v>
      </c>
      <c r="K5869" s="2" t="s">
        <v>1520</v>
      </c>
      <c r="L5869" s="5" t="s">
        <v>1519</v>
      </c>
      <c r="M5869" s="2" t="s">
        <v>1520</v>
      </c>
      <c r="N5869" s="5" t="s">
        <v>1521</v>
      </c>
      <c r="O5869" s="5" t="s">
        <v>38</v>
      </c>
      <c r="P5869" s="5" t="s">
        <v>39</v>
      </c>
      <c r="Q5869" s="5" t="s">
        <v>40</v>
      </c>
      <c r="R5869" s="5" t="s">
        <v>1522</v>
      </c>
      <c r="S5869" s="5" t="s">
        <v>1523</v>
      </c>
      <c r="T5869" s="5" t="s">
        <v>42</v>
      </c>
      <c r="U5869" s="2">
        <v>3.2080000000000002</v>
      </c>
      <c r="V5869" s="2">
        <v>2.609</v>
      </c>
      <c r="W5869" s="2">
        <v>1.7999999999999999E-2</v>
      </c>
      <c r="X5869" s="2">
        <v>139.1</v>
      </c>
      <c r="Y5869" s="2">
        <v>7.6</v>
      </c>
      <c r="Z5869" s="2">
        <v>16.7</v>
      </c>
      <c r="AA5869" s="5"/>
      <c r="AB5869" s="5" t="s">
        <v>43</v>
      </c>
      <c r="AC5869" s="5" t="s">
        <v>44</v>
      </c>
      <c r="AD5869" s="2"/>
      <c r="AE5869" s="1"/>
    </row>
    <row r="5870" spans="1:31" ht="14.45">
      <c r="A5870" s="11"/>
      <c r="B5870" s="20"/>
      <c r="C5870" s="2" t="s">
        <v>18081</v>
      </c>
      <c r="D5870" s="14" t="s">
        <v>18082</v>
      </c>
      <c r="E5870" s="2" t="s">
        <v>18083</v>
      </c>
      <c r="F5870" s="2" t="s">
        <v>7535</v>
      </c>
      <c r="G5870" s="8">
        <v>283</v>
      </c>
      <c r="H5870" s="5">
        <v>6</v>
      </c>
      <c r="I5870" s="5" t="s">
        <v>1518</v>
      </c>
      <c r="J5870" s="5" t="s">
        <v>1519</v>
      </c>
      <c r="K5870" s="2" t="s">
        <v>1520</v>
      </c>
      <c r="L5870" s="5" t="s">
        <v>1519</v>
      </c>
      <c r="M5870" s="2" t="s">
        <v>1520</v>
      </c>
      <c r="N5870" s="5" t="s">
        <v>1521</v>
      </c>
      <c r="O5870" s="5" t="s">
        <v>38</v>
      </c>
      <c r="P5870" s="5" t="s">
        <v>39</v>
      </c>
      <c r="Q5870" s="5" t="s">
        <v>40</v>
      </c>
      <c r="R5870" s="5" t="s">
        <v>1522</v>
      </c>
      <c r="S5870" s="5" t="s">
        <v>1523</v>
      </c>
      <c r="T5870" s="5" t="s">
        <v>42</v>
      </c>
      <c r="U5870" s="2">
        <v>3.31</v>
      </c>
      <c r="V5870" s="2">
        <v>2.7109999999999999</v>
      </c>
      <c r="W5870" s="2">
        <v>1.7999999999999999E-2</v>
      </c>
      <c r="X5870" s="2">
        <v>139.1</v>
      </c>
      <c r="Y5870" s="2">
        <v>7.6</v>
      </c>
      <c r="Z5870" s="2">
        <v>16.7</v>
      </c>
      <c r="AA5870" s="5"/>
      <c r="AB5870" s="5" t="s">
        <v>43</v>
      </c>
      <c r="AC5870" s="5" t="s">
        <v>44</v>
      </c>
      <c r="AD5870" s="2"/>
      <c r="AE5870" s="1"/>
    </row>
    <row r="5871" spans="1:31" ht="14.45">
      <c r="A5871" s="11"/>
      <c r="B5871" s="20"/>
      <c r="C5871" s="2" t="s">
        <v>18084</v>
      </c>
      <c r="D5871" s="14" t="s">
        <v>18085</v>
      </c>
      <c r="E5871" s="2" t="s">
        <v>18086</v>
      </c>
      <c r="F5871" s="2" t="s">
        <v>7539</v>
      </c>
      <c r="G5871" s="8">
        <v>283</v>
      </c>
      <c r="H5871" s="5">
        <v>6</v>
      </c>
      <c r="I5871" s="5" t="s">
        <v>1518</v>
      </c>
      <c r="J5871" s="5" t="s">
        <v>1519</v>
      </c>
      <c r="K5871" s="2" t="s">
        <v>1520</v>
      </c>
      <c r="L5871" s="5" t="s">
        <v>1519</v>
      </c>
      <c r="M5871" s="2" t="s">
        <v>1520</v>
      </c>
      <c r="N5871" s="5" t="s">
        <v>1521</v>
      </c>
      <c r="O5871" s="5" t="s">
        <v>38</v>
      </c>
      <c r="P5871" s="5" t="s">
        <v>39</v>
      </c>
      <c r="Q5871" s="5" t="s">
        <v>40</v>
      </c>
      <c r="R5871" s="5" t="s">
        <v>1522</v>
      </c>
      <c r="S5871" s="5" t="s">
        <v>1523</v>
      </c>
      <c r="T5871" s="5" t="s">
        <v>42</v>
      </c>
      <c r="U5871" s="2">
        <v>3.2370000000000001</v>
      </c>
      <c r="V5871" s="2">
        <v>2.6379999999999999</v>
      </c>
      <c r="W5871" s="2">
        <v>1.7999999999999999E-2</v>
      </c>
      <c r="X5871" s="2">
        <v>139.1</v>
      </c>
      <c r="Y5871" s="2">
        <v>7.6</v>
      </c>
      <c r="Z5871" s="2">
        <v>16.7</v>
      </c>
      <c r="AA5871" s="5"/>
      <c r="AB5871" s="5" t="s">
        <v>43</v>
      </c>
      <c r="AC5871" s="5" t="s">
        <v>44</v>
      </c>
      <c r="AD5871" s="2"/>
      <c r="AE5871" s="1"/>
    </row>
    <row r="5872" spans="1:31" ht="14.45">
      <c r="A5872" s="11"/>
      <c r="B5872" s="20"/>
      <c r="C5872" s="2" t="s">
        <v>18087</v>
      </c>
      <c r="D5872" s="14" t="s">
        <v>18088</v>
      </c>
      <c r="E5872" s="2" t="s">
        <v>18089</v>
      </c>
      <c r="F5872" s="2" t="s">
        <v>7543</v>
      </c>
      <c r="G5872" s="8">
        <v>283</v>
      </c>
      <c r="H5872" s="5">
        <v>6</v>
      </c>
      <c r="I5872" s="5" t="s">
        <v>1518</v>
      </c>
      <c r="J5872" s="5" t="s">
        <v>1519</v>
      </c>
      <c r="K5872" s="2" t="s">
        <v>1520</v>
      </c>
      <c r="L5872" s="5" t="s">
        <v>1519</v>
      </c>
      <c r="M5872" s="2" t="s">
        <v>1520</v>
      </c>
      <c r="N5872" s="5" t="s">
        <v>1521</v>
      </c>
      <c r="O5872" s="5" t="s">
        <v>38</v>
      </c>
      <c r="P5872" s="5" t="s">
        <v>39</v>
      </c>
      <c r="Q5872" s="5" t="s">
        <v>40</v>
      </c>
      <c r="R5872" s="5" t="s">
        <v>1522</v>
      </c>
      <c r="S5872" s="5" t="s">
        <v>1523</v>
      </c>
      <c r="T5872" s="5" t="s">
        <v>42</v>
      </c>
      <c r="U5872" s="2">
        <v>3.339</v>
      </c>
      <c r="V5872" s="2">
        <v>2.74</v>
      </c>
      <c r="W5872" s="2">
        <v>1.7999999999999999E-2</v>
      </c>
      <c r="X5872" s="2">
        <v>139.1</v>
      </c>
      <c r="Y5872" s="2">
        <v>7.6</v>
      </c>
      <c r="Z5872" s="2">
        <v>16.7</v>
      </c>
      <c r="AA5872" s="5"/>
      <c r="AB5872" s="5" t="s">
        <v>43</v>
      </c>
      <c r="AC5872" s="5" t="s">
        <v>44</v>
      </c>
      <c r="AD5872" s="2"/>
      <c r="AE5872" s="1"/>
    </row>
    <row r="5873" spans="1:31" ht="14.45">
      <c r="A5873" s="11"/>
      <c r="B5873" s="20"/>
      <c r="C5873" s="2" t="s">
        <v>18090</v>
      </c>
      <c r="D5873" s="14" t="s">
        <v>18091</v>
      </c>
      <c r="E5873" s="2" t="s">
        <v>18092</v>
      </c>
      <c r="F5873" s="2" t="s">
        <v>7547</v>
      </c>
      <c r="G5873" s="8">
        <v>283</v>
      </c>
      <c r="H5873" s="5">
        <v>6</v>
      </c>
      <c r="I5873" s="5" t="s">
        <v>1518</v>
      </c>
      <c r="J5873" s="5" t="s">
        <v>1519</v>
      </c>
      <c r="K5873" s="2" t="s">
        <v>1520</v>
      </c>
      <c r="L5873" s="5" t="s">
        <v>1519</v>
      </c>
      <c r="M5873" s="2" t="s">
        <v>1520</v>
      </c>
      <c r="N5873" s="5" t="s">
        <v>1521</v>
      </c>
      <c r="O5873" s="5" t="s">
        <v>38</v>
      </c>
      <c r="P5873" s="5" t="s">
        <v>39</v>
      </c>
      <c r="Q5873" s="5" t="s">
        <v>40</v>
      </c>
      <c r="R5873" s="5" t="s">
        <v>1522</v>
      </c>
      <c r="S5873" s="5" t="s">
        <v>1523</v>
      </c>
      <c r="T5873" s="5" t="s">
        <v>42</v>
      </c>
      <c r="U5873" s="2">
        <v>3.2080000000000002</v>
      </c>
      <c r="V5873" s="2">
        <v>2.609</v>
      </c>
      <c r="W5873" s="2">
        <v>1.7999999999999999E-2</v>
      </c>
      <c r="X5873" s="2">
        <v>139.1</v>
      </c>
      <c r="Y5873" s="2">
        <v>7.6</v>
      </c>
      <c r="Z5873" s="2">
        <v>16.7</v>
      </c>
      <c r="AA5873" s="5"/>
      <c r="AB5873" s="5" t="s">
        <v>43</v>
      </c>
      <c r="AC5873" s="5" t="s">
        <v>44</v>
      </c>
      <c r="AD5873" s="2"/>
      <c r="AE5873" s="1"/>
    </row>
    <row r="5874" spans="1:31" ht="14.45">
      <c r="A5874" s="11"/>
      <c r="B5874" s="20"/>
      <c r="C5874" s="2" t="s">
        <v>18093</v>
      </c>
      <c r="D5874" s="14" t="s">
        <v>18094</v>
      </c>
      <c r="E5874" s="2" t="s">
        <v>18095</v>
      </c>
      <c r="F5874" s="2" t="s">
        <v>7555</v>
      </c>
      <c r="G5874" s="8">
        <v>283</v>
      </c>
      <c r="H5874" s="5">
        <v>6</v>
      </c>
      <c r="I5874" s="5" t="s">
        <v>1518</v>
      </c>
      <c r="J5874" s="5" t="s">
        <v>1519</v>
      </c>
      <c r="K5874" s="2" t="s">
        <v>1520</v>
      </c>
      <c r="L5874" s="5" t="s">
        <v>1519</v>
      </c>
      <c r="M5874" s="2" t="s">
        <v>1520</v>
      </c>
      <c r="N5874" s="5" t="s">
        <v>1521</v>
      </c>
      <c r="O5874" s="5" t="s">
        <v>38</v>
      </c>
      <c r="P5874" s="5" t="s">
        <v>39</v>
      </c>
      <c r="Q5874" s="5" t="s">
        <v>40</v>
      </c>
      <c r="R5874" s="5" t="s">
        <v>1522</v>
      </c>
      <c r="S5874" s="5" t="s">
        <v>1523</v>
      </c>
      <c r="T5874" s="5" t="s">
        <v>42</v>
      </c>
      <c r="U5874" s="2">
        <v>3.2080000000000002</v>
      </c>
      <c r="V5874" s="2">
        <v>2.609</v>
      </c>
      <c r="W5874" s="2">
        <v>1.7999999999999999E-2</v>
      </c>
      <c r="X5874" s="2">
        <v>139.1</v>
      </c>
      <c r="Y5874" s="2">
        <v>7.6</v>
      </c>
      <c r="Z5874" s="2">
        <v>16.7</v>
      </c>
      <c r="AA5874" s="5"/>
      <c r="AB5874" s="5" t="s">
        <v>43</v>
      </c>
      <c r="AC5874" s="5" t="s">
        <v>44</v>
      </c>
      <c r="AD5874" s="2"/>
      <c r="AE5874" s="1"/>
    </row>
    <row r="5875" spans="1:31" ht="14.45">
      <c r="A5875" s="11"/>
      <c r="B5875" s="20"/>
      <c r="C5875" s="2" t="s">
        <v>18096</v>
      </c>
      <c r="D5875" s="14" t="s">
        <v>18097</v>
      </c>
      <c r="E5875" s="2" t="s">
        <v>18098</v>
      </c>
      <c r="F5875" s="2" t="s">
        <v>7563</v>
      </c>
      <c r="G5875" s="8">
        <v>283</v>
      </c>
      <c r="H5875" s="5">
        <v>6</v>
      </c>
      <c r="I5875" s="5" t="s">
        <v>1518</v>
      </c>
      <c r="J5875" s="5" t="s">
        <v>1519</v>
      </c>
      <c r="K5875" s="2" t="s">
        <v>1520</v>
      </c>
      <c r="L5875" s="5" t="s">
        <v>1519</v>
      </c>
      <c r="M5875" s="2" t="s">
        <v>1520</v>
      </c>
      <c r="N5875" s="5" t="s">
        <v>1521</v>
      </c>
      <c r="O5875" s="5" t="s">
        <v>38</v>
      </c>
      <c r="P5875" s="5" t="s">
        <v>39</v>
      </c>
      <c r="Q5875" s="5" t="s">
        <v>40</v>
      </c>
      <c r="R5875" s="5" t="s">
        <v>1522</v>
      </c>
      <c r="S5875" s="5" t="s">
        <v>1523</v>
      </c>
      <c r="T5875" s="5" t="s">
        <v>42</v>
      </c>
      <c r="U5875" s="2">
        <v>3.2370000000000001</v>
      </c>
      <c r="V5875" s="2">
        <v>2.6379999999999999</v>
      </c>
      <c r="W5875" s="2">
        <v>1.7999999999999999E-2</v>
      </c>
      <c r="X5875" s="2">
        <v>139.1</v>
      </c>
      <c r="Y5875" s="2">
        <v>7.6</v>
      </c>
      <c r="Z5875" s="2">
        <v>16.7</v>
      </c>
      <c r="AA5875" s="5"/>
      <c r="AB5875" s="5" t="s">
        <v>43</v>
      </c>
      <c r="AC5875" s="5" t="s">
        <v>44</v>
      </c>
      <c r="AD5875" s="2"/>
      <c r="AE5875" s="1"/>
    </row>
    <row r="5876" spans="1:31" ht="14.45">
      <c r="A5876" s="11"/>
      <c r="B5876" s="20"/>
      <c r="C5876" s="2" t="s">
        <v>18099</v>
      </c>
      <c r="D5876" s="14" t="s">
        <v>18100</v>
      </c>
      <c r="E5876" s="2" t="s">
        <v>18101</v>
      </c>
      <c r="F5876" s="2" t="s">
        <v>7567</v>
      </c>
      <c r="G5876" s="8">
        <v>283</v>
      </c>
      <c r="H5876" s="5">
        <v>6</v>
      </c>
      <c r="I5876" s="5" t="s">
        <v>1518</v>
      </c>
      <c r="J5876" s="5" t="s">
        <v>1519</v>
      </c>
      <c r="K5876" s="2" t="s">
        <v>1520</v>
      </c>
      <c r="L5876" s="5" t="s">
        <v>1519</v>
      </c>
      <c r="M5876" s="2" t="s">
        <v>1520</v>
      </c>
      <c r="N5876" s="5" t="s">
        <v>1521</v>
      </c>
      <c r="O5876" s="5" t="s">
        <v>38</v>
      </c>
      <c r="P5876" s="5" t="s">
        <v>39</v>
      </c>
      <c r="Q5876" s="5" t="s">
        <v>40</v>
      </c>
      <c r="R5876" s="5" t="s">
        <v>1522</v>
      </c>
      <c r="S5876" s="5" t="s">
        <v>1523</v>
      </c>
      <c r="T5876" s="5" t="s">
        <v>42</v>
      </c>
      <c r="U5876" s="2">
        <v>3.339</v>
      </c>
      <c r="V5876" s="2">
        <v>2.74</v>
      </c>
      <c r="W5876" s="2">
        <v>1.7999999999999999E-2</v>
      </c>
      <c r="X5876" s="2">
        <v>139.1</v>
      </c>
      <c r="Y5876" s="2">
        <v>7.6</v>
      </c>
      <c r="Z5876" s="2">
        <v>16.7</v>
      </c>
      <c r="AA5876" s="5"/>
      <c r="AB5876" s="5" t="s">
        <v>43</v>
      </c>
      <c r="AC5876" s="5" t="s">
        <v>44</v>
      </c>
      <c r="AD5876" s="2"/>
      <c r="AE5876" s="1"/>
    </row>
    <row r="5877" spans="1:31" ht="14.45">
      <c r="A5877" s="11"/>
      <c r="B5877" s="20"/>
      <c r="C5877" s="2" t="s">
        <v>18102</v>
      </c>
      <c r="D5877" s="14" t="s">
        <v>18103</v>
      </c>
      <c r="E5877" s="2" t="s">
        <v>18104</v>
      </c>
      <c r="F5877" s="2" t="s">
        <v>16194</v>
      </c>
      <c r="G5877" s="8">
        <v>283</v>
      </c>
      <c r="H5877" s="5">
        <v>6</v>
      </c>
      <c r="I5877" s="5" t="s">
        <v>1518</v>
      </c>
      <c r="J5877" s="5" t="s">
        <v>1519</v>
      </c>
      <c r="K5877" s="2" t="s">
        <v>1520</v>
      </c>
      <c r="L5877" s="5" t="s">
        <v>1519</v>
      </c>
      <c r="M5877" s="2" t="s">
        <v>1520</v>
      </c>
      <c r="N5877" s="5" t="s">
        <v>1521</v>
      </c>
      <c r="O5877" s="5" t="s">
        <v>38</v>
      </c>
      <c r="P5877" s="5" t="s">
        <v>39</v>
      </c>
      <c r="Q5877" s="5" t="s">
        <v>40</v>
      </c>
      <c r="R5877" s="5" t="s">
        <v>1522</v>
      </c>
      <c r="S5877" s="5" t="s">
        <v>1523</v>
      </c>
      <c r="T5877" s="5" t="s">
        <v>42</v>
      </c>
      <c r="U5877" s="2">
        <v>3.339</v>
      </c>
      <c r="V5877" s="2">
        <v>2.74</v>
      </c>
      <c r="W5877" s="2">
        <v>1.7999999999999999E-2</v>
      </c>
      <c r="X5877" s="2">
        <v>139.1</v>
      </c>
      <c r="Y5877" s="2">
        <v>7.6</v>
      </c>
      <c r="Z5877" s="2">
        <v>16.7</v>
      </c>
      <c r="AA5877" s="5"/>
      <c r="AB5877" s="5" t="s">
        <v>43</v>
      </c>
      <c r="AC5877" s="5" t="s">
        <v>44</v>
      </c>
      <c r="AD5877" s="2"/>
      <c r="AE5877" s="1"/>
    </row>
    <row r="5878" spans="1:31" ht="14.45">
      <c r="A5878" s="11"/>
      <c r="B5878" s="20"/>
      <c r="C5878" s="2" t="s">
        <v>18105</v>
      </c>
      <c r="D5878" s="14" t="s">
        <v>18106</v>
      </c>
      <c r="E5878" s="2" t="s">
        <v>18107</v>
      </c>
      <c r="F5878" s="2" t="s">
        <v>7449</v>
      </c>
      <c r="G5878" s="8">
        <v>283</v>
      </c>
      <c r="H5878" s="5">
        <v>6</v>
      </c>
      <c r="I5878" s="5" t="s">
        <v>1518</v>
      </c>
      <c r="J5878" s="5" t="s">
        <v>1519</v>
      </c>
      <c r="K5878" s="2" t="s">
        <v>1520</v>
      </c>
      <c r="L5878" s="5" t="s">
        <v>1519</v>
      </c>
      <c r="M5878" s="2" t="s">
        <v>1520</v>
      </c>
      <c r="N5878" s="5" t="s">
        <v>1521</v>
      </c>
      <c r="O5878" s="5" t="s">
        <v>38</v>
      </c>
      <c r="P5878" s="5" t="s">
        <v>39</v>
      </c>
      <c r="Q5878" s="5" t="s">
        <v>40</v>
      </c>
      <c r="R5878" s="5" t="s">
        <v>1522</v>
      </c>
      <c r="S5878" s="5" t="s">
        <v>1523</v>
      </c>
      <c r="T5878" s="5" t="s">
        <v>42</v>
      </c>
      <c r="U5878" s="2">
        <v>3.2370000000000001</v>
      </c>
      <c r="V5878" s="2">
        <v>2.6379999999999999</v>
      </c>
      <c r="W5878" s="2">
        <v>1.7999999999999999E-2</v>
      </c>
      <c r="X5878" s="2">
        <v>139.1</v>
      </c>
      <c r="Y5878" s="2">
        <v>7.6</v>
      </c>
      <c r="Z5878" s="2">
        <v>16.7</v>
      </c>
      <c r="AA5878" s="5"/>
      <c r="AB5878" s="5" t="s">
        <v>43</v>
      </c>
      <c r="AC5878" s="5" t="s">
        <v>44</v>
      </c>
      <c r="AD5878" s="2"/>
      <c r="AE5878" s="1"/>
    </row>
    <row r="5879" spans="1:31" ht="14.45">
      <c r="A5879" s="11"/>
      <c r="B5879" s="20"/>
      <c r="C5879" s="2" t="s">
        <v>18108</v>
      </c>
      <c r="D5879" s="14" t="s">
        <v>18109</v>
      </c>
      <c r="E5879" s="2" t="s">
        <v>18110</v>
      </c>
      <c r="F5879" s="2" t="s">
        <v>7581</v>
      </c>
      <c r="G5879" s="8">
        <v>283</v>
      </c>
      <c r="H5879" s="5">
        <v>6</v>
      </c>
      <c r="I5879" s="5" t="s">
        <v>1518</v>
      </c>
      <c r="J5879" s="5" t="s">
        <v>1519</v>
      </c>
      <c r="K5879" s="2" t="s">
        <v>1520</v>
      </c>
      <c r="L5879" s="5" t="s">
        <v>1519</v>
      </c>
      <c r="M5879" s="2" t="s">
        <v>1520</v>
      </c>
      <c r="N5879" s="5" t="s">
        <v>1521</v>
      </c>
      <c r="O5879" s="5" t="s">
        <v>38</v>
      </c>
      <c r="P5879" s="5" t="s">
        <v>39</v>
      </c>
      <c r="Q5879" s="5" t="s">
        <v>40</v>
      </c>
      <c r="R5879" s="5" t="s">
        <v>1522</v>
      </c>
      <c r="S5879" s="5" t="s">
        <v>1523</v>
      </c>
      <c r="T5879" s="5" t="s">
        <v>42</v>
      </c>
      <c r="U5879" s="2">
        <v>3.339</v>
      </c>
      <c r="V5879" s="2">
        <v>2.74</v>
      </c>
      <c r="W5879" s="2">
        <v>1.7999999999999999E-2</v>
      </c>
      <c r="X5879" s="2">
        <v>139.1</v>
      </c>
      <c r="Y5879" s="2">
        <v>7.6</v>
      </c>
      <c r="Z5879" s="2">
        <v>16.7</v>
      </c>
      <c r="AA5879" s="5"/>
      <c r="AB5879" s="5" t="s">
        <v>43</v>
      </c>
      <c r="AC5879" s="5" t="s">
        <v>44</v>
      </c>
      <c r="AD5879" s="2"/>
      <c r="AE5879" s="1"/>
    </row>
    <row r="5880" spans="1:31" ht="14.45">
      <c r="A5880" s="11"/>
      <c r="B5880" s="20"/>
      <c r="C5880" s="2" t="s">
        <v>18111</v>
      </c>
      <c r="D5880" s="14" t="s">
        <v>18112</v>
      </c>
      <c r="E5880" s="2" t="s">
        <v>18113</v>
      </c>
      <c r="F5880" s="2" t="s">
        <v>7585</v>
      </c>
      <c r="G5880" s="8">
        <v>283</v>
      </c>
      <c r="H5880" s="5">
        <v>6</v>
      </c>
      <c r="I5880" s="5" t="s">
        <v>1518</v>
      </c>
      <c r="J5880" s="5" t="s">
        <v>1519</v>
      </c>
      <c r="K5880" s="2" t="s">
        <v>1520</v>
      </c>
      <c r="L5880" s="5" t="s">
        <v>1519</v>
      </c>
      <c r="M5880" s="2" t="s">
        <v>1520</v>
      </c>
      <c r="N5880" s="5" t="s">
        <v>1521</v>
      </c>
      <c r="O5880" s="5" t="s">
        <v>38</v>
      </c>
      <c r="P5880" s="5" t="s">
        <v>39</v>
      </c>
      <c r="Q5880" s="5" t="s">
        <v>40</v>
      </c>
      <c r="R5880" s="5" t="s">
        <v>1522</v>
      </c>
      <c r="S5880" s="5" t="s">
        <v>1523</v>
      </c>
      <c r="T5880" s="5" t="s">
        <v>42</v>
      </c>
      <c r="U5880" s="2">
        <v>3.2080000000000002</v>
      </c>
      <c r="V5880" s="2">
        <v>2.609</v>
      </c>
      <c r="W5880" s="2">
        <v>1.7999999999999999E-2</v>
      </c>
      <c r="X5880" s="2">
        <v>139.1</v>
      </c>
      <c r="Y5880" s="2">
        <v>7.6</v>
      </c>
      <c r="Z5880" s="2">
        <v>16.7</v>
      </c>
      <c r="AA5880" s="5"/>
      <c r="AB5880" s="5" t="s">
        <v>43</v>
      </c>
      <c r="AC5880" s="5" t="s">
        <v>44</v>
      </c>
      <c r="AD5880" s="2"/>
      <c r="AE5880" s="1"/>
    </row>
    <row r="5881" spans="1:31" ht="14.45">
      <c r="A5881" s="11"/>
      <c r="B5881" s="20"/>
      <c r="C5881" s="2" t="s">
        <v>18114</v>
      </c>
      <c r="D5881" s="14" t="s">
        <v>18115</v>
      </c>
      <c r="E5881" s="2" t="s">
        <v>18116</v>
      </c>
      <c r="F5881" s="2" t="s">
        <v>7589</v>
      </c>
      <c r="G5881" s="8">
        <v>283</v>
      </c>
      <c r="H5881" s="5">
        <v>6</v>
      </c>
      <c r="I5881" s="5" t="s">
        <v>1518</v>
      </c>
      <c r="J5881" s="5" t="s">
        <v>1519</v>
      </c>
      <c r="K5881" s="2" t="s">
        <v>1520</v>
      </c>
      <c r="L5881" s="5" t="s">
        <v>1519</v>
      </c>
      <c r="M5881" s="2" t="s">
        <v>1520</v>
      </c>
      <c r="N5881" s="5" t="s">
        <v>1521</v>
      </c>
      <c r="O5881" s="5" t="s">
        <v>38</v>
      </c>
      <c r="P5881" s="5" t="s">
        <v>39</v>
      </c>
      <c r="Q5881" s="5" t="s">
        <v>40</v>
      </c>
      <c r="R5881" s="5" t="s">
        <v>1522</v>
      </c>
      <c r="S5881" s="5" t="s">
        <v>1523</v>
      </c>
      <c r="T5881" s="5" t="s">
        <v>42</v>
      </c>
      <c r="U5881" s="2">
        <v>3.31</v>
      </c>
      <c r="V5881" s="2">
        <v>2.7109999999999999</v>
      </c>
      <c r="W5881" s="2">
        <v>1.7999999999999999E-2</v>
      </c>
      <c r="X5881" s="2">
        <v>139.1</v>
      </c>
      <c r="Y5881" s="2">
        <v>7.6</v>
      </c>
      <c r="Z5881" s="2">
        <v>16.7</v>
      </c>
      <c r="AA5881" s="5"/>
      <c r="AB5881" s="5" t="s">
        <v>43</v>
      </c>
      <c r="AC5881" s="5" t="s">
        <v>44</v>
      </c>
      <c r="AD5881" s="2"/>
      <c r="AE5881" s="1"/>
    </row>
    <row r="5882" spans="1:31" ht="14.45">
      <c r="A5882" s="11"/>
      <c r="B5882" s="20"/>
      <c r="C5882" s="2" t="s">
        <v>18117</v>
      </c>
      <c r="D5882" s="14" t="s">
        <v>18118</v>
      </c>
      <c r="E5882" s="2" t="s">
        <v>18119</v>
      </c>
      <c r="F5882" s="2" t="s">
        <v>7593</v>
      </c>
      <c r="G5882" s="8">
        <v>283</v>
      </c>
      <c r="H5882" s="5">
        <v>6</v>
      </c>
      <c r="I5882" s="5" t="s">
        <v>1518</v>
      </c>
      <c r="J5882" s="5" t="s">
        <v>1519</v>
      </c>
      <c r="K5882" s="2" t="s">
        <v>1520</v>
      </c>
      <c r="L5882" s="5" t="s">
        <v>1519</v>
      </c>
      <c r="M5882" s="2" t="s">
        <v>1520</v>
      </c>
      <c r="N5882" s="5" t="s">
        <v>1521</v>
      </c>
      <c r="O5882" s="5" t="s">
        <v>38</v>
      </c>
      <c r="P5882" s="5" t="s">
        <v>39</v>
      </c>
      <c r="Q5882" s="5" t="s">
        <v>40</v>
      </c>
      <c r="R5882" s="5" t="s">
        <v>1522</v>
      </c>
      <c r="S5882" s="5" t="s">
        <v>1523</v>
      </c>
      <c r="T5882" s="5" t="s">
        <v>42</v>
      </c>
      <c r="U5882" s="2">
        <v>3.2370000000000001</v>
      </c>
      <c r="V5882" s="2">
        <v>2.6379999999999999</v>
      </c>
      <c r="W5882" s="2">
        <v>1.7999999999999999E-2</v>
      </c>
      <c r="X5882" s="2">
        <v>139.1</v>
      </c>
      <c r="Y5882" s="2">
        <v>7.6</v>
      </c>
      <c r="Z5882" s="2">
        <v>16.7</v>
      </c>
      <c r="AA5882" s="5"/>
      <c r="AB5882" s="5" t="s">
        <v>43</v>
      </c>
      <c r="AC5882" s="5" t="s">
        <v>44</v>
      </c>
      <c r="AD5882" s="2"/>
      <c r="AE5882" s="1"/>
    </row>
    <row r="5883" spans="1:31" ht="14.45">
      <c r="A5883" s="11"/>
      <c r="B5883" s="20"/>
      <c r="C5883" s="2" t="s">
        <v>18120</v>
      </c>
      <c r="D5883" s="14" t="s">
        <v>18121</v>
      </c>
      <c r="E5883" s="2" t="s">
        <v>18122</v>
      </c>
      <c r="F5883" s="2" t="s">
        <v>7597</v>
      </c>
      <c r="G5883" s="8">
        <v>283</v>
      </c>
      <c r="H5883" s="5">
        <v>6</v>
      </c>
      <c r="I5883" s="5" t="s">
        <v>1518</v>
      </c>
      <c r="J5883" s="5" t="s">
        <v>1519</v>
      </c>
      <c r="K5883" s="2" t="s">
        <v>1520</v>
      </c>
      <c r="L5883" s="5" t="s">
        <v>1519</v>
      </c>
      <c r="M5883" s="2" t="s">
        <v>1520</v>
      </c>
      <c r="N5883" s="5" t="s">
        <v>1521</v>
      </c>
      <c r="O5883" s="5" t="s">
        <v>38</v>
      </c>
      <c r="P5883" s="5" t="s">
        <v>39</v>
      </c>
      <c r="Q5883" s="5" t="s">
        <v>40</v>
      </c>
      <c r="R5883" s="5" t="s">
        <v>1522</v>
      </c>
      <c r="S5883" s="5" t="s">
        <v>1523</v>
      </c>
      <c r="T5883" s="5" t="s">
        <v>42</v>
      </c>
      <c r="U5883" s="2">
        <v>3.339</v>
      </c>
      <c r="V5883" s="2">
        <v>2.74</v>
      </c>
      <c r="W5883" s="2">
        <v>1.7999999999999999E-2</v>
      </c>
      <c r="X5883" s="2">
        <v>139.1</v>
      </c>
      <c r="Y5883" s="2">
        <v>7.6</v>
      </c>
      <c r="Z5883" s="2">
        <v>16.7</v>
      </c>
      <c r="AA5883" s="5"/>
      <c r="AB5883" s="5" t="s">
        <v>43</v>
      </c>
      <c r="AC5883" s="5" t="s">
        <v>44</v>
      </c>
      <c r="AD5883" s="2"/>
      <c r="AE5883" s="1"/>
    </row>
    <row r="5884" spans="1:31" ht="14.45">
      <c r="A5884" s="11"/>
      <c r="B5884" s="20"/>
      <c r="C5884" s="2" t="s">
        <v>18123</v>
      </c>
      <c r="D5884" s="14" t="s">
        <v>18124</v>
      </c>
      <c r="E5884" s="2" t="s">
        <v>18125</v>
      </c>
      <c r="F5884" s="2" t="s">
        <v>16014</v>
      </c>
      <c r="G5884" s="8">
        <v>283</v>
      </c>
      <c r="H5884" s="5">
        <v>6</v>
      </c>
      <c r="I5884" s="5" t="s">
        <v>1518</v>
      </c>
      <c r="J5884" s="5" t="s">
        <v>1519</v>
      </c>
      <c r="K5884" s="2" t="s">
        <v>1520</v>
      </c>
      <c r="L5884" s="5" t="s">
        <v>1519</v>
      </c>
      <c r="M5884" s="2" t="s">
        <v>1520</v>
      </c>
      <c r="N5884" s="5" t="s">
        <v>1521</v>
      </c>
      <c r="O5884" s="5" t="s">
        <v>38</v>
      </c>
      <c r="P5884" s="5" t="s">
        <v>39</v>
      </c>
      <c r="Q5884" s="5" t="s">
        <v>40</v>
      </c>
      <c r="R5884" s="5" t="s">
        <v>1522</v>
      </c>
      <c r="S5884" s="5" t="s">
        <v>1523</v>
      </c>
      <c r="T5884" s="5" t="s">
        <v>42</v>
      </c>
      <c r="U5884" s="2">
        <v>3.2370000000000001</v>
      </c>
      <c r="V5884" s="2">
        <v>2.6379999999999999</v>
      </c>
      <c r="W5884" s="2">
        <v>1.7999999999999999E-2</v>
      </c>
      <c r="X5884" s="2">
        <v>139.1</v>
      </c>
      <c r="Y5884" s="2">
        <v>7.6</v>
      </c>
      <c r="Z5884" s="2">
        <v>16.7</v>
      </c>
      <c r="AA5884" s="5"/>
      <c r="AB5884" s="5" t="s">
        <v>43</v>
      </c>
      <c r="AC5884" s="5" t="s">
        <v>44</v>
      </c>
      <c r="AD5884" s="2"/>
      <c r="AE5884" s="1"/>
    </row>
    <row r="5885" spans="1:31" ht="14.45">
      <c r="A5885" s="11"/>
      <c r="B5885" s="20"/>
      <c r="C5885" s="2" t="s">
        <v>18126</v>
      </c>
      <c r="D5885" s="14" t="s">
        <v>18127</v>
      </c>
      <c r="E5885" s="2" t="s">
        <v>18128</v>
      </c>
      <c r="F5885" s="2" t="s">
        <v>16219</v>
      </c>
      <c r="G5885" s="8">
        <v>283</v>
      </c>
      <c r="H5885" s="5">
        <v>6</v>
      </c>
      <c r="I5885" s="5" t="s">
        <v>1518</v>
      </c>
      <c r="J5885" s="5" t="s">
        <v>1519</v>
      </c>
      <c r="K5885" s="2" t="s">
        <v>1520</v>
      </c>
      <c r="L5885" s="5" t="s">
        <v>1519</v>
      </c>
      <c r="M5885" s="2" t="s">
        <v>1520</v>
      </c>
      <c r="N5885" s="5" t="s">
        <v>1521</v>
      </c>
      <c r="O5885" s="5" t="s">
        <v>38</v>
      </c>
      <c r="P5885" s="5" t="s">
        <v>39</v>
      </c>
      <c r="Q5885" s="5" t="s">
        <v>40</v>
      </c>
      <c r="R5885" s="5" t="s">
        <v>1522</v>
      </c>
      <c r="S5885" s="5" t="s">
        <v>1523</v>
      </c>
      <c r="T5885" s="5" t="s">
        <v>42</v>
      </c>
      <c r="U5885" s="2">
        <v>3.339</v>
      </c>
      <c r="V5885" s="2">
        <v>2.74</v>
      </c>
      <c r="W5885" s="2">
        <v>1.7999999999999999E-2</v>
      </c>
      <c r="X5885" s="2">
        <v>139.1</v>
      </c>
      <c r="Y5885" s="2">
        <v>7.6</v>
      </c>
      <c r="Z5885" s="2">
        <v>16.7</v>
      </c>
      <c r="AA5885" s="5"/>
      <c r="AB5885" s="5" t="s">
        <v>43</v>
      </c>
      <c r="AC5885" s="5" t="s">
        <v>44</v>
      </c>
      <c r="AD5885" s="2"/>
      <c r="AE5885" s="1"/>
    </row>
    <row r="5886" spans="1:31" ht="14.45">
      <c r="A5886" s="11"/>
      <c r="B5886" s="20"/>
      <c r="C5886" s="2" t="s">
        <v>18129</v>
      </c>
      <c r="D5886" s="14" t="s">
        <v>18130</v>
      </c>
      <c r="E5886" s="2" t="s">
        <v>18131</v>
      </c>
      <c r="F5886" s="2" t="s">
        <v>16018</v>
      </c>
      <c r="G5886" s="8">
        <v>283</v>
      </c>
      <c r="H5886" s="5">
        <v>6</v>
      </c>
      <c r="I5886" s="5" t="s">
        <v>1518</v>
      </c>
      <c r="J5886" s="5" t="s">
        <v>1519</v>
      </c>
      <c r="K5886" s="2" t="s">
        <v>1520</v>
      </c>
      <c r="L5886" s="5" t="s">
        <v>1519</v>
      </c>
      <c r="M5886" s="2" t="s">
        <v>1520</v>
      </c>
      <c r="N5886" s="5" t="s">
        <v>1521</v>
      </c>
      <c r="O5886" s="5" t="s">
        <v>38</v>
      </c>
      <c r="P5886" s="5" t="s">
        <v>39</v>
      </c>
      <c r="Q5886" s="5" t="s">
        <v>40</v>
      </c>
      <c r="R5886" s="5" t="s">
        <v>1522</v>
      </c>
      <c r="S5886" s="5" t="s">
        <v>1523</v>
      </c>
      <c r="T5886" s="5" t="s">
        <v>42</v>
      </c>
      <c r="U5886" s="2">
        <v>3.2370000000000001</v>
      </c>
      <c r="V5886" s="2">
        <v>2.6379999999999999</v>
      </c>
      <c r="W5886" s="2">
        <v>1.7999999999999999E-2</v>
      </c>
      <c r="X5886" s="2">
        <v>139.1</v>
      </c>
      <c r="Y5886" s="2">
        <v>7.6</v>
      </c>
      <c r="Z5886" s="2">
        <v>16.7</v>
      </c>
      <c r="AA5886" s="5"/>
      <c r="AB5886" s="5" t="s">
        <v>43</v>
      </c>
      <c r="AC5886" s="5" t="s">
        <v>44</v>
      </c>
      <c r="AD5886" s="2"/>
      <c r="AE5886" s="1"/>
    </row>
    <row r="5887" spans="1:31" ht="14.45">
      <c r="A5887" s="11"/>
      <c r="B5887" s="20"/>
      <c r="C5887" s="2" t="s">
        <v>18132</v>
      </c>
      <c r="D5887" s="14" t="s">
        <v>18133</v>
      </c>
      <c r="E5887" s="2" t="s">
        <v>18134</v>
      </c>
      <c r="F5887" s="2" t="s">
        <v>16022</v>
      </c>
      <c r="G5887" s="8">
        <v>283</v>
      </c>
      <c r="H5887" s="5">
        <v>6</v>
      </c>
      <c r="I5887" s="5" t="s">
        <v>1518</v>
      </c>
      <c r="J5887" s="5" t="s">
        <v>1519</v>
      </c>
      <c r="K5887" s="2" t="s">
        <v>1520</v>
      </c>
      <c r="L5887" s="5" t="s">
        <v>1519</v>
      </c>
      <c r="M5887" s="2" t="s">
        <v>1520</v>
      </c>
      <c r="N5887" s="5" t="s">
        <v>1521</v>
      </c>
      <c r="O5887" s="5" t="s">
        <v>38</v>
      </c>
      <c r="P5887" s="5" t="s">
        <v>39</v>
      </c>
      <c r="Q5887" s="5" t="s">
        <v>40</v>
      </c>
      <c r="R5887" s="5" t="s">
        <v>1522</v>
      </c>
      <c r="S5887" s="5" t="s">
        <v>1523</v>
      </c>
      <c r="T5887" s="5" t="s">
        <v>42</v>
      </c>
      <c r="U5887" s="2">
        <v>3.339</v>
      </c>
      <c r="V5887" s="2">
        <v>2.74</v>
      </c>
      <c r="W5887" s="2">
        <v>1.7999999999999999E-2</v>
      </c>
      <c r="X5887" s="2">
        <v>139.1</v>
      </c>
      <c r="Y5887" s="2">
        <v>7.6</v>
      </c>
      <c r="Z5887" s="2">
        <v>16.7</v>
      </c>
      <c r="AA5887" s="5"/>
      <c r="AB5887" s="5" t="s">
        <v>43</v>
      </c>
      <c r="AC5887" s="5" t="s">
        <v>44</v>
      </c>
      <c r="AD5887" s="2"/>
      <c r="AE5887" s="1"/>
    </row>
    <row r="5888" spans="1:31" ht="14.45">
      <c r="A5888" s="11"/>
      <c r="B5888" s="20"/>
      <c r="C5888" s="2" t="s">
        <v>18135</v>
      </c>
      <c r="D5888" s="14" t="s">
        <v>18136</v>
      </c>
      <c r="E5888" s="2" t="s">
        <v>18137</v>
      </c>
      <c r="F5888" s="2" t="s">
        <v>7615</v>
      </c>
      <c r="G5888" s="8">
        <v>283</v>
      </c>
      <c r="H5888" s="5">
        <v>6</v>
      </c>
      <c r="I5888" s="5" t="s">
        <v>1518</v>
      </c>
      <c r="J5888" s="5" t="s">
        <v>1519</v>
      </c>
      <c r="K5888" s="2" t="s">
        <v>1520</v>
      </c>
      <c r="L5888" s="5" t="s">
        <v>1519</v>
      </c>
      <c r="M5888" s="2" t="s">
        <v>1520</v>
      </c>
      <c r="N5888" s="5" t="s">
        <v>1521</v>
      </c>
      <c r="O5888" s="5" t="s">
        <v>38</v>
      </c>
      <c r="P5888" s="5" t="s">
        <v>39</v>
      </c>
      <c r="Q5888" s="5" t="s">
        <v>40</v>
      </c>
      <c r="R5888" s="5" t="s">
        <v>1522</v>
      </c>
      <c r="S5888" s="5" t="s">
        <v>1523</v>
      </c>
      <c r="T5888" s="5" t="s">
        <v>42</v>
      </c>
      <c r="U5888" s="2">
        <v>3.2080000000000002</v>
      </c>
      <c r="V5888" s="2">
        <v>2.609</v>
      </c>
      <c r="W5888" s="2">
        <v>1.7999999999999999E-2</v>
      </c>
      <c r="X5888" s="2">
        <v>139.1</v>
      </c>
      <c r="Y5888" s="2">
        <v>7.6</v>
      </c>
      <c r="Z5888" s="2">
        <v>16.7</v>
      </c>
      <c r="AA5888" s="5"/>
      <c r="AB5888" s="5" t="s">
        <v>43</v>
      </c>
      <c r="AC5888" s="5" t="s">
        <v>44</v>
      </c>
      <c r="AD5888" s="2"/>
      <c r="AE5888" s="1"/>
    </row>
    <row r="5889" spans="1:31" ht="14.45">
      <c r="A5889" s="11"/>
      <c r="B5889" s="20"/>
      <c r="C5889" s="2" t="s">
        <v>18138</v>
      </c>
      <c r="D5889" s="14" t="s">
        <v>18139</v>
      </c>
      <c r="E5889" s="2" t="s">
        <v>18140</v>
      </c>
      <c r="F5889" s="2" t="s">
        <v>7619</v>
      </c>
      <c r="G5889" s="8">
        <v>283</v>
      </c>
      <c r="H5889" s="5">
        <v>6</v>
      </c>
      <c r="I5889" s="5" t="s">
        <v>1518</v>
      </c>
      <c r="J5889" s="5" t="s">
        <v>1519</v>
      </c>
      <c r="K5889" s="2" t="s">
        <v>1520</v>
      </c>
      <c r="L5889" s="5" t="s">
        <v>1519</v>
      </c>
      <c r="M5889" s="2" t="s">
        <v>1520</v>
      </c>
      <c r="N5889" s="5" t="s">
        <v>1521</v>
      </c>
      <c r="O5889" s="5" t="s">
        <v>38</v>
      </c>
      <c r="P5889" s="5" t="s">
        <v>39</v>
      </c>
      <c r="Q5889" s="5" t="s">
        <v>40</v>
      </c>
      <c r="R5889" s="5" t="s">
        <v>1522</v>
      </c>
      <c r="S5889" s="5" t="s">
        <v>1523</v>
      </c>
      <c r="T5889" s="5" t="s">
        <v>42</v>
      </c>
      <c r="U5889" s="2">
        <v>3.31</v>
      </c>
      <c r="V5889" s="2">
        <v>2.7109999999999999</v>
      </c>
      <c r="W5889" s="2">
        <v>1.7999999999999999E-2</v>
      </c>
      <c r="X5889" s="2">
        <v>139.1</v>
      </c>
      <c r="Y5889" s="2">
        <v>7.6</v>
      </c>
      <c r="Z5889" s="2">
        <v>16.7</v>
      </c>
      <c r="AA5889" s="5"/>
      <c r="AB5889" s="5" t="s">
        <v>43</v>
      </c>
      <c r="AC5889" s="5" t="s">
        <v>44</v>
      </c>
      <c r="AD5889" s="2"/>
      <c r="AE5889" s="1"/>
    </row>
    <row r="5890" spans="1:31" ht="14.45">
      <c r="A5890" s="11"/>
      <c r="B5890" s="20"/>
      <c r="C5890" s="2" t="s">
        <v>18141</v>
      </c>
      <c r="D5890" s="14" t="s">
        <v>18142</v>
      </c>
      <c r="E5890" s="2" t="s">
        <v>18143</v>
      </c>
      <c r="F5890" s="2" t="s">
        <v>16235</v>
      </c>
      <c r="G5890" s="8">
        <v>283</v>
      </c>
      <c r="H5890" s="5">
        <v>6</v>
      </c>
      <c r="I5890" s="5" t="s">
        <v>1518</v>
      </c>
      <c r="J5890" s="5" t="s">
        <v>1519</v>
      </c>
      <c r="K5890" s="2" t="s">
        <v>1520</v>
      </c>
      <c r="L5890" s="5" t="s">
        <v>1519</v>
      </c>
      <c r="M5890" s="2" t="s">
        <v>1520</v>
      </c>
      <c r="N5890" s="5" t="s">
        <v>1521</v>
      </c>
      <c r="O5890" s="5" t="s">
        <v>38</v>
      </c>
      <c r="P5890" s="5" t="s">
        <v>39</v>
      </c>
      <c r="Q5890" s="5" t="s">
        <v>40</v>
      </c>
      <c r="R5890" s="5" t="s">
        <v>1522</v>
      </c>
      <c r="S5890" s="5" t="s">
        <v>1523</v>
      </c>
      <c r="T5890" s="5" t="s">
        <v>42</v>
      </c>
      <c r="U5890" s="2">
        <v>3.2850000000000001</v>
      </c>
      <c r="V5890" s="2">
        <v>2.6859999999999999</v>
      </c>
      <c r="W5890" s="2">
        <v>1.7999999999999999E-2</v>
      </c>
      <c r="X5890" s="2">
        <v>139.1</v>
      </c>
      <c r="Y5890" s="2">
        <v>7.6</v>
      </c>
      <c r="Z5890" s="2">
        <v>16.7</v>
      </c>
      <c r="AA5890" s="5"/>
      <c r="AB5890" s="5" t="s">
        <v>43</v>
      </c>
      <c r="AC5890" s="5" t="s">
        <v>44</v>
      </c>
      <c r="AD5890" s="2"/>
      <c r="AE5890" s="1"/>
    </row>
    <row r="5891" spans="1:31" ht="14.45">
      <c r="A5891" s="11"/>
      <c r="B5891" s="20"/>
      <c r="C5891" s="2" t="s">
        <v>18144</v>
      </c>
      <c r="D5891" s="14" t="s">
        <v>18145</v>
      </c>
      <c r="E5891" s="2" t="s">
        <v>18146</v>
      </c>
      <c r="F5891" s="2" t="s">
        <v>16029</v>
      </c>
      <c r="G5891" s="8">
        <v>283</v>
      </c>
      <c r="H5891" s="5">
        <v>11</v>
      </c>
      <c r="I5891" s="5" t="s">
        <v>1518</v>
      </c>
      <c r="J5891" s="5" t="s">
        <v>1519</v>
      </c>
      <c r="K5891" s="2" t="s">
        <v>1520</v>
      </c>
      <c r="L5891" s="5" t="s">
        <v>1519</v>
      </c>
      <c r="M5891" s="2" t="s">
        <v>1520</v>
      </c>
      <c r="N5891" s="5" t="s">
        <v>1521</v>
      </c>
      <c r="O5891" s="5" t="s">
        <v>38</v>
      </c>
      <c r="P5891" s="5" t="s">
        <v>39</v>
      </c>
      <c r="Q5891" s="5" t="s">
        <v>40</v>
      </c>
      <c r="R5891" s="5" t="s">
        <v>1522</v>
      </c>
      <c r="S5891" s="5" t="s">
        <v>1523</v>
      </c>
      <c r="T5891" s="5" t="s">
        <v>42</v>
      </c>
      <c r="U5891" s="2">
        <v>3.2519999999999998</v>
      </c>
      <c r="V5891" s="2">
        <v>2.653</v>
      </c>
      <c r="W5891" s="2">
        <v>1.7999999999999999E-2</v>
      </c>
      <c r="X5891" s="2">
        <v>139.1</v>
      </c>
      <c r="Y5891" s="2">
        <v>7.6</v>
      </c>
      <c r="Z5891" s="2">
        <v>16.7</v>
      </c>
      <c r="AA5891" s="5"/>
      <c r="AB5891" s="5" t="s">
        <v>43</v>
      </c>
      <c r="AC5891" s="5" t="s">
        <v>44</v>
      </c>
      <c r="AD5891" s="2"/>
      <c r="AE5891" s="1"/>
    </row>
    <row r="5892" spans="1:31" ht="14.45">
      <c r="A5892" s="11"/>
      <c r="B5892" s="20"/>
      <c r="C5892" s="2" t="s">
        <v>18147</v>
      </c>
      <c r="D5892" s="14" t="s">
        <v>18148</v>
      </c>
      <c r="E5892" s="2" t="s">
        <v>18149</v>
      </c>
      <c r="F5892" s="2" t="s">
        <v>16033</v>
      </c>
      <c r="G5892" s="8">
        <v>283</v>
      </c>
      <c r="H5892" s="5">
        <v>11</v>
      </c>
      <c r="I5892" s="5" t="s">
        <v>1518</v>
      </c>
      <c r="J5892" s="5" t="s">
        <v>1519</v>
      </c>
      <c r="K5892" s="2" t="s">
        <v>1520</v>
      </c>
      <c r="L5892" s="5" t="s">
        <v>1519</v>
      </c>
      <c r="M5892" s="2" t="s">
        <v>1520</v>
      </c>
      <c r="N5892" s="5" t="s">
        <v>1521</v>
      </c>
      <c r="O5892" s="5" t="s">
        <v>38</v>
      </c>
      <c r="P5892" s="5" t="s">
        <v>39</v>
      </c>
      <c r="Q5892" s="5" t="s">
        <v>40</v>
      </c>
      <c r="R5892" s="5" t="s">
        <v>1522</v>
      </c>
      <c r="S5892" s="5" t="s">
        <v>1523</v>
      </c>
      <c r="T5892" s="5" t="s">
        <v>42</v>
      </c>
      <c r="U5892" s="2">
        <v>3.3540000000000001</v>
      </c>
      <c r="V5892" s="2">
        <v>2.7549999999999999</v>
      </c>
      <c r="W5892" s="2">
        <v>1.7999999999999999E-2</v>
      </c>
      <c r="X5892" s="2">
        <v>139.1</v>
      </c>
      <c r="Y5892" s="2">
        <v>7.6</v>
      </c>
      <c r="Z5892" s="2">
        <v>16.7</v>
      </c>
      <c r="AA5892" s="5"/>
      <c r="AB5892" s="5" t="s">
        <v>43</v>
      </c>
      <c r="AC5892" s="5" t="s">
        <v>44</v>
      </c>
      <c r="AD5892" s="2"/>
      <c r="AE5892" s="1"/>
    </row>
    <row r="5893" spans="1:31" ht="14.45">
      <c r="A5893" s="11"/>
      <c r="B5893" s="20"/>
      <c r="C5893" s="2" t="s">
        <v>18150</v>
      </c>
      <c r="D5893" s="14" t="s">
        <v>18151</v>
      </c>
      <c r="E5893" s="2" t="s">
        <v>18152</v>
      </c>
      <c r="F5893" s="2" t="s">
        <v>7396</v>
      </c>
      <c r="G5893" s="8">
        <v>275</v>
      </c>
      <c r="H5893" s="5">
        <v>6</v>
      </c>
      <c r="I5893" s="5" t="s">
        <v>1518</v>
      </c>
      <c r="J5893" s="5" t="s">
        <v>1519</v>
      </c>
      <c r="K5893" s="2" t="s">
        <v>1520</v>
      </c>
      <c r="L5893" s="5" t="s">
        <v>1519</v>
      </c>
      <c r="M5893" s="2" t="s">
        <v>1520</v>
      </c>
      <c r="N5893" s="5" t="s">
        <v>1521</v>
      </c>
      <c r="O5893" s="5" t="s">
        <v>38</v>
      </c>
      <c r="P5893" s="5" t="s">
        <v>39</v>
      </c>
      <c r="Q5893" s="5" t="s">
        <v>40</v>
      </c>
      <c r="R5893" s="5" t="s">
        <v>1522</v>
      </c>
      <c r="S5893" s="5" t="s">
        <v>1523</v>
      </c>
      <c r="T5893" s="5" t="s">
        <v>42</v>
      </c>
      <c r="U5893" s="2">
        <v>3.4870000000000001</v>
      </c>
      <c r="V5893" s="2">
        <v>2.8050000000000002</v>
      </c>
      <c r="W5893" s="2">
        <v>0.02</v>
      </c>
      <c r="X5893" s="2">
        <v>159.1</v>
      </c>
      <c r="Y5893" s="2">
        <v>7.6</v>
      </c>
      <c r="Z5893" s="2">
        <v>16.7</v>
      </c>
      <c r="AA5893" s="5"/>
      <c r="AB5893" s="5" t="s">
        <v>43</v>
      </c>
      <c r="AC5893" s="5" t="s">
        <v>44</v>
      </c>
      <c r="AD5893" s="2"/>
      <c r="AE5893" s="1"/>
    </row>
    <row r="5894" spans="1:31" ht="14.45">
      <c r="A5894" s="11"/>
      <c r="B5894" s="20"/>
      <c r="C5894" s="2" t="s">
        <v>18153</v>
      </c>
      <c r="D5894" s="14" t="s">
        <v>18154</v>
      </c>
      <c r="E5894" s="2" t="s">
        <v>18155</v>
      </c>
      <c r="F5894" s="2" t="s">
        <v>7507</v>
      </c>
      <c r="G5894" s="8">
        <v>275</v>
      </c>
      <c r="H5894" s="5">
        <v>6</v>
      </c>
      <c r="I5894" s="5" t="s">
        <v>1518</v>
      </c>
      <c r="J5894" s="5" t="s">
        <v>1519</v>
      </c>
      <c r="K5894" s="2" t="s">
        <v>1520</v>
      </c>
      <c r="L5894" s="5" t="s">
        <v>1519</v>
      </c>
      <c r="M5894" s="2" t="s">
        <v>1520</v>
      </c>
      <c r="N5894" s="5" t="s">
        <v>1521</v>
      </c>
      <c r="O5894" s="5" t="s">
        <v>38</v>
      </c>
      <c r="P5894" s="5" t="s">
        <v>39</v>
      </c>
      <c r="Q5894" s="5" t="s">
        <v>40</v>
      </c>
      <c r="R5894" s="5" t="s">
        <v>1522</v>
      </c>
      <c r="S5894" s="5" t="s">
        <v>1523</v>
      </c>
      <c r="T5894" s="5" t="s">
        <v>42</v>
      </c>
      <c r="U5894" s="2">
        <v>3.601</v>
      </c>
      <c r="V5894" s="2">
        <v>2.919</v>
      </c>
      <c r="W5894" s="2">
        <v>0.02</v>
      </c>
      <c r="X5894" s="2">
        <v>159.1</v>
      </c>
      <c r="Y5894" s="2">
        <v>7.6</v>
      </c>
      <c r="Z5894" s="2">
        <v>16.7</v>
      </c>
      <c r="AA5894" s="5"/>
      <c r="AB5894" s="5" t="s">
        <v>43</v>
      </c>
      <c r="AC5894" s="5" t="s">
        <v>44</v>
      </c>
      <c r="AD5894" s="2"/>
      <c r="AE5894" s="1"/>
    </row>
    <row r="5895" spans="1:31" ht="14.45">
      <c r="A5895" s="11"/>
      <c r="B5895" s="20"/>
      <c r="C5895" s="2" t="s">
        <v>18156</v>
      </c>
      <c r="D5895" s="14" t="s">
        <v>18157</v>
      </c>
      <c r="E5895" s="2" t="s">
        <v>18158</v>
      </c>
      <c r="F5895" s="2" t="s">
        <v>7204</v>
      </c>
      <c r="G5895" s="8">
        <v>275</v>
      </c>
      <c r="H5895" s="5">
        <v>6</v>
      </c>
      <c r="I5895" s="5" t="s">
        <v>1518</v>
      </c>
      <c r="J5895" s="5" t="s">
        <v>1519</v>
      </c>
      <c r="K5895" s="2" t="s">
        <v>1520</v>
      </c>
      <c r="L5895" s="5" t="s">
        <v>1519</v>
      </c>
      <c r="M5895" s="2" t="s">
        <v>1520</v>
      </c>
      <c r="N5895" s="5" t="s">
        <v>1521</v>
      </c>
      <c r="O5895" s="5" t="s">
        <v>38</v>
      </c>
      <c r="P5895" s="5" t="s">
        <v>39</v>
      </c>
      <c r="Q5895" s="5" t="s">
        <v>40</v>
      </c>
      <c r="R5895" s="5" t="s">
        <v>1522</v>
      </c>
      <c r="S5895" s="5" t="s">
        <v>1523</v>
      </c>
      <c r="T5895" s="5" t="s">
        <v>42</v>
      </c>
      <c r="U5895" s="2">
        <v>3.4980000000000002</v>
      </c>
      <c r="V5895" s="2">
        <v>2.8159999999999998</v>
      </c>
      <c r="W5895" s="2">
        <v>0.02</v>
      </c>
      <c r="X5895" s="2">
        <v>159.1</v>
      </c>
      <c r="Y5895" s="2">
        <v>7.6</v>
      </c>
      <c r="Z5895" s="2">
        <v>16.7</v>
      </c>
      <c r="AA5895" s="5"/>
      <c r="AB5895" s="5" t="s">
        <v>43</v>
      </c>
      <c r="AC5895" s="5" t="s">
        <v>44</v>
      </c>
      <c r="AD5895" s="2"/>
      <c r="AE5895" s="1"/>
    </row>
    <row r="5896" spans="1:31" ht="14.45">
      <c r="A5896" s="11"/>
      <c r="B5896" s="20"/>
      <c r="C5896" s="2" t="s">
        <v>18159</v>
      </c>
      <c r="D5896" s="14" t="s">
        <v>18160</v>
      </c>
      <c r="E5896" s="2" t="s">
        <v>18161</v>
      </c>
      <c r="F5896" s="2" t="s">
        <v>7514</v>
      </c>
      <c r="G5896" s="8">
        <v>275</v>
      </c>
      <c r="H5896" s="5">
        <v>6</v>
      </c>
      <c r="I5896" s="5" t="s">
        <v>1518</v>
      </c>
      <c r="J5896" s="5" t="s">
        <v>1519</v>
      </c>
      <c r="K5896" s="2" t="s">
        <v>1520</v>
      </c>
      <c r="L5896" s="5" t="s">
        <v>1519</v>
      </c>
      <c r="M5896" s="2" t="s">
        <v>1520</v>
      </c>
      <c r="N5896" s="5" t="s">
        <v>1521</v>
      </c>
      <c r="O5896" s="5" t="s">
        <v>38</v>
      </c>
      <c r="P5896" s="5" t="s">
        <v>39</v>
      </c>
      <c r="Q5896" s="5" t="s">
        <v>40</v>
      </c>
      <c r="R5896" s="5" t="s">
        <v>1522</v>
      </c>
      <c r="S5896" s="5" t="s">
        <v>1523</v>
      </c>
      <c r="T5896" s="5" t="s">
        <v>42</v>
      </c>
      <c r="U5896" s="2">
        <v>3.6120000000000001</v>
      </c>
      <c r="V5896" s="2">
        <v>2.93</v>
      </c>
      <c r="W5896" s="2">
        <v>0.02</v>
      </c>
      <c r="X5896" s="2">
        <v>159.1</v>
      </c>
      <c r="Y5896" s="2">
        <v>7.6</v>
      </c>
      <c r="Z5896" s="2">
        <v>16.7</v>
      </c>
      <c r="AA5896" s="5"/>
      <c r="AB5896" s="5" t="s">
        <v>43</v>
      </c>
      <c r="AC5896" s="5" t="s">
        <v>44</v>
      </c>
      <c r="AD5896" s="2"/>
      <c r="AE5896" s="1"/>
    </row>
    <row r="5897" spans="1:31" ht="14.45">
      <c r="A5897" s="11"/>
      <c r="B5897" s="20"/>
      <c r="C5897" s="2" t="s">
        <v>18162</v>
      </c>
      <c r="D5897" s="14" t="s">
        <v>18163</v>
      </c>
      <c r="E5897" s="2" t="s">
        <v>18164</v>
      </c>
      <c r="F5897" s="2" t="s">
        <v>7208</v>
      </c>
      <c r="G5897" s="8">
        <v>275</v>
      </c>
      <c r="H5897" s="5">
        <v>6</v>
      </c>
      <c r="I5897" s="5" t="s">
        <v>1518</v>
      </c>
      <c r="J5897" s="5" t="s">
        <v>1519</v>
      </c>
      <c r="K5897" s="2" t="s">
        <v>1520</v>
      </c>
      <c r="L5897" s="5" t="s">
        <v>1519</v>
      </c>
      <c r="M5897" s="2" t="s">
        <v>1520</v>
      </c>
      <c r="N5897" s="5" t="s">
        <v>1521</v>
      </c>
      <c r="O5897" s="5" t="s">
        <v>38</v>
      </c>
      <c r="P5897" s="5" t="s">
        <v>39</v>
      </c>
      <c r="Q5897" s="5" t="s">
        <v>40</v>
      </c>
      <c r="R5897" s="5" t="s">
        <v>1522</v>
      </c>
      <c r="S5897" s="5" t="s">
        <v>1523</v>
      </c>
      <c r="T5897" s="5" t="s">
        <v>42</v>
      </c>
      <c r="U5897" s="2">
        <v>3.4980000000000002</v>
      </c>
      <c r="V5897" s="2">
        <v>2.8159999999999998</v>
      </c>
      <c r="W5897" s="2">
        <v>0.02</v>
      </c>
      <c r="X5897" s="2">
        <v>159.1</v>
      </c>
      <c r="Y5897" s="2">
        <v>7.6</v>
      </c>
      <c r="Z5897" s="2">
        <v>16.7</v>
      </c>
      <c r="AA5897" s="5"/>
      <c r="AB5897" s="5" t="s">
        <v>43</v>
      </c>
      <c r="AC5897" s="5" t="s">
        <v>44</v>
      </c>
      <c r="AD5897" s="2"/>
      <c r="AE5897" s="1"/>
    </row>
    <row r="5898" spans="1:31" ht="14.45">
      <c r="A5898" s="11"/>
      <c r="B5898" s="20"/>
      <c r="C5898" s="2" t="s">
        <v>18165</v>
      </c>
      <c r="D5898" s="14" t="s">
        <v>18166</v>
      </c>
      <c r="E5898" s="2" t="s">
        <v>18167</v>
      </c>
      <c r="F5898" s="2" t="s">
        <v>7521</v>
      </c>
      <c r="G5898" s="8">
        <v>275</v>
      </c>
      <c r="H5898" s="5">
        <v>6</v>
      </c>
      <c r="I5898" s="5" t="s">
        <v>1518</v>
      </c>
      <c r="J5898" s="5" t="s">
        <v>1519</v>
      </c>
      <c r="K5898" s="2" t="s">
        <v>1520</v>
      </c>
      <c r="L5898" s="5" t="s">
        <v>1519</v>
      </c>
      <c r="M5898" s="2" t="s">
        <v>1520</v>
      </c>
      <c r="N5898" s="5" t="s">
        <v>1521</v>
      </c>
      <c r="O5898" s="5" t="s">
        <v>38</v>
      </c>
      <c r="P5898" s="5" t="s">
        <v>39</v>
      </c>
      <c r="Q5898" s="5" t="s">
        <v>40</v>
      </c>
      <c r="R5898" s="5" t="s">
        <v>1522</v>
      </c>
      <c r="S5898" s="5" t="s">
        <v>1523</v>
      </c>
      <c r="T5898" s="5" t="s">
        <v>42</v>
      </c>
      <c r="U5898" s="2">
        <v>3.6120000000000001</v>
      </c>
      <c r="V5898" s="2">
        <v>2.93</v>
      </c>
      <c r="W5898" s="2">
        <v>0.02</v>
      </c>
      <c r="X5898" s="2">
        <v>159.1</v>
      </c>
      <c r="Y5898" s="2">
        <v>7.6</v>
      </c>
      <c r="Z5898" s="2">
        <v>16.7</v>
      </c>
      <c r="AA5898" s="5"/>
      <c r="AB5898" s="5" t="s">
        <v>43</v>
      </c>
      <c r="AC5898" s="5" t="s">
        <v>44</v>
      </c>
      <c r="AD5898" s="2"/>
      <c r="AE5898" s="1"/>
    </row>
    <row r="5899" spans="1:31" ht="14.45">
      <c r="A5899" s="11"/>
      <c r="B5899" s="20"/>
      <c r="C5899" s="2" t="s">
        <v>18168</v>
      </c>
      <c r="D5899" s="14" t="s">
        <v>18169</v>
      </c>
      <c r="E5899" s="2" t="s">
        <v>18170</v>
      </c>
      <c r="F5899" s="2" t="s">
        <v>7212</v>
      </c>
      <c r="G5899" s="8">
        <v>275</v>
      </c>
      <c r="H5899" s="5">
        <v>6</v>
      </c>
      <c r="I5899" s="5" t="s">
        <v>1518</v>
      </c>
      <c r="J5899" s="5" t="s">
        <v>1519</v>
      </c>
      <c r="K5899" s="2" t="s">
        <v>1520</v>
      </c>
      <c r="L5899" s="5" t="s">
        <v>1519</v>
      </c>
      <c r="M5899" s="2" t="s">
        <v>1520</v>
      </c>
      <c r="N5899" s="5" t="s">
        <v>1521</v>
      </c>
      <c r="O5899" s="5" t="s">
        <v>38</v>
      </c>
      <c r="P5899" s="5" t="s">
        <v>39</v>
      </c>
      <c r="Q5899" s="5" t="s">
        <v>40</v>
      </c>
      <c r="R5899" s="5" t="s">
        <v>1522</v>
      </c>
      <c r="S5899" s="5" t="s">
        <v>1523</v>
      </c>
      <c r="T5899" s="5" t="s">
        <v>42</v>
      </c>
      <c r="U5899" s="2">
        <v>3.4649999999999999</v>
      </c>
      <c r="V5899" s="2">
        <v>2.7829999999999999</v>
      </c>
      <c r="W5899" s="2">
        <v>0.02</v>
      </c>
      <c r="X5899" s="2">
        <v>159.1</v>
      </c>
      <c r="Y5899" s="2">
        <v>7.6</v>
      </c>
      <c r="Z5899" s="2">
        <v>16.7</v>
      </c>
      <c r="AA5899" s="5"/>
      <c r="AB5899" s="5" t="s">
        <v>43</v>
      </c>
      <c r="AC5899" s="5" t="s">
        <v>44</v>
      </c>
      <c r="AD5899" s="2"/>
      <c r="AE5899" s="1"/>
    </row>
    <row r="5900" spans="1:31" ht="14.45">
      <c r="A5900" s="11"/>
      <c r="B5900" s="20"/>
      <c r="C5900" s="2" t="s">
        <v>18171</v>
      </c>
      <c r="D5900" s="14" t="s">
        <v>18172</v>
      </c>
      <c r="E5900" s="2" t="s">
        <v>18173</v>
      </c>
      <c r="F5900" s="2" t="s">
        <v>7528</v>
      </c>
      <c r="G5900" s="8">
        <v>275</v>
      </c>
      <c r="H5900" s="5">
        <v>6</v>
      </c>
      <c r="I5900" s="5" t="s">
        <v>1518</v>
      </c>
      <c r="J5900" s="5" t="s">
        <v>1519</v>
      </c>
      <c r="K5900" s="2" t="s">
        <v>1520</v>
      </c>
      <c r="L5900" s="5" t="s">
        <v>1519</v>
      </c>
      <c r="M5900" s="2" t="s">
        <v>1520</v>
      </c>
      <c r="N5900" s="5" t="s">
        <v>1521</v>
      </c>
      <c r="O5900" s="5" t="s">
        <v>38</v>
      </c>
      <c r="P5900" s="5" t="s">
        <v>39</v>
      </c>
      <c r="Q5900" s="5" t="s">
        <v>40</v>
      </c>
      <c r="R5900" s="5" t="s">
        <v>1522</v>
      </c>
      <c r="S5900" s="5" t="s">
        <v>1523</v>
      </c>
      <c r="T5900" s="5" t="s">
        <v>42</v>
      </c>
      <c r="U5900" s="2">
        <v>3.5790000000000002</v>
      </c>
      <c r="V5900" s="2">
        <v>2.8969999999999998</v>
      </c>
      <c r="W5900" s="2">
        <v>0.02</v>
      </c>
      <c r="X5900" s="2">
        <v>159.1</v>
      </c>
      <c r="Y5900" s="2">
        <v>7.6</v>
      </c>
      <c r="Z5900" s="2">
        <v>16.7</v>
      </c>
      <c r="AA5900" s="5"/>
      <c r="AB5900" s="5" t="s">
        <v>43</v>
      </c>
      <c r="AC5900" s="5" t="s">
        <v>44</v>
      </c>
      <c r="AD5900" s="2"/>
      <c r="AE5900" s="1"/>
    </row>
    <row r="5901" spans="1:31" ht="14.45">
      <c r="A5901" s="11"/>
      <c r="B5901" s="20"/>
      <c r="C5901" s="2" t="s">
        <v>18174</v>
      </c>
      <c r="D5901" s="14" t="s">
        <v>18175</v>
      </c>
      <c r="E5901" s="2" t="s">
        <v>18176</v>
      </c>
      <c r="F5901" s="2" t="s">
        <v>7406</v>
      </c>
      <c r="G5901" s="8">
        <v>296</v>
      </c>
      <c r="H5901" s="5">
        <v>6</v>
      </c>
      <c r="I5901" s="5" t="s">
        <v>1518</v>
      </c>
      <c r="J5901" s="5" t="s">
        <v>1519</v>
      </c>
      <c r="K5901" s="2" t="s">
        <v>1520</v>
      </c>
      <c r="L5901" s="5" t="s">
        <v>1519</v>
      </c>
      <c r="M5901" s="2" t="s">
        <v>1520</v>
      </c>
      <c r="N5901" s="5" t="s">
        <v>1521</v>
      </c>
      <c r="O5901" s="5" t="s">
        <v>38</v>
      </c>
      <c r="P5901" s="5" t="s">
        <v>39</v>
      </c>
      <c r="Q5901" s="5" t="s">
        <v>40</v>
      </c>
      <c r="R5901" s="5" t="s">
        <v>1522</v>
      </c>
      <c r="S5901" s="5" t="s">
        <v>1523</v>
      </c>
      <c r="T5901" s="5" t="s">
        <v>42</v>
      </c>
      <c r="U5901" s="2">
        <v>3.4649999999999999</v>
      </c>
      <c r="V5901" s="2">
        <v>2.7829999999999999</v>
      </c>
      <c r="W5901" s="2">
        <v>0.02</v>
      </c>
      <c r="X5901" s="2">
        <v>159.1</v>
      </c>
      <c r="Y5901" s="2">
        <v>7.6</v>
      </c>
      <c r="Z5901" s="2">
        <v>16.7</v>
      </c>
      <c r="AA5901" s="5"/>
      <c r="AB5901" s="5" t="s">
        <v>43</v>
      </c>
      <c r="AC5901" s="5" t="s">
        <v>44</v>
      </c>
      <c r="AD5901" s="2"/>
      <c r="AE5901" s="1"/>
    </row>
    <row r="5902" spans="1:31" ht="14.45">
      <c r="A5902" s="11"/>
      <c r="B5902" s="20"/>
      <c r="C5902" s="2" t="s">
        <v>18177</v>
      </c>
      <c r="D5902" s="14" t="s">
        <v>18178</v>
      </c>
      <c r="E5902" s="2" t="s">
        <v>18179</v>
      </c>
      <c r="F5902" s="2" t="s">
        <v>7535</v>
      </c>
      <c r="G5902" s="8">
        <v>296</v>
      </c>
      <c r="H5902" s="5">
        <v>6</v>
      </c>
      <c r="I5902" s="5" t="s">
        <v>1518</v>
      </c>
      <c r="J5902" s="5" t="s">
        <v>1519</v>
      </c>
      <c r="K5902" s="2" t="s">
        <v>1520</v>
      </c>
      <c r="L5902" s="5" t="s">
        <v>1519</v>
      </c>
      <c r="M5902" s="2" t="s">
        <v>1520</v>
      </c>
      <c r="N5902" s="5" t="s">
        <v>1521</v>
      </c>
      <c r="O5902" s="5" t="s">
        <v>38</v>
      </c>
      <c r="P5902" s="5" t="s">
        <v>39</v>
      </c>
      <c r="Q5902" s="5" t="s">
        <v>40</v>
      </c>
      <c r="R5902" s="5" t="s">
        <v>1522</v>
      </c>
      <c r="S5902" s="5" t="s">
        <v>1523</v>
      </c>
      <c r="T5902" s="5" t="s">
        <v>42</v>
      </c>
      <c r="U5902" s="2">
        <v>3.5790000000000002</v>
      </c>
      <c r="V5902" s="2">
        <v>2.8969999999999998</v>
      </c>
      <c r="W5902" s="2">
        <v>0.02</v>
      </c>
      <c r="X5902" s="2">
        <v>159.1</v>
      </c>
      <c r="Y5902" s="2">
        <v>7.6</v>
      </c>
      <c r="Z5902" s="2">
        <v>16.7</v>
      </c>
      <c r="AA5902" s="5"/>
      <c r="AB5902" s="5" t="s">
        <v>43</v>
      </c>
      <c r="AC5902" s="5" t="s">
        <v>44</v>
      </c>
      <c r="AD5902" s="2"/>
      <c r="AE5902" s="1"/>
    </row>
    <row r="5903" spans="1:31" ht="14.45">
      <c r="A5903" s="11"/>
      <c r="B5903" s="20"/>
      <c r="C5903" s="2" t="s">
        <v>18180</v>
      </c>
      <c r="D5903" s="14" t="s">
        <v>18181</v>
      </c>
      <c r="E5903" s="2" t="s">
        <v>18182</v>
      </c>
      <c r="F5903" s="2" t="s">
        <v>7539</v>
      </c>
      <c r="G5903" s="8">
        <v>296</v>
      </c>
      <c r="H5903" s="5">
        <v>6</v>
      </c>
      <c r="I5903" s="5" t="s">
        <v>1518</v>
      </c>
      <c r="J5903" s="5" t="s">
        <v>1519</v>
      </c>
      <c r="K5903" s="2" t="s">
        <v>1520</v>
      </c>
      <c r="L5903" s="5" t="s">
        <v>1519</v>
      </c>
      <c r="M5903" s="2" t="s">
        <v>1520</v>
      </c>
      <c r="N5903" s="5" t="s">
        <v>1521</v>
      </c>
      <c r="O5903" s="5" t="s">
        <v>38</v>
      </c>
      <c r="P5903" s="5" t="s">
        <v>39</v>
      </c>
      <c r="Q5903" s="5" t="s">
        <v>40</v>
      </c>
      <c r="R5903" s="5" t="s">
        <v>1522</v>
      </c>
      <c r="S5903" s="5" t="s">
        <v>1523</v>
      </c>
      <c r="T5903" s="5" t="s">
        <v>42</v>
      </c>
      <c r="U5903" s="2">
        <v>3.4980000000000002</v>
      </c>
      <c r="V5903" s="2">
        <v>2.8159999999999998</v>
      </c>
      <c r="W5903" s="2">
        <v>0.02</v>
      </c>
      <c r="X5903" s="2">
        <v>159.1</v>
      </c>
      <c r="Y5903" s="2">
        <v>7.6</v>
      </c>
      <c r="Z5903" s="2">
        <v>16.7</v>
      </c>
      <c r="AA5903" s="5"/>
      <c r="AB5903" s="5" t="s">
        <v>43</v>
      </c>
      <c r="AC5903" s="5" t="s">
        <v>44</v>
      </c>
      <c r="AD5903" s="2"/>
      <c r="AE5903" s="1"/>
    </row>
    <row r="5904" spans="1:31" ht="14.45">
      <c r="A5904" s="11"/>
      <c r="B5904" s="20"/>
      <c r="C5904" s="2" t="s">
        <v>18183</v>
      </c>
      <c r="D5904" s="14" t="s">
        <v>18184</v>
      </c>
      <c r="E5904" s="2" t="s">
        <v>18185</v>
      </c>
      <c r="F5904" s="2" t="s">
        <v>7543</v>
      </c>
      <c r="G5904" s="8">
        <v>296</v>
      </c>
      <c r="H5904" s="5">
        <v>6</v>
      </c>
      <c r="I5904" s="5" t="s">
        <v>1518</v>
      </c>
      <c r="J5904" s="5" t="s">
        <v>1519</v>
      </c>
      <c r="K5904" s="2" t="s">
        <v>1520</v>
      </c>
      <c r="L5904" s="5" t="s">
        <v>1519</v>
      </c>
      <c r="M5904" s="2" t="s">
        <v>1520</v>
      </c>
      <c r="N5904" s="5" t="s">
        <v>1521</v>
      </c>
      <c r="O5904" s="5" t="s">
        <v>38</v>
      </c>
      <c r="P5904" s="5" t="s">
        <v>39</v>
      </c>
      <c r="Q5904" s="5" t="s">
        <v>40</v>
      </c>
      <c r="R5904" s="5" t="s">
        <v>1522</v>
      </c>
      <c r="S5904" s="5" t="s">
        <v>1523</v>
      </c>
      <c r="T5904" s="5" t="s">
        <v>42</v>
      </c>
      <c r="U5904" s="2">
        <v>3.6120000000000001</v>
      </c>
      <c r="V5904" s="2">
        <v>2.93</v>
      </c>
      <c r="W5904" s="2">
        <v>0.02</v>
      </c>
      <c r="X5904" s="2">
        <v>159.1</v>
      </c>
      <c r="Y5904" s="2">
        <v>7.6</v>
      </c>
      <c r="Z5904" s="2">
        <v>16.7</v>
      </c>
      <c r="AA5904" s="5"/>
      <c r="AB5904" s="5" t="s">
        <v>43</v>
      </c>
      <c r="AC5904" s="5" t="s">
        <v>44</v>
      </c>
      <c r="AD5904" s="2"/>
      <c r="AE5904" s="1"/>
    </row>
    <row r="5905" spans="1:31" ht="14.45">
      <c r="A5905" s="11"/>
      <c r="B5905" s="20"/>
      <c r="C5905" s="2" t="s">
        <v>18186</v>
      </c>
      <c r="D5905" s="14" t="s">
        <v>18187</v>
      </c>
      <c r="E5905" s="2" t="s">
        <v>18188</v>
      </c>
      <c r="F5905" s="2" t="s">
        <v>7547</v>
      </c>
      <c r="G5905" s="8">
        <v>296</v>
      </c>
      <c r="H5905" s="5">
        <v>6</v>
      </c>
      <c r="I5905" s="5" t="s">
        <v>1518</v>
      </c>
      <c r="J5905" s="5" t="s">
        <v>1519</v>
      </c>
      <c r="K5905" s="2" t="s">
        <v>1520</v>
      </c>
      <c r="L5905" s="5" t="s">
        <v>1519</v>
      </c>
      <c r="M5905" s="2" t="s">
        <v>1520</v>
      </c>
      <c r="N5905" s="5" t="s">
        <v>1521</v>
      </c>
      <c r="O5905" s="5" t="s">
        <v>38</v>
      </c>
      <c r="P5905" s="5" t="s">
        <v>39</v>
      </c>
      <c r="Q5905" s="5" t="s">
        <v>40</v>
      </c>
      <c r="R5905" s="5" t="s">
        <v>1522</v>
      </c>
      <c r="S5905" s="5" t="s">
        <v>1523</v>
      </c>
      <c r="T5905" s="5" t="s">
        <v>42</v>
      </c>
      <c r="U5905" s="2">
        <v>3.4649999999999999</v>
      </c>
      <c r="V5905" s="2">
        <v>2.7829999999999999</v>
      </c>
      <c r="W5905" s="2">
        <v>0.02</v>
      </c>
      <c r="X5905" s="2">
        <v>159.1</v>
      </c>
      <c r="Y5905" s="2">
        <v>7.6</v>
      </c>
      <c r="Z5905" s="2">
        <v>16.7</v>
      </c>
      <c r="AA5905" s="5"/>
      <c r="AB5905" s="5" t="s">
        <v>43</v>
      </c>
      <c r="AC5905" s="5" t="s">
        <v>44</v>
      </c>
      <c r="AD5905" s="2"/>
      <c r="AE5905" s="1"/>
    </row>
    <row r="5906" spans="1:31" ht="14.45">
      <c r="A5906" s="11"/>
      <c r="B5906" s="20"/>
      <c r="C5906" s="2" t="s">
        <v>18189</v>
      </c>
      <c r="D5906" s="14" t="s">
        <v>18190</v>
      </c>
      <c r="E5906" s="2" t="s">
        <v>18191</v>
      </c>
      <c r="F5906" s="2" t="s">
        <v>7551</v>
      </c>
      <c r="G5906" s="8">
        <v>296</v>
      </c>
      <c r="H5906" s="5">
        <v>6</v>
      </c>
      <c r="I5906" s="5" t="s">
        <v>1518</v>
      </c>
      <c r="J5906" s="5" t="s">
        <v>1519</v>
      </c>
      <c r="K5906" s="2" t="s">
        <v>1520</v>
      </c>
      <c r="L5906" s="5" t="s">
        <v>1519</v>
      </c>
      <c r="M5906" s="2" t="s">
        <v>1520</v>
      </c>
      <c r="N5906" s="5" t="s">
        <v>1521</v>
      </c>
      <c r="O5906" s="5" t="s">
        <v>38</v>
      </c>
      <c r="P5906" s="5" t="s">
        <v>39</v>
      </c>
      <c r="Q5906" s="5" t="s">
        <v>40</v>
      </c>
      <c r="R5906" s="5" t="s">
        <v>1522</v>
      </c>
      <c r="S5906" s="5" t="s">
        <v>1523</v>
      </c>
      <c r="T5906" s="5" t="s">
        <v>42</v>
      </c>
      <c r="U5906" s="2">
        <v>3.5790000000000002</v>
      </c>
      <c r="V5906" s="2">
        <v>2.8969999999999998</v>
      </c>
      <c r="W5906" s="2">
        <v>0.02</v>
      </c>
      <c r="X5906" s="2">
        <v>159.1</v>
      </c>
      <c r="Y5906" s="2">
        <v>7.6</v>
      </c>
      <c r="Z5906" s="2">
        <v>16.7</v>
      </c>
      <c r="AA5906" s="5"/>
      <c r="AB5906" s="5" t="s">
        <v>43</v>
      </c>
      <c r="AC5906" s="5" t="s">
        <v>44</v>
      </c>
      <c r="AD5906" s="2"/>
      <c r="AE5906" s="1"/>
    </row>
    <row r="5907" spans="1:31" ht="14.45">
      <c r="A5907" s="11"/>
      <c r="B5907" s="20"/>
      <c r="C5907" s="2" t="s">
        <v>18192</v>
      </c>
      <c r="D5907" s="14" t="s">
        <v>18193</v>
      </c>
      <c r="E5907" s="2" t="s">
        <v>18194</v>
      </c>
      <c r="F5907" s="2" t="s">
        <v>7559</v>
      </c>
      <c r="G5907" s="8">
        <v>296</v>
      </c>
      <c r="H5907" s="5">
        <v>6</v>
      </c>
      <c r="I5907" s="5" t="s">
        <v>1518</v>
      </c>
      <c r="J5907" s="5" t="s">
        <v>1519</v>
      </c>
      <c r="K5907" s="2" t="s">
        <v>1520</v>
      </c>
      <c r="L5907" s="5" t="s">
        <v>1519</v>
      </c>
      <c r="M5907" s="2" t="s">
        <v>1520</v>
      </c>
      <c r="N5907" s="5" t="s">
        <v>1521</v>
      </c>
      <c r="O5907" s="5" t="s">
        <v>38</v>
      </c>
      <c r="P5907" s="5" t="s">
        <v>39</v>
      </c>
      <c r="Q5907" s="5" t="s">
        <v>40</v>
      </c>
      <c r="R5907" s="5" t="s">
        <v>1522</v>
      </c>
      <c r="S5907" s="5" t="s">
        <v>1523</v>
      </c>
      <c r="T5907" s="5" t="s">
        <v>42</v>
      </c>
      <c r="U5907" s="2">
        <v>3.5790000000000002</v>
      </c>
      <c r="V5907" s="2">
        <v>2.8969999999999998</v>
      </c>
      <c r="W5907" s="2">
        <v>0.02</v>
      </c>
      <c r="X5907" s="2">
        <v>159.1</v>
      </c>
      <c r="Y5907" s="2">
        <v>7.6</v>
      </c>
      <c r="Z5907" s="2">
        <v>16.7</v>
      </c>
      <c r="AA5907" s="5"/>
      <c r="AB5907" s="5" t="s">
        <v>43</v>
      </c>
      <c r="AC5907" s="5" t="s">
        <v>44</v>
      </c>
      <c r="AD5907" s="2"/>
      <c r="AE5907" s="1"/>
    </row>
    <row r="5908" spans="1:31" ht="14.45">
      <c r="A5908" s="11"/>
      <c r="B5908" s="20"/>
      <c r="C5908" s="2" t="s">
        <v>18195</v>
      </c>
      <c r="D5908" s="14" t="s">
        <v>18196</v>
      </c>
      <c r="E5908" s="2" t="s">
        <v>18197</v>
      </c>
      <c r="F5908" s="2" t="s">
        <v>7563</v>
      </c>
      <c r="G5908" s="8">
        <v>296</v>
      </c>
      <c r="H5908" s="5">
        <v>6</v>
      </c>
      <c r="I5908" s="5" t="s">
        <v>1518</v>
      </c>
      <c r="J5908" s="5" t="s">
        <v>1519</v>
      </c>
      <c r="K5908" s="2" t="s">
        <v>1520</v>
      </c>
      <c r="L5908" s="5" t="s">
        <v>1519</v>
      </c>
      <c r="M5908" s="2" t="s">
        <v>1520</v>
      </c>
      <c r="N5908" s="5" t="s">
        <v>1521</v>
      </c>
      <c r="O5908" s="5" t="s">
        <v>38</v>
      </c>
      <c r="P5908" s="5" t="s">
        <v>39</v>
      </c>
      <c r="Q5908" s="5" t="s">
        <v>40</v>
      </c>
      <c r="R5908" s="5" t="s">
        <v>1522</v>
      </c>
      <c r="S5908" s="5" t="s">
        <v>1523</v>
      </c>
      <c r="T5908" s="5" t="s">
        <v>42</v>
      </c>
      <c r="U5908" s="2">
        <v>3.4980000000000002</v>
      </c>
      <c r="V5908" s="2">
        <v>2.8159999999999998</v>
      </c>
      <c r="W5908" s="2">
        <v>0.02</v>
      </c>
      <c r="X5908" s="2">
        <v>159.1</v>
      </c>
      <c r="Y5908" s="2">
        <v>7.6</v>
      </c>
      <c r="Z5908" s="2">
        <v>16.7</v>
      </c>
      <c r="AA5908" s="5"/>
      <c r="AB5908" s="5" t="s">
        <v>43</v>
      </c>
      <c r="AC5908" s="5" t="s">
        <v>44</v>
      </c>
      <c r="AD5908" s="2"/>
      <c r="AE5908" s="1"/>
    </row>
    <row r="5909" spans="1:31" ht="14.45">
      <c r="A5909" s="11"/>
      <c r="B5909" s="20"/>
      <c r="C5909" s="2" t="s">
        <v>18198</v>
      </c>
      <c r="D5909" s="14" t="s">
        <v>18199</v>
      </c>
      <c r="E5909" s="2" t="s">
        <v>18200</v>
      </c>
      <c r="F5909" s="2" t="s">
        <v>7567</v>
      </c>
      <c r="G5909" s="8">
        <v>296</v>
      </c>
      <c r="H5909" s="5">
        <v>6</v>
      </c>
      <c r="I5909" s="5" t="s">
        <v>1518</v>
      </c>
      <c r="J5909" s="5" t="s">
        <v>1519</v>
      </c>
      <c r="K5909" s="2" t="s">
        <v>1520</v>
      </c>
      <c r="L5909" s="5" t="s">
        <v>1519</v>
      </c>
      <c r="M5909" s="2" t="s">
        <v>1520</v>
      </c>
      <c r="N5909" s="5" t="s">
        <v>1521</v>
      </c>
      <c r="O5909" s="5" t="s">
        <v>38</v>
      </c>
      <c r="P5909" s="5" t="s">
        <v>39</v>
      </c>
      <c r="Q5909" s="5" t="s">
        <v>40</v>
      </c>
      <c r="R5909" s="5" t="s">
        <v>1522</v>
      </c>
      <c r="S5909" s="5" t="s">
        <v>1523</v>
      </c>
      <c r="T5909" s="5" t="s">
        <v>42</v>
      </c>
      <c r="U5909" s="2">
        <v>3.6120000000000001</v>
      </c>
      <c r="V5909" s="2">
        <v>2.93</v>
      </c>
      <c r="W5909" s="2">
        <v>0.02</v>
      </c>
      <c r="X5909" s="2">
        <v>159.1</v>
      </c>
      <c r="Y5909" s="2">
        <v>7.6</v>
      </c>
      <c r="Z5909" s="2">
        <v>16.7</v>
      </c>
      <c r="AA5909" s="5"/>
      <c r="AB5909" s="5" t="s">
        <v>43</v>
      </c>
      <c r="AC5909" s="5" t="s">
        <v>44</v>
      </c>
      <c r="AD5909" s="2"/>
      <c r="AE5909" s="1"/>
    </row>
    <row r="5910" spans="1:31" ht="14.45">
      <c r="A5910" s="11"/>
      <c r="B5910" s="20"/>
      <c r="C5910" s="2" t="s">
        <v>18201</v>
      </c>
      <c r="D5910" s="14" t="s">
        <v>18202</v>
      </c>
      <c r="E5910" s="2" t="s">
        <v>18203</v>
      </c>
      <c r="F5910" s="2" t="s">
        <v>16079</v>
      </c>
      <c r="G5910" s="8">
        <v>296</v>
      </c>
      <c r="H5910" s="5">
        <v>6</v>
      </c>
      <c r="I5910" s="5" t="s">
        <v>1518</v>
      </c>
      <c r="J5910" s="5" t="s">
        <v>1519</v>
      </c>
      <c r="K5910" s="2" t="s">
        <v>1520</v>
      </c>
      <c r="L5910" s="5" t="s">
        <v>1519</v>
      </c>
      <c r="M5910" s="2" t="s">
        <v>1520</v>
      </c>
      <c r="N5910" s="5" t="s">
        <v>1521</v>
      </c>
      <c r="O5910" s="5" t="s">
        <v>38</v>
      </c>
      <c r="P5910" s="5" t="s">
        <v>39</v>
      </c>
      <c r="Q5910" s="5" t="s">
        <v>40</v>
      </c>
      <c r="R5910" s="5" t="s">
        <v>1522</v>
      </c>
      <c r="S5910" s="5" t="s">
        <v>1523</v>
      </c>
      <c r="T5910" s="5" t="s">
        <v>42</v>
      </c>
      <c r="U5910" s="2">
        <v>3.4980000000000002</v>
      </c>
      <c r="V5910" s="2">
        <v>2.8159999999999998</v>
      </c>
      <c r="W5910" s="2">
        <v>0.02</v>
      </c>
      <c r="X5910" s="2">
        <v>159.1</v>
      </c>
      <c r="Y5910" s="2">
        <v>7.6</v>
      </c>
      <c r="Z5910" s="2">
        <v>16.7</v>
      </c>
      <c r="AA5910" s="5"/>
      <c r="AB5910" s="5" t="s">
        <v>43</v>
      </c>
      <c r="AC5910" s="5" t="s">
        <v>44</v>
      </c>
      <c r="AD5910" s="2"/>
      <c r="AE5910" s="1"/>
    </row>
    <row r="5911" spans="1:31" ht="14.45">
      <c r="A5911" s="11"/>
      <c r="B5911" s="20"/>
      <c r="C5911" s="2" t="s">
        <v>18204</v>
      </c>
      <c r="D5911" s="14" t="s">
        <v>18205</v>
      </c>
      <c r="E5911" s="2" t="s">
        <v>18206</v>
      </c>
      <c r="F5911" s="2" t="s">
        <v>16194</v>
      </c>
      <c r="G5911" s="8">
        <v>296</v>
      </c>
      <c r="H5911" s="5">
        <v>6</v>
      </c>
      <c r="I5911" s="5" t="s">
        <v>1518</v>
      </c>
      <c r="J5911" s="5" t="s">
        <v>1519</v>
      </c>
      <c r="K5911" s="2" t="s">
        <v>1520</v>
      </c>
      <c r="L5911" s="5" t="s">
        <v>1519</v>
      </c>
      <c r="M5911" s="2" t="s">
        <v>1520</v>
      </c>
      <c r="N5911" s="5" t="s">
        <v>1521</v>
      </c>
      <c r="O5911" s="5" t="s">
        <v>38</v>
      </c>
      <c r="P5911" s="5" t="s">
        <v>39</v>
      </c>
      <c r="Q5911" s="5" t="s">
        <v>40</v>
      </c>
      <c r="R5911" s="5" t="s">
        <v>1522</v>
      </c>
      <c r="S5911" s="5" t="s">
        <v>1523</v>
      </c>
      <c r="T5911" s="5" t="s">
        <v>42</v>
      </c>
      <c r="U5911" s="2">
        <v>3.6120000000000001</v>
      </c>
      <c r="V5911" s="2">
        <v>2.93</v>
      </c>
      <c r="W5911" s="2">
        <v>0.02</v>
      </c>
      <c r="X5911" s="2">
        <v>159.1</v>
      </c>
      <c r="Y5911" s="2">
        <v>7.6</v>
      </c>
      <c r="Z5911" s="2">
        <v>16.7</v>
      </c>
      <c r="AA5911" s="5"/>
      <c r="AB5911" s="5" t="s">
        <v>43</v>
      </c>
      <c r="AC5911" s="5" t="s">
        <v>44</v>
      </c>
      <c r="AD5911" s="2"/>
      <c r="AE5911" s="1"/>
    </row>
    <row r="5912" spans="1:31" ht="14.45">
      <c r="A5912" s="11"/>
      <c r="B5912" s="20"/>
      <c r="C5912" s="2" t="s">
        <v>18207</v>
      </c>
      <c r="D5912" s="14" t="s">
        <v>18208</v>
      </c>
      <c r="E5912" s="2" t="s">
        <v>18209</v>
      </c>
      <c r="F5912" s="2" t="s">
        <v>7449</v>
      </c>
      <c r="G5912" s="8">
        <v>296</v>
      </c>
      <c r="H5912" s="5">
        <v>6</v>
      </c>
      <c r="I5912" s="5" t="s">
        <v>1518</v>
      </c>
      <c r="J5912" s="5" t="s">
        <v>1519</v>
      </c>
      <c r="K5912" s="2" t="s">
        <v>1520</v>
      </c>
      <c r="L5912" s="5" t="s">
        <v>1519</v>
      </c>
      <c r="M5912" s="2" t="s">
        <v>1520</v>
      </c>
      <c r="N5912" s="5" t="s">
        <v>1521</v>
      </c>
      <c r="O5912" s="5" t="s">
        <v>38</v>
      </c>
      <c r="P5912" s="5" t="s">
        <v>39</v>
      </c>
      <c r="Q5912" s="5" t="s">
        <v>40</v>
      </c>
      <c r="R5912" s="5" t="s">
        <v>1522</v>
      </c>
      <c r="S5912" s="5" t="s">
        <v>1523</v>
      </c>
      <c r="T5912" s="5" t="s">
        <v>42</v>
      </c>
      <c r="U5912" s="2">
        <v>3.4980000000000002</v>
      </c>
      <c r="V5912" s="2">
        <v>2.8159999999999998</v>
      </c>
      <c r="W5912" s="2">
        <v>0.02</v>
      </c>
      <c r="X5912" s="2">
        <v>159.1</v>
      </c>
      <c r="Y5912" s="2">
        <v>7.6</v>
      </c>
      <c r="Z5912" s="2">
        <v>16.7</v>
      </c>
      <c r="AA5912" s="5"/>
      <c r="AB5912" s="5" t="s">
        <v>43</v>
      </c>
      <c r="AC5912" s="5" t="s">
        <v>44</v>
      </c>
      <c r="AD5912" s="2"/>
      <c r="AE5912" s="1"/>
    </row>
    <row r="5913" spans="1:31" ht="14.45">
      <c r="A5913" s="11"/>
      <c r="B5913" s="20"/>
      <c r="C5913" s="2" t="s">
        <v>18210</v>
      </c>
      <c r="D5913" s="14" t="s">
        <v>18211</v>
      </c>
      <c r="E5913" s="2" t="s">
        <v>18212</v>
      </c>
      <c r="F5913" s="2" t="s">
        <v>7581</v>
      </c>
      <c r="G5913" s="8">
        <v>296</v>
      </c>
      <c r="H5913" s="5">
        <v>6</v>
      </c>
      <c r="I5913" s="5" t="s">
        <v>1518</v>
      </c>
      <c r="J5913" s="5" t="s">
        <v>1519</v>
      </c>
      <c r="K5913" s="2" t="s">
        <v>1520</v>
      </c>
      <c r="L5913" s="5" t="s">
        <v>1519</v>
      </c>
      <c r="M5913" s="2" t="s">
        <v>1520</v>
      </c>
      <c r="N5913" s="5" t="s">
        <v>1521</v>
      </c>
      <c r="O5913" s="5" t="s">
        <v>38</v>
      </c>
      <c r="P5913" s="5" t="s">
        <v>39</v>
      </c>
      <c r="Q5913" s="5" t="s">
        <v>40</v>
      </c>
      <c r="R5913" s="5" t="s">
        <v>1522</v>
      </c>
      <c r="S5913" s="5" t="s">
        <v>1523</v>
      </c>
      <c r="T5913" s="5" t="s">
        <v>42</v>
      </c>
      <c r="U5913" s="2">
        <v>3.6120000000000001</v>
      </c>
      <c r="V5913" s="2">
        <v>2.93</v>
      </c>
      <c r="W5913" s="2">
        <v>0.02</v>
      </c>
      <c r="X5913" s="2">
        <v>159.1</v>
      </c>
      <c r="Y5913" s="2">
        <v>7.6</v>
      </c>
      <c r="Z5913" s="2">
        <v>16.7</v>
      </c>
      <c r="AA5913" s="5"/>
      <c r="AB5913" s="5" t="s">
        <v>43</v>
      </c>
      <c r="AC5913" s="5" t="s">
        <v>44</v>
      </c>
      <c r="AD5913" s="2"/>
      <c r="AE5913" s="1"/>
    </row>
    <row r="5914" spans="1:31" ht="14.45">
      <c r="A5914" s="11"/>
      <c r="B5914" s="20"/>
      <c r="C5914" s="2" t="s">
        <v>18213</v>
      </c>
      <c r="D5914" s="14" t="s">
        <v>18214</v>
      </c>
      <c r="E5914" s="2" t="s">
        <v>18215</v>
      </c>
      <c r="F5914" s="2" t="s">
        <v>7585</v>
      </c>
      <c r="G5914" s="8">
        <v>296</v>
      </c>
      <c r="H5914" s="5">
        <v>6</v>
      </c>
      <c r="I5914" s="5" t="s">
        <v>1518</v>
      </c>
      <c r="J5914" s="5" t="s">
        <v>1519</v>
      </c>
      <c r="K5914" s="2" t="s">
        <v>1520</v>
      </c>
      <c r="L5914" s="5" t="s">
        <v>1519</v>
      </c>
      <c r="M5914" s="2" t="s">
        <v>1520</v>
      </c>
      <c r="N5914" s="5" t="s">
        <v>1521</v>
      </c>
      <c r="O5914" s="5" t="s">
        <v>38</v>
      </c>
      <c r="P5914" s="5" t="s">
        <v>39</v>
      </c>
      <c r="Q5914" s="5" t="s">
        <v>40</v>
      </c>
      <c r="R5914" s="5" t="s">
        <v>1522</v>
      </c>
      <c r="S5914" s="5" t="s">
        <v>1523</v>
      </c>
      <c r="T5914" s="5" t="s">
        <v>42</v>
      </c>
      <c r="U5914" s="2">
        <v>3.4649999999999999</v>
      </c>
      <c r="V5914" s="2">
        <v>2.7829999999999999</v>
      </c>
      <c r="W5914" s="2">
        <v>0.02</v>
      </c>
      <c r="X5914" s="2">
        <v>159.1</v>
      </c>
      <c r="Y5914" s="2">
        <v>7.6</v>
      </c>
      <c r="Z5914" s="2">
        <v>16.7</v>
      </c>
      <c r="AA5914" s="5"/>
      <c r="AB5914" s="5" t="s">
        <v>43</v>
      </c>
      <c r="AC5914" s="5" t="s">
        <v>44</v>
      </c>
      <c r="AD5914" s="2"/>
      <c r="AE5914" s="1"/>
    </row>
    <row r="5915" spans="1:31" ht="14.45">
      <c r="A5915" s="11"/>
      <c r="B5915" s="20"/>
      <c r="C5915" s="2" t="s">
        <v>18216</v>
      </c>
      <c r="D5915" s="14" t="s">
        <v>18217</v>
      </c>
      <c r="E5915" s="2" t="s">
        <v>18218</v>
      </c>
      <c r="F5915" s="2" t="s">
        <v>7589</v>
      </c>
      <c r="G5915" s="8">
        <v>296</v>
      </c>
      <c r="H5915" s="5">
        <v>6</v>
      </c>
      <c r="I5915" s="5" t="s">
        <v>1518</v>
      </c>
      <c r="J5915" s="5" t="s">
        <v>1519</v>
      </c>
      <c r="K5915" s="2" t="s">
        <v>1520</v>
      </c>
      <c r="L5915" s="5" t="s">
        <v>1519</v>
      </c>
      <c r="M5915" s="2" t="s">
        <v>1520</v>
      </c>
      <c r="N5915" s="5" t="s">
        <v>1521</v>
      </c>
      <c r="O5915" s="5" t="s">
        <v>38</v>
      </c>
      <c r="P5915" s="5" t="s">
        <v>39</v>
      </c>
      <c r="Q5915" s="5" t="s">
        <v>40</v>
      </c>
      <c r="R5915" s="5" t="s">
        <v>1522</v>
      </c>
      <c r="S5915" s="5" t="s">
        <v>1523</v>
      </c>
      <c r="T5915" s="5" t="s">
        <v>42</v>
      </c>
      <c r="U5915" s="2">
        <v>3.5790000000000002</v>
      </c>
      <c r="V5915" s="2">
        <v>2.8969999999999998</v>
      </c>
      <c r="W5915" s="2">
        <v>0.02</v>
      </c>
      <c r="X5915" s="2">
        <v>159.1</v>
      </c>
      <c r="Y5915" s="2">
        <v>7.6</v>
      </c>
      <c r="Z5915" s="2">
        <v>16.7</v>
      </c>
      <c r="AA5915" s="5"/>
      <c r="AB5915" s="5" t="s">
        <v>43</v>
      </c>
      <c r="AC5915" s="5" t="s">
        <v>44</v>
      </c>
      <c r="AD5915" s="2"/>
      <c r="AE5915" s="1"/>
    </row>
    <row r="5916" spans="1:31" ht="14.45">
      <c r="A5916" s="11"/>
      <c r="B5916" s="20"/>
      <c r="C5916" s="2" t="s">
        <v>18219</v>
      </c>
      <c r="D5916" s="14" t="s">
        <v>18220</v>
      </c>
      <c r="E5916" s="2" t="s">
        <v>18221</v>
      </c>
      <c r="F5916" s="2" t="s">
        <v>7597</v>
      </c>
      <c r="G5916" s="8">
        <v>296</v>
      </c>
      <c r="H5916" s="5">
        <v>6</v>
      </c>
      <c r="I5916" s="5" t="s">
        <v>1518</v>
      </c>
      <c r="J5916" s="5" t="s">
        <v>1519</v>
      </c>
      <c r="K5916" s="2" t="s">
        <v>1520</v>
      </c>
      <c r="L5916" s="5" t="s">
        <v>1519</v>
      </c>
      <c r="M5916" s="2" t="s">
        <v>1520</v>
      </c>
      <c r="N5916" s="5" t="s">
        <v>1521</v>
      </c>
      <c r="O5916" s="5" t="s">
        <v>38</v>
      </c>
      <c r="P5916" s="5" t="s">
        <v>39</v>
      </c>
      <c r="Q5916" s="5" t="s">
        <v>40</v>
      </c>
      <c r="R5916" s="5" t="s">
        <v>1522</v>
      </c>
      <c r="S5916" s="5" t="s">
        <v>1523</v>
      </c>
      <c r="T5916" s="5" t="s">
        <v>42</v>
      </c>
      <c r="U5916" s="2">
        <v>3.6120000000000001</v>
      </c>
      <c r="V5916" s="2">
        <v>2.93</v>
      </c>
      <c r="W5916" s="2">
        <v>0.02</v>
      </c>
      <c r="X5916" s="2">
        <v>159.1</v>
      </c>
      <c r="Y5916" s="2">
        <v>7.6</v>
      </c>
      <c r="Z5916" s="2">
        <v>16.7</v>
      </c>
      <c r="AA5916" s="5"/>
      <c r="AB5916" s="5" t="s">
        <v>43</v>
      </c>
      <c r="AC5916" s="5" t="s">
        <v>44</v>
      </c>
      <c r="AD5916" s="2"/>
      <c r="AE5916" s="1"/>
    </row>
    <row r="5917" spans="1:31" ht="14.45">
      <c r="A5917" s="11"/>
      <c r="B5917" s="20"/>
      <c r="C5917" s="2" t="s">
        <v>18222</v>
      </c>
      <c r="D5917" s="14" t="s">
        <v>18223</v>
      </c>
      <c r="E5917" s="2" t="s">
        <v>18224</v>
      </c>
      <c r="F5917" s="2" t="s">
        <v>16014</v>
      </c>
      <c r="G5917" s="8">
        <v>296</v>
      </c>
      <c r="H5917" s="5">
        <v>6</v>
      </c>
      <c r="I5917" s="5" t="s">
        <v>1518</v>
      </c>
      <c r="J5917" s="5" t="s">
        <v>1519</v>
      </c>
      <c r="K5917" s="2" t="s">
        <v>1520</v>
      </c>
      <c r="L5917" s="5" t="s">
        <v>1519</v>
      </c>
      <c r="M5917" s="2" t="s">
        <v>1520</v>
      </c>
      <c r="N5917" s="5" t="s">
        <v>1521</v>
      </c>
      <c r="O5917" s="5" t="s">
        <v>38</v>
      </c>
      <c r="P5917" s="5" t="s">
        <v>39</v>
      </c>
      <c r="Q5917" s="5" t="s">
        <v>40</v>
      </c>
      <c r="R5917" s="5" t="s">
        <v>1522</v>
      </c>
      <c r="S5917" s="5" t="s">
        <v>1523</v>
      </c>
      <c r="T5917" s="5" t="s">
        <v>42</v>
      </c>
      <c r="U5917" s="2">
        <v>3.4980000000000002</v>
      </c>
      <c r="V5917" s="2">
        <v>2.8159999999999998</v>
      </c>
      <c r="W5917" s="2">
        <v>0.02</v>
      </c>
      <c r="X5917" s="2">
        <v>159.1</v>
      </c>
      <c r="Y5917" s="2">
        <v>7.6</v>
      </c>
      <c r="Z5917" s="2">
        <v>16.7</v>
      </c>
      <c r="AA5917" s="5"/>
      <c r="AB5917" s="5" t="s">
        <v>43</v>
      </c>
      <c r="AC5917" s="5" t="s">
        <v>44</v>
      </c>
      <c r="AD5917" s="2"/>
      <c r="AE5917" s="1"/>
    </row>
    <row r="5918" spans="1:31" ht="14.45">
      <c r="A5918" s="11"/>
      <c r="B5918" s="20"/>
      <c r="C5918" s="2" t="s">
        <v>18225</v>
      </c>
      <c r="D5918" s="14" t="s">
        <v>18226</v>
      </c>
      <c r="E5918" s="2" t="s">
        <v>18227</v>
      </c>
      <c r="F5918" s="2" t="s">
        <v>16219</v>
      </c>
      <c r="G5918" s="8">
        <v>296</v>
      </c>
      <c r="H5918" s="5">
        <v>6</v>
      </c>
      <c r="I5918" s="5" t="s">
        <v>1518</v>
      </c>
      <c r="J5918" s="5" t="s">
        <v>1519</v>
      </c>
      <c r="K5918" s="2" t="s">
        <v>1520</v>
      </c>
      <c r="L5918" s="5" t="s">
        <v>1519</v>
      </c>
      <c r="M5918" s="2" t="s">
        <v>1520</v>
      </c>
      <c r="N5918" s="5" t="s">
        <v>1521</v>
      </c>
      <c r="O5918" s="5" t="s">
        <v>38</v>
      </c>
      <c r="P5918" s="5" t="s">
        <v>39</v>
      </c>
      <c r="Q5918" s="5" t="s">
        <v>40</v>
      </c>
      <c r="R5918" s="5" t="s">
        <v>1522</v>
      </c>
      <c r="S5918" s="5" t="s">
        <v>1523</v>
      </c>
      <c r="T5918" s="5" t="s">
        <v>42</v>
      </c>
      <c r="U5918" s="2">
        <v>3.6120000000000001</v>
      </c>
      <c r="V5918" s="2">
        <v>2.93</v>
      </c>
      <c r="W5918" s="2">
        <v>0.02</v>
      </c>
      <c r="X5918" s="2">
        <v>159.1</v>
      </c>
      <c r="Y5918" s="2">
        <v>7.6</v>
      </c>
      <c r="Z5918" s="2">
        <v>16.7</v>
      </c>
      <c r="AA5918" s="5"/>
      <c r="AB5918" s="5" t="s">
        <v>43</v>
      </c>
      <c r="AC5918" s="5" t="s">
        <v>44</v>
      </c>
      <c r="AD5918" s="2"/>
      <c r="AE5918" s="1"/>
    </row>
    <row r="5919" spans="1:31" ht="14.45">
      <c r="A5919" s="11"/>
      <c r="B5919" s="20"/>
      <c r="C5919" s="2" t="s">
        <v>18228</v>
      </c>
      <c r="D5919" s="14" t="s">
        <v>18229</v>
      </c>
      <c r="E5919" s="2" t="s">
        <v>18230</v>
      </c>
      <c r="F5919" s="2" t="s">
        <v>16018</v>
      </c>
      <c r="G5919" s="8">
        <v>296</v>
      </c>
      <c r="H5919" s="5">
        <v>6</v>
      </c>
      <c r="I5919" s="5" t="s">
        <v>1518</v>
      </c>
      <c r="J5919" s="5" t="s">
        <v>1519</v>
      </c>
      <c r="K5919" s="2" t="s">
        <v>1520</v>
      </c>
      <c r="L5919" s="5" t="s">
        <v>1519</v>
      </c>
      <c r="M5919" s="2" t="s">
        <v>1520</v>
      </c>
      <c r="N5919" s="5" t="s">
        <v>1521</v>
      </c>
      <c r="O5919" s="5" t="s">
        <v>38</v>
      </c>
      <c r="P5919" s="5" t="s">
        <v>39</v>
      </c>
      <c r="Q5919" s="5" t="s">
        <v>40</v>
      </c>
      <c r="R5919" s="5" t="s">
        <v>1522</v>
      </c>
      <c r="S5919" s="5" t="s">
        <v>1523</v>
      </c>
      <c r="T5919" s="5" t="s">
        <v>42</v>
      </c>
      <c r="U5919" s="2">
        <v>3.4980000000000002</v>
      </c>
      <c r="V5919" s="2">
        <v>2.8159999999999998</v>
      </c>
      <c r="W5919" s="2">
        <v>0.02</v>
      </c>
      <c r="X5919" s="2">
        <v>159.1</v>
      </c>
      <c r="Y5919" s="2">
        <v>7.6</v>
      </c>
      <c r="Z5919" s="2">
        <v>16.7</v>
      </c>
      <c r="AA5919" s="5"/>
      <c r="AB5919" s="5" t="s">
        <v>43</v>
      </c>
      <c r="AC5919" s="5" t="s">
        <v>44</v>
      </c>
      <c r="AD5919" s="2"/>
      <c r="AE5919" s="1"/>
    </row>
    <row r="5920" spans="1:31" ht="14.45">
      <c r="A5920" s="11"/>
      <c r="B5920" s="20"/>
      <c r="C5920" s="2" t="s">
        <v>18231</v>
      </c>
      <c r="D5920" s="14" t="s">
        <v>18232</v>
      </c>
      <c r="E5920" s="2" t="s">
        <v>18233</v>
      </c>
      <c r="F5920" s="2" t="s">
        <v>16022</v>
      </c>
      <c r="G5920" s="8">
        <v>296</v>
      </c>
      <c r="H5920" s="5">
        <v>6</v>
      </c>
      <c r="I5920" s="5" t="s">
        <v>1518</v>
      </c>
      <c r="J5920" s="5" t="s">
        <v>1519</v>
      </c>
      <c r="K5920" s="2" t="s">
        <v>1520</v>
      </c>
      <c r="L5920" s="5" t="s">
        <v>1519</v>
      </c>
      <c r="M5920" s="2" t="s">
        <v>1520</v>
      </c>
      <c r="N5920" s="5" t="s">
        <v>1521</v>
      </c>
      <c r="O5920" s="5" t="s">
        <v>38</v>
      </c>
      <c r="P5920" s="5" t="s">
        <v>39</v>
      </c>
      <c r="Q5920" s="5" t="s">
        <v>40</v>
      </c>
      <c r="R5920" s="5" t="s">
        <v>1522</v>
      </c>
      <c r="S5920" s="5" t="s">
        <v>1523</v>
      </c>
      <c r="T5920" s="5" t="s">
        <v>42</v>
      </c>
      <c r="U5920" s="2">
        <v>3.6120000000000001</v>
      </c>
      <c r="V5920" s="2">
        <v>2.93</v>
      </c>
      <c r="W5920" s="2">
        <v>0.02</v>
      </c>
      <c r="X5920" s="2">
        <v>159.1</v>
      </c>
      <c r="Y5920" s="2">
        <v>7.6</v>
      </c>
      <c r="Z5920" s="2">
        <v>16.7</v>
      </c>
      <c r="AA5920" s="5"/>
      <c r="AB5920" s="5" t="s">
        <v>43</v>
      </c>
      <c r="AC5920" s="5" t="s">
        <v>44</v>
      </c>
      <c r="AD5920" s="2"/>
      <c r="AE5920" s="1"/>
    </row>
    <row r="5921" spans="1:31" ht="14.45">
      <c r="A5921" s="11"/>
      <c r="B5921" s="20"/>
      <c r="C5921" s="2" t="s">
        <v>18234</v>
      </c>
      <c r="D5921" s="14" t="s">
        <v>18235</v>
      </c>
      <c r="E5921" s="2" t="s">
        <v>18236</v>
      </c>
      <c r="F5921" s="2" t="s">
        <v>7615</v>
      </c>
      <c r="G5921" s="8">
        <v>296</v>
      </c>
      <c r="H5921" s="5">
        <v>6</v>
      </c>
      <c r="I5921" s="5" t="s">
        <v>1518</v>
      </c>
      <c r="J5921" s="5" t="s">
        <v>1519</v>
      </c>
      <c r="K5921" s="2" t="s">
        <v>1520</v>
      </c>
      <c r="L5921" s="5" t="s">
        <v>1519</v>
      </c>
      <c r="M5921" s="2" t="s">
        <v>1520</v>
      </c>
      <c r="N5921" s="5" t="s">
        <v>1521</v>
      </c>
      <c r="O5921" s="5" t="s">
        <v>38</v>
      </c>
      <c r="P5921" s="5" t="s">
        <v>39</v>
      </c>
      <c r="Q5921" s="5" t="s">
        <v>40</v>
      </c>
      <c r="R5921" s="5" t="s">
        <v>1522</v>
      </c>
      <c r="S5921" s="5" t="s">
        <v>1523</v>
      </c>
      <c r="T5921" s="5" t="s">
        <v>42</v>
      </c>
      <c r="U5921" s="2">
        <v>3.4649999999999999</v>
      </c>
      <c r="V5921" s="2">
        <v>2.7829999999999999</v>
      </c>
      <c r="W5921" s="2">
        <v>0.02</v>
      </c>
      <c r="X5921" s="2">
        <v>159.1</v>
      </c>
      <c r="Y5921" s="2">
        <v>7.6</v>
      </c>
      <c r="Z5921" s="2">
        <v>16.7</v>
      </c>
      <c r="AA5921" s="5"/>
      <c r="AB5921" s="5" t="s">
        <v>43</v>
      </c>
      <c r="AC5921" s="5" t="s">
        <v>44</v>
      </c>
      <c r="AD5921" s="2"/>
      <c r="AE5921" s="1"/>
    </row>
    <row r="5922" spans="1:31" ht="14.45">
      <c r="A5922" s="11"/>
      <c r="B5922" s="20"/>
      <c r="C5922" s="2" t="s">
        <v>18237</v>
      </c>
      <c r="D5922" s="14" t="s">
        <v>18238</v>
      </c>
      <c r="E5922" s="2" t="s">
        <v>18239</v>
      </c>
      <c r="F5922" s="2" t="s">
        <v>7619</v>
      </c>
      <c r="G5922" s="8">
        <v>296</v>
      </c>
      <c r="H5922" s="5">
        <v>6</v>
      </c>
      <c r="I5922" s="5" t="s">
        <v>1518</v>
      </c>
      <c r="J5922" s="5" t="s">
        <v>1519</v>
      </c>
      <c r="K5922" s="2" t="s">
        <v>1520</v>
      </c>
      <c r="L5922" s="5" t="s">
        <v>1519</v>
      </c>
      <c r="M5922" s="2" t="s">
        <v>1520</v>
      </c>
      <c r="N5922" s="5" t="s">
        <v>1521</v>
      </c>
      <c r="O5922" s="5" t="s">
        <v>38</v>
      </c>
      <c r="P5922" s="5" t="s">
        <v>39</v>
      </c>
      <c r="Q5922" s="5" t="s">
        <v>40</v>
      </c>
      <c r="R5922" s="5" t="s">
        <v>1522</v>
      </c>
      <c r="S5922" s="5" t="s">
        <v>1523</v>
      </c>
      <c r="T5922" s="5" t="s">
        <v>42</v>
      </c>
      <c r="U5922" s="2">
        <v>3.5790000000000002</v>
      </c>
      <c r="V5922" s="2">
        <v>2.8969999999999998</v>
      </c>
      <c r="W5922" s="2">
        <v>0.02</v>
      </c>
      <c r="X5922" s="2">
        <v>159.1</v>
      </c>
      <c r="Y5922" s="2">
        <v>7.6</v>
      </c>
      <c r="Z5922" s="2">
        <v>16.7</v>
      </c>
      <c r="AA5922" s="5"/>
      <c r="AB5922" s="5" t="s">
        <v>43</v>
      </c>
      <c r="AC5922" s="5" t="s">
        <v>44</v>
      </c>
      <c r="AD5922" s="2"/>
      <c r="AE5922" s="1"/>
    </row>
    <row r="5923" spans="1:31" ht="14.45">
      <c r="A5923" s="11"/>
      <c r="B5923" s="20"/>
      <c r="C5923" s="2" t="s">
        <v>18240</v>
      </c>
      <c r="D5923" s="14" t="s">
        <v>18241</v>
      </c>
      <c r="E5923" s="2" t="s">
        <v>18242</v>
      </c>
      <c r="F5923" s="2" t="s">
        <v>16029</v>
      </c>
      <c r="G5923" s="8">
        <v>296</v>
      </c>
      <c r="H5923" s="5">
        <v>11</v>
      </c>
      <c r="I5923" s="5" t="s">
        <v>1518</v>
      </c>
      <c r="J5923" s="5" t="s">
        <v>1519</v>
      </c>
      <c r="K5923" s="2" t="s">
        <v>1520</v>
      </c>
      <c r="L5923" s="5" t="s">
        <v>1519</v>
      </c>
      <c r="M5923" s="2" t="s">
        <v>1520</v>
      </c>
      <c r="N5923" s="5" t="s">
        <v>1521</v>
      </c>
      <c r="O5923" s="5" t="s">
        <v>38</v>
      </c>
      <c r="P5923" s="5" t="s">
        <v>39</v>
      </c>
      <c r="Q5923" s="5" t="s">
        <v>40</v>
      </c>
      <c r="R5923" s="5" t="s">
        <v>1522</v>
      </c>
      <c r="S5923" s="5" t="s">
        <v>1523</v>
      </c>
      <c r="T5923" s="5" t="s">
        <v>42</v>
      </c>
      <c r="U5923" s="2">
        <v>3.5129999999999999</v>
      </c>
      <c r="V5923" s="2">
        <v>2.831</v>
      </c>
      <c r="W5923" s="2">
        <v>0.02</v>
      </c>
      <c r="X5923" s="2">
        <v>159.1</v>
      </c>
      <c r="Y5923" s="2">
        <v>7.6</v>
      </c>
      <c r="Z5923" s="2">
        <v>16.7</v>
      </c>
      <c r="AA5923" s="5"/>
      <c r="AB5923" s="5" t="s">
        <v>43</v>
      </c>
      <c r="AC5923" s="5" t="s">
        <v>44</v>
      </c>
      <c r="AD5923" s="2"/>
      <c r="AE5923" s="1"/>
    </row>
    <row r="5924" spans="1:31" ht="14.45">
      <c r="A5924" s="11"/>
      <c r="B5924" s="20"/>
      <c r="C5924" s="2" t="s">
        <v>18243</v>
      </c>
      <c r="D5924" s="14" t="s">
        <v>18244</v>
      </c>
      <c r="E5924" s="2" t="s">
        <v>18245</v>
      </c>
      <c r="F5924" s="2" t="s">
        <v>16033</v>
      </c>
      <c r="G5924" s="8">
        <v>296</v>
      </c>
      <c r="H5924" s="5">
        <v>11</v>
      </c>
      <c r="I5924" s="5" t="s">
        <v>1518</v>
      </c>
      <c r="J5924" s="5" t="s">
        <v>1519</v>
      </c>
      <c r="K5924" s="2" t="s">
        <v>1520</v>
      </c>
      <c r="L5924" s="5" t="s">
        <v>1519</v>
      </c>
      <c r="M5924" s="2" t="s">
        <v>1520</v>
      </c>
      <c r="N5924" s="5" t="s">
        <v>1521</v>
      </c>
      <c r="O5924" s="5" t="s">
        <v>38</v>
      </c>
      <c r="P5924" s="5" t="s">
        <v>39</v>
      </c>
      <c r="Q5924" s="5" t="s">
        <v>40</v>
      </c>
      <c r="R5924" s="5" t="s">
        <v>1522</v>
      </c>
      <c r="S5924" s="5" t="s">
        <v>1523</v>
      </c>
      <c r="T5924" s="5" t="s">
        <v>42</v>
      </c>
      <c r="U5924" s="2">
        <v>3.6269999999999998</v>
      </c>
      <c r="V5924" s="2">
        <v>2.9449999999999998</v>
      </c>
      <c r="W5924" s="2">
        <v>0.02</v>
      </c>
      <c r="X5924" s="2">
        <v>159.1</v>
      </c>
      <c r="Y5924" s="2">
        <v>7.6</v>
      </c>
      <c r="Z5924" s="2">
        <v>16.7</v>
      </c>
      <c r="AA5924" s="5"/>
      <c r="AB5924" s="5" t="s">
        <v>43</v>
      </c>
      <c r="AC5924" s="5" t="s">
        <v>44</v>
      </c>
      <c r="AD5924" s="2"/>
      <c r="AE5924" s="1"/>
    </row>
    <row r="5925" spans="1:31" ht="14.45">
      <c r="A5925" s="11"/>
      <c r="B5925" s="20"/>
      <c r="C5925" s="2" t="s">
        <v>18246</v>
      </c>
      <c r="D5925" s="14" t="s">
        <v>18247</v>
      </c>
      <c r="E5925" s="2" t="s">
        <v>18248</v>
      </c>
      <c r="F5925" s="2" t="s">
        <v>7396</v>
      </c>
      <c r="G5925" s="8">
        <v>270</v>
      </c>
      <c r="H5925" s="5">
        <v>6</v>
      </c>
      <c r="I5925" s="5" t="s">
        <v>1518</v>
      </c>
      <c r="J5925" s="5" t="s">
        <v>1519</v>
      </c>
      <c r="K5925" s="2" t="s">
        <v>1520</v>
      </c>
      <c r="L5925" s="5" t="s">
        <v>1519</v>
      </c>
      <c r="M5925" s="2" t="s">
        <v>1520</v>
      </c>
      <c r="N5925" s="5" t="s">
        <v>1521</v>
      </c>
      <c r="O5925" s="5" t="s">
        <v>38</v>
      </c>
      <c r="P5925" s="5" t="s">
        <v>39</v>
      </c>
      <c r="Q5925" s="5" t="s">
        <v>40</v>
      </c>
      <c r="R5925" s="5" t="s">
        <v>1522</v>
      </c>
      <c r="S5925" s="5" t="s">
        <v>1523</v>
      </c>
      <c r="T5925" s="5" t="s">
        <v>42</v>
      </c>
      <c r="U5925" s="2">
        <v>3.2919999999999998</v>
      </c>
      <c r="V5925" s="2">
        <v>2.7029999999999998</v>
      </c>
      <c r="W5925" s="2">
        <v>1.7999999999999999E-2</v>
      </c>
      <c r="X5925" s="2">
        <v>139.1</v>
      </c>
      <c r="Y5925" s="2">
        <v>7.6</v>
      </c>
      <c r="Z5925" s="2">
        <v>16.7</v>
      </c>
      <c r="AA5925" s="5"/>
      <c r="AB5925" s="5" t="s">
        <v>43</v>
      </c>
      <c r="AC5925" s="5" t="s">
        <v>44</v>
      </c>
      <c r="AD5925" s="2"/>
      <c r="AE5925" s="1"/>
    </row>
    <row r="5926" spans="1:31" ht="14.45">
      <c r="A5926" s="11"/>
      <c r="B5926" s="20"/>
      <c r="C5926" s="2" t="s">
        <v>18249</v>
      </c>
      <c r="D5926" s="14" t="s">
        <v>18250</v>
      </c>
      <c r="E5926" s="2" t="s">
        <v>18251</v>
      </c>
      <c r="F5926" s="2" t="s">
        <v>7507</v>
      </c>
      <c r="G5926" s="8">
        <v>270</v>
      </c>
      <c r="H5926" s="5">
        <v>6</v>
      </c>
      <c r="I5926" s="5" t="s">
        <v>1518</v>
      </c>
      <c r="J5926" s="5" t="s">
        <v>1519</v>
      </c>
      <c r="K5926" s="2" t="s">
        <v>1520</v>
      </c>
      <c r="L5926" s="5" t="s">
        <v>1519</v>
      </c>
      <c r="M5926" s="2" t="s">
        <v>1520</v>
      </c>
      <c r="N5926" s="5" t="s">
        <v>1521</v>
      </c>
      <c r="O5926" s="5" t="s">
        <v>38</v>
      </c>
      <c r="P5926" s="5" t="s">
        <v>39</v>
      </c>
      <c r="Q5926" s="5" t="s">
        <v>40</v>
      </c>
      <c r="R5926" s="5" t="s">
        <v>1522</v>
      </c>
      <c r="S5926" s="5" t="s">
        <v>1523</v>
      </c>
      <c r="T5926" s="5" t="s">
        <v>42</v>
      </c>
      <c r="U5926" s="2">
        <v>3.3879999999999999</v>
      </c>
      <c r="V5926" s="2">
        <v>2.7989999999999999</v>
      </c>
      <c r="W5926" s="2">
        <v>1.7999999999999999E-2</v>
      </c>
      <c r="X5926" s="2">
        <v>139.1</v>
      </c>
      <c r="Y5926" s="2">
        <v>7.6</v>
      </c>
      <c r="Z5926" s="2">
        <v>16.7</v>
      </c>
      <c r="AA5926" s="5"/>
      <c r="AB5926" s="5" t="s">
        <v>43</v>
      </c>
      <c r="AC5926" s="5" t="s">
        <v>44</v>
      </c>
      <c r="AD5926" s="2"/>
      <c r="AE5926" s="1"/>
    </row>
    <row r="5927" spans="1:31" ht="14.45">
      <c r="A5927" s="11"/>
      <c r="B5927" s="20"/>
      <c r="C5927" s="2" t="s">
        <v>18252</v>
      </c>
      <c r="D5927" s="14" t="s">
        <v>18253</v>
      </c>
      <c r="E5927" s="2" t="s">
        <v>18254</v>
      </c>
      <c r="F5927" s="2" t="s">
        <v>7204</v>
      </c>
      <c r="G5927" s="8">
        <v>270</v>
      </c>
      <c r="H5927" s="5">
        <v>6</v>
      </c>
      <c r="I5927" s="5" t="s">
        <v>1518</v>
      </c>
      <c r="J5927" s="5" t="s">
        <v>1519</v>
      </c>
      <c r="K5927" s="2" t="s">
        <v>1520</v>
      </c>
      <c r="L5927" s="5" t="s">
        <v>1519</v>
      </c>
      <c r="M5927" s="2" t="s">
        <v>1520</v>
      </c>
      <c r="N5927" s="5" t="s">
        <v>1521</v>
      </c>
      <c r="O5927" s="5" t="s">
        <v>38</v>
      </c>
      <c r="P5927" s="5" t="s">
        <v>39</v>
      </c>
      <c r="Q5927" s="5" t="s">
        <v>40</v>
      </c>
      <c r="R5927" s="5" t="s">
        <v>1522</v>
      </c>
      <c r="S5927" s="5" t="s">
        <v>1523</v>
      </c>
      <c r="T5927" s="5" t="s">
        <v>42</v>
      </c>
      <c r="U5927" s="2">
        <v>3.3010000000000002</v>
      </c>
      <c r="V5927" s="2">
        <v>2.7120000000000002</v>
      </c>
      <c r="W5927" s="2">
        <v>1.7999999999999999E-2</v>
      </c>
      <c r="X5927" s="2">
        <v>139.1</v>
      </c>
      <c r="Y5927" s="2">
        <v>7.6</v>
      </c>
      <c r="Z5927" s="2">
        <v>16.7</v>
      </c>
      <c r="AA5927" s="5"/>
      <c r="AB5927" s="5" t="s">
        <v>43</v>
      </c>
      <c r="AC5927" s="5" t="s">
        <v>44</v>
      </c>
      <c r="AD5927" s="2"/>
      <c r="AE5927" s="1"/>
    </row>
    <row r="5928" spans="1:31" ht="14.45">
      <c r="A5928" s="11"/>
      <c r="B5928" s="20"/>
      <c r="C5928" s="2" t="s">
        <v>18255</v>
      </c>
      <c r="D5928" s="14" t="s">
        <v>18256</v>
      </c>
      <c r="E5928" s="2" t="s">
        <v>18257</v>
      </c>
      <c r="F5928" s="2" t="s">
        <v>7514</v>
      </c>
      <c r="G5928" s="8">
        <v>270</v>
      </c>
      <c r="H5928" s="5">
        <v>6</v>
      </c>
      <c r="I5928" s="5" t="s">
        <v>1518</v>
      </c>
      <c r="J5928" s="5" t="s">
        <v>1519</v>
      </c>
      <c r="K5928" s="2" t="s">
        <v>1520</v>
      </c>
      <c r="L5928" s="5" t="s">
        <v>1519</v>
      </c>
      <c r="M5928" s="2" t="s">
        <v>1520</v>
      </c>
      <c r="N5928" s="5" t="s">
        <v>1521</v>
      </c>
      <c r="O5928" s="5" t="s">
        <v>38</v>
      </c>
      <c r="P5928" s="5" t="s">
        <v>39</v>
      </c>
      <c r="Q5928" s="5" t="s">
        <v>40</v>
      </c>
      <c r="R5928" s="5" t="s">
        <v>1522</v>
      </c>
      <c r="S5928" s="5" t="s">
        <v>1523</v>
      </c>
      <c r="T5928" s="5" t="s">
        <v>42</v>
      </c>
      <c r="U5928" s="2">
        <v>3.3969999999999998</v>
      </c>
      <c r="V5928" s="2">
        <v>2.8079999999999998</v>
      </c>
      <c r="W5928" s="2">
        <v>1.7999999999999999E-2</v>
      </c>
      <c r="X5928" s="2">
        <v>139.1</v>
      </c>
      <c r="Y5928" s="2">
        <v>7.6</v>
      </c>
      <c r="Z5928" s="2">
        <v>16.7</v>
      </c>
      <c r="AA5928" s="5"/>
      <c r="AB5928" s="5" t="s">
        <v>43</v>
      </c>
      <c r="AC5928" s="5" t="s">
        <v>44</v>
      </c>
      <c r="AD5928" s="2"/>
      <c r="AE5928" s="1"/>
    </row>
    <row r="5929" spans="1:31" ht="14.45">
      <c r="A5929" s="11"/>
      <c r="B5929" s="20"/>
      <c r="C5929" s="2" t="s">
        <v>18258</v>
      </c>
      <c r="D5929" s="14" t="s">
        <v>18259</v>
      </c>
      <c r="E5929" s="2" t="s">
        <v>18260</v>
      </c>
      <c r="F5929" s="2" t="s">
        <v>7208</v>
      </c>
      <c r="G5929" s="8">
        <v>270</v>
      </c>
      <c r="H5929" s="5">
        <v>6</v>
      </c>
      <c r="I5929" s="5" t="s">
        <v>1518</v>
      </c>
      <c r="J5929" s="5" t="s">
        <v>1519</v>
      </c>
      <c r="K5929" s="2" t="s">
        <v>1520</v>
      </c>
      <c r="L5929" s="5" t="s">
        <v>1519</v>
      </c>
      <c r="M5929" s="2" t="s">
        <v>1520</v>
      </c>
      <c r="N5929" s="5" t="s">
        <v>1521</v>
      </c>
      <c r="O5929" s="5" t="s">
        <v>38</v>
      </c>
      <c r="P5929" s="5" t="s">
        <v>39</v>
      </c>
      <c r="Q5929" s="5" t="s">
        <v>40</v>
      </c>
      <c r="R5929" s="5" t="s">
        <v>1522</v>
      </c>
      <c r="S5929" s="5" t="s">
        <v>1523</v>
      </c>
      <c r="T5929" s="5" t="s">
        <v>42</v>
      </c>
      <c r="U5929" s="2">
        <v>3.3010000000000002</v>
      </c>
      <c r="V5929" s="2">
        <v>2.7120000000000002</v>
      </c>
      <c r="W5929" s="2">
        <v>1.7999999999999999E-2</v>
      </c>
      <c r="X5929" s="2">
        <v>139.1</v>
      </c>
      <c r="Y5929" s="2">
        <v>7.6</v>
      </c>
      <c r="Z5929" s="2">
        <v>16.7</v>
      </c>
      <c r="AA5929" s="5"/>
      <c r="AB5929" s="5" t="s">
        <v>43</v>
      </c>
      <c r="AC5929" s="5" t="s">
        <v>44</v>
      </c>
      <c r="AD5929" s="2"/>
      <c r="AE5929" s="1"/>
    </row>
    <row r="5930" spans="1:31" ht="14.45">
      <c r="A5930" s="11"/>
      <c r="B5930" s="20"/>
      <c r="C5930" s="2" t="s">
        <v>18261</v>
      </c>
      <c r="D5930" s="14" t="s">
        <v>18262</v>
      </c>
      <c r="E5930" s="2" t="s">
        <v>18263</v>
      </c>
      <c r="F5930" s="2" t="s">
        <v>7521</v>
      </c>
      <c r="G5930" s="8">
        <v>270</v>
      </c>
      <c r="H5930" s="5">
        <v>6</v>
      </c>
      <c r="I5930" s="5" t="s">
        <v>1518</v>
      </c>
      <c r="J5930" s="5" t="s">
        <v>1519</v>
      </c>
      <c r="K5930" s="2" t="s">
        <v>1520</v>
      </c>
      <c r="L5930" s="5" t="s">
        <v>1519</v>
      </c>
      <c r="M5930" s="2" t="s">
        <v>1520</v>
      </c>
      <c r="N5930" s="5" t="s">
        <v>1521</v>
      </c>
      <c r="O5930" s="5" t="s">
        <v>38</v>
      </c>
      <c r="P5930" s="5" t="s">
        <v>39</v>
      </c>
      <c r="Q5930" s="5" t="s">
        <v>40</v>
      </c>
      <c r="R5930" s="5" t="s">
        <v>1522</v>
      </c>
      <c r="S5930" s="5" t="s">
        <v>1523</v>
      </c>
      <c r="T5930" s="5" t="s">
        <v>42</v>
      </c>
      <c r="U5930" s="2">
        <v>3.3969999999999998</v>
      </c>
      <c r="V5930" s="2">
        <v>2.8079999999999998</v>
      </c>
      <c r="W5930" s="2">
        <v>1.7999999999999999E-2</v>
      </c>
      <c r="X5930" s="2">
        <v>139.1</v>
      </c>
      <c r="Y5930" s="2">
        <v>7.6</v>
      </c>
      <c r="Z5930" s="2">
        <v>16.7</v>
      </c>
      <c r="AA5930" s="5"/>
      <c r="AB5930" s="5" t="s">
        <v>43</v>
      </c>
      <c r="AC5930" s="5" t="s">
        <v>44</v>
      </c>
      <c r="AD5930" s="2"/>
      <c r="AE5930" s="1"/>
    </row>
    <row r="5931" spans="1:31" ht="14.45">
      <c r="A5931" s="11"/>
      <c r="B5931" s="20"/>
      <c r="C5931" s="2" t="s">
        <v>18264</v>
      </c>
      <c r="D5931" s="14" t="s">
        <v>18265</v>
      </c>
      <c r="E5931" s="2" t="s">
        <v>18266</v>
      </c>
      <c r="F5931" s="2" t="s">
        <v>7212</v>
      </c>
      <c r="G5931" s="8">
        <v>270</v>
      </c>
      <c r="H5931" s="5">
        <v>6</v>
      </c>
      <c r="I5931" s="5" t="s">
        <v>1518</v>
      </c>
      <c r="J5931" s="5" t="s">
        <v>1519</v>
      </c>
      <c r="K5931" s="2" t="s">
        <v>1520</v>
      </c>
      <c r="L5931" s="5" t="s">
        <v>1519</v>
      </c>
      <c r="M5931" s="2" t="s">
        <v>1520</v>
      </c>
      <c r="N5931" s="5" t="s">
        <v>1521</v>
      </c>
      <c r="O5931" s="5" t="s">
        <v>38</v>
      </c>
      <c r="P5931" s="5" t="s">
        <v>39</v>
      </c>
      <c r="Q5931" s="5" t="s">
        <v>40</v>
      </c>
      <c r="R5931" s="5" t="s">
        <v>1522</v>
      </c>
      <c r="S5931" s="5" t="s">
        <v>1523</v>
      </c>
      <c r="T5931" s="5" t="s">
        <v>42</v>
      </c>
      <c r="U5931" s="2">
        <v>3.2730000000000001</v>
      </c>
      <c r="V5931" s="2">
        <v>2.6840000000000002</v>
      </c>
      <c r="W5931" s="2">
        <v>1.7999999999999999E-2</v>
      </c>
      <c r="X5931" s="2">
        <v>139.1</v>
      </c>
      <c r="Y5931" s="2">
        <v>7.6</v>
      </c>
      <c r="Z5931" s="2">
        <v>16.7</v>
      </c>
      <c r="AA5931" s="5"/>
      <c r="AB5931" s="5" t="s">
        <v>43</v>
      </c>
      <c r="AC5931" s="5" t="s">
        <v>44</v>
      </c>
      <c r="AD5931" s="2"/>
      <c r="AE5931" s="1"/>
    </row>
    <row r="5932" spans="1:31" ht="14.45">
      <c r="A5932" s="11"/>
      <c r="B5932" s="20"/>
      <c r="C5932" s="2" t="s">
        <v>18267</v>
      </c>
      <c r="D5932" s="14" t="s">
        <v>18268</v>
      </c>
      <c r="E5932" s="2" t="s">
        <v>18269</v>
      </c>
      <c r="F5932" s="2" t="s">
        <v>7528</v>
      </c>
      <c r="G5932" s="8">
        <v>270</v>
      </c>
      <c r="H5932" s="5">
        <v>6</v>
      </c>
      <c r="I5932" s="5" t="s">
        <v>1518</v>
      </c>
      <c r="J5932" s="5" t="s">
        <v>1519</v>
      </c>
      <c r="K5932" s="2" t="s">
        <v>1520</v>
      </c>
      <c r="L5932" s="5" t="s">
        <v>1519</v>
      </c>
      <c r="M5932" s="2" t="s">
        <v>1520</v>
      </c>
      <c r="N5932" s="5" t="s">
        <v>1521</v>
      </c>
      <c r="O5932" s="5" t="s">
        <v>38</v>
      </c>
      <c r="P5932" s="5" t="s">
        <v>39</v>
      </c>
      <c r="Q5932" s="5" t="s">
        <v>40</v>
      </c>
      <c r="R5932" s="5" t="s">
        <v>1522</v>
      </c>
      <c r="S5932" s="5" t="s">
        <v>1523</v>
      </c>
      <c r="T5932" s="5" t="s">
        <v>42</v>
      </c>
      <c r="U5932" s="2">
        <v>3.3690000000000002</v>
      </c>
      <c r="V5932" s="2">
        <v>2.78</v>
      </c>
      <c r="W5932" s="2">
        <v>1.7999999999999999E-2</v>
      </c>
      <c r="X5932" s="2">
        <v>139.1</v>
      </c>
      <c r="Y5932" s="2">
        <v>7.6</v>
      </c>
      <c r="Z5932" s="2">
        <v>16.7</v>
      </c>
      <c r="AA5932" s="5"/>
      <c r="AB5932" s="5" t="s">
        <v>43</v>
      </c>
      <c r="AC5932" s="5" t="s">
        <v>44</v>
      </c>
      <c r="AD5932" s="2"/>
      <c r="AE5932" s="1"/>
    </row>
    <row r="5933" spans="1:31" ht="14.45">
      <c r="A5933" s="11"/>
      <c r="B5933" s="20"/>
      <c r="C5933" s="2" t="s">
        <v>18270</v>
      </c>
      <c r="D5933" s="14" t="s">
        <v>18271</v>
      </c>
      <c r="E5933" s="2" t="s">
        <v>18272</v>
      </c>
      <c r="F5933" s="2" t="s">
        <v>7406</v>
      </c>
      <c r="G5933" s="8">
        <v>291</v>
      </c>
      <c r="H5933" s="5">
        <v>6</v>
      </c>
      <c r="I5933" s="5" t="s">
        <v>1518</v>
      </c>
      <c r="J5933" s="5" t="s">
        <v>1519</v>
      </c>
      <c r="K5933" s="2" t="s">
        <v>1520</v>
      </c>
      <c r="L5933" s="5" t="s">
        <v>1519</v>
      </c>
      <c r="M5933" s="2" t="s">
        <v>1520</v>
      </c>
      <c r="N5933" s="5" t="s">
        <v>1521</v>
      </c>
      <c r="O5933" s="5" t="s">
        <v>38</v>
      </c>
      <c r="P5933" s="5" t="s">
        <v>39</v>
      </c>
      <c r="Q5933" s="5" t="s">
        <v>40</v>
      </c>
      <c r="R5933" s="5" t="s">
        <v>1522</v>
      </c>
      <c r="S5933" s="5" t="s">
        <v>1523</v>
      </c>
      <c r="T5933" s="5" t="s">
        <v>42</v>
      </c>
      <c r="U5933" s="2">
        <v>3.2730000000000001</v>
      </c>
      <c r="V5933" s="2">
        <v>2.6840000000000002</v>
      </c>
      <c r="W5933" s="2">
        <v>1.7999999999999999E-2</v>
      </c>
      <c r="X5933" s="2">
        <v>139.1</v>
      </c>
      <c r="Y5933" s="2">
        <v>7.6</v>
      </c>
      <c r="Z5933" s="2">
        <v>16.7</v>
      </c>
      <c r="AA5933" s="5"/>
      <c r="AB5933" s="5" t="s">
        <v>43</v>
      </c>
      <c r="AC5933" s="5" t="s">
        <v>44</v>
      </c>
      <c r="AD5933" s="2"/>
      <c r="AE5933" s="1"/>
    </row>
    <row r="5934" spans="1:31" ht="14.45">
      <c r="A5934" s="11"/>
      <c r="B5934" s="20"/>
      <c r="C5934" s="2" t="s">
        <v>18273</v>
      </c>
      <c r="D5934" s="14" t="s">
        <v>18274</v>
      </c>
      <c r="E5934" s="2" t="s">
        <v>18275</v>
      </c>
      <c r="F5934" s="2" t="s">
        <v>7535</v>
      </c>
      <c r="G5934" s="8">
        <v>291</v>
      </c>
      <c r="H5934" s="5">
        <v>6</v>
      </c>
      <c r="I5934" s="5" t="s">
        <v>1518</v>
      </c>
      <c r="J5934" s="5" t="s">
        <v>1519</v>
      </c>
      <c r="K5934" s="2" t="s">
        <v>1520</v>
      </c>
      <c r="L5934" s="5" t="s">
        <v>1519</v>
      </c>
      <c r="M5934" s="2" t="s">
        <v>1520</v>
      </c>
      <c r="N5934" s="5" t="s">
        <v>1521</v>
      </c>
      <c r="O5934" s="5" t="s">
        <v>38</v>
      </c>
      <c r="P5934" s="5" t="s">
        <v>39</v>
      </c>
      <c r="Q5934" s="5" t="s">
        <v>40</v>
      </c>
      <c r="R5934" s="5" t="s">
        <v>1522</v>
      </c>
      <c r="S5934" s="5" t="s">
        <v>1523</v>
      </c>
      <c r="T5934" s="5" t="s">
        <v>42</v>
      </c>
      <c r="U5934" s="2">
        <v>3.3690000000000002</v>
      </c>
      <c r="V5934" s="2">
        <v>2.78</v>
      </c>
      <c r="W5934" s="2">
        <v>1.7999999999999999E-2</v>
      </c>
      <c r="X5934" s="2">
        <v>139.1</v>
      </c>
      <c r="Y5934" s="2">
        <v>7.6</v>
      </c>
      <c r="Z5934" s="2">
        <v>16.7</v>
      </c>
      <c r="AA5934" s="5"/>
      <c r="AB5934" s="5" t="s">
        <v>43</v>
      </c>
      <c r="AC5934" s="5" t="s">
        <v>44</v>
      </c>
      <c r="AD5934" s="2"/>
      <c r="AE5934" s="1"/>
    </row>
    <row r="5935" spans="1:31" ht="14.45">
      <c r="A5935" s="11"/>
      <c r="B5935" s="20"/>
      <c r="C5935" s="2" t="s">
        <v>18276</v>
      </c>
      <c r="D5935" s="14" t="s">
        <v>18277</v>
      </c>
      <c r="E5935" s="2" t="s">
        <v>18278</v>
      </c>
      <c r="F5935" s="2" t="s">
        <v>7539</v>
      </c>
      <c r="G5935" s="8">
        <v>291</v>
      </c>
      <c r="H5935" s="5">
        <v>6</v>
      </c>
      <c r="I5935" s="5" t="s">
        <v>1518</v>
      </c>
      <c r="J5935" s="5" t="s">
        <v>1519</v>
      </c>
      <c r="K5935" s="2" t="s">
        <v>1520</v>
      </c>
      <c r="L5935" s="5" t="s">
        <v>1519</v>
      </c>
      <c r="M5935" s="2" t="s">
        <v>1520</v>
      </c>
      <c r="N5935" s="5" t="s">
        <v>1521</v>
      </c>
      <c r="O5935" s="5" t="s">
        <v>38</v>
      </c>
      <c r="P5935" s="5" t="s">
        <v>39</v>
      </c>
      <c r="Q5935" s="5" t="s">
        <v>40</v>
      </c>
      <c r="R5935" s="5" t="s">
        <v>1522</v>
      </c>
      <c r="S5935" s="5" t="s">
        <v>1523</v>
      </c>
      <c r="T5935" s="5" t="s">
        <v>42</v>
      </c>
      <c r="U5935" s="2">
        <v>3.3010000000000002</v>
      </c>
      <c r="V5935" s="2">
        <v>2.7120000000000002</v>
      </c>
      <c r="W5935" s="2">
        <v>1.7999999999999999E-2</v>
      </c>
      <c r="X5935" s="2">
        <v>139.1</v>
      </c>
      <c r="Y5935" s="2">
        <v>7.6</v>
      </c>
      <c r="Z5935" s="2">
        <v>16.7</v>
      </c>
      <c r="AA5935" s="5"/>
      <c r="AB5935" s="5" t="s">
        <v>43</v>
      </c>
      <c r="AC5935" s="5" t="s">
        <v>44</v>
      </c>
      <c r="AD5935" s="2"/>
      <c r="AE5935" s="1"/>
    </row>
    <row r="5936" spans="1:31" ht="14.45">
      <c r="A5936" s="11"/>
      <c r="B5936" s="20"/>
      <c r="C5936" s="2" t="s">
        <v>18279</v>
      </c>
      <c r="D5936" s="14" t="s">
        <v>18280</v>
      </c>
      <c r="E5936" s="2" t="s">
        <v>18281</v>
      </c>
      <c r="F5936" s="2" t="s">
        <v>7543</v>
      </c>
      <c r="G5936" s="8">
        <v>291</v>
      </c>
      <c r="H5936" s="5">
        <v>6</v>
      </c>
      <c r="I5936" s="5" t="s">
        <v>1518</v>
      </c>
      <c r="J5936" s="5" t="s">
        <v>1519</v>
      </c>
      <c r="K5936" s="2" t="s">
        <v>1520</v>
      </c>
      <c r="L5936" s="5" t="s">
        <v>1519</v>
      </c>
      <c r="M5936" s="2" t="s">
        <v>1520</v>
      </c>
      <c r="N5936" s="5" t="s">
        <v>1521</v>
      </c>
      <c r="O5936" s="5" t="s">
        <v>38</v>
      </c>
      <c r="P5936" s="5" t="s">
        <v>39</v>
      </c>
      <c r="Q5936" s="5" t="s">
        <v>40</v>
      </c>
      <c r="R5936" s="5" t="s">
        <v>1522</v>
      </c>
      <c r="S5936" s="5" t="s">
        <v>1523</v>
      </c>
      <c r="T5936" s="5" t="s">
        <v>42</v>
      </c>
      <c r="U5936" s="2">
        <v>3.3969999999999998</v>
      </c>
      <c r="V5936" s="2">
        <v>2.8079999999999998</v>
      </c>
      <c r="W5936" s="2">
        <v>1.7999999999999999E-2</v>
      </c>
      <c r="X5936" s="2">
        <v>139.1</v>
      </c>
      <c r="Y5936" s="2">
        <v>7.6</v>
      </c>
      <c r="Z5936" s="2">
        <v>16.7</v>
      </c>
      <c r="AA5936" s="5"/>
      <c r="AB5936" s="5" t="s">
        <v>43</v>
      </c>
      <c r="AC5936" s="5" t="s">
        <v>44</v>
      </c>
      <c r="AD5936" s="2"/>
      <c r="AE5936" s="1"/>
    </row>
    <row r="5937" spans="1:31" ht="14.45">
      <c r="A5937" s="11"/>
      <c r="B5937" s="20"/>
      <c r="C5937" s="2" t="s">
        <v>18282</v>
      </c>
      <c r="D5937" s="14" t="s">
        <v>18283</v>
      </c>
      <c r="E5937" s="2" t="s">
        <v>18284</v>
      </c>
      <c r="F5937" s="2" t="s">
        <v>7547</v>
      </c>
      <c r="G5937" s="8">
        <v>291</v>
      </c>
      <c r="H5937" s="5">
        <v>6</v>
      </c>
      <c r="I5937" s="5" t="s">
        <v>1518</v>
      </c>
      <c r="J5937" s="5" t="s">
        <v>1519</v>
      </c>
      <c r="K5937" s="2" t="s">
        <v>1520</v>
      </c>
      <c r="L5937" s="5" t="s">
        <v>1519</v>
      </c>
      <c r="M5937" s="2" t="s">
        <v>1520</v>
      </c>
      <c r="N5937" s="5" t="s">
        <v>1521</v>
      </c>
      <c r="O5937" s="5" t="s">
        <v>38</v>
      </c>
      <c r="P5937" s="5" t="s">
        <v>39</v>
      </c>
      <c r="Q5937" s="5" t="s">
        <v>40</v>
      </c>
      <c r="R5937" s="5" t="s">
        <v>1522</v>
      </c>
      <c r="S5937" s="5" t="s">
        <v>1523</v>
      </c>
      <c r="T5937" s="5" t="s">
        <v>42</v>
      </c>
      <c r="U5937" s="2">
        <v>3.2730000000000001</v>
      </c>
      <c r="V5937" s="2">
        <v>2.6840000000000002</v>
      </c>
      <c r="W5937" s="2">
        <v>1.7999999999999999E-2</v>
      </c>
      <c r="X5937" s="2">
        <v>139.1</v>
      </c>
      <c r="Y5937" s="2">
        <v>7.6</v>
      </c>
      <c r="Z5937" s="2">
        <v>16.7</v>
      </c>
      <c r="AA5937" s="5"/>
      <c r="AB5937" s="5" t="s">
        <v>43</v>
      </c>
      <c r="AC5937" s="5" t="s">
        <v>44</v>
      </c>
      <c r="AD5937" s="2"/>
      <c r="AE5937" s="1"/>
    </row>
    <row r="5938" spans="1:31" ht="14.45">
      <c r="A5938" s="11"/>
      <c r="B5938" s="20"/>
      <c r="C5938" s="2" t="s">
        <v>18285</v>
      </c>
      <c r="D5938" s="14" t="s">
        <v>18286</v>
      </c>
      <c r="E5938" s="2" t="s">
        <v>18287</v>
      </c>
      <c r="F5938" s="2" t="s">
        <v>7551</v>
      </c>
      <c r="G5938" s="8">
        <v>291</v>
      </c>
      <c r="H5938" s="5">
        <v>6</v>
      </c>
      <c r="I5938" s="5" t="s">
        <v>1518</v>
      </c>
      <c r="J5938" s="5" t="s">
        <v>1519</v>
      </c>
      <c r="K5938" s="2" t="s">
        <v>1520</v>
      </c>
      <c r="L5938" s="5" t="s">
        <v>1519</v>
      </c>
      <c r="M5938" s="2" t="s">
        <v>1520</v>
      </c>
      <c r="N5938" s="5" t="s">
        <v>1521</v>
      </c>
      <c r="O5938" s="5" t="s">
        <v>38</v>
      </c>
      <c r="P5938" s="5" t="s">
        <v>39</v>
      </c>
      <c r="Q5938" s="5" t="s">
        <v>40</v>
      </c>
      <c r="R5938" s="5" t="s">
        <v>1522</v>
      </c>
      <c r="S5938" s="5" t="s">
        <v>1523</v>
      </c>
      <c r="T5938" s="5" t="s">
        <v>42</v>
      </c>
      <c r="U5938" s="2">
        <v>3.3690000000000002</v>
      </c>
      <c r="V5938" s="2">
        <v>2.78</v>
      </c>
      <c r="W5938" s="2">
        <v>1.7999999999999999E-2</v>
      </c>
      <c r="X5938" s="2">
        <v>139.1</v>
      </c>
      <c r="Y5938" s="2">
        <v>7.6</v>
      </c>
      <c r="Z5938" s="2">
        <v>16.7</v>
      </c>
      <c r="AA5938" s="5"/>
      <c r="AB5938" s="5" t="s">
        <v>43</v>
      </c>
      <c r="AC5938" s="5" t="s">
        <v>44</v>
      </c>
      <c r="AD5938" s="2"/>
      <c r="AE5938" s="1"/>
    </row>
    <row r="5939" spans="1:31" ht="14.45">
      <c r="A5939" s="11"/>
      <c r="B5939" s="20"/>
      <c r="C5939" s="2" t="s">
        <v>18288</v>
      </c>
      <c r="D5939" s="14" t="s">
        <v>18289</v>
      </c>
      <c r="E5939" s="2" t="s">
        <v>18290</v>
      </c>
      <c r="F5939" s="2" t="s">
        <v>7555</v>
      </c>
      <c r="G5939" s="8">
        <v>291</v>
      </c>
      <c r="H5939" s="5">
        <v>6</v>
      </c>
      <c r="I5939" s="5" t="s">
        <v>1518</v>
      </c>
      <c r="J5939" s="5" t="s">
        <v>1519</v>
      </c>
      <c r="K5939" s="2" t="s">
        <v>1520</v>
      </c>
      <c r="L5939" s="5" t="s">
        <v>1519</v>
      </c>
      <c r="M5939" s="2" t="s">
        <v>1520</v>
      </c>
      <c r="N5939" s="5" t="s">
        <v>1521</v>
      </c>
      <c r="O5939" s="5" t="s">
        <v>38</v>
      </c>
      <c r="P5939" s="5" t="s">
        <v>39</v>
      </c>
      <c r="Q5939" s="5" t="s">
        <v>40</v>
      </c>
      <c r="R5939" s="5" t="s">
        <v>1522</v>
      </c>
      <c r="S5939" s="5" t="s">
        <v>1523</v>
      </c>
      <c r="T5939" s="5" t="s">
        <v>42</v>
      </c>
      <c r="U5939" s="2">
        <v>3.2730000000000001</v>
      </c>
      <c r="V5939" s="2">
        <v>2.6840000000000002</v>
      </c>
      <c r="W5939" s="2">
        <v>1.7999999999999999E-2</v>
      </c>
      <c r="X5939" s="2">
        <v>139.1</v>
      </c>
      <c r="Y5939" s="2">
        <v>7.6</v>
      </c>
      <c r="Z5939" s="2">
        <v>16.7</v>
      </c>
      <c r="AA5939" s="5"/>
      <c r="AB5939" s="5" t="s">
        <v>43</v>
      </c>
      <c r="AC5939" s="5" t="s">
        <v>44</v>
      </c>
      <c r="AD5939" s="2"/>
      <c r="AE5939" s="1"/>
    </row>
    <row r="5940" spans="1:31" ht="14.45">
      <c r="A5940" s="11"/>
      <c r="B5940" s="20"/>
      <c r="C5940" s="2" t="s">
        <v>18291</v>
      </c>
      <c r="D5940" s="14" t="s">
        <v>18292</v>
      </c>
      <c r="E5940" s="2" t="s">
        <v>18293</v>
      </c>
      <c r="F5940" s="2" t="s">
        <v>7563</v>
      </c>
      <c r="G5940" s="8">
        <v>291</v>
      </c>
      <c r="H5940" s="5">
        <v>6</v>
      </c>
      <c r="I5940" s="5" t="s">
        <v>1518</v>
      </c>
      <c r="J5940" s="5" t="s">
        <v>1519</v>
      </c>
      <c r="K5940" s="2" t="s">
        <v>1520</v>
      </c>
      <c r="L5940" s="5" t="s">
        <v>1519</v>
      </c>
      <c r="M5940" s="2" t="s">
        <v>1520</v>
      </c>
      <c r="N5940" s="5" t="s">
        <v>1521</v>
      </c>
      <c r="O5940" s="5" t="s">
        <v>38</v>
      </c>
      <c r="P5940" s="5" t="s">
        <v>39</v>
      </c>
      <c r="Q5940" s="5" t="s">
        <v>40</v>
      </c>
      <c r="R5940" s="5" t="s">
        <v>1522</v>
      </c>
      <c r="S5940" s="5" t="s">
        <v>1523</v>
      </c>
      <c r="T5940" s="5" t="s">
        <v>42</v>
      </c>
      <c r="U5940" s="2">
        <v>3.3010000000000002</v>
      </c>
      <c r="V5940" s="2">
        <v>2.7120000000000002</v>
      </c>
      <c r="W5940" s="2">
        <v>1.7999999999999999E-2</v>
      </c>
      <c r="X5940" s="2">
        <v>139.1</v>
      </c>
      <c r="Y5940" s="2">
        <v>7.6</v>
      </c>
      <c r="Z5940" s="2">
        <v>16.7</v>
      </c>
      <c r="AA5940" s="5"/>
      <c r="AB5940" s="5" t="s">
        <v>43</v>
      </c>
      <c r="AC5940" s="5" t="s">
        <v>44</v>
      </c>
      <c r="AD5940" s="2"/>
      <c r="AE5940" s="1"/>
    </row>
    <row r="5941" spans="1:31" ht="14.45">
      <c r="A5941" s="11"/>
      <c r="B5941" s="20"/>
      <c r="C5941" s="2" t="s">
        <v>18294</v>
      </c>
      <c r="D5941" s="14" t="s">
        <v>18295</v>
      </c>
      <c r="E5941" s="2" t="s">
        <v>18296</v>
      </c>
      <c r="F5941" s="2" t="s">
        <v>7567</v>
      </c>
      <c r="G5941" s="8">
        <v>291</v>
      </c>
      <c r="H5941" s="5">
        <v>6</v>
      </c>
      <c r="I5941" s="5" t="s">
        <v>1518</v>
      </c>
      <c r="J5941" s="5" t="s">
        <v>1519</v>
      </c>
      <c r="K5941" s="2" t="s">
        <v>1520</v>
      </c>
      <c r="L5941" s="5" t="s">
        <v>1519</v>
      </c>
      <c r="M5941" s="2" t="s">
        <v>1520</v>
      </c>
      <c r="N5941" s="5" t="s">
        <v>1521</v>
      </c>
      <c r="O5941" s="5" t="s">
        <v>38</v>
      </c>
      <c r="P5941" s="5" t="s">
        <v>39</v>
      </c>
      <c r="Q5941" s="5" t="s">
        <v>40</v>
      </c>
      <c r="R5941" s="5" t="s">
        <v>1522</v>
      </c>
      <c r="S5941" s="5" t="s">
        <v>1523</v>
      </c>
      <c r="T5941" s="5" t="s">
        <v>42</v>
      </c>
      <c r="U5941" s="2">
        <v>3.3969999999999998</v>
      </c>
      <c r="V5941" s="2">
        <v>2.8079999999999998</v>
      </c>
      <c r="W5941" s="2">
        <v>1.7999999999999999E-2</v>
      </c>
      <c r="X5941" s="2">
        <v>139.1</v>
      </c>
      <c r="Y5941" s="2">
        <v>7.6</v>
      </c>
      <c r="Z5941" s="2">
        <v>16.7</v>
      </c>
      <c r="AA5941" s="5"/>
      <c r="AB5941" s="5" t="s">
        <v>43</v>
      </c>
      <c r="AC5941" s="5" t="s">
        <v>44</v>
      </c>
      <c r="AD5941" s="2"/>
      <c r="AE5941" s="1"/>
    </row>
    <row r="5942" spans="1:31" ht="14.45">
      <c r="A5942" s="11"/>
      <c r="B5942" s="20"/>
      <c r="C5942" s="2" t="s">
        <v>18297</v>
      </c>
      <c r="D5942" s="14" t="s">
        <v>18298</v>
      </c>
      <c r="E5942" s="2" t="s">
        <v>18299</v>
      </c>
      <c r="F5942" s="2" t="s">
        <v>16079</v>
      </c>
      <c r="G5942" s="8">
        <v>291</v>
      </c>
      <c r="H5942" s="5">
        <v>6</v>
      </c>
      <c r="I5942" s="5" t="s">
        <v>1518</v>
      </c>
      <c r="J5942" s="5" t="s">
        <v>1519</v>
      </c>
      <c r="K5942" s="2" t="s">
        <v>1520</v>
      </c>
      <c r="L5942" s="5" t="s">
        <v>1519</v>
      </c>
      <c r="M5942" s="2" t="s">
        <v>1520</v>
      </c>
      <c r="N5942" s="5" t="s">
        <v>1521</v>
      </c>
      <c r="O5942" s="5" t="s">
        <v>38</v>
      </c>
      <c r="P5942" s="5" t="s">
        <v>39</v>
      </c>
      <c r="Q5942" s="5" t="s">
        <v>40</v>
      </c>
      <c r="R5942" s="5" t="s">
        <v>1522</v>
      </c>
      <c r="S5942" s="5" t="s">
        <v>1523</v>
      </c>
      <c r="T5942" s="5" t="s">
        <v>42</v>
      </c>
      <c r="U5942" s="2">
        <v>3.3010000000000002</v>
      </c>
      <c r="V5942" s="2">
        <v>2.7120000000000002</v>
      </c>
      <c r="W5942" s="2">
        <v>1.7999999999999999E-2</v>
      </c>
      <c r="X5942" s="2">
        <v>139.1</v>
      </c>
      <c r="Y5942" s="2">
        <v>7.6</v>
      </c>
      <c r="Z5942" s="2">
        <v>16.7</v>
      </c>
      <c r="AA5942" s="5"/>
      <c r="AB5942" s="5" t="s">
        <v>43</v>
      </c>
      <c r="AC5942" s="5" t="s">
        <v>44</v>
      </c>
      <c r="AD5942" s="2"/>
      <c r="AE5942" s="1"/>
    </row>
    <row r="5943" spans="1:31" ht="14.45">
      <c r="A5943" s="11"/>
      <c r="B5943" s="20"/>
      <c r="C5943" s="2" t="s">
        <v>18300</v>
      </c>
      <c r="D5943" s="14" t="s">
        <v>18301</v>
      </c>
      <c r="E5943" s="2" t="s">
        <v>18302</v>
      </c>
      <c r="F5943" s="2" t="s">
        <v>16194</v>
      </c>
      <c r="G5943" s="8">
        <v>291</v>
      </c>
      <c r="H5943" s="5">
        <v>6</v>
      </c>
      <c r="I5943" s="5" t="s">
        <v>1518</v>
      </c>
      <c r="J5943" s="5" t="s">
        <v>1519</v>
      </c>
      <c r="K5943" s="2" t="s">
        <v>1520</v>
      </c>
      <c r="L5943" s="5" t="s">
        <v>1519</v>
      </c>
      <c r="M5943" s="2" t="s">
        <v>1520</v>
      </c>
      <c r="N5943" s="5" t="s">
        <v>1521</v>
      </c>
      <c r="O5943" s="5" t="s">
        <v>38</v>
      </c>
      <c r="P5943" s="5" t="s">
        <v>39</v>
      </c>
      <c r="Q5943" s="5" t="s">
        <v>40</v>
      </c>
      <c r="R5943" s="5" t="s">
        <v>1522</v>
      </c>
      <c r="S5943" s="5" t="s">
        <v>1523</v>
      </c>
      <c r="T5943" s="5" t="s">
        <v>42</v>
      </c>
      <c r="U5943" s="2">
        <v>3.3969999999999998</v>
      </c>
      <c r="V5943" s="2">
        <v>2.8079999999999998</v>
      </c>
      <c r="W5943" s="2">
        <v>1.7999999999999999E-2</v>
      </c>
      <c r="X5943" s="2">
        <v>139.1</v>
      </c>
      <c r="Y5943" s="2">
        <v>7.6</v>
      </c>
      <c r="Z5943" s="2">
        <v>16.7</v>
      </c>
      <c r="AA5943" s="5"/>
      <c r="AB5943" s="5" t="s">
        <v>43</v>
      </c>
      <c r="AC5943" s="5" t="s">
        <v>44</v>
      </c>
      <c r="AD5943" s="2"/>
      <c r="AE5943" s="1"/>
    </row>
    <row r="5944" spans="1:31" ht="14.45">
      <c r="A5944" s="11"/>
      <c r="B5944" s="20"/>
      <c r="C5944" s="2" t="s">
        <v>18303</v>
      </c>
      <c r="D5944" s="14" t="s">
        <v>18304</v>
      </c>
      <c r="E5944" s="2" t="s">
        <v>18305</v>
      </c>
      <c r="F5944" s="2" t="s">
        <v>7449</v>
      </c>
      <c r="G5944" s="8">
        <v>291</v>
      </c>
      <c r="H5944" s="5">
        <v>6</v>
      </c>
      <c r="I5944" s="5" t="s">
        <v>1518</v>
      </c>
      <c r="J5944" s="5" t="s">
        <v>1519</v>
      </c>
      <c r="K5944" s="2" t="s">
        <v>1520</v>
      </c>
      <c r="L5944" s="5" t="s">
        <v>1519</v>
      </c>
      <c r="M5944" s="2" t="s">
        <v>1520</v>
      </c>
      <c r="N5944" s="5" t="s">
        <v>1521</v>
      </c>
      <c r="O5944" s="5" t="s">
        <v>38</v>
      </c>
      <c r="P5944" s="5" t="s">
        <v>39</v>
      </c>
      <c r="Q5944" s="5" t="s">
        <v>40</v>
      </c>
      <c r="R5944" s="5" t="s">
        <v>1522</v>
      </c>
      <c r="S5944" s="5" t="s">
        <v>1523</v>
      </c>
      <c r="T5944" s="5" t="s">
        <v>42</v>
      </c>
      <c r="U5944" s="2">
        <v>3.3010000000000002</v>
      </c>
      <c r="V5944" s="2">
        <v>2.7120000000000002</v>
      </c>
      <c r="W5944" s="2">
        <v>1.7999999999999999E-2</v>
      </c>
      <c r="X5944" s="2">
        <v>139.1</v>
      </c>
      <c r="Y5944" s="2">
        <v>7.6</v>
      </c>
      <c r="Z5944" s="2">
        <v>16.7</v>
      </c>
      <c r="AA5944" s="5"/>
      <c r="AB5944" s="5" t="s">
        <v>43</v>
      </c>
      <c r="AC5944" s="5" t="s">
        <v>44</v>
      </c>
      <c r="AD5944" s="2"/>
      <c r="AE5944" s="1"/>
    </row>
    <row r="5945" spans="1:31" ht="14.45">
      <c r="A5945" s="11"/>
      <c r="B5945" s="20"/>
      <c r="C5945" s="2" t="s">
        <v>18306</v>
      </c>
      <c r="D5945" s="14" t="s">
        <v>18307</v>
      </c>
      <c r="E5945" s="2" t="s">
        <v>18308</v>
      </c>
      <c r="F5945" s="2" t="s">
        <v>7581</v>
      </c>
      <c r="G5945" s="8">
        <v>291</v>
      </c>
      <c r="H5945" s="5">
        <v>6</v>
      </c>
      <c r="I5945" s="5" t="s">
        <v>1518</v>
      </c>
      <c r="J5945" s="5" t="s">
        <v>1519</v>
      </c>
      <c r="K5945" s="2" t="s">
        <v>1520</v>
      </c>
      <c r="L5945" s="5" t="s">
        <v>1519</v>
      </c>
      <c r="M5945" s="2" t="s">
        <v>1520</v>
      </c>
      <c r="N5945" s="5" t="s">
        <v>1521</v>
      </c>
      <c r="O5945" s="5" t="s">
        <v>38</v>
      </c>
      <c r="P5945" s="5" t="s">
        <v>39</v>
      </c>
      <c r="Q5945" s="5" t="s">
        <v>40</v>
      </c>
      <c r="R5945" s="5" t="s">
        <v>1522</v>
      </c>
      <c r="S5945" s="5" t="s">
        <v>1523</v>
      </c>
      <c r="T5945" s="5" t="s">
        <v>42</v>
      </c>
      <c r="U5945" s="2">
        <v>3.3969999999999998</v>
      </c>
      <c r="V5945" s="2">
        <v>2.8079999999999998</v>
      </c>
      <c r="W5945" s="2">
        <v>1.7999999999999999E-2</v>
      </c>
      <c r="X5945" s="2">
        <v>139.1</v>
      </c>
      <c r="Y5945" s="2">
        <v>7.6</v>
      </c>
      <c r="Z5945" s="2">
        <v>16.7</v>
      </c>
      <c r="AA5945" s="5"/>
      <c r="AB5945" s="5" t="s">
        <v>43</v>
      </c>
      <c r="AC5945" s="5" t="s">
        <v>44</v>
      </c>
      <c r="AD5945" s="2"/>
      <c r="AE5945" s="1"/>
    </row>
    <row r="5946" spans="1:31" ht="14.45">
      <c r="A5946" s="11"/>
      <c r="B5946" s="20"/>
      <c r="C5946" s="2" t="s">
        <v>18309</v>
      </c>
      <c r="D5946" s="14" t="s">
        <v>18310</v>
      </c>
      <c r="E5946" s="2" t="s">
        <v>18311</v>
      </c>
      <c r="F5946" s="2" t="s">
        <v>7585</v>
      </c>
      <c r="G5946" s="8">
        <v>291</v>
      </c>
      <c r="H5946" s="5">
        <v>6</v>
      </c>
      <c r="I5946" s="5" t="s">
        <v>1518</v>
      </c>
      <c r="J5946" s="5" t="s">
        <v>1519</v>
      </c>
      <c r="K5946" s="2" t="s">
        <v>1520</v>
      </c>
      <c r="L5946" s="5" t="s">
        <v>1519</v>
      </c>
      <c r="M5946" s="2" t="s">
        <v>1520</v>
      </c>
      <c r="N5946" s="5" t="s">
        <v>1521</v>
      </c>
      <c r="O5946" s="5" t="s">
        <v>38</v>
      </c>
      <c r="P5946" s="5" t="s">
        <v>39</v>
      </c>
      <c r="Q5946" s="5" t="s">
        <v>40</v>
      </c>
      <c r="R5946" s="5" t="s">
        <v>1522</v>
      </c>
      <c r="S5946" s="5" t="s">
        <v>1523</v>
      </c>
      <c r="T5946" s="5" t="s">
        <v>42</v>
      </c>
      <c r="U5946" s="2">
        <v>3.2730000000000001</v>
      </c>
      <c r="V5946" s="2">
        <v>2.6840000000000002</v>
      </c>
      <c r="W5946" s="2">
        <v>1.7999999999999999E-2</v>
      </c>
      <c r="X5946" s="2">
        <v>139.1</v>
      </c>
      <c r="Y5946" s="2">
        <v>7.6</v>
      </c>
      <c r="Z5946" s="2">
        <v>16.7</v>
      </c>
      <c r="AA5946" s="5"/>
      <c r="AB5946" s="5" t="s">
        <v>43</v>
      </c>
      <c r="AC5946" s="5" t="s">
        <v>44</v>
      </c>
      <c r="AD5946" s="2"/>
      <c r="AE5946" s="1"/>
    </row>
    <row r="5947" spans="1:31" ht="14.45">
      <c r="A5947" s="11"/>
      <c r="B5947" s="20"/>
      <c r="C5947" s="2" t="s">
        <v>18312</v>
      </c>
      <c r="D5947" s="14" t="s">
        <v>18313</v>
      </c>
      <c r="E5947" s="2" t="s">
        <v>18314</v>
      </c>
      <c r="F5947" s="2" t="s">
        <v>7593</v>
      </c>
      <c r="G5947" s="8">
        <v>291</v>
      </c>
      <c r="H5947" s="5">
        <v>6</v>
      </c>
      <c r="I5947" s="5" t="s">
        <v>1518</v>
      </c>
      <c r="J5947" s="5" t="s">
        <v>1519</v>
      </c>
      <c r="K5947" s="2" t="s">
        <v>1520</v>
      </c>
      <c r="L5947" s="5" t="s">
        <v>1519</v>
      </c>
      <c r="M5947" s="2" t="s">
        <v>1520</v>
      </c>
      <c r="N5947" s="5" t="s">
        <v>1521</v>
      </c>
      <c r="O5947" s="5" t="s">
        <v>38</v>
      </c>
      <c r="P5947" s="5" t="s">
        <v>39</v>
      </c>
      <c r="Q5947" s="5" t="s">
        <v>40</v>
      </c>
      <c r="R5947" s="5" t="s">
        <v>1522</v>
      </c>
      <c r="S5947" s="5" t="s">
        <v>1523</v>
      </c>
      <c r="T5947" s="5" t="s">
        <v>42</v>
      </c>
      <c r="U5947" s="2">
        <v>3.3010000000000002</v>
      </c>
      <c r="V5947" s="2">
        <v>2.7120000000000002</v>
      </c>
      <c r="W5947" s="2">
        <v>1.7999999999999999E-2</v>
      </c>
      <c r="X5947" s="2">
        <v>139.1</v>
      </c>
      <c r="Y5947" s="2">
        <v>7.6</v>
      </c>
      <c r="Z5947" s="2">
        <v>16.7</v>
      </c>
      <c r="AA5947" s="5"/>
      <c r="AB5947" s="5" t="s">
        <v>43</v>
      </c>
      <c r="AC5947" s="5" t="s">
        <v>44</v>
      </c>
      <c r="AD5947" s="2"/>
      <c r="AE5947" s="1"/>
    </row>
    <row r="5948" spans="1:31" ht="14.45">
      <c r="A5948" s="11"/>
      <c r="B5948" s="20"/>
      <c r="C5948" s="2" t="s">
        <v>18315</v>
      </c>
      <c r="D5948" s="14" t="s">
        <v>18316</v>
      </c>
      <c r="E5948" s="2" t="s">
        <v>18317</v>
      </c>
      <c r="F5948" s="2" t="s">
        <v>7597</v>
      </c>
      <c r="G5948" s="8">
        <v>291</v>
      </c>
      <c r="H5948" s="5">
        <v>6</v>
      </c>
      <c r="I5948" s="5" t="s">
        <v>1518</v>
      </c>
      <c r="J5948" s="5" t="s">
        <v>1519</v>
      </c>
      <c r="K5948" s="2" t="s">
        <v>1520</v>
      </c>
      <c r="L5948" s="5" t="s">
        <v>1519</v>
      </c>
      <c r="M5948" s="2" t="s">
        <v>1520</v>
      </c>
      <c r="N5948" s="5" t="s">
        <v>1521</v>
      </c>
      <c r="O5948" s="5" t="s">
        <v>38</v>
      </c>
      <c r="P5948" s="5" t="s">
        <v>39</v>
      </c>
      <c r="Q5948" s="5" t="s">
        <v>40</v>
      </c>
      <c r="R5948" s="5" t="s">
        <v>1522</v>
      </c>
      <c r="S5948" s="5" t="s">
        <v>1523</v>
      </c>
      <c r="T5948" s="5" t="s">
        <v>42</v>
      </c>
      <c r="U5948" s="2">
        <v>3.3969999999999998</v>
      </c>
      <c r="V5948" s="2">
        <v>2.8079999999999998</v>
      </c>
      <c r="W5948" s="2">
        <v>1.7999999999999999E-2</v>
      </c>
      <c r="X5948" s="2">
        <v>139.1</v>
      </c>
      <c r="Y5948" s="2">
        <v>7.6</v>
      </c>
      <c r="Z5948" s="2">
        <v>16.7</v>
      </c>
      <c r="AA5948" s="5"/>
      <c r="AB5948" s="5" t="s">
        <v>43</v>
      </c>
      <c r="AC5948" s="5" t="s">
        <v>44</v>
      </c>
      <c r="AD5948" s="2"/>
      <c r="AE5948" s="1"/>
    </row>
    <row r="5949" spans="1:31" ht="14.45">
      <c r="A5949" s="11"/>
      <c r="B5949" s="20"/>
      <c r="C5949" s="2" t="s">
        <v>18318</v>
      </c>
      <c r="D5949" s="14" t="s">
        <v>18319</v>
      </c>
      <c r="E5949" s="2" t="s">
        <v>18320</v>
      </c>
      <c r="F5949" s="2" t="s">
        <v>16014</v>
      </c>
      <c r="G5949" s="8">
        <v>291</v>
      </c>
      <c r="H5949" s="5">
        <v>6</v>
      </c>
      <c r="I5949" s="5" t="s">
        <v>1518</v>
      </c>
      <c r="J5949" s="5" t="s">
        <v>1519</v>
      </c>
      <c r="K5949" s="2" t="s">
        <v>1520</v>
      </c>
      <c r="L5949" s="5" t="s">
        <v>1519</v>
      </c>
      <c r="M5949" s="2" t="s">
        <v>1520</v>
      </c>
      <c r="N5949" s="5" t="s">
        <v>1521</v>
      </c>
      <c r="O5949" s="5" t="s">
        <v>38</v>
      </c>
      <c r="P5949" s="5" t="s">
        <v>39</v>
      </c>
      <c r="Q5949" s="5" t="s">
        <v>40</v>
      </c>
      <c r="R5949" s="5" t="s">
        <v>1522</v>
      </c>
      <c r="S5949" s="5" t="s">
        <v>1523</v>
      </c>
      <c r="T5949" s="5" t="s">
        <v>42</v>
      </c>
      <c r="U5949" s="2">
        <v>3.3010000000000002</v>
      </c>
      <c r="V5949" s="2">
        <v>2.7120000000000002</v>
      </c>
      <c r="W5949" s="2">
        <v>1.7999999999999999E-2</v>
      </c>
      <c r="X5949" s="2">
        <v>139.1</v>
      </c>
      <c r="Y5949" s="2">
        <v>7.6</v>
      </c>
      <c r="Z5949" s="2">
        <v>16.7</v>
      </c>
      <c r="AA5949" s="5"/>
      <c r="AB5949" s="5" t="s">
        <v>43</v>
      </c>
      <c r="AC5949" s="5" t="s">
        <v>44</v>
      </c>
      <c r="AD5949" s="2"/>
      <c r="AE5949" s="1"/>
    </row>
    <row r="5950" spans="1:31" ht="14.45">
      <c r="A5950" s="11"/>
      <c r="B5950" s="20"/>
      <c r="C5950" s="2" t="s">
        <v>18321</v>
      </c>
      <c r="D5950" s="14" t="s">
        <v>18322</v>
      </c>
      <c r="E5950" s="2" t="s">
        <v>18323</v>
      </c>
      <c r="F5950" s="2" t="s">
        <v>16219</v>
      </c>
      <c r="G5950" s="8">
        <v>291</v>
      </c>
      <c r="H5950" s="5">
        <v>6</v>
      </c>
      <c r="I5950" s="5" t="s">
        <v>1518</v>
      </c>
      <c r="J5950" s="5" t="s">
        <v>1519</v>
      </c>
      <c r="K5950" s="2" t="s">
        <v>1520</v>
      </c>
      <c r="L5950" s="5" t="s">
        <v>1519</v>
      </c>
      <c r="M5950" s="2" t="s">
        <v>1520</v>
      </c>
      <c r="N5950" s="5" t="s">
        <v>1521</v>
      </c>
      <c r="O5950" s="5" t="s">
        <v>38</v>
      </c>
      <c r="P5950" s="5" t="s">
        <v>39</v>
      </c>
      <c r="Q5950" s="5" t="s">
        <v>40</v>
      </c>
      <c r="R5950" s="5" t="s">
        <v>1522</v>
      </c>
      <c r="S5950" s="5" t="s">
        <v>1523</v>
      </c>
      <c r="T5950" s="5" t="s">
        <v>42</v>
      </c>
      <c r="U5950" s="2">
        <v>3.3969999999999998</v>
      </c>
      <c r="V5950" s="2">
        <v>2.8079999999999998</v>
      </c>
      <c r="W5950" s="2">
        <v>1.7999999999999999E-2</v>
      </c>
      <c r="X5950" s="2">
        <v>139.1</v>
      </c>
      <c r="Y5950" s="2">
        <v>7.6</v>
      </c>
      <c r="Z5950" s="2">
        <v>16.7</v>
      </c>
      <c r="AA5950" s="5"/>
      <c r="AB5950" s="5" t="s">
        <v>43</v>
      </c>
      <c r="AC5950" s="5" t="s">
        <v>44</v>
      </c>
      <c r="AD5950" s="2"/>
      <c r="AE5950" s="1"/>
    </row>
    <row r="5951" spans="1:31" ht="14.45">
      <c r="A5951" s="11"/>
      <c r="B5951" s="20"/>
      <c r="C5951" s="2" t="s">
        <v>18324</v>
      </c>
      <c r="D5951" s="14" t="s">
        <v>18325</v>
      </c>
      <c r="E5951" s="2" t="s">
        <v>18326</v>
      </c>
      <c r="F5951" s="2" t="s">
        <v>16018</v>
      </c>
      <c r="G5951" s="8">
        <v>291</v>
      </c>
      <c r="H5951" s="5">
        <v>6</v>
      </c>
      <c r="I5951" s="5" t="s">
        <v>1518</v>
      </c>
      <c r="J5951" s="5" t="s">
        <v>1519</v>
      </c>
      <c r="K5951" s="2" t="s">
        <v>1520</v>
      </c>
      <c r="L5951" s="5" t="s">
        <v>1519</v>
      </c>
      <c r="M5951" s="2" t="s">
        <v>1520</v>
      </c>
      <c r="N5951" s="5" t="s">
        <v>1521</v>
      </c>
      <c r="O5951" s="5" t="s">
        <v>38</v>
      </c>
      <c r="P5951" s="5" t="s">
        <v>39</v>
      </c>
      <c r="Q5951" s="5" t="s">
        <v>40</v>
      </c>
      <c r="R5951" s="5" t="s">
        <v>1522</v>
      </c>
      <c r="S5951" s="5" t="s">
        <v>1523</v>
      </c>
      <c r="T5951" s="5" t="s">
        <v>42</v>
      </c>
      <c r="U5951" s="2">
        <v>3.3010000000000002</v>
      </c>
      <c r="V5951" s="2">
        <v>2.7120000000000002</v>
      </c>
      <c r="W5951" s="2">
        <v>1.7999999999999999E-2</v>
      </c>
      <c r="X5951" s="2">
        <v>139.1</v>
      </c>
      <c r="Y5951" s="2">
        <v>7.6</v>
      </c>
      <c r="Z5951" s="2">
        <v>16.7</v>
      </c>
      <c r="AA5951" s="5"/>
      <c r="AB5951" s="5" t="s">
        <v>43</v>
      </c>
      <c r="AC5951" s="5" t="s">
        <v>44</v>
      </c>
      <c r="AD5951" s="2"/>
      <c r="AE5951" s="1"/>
    </row>
    <row r="5952" spans="1:31" ht="14.45">
      <c r="A5952" s="11"/>
      <c r="B5952" s="20"/>
      <c r="C5952" s="2" t="s">
        <v>18327</v>
      </c>
      <c r="D5952" s="14" t="s">
        <v>18328</v>
      </c>
      <c r="E5952" s="2" t="s">
        <v>18329</v>
      </c>
      <c r="F5952" s="2" t="s">
        <v>16022</v>
      </c>
      <c r="G5952" s="8">
        <v>291</v>
      </c>
      <c r="H5952" s="5">
        <v>6</v>
      </c>
      <c r="I5952" s="5" t="s">
        <v>1518</v>
      </c>
      <c r="J5952" s="5" t="s">
        <v>1519</v>
      </c>
      <c r="K5952" s="2" t="s">
        <v>1520</v>
      </c>
      <c r="L5952" s="5" t="s">
        <v>1519</v>
      </c>
      <c r="M5952" s="2" t="s">
        <v>1520</v>
      </c>
      <c r="N5952" s="5" t="s">
        <v>1521</v>
      </c>
      <c r="O5952" s="5" t="s">
        <v>38</v>
      </c>
      <c r="P5952" s="5" t="s">
        <v>39</v>
      </c>
      <c r="Q5952" s="5" t="s">
        <v>40</v>
      </c>
      <c r="R5952" s="5" t="s">
        <v>1522</v>
      </c>
      <c r="S5952" s="5" t="s">
        <v>1523</v>
      </c>
      <c r="T5952" s="5" t="s">
        <v>42</v>
      </c>
      <c r="U5952" s="2">
        <v>3.3969999999999998</v>
      </c>
      <c r="V5952" s="2">
        <v>2.8079999999999998</v>
      </c>
      <c r="W5952" s="2">
        <v>1.7999999999999999E-2</v>
      </c>
      <c r="X5952" s="2">
        <v>139.1</v>
      </c>
      <c r="Y5952" s="2">
        <v>7.6</v>
      </c>
      <c r="Z5952" s="2">
        <v>16.7</v>
      </c>
      <c r="AA5952" s="5"/>
      <c r="AB5952" s="5" t="s">
        <v>43</v>
      </c>
      <c r="AC5952" s="5" t="s">
        <v>44</v>
      </c>
      <c r="AD5952" s="2"/>
      <c r="AE5952" s="1"/>
    </row>
    <row r="5953" spans="1:31" ht="14.45">
      <c r="A5953" s="11"/>
      <c r="B5953" s="20"/>
      <c r="C5953" s="2" t="s">
        <v>18330</v>
      </c>
      <c r="D5953" s="14" t="s">
        <v>18331</v>
      </c>
      <c r="E5953" s="2" t="s">
        <v>18332</v>
      </c>
      <c r="F5953" s="2" t="s">
        <v>7615</v>
      </c>
      <c r="G5953" s="8">
        <v>291</v>
      </c>
      <c r="H5953" s="5">
        <v>6</v>
      </c>
      <c r="I5953" s="5" t="s">
        <v>1518</v>
      </c>
      <c r="J5953" s="5" t="s">
        <v>1519</v>
      </c>
      <c r="K5953" s="2" t="s">
        <v>1520</v>
      </c>
      <c r="L5953" s="5" t="s">
        <v>1519</v>
      </c>
      <c r="M5953" s="2" t="s">
        <v>1520</v>
      </c>
      <c r="N5953" s="5" t="s">
        <v>1521</v>
      </c>
      <c r="O5953" s="5" t="s">
        <v>38</v>
      </c>
      <c r="P5953" s="5" t="s">
        <v>39</v>
      </c>
      <c r="Q5953" s="5" t="s">
        <v>40</v>
      </c>
      <c r="R5953" s="5" t="s">
        <v>1522</v>
      </c>
      <c r="S5953" s="5" t="s">
        <v>1523</v>
      </c>
      <c r="T5953" s="5" t="s">
        <v>42</v>
      </c>
      <c r="U5953" s="2">
        <v>3.2730000000000001</v>
      </c>
      <c r="V5953" s="2">
        <v>2.6840000000000002</v>
      </c>
      <c r="W5953" s="2">
        <v>1.7999999999999999E-2</v>
      </c>
      <c r="X5953" s="2">
        <v>139.1</v>
      </c>
      <c r="Y5953" s="2">
        <v>7.6</v>
      </c>
      <c r="Z5953" s="2">
        <v>16.7</v>
      </c>
      <c r="AA5953" s="5"/>
      <c r="AB5953" s="5" t="s">
        <v>43</v>
      </c>
      <c r="AC5953" s="5" t="s">
        <v>44</v>
      </c>
      <c r="AD5953" s="2"/>
      <c r="AE5953" s="1"/>
    </row>
    <row r="5954" spans="1:31" ht="14.45">
      <c r="A5954" s="11"/>
      <c r="B5954" s="20"/>
      <c r="C5954" s="2" t="s">
        <v>18333</v>
      </c>
      <c r="D5954" s="14" t="s">
        <v>18334</v>
      </c>
      <c r="E5954" s="2" t="s">
        <v>18335</v>
      </c>
      <c r="F5954" s="2" t="s">
        <v>16235</v>
      </c>
      <c r="G5954" s="8">
        <v>291</v>
      </c>
      <c r="H5954" s="5">
        <v>6</v>
      </c>
      <c r="I5954" s="5" t="s">
        <v>1518</v>
      </c>
      <c r="J5954" s="5" t="s">
        <v>1519</v>
      </c>
      <c r="K5954" s="2" t="s">
        <v>1520</v>
      </c>
      <c r="L5954" s="5" t="s">
        <v>1519</v>
      </c>
      <c r="M5954" s="2" t="s">
        <v>1520</v>
      </c>
      <c r="N5954" s="5" t="s">
        <v>1521</v>
      </c>
      <c r="O5954" s="5" t="s">
        <v>38</v>
      </c>
      <c r="P5954" s="5" t="s">
        <v>39</v>
      </c>
      <c r="Q5954" s="5" t="s">
        <v>40</v>
      </c>
      <c r="R5954" s="5" t="s">
        <v>1522</v>
      </c>
      <c r="S5954" s="5" t="s">
        <v>1523</v>
      </c>
      <c r="T5954" s="5" t="s">
        <v>42</v>
      </c>
      <c r="U5954" s="2">
        <v>3.35</v>
      </c>
      <c r="V5954" s="2">
        <v>2.7610000000000001</v>
      </c>
      <c r="W5954" s="2">
        <v>1.7999999999999999E-2</v>
      </c>
      <c r="X5954" s="2">
        <v>139.1</v>
      </c>
      <c r="Y5954" s="2">
        <v>7.6</v>
      </c>
      <c r="Z5954" s="2">
        <v>16.7</v>
      </c>
      <c r="AA5954" s="5"/>
      <c r="AB5954" s="5" t="s">
        <v>43</v>
      </c>
      <c r="AC5954" s="5" t="s">
        <v>44</v>
      </c>
      <c r="AD5954" s="2"/>
      <c r="AE5954" s="1"/>
    </row>
    <row r="5955" spans="1:31" ht="14.45">
      <c r="A5955" s="11"/>
      <c r="B5955" s="20"/>
      <c r="C5955" s="2" t="s">
        <v>18336</v>
      </c>
      <c r="D5955" s="14" t="s">
        <v>18337</v>
      </c>
      <c r="E5955" s="2" t="s">
        <v>18338</v>
      </c>
      <c r="F5955" s="2" t="s">
        <v>16029</v>
      </c>
      <c r="G5955" s="8">
        <v>291</v>
      </c>
      <c r="H5955" s="5">
        <v>11</v>
      </c>
      <c r="I5955" s="5" t="s">
        <v>1518</v>
      </c>
      <c r="J5955" s="5" t="s">
        <v>1519</v>
      </c>
      <c r="K5955" s="2" t="s">
        <v>1520</v>
      </c>
      <c r="L5955" s="5" t="s">
        <v>1519</v>
      </c>
      <c r="M5955" s="2" t="s">
        <v>1520</v>
      </c>
      <c r="N5955" s="5" t="s">
        <v>1521</v>
      </c>
      <c r="O5955" s="5" t="s">
        <v>38</v>
      </c>
      <c r="P5955" s="5" t="s">
        <v>39</v>
      </c>
      <c r="Q5955" s="5" t="s">
        <v>40</v>
      </c>
      <c r="R5955" s="5" t="s">
        <v>1522</v>
      </c>
      <c r="S5955" s="5" t="s">
        <v>1523</v>
      </c>
      <c r="T5955" s="5" t="s">
        <v>42</v>
      </c>
      <c r="U5955" s="2">
        <v>3.3149999999999999</v>
      </c>
      <c r="V5955" s="2">
        <v>2.726</v>
      </c>
      <c r="W5955" s="2">
        <v>1.7999999999999999E-2</v>
      </c>
      <c r="X5955" s="2">
        <v>139.1</v>
      </c>
      <c r="Y5955" s="2">
        <v>7.6</v>
      </c>
      <c r="Z5955" s="2">
        <v>16.7</v>
      </c>
      <c r="AA5955" s="5"/>
      <c r="AB5955" s="5" t="s">
        <v>43</v>
      </c>
      <c r="AC5955" s="5" t="s">
        <v>44</v>
      </c>
      <c r="AD5955" s="2"/>
      <c r="AE5955" s="1"/>
    </row>
    <row r="5956" spans="1:31" ht="14.45">
      <c r="A5956" s="11"/>
      <c r="B5956" s="20"/>
      <c r="C5956" s="2" t="s">
        <v>18339</v>
      </c>
      <c r="D5956" s="14" t="s">
        <v>18340</v>
      </c>
      <c r="E5956" s="2" t="s">
        <v>18341</v>
      </c>
      <c r="F5956" s="2" t="s">
        <v>16033</v>
      </c>
      <c r="G5956" s="8">
        <v>291</v>
      </c>
      <c r="H5956" s="5">
        <v>11</v>
      </c>
      <c r="I5956" s="5" t="s">
        <v>1518</v>
      </c>
      <c r="J5956" s="5" t="s">
        <v>1519</v>
      </c>
      <c r="K5956" s="2" t="s">
        <v>1520</v>
      </c>
      <c r="L5956" s="5" t="s">
        <v>1519</v>
      </c>
      <c r="M5956" s="2" t="s">
        <v>1520</v>
      </c>
      <c r="N5956" s="5" t="s">
        <v>1521</v>
      </c>
      <c r="O5956" s="5" t="s">
        <v>38</v>
      </c>
      <c r="P5956" s="5" t="s">
        <v>39</v>
      </c>
      <c r="Q5956" s="5" t="s">
        <v>40</v>
      </c>
      <c r="R5956" s="5" t="s">
        <v>1522</v>
      </c>
      <c r="S5956" s="5" t="s">
        <v>1523</v>
      </c>
      <c r="T5956" s="5" t="s">
        <v>42</v>
      </c>
      <c r="U5956" s="2">
        <v>3.411</v>
      </c>
      <c r="V5956" s="2">
        <v>2.8220000000000001</v>
      </c>
      <c r="W5956" s="2">
        <v>1.7999999999999999E-2</v>
      </c>
      <c r="X5956" s="2">
        <v>139.1</v>
      </c>
      <c r="Y5956" s="2">
        <v>7.6</v>
      </c>
      <c r="Z5956" s="2">
        <v>16.7</v>
      </c>
      <c r="AA5956" s="5"/>
      <c r="AB5956" s="5" t="s">
        <v>43</v>
      </c>
      <c r="AC5956" s="5" t="s">
        <v>44</v>
      </c>
      <c r="AD5956" s="2"/>
      <c r="AE5956" s="1"/>
    </row>
    <row r="5957" spans="1:31" ht="14.45">
      <c r="A5957" s="11"/>
      <c r="B5957" s="20"/>
      <c r="C5957" s="2" t="s">
        <v>18342</v>
      </c>
      <c r="D5957" s="14" t="s">
        <v>18343</v>
      </c>
      <c r="E5957" s="2" t="s">
        <v>18344</v>
      </c>
      <c r="F5957" s="2" t="s">
        <v>7396</v>
      </c>
      <c r="G5957" s="8">
        <v>278</v>
      </c>
      <c r="H5957" s="5">
        <v>6</v>
      </c>
      <c r="I5957" s="5" t="s">
        <v>1518</v>
      </c>
      <c r="J5957" s="5" t="s">
        <v>1519</v>
      </c>
      <c r="K5957" s="2" t="s">
        <v>1520</v>
      </c>
      <c r="L5957" s="5" t="s">
        <v>1519</v>
      </c>
      <c r="M5957" s="2" t="s">
        <v>1520</v>
      </c>
      <c r="N5957" s="5" t="s">
        <v>1521</v>
      </c>
      <c r="O5957" s="5" t="s">
        <v>38</v>
      </c>
      <c r="P5957" s="5" t="s">
        <v>39</v>
      </c>
      <c r="Q5957" s="5" t="s">
        <v>40</v>
      </c>
      <c r="R5957" s="5" t="s">
        <v>1522</v>
      </c>
      <c r="S5957" s="5" t="s">
        <v>1523</v>
      </c>
      <c r="T5957" s="5" t="s">
        <v>42</v>
      </c>
      <c r="U5957" s="2">
        <v>3.4710000000000001</v>
      </c>
      <c r="V5957" s="2">
        <v>2.8929999999999998</v>
      </c>
      <c r="W5957" s="2">
        <v>1.7999999999999999E-2</v>
      </c>
      <c r="X5957" s="2">
        <v>139.1</v>
      </c>
      <c r="Y5957" s="2">
        <v>7.6</v>
      </c>
      <c r="Z5957" s="2">
        <v>16.7</v>
      </c>
      <c r="AA5957" s="5"/>
      <c r="AB5957" s="5" t="s">
        <v>43</v>
      </c>
      <c r="AC5957" s="5" t="s">
        <v>44</v>
      </c>
      <c r="AD5957" s="2"/>
      <c r="AE5957" s="1"/>
    </row>
    <row r="5958" spans="1:31" ht="14.45">
      <c r="A5958" s="11"/>
      <c r="B5958" s="20"/>
      <c r="C5958" s="2" t="s">
        <v>18345</v>
      </c>
      <c r="D5958" s="14" t="s">
        <v>18346</v>
      </c>
      <c r="E5958" s="2" t="s">
        <v>18347</v>
      </c>
      <c r="F5958" s="2" t="s">
        <v>7507</v>
      </c>
      <c r="G5958" s="8">
        <v>278</v>
      </c>
      <c r="H5958" s="5">
        <v>6</v>
      </c>
      <c r="I5958" s="5" t="s">
        <v>1518</v>
      </c>
      <c r="J5958" s="5" t="s">
        <v>1519</v>
      </c>
      <c r="K5958" s="2" t="s">
        <v>1520</v>
      </c>
      <c r="L5958" s="5" t="s">
        <v>1519</v>
      </c>
      <c r="M5958" s="2" t="s">
        <v>1520</v>
      </c>
      <c r="N5958" s="5" t="s">
        <v>1521</v>
      </c>
      <c r="O5958" s="5" t="s">
        <v>38</v>
      </c>
      <c r="P5958" s="5" t="s">
        <v>39</v>
      </c>
      <c r="Q5958" s="5" t="s">
        <v>40</v>
      </c>
      <c r="R5958" s="5" t="s">
        <v>1522</v>
      </c>
      <c r="S5958" s="5" t="s">
        <v>1523</v>
      </c>
      <c r="T5958" s="5" t="s">
        <v>42</v>
      </c>
      <c r="U5958" s="2">
        <v>3.581</v>
      </c>
      <c r="V5958" s="2">
        <v>3.0030000000000001</v>
      </c>
      <c r="W5958" s="2">
        <v>1.7999999999999999E-2</v>
      </c>
      <c r="X5958" s="2">
        <v>139.1</v>
      </c>
      <c r="Y5958" s="2">
        <v>7.6</v>
      </c>
      <c r="Z5958" s="2">
        <v>16.7</v>
      </c>
      <c r="AA5958" s="5"/>
      <c r="AB5958" s="5" t="s">
        <v>43</v>
      </c>
      <c r="AC5958" s="5" t="s">
        <v>44</v>
      </c>
      <c r="AD5958" s="2"/>
      <c r="AE5958" s="1"/>
    </row>
    <row r="5959" spans="1:31" ht="14.45">
      <c r="A5959" s="11"/>
      <c r="B5959" s="20"/>
      <c r="C5959" s="2" t="s">
        <v>18348</v>
      </c>
      <c r="D5959" s="14" t="s">
        <v>18349</v>
      </c>
      <c r="E5959" s="2" t="s">
        <v>18350</v>
      </c>
      <c r="F5959" s="2" t="s">
        <v>7204</v>
      </c>
      <c r="G5959" s="8">
        <v>278</v>
      </c>
      <c r="H5959" s="5">
        <v>6</v>
      </c>
      <c r="I5959" s="5" t="s">
        <v>1518</v>
      </c>
      <c r="J5959" s="5" t="s">
        <v>1519</v>
      </c>
      <c r="K5959" s="2" t="s">
        <v>1520</v>
      </c>
      <c r="L5959" s="5" t="s">
        <v>1519</v>
      </c>
      <c r="M5959" s="2" t="s">
        <v>1520</v>
      </c>
      <c r="N5959" s="5" t="s">
        <v>1521</v>
      </c>
      <c r="O5959" s="5" t="s">
        <v>38</v>
      </c>
      <c r="P5959" s="5" t="s">
        <v>39</v>
      </c>
      <c r="Q5959" s="5" t="s">
        <v>40</v>
      </c>
      <c r="R5959" s="5" t="s">
        <v>1522</v>
      </c>
      <c r="S5959" s="5" t="s">
        <v>1523</v>
      </c>
      <c r="T5959" s="5" t="s">
        <v>42</v>
      </c>
      <c r="U5959" s="2">
        <v>3.4820000000000002</v>
      </c>
      <c r="V5959" s="2">
        <v>2.9039999999999999</v>
      </c>
      <c r="W5959" s="2">
        <v>1.7999999999999999E-2</v>
      </c>
      <c r="X5959" s="2">
        <v>139.1</v>
      </c>
      <c r="Y5959" s="2">
        <v>7.6</v>
      </c>
      <c r="Z5959" s="2">
        <v>16.7</v>
      </c>
      <c r="AA5959" s="5"/>
      <c r="AB5959" s="5" t="s">
        <v>43</v>
      </c>
      <c r="AC5959" s="5" t="s">
        <v>44</v>
      </c>
      <c r="AD5959" s="2"/>
      <c r="AE5959" s="1"/>
    </row>
    <row r="5960" spans="1:31" ht="14.45">
      <c r="A5960" s="11"/>
      <c r="B5960" s="20"/>
      <c r="C5960" s="2" t="s">
        <v>18351</v>
      </c>
      <c r="D5960" s="14" t="s">
        <v>18352</v>
      </c>
      <c r="E5960" s="2" t="s">
        <v>18353</v>
      </c>
      <c r="F5960" s="2" t="s">
        <v>7514</v>
      </c>
      <c r="G5960" s="8">
        <v>278</v>
      </c>
      <c r="H5960" s="5">
        <v>6</v>
      </c>
      <c r="I5960" s="5" t="s">
        <v>1518</v>
      </c>
      <c r="J5960" s="5" t="s">
        <v>1519</v>
      </c>
      <c r="K5960" s="2" t="s">
        <v>1520</v>
      </c>
      <c r="L5960" s="5" t="s">
        <v>1519</v>
      </c>
      <c r="M5960" s="2" t="s">
        <v>1520</v>
      </c>
      <c r="N5960" s="5" t="s">
        <v>1521</v>
      </c>
      <c r="O5960" s="5" t="s">
        <v>38</v>
      </c>
      <c r="P5960" s="5" t="s">
        <v>39</v>
      </c>
      <c r="Q5960" s="5" t="s">
        <v>40</v>
      </c>
      <c r="R5960" s="5" t="s">
        <v>1522</v>
      </c>
      <c r="S5960" s="5" t="s">
        <v>1523</v>
      </c>
      <c r="T5960" s="5" t="s">
        <v>42</v>
      </c>
      <c r="U5960" s="2">
        <v>3.5920000000000001</v>
      </c>
      <c r="V5960" s="2">
        <v>3.0139999999999998</v>
      </c>
      <c r="W5960" s="2">
        <v>1.7999999999999999E-2</v>
      </c>
      <c r="X5960" s="2">
        <v>139.1</v>
      </c>
      <c r="Y5960" s="2">
        <v>7.6</v>
      </c>
      <c r="Z5960" s="2">
        <v>16.7</v>
      </c>
      <c r="AA5960" s="5"/>
      <c r="AB5960" s="5" t="s">
        <v>43</v>
      </c>
      <c r="AC5960" s="5" t="s">
        <v>44</v>
      </c>
      <c r="AD5960" s="2"/>
      <c r="AE5960" s="1"/>
    </row>
    <row r="5961" spans="1:31" ht="14.45">
      <c r="A5961" s="11"/>
      <c r="B5961" s="20"/>
      <c r="C5961" s="2" t="s">
        <v>18354</v>
      </c>
      <c r="D5961" s="14" t="s">
        <v>18355</v>
      </c>
      <c r="E5961" s="2" t="s">
        <v>18356</v>
      </c>
      <c r="F5961" s="2" t="s">
        <v>7208</v>
      </c>
      <c r="G5961" s="8">
        <v>278</v>
      </c>
      <c r="H5961" s="5">
        <v>6</v>
      </c>
      <c r="I5961" s="5" t="s">
        <v>1518</v>
      </c>
      <c r="J5961" s="5" t="s">
        <v>1519</v>
      </c>
      <c r="K5961" s="2" t="s">
        <v>1520</v>
      </c>
      <c r="L5961" s="5" t="s">
        <v>1519</v>
      </c>
      <c r="M5961" s="2" t="s">
        <v>1520</v>
      </c>
      <c r="N5961" s="5" t="s">
        <v>1521</v>
      </c>
      <c r="O5961" s="5" t="s">
        <v>38</v>
      </c>
      <c r="P5961" s="5" t="s">
        <v>39</v>
      </c>
      <c r="Q5961" s="5" t="s">
        <v>40</v>
      </c>
      <c r="R5961" s="5" t="s">
        <v>1522</v>
      </c>
      <c r="S5961" s="5" t="s">
        <v>1523</v>
      </c>
      <c r="T5961" s="5" t="s">
        <v>42</v>
      </c>
      <c r="U5961" s="2">
        <v>3.4820000000000002</v>
      </c>
      <c r="V5961" s="2">
        <v>2.9039999999999999</v>
      </c>
      <c r="W5961" s="2">
        <v>1.7999999999999999E-2</v>
      </c>
      <c r="X5961" s="2">
        <v>139.1</v>
      </c>
      <c r="Y5961" s="2">
        <v>7.6</v>
      </c>
      <c r="Z5961" s="2">
        <v>16.7</v>
      </c>
      <c r="AA5961" s="5"/>
      <c r="AB5961" s="5" t="s">
        <v>43</v>
      </c>
      <c r="AC5961" s="5" t="s">
        <v>44</v>
      </c>
      <c r="AD5961" s="2"/>
      <c r="AE5961" s="1"/>
    </row>
    <row r="5962" spans="1:31" ht="14.45">
      <c r="A5962" s="11"/>
      <c r="B5962" s="20"/>
      <c r="C5962" s="2" t="s">
        <v>18357</v>
      </c>
      <c r="D5962" s="14" t="s">
        <v>18358</v>
      </c>
      <c r="E5962" s="2" t="s">
        <v>18359</v>
      </c>
      <c r="F5962" s="2" t="s">
        <v>7521</v>
      </c>
      <c r="G5962" s="8">
        <v>278</v>
      </c>
      <c r="H5962" s="5">
        <v>6</v>
      </c>
      <c r="I5962" s="5" t="s">
        <v>1518</v>
      </c>
      <c r="J5962" s="5" t="s">
        <v>1519</v>
      </c>
      <c r="K5962" s="2" t="s">
        <v>1520</v>
      </c>
      <c r="L5962" s="5" t="s">
        <v>1519</v>
      </c>
      <c r="M5962" s="2" t="s">
        <v>1520</v>
      </c>
      <c r="N5962" s="5" t="s">
        <v>1521</v>
      </c>
      <c r="O5962" s="5" t="s">
        <v>38</v>
      </c>
      <c r="P5962" s="5" t="s">
        <v>39</v>
      </c>
      <c r="Q5962" s="5" t="s">
        <v>40</v>
      </c>
      <c r="R5962" s="5" t="s">
        <v>1522</v>
      </c>
      <c r="S5962" s="5" t="s">
        <v>1523</v>
      </c>
      <c r="T5962" s="5" t="s">
        <v>42</v>
      </c>
      <c r="U5962" s="2">
        <v>3.5920000000000001</v>
      </c>
      <c r="V5962" s="2">
        <v>3.0139999999999998</v>
      </c>
      <c r="W5962" s="2">
        <v>1.7999999999999999E-2</v>
      </c>
      <c r="X5962" s="2">
        <v>139.1</v>
      </c>
      <c r="Y5962" s="2">
        <v>7.6</v>
      </c>
      <c r="Z5962" s="2">
        <v>16.7</v>
      </c>
      <c r="AA5962" s="5"/>
      <c r="AB5962" s="5" t="s">
        <v>43</v>
      </c>
      <c r="AC5962" s="5" t="s">
        <v>44</v>
      </c>
      <c r="AD5962" s="2"/>
      <c r="AE5962" s="1"/>
    </row>
    <row r="5963" spans="1:31" ht="14.45">
      <c r="A5963" s="11"/>
      <c r="B5963" s="20"/>
      <c r="C5963" s="2" t="s">
        <v>18360</v>
      </c>
      <c r="D5963" s="14" t="s">
        <v>18361</v>
      </c>
      <c r="E5963" s="2" t="s">
        <v>18362</v>
      </c>
      <c r="F5963" s="2" t="s">
        <v>7212</v>
      </c>
      <c r="G5963" s="8">
        <v>278</v>
      </c>
      <c r="H5963" s="5">
        <v>6</v>
      </c>
      <c r="I5963" s="5" t="s">
        <v>1518</v>
      </c>
      <c r="J5963" s="5" t="s">
        <v>1519</v>
      </c>
      <c r="K5963" s="2" t="s">
        <v>1520</v>
      </c>
      <c r="L5963" s="5" t="s">
        <v>1519</v>
      </c>
      <c r="M5963" s="2" t="s">
        <v>1520</v>
      </c>
      <c r="N5963" s="5" t="s">
        <v>1521</v>
      </c>
      <c r="O5963" s="5" t="s">
        <v>38</v>
      </c>
      <c r="P5963" s="5" t="s">
        <v>39</v>
      </c>
      <c r="Q5963" s="5" t="s">
        <v>40</v>
      </c>
      <c r="R5963" s="5" t="s">
        <v>1522</v>
      </c>
      <c r="S5963" s="5" t="s">
        <v>1523</v>
      </c>
      <c r="T5963" s="5" t="s">
        <v>42</v>
      </c>
      <c r="U5963" s="2">
        <v>3.4470000000000001</v>
      </c>
      <c r="V5963" s="2">
        <v>2.8690000000000002</v>
      </c>
      <c r="W5963" s="2">
        <v>1.7999999999999999E-2</v>
      </c>
      <c r="X5963" s="2">
        <v>139.1</v>
      </c>
      <c r="Y5963" s="2">
        <v>7.6</v>
      </c>
      <c r="Z5963" s="2">
        <v>16.7</v>
      </c>
      <c r="AA5963" s="5"/>
      <c r="AB5963" s="5" t="s">
        <v>43</v>
      </c>
      <c r="AC5963" s="5" t="s">
        <v>44</v>
      </c>
      <c r="AD5963" s="2"/>
      <c r="AE5963" s="1"/>
    </row>
    <row r="5964" spans="1:31" ht="14.45">
      <c r="A5964" s="11"/>
      <c r="B5964" s="20"/>
      <c r="C5964" s="2" t="s">
        <v>18363</v>
      </c>
      <c r="D5964" s="14" t="s">
        <v>18364</v>
      </c>
      <c r="E5964" s="2" t="s">
        <v>18365</v>
      </c>
      <c r="F5964" s="2" t="s">
        <v>7528</v>
      </c>
      <c r="G5964" s="8">
        <v>278</v>
      </c>
      <c r="H5964" s="5">
        <v>6</v>
      </c>
      <c r="I5964" s="5" t="s">
        <v>1518</v>
      </c>
      <c r="J5964" s="5" t="s">
        <v>1519</v>
      </c>
      <c r="K5964" s="2" t="s">
        <v>1520</v>
      </c>
      <c r="L5964" s="5" t="s">
        <v>1519</v>
      </c>
      <c r="M5964" s="2" t="s">
        <v>1520</v>
      </c>
      <c r="N5964" s="5" t="s">
        <v>1521</v>
      </c>
      <c r="O5964" s="5" t="s">
        <v>38</v>
      </c>
      <c r="P5964" s="5" t="s">
        <v>39</v>
      </c>
      <c r="Q5964" s="5" t="s">
        <v>40</v>
      </c>
      <c r="R5964" s="5" t="s">
        <v>1522</v>
      </c>
      <c r="S5964" s="5" t="s">
        <v>1523</v>
      </c>
      <c r="T5964" s="5" t="s">
        <v>42</v>
      </c>
      <c r="U5964" s="2">
        <v>3.5569999999999999</v>
      </c>
      <c r="V5964" s="2">
        <v>2.9790000000000001</v>
      </c>
      <c r="W5964" s="2">
        <v>1.7999999999999999E-2</v>
      </c>
      <c r="X5964" s="2">
        <v>139.1</v>
      </c>
      <c r="Y5964" s="2">
        <v>7.6</v>
      </c>
      <c r="Z5964" s="2">
        <v>16.7</v>
      </c>
      <c r="AA5964" s="5"/>
      <c r="AB5964" s="5" t="s">
        <v>43</v>
      </c>
      <c r="AC5964" s="5" t="s">
        <v>44</v>
      </c>
      <c r="AD5964" s="2"/>
      <c r="AE5964" s="1"/>
    </row>
    <row r="5965" spans="1:31" ht="14.45">
      <c r="A5965" s="11"/>
      <c r="B5965" s="20"/>
      <c r="C5965" s="2" t="s">
        <v>18366</v>
      </c>
      <c r="D5965" s="14" t="s">
        <v>18367</v>
      </c>
      <c r="E5965" s="2" t="s">
        <v>18368</v>
      </c>
      <c r="F5965" s="2" t="s">
        <v>7406</v>
      </c>
      <c r="G5965" s="8">
        <v>300</v>
      </c>
      <c r="H5965" s="5">
        <v>6</v>
      </c>
      <c r="I5965" s="5" t="s">
        <v>1518</v>
      </c>
      <c r="J5965" s="5" t="s">
        <v>1519</v>
      </c>
      <c r="K5965" s="2" t="s">
        <v>1520</v>
      </c>
      <c r="L5965" s="5" t="s">
        <v>1519</v>
      </c>
      <c r="M5965" s="2" t="s">
        <v>1520</v>
      </c>
      <c r="N5965" s="5" t="s">
        <v>1521</v>
      </c>
      <c r="O5965" s="5" t="s">
        <v>38</v>
      </c>
      <c r="P5965" s="5" t="s">
        <v>39</v>
      </c>
      <c r="Q5965" s="5" t="s">
        <v>40</v>
      </c>
      <c r="R5965" s="5" t="s">
        <v>1522</v>
      </c>
      <c r="S5965" s="5" t="s">
        <v>1523</v>
      </c>
      <c r="T5965" s="5" t="s">
        <v>42</v>
      </c>
      <c r="U5965" s="2">
        <v>3.4470000000000001</v>
      </c>
      <c r="V5965" s="2">
        <v>2.8690000000000002</v>
      </c>
      <c r="W5965" s="2">
        <v>1.7999999999999999E-2</v>
      </c>
      <c r="X5965" s="2">
        <v>139.1</v>
      </c>
      <c r="Y5965" s="2">
        <v>7.6</v>
      </c>
      <c r="Z5965" s="2">
        <v>16.7</v>
      </c>
      <c r="AA5965" s="5"/>
      <c r="AB5965" s="5" t="s">
        <v>43</v>
      </c>
      <c r="AC5965" s="5" t="s">
        <v>44</v>
      </c>
      <c r="AD5965" s="2"/>
      <c r="AE5965" s="1"/>
    </row>
    <row r="5966" spans="1:31" ht="14.45">
      <c r="A5966" s="11"/>
      <c r="B5966" s="20"/>
      <c r="C5966" s="2" t="s">
        <v>18369</v>
      </c>
      <c r="D5966" s="14" t="s">
        <v>18370</v>
      </c>
      <c r="E5966" s="2" t="s">
        <v>18371</v>
      </c>
      <c r="F5966" s="2" t="s">
        <v>7535</v>
      </c>
      <c r="G5966" s="8">
        <v>300</v>
      </c>
      <c r="H5966" s="5">
        <v>6</v>
      </c>
      <c r="I5966" s="5" t="s">
        <v>1518</v>
      </c>
      <c r="J5966" s="5" t="s">
        <v>1519</v>
      </c>
      <c r="K5966" s="2" t="s">
        <v>1520</v>
      </c>
      <c r="L5966" s="5" t="s">
        <v>1519</v>
      </c>
      <c r="M5966" s="2" t="s">
        <v>1520</v>
      </c>
      <c r="N5966" s="5" t="s">
        <v>1521</v>
      </c>
      <c r="O5966" s="5" t="s">
        <v>38</v>
      </c>
      <c r="P5966" s="5" t="s">
        <v>39</v>
      </c>
      <c r="Q5966" s="5" t="s">
        <v>40</v>
      </c>
      <c r="R5966" s="5" t="s">
        <v>1522</v>
      </c>
      <c r="S5966" s="5" t="s">
        <v>1523</v>
      </c>
      <c r="T5966" s="5" t="s">
        <v>42</v>
      </c>
      <c r="U5966" s="2">
        <v>3.5569999999999999</v>
      </c>
      <c r="V5966" s="2">
        <v>2.9790000000000001</v>
      </c>
      <c r="W5966" s="2">
        <v>1.7999999999999999E-2</v>
      </c>
      <c r="X5966" s="2">
        <v>139.1</v>
      </c>
      <c r="Y5966" s="2">
        <v>7.6</v>
      </c>
      <c r="Z5966" s="2">
        <v>16.7</v>
      </c>
      <c r="AA5966" s="5"/>
      <c r="AB5966" s="5" t="s">
        <v>43</v>
      </c>
      <c r="AC5966" s="5" t="s">
        <v>44</v>
      </c>
      <c r="AD5966" s="2"/>
      <c r="AE5966" s="1"/>
    </row>
    <row r="5967" spans="1:31" ht="14.45">
      <c r="A5967" s="11"/>
      <c r="B5967" s="20"/>
      <c r="C5967" s="2" t="s">
        <v>18372</v>
      </c>
      <c r="D5967" s="14" t="s">
        <v>18373</v>
      </c>
      <c r="E5967" s="2" t="s">
        <v>18374</v>
      </c>
      <c r="F5967" s="2" t="s">
        <v>7539</v>
      </c>
      <c r="G5967" s="8">
        <v>300</v>
      </c>
      <c r="H5967" s="5">
        <v>6</v>
      </c>
      <c r="I5967" s="5" t="s">
        <v>1518</v>
      </c>
      <c r="J5967" s="5" t="s">
        <v>1519</v>
      </c>
      <c r="K5967" s="2" t="s">
        <v>1520</v>
      </c>
      <c r="L5967" s="5" t="s">
        <v>1519</v>
      </c>
      <c r="M5967" s="2" t="s">
        <v>1520</v>
      </c>
      <c r="N5967" s="5" t="s">
        <v>1521</v>
      </c>
      <c r="O5967" s="5" t="s">
        <v>38</v>
      </c>
      <c r="P5967" s="5" t="s">
        <v>39</v>
      </c>
      <c r="Q5967" s="5" t="s">
        <v>40</v>
      </c>
      <c r="R5967" s="5" t="s">
        <v>1522</v>
      </c>
      <c r="S5967" s="5" t="s">
        <v>1523</v>
      </c>
      <c r="T5967" s="5" t="s">
        <v>42</v>
      </c>
      <c r="U5967" s="2">
        <v>3.4820000000000002</v>
      </c>
      <c r="V5967" s="2">
        <v>2.9039999999999999</v>
      </c>
      <c r="W5967" s="2">
        <v>1.7999999999999999E-2</v>
      </c>
      <c r="X5967" s="2">
        <v>139.1</v>
      </c>
      <c r="Y5967" s="2">
        <v>7.6</v>
      </c>
      <c r="Z5967" s="2">
        <v>16.7</v>
      </c>
      <c r="AA5967" s="5"/>
      <c r="AB5967" s="5" t="s">
        <v>43</v>
      </c>
      <c r="AC5967" s="5" t="s">
        <v>44</v>
      </c>
      <c r="AD5967" s="2"/>
      <c r="AE5967" s="1"/>
    </row>
    <row r="5968" spans="1:31" ht="14.45">
      <c r="A5968" s="11"/>
      <c r="B5968" s="20"/>
      <c r="C5968" s="2" t="s">
        <v>18375</v>
      </c>
      <c r="D5968" s="14" t="s">
        <v>18376</v>
      </c>
      <c r="E5968" s="2" t="s">
        <v>18377</v>
      </c>
      <c r="F5968" s="2" t="s">
        <v>7543</v>
      </c>
      <c r="G5968" s="8">
        <v>300</v>
      </c>
      <c r="H5968" s="5">
        <v>6</v>
      </c>
      <c r="I5968" s="5" t="s">
        <v>1518</v>
      </c>
      <c r="J5968" s="5" t="s">
        <v>1519</v>
      </c>
      <c r="K5968" s="2" t="s">
        <v>1520</v>
      </c>
      <c r="L5968" s="5" t="s">
        <v>1519</v>
      </c>
      <c r="M5968" s="2" t="s">
        <v>1520</v>
      </c>
      <c r="N5968" s="5" t="s">
        <v>1521</v>
      </c>
      <c r="O5968" s="5" t="s">
        <v>38</v>
      </c>
      <c r="P5968" s="5" t="s">
        <v>39</v>
      </c>
      <c r="Q5968" s="5" t="s">
        <v>40</v>
      </c>
      <c r="R5968" s="5" t="s">
        <v>1522</v>
      </c>
      <c r="S5968" s="5" t="s">
        <v>1523</v>
      </c>
      <c r="T5968" s="5" t="s">
        <v>42</v>
      </c>
      <c r="U5968" s="2">
        <v>3.5920000000000001</v>
      </c>
      <c r="V5968" s="2">
        <v>3.0139999999999998</v>
      </c>
      <c r="W5968" s="2">
        <v>1.7999999999999999E-2</v>
      </c>
      <c r="X5968" s="2">
        <v>139.1</v>
      </c>
      <c r="Y5968" s="2">
        <v>7.6</v>
      </c>
      <c r="Z5968" s="2">
        <v>16.7</v>
      </c>
      <c r="AA5968" s="5"/>
      <c r="AB5968" s="5" t="s">
        <v>43</v>
      </c>
      <c r="AC5968" s="5" t="s">
        <v>44</v>
      </c>
      <c r="AD5968" s="2"/>
      <c r="AE5968" s="1"/>
    </row>
    <row r="5969" spans="1:31" ht="14.45">
      <c r="A5969" s="11"/>
      <c r="B5969" s="20"/>
      <c r="C5969" s="2" t="s">
        <v>18378</v>
      </c>
      <c r="D5969" s="14" t="s">
        <v>18379</v>
      </c>
      <c r="E5969" s="2" t="s">
        <v>18380</v>
      </c>
      <c r="F5969" s="2" t="s">
        <v>7563</v>
      </c>
      <c r="G5969" s="8">
        <v>300</v>
      </c>
      <c r="H5969" s="5">
        <v>6</v>
      </c>
      <c r="I5969" s="5" t="s">
        <v>1518</v>
      </c>
      <c r="J5969" s="5" t="s">
        <v>1519</v>
      </c>
      <c r="K5969" s="2" t="s">
        <v>1520</v>
      </c>
      <c r="L5969" s="5" t="s">
        <v>1519</v>
      </c>
      <c r="M5969" s="2" t="s">
        <v>1520</v>
      </c>
      <c r="N5969" s="5" t="s">
        <v>1521</v>
      </c>
      <c r="O5969" s="5" t="s">
        <v>38</v>
      </c>
      <c r="P5969" s="5" t="s">
        <v>39</v>
      </c>
      <c r="Q5969" s="5" t="s">
        <v>40</v>
      </c>
      <c r="R5969" s="5" t="s">
        <v>1522</v>
      </c>
      <c r="S5969" s="5" t="s">
        <v>1523</v>
      </c>
      <c r="T5969" s="5" t="s">
        <v>42</v>
      </c>
      <c r="U5969" s="2">
        <v>3.4820000000000002</v>
      </c>
      <c r="V5969" s="2">
        <v>2.9039999999999999</v>
      </c>
      <c r="W5969" s="2">
        <v>1.7999999999999999E-2</v>
      </c>
      <c r="X5969" s="2">
        <v>139.1</v>
      </c>
      <c r="Y5969" s="2">
        <v>7.6</v>
      </c>
      <c r="Z5969" s="2">
        <v>16.7</v>
      </c>
      <c r="AA5969" s="5"/>
      <c r="AB5969" s="5" t="s">
        <v>43</v>
      </c>
      <c r="AC5969" s="5" t="s">
        <v>44</v>
      </c>
      <c r="AD5969" s="2"/>
      <c r="AE5969" s="1"/>
    </row>
    <row r="5970" spans="1:31" ht="14.45">
      <c r="A5970" s="11"/>
      <c r="B5970" s="20"/>
      <c r="C5970" s="2" t="s">
        <v>18381</v>
      </c>
      <c r="D5970" s="14" t="s">
        <v>18382</v>
      </c>
      <c r="E5970" s="2" t="s">
        <v>18383</v>
      </c>
      <c r="F5970" s="2" t="s">
        <v>7567</v>
      </c>
      <c r="G5970" s="8">
        <v>300</v>
      </c>
      <c r="H5970" s="5">
        <v>6</v>
      </c>
      <c r="I5970" s="5" t="s">
        <v>1518</v>
      </c>
      <c r="J5970" s="5" t="s">
        <v>1519</v>
      </c>
      <c r="K5970" s="2" t="s">
        <v>1520</v>
      </c>
      <c r="L5970" s="5" t="s">
        <v>1519</v>
      </c>
      <c r="M5970" s="2" t="s">
        <v>1520</v>
      </c>
      <c r="N5970" s="5" t="s">
        <v>1521</v>
      </c>
      <c r="O5970" s="5" t="s">
        <v>38</v>
      </c>
      <c r="P5970" s="5" t="s">
        <v>39</v>
      </c>
      <c r="Q5970" s="5" t="s">
        <v>40</v>
      </c>
      <c r="R5970" s="5" t="s">
        <v>1522</v>
      </c>
      <c r="S5970" s="5" t="s">
        <v>1523</v>
      </c>
      <c r="T5970" s="5" t="s">
        <v>42</v>
      </c>
      <c r="U5970" s="2">
        <v>3.5920000000000001</v>
      </c>
      <c r="V5970" s="2">
        <v>3.0139999999999998</v>
      </c>
      <c r="W5970" s="2">
        <v>1.7999999999999999E-2</v>
      </c>
      <c r="X5970" s="2">
        <v>139.1</v>
      </c>
      <c r="Y5970" s="2">
        <v>7.6</v>
      </c>
      <c r="Z5970" s="2">
        <v>16.7</v>
      </c>
      <c r="AA5970" s="5"/>
      <c r="AB5970" s="5" t="s">
        <v>43</v>
      </c>
      <c r="AC5970" s="5" t="s">
        <v>44</v>
      </c>
      <c r="AD5970" s="2"/>
      <c r="AE5970" s="1"/>
    </row>
    <row r="5971" spans="1:31" ht="14.45">
      <c r="A5971" s="11"/>
      <c r="B5971" s="20"/>
      <c r="C5971" s="2" t="s">
        <v>18384</v>
      </c>
      <c r="D5971" s="14" t="s">
        <v>18385</v>
      </c>
      <c r="E5971" s="2" t="s">
        <v>18386</v>
      </c>
      <c r="F5971" s="2" t="s">
        <v>16079</v>
      </c>
      <c r="G5971" s="8">
        <v>300</v>
      </c>
      <c r="H5971" s="5">
        <v>6</v>
      </c>
      <c r="I5971" s="5" t="s">
        <v>1518</v>
      </c>
      <c r="J5971" s="5" t="s">
        <v>1519</v>
      </c>
      <c r="K5971" s="2" t="s">
        <v>1520</v>
      </c>
      <c r="L5971" s="5" t="s">
        <v>1519</v>
      </c>
      <c r="M5971" s="2" t="s">
        <v>1520</v>
      </c>
      <c r="N5971" s="5" t="s">
        <v>1521</v>
      </c>
      <c r="O5971" s="5" t="s">
        <v>38</v>
      </c>
      <c r="P5971" s="5" t="s">
        <v>39</v>
      </c>
      <c r="Q5971" s="5" t="s">
        <v>40</v>
      </c>
      <c r="R5971" s="5" t="s">
        <v>1522</v>
      </c>
      <c r="S5971" s="5" t="s">
        <v>1523</v>
      </c>
      <c r="T5971" s="5" t="s">
        <v>42</v>
      </c>
      <c r="U5971" s="2">
        <v>3.4820000000000002</v>
      </c>
      <c r="V5971" s="2">
        <v>2.9039999999999999</v>
      </c>
      <c r="W5971" s="2">
        <v>1.7999999999999999E-2</v>
      </c>
      <c r="X5971" s="2">
        <v>139.1</v>
      </c>
      <c r="Y5971" s="2">
        <v>7.6</v>
      </c>
      <c r="Z5971" s="2">
        <v>16.7</v>
      </c>
      <c r="AA5971" s="5"/>
      <c r="AB5971" s="5" t="s">
        <v>43</v>
      </c>
      <c r="AC5971" s="5" t="s">
        <v>44</v>
      </c>
      <c r="AD5971" s="2"/>
      <c r="AE5971" s="1"/>
    </row>
    <row r="5972" spans="1:31" ht="14.45">
      <c r="A5972" s="11"/>
      <c r="B5972" s="20"/>
      <c r="C5972" s="2" t="s">
        <v>18387</v>
      </c>
      <c r="D5972" s="14" t="s">
        <v>18388</v>
      </c>
      <c r="E5972" s="2" t="s">
        <v>18389</v>
      </c>
      <c r="F5972" s="2" t="s">
        <v>7449</v>
      </c>
      <c r="G5972" s="8">
        <v>300</v>
      </c>
      <c r="H5972" s="5">
        <v>6</v>
      </c>
      <c r="I5972" s="5" t="s">
        <v>1518</v>
      </c>
      <c r="J5972" s="5" t="s">
        <v>1519</v>
      </c>
      <c r="K5972" s="2" t="s">
        <v>1520</v>
      </c>
      <c r="L5972" s="5" t="s">
        <v>1519</v>
      </c>
      <c r="M5972" s="2" t="s">
        <v>1520</v>
      </c>
      <c r="N5972" s="5" t="s">
        <v>1521</v>
      </c>
      <c r="O5972" s="5" t="s">
        <v>38</v>
      </c>
      <c r="P5972" s="5" t="s">
        <v>39</v>
      </c>
      <c r="Q5972" s="5" t="s">
        <v>40</v>
      </c>
      <c r="R5972" s="5" t="s">
        <v>1522</v>
      </c>
      <c r="S5972" s="5" t="s">
        <v>1523</v>
      </c>
      <c r="T5972" s="5" t="s">
        <v>42</v>
      </c>
      <c r="U5972" s="2">
        <v>3.4820000000000002</v>
      </c>
      <c r="V5972" s="2">
        <v>2.9039999999999999</v>
      </c>
      <c r="W5972" s="2">
        <v>1.7999999999999999E-2</v>
      </c>
      <c r="X5972" s="2">
        <v>139.1</v>
      </c>
      <c r="Y5972" s="2">
        <v>7.6</v>
      </c>
      <c r="Z5972" s="2">
        <v>16.7</v>
      </c>
      <c r="AA5972" s="5"/>
      <c r="AB5972" s="5" t="s">
        <v>43</v>
      </c>
      <c r="AC5972" s="5" t="s">
        <v>44</v>
      </c>
      <c r="AD5972" s="2"/>
      <c r="AE5972" s="1"/>
    </row>
    <row r="5973" spans="1:31" ht="14.45">
      <c r="A5973" s="11"/>
      <c r="B5973" s="20"/>
      <c r="C5973" s="2" t="s">
        <v>18390</v>
      </c>
      <c r="D5973" s="14" t="s">
        <v>18391</v>
      </c>
      <c r="E5973" s="2" t="s">
        <v>18392</v>
      </c>
      <c r="F5973" s="2" t="s">
        <v>7581</v>
      </c>
      <c r="G5973" s="8">
        <v>300</v>
      </c>
      <c r="H5973" s="5">
        <v>6</v>
      </c>
      <c r="I5973" s="5" t="s">
        <v>1518</v>
      </c>
      <c r="J5973" s="5" t="s">
        <v>1519</v>
      </c>
      <c r="K5973" s="2" t="s">
        <v>1520</v>
      </c>
      <c r="L5973" s="5" t="s">
        <v>1519</v>
      </c>
      <c r="M5973" s="2" t="s">
        <v>1520</v>
      </c>
      <c r="N5973" s="5" t="s">
        <v>1521</v>
      </c>
      <c r="O5973" s="5" t="s">
        <v>38</v>
      </c>
      <c r="P5973" s="5" t="s">
        <v>39</v>
      </c>
      <c r="Q5973" s="5" t="s">
        <v>40</v>
      </c>
      <c r="R5973" s="5" t="s">
        <v>1522</v>
      </c>
      <c r="S5973" s="5" t="s">
        <v>1523</v>
      </c>
      <c r="T5973" s="5" t="s">
        <v>42</v>
      </c>
      <c r="U5973" s="2">
        <v>3.5920000000000001</v>
      </c>
      <c r="V5973" s="2">
        <v>3.0139999999999998</v>
      </c>
      <c r="W5973" s="2">
        <v>1.7999999999999999E-2</v>
      </c>
      <c r="X5973" s="2">
        <v>139.1</v>
      </c>
      <c r="Y5973" s="2">
        <v>7.6</v>
      </c>
      <c r="Z5973" s="2">
        <v>16.7</v>
      </c>
      <c r="AA5973" s="5"/>
      <c r="AB5973" s="5" t="s">
        <v>43</v>
      </c>
      <c r="AC5973" s="5" t="s">
        <v>44</v>
      </c>
      <c r="AD5973" s="2"/>
      <c r="AE5973" s="1"/>
    </row>
    <row r="5974" spans="1:31" ht="14.45">
      <c r="A5974" s="11"/>
      <c r="B5974" s="20"/>
      <c r="C5974" s="2" t="s">
        <v>18393</v>
      </c>
      <c r="D5974" s="14" t="s">
        <v>18394</v>
      </c>
      <c r="E5974" s="2" t="s">
        <v>18395</v>
      </c>
      <c r="F5974" s="2" t="s">
        <v>7585</v>
      </c>
      <c r="G5974" s="8">
        <v>300</v>
      </c>
      <c r="H5974" s="5">
        <v>6</v>
      </c>
      <c r="I5974" s="5" t="s">
        <v>1518</v>
      </c>
      <c r="J5974" s="5" t="s">
        <v>1519</v>
      </c>
      <c r="K5974" s="2" t="s">
        <v>1520</v>
      </c>
      <c r="L5974" s="5" t="s">
        <v>1519</v>
      </c>
      <c r="M5974" s="2" t="s">
        <v>1520</v>
      </c>
      <c r="N5974" s="5" t="s">
        <v>1521</v>
      </c>
      <c r="O5974" s="5" t="s">
        <v>38</v>
      </c>
      <c r="P5974" s="5" t="s">
        <v>39</v>
      </c>
      <c r="Q5974" s="5" t="s">
        <v>40</v>
      </c>
      <c r="R5974" s="5" t="s">
        <v>1522</v>
      </c>
      <c r="S5974" s="5" t="s">
        <v>1523</v>
      </c>
      <c r="T5974" s="5" t="s">
        <v>42</v>
      </c>
      <c r="U5974" s="2">
        <v>3.4470000000000001</v>
      </c>
      <c r="V5974" s="2">
        <v>2.8690000000000002</v>
      </c>
      <c r="W5974" s="2">
        <v>1.7999999999999999E-2</v>
      </c>
      <c r="X5974" s="2">
        <v>139.1</v>
      </c>
      <c r="Y5974" s="2">
        <v>7.6</v>
      </c>
      <c r="Z5974" s="2">
        <v>16.7</v>
      </c>
      <c r="AA5974" s="5"/>
      <c r="AB5974" s="5" t="s">
        <v>43</v>
      </c>
      <c r="AC5974" s="5" t="s">
        <v>44</v>
      </c>
      <c r="AD5974" s="2"/>
      <c r="AE5974" s="1"/>
    </row>
    <row r="5975" spans="1:31" ht="14.45">
      <c r="A5975" s="11"/>
      <c r="B5975" s="20"/>
      <c r="C5975" s="2" t="s">
        <v>18396</v>
      </c>
      <c r="D5975" s="14" t="s">
        <v>18397</v>
      </c>
      <c r="E5975" s="2" t="s">
        <v>18398</v>
      </c>
      <c r="F5975" s="2" t="s">
        <v>7589</v>
      </c>
      <c r="G5975" s="8">
        <v>300</v>
      </c>
      <c r="H5975" s="5">
        <v>6</v>
      </c>
      <c r="I5975" s="5" t="s">
        <v>1518</v>
      </c>
      <c r="J5975" s="5" t="s">
        <v>1519</v>
      </c>
      <c r="K5975" s="2" t="s">
        <v>1520</v>
      </c>
      <c r="L5975" s="5" t="s">
        <v>1519</v>
      </c>
      <c r="M5975" s="2" t="s">
        <v>1520</v>
      </c>
      <c r="N5975" s="5" t="s">
        <v>1521</v>
      </c>
      <c r="O5975" s="5" t="s">
        <v>38</v>
      </c>
      <c r="P5975" s="5" t="s">
        <v>39</v>
      </c>
      <c r="Q5975" s="5" t="s">
        <v>40</v>
      </c>
      <c r="R5975" s="5" t="s">
        <v>1522</v>
      </c>
      <c r="S5975" s="5" t="s">
        <v>1523</v>
      </c>
      <c r="T5975" s="5" t="s">
        <v>42</v>
      </c>
      <c r="U5975" s="2">
        <v>3.5569999999999999</v>
      </c>
      <c r="V5975" s="2">
        <v>2.9790000000000001</v>
      </c>
      <c r="W5975" s="2">
        <v>1.7999999999999999E-2</v>
      </c>
      <c r="X5975" s="2">
        <v>139.1</v>
      </c>
      <c r="Y5975" s="2">
        <v>7.6</v>
      </c>
      <c r="Z5975" s="2">
        <v>16.7</v>
      </c>
      <c r="AA5975" s="5"/>
      <c r="AB5975" s="5" t="s">
        <v>43</v>
      </c>
      <c r="AC5975" s="5" t="s">
        <v>44</v>
      </c>
      <c r="AD5975" s="2"/>
      <c r="AE5975" s="1"/>
    </row>
    <row r="5976" spans="1:31" ht="14.45">
      <c r="A5976" s="11"/>
      <c r="B5976" s="20"/>
      <c r="C5976" s="2" t="s">
        <v>18399</v>
      </c>
      <c r="D5976" s="14" t="s">
        <v>18400</v>
      </c>
      <c r="E5976" s="2" t="s">
        <v>18401</v>
      </c>
      <c r="F5976" s="2" t="s">
        <v>7593</v>
      </c>
      <c r="G5976" s="8">
        <v>300</v>
      </c>
      <c r="H5976" s="5">
        <v>6</v>
      </c>
      <c r="I5976" s="5" t="s">
        <v>1518</v>
      </c>
      <c r="J5976" s="5" t="s">
        <v>1519</v>
      </c>
      <c r="K5976" s="2" t="s">
        <v>1520</v>
      </c>
      <c r="L5976" s="5" t="s">
        <v>1519</v>
      </c>
      <c r="M5976" s="2" t="s">
        <v>1520</v>
      </c>
      <c r="N5976" s="5" t="s">
        <v>1521</v>
      </c>
      <c r="O5976" s="5" t="s">
        <v>38</v>
      </c>
      <c r="P5976" s="5" t="s">
        <v>39</v>
      </c>
      <c r="Q5976" s="5" t="s">
        <v>40</v>
      </c>
      <c r="R5976" s="5" t="s">
        <v>1522</v>
      </c>
      <c r="S5976" s="5" t="s">
        <v>1523</v>
      </c>
      <c r="T5976" s="5" t="s">
        <v>42</v>
      </c>
      <c r="U5976" s="2">
        <v>3.4820000000000002</v>
      </c>
      <c r="V5976" s="2">
        <v>2.9039999999999999</v>
      </c>
      <c r="W5976" s="2">
        <v>1.7999999999999999E-2</v>
      </c>
      <c r="X5976" s="2">
        <v>139.1</v>
      </c>
      <c r="Y5976" s="2">
        <v>7.6</v>
      </c>
      <c r="Z5976" s="2">
        <v>16.7</v>
      </c>
      <c r="AA5976" s="5"/>
      <c r="AB5976" s="5" t="s">
        <v>43</v>
      </c>
      <c r="AC5976" s="5" t="s">
        <v>44</v>
      </c>
      <c r="AD5976" s="2"/>
      <c r="AE5976" s="1"/>
    </row>
    <row r="5977" spans="1:31" ht="14.45">
      <c r="A5977" s="11"/>
      <c r="B5977" s="20"/>
      <c r="C5977" s="2" t="s">
        <v>18402</v>
      </c>
      <c r="D5977" s="14" t="s">
        <v>18403</v>
      </c>
      <c r="E5977" s="2" t="s">
        <v>18404</v>
      </c>
      <c r="F5977" s="2" t="s">
        <v>16014</v>
      </c>
      <c r="G5977" s="8">
        <v>300</v>
      </c>
      <c r="H5977" s="5">
        <v>6</v>
      </c>
      <c r="I5977" s="5" t="s">
        <v>1518</v>
      </c>
      <c r="J5977" s="5" t="s">
        <v>1519</v>
      </c>
      <c r="K5977" s="2" t="s">
        <v>1520</v>
      </c>
      <c r="L5977" s="5" t="s">
        <v>1519</v>
      </c>
      <c r="M5977" s="2" t="s">
        <v>1520</v>
      </c>
      <c r="N5977" s="5" t="s">
        <v>1521</v>
      </c>
      <c r="O5977" s="5" t="s">
        <v>38</v>
      </c>
      <c r="P5977" s="5" t="s">
        <v>39</v>
      </c>
      <c r="Q5977" s="5" t="s">
        <v>40</v>
      </c>
      <c r="R5977" s="5" t="s">
        <v>1522</v>
      </c>
      <c r="S5977" s="5" t="s">
        <v>1523</v>
      </c>
      <c r="T5977" s="5" t="s">
        <v>42</v>
      </c>
      <c r="U5977" s="2">
        <v>3.4820000000000002</v>
      </c>
      <c r="V5977" s="2">
        <v>2.9039999999999999</v>
      </c>
      <c r="W5977" s="2">
        <v>1.7999999999999999E-2</v>
      </c>
      <c r="X5977" s="2">
        <v>139.1</v>
      </c>
      <c r="Y5977" s="2">
        <v>7.6</v>
      </c>
      <c r="Z5977" s="2">
        <v>16.7</v>
      </c>
      <c r="AA5977" s="5"/>
      <c r="AB5977" s="5" t="s">
        <v>43</v>
      </c>
      <c r="AC5977" s="5" t="s">
        <v>44</v>
      </c>
      <c r="AD5977" s="2"/>
      <c r="AE5977" s="1"/>
    </row>
    <row r="5978" spans="1:31" ht="14.45">
      <c r="A5978" s="11"/>
      <c r="B5978" s="20"/>
      <c r="C5978" s="2" t="s">
        <v>18405</v>
      </c>
      <c r="D5978" s="14" t="s">
        <v>18406</v>
      </c>
      <c r="E5978" s="2" t="s">
        <v>18407</v>
      </c>
      <c r="F5978" s="2" t="s">
        <v>16018</v>
      </c>
      <c r="G5978" s="8">
        <v>300</v>
      </c>
      <c r="H5978" s="5">
        <v>6</v>
      </c>
      <c r="I5978" s="5" t="s">
        <v>1518</v>
      </c>
      <c r="J5978" s="5" t="s">
        <v>1519</v>
      </c>
      <c r="K5978" s="2" t="s">
        <v>1520</v>
      </c>
      <c r="L5978" s="5" t="s">
        <v>1519</v>
      </c>
      <c r="M5978" s="2" t="s">
        <v>1520</v>
      </c>
      <c r="N5978" s="5" t="s">
        <v>1521</v>
      </c>
      <c r="O5978" s="5" t="s">
        <v>38</v>
      </c>
      <c r="P5978" s="5" t="s">
        <v>39</v>
      </c>
      <c r="Q5978" s="5" t="s">
        <v>40</v>
      </c>
      <c r="R5978" s="5" t="s">
        <v>1522</v>
      </c>
      <c r="S5978" s="5" t="s">
        <v>1523</v>
      </c>
      <c r="T5978" s="5" t="s">
        <v>42</v>
      </c>
      <c r="U5978" s="2">
        <v>3.4820000000000002</v>
      </c>
      <c r="V5978" s="2">
        <v>2.9039999999999999</v>
      </c>
      <c r="W5978" s="2">
        <v>1.7999999999999999E-2</v>
      </c>
      <c r="X5978" s="2">
        <v>139.1</v>
      </c>
      <c r="Y5978" s="2">
        <v>7.6</v>
      </c>
      <c r="Z5978" s="2">
        <v>16.7</v>
      </c>
      <c r="AA5978" s="5"/>
      <c r="AB5978" s="5" t="s">
        <v>43</v>
      </c>
      <c r="AC5978" s="5" t="s">
        <v>44</v>
      </c>
      <c r="AD5978" s="2"/>
      <c r="AE5978" s="1"/>
    </row>
    <row r="5979" spans="1:31" ht="14.45">
      <c r="A5979" s="11"/>
      <c r="B5979" s="20"/>
      <c r="C5979" s="2" t="s">
        <v>18408</v>
      </c>
      <c r="D5979" s="14" t="s">
        <v>18409</v>
      </c>
      <c r="E5979" s="2" t="s">
        <v>18410</v>
      </c>
      <c r="F5979" s="2" t="s">
        <v>16022</v>
      </c>
      <c r="G5979" s="8">
        <v>300</v>
      </c>
      <c r="H5979" s="5">
        <v>6</v>
      </c>
      <c r="I5979" s="5" t="s">
        <v>1518</v>
      </c>
      <c r="J5979" s="5" t="s">
        <v>1519</v>
      </c>
      <c r="K5979" s="2" t="s">
        <v>1520</v>
      </c>
      <c r="L5979" s="5" t="s">
        <v>1519</v>
      </c>
      <c r="M5979" s="2" t="s">
        <v>1520</v>
      </c>
      <c r="N5979" s="5" t="s">
        <v>1521</v>
      </c>
      <c r="O5979" s="5" t="s">
        <v>38</v>
      </c>
      <c r="P5979" s="5" t="s">
        <v>39</v>
      </c>
      <c r="Q5979" s="5" t="s">
        <v>40</v>
      </c>
      <c r="R5979" s="5" t="s">
        <v>1522</v>
      </c>
      <c r="S5979" s="5" t="s">
        <v>1523</v>
      </c>
      <c r="T5979" s="5" t="s">
        <v>42</v>
      </c>
      <c r="U5979" s="2">
        <v>3.5920000000000001</v>
      </c>
      <c r="V5979" s="2">
        <v>3.0139999999999998</v>
      </c>
      <c r="W5979" s="2">
        <v>1.7999999999999999E-2</v>
      </c>
      <c r="X5979" s="2">
        <v>139.1</v>
      </c>
      <c r="Y5979" s="2">
        <v>7.6</v>
      </c>
      <c r="Z5979" s="2">
        <v>16.7</v>
      </c>
      <c r="AA5979" s="5"/>
      <c r="AB5979" s="5" t="s">
        <v>43</v>
      </c>
      <c r="AC5979" s="5" t="s">
        <v>44</v>
      </c>
      <c r="AD5979" s="2"/>
      <c r="AE5979" s="1"/>
    </row>
    <row r="5980" spans="1:31" ht="14.45">
      <c r="A5980" s="11"/>
      <c r="B5980" s="20"/>
      <c r="C5980" s="2" t="s">
        <v>18411</v>
      </c>
      <c r="D5980" s="14" t="s">
        <v>18412</v>
      </c>
      <c r="E5980" s="2" t="s">
        <v>18413</v>
      </c>
      <c r="F5980" s="2" t="s">
        <v>7619</v>
      </c>
      <c r="G5980" s="8">
        <v>300</v>
      </c>
      <c r="H5980" s="5">
        <v>6</v>
      </c>
      <c r="I5980" s="5" t="s">
        <v>1518</v>
      </c>
      <c r="J5980" s="5" t="s">
        <v>1519</v>
      </c>
      <c r="K5980" s="2" t="s">
        <v>1520</v>
      </c>
      <c r="L5980" s="5" t="s">
        <v>1519</v>
      </c>
      <c r="M5980" s="2" t="s">
        <v>1520</v>
      </c>
      <c r="N5980" s="5" t="s">
        <v>1521</v>
      </c>
      <c r="O5980" s="5" t="s">
        <v>38</v>
      </c>
      <c r="P5980" s="5" t="s">
        <v>39</v>
      </c>
      <c r="Q5980" s="5" t="s">
        <v>40</v>
      </c>
      <c r="R5980" s="5" t="s">
        <v>1522</v>
      </c>
      <c r="S5980" s="5" t="s">
        <v>1523</v>
      </c>
      <c r="T5980" s="5" t="s">
        <v>42</v>
      </c>
      <c r="U5980" s="2">
        <v>3.5569999999999999</v>
      </c>
      <c r="V5980" s="2">
        <v>2.9790000000000001</v>
      </c>
      <c r="W5980" s="2">
        <v>1.7999999999999999E-2</v>
      </c>
      <c r="X5980" s="2">
        <v>139.1</v>
      </c>
      <c r="Y5980" s="2">
        <v>7.6</v>
      </c>
      <c r="Z5980" s="2">
        <v>16.7</v>
      </c>
      <c r="AA5980" s="5"/>
      <c r="AB5980" s="5" t="s">
        <v>43</v>
      </c>
      <c r="AC5980" s="5" t="s">
        <v>44</v>
      </c>
      <c r="AD5980" s="2"/>
      <c r="AE5980" s="1"/>
    </row>
    <row r="5981" spans="1:31" ht="14.45">
      <c r="A5981" s="11"/>
      <c r="B5981" s="20"/>
      <c r="C5981" s="2" t="s">
        <v>18414</v>
      </c>
      <c r="D5981" s="14" t="s">
        <v>18415</v>
      </c>
      <c r="E5981" s="2" t="s">
        <v>18416</v>
      </c>
      <c r="F5981" s="2" t="s">
        <v>16029</v>
      </c>
      <c r="G5981" s="8">
        <v>300</v>
      </c>
      <c r="H5981" s="5">
        <v>11</v>
      </c>
      <c r="I5981" s="5" t="s">
        <v>1518</v>
      </c>
      <c r="J5981" s="5" t="s">
        <v>1519</v>
      </c>
      <c r="K5981" s="2" t="s">
        <v>1520</v>
      </c>
      <c r="L5981" s="5" t="s">
        <v>1519</v>
      </c>
      <c r="M5981" s="2" t="s">
        <v>1520</v>
      </c>
      <c r="N5981" s="5" t="s">
        <v>1521</v>
      </c>
      <c r="O5981" s="5" t="s">
        <v>38</v>
      </c>
      <c r="P5981" s="5" t="s">
        <v>39</v>
      </c>
      <c r="Q5981" s="5" t="s">
        <v>40</v>
      </c>
      <c r="R5981" s="5" t="s">
        <v>1522</v>
      </c>
      <c r="S5981" s="5" t="s">
        <v>1523</v>
      </c>
      <c r="T5981" s="5" t="s">
        <v>42</v>
      </c>
      <c r="U5981" s="2">
        <v>3.496</v>
      </c>
      <c r="V5981" s="2">
        <v>2.9180000000000001</v>
      </c>
      <c r="W5981" s="2">
        <v>1.7999999999999999E-2</v>
      </c>
      <c r="X5981" s="2">
        <v>139.1</v>
      </c>
      <c r="Y5981" s="2">
        <v>7.6</v>
      </c>
      <c r="Z5981" s="2">
        <v>16.7</v>
      </c>
      <c r="AA5981" s="5"/>
      <c r="AB5981" s="5" t="s">
        <v>43</v>
      </c>
      <c r="AC5981" s="5" t="s">
        <v>44</v>
      </c>
      <c r="AD5981" s="2"/>
      <c r="AE5981" s="1"/>
    </row>
    <row r="5982" spans="1:31" ht="14.45">
      <c r="A5982" s="11"/>
      <c r="B5982" s="20"/>
      <c r="C5982" s="2" t="s">
        <v>18417</v>
      </c>
      <c r="D5982" s="14" t="s">
        <v>18418</v>
      </c>
      <c r="E5982" s="2" t="s">
        <v>18419</v>
      </c>
      <c r="F5982" s="2" t="s">
        <v>16033</v>
      </c>
      <c r="G5982" s="8">
        <v>300</v>
      </c>
      <c r="H5982" s="5">
        <v>11</v>
      </c>
      <c r="I5982" s="5" t="s">
        <v>1518</v>
      </c>
      <c r="J5982" s="5" t="s">
        <v>1519</v>
      </c>
      <c r="K5982" s="2" t="s">
        <v>1520</v>
      </c>
      <c r="L5982" s="5" t="s">
        <v>1519</v>
      </c>
      <c r="M5982" s="2" t="s">
        <v>1520</v>
      </c>
      <c r="N5982" s="5" t="s">
        <v>1521</v>
      </c>
      <c r="O5982" s="5" t="s">
        <v>38</v>
      </c>
      <c r="P5982" s="5" t="s">
        <v>39</v>
      </c>
      <c r="Q5982" s="5" t="s">
        <v>40</v>
      </c>
      <c r="R5982" s="5" t="s">
        <v>1522</v>
      </c>
      <c r="S5982" s="5" t="s">
        <v>1523</v>
      </c>
      <c r="T5982" s="5" t="s">
        <v>42</v>
      </c>
      <c r="U5982" s="2">
        <v>3.6059999999999999</v>
      </c>
      <c r="V5982" s="2">
        <v>3.028</v>
      </c>
      <c r="W5982" s="2">
        <v>1.7999999999999999E-2</v>
      </c>
      <c r="X5982" s="2">
        <v>139.1</v>
      </c>
      <c r="Y5982" s="2">
        <v>7.6</v>
      </c>
      <c r="Z5982" s="2">
        <v>16.7</v>
      </c>
      <c r="AA5982" s="5"/>
      <c r="AB5982" s="5" t="s">
        <v>43</v>
      </c>
      <c r="AC5982" s="5" t="s">
        <v>44</v>
      </c>
      <c r="AD5982" s="2"/>
      <c r="AE5982" s="1"/>
    </row>
    <row r="5983" spans="1:31" ht="14.45">
      <c r="A5983" s="11"/>
      <c r="B5983" s="20"/>
      <c r="C5983" s="2" t="s">
        <v>18420</v>
      </c>
      <c r="D5983" s="14" t="s">
        <v>18421</v>
      </c>
      <c r="E5983" s="2" t="s">
        <v>18422</v>
      </c>
      <c r="F5983" s="2" t="s">
        <v>7396</v>
      </c>
      <c r="G5983" s="8">
        <v>296</v>
      </c>
      <c r="H5983" s="5">
        <v>6</v>
      </c>
      <c r="I5983" s="5" t="s">
        <v>1518</v>
      </c>
      <c r="J5983" s="5" t="s">
        <v>1519</v>
      </c>
      <c r="K5983" s="2" t="s">
        <v>1520</v>
      </c>
      <c r="L5983" s="5" t="s">
        <v>1519</v>
      </c>
      <c r="M5983" s="2" t="s">
        <v>1520</v>
      </c>
      <c r="N5983" s="5" t="s">
        <v>1521</v>
      </c>
      <c r="O5983" s="5" t="s">
        <v>38</v>
      </c>
      <c r="P5983" s="5" t="s">
        <v>39</v>
      </c>
      <c r="Q5983" s="5" t="s">
        <v>40</v>
      </c>
      <c r="R5983" s="5" t="s">
        <v>1522</v>
      </c>
      <c r="S5983" s="5" t="s">
        <v>1523</v>
      </c>
      <c r="T5983" s="5" t="s">
        <v>42</v>
      </c>
      <c r="U5983" s="2">
        <v>3.653</v>
      </c>
      <c r="V5983" s="2">
        <v>3.081</v>
      </c>
      <c r="W5983" s="2">
        <v>1.7999999999999999E-2</v>
      </c>
      <c r="X5983" s="2">
        <v>139.1</v>
      </c>
      <c r="Y5983" s="2">
        <v>7.6</v>
      </c>
      <c r="Z5983" s="2">
        <v>16.7</v>
      </c>
      <c r="AA5983" s="5"/>
      <c r="AB5983" s="5" t="s">
        <v>43</v>
      </c>
      <c r="AC5983" s="5" t="s">
        <v>44</v>
      </c>
      <c r="AD5983" s="2"/>
      <c r="AE5983" s="1"/>
    </row>
    <row r="5984" spans="1:31" ht="14.45">
      <c r="A5984" s="11"/>
      <c r="B5984" s="20"/>
      <c r="C5984" s="2" t="s">
        <v>18423</v>
      </c>
      <c r="D5984" s="14" t="s">
        <v>18424</v>
      </c>
      <c r="E5984" s="2" t="s">
        <v>18425</v>
      </c>
      <c r="F5984" s="2" t="s">
        <v>7507</v>
      </c>
      <c r="G5984" s="8">
        <v>296</v>
      </c>
      <c r="H5984" s="5">
        <v>6</v>
      </c>
      <c r="I5984" s="5" t="s">
        <v>1518</v>
      </c>
      <c r="J5984" s="5" t="s">
        <v>1519</v>
      </c>
      <c r="K5984" s="2" t="s">
        <v>1520</v>
      </c>
      <c r="L5984" s="5" t="s">
        <v>1519</v>
      </c>
      <c r="M5984" s="2" t="s">
        <v>1520</v>
      </c>
      <c r="N5984" s="5" t="s">
        <v>1521</v>
      </c>
      <c r="O5984" s="5" t="s">
        <v>38</v>
      </c>
      <c r="P5984" s="5" t="s">
        <v>39</v>
      </c>
      <c r="Q5984" s="5" t="s">
        <v>40</v>
      </c>
      <c r="R5984" s="5" t="s">
        <v>1522</v>
      </c>
      <c r="S5984" s="5" t="s">
        <v>1523</v>
      </c>
      <c r="T5984" s="5" t="s">
        <v>42</v>
      </c>
      <c r="U5984" s="2">
        <v>3.7730000000000001</v>
      </c>
      <c r="V5984" s="2">
        <v>3.2010000000000001</v>
      </c>
      <c r="W5984" s="2">
        <v>1.7999999999999999E-2</v>
      </c>
      <c r="X5984" s="2">
        <v>139.1</v>
      </c>
      <c r="Y5984" s="2">
        <v>7.6</v>
      </c>
      <c r="Z5984" s="2">
        <v>16.7</v>
      </c>
      <c r="AA5984" s="5"/>
      <c r="AB5984" s="5" t="s">
        <v>43</v>
      </c>
      <c r="AC5984" s="5" t="s">
        <v>44</v>
      </c>
      <c r="AD5984" s="2"/>
      <c r="AE5984" s="1"/>
    </row>
    <row r="5985" spans="1:31" ht="14.45">
      <c r="A5985" s="11"/>
      <c r="B5985" s="20"/>
      <c r="C5985" s="2" t="s">
        <v>18426</v>
      </c>
      <c r="D5985" s="14" t="s">
        <v>18427</v>
      </c>
      <c r="E5985" s="2" t="s">
        <v>18428</v>
      </c>
      <c r="F5985" s="2" t="s">
        <v>7204</v>
      </c>
      <c r="G5985" s="8">
        <v>296</v>
      </c>
      <c r="H5985" s="5">
        <v>6</v>
      </c>
      <c r="I5985" s="5" t="s">
        <v>1518</v>
      </c>
      <c r="J5985" s="5" t="s">
        <v>1519</v>
      </c>
      <c r="K5985" s="2" t="s">
        <v>1520</v>
      </c>
      <c r="L5985" s="5" t="s">
        <v>1519</v>
      </c>
      <c r="M5985" s="2" t="s">
        <v>1520</v>
      </c>
      <c r="N5985" s="5" t="s">
        <v>1521</v>
      </c>
      <c r="O5985" s="5" t="s">
        <v>38</v>
      </c>
      <c r="P5985" s="5" t="s">
        <v>39</v>
      </c>
      <c r="Q5985" s="5" t="s">
        <v>40</v>
      </c>
      <c r="R5985" s="5" t="s">
        <v>1522</v>
      </c>
      <c r="S5985" s="5" t="s">
        <v>1523</v>
      </c>
      <c r="T5985" s="5" t="s">
        <v>42</v>
      </c>
      <c r="U5985" s="2">
        <v>3.6659999999999999</v>
      </c>
      <c r="V5985" s="2">
        <v>3.0939999999999999</v>
      </c>
      <c r="W5985" s="2">
        <v>1.7999999999999999E-2</v>
      </c>
      <c r="X5985" s="2">
        <v>139.1</v>
      </c>
      <c r="Y5985" s="2">
        <v>7.6</v>
      </c>
      <c r="Z5985" s="2">
        <v>16.7</v>
      </c>
      <c r="AA5985" s="5"/>
      <c r="AB5985" s="5" t="s">
        <v>43</v>
      </c>
      <c r="AC5985" s="5" t="s">
        <v>44</v>
      </c>
      <c r="AD5985" s="2"/>
      <c r="AE5985" s="1"/>
    </row>
    <row r="5986" spans="1:31" ht="14.45">
      <c r="A5986" s="11"/>
      <c r="B5986" s="20"/>
      <c r="C5986" s="2" t="s">
        <v>18429</v>
      </c>
      <c r="D5986" s="14" t="s">
        <v>18430</v>
      </c>
      <c r="E5986" s="2" t="s">
        <v>18431</v>
      </c>
      <c r="F5986" s="2" t="s">
        <v>7514</v>
      </c>
      <c r="G5986" s="8">
        <v>296</v>
      </c>
      <c r="H5986" s="5">
        <v>6</v>
      </c>
      <c r="I5986" s="5" t="s">
        <v>1518</v>
      </c>
      <c r="J5986" s="5" t="s">
        <v>1519</v>
      </c>
      <c r="K5986" s="2" t="s">
        <v>1520</v>
      </c>
      <c r="L5986" s="5" t="s">
        <v>1519</v>
      </c>
      <c r="M5986" s="2" t="s">
        <v>1520</v>
      </c>
      <c r="N5986" s="5" t="s">
        <v>1521</v>
      </c>
      <c r="O5986" s="5" t="s">
        <v>38</v>
      </c>
      <c r="P5986" s="5" t="s">
        <v>39</v>
      </c>
      <c r="Q5986" s="5" t="s">
        <v>40</v>
      </c>
      <c r="R5986" s="5" t="s">
        <v>1522</v>
      </c>
      <c r="S5986" s="5" t="s">
        <v>1523</v>
      </c>
      <c r="T5986" s="5" t="s">
        <v>42</v>
      </c>
      <c r="U5986" s="2">
        <v>3.786</v>
      </c>
      <c r="V5986" s="2">
        <v>3.214</v>
      </c>
      <c r="W5986" s="2">
        <v>1.7999999999999999E-2</v>
      </c>
      <c r="X5986" s="2">
        <v>139.1</v>
      </c>
      <c r="Y5986" s="2">
        <v>7.6</v>
      </c>
      <c r="Z5986" s="2">
        <v>16.7</v>
      </c>
      <c r="AA5986" s="5"/>
      <c r="AB5986" s="5" t="s">
        <v>43</v>
      </c>
      <c r="AC5986" s="5" t="s">
        <v>44</v>
      </c>
      <c r="AD5986" s="2"/>
      <c r="AE5986" s="1"/>
    </row>
    <row r="5987" spans="1:31" ht="14.45">
      <c r="A5987" s="11"/>
      <c r="B5987" s="20"/>
      <c r="C5987" s="2" t="s">
        <v>18432</v>
      </c>
      <c r="D5987" s="14" t="s">
        <v>18433</v>
      </c>
      <c r="E5987" s="2" t="s">
        <v>18434</v>
      </c>
      <c r="F5987" s="2" t="s">
        <v>7208</v>
      </c>
      <c r="G5987" s="8">
        <v>296</v>
      </c>
      <c r="H5987" s="5">
        <v>6</v>
      </c>
      <c r="I5987" s="5" t="s">
        <v>1518</v>
      </c>
      <c r="J5987" s="5" t="s">
        <v>1519</v>
      </c>
      <c r="K5987" s="2" t="s">
        <v>1520</v>
      </c>
      <c r="L5987" s="5" t="s">
        <v>1519</v>
      </c>
      <c r="M5987" s="2" t="s">
        <v>1520</v>
      </c>
      <c r="N5987" s="5" t="s">
        <v>1521</v>
      </c>
      <c r="O5987" s="5" t="s">
        <v>38</v>
      </c>
      <c r="P5987" s="5" t="s">
        <v>39</v>
      </c>
      <c r="Q5987" s="5" t="s">
        <v>40</v>
      </c>
      <c r="R5987" s="5" t="s">
        <v>1522</v>
      </c>
      <c r="S5987" s="5" t="s">
        <v>1523</v>
      </c>
      <c r="T5987" s="5" t="s">
        <v>42</v>
      </c>
      <c r="U5987" s="2">
        <v>3.6659999999999999</v>
      </c>
      <c r="V5987" s="2">
        <v>3.0939999999999999</v>
      </c>
      <c r="W5987" s="2">
        <v>1.7999999999999999E-2</v>
      </c>
      <c r="X5987" s="2">
        <v>139.1</v>
      </c>
      <c r="Y5987" s="2">
        <v>7.6</v>
      </c>
      <c r="Z5987" s="2">
        <v>16.7</v>
      </c>
      <c r="AA5987" s="5"/>
      <c r="AB5987" s="5" t="s">
        <v>43</v>
      </c>
      <c r="AC5987" s="5" t="s">
        <v>44</v>
      </c>
      <c r="AD5987" s="2"/>
      <c r="AE5987" s="1"/>
    </row>
    <row r="5988" spans="1:31" ht="14.45">
      <c r="A5988" s="11"/>
      <c r="B5988" s="20"/>
      <c r="C5988" s="2" t="s">
        <v>18435</v>
      </c>
      <c r="D5988" s="14" t="s">
        <v>18436</v>
      </c>
      <c r="E5988" s="2" t="s">
        <v>18437</v>
      </c>
      <c r="F5988" s="2" t="s">
        <v>7212</v>
      </c>
      <c r="G5988" s="8">
        <v>296</v>
      </c>
      <c r="H5988" s="5">
        <v>6</v>
      </c>
      <c r="I5988" s="5" t="s">
        <v>1518</v>
      </c>
      <c r="J5988" s="5" t="s">
        <v>1519</v>
      </c>
      <c r="K5988" s="2" t="s">
        <v>1520</v>
      </c>
      <c r="L5988" s="5" t="s">
        <v>1519</v>
      </c>
      <c r="M5988" s="2" t="s">
        <v>1520</v>
      </c>
      <c r="N5988" s="5" t="s">
        <v>1521</v>
      </c>
      <c r="O5988" s="5" t="s">
        <v>38</v>
      </c>
      <c r="P5988" s="5" t="s">
        <v>39</v>
      </c>
      <c r="Q5988" s="5" t="s">
        <v>40</v>
      </c>
      <c r="R5988" s="5" t="s">
        <v>1522</v>
      </c>
      <c r="S5988" s="5" t="s">
        <v>1523</v>
      </c>
      <c r="T5988" s="5" t="s">
        <v>42</v>
      </c>
      <c r="U5988" s="2">
        <v>3.6259999999999999</v>
      </c>
      <c r="V5988" s="2">
        <v>3.0539999999999998</v>
      </c>
      <c r="W5988" s="2">
        <v>1.7999999999999999E-2</v>
      </c>
      <c r="X5988" s="2">
        <v>139.1</v>
      </c>
      <c r="Y5988" s="2">
        <v>7.6</v>
      </c>
      <c r="Z5988" s="2">
        <v>16.7</v>
      </c>
      <c r="AA5988" s="5"/>
      <c r="AB5988" s="5" t="s">
        <v>43</v>
      </c>
      <c r="AC5988" s="5" t="s">
        <v>44</v>
      </c>
      <c r="AD5988" s="2"/>
      <c r="AE5988" s="1"/>
    </row>
    <row r="5989" spans="1:31" ht="14.45">
      <c r="A5989" s="11"/>
      <c r="B5989" s="20"/>
      <c r="C5989" s="2" t="s">
        <v>18438</v>
      </c>
      <c r="D5989" s="14" t="s">
        <v>18439</v>
      </c>
      <c r="E5989" s="2" t="s">
        <v>18440</v>
      </c>
      <c r="F5989" s="2" t="s">
        <v>7406</v>
      </c>
      <c r="G5989" s="8">
        <v>321</v>
      </c>
      <c r="H5989" s="5">
        <v>6</v>
      </c>
      <c r="I5989" s="5" t="s">
        <v>1518</v>
      </c>
      <c r="J5989" s="5" t="s">
        <v>1519</v>
      </c>
      <c r="K5989" s="2" t="s">
        <v>1520</v>
      </c>
      <c r="L5989" s="5" t="s">
        <v>1519</v>
      </c>
      <c r="M5989" s="2" t="s">
        <v>1520</v>
      </c>
      <c r="N5989" s="5" t="s">
        <v>1521</v>
      </c>
      <c r="O5989" s="5" t="s">
        <v>38</v>
      </c>
      <c r="P5989" s="5" t="s">
        <v>39</v>
      </c>
      <c r="Q5989" s="5" t="s">
        <v>40</v>
      </c>
      <c r="R5989" s="5" t="s">
        <v>1522</v>
      </c>
      <c r="S5989" s="5" t="s">
        <v>1523</v>
      </c>
      <c r="T5989" s="5" t="s">
        <v>42</v>
      </c>
      <c r="U5989" s="2">
        <v>3.6259999999999999</v>
      </c>
      <c r="V5989" s="2">
        <v>3.0539999999999998</v>
      </c>
      <c r="W5989" s="2">
        <v>1.7999999999999999E-2</v>
      </c>
      <c r="X5989" s="2">
        <v>139.1</v>
      </c>
      <c r="Y5989" s="2">
        <v>7.6</v>
      </c>
      <c r="Z5989" s="2">
        <v>16.7</v>
      </c>
      <c r="AA5989" s="5"/>
      <c r="AB5989" s="5" t="s">
        <v>43</v>
      </c>
      <c r="AC5989" s="5" t="s">
        <v>44</v>
      </c>
      <c r="AD5989" s="2"/>
      <c r="AE5989" s="1"/>
    </row>
    <row r="5990" spans="1:31" ht="14.45">
      <c r="A5990" s="11"/>
      <c r="B5990" s="20"/>
      <c r="C5990" s="2" t="s">
        <v>18441</v>
      </c>
      <c r="D5990" s="14" t="s">
        <v>18442</v>
      </c>
      <c r="E5990" s="2" t="s">
        <v>18443</v>
      </c>
      <c r="F5990" s="2" t="s">
        <v>7615</v>
      </c>
      <c r="G5990" s="8">
        <v>321</v>
      </c>
      <c r="H5990" s="5">
        <v>6</v>
      </c>
      <c r="I5990" s="5" t="s">
        <v>1518</v>
      </c>
      <c r="J5990" s="5" t="s">
        <v>1519</v>
      </c>
      <c r="K5990" s="2" t="s">
        <v>1520</v>
      </c>
      <c r="L5990" s="5" t="s">
        <v>1519</v>
      </c>
      <c r="M5990" s="2" t="s">
        <v>1520</v>
      </c>
      <c r="N5990" s="5" t="s">
        <v>1521</v>
      </c>
      <c r="O5990" s="5" t="s">
        <v>38</v>
      </c>
      <c r="P5990" s="5" t="s">
        <v>39</v>
      </c>
      <c r="Q5990" s="5" t="s">
        <v>40</v>
      </c>
      <c r="R5990" s="5" t="s">
        <v>1522</v>
      </c>
      <c r="S5990" s="5" t="s">
        <v>1523</v>
      </c>
      <c r="T5990" s="5" t="s">
        <v>42</v>
      </c>
      <c r="U5990" s="2">
        <v>3.6259999999999999</v>
      </c>
      <c r="V5990" s="2">
        <v>3.0539999999999998</v>
      </c>
      <c r="W5990" s="2">
        <v>1.7999999999999999E-2</v>
      </c>
      <c r="X5990" s="2">
        <v>139.1</v>
      </c>
      <c r="Y5990" s="2">
        <v>7.6</v>
      </c>
      <c r="Z5990" s="2">
        <v>16.7</v>
      </c>
      <c r="AA5990" s="5"/>
      <c r="AB5990" s="5" t="s">
        <v>43</v>
      </c>
      <c r="AC5990" s="5" t="s">
        <v>44</v>
      </c>
      <c r="AD5990" s="2"/>
      <c r="AE5990" s="1"/>
    </row>
    <row r="5991" spans="1:31" ht="14.45">
      <c r="A5991" s="11"/>
      <c r="B5991" s="20"/>
      <c r="C5991" s="2" t="s">
        <v>18444</v>
      </c>
      <c r="D5991" s="14" t="s">
        <v>18445</v>
      </c>
      <c r="E5991" s="2" t="s">
        <v>18446</v>
      </c>
      <c r="F5991" s="2" t="s">
        <v>16029</v>
      </c>
      <c r="G5991" s="8">
        <v>321</v>
      </c>
      <c r="H5991" s="5">
        <v>11</v>
      </c>
      <c r="I5991" s="5" t="s">
        <v>1518</v>
      </c>
      <c r="J5991" s="5" t="s">
        <v>1519</v>
      </c>
      <c r="K5991" s="2" t="s">
        <v>1520</v>
      </c>
      <c r="L5991" s="5" t="s">
        <v>1519</v>
      </c>
      <c r="M5991" s="2" t="s">
        <v>1520</v>
      </c>
      <c r="N5991" s="5" t="s">
        <v>1521</v>
      </c>
      <c r="O5991" s="5" t="s">
        <v>38</v>
      </c>
      <c r="P5991" s="5" t="s">
        <v>39</v>
      </c>
      <c r="Q5991" s="5" t="s">
        <v>40</v>
      </c>
      <c r="R5991" s="5" t="s">
        <v>1522</v>
      </c>
      <c r="S5991" s="5" t="s">
        <v>1523</v>
      </c>
      <c r="T5991" s="5" t="s">
        <v>42</v>
      </c>
      <c r="U5991" s="2">
        <v>3.68</v>
      </c>
      <c r="V5991" s="2">
        <v>3.1080000000000001</v>
      </c>
      <c r="W5991" s="2">
        <v>1.7999999999999999E-2</v>
      </c>
      <c r="X5991" s="2">
        <v>139.1</v>
      </c>
      <c r="Y5991" s="2">
        <v>7.6</v>
      </c>
      <c r="Z5991" s="2">
        <v>16.7</v>
      </c>
      <c r="AA5991" s="5"/>
      <c r="AB5991" s="5" t="s">
        <v>43</v>
      </c>
      <c r="AC5991" s="5" t="s">
        <v>44</v>
      </c>
      <c r="AD5991" s="2"/>
      <c r="AE5991" s="1"/>
    </row>
    <row r="5992" spans="1:31" ht="14.45">
      <c r="A5992" s="11"/>
      <c r="B5992" s="20"/>
      <c r="C5992" s="2" t="s">
        <v>18447</v>
      </c>
      <c r="D5992" s="14" t="s">
        <v>18448</v>
      </c>
      <c r="E5992" s="2" t="s">
        <v>18449</v>
      </c>
      <c r="F5992" s="2" t="s">
        <v>16033</v>
      </c>
      <c r="G5992" s="8">
        <v>321</v>
      </c>
      <c r="H5992" s="5">
        <v>11</v>
      </c>
      <c r="I5992" s="5" t="s">
        <v>1518</v>
      </c>
      <c r="J5992" s="5" t="s">
        <v>1519</v>
      </c>
      <c r="K5992" s="2" t="s">
        <v>1520</v>
      </c>
      <c r="L5992" s="5" t="s">
        <v>1519</v>
      </c>
      <c r="M5992" s="2" t="s">
        <v>1520</v>
      </c>
      <c r="N5992" s="5" t="s">
        <v>1521</v>
      </c>
      <c r="O5992" s="5" t="s">
        <v>38</v>
      </c>
      <c r="P5992" s="5" t="s">
        <v>39</v>
      </c>
      <c r="Q5992" s="5" t="s">
        <v>40</v>
      </c>
      <c r="R5992" s="5" t="s">
        <v>1522</v>
      </c>
      <c r="S5992" s="5" t="s">
        <v>1523</v>
      </c>
      <c r="T5992" s="5" t="s">
        <v>42</v>
      </c>
      <c r="U5992" s="2">
        <v>3.8</v>
      </c>
      <c r="V5992" s="2">
        <v>3.2280000000000002</v>
      </c>
      <c r="W5992" s="2">
        <v>1.7999999999999999E-2</v>
      </c>
      <c r="X5992" s="2">
        <v>139.1</v>
      </c>
      <c r="Y5992" s="2">
        <v>7.6</v>
      </c>
      <c r="Z5992" s="2">
        <v>16.7</v>
      </c>
      <c r="AA5992" s="5"/>
      <c r="AB5992" s="5" t="s">
        <v>43</v>
      </c>
      <c r="AC5992" s="5" t="s">
        <v>44</v>
      </c>
      <c r="AD5992" s="2"/>
      <c r="AE5992" s="1"/>
    </row>
    <row r="5993" spans="1:31" ht="14.45">
      <c r="A5993" s="11"/>
      <c r="B5993" s="20"/>
      <c r="C5993" s="2" t="s">
        <v>18450</v>
      </c>
      <c r="D5993" s="14" t="s">
        <v>18451</v>
      </c>
      <c r="E5993" s="2" t="s">
        <v>18452</v>
      </c>
      <c r="F5993" s="2" t="s">
        <v>7396</v>
      </c>
      <c r="G5993" s="8">
        <v>270</v>
      </c>
      <c r="H5993" s="5">
        <v>6</v>
      </c>
      <c r="I5993" s="5" t="s">
        <v>1518</v>
      </c>
      <c r="J5993" s="5" t="s">
        <v>1519</v>
      </c>
      <c r="K5993" s="2" t="s">
        <v>1520</v>
      </c>
      <c r="L5993" s="5" t="s">
        <v>1519</v>
      </c>
      <c r="M5993" s="2" t="s">
        <v>1520</v>
      </c>
      <c r="N5993" s="5" t="s">
        <v>1521</v>
      </c>
      <c r="O5993" s="5" t="s">
        <v>38</v>
      </c>
      <c r="P5993" s="5" t="s">
        <v>39</v>
      </c>
      <c r="Q5993" s="5" t="s">
        <v>40</v>
      </c>
      <c r="R5993" s="5" t="s">
        <v>1522</v>
      </c>
      <c r="S5993" s="5" t="s">
        <v>1523</v>
      </c>
      <c r="T5993" s="5" t="s">
        <v>42</v>
      </c>
      <c r="U5993" s="2">
        <v>3.3250000000000002</v>
      </c>
      <c r="V5993" s="2">
        <v>2.738</v>
      </c>
      <c r="W5993" s="2">
        <v>1.7999999999999999E-2</v>
      </c>
      <c r="X5993" s="2">
        <v>139.1</v>
      </c>
      <c r="Y5993" s="2">
        <v>7.6</v>
      </c>
      <c r="Z5993" s="2">
        <v>16.7</v>
      </c>
      <c r="AA5993" s="5"/>
      <c r="AB5993" s="5" t="s">
        <v>43</v>
      </c>
      <c r="AC5993" s="5" t="s">
        <v>44</v>
      </c>
      <c r="AD5993" s="2"/>
      <c r="AE5993" s="1"/>
    </row>
    <row r="5994" spans="1:31" ht="14.45">
      <c r="A5994" s="11"/>
      <c r="B5994" s="20"/>
      <c r="C5994" s="2" t="s">
        <v>18453</v>
      </c>
      <c r="D5994" s="14" t="s">
        <v>18454</v>
      </c>
      <c r="E5994" s="2" t="s">
        <v>18455</v>
      </c>
      <c r="F5994" s="2" t="s">
        <v>7507</v>
      </c>
      <c r="G5994" s="8">
        <v>270</v>
      </c>
      <c r="H5994" s="5">
        <v>6</v>
      </c>
      <c r="I5994" s="5" t="s">
        <v>1518</v>
      </c>
      <c r="J5994" s="5" t="s">
        <v>1519</v>
      </c>
      <c r="K5994" s="2" t="s">
        <v>1520</v>
      </c>
      <c r="L5994" s="5" t="s">
        <v>1519</v>
      </c>
      <c r="M5994" s="2" t="s">
        <v>1520</v>
      </c>
      <c r="N5994" s="5" t="s">
        <v>1521</v>
      </c>
      <c r="O5994" s="5" t="s">
        <v>38</v>
      </c>
      <c r="P5994" s="5" t="s">
        <v>39</v>
      </c>
      <c r="Q5994" s="5" t="s">
        <v>40</v>
      </c>
      <c r="R5994" s="5" t="s">
        <v>1522</v>
      </c>
      <c r="S5994" s="5" t="s">
        <v>1523</v>
      </c>
      <c r="T5994" s="5" t="s">
        <v>42</v>
      </c>
      <c r="U5994" s="2">
        <v>3.4249999999999998</v>
      </c>
      <c r="V5994" s="2">
        <v>2.8380000000000001</v>
      </c>
      <c r="W5994" s="2">
        <v>1.7999999999999999E-2</v>
      </c>
      <c r="X5994" s="2">
        <v>139.1</v>
      </c>
      <c r="Y5994" s="2">
        <v>7.6</v>
      </c>
      <c r="Z5994" s="2">
        <v>16.7</v>
      </c>
      <c r="AA5994" s="5"/>
      <c r="AB5994" s="5" t="s">
        <v>43</v>
      </c>
      <c r="AC5994" s="5" t="s">
        <v>44</v>
      </c>
      <c r="AD5994" s="2"/>
      <c r="AE5994" s="1"/>
    </row>
    <row r="5995" spans="1:31" ht="14.45">
      <c r="A5995" s="11"/>
      <c r="B5995" s="20"/>
      <c r="C5995" s="2" t="s">
        <v>18456</v>
      </c>
      <c r="D5995" s="14" t="s">
        <v>18457</v>
      </c>
      <c r="E5995" s="2" t="s">
        <v>18458</v>
      </c>
      <c r="F5995" s="2" t="s">
        <v>7204</v>
      </c>
      <c r="G5995" s="8">
        <v>270</v>
      </c>
      <c r="H5995" s="5">
        <v>6</v>
      </c>
      <c r="I5995" s="5" t="s">
        <v>1518</v>
      </c>
      <c r="J5995" s="5" t="s">
        <v>1519</v>
      </c>
      <c r="K5995" s="2" t="s">
        <v>1520</v>
      </c>
      <c r="L5995" s="5" t="s">
        <v>1519</v>
      </c>
      <c r="M5995" s="2" t="s">
        <v>1520</v>
      </c>
      <c r="N5995" s="5" t="s">
        <v>1521</v>
      </c>
      <c r="O5995" s="5" t="s">
        <v>38</v>
      </c>
      <c r="P5995" s="5" t="s">
        <v>39</v>
      </c>
      <c r="Q5995" s="5" t="s">
        <v>40</v>
      </c>
      <c r="R5995" s="5" t="s">
        <v>1522</v>
      </c>
      <c r="S5995" s="5" t="s">
        <v>1523</v>
      </c>
      <c r="T5995" s="5" t="s">
        <v>42</v>
      </c>
      <c r="U5995" s="2">
        <v>3.335</v>
      </c>
      <c r="V5995" s="2">
        <v>2.7480000000000002</v>
      </c>
      <c r="W5995" s="2">
        <v>1.7999999999999999E-2</v>
      </c>
      <c r="X5995" s="2">
        <v>139.1</v>
      </c>
      <c r="Y5995" s="2">
        <v>7.6</v>
      </c>
      <c r="Z5995" s="2">
        <v>16.7</v>
      </c>
      <c r="AA5995" s="5"/>
      <c r="AB5995" s="5" t="s">
        <v>43</v>
      </c>
      <c r="AC5995" s="5" t="s">
        <v>44</v>
      </c>
      <c r="AD5995" s="2"/>
      <c r="AE5995" s="1"/>
    </row>
    <row r="5996" spans="1:31" ht="14.45">
      <c r="A5996" s="11"/>
      <c r="B5996" s="20"/>
      <c r="C5996" s="2" t="s">
        <v>18459</v>
      </c>
      <c r="D5996" s="14" t="s">
        <v>18460</v>
      </c>
      <c r="E5996" s="2" t="s">
        <v>18461</v>
      </c>
      <c r="F5996" s="2" t="s">
        <v>7514</v>
      </c>
      <c r="G5996" s="8">
        <v>270</v>
      </c>
      <c r="H5996" s="5">
        <v>6</v>
      </c>
      <c r="I5996" s="5" t="s">
        <v>1518</v>
      </c>
      <c r="J5996" s="5" t="s">
        <v>1519</v>
      </c>
      <c r="K5996" s="2" t="s">
        <v>1520</v>
      </c>
      <c r="L5996" s="5" t="s">
        <v>1519</v>
      </c>
      <c r="M5996" s="2" t="s">
        <v>1520</v>
      </c>
      <c r="N5996" s="5" t="s">
        <v>1521</v>
      </c>
      <c r="O5996" s="5" t="s">
        <v>38</v>
      </c>
      <c r="P5996" s="5" t="s">
        <v>39</v>
      </c>
      <c r="Q5996" s="5" t="s">
        <v>40</v>
      </c>
      <c r="R5996" s="5" t="s">
        <v>1522</v>
      </c>
      <c r="S5996" s="5" t="s">
        <v>1523</v>
      </c>
      <c r="T5996" s="5" t="s">
        <v>42</v>
      </c>
      <c r="U5996" s="2">
        <v>3.4350000000000001</v>
      </c>
      <c r="V5996" s="2">
        <v>2.8479999999999999</v>
      </c>
      <c r="W5996" s="2">
        <v>1.7999999999999999E-2</v>
      </c>
      <c r="X5996" s="2">
        <v>139.1</v>
      </c>
      <c r="Y5996" s="2">
        <v>7.6</v>
      </c>
      <c r="Z5996" s="2">
        <v>16.7</v>
      </c>
      <c r="AA5996" s="5"/>
      <c r="AB5996" s="5" t="s">
        <v>43</v>
      </c>
      <c r="AC5996" s="5" t="s">
        <v>44</v>
      </c>
      <c r="AD5996" s="2"/>
      <c r="AE5996" s="1"/>
    </row>
    <row r="5997" spans="1:31" ht="14.45">
      <c r="A5997" s="11"/>
      <c r="B5997" s="20"/>
      <c r="C5997" s="2" t="s">
        <v>18462</v>
      </c>
      <c r="D5997" s="14" t="s">
        <v>18463</v>
      </c>
      <c r="E5997" s="2" t="s">
        <v>18464</v>
      </c>
      <c r="F5997" s="2" t="s">
        <v>7208</v>
      </c>
      <c r="G5997" s="8">
        <v>270</v>
      </c>
      <c r="H5997" s="5">
        <v>6</v>
      </c>
      <c r="I5997" s="5" t="s">
        <v>1518</v>
      </c>
      <c r="J5997" s="5" t="s">
        <v>1519</v>
      </c>
      <c r="K5997" s="2" t="s">
        <v>1520</v>
      </c>
      <c r="L5997" s="5" t="s">
        <v>1519</v>
      </c>
      <c r="M5997" s="2" t="s">
        <v>1520</v>
      </c>
      <c r="N5997" s="5" t="s">
        <v>1521</v>
      </c>
      <c r="O5997" s="5" t="s">
        <v>38</v>
      </c>
      <c r="P5997" s="5" t="s">
        <v>39</v>
      </c>
      <c r="Q5997" s="5" t="s">
        <v>40</v>
      </c>
      <c r="R5997" s="5" t="s">
        <v>1522</v>
      </c>
      <c r="S5997" s="5" t="s">
        <v>1523</v>
      </c>
      <c r="T5997" s="5" t="s">
        <v>42</v>
      </c>
      <c r="U5997" s="2">
        <v>3.335</v>
      </c>
      <c r="V5997" s="2">
        <v>2.7480000000000002</v>
      </c>
      <c r="W5997" s="2">
        <v>1.7999999999999999E-2</v>
      </c>
      <c r="X5997" s="2">
        <v>139.1</v>
      </c>
      <c r="Y5997" s="2">
        <v>7.6</v>
      </c>
      <c r="Z5997" s="2">
        <v>16.7</v>
      </c>
      <c r="AA5997" s="5"/>
      <c r="AB5997" s="5" t="s">
        <v>43</v>
      </c>
      <c r="AC5997" s="5" t="s">
        <v>44</v>
      </c>
      <c r="AD5997" s="2"/>
      <c r="AE5997" s="1"/>
    </row>
    <row r="5998" spans="1:31" ht="14.45">
      <c r="A5998" s="11"/>
      <c r="B5998" s="20"/>
      <c r="C5998" s="2" t="s">
        <v>18465</v>
      </c>
      <c r="D5998" s="14" t="s">
        <v>18466</v>
      </c>
      <c r="E5998" s="2" t="s">
        <v>18467</v>
      </c>
      <c r="F5998" s="2" t="s">
        <v>7521</v>
      </c>
      <c r="G5998" s="8">
        <v>270</v>
      </c>
      <c r="H5998" s="5">
        <v>6</v>
      </c>
      <c r="I5998" s="5" t="s">
        <v>1518</v>
      </c>
      <c r="J5998" s="5" t="s">
        <v>1519</v>
      </c>
      <c r="K5998" s="2" t="s">
        <v>1520</v>
      </c>
      <c r="L5998" s="5" t="s">
        <v>1519</v>
      </c>
      <c r="M5998" s="2" t="s">
        <v>1520</v>
      </c>
      <c r="N5998" s="5" t="s">
        <v>1521</v>
      </c>
      <c r="O5998" s="5" t="s">
        <v>38</v>
      </c>
      <c r="P5998" s="5" t="s">
        <v>39</v>
      </c>
      <c r="Q5998" s="5" t="s">
        <v>40</v>
      </c>
      <c r="R5998" s="5" t="s">
        <v>1522</v>
      </c>
      <c r="S5998" s="5" t="s">
        <v>1523</v>
      </c>
      <c r="T5998" s="5" t="s">
        <v>42</v>
      </c>
      <c r="U5998" s="2">
        <v>3.4350000000000001</v>
      </c>
      <c r="V5998" s="2">
        <v>2.8479999999999999</v>
      </c>
      <c r="W5998" s="2">
        <v>1.7999999999999999E-2</v>
      </c>
      <c r="X5998" s="2">
        <v>139.1</v>
      </c>
      <c r="Y5998" s="2">
        <v>7.6</v>
      </c>
      <c r="Z5998" s="2">
        <v>16.7</v>
      </c>
      <c r="AA5998" s="5"/>
      <c r="AB5998" s="5" t="s">
        <v>43</v>
      </c>
      <c r="AC5998" s="5" t="s">
        <v>44</v>
      </c>
      <c r="AD5998" s="2"/>
      <c r="AE5998" s="1"/>
    </row>
    <row r="5999" spans="1:31" ht="14.45">
      <c r="A5999" s="11"/>
      <c r="B5999" s="20"/>
      <c r="C5999" s="2" t="s">
        <v>18468</v>
      </c>
      <c r="D5999" s="14" t="s">
        <v>18469</v>
      </c>
      <c r="E5999" s="2" t="s">
        <v>18470</v>
      </c>
      <c r="F5999" s="2" t="s">
        <v>7212</v>
      </c>
      <c r="G5999" s="8">
        <v>270</v>
      </c>
      <c r="H5999" s="5">
        <v>6</v>
      </c>
      <c r="I5999" s="5" t="s">
        <v>1518</v>
      </c>
      <c r="J5999" s="5" t="s">
        <v>1519</v>
      </c>
      <c r="K5999" s="2" t="s">
        <v>1520</v>
      </c>
      <c r="L5999" s="5" t="s">
        <v>1519</v>
      </c>
      <c r="M5999" s="2" t="s">
        <v>1520</v>
      </c>
      <c r="N5999" s="5" t="s">
        <v>1521</v>
      </c>
      <c r="O5999" s="5" t="s">
        <v>38</v>
      </c>
      <c r="P5999" s="5" t="s">
        <v>39</v>
      </c>
      <c r="Q5999" s="5" t="s">
        <v>40</v>
      </c>
      <c r="R5999" s="5" t="s">
        <v>1522</v>
      </c>
      <c r="S5999" s="5" t="s">
        <v>1523</v>
      </c>
      <c r="T5999" s="5" t="s">
        <v>42</v>
      </c>
      <c r="U5999" s="2">
        <v>3.3050000000000002</v>
      </c>
      <c r="V5999" s="2">
        <v>2.718</v>
      </c>
      <c r="W5999" s="2">
        <v>1.7999999999999999E-2</v>
      </c>
      <c r="X5999" s="2">
        <v>139.1</v>
      </c>
      <c r="Y5999" s="2">
        <v>7.6</v>
      </c>
      <c r="Z5999" s="2">
        <v>16.7</v>
      </c>
      <c r="AA5999" s="5"/>
      <c r="AB5999" s="5" t="s">
        <v>43</v>
      </c>
      <c r="AC5999" s="5" t="s">
        <v>44</v>
      </c>
      <c r="AD5999" s="2"/>
      <c r="AE5999" s="1"/>
    </row>
    <row r="6000" spans="1:31" ht="14.45">
      <c r="A6000" s="11"/>
      <c r="B6000" s="20"/>
      <c r="C6000" s="2" t="s">
        <v>18471</v>
      </c>
      <c r="D6000" s="14" t="s">
        <v>18472</v>
      </c>
      <c r="E6000" s="2" t="s">
        <v>18473</v>
      </c>
      <c r="F6000" s="2" t="s">
        <v>7528</v>
      </c>
      <c r="G6000" s="8">
        <v>270</v>
      </c>
      <c r="H6000" s="5">
        <v>6</v>
      </c>
      <c r="I6000" s="5" t="s">
        <v>1518</v>
      </c>
      <c r="J6000" s="5" t="s">
        <v>1519</v>
      </c>
      <c r="K6000" s="2" t="s">
        <v>1520</v>
      </c>
      <c r="L6000" s="5" t="s">
        <v>1519</v>
      </c>
      <c r="M6000" s="2" t="s">
        <v>1520</v>
      </c>
      <c r="N6000" s="5" t="s">
        <v>1521</v>
      </c>
      <c r="O6000" s="5" t="s">
        <v>38</v>
      </c>
      <c r="P6000" s="5" t="s">
        <v>39</v>
      </c>
      <c r="Q6000" s="5" t="s">
        <v>40</v>
      </c>
      <c r="R6000" s="5" t="s">
        <v>1522</v>
      </c>
      <c r="S6000" s="5" t="s">
        <v>1523</v>
      </c>
      <c r="T6000" s="5" t="s">
        <v>42</v>
      </c>
      <c r="U6000" s="2">
        <v>3.4049999999999998</v>
      </c>
      <c r="V6000" s="2">
        <v>2.8180000000000001</v>
      </c>
      <c r="W6000" s="2">
        <v>1.7999999999999999E-2</v>
      </c>
      <c r="X6000" s="2">
        <v>139.1</v>
      </c>
      <c r="Y6000" s="2">
        <v>7.6</v>
      </c>
      <c r="Z6000" s="2">
        <v>16.7</v>
      </c>
      <c r="AA6000" s="5"/>
      <c r="AB6000" s="5" t="s">
        <v>43</v>
      </c>
      <c r="AC6000" s="5" t="s">
        <v>44</v>
      </c>
      <c r="AD6000" s="2"/>
      <c r="AE6000" s="1"/>
    </row>
    <row r="6001" spans="1:31" ht="14.45">
      <c r="A6001" s="11"/>
      <c r="B6001" s="20"/>
      <c r="C6001" s="2" t="s">
        <v>18474</v>
      </c>
      <c r="D6001" s="14" t="s">
        <v>18475</v>
      </c>
      <c r="E6001" s="2" t="s">
        <v>18476</v>
      </c>
      <c r="F6001" s="2" t="s">
        <v>7406</v>
      </c>
      <c r="G6001" s="8">
        <v>291</v>
      </c>
      <c r="H6001" s="5">
        <v>6</v>
      </c>
      <c r="I6001" s="5" t="s">
        <v>1518</v>
      </c>
      <c r="J6001" s="5" t="s">
        <v>1519</v>
      </c>
      <c r="K6001" s="2" t="s">
        <v>1520</v>
      </c>
      <c r="L6001" s="5" t="s">
        <v>1519</v>
      </c>
      <c r="M6001" s="2" t="s">
        <v>1520</v>
      </c>
      <c r="N6001" s="5" t="s">
        <v>1521</v>
      </c>
      <c r="O6001" s="5" t="s">
        <v>38</v>
      </c>
      <c r="P6001" s="5" t="s">
        <v>39</v>
      </c>
      <c r="Q6001" s="5" t="s">
        <v>40</v>
      </c>
      <c r="R6001" s="5" t="s">
        <v>1522</v>
      </c>
      <c r="S6001" s="5" t="s">
        <v>1523</v>
      </c>
      <c r="T6001" s="5" t="s">
        <v>42</v>
      </c>
      <c r="U6001" s="2">
        <v>3.3050000000000002</v>
      </c>
      <c r="V6001" s="2">
        <v>2.718</v>
      </c>
      <c r="W6001" s="2">
        <v>1.7999999999999999E-2</v>
      </c>
      <c r="X6001" s="2">
        <v>139.1</v>
      </c>
      <c r="Y6001" s="2">
        <v>7.6</v>
      </c>
      <c r="Z6001" s="2">
        <v>16.7</v>
      </c>
      <c r="AA6001" s="5"/>
      <c r="AB6001" s="5" t="s">
        <v>43</v>
      </c>
      <c r="AC6001" s="5" t="s">
        <v>44</v>
      </c>
      <c r="AD6001" s="2"/>
      <c r="AE6001" s="1"/>
    </row>
    <row r="6002" spans="1:31" ht="14.45">
      <c r="A6002" s="11"/>
      <c r="B6002" s="20"/>
      <c r="C6002" s="2" t="s">
        <v>18477</v>
      </c>
      <c r="D6002" s="14" t="s">
        <v>18478</v>
      </c>
      <c r="E6002" s="2" t="s">
        <v>18479</v>
      </c>
      <c r="F6002" s="2" t="s">
        <v>7535</v>
      </c>
      <c r="G6002" s="8">
        <v>291</v>
      </c>
      <c r="H6002" s="5">
        <v>6</v>
      </c>
      <c r="I6002" s="5" t="s">
        <v>1518</v>
      </c>
      <c r="J6002" s="5" t="s">
        <v>1519</v>
      </c>
      <c r="K6002" s="2" t="s">
        <v>1520</v>
      </c>
      <c r="L6002" s="5" t="s">
        <v>1519</v>
      </c>
      <c r="M6002" s="2" t="s">
        <v>1520</v>
      </c>
      <c r="N6002" s="5" t="s">
        <v>1521</v>
      </c>
      <c r="O6002" s="5" t="s">
        <v>38</v>
      </c>
      <c r="P6002" s="5" t="s">
        <v>39</v>
      </c>
      <c r="Q6002" s="5" t="s">
        <v>40</v>
      </c>
      <c r="R6002" s="5" t="s">
        <v>1522</v>
      </c>
      <c r="S6002" s="5" t="s">
        <v>1523</v>
      </c>
      <c r="T6002" s="5" t="s">
        <v>42</v>
      </c>
      <c r="U6002" s="2">
        <v>3.4049999999999998</v>
      </c>
      <c r="V6002" s="2">
        <v>2.8180000000000001</v>
      </c>
      <c r="W6002" s="2">
        <v>1.7999999999999999E-2</v>
      </c>
      <c r="X6002" s="2">
        <v>139.1</v>
      </c>
      <c r="Y6002" s="2">
        <v>7.6</v>
      </c>
      <c r="Z6002" s="2">
        <v>16.7</v>
      </c>
      <c r="AA6002" s="5"/>
      <c r="AB6002" s="5" t="s">
        <v>43</v>
      </c>
      <c r="AC6002" s="5" t="s">
        <v>44</v>
      </c>
      <c r="AD6002" s="2"/>
      <c r="AE6002" s="1"/>
    </row>
    <row r="6003" spans="1:31" ht="14.45">
      <c r="A6003" s="11"/>
      <c r="B6003" s="20"/>
      <c r="C6003" s="2" t="s">
        <v>18480</v>
      </c>
      <c r="D6003" s="14" t="s">
        <v>18481</v>
      </c>
      <c r="E6003" s="2" t="s">
        <v>18482</v>
      </c>
      <c r="F6003" s="2" t="s">
        <v>7539</v>
      </c>
      <c r="G6003" s="8">
        <v>291</v>
      </c>
      <c r="H6003" s="5">
        <v>6</v>
      </c>
      <c r="I6003" s="5" t="s">
        <v>1518</v>
      </c>
      <c r="J6003" s="5" t="s">
        <v>1519</v>
      </c>
      <c r="K6003" s="2" t="s">
        <v>1520</v>
      </c>
      <c r="L6003" s="5" t="s">
        <v>1519</v>
      </c>
      <c r="M6003" s="2" t="s">
        <v>1520</v>
      </c>
      <c r="N6003" s="5" t="s">
        <v>1521</v>
      </c>
      <c r="O6003" s="5" t="s">
        <v>38</v>
      </c>
      <c r="P6003" s="5" t="s">
        <v>39</v>
      </c>
      <c r="Q6003" s="5" t="s">
        <v>40</v>
      </c>
      <c r="R6003" s="5" t="s">
        <v>1522</v>
      </c>
      <c r="S6003" s="5" t="s">
        <v>1523</v>
      </c>
      <c r="T6003" s="5" t="s">
        <v>42</v>
      </c>
      <c r="U6003" s="2">
        <v>3.335</v>
      </c>
      <c r="V6003" s="2">
        <v>2.7480000000000002</v>
      </c>
      <c r="W6003" s="2">
        <v>1.7999999999999999E-2</v>
      </c>
      <c r="X6003" s="2">
        <v>139.1</v>
      </c>
      <c r="Y6003" s="2">
        <v>7.6</v>
      </c>
      <c r="Z6003" s="2">
        <v>16.7</v>
      </c>
      <c r="AA6003" s="5"/>
      <c r="AB6003" s="5" t="s">
        <v>43</v>
      </c>
      <c r="AC6003" s="5" t="s">
        <v>44</v>
      </c>
      <c r="AD6003" s="2"/>
      <c r="AE6003" s="1"/>
    </row>
    <row r="6004" spans="1:31" ht="14.45">
      <c r="A6004" s="11"/>
      <c r="B6004" s="20"/>
      <c r="C6004" s="2" t="s">
        <v>18483</v>
      </c>
      <c r="D6004" s="14" t="s">
        <v>18484</v>
      </c>
      <c r="E6004" s="2" t="s">
        <v>18485</v>
      </c>
      <c r="F6004" s="2" t="s">
        <v>7543</v>
      </c>
      <c r="G6004" s="8">
        <v>291</v>
      </c>
      <c r="H6004" s="5">
        <v>6</v>
      </c>
      <c r="I6004" s="5" t="s">
        <v>1518</v>
      </c>
      <c r="J6004" s="5" t="s">
        <v>1519</v>
      </c>
      <c r="K6004" s="2" t="s">
        <v>1520</v>
      </c>
      <c r="L6004" s="5" t="s">
        <v>1519</v>
      </c>
      <c r="M6004" s="2" t="s">
        <v>1520</v>
      </c>
      <c r="N6004" s="5" t="s">
        <v>1521</v>
      </c>
      <c r="O6004" s="5" t="s">
        <v>38</v>
      </c>
      <c r="P6004" s="5" t="s">
        <v>39</v>
      </c>
      <c r="Q6004" s="5" t="s">
        <v>40</v>
      </c>
      <c r="R6004" s="5" t="s">
        <v>1522</v>
      </c>
      <c r="S6004" s="5" t="s">
        <v>1523</v>
      </c>
      <c r="T6004" s="5" t="s">
        <v>42</v>
      </c>
      <c r="U6004" s="2">
        <v>3.4350000000000001</v>
      </c>
      <c r="V6004" s="2">
        <v>2.8479999999999999</v>
      </c>
      <c r="W6004" s="2">
        <v>1.7999999999999999E-2</v>
      </c>
      <c r="X6004" s="2">
        <v>139.1</v>
      </c>
      <c r="Y6004" s="2">
        <v>7.6</v>
      </c>
      <c r="Z6004" s="2">
        <v>16.7</v>
      </c>
      <c r="AA6004" s="5"/>
      <c r="AB6004" s="5" t="s">
        <v>43</v>
      </c>
      <c r="AC6004" s="5" t="s">
        <v>44</v>
      </c>
      <c r="AD6004" s="2"/>
      <c r="AE6004" s="1"/>
    </row>
    <row r="6005" spans="1:31" ht="14.45">
      <c r="A6005" s="11"/>
      <c r="B6005" s="20"/>
      <c r="C6005" s="2" t="s">
        <v>18486</v>
      </c>
      <c r="D6005" s="14" t="s">
        <v>18487</v>
      </c>
      <c r="E6005" s="2" t="s">
        <v>18488</v>
      </c>
      <c r="F6005" s="2" t="s">
        <v>7547</v>
      </c>
      <c r="G6005" s="8">
        <v>291</v>
      </c>
      <c r="H6005" s="5">
        <v>6</v>
      </c>
      <c r="I6005" s="5" t="s">
        <v>1518</v>
      </c>
      <c r="J6005" s="5" t="s">
        <v>1519</v>
      </c>
      <c r="K6005" s="2" t="s">
        <v>1520</v>
      </c>
      <c r="L6005" s="5" t="s">
        <v>1519</v>
      </c>
      <c r="M6005" s="2" t="s">
        <v>1520</v>
      </c>
      <c r="N6005" s="5" t="s">
        <v>1521</v>
      </c>
      <c r="O6005" s="5" t="s">
        <v>38</v>
      </c>
      <c r="P6005" s="5" t="s">
        <v>39</v>
      </c>
      <c r="Q6005" s="5" t="s">
        <v>40</v>
      </c>
      <c r="R6005" s="5" t="s">
        <v>1522</v>
      </c>
      <c r="S6005" s="5" t="s">
        <v>1523</v>
      </c>
      <c r="T6005" s="5" t="s">
        <v>42</v>
      </c>
      <c r="U6005" s="2">
        <v>3.3050000000000002</v>
      </c>
      <c r="V6005" s="2">
        <v>2.718</v>
      </c>
      <c r="W6005" s="2">
        <v>1.7999999999999999E-2</v>
      </c>
      <c r="X6005" s="2">
        <v>139.1</v>
      </c>
      <c r="Y6005" s="2">
        <v>7.6</v>
      </c>
      <c r="Z6005" s="2">
        <v>16.7</v>
      </c>
      <c r="AA6005" s="5"/>
      <c r="AB6005" s="5" t="s">
        <v>43</v>
      </c>
      <c r="AC6005" s="5" t="s">
        <v>44</v>
      </c>
      <c r="AD6005" s="2"/>
      <c r="AE6005" s="1"/>
    </row>
    <row r="6006" spans="1:31" ht="14.45">
      <c r="A6006" s="11"/>
      <c r="B6006" s="20"/>
      <c r="C6006" s="2" t="s">
        <v>18489</v>
      </c>
      <c r="D6006" s="14" t="s">
        <v>18490</v>
      </c>
      <c r="E6006" s="2" t="s">
        <v>18491</v>
      </c>
      <c r="F6006" s="2" t="s">
        <v>7551</v>
      </c>
      <c r="G6006" s="8">
        <v>291</v>
      </c>
      <c r="H6006" s="5">
        <v>6</v>
      </c>
      <c r="I6006" s="5" t="s">
        <v>1518</v>
      </c>
      <c r="J6006" s="5" t="s">
        <v>1519</v>
      </c>
      <c r="K6006" s="2" t="s">
        <v>1520</v>
      </c>
      <c r="L6006" s="5" t="s">
        <v>1519</v>
      </c>
      <c r="M6006" s="2" t="s">
        <v>1520</v>
      </c>
      <c r="N6006" s="5" t="s">
        <v>1521</v>
      </c>
      <c r="O6006" s="5" t="s">
        <v>38</v>
      </c>
      <c r="P6006" s="5" t="s">
        <v>39</v>
      </c>
      <c r="Q6006" s="5" t="s">
        <v>40</v>
      </c>
      <c r="R6006" s="5" t="s">
        <v>1522</v>
      </c>
      <c r="S6006" s="5" t="s">
        <v>1523</v>
      </c>
      <c r="T6006" s="5" t="s">
        <v>42</v>
      </c>
      <c r="U6006" s="2">
        <v>3.4049999999999998</v>
      </c>
      <c r="V6006" s="2">
        <v>2.8180000000000001</v>
      </c>
      <c r="W6006" s="2">
        <v>1.7999999999999999E-2</v>
      </c>
      <c r="X6006" s="2">
        <v>139.1</v>
      </c>
      <c r="Y6006" s="2">
        <v>7.6</v>
      </c>
      <c r="Z6006" s="2">
        <v>16.7</v>
      </c>
      <c r="AA6006" s="5"/>
      <c r="AB6006" s="5" t="s">
        <v>43</v>
      </c>
      <c r="AC6006" s="5" t="s">
        <v>44</v>
      </c>
      <c r="AD6006" s="2"/>
      <c r="AE6006" s="1"/>
    </row>
    <row r="6007" spans="1:31" ht="14.45">
      <c r="A6007" s="11"/>
      <c r="B6007" s="20"/>
      <c r="C6007" s="2" t="s">
        <v>18492</v>
      </c>
      <c r="D6007" s="14" t="s">
        <v>18493</v>
      </c>
      <c r="E6007" s="2" t="s">
        <v>18494</v>
      </c>
      <c r="F6007" s="2" t="s">
        <v>7555</v>
      </c>
      <c r="G6007" s="8">
        <v>291</v>
      </c>
      <c r="H6007" s="5">
        <v>6</v>
      </c>
      <c r="I6007" s="5" t="s">
        <v>1518</v>
      </c>
      <c r="J6007" s="5" t="s">
        <v>1519</v>
      </c>
      <c r="K6007" s="2" t="s">
        <v>1520</v>
      </c>
      <c r="L6007" s="5" t="s">
        <v>1519</v>
      </c>
      <c r="M6007" s="2" t="s">
        <v>1520</v>
      </c>
      <c r="N6007" s="5" t="s">
        <v>1521</v>
      </c>
      <c r="O6007" s="5" t="s">
        <v>38</v>
      </c>
      <c r="P6007" s="5" t="s">
        <v>39</v>
      </c>
      <c r="Q6007" s="5" t="s">
        <v>40</v>
      </c>
      <c r="R6007" s="5" t="s">
        <v>1522</v>
      </c>
      <c r="S6007" s="5" t="s">
        <v>1523</v>
      </c>
      <c r="T6007" s="5" t="s">
        <v>42</v>
      </c>
      <c r="U6007" s="2">
        <v>3.3050000000000002</v>
      </c>
      <c r="V6007" s="2">
        <v>2.718</v>
      </c>
      <c r="W6007" s="2">
        <v>1.7999999999999999E-2</v>
      </c>
      <c r="X6007" s="2">
        <v>139.1</v>
      </c>
      <c r="Y6007" s="2">
        <v>7.6</v>
      </c>
      <c r="Z6007" s="2">
        <v>16.7</v>
      </c>
      <c r="AA6007" s="5"/>
      <c r="AB6007" s="5" t="s">
        <v>43</v>
      </c>
      <c r="AC6007" s="5" t="s">
        <v>44</v>
      </c>
      <c r="AD6007" s="2"/>
      <c r="AE6007" s="1"/>
    </row>
    <row r="6008" spans="1:31" ht="14.45">
      <c r="A6008" s="11"/>
      <c r="B6008" s="20"/>
      <c r="C6008" s="2" t="s">
        <v>18495</v>
      </c>
      <c r="D6008" s="14" t="s">
        <v>18496</v>
      </c>
      <c r="E6008" s="2" t="s">
        <v>18497</v>
      </c>
      <c r="F6008" s="2" t="s">
        <v>7559</v>
      </c>
      <c r="G6008" s="8">
        <v>291</v>
      </c>
      <c r="H6008" s="5">
        <v>6</v>
      </c>
      <c r="I6008" s="5" t="s">
        <v>1518</v>
      </c>
      <c r="J6008" s="5" t="s">
        <v>1519</v>
      </c>
      <c r="K6008" s="2" t="s">
        <v>1520</v>
      </c>
      <c r="L6008" s="5" t="s">
        <v>1519</v>
      </c>
      <c r="M6008" s="2" t="s">
        <v>1520</v>
      </c>
      <c r="N6008" s="5" t="s">
        <v>1521</v>
      </c>
      <c r="O6008" s="5" t="s">
        <v>38</v>
      </c>
      <c r="P6008" s="5" t="s">
        <v>39</v>
      </c>
      <c r="Q6008" s="5" t="s">
        <v>40</v>
      </c>
      <c r="R6008" s="5" t="s">
        <v>1522</v>
      </c>
      <c r="S6008" s="5" t="s">
        <v>1523</v>
      </c>
      <c r="T6008" s="5" t="s">
        <v>42</v>
      </c>
      <c r="U6008" s="2">
        <v>3.4049999999999998</v>
      </c>
      <c r="V6008" s="2">
        <v>2.8180000000000001</v>
      </c>
      <c r="W6008" s="2">
        <v>1.7999999999999999E-2</v>
      </c>
      <c r="X6008" s="2">
        <v>139.1</v>
      </c>
      <c r="Y6008" s="2">
        <v>7.6</v>
      </c>
      <c r="Z6008" s="2">
        <v>16.7</v>
      </c>
      <c r="AA6008" s="5"/>
      <c r="AB6008" s="5" t="s">
        <v>43</v>
      </c>
      <c r="AC6008" s="5" t="s">
        <v>44</v>
      </c>
      <c r="AD6008" s="2"/>
      <c r="AE6008" s="1"/>
    </row>
    <row r="6009" spans="1:31" ht="14.45">
      <c r="A6009" s="11"/>
      <c r="B6009" s="20"/>
      <c r="C6009" s="2" t="s">
        <v>18498</v>
      </c>
      <c r="D6009" s="14" t="s">
        <v>18499</v>
      </c>
      <c r="E6009" s="2" t="s">
        <v>18500</v>
      </c>
      <c r="F6009" s="2" t="s">
        <v>7563</v>
      </c>
      <c r="G6009" s="8">
        <v>291</v>
      </c>
      <c r="H6009" s="5">
        <v>6</v>
      </c>
      <c r="I6009" s="5" t="s">
        <v>1518</v>
      </c>
      <c r="J6009" s="5" t="s">
        <v>1519</v>
      </c>
      <c r="K6009" s="2" t="s">
        <v>1520</v>
      </c>
      <c r="L6009" s="5" t="s">
        <v>1519</v>
      </c>
      <c r="M6009" s="2" t="s">
        <v>1520</v>
      </c>
      <c r="N6009" s="5" t="s">
        <v>1521</v>
      </c>
      <c r="O6009" s="5" t="s">
        <v>38</v>
      </c>
      <c r="P6009" s="5" t="s">
        <v>39</v>
      </c>
      <c r="Q6009" s="5" t="s">
        <v>40</v>
      </c>
      <c r="R6009" s="5" t="s">
        <v>1522</v>
      </c>
      <c r="S6009" s="5" t="s">
        <v>1523</v>
      </c>
      <c r="T6009" s="5" t="s">
        <v>42</v>
      </c>
      <c r="U6009" s="2">
        <v>3.335</v>
      </c>
      <c r="V6009" s="2">
        <v>2.7480000000000002</v>
      </c>
      <c r="W6009" s="2">
        <v>1.7999999999999999E-2</v>
      </c>
      <c r="X6009" s="2">
        <v>139.1</v>
      </c>
      <c r="Y6009" s="2">
        <v>7.6</v>
      </c>
      <c r="Z6009" s="2">
        <v>16.7</v>
      </c>
      <c r="AA6009" s="5"/>
      <c r="AB6009" s="5" t="s">
        <v>43</v>
      </c>
      <c r="AC6009" s="5" t="s">
        <v>44</v>
      </c>
      <c r="AD6009" s="2"/>
      <c r="AE6009" s="1"/>
    </row>
    <row r="6010" spans="1:31" ht="14.45">
      <c r="A6010" s="11"/>
      <c r="B6010" s="20"/>
      <c r="C6010" s="2" t="s">
        <v>18501</v>
      </c>
      <c r="D6010" s="14" t="s">
        <v>18502</v>
      </c>
      <c r="E6010" s="2" t="s">
        <v>18503</v>
      </c>
      <c r="F6010" s="2" t="s">
        <v>7567</v>
      </c>
      <c r="G6010" s="8">
        <v>291</v>
      </c>
      <c r="H6010" s="5">
        <v>6</v>
      </c>
      <c r="I6010" s="5" t="s">
        <v>1518</v>
      </c>
      <c r="J6010" s="5" t="s">
        <v>1519</v>
      </c>
      <c r="K6010" s="2" t="s">
        <v>1520</v>
      </c>
      <c r="L6010" s="5" t="s">
        <v>1519</v>
      </c>
      <c r="M6010" s="2" t="s">
        <v>1520</v>
      </c>
      <c r="N6010" s="5" t="s">
        <v>1521</v>
      </c>
      <c r="O6010" s="5" t="s">
        <v>38</v>
      </c>
      <c r="P6010" s="5" t="s">
        <v>39</v>
      </c>
      <c r="Q6010" s="5" t="s">
        <v>40</v>
      </c>
      <c r="R6010" s="5" t="s">
        <v>1522</v>
      </c>
      <c r="S6010" s="5" t="s">
        <v>1523</v>
      </c>
      <c r="T6010" s="5" t="s">
        <v>42</v>
      </c>
      <c r="U6010" s="2">
        <v>3.4350000000000001</v>
      </c>
      <c r="V6010" s="2">
        <v>2.8479999999999999</v>
      </c>
      <c r="W6010" s="2">
        <v>1.7999999999999999E-2</v>
      </c>
      <c r="X6010" s="2">
        <v>139.1</v>
      </c>
      <c r="Y6010" s="2">
        <v>7.6</v>
      </c>
      <c r="Z6010" s="2">
        <v>16.7</v>
      </c>
      <c r="AA6010" s="5"/>
      <c r="AB6010" s="5" t="s">
        <v>43</v>
      </c>
      <c r="AC6010" s="5" t="s">
        <v>44</v>
      </c>
      <c r="AD6010" s="2"/>
      <c r="AE6010" s="1"/>
    </row>
    <row r="6011" spans="1:31" ht="14.45">
      <c r="A6011" s="11"/>
      <c r="B6011" s="20"/>
      <c r="C6011" s="2" t="s">
        <v>18504</v>
      </c>
      <c r="D6011" s="14" t="s">
        <v>18505</v>
      </c>
      <c r="E6011" s="2" t="s">
        <v>18506</v>
      </c>
      <c r="F6011" s="2" t="s">
        <v>16079</v>
      </c>
      <c r="G6011" s="8">
        <v>291</v>
      </c>
      <c r="H6011" s="5">
        <v>6</v>
      </c>
      <c r="I6011" s="5" t="s">
        <v>1518</v>
      </c>
      <c r="J6011" s="5" t="s">
        <v>1519</v>
      </c>
      <c r="K6011" s="2" t="s">
        <v>1520</v>
      </c>
      <c r="L6011" s="5" t="s">
        <v>1519</v>
      </c>
      <c r="M6011" s="2" t="s">
        <v>1520</v>
      </c>
      <c r="N6011" s="5" t="s">
        <v>1521</v>
      </c>
      <c r="O6011" s="5" t="s">
        <v>38</v>
      </c>
      <c r="P6011" s="5" t="s">
        <v>39</v>
      </c>
      <c r="Q6011" s="5" t="s">
        <v>40</v>
      </c>
      <c r="R6011" s="5" t="s">
        <v>1522</v>
      </c>
      <c r="S6011" s="5" t="s">
        <v>1523</v>
      </c>
      <c r="T6011" s="5" t="s">
        <v>42</v>
      </c>
      <c r="U6011" s="2">
        <v>3.335</v>
      </c>
      <c r="V6011" s="2">
        <v>2.7480000000000002</v>
      </c>
      <c r="W6011" s="2">
        <v>1.7999999999999999E-2</v>
      </c>
      <c r="X6011" s="2">
        <v>139.1</v>
      </c>
      <c r="Y6011" s="2">
        <v>7.6</v>
      </c>
      <c r="Z6011" s="2">
        <v>16.7</v>
      </c>
      <c r="AA6011" s="5"/>
      <c r="AB6011" s="5" t="s">
        <v>43</v>
      </c>
      <c r="AC6011" s="5" t="s">
        <v>44</v>
      </c>
      <c r="AD6011" s="2"/>
      <c r="AE6011" s="1"/>
    </row>
    <row r="6012" spans="1:31" ht="14.45">
      <c r="A6012" s="11"/>
      <c r="B6012" s="20"/>
      <c r="C6012" s="2" t="s">
        <v>18507</v>
      </c>
      <c r="D6012" s="14" t="s">
        <v>18508</v>
      </c>
      <c r="E6012" s="2" t="s">
        <v>18509</v>
      </c>
      <c r="F6012" s="2" t="s">
        <v>16194</v>
      </c>
      <c r="G6012" s="8">
        <v>291</v>
      </c>
      <c r="H6012" s="5">
        <v>6</v>
      </c>
      <c r="I6012" s="5" t="s">
        <v>1518</v>
      </c>
      <c r="J6012" s="5" t="s">
        <v>1519</v>
      </c>
      <c r="K6012" s="2" t="s">
        <v>1520</v>
      </c>
      <c r="L6012" s="5" t="s">
        <v>1519</v>
      </c>
      <c r="M6012" s="2" t="s">
        <v>1520</v>
      </c>
      <c r="N6012" s="5" t="s">
        <v>1521</v>
      </c>
      <c r="O6012" s="5" t="s">
        <v>38</v>
      </c>
      <c r="P6012" s="5" t="s">
        <v>39</v>
      </c>
      <c r="Q6012" s="5" t="s">
        <v>40</v>
      </c>
      <c r="R6012" s="5" t="s">
        <v>1522</v>
      </c>
      <c r="S6012" s="5" t="s">
        <v>1523</v>
      </c>
      <c r="T6012" s="5" t="s">
        <v>42</v>
      </c>
      <c r="U6012" s="2">
        <v>3.4350000000000001</v>
      </c>
      <c r="V6012" s="2">
        <v>2.8479999999999999</v>
      </c>
      <c r="W6012" s="2">
        <v>1.7999999999999999E-2</v>
      </c>
      <c r="X6012" s="2">
        <v>139.1</v>
      </c>
      <c r="Y6012" s="2">
        <v>7.6</v>
      </c>
      <c r="Z6012" s="2">
        <v>16.7</v>
      </c>
      <c r="AA6012" s="5"/>
      <c r="AB6012" s="5" t="s">
        <v>43</v>
      </c>
      <c r="AC6012" s="5" t="s">
        <v>44</v>
      </c>
      <c r="AD6012" s="2"/>
      <c r="AE6012" s="1"/>
    </row>
    <row r="6013" spans="1:31" ht="14.45">
      <c r="A6013" s="11"/>
      <c r="B6013" s="20"/>
      <c r="C6013" s="2" t="s">
        <v>18510</v>
      </c>
      <c r="D6013" s="14" t="s">
        <v>18511</v>
      </c>
      <c r="E6013" s="2" t="s">
        <v>18512</v>
      </c>
      <c r="F6013" s="2" t="s">
        <v>7449</v>
      </c>
      <c r="G6013" s="8">
        <v>291</v>
      </c>
      <c r="H6013" s="5">
        <v>6</v>
      </c>
      <c r="I6013" s="5" t="s">
        <v>1518</v>
      </c>
      <c r="J6013" s="5" t="s">
        <v>1519</v>
      </c>
      <c r="K6013" s="2" t="s">
        <v>1520</v>
      </c>
      <c r="L6013" s="5" t="s">
        <v>1519</v>
      </c>
      <c r="M6013" s="2" t="s">
        <v>1520</v>
      </c>
      <c r="N6013" s="5" t="s">
        <v>1521</v>
      </c>
      <c r="O6013" s="5" t="s">
        <v>38</v>
      </c>
      <c r="P6013" s="5" t="s">
        <v>39</v>
      </c>
      <c r="Q6013" s="5" t="s">
        <v>40</v>
      </c>
      <c r="R6013" s="5" t="s">
        <v>1522</v>
      </c>
      <c r="S6013" s="5" t="s">
        <v>1523</v>
      </c>
      <c r="T6013" s="5" t="s">
        <v>42</v>
      </c>
      <c r="U6013" s="2">
        <v>3.335</v>
      </c>
      <c r="V6013" s="2">
        <v>2.7480000000000002</v>
      </c>
      <c r="W6013" s="2">
        <v>1.7999999999999999E-2</v>
      </c>
      <c r="X6013" s="2">
        <v>139.1</v>
      </c>
      <c r="Y6013" s="2">
        <v>7.6</v>
      </c>
      <c r="Z6013" s="2">
        <v>16.7</v>
      </c>
      <c r="AA6013" s="5"/>
      <c r="AB6013" s="5" t="s">
        <v>43</v>
      </c>
      <c r="AC6013" s="5" t="s">
        <v>44</v>
      </c>
      <c r="AD6013" s="2"/>
      <c r="AE6013" s="1"/>
    </row>
    <row r="6014" spans="1:31" ht="14.45">
      <c r="A6014" s="11"/>
      <c r="B6014" s="20"/>
      <c r="C6014" s="2" t="s">
        <v>18513</v>
      </c>
      <c r="D6014" s="14" t="s">
        <v>18514</v>
      </c>
      <c r="E6014" s="2" t="s">
        <v>18515</v>
      </c>
      <c r="F6014" s="2" t="s">
        <v>7581</v>
      </c>
      <c r="G6014" s="8">
        <v>291</v>
      </c>
      <c r="H6014" s="5">
        <v>6</v>
      </c>
      <c r="I6014" s="5" t="s">
        <v>1518</v>
      </c>
      <c r="J6014" s="5" t="s">
        <v>1519</v>
      </c>
      <c r="K6014" s="2" t="s">
        <v>1520</v>
      </c>
      <c r="L6014" s="5" t="s">
        <v>1519</v>
      </c>
      <c r="M6014" s="2" t="s">
        <v>1520</v>
      </c>
      <c r="N6014" s="5" t="s">
        <v>1521</v>
      </c>
      <c r="O6014" s="5" t="s">
        <v>38</v>
      </c>
      <c r="P6014" s="5" t="s">
        <v>39</v>
      </c>
      <c r="Q6014" s="5" t="s">
        <v>40</v>
      </c>
      <c r="R6014" s="5" t="s">
        <v>1522</v>
      </c>
      <c r="S6014" s="5" t="s">
        <v>1523</v>
      </c>
      <c r="T6014" s="5" t="s">
        <v>42</v>
      </c>
      <c r="U6014" s="2">
        <v>3.4350000000000001</v>
      </c>
      <c r="V6014" s="2">
        <v>2.8479999999999999</v>
      </c>
      <c r="W6014" s="2">
        <v>1.7999999999999999E-2</v>
      </c>
      <c r="X6014" s="2">
        <v>139.1</v>
      </c>
      <c r="Y6014" s="2">
        <v>7.6</v>
      </c>
      <c r="Z6014" s="2">
        <v>16.7</v>
      </c>
      <c r="AA6014" s="5"/>
      <c r="AB6014" s="5" t="s">
        <v>43</v>
      </c>
      <c r="AC6014" s="5" t="s">
        <v>44</v>
      </c>
      <c r="AD6014" s="2"/>
      <c r="AE6014" s="1"/>
    </row>
    <row r="6015" spans="1:31" ht="14.45">
      <c r="A6015" s="11"/>
      <c r="B6015" s="20"/>
      <c r="C6015" s="2" t="s">
        <v>18516</v>
      </c>
      <c r="D6015" s="14" t="s">
        <v>18517</v>
      </c>
      <c r="E6015" s="2" t="s">
        <v>18518</v>
      </c>
      <c r="F6015" s="2" t="s">
        <v>7585</v>
      </c>
      <c r="G6015" s="8">
        <v>291</v>
      </c>
      <c r="H6015" s="5">
        <v>6</v>
      </c>
      <c r="I6015" s="5" t="s">
        <v>1518</v>
      </c>
      <c r="J6015" s="5" t="s">
        <v>1519</v>
      </c>
      <c r="K6015" s="2" t="s">
        <v>1520</v>
      </c>
      <c r="L6015" s="5" t="s">
        <v>1519</v>
      </c>
      <c r="M6015" s="2" t="s">
        <v>1520</v>
      </c>
      <c r="N6015" s="5" t="s">
        <v>1521</v>
      </c>
      <c r="O6015" s="5" t="s">
        <v>38</v>
      </c>
      <c r="P6015" s="5" t="s">
        <v>39</v>
      </c>
      <c r="Q6015" s="5" t="s">
        <v>40</v>
      </c>
      <c r="R6015" s="5" t="s">
        <v>1522</v>
      </c>
      <c r="S6015" s="5" t="s">
        <v>1523</v>
      </c>
      <c r="T6015" s="5" t="s">
        <v>42</v>
      </c>
      <c r="U6015" s="2">
        <v>3.3050000000000002</v>
      </c>
      <c r="V6015" s="2">
        <v>2.718</v>
      </c>
      <c r="W6015" s="2">
        <v>1.7999999999999999E-2</v>
      </c>
      <c r="X6015" s="2">
        <v>139.1</v>
      </c>
      <c r="Y6015" s="2">
        <v>7.6</v>
      </c>
      <c r="Z6015" s="2">
        <v>16.7</v>
      </c>
      <c r="AA6015" s="5"/>
      <c r="AB6015" s="5" t="s">
        <v>43</v>
      </c>
      <c r="AC6015" s="5" t="s">
        <v>44</v>
      </c>
      <c r="AD6015" s="2"/>
      <c r="AE6015" s="1"/>
    </row>
    <row r="6016" spans="1:31" ht="14.45">
      <c r="A6016" s="11"/>
      <c r="B6016" s="20"/>
      <c r="C6016" s="2" t="s">
        <v>18519</v>
      </c>
      <c r="D6016" s="14" t="s">
        <v>18520</v>
      </c>
      <c r="E6016" s="2" t="s">
        <v>18521</v>
      </c>
      <c r="F6016" s="2" t="s">
        <v>7589</v>
      </c>
      <c r="G6016" s="8">
        <v>291</v>
      </c>
      <c r="H6016" s="5">
        <v>6</v>
      </c>
      <c r="I6016" s="5" t="s">
        <v>1518</v>
      </c>
      <c r="J6016" s="5" t="s">
        <v>1519</v>
      </c>
      <c r="K6016" s="2" t="s">
        <v>1520</v>
      </c>
      <c r="L6016" s="5" t="s">
        <v>1519</v>
      </c>
      <c r="M6016" s="2" t="s">
        <v>1520</v>
      </c>
      <c r="N6016" s="5" t="s">
        <v>1521</v>
      </c>
      <c r="O6016" s="5" t="s">
        <v>38</v>
      </c>
      <c r="P6016" s="5" t="s">
        <v>39</v>
      </c>
      <c r="Q6016" s="5" t="s">
        <v>40</v>
      </c>
      <c r="R6016" s="5" t="s">
        <v>1522</v>
      </c>
      <c r="S6016" s="5" t="s">
        <v>1523</v>
      </c>
      <c r="T6016" s="5" t="s">
        <v>42</v>
      </c>
      <c r="U6016" s="2">
        <v>3.4049999999999998</v>
      </c>
      <c r="V6016" s="2">
        <v>2.8180000000000001</v>
      </c>
      <c r="W6016" s="2">
        <v>1.7999999999999999E-2</v>
      </c>
      <c r="X6016" s="2">
        <v>139.1</v>
      </c>
      <c r="Y6016" s="2">
        <v>7.6</v>
      </c>
      <c r="Z6016" s="2">
        <v>16.7</v>
      </c>
      <c r="AA6016" s="5"/>
      <c r="AB6016" s="5" t="s">
        <v>43</v>
      </c>
      <c r="AC6016" s="5" t="s">
        <v>44</v>
      </c>
      <c r="AD6016" s="2"/>
      <c r="AE6016" s="1"/>
    </row>
    <row r="6017" spans="1:31" ht="14.45">
      <c r="A6017" s="11"/>
      <c r="B6017" s="20"/>
      <c r="C6017" s="2" t="s">
        <v>18522</v>
      </c>
      <c r="D6017" s="14" t="s">
        <v>18523</v>
      </c>
      <c r="E6017" s="2" t="s">
        <v>18524</v>
      </c>
      <c r="F6017" s="2" t="s">
        <v>7593</v>
      </c>
      <c r="G6017" s="8">
        <v>291</v>
      </c>
      <c r="H6017" s="5">
        <v>6</v>
      </c>
      <c r="I6017" s="5" t="s">
        <v>1518</v>
      </c>
      <c r="J6017" s="5" t="s">
        <v>1519</v>
      </c>
      <c r="K6017" s="2" t="s">
        <v>1520</v>
      </c>
      <c r="L6017" s="5" t="s">
        <v>1519</v>
      </c>
      <c r="M6017" s="2" t="s">
        <v>1520</v>
      </c>
      <c r="N6017" s="5" t="s">
        <v>1521</v>
      </c>
      <c r="O6017" s="5" t="s">
        <v>38</v>
      </c>
      <c r="P6017" s="5" t="s">
        <v>39</v>
      </c>
      <c r="Q6017" s="5" t="s">
        <v>40</v>
      </c>
      <c r="R6017" s="5" t="s">
        <v>1522</v>
      </c>
      <c r="S6017" s="5" t="s">
        <v>1523</v>
      </c>
      <c r="T6017" s="5" t="s">
        <v>42</v>
      </c>
      <c r="U6017" s="2">
        <v>3.335</v>
      </c>
      <c r="V6017" s="2">
        <v>2.7480000000000002</v>
      </c>
      <c r="W6017" s="2">
        <v>1.7999999999999999E-2</v>
      </c>
      <c r="X6017" s="2">
        <v>139.1</v>
      </c>
      <c r="Y6017" s="2">
        <v>7.6</v>
      </c>
      <c r="Z6017" s="2">
        <v>16.7</v>
      </c>
      <c r="AA6017" s="5"/>
      <c r="AB6017" s="5" t="s">
        <v>43</v>
      </c>
      <c r="AC6017" s="5" t="s">
        <v>44</v>
      </c>
      <c r="AD6017" s="2"/>
      <c r="AE6017" s="1"/>
    </row>
    <row r="6018" spans="1:31" ht="14.45">
      <c r="A6018" s="11"/>
      <c r="B6018" s="20"/>
      <c r="C6018" s="2" t="s">
        <v>18525</v>
      </c>
      <c r="D6018" s="14" t="s">
        <v>18526</v>
      </c>
      <c r="E6018" s="2" t="s">
        <v>18527</v>
      </c>
      <c r="F6018" s="2" t="s">
        <v>7597</v>
      </c>
      <c r="G6018" s="8">
        <v>291</v>
      </c>
      <c r="H6018" s="5">
        <v>6</v>
      </c>
      <c r="I6018" s="5" t="s">
        <v>1518</v>
      </c>
      <c r="J6018" s="5" t="s">
        <v>1519</v>
      </c>
      <c r="K6018" s="2" t="s">
        <v>1520</v>
      </c>
      <c r="L6018" s="5" t="s">
        <v>1519</v>
      </c>
      <c r="M6018" s="2" t="s">
        <v>1520</v>
      </c>
      <c r="N6018" s="5" t="s">
        <v>1521</v>
      </c>
      <c r="O6018" s="5" t="s">
        <v>38</v>
      </c>
      <c r="P6018" s="5" t="s">
        <v>39</v>
      </c>
      <c r="Q6018" s="5" t="s">
        <v>40</v>
      </c>
      <c r="R6018" s="5" t="s">
        <v>1522</v>
      </c>
      <c r="S6018" s="5" t="s">
        <v>1523</v>
      </c>
      <c r="T6018" s="5" t="s">
        <v>42</v>
      </c>
      <c r="U6018" s="2">
        <v>3.4350000000000001</v>
      </c>
      <c r="V6018" s="2">
        <v>2.8479999999999999</v>
      </c>
      <c r="W6018" s="2">
        <v>1.7999999999999999E-2</v>
      </c>
      <c r="X6018" s="2">
        <v>139.1</v>
      </c>
      <c r="Y6018" s="2">
        <v>7.6</v>
      </c>
      <c r="Z6018" s="2">
        <v>16.7</v>
      </c>
      <c r="AA6018" s="5"/>
      <c r="AB6018" s="5" t="s">
        <v>43</v>
      </c>
      <c r="AC6018" s="5" t="s">
        <v>44</v>
      </c>
      <c r="AD6018" s="2"/>
      <c r="AE6018" s="1"/>
    </row>
    <row r="6019" spans="1:31" ht="14.45">
      <c r="A6019" s="11"/>
      <c r="B6019" s="20"/>
      <c r="C6019" s="2" t="s">
        <v>18528</v>
      </c>
      <c r="D6019" s="14" t="s">
        <v>18529</v>
      </c>
      <c r="E6019" s="2" t="s">
        <v>18530</v>
      </c>
      <c r="F6019" s="2" t="s">
        <v>16014</v>
      </c>
      <c r="G6019" s="8">
        <v>291</v>
      </c>
      <c r="H6019" s="5">
        <v>6</v>
      </c>
      <c r="I6019" s="5" t="s">
        <v>1518</v>
      </c>
      <c r="J6019" s="5" t="s">
        <v>1519</v>
      </c>
      <c r="K6019" s="2" t="s">
        <v>1520</v>
      </c>
      <c r="L6019" s="5" t="s">
        <v>1519</v>
      </c>
      <c r="M6019" s="2" t="s">
        <v>1520</v>
      </c>
      <c r="N6019" s="5" t="s">
        <v>1521</v>
      </c>
      <c r="O6019" s="5" t="s">
        <v>38</v>
      </c>
      <c r="P6019" s="5" t="s">
        <v>39</v>
      </c>
      <c r="Q6019" s="5" t="s">
        <v>40</v>
      </c>
      <c r="R6019" s="5" t="s">
        <v>1522</v>
      </c>
      <c r="S6019" s="5" t="s">
        <v>1523</v>
      </c>
      <c r="T6019" s="5" t="s">
        <v>42</v>
      </c>
      <c r="U6019" s="2">
        <v>3.335</v>
      </c>
      <c r="V6019" s="2">
        <v>2.7480000000000002</v>
      </c>
      <c r="W6019" s="2">
        <v>1.7999999999999999E-2</v>
      </c>
      <c r="X6019" s="2">
        <v>139.1</v>
      </c>
      <c r="Y6019" s="2">
        <v>7.6</v>
      </c>
      <c r="Z6019" s="2">
        <v>16.7</v>
      </c>
      <c r="AA6019" s="5"/>
      <c r="AB6019" s="5" t="s">
        <v>43</v>
      </c>
      <c r="AC6019" s="5" t="s">
        <v>44</v>
      </c>
      <c r="AD6019" s="2"/>
      <c r="AE6019" s="1"/>
    </row>
    <row r="6020" spans="1:31" ht="14.45">
      <c r="A6020" s="11"/>
      <c r="B6020" s="20"/>
      <c r="C6020" s="2" t="s">
        <v>18531</v>
      </c>
      <c r="D6020" s="14" t="s">
        <v>18532</v>
      </c>
      <c r="E6020" s="2" t="s">
        <v>18533</v>
      </c>
      <c r="F6020" s="2" t="s">
        <v>16219</v>
      </c>
      <c r="G6020" s="8">
        <v>291</v>
      </c>
      <c r="H6020" s="5">
        <v>6</v>
      </c>
      <c r="I6020" s="5" t="s">
        <v>1518</v>
      </c>
      <c r="J6020" s="5" t="s">
        <v>1519</v>
      </c>
      <c r="K6020" s="2" t="s">
        <v>1520</v>
      </c>
      <c r="L6020" s="5" t="s">
        <v>1519</v>
      </c>
      <c r="M6020" s="2" t="s">
        <v>1520</v>
      </c>
      <c r="N6020" s="5" t="s">
        <v>1521</v>
      </c>
      <c r="O6020" s="5" t="s">
        <v>38</v>
      </c>
      <c r="P6020" s="5" t="s">
        <v>39</v>
      </c>
      <c r="Q6020" s="5" t="s">
        <v>40</v>
      </c>
      <c r="R6020" s="5" t="s">
        <v>1522</v>
      </c>
      <c r="S6020" s="5" t="s">
        <v>1523</v>
      </c>
      <c r="T6020" s="5" t="s">
        <v>42</v>
      </c>
      <c r="U6020" s="2">
        <v>3.4350000000000001</v>
      </c>
      <c r="V6020" s="2">
        <v>2.8479999999999999</v>
      </c>
      <c r="W6020" s="2">
        <v>1.7999999999999999E-2</v>
      </c>
      <c r="X6020" s="2">
        <v>139.1</v>
      </c>
      <c r="Y6020" s="2">
        <v>7.6</v>
      </c>
      <c r="Z6020" s="2">
        <v>16.7</v>
      </c>
      <c r="AA6020" s="5"/>
      <c r="AB6020" s="5" t="s">
        <v>43</v>
      </c>
      <c r="AC6020" s="5" t="s">
        <v>44</v>
      </c>
      <c r="AD6020" s="2"/>
      <c r="AE6020" s="1"/>
    </row>
    <row r="6021" spans="1:31" ht="14.45">
      <c r="A6021" s="11"/>
      <c r="B6021" s="20"/>
      <c r="C6021" s="2" t="s">
        <v>18534</v>
      </c>
      <c r="D6021" s="14" t="s">
        <v>18535</v>
      </c>
      <c r="E6021" s="2" t="s">
        <v>18536</v>
      </c>
      <c r="F6021" s="2" t="s">
        <v>16018</v>
      </c>
      <c r="G6021" s="8">
        <v>291</v>
      </c>
      <c r="H6021" s="5">
        <v>6</v>
      </c>
      <c r="I6021" s="5" t="s">
        <v>1518</v>
      </c>
      <c r="J6021" s="5" t="s">
        <v>1519</v>
      </c>
      <c r="K6021" s="2" t="s">
        <v>1520</v>
      </c>
      <c r="L6021" s="5" t="s">
        <v>1519</v>
      </c>
      <c r="M6021" s="2" t="s">
        <v>1520</v>
      </c>
      <c r="N6021" s="5" t="s">
        <v>1521</v>
      </c>
      <c r="O6021" s="5" t="s">
        <v>38</v>
      </c>
      <c r="P6021" s="5" t="s">
        <v>39</v>
      </c>
      <c r="Q6021" s="5" t="s">
        <v>40</v>
      </c>
      <c r="R6021" s="5" t="s">
        <v>1522</v>
      </c>
      <c r="S6021" s="5" t="s">
        <v>1523</v>
      </c>
      <c r="T6021" s="5" t="s">
        <v>42</v>
      </c>
      <c r="U6021" s="2">
        <v>3.335</v>
      </c>
      <c r="V6021" s="2">
        <v>2.7480000000000002</v>
      </c>
      <c r="W6021" s="2">
        <v>1.7999999999999999E-2</v>
      </c>
      <c r="X6021" s="2">
        <v>139.1</v>
      </c>
      <c r="Y6021" s="2">
        <v>7.6</v>
      </c>
      <c r="Z6021" s="2">
        <v>16.7</v>
      </c>
      <c r="AA6021" s="5"/>
      <c r="AB6021" s="5" t="s">
        <v>43</v>
      </c>
      <c r="AC6021" s="5" t="s">
        <v>44</v>
      </c>
      <c r="AD6021" s="2"/>
      <c r="AE6021" s="1"/>
    </row>
    <row r="6022" spans="1:31" ht="14.45">
      <c r="A6022" s="11"/>
      <c r="B6022" s="20"/>
      <c r="C6022" s="2" t="s">
        <v>18537</v>
      </c>
      <c r="D6022" s="14" t="s">
        <v>18538</v>
      </c>
      <c r="E6022" s="2" t="s">
        <v>18539</v>
      </c>
      <c r="F6022" s="2" t="s">
        <v>16022</v>
      </c>
      <c r="G6022" s="8">
        <v>291</v>
      </c>
      <c r="H6022" s="5">
        <v>6</v>
      </c>
      <c r="I6022" s="5" t="s">
        <v>1518</v>
      </c>
      <c r="J6022" s="5" t="s">
        <v>1519</v>
      </c>
      <c r="K6022" s="2" t="s">
        <v>1520</v>
      </c>
      <c r="L6022" s="5" t="s">
        <v>1519</v>
      </c>
      <c r="M6022" s="2" t="s">
        <v>1520</v>
      </c>
      <c r="N6022" s="5" t="s">
        <v>1521</v>
      </c>
      <c r="O6022" s="5" t="s">
        <v>38</v>
      </c>
      <c r="P6022" s="5" t="s">
        <v>39</v>
      </c>
      <c r="Q6022" s="5" t="s">
        <v>40</v>
      </c>
      <c r="R6022" s="5" t="s">
        <v>1522</v>
      </c>
      <c r="S6022" s="5" t="s">
        <v>1523</v>
      </c>
      <c r="T6022" s="5" t="s">
        <v>42</v>
      </c>
      <c r="U6022" s="2">
        <v>3.4350000000000001</v>
      </c>
      <c r="V6022" s="2">
        <v>2.8479999999999999</v>
      </c>
      <c r="W6022" s="2">
        <v>1.7999999999999999E-2</v>
      </c>
      <c r="X6022" s="2">
        <v>139.1</v>
      </c>
      <c r="Y6022" s="2">
        <v>7.6</v>
      </c>
      <c r="Z6022" s="2">
        <v>16.7</v>
      </c>
      <c r="AA6022" s="5"/>
      <c r="AB6022" s="5" t="s">
        <v>43</v>
      </c>
      <c r="AC6022" s="5" t="s">
        <v>44</v>
      </c>
      <c r="AD6022" s="2"/>
      <c r="AE6022" s="1"/>
    </row>
    <row r="6023" spans="1:31" ht="14.45">
      <c r="A6023" s="11"/>
      <c r="B6023" s="20"/>
      <c r="C6023" s="2" t="s">
        <v>18540</v>
      </c>
      <c r="D6023" s="14" t="s">
        <v>18541</v>
      </c>
      <c r="E6023" s="2" t="s">
        <v>18542</v>
      </c>
      <c r="F6023" s="2" t="s">
        <v>7615</v>
      </c>
      <c r="G6023" s="8">
        <v>291</v>
      </c>
      <c r="H6023" s="5">
        <v>6</v>
      </c>
      <c r="I6023" s="5" t="s">
        <v>1518</v>
      </c>
      <c r="J6023" s="5" t="s">
        <v>1519</v>
      </c>
      <c r="K6023" s="2" t="s">
        <v>1520</v>
      </c>
      <c r="L6023" s="5" t="s">
        <v>1519</v>
      </c>
      <c r="M6023" s="2" t="s">
        <v>1520</v>
      </c>
      <c r="N6023" s="5" t="s">
        <v>1521</v>
      </c>
      <c r="O6023" s="5" t="s">
        <v>38</v>
      </c>
      <c r="P6023" s="5" t="s">
        <v>39</v>
      </c>
      <c r="Q6023" s="5" t="s">
        <v>40</v>
      </c>
      <c r="R6023" s="5" t="s">
        <v>1522</v>
      </c>
      <c r="S6023" s="5" t="s">
        <v>1523</v>
      </c>
      <c r="T6023" s="5" t="s">
        <v>42</v>
      </c>
      <c r="U6023" s="2">
        <v>3.3050000000000002</v>
      </c>
      <c r="V6023" s="2">
        <v>2.718</v>
      </c>
      <c r="W6023" s="2">
        <v>1.7999999999999999E-2</v>
      </c>
      <c r="X6023" s="2">
        <v>139.1</v>
      </c>
      <c r="Y6023" s="2">
        <v>7.6</v>
      </c>
      <c r="Z6023" s="2">
        <v>16.7</v>
      </c>
      <c r="AA6023" s="5"/>
      <c r="AB6023" s="5" t="s">
        <v>43</v>
      </c>
      <c r="AC6023" s="5" t="s">
        <v>44</v>
      </c>
      <c r="AD6023" s="2"/>
      <c r="AE6023" s="1"/>
    </row>
    <row r="6024" spans="1:31" ht="14.45">
      <c r="A6024" s="11"/>
      <c r="B6024" s="20"/>
      <c r="C6024" s="2" t="s">
        <v>18543</v>
      </c>
      <c r="D6024" s="14" t="s">
        <v>18544</v>
      </c>
      <c r="E6024" s="2" t="s">
        <v>18545</v>
      </c>
      <c r="F6024" s="2" t="s">
        <v>7619</v>
      </c>
      <c r="G6024" s="8">
        <v>291</v>
      </c>
      <c r="H6024" s="5">
        <v>6</v>
      </c>
      <c r="I6024" s="5" t="s">
        <v>1518</v>
      </c>
      <c r="J6024" s="5" t="s">
        <v>1519</v>
      </c>
      <c r="K6024" s="2" t="s">
        <v>1520</v>
      </c>
      <c r="L6024" s="5" t="s">
        <v>1519</v>
      </c>
      <c r="M6024" s="2" t="s">
        <v>1520</v>
      </c>
      <c r="N6024" s="5" t="s">
        <v>1521</v>
      </c>
      <c r="O6024" s="5" t="s">
        <v>38</v>
      </c>
      <c r="P6024" s="5" t="s">
        <v>39</v>
      </c>
      <c r="Q6024" s="5" t="s">
        <v>40</v>
      </c>
      <c r="R6024" s="5" t="s">
        <v>1522</v>
      </c>
      <c r="S6024" s="5" t="s">
        <v>1523</v>
      </c>
      <c r="T6024" s="5" t="s">
        <v>42</v>
      </c>
      <c r="U6024" s="2">
        <v>3.4049999999999998</v>
      </c>
      <c r="V6024" s="2">
        <v>2.8180000000000001</v>
      </c>
      <c r="W6024" s="2">
        <v>1.7999999999999999E-2</v>
      </c>
      <c r="X6024" s="2">
        <v>139.1</v>
      </c>
      <c r="Y6024" s="2">
        <v>7.6</v>
      </c>
      <c r="Z6024" s="2">
        <v>16.7</v>
      </c>
      <c r="AA6024" s="5"/>
      <c r="AB6024" s="5" t="s">
        <v>43</v>
      </c>
      <c r="AC6024" s="5" t="s">
        <v>44</v>
      </c>
      <c r="AD6024" s="2"/>
      <c r="AE6024" s="1"/>
    </row>
    <row r="6025" spans="1:31" ht="14.45">
      <c r="A6025" s="11"/>
      <c r="B6025" s="20"/>
      <c r="C6025" s="2" t="s">
        <v>18546</v>
      </c>
      <c r="D6025" s="14" t="s">
        <v>18547</v>
      </c>
      <c r="E6025" s="2" t="s">
        <v>18548</v>
      </c>
      <c r="F6025" s="2" t="s">
        <v>16235</v>
      </c>
      <c r="G6025" s="8">
        <v>291</v>
      </c>
      <c r="H6025" s="5">
        <v>6</v>
      </c>
      <c r="I6025" s="5" t="s">
        <v>1518</v>
      </c>
      <c r="J6025" s="5" t="s">
        <v>1519</v>
      </c>
      <c r="K6025" s="2" t="s">
        <v>1520</v>
      </c>
      <c r="L6025" s="5" t="s">
        <v>1519</v>
      </c>
      <c r="M6025" s="2" t="s">
        <v>1520</v>
      </c>
      <c r="N6025" s="5" t="s">
        <v>1521</v>
      </c>
      <c r="O6025" s="5" t="s">
        <v>38</v>
      </c>
      <c r="P6025" s="5" t="s">
        <v>39</v>
      </c>
      <c r="Q6025" s="5" t="s">
        <v>40</v>
      </c>
      <c r="R6025" s="5" t="s">
        <v>1522</v>
      </c>
      <c r="S6025" s="5" t="s">
        <v>1523</v>
      </c>
      <c r="T6025" s="5" t="s">
        <v>42</v>
      </c>
      <c r="U6025" s="2">
        <v>3.3860000000000001</v>
      </c>
      <c r="V6025" s="2">
        <v>2.7989999999999999</v>
      </c>
      <c r="W6025" s="2">
        <v>1.7999999999999999E-2</v>
      </c>
      <c r="X6025" s="2">
        <v>139.1</v>
      </c>
      <c r="Y6025" s="2">
        <v>7.6</v>
      </c>
      <c r="Z6025" s="2">
        <v>16.7</v>
      </c>
      <c r="AA6025" s="5"/>
      <c r="AB6025" s="5" t="s">
        <v>43</v>
      </c>
      <c r="AC6025" s="5" t="s">
        <v>44</v>
      </c>
      <c r="AD6025" s="2"/>
      <c r="AE6025" s="1"/>
    </row>
    <row r="6026" spans="1:31" ht="14.45">
      <c r="A6026" s="11"/>
      <c r="B6026" s="20"/>
      <c r="C6026" s="2" t="s">
        <v>18549</v>
      </c>
      <c r="D6026" s="14" t="s">
        <v>18550</v>
      </c>
      <c r="E6026" s="2" t="s">
        <v>18551</v>
      </c>
      <c r="F6026" s="2" t="s">
        <v>16029</v>
      </c>
      <c r="G6026" s="8">
        <v>291</v>
      </c>
      <c r="H6026" s="5">
        <v>11</v>
      </c>
      <c r="I6026" s="5" t="s">
        <v>1518</v>
      </c>
      <c r="J6026" s="5" t="s">
        <v>1519</v>
      </c>
      <c r="K6026" s="2" t="s">
        <v>1520</v>
      </c>
      <c r="L6026" s="5" t="s">
        <v>1519</v>
      </c>
      <c r="M6026" s="2" t="s">
        <v>1520</v>
      </c>
      <c r="N6026" s="5" t="s">
        <v>1521</v>
      </c>
      <c r="O6026" s="5" t="s">
        <v>38</v>
      </c>
      <c r="P6026" s="5" t="s">
        <v>39</v>
      </c>
      <c r="Q6026" s="5" t="s">
        <v>40</v>
      </c>
      <c r="R6026" s="5" t="s">
        <v>1522</v>
      </c>
      <c r="S6026" s="5" t="s">
        <v>1523</v>
      </c>
      <c r="T6026" s="5" t="s">
        <v>42</v>
      </c>
      <c r="U6026" s="2">
        <v>3.3490000000000002</v>
      </c>
      <c r="V6026" s="2">
        <v>2.762</v>
      </c>
      <c r="W6026" s="2">
        <v>1.7999999999999999E-2</v>
      </c>
      <c r="X6026" s="2">
        <v>139.1</v>
      </c>
      <c r="Y6026" s="2">
        <v>7.6</v>
      </c>
      <c r="Z6026" s="2">
        <v>16.7</v>
      </c>
      <c r="AA6026" s="5"/>
      <c r="AB6026" s="5" t="s">
        <v>43</v>
      </c>
      <c r="AC6026" s="5" t="s">
        <v>44</v>
      </c>
      <c r="AD6026" s="2"/>
      <c r="AE6026" s="1"/>
    </row>
    <row r="6027" spans="1:31" ht="14.45">
      <c r="A6027" s="11"/>
      <c r="B6027" s="20"/>
      <c r="C6027" s="2" t="s">
        <v>18552</v>
      </c>
      <c r="D6027" s="14" t="s">
        <v>18553</v>
      </c>
      <c r="E6027" s="2" t="s">
        <v>18554</v>
      </c>
      <c r="F6027" s="2" t="s">
        <v>16033</v>
      </c>
      <c r="G6027" s="8">
        <v>291</v>
      </c>
      <c r="H6027" s="5">
        <v>11</v>
      </c>
      <c r="I6027" s="5" t="s">
        <v>1518</v>
      </c>
      <c r="J6027" s="5" t="s">
        <v>1519</v>
      </c>
      <c r="K6027" s="2" t="s">
        <v>1520</v>
      </c>
      <c r="L6027" s="5" t="s">
        <v>1519</v>
      </c>
      <c r="M6027" s="2" t="s">
        <v>1520</v>
      </c>
      <c r="N6027" s="5" t="s">
        <v>1521</v>
      </c>
      <c r="O6027" s="5" t="s">
        <v>38</v>
      </c>
      <c r="P6027" s="5" t="s">
        <v>39</v>
      </c>
      <c r="Q6027" s="5" t="s">
        <v>40</v>
      </c>
      <c r="R6027" s="5" t="s">
        <v>1522</v>
      </c>
      <c r="S6027" s="5" t="s">
        <v>1523</v>
      </c>
      <c r="T6027" s="5" t="s">
        <v>42</v>
      </c>
      <c r="U6027" s="2">
        <v>3.4489999999999998</v>
      </c>
      <c r="V6027" s="2">
        <v>2.8620000000000001</v>
      </c>
      <c r="W6027" s="2">
        <v>1.7999999999999999E-2</v>
      </c>
      <c r="X6027" s="2">
        <v>139.1</v>
      </c>
      <c r="Y6027" s="2">
        <v>7.6</v>
      </c>
      <c r="Z6027" s="2">
        <v>16.7</v>
      </c>
      <c r="AA6027" s="5"/>
      <c r="AB6027" s="5" t="s">
        <v>43</v>
      </c>
      <c r="AC6027" s="5" t="s">
        <v>44</v>
      </c>
      <c r="AD6027" s="2"/>
      <c r="AE6027" s="1"/>
    </row>
    <row r="6028" spans="1:31" ht="14.45">
      <c r="A6028" s="11"/>
      <c r="B6028" s="20"/>
      <c r="C6028" s="2" t="s">
        <v>18555</v>
      </c>
      <c r="D6028" s="14" t="s">
        <v>18556</v>
      </c>
      <c r="E6028" s="2" t="s">
        <v>18557</v>
      </c>
      <c r="F6028" s="2" t="s">
        <v>7396</v>
      </c>
      <c r="G6028" s="8">
        <v>278</v>
      </c>
      <c r="H6028" s="5">
        <v>6</v>
      </c>
      <c r="I6028" s="5" t="s">
        <v>1518</v>
      </c>
      <c r="J6028" s="5" t="s">
        <v>1519</v>
      </c>
      <c r="K6028" s="2" t="s">
        <v>1520</v>
      </c>
      <c r="L6028" s="5" t="s">
        <v>1519</v>
      </c>
      <c r="M6028" s="2" t="s">
        <v>1520</v>
      </c>
      <c r="N6028" s="5" t="s">
        <v>1521</v>
      </c>
      <c r="O6028" s="5" t="s">
        <v>38</v>
      </c>
      <c r="P6028" s="5" t="s">
        <v>39</v>
      </c>
      <c r="Q6028" s="5" t="s">
        <v>40</v>
      </c>
      <c r="R6028" s="5" t="s">
        <v>1522</v>
      </c>
      <c r="S6028" s="5" t="s">
        <v>1523</v>
      </c>
      <c r="T6028" s="5" t="s">
        <v>42</v>
      </c>
      <c r="U6028" s="2">
        <v>3.516</v>
      </c>
      <c r="V6028" s="2">
        <v>2.94</v>
      </c>
      <c r="W6028" s="2">
        <v>1.7999999999999999E-2</v>
      </c>
      <c r="X6028" s="2">
        <v>139.1</v>
      </c>
      <c r="Y6028" s="2">
        <v>7.6</v>
      </c>
      <c r="Z6028" s="2">
        <v>16.7</v>
      </c>
      <c r="AA6028" s="5"/>
      <c r="AB6028" s="5" t="s">
        <v>43</v>
      </c>
      <c r="AC6028" s="5" t="s">
        <v>44</v>
      </c>
      <c r="AD6028" s="2"/>
      <c r="AE6028" s="1"/>
    </row>
    <row r="6029" spans="1:31" ht="14.45">
      <c r="A6029" s="11"/>
      <c r="B6029" s="20"/>
      <c r="C6029" s="2" t="s">
        <v>18558</v>
      </c>
      <c r="D6029" s="14" t="s">
        <v>18559</v>
      </c>
      <c r="E6029" s="2" t="s">
        <v>18560</v>
      </c>
      <c r="F6029" s="2" t="s">
        <v>7507</v>
      </c>
      <c r="G6029" s="8">
        <v>278</v>
      </c>
      <c r="H6029" s="5">
        <v>6</v>
      </c>
      <c r="I6029" s="5" t="s">
        <v>1518</v>
      </c>
      <c r="J6029" s="5" t="s">
        <v>1519</v>
      </c>
      <c r="K6029" s="2" t="s">
        <v>1520</v>
      </c>
      <c r="L6029" s="5" t="s">
        <v>1519</v>
      </c>
      <c r="M6029" s="2" t="s">
        <v>1520</v>
      </c>
      <c r="N6029" s="5" t="s">
        <v>1521</v>
      </c>
      <c r="O6029" s="5" t="s">
        <v>38</v>
      </c>
      <c r="P6029" s="5" t="s">
        <v>39</v>
      </c>
      <c r="Q6029" s="5" t="s">
        <v>40</v>
      </c>
      <c r="R6029" s="5" t="s">
        <v>1522</v>
      </c>
      <c r="S6029" s="5" t="s">
        <v>1523</v>
      </c>
      <c r="T6029" s="5" t="s">
        <v>42</v>
      </c>
      <c r="U6029" s="2">
        <v>3.6280000000000001</v>
      </c>
      <c r="V6029" s="2">
        <v>3.052</v>
      </c>
      <c r="W6029" s="2">
        <v>1.7999999999999999E-2</v>
      </c>
      <c r="X6029" s="2">
        <v>139.1</v>
      </c>
      <c r="Y6029" s="2">
        <v>7.6</v>
      </c>
      <c r="Z6029" s="2">
        <v>16.7</v>
      </c>
      <c r="AA6029" s="5"/>
      <c r="AB6029" s="5" t="s">
        <v>43</v>
      </c>
      <c r="AC6029" s="5" t="s">
        <v>44</v>
      </c>
      <c r="AD6029" s="2"/>
      <c r="AE6029" s="1"/>
    </row>
    <row r="6030" spans="1:31" ht="14.45">
      <c r="A6030" s="11"/>
      <c r="B6030" s="20"/>
      <c r="C6030" s="2" t="s">
        <v>18561</v>
      </c>
      <c r="D6030" s="14" t="s">
        <v>18562</v>
      </c>
      <c r="E6030" s="2" t="s">
        <v>18563</v>
      </c>
      <c r="F6030" s="2" t="s">
        <v>7204</v>
      </c>
      <c r="G6030" s="8">
        <v>278</v>
      </c>
      <c r="H6030" s="5">
        <v>6</v>
      </c>
      <c r="I6030" s="5" t="s">
        <v>1518</v>
      </c>
      <c r="J6030" s="5" t="s">
        <v>1519</v>
      </c>
      <c r="K6030" s="2" t="s">
        <v>1520</v>
      </c>
      <c r="L6030" s="5" t="s">
        <v>1519</v>
      </c>
      <c r="M6030" s="2" t="s">
        <v>1520</v>
      </c>
      <c r="N6030" s="5" t="s">
        <v>1521</v>
      </c>
      <c r="O6030" s="5" t="s">
        <v>38</v>
      </c>
      <c r="P6030" s="5" t="s">
        <v>39</v>
      </c>
      <c r="Q6030" s="5" t="s">
        <v>40</v>
      </c>
      <c r="R6030" s="5" t="s">
        <v>1522</v>
      </c>
      <c r="S6030" s="5" t="s">
        <v>1523</v>
      </c>
      <c r="T6030" s="5" t="s">
        <v>42</v>
      </c>
      <c r="U6030" s="2">
        <v>3.528</v>
      </c>
      <c r="V6030" s="2">
        <v>2.952</v>
      </c>
      <c r="W6030" s="2">
        <v>1.7999999999999999E-2</v>
      </c>
      <c r="X6030" s="2">
        <v>139.1</v>
      </c>
      <c r="Y6030" s="2">
        <v>7.6</v>
      </c>
      <c r="Z6030" s="2">
        <v>16.7</v>
      </c>
      <c r="AA6030" s="5"/>
      <c r="AB6030" s="5" t="s">
        <v>43</v>
      </c>
      <c r="AC6030" s="5" t="s">
        <v>44</v>
      </c>
      <c r="AD6030" s="2"/>
      <c r="AE6030" s="1"/>
    </row>
    <row r="6031" spans="1:31" ht="14.45">
      <c r="A6031" s="11"/>
      <c r="B6031" s="20"/>
      <c r="C6031" s="2" t="s">
        <v>18564</v>
      </c>
      <c r="D6031" s="14" t="s">
        <v>18565</v>
      </c>
      <c r="E6031" s="2" t="s">
        <v>18566</v>
      </c>
      <c r="F6031" s="2" t="s">
        <v>7514</v>
      </c>
      <c r="G6031" s="8">
        <v>278</v>
      </c>
      <c r="H6031" s="5">
        <v>6</v>
      </c>
      <c r="I6031" s="5" t="s">
        <v>1518</v>
      </c>
      <c r="J6031" s="5" t="s">
        <v>1519</v>
      </c>
      <c r="K6031" s="2" t="s">
        <v>1520</v>
      </c>
      <c r="L6031" s="5" t="s">
        <v>1519</v>
      </c>
      <c r="M6031" s="2" t="s">
        <v>1520</v>
      </c>
      <c r="N6031" s="5" t="s">
        <v>1521</v>
      </c>
      <c r="O6031" s="5" t="s">
        <v>38</v>
      </c>
      <c r="P6031" s="5" t="s">
        <v>39</v>
      </c>
      <c r="Q6031" s="5" t="s">
        <v>40</v>
      </c>
      <c r="R6031" s="5" t="s">
        <v>1522</v>
      </c>
      <c r="S6031" s="5" t="s">
        <v>1523</v>
      </c>
      <c r="T6031" s="5" t="s">
        <v>42</v>
      </c>
      <c r="U6031" s="2">
        <v>3.64</v>
      </c>
      <c r="V6031" s="2">
        <v>3.0640000000000001</v>
      </c>
      <c r="W6031" s="2">
        <v>1.7999999999999999E-2</v>
      </c>
      <c r="X6031" s="2">
        <v>139.1</v>
      </c>
      <c r="Y6031" s="2">
        <v>7.6</v>
      </c>
      <c r="Z6031" s="2">
        <v>16.7</v>
      </c>
      <c r="AA6031" s="5"/>
      <c r="AB6031" s="5" t="s">
        <v>43</v>
      </c>
      <c r="AC6031" s="5" t="s">
        <v>44</v>
      </c>
      <c r="AD6031" s="2"/>
      <c r="AE6031" s="1"/>
    </row>
    <row r="6032" spans="1:31" ht="14.45">
      <c r="A6032" s="11"/>
      <c r="B6032" s="20"/>
      <c r="C6032" s="2" t="s">
        <v>18567</v>
      </c>
      <c r="D6032" s="14" t="s">
        <v>18568</v>
      </c>
      <c r="E6032" s="2" t="s">
        <v>18569</v>
      </c>
      <c r="F6032" s="2" t="s">
        <v>7208</v>
      </c>
      <c r="G6032" s="8">
        <v>278</v>
      </c>
      <c r="H6032" s="5">
        <v>6</v>
      </c>
      <c r="I6032" s="5" t="s">
        <v>1518</v>
      </c>
      <c r="J6032" s="5" t="s">
        <v>1519</v>
      </c>
      <c r="K6032" s="2" t="s">
        <v>1520</v>
      </c>
      <c r="L6032" s="5" t="s">
        <v>1519</v>
      </c>
      <c r="M6032" s="2" t="s">
        <v>1520</v>
      </c>
      <c r="N6032" s="5" t="s">
        <v>1521</v>
      </c>
      <c r="O6032" s="5" t="s">
        <v>38</v>
      </c>
      <c r="P6032" s="5" t="s">
        <v>39</v>
      </c>
      <c r="Q6032" s="5" t="s">
        <v>40</v>
      </c>
      <c r="R6032" s="5" t="s">
        <v>1522</v>
      </c>
      <c r="S6032" s="5" t="s">
        <v>1523</v>
      </c>
      <c r="T6032" s="5" t="s">
        <v>42</v>
      </c>
      <c r="U6032" s="2">
        <v>3.528</v>
      </c>
      <c r="V6032" s="2">
        <v>2.952</v>
      </c>
      <c r="W6032" s="2">
        <v>1.7999999999999999E-2</v>
      </c>
      <c r="X6032" s="2">
        <v>139.1</v>
      </c>
      <c r="Y6032" s="2">
        <v>7.6</v>
      </c>
      <c r="Z6032" s="2">
        <v>16.7</v>
      </c>
      <c r="AA6032" s="5"/>
      <c r="AB6032" s="5" t="s">
        <v>43</v>
      </c>
      <c r="AC6032" s="5" t="s">
        <v>44</v>
      </c>
      <c r="AD6032" s="2"/>
      <c r="AE6032" s="1"/>
    </row>
    <row r="6033" spans="1:31" ht="14.45">
      <c r="A6033" s="11"/>
      <c r="B6033" s="20"/>
      <c r="C6033" s="2" t="s">
        <v>18570</v>
      </c>
      <c r="D6033" s="14" t="s">
        <v>18571</v>
      </c>
      <c r="E6033" s="2" t="s">
        <v>18572</v>
      </c>
      <c r="F6033" s="2" t="s">
        <v>7521</v>
      </c>
      <c r="G6033" s="8">
        <v>278</v>
      </c>
      <c r="H6033" s="5">
        <v>6</v>
      </c>
      <c r="I6033" s="5" t="s">
        <v>1518</v>
      </c>
      <c r="J6033" s="5" t="s">
        <v>1519</v>
      </c>
      <c r="K6033" s="2" t="s">
        <v>1520</v>
      </c>
      <c r="L6033" s="5" t="s">
        <v>1519</v>
      </c>
      <c r="M6033" s="2" t="s">
        <v>1520</v>
      </c>
      <c r="N6033" s="5" t="s">
        <v>1521</v>
      </c>
      <c r="O6033" s="5" t="s">
        <v>38</v>
      </c>
      <c r="P6033" s="5" t="s">
        <v>39</v>
      </c>
      <c r="Q6033" s="5" t="s">
        <v>40</v>
      </c>
      <c r="R6033" s="5" t="s">
        <v>1522</v>
      </c>
      <c r="S6033" s="5" t="s">
        <v>1523</v>
      </c>
      <c r="T6033" s="5" t="s">
        <v>42</v>
      </c>
      <c r="U6033" s="2">
        <v>3.64</v>
      </c>
      <c r="V6033" s="2">
        <v>3.0640000000000001</v>
      </c>
      <c r="W6033" s="2">
        <v>1.7999999999999999E-2</v>
      </c>
      <c r="X6033" s="2">
        <v>139.1</v>
      </c>
      <c r="Y6033" s="2">
        <v>7.6</v>
      </c>
      <c r="Z6033" s="2">
        <v>16.7</v>
      </c>
      <c r="AA6033" s="5"/>
      <c r="AB6033" s="5" t="s">
        <v>43</v>
      </c>
      <c r="AC6033" s="5" t="s">
        <v>44</v>
      </c>
      <c r="AD6033" s="2"/>
      <c r="AE6033" s="1"/>
    </row>
    <row r="6034" spans="1:31" ht="14.45">
      <c r="A6034" s="11"/>
      <c r="B6034" s="20"/>
      <c r="C6034" s="2" t="s">
        <v>18573</v>
      </c>
      <c r="D6034" s="14" t="s">
        <v>18574</v>
      </c>
      <c r="E6034" s="2" t="s">
        <v>18575</v>
      </c>
      <c r="F6034" s="2" t="s">
        <v>7212</v>
      </c>
      <c r="G6034" s="8">
        <v>278</v>
      </c>
      <c r="H6034" s="5">
        <v>6</v>
      </c>
      <c r="I6034" s="5" t="s">
        <v>1518</v>
      </c>
      <c r="J6034" s="5" t="s">
        <v>1519</v>
      </c>
      <c r="K6034" s="2" t="s">
        <v>1520</v>
      </c>
      <c r="L6034" s="5" t="s">
        <v>1519</v>
      </c>
      <c r="M6034" s="2" t="s">
        <v>1520</v>
      </c>
      <c r="N6034" s="5" t="s">
        <v>1521</v>
      </c>
      <c r="O6034" s="5" t="s">
        <v>38</v>
      </c>
      <c r="P6034" s="5" t="s">
        <v>39</v>
      </c>
      <c r="Q6034" s="5" t="s">
        <v>40</v>
      </c>
      <c r="R6034" s="5" t="s">
        <v>1522</v>
      </c>
      <c r="S6034" s="5" t="s">
        <v>1523</v>
      </c>
      <c r="T6034" s="5" t="s">
        <v>42</v>
      </c>
      <c r="U6034" s="2">
        <v>3.492</v>
      </c>
      <c r="V6034" s="2">
        <v>2.9159999999999999</v>
      </c>
      <c r="W6034" s="2">
        <v>1.7999999999999999E-2</v>
      </c>
      <c r="X6034" s="2">
        <v>139.1</v>
      </c>
      <c r="Y6034" s="2">
        <v>7.6</v>
      </c>
      <c r="Z6034" s="2">
        <v>16.7</v>
      </c>
      <c r="AA6034" s="5"/>
      <c r="AB6034" s="5" t="s">
        <v>43</v>
      </c>
      <c r="AC6034" s="5" t="s">
        <v>44</v>
      </c>
      <c r="AD6034" s="2"/>
      <c r="AE6034" s="1"/>
    </row>
    <row r="6035" spans="1:31" ht="14.45">
      <c r="A6035" s="11"/>
      <c r="B6035" s="20"/>
      <c r="C6035" s="2" t="s">
        <v>18576</v>
      </c>
      <c r="D6035" s="14" t="s">
        <v>18577</v>
      </c>
      <c r="E6035" s="2" t="s">
        <v>18578</v>
      </c>
      <c r="F6035" s="2" t="s">
        <v>7528</v>
      </c>
      <c r="G6035" s="8">
        <v>278</v>
      </c>
      <c r="H6035" s="5">
        <v>6</v>
      </c>
      <c r="I6035" s="5" t="s">
        <v>1518</v>
      </c>
      <c r="J6035" s="5" t="s">
        <v>1519</v>
      </c>
      <c r="K6035" s="2" t="s">
        <v>1520</v>
      </c>
      <c r="L6035" s="5" t="s">
        <v>1519</v>
      </c>
      <c r="M6035" s="2" t="s">
        <v>1520</v>
      </c>
      <c r="N6035" s="5" t="s">
        <v>1521</v>
      </c>
      <c r="O6035" s="5" t="s">
        <v>38</v>
      </c>
      <c r="P6035" s="5" t="s">
        <v>39</v>
      </c>
      <c r="Q6035" s="5" t="s">
        <v>40</v>
      </c>
      <c r="R6035" s="5" t="s">
        <v>1522</v>
      </c>
      <c r="S6035" s="5" t="s">
        <v>1523</v>
      </c>
      <c r="T6035" s="5" t="s">
        <v>42</v>
      </c>
      <c r="U6035" s="2">
        <v>3.6040000000000001</v>
      </c>
      <c r="V6035" s="2">
        <v>3.028</v>
      </c>
      <c r="W6035" s="2">
        <v>1.7999999999999999E-2</v>
      </c>
      <c r="X6035" s="2">
        <v>139.1</v>
      </c>
      <c r="Y6035" s="2">
        <v>7.6</v>
      </c>
      <c r="Z6035" s="2">
        <v>16.7</v>
      </c>
      <c r="AA6035" s="5"/>
      <c r="AB6035" s="5" t="s">
        <v>43</v>
      </c>
      <c r="AC6035" s="5" t="s">
        <v>44</v>
      </c>
      <c r="AD6035" s="2"/>
      <c r="AE6035" s="1"/>
    </row>
    <row r="6036" spans="1:31" ht="14.45">
      <c r="A6036" s="11"/>
      <c r="B6036" s="20"/>
      <c r="C6036" s="2" t="s">
        <v>18579</v>
      </c>
      <c r="D6036" s="14" t="s">
        <v>18580</v>
      </c>
      <c r="E6036" s="2" t="s">
        <v>18581</v>
      </c>
      <c r="F6036" s="2" t="s">
        <v>7406</v>
      </c>
      <c r="G6036" s="8">
        <v>300</v>
      </c>
      <c r="H6036" s="5">
        <v>6</v>
      </c>
      <c r="I6036" s="5" t="s">
        <v>1518</v>
      </c>
      <c r="J6036" s="5" t="s">
        <v>1519</v>
      </c>
      <c r="K6036" s="2" t="s">
        <v>1520</v>
      </c>
      <c r="L6036" s="5" t="s">
        <v>1519</v>
      </c>
      <c r="M6036" s="2" t="s">
        <v>1520</v>
      </c>
      <c r="N6036" s="5" t="s">
        <v>1521</v>
      </c>
      <c r="O6036" s="5" t="s">
        <v>38</v>
      </c>
      <c r="P6036" s="5" t="s">
        <v>39</v>
      </c>
      <c r="Q6036" s="5" t="s">
        <v>40</v>
      </c>
      <c r="R6036" s="5" t="s">
        <v>1522</v>
      </c>
      <c r="S6036" s="5" t="s">
        <v>1523</v>
      </c>
      <c r="T6036" s="5" t="s">
        <v>42</v>
      </c>
      <c r="U6036" s="2">
        <v>3.492</v>
      </c>
      <c r="V6036" s="2">
        <v>2.9159999999999999</v>
      </c>
      <c r="W6036" s="2">
        <v>1.7999999999999999E-2</v>
      </c>
      <c r="X6036" s="2">
        <v>139.1</v>
      </c>
      <c r="Y6036" s="2">
        <v>7.6</v>
      </c>
      <c r="Z6036" s="2">
        <v>16.7</v>
      </c>
      <c r="AA6036" s="5"/>
      <c r="AB6036" s="5" t="s">
        <v>43</v>
      </c>
      <c r="AC6036" s="5" t="s">
        <v>44</v>
      </c>
      <c r="AD6036" s="2"/>
      <c r="AE6036" s="1"/>
    </row>
    <row r="6037" spans="1:31" ht="14.45">
      <c r="A6037" s="11"/>
      <c r="B6037" s="20"/>
      <c r="C6037" s="2" t="s">
        <v>18582</v>
      </c>
      <c r="D6037" s="14" t="s">
        <v>18583</v>
      </c>
      <c r="E6037" s="2" t="s">
        <v>18584</v>
      </c>
      <c r="F6037" s="2" t="s">
        <v>7535</v>
      </c>
      <c r="G6037" s="8">
        <v>300</v>
      </c>
      <c r="H6037" s="5">
        <v>6</v>
      </c>
      <c r="I6037" s="5" t="s">
        <v>1518</v>
      </c>
      <c r="J6037" s="5" t="s">
        <v>1519</v>
      </c>
      <c r="K6037" s="2" t="s">
        <v>1520</v>
      </c>
      <c r="L6037" s="5" t="s">
        <v>1519</v>
      </c>
      <c r="M6037" s="2" t="s">
        <v>1520</v>
      </c>
      <c r="N6037" s="5" t="s">
        <v>1521</v>
      </c>
      <c r="O6037" s="5" t="s">
        <v>38</v>
      </c>
      <c r="P6037" s="5" t="s">
        <v>39</v>
      </c>
      <c r="Q6037" s="5" t="s">
        <v>40</v>
      </c>
      <c r="R6037" s="5" t="s">
        <v>1522</v>
      </c>
      <c r="S6037" s="5" t="s">
        <v>1523</v>
      </c>
      <c r="T6037" s="5" t="s">
        <v>42</v>
      </c>
      <c r="U6037" s="2">
        <v>3.6040000000000001</v>
      </c>
      <c r="V6037" s="2">
        <v>3.028</v>
      </c>
      <c r="W6037" s="2">
        <v>1.7999999999999999E-2</v>
      </c>
      <c r="X6037" s="2">
        <v>139.1</v>
      </c>
      <c r="Y6037" s="2">
        <v>7.6</v>
      </c>
      <c r="Z6037" s="2">
        <v>16.7</v>
      </c>
      <c r="AA6037" s="5"/>
      <c r="AB6037" s="5" t="s">
        <v>43</v>
      </c>
      <c r="AC6037" s="5" t="s">
        <v>44</v>
      </c>
      <c r="AD6037" s="2"/>
      <c r="AE6037" s="1"/>
    </row>
    <row r="6038" spans="1:31" ht="14.45">
      <c r="A6038" s="11"/>
      <c r="B6038" s="20"/>
      <c r="C6038" s="2" t="s">
        <v>18585</v>
      </c>
      <c r="D6038" s="14" t="s">
        <v>18586</v>
      </c>
      <c r="E6038" s="2" t="s">
        <v>18587</v>
      </c>
      <c r="F6038" s="2" t="s">
        <v>7539</v>
      </c>
      <c r="G6038" s="8">
        <v>300</v>
      </c>
      <c r="H6038" s="5">
        <v>6</v>
      </c>
      <c r="I6038" s="5" t="s">
        <v>1518</v>
      </c>
      <c r="J6038" s="5" t="s">
        <v>1519</v>
      </c>
      <c r="K6038" s="2" t="s">
        <v>1520</v>
      </c>
      <c r="L6038" s="5" t="s">
        <v>1519</v>
      </c>
      <c r="M6038" s="2" t="s">
        <v>1520</v>
      </c>
      <c r="N6038" s="5" t="s">
        <v>1521</v>
      </c>
      <c r="O6038" s="5" t="s">
        <v>38</v>
      </c>
      <c r="P6038" s="5" t="s">
        <v>39</v>
      </c>
      <c r="Q6038" s="5" t="s">
        <v>40</v>
      </c>
      <c r="R6038" s="5" t="s">
        <v>1522</v>
      </c>
      <c r="S6038" s="5" t="s">
        <v>1523</v>
      </c>
      <c r="T6038" s="5" t="s">
        <v>42</v>
      </c>
      <c r="U6038" s="2">
        <v>3.528</v>
      </c>
      <c r="V6038" s="2">
        <v>2.952</v>
      </c>
      <c r="W6038" s="2">
        <v>1.7999999999999999E-2</v>
      </c>
      <c r="X6038" s="2">
        <v>139.1</v>
      </c>
      <c r="Y6038" s="2">
        <v>7.6</v>
      </c>
      <c r="Z6038" s="2">
        <v>16.7</v>
      </c>
      <c r="AA6038" s="5"/>
      <c r="AB6038" s="5" t="s">
        <v>43</v>
      </c>
      <c r="AC6038" s="5" t="s">
        <v>44</v>
      </c>
      <c r="AD6038" s="2"/>
      <c r="AE6038" s="1"/>
    </row>
    <row r="6039" spans="1:31" ht="14.45">
      <c r="A6039" s="11"/>
      <c r="B6039" s="20"/>
      <c r="C6039" s="2" t="s">
        <v>18588</v>
      </c>
      <c r="D6039" s="14" t="s">
        <v>18589</v>
      </c>
      <c r="E6039" s="2" t="s">
        <v>18590</v>
      </c>
      <c r="F6039" s="2" t="s">
        <v>7543</v>
      </c>
      <c r="G6039" s="8">
        <v>300</v>
      </c>
      <c r="H6039" s="5">
        <v>6</v>
      </c>
      <c r="I6039" s="5" t="s">
        <v>1518</v>
      </c>
      <c r="J6039" s="5" t="s">
        <v>1519</v>
      </c>
      <c r="K6039" s="2" t="s">
        <v>1520</v>
      </c>
      <c r="L6039" s="5" t="s">
        <v>1519</v>
      </c>
      <c r="M6039" s="2" t="s">
        <v>1520</v>
      </c>
      <c r="N6039" s="5" t="s">
        <v>1521</v>
      </c>
      <c r="O6039" s="5" t="s">
        <v>38</v>
      </c>
      <c r="P6039" s="5" t="s">
        <v>39</v>
      </c>
      <c r="Q6039" s="5" t="s">
        <v>40</v>
      </c>
      <c r="R6039" s="5" t="s">
        <v>1522</v>
      </c>
      <c r="S6039" s="5" t="s">
        <v>1523</v>
      </c>
      <c r="T6039" s="5" t="s">
        <v>42</v>
      </c>
      <c r="U6039" s="2">
        <v>3.64</v>
      </c>
      <c r="V6039" s="2">
        <v>3.0640000000000001</v>
      </c>
      <c r="W6039" s="2">
        <v>1.7999999999999999E-2</v>
      </c>
      <c r="X6039" s="2">
        <v>139.1</v>
      </c>
      <c r="Y6039" s="2">
        <v>7.6</v>
      </c>
      <c r="Z6039" s="2">
        <v>16.7</v>
      </c>
      <c r="AA6039" s="5"/>
      <c r="AB6039" s="5" t="s">
        <v>43</v>
      </c>
      <c r="AC6039" s="5" t="s">
        <v>44</v>
      </c>
      <c r="AD6039" s="2"/>
      <c r="AE6039" s="1"/>
    </row>
    <row r="6040" spans="1:31" ht="14.45">
      <c r="A6040" s="11"/>
      <c r="B6040" s="20"/>
      <c r="C6040" s="2" t="s">
        <v>18591</v>
      </c>
      <c r="D6040" s="14" t="s">
        <v>18592</v>
      </c>
      <c r="E6040" s="2" t="s">
        <v>18593</v>
      </c>
      <c r="F6040" s="2" t="s">
        <v>7547</v>
      </c>
      <c r="G6040" s="8">
        <v>300</v>
      </c>
      <c r="H6040" s="5">
        <v>6</v>
      </c>
      <c r="I6040" s="5" t="s">
        <v>1518</v>
      </c>
      <c r="J6040" s="5" t="s">
        <v>1519</v>
      </c>
      <c r="K6040" s="2" t="s">
        <v>1520</v>
      </c>
      <c r="L6040" s="5" t="s">
        <v>1519</v>
      </c>
      <c r="M6040" s="2" t="s">
        <v>1520</v>
      </c>
      <c r="N6040" s="5" t="s">
        <v>1521</v>
      </c>
      <c r="O6040" s="5" t="s">
        <v>38</v>
      </c>
      <c r="P6040" s="5" t="s">
        <v>39</v>
      </c>
      <c r="Q6040" s="5" t="s">
        <v>40</v>
      </c>
      <c r="R6040" s="5" t="s">
        <v>1522</v>
      </c>
      <c r="S6040" s="5" t="s">
        <v>1523</v>
      </c>
      <c r="T6040" s="5" t="s">
        <v>42</v>
      </c>
      <c r="U6040" s="2">
        <v>3.492</v>
      </c>
      <c r="V6040" s="2">
        <v>2.9159999999999999</v>
      </c>
      <c r="W6040" s="2">
        <v>1.7999999999999999E-2</v>
      </c>
      <c r="X6040" s="2">
        <v>139.1</v>
      </c>
      <c r="Y6040" s="2">
        <v>7.6</v>
      </c>
      <c r="Z6040" s="2">
        <v>16.7</v>
      </c>
      <c r="AA6040" s="5"/>
      <c r="AB6040" s="5" t="s">
        <v>43</v>
      </c>
      <c r="AC6040" s="5" t="s">
        <v>44</v>
      </c>
      <c r="AD6040" s="2"/>
      <c r="AE6040" s="1"/>
    </row>
    <row r="6041" spans="1:31" ht="14.45">
      <c r="A6041" s="11"/>
      <c r="B6041" s="20"/>
      <c r="C6041" s="2" t="s">
        <v>18594</v>
      </c>
      <c r="D6041" s="14" t="s">
        <v>18595</v>
      </c>
      <c r="E6041" s="2" t="s">
        <v>18596</v>
      </c>
      <c r="F6041" s="2" t="s">
        <v>7551</v>
      </c>
      <c r="G6041" s="8">
        <v>300</v>
      </c>
      <c r="H6041" s="5">
        <v>6</v>
      </c>
      <c r="I6041" s="5" t="s">
        <v>1518</v>
      </c>
      <c r="J6041" s="5" t="s">
        <v>1519</v>
      </c>
      <c r="K6041" s="2" t="s">
        <v>1520</v>
      </c>
      <c r="L6041" s="5" t="s">
        <v>1519</v>
      </c>
      <c r="M6041" s="2" t="s">
        <v>1520</v>
      </c>
      <c r="N6041" s="5" t="s">
        <v>1521</v>
      </c>
      <c r="O6041" s="5" t="s">
        <v>38</v>
      </c>
      <c r="P6041" s="5" t="s">
        <v>39</v>
      </c>
      <c r="Q6041" s="5" t="s">
        <v>40</v>
      </c>
      <c r="R6041" s="5" t="s">
        <v>1522</v>
      </c>
      <c r="S6041" s="5" t="s">
        <v>1523</v>
      </c>
      <c r="T6041" s="5" t="s">
        <v>42</v>
      </c>
      <c r="U6041" s="2">
        <v>3.6040000000000001</v>
      </c>
      <c r="V6041" s="2">
        <v>3.028</v>
      </c>
      <c r="W6041" s="2">
        <v>1.7999999999999999E-2</v>
      </c>
      <c r="X6041" s="2">
        <v>139.1</v>
      </c>
      <c r="Y6041" s="2">
        <v>7.6</v>
      </c>
      <c r="Z6041" s="2">
        <v>16.7</v>
      </c>
      <c r="AA6041" s="5"/>
      <c r="AB6041" s="5" t="s">
        <v>43</v>
      </c>
      <c r="AC6041" s="5" t="s">
        <v>44</v>
      </c>
      <c r="AD6041" s="2"/>
      <c r="AE6041" s="1"/>
    </row>
    <row r="6042" spans="1:31" ht="14.45">
      <c r="A6042" s="11"/>
      <c r="B6042" s="20"/>
      <c r="C6042" s="2" t="s">
        <v>18597</v>
      </c>
      <c r="D6042" s="14" t="s">
        <v>18598</v>
      </c>
      <c r="E6042" s="2" t="s">
        <v>18599</v>
      </c>
      <c r="F6042" s="2" t="s">
        <v>7555</v>
      </c>
      <c r="G6042" s="8">
        <v>300</v>
      </c>
      <c r="H6042" s="5">
        <v>6</v>
      </c>
      <c r="I6042" s="5" t="s">
        <v>1518</v>
      </c>
      <c r="J6042" s="5" t="s">
        <v>1519</v>
      </c>
      <c r="K6042" s="2" t="s">
        <v>1520</v>
      </c>
      <c r="L6042" s="5" t="s">
        <v>1519</v>
      </c>
      <c r="M6042" s="2" t="s">
        <v>1520</v>
      </c>
      <c r="N6042" s="5" t="s">
        <v>1521</v>
      </c>
      <c r="O6042" s="5" t="s">
        <v>38</v>
      </c>
      <c r="P6042" s="5" t="s">
        <v>39</v>
      </c>
      <c r="Q6042" s="5" t="s">
        <v>40</v>
      </c>
      <c r="R6042" s="5" t="s">
        <v>1522</v>
      </c>
      <c r="S6042" s="5" t="s">
        <v>1523</v>
      </c>
      <c r="T6042" s="5" t="s">
        <v>42</v>
      </c>
      <c r="U6042" s="2">
        <v>3.492</v>
      </c>
      <c r="V6042" s="2">
        <v>2.9159999999999999</v>
      </c>
      <c r="W6042" s="2">
        <v>1.7999999999999999E-2</v>
      </c>
      <c r="X6042" s="2">
        <v>139.1</v>
      </c>
      <c r="Y6042" s="2">
        <v>7.6</v>
      </c>
      <c r="Z6042" s="2">
        <v>16.7</v>
      </c>
      <c r="AA6042" s="5"/>
      <c r="AB6042" s="5" t="s">
        <v>43</v>
      </c>
      <c r="AC6042" s="5" t="s">
        <v>44</v>
      </c>
      <c r="AD6042" s="2"/>
      <c r="AE6042" s="1"/>
    </row>
    <row r="6043" spans="1:31" ht="14.45">
      <c r="A6043" s="11"/>
      <c r="B6043" s="20"/>
      <c r="C6043" s="2" t="s">
        <v>18600</v>
      </c>
      <c r="D6043" s="14" t="s">
        <v>18601</v>
      </c>
      <c r="E6043" s="2" t="s">
        <v>18602</v>
      </c>
      <c r="F6043" s="2" t="s">
        <v>7559</v>
      </c>
      <c r="G6043" s="8">
        <v>300</v>
      </c>
      <c r="H6043" s="5">
        <v>6</v>
      </c>
      <c r="I6043" s="5" t="s">
        <v>1518</v>
      </c>
      <c r="J6043" s="5" t="s">
        <v>1519</v>
      </c>
      <c r="K6043" s="2" t="s">
        <v>1520</v>
      </c>
      <c r="L6043" s="5" t="s">
        <v>1519</v>
      </c>
      <c r="M6043" s="2" t="s">
        <v>1520</v>
      </c>
      <c r="N6043" s="5" t="s">
        <v>1521</v>
      </c>
      <c r="O6043" s="5" t="s">
        <v>38</v>
      </c>
      <c r="P6043" s="5" t="s">
        <v>39</v>
      </c>
      <c r="Q6043" s="5" t="s">
        <v>40</v>
      </c>
      <c r="R6043" s="5" t="s">
        <v>1522</v>
      </c>
      <c r="S6043" s="5" t="s">
        <v>1523</v>
      </c>
      <c r="T6043" s="5" t="s">
        <v>42</v>
      </c>
      <c r="U6043" s="2">
        <v>3.6040000000000001</v>
      </c>
      <c r="V6043" s="2">
        <v>3.028</v>
      </c>
      <c r="W6043" s="2">
        <v>1.7999999999999999E-2</v>
      </c>
      <c r="X6043" s="2">
        <v>139.1</v>
      </c>
      <c r="Y6043" s="2">
        <v>7.6</v>
      </c>
      <c r="Z6043" s="2">
        <v>16.7</v>
      </c>
      <c r="AA6043" s="5"/>
      <c r="AB6043" s="5" t="s">
        <v>43</v>
      </c>
      <c r="AC6043" s="5" t="s">
        <v>44</v>
      </c>
      <c r="AD6043" s="2"/>
      <c r="AE6043" s="1"/>
    </row>
    <row r="6044" spans="1:31" ht="14.45">
      <c r="A6044" s="11"/>
      <c r="B6044" s="20"/>
      <c r="C6044" s="2" t="s">
        <v>18603</v>
      </c>
      <c r="D6044" s="14" t="s">
        <v>18604</v>
      </c>
      <c r="E6044" s="2" t="s">
        <v>18605</v>
      </c>
      <c r="F6044" s="2" t="s">
        <v>7563</v>
      </c>
      <c r="G6044" s="8">
        <v>300</v>
      </c>
      <c r="H6044" s="5">
        <v>6</v>
      </c>
      <c r="I6044" s="5" t="s">
        <v>1518</v>
      </c>
      <c r="J6044" s="5" t="s">
        <v>1519</v>
      </c>
      <c r="K6044" s="2" t="s">
        <v>1520</v>
      </c>
      <c r="L6044" s="5" t="s">
        <v>1519</v>
      </c>
      <c r="M6044" s="2" t="s">
        <v>1520</v>
      </c>
      <c r="N6044" s="5" t="s">
        <v>1521</v>
      </c>
      <c r="O6044" s="5" t="s">
        <v>38</v>
      </c>
      <c r="P6044" s="5" t="s">
        <v>39</v>
      </c>
      <c r="Q6044" s="5" t="s">
        <v>40</v>
      </c>
      <c r="R6044" s="5" t="s">
        <v>1522</v>
      </c>
      <c r="S6044" s="5" t="s">
        <v>1523</v>
      </c>
      <c r="T6044" s="5" t="s">
        <v>42</v>
      </c>
      <c r="U6044" s="2">
        <v>3.528</v>
      </c>
      <c r="V6044" s="2">
        <v>2.952</v>
      </c>
      <c r="W6044" s="2">
        <v>1.7999999999999999E-2</v>
      </c>
      <c r="X6044" s="2">
        <v>139.1</v>
      </c>
      <c r="Y6044" s="2">
        <v>7.6</v>
      </c>
      <c r="Z6044" s="2">
        <v>16.7</v>
      </c>
      <c r="AA6044" s="5"/>
      <c r="AB6044" s="5" t="s">
        <v>43</v>
      </c>
      <c r="AC6044" s="5" t="s">
        <v>44</v>
      </c>
      <c r="AD6044" s="2"/>
      <c r="AE6044" s="1"/>
    </row>
    <row r="6045" spans="1:31" ht="14.45">
      <c r="A6045" s="11"/>
      <c r="B6045" s="20"/>
      <c r="C6045" s="2" t="s">
        <v>18606</v>
      </c>
      <c r="D6045" s="14" t="s">
        <v>18607</v>
      </c>
      <c r="E6045" s="2" t="s">
        <v>18608</v>
      </c>
      <c r="F6045" s="2" t="s">
        <v>7567</v>
      </c>
      <c r="G6045" s="8">
        <v>300</v>
      </c>
      <c r="H6045" s="5">
        <v>6</v>
      </c>
      <c r="I6045" s="5" t="s">
        <v>1518</v>
      </c>
      <c r="J6045" s="5" t="s">
        <v>1519</v>
      </c>
      <c r="K6045" s="2" t="s">
        <v>1520</v>
      </c>
      <c r="L6045" s="5" t="s">
        <v>1519</v>
      </c>
      <c r="M6045" s="2" t="s">
        <v>1520</v>
      </c>
      <c r="N6045" s="5" t="s">
        <v>1521</v>
      </c>
      <c r="O6045" s="5" t="s">
        <v>38</v>
      </c>
      <c r="P6045" s="5" t="s">
        <v>39</v>
      </c>
      <c r="Q6045" s="5" t="s">
        <v>40</v>
      </c>
      <c r="R6045" s="5" t="s">
        <v>1522</v>
      </c>
      <c r="S6045" s="5" t="s">
        <v>1523</v>
      </c>
      <c r="T6045" s="5" t="s">
        <v>42</v>
      </c>
      <c r="U6045" s="2">
        <v>3.64</v>
      </c>
      <c r="V6045" s="2">
        <v>3.0640000000000001</v>
      </c>
      <c r="W6045" s="2">
        <v>1.7999999999999999E-2</v>
      </c>
      <c r="X6045" s="2">
        <v>139.1</v>
      </c>
      <c r="Y6045" s="2">
        <v>7.6</v>
      </c>
      <c r="Z6045" s="2">
        <v>16.7</v>
      </c>
      <c r="AA6045" s="5"/>
      <c r="AB6045" s="5" t="s">
        <v>43</v>
      </c>
      <c r="AC6045" s="5" t="s">
        <v>44</v>
      </c>
      <c r="AD6045" s="2"/>
      <c r="AE6045" s="1"/>
    </row>
    <row r="6046" spans="1:31" ht="14.45">
      <c r="A6046" s="11"/>
      <c r="B6046" s="20"/>
      <c r="C6046" s="2" t="s">
        <v>18609</v>
      </c>
      <c r="D6046" s="14" t="s">
        <v>18610</v>
      </c>
      <c r="E6046" s="2" t="s">
        <v>18611</v>
      </c>
      <c r="F6046" s="2" t="s">
        <v>16194</v>
      </c>
      <c r="G6046" s="8">
        <v>300</v>
      </c>
      <c r="H6046" s="5">
        <v>6</v>
      </c>
      <c r="I6046" s="5" t="s">
        <v>1518</v>
      </c>
      <c r="J6046" s="5" t="s">
        <v>1519</v>
      </c>
      <c r="K6046" s="2" t="s">
        <v>1520</v>
      </c>
      <c r="L6046" s="5" t="s">
        <v>1519</v>
      </c>
      <c r="M6046" s="2" t="s">
        <v>1520</v>
      </c>
      <c r="N6046" s="5" t="s">
        <v>1521</v>
      </c>
      <c r="O6046" s="5" t="s">
        <v>38</v>
      </c>
      <c r="P6046" s="5" t="s">
        <v>39</v>
      </c>
      <c r="Q6046" s="5" t="s">
        <v>40</v>
      </c>
      <c r="R6046" s="5" t="s">
        <v>1522</v>
      </c>
      <c r="S6046" s="5" t="s">
        <v>1523</v>
      </c>
      <c r="T6046" s="5" t="s">
        <v>42</v>
      </c>
      <c r="U6046" s="2">
        <v>3.64</v>
      </c>
      <c r="V6046" s="2">
        <v>3.0640000000000001</v>
      </c>
      <c r="W6046" s="2">
        <v>1.7999999999999999E-2</v>
      </c>
      <c r="X6046" s="2">
        <v>139.1</v>
      </c>
      <c r="Y6046" s="2">
        <v>7.6</v>
      </c>
      <c r="Z6046" s="2">
        <v>16.7</v>
      </c>
      <c r="AA6046" s="5"/>
      <c r="AB6046" s="5" t="s">
        <v>43</v>
      </c>
      <c r="AC6046" s="5" t="s">
        <v>44</v>
      </c>
      <c r="AD6046" s="2"/>
      <c r="AE6046" s="1"/>
    </row>
    <row r="6047" spans="1:31" ht="14.45">
      <c r="A6047" s="11"/>
      <c r="B6047" s="20"/>
      <c r="C6047" s="2" t="s">
        <v>18612</v>
      </c>
      <c r="D6047" s="14" t="s">
        <v>18613</v>
      </c>
      <c r="E6047" s="2" t="s">
        <v>18614</v>
      </c>
      <c r="F6047" s="2" t="s">
        <v>7449</v>
      </c>
      <c r="G6047" s="8">
        <v>300</v>
      </c>
      <c r="H6047" s="5">
        <v>6</v>
      </c>
      <c r="I6047" s="5" t="s">
        <v>1518</v>
      </c>
      <c r="J6047" s="5" t="s">
        <v>1519</v>
      </c>
      <c r="K6047" s="2" t="s">
        <v>1520</v>
      </c>
      <c r="L6047" s="5" t="s">
        <v>1519</v>
      </c>
      <c r="M6047" s="2" t="s">
        <v>1520</v>
      </c>
      <c r="N6047" s="5" t="s">
        <v>1521</v>
      </c>
      <c r="O6047" s="5" t="s">
        <v>38</v>
      </c>
      <c r="P6047" s="5" t="s">
        <v>39</v>
      </c>
      <c r="Q6047" s="5" t="s">
        <v>40</v>
      </c>
      <c r="R6047" s="5" t="s">
        <v>1522</v>
      </c>
      <c r="S6047" s="5" t="s">
        <v>1523</v>
      </c>
      <c r="T6047" s="5" t="s">
        <v>42</v>
      </c>
      <c r="U6047" s="2">
        <v>3.528</v>
      </c>
      <c r="V6047" s="2">
        <v>2.952</v>
      </c>
      <c r="W6047" s="2">
        <v>1.7999999999999999E-2</v>
      </c>
      <c r="X6047" s="2">
        <v>139.1</v>
      </c>
      <c r="Y6047" s="2">
        <v>7.6</v>
      </c>
      <c r="Z6047" s="2">
        <v>16.7</v>
      </c>
      <c r="AA6047" s="5"/>
      <c r="AB6047" s="5" t="s">
        <v>43</v>
      </c>
      <c r="AC6047" s="5" t="s">
        <v>44</v>
      </c>
      <c r="AD6047" s="2"/>
      <c r="AE6047" s="1"/>
    </row>
    <row r="6048" spans="1:31" ht="14.45">
      <c r="A6048" s="11"/>
      <c r="B6048" s="20"/>
      <c r="C6048" s="2" t="s">
        <v>18615</v>
      </c>
      <c r="D6048" s="14" t="s">
        <v>18616</v>
      </c>
      <c r="E6048" s="2" t="s">
        <v>18617</v>
      </c>
      <c r="F6048" s="2" t="s">
        <v>7581</v>
      </c>
      <c r="G6048" s="8">
        <v>300</v>
      </c>
      <c r="H6048" s="5">
        <v>6</v>
      </c>
      <c r="I6048" s="5" t="s">
        <v>1518</v>
      </c>
      <c r="J6048" s="5" t="s">
        <v>1519</v>
      </c>
      <c r="K6048" s="2" t="s">
        <v>1520</v>
      </c>
      <c r="L6048" s="5" t="s">
        <v>1519</v>
      </c>
      <c r="M6048" s="2" t="s">
        <v>1520</v>
      </c>
      <c r="N6048" s="5" t="s">
        <v>1521</v>
      </c>
      <c r="O6048" s="5" t="s">
        <v>38</v>
      </c>
      <c r="P6048" s="5" t="s">
        <v>39</v>
      </c>
      <c r="Q6048" s="5" t="s">
        <v>40</v>
      </c>
      <c r="R6048" s="5" t="s">
        <v>1522</v>
      </c>
      <c r="S6048" s="5" t="s">
        <v>1523</v>
      </c>
      <c r="T6048" s="5" t="s">
        <v>42</v>
      </c>
      <c r="U6048" s="2">
        <v>3.64</v>
      </c>
      <c r="V6048" s="2">
        <v>3.0640000000000001</v>
      </c>
      <c r="W6048" s="2">
        <v>1.7999999999999999E-2</v>
      </c>
      <c r="X6048" s="2">
        <v>139.1</v>
      </c>
      <c r="Y6048" s="2">
        <v>7.6</v>
      </c>
      <c r="Z6048" s="2">
        <v>16.7</v>
      </c>
      <c r="AA6048" s="5"/>
      <c r="AB6048" s="5" t="s">
        <v>43</v>
      </c>
      <c r="AC6048" s="5" t="s">
        <v>44</v>
      </c>
      <c r="AD6048" s="2"/>
      <c r="AE6048" s="1"/>
    </row>
    <row r="6049" spans="1:31" ht="14.45">
      <c r="A6049" s="11"/>
      <c r="B6049" s="20"/>
      <c r="C6049" s="2" t="s">
        <v>18618</v>
      </c>
      <c r="D6049" s="14" t="s">
        <v>18619</v>
      </c>
      <c r="E6049" s="2" t="s">
        <v>18620</v>
      </c>
      <c r="F6049" s="2" t="s">
        <v>7585</v>
      </c>
      <c r="G6049" s="8">
        <v>300</v>
      </c>
      <c r="H6049" s="5">
        <v>6</v>
      </c>
      <c r="I6049" s="5" t="s">
        <v>1518</v>
      </c>
      <c r="J6049" s="5" t="s">
        <v>1519</v>
      </c>
      <c r="K6049" s="2" t="s">
        <v>1520</v>
      </c>
      <c r="L6049" s="5" t="s">
        <v>1519</v>
      </c>
      <c r="M6049" s="2" t="s">
        <v>1520</v>
      </c>
      <c r="N6049" s="5" t="s">
        <v>1521</v>
      </c>
      <c r="O6049" s="5" t="s">
        <v>38</v>
      </c>
      <c r="P6049" s="5" t="s">
        <v>39</v>
      </c>
      <c r="Q6049" s="5" t="s">
        <v>40</v>
      </c>
      <c r="R6049" s="5" t="s">
        <v>1522</v>
      </c>
      <c r="S6049" s="5" t="s">
        <v>1523</v>
      </c>
      <c r="T6049" s="5" t="s">
        <v>42</v>
      </c>
      <c r="U6049" s="2">
        <v>3.492</v>
      </c>
      <c r="V6049" s="2">
        <v>2.9159999999999999</v>
      </c>
      <c r="W6049" s="2">
        <v>1.7999999999999999E-2</v>
      </c>
      <c r="X6049" s="2">
        <v>139.1</v>
      </c>
      <c r="Y6049" s="2">
        <v>7.6</v>
      </c>
      <c r="Z6049" s="2">
        <v>16.7</v>
      </c>
      <c r="AA6049" s="5"/>
      <c r="AB6049" s="5" t="s">
        <v>43</v>
      </c>
      <c r="AC6049" s="5" t="s">
        <v>44</v>
      </c>
      <c r="AD6049" s="2"/>
      <c r="AE6049" s="1"/>
    </row>
    <row r="6050" spans="1:31" ht="14.45">
      <c r="A6050" s="11"/>
      <c r="B6050" s="20"/>
      <c r="C6050" s="2" t="s">
        <v>18621</v>
      </c>
      <c r="D6050" s="14" t="s">
        <v>18622</v>
      </c>
      <c r="E6050" s="2" t="s">
        <v>18623</v>
      </c>
      <c r="F6050" s="2" t="s">
        <v>7589</v>
      </c>
      <c r="G6050" s="8">
        <v>300</v>
      </c>
      <c r="H6050" s="5">
        <v>6</v>
      </c>
      <c r="I6050" s="5" t="s">
        <v>1518</v>
      </c>
      <c r="J6050" s="5" t="s">
        <v>1519</v>
      </c>
      <c r="K6050" s="2" t="s">
        <v>1520</v>
      </c>
      <c r="L6050" s="5" t="s">
        <v>1519</v>
      </c>
      <c r="M6050" s="2" t="s">
        <v>1520</v>
      </c>
      <c r="N6050" s="5" t="s">
        <v>1521</v>
      </c>
      <c r="O6050" s="5" t="s">
        <v>38</v>
      </c>
      <c r="P6050" s="5" t="s">
        <v>39</v>
      </c>
      <c r="Q6050" s="5" t="s">
        <v>40</v>
      </c>
      <c r="R6050" s="5" t="s">
        <v>1522</v>
      </c>
      <c r="S6050" s="5" t="s">
        <v>1523</v>
      </c>
      <c r="T6050" s="5" t="s">
        <v>42</v>
      </c>
      <c r="U6050" s="2">
        <v>3.6040000000000001</v>
      </c>
      <c r="V6050" s="2">
        <v>3.028</v>
      </c>
      <c r="W6050" s="2">
        <v>1.7999999999999999E-2</v>
      </c>
      <c r="X6050" s="2">
        <v>139.1</v>
      </c>
      <c r="Y6050" s="2">
        <v>7.6</v>
      </c>
      <c r="Z6050" s="2">
        <v>16.7</v>
      </c>
      <c r="AA6050" s="5"/>
      <c r="AB6050" s="5" t="s">
        <v>43</v>
      </c>
      <c r="AC6050" s="5" t="s">
        <v>44</v>
      </c>
      <c r="AD6050" s="2"/>
      <c r="AE6050" s="1"/>
    </row>
    <row r="6051" spans="1:31" ht="14.45">
      <c r="A6051" s="11"/>
      <c r="B6051" s="20"/>
      <c r="C6051" s="2" t="s">
        <v>18624</v>
      </c>
      <c r="D6051" s="14" t="s">
        <v>18625</v>
      </c>
      <c r="E6051" s="2" t="s">
        <v>18626</v>
      </c>
      <c r="F6051" s="2" t="s">
        <v>7593</v>
      </c>
      <c r="G6051" s="8">
        <v>300</v>
      </c>
      <c r="H6051" s="5">
        <v>6</v>
      </c>
      <c r="I6051" s="5" t="s">
        <v>1518</v>
      </c>
      <c r="J6051" s="5" t="s">
        <v>1519</v>
      </c>
      <c r="K6051" s="2" t="s">
        <v>1520</v>
      </c>
      <c r="L6051" s="5" t="s">
        <v>1519</v>
      </c>
      <c r="M6051" s="2" t="s">
        <v>1520</v>
      </c>
      <c r="N6051" s="5" t="s">
        <v>1521</v>
      </c>
      <c r="O6051" s="5" t="s">
        <v>38</v>
      </c>
      <c r="P6051" s="5" t="s">
        <v>39</v>
      </c>
      <c r="Q6051" s="5" t="s">
        <v>40</v>
      </c>
      <c r="R6051" s="5" t="s">
        <v>1522</v>
      </c>
      <c r="S6051" s="5" t="s">
        <v>1523</v>
      </c>
      <c r="T6051" s="5" t="s">
        <v>42</v>
      </c>
      <c r="U6051" s="2">
        <v>3.528</v>
      </c>
      <c r="V6051" s="2">
        <v>2.952</v>
      </c>
      <c r="W6051" s="2">
        <v>1.7999999999999999E-2</v>
      </c>
      <c r="X6051" s="2">
        <v>139.1</v>
      </c>
      <c r="Y6051" s="2">
        <v>7.6</v>
      </c>
      <c r="Z6051" s="2">
        <v>16.7</v>
      </c>
      <c r="AA6051" s="5"/>
      <c r="AB6051" s="5" t="s">
        <v>43</v>
      </c>
      <c r="AC6051" s="5" t="s">
        <v>44</v>
      </c>
      <c r="AD6051" s="2"/>
      <c r="AE6051" s="1"/>
    </row>
    <row r="6052" spans="1:31" ht="14.45">
      <c r="A6052" s="11"/>
      <c r="B6052" s="20"/>
      <c r="C6052" s="2" t="s">
        <v>18627</v>
      </c>
      <c r="D6052" s="14" t="s">
        <v>18628</v>
      </c>
      <c r="E6052" s="2" t="s">
        <v>18629</v>
      </c>
      <c r="F6052" s="2" t="s">
        <v>7597</v>
      </c>
      <c r="G6052" s="8">
        <v>300</v>
      </c>
      <c r="H6052" s="5">
        <v>6</v>
      </c>
      <c r="I6052" s="5" t="s">
        <v>1518</v>
      </c>
      <c r="J6052" s="5" t="s">
        <v>1519</v>
      </c>
      <c r="K6052" s="2" t="s">
        <v>1520</v>
      </c>
      <c r="L6052" s="5" t="s">
        <v>1519</v>
      </c>
      <c r="M6052" s="2" t="s">
        <v>1520</v>
      </c>
      <c r="N6052" s="5" t="s">
        <v>1521</v>
      </c>
      <c r="O6052" s="5" t="s">
        <v>38</v>
      </c>
      <c r="P6052" s="5" t="s">
        <v>39</v>
      </c>
      <c r="Q6052" s="5" t="s">
        <v>40</v>
      </c>
      <c r="R6052" s="5" t="s">
        <v>1522</v>
      </c>
      <c r="S6052" s="5" t="s">
        <v>1523</v>
      </c>
      <c r="T6052" s="5" t="s">
        <v>42</v>
      </c>
      <c r="U6052" s="2">
        <v>3.64</v>
      </c>
      <c r="V6052" s="2">
        <v>3.0640000000000001</v>
      </c>
      <c r="W6052" s="2">
        <v>1.7999999999999999E-2</v>
      </c>
      <c r="X6052" s="2">
        <v>139.1</v>
      </c>
      <c r="Y6052" s="2">
        <v>7.6</v>
      </c>
      <c r="Z6052" s="2">
        <v>16.7</v>
      </c>
      <c r="AA6052" s="5"/>
      <c r="AB6052" s="5" t="s">
        <v>43</v>
      </c>
      <c r="AC6052" s="5" t="s">
        <v>44</v>
      </c>
      <c r="AD6052" s="2"/>
      <c r="AE6052" s="1"/>
    </row>
    <row r="6053" spans="1:31" ht="14.45">
      <c r="A6053" s="11"/>
      <c r="B6053" s="20"/>
      <c r="C6053" s="2" t="s">
        <v>18630</v>
      </c>
      <c r="D6053" s="14" t="s">
        <v>18631</v>
      </c>
      <c r="E6053" s="2" t="s">
        <v>18632</v>
      </c>
      <c r="F6053" s="2" t="s">
        <v>16014</v>
      </c>
      <c r="G6053" s="8">
        <v>300</v>
      </c>
      <c r="H6053" s="5">
        <v>6</v>
      </c>
      <c r="I6053" s="5" t="s">
        <v>1518</v>
      </c>
      <c r="J6053" s="5" t="s">
        <v>1519</v>
      </c>
      <c r="K6053" s="2" t="s">
        <v>1520</v>
      </c>
      <c r="L6053" s="5" t="s">
        <v>1519</v>
      </c>
      <c r="M6053" s="2" t="s">
        <v>1520</v>
      </c>
      <c r="N6053" s="5" t="s">
        <v>1521</v>
      </c>
      <c r="O6053" s="5" t="s">
        <v>38</v>
      </c>
      <c r="P6053" s="5" t="s">
        <v>39</v>
      </c>
      <c r="Q6053" s="5" t="s">
        <v>40</v>
      </c>
      <c r="R6053" s="5" t="s">
        <v>1522</v>
      </c>
      <c r="S6053" s="5" t="s">
        <v>1523</v>
      </c>
      <c r="T6053" s="5" t="s">
        <v>42</v>
      </c>
      <c r="U6053" s="2">
        <v>3.528</v>
      </c>
      <c r="V6053" s="2">
        <v>2.952</v>
      </c>
      <c r="W6053" s="2">
        <v>1.7999999999999999E-2</v>
      </c>
      <c r="X6053" s="2">
        <v>139.1</v>
      </c>
      <c r="Y6053" s="2">
        <v>7.6</v>
      </c>
      <c r="Z6053" s="2">
        <v>16.7</v>
      </c>
      <c r="AA6053" s="5"/>
      <c r="AB6053" s="5" t="s">
        <v>43</v>
      </c>
      <c r="AC6053" s="5" t="s">
        <v>44</v>
      </c>
      <c r="AD6053" s="2"/>
      <c r="AE6053" s="1"/>
    </row>
    <row r="6054" spans="1:31" ht="14.45">
      <c r="A6054" s="11"/>
      <c r="B6054" s="20"/>
      <c r="C6054" s="2" t="s">
        <v>18633</v>
      </c>
      <c r="D6054" s="14" t="s">
        <v>18634</v>
      </c>
      <c r="E6054" s="2" t="s">
        <v>18635</v>
      </c>
      <c r="F6054" s="2" t="s">
        <v>16219</v>
      </c>
      <c r="G6054" s="8">
        <v>300</v>
      </c>
      <c r="H6054" s="5">
        <v>6</v>
      </c>
      <c r="I6054" s="5" t="s">
        <v>1518</v>
      </c>
      <c r="J6054" s="5" t="s">
        <v>1519</v>
      </c>
      <c r="K6054" s="2" t="s">
        <v>1520</v>
      </c>
      <c r="L6054" s="5" t="s">
        <v>1519</v>
      </c>
      <c r="M6054" s="2" t="s">
        <v>1520</v>
      </c>
      <c r="N6054" s="5" t="s">
        <v>1521</v>
      </c>
      <c r="O6054" s="5" t="s">
        <v>38</v>
      </c>
      <c r="P6054" s="5" t="s">
        <v>39</v>
      </c>
      <c r="Q6054" s="5" t="s">
        <v>40</v>
      </c>
      <c r="R6054" s="5" t="s">
        <v>1522</v>
      </c>
      <c r="S6054" s="5" t="s">
        <v>1523</v>
      </c>
      <c r="T6054" s="5" t="s">
        <v>42</v>
      </c>
      <c r="U6054" s="2">
        <v>3.64</v>
      </c>
      <c r="V6054" s="2">
        <v>3.0640000000000001</v>
      </c>
      <c r="W6054" s="2">
        <v>1.7999999999999999E-2</v>
      </c>
      <c r="X6054" s="2">
        <v>139.1</v>
      </c>
      <c r="Y6054" s="2">
        <v>7.6</v>
      </c>
      <c r="Z6054" s="2">
        <v>16.7</v>
      </c>
      <c r="AA6054" s="5"/>
      <c r="AB6054" s="5" t="s">
        <v>43</v>
      </c>
      <c r="AC6054" s="5" t="s">
        <v>44</v>
      </c>
      <c r="AD6054" s="2"/>
      <c r="AE6054" s="1"/>
    </row>
    <row r="6055" spans="1:31" ht="14.45">
      <c r="A6055" s="11"/>
      <c r="B6055" s="20"/>
      <c r="C6055" s="2" t="s">
        <v>18636</v>
      </c>
      <c r="D6055" s="14" t="s">
        <v>18637</v>
      </c>
      <c r="E6055" s="2" t="s">
        <v>18638</v>
      </c>
      <c r="F6055" s="2" t="s">
        <v>16018</v>
      </c>
      <c r="G6055" s="8">
        <v>300</v>
      </c>
      <c r="H6055" s="5">
        <v>6</v>
      </c>
      <c r="I6055" s="5" t="s">
        <v>1518</v>
      </c>
      <c r="J6055" s="5" t="s">
        <v>1519</v>
      </c>
      <c r="K6055" s="2" t="s">
        <v>1520</v>
      </c>
      <c r="L6055" s="5" t="s">
        <v>1519</v>
      </c>
      <c r="M6055" s="2" t="s">
        <v>1520</v>
      </c>
      <c r="N6055" s="5" t="s">
        <v>1521</v>
      </c>
      <c r="O6055" s="5" t="s">
        <v>38</v>
      </c>
      <c r="P6055" s="5" t="s">
        <v>39</v>
      </c>
      <c r="Q6055" s="5" t="s">
        <v>40</v>
      </c>
      <c r="R6055" s="5" t="s">
        <v>1522</v>
      </c>
      <c r="S6055" s="5" t="s">
        <v>1523</v>
      </c>
      <c r="T6055" s="5" t="s">
        <v>42</v>
      </c>
      <c r="U6055" s="2">
        <v>3.528</v>
      </c>
      <c r="V6055" s="2">
        <v>2.952</v>
      </c>
      <c r="W6055" s="2">
        <v>1.7999999999999999E-2</v>
      </c>
      <c r="X6055" s="2">
        <v>139.1</v>
      </c>
      <c r="Y6055" s="2">
        <v>7.6</v>
      </c>
      <c r="Z6055" s="2">
        <v>16.7</v>
      </c>
      <c r="AA6055" s="5"/>
      <c r="AB6055" s="5" t="s">
        <v>43</v>
      </c>
      <c r="AC6055" s="5" t="s">
        <v>44</v>
      </c>
      <c r="AD6055" s="2"/>
      <c r="AE6055" s="1"/>
    </row>
    <row r="6056" spans="1:31" ht="14.45">
      <c r="A6056" s="11"/>
      <c r="B6056" s="20"/>
      <c r="C6056" s="2" t="s">
        <v>18639</v>
      </c>
      <c r="D6056" s="14" t="s">
        <v>18640</v>
      </c>
      <c r="E6056" s="2" t="s">
        <v>18641</v>
      </c>
      <c r="F6056" s="2" t="s">
        <v>16022</v>
      </c>
      <c r="G6056" s="8">
        <v>300</v>
      </c>
      <c r="H6056" s="5">
        <v>6</v>
      </c>
      <c r="I6056" s="5" t="s">
        <v>1518</v>
      </c>
      <c r="J6056" s="5" t="s">
        <v>1519</v>
      </c>
      <c r="K6056" s="2" t="s">
        <v>1520</v>
      </c>
      <c r="L6056" s="5" t="s">
        <v>1519</v>
      </c>
      <c r="M6056" s="2" t="s">
        <v>1520</v>
      </c>
      <c r="N6056" s="5" t="s">
        <v>1521</v>
      </c>
      <c r="O6056" s="5" t="s">
        <v>38</v>
      </c>
      <c r="P6056" s="5" t="s">
        <v>39</v>
      </c>
      <c r="Q6056" s="5" t="s">
        <v>40</v>
      </c>
      <c r="R6056" s="5" t="s">
        <v>1522</v>
      </c>
      <c r="S6056" s="5" t="s">
        <v>1523</v>
      </c>
      <c r="T6056" s="5" t="s">
        <v>42</v>
      </c>
      <c r="U6056" s="2">
        <v>3.64</v>
      </c>
      <c r="V6056" s="2">
        <v>3.0640000000000001</v>
      </c>
      <c r="W6056" s="2">
        <v>1.7999999999999999E-2</v>
      </c>
      <c r="X6056" s="2">
        <v>139.1</v>
      </c>
      <c r="Y6056" s="2">
        <v>7.6</v>
      </c>
      <c r="Z6056" s="2">
        <v>16.7</v>
      </c>
      <c r="AA6056" s="5"/>
      <c r="AB6056" s="5" t="s">
        <v>43</v>
      </c>
      <c r="AC6056" s="5" t="s">
        <v>44</v>
      </c>
      <c r="AD6056" s="2"/>
      <c r="AE6056" s="1"/>
    </row>
    <row r="6057" spans="1:31" ht="14.45">
      <c r="A6057" s="11"/>
      <c r="B6057" s="20"/>
      <c r="C6057" s="2" t="s">
        <v>18642</v>
      </c>
      <c r="D6057" s="14" t="s">
        <v>18643</v>
      </c>
      <c r="E6057" s="2" t="s">
        <v>18644</v>
      </c>
      <c r="F6057" s="2" t="s">
        <v>7615</v>
      </c>
      <c r="G6057" s="8">
        <v>300</v>
      </c>
      <c r="H6057" s="5">
        <v>6</v>
      </c>
      <c r="I6057" s="5" t="s">
        <v>1518</v>
      </c>
      <c r="J6057" s="5" t="s">
        <v>1519</v>
      </c>
      <c r="K6057" s="2" t="s">
        <v>1520</v>
      </c>
      <c r="L6057" s="5" t="s">
        <v>1519</v>
      </c>
      <c r="M6057" s="2" t="s">
        <v>1520</v>
      </c>
      <c r="N6057" s="5" t="s">
        <v>1521</v>
      </c>
      <c r="O6057" s="5" t="s">
        <v>38</v>
      </c>
      <c r="P6057" s="5" t="s">
        <v>39</v>
      </c>
      <c r="Q6057" s="5" t="s">
        <v>40</v>
      </c>
      <c r="R6057" s="5" t="s">
        <v>1522</v>
      </c>
      <c r="S6057" s="5" t="s">
        <v>1523</v>
      </c>
      <c r="T6057" s="5" t="s">
        <v>42</v>
      </c>
      <c r="U6057" s="2">
        <v>3.492</v>
      </c>
      <c r="V6057" s="2">
        <v>2.9159999999999999</v>
      </c>
      <c r="W6057" s="2">
        <v>1.7999999999999999E-2</v>
      </c>
      <c r="X6057" s="2">
        <v>139.1</v>
      </c>
      <c r="Y6057" s="2">
        <v>7.6</v>
      </c>
      <c r="Z6057" s="2">
        <v>16.7</v>
      </c>
      <c r="AA6057" s="5"/>
      <c r="AB6057" s="5" t="s">
        <v>43</v>
      </c>
      <c r="AC6057" s="5" t="s">
        <v>44</v>
      </c>
      <c r="AD6057" s="2"/>
      <c r="AE6057" s="1"/>
    </row>
    <row r="6058" spans="1:31" ht="14.45">
      <c r="A6058" s="11"/>
      <c r="B6058" s="20"/>
      <c r="C6058" s="2" t="s">
        <v>18645</v>
      </c>
      <c r="D6058" s="14" t="s">
        <v>18646</v>
      </c>
      <c r="E6058" s="2" t="s">
        <v>18647</v>
      </c>
      <c r="F6058" s="2" t="s">
        <v>7619</v>
      </c>
      <c r="G6058" s="8">
        <v>300</v>
      </c>
      <c r="H6058" s="5">
        <v>6</v>
      </c>
      <c r="I6058" s="5" t="s">
        <v>1518</v>
      </c>
      <c r="J6058" s="5" t="s">
        <v>1519</v>
      </c>
      <c r="K6058" s="2" t="s">
        <v>1520</v>
      </c>
      <c r="L6058" s="5" t="s">
        <v>1519</v>
      </c>
      <c r="M6058" s="2" t="s">
        <v>1520</v>
      </c>
      <c r="N6058" s="5" t="s">
        <v>1521</v>
      </c>
      <c r="O6058" s="5" t="s">
        <v>38</v>
      </c>
      <c r="P6058" s="5" t="s">
        <v>39</v>
      </c>
      <c r="Q6058" s="5" t="s">
        <v>40</v>
      </c>
      <c r="R6058" s="5" t="s">
        <v>1522</v>
      </c>
      <c r="S6058" s="5" t="s">
        <v>1523</v>
      </c>
      <c r="T6058" s="5" t="s">
        <v>42</v>
      </c>
      <c r="U6058" s="2">
        <v>3.6040000000000001</v>
      </c>
      <c r="V6058" s="2">
        <v>3.028</v>
      </c>
      <c r="W6058" s="2">
        <v>1.7999999999999999E-2</v>
      </c>
      <c r="X6058" s="2">
        <v>139.1</v>
      </c>
      <c r="Y6058" s="2">
        <v>7.6</v>
      </c>
      <c r="Z6058" s="2">
        <v>16.7</v>
      </c>
      <c r="AA6058" s="5"/>
      <c r="AB6058" s="5" t="s">
        <v>43</v>
      </c>
      <c r="AC6058" s="5" t="s">
        <v>44</v>
      </c>
      <c r="AD6058" s="2"/>
      <c r="AE6058" s="1"/>
    </row>
    <row r="6059" spans="1:31" ht="14.45">
      <c r="A6059" s="11"/>
      <c r="B6059" s="20"/>
      <c r="C6059" s="2" t="s">
        <v>18648</v>
      </c>
      <c r="D6059" s="14" t="s">
        <v>18649</v>
      </c>
      <c r="E6059" s="2" t="s">
        <v>18650</v>
      </c>
      <c r="F6059" s="2" t="s">
        <v>16235</v>
      </c>
      <c r="G6059" s="8">
        <v>300</v>
      </c>
      <c r="H6059" s="5">
        <v>6</v>
      </c>
      <c r="I6059" s="5" t="s">
        <v>1518</v>
      </c>
      <c r="J6059" s="5" t="s">
        <v>1519</v>
      </c>
      <c r="K6059" s="2" t="s">
        <v>1520</v>
      </c>
      <c r="L6059" s="5" t="s">
        <v>1519</v>
      </c>
      <c r="M6059" s="2" t="s">
        <v>1520</v>
      </c>
      <c r="N6059" s="5" t="s">
        <v>1521</v>
      </c>
      <c r="O6059" s="5" t="s">
        <v>38</v>
      </c>
      <c r="P6059" s="5" t="s">
        <v>39</v>
      </c>
      <c r="Q6059" s="5" t="s">
        <v>40</v>
      </c>
      <c r="R6059" s="5" t="s">
        <v>1522</v>
      </c>
      <c r="S6059" s="5" t="s">
        <v>1523</v>
      </c>
      <c r="T6059" s="5" t="s">
        <v>42</v>
      </c>
      <c r="U6059" s="2">
        <v>3.589</v>
      </c>
      <c r="V6059" s="2">
        <v>3.0129999999999999</v>
      </c>
      <c r="W6059" s="2">
        <v>1.7999999999999999E-2</v>
      </c>
      <c r="X6059" s="2">
        <v>139.1</v>
      </c>
      <c r="Y6059" s="2">
        <v>7.6</v>
      </c>
      <c r="Z6059" s="2">
        <v>16.7</v>
      </c>
      <c r="AA6059" s="5"/>
      <c r="AB6059" s="5" t="s">
        <v>43</v>
      </c>
      <c r="AC6059" s="5" t="s">
        <v>44</v>
      </c>
      <c r="AD6059" s="2"/>
      <c r="AE6059" s="1"/>
    </row>
    <row r="6060" spans="1:31" ht="14.45">
      <c r="A6060" s="11"/>
      <c r="B6060" s="20"/>
      <c r="C6060" s="2" t="s">
        <v>18651</v>
      </c>
      <c r="D6060" s="14" t="s">
        <v>18652</v>
      </c>
      <c r="E6060" s="2" t="s">
        <v>18653</v>
      </c>
      <c r="F6060" s="2" t="s">
        <v>16029</v>
      </c>
      <c r="G6060" s="8">
        <v>300</v>
      </c>
      <c r="H6060" s="5">
        <v>11</v>
      </c>
      <c r="I6060" s="5" t="s">
        <v>1518</v>
      </c>
      <c r="J6060" s="5" t="s">
        <v>1519</v>
      </c>
      <c r="K6060" s="2" t="s">
        <v>1520</v>
      </c>
      <c r="L6060" s="5" t="s">
        <v>1519</v>
      </c>
      <c r="M6060" s="2" t="s">
        <v>1520</v>
      </c>
      <c r="N6060" s="5" t="s">
        <v>1521</v>
      </c>
      <c r="O6060" s="5" t="s">
        <v>38</v>
      </c>
      <c r="P6060" s="5" t="s">
        <v>39</v>
      </c>
      <c r="Q6060" s="5" t="s">
        <v>40</v>
      </c>
      <c r="R6060" s="5" t="s">
        <v>1522</v>
      </c>
      <c r="S6060" s="5" t="s">
        <v>1523</v>
      </c>
      <c r="T6060" s="5" t="s">
        <v>42</v>
      </c>
      <c r="U6060" s="2">
        <v>3.5419999999999998</v>
      </c>
      <c r="V6060" s="2">
        <v>2.9660000000000002</v>
      </c>
      <c r="W6060" s="2">
        <v>1.7999999999999999E-2</v>
      </c>
      <c r="X6060" s="2">
        <v>139.1</v>
      </c>
      <c r="Y6060" s="2">
        <v>7.6</v>
      </c>
      <c r="Z6060" s="2">
        <v>16.7</v>
      </c>
      <c r="AA6060" s="5"/>
      <c r="AB6060" s="5" t="s">
        <v>43</v>
      </c>
      <c r="AC6060" s="5" t="s">
        <v>44</v>
      </c>
      <c r="AD6060" s="2"/>
      <c r="AE6060" s="1"/>
    </row>
    <row r="6061" spans="1:31" ht="14.45">
      <c r="A6061" s="11"/>
      <c r="B6061" s="20"/>
      <c r="C6061" s="2" t="s">
        <v>18654</v>
      </c>
      <c r="D6061" s="14" t="s">
        <v>18655</v>
      </c>
      <c r="E6061" s="2" t="s">
        <v>18656</v>
      </c>
      <c r="F6061" s="2" t="s">
        <v>16033</v>
      </c>
      <c r="G6061" s="8">
        <v>300</v>
      </c>
      <c r="H6061" s="5">
        <v>11</v>
      </c>
      <c r="I6061" s="5" t="s">
        <v>1518</v>
      </c>
      <c r="J6061" s="5" t="s">
        <v>1519</v>
      </c>
      <c r="K6061" s="2" t="s">
        <v>1520</v>
      </c>
      <c r="L6061" s="5" t="s">
        <v>1519</v>
      </c>
      <c r="M6061" s="2" t="s">
        <v>1520</v>
      </c>
      <c r="N6061" s="5" t="s">
        <v>1521</v>
      </c>
      <c r="O6061" s="5" t="s">
        <v>38</v>
      </c>
      <c r="P6061" s="5" t="s">
        <v>39</v>
      </c>
      <c r="Q6061" s="5" t="s">
        <v>40</v>
      </c>
      <c r="R6061" s="5" t="s">
        <v>1522</v>
      </c>
      <c r="S6061" s="5" t="s">
        <v>1523</v>
      </c>
      <c r="T6061" s="5" t="s">
        <v>42</v>
      </c>
      <c r="U6061" s="2">
        <v>3.6539999999999999</v>
      </c>
      <c r="V6061" s="2">
        <v>3.0779999999999998</v>
      </c>
      <c r="W6061" s="2">
        <v>1.7999999999999999E-2</v>
      </c>
      <c r="X6061" s="2">
        <v>139.1</v>
      </c>
      <c r="Y6061" s="2">
        <v>7.6</v>
      </c>
      <c r="Z6061" s="2">
        <v>16.7</v>
      </c>
      <c r="AA6061" s="5"/>
      <c r="AB6061" s="5" t="s">
        <v>43</v>
      </c>
      <c r="AC6061" s="5" t="s">
        <v>44</v>
      </c>
      <c r="AD6061" s="2"/>
      <c r="AE6061" s="1"/>
    </row>
    <row r="6062" spans="1:31" ht="14.45">
      <c r="A6062" s="11"/>
      <c r="B6062" s="20"/>
      <c r="C6062" s="2" t="s">
        <v>18657</v>
      </c>
      <c r="D6062" s="14" t="s">
        <v>18658</v>
      </c>
      <c r="E6062" s="2" t="s">
        <v>18659</v>
      </c>
      <c r="F6062" s="2" t="s">
        <v>7396</v>
      </c>
      <c r="G6062" s="8">
        <v>296</v>
      </c>
      <c r="H6062" s="5">
        <v>6</v>
      </c>
      <c r="I6062" s="5" t="s">
        <v>1518</v>
      </c>
      <c r="J6062" s="5" t="s">
        <v>1519</v>
      </c>
      <c r="K6062" s="2" t="s">
        <v>1520</v>
      </c>
      <c r="L6062" s="5" t="s">
        <v>1519</v>
      </c>
      <c r="M6062" s="2" t="s">
        <v>1520</v>
      </c>
      <c r="N6062" s="5" t="s">
        <v>1521</v>
      </c>
      <c r="O6062" s="5" t="s">
        <v>38</v>
      </c>
      <c r="P6062" s="5" t="s">
        <v>39</v>
      </c>
      <c r="Q6062" s="5" t="s">
        <v>40</v>
      </c>
      <c r="R6062" s="5" t="s">
        <v>1522</v>
      </c>
      <c r="S6062" s="5" t="s">
        <v>1523</v>
      </c>
      <c r="T6062" s="5" t="s">
        <v>42</v>
      </c>
      <c r="U6062" s="2">
        <v>3.786</v>
      </c>
      <c r="V6062" s="2">
        <v>3.1269999999999998</v>
      </c>
      <c r="W6062" s="2">
        <v>0.02</v>
      </c>
      <c r="X6062" s="2">
        <v>159.1</v>
      </c>
      <c r="Y6062" s="2">
        <v>7.6</v>
      </c>
      <c r="Z6062" s="2">
        <v>16.7</v>
      </c>
      <c r="AA6062" s="5"/>
      <c r="AB6062" s="5" t="s">
        <v>43</v>
      </c>
      <c r="AC6062" s="5" t="s">
        <v>44</v>
      </c>
      <c r="AD6062" s="2"/>
      <c r="AE6062" s="1"/>
    </row>
    <row r="6063" spans="1:31" ht="14.45">
      <c r="A6063" s="11"/>
      <c r="B6063" s="20"/>
      <c r="C6063" s="2" t="s">
        <v>18660</v>
      </c>
      <c r="D6063" s="14" t="s">
        <v>18661</v>
      </c>
      <c r="E6063" s="2" t="s">
        <v>18662</v>
      </c>
      <c r="F6063" s="2" t="s">
        <v>7507</v>
      </c>
      <c r="G6063" s="8">
        <v>296</v>
      </c>
      <c r="H6063" s="5">
        <v>6</v>
      </c>
      <c r="I6063" s="5" t="s">
        <v>1518</v>
      </c>
      <c r="J6063" s="5" t="s">
        <v>1519</v>
      </c>
      <c r="K6063" s="2" t="s">
        <v>1520</v>
      </c>
      <c r="L6063" s="5" t="s">
        <v>1519</v>
      </c>
      <c r="M6063" s="2" t="s">
        <v>1520</v>
      </c>
      <c r="N6063" s="5" t="s">
        <v>1521</v>
      </c>
      <c r="O6063" s="5" t="s">
        <v>38</v>
      </c>
      <c r="P6063" s="5" t="s">
        <v>39</v>
      </c>
      <c r="Q6063" s="5" t="s">
        <v>40</v>
      </c>
      <c r="R6063" s="5" t="s">
        <v>1522</v>
      </c>
      <c r="S6063" s="5" t="s">
        <v>1523</v>
      </c>
      <c r="T6063" s="5" t="s">
        <v>42</v>
      </c>
      <c r="U6063" s="2">
        <v>3.91</v>
      </c>
      <c r="V6063" s="2">
        <v>3.2509999999999999</v>
      </c>
      <c r="W6063" s="2">
        <v>0.02</v>
      </c>
      <c r="X6063" s="2">
        <v>159.1</v>
      </c>
      <c r="Y6063" s="2">
        <v>7.6</v>
      </c>
      <c r="Z6063" s="2">
        <v>16.7</v>
      </c>
      <c r="AA6063" s="5"/>
      <c r="AB6063" s="5" t="s">
        <v>43</v>
      </c>
      <c r="AC6063" s="5" t="s">
        <v>44</v>
      </c>
      <c r="AD6063" s="2"/>
      <c r="AE6063" s="1"/>
    </row>
    <row r="6064" spans="1:31" ht="14.45">
      <c r="A6064" s="11"/>
      <c r="B6064" s="20"/>
      <c r="C6064" s="2" t="s">
        <v>18663</v>
      </c>
      <c r="D6064" s="14" t="s">
        <v>18664</v>
      </c>
      <c r="E6064" s="2" t="s">
        <v>18665</v>
      </c>
      <c r="F6064" s="2" t="s">
        <v>7204</v>
      </c>
      <c r="G6064" s="8">
        <v>296</v>
      </c>
      <c r="H6064" s="5">
        <v>6</v>
      </c>
      <c r="I6064" s="5" t="s">
        <v>1518</v>
      </c>
      <c r="J6064" s="5" t="s">
        <v>1519</v>
      </c>
      <c r="K6064" s="2" t="s">
        <v>1520</v>
      </c>
      <c r="L6064" s="5" t="s">
        <v>1519</v>
      </c>
      <c r="M6064" s="2" t="s">
        <v>1520</v>
      </c>
      <c r="N6064" s="5" t="s">
        <v>1521</v>
      </c>
      <c r="O6064" s="5" t="s">
        <v>38</v>
      </c>
      <c r="P6064" s="5" t="s">
        <v>39</v>
      </c>
      <c r="Q6064" s="5" t="s">
        <v>40</v>
      </c>
      <c r="R6064" s="5" t="s">
        <v>1522</v>
      </c>
      <c r="S6064" s="5" t="s">
        <v>1523</v>
      </c>
      <c r="T6064" s="5" t="s">
        <v>42</v>
      </c>
      <c r="U6064" s="2">
        <v>3.7989999999999999</v>
      </c>
      <c r="V6064" s="2">
        <v>3.14</v>
      </c>
      <c r="W6064" s="2">
        <v>0.02</v>
      </c>
      <c r="X6064" s="2">
        <v>159.1</v>
      </c>
      <c r="Y6064" s="2">
        <v>7.6</v>
      </c>
      <c r="Z6064" s="2">
        <v>16.7</v>
      </c>
      <c r="AA6064" s="5"/>
      <c r="AB6064" s="5" t="s">
        <v>43</v>
      </c>
      <c r="AC6064" s="5" t="s">
        <v>44</v>
      </c>
      <c r="AD6064" s="2"/>
      <c r="AE6064" s="1"/>
    </row>
    <row r="6065" spans="1:31" ht="14.45">
      <c r="A6065" s="11"/>
      <c r="B6065" s="20"/>
      <c r="C6065" s="2" t="s">
        <v>18666</v>
      </c>
      <c r="D6065" s="14" t="s">
        <v>18667</v>
      </c>
      <c r="E6065" s="2" t="s">
        <v>18668</v>
      </c>
      <c r="F6065" s="2" t="s">
        <v>7514</v>
      </c>
      <c r="G6065" s="8">
        <v>296</v>
      </c>
      <c r="H6065" s="5">
        <v>6</v>
      </c>
      <c r="I6065" s="5" t="s">
        <v>1518</v>
      </c>
      <c r="J6065" s="5" t="s">
        <v>1519</v>
      </c>
      <c r="K6065" s="2" t="s">
        <v>1520</v>
      </c>
      <c r="L6065" s="5" t="s">
        <v>1519</v>
      </c>
      <c r="M6065" s="2" t="s">
        <v>1520</v>
      </c>
      <c r="N6065" s="5" t="s">
        <v>1521</v>
      </c>
      <c r="O6065" s="5" t="s">
        <v>38</v>
      </c>
      <c r="P6065" s="5" t="s">
        <v>39</v>
      </c>
      <c r="Q6065" s="5" t="s">
        <v>40</v>
      </c>
      <c r="R6065" s="5" t="s">
        <v>1522</v>
      </c>
      <c r="S6065" s="5" t="s">
        <v>1523</v>
      </c>
      <c r="T6065" s="5" t="s">
        <v>42</v>
      </c>
      <c r="U6065" s="2">
        <v>3.923</v>
      </c>
      <c r="V6065" s="2">
        <v>3.2639999999999998</v>
      </c>
      <c r="W6065" s="2">
        <v>0.02</v>
      </c>
      <c r="X6065" s="2">
        <v>159.1</v>
      </c>
      <c r="Y6065" s="2">
        <v>7.6</v>
      </c>
      <c r="Z6065" s="2">
        <v>16.7</v>
      </c>
      <c r="AA6065" s="5"/>
      <c r="AB6065" s="5" t="s">
        <v>43</v>
      </c>
      <c r="AC6065" s="5" t="s">
        <v>44</v>
      </c>
      <c r="AD6065" s="2"/>
      <c r="AE6065" s="1"/>
    </row>
    <row r="6066" spans="1:31" ht="14.45">
      <c r="A6066" s="11"/>
      <c r="B6066" s="20"/>
      <c r="C6066" s="2" t="s">
        <v>18669</v>
      </c>
      <c r="D6066" s="14" t="s">
        <v>18670</v>
      </c>
      <c r="E6066" s="2" t="s">
        <v>18671</v>
      </c>
      <c r="F6066" s="2" t="s">
        <v>7208</v>
      </c>
      <c r="G6066" s="8">
        <v>296</v>
      </c>
      <c r="H6066" s="5">
        <v>6</v>
      </c>
      <c r="I6066" s="5" t="s">
        <v>1518</v>
      </c>
      <c r="J6066" s="5" t="s">
        <v>1519</v>
      </c>
      <c r="K6066" s="2" t="s">
        <v>1520</v>
      </c>
      <c r="L6066" s="5" t="s">
        <v>1519</v>
      </c>
      <c r="M6066" s="2" t="s">
        <v>1520</v>
      </c>
      <c r="N6066" s="5" t="s">
        <v>1521</v>
      </c>
      <c r="O6066" s="5" t="s">
        <v>38</v>
      </c>
      <c r="P6066" s="5" t="s">
        <v>39</v>
      </c>
      <c r="Q6066" s="5" t="s">
        <v>40</v>
      </c>
      <c r="R6066" s="5" t="s">
        <v>1522</v>
      </c>
      <c r="S6066" s="5" t="s">
        <v>1523</v>
      </c>
      <c r="T6066" s="5" t="s">
        <v>42</v>
      </c>
      <c r="U6066" s="2">
        <v>3.7989999999999999</v>
      </c>
      <c r="V6066" s="2">
        <v>3.14</v>
      </c>
      <c r="W6066" s="2">
        <v>0.02</v>
      </c>
      <c r="X6066" s="2">
        <v>159.1</v>
      </c>
      <c r="Y6066" s="2">
        <v>7.6</v>
      </c>
      <c r="Z6066" s="2">
        <v>16.7</v>
      </c>
      <c r="AA6066" s="5"/>
      <c r="AB6066" s="5" t="s">
        <v>43</v>
      </c>
      <c r="AC6066" s="5" t="s">
        <v>44</v>
      </c>
      <c r="AD6066" s="2"/>
      <c r="AE6066" s="1"/>
    </row>
    <row r="6067" spans="1:31" ht="14.45">
      <c r="A6067" s="11"/>
      <c r="B6067" s="20"/>
      <c r="C6067" s="2" t="s">
        <v>18672</v>
      </c>
      <c r="D6067" s="14" t="s">
        <v>18673</v>
      </c>
      <c r="E6067" s="2" t="s">
        <v>18674</v>
      </c>
      <c r="F6067" s="2" t="s">
        <v>7521</v>
      </c>
      <c r="G6067" s="8">
        <v>296</v>
      </c>
      <c r="H6067" s="5">
        <v>6</v>
      </c>
      <c r="I6067" s="5" t="s">
        <v>1518</v>
      </c>
      <c r="J6067" s="5" t="s">
        <v>1519</v>
      </c>
      <c r="K6067" s="2" t="s">
        <v>1520</v>
      </c>
      <c r="L6067" s="5" t="s">
        <v>1519</v>
      </c>
      <c r="M6067" s="2" t="s">
        <v>1520</v>
      </c>
      <c r="N6067" s="5" t="s">
        <v>1521</v>
      </c>
      <c r="O6067" s="5" t="s">
        <v>38</v>
      </c>
      <c r="P6067" s="5" t="s">
        <v>39</v>
      </c>
      <c r="Q6067" s="5" t="s">
        <v>40</v>
      </c>
      <c r="R6067" s="5" t="s">
        <v>1522</v>
      </c>
      <c r="S6067" s="5" t="s">
        <v>1523</v>
      </c>
      <c r="T6067" s="5" t="s">
        <v>42</v>
      </c>
      <c r="U6067" s="2">
        <v>3.923</v>
      </c>
      <c r="V6067" s="2">
        <v>3.2639999999999998</v>
      </c>
      <c r="W6067" s="2">
        <v>0.02</v>
      </c>
      <c r="X6067" s="2">
        <v>159.1</v>
      </c>
      <c r="Y6067" s="2">
        <v>7.6</v>
      </c>
      <c r="Z6067" s="2">
        <v>16.7</v>
      </c>
      <c r="AA6067" s="5"/>
      <c r="AB6067" s="5" t="s">
        <v>43</v>
      </c>
      <c r="AC6067" s="5" t="s">
        <v>44</v>
      </c>
      <c r="AD6067" s="2"/>
      <c r="AE6067" s="1"/>
    </row>
    <row r="6068" spans="1:31" ht="14.45">
      <c r="A6068" s="11"/>
      <c r="B6068" s="20"/>
      <c r="C6068" s="2" t="s">
        <v>18675</v>
      </c>
      <c r="D6068" s="14" t="s">
        <v>18676</v>
      </c>
      <c r="E6068" s="2" t="s">
        <v>18677</v>
      </c>
      <c r="F6068" s="2" t="s">
        <v>7212</v>
      </c>
      <c r="G6068" s="8">
        <v>296</v>
      </c>
      <c r="H6068" s="5">
        <v>6</v>
      </c>
      <c r="I6068" s="5" t="s">
        <v>1518</v>
      </c>
      <c r="J6068" s="5" t="s">
        <v>1519</v>
      </c>
      <c r="K6068" s="2" t="s">
        <v>1520</v>
      </c>
      <c r="L6068" s="5" t="s">
        <v>1519</v>
      </c>
      <c r="M6068" s="2" t="s">
        <v>1520</v>
      </c>
      <c r="N6068" s="5" t="s">
        <v>1521</v>
      </c>
      <c r="O6068" s="5" t="s">
        <v>38</v>
      </c>
      <c r="P6068" s="5" t="s">
        <v>39</v>
      </c>
      <c r="Q6068" s="5" t="s">
        <v>40</v>
      </c>
      <c r="R6068" s="5" t="s">
        <v>1522</v>
      </c>
      <c r="S6068" s="5" t="s">
        <v>1523</v>
      </c>
      <c r="T6068" s="5" t="s">
        <v>42</v>
      </c>
      <c r="U6068" s="2">
        <v>3.758</v>
      </c>
      <c r="V6068" s="2">
        <v>3.0990000000000002</v>
      </c>
      <c r="W6068" s="2">
        <v>0.02</v>
      </c>
      <c r="X6068" s="2">
        <v>159.1</v>
      </c>
      <c r="Y6068" s="2">
        <v>7.6</v>
      </c>
      <c r="Z6068" s="2">
        <v>16.7</v>
      </c>
      <c r="AA6068" s="5"/>
      <c r="AB6068" s="5" t="s">
        <v>43</v>
      </c>
      <c r="AC6068" s="5" t="s">
        <v>44</v>
      </c>
      <c r="AD6068" s="2"/>
      <c r="AE6068" s="1"/>
    </row>
    <row r="6069" spans="1:31" ht="14.45">
      <c r="A6069" s="11"/>
      <c r="B6069" s="20"/>
      <c r="C6069" s="2" t="s">
        <v>18678</v>
      </c>
      <c r="D6069" s="14" t="s">
        <v>18679</v>
      </c>
      <c r="E6069" s="2" t="s">
        <v>18680</v>
      </c>
      <c r="F6069" s="2" t="s">
        <v>7528</v>
      </c>
      <c r="G6069" s="8">
        <v>296</v>
      </c>
      <c r="H6069" s="5">
        <v>6</v>
      </c>
      <c r="I6069" s="5" t="s">
        <v>1518</v>
      </c>
      <c r="J6069" s="5" t="s">
        <v>1519</v>
      </c>
      <c r="K6069" s="2" t="s">
        <v>1520</v>
      </c>
      <c r="L6069" s="5" t="s">
        <v>1519</v>
      </c>
      <c r="M6069" s="2" t="s">
        <v>1520</v>
      </c>
      <c r="N6069" s="5" t="s">
        <v>1521</v>
      </c>
      <c r="O6069" s="5" t="s">
        <v>38</v>
      </c>
      <c r="P6069" s="5" t="s">
        <v>39</v>
      </c>
      <c r="Q6069" s="5" t="s">
        <v>40</v>
      </c>
      <c r="R6069" s="5" t="s">
        <v>1522</v>
      </c>
      <c r="S6069" s="5" t="s">
        <v>1523</v>
      </c>
      <c r="T6069" s="5" t="s">
        <v>42</v>
      </c>
      <c r="U6069" s="2">
        <v>3.8820000000000001</v>
      </c>
      <c r="V6069" s="2">
        <v>3.2229999999999999</v>
      </c>
      <c r="W6069" s="2">
        <v>0.02</v>
      </c>
      <c r="X6069" s="2">
        <v>159.1</v>
      </c>
      <c r="Y6069" s="2">
        <v>7.6</v>
      </c>
      <c r="Z6069" s="2">
        <v>16.7</v>
      </c>
      <c r="AA6069" s="5"/>
      <c r="AB6069" s="5" t="s">
        <v>43</v>
      </c>
      <c r="AC6069" s="5" t="s">
        <v>44</v>
      </c>
      <c r="AD6069" s="2"/>
      <c r="AE6069" s="1"/>
    </row>
    <row r="6070" spans="1:31" ht="14.45">
      <c r="A6070" s="11"/>
      <c r="B6070" s="20"/>
      <c r="C6070" s="2" t="s">
        <v>18681</v>
      </c>
      <c r="D6070" s="14" t="s">
        <v>18682</v>
      </c>
      <c r="E6070" s="2" t="s">
        <v>18683</v>
      </c>
      <c r="F6070" s="2" t="s">
        <v>7406</v>
      </c>
      <c r="G6070" s="8">
        <v>321</v>
      </c>
      <c r="H6070" s="5">
        <v>6</v>
      </c>
      <c r="I6070" s="5" t="s">
        <v>1518</v>
      </c>
      <c r="J6070" s="5" t="s">
        <v>1519</v>
      </c>
      <c r="K6070" s="2" t="s">
        <v>1520</v>
      </c>
      <c r="L6070" s="5" t="s">
        <v>1519</v>
      </c>
      <c r="M6070" s="2" t="s">
        <v>1520</v>
      </c>
      <c r="N6070" s="5" t="s">
        <v>1521</v>
      </c>
      <c r="O6070" s="5" t="s">
        <v>38</v>
      </c>
      <c r="P6070" s="5" t="s">
        <v>39</v>
      </c>
      <c r="Q6070" s="5" t="s">
        <v>40</v>
      </c>
      <c r="R6070" s="5" t="s">
        <v>1522</v>
      </c>
      <c r="S6070" s="5" t="s">
        <v>1523</v>
      </c>
      <c r="T6070" s="5" t="s">
        <v>42</v>
      </c>
      <c r="U6070" s="2">
        <v>3.758</v>
      </c>
      <c r="V6070" s="2">
        <v>3.0990000000000002</v>
      </c>
      <c r="W6070" s="2">
        <v>0.02</v>
      </c>
      <c r="X6070" s="2">
        <v>159.1</v>
      </c>
      <c r="Y6070" s="2">
        <v>7.6</v>
      </c>
      <c r="Z6070" s="2">
        <v>16.7</v>
      </c>
      <c r="AA6070" s="5"/>
      <c r="AB6070" s="5" t="s">
        <v>43</v>
      </c>
      <c r="AC6070" s="5" t="s">
        <v>44</v>
      </c>
      <c r="AD6070" s="2"/>
      <c r="AE6070" s="1"/>
    </row>
    <row r="6071" spans="1:31" ht="14.45">
      <c r="A6071" s="11"/>
      <c r="B6071" s="20"/>
      <c r="C6071" s="2" t="s">
        <v>18684</v>
      </c>
      <c r="D6071" s="14" t="s">
        <v>18685</v>
      </c>
      <c r="E6071" s="2" t="s">
        <v>18686</v>
      </c>
      <c r="F6071" s="2" t="s">
        <v>7535</v>
      </c>
      <c r="G6071" s="8">
        <v>321</v>
      </c>
      <c r="H6071" s="5">
        <v>6</v>
      </c>
      <c r="I6071" s="5" t="s">
        <v>1518</v>
      </c>
      <c r="J6071" s="5" t="s">
        <v>1519</v>
      </c>
      <c r="K6071" s="2" t="s">
        <v>1520</v>
      </c>
      <c r="L6071" s="5" t="s">
        <v>1519</v>
      </c>
      <c r="M6071" s="2" t="s">
        <v>1520</v>
      </c>
      <c r="N6071" s="5" t="s">
        <v>1521</v>
      </c>
      <c r="O6071" s="5" t="s">
        <v>38</v>
      </c>
      <c r="P6071" s="5" t="s">
        <v>39</v>
      </c>
      <c r="Q6071" s="5" t="s">
        <v>40</v>
      </c>
      <c r="R6071" s="5" t="s">
        <v>1522</v>
      </c>
      <c r="S6071" s="5" t="s">
        <v>1523</v>
      </c>
      <c r="T6071" s="5" t="s">
        <v>42</v>
      </c>
      <c r="U6071" s="2">
        <v>3.8820000000000001</v>
      </c>
      <c r="V6071" s="2">
        <v>3.2229999999999999</v>
      </c>
      <c r="W6071" s="2">
        <v>0.02</v>
      </c>
      <c r="X6071" s="2">
        <v>159.1</v>
      </c>
      <c r="Y6071" s="2">
        <v>7.6</v>
      </c>
      <c r="Z6071" s="2">
        <v>16.7</v>
      </c>
      <c r="AA6071" s="5"/>
      <c r="AB6071" s="5" t="s">
        <v>43</v>
      </c>
      <c r="AC6071" s="5" t="s">
        <v>44</v>
      </c>
      <c r="AD6071" s="2"/>
      <c r="AE6071" s="1"/>
    </row>
    <row r="6072" spans="1:31" ht="14.45">
      <c r="A6072" s="11"/>
      <c r="B6072" s="20"/>
      <c r="C6072" s="2" t="s">
        <v>18687</v>
      </c>
      <c r="D6072" s="14" t="s">
        <v>18688</v>
      </c>
      <c r="E6072" s="2" t="s">
        <v>18689</v>
      </c>
      <c r="F6072" s="2" t="s">
        <v>7539</v>
      </c>
      <c r="G6072" s="8">
        <v>321</v>
      </c>
      <c r="H6072" s="5">
        <v>6</v>
      </c>
      <c r="I6072" s="5" t="s">
        <v>1518</v>
      </c>
      <c r="J6072" s="5" t="s">
        <v>1519</v>
      </c>
      <c r="K6072" s="2" t="s">
        <v>1520</v>
      </c>
      <c r="L6072" s="5" t="s">
        <v>1519</v>
      </c>
      <c r="M6072" s="2" t="s">
        <v>1520</v>
      </c>
      <c r="N6072" s="5" t="s">
        <v>1521</v>
      </c>
      <c r="O6072" s="5" t="s">
        <v>38</v>
      </c>
      <c r="P6072" s="5" t="s">
        <v>39</v>
      </c>
      <c r="Q6072" s="5" t="s">
        <v>40</v>
      </c>
      <c r="R6072" s="5" t="s">
        <v>1522</v>
      </c>
      <c r="S6072" s="5" t="s">
        <v>1523</v>
      </c>
      <c r="T6072" s="5" t="s">
        <v>42</v>
      </c>
      <c r="U6072" s="2">
        <v>3.7989999999999999</v>
      </c>
      <c r="V6072" s="2">
        <v>3.14</v>
      </c>
      <c r="W6072" s="2">
        <v>0.02</v>
      </c>
      <c r="X6072" s="2">
        <v>159.1</v>
      </c>
      <c r="Y6072" s="2">
        <v>7.6</v>
      </c>
      <c r="Z6072" s="2">
        <v>16.7</v>
      </c>
      <c r="AA6072" s="5"/>
      <c r="AB6072" s="5" t="s">
        <v>43</v>
      </c>
      <c r="AC6072" s="5" t="s">
        <v>44</v>
      </c>
      <c r="AD6072" s="2"/>
      <c r="AE6072" s="1"/>
    </row>
    <row r="6073" spans="1:31" ht="14.45">
      <c r="A6073" s="11"/>
      <c r="B6073" s="20"/>
      <c r="C6073" s="2" t="s">
        <v>18690</v>
      </c>
      <c r="D6073" s="14" t="s">
        <v>18691</v>
      </c>
      <c r="E6073" s="2" t="s">
        <v>18692</v>
      </c>
      <c r="F6073" s="2" t="s">
        <v>7543</v>
      </c>
      <c r="G6073" s="8">
        <v>321</v>
      </c>
      <c r="H6073" s="5">
        <v>6</v>
      </c>
      <c r="I6073" s="5" t="s">
        <v>1518</v>
      </c>
      <c r="J6073" s="5" t="s">
        <v>1519</v>
      </c>
      <c r="K6073" s="2" t="s">
        <v>1520</v>
      </c>
      <c r="L6073" s="5" t="s">
        <v>1519</v>
      </c>
      <c r="M6073" s="2" t="s">
        <v>1520</v>
      </c>
      <c r="N6073" s="5" t="s">
        <v>1521</v>
      </c>
      <c r="O6073" s="5" t="s">
        <v>38</v>
      </c>
      <c r="P6073" s="5" t="s">
        <v>39</v>
      </c>
      <c r="Q6073" s="5" t="s">
        <v>40</v>
      </c>
      <c r="R6073" s="5" t="s">
        <v>1522</v>
      </c>
      <c r="S6073" s="5" t="s">
        <v>1523</v>
      </c>
      <c r="T6073" s="5" t="s">
        <v>42</v>
      </c>
      <c r="U6073" s="2">
        <v>3.923</v>
      </c>
      <c r="V6073" s="2">
        <v>3.2639999999999998</v>
      </c>
      <c r="W6073" s="2">
        <v>0.02</v>
      </c>
      <c r="X6073" s="2">
        <v>159.1</v>
      </c>
      <c r="Y6073" s="2">
        <v>7.6</v>
      </c>
      <c r="Z6073" s="2">
        <v>16.7</v>
      </c>
      <c r="AA6073" s="5"/>
      <c r="AB6073" s="5" t="s">
        <v>43</v>
      </c>
      <c r="AC6073" s="5" t="s">
        <v>44</v>
      </c>
      <c r="AD6073" s="2"/>
      <c r="AE6073" s="1"/>
    </row>
    <row r="6074" spans="1:31" ht="14.45">
      <c r="A6074" s="11"/>
      <c r="B6074" s="20"/>
      <c r="C6074" s="2" t="s">
        <v>18693</v>
      </c>
      <c r="D6074" s="14" t="s">
        <v>18694</v>
      </c>
      <c r="E6074" s="2" t="s">
        <v>18695</v>
      </c>
      <c r="F6074" s="2" t="s">
        <v>7555</v>
      </c>
      <c r="G6074" s="8">
        <v>321</v>
      </c>
      <c r="H6074" s="5">
        <v>6</v>
      </c>
      <c r="I6074" s="5" t="s">
        <v>1518</v>
      </c>
      <c r="J6074" s="5" t="s">
        <v>1519</v>
      </c>
      <c r="K6074" s="2" t="s">
        <v>1520</v>
      </c>
      <c r="L6074" s="5" t="s">
        <v>1519</v>
      </c>
      <c r="M6074" s="2" t="s">
        <v>1520</v>
      </c>
      <c r="N6074" s="5" t="s">
        <v>1521</v>
      </c>
      <c r="O6074" s="5" t="s">
        <v>38</v>
      </c>
      <c r="P6074" s="5" t="s">
        <v>39</v>
      </c>
      <c r="Q6074" s="5" t="s">
        <v>40</v>
      </c>
      <c r="R6074" s="5" t="s">
        <v>1522</v>
      </c>
      <c r="S6074" s="5" t="s">
        <v>1523</v>
      </c>
      <c r="T6074" s="5" t="s">
        <v>42</v>
      </c>
      <c r="U6074" s="2">
        <v>3.758</v>
      </c>
      <c r="V6074" s="2">
        <v>3.0990000000000002</v>
      </c>
      <c r="W6074" s="2">
        <v>0.02</v>
      </c>
      <c r="X6074" s="2">
        <v>159.1</v>
      </c>
      <c r="Y6074" s="2">
        <v>7.6</v>
      </c>
      <c r="Z6074" s="2">
        <v>16.7</v>
      </c>
      <c r="AA6074" s="5"/>
      <c r="AB6074" s="5" t="s">
        <v>43</v>
      </c>
      <c r="AC6074" s="5" t="s">
        <v>44</v>
      </c>
      <c r="AD6074" s="2"/>
      <c r="AE6074" s="1"/>
    </row>
    <row r="6075" spans="1:31" ht="14.45">
      <c r="A6075" s="11"/>
      <c r="B6075" s="20"/>
      <c r="C6075" s="2" t="s">
        <v>18696</v>
      </c>
      <c r="D6075" s="14" t="s">
        <v>18697</v>
      </c>
      <c r="E6075" s="2" t="s">
        <v>18698</v>
      </c>
      <c r="F6075" s="2" t="s">
        <v>7559</v>
      </c>
      <c r="G6075" s="8">
        <v>321</v>
      </c>
      <c r="H6075" s="5">
        <v>6</v>
      </c>
      <c r="I6075" s="5" t="s">
        <v>1518</v>
      </c>
      <c r="J6075" s="5" t="s">
        <v>1519</v>
      </c>
      <c r="K6075" s="2" t="s">
        <v>1520</v>
      </c>
      <c r="L6075" s="5" t="s">
        <v>1519</v>
      </c>
      <c r="M6075" s="2" t="s">
        <v>1520</v>
      </c>
      <c r="N6075" s="5" t="s">
        <v>1521</v>
      </c>
      <c r="O6075" s="5" t="s">
        <v>38</v>
      </c>
      <c r="P6075" s="5" t="s">
        <v>39</v>
      </c>
      <c r="Q6075" s="5" t="s">
        <v>40</v>
      </c>
      <c r="R6075" s="5" t="s">
        <v>1522</v>
      </c>
      <c r="S6075" s="5" t="s">
        <v>1523</v>
      </c>
      <c r="T6075" s="5" t="s">
        <v>42</v>
      </c>
      <c r="U6075" s="2">
        <v>3.8820000000000001</v>
      </c>
      <c r="V6075" s="2">
        <v>3.2229999999999999</v>
      </c>
      <c r="W6075" s="2">
        <v>0.02</v>
      </c>
      <c r="X6075" s="2">
        <v>159.1</v>
      </c>
      <c r="Y6075" s="2">
        <v>7.6</v>
      </c>
      <c r="Z6075" s="2">
        <v>16.7</v>
      </c>
      <c r="AA6075" s="5"/>
      <c r="AB6075" s="5" t="s">
        <v>43</v>
      </c>
      <c r="AC6075" s="5" t="s">
        <v>44</v>
      </c>
      <c r="AD6075" s="2"/>
      <c r="AE6075" s="1"/>
    </row>
    <row r="6076" spans="1:31" ht="14.45">
      <c r="A6076" s="11"/>
      <c r="B6076" s="20"/>
      <c r="C6076" s="2" t="s">
        <v>18699</v>
      </c>
      <c r="D6076" s="14" t="s">
        <v>18700</v>
      </c>
      <c r="E6076" s="2" t="s">
        <v>18701</v>
      </c>
      <c r="F6076" s="2" t="s">
        <v>7567</v>
      </c>
      <c r="G6076" s="8">
        <v>321</v>
      </c>
      <c r="H6076" s="5">
        <v>6</v>
      </c>
      <c r="I6076" s="5" t="s">
        <v>1518</v>
      </c>
      <c r="J6076" s="5" t="s">
        <v>1519</v>
      </c>
      <c r="K6076" s="2" t="s">
        <v>1520</v>
      </c>
      <c r="L6076" s="5" t="s">
        <v>1519</v>
      </c>
      <c r="M6076" s="2" t="s">
        <v>1520</v>
      </c>
      <c r="N6076" s="5" t="s">
        <v>1521</v>
      </c>
      <c r="O6076" s="5" t="s">
        <v>38</v>
      </c>
      <c r="P6076" s="5" t="s">
        <v>39</v>
      </c>
      <c r="Q6076" s="5" t="s">
        <v>40</v>
      </c>
      <c r="R6076" s="5" t="s">
        <v>1522</v>
      </c>
      <c r="S6076" s="5" t="s">
        <v>1523</v>
      </c>
      <c r="T6076" s="5" t="s">
        <v>42</v>
      </c>
      <c r="U6076" s="2">
        <v>3.923</v>
      </c>
      <c r="V6076" s="2">
        <v>3.2639999999999998</v>
      </c>
      <c r="W6076" s="2">
        <v>0.02</v>
      </c>
      <c r="X6076" s="2">
        <v>159.1</v>
      </c>
      <c r="Y6076" s="2">
        <v>7.6</v>
      </c>
      <c r="Z6076" s="2">
        <v>16.7</v>
      </c>
      <c r="AA6076" s="5"/>
      <c r="AB6076" s="5" t="s">
        <v>43</v>
      </c>
      <c r="AC6076" s="5" t="s">
        <v>44</v>
      </c>
      <c r="AD6076" s="2"/>
      <c r="AE6076" s="1"/>
    </row>
    <row r="6077" spans="1:31" ht="14.45">
      <c r="A6077" s="11"/>
      <c r="B6077" s="20"/>
      <c r="C6077" s="2" t="s">
        <v>18702</v>
      </c>
      <c r="D6077" s="14" t="s">
        <v>18703</v>
      </c>
      <c r="E6077" s="2" t="s">
        <v>18704</v>
      </c>
      <c r="F6077" s="2" t="s">
        <v>16194</v>
      </c>
      <c r="G6077" s="8">
        <v>321</v>
      </c>
      <c r="H6077" s="5">
        <v>6</v>
      </c>
      <c r="I6077" s="5" t="s">
        <v>1518</v>
      </c>
      <c r="J6077" s="5" t="s">
        <v>1519</v>
      </c>
      <c r="K6077" s="2" t="s">
        <v>1520</v>
      </c>
      <c r="L6077" s="5" t="s">
        <v>1519</v>
      </c>
      <c r="M6077" s="2" t="s">
        <v>1520</v>
      </c>
      <c r="N6077" s="5" t="s">
        <v>1521</v>
      </c>
      <c r="O6077" s="5" t="s">
        <v>38</v>
      </c>
      <c r="P6077" s="5" t="s">
        <v>39</v>
      </c>
      <c r="Q6077" s="5" t="s">
        <v>40</v>
      </c>
      <c r="R6077" s="5" t="s">
        <v>1522</v>
      </c>
      <c r="S6077" s="5" t="s">
        <v>1523</v>
      </c>
      <c r="T6077" s="5" t="s">
        <v>42</v>
      </c>
      <c r="U6077" s="2">
        <v>3.923</v>
      </c>
      <c r="V6077" s="2">
        <v>3.2639999999999998</v>
      </c>
      <c r="W6077" s="2">
        <v>0.02</v>
      </c>
      <c r="X6077" s="2">
        <v>159.1</v>
      </c>
      <c r="Y6077" s="2">
        <v>7.6</v>
      </c>
      <c r="Z6077" s="2">
        <v>16.7</v>
      </c>
      <c r="AA6077" s="5"/>
      <c r="AB6077" s="5" t="s">
        <v>43</v>
      </c>
      <c r="AC6077" s="5" t="s">
        <v>44</v>
      </c>
      <c r="AD6077" s="2"/>
      <c r="AE6077" s="1"/>
    </row>
    <row r="6078" spans="1:31" ht="14.45">
      <c r="A6078" s="11"/>
      <c r="B6078" s="20"/>
      <c r="C6078" s="2" t="s">
        <v>18705</v>
      </c>
      <c r="D6078" s="14" t="s">
        <v>18706</v>
      </c>
      <c r="E6078" s="2" t="s">
        <v>18707</v>
      </c>
      <c r="F6078" s="2" t="s">
        <v>7449</v>
      </c>
      <c r="G6078" s="8">
        <v>321</v>
      </c>
      <c r="H6078" s="5">
        <v>6</v>
      </c>
      <c r="I6078" s="5" t="s">
        <v>1518</v>
      </c>
      <c r="J6078" s="5" t="s">
        <v>1519</v>
      </c>
      <c r="K6078" s="2" t="s">
        <v>1520</v>
      </c>
      <c r="L6078" s="5" t="s">
        <v>1519</v>
      </c>
      <c r="M6078" s="2" t="s">
        <v>1520</v>
      </c>
      <c r="N6078" s="5" t="s">
        <v>1521</v>
      </c>
      <c r="O6078" s="5" t="s">
        <v>38</v>
      </c>
      <c r="P6078" s="5" t="s">
        <v>39</v>
      </c>
      <c r="Q6078" s="5" t="s">
        <v>40</v>
      </c>
      <c r="R6078" s="5" t="s">
        <v>1522</v>
      </c>
      <c r="S6078" s="5" t="s">
        <v>1523</v>
      </c>
      <c r="T6078" s="5" t="s">
        <v>42</v>
      </c>
      <c r="U6078" s="2">
        <v>3.7989999999999999</v>
      </c>
      <c r="V6078" s="2">
        <v>3.14</v>
      </c>
      <c r="W6078" s="2">
        <v>0.02</v>
      </c>
      <c r="X6078" s="2">
        <v>159.1</v>
      </c>
      <c r="Y6078" s="2">
        <v>7.6</v>
      </c>
      <c r="Z6078" s="2">
        <v>16.7</v>
      </c>
      <c r="AA6078" s="5"/>
      <c r="AB6078" s="5" t="s">
        <v>43</v>
      </c>
      <c r="AC6078" s="5" t="s">
        <v>44</v>
      </c>
      <c r="AD6078" s="2"/>
      <c r="AE6078" s="1"/>
    </row>
    <row r="6079" spans="1:31" ht="14.45">
      <c r="A6079" s="11"/>
      <c r="B6079" s="20"/>
      <c r="C6079" s="2" t="s">
        <v>18708</v>
      </c>
      <c r="D6079" s="14" t="s">
        <v>18709</v>
      </c>
      <c r="E6079" s="2" t="s">
        <v>18710</v>
      </c>
      <c r="F6079" s="2" t="s">
        <v>7581</v>
      </c>
      <c r="G6079" s="8">
        <v>321</v>
      </c>
      <c r="H6079" s="5">
        <v>6</v>
      </c>
      <c r="I6079" s="5" t="s">
        <v>1518</v>
      </c>
      <c r="J6079" s="5" t="s">
        <v>1519</v>
      </c>
      <c r="K6079" s="2" t="s">
        <v>1520</v>
      </c>
      <c r="L6079" s="5" t="s">
        <v>1519</v>
      </c>
      <c r="M6079" s="2" t="s">
        <v>1520</v>
      </c>
      <c r="N6079" s="5" t="s">
        <v>1521</v>
      </c>
      <c r="O6079" s="5" t="s">
        <v>38</v>
      </c>
      <c r="P6079" s="5" t="s">
        <v>39</v>
      </c>
      <c r="Q6079" s="5" t="s">
        <v>40</v>
      </c>
      <c r="R6079" s="5" t="s">
        <v>1522</v>
      </c>
      <c r="S6079" s="5" t="s">
        <v>1523</v>
      </c>
      <c r="T6079" s="5" t="s">
        <v>42</v>
      </c>
      <c r="U6079" s="2">
        <v>3.923</v>
      </c>
      <c r="V6079" s="2">
        <v>3.2639999999999998</v>
      </c>
      <c r="W6079" s="2">
        <v>0.02</v>
      </c>
      <c r="X6079" s="2">
        <v>159.1</v>
      </c>
      <c r="Y6079" s="2">
        <v>7.6</v>
      </c>
      <c r="Z6079" s="2">
        <v>16.7</v>
      </c>
      <c r="AA6079" s="5"/>
      <c r="AB6079" s="5" t="s">
        <v>43</v>
      </c>
      <c r="AC6079" s="5" t="s">
        <v>44</v>
      </c>
      <c r="AD6079" s="2"/>
      <c r="AE6079" s="1"/>
    </row>
    <row r="6080" spans="1:31" ht="14.45">
      <c r="A6080" s="11"/>
      <c r="B6080" s="20"/>
      <c r="C6080" s="2" t="s">
        <v>18711</v>
      </c>
      <c r="D6080" s="14" t="s">
        <v>18712</v>
      </c>
      <c r="E6080" s="2" t="s">
        <v>18713</v>
      </c>
      <c r="F6080" s="2" t="s">
        <v>7589</v>
      </c>
      <c r="G6080" s="8">
        <v>321</v>
      </c>
      <c r="H6080" s="5">
        <v>6</v>
      </c>
      <c r="I6080" s="5" t="s">
        <v>1518</v>
      </c>
      <c r="J6080" s="5" t="s">
        <v>1519</v>
      </c>
      <c r="K6080" s="2" t="s">
        <v>1520</v>
      </c>
      <c r="L6080" s="5" t="s">
        <v>1519</v>
      </c>
      <c r="M6080" s="2" t="s">
        <v>1520</v>
      </c>
      <c r="N6080" s="5" t="s">
        <v>1521</v>
      </c>
      <c r="O6080" s="5" t="s">
        <v>38</v>
      </c>
      <c r="P6080" s="5" t="s">
        <v>39</v>
      </c>
      <c r="Q6080" s="5" t="s">
        <v>40</v>
      </c>
      <c r="R6080" s="5" t="s">
        <v>1522</v>
      </c>
      <c r="S6080" s="5" t="s">
        <v>1523</v>
      </c>
      <c r="T6080" s="5" t="s">
        <v>42</v>
      </c>
      <c r="U6080" s="2">
        <v>3.8820000000000001</v>
      </c>
      <c r="V6080" s="2">
        <v>3.2229999999999999</v>
      </c>
      <c r="W6080" s="2">
        <v>0.02</v>
      </c>
      <c r="X6080" s="2">
        <v>159.1</v>
      </c>
      <c r="Y6080" s="2">
        <v>7.6</v>
      </c>
      <c r="Z6080" s="2">
        <v>16.7</v>
      </c>
      <c r="AA6080" s="5"/>
      <c r="AB6080" s="5" t="s">
        <v>43</v>
      </c>
      <c r="AC6080" s="5" t="s">
        <v>44</v>
      </c>
      <c r="AD6080" s="2"/>
      <c r="AE6080" s="1"/>
    </row>
    <row r="6081" spans="1:31" ht="14.45">
      <c r="A6081" s="11"/>
      <c r="B6081" s="20"/>
      <c r="C6081" s="2" t="s">
        <v>18714</v>
      </c>
      <c r="D6081" s="14" t="s">
        <v>18715</v>
      </c>
      <c r="E6081" s="2" t="s">
        <v>18716</v>
      </c>
      <c r="F6081" s="2" t="s">
        <v>7593</v>
      </c>
      <c r="G6081" s="8">
        <v>321</v>
      </c>
      <c r="H6081" s="5">
        <v>6</v>
      </c>
      <c r="I6081" s="5" t="s">
        <v>1518</v>
      </c>
      <c r="J6081" s="5" t="s">
        <v>1519</v>
      </c>
      <c r="K6081" s="2" t="s">
        <v>1520</v>
      </c>
      <c r="L6081" s="5" t="s">
        <v>1519</v>
      </c>
      <c r="M6081" s="2" t="s">
        <v>1520</v>
      </c>
      <c r="N6081" s="5" t="s">
        <v>1521</v>
      </c>
      <c r="O6081" s="5" t="s">
        <v>38</v>
      </c>
      <c r="P6081" s="5" t="s">
        <v>39</v>
      </c>
      <c r="Q6081" s="5" t="s">
        <v>40</v>
      </c>
      <c r="R6081" s="5" t="s">
        <v>1522</v>
      </c>
      <c r="S6081" s="5" t="s">
        <v>1523</v>
      </c>
      <c r="T6081" s="5" t="s">
        <v>42</v>
      </c>
      <c r="U6081" s="2">
        <v>3.7989999999999999</v>
      </c>
      <c r="V6081" s="2">
        <v>3.14</v>
      </c>
      <c r="W6081" s="2">
        <v>0.02</v>
      </c>
      <c r="X6081" s="2">
        <v>159.1</v>
      </c>
      <c r="Y6081" s="2">
        <v>7.6</v>
      </c>
      <c r="Z6081" s="2">
        <v>16.7</v>
      </c>
      <c r="AA6081" s="5"/>
      <c r="AB6081" s="5" t="s">
        <v>43</v>
      </c>
      <c r="AC6081" s="5" t="s">
        <v>44</v>
      </c>
      <c r="AD6081" s="2"/>
      <c r="AE6081" s="1"/>
    </row>
    <row r="6082" spans="1:31" ht="14.45">
      <c r="A6082" s="11"/>
      <c r="B6082" s="20"/>
      <c r="C6082" s="2" t="s">
        <v>18717</v>
      </c>
      <c r="D6082" s="14" t="s">
        <v>18718</v>
      </c>
      <c r="E6082" s="2" t="s">
        <v>18719</v>
      </c>
      <c r="F6082" s="2" t="s">
        <v>7597</v>
      </c>
      <c r="G6082" s="8">
        <v>321</v>
      </c>
      <c r="H6082" s="5">
        <v>6</v>
      </c>
      <c r="I6082" s="5" t="s">
        <v>1518</v>
      </c>
      <c r="J6082" s="5" t="s">
        <v>1519</v>
      </c>
      <c r="K6082" s="2" t="s">
        <v>1520</v>
      </c>
      <c r="L6082" s="5" t="s">
        <v>1519</v>
      </c>
      <c r="M6082" s="2" t="s">
        <v>1520</v>
      </c>
      <c r="N6082" s="5" t="s">
        <v>1521</v>
      </c>
      <c r="O6082" s="5" t="s">
        <v>38</v>
      </c>
      <c r="P6082" s="5" t="s">
        <v>39</v>
      </c>
      <c r="Q6082" s="5" t="s">
        <v>40</v>
      </c>
      <c r="R6082" s="5" t="s">
        <v>1522</v>
      </c>
      <c r="S6082" s="5" t="s">
        <v>1523</v>
      </c>
      <c r="T6082" s="5" t="s">
        <v>42</v>
      </c>
      <c r="U6082" s="2">
        <v>3.923</v>
      </c>
      <c r="V6082" s="2">
        <v>3.2639999999999998</v>
      </c>
      <c r="W6082" s="2">
        <v>0.02</v>
      </c>
      <c r="X6082" s="2">
        <v>159.1</v>
      </c>
      <c r="Y6082" s="2">
        <v>7.6</v>
      </c>
      <c r="Z6082" s="2">
        <v>16.7</v>
      </c>
      <c r="AA6082" s="5"/>
      <c r="AB6082" s="5" t="s">
        <v>43</v>
      </c>
      <c r="AC6082" s="5" t="s">
        <v>44</v>
      </c>
      <c r="AD6082" s="2"/>
      <c r="AE6082" s="1"/>
    </row>
    <row r="6083" spans="1:31" ht="14.45">
      <c r="A6083" s="11"/>
      <c r="B6083" s="20"/>
      <c r="C6083" s="2" t="s">
        <v>18720</v>
      </c>
      <c r="D6083" s="14" t="s">
        <v>18721</v>
      </c>
      <c r="E6083" s="2" t="s">
        <v>18722</v>
      </c>
      <c r="F6083" s="2" t="s">
        <v>16018</v>
      </c>
      <c r="G6083" s="8">
        <v>321</v>
      </c>
      <c r="H6083" s="5">
        <v>6</v>
      </c>
      <c r="I6083" s="5" t="s">
        <v>1518</v>
      </c>
      <c r="J6083" s="5" t="s">
        <v>1519</v>
      </c>
      <c r="K6083" s="2" t="s">
        <v>1520</v>
      </c>
      <c r="L6083" s="5" t="s">
        <v>1519</v>
      </c>
      <c r="M6083" s="2" t="s">
        <v>1520</v>
      </c>
      <c r="N6083" s="5" t="s">
        <v>1521</v>
      </c>
      <c r="O6083" s="5" t="s">
        <v>38</v>
      </c>
      <c r="P6083" s="5" t="s">
        <v>39</v>
      </c>
      <c r="Q6083" s="5" t="s">
        <v>40</v>
      </c>
      <c r="R6083" s="5" t="s">
        <v>1522</v>
      </c>
      <c r="S6083" s="5" t="s">
        <v>1523</v>
      </c>
      <c r="T6083" s="5" t="s">
        <v>42</v>
      </c>
      <c r="U6083" s="2">
        <v>3.7989999999999999</v>
      </c>
      <c r="V6083" s="2">
        <v>3.14</v>
      </c>
      <c r="W6083" s="2">
        <v>0.02</v>
      </c>
      <c r="X6083" s="2">
        <v>159.1</v>
      </c>
      <c r="Y6083" s="2">
        <v>7.6</v>
      </c>
      <c r="Z6083" s="2">
        <v>16.7</v>
      </c>
      <c r="AA6083" s="5"/>
      <c r="AB6083" s="5" t="s">
        <v>43</v>
      </c>
      <c r="AC6083" s="5" t="s">
        <v>44</v>
      </c>
      <c r="AD6083" s="2"/>
      <c r="AE6083" s="1"/>
    </row>
    <row r="6084" spans="1:31" ht="14.45">
      <c r="A6084" s="11"/>
      <c r="B6084" s="20"/>
      <c r="C6084" s="2" t="s">
        <v>18723</v>
      </c>
      <c r="D6084" s="14" t="s">
        <v>18724</v>
      </c>
      <c r="E6084" s="2" t="s">
        <v>18725</v>
      </c>
      <c r="F6084" s="2" t="s">
        <v>16022</v>
      </c>
      <c r="G6084" s="8">
        <v>321</v>
      </c>
      <c r="H6084" s="5">
        <v>6</v>
      </c>
      <c r="I6084" s="5" t="s">
        <v>1518</v>
      </c>
      <c r="J6084" s="5" t="s">
        <v>1519</v>
      </c>
      <c r="K6084" s="2" t="s">
        <v>1520</v>
      </c>
      <c r="L6084" s="5" t="s">
        <v>1519</v>
      </c>
      <c r="M6084" s="2" t="s">
        <v>1520</v>
      </c>
      <c r="N6084" s="5" t="s">
        <v>1521</v>
      </c>
      <c r="O6084" s="5" t="s">
        <v>38</v>
      </c>
      <c r="P6084" s="5" t="s">
        <v>39</v>
      </c>
      <c r="Q6084" s="5" t="s">
        <v>40</v>
      </c>
      <c r="R6084" s="5" t="s">
        <v>1522</v>
      </c>
      <c r="S6084" s="5" t="s">
        <v>1523</v>
      </c>
      <c r="T6084" s="5" t="s">
        <v>42</v>
      </c>
      <c r="U6084" s="2">
        <v>3.923</v>
      </c>
      <c r="V6084" s="2">
        <v>3.2639999999999998</v>
      </c>
      <c r="W6084" s="2">
        <v>0.02</v>
      </c>
      <c r="X6084" s="2">
        <v>159.1</v>
      </c>
      <c r="Y6084" s="2">
        <v>7.6</v>
      </c>
      <c r="Z6084" s="2">
        <v>16.7</v>
      </c>
      <c r="AA6084" s="5"/>
      <c r="AB6084" s="5" t="s">
        <v>43</v>
      </c>
      <c r="AC6084" s="5" t="s">
        <v>44</v>
      </c>
      <c r="AD6084" s="2"/>
      <c r="AE6084" s="1"/>
    </row>
    <row r="6085" spans="1:31" ht="14.45">
      <c r="A6085" s="11"/>
      <c r="B6085" s="20"/>
      <c r="C6085" s="2" t="s">
        <v>18726</v>
      </c>
      <c r="D6085" s="14" t="s">
        <v>18727</v>
      </c>
      <c r="E6085" s="2" t="s">
        <v>18728</v>
      </c>
      <c r="F6085" s="2" t="s">
        <v>7615</v>
      </c>
      <c r="G6085" s="8">
        <v>321</v>
      </c>
      <c r="H6085" s="5">
        <v>6</v>
      </c>
      <c r="I6085" s="5" t="s">
        <v>1518</v>
      </c>
      <c r="J6085" s="5" t="s">
        <v>1519</v>
      </c>
      <c r="K6085" s="2" t="s">
        <v>1520</v>
      </c>
      <c r="L6085" s="5" t="s">
        <v>1519</v>
      </c>
      <c r="M6085" s="2" t="s">
        <v>1520</v>
      </c>
      <c r="N6085" s="5" t="s">
        <v>1521</v>
      </c>
      <c r="O6085" s="5" t="s">
        <v>38</v>
      </c>
      <c r="P6085" s="5" t="s">
        <v>39</v>
      </c>
      <c r="Q6085" s="5" t="s">
        <v>40</v>
      </c>
      <c r="R6085" s="5" t="s">
        <v>1522</v>
      </c>
      <c r="S6085" s="5" t="s">
        <v>1523</v>
      </c>
      <c r="T6085" s="5" t="s">
        <v>42</v>
      </c>
      <c r="U6085" s="2">
        <v>3.758</v>
      </c>
      <c r="V6085" s="2">
        <v>3.0990000000000002</v>
      </c>
      <c r="W6085" s="2">
        <v>0.02</v>
      </c>
      <c r="X6085" s="2">
        <v>159.1</v>
      </c>
      <c r="Y6085" s="2">
        <v>7.6</v>
      </c>
      <c r="Z6085" s="2">
        <v>16.7</v>
      </c>
      <c r="AA6085" s="5"/>
      <c r="AB6085" s="5" t="s">
        <v>43</v>
      </c>
      <c r="AC6085" s="5" t="s">
        <v>44</v>
      </c>
      <c r="AD6085" s="2"/>
      <c r="AE6085" s="1"/>
    </row>
    <row r="6086" spans="1:31" ht="14.45">
      <c r="A6086" s="11"/>
      <c r="B6086" s="20"/>
      <c r="C6086" s="2" t="s">
        <v>18729</v>
      </c>
      <c r="D6086" s="14" t="s">
        <v>18730</v>
      </c>
      <c r="E6086" s="2" t="s">
        <v>18731</v>
      </c>
      <c r="F6086" s="2" t="s">
        <v>7619</v>
      </c>
      <c r="G6086" s="8">
        <v>321</v>
      </c>
      <c r="H6086" s="5">
        <v>6</v>
      </c>
      <c r="I6086" s="5" t="s">
        <v>1518</v>
      </c>
      <c r="J6086" s="5" t="s">
        <v>1519</v>
      </c>
      <c r="K6086" s="2" t="s">
        <v>1520</v>
      </c>
      <c r="L6086" s="5" t="s">
        <v>1519</v>
      </c>
      <c r="M6086" s="2" t="s">
        <v>1520</v>
      </c>
      <c r="N6086" s="5" t="s">
        <v>1521</v>
      </c>
      <c r="O6086" s="5" t="s">
        <v>38</v>
      </c>
      <c r="P6086" s="5" t="s">
        <v>39</v>
      </c>
      <c r="Q6086" s="5" t="s">
        <v>40</v>
      </c>
      <c r="R6086" s="5" t="s">
        <v>1522</v>
      </c>
      <c r="S6086" s="5" t="s">
        <v>1523</v>
      </c>
      <c r="T6086" s="5" t="s">
        <v>42</v>
      </c>
      <c r="U6086" s="2">
        <v>3.8820000000000001</v>
      </c>
      <c r="V6086" s="2">
        <v>3.2229999999999999</v>
      </c>
      <c r="W6086" s="2">
        <v>0.02</v>
      </c>
      <c r="X6086" s="2">
        <v>159.1</v>
      </c>
      <c r="Y6086" s="2">
        <v>7.6</v>
      </c>
      <c r="Z6086" s="2">
        <v>16.7</v>
      </c>
      <c r="AA6086" s="5"/>
      <c r="AB6086" s="5" t="s">
        <v>43</v>
      </c>
      <c r="AC6086" s="5" t="s">
        <v>44</v>
      </c>
      <c r="AD6086" s="2"/>
      <c r="AE6086" s="1"/>
    </row>
    <row r="6087" spans="1:31" ht="14.45">
      <c r="A6087" s="11"/>
      <c r="B6087" s="20"/>
      <c r="C6087" s="2" t="s">
        <v>18732</v>
      </c>
      <c r="D6087" s="14" t="s">
        <v>18733</v>
      </c>
      <c r="E6087" s="2" t="s">
        <v>18734</v>
      </c>
      <c r="F6087" s="2" t="s">
        <v>16029</v>
      </c>
      <c r="G6087" s="8">
        <v>321</v>
      </c>
      <c r="H6087" s="5">
        <v>11</v>
      </c>
      <c r="I6087" s="5" t="s">
        <v>1518</v>
      </c>
      <c r="J6087" s="5" t="s">
        <v>1519</v>
      </c>
      <c r="K6087" s="2" t="s">
        <v>1520</v>
      </c>
      <c r="L6087" s="5" t="s">
        <v>1519</v>
      </c>
      <c r="M6087" s="2" t="s">
        <v>1520</v>
      </c>
      <c r="N6087" s="5" t="s">
        <v>1521</v>
      </c>
      <c r="O6087" s="5" t="s">
        <v>38</v>
      </c>
      <c r="P6087" s="5" t="s">
        <v>39</v>
      </c>
      <c r="Q6087" s="5" t="s">
        <v>40</v>
      </c>
      <c r="R6087" s="5" t="s">
        <v>1522</v>
      </c>
      <c r="S6087" s="5" t="s">
        <v>1523</v>
      </c>
      <c r="T6087" s="5" t="s">
        <v>42</v>
      </c>
      <c r="U6087" s="2">
        <v>3.8130000000000002</v>
      </c>
      <c r="V6087" s="2">
        <v>3.1539999999999999</v>
      </c>
      <c r="W6087" s="2">
        <v>0.02</v>
      </c>
      <c r="X6087" s="2">
        <v>159.1</v>
      </c>
      <c r="Y6087" s="2">
        <v>7.6</v>
      </c>
      <c r="Z6087" s="2">
        <v>16.7</v>
      </c>
      <c r="AA6087" s="5"/>
      <c r="AB6087" s="5" t="s">
        <v>43</v>
      </c>
      <c r="AC6087" s="5" t="s">
        <v>44</v>
      </c>
      <c r="AD6087" s="2"/>
      <c r="AE6087" s="1"/>
    </row>
    <row r="6088" spans="1:31" ht="14.45">
      <c r="A6088" s="11"/>
      <c r="B6088" s="20"/>
      <c r="C6088" s="2" t="s">
        <v>18735</v>
      </c>
      <c r="D6088" s="14" t="s">
        <v>18736</v>
      </c>
      <c r="E6088" s="2" t="s">
        <v>18737</v>
      </c>
      <c r="F6088" s="2" t="s">
        <v>16033</v>
      </c>
      <c r="G6088" s="8">
        <v>321</v>
      </c>
      <c r="H6088" s="5">
        <v>11</v>
      </c>
      <c r="I6088" s="5" t="s">
        <v>1518</v>
      </c>
      <c r="J6088" s="5" t="s">
        <v>1519</v>
      </c>
      <c r="K6088" s="2" t="s">
        <v>1520</v>
      </c>
      <c r="L6088" s="5" t="s">
        <v>1519</v>
      </c>
      <c r="M6088" s="2" t="s">
        <v>1520</v>
      </c>
      <c r="N6088" s="5" t="s">
        <v>1521</v>
      </c>
      <c r="O6088" s="5" t="s">
        <v>38</v>
      </c>
      <c r="P6088" s="5" t="s">
        <v>39</v>
      </c>
      <c r="Q6088" s="5" t="s">
        <v>40</v>
      </c>
      <c r="R6088" s="5" t="s">
        <v>1522</v>
      </c>
      <c r="S6088" s="5" t="s">
        <v>1523</v>
      </c>
      <c r="T6088" s="5" t="s">
        <v>42</v>
      </c>
      <c r="U6088" s="2">
        <v>3.9369999999999998</v>
      </c>
      <c r="V6088" s="2">
        <v>3.278</v>
      </c>
      <c r="W6088" s="2">
        <v>0.02</v>
      </c>
      <c r="X6088" s="2">
        <v>159.1</v>
      </c>
      <c r="Y6088" s="2">
        <v>7.6</v>
      </c>
      <c r="Z6088" s="2">
        <v>16.7</v>
      </c>
      <c r="AA6088" s="5"/>
      <c r="AB6088" s="5" t="s">
        <v>43</v>
      </c>
      <c r="AC6088" s="5" t="s">
        <v>44</v>
      </c>
      <c r="AD6088" s="2"/>
      <c r="AE6088" s="1"/>
    </row>
    <row r="6089" spans="1:31" ht="14.45">
      <c r="A6089" s="11"/>
      <c r="B6089" s="20"/>
      <c r="C6089" s="2" t="s">
        <v>18738</v>
      </c>
      <c r="D6089" s="14" t="s">
        <v>18739</v>
      </c>
      <c r="E6089" s="2" t="s">
        <v>18740</v>
      </c>
      <c r="F6089" s="2" t="s">
        <v>7396</v>
      </c>
      <c r="G6089" s="8">
        <v>278</v>
      </c>
      <c r="H6089" s="5">
        <v>6</v>
      </c>
      <c r="I6089" s="5" t="s">
        <v>1518</v>
      </c>
      <c r="J6089" s="5" t="s">
        <v>1519</v>
      </c>
      <c r="K6089" s="2" t="s">
        <v>1520</v>
      </c>
      <c r="L6089" s="5" t="s">
        <v>1519</v>
      </c>
      <c r="M6089" s="2" t="s">
        <v>1520</v>
      </c>
      <c r="N6089" s="5" t="s">
        <v>1521</v>
      </c>
      <c r="O6089" s="5" t="s">
        <v>38</v>
      </c>
      <c r="P6089" s="5" t="s">
        <v>39</v>
      </c>
      <c r="Q6089" s="5" t="s">
        <v>40</v>
      </c>
      <c r="R6089" s="5" t="s">
        <v>1522</v>
      </c>
      <c r="S6089" s="5" t="s">
        <v>1523</v>
      </c>
      <c r="T6089" s="5" t="s">
        <v>42</v>
      </c>
      <c r="U6089" s="2">
        <v>3.4769999999999999</v>
      </c>
      <c r="V6089" s="2">
        <v>2.8109999999999999</v>
      </c>
      <c r="W6089" s="2">
        <v>0.02</v>
      </c>
      <c r="X6089" s="2">
        <v>159.1</v>
      </c>
      <c r="Y6089" s="2">
        <v>7.6</v>
      </c>
      <c r="Z6089" s="2">
        <v>16.7</v>
      </c>
      <c r="AA6089" s="5"/>
      <c r="AB6089" s="5" t="s">
        <v>43</v>
      </c>
      <c r="AC6089" s="5" t="s">
        <v>44</v>
      </c>
      <c r="AD6089" s="2"/>
      <c r="AE6089" s="1"/>
    </row>
    <row r="6090" spans="1:31" ht="14.45">
      <c r="A6090" s="11"/>
      <c r="B6090" s="20"/>
      <c r="C6090" s="2" t="s">
        <v>18741</v>
      </c>
      <c r="D6090" s="14" t="s">
        <v>18742</v>
      </c>
      <c r="E6090" s="2" t="s">
        <v>18743</v>
      </c>
      <c r="F6090" s="2" t="s">
        <v>7507</v>
      </c>
      <c r="G6090" s="8">
        <v>278</v>
      </c>
      <c r="H6090" s="5">
        <v>6</v>
      </c>
      <c r="I6090" s="5" t="s">
        <v>1518</v>
      </c>
      <c r="J6090" s="5" t="s">
        <v>1519</v>
      </c>
      <c r="K6090" s="2" t="s">
        <v>1520</v>
      </c>
      <c r="L6090" s="5" t="s">
        <v>1519</v>
      </c>
      <c r="M6090" s="2" t="s">
        <v>1520</v>
      </c>
      <c r="N6090" s="5" t="s">
        <v>1521</v>
      </c>
      <c r="O6090" s="5" t="s">
        <v>38</v>
      </c>
      <c r="P6090" s="5" t="s">
        <v>39</v>
      </c>
      <c r="Q6090" s="5" t="s">
        <v>40</v>
      </c>
      <c r="R6090" s="5" t="s">
        <v>1522</v>
      </c>
      <c r="S6090" s="5" t="s">
        <v>1523</v>
      </c>
      <c r="T6090" s="5" t="s">
        <v>42</v>
      </c>
      <c r="U6090" s="2">
        <v>3.5720000000000001</v>
      </c>
      <c r="V6090" s="2">
        <v>2.9060000000000001</v>
      </c>
      <c r="W6090" s="2">
        <v>0.02</v>
      </c>
      <c r="X6090" s="2">
        <v>159.1</v>
      </c>
      <c r="Y6090" s="2">
        <v>7.6</v>
      </c>
      <c r="Z6090" s="2">
        <v>16.7</v>
      </c>
      <c r="AA6090" s="5"/>
      <c r="AB6090" s="5" t="s">
        <v>43</v>
      </c>
      <c r="AC6090" s="5" t="s">
        <v>44</v>
      </c>
      <c r="AD6090" s="2"/>
      <c r="AE6090" s="1"/>
    </row>
    <row r="6091" spans="1:31" ht="14.45">
      <c r="A6091" s="11"/>
      <c r="B6091" s="20"/>
      <c r="C6091" s="2" t="s">
        <v>18744</v>
      </c>
      <c r="D6091" s="14" t="s">
        <v>18745</v>
      </c>
      <c r="E6091" s="2" t="s">
        <v>18746</v>
      </c>
      <c r="F6091" s="2" t="s">
        <v>7204</v>
      </c>
      <c r="G6091" s="8">
        <v>278</v>
      </c>
      <c r="H6091" s="5">
        <v>6</v>
      </c>
      <c r="I6091" s="5" t="s">
        <v>1518</v>
      </c>
      <c r="J6091" s="5" t="s">
        <v>1519</v>
      </c>
      <c r="K6091" s="2" t="s">
        <v>1520</v>
      </c>
      <c r="L6091" s="5" t="s">
        <v>1519</v>
      </c>
      <c r="M6091" s="2" t="s">
        <v>1520</v>
      </c>
      <c r="N6091" s="5" t="s">
        <v>1521</v>
      </c>
      <c r="O6091" s="5" t="s">
        <v>38</v>
      </c>
      <c r="P6091" s="5" t="s">
        <v>39</v>
      </c>
      <c r="Q6091" s="5" t="s">
        <v>40</v>
      </c>
      <c r="R6091" s="5" t="s">
        <v>1522</v>
      </c>
      <c r="S6091" s="5" t="s">
        <v>1523</v>
      </c>
      <c r="T6091" s="5" t="s">
        <v>42</v>
      </c>
      <c r="U6091" s="2">
        <v>3.4860000000000002</v>
      </c>
      <c r="V6091" s="2">
        <v>2.82</v>
      </c>
      <c r="W6091" s="2">
        <v>0.02</v>
      </c>
      <c r="X6091" s="2">
        <v>159.1</v>
      </c>
      <c r="Y6091" s="2">
        <v>7.6</v>
      </c>
      <c r="Z6091" s="2">
        <v>16.7</v>
      </c>
      <c r="AA6091" s="5"/>
      <c r="AB6091" s="5" t="s">
        <v>43</v>
      </c>
      <c r="AC6091" s="5" t="s">
        <v>44</v>
      </c>
      <c r="AD6091" s="2"/>
      <c r="AE6091" s="1"/>
    </row>
    <row r="6092" spans="1:31" ht="14.45">
      <c r="A6092" s="11"/>
      <c r="B6092" s="20"/>
      <c r="C6092" s="2" t="s">
        <v>18747</v>
      </c>
      <c r="D6092" s="14" t="s">
        <v>18748</v>
      </c>
      <c r="E6092" s="2" t="s">
        <v>18749</v>
      </c>
      <c r="F6092" s="2" t="s">
        <v>7514</v>
      </c>
      <c r="G6092" s="8">
        <v>278</v>
      </c>
      <c r="H6092" s="5">
        <v>6</v>
      </c>
      <c r="I6092" s="5" t="s">
        <v>1518</v>
      </c>
      <c r="J6092" s="5" t="s">
        <v>1519</v>
      </c>
      <c r="K6092" s="2" t="s">
        <v>1520</v>
      </c>
      <c r="L6092" s="5" t="s">
        <v>1519</v>
      </c>
      <c r="M6092" s="2" t="s">
        <v>1520</v>
      </c>
      <c r="N6092" s="5" t="s">
        <v>1521</v>
      </c>
      <c r="O6092" s="5" t="s">
        <v>38</v>
      </c>
      <c r="P6092" s="5" t="s">
        <v>39</v>
      </c>
      <c r="Q6092" s="5" t="s">
        <v>40</v>
      </c>
      <c r="R6092" s="5" t="s">
        <v>1522</v>
      </c>
      <c r="S6092" s="5" t="s">
        <v>1523</v>
      </c>
      <c r="T6092" s="5" t="s">
        <v>42</v>
      </c>
      <c r="U6092" s="2">
        <v>3.581</v>
      </c>
      <c r="V6092" s="2">
        <v>2.915</v>
      </c>
      <c r="W6092" s="2">
        <v>0.02</v>
      </c>
      <c r="X6092" s="2">
        <v>159.1</v>
      </c>
      <c r="Y6092" s="2">
        <v>7.6</v>
      </c>
      <c r="Z6092" s="2">
        <v>16.7</v>
      </c>
      <c r="AA6092" s="5"/>
      <c r="AB6092" s="5" t="s">
        <v>43</v>
      </c>
      <c r="AC6092" s="5" t="s">
        <v>44</v>
      </c>
      <c r="AD6092" s="2"/>
      <c r="AE6092" s="1"/>
    </row>
    <row r="6093" spans="1:31" ht="14.45">
      <c r="A6093" s="11"/>
      <c r="B6093" s="20"/>
      <c r="C6093" s="2" t="s">
        <v>18750</v>
      </c>
      <c r="D6093" s="14" t="s">
        <v>18751</v>
      </c>
      <c r="E6093" s="2" t="s">
        <v>18752</v>
      </c>
      <c r="F6093" s="2" t="s">
        <v>7208</v>
      </c>
      <c r="G6093" s="8">
        <v>278</v>
      </c>
      <c r="H6093" s="5">
        <v>6</v>
      </c>
      <c r="I6093" s="5" t="s">
        <v>1518</v>
      </c>
      <c r="J6093" s="5" t="s">
        <v>1519</v>
      </c>
      <c r="K6093" s="2" t="s">
        <v>1520</v>
      </c>
      <c r="L6093" s="5" t="s">
        <v>1519</v>
      </c>
      <c r="M6093" s="2" t="s">
        <v>1520</v>
      </c>
      <c r="N6093" s="5" t="s">
        <v>1521</v>
      </c>
      <c r="O6093" s="5" t="s">
        <v>38</v>
      </c>
      <c r="P6093" s="5" t="s">
        <v>39</v>
      </c>
      <c r="Q6093" s="5" t="s">
        <v>40</v>
      </c>
      <c r="R6093" s="5" t="s">
        <v>1522</v>
      </c>
      <c r="S6093" s="5" t="s">
        <v>1523</v>
      </c>
      <c r="T6093" s="5" t="s">
        <v>42</v>
      </c>
      <c r="U6093" s="2">
        <v>3.4860000000000002</v>
      </c>
      <c r="V6093" s="2">
        <v>2.82</v>
      </c>
      <c r="W6093" s="2">
        <v>0.02</v>
      </c>
      <c r="X6093" s="2">
        <v>159.1</v>
      </c>
      <c r="Y6093" s="2">
        <v>7.6</v>
      </c>
      <c r="Z6093" s="2">
        <v>16.7</v>
      </c>
      <c r="AA6093" s="5"/>
      <c r="AB6093" s="5" t="s">
        <v>43</v>
      </c>
      <c r="AC6093" s="5" t="s">
        <v>44</v>
      </c>
      <c r="AD6093" s="2"/>
      <c r="AE6093" s="1"/>
    </row>
    <row r="6094" spans="1:31" ht="14.45">
      <c r="A6094" s="11"/>
      <c r="B6094" s="20"/>
      <c r="C6094" s="2" t="s">
        <v>18753</v>
      </c>
      <c r="D6094" s="14" t="s">
        <v>18754</v>
      </c>
      <c r="E6094" s="2" t="s">
        <v>18755</v>
      </c>
      <c r="F6094" s="2" t="s">
        <v>7521</v>
      </c>
      <c r="G6094" s="8">
        <v>278</v>
      </c>
      <c r="H6094" s="5">
        <v>6</v>
      </c>
      <c r="I6094" s="5" t="s">
        <v>1518</v>
      </c>
      <c r="J6094" s="5" t="s">
        <v>1519</v>
      </c>
      <c r="K6094" s="2" t="s">
        <v>1520</v>
      </c>
      <c r="L6094" s="5" t="s">
        <v>1519</v>
      </c>
      <c r="M6094" s="2" t="s">
        <v>1520</v>
      </c>
      <c r="N6094" s="5" t="s">
        <v>1521</v>
      </c>
      <c r="O6094" s="5" t="s">
        <v>38</v>
      </c>
      <c r="P6094" s="5" t="s">
        <v>39</v>
      </c>
      <c r="Q6094" s="5" t="s">
        <v>40</v>
      </c>
      <c r="R6094" s="5" t="s">
        <v>1522</v>
      </c>
      <c r="S6094" s="5" t="s">
        <v>1523</v>
      </c>
      <c r="T6094" s="5" t="s">
        <v>42</v>
      </c>
      <c r="U6094" s="2">
        <v>3.581</v>
      </c>
      <c r="V6094" s="2">
        <v>2.915</v>
      </c>
      <c r="W6094" s="2">
        <v>0.02</v>
      </c>
      <c r="X6094" s="2">
        <v>159.1</v>
      </c>
      <c r="Y6094" s="2">
        <v>7.6</v>
      </c>
      <c r="Z6094" s="2">
        <v>16.7</v>
      </c>
      <c r="AA6094" s="5"/>
      <c r="AB6094" s="5" t="s">
        <v>43</v>
      </c>
      <c r="AC6094" s="5" t="s">
        <v>44</v>
      </c>
      <c r="AD6094" s="2"/>
      <c r="AE6094" s="1"/>
    </row>
    <row r="6095" spans="1:31" ht="14.45">
      <c r="A6095" s="11"/>
      <c r="B6095" s="20"/>
      <c r="C6095" s="2" t="s">
        <v>18756</v>
      </c>
      <c r="D6095" s="14" t="s">
        <v>18757</v>
      </c>
      <c r="E6095" s="2" t="s">
        <v>18758</v>
      </c>
      <c r="F6095" s="2" t="s">
        <v>7212</v>
      </c>
      <c r="G6095" s="8">
        <v>278</v>
      </c>
      <c r="H6095" s="5">
        <v>6</v>
      </c>
      <c r="I6095" s="5" t="s">
        <v>1518</v>
      </c>
      <c r="J6095" s="5" t="s">
        <v>1519</v>
      </c>
      <c r="K6095" s="2" t="s">
        <v>1520</v>
      </c>
      <c r="L6095" s="5" t="s">
        <v>1519</v>
      </c>
      <c r="M6095" s="2" t="s">
        <v>1520</v>
      </c>
      <c r="N6095" s="5" t="s">
        <v>1521</v>
      </c>
      <c r="O6095" s="5" t="s">
        <v>38</v>
      </c>
      <c r="P6095" s="5" t="s">
        <v>39</v>
      </c>
      <c r="Q6095" s="5" t="s">
        <v>40</v>
      </c>
      <c r="R6095" s="5" t="s">
        <v>1522</v>
      </c>
      <c r="S6095" s="5" t="s">
        <v>1523</v>
      </c>
      <c r="T6095" s="5" t="s">
        <v>42</v>
      </c>
      <c r="U6095" s="2">
        <v>3.4590000000000001</v>
      </c>
      <c r="V6095" s="2">
        <v>2.7930000000000001</v>
      </c>
      <c r="W6095" s="2">
        <v>0.02</v>
      </c>
      <c r="X6095" s="2">
        <v>159.1</v>
      </c>
      <c r="Y6095" s="2">
        <v>7.6</v>
      </c>
      <c r="Z6095" s="2">
        <v>16.7</v>
      </c>
      <c r="AA6095" s="5"/>
      <c r="AB6095" s="5" t="s">
        <v>43</v>
      </c>
      <c r="AC6095" s="5" t="s">
        <v>44</v>
      </c>
      <c r="AD6095" s="2"/>
      <c r="AE6095" s="1"/>
    </row>
    <row r="6096" spans="1:31" ht="14.45">
      <c r="A6096" s="11"/>
      <c r="B6096" s="20"/>
      <c r="C6096" s="2" t="s">
        <v>18759</v>
      </c>
      <c r="D6096" s="14" t="s">
        <v>18760</v>
      </c>
      <c r="E6096" s="2" t="s">
        <v>18761</v>
      </c>
      <c r="F6096" s="2" t="s">
        <v>7528</v>
      </c>
      <c r="G6096" s="8">
        <v>278</v>
      </c>
      <c r="H6096" s="5">
        <v>6</v>
      </c>
      <c r="I6096" s="5" t="s">
        <v>1518</v>
      </c>
      <c r="J6096" s="5" t="s">
        <v>1519</v>
      </c>
      <c r="K6096" s="2" t="s">
        <v>1520</v>
      </c>
      <c r="L6096" s="5" t="s">
        <v>1519</v>
      </c>
      <c r="M6096" s="2" t="s">
        <v>1520</v>
      </c>
      <c r="N6096" s="5" t="s">
        <v>1521</v>
      </c>
      <c r="O6096" s="5" t="s">
        <v>38</v>
      </c>
      <c r="P6096" s="5" t="s">
        <v>39</v>
      </c>
      <c r="Q6096" s="5" t="s">
        <v>40</v>
      </c>
      <c r="R6096" s="5" t="s">
        <v>1522</v>
      </c>
      <c r="S6096" s="5" t="s">
        <v>1523</v>
      </c>
      <c r="T6096" s="5" t="s">
        <v>42</v>
      </c>
      <c r="U6096" s="2">
        <v>3.5539999999999998</v>
      </c>
      <c r="V6096" s="2">
        <v>2.8879999999999999</v>
      </c>
      <c r="W6096" s="2">
        <v>0.02</v>
      </c>
      <c r="X6096" s="2">
        <v>159.1</v>
      </c>
      <c r="Y6096" s="2">
        <v>7.6</v>
      </c>
      <c r="Z6096" s="2">
        <v>16.7</v>
      </c>
      <c r="AA6096" s="5"/>
      <c r="AB6096" s="5" t="s">
        <v>43</v>
      </c>
      <c r="AC6096" s="5" t="s">
        <v>44</v>
      </c>
      <c r="AD6096" s="2"/>
      <c r="AE6096" s="1"/>
    </row>
    <row r="6097" spans="1:31" ht="14.45">
      <c r="A6097" s="11"/>
      <c r="B6097" s="20"/>
      <c r="C6097" s="2" t="s">
        <v>18762</v>
      </c>
      <c r="D6097" s="14" t="s">
        <v>18763</v>
      </c>
      <c r="E6097" s="2" t="s">
        <v>18764</v>
      </c>
      <c r="F6097" s="2" t="s">
        <v>7406</v>
      </c>
      <c r="G6097" s="8">
        <v>300</v>
      </c>
      <c r="H6097" s="5">
        <v>6</v>
      </c>
      <c r="I6097" s="5" t="s">
        <v>1518</v>
      </c>
      <c r="J6097" s="5" t="s">
        <v>1519</v>
      </c>
      <c r="K6097" s="2" t="s">
        <v>1520</v>
      </c>
      <c r="L6097" s="5" t="s">
        <v>1519</v>
      </c>
      <c r="M6097" s="2" t="s">
        <v>1520</v>
      </c>
      <c r="N6097" s="5" t="s">
        <v>1521</v>
      </c>
      <c r="O6097" s="5" t="s">
        <v>38</v>
      </c>
      <c r="P6097" s="5" t="s">
        <v>39</v>
      </c>
      <c r="Q6097" s="5" t="s">
        <v>40</v>
      </c>
      <c r="R6097" s="5" t="s">
        <v>1522</v>
      </c>
      <c r="S6097" s="5" t="s">
        <v>1523</v>
      </c>
      <c r="T6097" s="5" t="s">
        <v>42</v>
      </c>
      <c r="U6097" s="2">
        <v>3.4590000000000001</v>
      </c>
      <c r="V6097" s="2">
        <v>2.7930000000000001</v>
      </c>
      <c r="W6097" s="2">
        <v>0.02</v>
      </c>
      <c r="X6097" s="2">
        <v>159.1</v>
      </c>
      <c r="Y6097" s="2">
        <v>7.6</v>
      </c>
      <c r="Z6097" s="2">
        <v>16.7</v>
      </c>
      <c r="AA6097" s="5"/>
      <c r="AB6097" s="5" t="s">
        <v>43</v>
      </c>
      <c r="AC6097" s="5" t="s">
        <v>44</v>
      </c>
      <c r="AD6097" s="2"/>
      <c r="AE6097" s="1"/>
    </row>
    <row r="6098" spans="1:31" ht="14.45">
      <c r="A6098" s="11"/>
      <c r="B6098" s="20"/>
      <c r="C6098" s="2" t="s">
        <v>18765</v>
      </c>
      <c r="D6098" s="14" t="s">
        <v>18766</v>
      </c>
      <c r="E6098" s="2" t="s">
        <v>18767</v>
      </c>
      <c r="F6098" s="2" t="s">
        <v>7535</v>
      </c>
      <c r="G6098" s="8">
        <v>300</v>
      </c>
      <c r="H6098" s="5">
        <v>6</v>
      </c>
      <c r="I6098" s="5" t="s">
        <v>1518</v>
      </c>
      <c r="J6098" s="5" t="s">
        <v>1519</v>
      </c>
      <c r="K6098" s="2" t="s">
        <v>1520</v>
      </c>
      <c r="L6098" s="5" t="s">
        <v>1519</v>
      </c>
      <c r="M6098" s="2" t="s">
        <v>1520</v>
      </c>
      <c r="N6098" s="5" t="s">
        <v>1521</v>
      </c>
      <c r="O6098" s="5" t="s">
        <v>38</v>
      </c>
      <c r="P6098" s="5" t="s">
        <v>39</v>
      </c>
      <c r="Q6098" s="5" t="s">
        <v>40</v>
      </c>
      <c r="R6098" s="5" t="s">
        <v>1522</v>
      </c>
      <c r="S6098" s="5" t="s">
        <v>1523</v>
      </c>
      <c r="T6098" s="5" t="s">
        <v>42</v>
      </c>
      <c r="U6098" s="2">
        <v>3.5539999999999998</v>
      </c>
      <c r="V6098" s="2">
        <v>2.8879999999999999</v>
      </c>
      <c r="W6098" s="2">
        <v>0.02</v>
      </c>
      <c r="X6098" s="2">
        <v>159.1</v>
      </c>
      <c r="Y6098" s="2">
        <v>7.6</v>
      </c>
      <c r="Z6098" s="2">
        <v>16.7</v>
      </c>
      <c r="AA6098" s="5"/>
      <c r="AB6098" s="5" t="s">
        <v>43</v>
      </c>
      <c r="AC6098" s="5" t="s">
        <v>44</v>
      </c>
      <c r="AD6098" s="2"/>
      <c r="AE6098" s="1"/>
    </row>
    <row r="6099" spans="1:31" ht="14.45">
      <c r="A6099" s="11"/>
      <c r="B6099" s="20"/>
      <c r="C6099" s="2" t="s">
        <v>18768</v>
      </c>
      <c r="D6099" s="14" t="s">
        <v>18769</v>
      </c>
      <c r="E6099" s="2" t="s">
        <v>18770</v>
      </c>
      <c r="F6099" s="2" t="s">
        <v>7539</v>
      </c>
      <c r="G6099" s="8">
        <v>300</v>
      </c>
      <c r="H6099" s="5">
        <v>6</v>
      </c>
      <c r="I6099" s="5" t="s">
        <v>1518</v>
      </c>
      <c r="J6099" s="5" t="s">
        <v>1519</v>
      </c>
      <c r="K6099" s="2" t="s">
        <v>1520</v>
      </c>
      <c r="L6099" s="5" t="s">
        <v>1519</v>
      </c>
      <c r="M6099" s="2" t="s">
        <v>1520</v>
      </c>
      <c r="N6099" s="5" t="s">
        <v>1521</v>
      </c>
      <c r="O6099" s="5" t="s">
        <v>38</v>
      </c>
      <c r="P6099" s="5" t="s">
        <v>39</v>
      </c>
      <c r="Q6099" s="5" t="s">
        <v>40</v>
      </c>
      <c r="R6099" s="5" t="s">
        <v>1522</v>
      </c>
      <c r="S6099" s="5" t="s">
        <v>1523</v>
      </c>
      <c r="T6099" s="5" t="s">
        <v>42</v>
      </c>
      <c r="U6099" s="2">
        <v>3.4860000000000002</v>
      </c>
      <c r="V6099" s="2">
        <v>2.82</v>
      </c>
      <c r="W6099" s="2">
        <v>0.02</v>
      </c>
      <c r="X6099" s="2">
        <v>159.1</v>
      </c>
      <c r="Y6099" s="2">
        <v>7.6</v>
      </c>
      <c r="Z6099" s="2">
        <v>16.7</v>
      </c>
      <c r="AA6099" s="5"/>
      <c r="AB6099" s="5" t="s">
        <v>43</v>
      </c>
      <c r="AC6099" s="5" t="s">
        <v>44</v>
      </c>
      <c r="AD6099" s="2"/>
      <c r="AE6099" s="1"/>
    </row>
    <row r="6100" spans="1:31" ht="14.45">
      <c r="A6100" s="11"/>
      <c r="B6100" s="20"/>
      <c r="C6100" s="2" t="s">
        <v>18771</v>
      </c>
      <c r="D6100" s="14" t="s">
        <v>18772</v>
      </c>
      <c r="E6100" s="2" t="s">
        <v>18773</v>
      </c>
      <c r="F6100" s="2" t="s">
        <v>7543</v>
      </c>
      <c r="G6100" s="8">
        <v>300</v>
      </c>
      <c r="H6100" s="5">
        <v>6</v>
      </c>
      <c r="I6100" s="5" t="s">
        <v>1518</v>
      </c>
      <c r="J6100" s="5" t="s">
        <v>1519</v>
      </c>
      <c r="K6100" s="2" t="s">
        <v>1520</v>
      </c>
      <c r="L6100" s="5" t="s">
        <v>1519</v>
      </c>
      <c r="M6100" s="2" t="s">
        <v>1520</v>
      </c>
      <c r="N6100" s="5" t="s">
        <v>1521</v>
      </c>
      <c r="O6100" s="5" t="s">
        <v>38</v>
      </c>
      <c r="P6100" s="5" t="s">
        <v>39</v>
      </c>
      <c r="Q6100" s="5" t="s">
        <v>40</v>
      </c>
      <c r="R6100" s="5" t="s">
        <v>1522</v>
      </c>
      <c r="S6100" s="5" t="s">
        <v>1523</v>
      </c>
      <c r="T6100" s="5" t="s">
        <v>42</v>
      </c>
      <c r="U6100" s="2">
        <v>3.581</v>
      </c>
      <c r="V6100" s="2">
        <v>2.915</v>
      </c>
      <c r="W6100" s="2">
        <v>0.02</v>
      </c>
      <c r="X6100" s="2">
        <v>159.1</v>
      </c>
      <c r="Y6100" s="2">
        <v>7.6</v>
      </c>
      <c r="Z6100" s="2">
        <v>16.7</v>
      </c>
      <c r="AA6100" s="5"/>
      <c r="AB6100" s="5" t="s">
        <v>43</v>
      </c>
      <c r="AC6100" s="5" t="s">
        <v>44</v>
      </c>
      <c r="AD6100" s="2"/>
      <c r="AE6100" s="1"/>
    </row>
    <row r="6101" spans="1:31" ht="14.45">
      <c r="A6101" s="11"/>
      <c r="B6101" s="20"/>
      <c r="C6101" s="2" t="s">
        <v>18774</v>
      </c>
      <c r="D6101" s="14" t="s">
        <v>18775</v>
      </c>
      <c r="E6101" s="2" t="s">
        <v>18776</v>
      </c>
      <c r="F6101" s="2" t="s">
        <v>7547</v>
      </c>
      <c r="G6101" s="8">
        <v>300</v>
      </c>
      <c r="H6101" s="5">
        <v>6</v>
      </c>
      <c r="I6101" s="5" t="s">
        <v>1518</v>
      </c>
      <c r="J6101" s="5" t="s">
        <v>1519</v>
      </c>
      <c r="K6101" s="2" t="s">
        <v>1520</v>
      </c>
      <c r="L6101" s="5" t="s">
        <v>1519</v>
      </c>
      <c r="M6101" s="2" t="s">
        <v>1520</v>
      </c>
      <c r="N6101" s="5" t="s">
        <v>1521</v>
      </c>
      <c r="O6101" s="5" t="s">
        <v>38</v>
      </c>
      <c r="P6101" s="5" t="s">
        <v>39</v>
      </c>
      <c r="Q6101" s="5" t="s">
        <v>40</v>
      </c>
      <c r="R6101" s="5" t="s">
        <v>1522</v>
      </c>
      <c r="S6101" s="5" t="s">
        <v>1523</v>
      </c>
      <c r="T6101" s="5" t="s">
        <v>42</v>
      </c>
      <c r="U6101" s="2">
        <v>3.4590000000000001</v>
      </c>
      <c r="V6101" s="2">
        <v>2.7930000000000001</v>
      </c>
      <c r="W6101" s="2">
        <v>0.02</v>
      </c>
      <c r="X6101" s="2">
        <v>159.1</v>
      </c>
      <c r="Y6101" s="2">
        <v>7.6</v>
      </c>
      <c r="Z6101" s="2">
        <v>16.7</v>
      </c>
      <c r="AA6101" s="5"/>
      <c r="AB6101" s="5" t="s">
        <v>43</v>
      </c>
      <c r="AC6101" s="5" t="s">
        <v>44</v>
      </c>
      <c r="AD6101" s="2"/>
      <c r="AE6101" s="1"/>
    </row>
    <row r="6102" spans="1:31" ht="14.45">
      <c r="A6102" s="11"/>
      <c r="B6102" s="20"/>
      <c r="C6102" s="2" t="s">
        <v>18777</v>
      </c>
      <c r="D6102" s="14" t="s">
        <v>18778</v>
      </c>
      <c r="E6102" s="2" t="s">
        <v>18779</v>
      </c>
      <c r="F6102" s="2" t="s">
        <v>7551</v>
      </c>
      <c r="G6102" s="8">
        <v>300</v>
      </c>
      <c r="H6102" s="5">
        <v>6</v>
      </c>
      <c r="I6102" s="5" t="s">
        <v>1518</v>
      </c>
      <c r="J6102" s="5" t="s">
        <v>1519</v>
      </c>
      <c r="K6102" s="2" t="s">
        <v>1520</v>
      </c>
      <c r="L6102" s="5" t="s">
        <v>1519</v>
      </c>
      <c r="M6102" s="2" t="s">
        <v>1520</v>
      </c>
      <c r="N6102" s="5" t="s">
        <v>1521</v>
      </c>
      <c r="O6102" s="5" t="s">
        <v>38</v>
      </c>
      <c r="P6102" s="5" t="s">
        <v>39</v>
      </c>
      <c r="Q6102" s="5" t="s">
        <v>40</v>
      </c>
      <c r="R6102" s="5" t="s">
        <v>1522</v>
      </c>
      <c r="S6102" s="5" t="s">
        <v>1523</v>
      </c>
      <c r="T6102" s="5" t="s">
        <v>42</v>
      </c>
      <c r="U6102" s="2">
        <v>3.5539999999999998</v>
      </c>
      <c r="V6102" s="2">
        <v>2.8879999999999999</v>
      </c>
      <c r="W6102" s="2">
        <v>0.02</v>
      </c>
      <c r="X6102" s="2">
        <v>159.1</v>
      </c>
      <c r="Y6102" s="2">
        <v>7.6</v>
      </c>
      <c r="Z6102" s="2">
        <v>16.7</v>
      </c>
      <c r="AA6102" s="5"/>
      <c r="AB6102" s="5" t="s">
        <v>43</v>
      </c>
      <c r="AC6102" s="5" t="s">
        <v>44</v>
      </c>
      <c r="AD6102" s="2"/>
      <c r="AE6102" s="1"/>
    </row>
    <row r="6103" spans="1:31" ht="14.45">
      <c r="A6103" s="11"/>
      <c r="B6103" s="20"/>
      <c r="C6103" s="2" t="s">
        <v>18780</v>
      </c>
      <c r="D6103" s="14" t="s">
        <v>18781</v>
      </c>
      <c r="E6103" s="2" t="s">
        <v>18782</v>
      </c>
      <c r="F6103" s="2" t="s">
        <v>7555</v>
      </c>
      <c r="G6103" s="8">
        <v>300</v>
      </c>
      <c r="H6103" s="5">
        <v>6</v>
      </c>
      <c r="I6103" s="5" t="s">
        <v>1518</v>
      </c>
      <c r="J6103" s="5" t="s">
        <v>1519</v>
      </c>
      <c r="K6103" s="2" t="s">
        <v>1520</v>
      </c>
      <c r="L6103" s="5" t="s">
        <v>1519</v>
      </c>
      <c r="M6103" s="2" t="s">
        <v>1520</v>
      </c>
      <c r="N6103" s="5" t="s">
        <v>1521</v>
      </c>
      <c r="O6103" s="5" t="s">
        <v>38</v>
      </c>
      <c r="P6103" s="5" t="s">
        <v>39</v>
      </c>
      <c r="Q6103" s="5" t="s">
        <v>40</v>
      </c>
      <c r="R6103" s="5" t="s">
        <v>1522</v>
      </c>
      <c r="S6103" s="5" t="s">
        <v>1523</v>
      </c>
      <c r="T6103" s="5" t="s">
        <v>42</v>
      </c>
      <c r="U6103" s="2">
        <v>3.4590000000000001</v>
      </c>
      <c r="V6103" s="2">
        <v>2.7930000000000001</v>
      </c>
      <c r="W6103" s="2">
        <v>0.02</v>
      </c>
      <c r="X6103" s="2">
        <v>159.1</v>
      </c>
      <c r="Y6103" s="2">
        <v>7.6</v>
      </c>
      <c r="Z6103" s="2">
        <v>16.7</v>
      </c>
      <c r="AA6103" s="5"/>
      <c r="AB6103" s="5" t="s">
        <v>43</v>
      </c>
      <c r="AC6103" s="5" t="s">
        <v>44</v>
      </c>
      <c r="AD6103" s="2"/>
      <c r="AE6103" s="1"/>
    </row>
    <row r="6104" spans="1:31" ht="14.45">
      <c r="A6104" s="11"/>
      <c r="B6104" s="20"/>
      <c r="C6104" s="2" t="s">
        <v>18783</v>
      </c>
      <c r="D6104" s="14" t="s">
        <v>18784</v>
      </c>
      <c r="E6104" s="2" t="s">
        <v>18785</v>
      </c>
      <c r="F6104" s="2" t="s">
        <v>7563</v>
      </c>
      <c r="G6104" s="8">
        <v>300</v>
      </c>
      <c r="H6104" s="5">
        <v>6</v>
      </c>
      <c r="I6104" s="5" t="s">
        <v>1518</v>
      </c>
      <c r="J6104" s="5" t="s">
        <v>1519</v>
      </c>
      <c r="K6104" s="2" t="s">
        <v>1520</v>
      </c>
      <c r="L6104" s="5" t="s">
        <v>1519</v>
      </c>
      <c r="M6104" s="2" t="s">
        <v>1520</v>
      </c>
      <c r="N6104" s="5" t="s">
        <v>1521</v>
      </c>
      <c r="O6104" s="5" t="s">
        <v>38</v>
      </c>
      <c r="P6104" s="5" t="s">
        <v>39</v>
      </c>
      <c r="Q6104" s="5" t="s">
        <v>40</v>
      </c>
      <c r="R6104" s="5" t="s">
        <v>1522</v>
      </c>
      <c r="S6104" s="5" t="s">
        <v>1523</v>
      </c>
      <c r="T6104" s="5" t="s">
        <v>42</v>
      </c>
      <c r="U6104" s="2">
        <v>3.4860000000000002</v>
      </c>
      <c r="V6104" s="2">
        <v>2.82</v>
      </c>
      <c r="W6104" s="2">
        <v>0.02</v>
      </c>
      <c r="X6104" s="2">
        <v>159.1</v>
      </c>
      <c r="Y6104" s="2">
        <v>7.6</v>
      </c>
      <c r="Z6104" s="2">
        <v>16.7</v>
      </c>
      <c r="AA6104" s="5"/>
      <c r="AB6104" s="5" t="s">
        <v>43</v>
      </c>
      <c r="AC6104" s="5" t="s">
        <v>44</v>
      </c>
      <c r="AD6104" s="2"/>
      <c r="AE6104" s="1"/>
    </row>
    <row r="6105" spans="1:31" ht="14.45">
      <c r="A6105" s="11"/>
      <c r="B6105" s="20"/>
      <c r="C6105" s="2" t="s">
        <v>18786</v>
      </c>
      <c r="D6105" s="14" t="s">
        <v>18787</v>
      </c>
      <c r="E6105" s="2" t="s">
        <v>18788</v>
      </c>
      <c r="F6105" s="2" t="s">
        <v>7567</v>
      </c>
      <c r="G6105" s="8">
        <v>300</v>
      </c>
      <c r="H6105" s="5">
        <v>6</v>
      </c>
      <c r="I6105" s="5" t="s">
        <v>1518</v>
      </c>
      <c r="J6105" s="5" t="s">
        <v>1519</v>
      </c>
      <c r="K6105" s="2" t="s">
        <v>1520</v>
      </c>
      <c r="L6105" s="5" t="s">
        <v>1519</v>
      </c>
      <c r="M6105" s="2" t="s">
        <v>1520</v>
      </c>
      <c r="N6105" s="5" t="s">
        <v>1521</v>
      </c>
      <c r="O6105" s="5" t="s">
        <v>38</v>
      </c>
      <c r="P6105" s="5" t="s">
        <v>39</v>
      </c>
      <c r="Q6105" s="5" t="s">
        <v>40</v>
      </c>
      <c r="R6105" s="5" t="s">
        <v>1522</v>
      </c>
      <c r="S6105" s="5" t="s">
        <v>1523</v>
      </c>
      <c r="T6105" s="5" t="s">
        <v>42</v>
      </c>
      <c r="U6105" s="2">
        <v>3.581</v>
      </c>
      <c r="V6105" s="2">
        <v>2.915</v>
      </c>
      <c r="W6105" s="2">
        <v>0.02</v>
      </c>
      <c r="X6105" s="2">
        <v>159.1</v>
      </c>
      <c r="Y6105" s="2">
        <v>7.6</v>
      </c>
      <c r="Z6105" s="2">
        <v>16.7</v>
      </c>
      <c r="AA6105" s="5"/>
      <c r="AB6105" s="5" t="s">
        <v>43</v>
      </c>
      <c r="AC6105" s="5" t="s">
        <v>44</v>
      </c>
      <c r="AD6105" s="2"/>
      <c r="AE6105" s="1"/>
    </row>
    <row r="6106" spans="1:31" ht="14.45">
      <c r="A6106" s="11"/>
      <c r="B6106" s="20"/>
      <c r="C6106" s="2" t="s">
        <v>18789</v>
      </c>
      <c r="D6106" s="14" t="s">
        <v>18790</v>
      </c>
      <c r="E6106" s="2" t="s">
        <v>18791</v>
      </c>
      <c r="F6106" s="2" t="s">
        <v>16079</v>
      </c>
      <c r="G6106" s="8">
        <v>300</v>
      </c>
      <c r="H6106" s="5">
        <v>6</v>
      </c>
      <c r="I6106" s="5" t="s">
        <v>1518</v>
      </c>
      <c r="J6106" s="5" t="s">
        <v>1519</v>
      </c>
      <c r="K6106" s="2" t="s">
        <v>1520</v>
      </c>
      <c r="L6106" s="5" t="s">
        <v>1519</v>
      </c>
      <c r="M6106" s="2" t="s">
        <v>1520</v>
      </c>
      <c r="N6106" s="5" t="s">
        <v>1521</v>
      </c>
      <c r="O6106" s="5" t="s">
        <v>38</v>
      </c>
      <c r="P6106" s="5" t="s">
        <v>39</v>
      </c>
      <c r="Q6106" s="5" t="s">
        <v>40</v>
      </c>
      <c r="R6106" s="5" t="s">
        <v>1522</v>
      </c>
      <c r="S6106" s="5" t="s">
        <v>1523</v>
      </c>
      <c r="T6106" s="5" t="s">
        <v>42</v>
      </c>
      <c r="U6106" s="2">
        <v>3.4860000000000002</v>
      </c>
      <c r="V6106" s="2">
        <v>2.82</v>
      </c>
      <c r="W6106" s="2">
        <v>0.02</v>
      </c>
      <c r="X6106" s="2">
        <v>159.1</v>
      </c>
      <c r="Y6106" s="2">
        <v>7.6</v>
      </c>
      <c r="Z6106" s="2">
        <v>16.7</v>
      </c>
      <c r="AA6106" s="5"/>
      <c r="AB6106" s="5" t="s">
        <v>43</v>
      </c>
      <c r="AC6106" s="5" t="s">
        <v>44</v>
      </c>
      <c r="AD6106" s="2"/>
      <c r="AE6106" s="1"/>
    </row>
    <row r="6107" spans="1:31" ht="14.45">
      <c r="A6107" s="11"/>
      <c r="B6107" s="20"/>
      <c r="C6107" s="2" t="s">
        <v>18792</v>
      </c>
      <c r="D6107" s="14" t="s">
        <v>18793</v>
      </c>
      <c r="E6107" s="2" t="s">
        <v>18794</v>
      </c>
      <c r="F6107" s="2" t="s">
        <v>16194</v>
      </c>
      <c r="G6107" s="8">
        <v>300</v>
      </c>
      <c r="H6107" s="5">
        <v>6</v>
      </c>
      <c r="I6107" s="5" t="s">
        <v>1518</v>
      </c>
      <c r="J6107" s="5" t="s">
        <v>1519</v>
      </c>
      <c r="K6107" s="2" t="s">
        <v>1520</v>
      </c>
      <c r="L6107" s="5" t="s">
        <v>1519</v>
      </c>
      <c r="M6107" s="2" t="s">
        <v>1520</v>
      </c>
      <c r="N6107" s="5" t="s">
        <v>1521</v>
      </c>
      <c r="O6107" s="5" t="s">
        <v>38</v>
      </c>
      <c r="P6107" s="5" t="s">
        <v>39</v>
      </c>
      <c r="Q6107" s="5" t="s">
        <v>40</v>
      </c>
      <c r="R6107" s="5" t="s">
        <v>1522</v>
      </c>
      <c r="S6107" s="5" t="s">
        <v>1523</v>
      </c>
      <c r="T6107" s="5" t="s">
        <v>42</v>
      </c>
      <c r="U6107" s="2">
        <v>3.581</v>
      </c>
      <c r="V6107" s="2">
        <v>2.915</v>
      </c>
      <c r="W6107" s="2">
        <v>0.02</v>
      </c>
      <c r="X6107" s="2">
        <v>159.1</v>
      </c>
      <c r="Y6107" s="2">
        <v>7.6</v>
      </c>
      <c r="Z6107" s="2">
        <v>16.7</v>
      </c>
      <c r="AA6107" s="5"/>
      <c r="AB6107" s="5" t="s">
        <v>43</v>
      </c>
      <c r="AC6107" s="5" t="s">
        <v>44</v>
      </c>
      <c r="AD6107" s="2"/>
      <c r="AE6107" s="1"/>
    </row>
    <row r="6108" spans="1:31" ht="14.45">
      <c r="A6108" s="11"/>
      <c r="B6108" s="20"/>
      <c r="C6108" s="2" t="s">
        <v>18795</v>
      </c>
      <c r="D6108" s="14" t="s">
        <v>18796</v>
      </c>
      <c r="E6108" s="2" t="s">
        <v>18797</v>
      </c>
      <c r="F6108" s="2" t="s">
        <v>7449</v>
      </c>
      <c r="G6108" s="8">
        <v>300</v>
      </c>
      <c r="H6108" s="5">
        <v>6</v>
      </c>
      <c r="I6108" s="5" t="s">
        <v>1518</v>
      </c>
      <c r="J6108" s="5" t="s">
        <v>1519</v>
      </c>
      <c r="K6108" s="2" t="s">
        <v>1520</v>
      </c>
      <c r="L6108" s="5" t="s">
        <v>1519</v>
      </c>
      <c r="M6108" s="2" t="s">
        <v>1520</v>
      </c>
      <c r="N6108" s="5" t="s">
        <v>1521</v>
      </c>
      <c r="O6108" s="5" t="s">
        <v>38</v>
      </c>
      <c r="P6108" s="5" t="s">
        <v>39</v>
      </c>
      <c r="Q6108" s="5" t="s">
        <v>40</v>
      </c>
      <c r="R6108" s="5" t="s">
        <v>1522</v>
      </c>
      <c r="S6108" s="5" t="s">
        <v>1523</v>
      </c>
      <c r="T6108" s="5" t="s">
        <v>42</v>
      </c>
      <c r="U6108" s="2">
        <v>3.4860000000000002</v>
      </c>
      <c r="V6108" s="2">
        <v>2.82</v>
      </c>
      <c r="W6108" s="2">
        <v>0.02</v>
      </c>
      <c r="X6108" s="2">
        <v>159.1</v>
      </c>
      <c r="Y6108" s="2">
        <v>7.6</v>
      </c>
      <c r="Z6108" s="2">
        <v>16.7</v>
      </c>
      <c r="AA6108" s="5"/>
      <c r="AB6108" s="5" t="s">
        <v>43</v>
      </c>
      <c r="AC6108" s="5" t="s">
        <v>44</v>
      </c>
      <c r="AD6108" s="2"/>
      <c r="AE6108" s="1"/>
    </row>
    <row r="6109" spans="1:31" ht="14.45">
      <c r="A6109" s="11"/>
      <c r="B6109" s="20"/>
      <c r="C6109" s="2" t="s">
        <v>18798</v>
      </c>
      <c r="D6109" s="14" t="s">
        <v>18799</v>
      </c>
      <c r="E6109" s="2" t="s">
        <v>18800</v>
      </c>
      <c r="F6109" s="2" t="s">
        <v>7581</v>
      </c>
      <c r="G6109" s="8">
        <v>300</v>
      </c>
      <c r="H6109" s="5">
        <v>6</v>
      </c>
      <c r="I6109" s="5" t="s">
        <v>1518</v>
      </c>
      <c r="J6109" s="5" t="s">
        <v>1519</v>
      </c>
      <c r="K6109" s="2" t="s">
        <v>1520</v>
      </c>
      <c r="L6109" s="5" t="s">
        <v>1519</v>
      </c>
      <c r="M6109" s="2" t="s">
        <v>1520</v>
      </c>
      <c r="N6109" s="5" t="s">
        <v>1521</v>
      </c>
      <c r="O6109" s="5" t="s">
        <v>38</v>
      </c>
      <c r="P6109" s="5" t="s">
        <v>39</v>
      </c>
      <c r="Q6109" s="5" t="s">
        <v>40</v>
      </c>
      <c r="R6109" s="5" t="s">
        <v>1522</v>
      </c>
      <c r="S6109" s="5" t="s">
        <v>1523</v>
      </c>
      <c r="T6109" s="5" t="s">
        <v>42</v>
      </c>
      <c r="U6109" s="2">
        <v>3.581</v>
      </c>
      <c r="V6109" s="2">
        <v>2.915</v>
      </c>
      <c r="W6109" s="2">
        <v>0.02</v>
      </c>
      <c r="X6109" s="2">
        <v>159.1</v>
      </c>
      <c r="Y6109" s="2">
        <v>7.6</v>
      </c>
      <c r="Z6109" s="2">
        <v>16.7</v>
      </c>
      <c r="AA6109" s="5"/>
      <c r="AB6109" s="5" t="s">
        <v>43</v>
      </c>
      <c r="AC6109" s="5" t="s">
        <v>44</v>
      </c>
      <c r="AD6109" s="2"/>
      <c r="AE6109" s="1"/>
    </row>
    <row r="6110" spans="1:31" ht="14.45">
      <c r="A6110" s="11"/>
      <c r="B6110" s="20"/>
      <c r="C6110" s="2" t="s">
        <v>18801</v>
      </c>
      <c r="D6110" s="14" t="s">
        <v>18802</v>
      </c>
      <c r="E6110" s="2" t="s">
        <v>18803</v>
      </c>
      <c r="F6110" s="2" t="s">
        <v>7585</v>
      </c>
      <c r="G6110" s="8">
        <v>300</v>
      </c>
      <c r="H6110" s="5">
        <v>6</v>
      </c>
      <c r="I6110" s="5" t="s">
        <v>1518</v>
      </c>
      <c r="J6110" s="5" t="s">
        <v>1519</v>
      </c>
      <c r="K6110" s="2" t="s">
        <v>1520</v>
      </c>
      <c r="L6110" s="5" t="s">
        <v>1519</v>
      </c>
      <c r="M6110" s="2" t="s">
        <v>1520</v>
      </c>
      <c r="N6110" s="5" t="s">
        <v>1521</v>
      </c>
      <c r="O6110" s="5" t="s">
        <v>38</v>
      </c>
      <c r="P6110" s="5" t="s">
        <v>39</v>
      </c>
      <c r="Q6110" s="5" t="s">
        <v>40</v>
      </c>
      <c r="R6110" s="5" t="s">
        <v>1522</v>
      </c>
      <c r="S6110" s="5" t="s">
        <v>1523</v>
      </c>
      <c r="T6110" s="5" t="s">
        <v>42</v>
      </c>
      <c r="U6110" s="2">
        <v>3.4590000000000001</v>
      </c>
      <c r="V6110" s="2">
        <v>2.7930000000000001</v>
      </c>
      <c r="W6110" s="2">
        <v>0.02</v>
      </c>
      <c r="X6110" s="2">
        <v>159.1</v>
      </c>
      <c r="Y6110" s="2">
        <v>7.6</v>
      </c>
      <c r="Z6110" s="2">
        <v>16.7</v>
      </c>
      <c r="AA6110" s="5"/>
      <c r="AB6110" s="5" t="s">
        <v>43</v>
      </c>
      <c r="AC6110" s="5" t="s">
        <v>44</v>
      </c>
      <c r="AD6110" s="2"/>
      <c r="AE6110" s="1"/>
    </row>
    <row r="6111" spans="1:31" ht="14.45">
      <c r="A6111" s="11"/>
      <c r="B6111" s="20"/>
      <c r="C6111" s="2" t="s">
        <v>18804</v>
      </c>
      <c r="D6111" s="14" t="s">
        <v>18805</v>
      </c>
      <c r="E6111" s="2" t="s">
        <v>18806</v>
      </c>
      <c r="F6111" s="2" t="s">
        <v>7589</v>
      </c>
      <c r="G6111" s="8">
        <v>300</v>
      </c>
      <c r="H6111" s="5">
        <v>6</v>
      </c>
      <c r="I6111" s="5" t="s">
        <v>1518</v>
      </c>
      <c r="J6111" s="5" t="s">
        <v>1519</v>
      </c>
      <c r="K6111" s="2" t="s">
        <v>1520</v>
      </c>
      <c r="L6111" s="5" t="s">
        <v>1519</v>
      </c>
      <c r="M6111" s="2" t="s">
        <v>1520</v>
      </c>
      <c r="N6111" s="5" t="s">
        <v>1521</v>
      </c>
      <c r="O6111" s="5" t="s">
        <v>38</v>
      </c>
      <c r="P6111" s="5" t="s">
        <v>39</v>
      </c>
      <c r="Q6111" s="5" t="s">
        <v>40</v>
      </c>
      <c r="R6111" s="5" t="s">
        <v>1522</v>
      </c>
      <c r="S6111" s="5" t="s">
        <v>1523</v>
      </c>
      <c r="T6111" s="5" t="s">
        <v>42</v>
      </c>
      <c r="U6111" s="2">
        <v>3.5539999999999998</v>
      </c>
      <c r="V6111" s="2">
        <v>2.8879999999999999</v>
      </c>
      <c r="W6111" s="2">
        <v>0.02</v>
      </c>
      <c r="X6111" s="2">
        <v>159.1</v>
      </c>
      <c r="Y6111" s="2">
        <v>7.6</v>
      </c>
      <c r="Z6111" s="2">
        <v>16.7</v>
      </c>
      <c r="AA6111" s="5"/>
      <c r="AB6111" s="5" t="s">
        <v>43</v>
      </c>
      <c r="AC6111" s="5" t="s">
        <v>44</v>
      </c>
      <c r="AD6111" s="2"/>
      <c r="AE6111" s="1"/>
    </row>
    <row r="6112" spans="1:31" ht="14.45">
      <c r="A6112" s="11"/>
      <c r="B6112" s="20"/>
      <c r="C6112" s="2" t="s">
        <v>18807</v>
      </c>
      <c r="D6112" s="14" t="s">
        <v>18808</v>
      </c>
      <c r="E6112" s="2" t="s">
        <v>18809</v>
      </c>
      <c r="F6112" s="2" t="s">
        <v>7593</v>
      </c>
      <c r="G6112" s="8">
        <v>300</v>
      </c>
      <c r="H6112" s="5">
        <v>6</v>
      </c>
      <c r="I6112" s="5" t="s">
        <v>1518</v>
      </c>
      <c r="J6112" s="5" t="s">
        <v>1519</v>
      </c>
      <c r="K6112" s="2" t="s">
        <v>1520</v>
      </c>
      <c r="L6112" s="5" t="s">
        <v>1519</v>
      </c>
      <c r="M6112" s="2" t="s">
        <v>1520</v>
      </c>
      <c r="N6112" s="5" t="s">
        <v>1521</v>
      </c>
      <c r="O6112" s="5" t="s">
        <v>38</v>
      </c>
      <c r="P6112" s="5" t="s">
        <v>39</v>
      </c>
      <c r="Q6112" s="5" t="s">
        <v>40</v>
      </c>
      <c r="R6112" s="5" t="s">
        <v>1522</v>
      </c>
      <c r="S6112" s="5" t="s">
        <v>1523</v>
      </c>
      <c r="T6112" s="5" t="s">
        <v>42</v>
      </c>
      <c r="U6112" s="2">
        <v>3.4860000000000002</v>
      </c>
      <c r="V6112" s="2">
        <v>2.82</v>
      </c>
      <c r="W6112" s="2">
        <v>0.02</v>
      </c>
      <c r="X6112" s="2">
        <v>159.1</v>
      </c>
      <c r="Y6112" s="2">
        <v>7.6</v>
      </c>
      <c r="Z6112" s="2">
        <v>16.7</v>
      </c>
      <c r="AA6112" s="5"/>
      <c r="AB6112" s="5" t="s">
        <v>43</v>
      </c>
      <c r="AC6112" s="5" t="s">
        <v>44</v>
      </c>
      <c r="AD6112" s="2"/>
      <c r="AE6112" s="1"/>
    </row>
    <row r="6113" spans="1:31" ht="14.45">
      <c r="A6113" s="11"/>
      <c r="B6113" s="20"/>
      <c r="C6113" s="2" t="s">
        <v>18810</v>
      </c>
      <c r="D6113" s="14" t="s">
        <v>18811</v>
      </c>
      <c r="E6113" s="2" t="s">
        <v>18812</v>
      </c>
      <c r="F6113" s="2" t="s">
        <v>16018</v>
      </c>
      <c r="G6113" s="8">
        <v>300</v>
      </c>
      <c r="H6113" s="5">
        <v>6</v>
      </c>
      <c r="I6113" s="5" t="s">
        <v>1518</v>
      </c>
      <c r="J6113" s="5" t="s">
        <v>1519</v>
      </c>
      <c r="K6113" s="2" t="s">
        <v>1520</v>
      </c>
      <c r="L6113" s="5" t="s">
        <v>1519</v>
      </c>
      <c r="M6113" s="2" t="s">
        <v>1520</v>
      </c>
      <c r="N6113" s="5" t="s">
        <v>1521</v>
      </c>
      <c r="O6113" s="5" t="s">
        <v>38</v>
      </c>
      <c r="P6113" s="5" t="s">
        <v>39</v>
      </c>
      <c r="Q6113" s="5" t="s">
        <v>40</v>
      </c>
      <c r="R6113" s="5" t="s">
        <v>1522</v>
      </c>
      <c r="S6113" s="5" t="s">
        <v>1523</v>
      </c>
      <c r="T6113" s="5" t="s">
        <v>42</v>
      </c>
      <c r="U6113" s="2">
        <v>3.4860000000000002</v>
      </c>
      <c r="V6113" s="2">
        <v>2.82</v>
      </c>
      <c r="W6113" s="2">
        <v>0.02</v>
      </c>
      <c r="X6113" s="2">
        <v>159.1</v>
      </c>
      <c r="Y6113" s="2">
        <v>7.6</v>
      </c>
      <c r="Z6113" s="2">
        <v>16.7</v>
      </c>
      <c r="AA6113" s="5"/>
      <c r="AB6113" s="5" t="s">
        <v>43</v>
      </c>
      <c r="AC6113" s="5" t="s">
        <v>44</v>
      </c>
      <c r="AD6113" s="2"/>
      <c r="AE6113" s="1"/>
    </row>
    <row r="6114" spans="1:31" ht="14.45">
      <c r="A6114" s="11"/>
      <c r="B6114" s="20"/>
      <c r="C6114" s="2" t="s">
        <v>18813</v>
      </c>
      <c r="D6114" s="14" t="s">
        <v>18814</v>
      </c>
      <c r="E6114" s="2" t="s">
        <v>18815</v>
      </c>
      <c r="F6114" s="2" t="s">
        <v>16022</v>
      </c>
      <c r="G6114" s="8">
        <v>300</v>
      </c>
      <c r="H6114" s="5">
        <v>6</v>
      </c>
      <c r="I6114" s="5" t="s">
        <v>1518</v>
      </c>
      <c r="J6114" s="5" t="s">
        <v>1519</v>
      </c>
      <c r="K6114" s="2" t="s">
        <v>1520</v>
      </c>
      <c r="L6114" s="5" t="s">
        <v>1519</v>
      </c>
      <c r="M6114" s="2" t="s">
        <v>1520</v>
      </c>
      <c r="N6114" s="5" t="s">
        <v>1521</v>
      </c>
      <c r="O6114" s="5" t="s">
        <v>38</v>
      </c>
      <c r="P6114" s="5" t="s">
        <v>39</v>
      </c>
      <c r="Q6114" s="5" t="s">
        <v>40</v>
      </c>
      <c r="R6114" s="5" t="s">
        <v>1522</v>
      </c>
      <c r="S6114" s="5" t="s">
        <v>1523</v>
      </c>
      <c r="T6114" s="5" t="s">
        <v>42</v>
      </c>
      <c r="U6114" s="2">
        <v>3.581</v>
      </c>
      <c r="V6114" s="2">
        <v>2.915</v>
      </c>
      <c r="W6114" s="2">
        <v>0.02</v>
      </c>
      <c r="X6114" s="2">
        <v>159.1</v>
      </c>
      <c r="Y6114" s="2">
        <v>7.6</v>
      </c>
      <c r="Z6114" s="2">
        <v>16.7</v>
      </c>
      <c r="AA6114" s="5"/>
      <c r="AB6114" s="5" t="s">
        <v>43</v>
      </c>
      <c r="AC6114" s="5" t="s">
        <v>44</v>
      </c>
      <c r="AD6114" s="2"/>
      <c r="AE6114" s="1"/>
    </row>
    <row r="6115" spans="1:31" ht="14.45">
      <c r="A6115" s="11"/>
      <c r="B6115" s="20"/>
      <c r="C6115" s="2" t="s">
        <v>18816</v>
      </c>
      <c r="D6115" s="14" t="s">
        <v>18817</v>
      </c>
      <c r="E6115" s="2" t="s">
        <v>18818</v>
      </c>
      <c r="F6115" s="2" t="s">
        <v>7615</v>
      </c>
      <c r="G6115" s="8">
        <v>300</v>
      </c>
      <c r="H6115" s="5">
        <v>6</v>
      </c>
      <c r="I6115" s="5" t="s">
        <v>1518</v>
      </c>
      <c r="J6115" s="5" t="s">
        <v>1519</v>
      </c>
      <c r="K6115" s="2" t="s">
        <v>1520</v>
      </c>
      <c r="L6115" s="5" t="s">
        <v>1519</v>
      </c>
      <c r="M6115" s="2" t="s">
        <v>1520</v>
      </c>
      <c r="N6115" s="5" t="s">
        <v>1521</v>
      </c>
      <c r="O6115" s="5" t="s">
        <v>38</v>
      </c>
      <c r="P6115" s="5" t="s">
        <v>39</v>
      </c>
      <c r="Q6115" s="5" t="s">
        <v>40</v>
      </c>
      <c r="R6115" s="5" t="s">
        <v>1522</v>
      </c>
      <c r="S6115" s="5" t="s">
        <v>1523</v>
      </c>
      <c r="T6115" s="5" t="s">
        <v>42</v>
      </c>
      <c r="U6115" s="2">
        <v>3.4590000000000001</v>
      </c>
      <c r="V6115" s="2">
        <v>2.7930000000000001</v>
      </c>
      <c r="W6115" s="2">
        <v>0.02</v>
      </c>
      <c r="X6115" s="2">
        <v>159.1</v>
      </c>
      <c r="Y6115" s="2">
        <v>7.6</v>
      </c>
      <c r="Z6115" s="2">
        <v>16.7</v>
      </c>
      <c r="AA6115" s="5"/>
      <c r="AB6115" s="5" t="s">
        <v>43</v>
      </c>
      <c r="AC6115" s="5" t="s">
        <v>44</v>
      </c>
      <c r="AD6115" s="2"/>
      <c r="AE6115" s="1"/>
    </row>
    <row r="6116" spans="1:31" ht="14.45">
      <c r="A6116" s="11"/>
      <c r="B6116" s="20"/>
      <c r="C6116" s="2" t="s">
        <v>18819</v>
      </c>
      <c r="D6116" s="14" t="s">
        <v>18820</v>
      </c>
      <c r="E6116" s="2" t="s">
        <v>18821</v>
      </c>
      <c r="F6116" s="2" t="s">
        <v>7619</v>
      </c>
      <c r="G6116" s="8">
        <v>300</v>
      </c>
      <c r="H6116" s="5">
        <v>6</v>
      </c>
      <c r="I6116" s="5" t="s">
        <v>1518</v>
      </c>
      <c r="J6116" s="5" t="s">
        <v>1519</v>
      </c>
      <c r="K6116" s="2" t="s">
        <v>1520</v>
      </c>
      <c r="L6116" s="5" t="s">
        <v>1519</v>
      </c>
      <c r="M6116" s="2" t="s">
        <v>1520</v>
      </c>
      <c r="N6116" s="5" t="s">
        <v>1521</v>
      </c>
      <c r="O6116" s="5" t="s">
        <v>38</v>
      </c>
      <c r="P6116" s="5" t="s">
        <v>39</v>
      </c>
      <c r="Q6116" s="5" t="s">
        <v>40</v>
      </c>
      <c r="R6116" s="5" t="s">
        <v>1522</v>
      </c>
      <c r="S6116" s="5" t="s">
        <v>1523</v>
      </c>
      <c r="T6116" s="5" t="s">
        <v>42</v>
      </c>
      <c r="U6116" s="2">
        <v>3.5539999999999998</v>
      </c>
      <c r="V6116" s="2">
        <v>2.8879999999999999</v>
      </c>
      <c r="W6116" s="2">
        <v>0.02</v>
      </c>
      <c r="X6116" s="2">
        <v>159.1</v>
      </c>
      <c r="Y6116" s="2">
        <v>7.6</v>
      </c>
      <c r="Z6116" s="2">
        <v>16.7</v>
      </c>
      <c r="AA6116" s="5"/>
      <c r="AB6116" s="5" t="s">
        <v>43</v>
      </c>
      <c r="AC6116" s="5" t="s">
        <v>44</v>
      </c>
      <c r="AD6116" s="2"/>
      <c r="AE6116" s="1"/>
    </row>
    <row r="6117" spans="1:31" ht="14.45">
      <c r="A6117" s="11"/>
      <c r="B6117" s="20"/>
      <c r="C6117" s="2" t="s">
        <v>18822</v>
      </c>
      <c r="D6117" s="14" t="s">
        <v>18823</v>
      </c>
      <c r="E6117" s="2" t="s">
        <v>18824</v>
      </c>
      <c r="F6117" s="2" t="s">
        <v>16235</v>
      </c>
      <c r="G6117" s="8">
        <v>300</v>
      </c>
      <c r="H6117" s="5">
        <v>6</v>
      </c>
      <c r="I6117" s="5" t="s">
        <v>1518</v>
      </c>
      <c r="J6117" s="5" t="s">
        <v>1519</v>
      </c>
      <c r="K6117" s="2" t="s">
        <v>1520</v>
      </c>
      <c r="L6117" s="5" t="s">
        <v>1519</v>
      </c>
      <c r="M6117" s="2" t="s">
        <v>1520</v>
      </c>
      <c r="N6117" s="5" t="s">
        <v>1521</v>
      </c>
      <c r="O6117" s="5" t="s">
        <v>38</v>
      </c>
      <c r="P6117" s="5" t="s">
        <v>39</v>
      </c>
      <c r="Q6117" s="5" t="s">
        <v>40</v>
      </c>
      <c r="R6117" s="5" t="s">
        <v>1522</v>
      </c>
      <c r="S6117" s="5" t="s">
        <v>1523</v>
      </c>
      <c r="T6117" s="5" t="s">
        <v>42</v>
      </c>
      <c r="U6117" s="2">
        <v>3.5329999999999999</v>
      </c>
      <c r="V6117" s="2">
        <v>2.867</v>
      </c>
      <c r="W6117" s="2">
        <v>0.02</v>
      </c>
      <c r="X6117" s="2">
        <v>159.1</v>
      </c>
      <c r="Y6117" s="2">
        <v>7.6</v>
      </c>
      <c r="Z6117" s="2">
        <v>16.7</v>
      </c>
      <c r="AA6117" s="5"/>
      <c r="AB6117" s="5" t="s">
        <v>43</v>
      </c>
      <c r="AC6117" s="5" t="s">
        <v>44</v>
      </c>
      <c r="AD6117" s="2"/>
      <c r="AE6117" s="1"/>
    </row>
    <row r="6118" spans="1:31" ht="14.45">
      <c r="A6118" s="11"/>
      <c r="B6118" s="20"/>
      <c r="C6118" s="2" t="s">
        <v>18825</v>
      </c>
      <c r="D6118" s="14" t="s">
        <v>18826</v>
      </c>
      <c r="E6118" s="2" t="s">
        <v>18827</v>
      </c>
      <c r="F6118" s="2" t="s">
        <v>16029</v>
      </c>
      <c r="G6118" s="8">
        <v>300</v>
      </c>
      <c r="H6118" s="5">
        <v>11</v>
      </c>
      <c r="I6118" s="5" t="s">
        <v>1518</v>
      </c>
      <c r="J6118" s="5" t="s">
        <v>1519</v>
      </c>
      <c r="K6118" s="2" t="s">
        <v>1520</v>
      </c>
      <c r="L6118" s="5" t="s">
        <v>1519</v>
      </c>
      <c r="M6118" s="2" t="s">
        <v>1520</v>
      </c>
      <c r="N6118" s="5" t="s">
        <v>1521</v>
      </c>
      <c r="O6118" s="5" t="s">
        <v>38</v>
      </c>
      <c r="P6118" s="5" t="s">
        <v>39</v>
      </c>
      <c r="Q6118" s="5" t="s">
        <v>40</v>
      </c>
      <c r="R6118" s="5" t="s">
        <v>1522</v>
      </c>
      <c r="S6118" s="5" t="s">
        <v>1523</v>
      </c>
      <c r="T6118" s="5" t="s">
        <v>42</v>
      </c>
      <c r="U6118" s="2">
        <v>3.4969999999999999</v>
      </c>
      <c r="V6118" s="2">
        <v>2.831</v>
      </c>
      <c r="W6118" s="2">
        <v>0.02</v>
      </c>
      <c r="X6118" s="2">
        <v>159.1</v>
      </c>
      <c r="Y6118" s="2">
        <v>7.6</v>
      </c>
      <c r="Z6118" s="2">
        <v>16.7</v>
      </c>
      <c r="AA6118" s="5"/>
      <c r="AB6118" s="5" t="s">
        <v>43</v>
      </c>
      <c r="AC6118" s="5" t="s">
        <v>44</v>
      </c>
      <c r="AD6118" s="2"/>
      <c r="AE6118" s="1"/>
    </row>
    <row r="6119" spans="1:31" ht="14.45">
      <c r="A6119" s="11"/>
      <c r="B6119" s="20"/>
      <c r="C6119" s="2" t="s">
        <v>18828</v>
      </c>
      <c r="D6119" s="14" t="s">
        <v>18829</v>
      </c>
      <c r="E6119" s="2" t="s">
        <v>18830</v>
      </c>
      <c r="F6119" s="2" t="s">
        <v>16033</v>
      </c>
      <c r="G6119" s="8">
        <v>300</v>
      </c>
      <c r="H6119" s="5">
        <v>11</v>
      </c>
      <c r="I6119" s="5" t="s">
        <v>1518</v>
      </c>
      <c r="J6119" s="5" t="s">
        <v>1519</v>
      </c>
      <c r="K6119" s="2" t="s">
        <v>1520</v>
      </c>
      <c r="L6119" s="5" t="s">
        <v>1519</v>
      </c>
      <c r="M6119" s="2" t="s">
        <v>1520</v>
      </c>
      <c r="N6119" s="5" t="s">
        <v>1521</v>
      </c>
      <c r="O6119" s="5" t="s">
        <v>38</v>
      </c>
      <c r="P6119" s="5" t="s">
        <v>39</v>
      </c>
      <c r="Q6119" s="5" t="s">
        <v>40</v>
      </c>
      <c r="R6119" s="5" t="s">
        <v>1522</v>
      </c>
      <c r="S6119" s="5" t="s">
        <v>1523</v>
      </c>
      <c r="T6119" s="5" t="s">
        <v>42</v>
      </c>
      <c r="U6119" s="2">
        <v>3.5920000000000001</v>
      </c>
      <c r="V6119" s="2">
        <v>2.9260000000000002</v>
      </c>
      <c r="W6119" s="2">
        <v>0.02</v>
      </c>
      <c r="X6119" s="2">
        <v>159.1</v>
      </c>
      <c r="Y6119" s="2">
        <v>7.6</v>
      </c>
      <c r="Z6119" s="2">
        <v>16.7</v>
      </c>
      <c r="AA6119" s="5"/>
      <c r="AB6119" s="5" t="s">
        <v>43</v>
      </c>
      <c r="AC6119" s="5" t="s">
        <v>44</v>
      </c>
      <c r="AD6119" s="2"/>
      <c r="AE6119" s="1"/>
    </row>
    <row r="6120" spans="1:31" ht="14.45">
      <c r="A6120" s="11"/>
      <c r="B6120" s="20"/>
      <c r="C6120" s="2" t="s">
        <v>18831</v>
      </c>
      <c r="D6120" s="14" t="s">
        <v>18832</v>
      </c>
      <c r="E6120" s="2" t="s">
        <v>18833</v>
      </c>
      <c r="F6120" s="2" t="s">
        <v>7396</v>
      </c>
      <c r="G6120" s="8">
        <v>290</v>
      </c>
      <c r="H6120" s="5">
        <v>6</v>
      </c>
      <c r="I6120" s="5" t="s">
        <v>1518</v>
      </c>
      <c r="J6120" s="5" t="s">
        <v>1519</v>
      </c>
      <c r="K6120" s="2" t="s">
        <v>1520</v>
      </c>
      <c r="L6120" s="5" t="s">
        <v>1519</v>
      </c>
      <c r="M6120" s="2" t="s">
        <v>1520</v>
      </c>
      <c r="N6120" s="5" t="s">
        <v>1521</v>
      </c>
      <c r="O6120" s="5" t="s">
        <v>38</v>
      </c>
      <c r="P6120" s="5" t="s">
        <v>39</v>
      </c>
      <c r="Q6120" s="5" t="s">
        <v>40</v>
      </c>
      <c r="R6120" s="5" t="s">
        <v>1522</v>
      </c>
      <c r="S6120" s="5" t="s">
        <v>1523</v>
      </c>
      <c r="T6120" s="5" t="s">
        <v>42</v>
      </c>
      <c r="U6120" s="2">
        <v>3.8530000000000002</v>
      </c>
      <c r="V6120" s="2">
        <v>3.206</v>
      </c>
      <c r="W6120" s="2">
        <v>0.02</v>
      </c>
      <c r="X6120" s="2">
        <v>159.1</v>
      </c>
      <c r="Y6120" s="2">
        <v>7.6</v>
      </c>
      <c r="Z6120" s="2">
        <v>16.7</v>
      </c>
      <c r="AA6120" s="5"/>
      <c r="AB6120" s="5" t="s">
        <v>43</v>
      </c>
      <c r="AC6120" s="5" t="s">
        <v>44</v>
      </c>
      <c r="AD6120" s="2"/>
      <c r="AE6120" s="1"/>
    </row>
    <row r="6121" spans="1:31" ht="14.45">
      <c r="A6121" s="11"/>
      <c r="B6121" s="20"/>
      <c r="C6121" s="2" t="s">
        <v>18834</v>
      </c>
      <c r="D6121" s="14" t="s">
        <v>18835</v>
      </c>
      <c r="E6121" s="2" t="s">
        <v>18836</v>
      </c>
      <c r="F6121" s="2" t="s">
        <v>7507</v>
      </c>
      <c r="G6121" s="8">
        <v>290</v>
      </c>
      <c r="H6121" s="5">
        <v>6</v>
      </c>
      <c r="I6121" s="5" t="s">
        <v>1518</v>
      </c>
      <c r="J6121" s="5" t="s">
        <v>1519</v>
      </c>
      <c r="K6121" s="2" t="s">
        <v>1520</v>
      </c>
      <c r="L6121" s="5" t="s">
        <v>1519</v>
      </c>
      <c r="M6121" s="2" t="s">
        <v>1520</v>
      </c>
      <c r="N6121" s="5" t="s">
        <v>1521</v>
      </c>
      <c r="O6121" s="5" t="s">
        <v>38</v>
      </c>
      <c r="P6121" s="5" t="s">
        <v>39</v>
      </c>
      <c r="Q6121" s="5" t="s">
        <v>40</v>
      </c>
      <c r="R6121" s="5" t="s">
        <v>1522</v>
      </c>
      <c r="S6121" s="5" t="s">
        <v>1523</v>
      </c>
      <c r="T6121" s="5" t="s">
        <v>42</v>
      </c>
      <c r="U6121" s="2">
        <v>3.9729999999999999</v>
      </c>
      <c r="V6121" s="2">
        <v>3.3260000000000001</v>
      </c>
      <c r="W6121" s="2">
        <v>0.02</v>
      </c>
      <c r="X6121" s="2">
        <v>159.1</v>
      </c>
      <c r="Y6121" s="2">
        <v>7.6</v>
      </c>
      <c r="Z6121" s="2">
        <v>16.7</v>
      </c>
      <c r="AA6121" s="5"/>
      <c r="AB6121" s="5" t="s">
        <v>43</v>
      </c>
      <c r="AC6121" s="5" t="s">
        <v>44</v>
      </c>
      <c r="AD6121" s="2"/>
      <c r="AE6121" s="1"/>
    </row>
    <row r="6122" spans="1:31" ht="14.45">
      <c r="A6122" s="11"/>
      <c r="B6122" s="20"/>
      <c r="C6122" s="2" t="s">
        <v>18837</v>
      </c>
      <c r="D6122" s="14" t="s">
        <v>18838</v>
      </c>
      <c r="E6122" s="2" t="s">
        <v>18839</v>
      </c>
      <c r="F6122" s="2" t="s">
        <v>7204</v>
      </c>
      <c r="G6122" s="8">
        <v>290</v>
      </c>
      <c r="H6122" s="5">
        <v>6</v>
      </c>
      <c r="I6122" s="5" t="s">
        <v>1518</v>
      </c>
      <c r="J6122" s="5" t="s">
        <v>1519</v>
      </c>
      <c r="K6122" s="2" t="s">
        <v>1520</v>
      </c>
      <c r="L6122" s="5" t="s">
        <v>1519</v>
      </c>
      <c r="M6122" s="2" t="s">
        <v>1520</v>
      </c>
      <c r="N6122" s="5" t="s">
        <v>1521</v>
      </c>
      <c r="O6122" s="5" t="s">
        <v>38</v>
      </c>
      <c r="P6122" s="5" t="s">
        <v>39</v>
      </c>
      <c r="Q6122" s="5" t="s">
        <v>40</v>
      </c>
      <c r="R6122" s="5" t="s">
        <v>1522</v>
      </c>
      <c r="S6122" s="5" t="s">
        <v>1523</v>
      </c>
      <c r="T6122" s="5" t="s">
        <v>42</v>
      </c>
      <c r="U6122" s="2">
        <v>3.867</v>
      </c>
      <c r="V6122" s="2">
        <v>3.22</v>
      </c>
      <c r="W6122" s="2">
        <v>0.02</v>
      </c>
      <c r="X6122" s="2">
        <v>159.1</v>
      </c>
      <c r="Y6122" s="2">
        <v>7.6</v>
      </c>
      <c r="Z6122" s="2">
        <v>16.7</v>
      </c>
      <c r="AA6122" s="5"/>
      <c r="AB6122" s="5" t="s">
        <v>43</v>
      </c>
      <c r="AC6122" s="5" t="s">
        <v>44</v>
      </c>
      <c r="AD6122" s="2"/>
      <c r="AE6122" s="1"/>
    </row>
    <row r="6123" spans="1:31" ht="14.45">
      <c r="A6123" s="11"/>
      <c r="B6123" s="20"/>
      <c r="C6123" s="2" t="s">
        <v>18840</v>
      </c>
      <c r="D6123" s="14" t="s">
        <v>18841</v>
      </c>
      <c r="E6123" s="2" t="s">
        <v>18842</v>
      </c>
      <c r="F6123" s="2" t="s">
        <v>7514</v>
      </c>
      <c r="G6123" s="8">
        <v>290</v>
      </c>
      <c r="H6123" s="5">
        <v>6</v>
      </c>
      <c r="I6123" s="5" t="s">
        <v>1518</v>
      </c>
      <c r="J6123" s="5" t="s">
        <v>1519</v>
      </c>
      <c r="K6123" s="2" t="s">
        <v>1520</v>
      </c>
      <c r="L6123" s="5" t="s">
        <v>1519</v>
      </c>
      <c r="M6123" s="2" t="s">
        <v>1520</v>
      </c>
      <c r="N6123" s="5" t="s">
        <v>1521</v>
      </c>
      <c r="O6123" s="5" t="s">
        <v>38</v>
      </c>
      <c r="P6123" s="5" t="s">
        <v>39</v>
      </c>
      <c r="Q6123" s="5" t="s">
        <v>40</v>
      </c>
      <c r="R6123" s="5" t="s">
        <v>1522</v>
      </c>
      <c r="S6123" s="5" t="s">
        <v>1523</v>
      </c>
      <c r="T6123" s="5" t="s">
        <v>42</v>
      </c>
      <c r="U6123" s="2">
        <v>3.9870000000000001</v>
      </c>
      <c r="V6123" s="2">
        <v>3.34</v>
      </c>
      <c r="W6123" s="2">
        <v>0.02</v>
      </c>
      <c r="X6123" s="2">
        <v>159.1</v>
      </c>
      <c r="Y6123" s="2">
        <v>7.6</v>
      </c>
      <c r="Z6123" s="2">
        <v>16.7</v>
      </c>
      <c r="AA6123" s="5"/>
      <c r="AB6123" s="5" t="s">
        <v>43</v>
      </c>
      <c r="AC6123" s="5" t="s">
        <v>44</v>
      </c>
      <c r="AD6123" s="2"/>
      <c r="AE6123" s="1"/>
    </row>
    <row r="6124" spans="1:31" ht="14.45">
      <c r="A6124" s="11"/>
      <c r="B6124" s="20"/>
      <c r="C6124" s="2" t="s">
        <v>18843</v>
      </c>
      <c r="D6124" s="14" t="s">
        <v>18844</v>
      </c>
      <c r="E6124" s="2" t="s">
        <v>18845</v>
      </c>
      <c r="F6124" s="2" t="s">
        <v>7208</v>
      </c>
      <c r="G6124" s="8">
        <v>290</v>
      </c>
      <c r="H6124" s="5">
        <v>6</v>
      </c>
      <c r="I6124" s="5" t="s">
        <v>1518</v>
      </c>
      <c r="J6124" s="5" t="s">
        <v>1519</v>
      </c>
      <c r="K6124" s="2" t="s">
        <v>1520</v>
      </c>
      <c r="L6124" s="5" t="s">
        <v>1519</v>
      </c>
      <c r="M6124" s="2" t="s">
        <v>1520</v>
      </c>
      <c r="N6124" s="5" t="s">
        <v>1521</v>
      </c>
      <c r="O6124" s="5" t="s">
        <v>38</v>
      </c>
      <c r="P6124" s="5" t="s">
        <v>39</v>
      </c>
      <c r="Q6124" s="5" t="s">
        <v>40</v>
      </c>
      <c r="R6124" s="5" t="s">
        <v>1522</v>
      </c>
      <c r="S6124" s="5" t="s">
        <v>1523</v>
      </c>
      <c r="T6124" s="5" t="s">
        <v>42</v>
      </c>
      <c r="U6124" s="2">
        <v>3.867</v>
      </c>
      <c r="V6124" s="2">
        <v>3.22</v>
      </c>
      <c r="W6124" s="2">
        <v>0.02</v>
      </c>
      <c r="X6124" s="2">
        <v>159.1</v>
      </c>
      <c r="Y6124" s="2">
        <v>7.6</v>
      </c>
      <c r="Z6124" s="2">
        <v>16.7</v>
      </c>
      <c r="AA6124" s="5"/>
      <c r="AB6124" s="5" t="s">
        <v>43</v>
      </c>
      <c r="AC6124" s="5" t="s">
        <v>44</v>
      </c>
      <c r="AD6124" s="2"/>
      <c r="AE6124" s="1"/>
    </row>
    <row r="6125" spans="1:31" ht="14.45">
      <c r="A6125" s="11"/>
      <c r="B6125" s="20"/>
      <c r="C6125" s="2" t="s">
        <v>18846</v>
      </c>
      <c r="D6125" s="14" t="s">
        <v>18847</v>
      </c>
      <c r="E6125" s="2" t="s">
        <v>18848</v>
      </c>
      <c r="F6125" s="2" t="s">
        <v>7521</v>
      </c>
      <c r="G6125" s="8">
        <v>290</v>
      </c>
      <c r="H6125" s="5">
        <v>6</v>
      </c>
      <c r="I6125" s="5" t="s">
        <v>1518</v>
      </c>
      <c r="J6125" s="5" t="s">
        <v>1519</v>
      </c>
      <c r="K6125" s="2" t="s">
        <v>1520</v>
      </c>
      <c r="L6125" s="5" t="s">
        <v>1519</v>
      </c>
      <c r="M6125" s="2" t="s">
        <v>1520</v>
      </c>
      <c r="N6125" s="5" t="s">
        <v>1521</v>
      </c>
      <c r="O6125" s="5" t="s">
        <v>38</v>
      </c>
      <c r="P6125" s="5" t="s">
        <v>39</v>
      </c>
      <c r="Q6125" s="5" t="s">
        <v>40</v>
      </c>
      <c r="R6125" s="5" t="s">
        <v>1522</v>
      </c>
      <c r="S6125" s="5" t="s">
        <v>1523</v>
      </c>
      <c r="T6125" s="5" t="s">
        <v>42</v>
      </c>
      <c r="U6125" s="2">
        <v>3.9870000000000001</v>
      </c>
      <c r="V6125" s="2">
        <v>3.34</v>
      </c>
      <c r="W6125" s="2">
        <v>0.02</v>
      </c>
      <c r="X6125" s="2">
        <v>159.1</v>
      </c>
      <c r="Y6125" s="2">
        <v>7.6</v>
      </c>
      <c r="Z6125" s="2">
        <v>16.7</v>
      </c>
      <c r="AA6125" s="5"/>
      <c r="AB6125" s="5" t="s">
        <v>43</v>
      </c>
      <c r="AC6125" s="5" t="s">
        <v>44</v>
      </c>
      <c r="AD6125" s="2"/>
      <c r="AE6125" s="1"/>
    </row>
    <row r="6126" spans="1:31" ht="14.45">
      <c r="A6126" s="11"/>
      <c r="B6126" s="20"/>
      <c r="C6126" s="2" t="s">
        <v>18849</v>
      </c>
      <c r="D6126" s="14" t="s">
        <v>18850</v>
      </c>
      <c r="E6126" s="2" t="s">
        <v>18851</v>
      </c>
      <c r="F6126" s="2" t="s">
        <v>7212</v>
      </c>
      <c r="G6126" s="8">
        <v>290</v>
      </c>
      <c r="H6126" s="5">
        <v>6</v>
      </c>
      <c r="I6126" s="5" t="s">
        <v>1518</v>
      </c>
      <c r="J6126" s="5" t="s">
        <v>1519</v>
      </c>
      <c r="K6126" s="2" t="s">
        <v>1520</v>
      </c>
      <c r="L6126" s="5" t="s">
        <v>1519</v>
      </c>
      <c r="M6126" s="2" t="s">
        <v>1520</v>
      </c>
      <c r="N6126" s="5" t="s">
        <v>1521</v>
      </c>
      <c r="O6126" s="5" t="s">
        <v>38</v>
      </c>
      <c r="P6126" s="5" t="s">
        <v>39</v>
      </c>
      <c r="Q6126" s="5" t="s">
        <v>40</v>
      </c>
      <c r="R6126" s="5" t="s">
        <v>1522</v>
      </c>
      <c r="S6126" s="5" t="s">
        <v>1523</v>
      </c>
      <c r="T6126" s="5" t="s">
        <v>42</v>
      </c>
      <c r="U6126" s="2">
        <v>3.8250000000000002</v>
      </c>
      <c r="V6126" s="2">
        <v>3.1779999999999999</v>
      </c>
      <c r="W6126" s="2">
        <v>0.02</v>
      </c>
      <c r="X6126" s="2">
        <v>159.1</v>
      </c>
      <c r="Y6126" s="2">
        <v>7.6</v>
      </c>
      <c r="Z6126" s="2">
        <v>16.7</v>
      </c>
      <c r="AA6126" s="5"/>
      <c r="AB6126" s="5" t="s">
        <v>43</v>
      </c>
      <c r="AC6126" s="5" t="s">
        <v>44</v>
      </c>
      <c r="AD6126" s="2"/>
      <c r="AE6126" s="1"/>
    </row>
    <row r="6127" spans="1:31" ht="14.45">
      <c r="A6127" s="11"/>
      <c r="B6127" s="20"/>
      <c r="C6127" s="2" t="s">
        <v>18852</v>
      </c>
      <c r="D6127" s="14" t="s">
        <v>18853</v>
      </c>
      <c r="E6127" s="2" t="s">
        <v>18854</v>
      </c>
      <c r="F6127" s="2" t="s">
        <v>7528</v>
      </c>
      <c r="G6127" s="8">
        <v>290</v>
      </c>
      <c r="H6127" s="5">
        <v>6</v>
      </c>
      <c r="I6127" s="5" t="s">
        <v>1518</v>
      </c>
      <c r="J6127" s="5" t="s">
        <v>1519</v>
      </c>
      <c r="K6127" s="2" t="s">
        <v>1520</v>
      </c>
      <c r="L6127" s="5" t="s">
        <v>1519</v>
      </c>
      <c r="M6127" s="2" t="s">
        <v>1520</v>
      </c>
      <c r="N6127" s="5" t="s">
        <v>1521</v>
      </c>
      <c r="O6127" s="5" t="s">
        <v>38</v>
      </c>
      <c r="P6127" s="5" t="s">
        <v>39</v>
      </c>
      <c r="Q6127" s="5" t="s">
        <v>40</v>
      </c>
      <c r="R6127" s="5" t="s">
        <v>1522</v>
      </c>
      <c r="S6127" s="5" t="s">
        <v>1523</v>
      </c>
      <c r="T6127" s="5" t="s">
        <v>42</v>
      </c>
      <c r="U6127" s="2">
        <v>3.9449999999999998</v>
      </c>
      <c r="V6127" s="2">
        <v>3.298</v>
      </c>
      <c r="W6127" s="2">
        <v>0.02</v>
      </c>
      <c r="X6127" s="2">
        <v>159.1</v>
      </c>
      <c r="Y6127" s="2">
        <v>7.6</v>
      </c>
      <c r="Z6127" s="2">
        <v>16.7</v>
      </c>
      <c r="AA6127" s="5"/>
      <c r="AB6127" s="5" t="s">
        <v>43</v>
      </c>
      <c r="AC6127" s="5" t="s">
        <v>44</v>
      </c>
      <c r="AD6127" s="2"/>
      <c r="AE6127" s="1"/>
    </row>
    <row r="6128" spans="1:31" ht="14.45">
      <c r="A6128" s="11"/>
      <c r="B6128" s="20"/>
      <c r="C6128" s="2" t="s">
        <v>18855</v>
      </c>
      <c r="D6128" s="14" t="s">
        <v>18856</v>
      </c>
      <c r="E6128" s="2" t="s">
        <v>18857</v>
      </c>
      <c r="F6128" s="2" t="s">
        <v>7406</v>
      </c>
      <c r="G6128" s="8">
        <v>314</v>
      </c>
      <c r="H6128" s="5">
        <v>6</v>
      </c>
      <c r="I6128" s="5" t="s">
        <v>1518</v>
      </c>
      <c r="J6128" s="5" t="s">
        <v>1519</v>
      </c>
      <c r="K6128" s="2" t="s">
        <v>1520</v>
      </c>
      <c r="L6128" s="5" t="s">
        <v>1519</v>
      </c>
      <c r="M6128" s="2" t="s">
        <v>1520</v>
      </c>
      <c r="N6128" s="5" t="s">
        <v>1521</v>
      </c>
      <c r="O6128" s="5" t="s">
        <v>38</v>
      </c>
      <c r="P6128" s="5" t="s">
        <v>39</v>
      </c>
      <c r="Q6128" s="5" t="s">
        <v>40</v>
      </c>
      <c r="R6128" s="5" t="s">
        <v>1522</v>
      </c>
      <c r="S6128" s="5" t="s">
        <v>1523</v>
      </c>
      <c r="T6128" s="5" t="s">
        <v>42</v>
      </c>
      <c r="U6128" s="2">
        <v>3.8250000000000002</v>
      </c>
      <c r="V6128" s="2">
        <v>3.1779999999999999</v>
      </c>
      <c r="W6128" s="2">
        <v>0.02</v>
      </c>
      <c r="X6128" s="2">
        <v>159.1</v>
      </c>
      <c r="Y6128" s="2">
        <v>7.6</v>
      </c>
      <c r="Z6128" s="2">
        <v>16.7</v>
      </c>
      <c r="AA6128" s="5"/>
      <c r="AB6128" s="5" t="s">
        <v>43</v>
      </c>
      <c r="AC6128" s="5" t="s">
        <v>44</v>
      </c>
      <c r="AD6128" s="2"/>
      <c r="AE6128" s="1"/>
    </row>
    <row r="6129" spans="1:31" ht="14.45">
      <c r="A6129" s="11"/>
      <c r="B6129" s="20"/>
      <c r="C6129" s="2" t="s">
        <v>18858</v>
      </c>
      <c r="D6129" s="14" t="s">
        <v>18859</v>
      </c>
      <c r="E6129" s="2" t="s">
        <v>18860</v>
      </c>
      <c r="F6129" s="2" t="s">
        <v>7535</v>
      </c>
      <c r="G6129" s="8">
        <v>314</v>
      </c>
      <c r="H6129" s="5">
        <v>6</v>
      </c>
      <c r="I6129" s="5" t="s">
        <v>1518</v>
      </c>
      <c r="J6129" s="5" t="s">
        <v>1519</v>
      </c>
      <c r="K6129" s="2" t="s">
        <v>1520</v>
      </c>
      <c r="L6129" s="5" t="s">
        <v>1519</v>
      </c>
      <c r="M6129" s="2" t="s">
        <v>1520</v>
      </c>
      <c r="N6129" s="5" t="s">
        <v>1521</v>
      </c>
      <c r="O6129" s="5" t="s">
        <v>38</v>
      </c>
      <c r="P6129" s="5" t="s">
        <v>39</v>
      </c>
      <c r="Q6129" s="5" t="s">
        <v>40</v>
      </c>
      <c r="R6129" s="5" t="s">
        <v>1522</v>
      </c>
      <c r="S6129" s="5" t="s">
        <v>1523</v>
      </c>
      <c r="T6129" s="5" t="s">
        <v>42</v>
      </c>
      <c r="U6129" s="2">
        <v>3.9449999999999998</v>
      </c>
      <c r="V6129" s="2">
        <v>3.298</v>
      </c>
      <c r="W6129" s="2">
        <v>0.02</v>
      </c>
      <c r="X6129" s="2">
        <v>159.1</v>
      </c>
      <c r="Y6129" s="2">
        <v>7.6</v>
      </c>
      <c r="Z6129" s="2">
        <v>16.7</v>
      </c>
      <c r="AA6129" s="5"/>
      <c r="AB6129" s="5" t="s">
        <v>43</v>
      </c>
      <c r="AC6129" s="5" t="s">
        <v>44</v>
      </c>
      <c r="AD6129" s="2"/>
      <c r="AE6129" s="1"/>
    </row>
    <row r="6130" spans="1:31" ht="14.45">
      <c r="A6130" s="11"/>
      <c r="B6130" s="20"/>
      <c r="C6130" s="2" t="s">
        <v>18861</v>
      </c>
      <c r="D6130" s="14" t="s">
        <v>18862</v>
      </c>
      <c r="E6130" s="2" t="s">
        <v>18863</v>
      </c>
      <c r="F6130" s="2" t="s">
        <v>7539</v>
      </c>
      <c r="G6130" s="8">
        <v>314</v>
      </c>
      <c r="H6130" s="5">
        <v>6</v>
      </c>
      <c r="I6130" s="5" t="s">
        <v>1518</v>
      </c>
      <c r="J6130" s="5" t="s">
        <v>1519</v>
      </c>
      <c r="K6130" s="2" t="s">
        <v>1520</v>
      </c>
      <c r="L6130" s="5" t="s">
        <v>1519</v>
      </c>
      <c r="M6130" s="2" t="s">
        <v>1520</v>
      </c>
      <c r="N6130" s="5" t="s">
        <v>1521</v>
      </c>
      <c r="O6130" s="5" t="s">
        <v>38</v>
      </c>
      <c r="P6130" s="5" t="s">
        <v>39</v>
      </c>
      <c r="Q6130" s="5" t="s">
        <v>40</v>
      </c>
      <c r="R6130" s="5" t="s">
        <v>1522</v>
      </c>
      <c r="S6130" s="5" t="s">
        <v>1523</v>
      </c>
      <c r="T6130" s="5" t="s">
        <v>42</v>
      </c>
      <c r="U6130" s="2">
        <v>3.867</v>
      </c>
      <c r="V6130" s="2">
        <v>3.22</v>
      </c>
      <c r="W6130" s="2">
        <v>0.02</v>
      </c>
      <c r="X6130" s="2">
        <v>159.1</v>
      </c>
      <c r="Y6130" s="2">
        <v>7.6</v>
      </c>
      <c r="Z6130" s="2">
        <v>16.7</v>
      </c>
      <c r="AA6130" s="5"/>
      <c r="AB6130" s="5" t="s">
        <v>43</v>
      </c>
      <c r="AC6130" s="5" t="s">
        <v>44</v>
      </c>
      <c r="AD6130" s="2"/>
      <c r="AE6130" s="1"/>
    </row>
    <row r="6131" spans="1:31" ht="14.45">
      <c r="A6131" s="11"/>
      <c r="B6131" s="20"/>
      <c r="C6131" s="2" t="s">
        <v>18864</v>
      </c>
      <c r="D6131" s="14" t="s">
        <v>18865</v>
      </c>
      <c r="E6131" s="2" t="s">
        <v>18866</v>
      </c>
      <c r="F6131" s="2" t="s">
        <v>7551</v>
      </c>
      <c r="G6131" s="8">
        <v>314</v>
      </c>
      <c r="H6131" s="5">
        <v>6</v>
      </c>
      <c r="I6131" s="5" t="s">
        <v>1518</v>
      </c>
      <c r="J6131" s="5" t="s">
        <v>1519</v>
      </c>
      <c r="K6131" s="2" t="s">
        <v>1520</v>
      </c>
      <c r="L6131" s="5" t="s">
        <v>1519</v>
      </c>
      <c r="M6131" s="2" t="s">
        <v>1520</v>
      </c>
      <c r="N6131" s="5" t="s">
        <v>1521</v>
      </c>
      <c r="O6131" s="5" t="s">
        <v>38</v>
      </c>
      <c r="P6131" s="5" t="s">
        <v>39</v>
      </c>
      <c r="Q6131" s="5" t="s">
        <v>40</v>
      </c>
      <c r="R6131" s="5" t="s">
        <v>1522</v>
      </c>
      <c r="S6131" s="5" t="s">
        <v>1523</v>
      </c>
      <c r="T6131" s="5" t="s">
        <v>42</v>
      </c>
      <c r="U6131" s="2">
        <v>3.9449999999999998</v>
      </c>
      <c r="V6131" s="2">
        <v>3.298</v>
      </c>
      <c r="W6131" s="2">
        <v>0.02</v>
      </c>
      <c r="X6131" s="2">
        <v>159.1</v>
      </c>
      <c r="Y6131" s="2">
        <v>7.6</v>
      </c>
      <c r="Z6131" s="2">
        <v>16.7</v>
      </c>
      <c r="AA6131" s="5"/>
      <c r="AB6131" s="5" t="s">
        <v>43</v>
      </c>
      <c r="AC6131" s="5" t="s">
        <v>44</v>
      </c>
      <c r="AD6131" s="2"/>
      <c r="AE6131" s="1"/>
    </row>
    <row r="6132" spans="1:31" ht="14.45">
      <c r="A6132" s="11"/>
      <c r="B6132" s="20"/>
      <c r="C6132" s="2" t="s">
        <v>18867</v>
      </c>
      <c r="D6132" s="14" t="s">
        <v>18868</v>
      </c>
      <c r="E6132" s="2" t="s">
        <v>18869</v>
      </c>
      <c r="F6132" s="2" t="s">
        <v>7555</v>
      </c>
      <c r="G6132" s="8">
        <v>314</v>
      </c>
      <c r="H6132" s="5">
        <v>6</v>
      </c>
      <c r="I6132" s="5" t="s">
        <v>1518</v>
      </c>
      <c r="J6132" s="5" t="s">
        <v>1519</v>
      </c>
      <c r="K6132" s="2" t="s">
        <v>1520</v>
      </c>
      <c r="L6132" s="5" t="s">
        <v>1519</v>
      </c>
      <c r="M6132" s="2" t="s">
        <v>1520</v>
      </c>
      <c r="N6132" s="5" t="s">
        <v>1521</v>
      </c>
      <c r="O6132" s="5" t="s">
        <v>38</v>
      </c>
      <c r="P6132" s="5" t="s">
        <v>39</v>
      </c>
      <c r="Q6132" s="5" t="s">
        <v>40</v>
      </c>
      <c r="R6132" s="5" t="s">
        <v>1522</v>
      </c>
      <c r="S6132" s="5" t="s">
        <v>1523</v>
      </c>
      <c r="T6132" s="5" t="s">
        <v>42</v>
      </c>
      <c r="U6132" s="2">
        <v>3.8250000000000002</v>
      </c>
      <c r="V6132" s="2">
        <v>3.1779999999999999</v>
      </c>
      <c r="W6132" s="2">
        <v>0.02</v>
      </c>
      <c r="X6132" s="2">
        <v>159.1</v>
      </c>
      <c r="Y6132" s="2">
        <v>7.6</v>
      </c>
      <c r="Z6132" s="2">
        <v>16.7</v>
      </c>
      <c r="AA6132" s="5"/>
      <c r="AB6132" s="5" t="s">
        <v>43</v>
      </c>
      <c r="AC6132" s="5" t="s">
        <v>44</v>
      </c>
      <c r="AD6132" s="2"/>
      <c r="AE6132" s="1"/>
    </row>
    <row r="6133" spans="1:31" ht="14.45">
      <c r="A6133" s="11"/>
      <c r="B6133" s="20"/>
      <c r="C6133" s="2" t="s">
        <v>18870</v>
      </c>
      <c r="D6133" s="14" t="s">
        <v>18871</v>
      </c>
      <c r="E6133" s="2" t="s">
        <v>18872</v>
      </c>
      <c r="F6133" s="2" t="s">
        <v>7563</v>
      </c>
      <c r="G6133" s="8">
        <v>314</v>
      </c>
      <c r="H6133" s="5">
        <v>6</v>
      </c>
      <c r="I6133" s="5" t="s">
        <v>1518</v>
      </c>
      <c r="J6133" s="5" t="s">
        <v>1519</v>
      </c>
      <c r="K6133" s="2" t="s">
        <v>1520</v>
      </c>
      <c r="L6133" s="5" t="s">
        <v>1519</v>
      </c>
      <c r="M6133" s="2" t="s">
        <v>1520</v>
      </c>
      <c r="N6133" s="5" t="s">
        <v>1521</v>
      </c>
      <c r="O6133" s="5" t="s">
        <v>38</v>
      </c>
      <c r="P6133" s="5" t="s">
        <v>39</v>
      </c>
      <c r="Q6133" s="5" t="s">
        <v>40</v>
      </c>
      <c r="R6133" s="5" t="s">
        <v>1522</v>
      </c>
      <c r="S6133" s="5" t="s">
        <v>1523</v>
      </c>
      <c r="T6133" s="5" t="s">
        <v>42</v>
      </c>
      <c r="U6133" s="2">
        <v>3.867</v>
      </c>
      <c r="V6133" s="2">
        <v>3.22</v>
      </c>
      <c r="W6133" s="2">
        <v>0.02</v>
      </c>
      <c r="X6133" s="2">
        <v>159.1</v>
      </c>
      <c r="Y6133" s="2">
        <v>7.6</v>
      </c>
      <c r="Z6133" s="2">
        <v>16.7</v>
      </c>
      <c r="AA6133" s="5"/>
      <c r="AB6133" s="5" t="s">
        <v>43</v>
      </c>
      <c r="AC6133" s="5" t="s">
        <v>44</v>
      </c>
      <c r="AD6133" s="2"/>
      <c r="AE6133" s="1"/>
    </row>
    <row r="6134" spans="1:31" ht="14.45">
      <c r="A6134" s="11"/>
      <c r="B6134" s="20"/>
      <c r="C6134" s="2" t="s">
        <v>18873</v>
      </c>
      <c r="D6134" s="14" t="s">
        <v>18874</v>
      </c>
      <c r="E6134" s="2" t="s">
        <v>18875</v>
      </c>
      <c r="F6134" s="2" t="s">
        <v>16194</v>
      </c>
      <c r="G6134" s="8">
        <v>314</v>
      </c>
      <c r="H6134" s="5">
        <v>6</v>
      </c>
      <c r="I6134" s="5" t="s">
        <v>1518</v>
      </c>
      <c r="J6134" s="5" t="s">
        <v>1519</v>
      </c>
      <c r="K6134" s="2" t="s">
        <v>1520</v>
      </c>
      <c r="L6134" s="5" t="s">
        <v>1519</v>
      </c>
      <c r="M6134" s="2" t="s">
        <v>1520</v>
      </c>
      <c r="N6134" s="5" t="s">
        <v>1521</v>
      </c>
      <c r="O6134" s="5" t="s">
        <v>38</v>
      </c>
      <c r="P6134" s="5" t="s">
        <v>39</v>
      </c>
      <c r="Q6134" s="5" t="s">
        <v>40</v>
      </c>
      <c r="R6134" s="5" t="s">
        <v>1522</v>
      </c>
      <c r="S6134" s="5" t="s">
        <v>1523</v>
      </c>
      <c r="T6134" s="5" t="s">
        <v>42</v>
      </c>
      <c r="U6134" s="2">
        <v>3.9870000000000001</v>
      </c>
      <c r="V6134" s="2">
        <v>3.34</v>
      </c>
      <c r="W6134" s="2">
        <v>0.02</v>
      </c>
      <c r="X6134" s="2">
        <v>159.1</v>
      </c>
      <c r="Y6134" s="2">
        <v>7.6</v>
      </c>
      <c r="Z6134" s="2">
        <v>16.7</v>
      </c>
      <c r="AA6134" s="5"/>
      <c r="AB6134" s="5" t="s">
        <v>43</v>
      </c>
      <c r="AC6134" s="5" t="s">
        <v>44</v>
      </c>
      <c r="AD6134" s="2"/>
      <c r="AE6134" s="1"/>
    </row>
    <row r="6135" spans="1:31" ht="14.45">
      <c r="A6135" s="11"/>
      <c r="B6135" s="20"/>
      <c r="C6135" s="2" t="s">
        <v>18876</v>
      </c>
      <c r="D6135" s="14" t="s">
        <v>18877</v>
      </c>
      <c r="E6135" s="2" t="s">
        <v>18878</v>
      </c>
      <c r="F6135" s="2" t="s">
        <v>7449</v>
      </c>
      <c r="G6135" s="8">
        <v>314</v>
      </c>
      <c r="H6135" s="5">
        <v>6</v>
      </c>
      <c r="I6135" s="5" t="s">
        <v>1518</v>
      </c>
      <c r="J6135" s="5" t="s">
        <v>1519</v>
      </c>
      <c r="K6135" s="2" t="s">
        <v>1520</v>
      </c>
      <c r="L6135" s="5" t="s">
        <v>1519</v>
      </c>
      <c r="M6135" s="2" t="s">
        <v>1520</v>
      </c>
      <c r="N6135" s="5" t="s">
        <v>1521</v>
      </c>
      <c r="O6135" s="5" t="s">
        <v>38</v>
      </c>
      <c r="P6135" s="5" t="s">
        <v>39</v>
      </c>
      <c r="Q6135" s="5" t="s">
        <v>40</v>
      </c>
      <c r="R6135" s="5" t="s">
        <v>1522</v>
      </c>
      <c r="S6135" s="5" t="s">
        <v>1523</v>
      </c>
      <c r="T6135" s="5" t="s">
        <v>42</v>
      </c>
      <c r="U6135" s="2">
        <v>3.867</v>
      </c>
      <c r="V6135" s="2">
        <v>3.22</v>
      </c>
      <c r="W6135" s="2">
        <v>0.02</v>
      </c>
      <c r="X6135" s="2">
        <v>159.1</v>
      </c>
      <c r="Y6135" s="2">
        <v>7.6</v>
      </c>
      <c r="Z6135" s="2">
        <v>16.7</v>
      </c>
      <c r="AA6135" s="5"/>
      <c r="AB6135" s="5" t="s">
        <v>43</v>
      </c>
      <c r="AC6135" s="5" t="s">
        <v>44</v>
      </c>
      <c r="AD6135" s="2"/>
      <c r="AE6135" s="1"/>
    </row>
    <row r="6136" spans="1:31" ht="14.45">
      <c r="A6136" s="11"/>
      <c r="B6136" s="20"/>
      <c r="C6136" s="2" t="s">
        <v>18879</v>
      </c>
      <c r="D6136" s="14" t="s">
        <v>18880</v>
      </c>
      <c r="E6136" s="2" t="s">
        <v>18881</v>
      </c>
      <c r="F6136" s="2" t="s">
        <v>7581</v>
      </c>
      <c r="G6136" s="8">
        <v>314</v>
      </c>
      <c r="H6136" s="5">
        <v>6</v>
      </c>
      <c r="I6136" s="5" t="s">
        <v>1518</v>
      </c>
      <c r="J6136" s="5" t="s">
        <v>1519</v>
      </c>
      <c r="K6136" s="2" t="s">
        <v>1520</v>
      </c>
      <c r="L6136" s="5" t="s">
        <v>1519</v>
      </c>
      <c r="M6136" s="2" t="s">
        <v>1520</v>
      </c>
      <c r="N6136" s="5" t="s">
        <v>1521</v>
      </c>
      <c r="O6136" s="5" t="s">
        <v>38</v>
      </c>
      <c r="P6136" s="5" t="s">
        <v>39</v>
      </c>
      <c r="Q6136" s="5" t="s">
        <v>40</v>
      </c>
      <c r="R6136" s="5" t="s">
        <v>1522</v>
      </c>
      <c r="S6136" s="5" t="s">
        <v>1523</v>
      </c>
      <c r="T6136" s="5" t="s">
        <v>42</v>
      </c>
      <c r="U6136" s="2">
        <v>3.9870000000000001</v>
      </c>
      <c r="V6136" s="2">
        <v>3.34</v>
      </c>
      <c r="W6136" s="2">
        <v>0.02</v>
      </c>
      <c r="X6136" s="2">
        <v>159.1</v>
      </c>
      <c r="Y6136" s="2">
        <v>7.6</v>
      </c>
      <c r="Z6136" s="2">
        <v>16.7</v>
      </c>
      <c r="AA6136" s="5"/>
      <c r="AB6136" s="5" t="s">
        <v>43</v>
      </c>
      <c r="AC6136" s="5" t="s">
        <v>44</v>
      </c>
      <c r="AD6136" s="2"/>
      <c r="AE6136" s="1"/>
    </row>
    <row r="6137" spans="1:31" ht="14.45">
      <c r="A6137" s="11"/>
      <c r="B6137" s="20"/>
      <c r="C6137" s="2" t="s">
        <v>18882</v>
      </c>
      <c r="D6137" s="14" t="s">
        <v>18883</v>
      </c>
      <c r="E6137" s="2" t="s">
        <v>18884</v>
      </c>
      <c r="F6137" s="2" t="s">
        <v>7585</v>
      </c>
      <c r="G6137" s="8">
        <v>314</v>
      </c>
      <c r="H6137" s="5">
        <v>6</v>
      </c>
      <c r="I6137" s="5" t="s">
        <v>1518</v>
      </c>
      <c r="J6137" s="5" t="s">
        <v>1519</v>
      </c>
      <c r="K6137" s="2" t="s">
        <v>1520</v>
      </c>
      <c r="L6137" s="5" t="s">
        <v>1519</v>
      </c>
      <c r="M6137" s="2" t="s">
        <v>1520</v>
      </c>
      <c r="N6137" s="5" t="s">
        <v>1521</v>
      </c>
      <c r="O6137" s="5" t="s">
        <v>38</v>
      </c>
      <c r="P6137" s="5" t="s">
        <v>39</v>
      </c>
      <c r="Q6137" s="5" t="s">
        <v>40</v>
      </c>
      <c r="R6137" s="5" t="s">
        <v>1522</v>
      </c>
      <c r="S6137" s="5" t="s">
        <v>1523</v>
      </c>
      <c r="T6137" s="5" t="s">
        <v>42</v>
      </c>
      <c r="U6137" s="2">
        <v>3.8250000000000002</v>
      </c>
      <c r="V6137" s="2">
        <v>3.1779999999999999</v>
      </c>
      <c r="W6137" s="2">
        <v>0.02</v>
      </c>
      <c r="X6137" s="2">
        <v>159.1</v>
      </c>
      <c r="Y6137" s="2">
        <v>7.6</v>
      </c>
      <c r="Z6137" s="2">
        <v>16.7</v>
      </c>
      <c r="AA6137" s="5"/>
      <c r="AB6137" s="5" t="s">
        <v>43</v>
      </c>
      <c r="AC6137" s="5" t="s">
        <v>44</v>
      </c>
      <c r="AD6137" s="2"/>
      <c r="AE6137" s="1"/>
    </row>
    <row r="6138" spans="1:31" ht="14.45">
      <c r="A6138" s="11"/>
      <c r="B6138" s="20"/>
      <c r="C6138" s="2" t="s">
        <v>18885</v>
      </c>
      <c r="D6138" s="14" t="s">
        <v>18886</v>
      </c>
      <c r="E6138" s="2" t="s">
        <v>18887</v>
      </c>
      <c r="F6138" s="2" t="s">
        <v>7593</v>
      </c>
      <c r="G6138" s="8">
        <v>314</v>
      </c>
      <c r="H6138" s="5">
        <v>6</v>
      </c>
      <c r="I6138" s="5" t="s">
        <v>1518</v>
      </c>
      <c r="J6138" s="5" t="s">
        <v>1519</v>
      </c>
      <c r="K6138" s="2" t="s">
        <v>1520</v>
      </c>
      <c r="L6138" s="5" t="s">
        <v>1519</v>
      </c>
      <c r="M6138" s="2" t="s">
        <v>1520</v>
      </c>
      <c r="N6138" s="5" t="s">
        <v>1521</v>
      </c>
      <c r="O6138" s="5" t="s">
        <v>38</v>
      </c>
      <c r="P6138" s="5" t="s">
        <v>39</v>
      </c>
      <c r="Q6138" s="5" t="s">
        <v>40</v>
      </c>
      <c r="R6138" s="5" t="s">
        <v>1522</v>
      </c>
      <c r="S6138" s="5" t="s">
        <v>1523</v>
      </c>
      <c r="T6138" s="5" t="s">
        <v>42</v>
      </c>
      <c r="U6138" s="2">
        <v>3.867</v>
      </c>
      <c r="V6138" s="2">
        <v>3.22</v>
      </c>
      <c r="W6138" s="2">
        <v>0.02</v>
      </c>
      <c r="X6138" s="2">
        <v>159.1</v>
      </c>
      <c r="Y6138" s="2">
        <v>7.6</v>
      </c>
      <c r="Z6138" s="2">
        <v>16.7</v>
      </c>
      <c r="AA6138" s="5"/>
      <c r="AB6138" s="5" t="s">
        <v>43</v>
      </c>
      <c r="AC6138" s="5" t="s">
        <v>44</v>
      </c>
      <c r="AD6138" s="2"/>
      <c r="AE6138" s="1"/>
    </row>
    <row r="6139" spans="1:31" ht="14.45">
      <c r="A6139" s="11"/>
      <c r="B6139" s="20"/>
      <c r="C6139" s="2" t="s">
        <v>18888</v>
      </c>
      <c r="D6139" s="14" t="s">
        <v>18889</v>
      </c>
      <c r="E6139" s="2" t="s">
        <v>18890</v>
      </c>
      <c r="F6139" s="2" t="s">
        <v>16014</v>
      </c>
      <c r="G6139" s="8">
        <v>314</v>
      </c>
      <c r="H6139" s="5">
        <v>6</v>
      </c>
      <c r="I6139" s="5" t="s">
        <v>1518</v>
      </c>
      <c r="J6139" s="5" t="s">
        <v>1519</v>
      </c>
      <c r="K6139" s="2" t="s">
        <v>1520</v>
      </c>
      <c r="L6139" s="5" t="s">
        <v>1519</v>
      </c>
      <c r="M6139" s="2" t="s">
        <v>1520</v>
      </c>
      <c r="N6139" s="5" t="s">
        <v>1521</v>
      </c>
      <c r="O6139" s="5" t="s">
        <v>38</v>
      </c>
      <c r="P6139" s="5" t="s">
        <v>39</v>
      </c>
      <c r="Q6139" s="5" t="s">
        <v>40</v>
      </c>
      <c r="R6139" s="5" t="s">
        <v>1522</v>
      </c>
      <c r="S6139" s="5" t="s">
        <v>1523</v>
      </c>
      <c r="T6139" s="5" t="s">
        <v>42</v>
      </c>
      <c r="U6139" s="2">
        <v>3.867</v>
      </c>
      <c r="V6139" s="2">
        <v>3.22</v>
      </c>
      <c r="W6139" s="2">
        <v>0.02</v>
      </c>
      <c r="X6139" s="2">
        <v>159.1</v>
      </c>
      <c r="Y6139" s="2">
        <v>7.6</v>
      </c>
      <c r="Z6139" s="2">
        <v>16.7</v>
      </c>
      <c r="AA6139" s="5"/>
      <c r="AB6139" s="5" t="s">
        <v>43</v>
      </c>
      <c r="AC6139" s="5" t="s">
        <v>44</v>
      </c>
      <c r="AD6139" s="2"/>
      <c r="AE6139" s="1"/>
    </row>
    <row r="6140" spans="1:31" ht="14.45">
      <c r="A6140" s="11"/>
      <c r="B6140" s="20"/>
      <c r="C6140" s="2" t="s">
        <v>18891</v>
      </c>
      <c r="D6140" s="14" t="s">
        <v>18892</v>
      </c>
      <c r="E6140" s="2" t="s">
        <v>18893</v>
      </c>
      <c r="F6140" s="2" t="s">
        <v>16219</v>
      </c>
      <c r="G6140" s="8">
        <v>314</v>
      </c>
      <c r="H6140" s="5">
        <v>6</v>
      </c>
      <c r="I6140" s="5" t="s">
        <v>1518</v>
      </c>
      <c r="J6140" s="5" t="s">
        <v>1519</v>
      </c>
      <c r="K6140" s="2" t="s">
        <v>1520</v>
      </c>
      <c r="L6140" s="5" t="s">
        <v>1519</v>
      </c>
      <c r="M6140" s="2" t="s">
        <v>1520</v>
      </c>
      <c r="N6140" s="5" t="s">
        <v>1521</v>
      </c>
      <c r="O6140" s="5" t="s">
        <v>38</v>
      </c>
      <c r="P6140" s="5" t="s">
        <v>39</v>
      </c>
      <c r="Q6140" s="5" t="s">
        <v>40</v>
      </c>
      <c r="R6140" s="5" t="s">
        <v>1522</v>
      </c>
      <c r="S6140" s="5" t="s">
        <v>1523</v>
      </c>
      <c r="T6140" s="5" t="s">
        <v>42</v>
      </c>
      <c r="U6140" s="2">
        <v>3.9870000000000001</v>
      </c>
      <c r="V6140" s="2">
        <v>3.34</v>
      </c>
      <c r="W6140" s="2">
        <v>0.02</v>
      </c>
      <c r="X6140" s="2">
        <v>159.1</v>
      </c>
      <c r="Y6140" s="2">
        <v>7.6</v>
      </c>
      <c r="Z6140" s="2">
        <v>16.7</v>
      </c>
      <c r="AA6140" s="5"/>
      <c r="AB6140" s="5" t="s">
        <v>43</v>
      </c>
      <c r="AC6140" s="5" t="s">
        <v>44</v>
      </c>
      <c r="AD6140" s="2"/>
      <c r="AE6140" s="1"/>
    </row>
    <row r="6141" spans="1:31" ht="14.45">
      <c r="A6141" s="11"/>
      <c r="B6141" s="20"/>
      <c r="C6141" s="2" t="s">
        <v>18894</v>
      </c>
      <c r="D6141" s="14" t="s">
        <v>18895</v>
      </c>
      <c r="E6141" s="2" t="s">
        <v>18896</v>
      </c>
      <c r="F6141" s="2" t="s">
        <v>16022</v>
      </c>
      <c r="G6141" s="8">
        <v>314</v>
      </c>
      <c r="H6141" s="5">
        <v>6</v>
      </c>
      <c r="I6141" s="5" t="s">
        <v>1518</v>
      </c>
      <c r="J6141" s="5" t="s">
        <v>1519</v>
      </c>
      <c r="K6141" s="2" t="s">
        <v>1520</v>
      </c>
      <c r="L6141" s="5" t="s">
        <v>1519</v>
      </c>
      <c r="M6141" s="2" t="s">
        <v>1520</v>
      </c>
      <c r="N6141" s="5" t="s">
        <v>1521</v>
      </c>
      <c r="O6141" s="5" t="s">
        <v>38</v>
      </c>
      <c r="P6141" s="5" t="s">
        <v>39</v>
      </c>
      <c r="Q6141" s="5" t="s">
        <v>40</v>
      </c>
      <c r="R6141" s="5" t="s">
        <v>1522</v>
      </c>
      <c r="S6141" s="5" t="s">
        <v>1523</v>
      </c>
      <c r="T6141" s="5" t="s">
        <v>42</v>
      </c>
      <c r="U6141" s="2">
        <v>3.9870000000000001</v>
      </c>
      <c r="V6141" s="2">
        <v>3.34</v>
      </c>
      <c r="W6141" s="2">
        <v>0.02</v>
      </c>
      <c r="X6141" s="2">
        <v>159.1</v>
      </c>
      <c r="Y6141" s="2">
        <v>7.6</v>
      </c>
      <c r="Z6141" s="2">
        <v>16.7</v>
      </c>
      <c r="AA6141" s="5"/>
      <c r="AB6141" s="5" t="s">
        <v>43</v>
      </c>
      <c r="AC6141" s="5" t="s">
        <v>44</v>
      </c>
      <c r="AD6141" s="2"/>
      <c r="AE6141" s="1"/>
    </row>
    <row r="6142" spans="1:31" ht="14.45">
      <c r="A6142" s="11"/>
      <c r="B6142" s="20"/>
      <c r="C6142" s="2" t="s">
        <v>18897</v>
      </c>
      <c r="D6142" s="14" t="s">
        <v>18898</v>
      </c>
      <c r="E6142" s="2" t="s">
        <v>18899</v>
      </c>
      <c r="F6142" s="2" t="s">
        <v>7615</v>
      </c>
      <c r="G6142" s="8">
        <v>314</v>
      </c>
      <c r="H6142" s="5">
        <v>6</v>
      </c>
      <c r="I6142" s="5" t="s">
        <v>1518</v>
      </c>
      <c r="J6142" s="5" t="s">
        <v>1519</v>
      </c>
      <c r="K6142" s="2" t="s">
        <v>1520</v>
      </c>
      <c r="L6142" s="5" t="s">
        <v>1519</v>
      </c>
      <c r="M6142" s="2" t="s">
        <v>1520</v>
      </c>
      <c r="N6142" s="5" t="s">
        <v>1521</v>
      </c>
      <c r="O6142" s="5" t="s">
        <v>38</v>
      </c>
      <c r="P6142" s="5" t="s">
        <v>39</v>
      </c>
      <c r="Q6142" s="5" t="s">
        <v>40</v>
      </c>
      <c r="R6142" s="5" t="s">
        <v>1522</v>
      </c>
      <c r="S6142" s="5" t="s">
        <v>1523</v>
      </c>
      <c r="T6142" s="5" t="s">
        <v>42</v>
      </c>
      <c r="U6142" s="2">
        <v>3.8250000000000002</v>
      </c>
      <c r="V6142" s="2">
        <v>3.1779999999999999</v>
      </c>
      <c r="W6142" s="2">
        <v>0.02</v>
      </c>
      <c r="X6142" s="2">
        <v>159.1</v>
      </c>
      <c r="Y6142" s="2">
        <v>7.6</v>
      </c>
      <c r="Z6142" s="2">
        <v>16.7</v>
      </c>
      <c r="AA6142" s="5"/>
      <c r="AB6142" s="5" t="s">
        <v>43</v>
      </c>
      <c r="AC6142" s="5" t="s">
        <v>44</v>
      </c>
      <c r="AD6142" s="2"/>
      <c r="AE6142" s="1"/>
    </row>
    <row r="6143" spans="1:31" ht="14.45">
      <c r="A6143" s="11"/>
      <c r="B6143" s="20"/>
      <c r="C6143" s="2" t="s">
        <v>18900</v>
      </c>
      <c r="D6143" s="14" t="s">
        <v>18901</v>
      </c>
      <c r="E6143" s="2" t="s">
        <v>18902</v>
      </c>
      <c r="F6143" s="2" t="s">
        <v>7619</v>
      </c>
      <c r="G6143" s="8">
        <v>314</v>
      </c>
      <c r="H6143" s="5">
        <v>6</v>
      </c>
      <c r="I6143" s="5" t="s">
        <v>1518</v>
      </c>
      <c r="J6143" s="5" t="s">
        <v>1519</v>
      </c>
      <c r="K6143" s="2" t="s">
        <v>1520</v>
      </c>
      <c r="L6143" s="5" t="s">
        <v>1519</v>
      </c>
      <c r="M6143" s="2" t="s">
        <v>1520</v>
      </c>
      <c r="N6143" s="5" t="s">
        <v>1521</v>
      </c>
      <c r="O6143" s="5" t="s">
        <v>38</v>
      </c>
      <c r="P6143" s="5" t="s">
        <v>39</v>
      </c>
      <c r="Q6143" s="5" t="s">
        <v>40</v>
      </c>
      <c r="R6143" s="5" t="s">
        <v>1522</v>
      </c>
      <c r="S6143" s="5" t="s">
        <v>1523</v>
      </c>
      <c r="T6143" s="5" t="s">
        <v>42</v>
      </c>
      <c r="U6143" s="2">
        <v>3.9449999999999998</v>
      </c>
      <c r="V6143" s="2">
        <v>3.298</v>
      </c>
      <c r="W6143" s="2">
        <v>0.02</v>
      </c>
      <c r="X6143" s="2">
        <v>159.1</v>
      </c>
      <c r="Y6143" s="2">
        <v>7.6</v>
      </c>
      <c r="Z6143" s="2">
        <v>16.7</v>
      </c>
      <c r="AA6143" s="5"/>
      <c r="AB6143" s="5" t="s">
        <v>43</v>
      </c>
      <c r="AC6143" s="5" t="s">
        <v>44</v>
      </c>
      <c r="AD6143" s="2"/>
      <c r="AE6143" s="1"/>
    </row>
    <row r="6144" spans="1:31" ht="14.45">
      <c r="A6144" s="11"/>
      <c r="B6144" s="20"/>
      <c r="C6144" s="2" t="s">
        <v>18903</v>
      </c>
      <c r="D6144" s="14" t="s">
        <v>18904</v>
      </c>
      <c r="E6144" s="2" t="s">
        <v>18905</v>
      </c>
      <c r="F6144" s="2" t="s">
        <v>16029</v>
      </c>
      <c r="G6144" s="8">
        <v>314</v>
      </c>
      <c r="H6144" s="5">
        <v>11</v>
      </c>
      <c r="I6144" s="5" t="s">
        <v>1518</v>
      </c>
      <c r="J6144" s="5" t="s">
        <v>1519</v>
      </c>
      <c r="K6144" s="2" t="s">
        <v>1520</v>
      </c>
      <c r="L6144" s="5" t="s">
        <v>1519</v>
      </c>
      <c r="M6144" s="2" t="s">
        <v>1520</v>
      </c>
      <c r="N6144" s="5" t="s">
        <v>1521</v>
      </c>
      <c r="O6144" s="5" t="s">
        <v>38</v>
      </c>
      <c r="P6144" s="5" t="s">
        <v>39</v>
      </c>
      <c r="Q6144" s="5" t="s">
        <v>40</v>
      </c>
      <c r="R6144" s="5" t="s">
        <v>1522</v>
      </c>
      <c r="S6144" s="5" t="s">
        <v>1523</v>
      </c>
      <c r="T6144" s="5" t="s">
        <v>42</v>
      </c>
      <c r="U6144" s="2">
        <v>3.8780000000000001</v>
      </c>
      <c r="V6144" s="2">
        <v>3.2309999999999999</v>
      </c>
      <c r="W6144" s="2">
        <v>0.02</v>
      </c>
      <c r="X6144" s="2">
        <v>159.1</v>
      </c>
      <c r="Y6144" s="2">
        <v>7.6</v>
      </c>
      <c r="Z6144" s="2">
        <v>16.7</v>
      </c>
      <c r="AA6144" s="5"/>
      <c r="AB6144" s="5" t="s">
        <v>43</v>
      </c>
      <c r="AC6144" s="5" t="s">
        <v>44</v>
      </c>
      <c r="AD6144" s="2"/>
      <c r="AE6144" s="1"/>
    </row>
    <row r="6145" spans="1:31" ht="14.45">
      <c r="A6145" s="11"/>
      <c r="B6145" s="20"/>
      <c r="C6145" s="2" t="s">
        <v>18906</v>
      </c>
      <c r="D6145" s="14" t="s">
        <v>18907</v>
      </c>
      <c r="E6145" s="2" t="s">
        <v>18908</v>
      </c>
      <c r="F6145" s="2" t="s">
        <v>16033</v>
      </c>
      <c r="G6145" s="8">
        <v>314</v>
      </c>
      <c r="H6145" s="5">
        <v>11</v>
      </c>
      <c r="I6145" s="5" t="s">
        <v>1518</v>
      </c>
      <c r="J6145" s="5" t="s">
        <v>1519</v>
      </c>
      <c r="K6145" s="2" t="s">
        <v>1520</v>
      </c>
      <c r="L6145" s="5" t="s">
        <v>1519</v>
      </c>
      <c r="M6145" s="2" t="s">
        <v>1520</v>
      </c>
      <c r="N6145" s="5" t="s">
        <v>1521</v>
      </c>
      <c r="O6145" s="5" t="s">
        <v>38</v>
      </c>
      <c r="P6145" s="5" t="s">
        <v>39</v>
      </c>
      <c r="Q6145" s="5" t="s">
        <v>40</v>
      </c>
      <c r="R6145" s="5" t="s">
        <v>1522</v>
      </c>
      <c r="S6145" s="5" t="s">
        <v>1523</v>
      </c>
      <c r="T6145" s="5" t="s">
        <v>42</v>
      </c>
      <c r="U6145" s="2">
        <v>3.9980000000000002</v>
      </c>
      <c r="V6145" s="2">
        <v>3.351</v>
      </c>
      <c r="W6145" s="2">
        <v>0.02</v>
      </c>
      <c r="X6145" s="2">
        <v>159.1</v>
      </c>
      <c r="Y6145" s="2">
        <v>7.6</v>
      </c>
      <c r="Z6145" s="2">
        <v>16.7</v>
      </c>
      <c r="AA6145" s="5"/>
      <c r="AB6145" s="5" t="s">
        <v>43</v>
      </c>
      <c r="AC6145" s="5" t="s">
        <v>44</v>
      </c>
      <c r="AD6145" s="2"/>
      <c r="AE6145" s="1"/>
    </row>
    <row r="6146" spans="1:31" ht="14.45">
      <c r="A6146" s="11"/>
      <c r="B6146" s="20"/>
      <c r="C6146" s="2" t="s">
        <v>18909</v>
      </c>
      <c r="D6146" s="14" t="s">
        <v>18910</v>
      </c>
      <c r="E6146" s="2" t="s">
        <v>18911</v>
      </c>
      <c r="F6146" s="2" t="s">
        <v>7396</v>
      </c>
      <c r="G6146" s="8">
        <v>308</v>
      </c>
      <c r="H6146" s="5">
        <v>6</v>
      </c>
      <c r="I6146" s="5" t="s">
        <v>1518</v>
      </c>
      <c r="J6146" s="5" t="s">
        <v>1519</v>
      </c>
      <c r="K6146" s="2" t="s">
        <v>1520</v>
      </c>
      <c r="L6146" s="5" t="s">
        <v>1519</v>
      </c>
      <c r="M6146" s="2" t="s">
        <v>1520</v>
      </c>
      <c r="N6146" s="5" t="s">
        <v>1521</v>
      </c>
      <c r="O6146" s="5" t="s">
        <v>38</v>
      </c>
      <c r="P6146" s="5" t="s">
        <v>39</v>
      </c>
      <c r="Q6146" s="5" t="s">
        <v>40</v>
      </c>
      <c r="R6146" s="5" t="s">
        <v>1522</v>
      </c>
      <c r="S6146" s="5" t="s">
        <v>1523</v>
      </c>
      <c r="T6146" s="5" t="s">
        <v>42</v>
      </c>
      <c r="U6146" s="2">
        <v>4.0419999999999998</v>
      </c>
      <c r="V6146" s="2">
        <v>3.4039999999999999</v>
      </c>
      <c r="W6146" s="2">
        <v>0.02</v>
      </c>
      <c r="X6146" s="2">
        <v>159.1</v>
      </c>
      <c r="Y6146" s="2">
        <v>7.6</v>
      </c>
      <c r="Z6146" s="2">
        <v>16.7</v>
      </c>
      <c r="AA6146" s="5"/>
      <c r="AB6146" s="5" t="s">
        <v>43</v>
      </c>
      <c r="AC6146" s="5" t="s">
        <v>44</v>
      </c>
      <c r="AD6146" s="2"/>
      <c r="AE6146" s="1"/>
    </row>
    <row r="6147" spans="1:31" ht="14.45">
      <c r="A6147" s="11"/>
      <c r="B6147" s="20"/>
      <c r="C6147" s="2" t="s">
        <v>18912</v>
      </c>
      <c r="D6147" s="14" t="s">
        <v>18913</v>
      </c>
      <c r="E6147" s="2" t="s">
        <v>18914</v>
      </c>
      <c r="F6147" s="2" t="s">
        <v>7507</v>
      </c>
      <c r="G6147" s="8">
        <v>308</v>
      </c>
      <c r="H6147" s="5">
        <v>6</v>
      </c>
      <c r="I6147" s="5" t="s">
        <v>1518</v>
      </c>
      <c r="J6147" s="5" t="s">
        <v>1519</v>
      </c>
      <c r="K6147" s="2" t="s">
        <v>1520</v>
      </c>
      <c r="L6147" s="5" t="s">
        <v>1519</v>
      </c>
      <c r="M6147" s="2" t="s">
        <v>1520</v>
      </c>
      <c r="N6147" s="5" t="s">
        <v>1521</v>
      </c>
      <c r="O6147" s="5" t="s">
        <v>38</v>
      </c>
      <c r="P6147" s="5" t="s">
        <v>39</v>
      </c>
      <c r="Q6147" s="5" t="s">
        <v>40</v>
      </c>
      <c r="R6147" s="5" t="s">
        <v>1522</v>
      </c>
      <c r="S6147" s="5" t="s">
        <v>1523</v>
      </c>
      <c r="T6147" s="5" t="s">
        <v>42</v>
      </c>
      <c r="U6147" s="2">
        <v>4.1719999999999997</v>
      </c>
      <c r="V6147" s="2">
        <v>3.5339999999999998</v>
      </c>
      <c r="W6147" s="2">
        <v>0.02</v>
      </c>
      <c r="X6147" s="2">
        <v>159.1</v>
      </c>
      <c r="Y6147" s="2">
        <v>7.6</v>
      </c>
      <c r="Z6147" s="2">
        <v>16.7</v>
      </c>
      <c r="AA6147" s="5"/>
      <c r="AB6147" s="5" t="s">
        <v>43</v>
      </c>
      <c r="AC6147" s="5" t="s">
        <v>44</v>
      </c>
      <c r="AD6147" s="2"/>
      <c r="AE6147" s="1"/>
    </row>
    <row r="6148" spans="1:31" ht="14.45">
      <c r="A6148" s="11"/>
      <c r="B6148" s="20"/>
      <c r="C6148" s="2" t="s">
        <v>18915</v>
      </c>
      <c r="D6148" s="14" t="s">
        <v>18916</v>
      </c>
      <c r="E6148" s="2" t="s">
        <v>18917</v>
      </c>
      <c r="F6148" s="2" t="s">
        <v>7204</v>
      </c>
      <c r="G6148" s="8">
        <v>308</v>
      </c>
      <c r="H6148" s="5">
        <v>6</v>
      </c>
      <c r="I6148" s="5" t="s">
        <v>1518</v>
      </c>
      <c r="J6148" s="5" t="s">
        <v>1519</v>
      </c>
      <c r="K6148" s="2" t="s">
        <v>1520</v>
      </c>
      <c r="L6148" s="5" t="s">
        <v>1519</v>
      </c>
      <c r="M6148" s="2" t="s">
        <v>1520</v>
      </c>
      <c r="N6148" s="5" t="s">
        <v>1521</v>
      </c>
      <c r="O6148" s="5" t="s">
        <v>38</v>
      </c>
      <c r="P6148" s="5" t="s">
        <v>39</v>
      </c>
      <c r="Q6148" s="5" t="s">
        <v>40</v>
      </c>
      <c r="R6148" s="5" t="s">
        <v>1522</v>
      </c>
      <c r="S6148" s="5" t="s">
        <v>1523</v>
      </c>
      <c r="T6148" s="5" t="s">
        <v>42</v>
      </c>
      <c r="U6148" s="2">
        <v>4.0579999999999998</v>
      </c>
      <c r="V6148" s="2">
        <v>3.42</v>
      </c>
      <c r="W6148" s="2">
        <v>0.02</v>
      </c>
      <c r="X6148" s="2">
        <v>159.1</v>
      </c>
      <c r="Y6148" s="2">
        <v>7.6</v>
      </c>
      <c r="Z6148" s="2">
        <v>16.7</v>
      </c>
      <c r="AA6148" s="5"/>
      <c r="AB6148" s="5" t="s">
        <v>43</v>
      </c>
      <c r="AC6148" s="5" t="s">
        <v>44</v>
      </c>
      <c r="AD6148" s="2"/>
      <c r="AE6148" s="1"/>
    </row>
    <row r="6149" spans="1:31" ht="14.45">
      <c r="A6149" s="11"/>
      <c r="B6149" s="20"/>
      <c r="C6149" s="2" t="s">
        <v>18918</v>
      </c>
      <c r="D6149" s="14" t="s">
        <v>18919</v>
      </c>
      <c r="E6149" s="2" t="s">
        <v>18920</v>
      </c>
      <c r="F6149" s="2" t="s">
        <v>7514</v>
      </c>
      <c r="G6149" s="8">
        <v>308</v>
      </c>
      <c r="H6149" s="5">
        <v>6</v>
      </c>
      <c r="I6149" s="5" t="s">
        <v>1518</v>
      </c>
      <c r="J6149" s="5" t="s">
        <v>1519</v>
      </c>
      <c r="K6149" s="2" t="s">
        <v>1520</v>
      </c>
      <c r="L6149" s="5" t="s">
        <v>1519</v>
      </c>
      <c r="M6149" s="2" t="s">
        <v>1520</v>
      </c>
      <c r="N6149" s="5" t="s">
        <v>1521</v>
      </c>
      <c r="O6149" s="5" t="s">
        <v>38</v>
      </c>
      <c r="P6149" s="5" t="s">
        <v>39</v>
      </c>
      <c r="Q6149" s="5" t="s">
        <v>40</v>
      </c>
      <c r="R6149" s="5" t="s">
        <v>1522</v>
      </c>
      <c r="S6149" s="5" t="s">
        <v>1523</v>
      </c>
      <c r="T6149" s="5" t="s">
        <v>42</v>
      </c>
      <c r="U6149" s="2">
        <v>4.1879999999999997</v>
      </c>
      <c r="V6149" s="2">
        <v>3.55</v>
      </c>
      <c r="W6149" s="2">
        <v>0.02</v>
      </c>
      <c r="X6149" s="2">
        <v>159.1</v>
      </c>
      <c r="Y6149" s="2">
        <v>7.6</v>
      </c>
      <c r="Z6149" s="2">
        <v>16.7</v>
      </c>
      <c r="AA6149" s="5"/>
      <c r="AB6149" s="5" t="s">
        <v>43</v>
      </c>
      <c r="AC6149" s="5" t="s">
        <v>44</v>
      </c>
      <c r="AD6149" s="2"/>
      <c r="AE6149" s="1"/>
    </row>
    <row r="6150" spans="1:31" ht="14.45">
      <c r="A6150" s="11"/>
      <c r="B6150" s="20"/>
      <c r="C6150" s="2" t="s">
        <v>18921</v>
      </c>
      <c r="D6150" s="14" t="s">
        <v>18922</v>
      </c>
      <c r="E6150" s="2" t="s">
        <v>18923</v>
      </c>
      <c r="F6150" s="2" t="s">
        <v>7208</v>
      </c>
      <c r="G6150" s="8">
        <v>308</v>
      </c>
      <c r="H6150" s="5">
        <v>6</v>
      </c>
      <c r="I6150" s="5" t="s">
        <v>1518</v>
      </c>
      <c r="J6150" s="5" t="s">
        <v>1519</v>
      </c>
      <c r="K6150" s="2" t="s">
        <v>1520</v>
      </c>
      <c r="L6150" s="5" t="s">
        <v>1519</v>
      </c>
      <c r="M6150" s="2" t="s">
        <v>1520</v>
      </c>
      <c r="N6150" s="5" t="s">
        <v>1521</v>
      </c>
      <c r="O6150" s="5" t="s">
        <v>38</v>
      </c>
      <c r="P6150" s="5" t="s">
        <v>39</v>
      </c>
      <c r="Q6150" s="5" t="s">
        <v>40</v>
      </c>
      <c r="R6150" s="5" t="s">
        <v>1522</v>
      </c>
      <c r="S6150" s="5" t="s">
        <v>1523</v>
      </c>
      <c r="T6150" s="5" t="s">
        <v>42</v>
      </c>
      <c r="U6150" s="2">
        <v>4.0579999999999998</v>
      </c>
      <c r="V6150" s="2">
        <v>3.42</v>
      </c>
      <c r="W6150" s="2">
        <v>0.02</v>
      </c>
      <c r="X6150" s="2">
        <v>159.1</v>
      </c>
      <c r="Y6150" s="2">
        <v>7.6</v>
      </c>
      <c r="Z6150" s="2">
        <v>16.7</v>
      </c>
      <c r="AA6150" s="5"/>
      <c r="AB6150" s="5" t="s">
        <v>43</v>
      </c>
      <c r="AC6150" s="5" t="s">
        <v>44</v>
      </c>
      <c r="AD6150" s="2"/>
      <c r="AE6150" s="1"/>
    </row>
    <row r="6151" spans="1:31" ht="14.45">
      <c r="A6151" s="11"/>
      <c r="B6151" s="20"/>
      <c r="C6151" s="2" t="s">
        <v>18924</v>
      </c>
      <c r="D6151" s="14" t="s">
        <v>18925</v>
      </c>
      <c r="E6151" s="2" t="s">
        <v>18926</v>
      </c>
      <c r="F6151" s="2" t="s">
        <v>7212</v>
      </c>
      <c r="G6151" s="8">
        <v>308</v>
      </c>
      <c r="H6151" s="5">
        <v>6</v>
      </c>
      <c r="I6151" s="5" t="s">
        <v>1518</v>
      </c>
      <c r="J6151" s="5" t="s">
        <v>1519</v>
      </c>
      <c r="K6151" s="2" t="s">
        <v>1520</v>
      </c>
      <c r="L6151" s="5" t="s">
        <v>1519</v>
      </c>
      <c r="M6151" s="2" t="s">
        <v>1520</v>
      </c>
      <c r="N6151" s="5" t="s">
        <v>1521</v>
      </c>
      <c r="O6151" s="5" t="s">
        <v>38</v>
      </c>
      <c r="P6151" s="5" t="s">
        <v>39</v>
      </c>
      <c r="Q6151" s="5" t="s">
        <v>40</v>
      </c>
      <c r="R6151" s="5" t="s">
        <v>1522</v>
      </c>
      <c r="S6151" s="5" t="s">
        <v>1523</v>
      </c>
      <c r="T6151" s="5" t="s">
        <v>42</v>
      </c>
      <c r="U6151" s="2">
        <v>4.01</v>
      </c>
      <c r="V6151" s="2">
        <v>3.3719999999999999</v>
      </c>
      <c r="W6151" s="2">
        <v>0.02</v>
      </c>
      <c r="X6151" s="2">
        <v>159.1</v>
      </c>
      <c r="Y6151" s="2">
        <v>7.6</v>
      </c>
      <c r="Z6151" s="2">
        <v>16.7</v>
      </c>
      <c r="AA6151" s="5"/>
      <c r="AB6151" s="5" t="s">
        <v>43</v>
      </c>
      <c r="AC6151" s="5" t="s">
        <v>44</v>
      </c>
      <c r="AD6151" s="2"/>
      <c r="AE6151" s="1"/>
    </row>
    <row r="6152" spans="1:31" ht="14.45">
      <c r="A6152" s="11"/>
      <c r="B6152" s="20"/>
      <c r="C6152" s="2" t="s">
        <v>18927</v>
      </c>
      <c r="D6152" s="14" t="s">
        <v>18928</v>
      </c>
      <c r="E6152" s="2" t="s">
        <v>18929</v>
      </c>
      <c r="F6152" s="2" t="s">
        <v>7406</v>
      </c>
      <c r="G6152" s="8">
        <v>334</v>
      </c>
      <c r="H6152" s="5">
        <v>6</v>
      </c>
      <c r="I6152" s="5" t="s">
        <v>1518</v>
      </c>
      <c r="J6152" s="5" t="s">
        <v>1519</v>
      </c>
      <c r="K6152" s="2" t="s">
        <v>1520</v>
      </c>
      <c r="L6152" s="5" t="s">
        <v>1519</v>
      </c>
      <c r="M6152" s="2" t="s">
        <v>1520</v>
      </c>
      <c r="N6152" s="5" t="s">
        <v>1521</v>
      </c>
      <c r="O6152" s="5" t="s">
        <v>38</v>
      </c>
      <c r="P6152" s="5" t="s">
        <v>39</v>
      </c>
      <c r="Q6152" s="5" t="s">
        <v>40</v>
      </c>
      <c r="R6152" s="5" t="s">
        <v>1522</v>
      </c>
      <c r="S6152" s="5" t="s">
        <v>1523</v>
      </c>
      <c r="T6152" s="5" t="s">
        <v>42</v>
      </c>
      <c r="U6152" s="2">
        <v>4.01</v>
      </c>
      <c r="V6152" s="2">
        <v>3.3719999999999999</v>
      </c>
      <c r="W6152" s="2">
        <v>0.02</v>
      </c>
      <c r="X6152" s="2">
        <v>159.1</v>
      </c>
      <c r="Y6152" s="2">
        <v>7.6</v>
      </c>
      <c r="Z6152" s="2">
        <v>16.7</v>
      </c>
      <c r="AA6152" s="5"/>
      <c r="AB6152" s="5" t="s">
        <v>43</v>
      </c>
      <c r="AC6152" s="5" t="s">
        <v>44</v>
      </c>
      <c r="AD6152" s="2"/>
      <c r="AE6152" s="1"/>
    </row>
    <row r="6153" spans="1:31" ht="14.45">
      <c r="A6153" s="11"/>
      <c r="B6153" s="20"/>
      <c r="C6153" s="2" t="s">
        <v>18930</v>
      </c>
      <c r="D6153" s="14" t="s">
        <v>18931</v>
      </c>
      <c r="E6153" s="2" t="s">
        <v>18932</v>
      </c>
      <c r="F6153" s="2" t="s">
        <v>7535</v>
      </c>
      <c r="G6153" s="8">
        <v>334</v>
      </c>
      <c r="H6153" s="5">
        <v>6</v>
      </c>
      <c r="I6153" s="5" t="s">
        <v>1518</v>
      </c>
      <c r="J6153" s="5" t="s">
        <v>1519</v>
      </c>
      <c r="K6153" s="2" t="s">
        <v>1520</v>
      </c>
      <c r="L6153" s="5" t="s">
        <v>1519</v>
      </c>
      <c r="M6153" s="2" t="s">
        <v>1520</v>
      </c>
      <c r="N6153" s="5" t="s">
        <v>1521</v>
      </c>
      <c r="O6153" s="5" t="s">
        <v>38</v>
      </c>
      <c r="P6153" s="5" t="s">
        <v>39</v>
      </c>
      <c r="Q6153" s="5" t="s">
        <v>40</v>
      </c>
      <c r="R6153" s="5" t="s">
        <v>1522</v>
      </c>
      <c r="S6153" s="5" t="s">
        <v>1523</v>
      </c>
      <c r="T6153" s="5" t="s">
        <v>42</v>
      </c>
      <c r="U6153" s="2">
        <v>4.1399999999999997</v>
      </c>
      <c r="V6153" s="2">
        <v>3.5019999999999998</v>
      </c>
      <c r="W6153" s="2">
        <v>0.02</v>
      </c>
      <c r="X6153" s="2">
        <v>159.1</v>
      </c>
      <c r="Y6153" s="2">
        <v>7.6</v>
      </c>
      <c r="Z6153" s="2">
        <v>16.7</v>
      </c>
      <c r="AA6153" s="5"/>
      <c r="AB6153" s="5" t="s">
        <v>43</v>
      </c>
      <c r="AC6153" s="5" t="s">
        <v>44</v>
      </c>
      <c r="AD6153" s="2"/>
      <c r="AE6153" s="1"/>
    </row>
    <row r="6154" spans="1:31" ht="14.45">
      <c r="A6154" s="11"/>
      <c r="B6154" s="20"/>
      <c r="C6154" s="2" t="s">
        <v>18933</v>
      </c>
      <c r="D6154" s="14" t="s">
        <v>18934</v>
      </c>
      <c r="E6154" s="2" t="s">
        <v>18935</v>
      </c>
      <c r="F6154" s="2" t="s">
        <v>7563</v>
      </c>
      <c r="G6154" s="8">
        <v>334</v>
      </c>
      <c r="H6154" s="5">
        <v>6</v>
      </c>
      <c r="I6154" s="5" t="s">
        <v>1518</v>
      </c>
      <c r="J6154" s="5" t="s">
        <v>1519</v>
      </c>
      <c r="K6154" s="2" t="s">
        <v>1520</v>
      </c>
      <c r="L6154" s="5" t="s">
        <v>1519</v>
      </c>
      <c r="M6154" s="2" t="s">
        <v>1520</v>
      </c>
      <c r="N6154" s="5" t="s">
        <v>1521</v>
      </c>
      <c r="O6154" s="5" t="s">
        <v>38</v>
      </c>
      <c r="P6154" s="5" t="s">
        <v>39</v>
      </c>
      <c r="Q6154" s="5" t="s">
        <v>40</v>
      </c>
      <c r="R6154" s="5" t="s">
        <v>1522</v>
      </c>
      <c r="S6154" s="5" t="s">
        <v>1523</v>
      </c>
      <c r="T6154" s="5" t="s">
        <v>42</v>
      </c>
      <c r="U6154" s="2">
        <v>4.0579999999999998</v>
      </c>
      <c r="V6154" s="2">
        <v>3.42</v>
      </c>
      <c r="W6154" s="2">
        <v>0.02</v>
      </c>
      <c r="X6154" s="2">
        <v>159.1</v>
      </c>
      <c r="Y6154" s="2">
        <v>7.6</v>
      </c>
      <c r="Z6154" s="2">
        <v>16.7</v>
      </c>
      <c r="AA6154" s="5"/>
      <c r="AB6154" s="5" t="s">
        <v>43</v>
      </c>
      <c r="AC6154" s="5" t="s">
        <v>44</v>
      </c>
      <c r="AD6154" s="2"/>
      <c r="AE6154" s="1"/>
    </row>
    <row r="6155" spans="1:31" ht="14.45">
      <c r="A6155" s="11"/>
      <c r="B6155" s="20"/>
      <c r="C6155" s="2" t="s">
        <v>18936</v>
      </c>
      <c r="D6155" s="14" t="s">
        <v>18937</v>
      </c>
      <c r="E6155" s="2" t="s">
        <v>18938</v>
      </c>
      <c r="F6155" s="2" t="s">
        <v>7449</v>
      </c>
      <c r="G6155" s="8">
        <v>334</v>
      </c>
      <c r="H6155" s="5">
        <v>6</v>
      </c>
      <c r="I6155" s="5" t="s">
        <v>1518</v>
      </c>
      <c r="J6155" s="5" t="s">
        <v>1519</v>
      </c>
      <c r="K6155" s="2" t="s">
        <v>1520</v>
      </c>
      <c r="L6155" s="5" t="s">
        <v>1519</v>
      </c>
      <c r="M6155" s="2" t="s">
        <v>1520</v>
      </c>
      <c r="N6155" s="5" t="s">
        <v>1521</v>
      </c>
      <c r="O6155" s="5" t="s">
        <v>38</v>
      </c>
      <c r="P6155" s="5" t="s">
        <v>39</v>
      </c>
      <c r="Q6155" s="5" t="s">
        <v>40</v>
      </c>
      <c r="R6155" s="5" t="s">
        <v>1522</v>
      </c>
      <c r="S6155" s="5" t="s">
        <v>1523</v>
      </c>
      <c r="T6155" s="5" t="s">
        <v>42</v>
      </c>
      <c r="U6155" s="2">
        <v>4.0579999999999998</v>
      </c>
      <c r="V6155" s="2">
        <v>3.42</v>
      </c>
      <c r="W6155" s="2">
        <v>0.02</v>
      </c>
      <c r="X6155" s="2">
        <v>159.1</v>
      </c>
      <c r="Y6155" s="2">
        <v>7.6</v>
      </c>
      <c r="Z6155" s="2">
        <v>16.7</v>
      </c>
      <c r="AA6155" s="5"/>
      <c r="AB6155" s="5" t="s">
        <v>43</v>
      </c>
      <c r="AC6155" s="5" t="s">
        <v>44</v>
      </c>
      <c r="AD6155" s="2"/>
      <c r="AE6155" s="1"/>
    </row>
    <row r="6156" spans="1:31" ht="14.45">
      <c r="A6156" s="11"/>
      <c r="B6156" s="20"/>
      <c r="C6156" s="2" t="s">
        <v>18939</v>
      </c>
      <c r="D6156" s="14" t="s">
        <v>18940</v>
      </c>
      <c r="E6156" s="2" t="s">
        <v>18941</v>
      </c>
      <c r="F6156" s="2" t="s">
        <v>16014</v>
      </c>
      <c r="G6156" s="8">
        <v>334</v>
      </c>
      <c r="H6156" s="5">
        <v>6</v>
      </c>
      <c r="I6156" s="5" t="s">
        <v>1518</v>
      </c>
      <c r="J6156" s="5" t="s">
        <v>1519</v>
      </c>
      <c r="K6156" s="2" t="s">
        <v>1520</v>
      </c>
      <c r="L6156" s="5" t="s">
        <v>1519</v>
      </c>
      <c r="M6156" s="2" t="s">
        <v>1520</v>
      </c>
      <c r="N6156" s="5" t="s">
        <v>1521</v>
      </c>
      <c r="O6156" s="5" t="s">
        <v>38</v>
      </c>
      <c r="P6156" s="5" t="s">
        <v>39</v>
      </c>
      <c r="Q6156" s="5" t="s">
        <v>40</v>
      </c>
      <c r="R6156" s="5" t="s">
        <v>1522</v>
      </c>
      <c r="S6156" s="5" t="s">
        <v>1523</v>
      </c>
      <c r="T6156" s="5" t="s">
        <v>42</v>
      </c>
      <c r="U6156" s="2">
        <v>4.0579999999999998</v>
      </c>
      <c r="V6156" s="2">
        <v>3.42</v>
      </c>
      <c r="W6156" s="2">
        <v>0.02</v>
      </c>
      <c r="X6156" s="2">
        <v>159.1</v>
      </c>
      <c r="Y6156" s="2">
        <v>7.6</v>
      </c>
      <c r="Z6156" s="2">
        <v>16.7</v>
      </c>
      <c r="AA6156" s="5"/>
      <c r="AB6156" s="5" t="s">
        <v>43</v>
      </c>
      <c r="AC6156" s="5" t="s">
        <v>44</v>
      </c>
      <c r="AD6156" s="2"/>
      <c r="AE6156" s="1"/>
    </row>
    <row r="6157" spans="1:31" ht="14.45">
      <c r="A6157" s="11"/>
      <c r="B6157" s="20"/>
      <c r="C6157" s="2" t="s">
        <v>18942</v>
      </c>
      <c r="D6157" s="14" t="s">
        <v>18943</v>
      </c>
      <c r="E6157" s="2" t="s">
        <v>18944</v>
      </c>
      <c r="F6157" s="2" t="s">
        <v>16029</v>
      </c>
      <c r="G6157" s="8">
        <v>334</v>
      </c>
      <c r="H6157" s="5">
        <v>11</v>
      </c>
      <c r="I6157" s="5" t="s">
        <v>1518</v>
      </c>
      <c r="J6157" s="5" t="s">
        <v>1519</v>
      </c>
      <c r="K6157" s="2" t="s">
        <v>1520</v>
      </c>
      <c r="L6157" s="5" t="s">
        <v>1519</v>
      </c>
      <c r="M6157" s="2" t="s">
        <v>1520</v>
      </c>
      <c r="N6157" s="5" t="s">
        <v>1521</v>
      </c>
      <c r="O6157" s="5" t="s">
        <v>38</v>
      </c>
      <c r="P6157" s="5" t="s">
        <v>39</v>
      </c>
      <c r="Q6157" s="5" t="s">
        <v>40</v>
      </c>
      <c r="R6157" s="5" t="s">
        <v>1522</v>
      </c>
      <c r="S6157" s="5" t="s">
        <v>1523</v>
      </c>
      <c r="T6157" s="5" t="s">
        <v>42</v>
      </c>
      <c r="U6157" s="2">
        <v>4.069</v>
      </c>
      <c r="V6157" s="2">
        <v>3.431</v>
      </c>
      <c r="W6157" s="2">
        <v>0.02</v>
      </c>
      <c r="X6157" s="2">
        <v>159.1</v>
      </c>
      <c r="Y6157" s="2">
        <v>7.6</v>
      </c>
      <c r="Z6157" s="2">
        <v>16.7</v>
      </c>
      <c r="AA6157" s="5"/>
      <c r="AB6157" s="5" t="s">
        <v>43</v>
      </c>
      <c r="AC6157" s="5" t="s">
        <v>44</v>
      </c>
      <c r="AD6157" s="2"/>
      <c r="AE6157" s="1"/>
    </row>
    <row r="6158" spans="1:31" ht="14.45">
      <c r="A6158" s="11"/>
      <c r="B6158" s="20"/>
      <c r="C6158" s="2" t="s">
        <v>18945</v>
      </c>
      <c r="D6158" s="14" t="s">
        <v>18946</v>
      </c>
      <c r="E6158" s="2" t="s">
        <v>18947</v>
      </c>
      <c r="F6158" s="2" t="s">
        <v>16033</v>
      </c>
      <c r="G6158" s="8">
        <v>334</v>
      </c>
      <c r="H6158" s="5">
        <v>11</v>
      </c>
      <c r="I6158" s="5" t="s">
        <v>1518</v>
      </c>
      <c r="J6158" s="5" t="s">
        <v>1519</v>
      </c>
      <c r="K6158" s="2" t="s">
        <v>1520</v>
      </c>
      <c r="L6158" s="5" t="s">
        <v>1519</v>
      </c>
      <c r="M6158" s="2" t="s">
        <v>1520</v>
      </c>
      <c r="N6158" s="5" t="s">
        <v>1521</v>
      </c>
      <c r="O6158" s="5" t="s">
        <v>38</v>
      </c>
      <c r="P6158" s="5" t="s">
        <v>39</v>
      </c>
      <c r="Q6158" s="5" t="s">
        <v>40</v>
      </c>
      <c r="R6158" s="5" t="s">
        <v>1522</v>
      </c>
      <c r="S6158" s="5" t="s">
        <v>1523</v>
      </c>
      <c r="T6158" s="5" t="s">
        <v>42</v>
      </c>
      <c r="U6158" s="2">
        <v>4.1989999999999998</v>
      </c>
      <c r="V6158" s="2">
        <v>3.5609999999999999</v>
      </c>
      <c r="W6158" s="2">
        <v>0.02</v>
      </c>
      <c r="X6158" s="2">
        <v>159.1</v>
      </c>
      <c r="Y6158" s="2">
        <v>7.6</v>
      </c>
      <c r="Z6158" s="2">
        <v>16.7</v>
      </c>
      <c r="AA6158" s="5"/>
      <c r="AB6158" s="5" t="s">
        <v>43</v>
      </c>
      <c r="AC6158" s="5" t="s">
        <v>44</v>
      </c>
      <c r="AD6158" s="2"/>
      <c r="AE6158" s="1"/>
    </row>
    <row r="6159" spans="1:31" ht="14.45">
      <c r="A6159" s="11"/>
      <c r="B6159" s="20"/>
      <c r="C6159" s="2" t="s">
        <v>18948</v>
      </c>
      <c r="D6159" s="14" t="s">
        <v>18949</v>
      </c>
      <c r="E6159" s="2" t="s">
        <v>18950</v>
      </c>
      <c r="F6159" s="2" t="s">
        <v>7396</v>
      </c>
      <c r="G6159" s="8">
        <v>278</v>
      </c>
      <c r="H6159" s="5">
        <v>6</v>
      </c>
      <c r="I6159" s="5" t="s">
        <v>1518</v>
      </c>
      <c r="J6159" s="5" t="s">
        <v>1519</v>
      </c>
      <c r="K6159" s="2" t="s">
        <v>1520</v>
      </c>
      <c r="L6159" s="5" t="s">
        <v>1519</v>
      </c>
      <c r="M6159" s="2" t="s">
        <v>1520</v>
      </c>
      <c r="N6159" s="5" t="s">
        <v>1521</v>
      </c>
      <c r="O6159" s="5" t="s">
        <v>38</v>
      </c>
      <c r="P6159" s="5" t="s">
        <v>39</v>
      </c>
      <c r="Q6159" s="5" t="s">
        <v>40</v>
      </c>
      <c r="R6159" s="5" t="s">
        <v>1522</v>
      </c>
      <c r="S6159" s="5" t="s">
        <v>1523</v>
      </c>
      <c r="T6159" s="5" t="s">
        <v>42</v>
      </c>
      <c r="U6159" s="2">
        <v>3.5129999999999999</v>
      </c>
      <c r="V6159" s="2">
        <v>2.8490000000000002</v>
      </c>
      <c r="W6159" s="2">
        <v>0.02</v>
      </c>
      <c r="X6159" s="2">
        <v>159.1</v>
      </c>
      <c r="Y6159" s="2">
        <v>7.6</v>
      </c>
      <c r="Z6159" s="2">
        <v>16.7</v>
      </c>
      <c r="AA6159" s="5"/>
      <c r="AB6159" s="5" t="s">
        <v>43</v>
      </c>
      <c r="AC6159" s="5" t="s">
        <v>44</v>
      </c>
      <c r="AD6159" s="2"/>
      <c r="AE6159" s="1"/>
    </row>
    <row r="6160" spans="1:31" ht="14.45">
      <c r="A6160" s="11"/>
      <c r="B6160" s="20"/>
      <c r="C6160" s="2" t="s">
        <v>18951</v>
      </c>
      <c r="D6160" s="14" t="s">
        <v>18952</v>
      </c>
      <c r="E6160" s="2" t="s">
        <v>18953</v>
      </c>
      <c r="F6160" s="2" t="s">
        <v>7507</v>
      </c>
      <c r="G6160" s="8">
        <v>278</v>
      </c>
      <c r="H6160" s="5">
        <v>6</v>
      </c>
      <c r="I6160" s="5" t="s">
        <v>1518</v>
      </c>
      <c r="J6160" s="5" t="s">
        <v>1519</v>
      </c>
      <c r="K6160" s="2" t="s">
        <v>1520</v>
      </c>
      <c r="L6160" s="5" t="s">
        <v>1519</v>
      </c>
      <c r="M6160" s="2" t="s">
        <v>1520</v>
      </c>
      <c r="N6160" s="5" t="s">
        <v>1521</v>
      </c>
      <c r="O6160" s="5" t="s">
        <v>38</v>
      </c>
      <c r="P6160" s="5" t="s">
        <v>39</v>
      </c>
      <c r="Q6160" s="5" t="s">
        <v>40</v>
      </c>
      <c r="R6160" s="5" t="s">
        <v>1522</v>
      </c>
      <c r="S6160" s="5" t="s">
        <v>1523</v>
      </c>
      <c r="T6160" s="5" t="s">
        <v>42</v>
      </c>
      <c r="U6160" s="2">
        <v>3.6120000000000001</v>
      </c>
      <c r="V6160" s="2">
        <v>2.948</v>
      </c>
      <c r="W6160" s="2">
        <v>0.02</v>
      </c>
      <c r="X6160" s="2">
        <v>159.1</v>
      </c>
      <c r="Y6160" s="2">
        <v>7.6</v>
      </c>
      <c r="Z6160" s="2">
        <v>16.7</v>
      </c>
      <c r="AA6160" s="5"/>
      <c r="AB6160" s="5" t="s">
        <v>43</v>
      </c>
      <c r="AC6160" s="5" t="s">
        <v>44</v>
      </c>
      <c r="AD6160" s="2"/>
      <c r="AE6160" s="1"/>
    </row>
    <row r="6161" spans="1:31" ht="14.45">
      <c r="A6161" s="11"/>
      <c r="B6161" s="20"/>
      <c r="C6161" s="2" t="s">
        <v>18954</v>
      </c>
      <c r="D6161" s="14" t="s">
        <v>18955</v>
      </c>
      <c r="E6161" s="2" t="s">
        <v>18956</v>
      </c>
      <c r="F6161" s="2" t="s">
        <v>7204</v>
      </c>
      <c r="G6161" s="8">
        <v>278</v>
      </c>
      <c r="H6161" s="5">
        <v>6</v>
      </c>
      <c r="I6161" s="5" t="s">
        <v>1518</v>
      </c>
      <c r="J6161" s="5" t="s">
        <v>1519</v>
      </c>
      <c r="K6161" s="2" t="s">
        <v>1520</v>
      </c>
      <c r="L6161" s="5" t="s">
        <v>1519</v>
      </c>
      <c r="M6161" s="2" t="s">
        <v>1520</v>
      </c>
      <c r="N6161" s="5" t="s">
        <v>1521</v>
      </c>
      <c r="O6161" s="5" t="s">
        <v>38</v>
      </c>
      <c r="P6161" s="5" t="s">
        <v>39</v>
      </c>
      <c r="Q6161" s="5" t="s">
        <v>40</v>
      </c>
      <c r="R6161" s="5" t="s">
        <v>1522</v>
      </c>
      <c r="S6161" s="5" t="s">
        <v>1523</v>
      </c>
      <c r="T6161" s="5" t="s">
        <v>42</v>
      </c>
      <c r="U6161" s="2">
        <v>3.5219999999999998</v>
      </c>
      <c r="V6161" s="2">
        <v>2.8580000000000001</v>
      </c>
      <c r="W6161" s="2">
        <v>0.02</v>
      </c>
      <c r="X6161" s="2">
        <v>159.1</v>
      </c>
      <c r="Y6161" s="2">
        <v>7.6</v>
      </c>
      <c r="Z6161" s="2">
        <v>16.7</v>
      </c>
      <c r="AA6161" s="5"/>
      <c r="AB6161" s="5" t="s">
        <v>43</v>
      </c>
      <c r="AC6161" s="5" t="s">
        <v>44</v>
      </c>
      <c r="AD6161" s="2"/>
      <c r="AE6161" s="1"/>
    </row>
    <row r="6162" spans="1:31" ht="14.45">
      <c r="A6162" s="11"/>
      <c r="B6162" s="20"/>
      <c r="C6162" s="2" t="s">
        <v>18957</v>
      </c>
      <c r="D6162" s="14" t="s">
        <v>18958</v>
      </c>
      <c r="E6162" s="2" t="s">
        <v>18959</v>
      </c>
      <c r="F6162" s="2" t="s">
        <v>7514</v>
      </c>
      <c r="G6162" s="8">
        <v>278</v>
      </c>
      <c r="H6162" s="5">
        <v>6</v>
      </c>
      <c r="I6162" s="5" t="s">
        <v>1518</v>
      </c>
      <c r="J6162" s="5" t="s">
        <v>1519</v>
      </c>
      <c r="K6162" s="2" t="s">
        <v>1520</v>
      </c>
      <c r="L6162" s="5" t="s">
        <v>1519</v>
      </c>
      <c r="M6162" s="2" t="s">
        <v>1520</v>
      </c>
      <c r="N6162" s="5" t="s">
        <v>1521</v>
      </c>
      <c r="O6162" s="5" t="s">
        <v>38</v>
      </c>
      <c r="P6162" s="5" t="s">
        <v>39</v>
      </c>
      <c r="Q6162" s="5" t="s">
        <v>40</v>
      </c>
      <c r="R6162" s="5" t="s">
        <v>1522</v>
      </c>
      <c r="S6162" s="5" t="s">
        <v>1523</v>
      </c>
      <c r="T6162" s="5" t="s">
        <v>42</v>
      </c>
      <c r="U6162" s="2">
        <v>3.621</v>
      </c>
      <c r="V6162" s="2">
        <v>2.9569999999999999</v>
      </c>
      <c r="W6162" s="2">
        <v>0.02</v>
      </c>
      <c r="X6162" s="2">
        <v>159.1</v>
      </c>
      <c r="Y6162" s="2">
        <v>7.6</v>
      </c>
      <c r="Z6162" s="2">
        <v>16.7</v>
      </c>
      <c r="AA6162" s="5"/>
      <c r="AB6162" s="5" t="s">
        <v>43</v>
      </c>
      <c r="AC6162" s="5" t="s">
        <v>44</v>
      </c>
      <c r="AD6162" s="2"/>
      <c r="AE6162" s="1"/>
    </row>
    <row r="6163" spans="1:31" ht="14.45">
      <c r="A6163" s="11"/>
      <c r="B6163" s="20"/>
      <c r="C6163" s="2" t="s">
        <v>18960</v>
      </c>
      <c r="D6163" s="14" t="s">
        <v>18961</v>
      </c>
      <c r="E6163" s="2" t="s">
        <v>18962</v>
      </c>
      <c r="F6163" s="2" t="s">
        <v>7208</v>
      </c>
      <c r="G6163" s="8">
        <v>278</v>
      </c>
      <c r="H6163" s="5">
        <v>6</v>
      </c>
      <c r="I6163" s="5" t="s">
        <v>1518</v>
      </c>
      <c r="J6163" s="5" t="s">
        <v>1519</v>
      </c>
      <c r="K6163" s="2" t="s">
        <v>1520</v>
      </c>
      <c r="L6163" s="5" t="s">
        <v>1519</v>
      </c>
      <c r="M6163" s="2" t="s">
        <v>1520</v>
      </c>
      <c r="N6163" s="5" t="s">
        <v>1521</v>
      </c>
      <c r="O6163" s="5" t="s">
        <v>38</v>
      </c>
      <c r="P6163" s="5" t="s">
        <v>39</v>
      </c>
      <c r="Q6163" s="5" t="s">
        <v>40</v>
      </c>
      <c r="R6163" s="5" t="s">
        <v>1522</v>
      </c>
      <c r="S6163" s="5" t="s">
        <v>1523</v>
      </c>
      <c r="T6163" s="5" t="s">
        <v>42</v>
      </c>
      <c r="U6163" s="2">
        <v>3.5219999999999998</v>
      </c>
      <c r="V6163" s="2">
        <v>2.8580000000000001</v>
      </c>
      <c r="W6163" s="2">
        <v>0.02</v>
      </c>
      <c r="X6163" s="2">
        <v>159.1</v>
      </c>
      <c r="Y6163" s="2">
        <v>7.6</v>
      </c>
      <c r="Z6163" s="2">
        <v>16.7</v>
      </c>
      <c r="AA6163" s="5"/>
      <c r="AB6163" s="5" t="s">
        <v>43</v>
      </c>
      <c r="AC6163" s="5" t="s">
        <v>44</v>
      </c>
      <c r="AD6163" s="2"/>
      <c r="AE6163" s="1"/>
    </row>
    <row r="6164" spans="1:31" ht="14.45">
      <c r="A6164" s="11"/>
      <c r="B6164" s="20"/>
      <c r="C6164" s="2" t="s">
        <v>18963</v>
      </c>
      <c r="D6164" s="14" t="s">
        <v>18964</v>
      </c>
      <c r="E6164" s="2" t="s">
        <v>18965</v>
      </c>
      <c r="F6164" s="2" t="s">
        <v>7521</v>
      </c>
      <c r="G6164" s="8">
        <v>278</v>
      </c>
      <c r="H6164" s="5">
        <v>6</v>
      </c>
      <c r="I6164" s="5" t="s">
        <v>1518</v>
      </c>
      <c r="J6164" s="5" t="s">
        <v>1519</v>
      </c>
      <c r="K6164" s="2" t="s">
        <v>1520</v>
      </c>
      <c r="L6164" s="5" t="s">
        <v>1519</v>
      </c>
      <c r="M6164" s="2" t="s">
        <v>1520</v>
      </c>
      <c r="N6164" s="5" t="s">
        <v>1521</v>
      </c>
      <c r="O6164" s="5" t="s">
        <v>38</v>
      </c>
      <c r="P6164" s="5" t="s">
        <v>39</v>
      </c>
      <c r="Q6164" s="5" t="s">
        <v>40</v>
      </c>
      <c r="R6164" s="5" t="s">
        <v>1522</v>
      </c>
      <c r="S6164" s="5" t="s">
        <v>1523</v>
      </c>
      <c r="T6164" s="5" t="s">
        <v>42</v>
      </c>
      <c r="U6164" s="2">
        <v>3.621</v>
      </c>
      <c r="V6164" s="2">
        <v>2.9569999999999999</v>
      </c>
      <c r="W6164" s="2">
        <v>0.02</v>
      </c>
      <c r="X6164" s="2">
        <v>159.1</v>
      </c>
      <c r="Y6164" s="2">
        <v>7.6</v>
      </c>
      <c r="Z6164" s="2">
        <v>16.7</v>
      </c>
      <c r="AA6164" s="5"/>
      <c r="AB6164" s="5" t="s">
        <v>43</v>
      </c>
      <c r="AC6164" s="5" t="s">
        <v>44</v>
      </c>
      <c r="AD6164" s="2"/>
      <c r="AE6164" s="1"/>
    </row>
    <row r="6165" spans="1:31" ht="14.45">
      <c r="A6165" s="11"/>
      <c r="B6165" s="20"/>
      <c r="C6165" s="2" t="s">
        <v>18966</v>
      </c>
      <c r="D6165" s="14" t="s">
        <v>18967</v>
      </c>
      <c r="E6165" s="2" t="s">
        <v>18968</v>
      </c>
      <c r="F6165" s="2" t="s">
        <v>7212</v>
      </c>
      <c r="G6165" s="8">
        <v>278</v>
      </c>
      <c r="H6165" s="5">
        <v>6</v>
      </c>
      <c r="I6165" s="5" t="s">
        <v>1518</v>
      </c>
      <c r="J6165" s="5" t="s">
        <v>1519</v>
      </c>
      <c r="K6165" s="2" t="s">
        <v>1520</v>
      </c>
      <c r="L6165" s="5" t="s">
        <v>1519</v>
      </c>
      <c r="M6165" s="2" t="s">
        <v>1520</v>
      </c>
      <c r="N6165" s="5" t="s">
        <v>1521</v>
      </c>
      <c r="O6165" s="5" t="s">
        <v>38</v>
      </c>
      <c r="P6165" s="5" t="s">
        <v>39</v>
      </c>
      <c r="Q6165" s="5" t="s">
        <v>40</v>
      </c>
      <c r="R6165" s="5" t="s">
        <v>1522</v>
      </c>
      <c r="S6165" s="5" t="s">
        <v>1523</v>
      </c>
      <c r="T6165" s="5" t="s">
        <v>42</v>
      </c>
      <c r="U6165" s="2">
        <v>3.4929999999999999</v>
      </c>
      <c r="V6165" s="2">
        <v>2.8290000000000002</v>
      </c>
      <c r="W6165" s="2">
        <v>0.02</v>
      </c>
      <c r="X6165" s="2">
        <v>159.1</v>
      </c>
      <c r="Y6165" s="2">
        <v>7.6</v>
      </c>
      <c r="Z6165" s="2">
        <v>16.7</v>
      </c>
      <c r="AA6165" s="5"/>
      <c r="AB6165" s="5" t="s">
        <v>43</v>
      </c>
      <c r="AC6165" s="5" t="s">
        <v>44</v>
      </c>
      <c r="AD6165" s="2"/>
      <c r="AE6165" s="1"/>
    </row>
    <row r="6166" spans="1:31" ht="14.45">
      <c r="A6166" s="11"/>
      <c r="B6166" s="20"/>
      <c r="C6166" s="2" t="s">
        <v>18969</v>
      </c>
      <c r="D6166" s="14" t="s">
        <v>18970</v>
      </c>
      <c r="E6166" s="2" t="s">
        <v>18971</v>
      </c>
      <c r="F6166" s="2" t="s">
        <v>7528</v>
      </c>
      <c r="G6166" s="8">
        <v>278</v>
      </c>
      <c r="H6166" s="5">
        <v>6</v>
      </c>
      <c r="I6166" s="5" t="s">
        <v>1518</v>
      </c>
      <c r="J6166" s="5" t="s">
        <v>1519</v>
      </c>
      <c r="K6166" s="2" t="s">
        <v>1520</v>
      </c>
      <c r="L6166" s="5" t="s">
        <v>1519</v>
      </c>
      <c r="M6166" s="2" t="s">
        <v>1520</v>
      </c>
      <c r="N6166" s="5" t="s">
        <v>1521</v>
      </c>
      <c r="O6166" s="5" t="s">
        <v>38</v>
      </c>
      <c r="P6166" s="5" t="s">
        <v>39</v>
      </c>
      <c r="Q6166" s="5" t="s">
        <v>40</v>
      </c>
      <c r="R6166" s="5" t="s">
        <v>1522</v>
      </c>
      <c r="S6166" s="5" t="s">
        <v>1523</v>
      </c>
      <c r="T6166" s="5" t="s">
        <v>42</v>
      </c>
      <c r="U6166" s="2">
        <v>3.5920000000000001</v>
      </c>
      <c r="V6166" s="2">
        <v>2.9279999999999999</v>
      </c>
      <c r="W6166" s="2">
        <v>0.02</v>
      </c>
      <c r="X6166" s="2">
        <v>159.1</v>
      </c>
      <c r="Y6166" s="2">
        <v>7.6</v>
      </c>
      <c r="Z6166" s="2">
        <v>16.7</v>
      </c>
      <c r="AA6166" s="5"/>
      <c r="AB6166" s="5" t="s">
        <v>43</v>
      </c>
      <c r="AC6166" s="5" t="s">
        <v>44</v>
      </c>
      <c r="AD6166" s="2"/>
      <c r="AE6166" s="1"/>
    </row>
    <row r="6167" spans="1:31" ht="14.45">
      <c r="A6167" s="11"/>
      <c r="B6167" s="20"/>
      <c r="C6167" s="2" t="s">
        <v>18972</v>
      </c>
      <c r="D6167" s="14" t="s">
        <v>18973</v>
      </c>
      <c r="E6167" s="2" t="s">
        <v>18974</v>
      </c>
      <c r="F6167" s="2" t="s">
        <v>7406</v>
      </c>
      <c r="G6167" s="8">
        <v>300</v>
      </c>
      <c r="H6167" s="5">
        <v>6</v>
      </c>
      <c r="I6167" s="5" t="s">
        <v>1518</v>
      </c>
      <c r="J6167" s="5" t="s">
        <v>1519</v>
      </c>
      <c r="K6167" s="2" t="s">
        <v>1520</v>
      </c>
      <c r="L6167" s="5" t="s">
        <v>1519</v>
      </c>
      <c r="M6167" s="2" t="s">
        <v>1520</v>
      </c>
      <c r="N6167" s="5" t="s">
        <v>1521</v>
      </c>
      <c r="O6167" s="5" t="s">
        <v>38</v>
      </c>
      <c r="P6167" s="5" t="s">
        <v>39</v>
      </c>
      <c r="Q6167" s="5" t="s">
        <v>40</v>
      </c>
      <c r="R6167" s="5" t="s">
        <v>1522</v>
      </c>
      <c r="S6167" s="5" t="s">
        <v>1523</v>
      </c>
      <c r="T6167" s="5" t="s">
        <v>42</v>
      </c>
      <c r="U6167" s="2">
        <v>3.4929999999999999</v>
      </c>
      <c r="V6167" s="2">
        <v>2.8290000000000002</v>
      </c>
      <c r="W6167" s="2">
        <v>0.02</v>
      </c>
      <c r="X6167" s="2">
        <v>159.1</v>
      </c>
      <c r="Y6167" s="2">
        <v>7.6</v>
      </c>
      <c r="Z6167" s="2">
        <v>16.7</v>
      </c>
      <c r="AA6167" s="5"/>
      <c r="AB6167" s="5" t="s">
        <v>43</v>
      </c>
      <c r="AC6167" s="5" t="s">
        <v>44</v>
      </c>
      <c r="AD6167" s="2"/>
      <c r="AE6167" s="1"/>
    </row>
    <row r="6168" spans="1:31" ht="14.45">
      <c r="A6168" s="11"/>
      <c r="B6168" s="20"/>
      <c r="C6168" s="2" t="s">
        <v>18975</v>
      </c>
      <c r="D6168" s="14" t="s">
        <v>18976</v>
      </c>
      <c r="E6168" s="2" t="s">
        <v>18977</v>
      </c>
      <c r="F6168" s="2" t="s">
        <v>7535</v>
      </c>
      <c r="G6168" s="8">
        <v>300</v>
      </c>
      <c r="H6168" s="5">
        <v>6</v>
      </c>
      <c r="I6168" s="5" t="s">
        <v>1518</v>
      </c>
      <c r="J6168" s="5" t="s">
        <v>1519</v>
      </c>
      <c r="K6168" s="2" t="s">
        <v>1520</v>
      </c>
      <c r="L6168" s="5" t="s">
        <v>1519</v>
      </c>
      <c r="M6168" s="2" t="s">
        <v>1520</v>
      </c>
      <c r="N6168" s="5" t="s">
        <v>1521</v>
      </c>
      <c r="O6168" s="5" t="s">
        <v>38</v>
      </c>
      <c r="P6168" s="5" t="s">
        <v>39</v>
      </c>
      <c r="Q6168" s="5" t="s">
        <v>40</v>
      </c>
      <c r="R6168" s="5" t="s">
        <v>1522</v>
      </c>
      <c r="S6168" s="5" t="s">
        <v>1523</v>
      </c>
      <c r="T6168" s="5" t="s">
        <v>42</v>
      </c>
      <c r="U6168" s="2">
        <v>3.5920000000000001</v>
      </c>
      <c r="V6168" s="2">
        <v>2.9279999999999999</v>
      </c>
      <c r="W6168" s="2">
        <v>0.02</v>
      </c>
      <c r="X6168" s="2">
        <v>159.1</v>
      </c>
      <c r="Y6168" s="2">
        <v>7.6</v>
      </c>
      <c r="Z6168" s="2">
        <v>16.7</v>
      </c>
      <c r="AA6168" s="5"/>
      <c r="AB6168" s="5" t="s">
        <v>43</v>
      </c>
      <c r="AC6168" s="5" t="s">
        <v>44</v>
      </c>
      <c r="AD6168" s="2"/>
      <c r="AE6168" s="1"/>
    </row>
    <row r="6169" spans="1:31" ht="14.45">
      <c r="A6169" s="11"/>
      <c r="B6169" s="20"/>
      <c r="C6169" s="2" t="s">
        <v>18978</v>
      </c>
      <c r="D6169" s="14" t="s">
        <v>18979</v>
      </c>
      <c r="E6169" s="2" t="s">
        <v>18980</v>
      </c>
      <c r="F6169" s="2" t="s">
        <v>7539</v>
      </c>
      <c r="G6169" s="8">
        <v>300</v>
      </c>
      <c r="H6169" s="5">
        <v>6</v>
      </c>
      <c r="I6169" s="5" t="s">
        <v>1518</v>
      </c>
      <c r="J6169" s="5" t="s">
        <v>1519</v>
      </c>
      <c r="K6169" s="2" t="s">
        <v>1520</v>
      </c>
      <c r="L6169" s="5" t="s">
        <v>1519</v>
      </c>
      <c r="M6169" s="2" t="s">
        <v>1520</v>
      </c>
      <c r="N6169" s="5" t="s">
        <v>1521</v>
      </c>
      <c r="O6169" s="5" t="s">
        <v>38</v>
      </c>
      <c r="P6169" s="5" t="s">
        <v>39</v>
      </c>
      <c r="Q6169" s="5" t="s">
        <v>40</v>
      </c>
      <c r="R6169" s="5" t="s">
        <v>1522</v>
      </c>
      <c r="S6169" s="5" t="s">
        <v>1523</v>
      </c>
      <c r="T6169" s="5" t="s">
        <v>42</v>
      </c>
      <c r="U6169" s="2">
        <v>3.5219999999999998</v>
      </c>
      <c r="V6169" s="2">
        <v>2.8580000000000001</v>
      </c>
      <c r="W6169" s="2">
        <v>0.02</v>
      </c>
      <c r="X6169" s="2">
        <v>159.1</v>
      </c>
      <c r="Y6169" s="2">
        <v>7.6</v>
      </c>
      <c r="Z6169" s="2">
        <v>16.7</v>
      </c>
      <c r="AA6169" s="5"/>
      <c r="AB6169" s="5" t="s">
        <v>43</v>
      </c>
      <c r="AC6169" s="5" t="s">
        <v>44</v>
      </c>
      <c r="AD6169" s="2"/>
      <c r="AE6169" s="1"/>
    </row>
    <row r="6170" spans="1:31" ht="14.45">
      <c r="A6170" s="11"/>
      <c r="B6170" s="20"/>
      <c r="C6170" s="2" t="s">
        <v>18981</v>
      </c>
      <c r="D6170" s="14" t="s">
        <v>18982</v>
      </c>
      <c r="E6170" s="2" t="s">
        <v>18983</v>
      </c>
      <c r="F6170" s="2" t="s">
        <v>7543</v>
      </c>
      <c r="G6170" s="8">
        <v>300</v>
      </c>
      <c r="H6170" s="5">
        <v>6</v>
      </c>
      <c r="I6170" s="5" t="s">
        <v>1518</v>
      </c>
      <c r="J6170" s="5" t="s">
        <v>1519</v>
      </c>
      <c r="K6170" s="2" t="s">
        <v>1520</v>
      </c>
      <c r="L6170" s="5" t="s">
        <v>1519</v>
      </c>
      <c r="M6170" s="2" t="s">
        <v>1520</v>
      </c>
      <c r="N6170" s="5" t="s">
        <v>1521</v>
      </c>
      <c r="O6170" s="5" t="s">
        <v>38</v>
      </c>
      <c r="P6170" s="5" t="s">
        <v>39</v>
      </c>
      <c r="Q6170" s="5" t="s">
        <v>40</v>
      </c>
      <c r="R6170" s="5" t="s">
        <v>1522</v>
      </c>
      <c r="S6170" s="5" t="s">
        <v>1523</v>
      </c>
      <c r="T6170" s="5" t="s">
        <v>42</v>
      </c>
      <c r="U6170" s="2">
        <v>3.621</v>
      </c>
      <c r="V6170" s="2">
        <v>2.9569999999999999</v>
      </c>
      <c r="W6170" s="2">
        <v>0.02</v>
      </c>
      <c r="X6170" s="2">
        <v>159.1</v>
      </c>
      <c r="Y6170" s="2">
        <v>7.6</v>
      </c>
      <c r="Z6170" s="2">
        <v>16.7</v>
      </c>
      <c r="AA6170" s="5"/>
      <c r="AB6170" s="5" t="s">
        <v>43</v>
      </c>
      <c r="AC6170" s="5" t="s">
        <v>44</v>
      </c>
      <c r="AD6170" s="2"/>
      <c r="AE6170" s="1"/>
    </row>
    <row r="6171" spans="1:31" ht="14.45">
      <c r="A6171" s="11"/>
      <c r="B6171" s="20"/>
      <c r="C6171" s="2" t="s">
        <v>18984</v>
      </c>
      <c r="D6171" s="14" t="s">
        <v>18985</v>
      </c>
      <c r="E6171" s="2" t="s">
        <v>18986</v>
      </c>
      <c r="F6171" s="2" t="s">
        <v>7547</v>
      </c>
      <c r="G6171" s="8">
        <v>300</v>
      </c>
      <c r="H6171" s="5">
        <v>6</v>
      </c>
      <c r="I6171" s="5" t="s">
        <v>1518</v>
      </c>
      <c r="J6171" s="5" t="s">
        <v>1519</v>
      </c>
      <c r="K6171" s="2" t="s">
        <v>1520</v>
      </c>
      <c r="L6171" s="5" t="s">
        <v>1519</v>
      </c>
      <c r="M6171" s="2" t="s">
        <v>1520</v>
      </c>
      <c r="N6171" s="5" t="s">
        <v>1521</v>
      </c>
      <c r="O6171" s="5" t="s">
        <v>38</v>
      </c>
      <c r="P6171" s="5" t="s">
        <v>39</v>
      </c>
      <c r="Q6171" s="5" t="s">
        <v>40</v>
      </c>
      <c r="R6171" s="5" t="s">
        <v>1522</v>
      </c>
      <c r="S6171" s="5" t="s">
        <v>1523</v>
      </c>
      <c r="T6171" s="5" t="s">
        <v>42</v>
      </c>
      <c r="U6171" s="2">
        <v>3.4929999999999999</v>
      </c>
      <c r="V6171" s="2">
        <v>2.8290000000000002</v>
      </c>
      <c r="W6171" s="2">
        <v>0.02</v>
      </c>
      <c r="X6171" s="2">
        <v>159.1</v>
      </c>
      <c r="Y6171" s="2">
        <v>7.6</v>
      </c>
      <c r="Z6171" s="2">
        <v>16.7</v>
      </c>
      <c r="AA6171" s="5"/>
      <c r="AB6171" s="5" t="s">
        <v>43</v>
      </c>
      <c r="AC6171" s="5" t="s">
        <v>44</v>
      </c>
      <c r="AD6171" s="2"/>
      <c r="AE6171" s="1"/>
    </row>
    <row r="6172" spans="1:31" ht="14.45">
      <c r="A6172" s="11"/>
      <c r="B6172" s="20"/>
      <c r="C6172" s="2" t="s">
        <v>18987</v>
      </c>
      <c r="D6172" s="14" t="s">
        <v>18988</v>
      </c>
      <c r="E6172" s="2" t="s">
        <v>18989</v>
      </c>
      <c r="F6172" s="2" t="s">
        <v>7551</v>
      </c>
      <c r="G6172" s="8">
        <v>300</v>
      </c>
      <c r="H6172" s="5">
        <v>6</v>
      </c>
      <c r="I6172" s="5" t="s">
        <v>1518</v>
      </c>
      <c r="J6172" s="5" t="s">
        <v>1519</v>
      </c>
      <c r="K6172" s="2" t="s">
        <v>1520</v>
      </c>
      <c r="L6172" s="5" t="s">
        <v>1519</v>
      </c>
      <c r="M6172" s="2" t="s">
        <v>1520</v>
      </c>
      <c r="N6172" s="5" t="s">
        <v>1521</v>
      </c>
      <c r="O6172" s="5" t="s">
        <v>38</v>
      </c>
      <c r="P6172" s="5" t="s">
        <v>39</v>
      </c>
      <c r="Q6172" s="5" t="s">
        <v>40</v>
      </c>
      <c r="R6172" s="5" t="s">
        <v>1522</v>
      </c>
      <c r="S6172" s="5" t="s">
        <v>1523</v>
      </c>
      <c r="T6172" s="5" t="s">
        <v>42</v>
      </c>
      <c r="U6172" s="2">
        <v>3.5920000000000001</v>
      </c>
      <c r="V6172" s="2">
        <v>2.9279999999999999</v>
      </c>
      <c r="W6172" s="2">
        <v>0.02</v>
      </c>
      <c r="X6172" s="2">
        <v>159.1</v>
      </c>
      <c r="Y6172" s="2">
        <v>7.6</v>
      </c>
      <c r="Z6172" s="2">
        <v>16.7</v>
      </c>
      <c r="AA6172" s="5"/>
      <c r="AB6172" s="5" t="s">
        <v>43</v>
      </c>
      <c r="AC6172" s="5" t="s">
        <v>44</v>
      </c>
      <c r="AD6172" s="2"/>
      <c r="AE6172" s="1"/>
    </row>
    <row r="6173" spans="1:31" ht="14.45">
      <c r="A6173" s="11"/>
      <c r="B6173" s="20"/>
      <c r="C6173" s="2" t="s">
        <v>18990</v>
      </c>
      <c r="D6173" s="14" t="s">
        <v>18991</v>
      </c>
      <c r="E6173" s="2" t="s">
        <v>18992</v>
      </c>
      <c r="F6173" s="2" t="s">
        <v>7559</v>
      </c>
      <c r="G6173" s="8">
        <v>300</v>
      </c>
      <c r="H6173" s="5">
        <v>6</v>
      </c>
      <c r="I6173" s="5" t="s">
        <v>1518</v>
      </c>
      <c r="J6173" s="5" t="s">
        <v>1519</v>
      </c>
      <c r="K6173" s="2" t="s">
        <v>1520</v>
      </c>
      <c r="L6173" s="5" t="s">
        <v>1519</v>
      </c>
      <c r="M6173" s="2" t="s">
        <v>1520</v>
      </c>
      <c r="N6173" s="5" t="s">
        <v>1521</v>
      </c>
      <c r="O6173" s="5" t="s">
        <v>38</v>
      </c>
      <c r="P6173" s="5" t="s">
        <v>39</v>
      </c>
      <c r="Q6173" s="5" t="s">
        <v>40</v>
      </c>
      <c r="R6173" s="5" t="s">
        <v>1522</v>
      </c>
      <c r="S6173" s="5" t="s">
        <v>1523</v>
      </c>
      <c r="T6173" s="5" t="s">
        <v>42</v>
      </c>
      <c r="U6173" s="2">
        <v>3.5920000000000001</v>
      </c>
      <c r="V6173" s="2">
        <v>2.9279999999999999</v>
      </c>
      <c r="W6173" s="2">
        <v>0.02</v>
      </c>
      <c r="X6173" s="2">
        <v>159.1</v>
      </c>
      <c r="Y6173" s="2">
        <v>7.6</v>
      </c>
      <c r="Z6173" s="2">
        <v>16.7</v>
      </c>
      <c r="AA6173" s="5"/>
      <c r="AB6173" s="5" t="s">
        <v>43</v>
      </c>
      <c r="AC6173" s="5" t="s">
        <v>44</v>
      </c>
      <c r="AD6173" s="2"/>
      <c r="AE6173" s="1"/>
    </row>
    <row r="6174" spans="1:31" ht="14.45">
      <c r="A6174" s="11"/>
      <c r="B6174" s="20"/>
      <c r="C6174" s="2" t="s">
        <v>18993</v>
      </c>
      <c r="D6174" s="14" t="s">
        <v>18994</v>
      </c>
      <c r="E6174" s="2" t="s">
        <v>18995</v>
      </c>
      <c r="F6174" s="2" t="s">
        <v>7563</v>
      </c>
      <c r="G6174" s="8">
        <v>300</v>
      </c>
      <c r="H6174" s="5">
        <v>6</v>
      </c>
      <c r="I6174" s="5" t="s">
        <v>1518</v>
      </c>
      <c r="J6174" s="5" t="s">
        <v>1519</v>
      </c>
      <c r="K6174" s="2" t="s">
        <v>1520</v>
      </c>
      <c r="L6174" s="5" t="s">
        <v>1519</v>
      </c>
      <c r="M6174" s="2" t="s">
        <v>1520</v>
      </c>
      <c r="N6174" s="5" t="s">
        <v>1521</v>
      </c>
      <c r="O6174" s="5" t="s">
        <v>38</v>
      </c>
      <c r="P6174" s="5" t="s">
        <v>39</v>
      </c>
      <c r="Q6174" s="5" t="s">
        <v>40</v>
      </c>
      <c r="R6174" s="5" t="s">
        <v>1522</v>
      </c>
      <c r="S6174" s="5" t="s">
        <v>1523</v>
      </c>
      <c r="T6174" s="5" t="s">
        <v>42</v>
      </c>
      <c r="U6174" s="2">
        <v>3.5219999999999998</v>
      </c>
      <c r="V6174" s="2">
        <v>2.8580000000000001</v>
      </c>
      <c r="W6174" s="2">
        <v>0.02</v>
      </c>
      <c r="X6174" s="2">
        <v>159.1</v>
      </c>
      <c r="Y6174" s="2">
        <v>7.6</v>
      </c>
      <c r="Z6174" s="2">
        <v>16.7</v>
      </c>
      <c r="AA6174" s="5"/>
      <c r="AB6174" s="5" t="s">
        <v>43</v>
      </c>
      <c r="AC6174" s="5" t="s">
        <v>44</v>
      </c>
      <c r="AD6174" s="2"/>
      <c r="AE6174" s="1"/>
    </row>
    <row r="6175" spans="1:31" ht="14.45">
      <c r="A6175" s="11"/>
      <c r="B6175" s="20"/>
      <c r="C6175" s="2" t="s">
        <v>18996</v>
      </c>
      <c r="D6175" s="14" t="s">
        <v>18997</v>
      </c>
      <c r="E6175" s="2" t="s">
        <v>18998</v>
      </c>
      <c r="F6175" s="2" t="s">
        <v>7567</v>
      </c>
      <c r="G6175" s="8">
        <v>300</v>
      </c>
      <c r="H6175" s="5">
        <v>6</v>
      </c>
      <c r="I6175" s="5" t="s">
        <v>1518</v>
      </c>
      <c r="J6175" s="5" t="s">
        <v>1519</v>
      </c>
      <c r="K6175" s="2" t="s">
        <v>1520</v>
      </c>
      <c r="L6175" s="5" t="s">
        <v>1519</v>
      </c>
      <c r="M6175" s="2" t="s">
        <v>1520</v>
      </c>
      <c r="N6175" s="5" t="s">
        <v>1521</v>
      </c>
      <c r="O6175" s="5" t="s">
        <v>38</v>
      </c>
      <c r="P6175" s="5" t="s">
        <v>39</v>
      </c>
      <c r="Q6175" s="5" t="s">
        <v>40</v>
      </c>
      <c r="R6175" s="5" t="s">
        <v>1522</v>
      </c>
      <c r="S6175" s="5" t="s">
        <v>1523</v>
      </c>
      <c r="T6175" s="5" t="s">
        <v>42</v>
      </c>
      <c r="U6175" s="2">
        <v>3.621</v>
      </c>
      <c r="V6175" s="2">
        <v>2.9569999999999999</v>
      </c>
      <c r="W6175" s="2">
        <v>0.02</v>
      </c>
      <c r="X6175" s="2">
        <v>159.1</v>
      </c>
      <c r="Y6175" s="2">
        <v>7.6</v>
      </c>
      <c r="Z6175" s="2">
        <v>16.7</v>
      </c>
      <c r="AA6175" s="5"/>
      <c r="AB6175" s="5" t="s">
        <v>43</v>
      </c>
      <c r="AC6175" s="5" t="s">
        <v>44</v>
      </c>
      <c r="AD6175" s="2"/>
      <c r="AE6175" s="1"/>
    </row>
    <row r="6176" spans="1:31" ht="14.45">
      <c r="A6176" s="11"/>
      <c r="B6176" s="20"/>
      <c r="C6176" s="2" t="s">
        <v>18999</v>
      </c>
      <c r="D6176" s="14" t="s">
        <v>19000</v>
      </c>
      <c r="E6176" s="2" t="s">
        <v>19001</v>
      </c>
      <c r="F6176" s="2" t="s">
        <v>16079</v>
      </c>
      <c r="G6176" s="8">
        <v>300</v>
      </c>
      <c r="H6176" s="5">
        <v>6</v>
      </c>
      <c r="I6176" s="5" t="s">
        <v>1518</v>
      </c>
      <c r="J6176" s="5" t="s">
        <v>1519</v>
      </c>
      <c r="K6176" s="2" t="s">
        <v>1520</v>
      </c>
      <c r="L6176" s="5" t="s">
        <v>1519</v>
      </c>
      <c r="M6176" s="2" t="s">
        <v>1520</v>
      </c>
      <c r="N6176" s="5" t="s">
        <v>1521</v>
      </c>
      <c r="O6176" s="5" t="s">
        <v>38</v>
      </c>
      <c r="P6176" s="5" t="s">
        <v>39</v>
      </c>
      <c r="Q6176" s="5" t="s">
        <v>40</v>
      </c>
      <c r="R6176" s="5" t="s">
        <v>1522</v>
      </c>
      <c r="S6176" s="5" t="s">
        <v>1523</v>
      </c>
      <c r="T6176" s="5" t="s">
        <v>42</v>
      </c>
      <c r="U6176" s="2">
        <v>3.5219999999999998</v>
      </c>
      <c r="V6176" s="2">
        <v>2.8580000000000001</v>
      </c>
      <c r="W6176" s="2">
        <v>0.02</v>
      </c>
      <c r="X6176" s="2">
        <v>159.1</v>
      </c>
      <c r="Y6176" s="2">
        <v>7.6</v>
      </c>
      <c r="Z6176" s="2">
        <v>16.7</v>
      </c>
      <c r="AA6176" s="5"/>
      <c r="AB6176" s="5" t="s">
        <v>43</v>
      </c>
      <c r="AC6176" s="5" t="s">
        <v>44</v>
      </c>
      <c r="AD6176" s="2"/>
      <c r="AE6176" s="1"/>
    </row>
    <row r="6177" spans="1:31" ht="14.45">
      <c r="A6177" s="11"/>
      <c r="B6177" s="20"/>
      <c r="C6177" s="2" t="s">
        <v>19002</v>
      </c>
      <c r="D6177" s="14" t="s">
        <v>19003</v>
      </c>
      <c r="E6177" s="2" t="s">
        <v>19004</v>
      </c>
      <c r="F6177" s="2" t="s">
        <v>16194</v>
      </c>
      <c r="G6177" s="8">
        <v>300</v>
      </c>
      <c r="H6177" s="5">
        <v>6</v>
      </c>
      <c r="I6177" s="5" t="s">
        <v>1518</v>
      </c>
      <c r="J6177" s="5" t="s">
        <v>1519</v>
      </c>
      <c r="K6177" s="2" t="s">
        <v>1520</v>
      </c>
      <c r="L6177" s="5" t="s">
        <v>1519</v>
      </c>
      <c r="M6177" s="2" t="s">
        <v>1520</v>
      </c>
      <c r="N6177" s="5" t="s">
        <v>1521</v>
      </c>
      <c r="O6177" s="5" t="s">
        <v>38</v>
      </c>
      <c r="P6177" s="5" t="s">
        <v>39</v>
      </c>
      <c r="Q6177" s="5" t="s">
        <v>40</v>
      </c>
      <c r="R6177" s="5" t="s">
        <v>1522</v>
      </c>
      <c r="S6177" s="5" t="s">
        <v>1523</v>
      </c>
      <c r="T6177" s="5" t="s">
        <v>42</v>
      </c>
      <c r="U6177" s="2">
        <v>3.621</v>
      </c>
      <c r="V6177" s="2">
        <v>2.9569999999999999</v>
      </c>
      <c r="W6177" s="2">
        <v>0.02</v>
      </c>
      <c r="X6177" s="2">
        <v>159.1</v>
      </c>
      <c r="Y6177" s="2">
        <v>7.6</v>
      </c>
      <c r="Z6177" s="2">
        <v>16.7</v>
      </c>
      <c r="AA6177" s="5"/>
      <c r="AB6177" s="5" t="s">
        <v>43</v>
      </c>
      <c r="AC6177" s="5" t="s">
        <v>44</v>
      </c>
      <c r="AD6177" s="2"/>
      <c r="AE6177" s="1"/>
    </row>
    <row r="6178" spans="1:31" ht="14.45">
      <c r="A6178" s="11"/>
      <c r="B6178" s="20"/>
      <c r="C6178" s="2" t="s">
        <v>19005</v>
      </c>
      <c r="D6178" s="14" t="s">
        <v>19006</v>
      </c>
      <c r="E6178" s="2" t="s">
        <v>19007</v>
      </c>
      <c r="F6178" s="2" t="s">
        <v>7449</v>
      </c>
      <c r="G6178" s="8">
        <v>300</v>
      </c>
      <c r="H6178" s="5">
        <v>6</v>
      </c>
      <c r="I6178" s="5" t="s">
        <v>1518</v>
      </c>
      <c r="J6178" s="5" t="s">
        <v>1519</v>
      </c>
      <c r="K6178" s="2" t="s">
        <v>1520</v>
      </c>
      <c r="L6178" s="5" t="s">
        <v>1519</v>
      </c>
      <c r="M6178" s="2" t="s">
        <v>1520</v>
      </c>
      <c r="N6178" s="5" t="s">
        <v>1521</v>
      </c>
      <c r="O6178" s="5" t="s">
        <v>38</v>
      </c>
      <c r="P6178" s="5" t="s">
        <v>39</v>
      </c>
      <c r="Q6178" s="5" t="s">
        <v>40</v>
      </c>
      <c r="R6178" s="5" t="s">
        <v>1522</v>
      </c>
      <c r="S6178" s="5" t="s">
        <v>1523</v>
      </c>
      <c r="T6178" s="5" t="s">
        <v>42</v>
      </c>
      <c r="U6178" s="2">
        <v>3.5219999999999998</v>
      </c>
      <c r="V6178" s="2">
        <v>2.8580000000000001</v>
      </c>
      <c r="W6178" s="2">
        <v>0.02</v>
      </c>
      <c r="X6178" s="2">
        <v>159.1</v>
      </c>
      <c r="Y6178" s="2">
        <v>7.6</v>
      </c>
      <c r="Z6178" s="2">
        <v>16.7</v>
      </c>
      <c r="AA6178" s="5"/>
      <c r="AB6178" s="5" t="s">
        <v>43</v>
      </c>
      <c r="AC6178" s="5" t="s">
        <v>44</v>
      </c>
      <c r="AD6178" s="2"/>
      <c r="AE6178" s="1"/>
    </row>
    <row r="6179" spans="1:31" ht="14.45">
      <c r="A6179" s="11"/>
      <c r="B6179" s="20"/>
      <c r="C6179" s="2" t="s">
        <v>19008</v>
      </c>
      <c r="D6179" s="14" t="s">
        <v>19009</v>
      </c>
      <c r="E6179" s="2" t="s">
        <v>19010</v>
      </c>
      <c r="F6179" s="2" t="s">
        <v>7581</v>
      </c>
      <c r="G6179" s="8">
        <v>300</v>
      </c>
      <c r="H6179" s="5">
        <v>6</v>
      </c>
      <c r="I6179" s="5" t="s">
        <v>1518</v>
      </c>
      <c r="J6179" s="5" t="s">
        <v>1519</v>
      </c>
      <c r="K6179" s="2" t="s">
        <v>1520</v>
      </c>
      <c r="L6179" s="5" t="s">
        <v>1519</v>
      </c>
      <c r="M6179" s="2" t="s">
        <v>1520</v>
      </c>
      <c r="N6179" s="5" t="s">
        <v>1521</v>
      </c>
      <c r="O6179" s="5" t="s">
        <v>38</v>
      </c>
      <c r="P6179" s="5" t="s">
        <v>39</v>
      </c>
      <c r="Q6179" s="5" t="s">
        <v>40</v>
      </c>
      <c r="R6179" s="5" t="s">
        <v>1522</v>
      </c>
      <c r="S6179" s="5" t="s">
        <v>1523</v>
      </c>
      <c r="T6179" s="5" t="s">
        <v>42</v>
      </c>
      <c r="U6179" s="2">
        <v>3.621</v>
      </c>
      <c r="V6179" s="2">
        <v>2.9569999999999999</v>
      </c>
      <c r="W6179" s="2">
        <v>0.02</v>
      </c>
      <c r="X6179" s="2">
        <v>159.1</v>
      </c>
      <c r="Y6179" s="2">
        <v>7.6</v>
      </c>
      <c r="Z6179" s="2">
        <v>16.7</v>
      </c>
      <c r="AA6179" s="5"/>
      <c r="AB6179" s="5" t="s">
        <v>43</v>
      </c>
      <c r="AC6179" s="5" t="s">
        <v>44</v>
      </c>
      <c r="AD6179" s="2"/>
      <c r="AE6179" s="1"/>
    </row>
    <row r="6180" spans="1:31" ht="14.45">
      <c r="A6180" s="11"/>
      <c r="B6180" s="20"/>
      <c r="C6180" s="2" t="s">
        <v>19011</v>
      </c>
      <c r="D6180" s="14" t="s">
        <v>19012</v>
      </c>
      <c r="E6180" s="2" t="s">
        <v>19013</v>
      </c>
      <c r="F6180" s="2" t="s">
        <v>7585</v>
      </c>
      <c r="G6180" s="8">
        <v>300</v>
      </c>
      <c r="H6180" s="5">
        <v>6</v>
      </c>
      <c r="I6180" s="5" t="s">
        <v>1518</v>
      </c>
      <c r="J6180" s="5" t="s">
        <v>1519</v>
      </c>
      <c r="K6180" s="2" t="s">
        <v>1520</v>
      </c>
      <c r="L6180" s="5" t="s">
        <v>1519</v>
      </c>
      <c r="M6180" s="2" t="s">
        <v>1520</v>
      </c>
      <c r="N6180" s="5" t="s">
        <v>1521</v>
      </c>
      <c r="O6180" s="5" t="s">
        <v>38</v>
      </c>
      <c r="P6180" s="5" t="s">
        <v>39</v>
      </c>
      <c r="Q6180" s="5" t="s">
        <v>40</v>
      </c>
      <c r="R6180" s="5" t="s">
        <v>1522</v>
      </c>
      <c r="S6180" s="5" t="s">
        <v>1523</v>
      </c>
      <c r="T6180" s="5" t="s">
        <v>42</v>
      </c>
      <c r="U6180" s="2">
        <v>3.4929999999999999</v>
      </c>
      <c r="V6180" s="2">
        <v>2.8290000000000002</v>
      </c>
      <c r="W6180" s="2">
        <v>0.02</v>
      </c>
      <c r="X6180" s="2">
        <v>159.1</v>
      </c>
      <c r="Y6180" s="2">
        <v>7.6</v>
      </c>
      <c r="Z6180" s="2">
        <v>16.7</v>
      </c>
      <c r="AA6180" s="5"/>
      <c r="AB6180" s="5" t="s">
        <v>43</v>
      </c>
      <c r="AC6180" s="5" t="s">
        <v>44</v>
      </c>
      <c r="AD6180" s="2"/>
      <c r="AE6180" s="1"/>
    </row>
    <row r="6181" spans="1:31" ht="14.45">
      <c r="A6181" s="11"/>
      <c r="B6181" s="20"/>
      <c r="C6181" s="2" t="s">
        <v>19014</v>
      </c>
      <c r="D6181" s="14" t="s">
        <v>19015</v>
      </c>
      <c r="E6181" s="2" t="s">
        <v>19016</v>
      </c>
      <c r="F6181" s="2" t="s">
        <v>7589</v>
      </c>
      <c r="G6181" s="8">
        <v>300</v>
      </c>
      <c r="H6181" s="5">
        <v>6</v>
      </c>
      <c r="I6181" s="5" t="s">
        <v>1518</v>
      </c>
      <c r="J6181" s="5" t="s">
        <v>1519</v>
      </c>
      <c r="K6181" s="2" t="s">
        <v>1520</v>
      </c>
      <c r="L6181" s="5" t="s">
        <v>1519</v>
      </c>
      <c r="M6181" s="2" t="s">
        <v>1520</v>
      </c>
      <c r="N6181" s="5" t="s">
        <v>1521</v>
      </c>
      <c r="O6181" s="5" t="s">
        <v>38</v>
      </c>
      <c r="P6181" s="5" t="s">
        <v>39</v>
      </c>
      <c r="Q6181" s="5" t="s">
        <v>40</v>
      </c>
      <c r="R6181" s="5" t="s">
        <v>1522</v>
      </c>
      <c r="S6181" s="5" t="s">
        <v>1523</v>
      </c>
      <c r="T6181" s="5" t="s">
        <v>42</v>
      </c>
      <c r="U6181" s="2">
        <v>3.5920000000000001</v>
      </c>
      <c r="V6181" s="2">
        <v>2.9279999999999999</v>
      </c>
      <c r="W6181" s="2">
        <v>0.02</v>
      </c>
      <c r="X6181" s="2">
        <v>159.1</v>
      </c>
      <c r="Y6181" s="2">
        <v>7.6</v>
      </c>
      <c r="Z6181" s="2">
        <v>16.7</v>
      </c>
      <c r="AA6181" s="5"/>
      <c r="AB6181" s="5" t="s">
        <v>43</v>
      </c>
      <c r="AC6181" s="5" t="s">
        <v>44</v>
      </c>
      <c r="AD6181" s="2"/>
      <c r="AE6181" s="1"/>
    </row>
    <row r="6182" spans="1:31" ht="14.45">
      <c r="A6182" s="11"/>
      <c r="B6182" s="20"/>
      <c r="C6182" s="2" t="s">
        <v>19017</v>
      </c>
      <c r="D6182" s="14" t="s">
        <v>19018</v>
      </c>
      <c r="E6182" s="2" t="s">
        <v>19019</v>
      </c>
      <c r="F6182" s="2" t="s">
        <v>7597</v>
      </c>
      <c r="G6182" s="8">
        <v>300</v>
      </c>
      <c r="H6182" s="5">
        <v>6</v>
      </c>
      <c r="I6182" s="5" t="s">
        <v>1518</v>
      </c>
      <c r="J6182" s="5" t="s">
        <v>1519</v>
      </c>
      <c r="K6182" s="2" t="s">
        <v>1520</v>
      </c>
      <c r="L6182" s="5" t="s">
        <v>1519</v>
      </c>
      <c r="M6182" s="2" t="s">
        <v>1520</v>
      </c>
      <c r="N6182" s="5" t="s">
        <v>1521</v>
      </c>
      <c r="O6182" s="5" t="s">
        <v>38</v>
      </c>
      <c r="P6182" s="5" t="s">
        <v>39</v>
      </c>
      <c r="Q6182" s="5" t="s">
        <v>40</v>
      </c>
      <c r="R6182" s="5" t="s">
        <v>1522</v>
      </c>
      <c r="S6182" s="5" t="s">
        <v>1523</v>
      </c>
      <c r="T6182" s="5" t="s">
        <v>42</v>
      </c>
      <c r="U6182" s="2">
        <v>3.621</v>
      </c>
      <c r="V6182" s="2">
        <v>2.9569999999999999</v>
      </c>
      <c r="W6182" s="2">
        <v>0.02</v>
      </c>
      <c r="X6182" s="2">
        <v>159.1</v>
      </c>
      <c r="Y6182" s="2">
        <v>7.6</v>
      </c>
      <c r="Z6182" s="2">
        <v>16.7</v>
      </c>
      <c r="AA6182" s="5"/>
      <c r="AB6182" s="5" t="s">
        <v>43</v>
      </c>
      <c r="AC6182" s="5" t="s">
        <v>44</v>
      </c>
      <c r="AD6182" s="2"/>
      <c r="AE6182" s="1"/>
    </row>
    <row r="6183" spans="1:31" ht="14.45">
      <c r="A6183" s="11"/>
      <c r="B6183" s="20"/>
      <c r="C6183" s="2" t="s">
        <v>19020</v>
      </c>
      <c r="D6183" s="14" t="s">
        <v>19021</v>
      </c>
      <c r="E6183" s="2" t="s">
        <v>19022</v>
      </c>
      <c r="F6183" s="2" t="s">
        <v>16014</v>
      </c>
      <c r="G6183" s="8">
        <v>300</v>
      </c>
      <c r="H6183" s="5">
        <v>6</v>
      </c>
      <c r="I6183" s="5" t="s">
        <v>1518</v>
      </c>
      <c r="J6183" s="5" t="s">
        <v>1519</v>
      </c>
      <c r="K6183" s="2" t="s">
        <v>1520</v>
      </c>
      <c r="L6183" s="5" t="s">
        <v>1519</v>
      </c>
      <c r="M6183" s="2" t="s">
        <v>1520</v>
      </c>
      <c r="N6183" s="5" t="s">
        <v>1521</v>
      </c>
      <c r="O6183" s="5" t="s">
        <v>38</v>
      </c>
      <c r="P6183" s="5" t="s">
        <v>39</v>
      </c>
      <c r="Q6183" s="5" t="s">
        <v>40</v>
      </c>
      <c r="R6183" s="5" t="s">
        <v>1522</v>
      </c>
      <c r="S6183" s="5" t="s">
        <v>1523</v>
      </c>
      <c r="T6183" s="5" t="s">
        <v>42</v>
      </c>
      <c r="U6183" s="2">
        <v>3.5219999999999998</v>
      </c>
      <c r="V6183" s="2">
        <v>2.8580000000000001</v>
      </c>
      <c r="W6183" s="2">
        <v>0.02</v>
      </c>
      <c r="X6183" s="2">
        <v>159.1</v>
      </c>
      <c r="Y6183" s="2">
        <v>7.6</v>
      </c>
      <c r="Z6183" s="2">
        <v>16.7</v>
      </c>
      <c r="AA6183" s="5"/>
      <c r="AB6183" s="5" t="s">
        <v>43</v>
      </c>
      <c r="AC6183" s="5" t="s">
        <v>44</v>
      </c>
      <c r="AD6183" s="2"/>
      <c r="AE6183" s="1"/>
    </row>
    <row r="6184" spans="1:31" ht="14.45">
      <c r="A6184" s="11"/>
      <c r="B6184" s="20"/>
      <c r="C6184" s="2" t="s">
        <v>19023</v>
      </c>
      <c r="D6184" s="14" t="s">
        <v>19024</v>
      </c>
      <c r="E6184" s="2" t="s">
        <v>19025</v>
      </c>
      <c r="F6184" s="2" t="s">
        <v>16219</v>
      </c>
      <c r="G6184" s="8">
        <v>300</v>
      </c>
      <c r="H6184" s="5">
        <v>6</v>
      </c>
      <c r="I6184" s="5" t="s">
        <v>1518</v>
      </c>
      <c r="J6184" s="5" t="s">
        <v>1519</v>
      </c>
      <c r="K6184" s="2" t="s">
        <v>1520</v>
      </c>
      <c r="L6184" s="5" t="s">
        <v>1519</v>
      </c>
      <c r="M6184" s="2" t="s">
        <v>1520</v>
      </c>
      <c r="N6184" s="5" t="s">
        <v>1521</v>
      </c>
      <c r="O6184" s="5" t="s">
        <v>38</v>
      </c>
      <c r="P6184" s="5" t="s">
        <v>39</v>
      </c>
      <c r="Q6184" s="5" t="s">
        <v>40</v>
      </c>
      <c r="R6184" s="5" t="s">
        <v>1522</v>
      </c>
      <c r="S6184" s="5" t="s">
        <v>1523</v>
      </c>
      <c r="T6184" s="5" t="s">
        <v>42</v>
      </c>
      <c r="U6184" s="2">
        <v>3.621</v>
      </c>
      <c r="V6184" s="2">
        <v>2.9569999999999999</v>
      </c>
      <c r="W6184" s="2">
        <v>0.02</v>
      </c>
      <c r="X6184" s="2">
        <v>159.1</v>
      </c>
      <c r="Y6184" s="2">
        <v>7.6</v>
      </c>
      <c r="Z6184" s="2">
        <v>16.7</v>
      </c>
      <c r="AA6184" s="5"/>
      <c r="AB6184" s="5" t="s">
        <v>43</v>
      </c>
      <c r="AC6184" s="5" t="s">
        <v>44</v>
      </c>
      <c r="AD6184" s="2"/>
      <c r="AE6184" s="1"/>
    </row>
    <row r="6185" spans="1:31" ht="14.45">
      <c r="A6185" s="11"/>
      <c r="B6185" s="20"/>
      <c r="C6185" s="2" t="s">
        <v>19026</v>
      </c>
      <c r="D6185" s="14" t="s">
        <v>19027</v>
      </c>
      <c r="E6185" s="2" t="s">
        <v>19028</v>
      </c>
      <c r="F6185" s="2" t="s">
        <v>16018</v>
      </c>
      <c r="G6185" s="8">
        <v>300</v>
      </c>
      <c r="H6185" s="5">
        <v>6</v>
      </c>
      <c r="I6185" s="5" t="s">
        <v>1518</v>
      </c>
      <c r="J6185" s="5" t="s">
        <v>1519</v>
      </c>
      <c r="K6185" s="2" t="s">
        <v>1520</v>
      </c>
      <c r="L6185" s="5" t="s">
        <v>1519</v>
      </c>
      <c r="M6185" s="2" t="s">
        <v>1520</v>
      </c>
      <c r="N6185" s="5" t="s">
        <v>1521</v>
      </c>
      <c r="O6185" s="5" t="s">
        <v>38</v>
      </c>
      <c r="P6185" s="5" t="s">
        <v>39</v>
      </c>
      <c r="Q6185" s="5" t="s">
        <v>40</v>
      </c>
      <c r="R6185" s="5" t="s">
        <v>1522</v>
      </c>
      <c r="S6185" s="5" t="s">
        <v>1523</v>
      </c>
      <c r="T6185" s="5" t="s">
        <v>42</v>
      </c>
      <c r="U6185" s="2">
        <v>3.5219999999999998</v>
      </c>
      <c r="V6185" s="2">
        <v>2.8580000000000001</v>
      </c>
      <c r="W6185" s="2">
        <v>0.02</v>
      </c>
      <c r="X6185" s="2">
        <v>159.1</v>
      </c>
      <c r="Y6185" s="2">
        <v>7.6</v>
      </c>
      <c r="Z6185" s="2">
        <v>16.7</v>
      </c>
      <c r="AA6185" s="5"/>
      <c r="AB6185" s="5" t="s">
        <v>43</v>
      </c>
      <c r="AC6185" s="5" t="s">
        <v>44</v>
      </c>
      <c r="AD6185" s="2"/>
      <c r="AE6185" s="1"/>
    </row>
    <row r="6186" spans="1:31" ht="14.45">
      <c r="A6186" s="11"/>
      <c r="B6186" s="20"/>
      <c r="C6186" s="2" t="s">
        <v>19029</v>
      </c>
      <c r="D6186" s="14" t="s">
        <v>19030</v>
      </c>
      <c r="E6186" s="2" t="s">
        <v>19031</v>
      </c>
      <c r="F6186" s="2" t="s">
        <v>16022</v>
      </c>
      <c r="G6186" s="8">
        <v>300</v>
      </c>
      <c r="H6186" s="5">
        <v>6</v>
      </c>
      <c r="I6186" s="5" t="s">
        <v>1518</v>
      </c>
      <c r="J6186" s="5" t="s">
        <v>1519</v>
      </c>
      <c r="K6186" s="2" t="s">
        <v>1520</v>
      </c>
      <c r="L6186" s="5" t="s">
        <v>1519</v>
      </c>
      <c r="M6186" s="2" t="s">
        <v>1520</v>
      </c>
      <c r="N6186" s="5" t="s">
        <v>1521</v>
      </c>
      <c r="O6186" s="5" t="s">
        <v>38</v>
      </c>
      <c r="P6186" s="5" t="s">
        <v>39</v>
      </c>
      <c r="Q6186" s="5" t="s">
        <v>40</v>
      </c>
      <c r="R6186" s="5" t="s">
        <v>1522</v>
      </c>
      <c r="S6186" s="5" t="s">
        <v>1523</v>
      </c>
      <c r="T6186" s="5" t="s">
        <v>42</v>
      </c>
      <c r="U6186" s="2">
        <v>3.621</v>
      </c>
      <c r="V6186" s="2">
        <v>2.9569999999999999</v>
      </c>
      <c r="W6186" s="2">
        <v>0.02</v>
      </c>
      <c r="X6186" s="2">
        <v>159.1</v>
      </c>
      <c r="Y6186" s="2">
        <v>7.6</v>
      </c>
      <c r="Z6186" s="2">
        <v>16.7</v>
      </c>
      <c r="AA6186" s="5"/>
      <c r="AB6186" s="5" t="s">
        <v>43</v>
      </c>
      <c r="AC6186" s="5" t="s">
        <v>44</v>
      </c>
      <c r="AD6186" s="2"/>
      <c r="AE6186" s="1"/>
    </row>
    <row r="6187" spans="1:31" ht="14.45">
      <c r="A6187" s="11"/>
      <c r="B6187" s="20"/>
      <c r="C6187" s="2" t="s">
        <v>19032</v>
      </c>
      <c r="D6187" s="14" t="s">
        <v>19033</v>
      </c>
      <c r="E6187" s="2" t="s">
        <v>19034</v>
      </c>
      <c r="F6187" s="2" t="s">
        <v>7615</v>
      </c>
      <c r="G6187" s="8">
        <v>300</v>
      </c>
      <c r="H6187" s="5">
        <v>6</v>
      </c>
      <c r="I6187" s="5" t="s">
        <v>1518</v>
      </c>
      <c r="J6187" s="5" t="s">
        <v>1519</v>
      </c>
      <c r="K6187" s="2" t="s">
        <v>1520</v>
      </c>
      <c r="L6187" s="5" t="s">
        <v>1519</v>
      </c>
      <c r="M6187" s="2" t="s">
        <v>1520</v>
      </c>
      <c r="N6187" s="5" t="s">
        <v>1521</v>
      </c>
      <c r="O6187" s="5" t="s">
        <v>38</v>
      </c>
      <c r="P6187" s="5" t="s">
        <v>39</v>
      </c>
      <c r="Q6187" s="5" t="s">
        <v>40</v>
      </c>
      <c r="R6187" s="5" t="s">
        <v>1522</v>
      </c>
      <c r="S6187" s="5" t="s">
        <v>1523</v>
      </c>
      <c r="T6187" s="5" t="s">
        <v>42</v>
      </c>
      <c r="U6187" s="2">
        <v>3.4929999999999999</v>
      </c>
      <c r="V6187" s="2">
        <v>2.8290000000000002</v>
      </c>
      <c r="W6187" s="2">
        <v>0.02</v>
      </c>
      <c r="X6187" s="2">
        <v>159.1</v>
      </c>
      <c r="Y6187" s="2">
        <v>7.6</v>
      </c>
      <c r="Z6187" s="2">
        <v>16.7</v>
      </c>
      <c r="AA6187" s="5"/>
      <c r="AB6187" s="5" t="s">
        <v>43</v>
      </c>
      <c r="AC6187" s="5" t="s">
        <v>44</v>
      </c>
      <c r="AD6187" s="2"/>
      <c r="AE6187" s="1"/>
    </row>
    <row r="6188" spans="1:31" ht="14.45">
      <c r="A6188" s="11"/>
      <c r="B6188" s="20"/>
      <c r="C6188" s="2" t="s">
        <v>19035</v>
      </c>
      <c r="D6188" s="14" t="s">
        <v>19036</v>
      </c>
      <c r="E6188" s="2" t="s">
        <v>19037</v>
      </c>
      <c r="F6188" s="2" t="s">
        <v>7619</v>
      </c>
      <c r="G6188" s="8">
        <v>300</v>
      </c>
      <c r="H6188" s="5">
        <v>6</v>
      </c>
      <c r="I6188" s="5" t="s">
        <v>1518</v>
      </c>
      <c r="J6188" s="5" t="s">
        <v>1519</v>
      </c>
      <c r="K6188" s="2" t="s">
        <v>1520</v>
      </c>
      <c r="L6188" s="5" t="s">
        <v>1519</v>
      </c>
      <c r="M6188" s="2" t="s">
        <v>1520</v>
      </c>
      <c r="N6188" s="5" t="s">
        <v>1521</v>
      </c>
      <c r="O6188" s="5" t="s">
        <v>38</v>
      </c>
      <c r="P6188" s="5" t="s">
        <v>39</v>
      </c>
      <c r="Q6188" s="5" t="s">
        <v>40</v>
      </c>
      <c r="R6188" s="5" t="s">
        <v>1522</v>
      </c>
      <c r="S6188" s="5" t="s">
        <v>1523</v>
      </c>
      <c r="T6188" s="5" t="s">
        <v>42</v>
      </c>
      <c r="U6188" s="2">
        <v>3.5920000000000001</v>
      </c>
      <c r="V6188" s="2">
        <v>2.9279999999999999</v>
      </c>
      <c r="W6188" s="2">
        <v>0.02</v>
      </c>
      <c r="X6188" s="2">
        <v>159.1</v>
      </c>
      <c r="Y6188" s="2">
        <v>7.6</v>
      </c>
      <c r="Z6188" s="2">
        <v>16.7</v>
      </c>
      <c r="AA6188" s="5"/>
      <c r="AB6188" s="5" t="s">
        <v>43</v>
      </c>
      <c r="AC6188" s="5" t="s">
        <v>44</v>
      </c>
      <c r="AD6188" s="2"/>
      <c r="AE6188" s="1"/>
    </row>
    <row r="6189" spans="1:31" ht="14.45">
      <c r="A6189" s="11"/>
      <c r="B6189" s="20"/>
      <c r="C6189" s="2" t="s">
        <v>19038</v>
      </c>
      <c r="D6189" s="14" t="s">
        <v>19039</v>
      </c>
      <c r="E6189" s="2" t="s">
        <v>19040</v>
      </c>
      <c r="F6189" s="2" t="s">
        <v>16235</v>
      </c>
      <c r="G6189" s="8">
        <v>300</v>
      </c>
      <c r="H6189" s="5">
        <v>6</v>
      </c>
      <c r="I6189" s="5" t="s">
        <v>1518</v>
      </c>
      <c r="J6189" s="5" t="s">
        <v>1519</v>
      </c>
      <c r="K6189" s="2" t="s">
        <v>1520</v>
      </c>
      <c r="L6189" s="5" t="s">
        <v>1519</v>
      </c>
      <c r="M6189" s="2" t="s">
        <v>1520</v>
      </c>
      <c r="N6189" s="5" t="s">
        <v>1521</v>
      </c>
      <c r="O6189" s="5" t="s">
        <v>38</v>
      </c>
      <c r="P6189" s="5" t="s">
        <v>39</v>
      </c>
      <c r="Q6189" s="5" t="s">
        <v>40</v>
      </c>
      <c r="R6189" s="5" t="s">
        <v>1522</v>
      </c>
      <c r="S6189" s="5" t="s">
        <v>1523</v>
      </c>
      <c r="T6189" s="5" t="s">
        <v>42</v>
      </c>
      <c r="U6189" s="2">
        <v>3.5720000000000001</v>
      </c>
      <c r="V6189" s="2">
        <v>2.9079999999999999</v>
      </c>
      <c r="W6189" s="2">
        <v>0.02</v>
      </c>
      <c r="X6189" s="2">
        <v>159.1</v>
      </c>
      <c r="Y6189" s="2">
        <v>7.6</v>
      </c>
      <c r="Z6189" s="2">
        <v>16.7</v>
      </c>
      <c r="AA6189" s="5"/>
      <c r="AB6189" s="5" t="s">
        <v>43</v>
      </c>
      <c r="AC6189" s="5" t="s">
        <v>44</v>
      </c>
      <c r="AD6189" s="2"/>
      <c r="AE6189" s="1"/>
    </row>
    <row r="6190" spans="1:31" ht="14.45">
      <c r="A6190" s="11"/>
      <c r="B6190" s="20"/>
      <c r="C6190" s="2" t="s">
        <v>19041</v>
      </c>
      <c r="D6190" s="14" t="s">
        <v>19042</v>
      </c>
      <c r="E6190" s="2" t="s">
        <v>19043</v>
      </c>
      <c r="F6190" s="2" t="s">
        <v>16029</v>
      </c>
      <c r="G6190" s="8">
        <v>300</v>
      </c>
      <c r="H6190" s="5">
        <v>11</v>
      </c>
      <c r="I6190" s="5" t="s">
        <v>1518</v>
      </c>
      <c r="J6190" s="5" t="s">
        <v>1519</v>
      </c>
      <c r="K6190" s="2" t="s">
        <v>1520</v>
      </c>
      <c r="L6190" s="5" t="s">
        <v>1519</v>
      </c>
      <c r="M6190" s="2" t="s">
        <v>1520</v>
      </c>
      <c r="N6190" s="5" t="s">
        <v>1521</v>
      </c>
      <c r="O6190" s="5" t="s">
        <v>38</v>
      </c>
      <c r="P6190" s="5" t="s">
        <v>39</v>
      </c>
      <c r="Q6190" s="5" t="s">
        <v>40</v>
      </c>
      <c r="R6190" s="5" t="s">
        <v>1522</v>
      </c>
      <c r="S6190" s="5" t="s">
        <v>1523</v>
      </c>
      <c r="T6190" s="5" t="s">
        <v>42</v>
      </c>
      <c r="U6190" s="2">
        <v>3.5329999999999999</v>
      </c>
      <c r="V6190" s="2">
        <v>2.8690000000000002</v>
      </c>
      <c r="W6190" s="2">
        <v>0.02</v>
      </c>
      <c r="X6190" s="2">
        <v>159.1</v>
      </c>
      <c r="Y6190" s="2">
        <v>7.6</v>
      </c>
      <c r="Z6190" s="2">
        <v>16.7</v>
      </c>
      <c r="AA6190" s="5"/>
      <c r="AB6190" s="5" t="s">
        <v>43</v>
      </c>
      <c r="AC6190" s="5" t="s">
        <v>44</v>
      </c>
      <c r="AD6190" s="2"/>
      <c r="AE6190" s="1"/>
    </row>
    <row r="6191" spans="1:31" ht="14.45">
      <c r="A6191" s="11"/>
      <c r="B6191" s="20"/>
      <c r="C6191" s="2" t="s">
        <v>19044</v>
      </c>
      <c r="D6191" s="14" t="s">
        <v>19045</v>
      </c>
      <c r="E6191" s="2" t="s">
        <v>19046</v>
      </c>
      <c r="F6191" s="2" t="s">
        <v>16033</v>
      </c>
      <c r="G6191" s="8">
        <v>300</v>
      </c>
      <c r="H6191" s="5">
        <v>11</v>
      </c>
      <c r="I6191" s="5" t="s">
        <v>1518</v>
      </c>
      <c r="J6191" s="5" t="s">
        <v>1519</v>
      </c>
      <c r="K6191" s="2" t="s">
        <v>1520</v>
      </c>
      <c r="L6191" s="5" t="s">
        <v>1519</v>
      </c>
      <c r="M6191" s="2" t="s">
        <v>1520</v>
      </c>
      <c r="N6191" s="5" t="s">
        <v>1521</v>
      </c>
      <c r="O6191" s="5" t="s">
        <v>38</v>
      </c>
      <c r="P6191" s="5" t="s">
        <v>39</v>
      </c>
      <c r="Q6191" s="5" t="s">
        <v>40</v>
      </c>
      <c r="R6191" s="5" t="s">
        <v>1522</v>
      </c>
      <c r="S6191" s="5" t="s">
        <v>1523</v>
      </c>
      <c r="T6191" s="5" t="s">
        <v>42</v>
      </c>
      <c r="U6191" s="2">
        <v>3.6320000000000001</v>
      </c>
      <c r="V6191" s="2">
        <v>2.968</v>
      </c>
      <c r="W6191" s="2">
        <v>0.02</v>
      </c>
      <c r="X6191" s="2">
        <v>159.1</v>
      </c>
      <c r="Y6191" s="2">
        <v>7.6</v>
      </c>
      <c r="Z6191" s="2">
        <v>16.7</v>
      </c>
      <c r="AA6191" s="5"/>
      <c r="AB6191" s="5" t="s">
        <v>43</v>
      </c>
      <c r="AC6191" s="5" t="s">
        <v>44</v>
      </c>
      <c r="AD6191" s="2"/>
      <c r="AE6191" s="1"/>
    </row>
    <row r="6192" spans="1:31" ht="14.45">
      <c r="A6192" s="11"/>
      <c r="B6192" s="20"/>
      <c r="C6192" s="2" t="s">
        <v>19047</v>
      </c>
      <c r="D6192" s="14" t="s">
        <v>19048</v>
      </c>
      <c r="E6192" s="2" t="s">
        <v>19049</v>
      </c>
      <c r="F6192" s="2" t="s">
        <v>7396</v>
      </c>
      <c r="G6192" s="8">
        <v>290</v>
      </c>
      <c r="H6192" s="5">
        <v>6</v>
      </c>
      <c r="I6192" s="5" t="s">
        <v>1518</v>
      </c>
      <c r="J6192" s="5" t="s">
        <v>1519</v>
      </c>
      <c r="K6192" s="2" t="s">
        <v>1520</v>
      </c>
      <c r="L6192" s="5" t="s">
        <v>1519</v>
      </c>
      <c r="M6192" s="2" t="s">
        <v>1520</v>
      </c>
      <c r="N6192" s="5" t="s">
        <v>1521</v>
      </c>
      <c r="O6192" s="5" t="s">
        <v>38</v>
      </c>
      <c r="P6192" s="5" t="s">
        <v>39</v>
      </c>
      <c r="Q6192" s="5" t="s">
        <v>40</v>
      </c>
      <c r="R6192" s="5" t="s">
        <v>1522</v>
      </c>
      <c r="S6192" s="5" t="s">
        <v>1523</v>
      </c>
      <c r="T6192" s="5" t="s">
        <v>42</v>
      </c>
      <c r="U6192" s="2">
        <v>3.9009999999999998</v>
      </c>
      <c r="V6192" s="2">
        <v>3.2559999999999998</v>
      </c>
      <c r="W6192" s="2">
        <v>0.02</v>
      </c>
      <c r="X6192" s="2">
        <v>159.1</v>
      </c>
      <c r="Y6192" s="2">
        <v>7.6</v>
      </c>
      <c r="Z6192" s="2">
        <v>16.7</v>
      </c>
      <c r="AA6192" s="5"/>
      <c r="AB6192" s="5" t="s">
        <v>43</v>
      </c>
      <c r="AC6192" s="5" t="s">
        <v>44</v>
      </c>
      <c r="AD6192" s="2"/>
      <c r="AE6192" s="1"/>
    </row>
    <row r="6193" spans="1:31" ht="14.45">
      <c r="A6193" s="11"/>
      <c r="B6193" s="20"/>
      <c r="C6193" s="2" t="s">
        <v>19050</v>
      </c>
      <c r="D6193" s="14" t="s">
        <v>19051</v>
      </c>
      <c r="E6193" s="2" t="s">
        <v>19052</v>
      </c>
      <c r="F6193" s="2" t="s">
        <v>7507</v>
      </c>
      <c r="G6193" s="8">
        <v>290</v>
      </c>
      <c r="H6193" s="5">
        <v>6</v>
      </c>
      <c r="I6193" s="5" t="s">
        <v>1518</v>
      </c>
      <c r="J6193" s="5" t="s">
        <v>1519</v>
      </c>
      <c r="K6193" s="2" t="s">
        <v>1520</v>
      </c>
      <c r="L6193" s="5" t="s">
        <v>1519</v>
      </c>
      <c r="M6193" s="2" t="s">
        <v>1520</v>
      </c>
      <c r="N6193" s="5" t="s">
        <v>1521</v>
      </c>
      <c r="O6193" s="5" t="s">
        <v>38</v>
      </c>
      <c r="P6193" s="5" t="s">
        <v>39</v>
      </c>
      <c r="Q6193" s="5" t="s">
        <v>40</v>
      </c>
      <c r="R6193" s="5" t="s">
        <v>1522</v>
      </c>
      <c r="S6193" s="5" t="s">
        <v>1523</v>
      </c>
      <c r="T6193" s="5" t="s">
        <v>42</v>
      </c>
      <c r="U6193" s="2">
        <v>4.0229999999999997</v>
      </c>
      <c r="V6193" s="2">
        <v>3.3780000000000001</v>
      </c>
      <c r="W6193" s="2">
        <v>0.02</v>
      </c>
      <c r="X6193" s="2">
        <v>159.1</v>
      </c>
      <c r="Y6193" s="2">
        <v>7.6</v>
      </c>
      <c r="Z6193" s="2">
        <v>16.7</v>
      </c>
      <c r="AA6193" s="5"/>
      <c r="AB6193" s="5" t="s">
        <v>43</v>
      </c>
      <c r="AC6193" s="5" t="s">
        <v>44</v>
      </c>
      <c r="AD6193" s="2"/>
      <c r="AE6193" s="1"/>
    </row>
    <row r="6194" spans="1:31" ht="14.45">
      <c r="A6194" s="11"/>
      <c r="B6194" s="20"/>
      <c r="C6194" s="2" t="s">
        <v>19053</v>
      </c>
      <c r="D6194" s="14" t="s">
        <v>19054</v>
      </c>
      <c r="E6194" s="2" t="s">
        <v>19055</v>
      </c>
      <c r="F6194" s="2" t="s">
        <v>7204</v>
      </c>
      <c r="G6194" s="8">
        <v>290</v>
      </c>
      <c r="H6194" s="5">
        <v>6</v>
      </c>
      <c r="I6194" s="5" t="s">
        <v>1518</v>
      </c>
      <c r="J6194" s="5" t="s">
        <v>1519</v>
      </c>
      <c r="K6194" s="2" t="s">
        <v>1520</v>
      </c>
      <c r="L6194" s="5" t="s">
        <v>1519</v>
      </c>
      <c r="M6194" s="2" t="s">
        <v>1520</v>
      </c>
      <c r="N6194" s="5" t="s">
        <v>1521</v>
      </c>
      <c r="O6194" s="5" t="s">
        <v>38</v>
      </c>
      <c r="P6194" s="5" t="s">
        <v>39</v>
      </c>
      <c r="Q6194" s="5" t="s">
        <v>40</v>
      </c>
      <c r="R6194" s="5" t="s">
        <v>1522</v>
      </c>
      <c r="S6194" s="5" t="s">
        <v>1523</v>
      </c>
      <c r="T6194" s="5" t="s">
        <v>42</v>
      </c>
      <c r="U6194" s="2">
        <v>3.915</v>
      </c>
      <c r="V6194" s="2">
        <v>3.27</v>
      </c>
      <c r="W6194" s="2">
        <v>0.02</v>
      </c>
      <c r="X6194" s="2">
        <v>159.1</v>
      </c>
      <c r="Y6194" s="2">
        <v>7.6</v>
      </c>
      <c r="Z6194" s="2">
        <v>16.7</v>
      </c>
      <c r="AA6194" s="5"/>
      <c r="AB6194" s="5" t="s">
        <v>43</v>
      </c>
      <c r="AC6194" s="5" t="s">
        <v>44</v>
      </c>
      <c r="AD6194" s="2"/>
      <c r="AE6194" s="1"/>
    </row>
    <row r="6195" spans="1:31" ht="14.45">
      <c r="A6195" s="11"/>
      <c r="B6195" s="20"/>
      <c r="C6195" s="2" t="s">
        <v>19056</v>
      </c>
      <c r="D6195" s="14" t="s">
        <v>19057</v>
      </c>
      <c r="E6195" s="2" t="s">
        <v>19058</v>
      </c>
      <c r="F6195" s="2" t="s">
        <v>7514</v>
      </c>
      <c r="G6195" s="8">
        <v>290</v>
      </c>
      <c r="H6195" s="5">
        <v>6</v>
      </c>
      <c r="I6195" s="5" t="s">
        <v>1518</v>
      </c>
      <c r="J6195" s="5" t="s">
        <v>1519</v>
      </c>
      <c r="K6195" s="2" t="s">
        <v>1520</v>
      </c>
      <c r="L6195" s="5" t="s">
        <v>1519</v>
      </c>
      <c r="M6195" s="2" t="s">
        <v>1520</v>
      </c>
      <c r="N6195" s="5" t="s">
        <v>1521</v>
      </c>
      <c r="O6195" s="5" t="s">
        <v>38</v>
      </c>
      <c r="P6195" s="5" t="s">
        <v>39</v>
      </c>
      <c r="Q6195" s="5" t="s">
        <v>40</v>
      </c>
      <c r="R6195" s="5" t="s">
        <v>1522</v>
      </c>
      <c r="S6195" s="5" t="s">
        <v>1523</v>
      </c>
      <c r="T6195" s="5" t="s">
        <v>42</v>
      </c>
      <c r="U6195" s="2">
        <v>4.0369999999999999</v>
      </c>
      <c r="V6195" s="2">
        <v>3.3919999999999999</v>
      </c>
      <c r="W6195" s="2">
        <v>0.02</v>
      </c>
      <c r="X6195" s="2">
        <v>159.1</v>
      </c>
      <c r="Y6195" s="2">
        <v>7.6</v>
      </c>
      <c r="Z6195" s="2">
        <v>16.7</v>
      </c>
      <c r="AA6195" s="5"/>
      <c r="AB6195" s="5" t="s">
        <v>43</v>
      </c>
      <c r="AC6195" s="5" t="s">
        <v>44</v>
      </c>
      <c r="AD6195" s="2"/>
      <c r="AE6195" s="1"/>
    </row>
    <row r="6196" spans="1:31" ht="14.45">
      <c r="A6196" s="11"/>
      <c r="B6196" s="20"/>
      <c r="C6196" s="2" t="s">
        <v>19059</v>
      </c>
      <c r="D6196" s="14" t="s">
        <v>19060</v>
      </c>
      <c r="E6196" s="2" t="s">
        <v>19061</v>
      </c>
      <c r="F6196" s="2" t="s">
        <v>7208</v>
      </c>
      <c r="G6196" s="8">
        <v>290</v>
      </c>
      <c r="H6196" s="5">
        <v>6</v>
      </c>
      <c r="I6196" s="5" t="s">
        <v>1518</v>
      </c>
      <c r="J6196" s="5" t="s">
        <v>1519</v>
      </c>
      <c r="K6196" s="2" t="s">
        <v>1520</v>
      </c>
      <c r="L6196" s="5" t="s">
        <v>1519</v>
      </c>
      <c r="M6196" s="2" t="s">
        <v>1520</v>
      </c>
      <c r="N6196" s="5" t="s">
        <v>1521</v>
      </c>
      <c r="O6196" s="5" t="s">
        <v>38</v>
      </c>
      <c r="P6196" s="5" t="s">
        <v>39</v>
      </c>
      <c r="Q6196" s="5" t="s">
        <v>40</v>
      </c>
      <c r="R6196" s="5" t="s">
        <v>1522</v>
      </c>
      <c r="S6196" s="5" t="s">
        <v>1523</v>
      </c>
      <c r="T6196" s="5" t="s">
        <v>42</v>
      </c>
      <c r="U6196" s="2">
        <v>3.915</v>
      </c>
      <c r="V6196" s="2">
        <v>3.27</v>
      </c>
      <c r="W6196" s="2">
        <v>0.02</v>
      </c>
      <c r="X6196" s="2">
        <v>159.1</v>
      </c>
      <c r="Y6196" s="2">
        <v>7.6</v>
      </c>
      <c r="Z6196" s="2">
        <v>16.7</v>
      </c>
      <c r="AA6196" s="5"/>
      <c r="AB6196" s="5" t="s">
        <v>43</v>
      </c>
      <c r="AC6196" s="5" t="s">
        <v>44</v>
      </c>
      <c r="AD6196" s="2"/>
      <c r="AE6196" s="1"/>
    </row>
    <row r="6197" spans="1:31" ht="14.45">
      <c r="A6197" s="11"/>
      <c r="B6197" s="20"/>
      <c r="C6197" s="2" t="s">
        <v>19062</v>
      </c>
      <c r="D6197" s="14" t="s">
        <v>19063</v>
      </c>
      <c r="E6197" s="2" t="s">
        <v>19064</v>
      </c>
      <c r="F6197" s="2" t="s">
        <v>7521</v>
      </c>
      <c r="G6197" s="8">
        <v>290</v>
      </c>
      <c r="H6197" s="5">
        <v>6</v>
      </c>
      <c r="I6197" s="5" t="s">
        <v>1518</v>
      </c>
      <c r="J6197" s="5" t="s">
        <v>1519</v>
      </c>
      <c r="K6197" s="2" t="s">
        <v>1520</v>
      </c>
      <c r="L6197" s="5" t="s">
        <v>1519</v>
      </c>
      <c r="M6197" s="2" t="s">
        <v>1520</v>
      </c>
      <c r="N6197" s="5" t="s">
        <v>1521</v>
      </c>
      <c r="O6197" s="5" t="s">
        <v>38</v>
      </c>
      <c r="P6197" s="5" t="s">
        <v>39</v>
      </c>
      <c r="Q6197" s="5" t="s">
        <v>40</v>
      </c>
      <c r="R6197" s="5" t="s">
        <v>1522</v>
      </c>
      <c r="S6197" s="5" t="s">
        <v>1523</v>
      </c>
      <c r="T6197" s="5" t="s">
        <v>42</v>
      </c>
      <c r="U6197" s="2">
        <v>4.0369999999999999</v>
      </c>
      <c r="V6197" s="2">
        <v>3.3919999999999999</v>
      </c>
      <c r="W6197" s="2">
        <v>0.02</v>
      </c>
      <c r="X6197" s="2">
        <v>159.1</v>
      </c>
      <c r="Y6197" s="2">
        <v>7.6</v>
      </c>
      <c r="Z6197" s="2">
        <v>16.7</v>
      </c>
      <c r="AA6197" s="5"/>
      <c r="AB6197" s="5" t="s">
        <v>43</v>
      </c>
      <c r="AC6197" s="5" t="s">
        <v>44</v>
      </c>
      <c r="AD6197" s="2"/>
      <c r="AE6197" s="1"/>
    </row>
    <row r="6198" spans="1:31" ht="14.45">
      <c r="A6198" s="11"/>
      <c r="B6198" s="20"/>
      <c r="C6198" s="2" t="s">
        <v>19065</v>
      </c>
      <c r="D6198" s="14" t="s">
        <v>19066</v>
      </c>
      <c r="E6198" s="2" t="s">
        <v>19067</v>
      </c>
      <c r="F6198" s="2" t="s">
        <v>7212</v>
      </c>
      <c r="G6198" s="8">
        <v>290</v>
      </c>
      <c r="H6198" s="5">
        <v>6</v>
      </c>
      <c r="I6198" s="5" t="s">
        <v>1518</v>
      </c>
      <c r="J6198" s="5" t="s">
        <v>1519</v>
      </c>
      <c r="K6198" s="2" t="s">
        <v>1520</v>
      </c>
      <c r="L6198" s="5" t="s">
        <v>1519</v>
      </c>
      <c r="M6198" s="2" t="s">
        <v>1520</v>
      </c>
      <c r="N6198" s="5" t="s">
        <v>1521</v>
      </c>
      <c r="O6198" s="5" t="s">
        <v>38</v>
      </c>
      <c r="P6198" s="5" t="s">
        <v>39</v>
      </c>
      <c r="Q6198" s="5" t="s">
        <v>40</v>
      </c>
      <c r="R6198" s="5" t="s">
        <v>1522</v>
      </c>
      <c r="S6198" s="5" t="s">
        <v>1523</v>
      </c>
      <c r="T6198" s="5" t="s">
        <v>42</v>
      </c>
      <c r="U6198" s="2">
        <v>3.8719999999999999</v>
      </c>
      <c r="V6198" s="2">
        <v>3.2269999999999999</v>
      </c>
      <c r="W6198" s="2">
        <v>0.02</v>
      </c>
      <c r="X6198" s="2">
        <v>159.1</v>
      </c>
      <c r="Y6198" s="2">
        <v>7.6</v>
      </c>
      <c r="Z6198" s="2">
        <v>16.7</v>
      </c>
      <c r="AA6198" s="5"/>
      <c r="AB6198" s="5" t="s">
        <v>43</v>
      </c>
      <c r="AC6198" s="5" t="s">
        <v>44</v>
      </c>
      <c r="AD6198" s="2"/>
      <c r="AE6198" s="1"/>
    </row>
    <row r="6199" spans="1:31" ht="14.45">
      <c r="A6199" s="11"/>
      <c r="B6199" s="20"/>
      <c r="C6199" s="2" t="s">
        <v>19068</v>
      </c>
      <c r="D6199" s="14" t="s">
        <v>19069</v>
      </c>
      <c r="E6199" s="2" t="s">
        <v>19070</v>
      </c>
      <c r="F6199" s="2" t="s">
        <v>7528</v>
      </c>
      <c r="G6199" s="8">
        <v>290</v>
      </c>
      <c r="H6199" s="5">
        <v>6</v>
      </c>
      <c r="I6199" s="5" t="s">
        <v>1518</v>
      </c>
      <c r="J6199" s="5" t="s">
        <v>1519</v>
      </c>
      <c r="K6199" s="2" t="s">
        <v>1520</v>
      </c>
      <c r="L6199" s="5" t="s">
        <v>1519</v>
      </c>
      <c r="M6199" s="2" t="s">
        <v>1520</v>
      </c>
      <c r="N6199" s="5" t="s">
        <v>1521</v>
      </c>
      <c r="O6199" s="5" t="s">
        <v>38</v>
      </c>
      <c r="P6199" s="5" t="s">
        <v>39</v>
      </c>
      <c r="Q6199" s="5" t="s">
        <v>40</v>
      </c>
      <c r="R6199" s="5" t="s">
        <v>1522</v>
      </c>
      <c r="S6199" s="5" t="s">
        <v>1523</v>
      </c>
      <c r="T6199" s="5" t="s">
        <v>42</v>
      </c>
      <c r="U6199" s="2">
        <v>3.9940000000000002</v>
      </c>
      <c r="V6199" s="2">
        <v>3.3490000000000002</v>
      </c>
      <c r="W6199" s="2">
        <v>0.02</v>
      </c>
      <c r="X6199" s="2">
        <v>159.1</v>
      </c>
      <c r="Y6199" s="2">
        <v>7.6</v>
      </c>
      <c r="Z6199" s="2">
        <v>16.7</v>
      </c>
      <c r="AA6199" s="5"/>
      <c r="AB6199" s="5" t="s">
        <v>43</v>
      </c>
      <c r="AC6199" s="5" t="s">
        <v>44</v>
      </c>
      <c r="AD6199" s="2"/>
      <c r="AE6199" s="1"/>
    </row>
    <row r="6200" spans="1:31" ht="14.45">
      <c r="A6200" s="11"/>
      <c r="B6200" s="20"/>
      <c r="C6200" s="2" t="s">
        <v>19071</v>
      </c>
      <c r="D6200" s="14" t="s">
        <v>19072</v>
      </c>
      <c r="E6200" s="2" t="s">
        <v>19073</v>
      </c>
      <c r="F6200" s="2" t="s">
        <v>7406</v>
      </c>
      <c r="G6200" s="8">
        <v>314</v>
      </c>
      <c r="H6200" s="5">
        <v>6</v>
      </c>
      <c r="I6200" s="5" t="s">
        <v>1518</v>
      </c>
      <c r="J6200" s="5" t="s">
        <v>1519</v>
      </c>
      <c r="K6200" s="2" t="s">
        <v>1520</v>
      </c>
      <c r="L6200" s="5" t="s">
        <v>1519</v>
      </c>
      <c r="M6200" s="2" t="s">
        <v>1520</v>
      </c>
      <c r="N6200" s="5" t="s">
        <v>1521</v>
      </c>
      <c r="O6200" s="5" t="s">
        <v>38</v>
      </c>
      <c r="P6200" s="5" t="s">
        <v>39</v>
      </c>
      <c r="Q6200" s="5" t="s">
        <v>40</v>
      </c>
      <c r="R6200" s="5" t="s">
        <v>1522</v>
      </c>
      <c r="S6200" s="5" t="s">
        <v>1523</v>
      </c>
      <c r="T6200" s="5" t="s">
        <v>42</v>
      </c>
      <c r="U6200" s="2">
        <v>3.8719999999999999</v>
      </c>
      <c r="V6200" s="2">
        <v>3.2269999999999999</v>
      </c>
      <c r="W6200" s="2">
        <v>0.02</v>
      </c>
      <c r="X6200" s="2">
        <v>159.1</v>
      </c>
      <c r="Y6200" s="2">
        <v>7.6</v>
      </c>
      <c r="Z6200" s="2">
        <v>16.7</v>
      </c>
      <c r="AA6200" s="5"/>
      <c r="AB6200" s="5" t="s">
        <v>43</v>
      </c>
      <c r="AC6200" s="5" t="s">
        <v>44</v>
      </c>
      <c r="AD6200" s="2"/>
      <c r="AE6200" s="1"/>
    </row>
    <row r="6201" spans="1:31" ht="14.45">
      <c r="A6201" s="11"/>
      <c r="B6201" s="20"/>
      <c r="C6201" s="2" t="s">
        <v>19074</v>
      </c>
      <c r="D6201" s="14" t="s">
        <v>19075</v>
      </c>
      <c r="E6201" s="2" t="s">
        <v>19076</v>
      </c>
      <c r="F6201" s="2" t="s">
        <v>7535</v>
      </c>
      <c r="G6201" s="8">
        <v>314</v>
      </c>
      <c r="H6201" s="5">
        <v>6</v>
      </c>
      <c r="I6201" s="5" t="s">
        <v>1518</v>
      </c>
      <c r="J6201" s="5" t="s">
        <v>1519</v>
      </c>
      <c r="K6201" s="2" t="s">
        <v>1520</v>
      </c>
      <c r="L6201" s="5" t="s">
        <v>1519</v>
      </c>
      <c r="M6201" s="2" t="s">
        <v>1520</v>
      </c>
      <c r="N6201" s="5" t="s">
        <v>1521</v>
      </c>
      <c r="O6201" s="5" t="s">
        <v>38</v>
      </c>
      <c r="P6201" s="5" t="s">
        <v>39</v>
      </c>
      <c r="Q6201" s="5" t="s">
        <v>40</v>
      </c>
      <c r="R6201" s="5" t="s">
        <v>1522</v>
      </c>
      <c r="S6201" s="5" t="s">
        <v>1523</v>
      </c>
      <c r="T6201" s="5" t="s">
        <v>42</v>
      </c>
      <c r="U6201" s="2">
        <v>3.9940000000000002</v>
      </c>
      <c r="V6201" s="2">
        <v>3.3490000000000002</v>
      </c>
      <c r="W6201" s="2">
        <v>0.02</v>
      </c>
      <c r="X6201" s="2">
        <v>159.1</v>
      </c>
      <c r="Y6201" s="2">
        <v>7.6</v>
      </c>
      <c r="Z6201" s="2">
        <v>16.7</v>
      </c>
      <c r="AA6201" s="5"/>
      <c r="AB6201" s="5" t="s">
        <v>43</v>
      </c>
      <c r="AC6201" s="5" t="s">
        <v>44</v>
      </c>
      <c r="AD6201" s="2"/>
      <c r="AE6201" s="1"/>
    </row>
    <row r="6202" spans="1:31" ht="14.45">
      <c r="A6202" s="11"/>
      <c r="B6202" s="20"/>
      <c r="C6202" s="2" t="s">
        <v>19077</v>
      </c>
      <c r="D6202" s="14" t="s">
        <v>19078</v>
      </c>
      <c r="E6202" s="2" t="s">
        <v>19079</v>
      </c>
      <c r="F6202" s="2" t="s">
        <v>7539</v>
      </c>
      <c r="G6202" s="8">
        <v>314</v>
      </c>
      <c r="H6202" s="5">
        <v>6</v>
      </c>
      <c r="I6202" s="5" t="s">
        <v>1518</v>
      </c>
      <c r="J6202" s="5" t="s">
        <v>1519</v>
      </c>
      <c r="K6202" s="2" t="s">
        <v>1520</v>
      </c>
      <c r="L6202" s="5" t="s">
        <v>1519</v>
      </c>
      <c r="M6202" s="2" t="s">
        <v>1520</v>
      </c>
      <c r="N6202" s="5" t="s">
        <v>1521</v>
      </c>
      <c r="O6202" s="5" t="s">
        <v>38</v>
      </c>
      <c r="P6202" s="5" t="s">
        <v>39</v>
      </c>
      <c r="Q6202" s="5" t="s">
        <v>40</v>
      </c>
      <c r="R6202" s="5" t="s">
        <v>1522</v>
      </c>
      <c r="S6202" s="5" t="s">
        <v>1523</v>
      </c>
      <c r="T6202" s="5" t="s">
        <v>42</v>
      </c>
      <c r="U6202" s="2">
        <v>3.915</v>
      </c>
      <c r="V6202" s="2">
        <v>3.27</v>
      </c>
      <c r="W6202" s="2">
        <v>0.02</v>
      </c>
      <c r="X6202" s="2">
        <v>159.1</v>
      </c>
      <c r="Y6202" s="2">
        <v>7.6</v>
      </c>
      <c r="Z6202" s="2">
        <v>16.7</v>
      </c>
      <c r="AA6202" s="5"/>
      <c r="AB6202" s="5" t="s">
        <v>43</v>
      </c>
      <c r="AC6202" s="5" t="s">
        <v>44</v>
      </c>
      <c r="AD6202" s="2"/>
      <c r="AE6202" s="1"/>
    </row>
    <row r="6203" spans="1:31" ht="14.45">
      <c r="A6203" s="11"/>
      <c r="B6203" s="20"/>
      <c r="C6203" s="2" t="s">
        <v>19080</v>
      </c>
      <c r="D6203" s="14" t="s">
        <v>19081</v>
      </c>
      <c r="E6203" s="2" t="s">
        <v>19082</v>
      </c>
      <c r="F6203" s="2" t="s">
        <v>7543</v>
      </c>
      <c r="G6203" s="8">
        <v>314</v>
      </c>
      <c r="H6203" s="5">
        <v>6</v>
      </c>
      <c r="I6203" s="5" t="s">
        <v>1518</v>
      </c>
      <c r="J6203" s="5" t="s">
        <v>1519</v>
      </c>
      <c r="K6203" s="2" t="s">
        <v>1520</v>
      </c>
      <c r="L6203" s="5" t="s">
        <v>1519</v>
      </c>
      <c r="M6203" s="2" t="s">
        <v>1520</v>
      </c>
      <c r="N6203" s="5" t="s">
        <v>1521</v>
      </c>
      <c r="O6203" s="5" t="s">
        <v>38</v>
      </c>
      <c r="P6203" s="5" t="s">
        <v>39</v>
      </c>
      <c r="Q6203" s="5" t="s">
        <v>40</v>
      </c>
      <c r="R6203" s="5" t="s">
        <v>1522</v>
      </c>
      <c r="S6203" s="5" t="s">
        <v>1523</v>
      </c>
      <c r="T6203" s="5" t="s">
        <v>42</v>
      </c>
      <c r="U6203" s="2">
        <v>4.0369999999999999</v>
      </c>
      <c r="V6203" s="2">
        <v>3.3919999999999999</v>
      </c>
      <c r="W6203" s="2">
        <v>0.02</v>
      </c>
      <c r="X6203" s="2">
        <v>159.1</v>
      </c>
      <c r="Y6203" s="2">
        <v>7.6</v>
      </c>
      <c r="Z6203" s="2">
        <v>16.7</v>
      </c>
      <c r="AA6203" s="5"/>
      <c r="AB6203" s="5" t="s">
        <v>43</v>
      </c>
      <c r="AC6203" s="5" t="s">
        <v>44</v>
      </c>
      <c r="AD6203" s="2"/>
      <c r="AE6203" s="1"/>
    </row>
    <row r="6204" spans="1:31" ht="14.45">
      <c r="A6204" s="11"/>
      <c r="B6204" s="20"/>
      <c r="C6204" s="2" t="s">
        <v>19083</v>
      </c>
      <c r="D6204" s="14" t="s">
        <v>19084</v>
      </c>
      <c r="E6204" s="2" t="s">
        <v>19085</v>
      </c>
      <c r="F6204" s="2" t="s">
        <v>7547</v>
      </c>
      <c r="G6204" s="8">
        <v>314</v>
      </c>
      <c r="H6204" s="5">
        <v>6</v>
      </c>
      <c r="I6204" s="5" t="s">
        <v>1518</v>
      </c>
      <c r="J6204" s="5" t="s">
        <v>1519</v>
      </c>
      <c r="K6204" s="2" t="s">
        <v>1520</v>
      </c>
      <c r="L6204" s="5" t="s">
        <v>1519</v>
      </c>
      <c r="M6204" s="2" t="s">
        <v>1520</v>
      </c>
      <c r="N6204" s="5" t="s">
        <v>1521</v>
      </c>
      <c r="O6204" s="5" t="s">
        <v>38</v>
      </c>
      <c r="P6204" s="5" t="s">
        <v>39</v>
      </c>
      <c r="Q6204" s="5" t="s">
        <v>40</v>
      </c>
      <c r="R6204" s="5" t="s">
        <v>1522</v>
      </c>
      <c r="S6204" s="5" t="s">
        <v>1523</v>
      </c>
      <c r="T6204" s="5" t="s">
        <v>42</v>
      </c>
      <c r="U6204" s="2">
        <v>3.8719999999999999</v>
      </c>
      <c r="V6204" s="2">
        <v>3.2269999999999999</v>
      </c>
      <c r="W6204" s="2">
        <v>0.02</v>
      </c>
      <c r="X6204" s="2">
        <v>159.1</v>
      </c>
      <c r="Y6204" s="2">
        <v>7.6</v>
      </c>
      <c r="Z6204" s="2">
        <v>16.7</v>
      </c>
      <c r="AA6204" s="5"/>
      <c r="AB6204" s="5" t="s">
        <v>43</v>
      </c>
      <c r="AC6204" s="5" t="s">
        <v>44</v>
      </c>
      <c r="AD6204" s="2"/>
      <c r="AE6204" s="1"/>
    </row>
    <row r="6205" spans="1:31" ht="14.45">
      <c r="A6205" s="11"/>
      <c r="B6205" s="20"/>
      <c r="C6205" s="2" t="s">
        <v>19086</v>
      </c>
      <c r="D6205" s="14" t="s">
        <v>19087</v>
      </c>
      <c r="E6205" s="2" t="s">
        <v>19088</v>
      </c>
      <c r="F6205" s="2" t="s">
        <v>7555</v>
      </c>
      <c r="G6205" s="8">
        <v>314</v>
      </c>
      <c r="H6205" s="5">
        <v>6</v>
      </c>
      <c r="I6205" s="5" t="s">
        <v>1518</v>
      </c>
      <c r="J6205" s="5" t="s">
        <v>1519</v>
      </c>
      <c r="K6205" s="2" t="s">
        <v>1520</v>
      </c>
      <c r="L6205" s="5" t="s">
        <v>1519</v>
      </c>
      <c r="M6205" s="2" t="s">
        <v>1520</v>
      </c>
      <c r="N6205" s="5" t="s">
        <v>1521</v>
      </c>
      <c r="O6205" s="5" t="s">
        <v>38</v>
      </c>
      <c r="P6205" s="5" t="s">
        <v>39</v>
      </c>
      <c r="Q6205" s="5" t="s">
        <v>40</v>
      </c>
      <c r="R6205" s="5" t="s">
        <v>1522</v>
      </c>
      <c r="S6205" s="5" t="s">
        <v>1523</v>
      </c>
      <c r="T6205" s="5" t="s">
        <v>42</v>
      </c>
      <c r="U6205" s="2">
        <v>3.8719999999999999</v>
      </c>
      <c r="V6205" s="2">
        <v>3.2269999999999999</v>
      </c>
      <c r="W6205" s="2">
        <v>0.02</v>
      </c>
      <c r="X6205" s="2">
        <v>159.1</v>
      </c>
      <c r="Y6205" s="2">
        <v>7.6</v>
      </c>
      <c r="Z6205" s="2">
        <v>16.7</v>
      </c>
      <c r="AA6205" s="5"/>
      <c r="AB6205" s="5" t="s">
        <v>43</v>
      </c>
      <c r="AC6205" s="5" t="s">
        <v>44</v>
      </c>
      <c r="AD6205" s="2"/>
      <c r="AE6205" s="1"/>
    </row>
    <row r="6206" spans="1:31" ht="14.45">
      <c r="A6206" s="11"/>
      <c r="B6206" s="20"/>
      <c r="C6206" s="2" t="s">
        <v>19089</v>
      </c>
      <c r="D6206" s="14" t="s">
        <v>19090</v>
      </c>
      <c r="E6206" s="2" t="s">
        <v>19091</v>
      </c>
      <c r="F6206" s="2" t="s">
        <v>7559</v>
      </c>
      <c r="G6206" s="8">
        <v>314</v>
      </c>
      <c r="H6206" s="5">
        <v>6</v>
      </c>
      <c r="I6206" s="5" t="s">
        <v>1518</v>
      </c>
      <c r="J6206" s="5" t="s">
        <v>1519</v>
      </c>
      <c r="K6206" s="2" t="s">
        <v>1520</v>
      </c>
      <c r="L6206" s="5" t="s">
        <v>1519</v>
      </c>
      <c r="M6206" s="2" t="s">
        <v>1520</v>
      </c>
      <c r="N6206" s="5" t="s">
        <v>1521</v>
      </c>
      <c r="O6206" s="5" t="s">
        <v>38</v>
      </c>
      <c r="P6206" s="5" t="s">
        <v>39</v>
      </c>
      <c r="Q6206" s="5" t="s">
        <v>40</v>
      </c>
      <c r="R6206" s="5" t="s">
        <v>1522</v>
      </c>
      <c r="S6206" s="5" t="s">
        <v>1523</v>
      </c>
      <c r="T6206" s="5" t="s">
        <v>42</v>
      </c>
      <c r="U6206" s="2">
        <v>3.9940000000000002</v>
      </c>
      <c r="V6206" s="2">
        <v>3.3490000000000002</v>
      </c>
      <c r="W6206" s="2">
        <v>0.02</v>
      </c>
      <c r="X6206" s="2">
        <v>159.1</v>
      </c>
      <c r="Y6206" s="2">
        <v>7.6</v>
      </c>
      <c r="Z6206" s="2">
        <v>16.7</v>
      </c>
      <c r="AA6206" s="5"/>
      <c r="AB6206" s="5" t="s">
        <v>43</v>
      </c>
      <c r="AC6206" s="5" t="s">
        <v>44</v>
      </c>
      <c r="AD6206" s="2"/>
      <c r="AE6206" s="1"/>
    </row>
    <row r="6207" spans="1:31" ht="14.45">
      <c r="A6207" s="11"/>
      <c r="B6207" s="20"/>
      <c r="C6207" s="2" t="s">
        <v>19092</v>
      </c>
      <c r="D6207" s="14" t="s">
        <v>19093</v>
      </c>
      <c r="E6207" s="2" t="s">
        <v>19094</v>
      </c>
      <c r="F6207" s="2" t="s">
        <v>7563</v>
      </c>
      <c r="G6207" s="8">
        <v>314</v>
      </c>
      <c r="H6207" s="5">
        <v>6</v>
      </c>
      <c r="I6207" s="5" t="s">
        <v>1518</v>
      </c>
      <c r="J6207" s="5" t="s">
        <v>1519</v>
      </c>
      <c r="K6207" s="2" t="s">
        <v>1520</v>
      </c>
      <c r="L6207" s="5" t="s">
        <v>1519</v>
      </c>
      <c r="M6207" s="2" t="s">
        <v>1520</v>
      </c>
      <c r="N6207" s="5" t="s">
        <v>1521</v>
      </c>
      <c r="O6207" s="5" t="s">
        <v>38</v>
      </c>
      <c r="P6207" s="5" t="s">
        <v>39</v>
      </c>
      <c r="Q6207" s="5" t="s">
        <v>40</v>
      </c>
      <c r="R6207" s="5" t="s">
        <v>1522</v>
      </c>
      <c r="S6207" s="5" t="s">
        <v>1523</v>
      </c>
      <c r="T6207" s="5" t="s">
        <v>42</v>
      </c>
      <c r="U6207" s="2">
        <v>3.915</v>
      </c>
      <c r="V6207" s="2">
        <v>3.27</v>
      </c>
      <c r="W6207" s="2">
        <v>0.02</v>
      </c>
      <c r="X6207" s="2">
        <v>159.1</v>
      </c>
      <c r="Y6207" s="2">
        <v>7.6</v>
      </c>
      <c r="Z6207" s="2">
        <v>16.7</v>
      </c>
      <c r="AA6207" s="5"/>
      <c r="AB6207" s="5" t="s">
        <v>43</v>
      </c>
      <c r="AC6207" s="5" t="s">
        <v>44</v>
      </c>
      <c r="AD6207" s="2"/>
      <c r="AE6207" s="1"/>
    </row>
    <row r="6208" spans="1:31" ht="14.45">
      <c r="A6208" s="11"/>
      <c r="B6208" s="20"/>
      <c r="C6208" s="2" t="s">
        <v>19095</v>
      </c>
      <c r="D6208" s="14" t="s">
        <v>19096</v>
      </c>
      <c r="E6208" s="2" t="s">
        <v>19097</v>
      </c>
      <c r="F6208" s="2" t="s">
        <v>7567</v>
      </c>
      <c r="G6208" s="8">
        <v>314</v>
      </c>
      <c r="H6208" s="5">
        <v>6</v>
      </c>
      <c r="I6208" s="5" t="s">
        <v>1518</v>
      </c>
      <c r="J6208" s="5" t="s">
        <v>1519</v>
      </c>
      <c r="K6208" s="2" t="s">
        <v>1520</v>
      </c>
      <c r="L6208" s="5" t="s">
        <v>1519</v>
      </c>
      <c r="M6208" s="2" t="s">
        <v>1520</v>
      </c>
      <c r="N6208" s="5" t="s">
        <v>1521</v>
      </c>
      <c r="O6208" s="5" t="s">
        <v>38</v>
      </c>
      <c r="P6208" s="5" t="s">
        <v>39</v>
      </c>
      <c r="Q6208" s="5" t="s">
        <v>40</v>
      </c>
      <c r="R6208" s="5" t="s">
        <v>1522</v>
      </c>
      <c r="S6208" s="5" t="s">
        <v>1523</v>
      </c>
      <c r="T6208" s="5" t="s">
        <v>42</v>
      </c>
      <c r="U6208" s="2">
        <v>4.0369999999999999</v>
      </c>
      <c r="V6208" s="2">
        <v>3.3919999999999999</v>
      </c>
      <c r="W6208" s="2">
        <v>0.02</v>
      </c>
      <c r="X6208" s="2">
        <v>159.1</v>
      </c>
      <c r="Y6208" s="2">
        <v>7.6</v>
      </c>
      <c r="Z6208" s="2">
        <v>16.7</v>
      </c>
      <c r="AA6208" s="5"/>
      <c r="AB6208" s="5" t="s">
        <v>43</v>
      </c>
      <c r="AC6208" s="5" t="s">
        <v>44</v>
      </c>
      <c r="AD6208" s="2"/>
      <c r="AE6208" s="1"/>
    </row>
    <row r="6209" spans="1:31" ht="14.45">
      <c r="A6209" s="11"/>
      <c r="B6209" s="20"/>
      <c r="C6209" s="2" t="s">
        <v>19098</v>
      </c>
      <c r="D6209" s="14" t="s">
        <v>19099</v>
      </c>
      <c r="E6209" s="2" t="s">
        <v>19100</v>
      </c>
      <c r="F6209" s="2" t="s">
        <v>16079</v>
      </c>
      <c r="G6209" s="8">
        <v>314</v>
      </c>
      <c r="H6209" s="5">
        <v>6</v>
      </c>
      <c r="I6209" s="5" t="s">
        <v>1518</v>
      </c>
      <c r="J6209" s="5" t="s">
        <v>1519</v>
      </c>
      <c r="K6209" s="2" t="s">
        <v>1520</v>
      </c>
      <c r="L6209" s="5" t="s">
        <v>1519</v>
      </c>
      <c r="M6209" s="2" t="s">
        <v>1520</v>
      </c>
      <c r="N6209" s="5" t="s">
        <v>1521</v>
      </c>
      <c r="O6209" s="5" t="s">
        <v>38</v>
      </c>
      <c r="P6209" s="5" t="s">
        <v>39</v>
      </c>
      <c r="Q6209" s="5" t="s">
        <v>40</v>
      </c>
      <c r="R6209" s="5" t="s">
        <v>1522</v>
      </c>
      <c r="S6209" s="5" t="s">
        <v>1523</v>
      </c>
      <c r="T6209" s="5" t="s">
        <v>42</v>
      </c>
      <c r="U6209" s="2">
        <v>3.915</v>
      </c>
      <c r="V6209" s="2">
        <v>3.27</v>
      </c>
      <c r="W6209" s="2">
        <v>0.02</v>
      </c>
      <c r="X6209" s="2">
        <v>159.1</v>
      </c>
      <c r="Y6209" s="2">
        <v>7.6</v>
      </c>
      <c r="Z6209" s="2">
        <v>16.7</v>
      </c>
      <c r="AA6209" s="5"/>
      <c r="AB6209" s="5" t="s">
        <v>43</v>
      </c>
      <c r="AC6209" s="5" t="s">
        <v>44</v>
      </c>
      <c r="AD6209" s="2"/>
      <c r="AE6209" s="1"/>
    </row>
    <row r="6210" spans="1:31" ht="14.45">
      <c r="A6210" s="11"/>
      <c r="B6210" s="20"/>
      <c r="C6210" s="2" t="s">
        <v>19101</v>
      </c>
      <c r="D6210" s="14" t="s">
        <v>19102</v>
      </c>
      <c r="E6210" s="2" t="s">
        <v>19103</v>
      </c>
      <c r="F6210" s="2" t="s">
        <v>16194</v>
      </c>
      <c r="G6210" s="8">
        <v>314</v>
      </c>
      <c r="H6210" s="5">
        <v>6</v>
      </c>
      <c r="I6210" s="5" t="s">
        <v>1518</v>
      </c>
      <c r="J6210" s="5" t="s">
        <v>1519</v>
      </c>
      <c r="K6210" s="2" t="s">
        <v>1520</v>
      </c>
      <c r="L6210" s="5" t="s">
        <v>1519</v>
      </c>
      <c r="M6210" s="2" t="s">
        <v>1520</v>
      </c>
      <c r="N6210" s="5" t="s">
        <v>1521</v>
      </c>
      <c r="O6210" s="5" t="s">
        <v>38</v>
      </c>
      <c r="P6210" s="5" t="s">
        <v>39</v>
      </c>
      <c r="Q6210" s="5" t="s">
        <v>40</v>
      </c>
      <c r="R6210" s="5" t="s">
        <v>1522</v>
      </c>
      <c r="S6210" s="5" t="s">
        <v>1523</v>
      </c>
      <c r="T6210" s="5" t="s">
        <v>42</v>
      </c>
      <c r="U6210" s="2">
        <v>4.0369999999999999</v>
      </c>
      <c r="V6210" s="2">
        <v>3.3919999999999999</v>
      </c>
      <c r="W6210" s="2">
        <v>0.02</v>
      </c>
      <c r="X6210" s="2">
        <v>159.1</v>
      </c>
      <c r="Y6210" s="2">
        <v>7.6</v>
      </c>
      <c r="Z6210" s="2">
        <v>16.7</v>
      </c>
      <c r="AA6210" s="5"/>
      <c r="AB6210" s="5" t="s">
        <v>43</v>
      </c>
      <c r="AC6210" s="5" t="s">
        <v>44</v>
      </c>
      <c r="AD6210" s="2"/>
      <c r="AE6210" s="1"/>
    </row>
    <row r="6211" spans="1:31" ht="14.45">
      <c r="A6211" s="11"/>
      <c r="B6211" s="20"/>
      <c r="C6211" s="2" t="s">
        <v>19104</v>
      </c>
      <c r="D6211" s="14" t="s">
        <v>19105</v>
      </c>
      <c r="E6211" s="2" t="s">
        <v>19106</v>
      </c>
      <c r="F6211" s="2" t="s">
        <v>7449</v>
      </c>
      <c r="G6211" s="8">
        <v>314</v>
      </c>
      <c r="H6211" s="5">
        <v>6</v>
      </c>
      <c r="I6211" s="5" t="s">
        <v>1518</v>
      </c>
      <c r="J6211" s="5" t="s">
        <v>1519</v>
      </c>
      <c r="K6211" s="2" t="s">
        <v>1520</v>
      </c>
      <c r="L6211" s="5" t="s">
        <v>1519</v>
      </c>
      <c r="M6211" s="2" t="s">
        <v>1520</v>
      </c>
      <c r="N6211" s="5" t="s">
        <v>1521</v>
      </c>
      <c r="O6211" s="5" t="s">
        <v>38</v>
      </c>
      <c r="P6211" s="5" t="s">
        <v>39</v>
      </c>
      <c r="Q6211" s="5" t="s">
        <v>40</v>
      </c>
      <c r="R6211" s="5" t="s">
        <v>1522</v>
      </c>
      <c r="S6211" s="5" t="s">
        <v>1523</v>
      </c>
      <c r="T6211" s="5" t="s">
        <v>42</v>
      </c>
      <c r="U6211" s="2">
        <v>3.915</v>
      </c>
      <c r="V6211" s="2">
        <v>3.27</v>
      </c>
      <c r="W6211" s="2">
        <v>0.02</v>
      </c>
      <c r="X6211" s="2">
        <v>159.1</v>
      </c>
      <c r="Y6211" s="2">
        <v>7.6</v>
      </c>
      <c r="Z6211" s="2">
        <v>16.7</v>
      </c>
      <c r="AA6211" s="5"/>
      <c r="AB6211" s="5" t="s">
        <v>43</v>
      </c>
      <c r="AC6211" s="5" t="s">
        <v>44</v>
      </c>
      <c r="AD6211" s="2"/>
      <c r="AE6211" s="1"/>
    </row>
    <row r="6212" spans="1:31" ht="14.45">
      <c r="A6212" s="11"/>
      <c r="B6212" s="20"/>
      <c r="C6212" s="2" t="s">
        <v>19107</v>
      </c>
      <c r="D6212" s="14" t="s">
        <v>19108</v>
      </c>
      <c r="E6212" s="2" t="s">
        <v>19109</v>
      </c>
      <c r="F6212" s="2" t="s">
        <v>7581</v>
      </c>
      <c r="G6212" s="8">
        <v>314</v>
      </c>
      <c r="H6212" s="5">
        <v>6</v>
      </c>
      <c r="I6212" s="5" t="s">
        <v>1518</v>
      </c>
      <c r="J6212" s="5" t="s">
        <v>1519</v>
      </c>
      <c r="K6212" s="2" t="s">
        <v>1520</v>
      </c>
      <c r="L6212" s="5" t="s">
        <v>1519</v>
      </c>
      <c r="M6212" s="2" t="s">
        <v>1520</v>
      </c>
      <c r="N6212" s="5" t="s">
        <v>1521</v>
      </c>
      <c r="O6212" s="5" t="s">
        <v>38</v>
      </c>
      <c r="P6212" s="5" t="s">
        <v>39</v>
      </c>
      <c r="Q6212" s="5" t="s">
        <v>40</v>
      </c>
      <c r="R6212" s="5" t="s">
        <v>1522</v>
      </c>
      <c r="S6212" s="5" t="s">
        <v>1523</v>
      </c>
      <c r="T6212" s="5" t="s">
        <v>42</v>
      </c>
      <c r="U6212" s="2">
        <v>4.0369999999999999</v>
      </c>
      <c r="V6212" s="2">
        <v>3.3919999999999999</v>
      </c>
      <c r="W6212" s="2">
        <v>0.02</v>
      </c>
      <c r="X6212" s="2">
        <v>159.1</v>
      </c>
      <c r="Y6212" s="2">
        <v>7.6</v>
      </c>
      <c r="Z6212" s="2">
        <v>16.7</v>
      </c>
      <c r="AA6212" s="5"/>
      <c r="AB6212" s="5" t="s">
        <v>43</v>
      </c>
      <c r="AC6212" s="5" t="s">
        <v>44</v>
      </c>
      <c r="AD6212" s="2"/>
      <c r="AE6212" s="1"/>
    </row>
    <row r="6213" spans="1:31" ht="14.45">
      <c r="A6213" s="11"/>
      <c r="B6213" s="20"/>
      <c r="C6213" s="2" t="s">
        <v>19110</v>
      </c>
      <c r="D6213" s="14" t="s">
        <v>19111</v>
      </c>
      <c r="E6213" s="2" t="s">
        <v>19112</v>
      </c>
      <c r="F6213" s="2" t="s">
        <v>7585</v>
      </c>
      <c r="G6213" s="8">
        <v>314</v>
      </c>
      <c r="H6213" s="5">
        <v>6</v>
      </c>
      <c r="I6213" s="5" t="s">
        <v>1518</v>
      </c>
      <c r="J6213" s="5" t="s">
        <v>1519</v>
      </c>
      <c r="K6213" s="2" t="s">
        <v>1520</v>
      </c>
      <c r="L6213" s="5" t="s">
        <v>1519</v>
      </c>
      <c r="M6213" s="2" t="s">
        <v>1520</v>
      </c>
      <c r="N6213" s="5" t="s">
        <v>1521</v>
      </c>
      <c r="O6213" s="5" t="s">
        <v>38</v>
      </c>
      <c r="P6213" s="5" t="s">
        <v>39</v>
      </c>
      <c r="Q6213" s="5" t="s">
        <v>40</v>
      </c>
      <c r="R6213" s="5" t="s">
        <v>1522</v>
      </c>
      <c r="S6213" s="5" t="s">
        <v>1523</v>
      </c>
      <c r="T6213" s="5" t="s">
        <v>42</v>
      </c>
      <c r="U6213" s="2">
        <v>3.8719999999999999</v>
      </c>
      <c r="V6213" s="2">
        <v>3.2269999999999999</v>
      </c>
      <c r="W6213" s="2">
        <v>0.02</v>
      </c>
      <c r="X6213" s="2">
        <v>159.1</v>
      </c>
      <c r="Y6213" s="2">
        <v>7.6</v>
      </c>
      <c r="Z6213" s="2">
        <v>16.7</v>
      </c>
      <c r="AA6213" s="5"/>
      <c r="AB6213" s="5" t="s">
        <v>43</v>
      </c>
      <c r="AC6213" s="5" t="s">
        <v>44</v>
      </c>
      <c r="AD6213" s="2"/>
      <c r="AE6213" s="1"/>
    </row>
    <row r="6214" spans="1:31" ht="14.45">
      <c r="A6214" s="11"/>
      <c r="B6214" s="20"/>
      <c r="C6214" s="2" t="s">
        <v>19113</v>
      </c>
      <c r="D6214" s="14" t="s">
        <v>19114</v>
      </c>
      <c r="E6214" s="2" t="s">
        <v>19115</v>
      </c>
      <c r="F6214" s="2" t="s">
        <v>7589</v>
      </c>
      <c r="G6214" s="8">
        <v>314</v>
      </c>
      <c r="H6214" s="5">
        <v>6</v>
      </c>
      <c r="I6214" s="5" t="s">
        <v>1518</v>
      </c>
      <c r="J6214" s="5" t="s">
        <v>1519</v>
      </c>
      <c r="K6214" s="2" t="s">
        <v>1520</v>
      </c>
      <c r="L6214" s="5" t="s">
        <v>1519</v>
      </c>
      <c r="M6214" s="2" t="s">
        <v>1520</v>
      </c>
      <c r="N6214" s="5" t="s">
        <v>1521</v>
      </c>
      <c r="O6214" s="5" t="s">
        <v>38</v>
      </c>
      <c r="P6214" s="5" t="s">
        <v>39</v>
      </c>
      <c r="Q6214" s="5" t="s">
        <v>40</v>
      </c>
      <c r="R6214" s="5" t="s">
        <v>1522</v>
      </c>
      <c r="S6214" s="5" t="s">
        <v>1523</v>
      </c>
      <c r="T6214" s="5" t="s">
        <v>42</v>
      </c>
      <c r="U6214" s="2">
        <v>3.9940000000000002</v>
      </c>
      <c r="V6214" s="2">
        <v>3.3490000000000002</v>
      </c>
      <c r="W6214" s="2">
        <v>0.02</v>
      </c>
      <c r="X6214" s="2">
        <v>159.1</v>
      </c>
      <c r="Y6214" s="2">
        <v>7.6</v>
      </c>
      <c r="Z6214" s="2">
        <v>16.7</v>
      </c>
      <c r="AA6214" s="5"/>
      <c r="AB6214" s="5" t="s">
        <v>43</v>
      </c>
      <c r="AC6214" s="5" t="s">
        <v>44</v>
      </c>
      <c r="AD6214" s="2"/>
      <c r="AE6214" s="1"/>
    </row>
    <row r="6215" spans="1:31" ht="14.45">
      <c r="A6215" s="11"/>
      <c r="B6215" s="20"/>
      <c r="C6215" s="2" t="s">
        <v>19116</v>
      </c>
      <c r="D6215" s="14" t="s">
        <v>19117</v>
      </c>
      <c r="E6215" s="2" t="s">
        <v>19118</v>
      </c>
      <c r="F6215" s="2" t="s">
        <v>7597</v>
      </c>
      <c r="G6215" s="8">
        <v>314</v>
      </c>
      <c r="H6215" s="5">
        <v>6</v>
      </c>
      <c r="I6215" s="5" t="s">
        <v>1518</v>
      </c>
      <c r="J6215" s="5" t="s">
        <v>1519</v>
      </c>
      <c r="K6215" s="2" t="s">
        <v>1520</v>
      </c>
      <c r="L6215" s="5" t="s">
        <v>1519</v>
      </c>
      <c r="M6215" s="2" t="s">
        <v>1520</v>
      </c>
      <c r="N6215" s="5" t="s">
        <v>1521</v>
      </c>
      <c r="O6215" s="5" t="s">
        <v>38</v>
      </c>
      <c r="P6215" s="5" t="s">
        <v>39</v>
      </c>
      <c r="Q6215" s="5" t="s">
        <v>40</v>
      </c>
      <c r="R6215" s="5" t="s">
        <v>1522</v>
      </c>
      <c r="S6215" s="5" t="s">
        <v>1523</v>
      </c>
      <c r="T6215" s="5" t="s">
        <v>42</v>
      </c>
      <c r="U6215" s="2">
        <v>4.0369999999999999</v>
      </c>
      <c r="V6215" s="2">
        <v>3.3919999999999999</v>
      </c>
      <c r="W6215" s="2">
        <v>0.02</v>
      </c>
      <c r="X6215" s="2">
        <v>159.1</v>
      </c>
      <c r="Y6215" s="2">
        <v>7.6</v>
      </c>
      <c r="Z6215" s="2">
        <v>16.7</v>
      </c>
      <c r="AA6215" s="5"/>
      <c r="AB6215" s="5" t="s">
        <v>43</v>
      </c>
      <c r="AC6215" s="5" t="s">
        <v>44</v>
      </c>
      <c r="AD6215" s="2"/>
      <c r="AE6215" s="1"/>
    </row>
    <row r="6216" spans="1:31" ht="14.45">
      <c r="A6216" s="11"/>
      <c r="B6216" s="20"/>
      <c r="C6216" s="2" t="s">
        <v>19119</v>
      </c>
      <c r="D6216" s="14" t="s">
        <v>19120</v>
      </c>
      <c r="E6216" s="2" t="s">
        <v>19121</v>
      </c>
      <c r="F6216" s="2" t="s">
        <v>16014</v>
      </c>
      <c r="G6216" s="8">
        <v>314</v>
      </c>
      <c r="H6216" s="5">
        <v>6</v>
      </c>
      <c r="I6216" s="5" t="s">
        <v>1518</v>
      </c>
      <c r="J6216" s="5" t="s">
        <v>1519</v>
      </c>
      <c r="K6216" s="2" t="s">
        <v>1520</v>
      </c>
      <c r="L6216" s="5" t="s">
        <v>1519</v>
      </c>
      <c r="M6216" s="2" t="s">
        <v>1520</v>
      </c>
      <c r="N6216" s="5" t="s">
        <v>1521</v>
      </c>
      <c r="O6216" s="5" t="s">
        <v>38</v>
      </c>
      <c r="P6216" s="5" t="s">
        <v>39</v>
      </c>
      <c r="Q6216" s="5" t="s">
        <v>40</v>
      </c>
      <c r="R6216" s="5" t="s">
        <v>1522</v>
      </c>
      <c r="S6216" s="5" t="s">
        <v>1523</v>
      </c>
      <c r="T6216" s="5" t="s">
        <v>42</v>
      </c>
      <c r="U6216" s="2">
        <v>3.915</v>
      </c>
      <c r="V6216" s="2">
        <v>3.27</v>
      </c>
      <c r="W6216" s="2">
        <v>0.02</v>
      </c>
      <c r="X6216" s="2">
        <v>159.1</v>
      </c>
      <c r="Y6216" s="2">
        <v>7.6</v>
      </c>
      <c r="Z6216" s="2">
        <v>16.7</v>
      </c>
      <c r="AA6216" s="5"/>
      <c r="AB6216" s="5" t="s">
        <v>43</v>
      </c>
      <c r="AC6216" s="5" t="s">
        <v>44</v>
      </c>
      <c r="AD6216" s="2"/>
      <c r="AE6216" s="1"/>
    </row>
    <row r="6217" spans="1:31" ht="14.45">
      <c r="A6217" s="11"/>
      <c r="B6217" s="20"/>
      <c r="C6217" s="2" t="s">
        <v>19122</v>
      </c>
      <c r="D6217" s="14" t="s">
        <v>19123</v>
      </c>
      <c r="E6217" s="2" t="s">
        <v>19124</v>
      </c>
      <c r="F6217" s="2" t="s">
        <v>16219</v>
      </c>
      <c r="G6217" s="8">
        <v>314</v>
      </c>
      <c r="H6217" s="5">
        <v>6</v>
      </c>
      <c r="I6217" s="5" t="s">
        <v>1518</v>
      </c>
      <c r="J6217" s="5" t="s">
        <v>1519</v>
      </c>
      <c r="K6217" s="2" t="s">
        <v>1520</v>
      </c>
      <c r="L6217" s="5" t="s">
        <v>1519</v>
      </c>
      <c r="M6217" s="2" t="s">
        <v>1520</v>
      </c>
      <c r="N6217" s="5" t="s">
        <v>1521</v>
      </c>
      <c r="O6217" s="5" t="s">
        <v>38</v>
      </c>
      <c r="P6217" s="5" t="s">
        <v>39</v>
      </c>
      <c r="Q6217" s="5" t="s">
        <v>40</v>
      </c>
      <c r="R6217" s="5" t="s">
        <v>1522</v>
      </c>
      <c r="S6217" s="5" t="s">
        <v>1523</v>
      </c>
      <c r="T6217" s="5" t="s">
        <v>42</v>
      </c>
      <c r="U6217" s="2">
        <v>4.0369999999999999</v>
      </c>
      <c r="V6217" s="2">
        <v>3.3919999999999999</v>
      </c>
      <c r="W6217" s="2">
        <v>0.02</v>
      </c>
      <c r="X6217" s="2">
        <v>159.1</v>
      </c>
      <c r="Y6217" s="2">
        <v>7.6</v>
      </c>
      <c r="Z6217" s="2">
        <v>16.7</v>
      </c>
      <c r="AA6217" s="5"/>
      <c r="AB6217" s="5" t="s">
        <v>43</v>
      </c>
      <c r="AC6217" s="5" t="s">
        <v>44</v>
      </c>
      <c r="AD6217" s="2"/>
      <c r="AE6217" s="1"/>
    </row>
    <row r="6218" spans="1:31" ht="14.45">
      <c r="A6218" s="11"/>
      <c r="B6218" s="20"/>
      <c r="C6218" s="2" t="s">
        <v>19125</v>
      </c>
      <c r="D6218" s="14" t="s">
        <v>19126</v>
      </c>
      <c r="E6218" s="2" t="s">
        <v>19127</v>
      </c>
      <c r="F6218" s="2" t="s">
        <v>16018</v>
      </c>
      <c r="G6218" s="8">
        <v>314</v>
      </c>
      <c r="H6218" s="5">
        <v>6</v>
      </c>
      <c r="I6218" s="5" t="s">
        <v>1518</v>
      </c>
      <c r="J6218" s="5" t="s">
        <v>1519</v>
      </c>
      <c r="K6218" s="2" t="s">
        <v>1520</v>
      </c>
      <c r="L6218" s="5" t="s">
        <v>1519</v>
      </c>
      <c r="M6218" s="2" t="s">
        <v>1520</v>
      </c>
      <c r="N6218" s="5" t="s">
        <v>1521</v>
      </c>
      <c r="O6218" s="5" t="s">
        <v>38</v>
      </c>
      <c r="P6218" s="5" t="s">
        <v>39</v>
      </c>
      <c r="Q6218" s="5" t="s">
        <v>40</v>
      </c>
      <c r="R6218" s="5" t="s">
        <v>1522</v>
      </c>
      <c r="S6218" s="5" t="s">
        <v>1523</v>
      </c>
      <c r="T6218" s="5" t="s">
        <v>42</v>
      </c>
      <c r="U6218" s="2">
        <v>3.915</v>
      </c>
      <c r="V6218" s="2">
        <v>3.27</v>
      </c>
      <c r="W6218" s="2">
        <v>0.02</v>
      </c>
      <c r="X6218" s="2">
        <v>159.1</v>
      </c>
      <c r="Y6218" s="2">
        <v>7.6</v>
      </c>
      <c r="Z6218" s="2">
        <v>16.7</v>
      </c>
      <c r="AA6218" s="5"/>
      <c r="AB6218" s="5" t="s">
        <v>43</v>
      </c>
      <c r="AC6218" s="5" t="s">
        <v>44</v>
      </c>
      <c r="AD6218" s="2"/>
      <c r="AE6218" s="1"/>
    </row>
    <row r="6219" spans="1:31" ht="14.45">
      <c r="A6219" s="11"/>
      <c r="B6219" s="20"/>
      <c r="C6219" s="2" t="s">
        <v>19128</v>
      </c>
      <c r="D6219" s="14" t="s">
        <v>19129</v>
      </c>
      <c r="E6219" s="2" t="s">
        <v>19130</v>
      </c>
      <c r="F6219" s="2" t="s">
        <v>16022</v>
      </c>
      <c r="G6219" s="8">
        <v>314</v>
      </c>
      <c r="H6219" s="5">
        <v>6</v>
      </c>
      <c r="I6219" s="5" t="s">
        <v>1518</v>
      </c>
      <c r="J6219" s="5" t="s">
        <v>1519</v>
      </c>
      <c r="K6219" s="2" t="s">
        <v>1520</v>
      </c>
      <c r="L6219" s="5" t="s">
        <v>1519</v>
      </c>
      <c r="M6219" s="2" t="s">
        <v>1520</v>
      </c>
      <c r="N6219" s="5" t="s">
        <v>1521</v>
      </c>
      <c r="O6219" s="5" t="s">
        <v>38</v>
      </c>
      <c r="P6219" s="5" t="s">
        <v>39</v>
      </c>
      <c r="Q6219" s="5" t="s">
        <v>40</v>
      </c>
      <c r="R6219" s="5" t="s">
        <v>1522</v>
      </c>
      <c r="S6219" s="5" t="s">
        <v>1523</v>
      </c>
      <c r="T6219" s="5" t="s">
        <v>42</v>
      </c>
      <c r="U6219" s="2">
        <v>4.0369999999999999</v>
      </c>
      <c r="V6219" s="2">
        <v>3.3919999999999999</v>
      </c>
      <c r="W6219" s="2">
        <v>0.02</v>
      </c>
      <c r="X6219" s="2">
        <v>159.1</v>
      </c>
      <c r="Y6219" s="2">
        <v>7.6</v>
      </c>
      <c r="Z6219" s="2">
        <v>16.7</v>
      </c>
      <c r="AA6219" s="5"/>
      <c r="AB6219" s="5" t="s">
        <v>43</v>
      </c>
      <c r="AC6219" s="5" t="s">
        <v>44</v>
      </c>
      <c r="AD6219" s="2"/>
      <c r="AE6219" s="1"/>
    </row>
    <row r="6220" spans="1:31" ht="14.45">
      <c r="A6220" s="11"/>
      <c r="B6220" s="20"/>
      <c r="C6220" s="2" t="s">
        <v>19131</v>
      </c>
      <c r="D6220" s="14" t="s">
        <v>19132</v>
      </c>
      <c r="E6220" s="2" t="s">
        <v>19133</v>
      </c>
      <c r="F6220" s="2" t="s">
        <v>7615</v>
      </c>
      <c r="G6220" s="8">
        <v>314</v>
      </c>
      <c r="H6220" s="5">
        <v>6</v>
      </c>
      <c r="I6220" s="5" t="s">
        <v>1518</v>
      </c>
      <c r="J6220" s="5" t="s">
        <v>1519</v>
      </c>
      <c r="K6220" s="2" t="s">
        <v>1520</v>
      </c>
      <c r="L6220" s="5" t="s">
        <v>1519</v>
      </c>
      <c r="M6220" s="2" t="s">
        <v>1520</v>
      </c>
      <c r="N6220" s="5" t="s">
        <v>1521</v>
      </c>
      <c r="O6220" s="5" t="s">
        <v>38</v>
      </c>
      <c r="P6220" s="5" t="s">
        <v>39</v>
      </c>
      <c r="Q6220" s="5" t="s">
        <v>40</v>
      </c>
      <c r="R6220" s="5" t="s">
        <v>1522</v>
      </c>
      <c r="S6220" s="5" t="s">
        <v>1523</v>
      </c>
      <c r="T6220" s="5" t="s">
        <v>42</v>
      </c>
      <c r="U6220" s="2">
        <v>3.8719999999999999</v>
      </c>
      <c r="V6220" s="2">
        <v>3.2269999999999999</v>
      </c>
      <c r="W6220" s="2">
        <v>0.02</v>
      </c>
      <c r="X6220" s="2">
        <v>159.1</v>
      </c>
      <c r="Y6220" s="2">
        <v>7.6</v>
      </c>
      <c r="Z6220" s="2">
        <v>16.7</v>
      </c>
      <c r="AA6220" s="5"/>
      <c r="AB6220" s="5" t="s">
        <v>43</v>
      </c>
      <c r="AC6220" s="5" t="s">
        <v>44</v>
      </c>
      <c r="AD6220" s="2"/>
      <c r="AE6220" s="1"/>
    </row>
    <row r="6221" spans="1:31" ht="14.45">
      <c r="A6221" s="11"/>
      <c r="B6221" s="20"/>
      <c r="C6221" s="2" t="s">
        <v>19134</v>
      </c>
      <c r="D6221" s="14" t="s">
        <v>19135</v>
      </c>
      <c r="E6221" s="2" t="s">
        <v>19136</v>
      </c>
      <c r="F6221" s="2" t="s">
        <v>7619</v>
      </c>
      <c r="G6221" s="8">
        <v>314</v>
      </c>
      <c r="H6221" s="5">
        <v>6</v>
      </c>
      <c r="I6221" s="5" t="s">
        <v>1518</v>
      </c>
      <c r="J6221" s="5" t="s">
        <v>1519</v>
      </c>
      <c r="K6221" s="2" t="s">
        <v>1520</v>
      </c>
      <c r="L6221" s="5" t="s">
        <v>1519</v>
      </c>
      <c r="M6221" s="2" t="s">
        <v>1520</v>
      </c>
      <c r="N6221" s="5" t="s">
        <v>1521</v>
      </c>
      <c r="O6221" s="5" t="s">
        <v>38</v>
      </c>
      <c r="P6221" s="5" t="s">
        <v>39</v>
      </c>
      <c r="Q6221" s="5" t="s">
        <v>40</v>
      </c>
      <c r="R6221" s="5" t="s">
        <v>1522</v>
      </c>
      <c r="S6221" s="5" t="s">
        <v>1523</v>
      </c>
      <c r="T6221" s="5" t="s">
        <v>42</v>
      </c>
      <c r="U6221" s="2">
        <v>3.9940000000000002</v>
      </c>
      <c r="V6221" s="2">
        <v>3.3490000000000002</v>
      </c>
      <c r="W6221" s="2">
        <v>0.02</v>
      </c>
      <c r="X6221" s="2">
        <v>159.1</v>
      </c>
      <c r="Y6221" s="2">
        <v>7.6</v>
      </c>
      <c r="Z6221" s="2">
        <v>16.7</v>
      </c>
      <c r="AA6221" s="5"/>
      <c r="AB6221" s="5" t="s">
        <v>43</v>
      </c>
      <c r="AC6221" s="5" t="s">
        <v>44</v>
      </c>
      <c r="AD6221" s="2"/>
      <c r="AE6221" s="1"/>
    </row>
    <row r="6222" spans="1:31" ht="14.45">
      <c r="A6222" s="11"/>
      <c r="B6222" s="20"/>
      <c r="C6222" s="2" t="s">
        <v>19137</v>
      </c>
      <c r="D6222" s="14" t="s">
        <v>19138</v>
      </c>
      <c r="E6222" s="2" t="s">
        <v>19139</v>
      </c>
      <c r="F6222" s="2" t="s">
        <v>16235</v>
      </c>
      <c r="G6222" s="8">
        <v>314</v>
      </c>
      <c r="H6222" s="5">
        <v>6</v>
      </c>
      <c r="I6222" s="5" t="s">
        <v>1518</v>
      </c>
      <c r="J6222" s="5" t="s">
        <v>1519</v>
      </c>
      <c r="K6222" s="2" t="s">
        <v>1520</v>
      </c>
      <c r="L6222" s="5" t="s">
        <v>1519</v>
      </c>
      <c r="M6222" s="2" t="s">
        <v>1520</v>
      </c>
      <c r="N6222" s="5" t="s">
        <v>1521</v>
      </c>
      <c r="O6222" s="5" t="s">
        <v>38</v>
      </c>
      <c r="P6222" s="5" t="s">
        <v>39</v>
      </c>
      <c r="Q6222" s="5" t="s">
        <v>40</v>
      </c>
      <c r="R6222" s="5" t="s">
        <v>1522</v>
      </c>
      <c r="S6222" s="5" t="s">
        <v>1523</v>
      </c>
      <c r="T6222" s="5" t="s">
        <v>42</v>
      </c>
      <c r="U6222" s="2">
        <v>3.9889999999999999</v>
      </c>
      <c r="V6222" s="2">
        <v>3.3439999999999999</v>
      </c>
      <c r="W6222" s="2">
        <v>0.02</v>
      </c>
      <c r="X6222" s="2">
        <v>159.1</v>
      </c>
      <c r="Y6222" s="2">
        <v>7.6</v>
      </c>
      <c r="Z6222" s="2">
        <v>16.7</v>
      </c>
      <c r="AA6222" s="5"/>
      <c r="AB6222" s="5" t="s">
        <v>43</v>
      </c>
      <c r="AC6222" s="5" t="s">
        <v>44</v>
      </c>
      <c r="AD6222" s="2"/>
      <c r="AE6222" s="1"/>
    </row>
    <row r="6223" spans="1:31" ht="14.45">
      <c r="A6223" s="11"/>
      <c r="B6223" s="20"/>
      <c r="C6223" s="2" t="s">
        <v>19140</v>
      </c>
      <c r="D6223" s="14" t="s">
        <v>19141</v>
      </c>
      <c r="E6223" s="2" t="s">
        <v>19142</v>
      </c>
      <c r="F6223" s="2" t="s">
        <v>16029</v>
      </c>
      <c r="G6223" s="8">
        <v>314</v>
      </c>
      <c r="H6223" s="5">
        <v>11</v>
      </c>
      <c r="I6223" s="5" t="s">
        <v>1518</v>
      </c>
      <c r="J6223" s="5" t="s">
        <v>1519</v>
      </c>
      <c r="K6223" s="2" t="s">
        <v>1520</v>
      </c>
      <c r="L6223" s="5" t="s">
        <v>1519</v>
      </c>
      <c r="M6223" s="2" t="s">
        <v>1520</v>
      </c>
      <c r="N6223" s="5" t="s">
        <v>1521</v>
      </c>
      <c r="O6223" s="5" t="s">
        <v>38</v>
      </c>
      <c r="P6223" s="5" t="s">
        <v>39</v>
      </c>
      <c r="Q6223" s="5" t="s">
        <v>40</v>
      </c>
      <c r="R6223" s="5" t="s">
        <v>1522</v>
      </c>
      <c r="S6223" s="5" t="s">
        <v>1523</v>
      </c>
      <c r="T6223" s="5" t="s">
        <v>42</v>
      </c>
      <c r="U6223" s="2">
        <v>3.9260000000000002</v>
      </c>
      <c r="V6223" s="2">
        <v>3.2810000000000001</v>
      </c>
      <c r="W6223" s="2">
        <v>0.02</v>
      </c>
      <c r="X6223" s="2">
        <v>159.1</v>
      </c>
      <c r="Y6223" s="2">
        <v>7.6</v>
      </c>
      <c r="Z6223" s="2">
        <v>16.7</v>
      </c>
      <c r="AA6223" s="5"/>
      <c r="AB6223" s="5" t="s">
        <v>43</v>
      </c>
      <c r="AC6223" s="5" t="s">
        <v>44</v>
      </c>
      <c r="AD6223" s="2"/>
      <c r="AE6223" s="1"/>
    </row>
    <row r="6224" spans="1:31" ht="14.45">
      <c r="A6224" s="11"/>
      <c r="B6224" s="20"/>
      <c r="C6224" s="2" t="s">
        <v>19143</v>
      </c>
      <c r="D6224" s="14" t="s">
        <v>19144</v>
      </c>
      <c r="E6224" s="2" t="s">
        <v>19145</v>
      </c>
      <c r="F6224" s="2" t="s">
        <v>16033</v>
      </c>
      <c r="G6224" s="8">
        <v>314</v>
      </c>
      <c r="H6224" s="5">
        <v>11</v>
      </c>
      <c r="I6224" s="5" t="s">
        <v>1518</v>
      </c>
      <c r="J6224" s="5" t="s">
        <v>1519</v>
      </c>
      <c r="K6224" s="2" t="s">
        <v>1520</v>
      </c>
      <c r="L6224" s="5" t="s">
        <v>1519</v>
      </c>
      <c r="M6224" s="2" t="s">
        <v>1520</v>
      </c>
      <c r="N6224" s="5" t="s">
        <v>1521</v>
      </c>
      <c r="O6224" s="5" t="s">
        <v>38</v>
      </c>
      <c r="P6224" s="5" t="s">
        <v>39</v>
      </c>
      <c r="Q6224" s="5" t="s">
        <v>40</v>
      </c>
      <c r="R6224" s="5" t="s">
        <v>1522</v>
      </c>
      <c r="S6224" s="5" t="s">
        <v>1523</v>
      </c>
      <c r="T6224" s="5" t="s">
        <v>42</v>
      </c>
      <c r="U6224" s="2">
        <v>4.048</v>
      </c>
      <c r="V6224" s="2">
        <v>3.403</v>
      </c>
      <c r="W6224" s="2">
        <v>0.02</v>
      </c>
      <c r="X6224" s="2">
        <v>159.1</v>
      </c>
      <c r="Y6224" s="2">
        <v>7.6</v>
      </c>
      <c r="Z6224" s="2">
        <v>16.7</v>
      </c>
      <c r="AA6224" s="5"/>
      <c r="AB6224" s="5" t="s">
        <v>43</v>
      </c>
      <c r="AC6224" s="5" t="s">
        <v>44</v>
      </c>
      <c r="AD6224" s="2"/>
      <c r="AE6224" s="1"/>
    </row>
    <row r="6225" spans="1:31" ht="14.45">
      <c r="A6225" s="11"/>
      <c r="B6225" s="20"/>
      <c r="C6225" s="2" t="s">
        <v>19146</v>
      </c>
      <c r="D6225" s="14" t="s">
        <v>19147</v>
      </c>
      <c r="E6225" s="2" t="s">
        <v>19148</v>
      </c>
      <c r="F6225" s="2" t="s">
        <v>7396</v>
      </c>
      <c r="G6225" s="8">
        <v>308</v>
      </c>
      <c r="H6225" s="5">
        <v>6</v>
      </c>
      <c r="I6225" s="5" t="s">
        <v>1518</v>
      </c>
      <c r="J6225" s="5" t="s">
        <v>1519</v>
      </c>
      <c r="K6225" s="2" t="s">
        <v>1520</v>
      </c>
      <c r="L6225" s="5" t="s">
        <v>1519</v>
      </c>
      <c r="M6225" s="2" t="s">
        <v>1520</v>
      </c>
      <c r="N6225" s="5" t="s">
        <v>1521</v>
      </c>
      <c r="O6225" s="5" t="s">
        <v>38</v>
      </c>
      <c r="P6225" s="5" t="s">
        <v>39</v>
      </c>
      <c r="Q6225" s="5" t="s">
        <v>40</v>
      </c>
      <c r="R6225" s="5" t="s">
        <v>1522</v>
      </c>
      <c r="S6225" s="5" t="s">
        <v>1523</v>
      </c>
      <c r="T6225" s="5" t="s">
        <v>42</v>
      </c>
      <c r="U6225" s="2">
        <v>4.0890000000000004</v>
      </c>
      <c r="V6225" s="2">
        <v>3.4529999999999998</v>
      </c>
      <c r="W6225" s="2">
        <v>0.02</v>
      </c>
      <c r="X6225" s="2">
        <v>159.1</v>
      </c>
      <c r="Y6225" s="2">
        <v>7.6</v>
      </c>
      <c r="Z6225" s="2">
        <v>16.7</v>
      </c>
      <c r="AA6225" s="5"/>
      <c r="AB6225" s="5" t="s">
        <v>43</v>
      </c>
      <c r="AC6225" s="5" t="s">
        <v>44</v>
      </c>
      <c r="AD6225" s="2"/>
      <c r="AE6225" s="1"/>
    </row>
    <row r="6226" spans="1:31" ht="14.45">
      <c r="A6226" s="11"/>
      <c r="B6226" s="20"/>
      <c r="C6226" s="2" t="s">
        <v>19149</v>
      </c>
      <c r="D6226" s="14" t="s">
        <v>19150</v>
      </c>
      <c r="E6226" s="2" t="s">
        <v>19151</v>
      </c>
      <c r="F6226" s="2" t="s">
        <v>7507</v>
      </c>
      <c r="G6226" s="8">
        <v>308</v>
      </c>
      <c r="H6226" s="5">
        <v>6</v>
      </c>
      <c r="I6226" s="5" t="s">
        <v>1518</v>
      </c>
      <c r="J6226" s="5" t="s">
        <v>1519</v>
      </c>
      <c r="K6226" s="2" t="s">
        <v>1520</v>
      </c>
      <c r="L6226" s="5" t="s">
        <v>1519</v>
      </c>
      <c r="M6226" s="2" t="s">
        <v>1520</v>
      </c>
      <c r="N6226" s="5" t="s">
        <v>1521</v>
      </c>
      <c r="O6226" s="5" t="s">
        <v>38</v>
      </c>
      <c r="P6226" s="5" t="s">
        <v>39</v>
      </c>
      <c r="Q6226" s="5" t="s">
        <v>40</v>
      </c>
      <c r="R6226" s="5" t="s">
        <v>1522</v>
      </c>
      <c r="S6226" s="5" t="s">
        <v>1523</v>
      </c>
      <c r="T6226" s="5" t="s">
        <v>42</v>
      </c>
      <c r="U6226" s="2">
        <v>4.2229999999999999</v>
      </c>
      <c r="V6226" s="2">
        <v>3.5870000000000002</v>
      </c>
      <c r="W6226" s="2">
        <v>0.02</v>
      </c>
      <c r="X6226" s="2">
        <v>159.1</v>
      </c>
      <c r="Y6226" s="2">
        <v>7.6</v>
      </c>
      <c r="Z6226" s="2">
        <v>16.7</v>
      </c>
      <c r="AA6226" s="5"/>
      <c r="AB6226" s="5" t="s">
        <v>43</v>
      </c>
      <c r="AC6226" s="5" t="s">
        <v>44</v>
      </c>
      <c r="AD6226" s="2"/>
      <c r="AE6226" s="1"/>
    </row>
    <row r="6227" spans="1:31" ht="14.45">
      <c r="A6227" s="11"/>
      <c r="B6227" s="20"/>
      <c r="C6227" s="2" t="s">
        <v>19152</v>
      </c>
      <c r="D6227" s="14" t="s">
        <v>19153</v>
      </c>
      <c r="E6227" s="2" t="s">
        <v>19154</v>
      </c>
      <c r="F6227" s="2" t="s">
        <v>7204</v>
      </c>
      <c r="G6227" s="8">
        <v>308</v>
      </c>
      <c r="H6227" s="5">
        <v>6</v>
      </c>
      <c r="I6227" s="5" t="s">
        <v>1518</v>
      </c>
      <c r="J6227" s="5" t="s">
        <v>1519</v>
      </c>
      <c r="K6227" s="2" t="s">
        <v>1520</v>
      </c>
      <c r="L6227" s="5" t="s">
        <v>1519</v>
      </c>
      <c r="M6227" s="2" t="s">
        <v>1520</v>
      </c>
      <c r="N6227" s="5" t="s">
        <v>1521</v>
      </c>
      <c r="O6227" s="5" t="s">
        <v>38</v>
      </c>
      <c r="P6227" s="5" t="s">
        <v>39</v>
      </c>
      <c r="Q6227" s="5" t="s">
        <v>40</v>
      </c>
      <c r="R6227" s="5" t="s">
        <v>1522</v>
      </c>
      <c r="S6227" s="5" t="s">
        <v>1523</v>
      </c>
      <c r="T6227" s="5" t="s">
        <v>42</v>
      </c>
      <c r="U6227" s="2">
        <v>4.1050000000000004</v>
      </c>
      <c r="V6227" s="2">
        <v>3.4689999999999999</v>
      </c>
      <c r="W6227" s="2">
        <v>0.02</v>
      </c>
      <c r="X6227" s="2">
        <v>159.1</v>
      </c>
      <c r="Y6227" s="2">
        <v>7.6</v>
      </c>
      <c r="Z6227" s="2">
        <v>16.7</v>
      </c>
      <c r="AA6227" s="5"/>
      <c r="AB6227" s="5" t="s">
        <v>43</v>
      </c>
      <c r="AC6227" s="5" t="s">
        <v>44</v>
      </c>
      <c r="AD6227" s="2"/>
      <c r="AE6227" s="1"/>
    </row>
    <row r="6228" spans="1:31" ht="14.45">
      <c r="A6228" s="11"/>
      <c r="B6228" s="20"/>
      <c r="C6228" s="2" t="s">
        <v>19155</v>
      </c>
      <c r="D6228" s="14" t="s">
        <v>19156</v>
      </c>
      <c r="E6228" s="2" t="s">
        <v>19157</v>
      </c>
      <c r="F6228" s="2" t="s">
        <v>7514</v>
      </c>
      <c r="G6228" s="8">
        <v>308</v>
      </c>
      <c r="H6228" s="5">
        <v>6</v>
      </c>
      <c r="I6228" s="5" t="s">
        <v>1518</v>
      </c>
      <c r="J6228" s="5" t="s">
        <v>1519</v>
      </c>
      <c r="K6228" s="2" t="s">
        <v>1520</v>
      </c>
      <c r="L6228" s="5" t="s">
        <v>1519</v>
      </c>
      <c r="M6228" s="2" t="s">
        <v>1520</v>
      </c>
      <c r="N6228" s="5" t="s">
        <v>1521</v>
      </c>
      <c r="O6228" s="5" t="s">
        <v>38</v>
      </c>
      <c r="P6228" s="5" t="s">
        <v>39</v>
      </c>
      <c r="Q6228" s="5" t="s">
        <v>40</v>
      </c>
      <c r="R6228" s="5" t="s">
        <v>1522</v>
      </c>
      <c r="S6228" s="5" t="s">
        <v>1523</v>
      </c>
      <c r="T6228" s="5" t="s">
        <v>42</v>
      </c>
      <c r="U6228" s="2">
        <v>4.2389999999999999</v>
      </c>
      <c r="V6228" s="2">
        <v>3.6030000000000002</v>
      </c>
      <c r="W6228" s="2">
        <v>0.02</v>
      </c>
      <c r="X6228" s="2">
        <v>159.1</v>
      </c>
      <c r="Y6228" s="2">
        <v>7.6</v>
      </c>
      <c r="Z6228" s="2">
        <v>16.7</v>
      </c>
      <c r="AA6228" s="5"/>
      <c r="AB6228" s="5" t="s">
        <v>43</v>
      </c>
      <c r="AC6228" s="5" t="s">
        <v>44</v>
      </c>
      <c r="AD6228" s="2"/>
      <c r="AE6228" s="1"/>
    </row>
    <row r="6229" spans="1:31" ht="14.45">
      <c r="A6229" s="11"/>
      <c r="B6229" s="20"/>
      <c r="C6229" s="2" t="s">
        <v>19158</v>
      </c>
      <c r="D6229" s="14" t="s">
        <v>19159</v>
      </c>
      <c r="E6229" s="2" t="s">
        <v>19160</v>
      </c>
      <c r="F6229" s="2" t="s">
        <v>7208</v>
      </c>
      <c r="G6229" s="8">
        <v>308</v>
      </c>
      <c r="H6229" s="5">
        <v>6</v>
      </c>
      <c r="I6229" s="5" t="s">
        <v>1518</v>
      </c>
      <c r="J6229" s="5" t="s">
        <v>1519</v>
      </c>
      <c r="K6229" s="2" t="s">
        <v>1520</v>
      </c>
      <c r="L6229" s="5" t="s">
        <v>1519</v>
      </c>
      <c r="M6229" s="2" t="s">
        <v>1520</v>
      </c>
      <c r="N6229" s="5" t="s">
        <v>1521</v>
      </c>
      <c r="O6229" s="5" t="s">
        <v>38</v>
      </c>
      <c r="P6229" s="5" t="s">
        <v>39</v>
      </c>
      <c r="Q6229" s="5" t="s">
        <v>40</v>
      </c>
      <c r="R6229" s="5" t="s">
        <v>1522</v>
      </c>
      <c r="S6229" s="5" t="s">
        <v>1523</v>
      </c>
      <c r="T6229" s="5" t="s">
        <v>42</v>
      </c>
      <c r="U6229" s="2">
        <v>4.1050000000000004</v>
      </c>
      <c r="V6229" s="2">
        <v>3.4689999999999999</v>
      </c>
      <c r="W6229" s="2">
        <v>0.02</v>
      </c>
      <c r="X6229" s="2">
        <v>159.1</v>
      </c>
      <c r="Y6229" s="2">
        <v>7.6</v>
      </c>
      <c r="Z6229" s="2">
        <v>16.7</v>
      </c>
      <c r="AA6229" s="5"/>
      <c r="AB6229" s="5" t="s">
        <v>43</v>
      </c>
      <c r="AC6229" s="5" t="s">
        <v>44</v>
      </c>
      <c r="AD6229" s="2"/>
      <c r="AE6229" s="1"/>
    </row>
    <row r="6230" spans="1:31" ht="14.45">
      <c r="A6230" s="11"/>
      <c r="B6230" s="20"/>
      <c r="C6230" s="2" t="s">
        <v>19161</v>
      </c>
      <c r="D6230" s="14" t="s">
        <v>19162</v>
      </c>
      <c r="E6230" s="2" t="s">
        <v>19163</v>
      </c>
      <c r="F6230" s="2" t="s">
        <v>7521</v>
      </c>
      <c r="G6230" s="8">
        <v>308</v>
      </c>
      <c r="H6230" s="5">
        <v>6</v>
      </c>
      <c r="I6230" s="5" t="s">
        <v>1518</v>
      </c>
      <c r="J6230" s="5" t="s">
        <v>1519</v>
      </c>
      <c r="K6230" s="2" t="s">
        <v>1520</v>
      </c>
      <c r="L6230" s="5" t="s">
        <v>1519</v>
      </c>
      <c r="M6230" s="2" t="s">
        <v>1520</v>
      </c>
      <c r="N6230" s="5" t="s">
        <v>1521</v>
      </c>
      <c r="O6230" s="5" t="s">
        <v>38</v>
      </c>
      <c r="P6230" s="5" t="s">
        <v>39</v>
      </c>
      <c r="Q6230" s="5" t="s">
        <v>40</v>
      </c>
      <c r="R6230" s="5" t="s">
        <v>1522</v>
      </c>
      <c r="S6230" s="5" t="s">
        <v>1523</v>
      </c>
      <c r="T6230" s="5" t="s">
        <v>42</v>
      </c>
      <c r="U6230" s="2">
        <v>4.2389999999999999</v>
      </c>
      <c r="V6230" s="2">
        <v>3.6030000000000002</v>
      </c>
      <c r="W6230" s="2">
        <v>0.02</v>
      </c>
      <c r="X6230" s="2">
        <v>159.1</v>
      </c>
      <c r="Y6230" s="2">
        <v>7.6</v>
      </c>
      <c r="Z6230" s="2">
        <v>16.7</v>
      </c>
      <c r="AA6230" s="5"/>
      <c r="AB6230" s="5" t="s">
        <v>43</v>
      </c>
      <c r="AC6230" s="5" t="s">
        <v>44</v>
      </c>
      <c r="AD6230" s="2"/>
      <c r="AE6230" s="1"/>
    </row>
    <row r="6231" spans="1:31" ht="14.45">
      <c r="A6231" s="11"/>
      <c r="B6231" s="20"/>
      <c r="C6231" s="2" t="s">
        <v>19164</v>
      </c>
      <c r="D6231" s="14" t="s">
        <v>19165</v>
      </c>
      <c r="E6231" s="2" t="s">
        <v>19166</v>
      </c>
      <c r="F6231" s="2" t="s">
        <v>7212</v>
      </c>
      <c r="G6231" s="8">
        <v>308</v>
      </c>
      <c r="H6231" s="5">
        <v>6</v>
      </c>
      <c r="I6231" s="5" t="s">
        <v>1518</v>
      </c>
      <c r="J6231" s="5" t="s">
        <v>1519</v>
      </c>
      <c r="K6231" s="2" t="s">
        <v>1520</v>
      </c>
      <c r="L6231" s="5" t="s">
        <v>1519</v>
      </c>
      <c r="M6231" s="2" t="s">
        <v>1520</v>
      </c>
      <c r="N6231" s="5" t="s">
        <v>1521</v>
      </c>
      <c r="O6231" s="5" t="s">
        <v>38</v>
      </c>
      <c r="P6231" s="5" t="s">
        <v>39</v>
      </c>
      <c r="Q6231" s="5" t="s">
        <v>40</v>
      </c>
      <c r="R6231" s="5" t="s">
        <v>1522</v>
      </c>
      <c r="S6231" s="5" t="s">
        <v>1523</v>
      </c>
      <c r="T6231" s="5" t="s">
        <v>42</v>
      </c>
      <c r="U6231" s="2">
        <v>4.0549999999999997</v>
      </c>
      <c r="V6231" s="2">
        <v>3.419</v>
      </c>
      <c r="W6231" s="2">
        <v>0.02</v>
      </c>
      <c r="X6231" s="2">
        <v>159.1</v>
      </c>
      <c r="Y6231" s="2">
        <v>7.6</v>
      </c>
      <c r="Z6231" s="2">
        <v>16.7</v>
      </c>
      <c r="AA6231" s="5"/>
      <c r="AB6231" s="5" t="s">
        <v>43</v>
      </c>
      <c r="AC6231" s="5" t="s">
        <v>44</v>
      </c>
      <c r="AD6231" s="2"/>
      <c r="AE6231" s="1"/>
    </row>
    <row r="6232" spans="1:31" ht="14.45">
      <c r="A6232" s="11"/>
      <c r="B6232" s="20"/>
      <c r="C6232" s="2" t="s">
        <v>19167</v>
      </c>
      <c r="D6232" s="14" t="s">
        <v>19168</v>
      </c>
      <c r="E6232" s="2" t="s">
        <v>19169</v>
      </c>
      <c r="F6232" s="2" t="s">
        <v>7528</v>
      </c>
      <c r="G6232" s="8">
        <v>308</v>
      </c>
      <c r="H6232" s="5">
        <v>6</v>
      </c>
      <c r="I6232" s="5" t="s">
        <v>1518</v>
      </c>
      <c r="J6232" s="5" t="s">
        <v>1519</v>
      </c>
      <c r="K6232" s="2" t="s">
        <v>1520</v>
      </c>
      <c r="L6232" s="5" t="s">
        <v>1519</v>
      </c>
      <c r="M6232" s="2" t="s">
        <v>1520</v>
      </c>
      <c r="N6232" s="5" t="s">
        <v>1521</v>
      </c>
      <c r="O6232" s="5" t="s">
        <v>38</v>
      </c>
      <c r="P6232" s="5" t="s">
        <v>39</v>
      </c>
      <c r="Q6232" s="5" t="s">
        <v>40</v>
      </c>
      <c r="R6232" s="5" t="s">
        <v>1522</v>
      </c>
      <c r="S6232" s="5" t="s">
        <v>1523</v>
      </c>
      <c r="T6232" s="5" t="s">
        <v>42</v>
      </c>
      <c r="U6232" s="2">
        <v>4.1890000000000001</v>
      </c>
      <c r="V6232" s="2">
        <v>3.5529999999999999</v>
      </c>
      <c r="W6232" s="2">
        <v>0.02</v>
      </c>
      <c r="X6232" s="2">
        <v>159.1</v>
      </c>
      <c r="Y6232" s="2">
        <v>7.6</v>
      </c>
      <c r="Z6232" s="2">
        <v>16.7</v>
      </c>
      <c r="AA6232" s="5"/>
      <c r="AB6232" s="5" t="s">
        <v>43</v>
      </c>
      <c r="AC6232" s="5" t="s">
        <v>44</v>
      </c>
      <c r="AD6232" s="2"/>
      <c r="AE6232" s="1"/>
    </row>
    <row r="6233" spans="1:31" ht="14.45">
      <c r="A6233" s="11"/>
      <c r="B6233" s="20"/>
      <c r="C6233" s="2" t="s">
        <v>19170</v>
      </c>
      <c r="D6233" s="14" t="s">
        <v>19171</v>
      </c>
      <c r="E6233" s="2" t="s">
        <v>19172</v>
      </c>
      <c r="F6233" s="2" t="s">
        <v>7406</v>
      </c>
      <c r="G6233" s="8">
        <v>334</v>
      </c>
      <c r="H6233" s="5">
        <v>6</v>
      </c>
      <c r="I6233" s="5" t="s">
        <v>1518</v>
      </c>
      <c r="J6233" s="5" t="s">
        <v>1519</v>
      </c>
      <c r="K6233" s="2" t="s">
        <v>1520</v>
      </c>
      <c r="L6233" s="5" t="s">
        <v>1519</v>
      </c>
      <c r="M6233" s="2" t="s">
        <v>1520</v>
      </c>
      <c r="N6233" s="5" t="s">
        <v>1521</v>
      </c>
      <c r="O6233" s="5" t="s">
        <v>38</v>
      </c>
      <c r="P6233" s="5" t="s">
        <v>39</v>
      </c>
      <c r="Q6233" s="5" t="s">
        <v>40</v>
      </c>
      <c r="R6233" s="5" t="s">
        <v>1522</v>
      </c>
      <c r="S6233" s="5" t="s">
        <v>1523</v>
      </c>
      <c r="T6233" s="5" t="s">
        <v>42</v>
      </c>
      <c r="U6233" s="2">
        <v>4.0549999999999997</v>
      </c>
      <c r="V6233" s="2">
        <v>3.419</v>
      </c>
      <c r="W6233" s="2">
        <v>0.02</v>
      </c>
      <c r="X6233" s="2">
        <v>159.1</v>
      </c>
      <c r="Y6233" s="2">
        <v>7.6</v>
      </c>
      <c r="Z6233" s="2">
        <v>16.7</v>
      </c>
      <c r="AA6233" s="5"/>
      <c r="AB6233" s="5" t="s">
        <v>43</v>
      </c>
      <c r="AC6233" s="5" t="s">
        <v>44</v>
      </c>
      <c r="AD6233" s="2"/>
      <c r="AE6233" s="1"/>
    </row>
    <row r="6234" spans="1:31" ht="14.45">
      <c r="A6234" s="11"/>
      <c r="B6234" s="20"/>
      <c r="C6234" s="2" t="s">
        <v>19173</v>
      </c>
      <c r="D6234" s="14" t="s">
        <v>19174</v>
      </c>
      <c r="E6234" s="2" t="s">
        <v>19175</v>
      </c>
      <c r="F6234" s="2" t="s">
        <v>7535</v>
      </c>
      <c r="G6234" s="8">
        <v>334</v>
      </c>
      <c r="H6234" s="5">
        <v>6</v>
      </c>
      <c r="I6234" s="5" t="s">
        <v>1518</v>
      </c>
      <c r="J6234" s="5" t="s">
        <v>1519</v>
      </c>
      <c r="K6234" s="2" t="s">
        <v>1520</v>
      </c>
      <c r="L6234" s="5" t="s">
        <v>1519</v>
      </c>
      <c r="M6234" s="2" t="s">
        <v>1520</v>
      </c>
      <c r="N6234" s="5" t="s">
        <v>1521</v>
      </c>
      <c r="O6234" s="5" t="s">
        <v>38</v>
      </c>
      <c r="P6234" s="5" t="s">
        <v>39</v>
      </c>
      <c r="Q6234" s="5" t="s">
        <v>40</v>
      </c>
      <c r="R6234" s="5" t="s">
        <v>1522</v>
      </c>
      <c r="S6234" s="5" t="s">
        <v>1523</v>
      </c>
      <c r="T6234" s="5" t="s">
        <v>42</v>
      </c>
      <c r="U6234" s="2">
        <v>4.1890000000000001</v>
      </c>
      <c r="V6234" s="2">
        <v>3.5529999999999999</v>
      </c>
      <c r="W6234" s="2">
        <v>0.02</v>
      </c>
      <c r="X6234" s="2">
        <v>159.1</v>
      </c>
      <c r="Y6234" s="2">
        <v>7.6</v>
      </c>
      <c r="Z6234" s="2">
        <v>16.7</v>
      </c>
      <c r="AA6234" s="5"/>
      <c r="AB6234" s="5" t="s">
        <v>43</v>
      </c>
      <c r="AC6234" s="5" t="s">
        <v>44</v>
      </c>
      <c r="AD6234" s="2"/>
      <c r="AE6234" s="1"/>
    </row>
    <row r="6235" spans="1:31" ht="14.45">
      <c r="A6235" s="11"/>
      <c r="B6235" s="20"/>
      <c r="C6235" s="2" t="s">
        <v>19176</v>
      </c>
      <c r="D6235" s="14" t="s">
        <v>19177</v>
      </c>
      <c r="E6235" s="2" t="s">
        <v>19178</v>
      </c>
      <c r="F6235" s="2" t="s">
        <v>7539</v>
      </c>
      <c r="G6235" s="8">
        <v>334</v>
      </c>
      <c r="H6235" s="5">
        <v>6</v>
      </c>
      <c r="I6235" s="5" t="s">
        <v>1518</v>
      </c>
      <c r="J6235" s="5" t="s">
        <v>1519</v>
      </c>
      <c r="K6235" s="2" t="s">
        <v>1520</v>
      </c>
      <c r="L6235" s="5" t="s">
        <v>1519</v>
      </c>
      <c r="M6235" s="2" t="s">
        <v>1520</v>
      </c>
      <c r="N6235" s="5" t="s">
        <v>1521</v>
      </c>
      <c r="O6235" s="5" t="s">
        <v>38</v>
      </c>
      <c r="P6235" s="5" t="s">
        <v>39</v>
      </c>
      <c r="Q6235" s="5" t="s">
        <v>40</v>
      </c>
      <c r="R6235" s="5" t="s">
        <v>1522</v>
      </c>
      <c r="S6235" s="5" t="s">
        <v>1523</v>
      </c>
      <c r="T6235" s="5" t="s">
        <v>42</v>
      </c>
      <c r="U6235" s="2">
        <v>4.1050000000000004</v>
      </c>
      <c r="V6235" s="2">
        <v>3.4689999999999999</v>
      </c>
      <c r="W6235" s="2">
        <v>0.02</v>
      </c>
      <c r="X6235" s="2">
        <v>159.1</v>
      </c>
      <c r="Y6235" s="2">
        <v>7.6</v>
      </c>
      <c r="Z6235" s="2">
        <v>16.7</v>
      </c>
      <c r="AA6235" s="5"/>
      <c r="AB6235" s="5" t="s">
        <v>43</v>
      </c>
      <c r="AC6235" s="5" t="s">
        <v>44</v>
      </c>
      <c r="AD6235" s="2"/>
      <c r="AE6235" s="1"/>
    </row>
    <row r="6236" spans="1:31" ht="14.45">
      <c r="A6236" s="11"/>
      <c r="B6236" s="20"/>
      <c r="C6236" s="2" t="s">
        <v>19179</v>
      </c>
      <c r="D6236" s="14" t="s">
        <v>19180</v>
      </c>
      <c r="E6236" s="2" t="s">
        <v>19181</v>
      </c>
      <c r="F6236" s="2" t="s">
        <v>7543</v>
      </c>
      <c r="G6236" s="8">
        <v>334</v>
      </c>
      <c r="H6236" s="5">
        <v>6</v>
      </c>
      <c r="I6236" s="5" t="s">
        <v>1518</v>
      </c>
      <c r="J6236" s="5" t="s">
        <v>1519</v>
      </c>
      <c r="K6236" s="2" t="s">
        <v>1520</v>
      </c>
      <c r="L6236" s="5" t="s">
        <v>1519</v>
      </c>
      <c r="M6236" s="2" t="s">
        <v>1520</v>
      </c>
      <c r="N6236" s="5" t="s">
        <v>1521</v>
      </c>
      <c r="O6236" s="5" t="s">
        <v>38</v>
      </c>
      <c r="P6236" s="5" t="s">
        <v>39</v>
      </c>
      <c r="Q6236" s="5" t="s">
        <v>40</v>
      </c>
      <c r="R6236" s="5" t="s">
        <v>1522</v>
      </c>
      <c r="S6236" s="5" t="s">
        <v>1523</v>
      </c>
      <c r="T6236" s="5" t="s">
        <v>42</v>
      </c>
      <c r="U6236" s="2">
        <v>4.2389999999999999</v>
      </c>
      <c r="V6236" s="2">
        <v>3.6030000000000002</v>
      </c>
      <c r="W6236" s="2">
        <v>0.02</v>
      </c>
      <c r="X6236" s="2">
        <v>159.1</v>
      </c>
      <c r="Y6236" s="2">
        <v>7.6</v>
      </c>
      <c r="Z6236" s="2">
        <v>16.7</v>
      </c>
      <c r="AA6236" s="5"/>
      <c r="AB6236" s="5" t="s">
        <v>43</v>
      </c>
      <c r="AC6236" s="5" t="s">
        <v>44</v>
      </c>
      <c r="AD6236" s="2"/>
      <c r="AE6236" s="1"/>
    </row>
    <row r="6237" spans="1:31" ht="14.45">
      <c r="A6237" s="11"/>
      <c r="B6237" s="20"/>
      <c r="C6237" s="2" t="s">
        <v>19182</v>
      </c>
      <c r="D6237" s="14" t="s">
        <v>19183</v>
      </c>
      <c r="E6237" s="2" t="s">
        <v>19184</v>
      </c>
      <c r="F6237" s="2" t="s">
        <v>7547</v>
      </c>
      <c r="G6237" s="8">
        <v>334</v>
      </c>
      <c r="H6237" s="5">
        <v>6</v>
      </c>
      <c r="I6237" s="5" t="s">
        <v>1518</v>
      </c>
      <c r="J6237" s="5" t="s">
        <v>1519</v>
      </c>
      <c r="K6237" s="2" t="s">
        <v>1520</v>
      </c>
      <c r="L6237" s="5" t="s">
        <v>1519</v>
      </c>
      <c r="M6237" s="2" t="s">
        <v>1520</v>
      </c>
      <c r="N6237" s="5" t="s">
        <v>1521</v>
      </c>
      <c r="O6237" s="5" t="s">
        <v>38</v>
      </c>
      <c r="P6237" s="5" t="s">
        <v>39</v>
      </c>
      <c r="Q6237" s="5" t="s">
        <v>40</v>
      </c>
      <c r="R6237" s="5" t="s">
        <v>1522</v>
      </c>
      <c r="S6237" s="5" t="s">
        <v>1523</v>
      </c>
      <c r="T6237" s="5" t="s">
        <v>42</v>
      </c>
      <c r="U6237" s="2">
        <v>4.0549999999999997</v>
      </c>
      <c r="V6237" s="2">
        <v>3.419</v>
      </c>
      <c r="W6237" s="2">
        <v>0.02</v>
      </c>
      <c r="X6237" s="2">
        <v>159.1</v>
      </c>
      <c r="Y6237" s="2">
        <v>7.6</v>
      </c>
      <c r="Z6237" s="2">
        <v>16.7</v>
      </c>
      <c r="AA6237" s="5"/>
      <c r="AB6237" s="5" t="s">
        <v>43</v>
      </c>
      <c r="AC6237" s="5" t="s">
        <v>44</v>
      </c>
      <c r="AD6237" s="2"/>
      <c r="AE6237" s="1"/>
    </row>
    <row r="6238" spans="1:31" ht="14.45">
      <c r="A6238" s="11"/>
      <c r="B6238" s="20"/>
      <c r="C6238" s="2" t="s">
        <v>19185</v>
      </c>
      <c r="D6238" s="14" t="s">
        <v>19186</v>
      </c>
      <c r="E6238" s="2" t="s">
        <v>19187</v>
      </c>
      <c r="F6238" s="2" t="s">
        <v>7555</v>
      </c>
      <c r="G6238" s="8">
        <v>334</v>
      </c>
      <c r="H6238" s="5">
        <v>6</v>
      </c>
      <c r="I6238" s="5" t="s">
        <v>1518</v>
      </c>
      <c r="J6238" s="5" t="s">
        <v>1519</v>
      </c>
      <c r="K6238" s="2" t="s">
        <v>1520</v>
      </c>
      <c r="L6238" s="5" t="s">
        <v>1519</v>
      </c>
      <c r="M6238" s="2" t="s">
        <v>1520</v>
      </c>
      <c r="N6238" s="5" t="s">
        <v>1521</v>
      </c>
      <c r="O6238" s="5" t="s">
        <v>38</v>
      </c>
      <c r="P6238" s="5" t="s">
        <v>39</v>
      </c>
      <c r="Q6238" s="5" t="s">
        <v>40</v>
      </c>
      <c r="R6238" s="5" t="s">
        <v>1522</v>
      </c>
      <c r="S6238" s="5" t="s">
        <v>1523</v>
      </c>
      <c r="T6238" s="5" t="s">
        <v>42</v>
      </c>
      <c r="U6238" s="2">
        <v>4.0549999999999997</v>
      </c>
      <c r="V6238" s="2">
        <v>3.419</v>
      </c>
      <c r="W6238" s="2">
        <v>0.02</v>
      </c>
      <c r="X6238" s="2">
        <v>159.1</v>
      </c>
      <c r="Y6238" s="2">
        <v>7.6</v>
      </c>
      <c r="Z6238" s="2">
        <v>16.7</v>
      </c>
      <c r="AA6238" s="5"/>
      <c r="AB6238" s="5" t="s">
        <v>43</v>
      </c>
      <c r="AC6238" s="5" t="s">
        <v>44</v>
      </c>
      <c r="AD6238" s="2"/>
      <c r="AE6238" s="1"/>
    </row>
    <row r="6239" spans="1:31" ht="14.45">
      <c r="A6239" s="11"/>
      <c r="B6239" s="20"/>
      <c r="C6239" s="2" t="s">
        <v>19188</v>
      </c>
      <c r="D6239" s="14" t="s">
        <v>19189</v>
      </c>
      <c r="E6239" s="2" t="s">
        <v>19190</v>
      </c>
      <c r="F6239" s="2" t="s">
        <v>7563</v>
      </c>
      <c r="G6239" s="8">
        <v>334</v>
      </c>
      <c r="H6239" s="5">
        <v>6</v>
      </c>
      <c r="I6239" s="5" t="s">
        <v>1518</v>
      </c>
      <c r="J6239" s="5" t="s">
        <v>1519</v>
      </c>
      <c r="K6239" s="2" t="s">
        <v>1520</v>
      </c>
      <c r="L6239" s="5" t="s">
        <v>1519</v>
      </c>
      <c r="M6239" s="2" t="s">
        <v>1520</v>
      </c>
      <c r="N6239" s="5" t="s">
        <v>1521</v>
      </c>
      <c r="O6239" s="5" t="s">
        <v>38</v>
      </c>
      <c r="P6239" s="5" t="s">
        <v>39</v>
      </c>
      <c r="Q6239" s="5" t="s">
        <v>40</v>
      </c>
      <c r="R6239" s="5" t="s">
        <v>1522</v>
      </c>
      <c r="S6239" s="5" t="s">
        <v>1523</v>
      </c>
      <c r="T6239" s="5" t="s">
        <v>42</v>
      </c>
      <c r="U6239" s="2">
        <v>4.1050000000000004</v>
      </c>
      <c r="V6239" s="2">
        <v>3.4689999999999999</v>
      </c>
      <c r="W6239" s="2">
        <v>0.02</v>
      </c>
      <c r="X6239" s="2">
        <v>159.1</v>
      </c>
      <c r="Y6239" s="2">
        <v>7.6</v>
      </c>
      <c r="Z6239" s="2">
        <v>16.7</v>
      </c>
      <c r="AA6239" s="5"/>
      <c r="AB6239" s="5" t="s">
        <v>43</v>
      </c>
      <c r="AC6239" s="5" t="s">
        <v>44</v>
      </c>
      <c r="AD6239" s="2"/>
      <c r="AE6239" s="1"/>
    </row>
    <row r="6240" spans="1:31" ht="14.45">
      <c r="A6240" s="11"/>
      <c r="B6240" s="20"/>
      <c r="C6240" s="2" t="s">
        <v>19191</v>
      </c>
      <c r="D6240" s="14" t="s">
        <v>19192</v>
      </c>
      <c r="E6240" s="2" t="s">
        <v>19193</v>
      </c>
      <c r="F6240" s="2" t="s">
        <v>7567</v>
      </c>
      <c r="G6240" s="8">
        <v>334</v>
      </c>
      <c r="H6240" s="5">
        <v>6</v>
      </c>
      <c r="I6240" s="5" t="s">
        <v>1518</v>
      </c>
      <c r="J6240" s="5" t="s">
        <v>1519</v>
      </c>
      <c r="K6240" s="2" t="s">
        <v>1520</v>
      </c>
      <c r="L6240" s="5" t="s">
        <v>1519</v>
      </c>
      <c r="M6240" s="2" t="s">
        <v>1520</v>
      </c>
      <c r="N6240" s="5" t="s">
        <v>1521</v>
      </c>
      <c r="O6240" s="5" t="s">
        <v>38</v>
      </c>
      <c r="P6240" s="5" t="s">
        <v>39</v>
      </c>
      <c r="Q6240" s="5" t="s">
        <v>40</v>
      </c>
      <c r="R6240" s="5" t="s">
        <v>1522</v>
      </c>
      <c r="S6240" s="5" t="s">
        <v>1523</v>
      </c>
      <c r="T6240" s="5" t="s">
        <v>42</v>
      </c>
      <c r="U6240" s="2">
        <v>4.2389999999999999</v>
      </c>
      <c r="V6240" s="2">
        <v>3.6030000000000002</v>
      </c>
      <c r="W6240" s="2">
        <v>0.02</v>
      </c>
      <c r="X6240" s="2">
        <v>159.1</v>
      </c>
      <c r="Y6240" s="2">
        <v>7.6</v>
      </c>
      <c r="Z6240" s="2">
        <v>16.7</v>
      </c>
      <c r="AA6240" s="5"/>
      <c r="AB6240" s="5" t="s">
        <v>43</v>
      </c>
      <c r="AC6240" s="5" t="s">
        <v>44</v>
      </c>
      <c r="AD6240" s="2"/>
      <c r="AE6240" s="1"/>
    </row>
    <row r="6241" spans="1:31" ht="14.45">
      <c r="A6241" s="11"/>
      <c r="B6241" s="20"/>
      <c r="C6241" s="2" t="s">
        <v>19194</v>
      </c>
      <c r="D6241" s="14" t="s">
        <v>19195</v>
      </c>
      <c r="E6241" s="2" t="s">
        <v>19196</v>
      </c>
      <c r="F6241" s="2" t="s">
        <v>16079</v>
      </c>
      <c r="G6241" s="8">
        <v>334</v>
      </c>
      <c r="H6241" s="5">
        <v>6</v>
      </c>
      <c r="I6241" s="5" t="s">
        <v>1518</v>
      </c>
      <c r="J6241" s="5" t="s">
        <v>1519</v>
      </c>
      <c r="K6241" s="2" t="s">
        <v>1520</v>
      </c>
      <c r="L6241" s="5" t="s">
        <v>1519</v>
      </c>
      <c r="M6241" s="2" t="s">
        <v>1520</v>
      </c>
      <c r="N6241" s="5" t="s">
        <v>1521</v>
      </c>
      <c r="O6241" s="5" t="s">
        <v>38</v>
      </c>
      <c r="P6241" s="5" t="s">
        <v>39</v>
      </c>
      <c r="Q6241" s="5" t="s">
        <v>40</v>
      </c>
      <c r="R6241" s="5" t="s">
        <v>1522</v>
      </c>
      <c r="S6241" s="5" t="s">
        <v>1523</v>
      </c>
      <c r="T6241" s="5" t="s">
        <v>42</v>
      </c>
      <c r="U6241" s="2">
        <v>4.1050000000000004</v>
      </c>
      <c r="V6241" s="2">
        <v>3.4689999999999999</v>
      </c>
      <c r="W6241" s="2">
        <v>0.02</v>
      </c>
      <c r="X6241" s="2">
        <v>159.1</v>
      </c>
      <c r="Y6241" s="2">
        <v>7.6</v>
      </c>
      <c r="Z6241" s="2">
        <v>16.7</v>
      </c>
      <c r="AA6241" s="5"/>
      <c r="AB6241" s="5" t="s">
        <v>43</v>
      </c>
      <c r="AC6241" s="5" t="s">
        <v>44</v>
      </c>
      <c r="AD6241" s="2"/>
      <c r="AE6241" s="1"/>
    </row>
    <row r="6242" spans="1:31" ht="14.45">
      <c r="A6242" s="11"/>
      <c r="B6242" s="20"/>
      <c r="C6242" s="2" t="s">
        <v>19197</v>
      </c>
      <c r="D6242" s="14" t="s">
        <v>19198</v>
      </c>
      <c r="E6242" s="2" t="s">
        <v>19199</v>
      </c>
      <c r="F6242" s="2" t="s">
        <v>7449</v>
      </c>
      <c r="G6242" s="8">
        <v>334</v>
      </c>
      <c r="H6242" s="5">
        <v>6</v>
      </c>
      <c r="I6242" s="5" t="s">
        <v>1518</v>
      </c>
      <c r="J6242" s="5" t="s">
        <v>1519</v>
      </c>
      <c r="K6242" s="2" t="s">
        <v>1520</v>
      </c>
      <c r="L6242" s="5" t="s">
        <v>1519</v>
      </c>
      <c r="M6242" s="2" t="s">
        <v>1520</v>
      </c>
      <c r="N6242" s="5" t="s">
        <v>1521</v>
      </c>
      <c r="O6242" s="5" t="s">
        <v>38</v>
      </c>
      <c r="P6242" s="5" t="s">
        <v>39</v>
      </c>
      <c r="Q6242" s="5" t="s">
        <v>40</v>
      </c>
      <c r="R6242" s="5" t="s">
        <v>1522</v>
      </c>
      <c r="S6242" s="5" t="s">
        <v>1523</v>
      </c>
      <c r="T6242" s="5" t="s">
        <v>42</v>
      </c>
      <c r="U6242" s="2">
        <v>4.1050000000000004</v>
      </c>
      <c r="V6242" s="2">
        <v>3.4689999999999999</v>
      </c>
      <c r="W6242" s="2">
        <v>0.02</v>
      </c>
      <c r="X6242" s="2">
        <v>159.1</v>
      </c>
      <c r="Y6242" s="2">
        <v>7.6</v>
      </c>
      <c r="Z6242" s="2">
        <v>16.7</v>
      </c>
      <c r="AA6242" s="5"/>
      <c r="AB6242" s="5" t="s">
        <v>43</v>
      </c>
      <c r="AC6242" s="5" t="s">
        <v>44</v>
      </c>
      <c r="AD6242" s="2"/>
      <c r="AE6242" s="1"/>
    </row>
    <row r="6243" spans="1:31" ht="14.45">
      <c r="A6243" s="11"/>
      <c r="B6243" s="20"/>
      <c r="C6243" s="2" t="s">
        <v>19200</v>
      </c>
      <c r="D6243" s="14" t="s">
        <v>19201</v>
      </c>
      <c r="E6243" s="2" t="s">
        <v>19202</v>
      </c>
      <c r="F6243" s="2" t="s">
        <v>7581</v>
      </c>
      <c r="G6243" s="8">
        <v>334</v>
      </c>
      <c r="H6243" s="5">
        <v>6</v>
      </c>
      <c r="I6243" s="5" t="s">
        <v>1518</v>
      </c>
      <c r="J6243" s="5" t="s">
        <v>1519</v>
      </c>
      <c r="K6243" s="2" t="s">
        <v>1520</v>
      </c>
      <c r="L6243" s="5" t="s">
        <v>1519</v>
      </c>
      <c r="M6243" s="2" t="s">
        <v>1520</v>
      </c>
      <c r="N6243" s="5" t="s">
        <v>1521</v>
      </c>
      <c r="O6243" s="5" t="s">
        <v>38</v>
      </c>
      <c r="P6243" s="5" t="s">
        <v>39</v>
      </c>
      <c r="Q6243" s="5" t="s">
        <v>40</v>
      </c>
      <c r="R6243" s="5" t="s">
        <v>1522</v>
      </c>
      <c r="S6243" s="5" t="s">
        <v>1523</v>
      </c>
      <c r="T6243" s="5" t="s">
        <v>42</v>
      </c>
      <c r="U6243" s="2">
        <v>4.2389999999999999</v>
      </c>
      <c r="V6243" s="2">
        <v>3.6030000000000002</v>
      </c>
      <c r="W6243" s="2">
        <v>0.02</v>
      </c>
      <c r="X6243" s="2">
        <v>159.1</v>
      </c>
      <c r="Y6243" s="2">
        <v>7.6</v>
      </c>
      <c r="Z6243" s="2">
        <v>16.7</v>
      </c>
      <c r="AA6243" s="5"/>
      <c r="AB6243" s="5" t="s">
        <v>43</v>
      </c>
      <c r="AC6243" s="5" t="s">
        <v>44</v>
      </c>
      <c r="AD6243" s="2"/>
      <c r="AE6243" s="1"/>
    </row>
    <row r="6244" spans="1:31" ht="14.45">
      <c r="A6244" s="11"/>
      <c r="B6244" s="20"/>
      <c r="C6244" s="2" t="s">
        <v>19203</v>
      </c>
      <c r="D6244" s="14" t="s">
        <v>19204</v>
      </c>
      <c r="E6244" s="2" t="s">
        <v>19205</v>
      </c>
      <c r="F6244" s="2" t="s">
        <v>7589</v>
      </c>
      <c r="G6244" s="8">
        <v>334</v>
      </c>
      <c r="H6244" s="5">
        <v>6</v>
      </c>
      <c r="I6244" s="5" t="s">
        <v>1518</v>
      </c>
      <c r="J6244" s="5" t="s">
        <v>1519</v>
      </c>
      <c r="K6244" s="2" t="s">
        <v>1520</v>
      </c>
      <c r="L6244" s="5" t="s">
        <v>1519</v>
      </c>
      <c r="M6244" s="2" t="s">
        <v>1520</v>
      </c>
      <c r="N6244" s="5" t="s">
        <v>1521</v>
      </c>
      <c r="O6244" s="5" t="s">
        <v>38</v>
      </c>
      <c r="P6244" s="5" t="s">
        <v>39</v>
      </c>
      <c r="Q6244" s="5" t="s">
        <v>40</v>
      </c>
      <c r="R6244" s="5" t="s">
        <v>1522</v>
      </c>
      <c r="S6244" s="5" t="s">
        <v>1523</v>
      </c>
      <c r="T6244" s="5" t="s">
        <v>42</v>
      </c>
      <c r="U6244" s="2">
        <v>4.1890000000000001</v>
      </c>
      <c r="V6244" s="2">
        <v>3.5529999999999999</v>
      </c>
      <c r="W6244" s="2">
        <v>0.02</v>
      </c>
      <c r="X6244" s="2">
        <v>159.1</v>
      </c>
      <c r="Y6244" s="2">
        <v>7.6</v>
      </c>
      <c r="Z6244" s="2">
        <v>16.7</v>
      </c>
      <c r="AA6244" s="5"/>
      <c r="AB6244" s="5" t="s">
        <v>43</v>
      </c>
      <c r="AC6244" s="5" t="s">
        <v>44</v>
      </c>
      <c r="AD6244" s="2"/>
      <c r="AE6244" s="1"/>
    </row>
    <row r="6245" spans="1:31" ht="14.45">
      <c r="A6245" s="11"/>
      <c r="B6245" s="20"/>
      <c r="C6245" s="2" t="s">
        <v>19206</v>
      </c>
      <c r="D6245" s="14" t="s">
        <v>19207</v>
      </c>
      <c r="E6245" s="2" t="s">
        <v>19208</v>
      </c>
      <c r="F6245" s="2" t="s">
        <v>16018</v>
      </c>
      <c r="G6245" s="8">
        <v>334</v>
      </c>
      <c r="H6245" s="5">
        <v>6</v>
      </c>
      <c r="I6245" s="5" t="s">
        <v>1518</v>
      </c>
      <c r="J6245" s="5" t="s">
        <v>1519</v>
      </c>
      <c r="K6245" s="2" t="s">
        <v>1520</v>
      </c>
      <c r="L6245" s="5" t="s">
        <v>1519</v>
      </c>
      <c r="M6245" s="2" t="s">
        <v>1520</v>
      </c>
      <c r="N6245" s="5" t="s">
        <v>1521</v>
      </c>
      <c r="O6245" s="5" t="s">
        <v>38</v>
      </c>
      <c r="P6245" s="5" t="s">
        <v>39</v>
      </c>
      <c r="Q6245" s="5" t="s">
        <v>40</v>
      </c>
      <c r="R6245" s="5" t="s">
        <v>1522</v>
      </c>
      <c r="S6245" s="5" t="s">
        <v>1523</v>
      </c>
      <c r="T6245" s="5" t="s">
        <v>42</v>
      </c>
      <c r="U6245" s="2">
        <v>4.1050000000000004</v>
      </c>
      <c r="V6245" s="2">
        <v>3.4689999999999999</v>
      </c>
      <c r="W6245" s="2">
        <v>0.02</v>
      </c>
      <c r="X6245" s="2">
        <v>159.1</v>
      </c>
      <c r="Y6245" s="2">
        <v>7.6</v>
      </c>
      <c r="Z6245" s="2">
        <v>16.7</v>
      </c>
      <c r="AA6245" s="5"/>
      <c r="AB6245" s="5" t="s">
        <v>43</v>
      </c>
      <c r="AC6245" s="5" t="s">
        <v>44</v>
      </c>
      <c r="AD6245" s="2"/>
      <c r="AE6245" s="1"/>
    </row>
    <row r="6246" spans="1:31" ht="14.45">
      <c r="A6246" s="11"/>
      <c r="B6246" s="20"/>
      <c r="C6246" s="2" t="s">
        <v>19209</v>
      </c>
      <c r="D6246" s="14" t="s">
        <v>19210</v>
      </c>
      <c r="E6246" s="2" t="s">
        <v>19211</v>
      </c>
      <c r="F6246" s="2" t="s">
        <v>16022</v>
      </c>
      <c r="G6246" s="8">
        <v>334</v>
      </c>
      <c r="H6246" s="5">
        <v>6</v>
      </c>
      <c r="I6246" s="5" t="s">
        <v>1518</v>
      </c>
      <c r="J6246" s="5" t="s">
        <v>1519</v>
      </c>
      <c r="K6246" s="2" t="s">
        <v>1520</v>
      </c>
      <c r="L6246" s="5" t="s">
        <v>1519</v>
      </c>
      <c r="M6246" s="2" t="s">
        <v>1520</v>
      </c>
      <c r="N6246" s="5" t="s">
        <v>1521</v>
      </c>
      <c r="O6246" s="5" t="s">
        <v>38</v>
      </c>
      <c r="P6246" s="5" t="s">
        <v>39</v>
      </c>
      <c r="Q6246" s="5" t="s">
        <v>40</v>
      </c>
      <c r="R6246" s="5" t="s">
        <v>1522</v>
      </c>
      <c r="S6246" s="5" t="s">
        <v>1523</v>
      </c>
      <c r="T6246" s="5" t="s">
        <v>42</v>
      </c>
      <c r="U6246" s="2">
        <v>4.2389999999999999</v>
      </c>
      <c r="V6246" s="2">
        <v>3.6030000000000002</v>
      </c>
      <c r="W6246" s="2">
        <v>0.02</v>
      </c>
      <c r="X6246" s="2">
        <v>159.1</v>
      </c>
      <c r="Y6246" s="2">
        <v>7.6</v>
      </c>
      <c r="Z6246" s="2">
        <v>16.7</v>
      </c>
      <c r="AA6246" s="5"/>
      <c r="AB6246" s="5" t="s">
        <v>43</v>
      </c>
      <c r="AC6246" s="5" t="s">
        <v>44</v>
      </c>
      <c r="AD6246" s="2"/>
      <c r="AE6246" s="1"/>
    </row>
    <row r="6247" spans="1:31" ht="14.45">
      <c r="A6247" s="11"/>
      <c r="B6247" s="20"/>
      <c r="C6247" s="2" t="s">
        <v>19212</v>
      </c>
      <c r="D6247" s="14" t="s">
        <v>19213</v>
      </c>
      <c r="E6247" s="2" t="s">
        <v>19214</v>
      </c>
      <c r="F6247" s="2" t="s">
        <v>7615</v>
      </c>
      <c r="G6247" s="8">
        <v>334</v>
      </c>
      <c r="H6247" s="5">
        <v>6</v>
      </c>
      <c r="I6247" s="5" t="s">
        <v>1518</v>
      </c>
      <c r="J6247" s="5" t="s">
        <v>1519</v>
      </c>
      <c r="K6247" s="2" t="s">
        <v>1520</v>
      </c>
      <c r="L6247" s="5" t="s">
        <v>1519</v>
      </c>
      <c r="M6247" s="2" t="s">
        <v>1520</v>
      </c>
      <c r="N6247" s="5" t="s">
        <v>1521</v>
      </c>
      <c r="O6247" s="5" t="s">
        <v>38</v>
      </c>
      <c r="P6247" s="5" t="s">
        <v>39</v>
      </c>
      <c r="Q6247" s="5" t="s">
        <v>40</v>
      </c>
      <c r="R6247" s="5" t="s">
        <v>1522</v>
      </c>
      <c r="S6247" s="5" t="s">
        <v>1523</v>
      </c>
      <c r="T6247" s="5" t="s">
        <v>42</v>
      </c>
      <c r="U6247" s="2">
        <v>4.0549999999999997</v>
      </c>
      <c r="V6247" s="2">
        <v>3.419</v>
      </c>
      <c r="W6247" s="2">
        <v>0.02</v>
      </c>
      <c r="X6247" s="2">
        <v>159.1</v>
      </c>
      <c r="Y6247" s="2">
        <v>7.6</v>
      </c>
      <c r="Z6247" s="2">
        <v>16.7</v>
      </c>
      <c r="AA6247" s="5"/>
      <c r="AB6247" s="5" t="s">
        <v>43</v>
      </c>
      <c r="AC6247" s="5" t="s">
        <v>44</v>
      </c>
      <c r="AD6247" s="2"/>
      <c r="AE6247" s="1"/>
    </row>
    <row r="6248" spans="1:31" ht="14.45">
      <c r="A6248" s="11"/>
      <c r="B6248" s="20"/>
      <c r="C6248" s="2" t="s">
        <v>19215</v>
      </c>
      <c r="D6248" s="14" t="s">
        <v>19216</v>
      </c>
      <c r="E6248" s="2" t="s">
        <v>19217</v>
      </c>
      <c r="F6248" s="2" t="s">
        <v>7619</v>
      </c>
      <c r="G6248" s="8">
        <v>334</v>
      </c>
      <c r="H6248" s="5">
        <v>6</v>
      </c>
      <c r="I6248" s="5" t="s">
        <v>1518</v>
      </c>
      <c r="J6248" s="5" t="s">
        <v>1519</v>
      </c>
      <c r="K6248" s="2" t="s">
        <v>1520</v>
      </c>
      <c r="L6248" s="5" t="s">
        <v>1519</v>
      </c>
      <c r="M6248" s="2" t="s">
        <v>1520</v>
      </c>
      <c r="N6248" s="5" t="s">
        <v>1521</v>
      </c>
      <c r="O6248" s="5" t="s">
        <v>38</v>
      </c>
      <c r="P6248" s="5" t="s">
        <v>39</v>
      </c>
      <c r="Q6248" s="5" t="s">
        <v>40</v>
      </c>
      <c r="R6248" s="5" t="s">
        <v>1522</v>
      </c>
      <c r="S6248" s="5" t="s">
        <v>1523</v>
      </c>
      <c r="T6248" s="5" t="s">
        <v>42</v>
      </c>
      <c r="U6248" s="2">
        <v>4.1890000000000001</v>
      </c>
      <c r="V6248" s="2">
        <v>3.5529999999999999</v>
      </c>
      <c r="W6248" s="2">
        <v>0.02</v>
      </c>
      <c r="X6248" s="2">
        <v>159.1</v>
      </c>
      <c r="Y6248" s="2">
        <v>7.6</v>
      </c>
      <c r="Z6248" s="2">
        <v>16.7</v>
      </c>
      <c r="AA6248" s="5"/>
      <c r="AB6248" s="5" t="s">
        <v>43</v>
      </c>
      <c r="AC6248" s="5" t="s">
        <v>44</v>
      </c>
      <c r="AD6248" s="2"/>
      <c r="AE6248" s="1"/>
    </row>
    <row r="6249" spans="1:31" ht="14.45">
      <c r="A6249" s="11"/>
      <c r="B6249" s="20"/>
      <c r="C6249" s="2" t="s">
        <v>19218</v>
      </c>
      <c r="D6249" s="14" t="s">
        <v>19219</v>
      </c>
      <c r="E6249" s="2" t="s">
        <v>19220</v>
      </c>
      <c r="F6249" s="2" t="s">
        <v>16029</v>
      </c>
      <c r="G6249" s="8">
        <v>334</v>
      </c>
      <c r="H6249" s="5">
        <v>11</v>
      </c>
      <c r="I6249" s="5" t="s">
        <v>1518</v>
      </c>
      <c r="J6249" s="5" t="s">
        <v>1519</v>
      </c>
      <c r="K6249" s="2" t="s">
        <v>1520</v>
      </c>
      <c r="L6249" s="5" t="s">
        <v>1519</v>
      </c>
      <c r="M6249" s="2" t="s">
        <v>1520</v>
      </c>
      <c r="N6249" s="5" t="s">
        <v>1521</v>
      </c>
      <c r="O6249" s="5" t="s">
        <v>38</v>
      </c>
      <c r="P6249" s="5" t="s">
        <v>39</v>
      </c>
      <c r="Q6249" s="5" t="s">
        <v>40</v>
      </c>
      <c r="R6249" s="5" t="s">
        <v>1522</v>
      </c>
      <c r="S6249" s="5" t="s">
        <v>1523</v>
      </c>
      <c r="T6249" s="5" t="s">
        <v>42</v>
      </c>
      <c r="U6249" s="2">
        <v>4.1159999999999997</v>
      </c>
      <c r="V6249" s="2">
        <v>3.48</v>
      </c>
      <c r="W6249" s="2">
        <v>0.02</v>
      </c>
      <c r="X6249" s="2">
        <v>159.1</v>
      </c>
      <c r="Y6249" s="2">
        <v>7.6</v>
      </c>
      <c r="Z6249" s="2">
        <v>16.7</v>
      </c>
      <c r="AA6249" s="5"/>
      <c r="AB6249" s="5" t="s">
        <v>43</v>
      </c>
      <c r="AC6249" s="5" t="s">
        <v>44</v>
      </c>
      <c r="AD6249" s="2"/>
      <c r="AE6249" s="1"/>
    </row>
    <row r="6250" spans="1:31" ht="14.45">
      <c r="A6250" s="11"/>
      <c r="B6250" s="20"/>
      <c r="C6250" s="2" t="s">
        <v>19221</v>
      </c>
      <c r="D6250" s="14" t="s">
        <v>19222</v>
      </c>
      <c r="E6250" s="2" t="s">
        <v>19223</v>
      </c>
      <c r="F6250" s="2" t="s">
        <v>16033</v>
      </c>
      <c r="G6250" s="8">
        <v>334</v>
      </c>
      <c r="H6250" s="5">
        <v>11</v>
      </c>
      <c r="I6250" s="5" t="s">
        <v>1518</v>
      </c>
      <c r="J6250" s="5" t="s">
        <v>1519</v>
      </c>
      <c r="K6250" s="2" t="s">
        <v>1520</v>
      </c>
      <c r="L6250" s="5" t="s">
        <v>1519</v>
      </c>
      <c r="M6250" s="2" t="s">
        <v>1520</v>
      </c>
      <c r="N6250" s="5" t="s">
        <v>1521</v>
      </c>
      <c r="O6250" s="5" t="s">
        <v>38</v>
      </c>
      <c r="P6250" s="5" t="s">
        <v>39</v>
      </c>
      <c r="Q6250" s="5" t="s">
        <v>40</v>
      </c>
      <c r="R6250" s="5" t="s">
        <v>1522</v>
      </c>
      <c r="S6250" s="5" t="s">
        <v>1523</v>
      </c>
      <c r="T6250" s="5" t="s">
        <v>42</v>
      </c>
      <c r="U6250" s="2">
        <v>4.25</v>
      </c>
      <c r="V6250" s="2">
        <v>3.6139999999999999</v>
      </c>
      <c r="W6250" s="2">
        <v>0.02</v>
      </c>
      <c r="X6250" s="2">
        <v>159.1</v>
      </c>
      <c r="Y6250" s="2">
        <v>7.6</v>
      </c>
      <c r="Z6250" s="2">
        <v>16.7</v>
      </c>
      <c r="AA6250" s="5"/>
      <c r="AB6250" s="5" t="s">
        <v>43</v>
      </c>
      <c r="AC6250" s="5" t="s">
        <v>44</v>
      </c>
      <c r="AD6250" s="2"/>
      <c r="AE6250" s="1"/>
    </row>
    <row r="6251" spans="1:31" ht="14.45">
      <c r="A6251" s="11"/>
      <c r="B6251" s="20"/>
      <c r="C6251" s="2" t="s">
        <v>19224</v>
      </c>
      <c r="D6251" s="14" t="s">
        <v>19225</v>
      </c>
      <c r="E6251" s="2" t="s">
        <v>19226</v>
      </c>
      <c r="F6251" s="2" t="s">
        <v>7396</v>
      </c>
      <c r="G6251" s="8">
        <v>143</v>
      </c>
      <c r="H6251" s="5">
        <v>5</v>
      </c>
      <c r="I6251" s="5" t="s">
        <v>1518</v>
      </c>
      <c r="J6251" s="5" t="s">
        <v>1519</v>
      </c>
      <c r="K6251" s="2" t="s">
        <v>1520</v>
      </c>
      <c r="L6251" s="5" t="s">
        <v>1519</v>
      </c>
      <c r="M6251" s="2" t="s">
        <v>1520</v>
      </c>
      <c r="N6251" s="5" t="s">
        <v>19227</v>
      </c>
      <c r="O6251" s="5" t="s">
        <v>38</v>
      </c>
      <c r="P6251" s="5" t="s">
        <v>39</v>
      </c>
      <c r="Q6251" s="5" t="s">
        <v>40</v>
      </c>
      <c r="R6251" s="5" t="s">
        <v>1487</v>
      </c>
      <c r="S6251" s="5"/>
      <c r="T6251" s="5" t="s">
        <v>42</v>
      </c>
      <c r="U6251" s="2">
        <v>0</v>
      </c>
      <c r="V6251" s="2">
        <v>0</v>
      </c>
      <c r="W6251" s="2">
        <v>0</v>
      </c>
      <c r="X6251" s="2">
        <v>0</v>
      </c>
      <c r="Y6251" s="2">
        <v>0</v>
      </c>
      <c r="Z6251" s="2">
        <v>0</v>
      </c>
      <c r="AA6251" s="5"/>
      <c r="AB6251" s="5" t="s">
        <v>43</v>
      </c>
      <c r="AC6251" s="5" t="s">
        <v>44</v>
      </c>
      <c r="AD6251" s="2"/>
      <c r="AE6251" s="1"/>
    </row>
    <row r="6252" spans="1:31" ht="14.45">
      <c r="A6252" s="11"/>
      <c r="B6252" s="20"/>
      <c r="C6252" s="2" t="s">
        <v>19228</v>
      </c>
      <c r="D6252" s="14" t="s">
        <v>19229</v>
      </c>
      <c r="E6252" s="2" t="s">
        <v>19230</v>
      </c>
      <c r="F6252" s="2" t="s">
        <v>7507</v>
      </c>
      <c r="G6252" s="8">
        <v>143</v>
      </c>
      <c r="H6252" s="5">
        <v>5</v>
      </c>
      <c r="I6252" s="5" t="s">
        <v>1518</v>
      </c>
      <c r="J6252" s="5" t="s">
        <v>1519</v>
      </c>
      <c r="K6252" s="2" t="s">
        <v>1520</v>
      </c>
      <c r="L6252" s="5" t="s">
        <v>1519</v>
      </c>
      <c r="M6252" s="2" t="s">
        <v>1520</v>
      </c>
      <c r="N6252" s="5" t="s">
        <v>19227</v>
      </c>
      <c r="O6252" s="5" t="s">
        <v>38</v>
      </c>
      <c r="P6252" s="5" t="s">
        <v>39</v>
      </c>
      <c r="Q6252" s="5" t="s">
        <v>40</v>
      </c>
      <c r="R6252" s="5" t="s">
        <v>1487</v>
      </c>
      <c r="S6252" s="5"/>
      <c r="T6252" s="5" t="s">
        <v>42</v>
      </c>
      <c r="U6252" s="2">
        <v>0</v>
      </c>
      <c r="V6252" s="2">
        <v>0</v>
      </c>
      <c r="W6252" s="2">
        <v>0</v>
      </c>
      <c r="X6252" s="2">
        <v>0</v>
      </c>
      <c r="Y6252" s="2">
        <v>0</v>
      </c>
      <c r="Z6252" s="2">
        <v>0</v>
      </c>
      <c r="AA6252" s="5"/>
      <c r="AB6252" s="5" t="s">
        <v>43</v>
      </c>
      <c r="AC6252" s="5" t="s">
        <v>44</v>
      </c>
      <c r="AD6252" s="2"/>
      <c r="AE6252" s="1"/>
    </row>
    <row r="6253" spans="1:31" ht="14.45">
      <c r="A6253" s="11"/>
      <c r="B6253" s="20"/>
      <c r="C6253" s="2" t="s">
        <v>19231</v>
      </c>
      <c r="D6253" s="14" t="s">
        <v>19232</v>
      </c>
      <c r="E6253" s="2" t="s">
        <v>19233</v>
      </c>
      <c r="F6253" s="2" t="s">
        <v>7204</v>
      </c>
      <c r="G6253" s="8">
        <v>143</v>
      </c>
      <c r="H6253" s="5">
        <v>5</v>
      </c>
      <c r="I6253" s="5" t="s">
        <v>1518</v>
      </c>
      <c r="J6253" s="5" t="s">
        <v>1519</v>
      </c>
      <c r="K6253" s="2" t="s">
        <v>1520</v>
      </c>
      <c r="L6253" s="5" t="s">
        <v>1519</v>
      </c>
      <c r="M6253" s="2" t="s">
        <v>1520</v>
      </c>
      <c r="N6253" s="5" t="s">
        <v>19227</v>
      </c>
      <c r="O6253" s="5" t="s">
        <v>38</v>
      </c>
      <c r="P6253" s="5" t="s">
        <v>39</v>
      </c>
      <c r="Q6253" s="5" t="s">
        <v>40</v>
      </c>
      <c r="R6253" s="5" t="s">
        <v>1487</v>
      </c>
      <c r="S6253" s="5"/>
      <c r="T6253" s="5" t="s">
        <v>42</v>
      </c>
      <c r="U6253" s="2">
        <v>0</v>
      </c>
      <c r="V6253" s="2">
        <v>0</v>
      </c>
      <c r="W6253" s="2">
        <v>0</v>
      </c>
      <c r="X6253" s="2">
        <v>0</v>
      </c>
      <c r="Y6253" s="2">
        <v>0</v>
      </c>
      <c r="Z6253" s="2">
        <v>0</v>
      </c>
      <c r="AA6253" s="5"/>
      <c r="AB6253" s="5" t="s">
        <v>43</v>
      </c>
      <c r="AC6253" s="5" t="s">
        <v>44</v>
      </c>
      <c r="AD6253" s="2"/>
      <c r="AE6253" s="1"/>
    </row>
    <row r="6254" spans="1:31" ht="14.45">
      <c r="A6254" s="11"/>
      <c r="B6254" s="20"/>
      <c r="C6254" s="2" t="s">
        <v>19234</v>
      </c>
      <c r="D6254" s="14" t="s">
        <v>19235</v>
      </c>
      <c r="E6254" s="2" t="s">
        <v>19236</v>
      </c>
      <c r="F6254" s="2" t="s">
        <v>7514</v>
      </c>
      <c r="G6254" s="8">
        <v>143</v>
      </c>
      <c r="H6254" s="5">
        <v>5</v>
      </c>
      <c r="I6254" s="5" t="s">
        <v>1518</v>
      </c>
      <c r="J6254" s="5" t="s">
        <v>1519</v>
      </c>
      <c r="K6254" s="2" t="s">
        <v>1520</v>
      </c>
      <c r="L6254" s="5" t="s">
        <v>1519</v>
      </c>
      <c r="M6254" s="2" t="s">
        <v>1520</v>
      </c>
      <c r="N6254" s="5" t="s">
        <v>19227</v>
      </c>
      <c r="O6254" s="5" t="s">
        <v>38</v>
      </c>
      <c r="P6254" s="5" t="s">
        <v>39</v>
      </c>
      <c r="Q6254" s="5" t="s">
        <v>40</v>
      </c>
      <c r="R6254" s="5" t="s">
        <v>1487</v>
      </c>
      <c r="S6254" s="5"/>
      <c r="T6254" s="5" t="s">
        <v>42</v>
      </c>
      <c r="U6254" s="2">
        <v>0</v>
      </c>
      <c r="V6254" s="2">
        <v>0</v>
      </c>
      <c r="W6254" s="2">
        <v>0</v>
      </c>
      <c r="X6254" s="2">
        <v>0</v>
      </c>
      <c r="Y6254" s="2">
        <v>0</v>
      </c>
      <c r="Z6254" s="2">
        <v>0</v>
      </c>
      <c r="AA6254" s="5"/>
      <c r="AB6254" s="5" t="s">
        <v>43</v>
      </c>
      <c r="AC6254" s="5" t="s">
        <v>44</v>
      </c>
      <c r="AD6254" s="2"/>
      <c r="AE6254" s="1"/>
    </row>
    <row r="6255" spans="1:31" ht="14.45">
      <c r="A6255" s="11"/>
      <c r="B6255" s="20"/>
      <c r="C6255" s="2" t="s">
        <v>19237</v>
      </c>
      <c r="D6255" s="14" t="s">
        <v>19238</v>
      </c>
      <c r="E6255" s="2" t="s">
        <v>19239</v>
      </c>
      <c r="F6255" s="2" t="s">
        <v>7208</v>
      </c>
      <c r="G6255" s="8">
        <v>143</v>
      </c>
      <c r="H6255" s="5">
        <v>5</v>
      </c>
      <c r="I6255" s="5" t="s">
        <v>1518</v>
      </c>
      <c r="J6255" s="5" t="s">
        <v>1519</v>
      </c>
      <c r="K6255" s="2" t="s">
        <v>1520</v>
      </c>
      <c r="L6255" s="5" t="s">
        <v>1519</v>
      </c>
      <c r="M6255" s="2" t="s">
        <v>1520</v>
      </c>
      <c r="N6255" s="5" t="s">
        <v>19227</v>
      </c>
      <c r="O6255" s="5" t="s">
        <v>38</v>
      </c>
      <c r="P6255" s="5" t="s">
        <v>39</v>
      </c>
      <c r="Q6255" s="5" t="s">
        <v>40</v>
      </c>
      <c r="R6255" s="5" t="s">
        <v>1487</v>
      </c>
      <c r="S6255" s="5"/>
      <c r="T6255" s="5" t="s">
        <v>42</v>
      </c>
      <c r="U6255" s="2">
        <v>0</v>
      </c>
      <c r="V6255" s="2">
        <v>0</v>
      </c>
      <c r="W6255" s="2">
        <v>0</v>
      </c>
      <c r="X6255" s="2">
        <v>0</v>
      </c>
      <c r="Y6255" s="2">
        <v>0</v>
      </c>
      <c r="Z6255" s="2">
        <v>0</v>
      </c>
      <c r="AA6255" s="5"/>
      <c r="AB6255" s="5" t="s">
        <v>43</v>
      </c>
      <c r="AC6255" s="5" t="s">
        <v>44</v>
      </c>
      <c r="AD6255" s="2"/>
      <c r="AE6255" s="1"/>
    </row>
    <row r="6256" spans="1:31" ht="14.45">
      <c r="A6256" s="11"/>
      <c r="B6256" s="20"/>
      <c r="C6256" s="2" t="s">
        <v>19240</v>
      </c>
      <c r="D6256" s="14" t="s">
        <v>19241</v>
      </c>
      <c r="E6256" s="2" t="s">
        <v>19242</v>
      </c>
      <c r="F6256" s="2" t="s">
        <v>7521</v>
      </c>
      <c r="G6256" s="8">
        <v>143</v>
      </c>
      <c r="H6256" s="5">
        <v>5</v>
      </c>
      <c r="I6256" s="5" t="s">
        <v>1518</v>
      </c>
      <c r="J6256" s="5" t="s">
        <v>1519</v>
      </c>
      <c r="K6256" s="2" t="s">
        <v>1520</v>
      </c>
      <c r="L6256" s="5" t="s">
        <v>1519</v>
      </c>
      <c r="M6256" s="2" t="s">
        <v>1520</v>
      </c>
      <c r="N6256" s="5" t="s">
        <v>19227</v>
      </c>
      <c r="O6256" s="5" t="s">
        <v>38</v>
      </c>
      <c r="P6256" s="5" t="s">
        <v>39</v>
      </c>
      <c r="Q6256" s="5" t="s">
        <v>40</v>
      </c>
      <c r="R6256" s="5" t="s">
        <v>1487</v>
      </c>
      <c r="S6256" s="5"/>
      <c r="T6256" s="5" t="s">
        <v>42</v>
      </c>
      <c r="U6256" s="2">
        <v>0</v>
      </c>
      <c r="V6256" s="2">
        <v>0</v>
      </c>
      <c r="W6256" s="2">
        <v>0</v>
      </c>
      <c r="X6256" s="2">
        <v>0</v>
      </c>
      <c r="Y6256" s="2">
        <v>0</v>
      </c>
      <c r="Z6256" s="2">
        <v>0</v>
      </c>
      <c r="AA6256" s="5"/>
      <c r="AB6256" s="5" t="s">
        <v>43</v>
      </c>
      <c r="AC6256" s="5" t="s">
        <v>44</v>
      </c>
      <c r="AD6256" s="2"/>
      <c r="AE6256" s="1"/>
    </row>
    <row r="6257" spans="1:31" ht="14.45">
      <c r="A6257" s="11"/>
      <c r="B6257" s="20"/>
      <c r="C6257" s="2" t="s">
        <v>19243</v>
      </c>
      <c r="D6257" s="14" t="s">
        <v>19244</v>
      </c>
      <c r="E6257" s="2" t="s">
        <v>19245</v>
      </c>
      <c r="F6257" s="2" t="s">
        <v>7212</v>
      </c>
      <c r="G6257" s="8">
        <v>143</v>
      </c>
      <c r="H6257" s="5">
        <v>5</v>
      </c>
      <c r="I6257" s="5" t="s">
        <v>1518</v>
      </c>
      <c r="J6257" s="5" t="s">
        <v>1519</v>
      </c>
      <c r="K6257" s="2" t="s">
        <v>1520</v>
      </c>
      <c r="L6257" s="5" t="s">
        <v>1519</v>
      </c>
      <c r="M6257" s="2" t="s">
        <v>1520</v>
      </c>
      <c r="N6257" s="5" t="s">
        <v>19227</v>
      </c>
      <c r="O6257" s="5" t="s">
        <v>38</v>
      </c>
      <c r="P6257" s="5" t="s">
        <v>39</v>
      </c>
      <c r="Q6257" s="5" t="s">
        <v>40</v>
      </c>
      <c r="R6257" s="5" t="s">
        <v>1487</v>
      </c>
      <c r="S6257" s="5"/>
      <c r="T6257" s="5" t="s">
        <v>42</v>
      </c>
      <c r="U6257" s="2">
        <v>0</v>
      </c>
      <c r="V6257" s="2">
        <v>0</v>
      </c>
      <c r="W6257" s="2">
        <v>0</v>
      </c>
      <c r="X6257" s="2">
        <v>0</v>
      </c>
      <c r="Y6257" s="2">
        <v>0</v>
      </c>
      <c r="Z6257" s="2">
        <v>0</v>
      </c>
      <c r="AA6257" s="5"/>
      <c r="AB6257" s="5" t="s">
        <v>43</v>
      </c>
      <c r="AC6257" s="5" t="s">
        <v>44</v>
      </c>
      <c r="AD6257" s="2"/>
      <c r="AE6257" s="1"/>
    </row>
    <row r="6258" spans="1:31" ht="14.45">
      <c r="A6258" s="11"/>
      <c r="B6258" s="20"/>
      <c r="C6258" s="2" t="s">
        <v>19246</v>
      </c>
      <c r="D6258" s="14" t="s">
        <v>19247</v>
      </c>
      <c r="E6258" s="2" t="s">
        <v>19248</v>
      </c>
      <c r="F6258" s="2" t="s">
        <v>7528</v>
      </c>
      <c r="G6258" s="8">
        <v>143</v>
      </c>
      <c r="H6258" s="5">
        <v>5</v>
      </c>
      <c r="I6258" s="5" t="s">
        <v>1518</v>
      </c>
      <c r="J6258" s="5" t="s">
        <v>1519</v>
      </c>
      <c r="K6258" s="2" t="s">
        <v>1520</v>
      </c>
      <c r="L6258" s="5" t="s">
        <v>1519</v>
      </c>
      <c r="M6258" s="2" t="s">
        <v>1520</v>
      </c>
      <c r="N6258" s="5" t="s">
        <v>19227</v>
      </c>
      <c r="O6258" s="5" t="s">
        <v>38</v>
      </c>
      <c r="P6258" s="5" t="s">
        <v>39</v>
      </c>
      <c r="Q6258" s="5" t="s">
        <v>40</v>
      </c>
      <c r="R6258" s="5" t="s">
        <v>1487</v>
      </c>
      <c r="S6258" s="5"/>
      <c r="T6258" s="5" t="s">
        <v>42</v>
      </c>
      <c r="U6258" s="2">
        <v>0</v>
      </c>
      <c r="V6258" s="2">
        <v>0</v>
      </c>
      <c r="W6258" s="2">
        <v>0</v>
      </c>
      <c r="X6258" s="2">
        <v>0</v>
      </c>
      <c r="Y6258" s="2">
        <v>0</v>
      </c>
      <c r="Z6258" s="2">
        <v>0</v>
      </c>
      <c r="AA6258" s="5"/>
      <c r="AB6258" s="5" t="s">
        <v>43</v>
      </c>
      <c r="AC6258" s="5" t="s">
        <v>44</v>
      </c>
      <c r="AD6258" s="2"/>
      <c r="AE6258" s="1"/>
    </row>
    <row r="6259" spans="1:31" ht="14.45">
      <c r="A6259" s="11"/>
      <c r="B6259" s="20"/>
      <c r="C6259" s="2" t="s">
        <v>19249</v>
      </c>
      <c r="D6259" s="14" t="s">
        <v>19250</v>
      </c>
      <c r="E6259" s="2" t="s">
        <v>19251</v>
      </c>
      <c r="F6259" s="2" t="s">
        <v>7396</v>
      </c>
      <c r="G6259" s="8">
        <v>152</v>
      </c>
      <c r="H6259" s="5">
        <v>5</v>
      </c>
      <c r="I6259" s="5" t="s">
        <v>1518</v>
      </c>
      <c r="J6259" s="5" t="s">
        <v>1519</v>
      </c>
      <c r="K6259" s="2" t="s">
        <v>1520</v>
      </c>
      <c r="L6259" s="5" t="s">
        <v>1519</v>
      </c>
      <c r="M6259" s="2" t="s">
        <v>1520</v>
      </c>
      <c r="N6259" s="5" t="s">
        <v>19227</v>
      </c>
      <c r="O6259" s="5" t="s">
        <v>38</v>
      </c>
      <c r="P6259" s="5" t="s">
        <v>39</v>
      </c>
      <c r="Q6259" s="5" t="s">
        <v>40</v>
      </c>
      <c r="R6259" s="5" t="s">
        <v>1487</v>
      </c>
      <c r="S6259" s="5"/>
      <c r="T6259" s="5" t="s">
        <v>42</v>
      </c>
      <c r="U6259" s="2">
        <v>0</v>
      </c>
      <c r="V6259" s="2">
        <v>0</v>
      </c>
      <c r="W6259" s="2">
        <v>0</v>
      </c>
      <c r="X6259" s="2">
        <v>0</v>
      </c>
      <c r="Y6259" s="2">
        <v>0</v>
      </c>
      <c r="Z6259" s="2">
        <v>0</v>
      </c>
      <c r="AA6259" s="5"/>
      <c r="AB6259" s="5" t="s">
        <v>43</v>
      </c>
      <c r="AC6259" s="5" t="s">
        <v>44</v>
      </c>
      <c r="AD6259" s="2"/>
      <c r="AE6259" s="1"/>
    </row>
    <row r="6260" spans="1:31" ht="14.45">
      <c r="A6260" s="11"/>
      <c r="B6260" s="20"/>
      <c r="C6260" s="2" t="s">
        <v>19252</v>
      </c>
      <c r="D6260" s="14" t="s">
        <v>19253</v>
      </c>
      <c r="E6260" s="2" t="s">
        <v>19254</v>
      </c>
      <c r="F6260" s="2" t="s">
        <v>7507</v>
      </c>
      <c r="G6260" s="8">
        <v>152</v>
      </c>
      <c r="H6260" s="5">
        <v>5</v>
      </c>
      <c r="I6260" s="5" t="s">
        <v>1518</v>
      </c>
      <c r="J6260" s="5" t="s">
        <v>1519</v>
      </c>
      <c r="K6260" s="2" t="s">
        <v>1520</v>
      </c>
      <c r="L6260" s="5" t="s">
        <v>1519</v>
      </c>
      <c r="M6260" s="2" t="s">
        <v>1520</v>
      </c>
      <c r="N6260" s="5" t="s">
        <v>19227</v>
      </c>
      <c r="O6260" s="5" t="s">
        <v>38</v>
      </c>
      <c r="P6260" s="5" t="s">
        <v>39</v>
      </c>
      <c r="Q6260" s="5" t="s">
        <v>40</v>
      </c>
      <c r="R6260" s="5" t="s">
        <v>1487</v>
      </c>
      <c r="S6260" s="5"/>
      <c r="T6260" s="5" t="s">
        <v>42</v>
      </c>
      <c r="U6260" s="2">
        <v>0</v>
      </c>
      <c r="V6260" s="2">
        <v>0</v>
      </c>
      <c r="W6260" s="2">
        <v>0</v>
      </c>
      <c r="X6260" s="2">
        <v>0</v>
      </c>
      <c r="Y6260" s="2">
        <v>0</v>
      </c>
      <c r="Z6260" s="2">
        <v>0</v>
      </c>
      <c r="AA6260" s="5"/>
      <c r="AB6260" s="5" t="s">
        <v>43</v>
      </c>
      <c r="AC6260" s="5" t="s">
        <v>44</v>
      </c>
      <c r="AD6260" s="2"/>
      <c r="AE6260" s="1"/>
    </row>
    <row r="6261" spans="1:31" ht="14.45">
      <c r="A6261" s="11"/>
      <c r="B6261" s="20"/>
      <c r="C6261" s="2" t="s">
        <v>19255</v>
      </c>
      <c r="D6261" s="14" t="s">
        <v>19256</v>
      </c>
      <c r="E6261" s="2" t="s">
        <v>19257</v>
      </c>
      <c r="F6261" s="2" t="s">
        <v>7204</v>
      </c>
      <c r="G6261" s="8">
        <v>152</v>
      </c>
      <c r="H6261" s="5">
        <v>5</v>
      </c>
      <c r="I6261" s="5" t="s">
        <v>1518</v>
      </c>
      <c r="J6261" s="5" t="s">
        <v>1519</v>
      </c>
      <c r="K6261" s="2" t="s">
        <v>1520</v>
      </c>
      <c r="L6261" s="5" t="s">
        <v>1519</v>
      </c>
      <c r="M6261" s="2" t="s">
        <v>1520</v>
      </c>
      <c r="N6261" s="5" t="s">
        <v>19227</v>
      </c>
      <c r="O6261" s="5" t="s">
        <v>38</v>
      </c>
      <c r="P6261" s="5" t="s">
        <v>39</v>
      </c>
      <c r="Q6261" s="5" t="s">
        <v>40</v>
      </c>
      <c r="R6261" s="5" t="s">
        <v>1487</v>
      </c>
      <c r="S6261" s="5"/>
      <c r="T6261" s="5" t="s">
        <v>42</v>
      </c>
      <c r="U6261" s="2">
        <v>0</v>
      </c>
      <c r="V6261" s="2">
        <v>0</v>
      </c>
      <c r="W6261" s="2">
        <v>0</v>
      </c>
      <c r="X6261" s="2">
        <v>0</v>
      </c>
      <c r="Y6261" s="2">
        <v>0</v>
      </c>
      <c r="Z6261" s="2">
        <v>0</v>
      </c>
      <c r="AA6261" s="5"/>
      <c r="AB6261" s="5" t="s">
        <v>43</v>
      </c>
      <c r="AC6261" s="5" t="s">
        <v>44</v>
      </c>
      <c r="AD6261" s="2"/>
      <c r="AE6261" s="1"/>
    </row>
    <row r="6262" spans="1:31" ht="14.45">
      <c r="A6262" s="11"/>
      <c r="B6262" s="20"/>
      <c r="C6262" s="2" t="s">
        <v>19258</v>
      </c>
      <c r="D6262" s="14" t="s">
        <v>19259</v>
      </c>
      <c r="E6262" s="2" t="s">
        <v>19260</v>
      </c>
      <c r="F6262" s="2" t="s">
        <v>7514</v>
      </c>
      <c r="G6262" s="8">
        <v>152</v>
      </c>
      <c r="H6262" s="5">
        <v>5</v>
      </c>
      <c r="I6262" s="5" t="s">
        <v>1518</v>
      </c>
      <c r="J6262" s="5" t="s">
        <v>1519</v>
      </c>
      <c r="K6262" s="2" t="s">
        <v>1520</v>
      </c>
      <c r="L6262" s="5" t="s">
        <v>1519</v>
      </c>
      <c r="M6262" s="2" t="s">
        <v>1520</v>
      </c>
      <c r="N6262" s="5" t="s">
        <v>19227</v>
      </c>
      <c r="O6262" s="5" t="s">
        <v>38</v>
      </c>
      <c r="P6262" s="5" t="s">
        <v>39</v>
      </c>
      <c r="Q6262" s="5" t="s">
        <v>40</v>
      </c>
      <c r="R6262" s="5" t="s">
        <v>1487</v>
      </c>
      <c r="S6262" s="5"/>
      <c r="T6262" s="5" t="s">
        <v>42</v>
      </c>
      <c r="U6262" s="2">
        <v>0</v>
      </c>
      <c r="V6262" s="2">
        <v>0</v>
      </c>
      <c r="W6262" s="2">
        <v>0</v>
      </c>
      <c r="X6262" s="2">
        <v>0</v>
      </c>
      <c r="Y6262" s="2">
        <v>0</v>
      </c>
      <c r="Z6262" s="2">
        <v>0</v>
      </c>
      <c r="AA6262" s="5"/>
      <c r="AB6262" s="5" t="s">
        <v>43</v>
      </c>
      <c r="AC6262" s="5" t="s">
        <v>44</v>
      </c>
      <c r="AD6262" s="2"/>
      <c r="AE6262" s="1"/>
    </row>
    <row r="6263" spans="1:31" ht="14.45">
      <c r="A6263" s="11"/>
      <c r="B6263" s="20"/>
      <c r="C6263" s="2" t="s">
        <v>19261</v>
      </c>
      <c r="D6263" s="14" t="s">
        <v>19262</v>
      </c>
      <c r="E6263" s="2" t="s">
        <v>19263</v>
      </c>
      <c r="F6263" s="2" t="s">
        <v>7208</v>
      </c>
      <c r="G6263" s="8">
        <v>152</v>
      </c>
      <c r="H6263" s="5">
        <v>5</v>
      </c>
      <c r="I6263" s="5" t="s">
        <v>1518</v>
      </c>
      <c r="J6263" s="5" t="s">
        <v>1519</v>
      </c>
      <c r="K6263" s="2" t="s">
        <v>1520</v>
      </c>
      <c r="L6263" s="5" t="s">
        <v>1519</v>
      </c>
      <c r="M6263" s="2" t="s">
        <v>1520</v>
      </c>
      <c r="N6263" s="5" t="s">
        <v>19227</v>
      </c>
      <c r="O6263" s="5" t="s">
        <v>38</v>
      </c>
      <c r="P6263" s="5" t="s">
        <v>39</v>
      </c>
      <c r="Q6263" s="5" t="s">
        <v>40</v>
      </c>
      <c r="R6263" s="5" t="s">
        <v>1487</v>
      </c>
      <c r="S6263" s="5"/>
      <c r="T6263" s="5" t="s">
        <v>42</v>
      </c>
      <c r="U6263" s="2">
        <v>0</v>
      </c>
      <c r="V6263" s="2">
        <v>0</v>
      </c>
      <c r="W6263" s="2">
        <v>0</v>
      </c>
      <c r="X6263" s="2">
        <v>0</v>
      </c>
      <c r="Y6263" s="2">
        <v>0</v>
      </c>
      <c r="Z6263" s="2">
        <v>0</v>
      </c>
      <c r="AA6263" s="5"/>
      <c r="AB6263" s="5" t="s">
        <v>43</v>
      </c>
      <c r="AC6263" s="5" t="s">
        <v>44</v>
      </c>
      <c r="AD6263" s="2"/>
      <c r="AE6263" s="1"/>
    </row>
    <row r="6264" spans="1:31" ht="14.45">
      <c r="A6264" s="11"/>
      <c r="B6264" s="20"/>
      <c r="C6264" s="2" t="s">
        <v>19264</v>
      </c>
      <c r="D6264" s="14" t="s">
        <v>19265</v>
      </c>
      <c r="E6264" s="2" t="s">
        <v>19266</v>
      </c>
      <c r="F6264" s="2" t="s">
        <v>7521</v>
      </c>
      <c r="G6264" s="8">
        <v>152</v>
      </c>
      <c r="H6264" s="5">
        <v>5</v>
      </c>
      <c r="I6264" s="5" t="s">
        <v>1518</v>
      </c>
      <c r="J6264" s="5" t="s">
        <v>1519</v>
      </c>
      <c r="K6264" s="2" t="s">
        <v>1520</v>
      </c>
      <c r="L6264" s="5" t="s">
        <v>1519</v>
      </c>
      <c r="M6264" s="2" t="s">
        <v>1520</v>
      </c>
      <c r="N6264" s="5" t="s">
        <v>19227</v>
      </c>
      <c r="O6264" s="5" t="s">
        <v>38</v>
      </c>
      <c r="P6264" s="5" t="s">
        <v>39</v>
      </c>
      <c r="Q6264" s="5" t="s">
        <v>40</v>
      </c>
      <c r="R6264" s="5" t="s">
        <v>1487</v>
      </c>
      <c r="S6264" s="5"/>
      <c r="T6264" s="5" t="s">
        <v>42</v>
      </c>
      <c r="U6264" s="2">
        <v>0</v>
      </c>
      <c r="V6264" s="2">
        <v>0</v>
      </c>
      <c r="W6264" s="2">
        <v>0</v>
      </c>
      <c r="X6264" s="2">
        <v>0</v>
      </c>
      <c r="Y6264" s="2">
        <v>0</v>
      </c>
      <c r="Z6264" s="2">
        <v>0</v>
      </c>
      <c r="AA6264" s="5"/>
      <c r="AB6264" s="5" t="s">
        <v>43</v>
      </c>
      <c r="AC6264" s="5" t="s">
        <v>44</v>
      </c>
      <c r="AD6264" s="2"/>
      <c r="AE6264" s="1"/>
    </row>
    <row r="6265" spans="1:31" ht="14.45">
      <c r="A6265" s="11"/>
      <c r="B6265" s="20"/>
      <c r="C6265" s="2" t="s">
        <v>19267</v>
      </c>
      <c r="D6265" s="14" t="s">
        <v>19268</v>
      </c>
      <c r="E6265" s="2" t="s">
        <v>19269</v>
      </c>
      <c r="F6265" s="2" t="s">
        <v>7212</v>
      </c>
      <c r="G6265" s="8">
        <v>152</v>
      </c>
      <c r="H6265" s="5">
        <v>5</v>
      </c>
      <c r="I6265" s="5" t="s">
        <v>1518</v>
      </c>
      <c r="J6265" s="5" t="s">
        <v>1519</v>
      </c>
      <c r="K6265" s="2" t="s">
        <v>1520</v>
      </c>
      <c r="L6265" s="5" t="s">
        <v>1519</v>
      </c>
      <c r="M6265" s="2" t="s">
        <v>1520</v>
      </c>
      <c r="N6265" s="5" t="s">
        <v>19227</v>
      </c>
      <c r="O6265" s="5" t="s">
        <v>38</v>
      </c>
      <c r="P6265" s="5" t="s">
        <v>39</v>
      </c>
      <c r="Q6265" s="5" t="s">
        <v>40</v>
      </c>
      <c r="R6265" s="5" t="s">
        <v>1487</v>
      </c>
      <c r="S6265" s="5"/>
      <c r="T6265" s="5" t="s">
        <v>42</v>
      </c>
      <c r="U6265" s="2">
        <v>0</v>
      </c>
      <c r="V6265" s="2">
        <v>0</v>
      </c>
      <c r="W6265" s="2">
        <v>0</v>
      </c>
      <c r="X6265" s="2">
        <v>0</v>
      </c>
      <c r="Y6265" s="2">
        <v>0</v>
      </c>
      <c r="Z6265" s="2">
        <v>0</v>
      </c>
      <c r="AA6265" s="5"/>
      <c r="AB6265" s="5" t="s">
        <v>43</v>
      </c>
      <c r="AC6265" s="5" t="s">
        <v>44</v>
      </c>
      <c r="AD6265" s="2"/>
      <c r="AE6265" s="1"/>
    </row>
    <row r="6266" spans="1:31" ht="14.45">
      <c r="A6266" s="11"/>
      <c r="B6266" s="20"/>
      <c r="C6266" s="2" t="s">
        <v>19270</v>
      </c>
      <c r="D6266" s="14" t="s">
        <v>19271</v>
      </c>
      <c r="E6266" s="2" t="s">
        <v>19272</v>
      </c>
      <c r="F6266" s="2" t="s">
        <v>7528</v>
      </c>
      <c r="G6266" s="8">
        <v>152</v>
      </c>
      <c r="H6266" s="5">
        <v>5</v>
      </c>
      <c r="I6266" s="5" t="s">
        <v>1518</v>
      </c>
      <c r="J6266" s="5" t="s">
        <v>1519</v>
      </c>
      <c r="K6266" s="2" t="s">
        <v>1520</v>
      </c>
      <c r="L6266" s="5" t="s">
        <v>1519</v>
      </c>
      <c r="M6266" s="2" t="s">
        <v>1520</v>
      </c>
      <c r="N6266" s="5" t="s">
        <v>19227</v>
      </c>
      <c r="O6266" s="5" t="s">
        <v>38</v>
      </c>
      <c r="P6266" s="5" t="s">
        <v>39</v>
      </c>
      <c r="Q6266" s="5" t="s">
        <v>40</v>
      </c>
      <c r="R6266" s="5" t="s">
        <v>1487</v>
      </c>
      <c r="S6266" s="5"/>
      <c r="T6266" s="5" t="s">
        <v>42</v>
      </c>
      <c r="U6266" s="2">
        <v>0</v>
      </c>
      <c r="V6266" s="2">
        <v>0</v>
      </c>
      <c r="W6266" s="2">
        <v>0</v>
      </c>
      <c r="X6266" s="2">
        <v>0</v>
      </c>
      <c r="Y6266" s="2">
        <v>0</v>
      </c>
      <c r="Z6266" s="2">
        <v>0</v>
      </c>
      <c r="AA6266" s="5"/>
      <c r="AB6266" s="5" t="s">
        <v>43</v>
      </c>
      <c r="AC6266" s="5" t="s">
        <v>44</v>
      </c>
      <c r="AD6266" s="2"/>
      <c r="AE6266" s="1"/>
    </row>
    <row r="6267" spans="1:31" ht="14.45">
      <c r="A6267" s="11"/>
      <c r="B6267" s="20"/>
      <c r="C6267" s="2" t="s">
        <v>19273</v>
      </c>
      <c r="D6267" s="14" t="s">
        <v>19274</v>
      </c>
      <c r="E6267" s="2" t="s">
        <v>19275</v>
      </c>
      <c r="F6267" s="2" t="s">
        <v>7396</v>
      </c>
      <c r="G6267" s="8">
        <v>160</v>
      </c>
      <c r="H6267" s="5">
        <v>5</v>
      </c>
      <c r="I6267" s="5" t="s">
        <v>1518</v>
      </c>
      <c r="J6267" s="5" t="s">
        <v>1519</v>
      </c>
      <c r="K6267" s="2" t="s">
        <v>1520</v>
      </c>
      <c r="L6267" s="5" t="s">
        <v>1519</v>
      </c>
      <c r="M6267" s="2" t="s">
        <v>1520</v>
      </c>
      <c r="N6267" s="5" t="s">
        <v>19227</v>
      </c>
      <c r="O6267" s="5" t="s">
        <v>38</v>
      </c>
      <c r="P6267" s="5" t="s">
        <v>39</v>
      </c>
      <c r="Q6267" s="5" t="s">
        <v>40</v>
      </c>
      <c r="R6267" s="5" t="s">
        <v>1487</v>
      </c>
      <c r="S6267" s="5"/>
      <c r="T6267" s="5" t="s">
        <v>42</v>
      </c>
      <c r="U6267" s="2">
        <v>0</v>
      </c>
      <c r="V6267" s="2">
        <v>0</v>
      </c>
      <c r="W6267" s="2">
        <v>0</v>
      </c>
      <c r="X6267" s="2">
        <v>0</v>
      </c>
      <c r="Y6267" s="2">
        <v>0</v>
      </c>
      <c r="Z6267" s="2">
        <v>0</v>
      </c>
      <c r="AA6267" s="5"/>
      <c r="AB6267" s="5" t="s">
        <v>43</v>
      </c>
      <c r="AC6267" s="5" t="s">
        <v>44</v>
      </c>
      <c r="AD6267" s="2"/>
      <c r="AE6267" s="1"/>
    </row>
    <row r="6268" spans="1:31" ht="14.45">
      <c r="A6268" s="11"/>
      <c r="B6268" s="20"/>
      <c r="C6268" s="2" t="s">
        <v>19276</v>
      </c>
      <c r="D6268" s="14" t="s">
        <v>19277</v>
      </c>
      <c r="E6268" s="2" t="s">
        <v>19278</v>
      </c>
      <c r="F6268" s="2" t="s">
        <v>7507</v>
      </c>
      <c r="G6268" s="8">
        <v>160</v>
      </c>
      <c r="H6268" s="5">
        <v>5</v>
      </c>
      <c r="I6268" s="5" t="s">
        <v>1518</v>
      </c>
      <c r="J6268" s="5" t="s">
        <v>1519</v>
      </c>
      <c r="K6268" s="2" t="s">
        <v>1520</v>
      </c>
      <c r="L6268" s="5" t="s">
        <v>1519</v>
      </c>
      <c r="M6268" s="2" t="s">
        <v>1520</v>
      </c>
      <c r="N6268" s="5" t="s">
        <v>19227</v>
      </c>
      <c r="O6268" s="5" t="s">
        <v>38</v>
      </c>
      <c r="P6268" s="5" t="s">
        <v>39</v>
      </c>
      <c r="Q6268" s="5" t="s">
        <v>40</v>
      </c>
      <c r="R6268" s="5" t="s">
        <v>1487</v>
      </c>
      <c r="S6268" s="5"/>
      <c r="T6268" s="5" t="s">
        <v>42</v>
      </c>
      <c r="U6268" s="2">
        <v>0</v>
      </c>
      <c r="V6268" s="2">
        <v>0</v>
      </c>
      <c r="W6268" s="2">
        <v>0</v>
      </c>
      <c r="X6268" s="2">
        <v>0</v>
      </c>
      <c r="Y6268" s="2">
        <v>0</v>
      </c>
      <c r="Z6268" s="2">
        <v>0</v>
      </c>
      <c r="AA6268" s="5"/>
      <c r="AB6268" s="5" t="s">
        <v>43</v>
      </c>
      <c r="AC6268" s="5" t="s">
        <v>44</v>
      </c>
      <c r="AD6268" s="2"/>
      <c r="AE6268" s="1"/>
    </row>
    <row r="6269" spans="1:31" ht="14.45">
      <c r="A6269" s="11"/>
      <c r="B6269" s="20"/>
      <c r="C6269" s="2" t="s">
        <v>19279</v>
      </c>
      <c r="D6269" s="14" t="s">
        <v>19280</v>
      </c>
      <c r="E6269" s="2" t="s">
        <v>19281</v>
      </c>
      <c r="F6269" s="2" t="s">
        <v>7204</v>
      </c>
      <c r="G6269" s="8">
        <v>160</v>
      </c>
      <c r="H6269" s="5">
        <v>5</v>
      </c>
      <c r="I6269" s="5" t="s">
        <v>1518</v>
      </c>
      <c r="J6269" s="5" t="s">
        <v>1519</v>
      </c>
      <c r="K6269" s="2" t="s">
        <v>1520</v>
      </c>
      <c r="L6269" s="5" t="s">
        <v>1519</v>
      </c>
      <c r="M6269" s="2" t="s">
        <v>1520</v>
      </c>
      <c r="N6269" s="5" t="s">
        <v>19227</v>
      </c>
      <c r="O6269" s="5" t="s">
        <v>38</v>
      </c>
      <c r="P6269" s="5" t="s">
        <v>39</v>
      </c>
      <c r="Q6269" s="5" t="s">
        <v>40</v>
      </c>
      <c r="R6269" s="5" t="s">
        <v>1487</v>
      </c>
      <c r="S6269" s="5"/>
      <c r="T6269" s="5" t="s">
        <v>42</v>
      </c>
      <c r="U6269" s="2">
        <v>0</v>
      </c>
      <c r="V6269" s="2">
        <v>0</v>
      </c>
      <c r="W6269" s="2">
        <v>0</v>
      </c>
      <c r="X6269" s="2">
        <v>0</v>
      </c>
      <c r="Y6269" s="2">
        <v>0</v>
      </c>
      <c r="Z6269" s="2">
        <v>0</v>
      </c>
      <c r="AA6269" s="5"/>
      <c r="AB6269" s="5" t="s">
        <v>43</v>
      </c>
      <c r="AC6269" s="5" t="s">
        <v>44</v>
      </c>
      <c r="AD6269" s="2"/>
      <c r="AE6269" s="1"/>
    </row>
    <row r="6270" spans="1:31" ht="14.45">
      <c r="A6270" s="11"/>
      <c r="B6270" s="20"/>
      <c r="C6270" s="2" t="s">
        <v>19282</v>
      </c>
      <c r="D6270" s="14" t="s">
        <v>19283</v>
      </c>
      <c r="E6270" s="2" t="s">
        <v>19284</v>
      </c>
      <c r="F6270" s="2" t="s">
        <v>7514</v>
      </c>
      <c r="G6270" s="8">
        <v>160</v>
      </c>
      <c r="H6270" s="5">
        <v>5</v>
      </c>
      <c r="I6270" s="5" t="s">
        <v>1518</v>
      </c>
      <c r="J6270" s="5" t="s">
        <v>1519</v>
      </c>
      <c r="K6270" s="2" t="s">
        <v>1520</v>
      </c>
      <c r="L6270" s="5" t="s">
        <v>1519</v>
      </c>
      <c r="M6270" s="2" t="s">
        <v>1520</v>
      </c>
      <c r="N6270" s="5" t="s">
        <v>19227</v>
      </c>
      <c r="O6270" s="5" t="s">
        <v>38</v>
      </c>
      <c r="P6270" s="5" t="s">
        <v>39</v>
      </c>
      <c r="Q6270" s="5" t="s">
        <v>40</v>
      </c>
      <c r="R6270" s="5" t="s">
        <v>1487</v>
      </c>
      <c r="S6270" s="5"/>
      <c r="T6270" s="5" t="s">
        <v>42</v>
      </c>
      <c r="U6270" s="2">
        <v>0</v>
      </c>
      <c r="V6270" s="2">
        <v>0</v>
      </c>
      <c r="W6270" s="2">
        <v>0</v>
      </c>
      <c r="X6270" s="2">
        <v>0</v>
      </c>
      <c r="Y6270" s="2">
        <v>0</v>
      </c>
      <c r="Z6270" s="2">
        <v>0</v>
      </c>
      <c r="AA6270" s="5"/>
      <c r="AB6270" s="5" t="s">
        <v>43</v>
      </c>
      <c r="AC6270" s="5" t="s">
        <v>44</v>
      </c>
      <c r="AD6270" s="2"/>
      <c r="AE6270" s="1"/>
    </row>
    <row r="6271" spans="1:31" ht="14.45">
      <c r="A6271" s="11"/>
      <c r="B6271" s="20"/>
      <c r="C6271" s="2" t="s">
        <v>19285</v>
      </c>
      <c r="D6271" s="14" t="s">
        <v>19286</v>
      </c>
      <c r="E6271" s="2" t="s">
        <v>19287</v>
      </c>
      <c r="F6271" s="2" t="s">
        <v>7208</v>
      </c>
      <c r="G6271" s="8">
        <v>160</v>
      </c>
      <c r="H6271" s="5">
        <v>5</v>
      </c>
      <c r="I6271" s="5" t="s">
        <v>1518</v>
      </c>
      <c r="J6271" s="5" t="s">
        <v>1519</v>
      </c>
      <c r="K6271" s="2" t="s">
        <v>1520</v>
      </c>
      <c r="L6271" s="5" t="s">
        <v>1519</v>
      </c>
      <c r="M6271" s="2" t="s">
        <v>1520</v>
      </c>
      <c r="N6271" s="5" t="s">
        <v>19227</v>
      </c>
      <c r="O6271" s="5" t="s">
        <v>38</v>
      </c>
      <c r="P6271" s="5" t="s">
        <v>39</v>
      </c>
      <c r="Q6271" s="5" t="s">
        <v>40</v>
      </c>
      <c r="R6271" s="5" t="s">
        <v>1487</v>
      </c>
      <c r="S6271" s="5"/>
      <c r="T6271" s="5" t="s">
        <v>42</v>
      </c>
      <c r="U6271" s="2">
        <v>0</v>
      </c>
      <c r="V6271" s="2">
        <v>0</v>
      </c>
      <c r="W6271" s="2">
        <v>0</v>
      </c>
      <c r="X6271" s="2">
        <v>0</v>
      </c>
      <c r="Y6271" s="2">
        <v>0</v>
      </c>
      <c r="Z6271" s="2">
        <v>0</v>
      </c>
      <c r="AA6271" s="5"/>
      <c r="AB6271" s="5" t="s">
        <v>43</v>
      </c>
      <c r="AC6271" s="5" t="s">
        <v>44</v>
      </c>
      <c r="AD6271" s="2"/>
      <c r="AE6271" s="1"/>
    </row>
    <row r="6272" spans="1:31" ht="14.45">
      <c r="A6272" s="11"/>
      <c r="B6272" s="20"/>
      <c r="C6272" s="2" t="s">
        <v>19288</v>
      </c>
      <c r="D6272" s="14" t="s">
        <v>19289</v>
      </c>
      <c r="E6272" s="2" t="s">
        <v>19290</v>
      </c>
      <c r="F6272" s="2" t="s">
        <v>7521</v>
      </c>
      <c r="G6272" s="8">
        <v>160</v>
      </c>
      <c r="H6272" s="5">
        <v>5</v>
      </c>
      <c r="I6272" s="5" t="s">
        <v>1518</v>
      </c>
      <c r="J6272" s="5" t="s">
        <v>1519</v>
      </c>
      <c r="K6272" s="2" t="s">
        <v>1520</v>
      </c>
      <c r="L6272" s="5" t="s">
        <v>1519</v>
      </c>
      <c r="M6272" s="2" t="s">
        <v>1520</v>
      </c>
      <c r="N6272" s="5" t="s">
        <v>19227</v>
      </c>
      <c r="O6272" s="5" t="s">
        <v>38</v>
      </c>
      <c r="P6272" s="5" t="s">
        <v>39</v>
      </c>
      <c r="Q6272" s="5" t="s">
        <v>40</v>
      </c>
      <c r="R6272" s="5" t="s">
        <v>1487</v>
      </c>
      <c r="S6272" s="5"/>
      <c r="T6272" s="5" t="s">
        <v>42</v>
      </c>
      <c r="U6272" s="2">
        <v>0</v>
      </c>
      <c r="V6272" s="2">
        <v>0</v>
      </c>
      <c r="W6272" s="2">
        <v>0</v>
      </c>
      <c r="X6272" s="2">
        <v>0</v>
      </c>
      <c r="Y6272" s="2">
        <v>0</v>
      </c>
      <c r="Z6272" s="2">
        <v>0</v>
      </c>
      <c r="AA6272" s="5"/>
      <c r="AB6272" s="5" t="s">
        <v>43</v>
      </c>
      <c r="AC6272" s="5" t="s">
        <v>44</v>
      </c>
      <c r="AD6272" s="2"/>
      <c r="AE6272" s="1"/>
    </row>
    <row r="6273" spans="1:31" ht="14.45">
      <c r="A6273" s="11"/>
      <c r="B6273" s="20"/>
      <c r="C6273" s="2" t="s">
        <v>19291</v>
      </c>
      <c r="D6273" s="14" t="s">
        <v>19292</v>
      </c>
      <c r="E6273" s="2" t="s">
        <v>19293</v>
      </c>
      <c r="F6273" s="2" t="s">
        <v>7212</v>
      </c>
      <c r="G6273" s="8">
        <v>160</v>
      </c>
      <c r="H6273" s="5">
        <v>5</v>
      </c>
      <c r="I6273" s="5" t="s">
        <v>1518</v>
      </c>
      <c r="J6273" s="5" t="s">
        <v>1519</v>
      </c>
      <c r="K6273" s="2" t="s">
        <v>1520</v>
      </c>
      <c r="L6273" s="5" t="s">
        <v>1519</v>
      </c>
      <c r="M6273" s="2" t="s">
        <v>1520</v>
      </c>
      <c r="N6273" s="5" t="s">
        <v>19227</v>
      </c>
      <c r="O6273" s="5" t="s">
        <v>38</v>
      </c>
      <c r="P6273" s="5" t="s">
        <v>39</v>
      </c>
      <c r="Q6273" s="5" t="s">
        <v>40</v>
      </c>
      <c r="R6273" s="5" t="s">
        <v>1487</v>
      </c>
      <c r="S6273" s="5"/>
      <c r="T6273" s="5" t="s">
        <v>42</v>
      </c>
      <c r="U6273" s="2">
        <v>0</v>
      </c>
      <c r="V6273" s="2">
        <v>0</v>
      </c>
      <c r="W6273" s="2">
        <v>0</v>
      </c>
      <c r="X6273" s="2">
        <v>0</v>
      </c>
      <c r="Y6273" s="2">
        <v>0</v>
      </c>
      <c r="Z6273" s="2">
        <v>0</v>
      </c>
      <c r="AA6273" s="5"/>
      <c r="AB6273" s="5" t="s">
        <v>43</v>
      </c>
      <c r="AC6273" s="5" t="s">
        <v>44</v>
      </c>
      <c r="AD6273" s="2"/>
      <c r="AE6273" s="1"/>
    </row>
    <row r="6274" spans="1:31" ht="14.45">
      <c r="A6274" s="11"/>
      <c r="B6274" s="20"/>
      <c r="C6274" s="2" t="s">
        <v>19294</v>
      </c>
      <c r="D6274" s="14" t="s">
        <v>19295</v>
      </c>
      <c r="E6274" s="2" t="s">
        <v>19296</v>
      </c>
      <c r="F6274" s="2" t="s">
        <v>7528</v>
      </c>
      <c r="G6274" s="8">
        <v>160</v>
      </c>
      <c r="H6274" s="5">
        <v>5</v>
      </c>
      <c r="I6274" s="5" t="s">
        <v>1518</v>
      </c>
      <c r="J6274" s="5" t="s">
        <v>1519</v>
      </c>
      <c r="K6274" s="2" t="s">
        <v>1520</v>
      </c>
      <c r="L6274" s="5" t="s">
        <v>1519</v>
      </c>
      <c r="M6274" s="2" t="s">
        <v>1520</v>
      </c>
      <c r="N6274" s="5" t="s">
        <v>19227</v>
      </c>
      <c r="O6274" s="5" t="s">
        <v>38</v>
      </c>
      <c r="P6274" s="5" t="s">
        <v>39</v>
      </c>
      <c r="Q6274" s="5" t="s">
        <v>40</v>
      </c>
      <c r="R6274" s="5" t="s">
        <v>1487</v>
      </c>
      <c r="S6274" s="5"/>
      <c r="T6274" s="5" t="s">
        <v>42</v>
      </c>
      <c r="U6274" s="2">
        <v>0</v>
      </c>
      <c r="V6274" s="2">
        <v>0</v>
      </c>
      <c r="W6274" s="2">
        <v>0</v>
      </c>
      <c r="X6274" s="2">
        <v>0</v>
      </c>
      <c r="Y6274" s="2">
        <v>0</v>
      </c>
      <c r="Z6274" s="2">
        <v>0</v>
      </c>
      <c r="AA6274" s="5"/>
      <c r="AB6274" s="5" t="s">
        <v>43</v>
      </c>
      <c r="AC6274" s="5" t="s">
        <v>44</v>
      </c>
      <c r="AD6274" s="2"/>
      <c r="AE6274" s="1"/>
    </row>
    <row r="6275" spans="1:31" ht="14.45">
      <c r="A6275" s="11"/>
      <c r="B6275" s="20"/>
      <c r="C6275" s="2" t="s">
        <v>19297</v>
      </c>
      <c r="D6275" s="14" t="s">
        <v>19298</v>
      </c>
      <c r="E6275" s="2" t="s">
        <v>19299</v>
      </c>
      <c r="F6275" s="2" t="s">
        <v>7396</v>
      </c>
      <c r="G6275" s="8">
        <v>150</v>
      </c>
      <c r="H6275" s="5">
        <v>5</v>
      </c>
      <c r="I6275" s="5" t="s">
        <v>1518</v>
      </c>
      <c r="J6275" s="5" t="s">
        <v>1519</v>
      </c>
      <c r="K6275" s="2" t="s">
        <v>1520</v>
      </c>
      <c r="L6275" s="5" t="s">
        <v>1519</v>
      </c>
      <c r="M6275" s="2" t="s">
        <v>1520</v>
      </c>
      <c r="N6275" s="5" t="s">
        <v>19227</v>
      </c>
      <c r="O6275" s="5" t="s">
        <v>38</v>
      </c>
      <c r="P6275" s="5" t="s">
        <v>39</v>
      </c>
      <c r="Q6275" s="5" t="s">
        <v>40</v>
      </c>
      <c r="R6275" s="5" t="s">
        <v>1487</v>
      </c>
      <c r="S6275" s="5"/>
      <c r="T6275" s="5" t="s">
        <v>42</v>
      </c>
      <c r="U6275" s="2">
        <v>0</v>
      </c>
      <c r="V6275" s="2">
        <v>0</v>
      </c>
      <c r="W6275" s="2">
        <v>0</v>
      </c>
      <c r="X6275" s="2">
        <v>0</v>
      </c>
      <c r="Y6275" s="2">
        <v>0</v>
      </c>
      <c r="Z6275" s="2">
        <v>0</v>
      </c>
      <c r="AA6275" s="5"/>
      <c r="AB6275" s="5" t="s">
        <v>43</v>
      </c>
      <c r="AC6275" s="5" t="s">
        <v>44</v>
      </c>
      <c r="AD6275" s="2"/>
      <c r="AE6275" s="1"/>
    </row>
    <row r="6276" spans="1:31" ht="14.45">
      <c r="A6276" s="11"/>
      <c r="B6276" s="20"/>
      <c r="C6276" s="2" t="s">
        <v>19300</v>
      </c>
      <c r="D6276" s="14" t="s">
        <v>19301</v>
      </c>
      <c r="E6276" s="2" t="s">
        <v>19302</v>
      </c>
      <c r="F6276" s="2" t="s">
        <v>7507</v>
      </c>
      <c r="G6276" s="8">
        <v>150</v>
      </c>
      <c r="H6276" s="5">
        <v>5</v>
      </c>
      <c r="I6276" s="5" t="s">
        <v>1518</v>
      </c>
      <c r="J6276" s="5" t="s">
        <v>1519</v>
      </c>
      <c r="K6276" s="2" t="s">
        <v>1520</v>
      </c>
      <c r="L6276" s="5" t="s">
        <v>1519</v>
      </c>
      <c r="M6276" s="2" t="s">
        <v>1520</v>
      </c>
      <c r="N6276" s="5" t="s">
        <v>19227</v>
      </c>
      <c r="O6276" s="5" t="s">
        <v>38</v>
      </c>
      <c r="P6276" s="5" t="s">
        <v>39</v>
      </c>
      <c r="Q6276" s="5" t="s">
        <v>40</v>
      </c>
      <c r="R6276" s="5" t="s">
        <v>1487</v>
      </c>
      <c r="S6276" s="5"/>
      <c r="T6276" s="5" t="s">
        <v>42</v>
      </c>
      <c r="U6276" s="2">
        <v>0</v>
      </c>
      <c r="V6276" s="2">
        <v>0</v>
      </c>
      <c r="W6276" s="2">
        <v>0</v>
      </c>
      <c r="X6276" s="2">
        <v>0</v>
      </c>
      <c r="Y6276" s="2">
        <v>0</v>
      </c>
      <c r="Z6276" s="2">
        <v>0</v>
      </c>
      <c r="AA6276" s="5"/>
      <c r="AB6276" s="5" t="s">
        <v>43</v>
      </c>
      <c r="AC6276" s="5" t="s">
        <v>44</v>
      </c>
      <c r="AD6276" s="2"/>
      <c r="AE6276" s="1"/>
    </row>
    <row r="6277" spans="1:31" ht="14.45">
      <c r="A6277" s="11"/>
      <c r="B6277" s="20"/>
      <c r="C6277" s="2" t="s">
        <v>19303</v>
      </c>
      <c r="D6277" s="14" t="s">
        <v>19304</v>
      </c>
      <c r="E6277" s="2" t="s">
        <v>19305</v>
      </c>
      <c r="F6277" s="2" t="s">
        <v>7204</v>
      </c>
      <c r="G6277" s="8">
        <v>150</v>
      </c>
      <c r="H6277" s="5">
        <v>5</v>
      </c>
      <c r="I6277" s="5" t="s">
        <v>1518</v>
      </c>
      <c r="J6277" s="5" t="s">
        <v>1519</v>
      </c>
      <c r="K6277" s="2" t="s">
        <v>1520</v>
      </c>
      <c r="L6277" s="5" t="s">
        <v>1519</v>
      </c>
      <c r="M6277" s="2" t="s">
        <v>1520</v>
      </c>
      <c r="N6277" s="5" t="s">
        <v>19227</v>
      </c>
      <c r="O6277" s="5" t="s">
        <v>38</v>
      </c>
      <c r="P6277" s="5" t="s">
        <v>39</v>
      </c>
      <c r="Q6277" s="5" t="s">
        <v>40</v>
      </c>
      <c r="R6277" s="5" t="s">
        <v>1487</v>
      </c>
      <c r="S6277" s="5"/>
      <c r="T6277" s="5" t="s">
        <v>42</v>
      </c>
      <c r="U6277" s="2">
        <v>0</v>
      </c>
      <c r="V6277" s="2">
        <v>0</v>
      </c>
      <c r="W6277" s="2">
        <v>0</v>
      </c>
      <c r="X6277" s="2">
        <v>0</v>
      </c>
      <c r="Y6277" s="2">
        <v>0</v>
      </c>
      <c r="Z6277" s="2">
        <v>0</v>
      </c>
      <c r="AA6277" s="5"/>
      <c r="AB6277" s="5" t="s">
        <v>43</v>
      </c>
      <c r="AC6277" s="5" t="s">
        <v>44</v>
      </c>
      <c r="AD6277" s="2"/>
      <c r="AE6277" s="1"/>
    </row>
    <row r="6278" spans="1:31" ht="14.45">
      <c r="A6278" s="11"/>
      <c r="B6278" s="20"/>
      <c r="C6278" s="2" t="s">
        <v>19306</v>
      </c>
      <c r="D6278" s="14" t="s">
        <v>19307</v>
      </c>
      <c r="E6278" s="2" t="s">
        <v>19308</v>
      </c>
      <c r="F6278" s="2" t="s">
        <v>7514</v>
      </c>
      <c r="G6278" s="8">
        <v>150</v>
      </c>
      <c r="H6278" s="5">
        <v>5</v>
      </c>
      <c r="I6278" s="5" t="s">
        <v>1518</v>
      </c>
      <c r="J6278" s="5" t="s">
        <v>1519</v>
      </c>
      <c r="K6278" s="2" t="s">
        <v>1520</v>
      </c>
      <c r="L6278" s="5" t="s">
        <v>1519</v>
      </c>
      <c r="M6278" s="2" t="s">
        <v>1520</v>
      </c>
      <c r="N6278" s="5" t="s">
        <v>19227</v>
      </c>
      <c r="O6278" s="5" t="s">
        <v>38</v>
      </c>
      <c r="P6278" s="5" t="s">
        <v>39</v>
      </c>
      <c r="Q6278" s="5" t="s">
        <v>40</v>
      </c>
      <c r="R6278" s="5" t="s">
        <v>1487</v>
      </c>
      <c r="S6278" s="5"/>
      <c r="T6278" s="5" t="s">
        <v>42</v>
      </c>
      <c r="U6278" s="2">
        <v>0</v>
      </c>
      <c r="V6278" s="2">
        <v>0</v>
      </c>
      <c r="W6278" s="2">
        <v>0</v>
      </c>
      <c r="X6278" s="2">
        <v>0</v>
      </c>
      <c r="Y6278" s="2">
        <v>0</v>
      </c>
      <c r="Z6278" s="2">
        <v>0</v>
      </c>
      <c r="AA6278" s="5"/>
      <c r="AB6278" s="5" t="s">
        <v>43</v>
      </c>
      <c r="AC6278" s="5" t="s">
        <v>44</v>
      </c>
      <c r="AD6278" s="2"/>
      <c r="AE6278" s="1"/>
    </row>
    <row r="6279" spans="1:31" ht="14.45">
      <c r="A6279" s="11"/>
      <c r="B6279" s="20"/>
      <c r="C6279" s="2" t="s">
        <v>19309</v>
      </c>
      <c r="D6279" s="14" t="s">
        <v>19310</v>
      </c>
      <c r="E6279" s="2" t="s">
        <v>19311</v>
      </c>
      <c r="F6279" s="2" t="s">
        <v>7208</v>
      </c>
      <c r="G6279" s="8">
        <v>150</v>
      </c>
      <c r="H6279" s="5">
        <v>5</v>
      </c>
      <c r="I6279" s="5" t="s">
        <v>1518</v>
      </c>
      <c r="J6279" s="5" t="s">
        <v>1519</v>
      </c>
      <c r="K6279" s="2" t="s">
        <v>1520</v>
      </c>
      <c r="L6279" s="5" t="s">
        <v>1519</v>
      </c>
      <c r="M6279" s="2" t="s">
        <v>1520</v>
      </c>
      <c r="N6279" s="5" t="s">
        <v>19227</v>
      </c>
      <c r="O6279" s="5" t="s">
        <v>38</v>
      </c>
      <c r="P6279" s="5" t="s">
        <v>39</v>
      </c>
      <c r="Q6279" s="5" t="s">
        <v>40</v>
      </c>
      <c r="R6279" s="5" t="s">
        <v>1487</v>
      </c>
      <c r="S6279" s="5"/>
      <c r="T6279" s="5" t="s">
        <v>42</v>
      </c>
      <c r="U6279" s="2">
        <v>0</v>
      </c>
      <c r="V6279" s="2">
        <v>0</v>
      </c>
      <c r="W6279" s="2">
        <v>0</v>
      </c>
      <c r="X6279" s="2">
        <v>0</v>
      </c>
      <c r="Y6279" s="2">
        <v>0</v>
      </c>
      <c r="Z6279" s="2">
        <v>0</v>
      </c>
      <c r="AA6279" s="5"/>
      <c r="AB6279" s="5" t="s">
        <v>43</v>
      </c>
      <c r="AC6279" s="5" t="s">
        <v>44</v>
      </c>
      <c r="AD6279" s="2"/>
      <c r="AE6279" s="1"/>
    </row>
    <row r="6280" spans="1:31" ht="14.45">
      <c r="A6280" s="11"/>
      <c r="B6280" s="20"/>
      <c r="C6280" s="2" t="s">
        <v>19312</v>
      </c>
      <c r="D6280" s="14" t="s">
        <v>19313</v>
      </c>
      <c r="E6280" s="2" t="s">
        <v>19314</v>
      </c>
      <c r="F6280" s="2" t="s">
        <v>7521</v>
      </c>
      <c r="G6280" s="8">
        <v>150</v>
      </c>
      <c r="H6280" s="5">
        <v>5</v>
      </c>
      <c r="I6280" s="5" t="s">
        <v>1518</v>
      </c>
      <c r="J6280" s="5" t="s">
        <v>1519</v>
      </c>
      <c r="K6280" s="2" t="s">
        <v>1520</v>
      </c>
      <c r="L6280" s="5" t="s">
        <v>1519</v>
      </c>
      <c r="M6280" s="2" t="s">
        <v>1520</v>
      </c>
      <c r="N6280" s="5" t="s">
        <v>19227</v>
      </c>
      <c r="O6280" s="5" t="s">
        <v>38</v>
      </c>
      <c r="P6280" s="5" t="s">
        <v>39</v>
      </c>
      <c r="Q6280" s="5" t="s">
        <v>40</v>
      </c>
      <c r="R6280" s="5" t="s">
        <v>1487</v>
      </c>
      <c r="S6280" s="5"/>
      <c r="T6280" s="5" t="s">
        <v>42</v>
      </c>
      <c r="U6280" s="2">
        <v>0</v>
      </c>
      <c r="V6280" s="2">
        <v>0</v>
      </c>
      <c r="W6280" s="2">
        <v>0</v>
      </c>
      <c r="X6280" s="2">
        <v>0</v>
      </c>
      <c r="Y6280" s="2">
        <v>0</v>
      </c>
      <c r="Z6280" s="2">
        <v>0</v>
      </c>
      <c r="AA6280" s="5"/>
      <c r="AB6280" s="5" t="s">
        <v>43</v>
      </c>
      <c r="AC6280" s="5" t="s">
        <v>44</v>
      </c>
      <c r="AD6280" s="2"/>
      <c r="AE6280" s="1"/>
    </row>
    <row r="6281" spans="1:31" ht="14.45">
      <c r="A6281" s="11"/>
      <c r="B6281" s="20"/>
      <c r="C6281" s="2" t="s">
        <v>19315</v>
      </c>
      <c r="D6281" s="14" t="s">
        <v>19316</v>
      </c>
      <c r="E6281" s="2" t="s">
        <v>19317</v>
      </c>
      <c r="F6281" s="2" t="s">
        <v>7212</v>
      </c>
      <c r="G6281" s="8">
        <v>150</v>
      </c>
      <c r="H6281" s="5">
        <v>5</v>
      </c>
      <c r="I6281" s="5" t="s">
        <v>1518</v>
      </c>
      <c r="J6281" s="5" t="s">
        <v>1519</v>
      </c>
      <c r="K6281" s="2" t="s">
        <v>1520</v>
      </c>
      <c r="L6281" s="5" t="s">
        <v>1519</v>
      </c>
      <c r="M6281" s="2" t="s">
        <v>1520</v>
      </c>
      <c r="N6281" s="5" t="s">
        <v>19227</v>
      </c>
      <c r="O6281" s="5" t="s">
        <v>38</v>
      </c>
      <c r="P6281" s="5" t="s">
        <v>39</v>
      </c>
      <c r="Q6281" s="5" t="s">
        <v>40</v>
      </c>
      <c r="R6281" s="5" t="s">
        <v>1487</v>
      </c>
      <c r="S6281" s="5"/>
      <c r="T6281" s="5" t="s">
        <v>42</v>
      </c>
      <c r="U6281" s="2">
        <v>0</v>
      </c>
      <c r="V6281" s="2">
        <v>0</v>
      </c>
      <c r="W6281" s="2">
        <v>0</v>
      </c>
      <c r="X6281" s="2">
        <v>0</v>
      </c>
      <c r="Y6281" s="2">
        <v>0</v>
      </c>
      <c r="Z6281" s="2">
        <v>0</v>
      </c>
      <c r="AA6281" s="5"/>
      <c r="AB6281" s="5" t="s">
        <v>43</v>
      </c>
      <c r="AC6281" s="5" t="s">
        <v>44</v>
      </c>
      <c r="AD6281" s="2"/>
      <c r="AE6281" s="1"/>
    </row>
    <row r="6282" spans="1:31" ht="14.45">
      <c r="A6282" s="11"/>
      <c r="B6282" s="20"/>
      <c r="C6282" s="2" t="s">
        <v>19318</v>
      </c>
      <c r="D6282" s="14" t="s">
        <v>19319</v>
      </c>
      <c r="E6282" s="2" t="s">
        <v>19320</v>
      </c>
      <c r="F6282" s="2" t="s">
        <v>7528</v>
      </c>
      <c r="G6282" s="8">
        <v>150</v>
      </c>
      <c r="H6282" s="5">
        <v>5</v>
      </c>
      <c r="I6282" s="5" t="s">
        <v>1518</v>
      </c>
      <c r="J6282" s="5" t="s">
        <v>1519</v>
      </c>
      <c r="K6282" s="2" t="s">
        <v>1520</v>
      </c>
      <c r="L6282" s="5" t="s">
        <v>1519</v>
      </c>
      <c r="M6282" s="2" t="s">
        <v>1520</v>
      </c>
      <c r="N6282" s="5" t="s">
        <v>19227</v>
      </c>
      <c r="O6282" s="5" t="s">
        <v>38</v>
      </c>
      <c r="P6282" s="5" t="s">
        <v>39</v>
      </c>
      <c r="Q6282" s="5" t="s">
        <v>40</v>
      </c>
      <c r="R6282" s="5" t="s">
        <v>1487</v>
      </c>
      <c r="S6282" s="5"/>
      <c r="T6282" s="5" t="s">
        <v>42</v>
      </c>
      <c r="U6282" s="2">
        <v>0</v>
      </c>
      <c r="V6282" s="2">
        <v>0</v>
      </c>
      <c r="W6282" s="2">
        <v>0</v>
      </c>
      <c r="X6282" s="2">
        <v>0</v>
      </c>
      <c r="Y6282" s="2">
        <v>0</v>
      </c>
      <c r="Z6282" s="2">
        <v>0</v>
      </c>
      <c r="AA6282" s="5"/>
      <c r="AB6282" s="5" t="s">
        <v>43</v>
      </c>
      <c r="AC6282" s="5" t="s">
        <v>44</v>
      </c>
      <c r="AD6282" s="2"/>
      <c r="AE6282" s="1"/>
    </row>
    <row r="6283" spans="1:31" ht="14.45">
      <c r="A6283" s="11"/>
      <c r="B6283" s="20"/>
      <c r="C6283" s="2" t="s">
        <v>19321</v>
      </c>
      <c r="D6283" s="14" t="s">
        <v>19322</v>
      </c>
      <c r="E6283" s="2" t="s">
        <v>19323</v>
      </c>
      <c r="F6283" s="2" t="s">
        <v>7396</v>
      </c>
      <c r="G6283" s="8">
        <v>160</v>
      </c>
      <c r="H6283" s="5">
        <v>5</v>
      </c>
      <c r="I6283" s="5" t="s">
        <v>1518</v>
      </c>
      <c r="J6283" s="5" t="s">
        <v>1519</v>
      </c>
      <c r="K6283" s="2" t="s">
        <v>1520</v>
      </c>
      <c r="L6283" s="5" t="s">
        <v>1519</v>
      </c>
      <c r="M6283" s="2" t="s">
        <v>1520</v>
      </c>
      <c r="N6283" s="5" t="s">
        <v>19227</v>
      </c>
      <c r="O6283" s="5" t="s">
        <v>38</v>
      </c>
      <c r="P6283" s="5" t="s">
        <v>39</v>
      </c>
      <c r="Q6283" s="5" t="s">
        <v>40</v>
      </c>
      <c r="R6283" s="5" t="s">
        <v>1487</v>
      </c>
      <c r="S6283" s="5"/>
      <c r="T6283" s="5" t="s">
        <v>42</v>
      </c>
      <c r="U6283" s="2">
        <v>0</v>
      </c>
      <c r="V6283" s="2">
        <v>0</v>
      </c>
      <c r="W6283" s="2">
        <v>0</v>
      </c>
      <c r="X6283" s="2">
        <v>0</v>
      </c>
      <c r="Y6283" s="2">
        <v>0</v>
      </c>
      <c r="Z6283" s="2">
        <v>0</v>
      </c>
      <c r="AA6283" s="5"/>
      <c r="AB6283" s="5" t="s">
        <v>43</v>
      </c>
      <c r="AC6283" s="5" t="s">
        <v>44</v>
      </c>
      <c r="AD6283" s="2"/>
      <c r="AE6283" s="1"/>
    </row>
    <row r="6284" spans="1:31" ht="14.45">
      <c r="A6284" s="11"/>
      <c r="B6284" s="20"/>
      <c r="C6284" s="2" t="s">
        <v>19324</v>
      </c>
      <c r="D6284" s="14" t="s">
        <v>19325</v>
      </c>
      <c r="E6284" s="2" t="s">
        <v>19326</v>
      </c>
      <c r="F6284" s="2" t="s">
        <v>7507</v>
      </c>
      <c r="G6284" s="8">
        <v>160</v>
      </c>
      <c r="H6284" s="5">
        <v>5</v>
      </c>
      <c r="I6284" s="5" t="s">
        <v>1518</v>
      </c>
      <c r="J6284" s="5" t="s">
        <v>1519</v>
      </c>
      <c r="K6284" s="2" t="s">
        <v>1520</v>
      </c>
      <c r="L6284" s="5" t="s">
        <v>1519</v>
      </c>
      <c r="M6284" s="2" t="s">
        <v>1520</v>
      </c>
      <c r="N6284" s="5" t="s">
        <v>19227</v>
      </c>
      <c r="O6284" s="5" t="s">
        <v>38</v>
      </c>
      <c r="P6284" s="5" t="s">
        <v>39</v>
      </c>
      <c r="Q6284" s="5" t="s">
        <v>40</v>
      </c>
      <c r="R6284" s="5" t="s">
        <v>1487</v>
      </c>
      <c r="S6284" s="5"/>
      <c r="T6284" s="5" t="s">
        <v>42</v>
      </c>
      <c r="U6284" s="2">
        <v>0</v>
      </c>
      <c r="V6284" s="2">
        <v>0</v>
      </c>
      <c r="W6284" s="2">
        <v>0</v>
      </c>
      <c r="X6284" s="2">
        <v>0</v>
      </c>
      <c r="Y6284" s="2">
        <v>0</v>
      </c>
      <c r="Z6284" s="2">
        <v>0</v>
      </c>
      <c r="AA6284" s="5"/>
      <c r="AB6284" s="5" t="s">
        <v>43</v>
      </c>
      <c r="AC6284" s="5" t="s">
        <v>44</v>
      </c>
      <c r="AD6284" s="2"/>
      <c r="AE6284" s="1"/>
    </row>
    <row r="6285" spans="1:31" ht="14.45">
      <c r="A6285" s="11"/>
      <c r="B6285" s="20"/>
      <c r="C6285" s="2" t="s">
        <v>19327</v>
      </c>
      <c r="D6285" s="14" t="s">
        <v>19328</v>
      </c>
      <c r="E6285" s="2" t="s">
        <v>19329</v>
      </c>
      <c r="F6285" s="2" t="s">
        <v>7204</v>
      </c>
      <c r="G6285" s="8">
        <v>160</v>
      </c>
      <c r="H6285" s="5">
        <v>5</v>
      </c>
      <c r="I6285" s="5" t="s">
        <v>1518</v>
      </c>
      <c r="J6285" s="5" t="s">
        <v>1519</v>
      </c>
      <c r="K6285" s="2" t="s">
        <v>1520</v>
      </c>
      <c r="L6285" s="5" t="s">
        <v>1519</v>
      </c>
      <c r="M6285" s="2" t="s">
        <v>1520</v>
      </c>
      <c r="N6285" s="5" t="s">
        <v>19227</v>
      </c>
      <c r="O6285" s="5" t="s">
        <v>38</v>
      </c>
      <c r="P6285" s="5" t="s">
        <v>39</v>
      </c>
      <c r="Q6285" s="5" t="s">
        <v>40</v>
      </c>
      <c r="R6285" s="5" t="s">
        <v>1487</v>
      </c>
      <c r="S6285" s="5"/>
      <c r="T6285" s="5" t="s">
        <v>42</v>
      </c>
      <c r="U6285" s="2">
        <v>0</v>
      </c>
      <c r="V6285" s="2">
        <v>0</v>
      </c>
      <c r="W6285" s="2">
        <v>0</v>
      </c>
      <c r="X6285" s="2">
        <v>0</v>
      </c>
      <c r="Y6285" s="2">
        <v>0</v>
      </c>
      <c r="Z6285" s="2">
        <v>0</v>
      </c>
      <c r="AA6285" s="5"/>
      <c r="AB6285" s="5" t="s">
        <v>43</v>
      </c>
      <c r="AC6285" s="5" t="s">
        <v>44</v>
      </c>
      <c r="AD6285" s="2"/>
      <c r="AE6285" s="1"/>
    </row>
    <row r="6286" spans="1:31" ht="14.45">
      <c r="A6286" s="11"/>
      <c r="B6286" s="20"/>
      <c r="C6286" s="2" t="s">
        <v>19330</v>
      </c>
      <c r="D6286" s="14" t="s">
        <v>19331</v>
      </c>
      <c r="E6286" s="2" t="s">
        <v>19332</v>
      </c>
      <c r="F6286" s="2" t="s">
        <v>7514</v>
      </c>
      <c r="G6286" s="8">
        <v>160</v>
      </c>
      <c r="H6286" s="5">
        <v>5</v>
      </c>
      <c r="I6286" s="5" t="s">
        <v>1518</v>
      </c>
      <c r="J6286" s="5" t="s">
        <v>1519</v>
      </c>
      <c r="K6286" s="2" t="s">
        <v>1520</v>
      </c>
      <c r="L6286" s="5" t="s">
        <v>1519</v>
      </c>
      <c r="M6286" s="2" t="s">
        <v>1520</v>
      </c>
      <c r="N6286" s="5" t="s">
        <v>19227</v>
      </c>
      <c r="O6286" s="5" t="s">
        <v>38</v>
      </c>
      <c r="P6286" s="5" t="s">
        <v>39</v>
      </c>
      <c r="Q6286" s="5" t="s">
        <v>40</v>
      </c>
      <c r="R6286" s="5" t="s">
        <v>1487</v>
      </c>
      <c r="S6286" s="5"/>
      <c r="T6286" s="5" t="s">
        <v>42</v>
      </c>
      <c r="U6286" s="2">
        <v>0</v>
      </c>
      <c r="V6286" s="2">
        <v>0</v>
      </c>
      <c r="W6286" s="2">
        <v>0</v>
      </c>
      <c r="X6286" s="2">
        <v>0</v>
      </c>
      <c r="Y6286" s="2">
        <v>0</v>
      </c>
      <c r="Z6286" s="2">
        <v>0</v>
      </c>
      <c r="AA6286" s="5"/>
      <c r="AB6286" s="5" t="s">
        <v>43</v>
      </c>
      <c r="AC6286" s="5" t="s">
        <v>44</v>
      </c>
      <c r="AD6286" s="2"/>
      <c r="AE6286" s="1"/>
    </row>
    <row r="6287" spans="1:31" ht="14.45">
      <c r="A6287" s="11"/>
      <c r="B6287" s="20"/>
      <c r="C6287" s="2" t="s">
        <v>19333</v>
      </c>
      <c r="D6287" s="14" t="s">
        <v>19334</v>
      </c>
      <c r="E6287" s="2" t="s">
        <v>19335</v>
      </c>
      <c r="F6287" s="2" t="s">
        <v>7208</v>
      </c>
      <c r="G6287" s="8">
        <v>160</v>
      </c>
      <c r="H6287" s="5">
        <v>5</v>
      </c>
      <c r="I6287" s="5" t="s">
        <v>1518</v>
      </c>
      <c r="J6287" s="5" t="s">
        <v>1519</v>
      </c>
      <c r="K6287" s="2" t="s">
        <v>1520</v>
      </c>
      <c r="L6287" s="5" t="s">
        <v>1519</v>
      </c>
      <c r="M6287" s="2" t="s">
        <v>1520</v>
      </c>
      <c r="N6287" s="5" t="s">
        <v>19227</v>
      </c>
      <c r="O6287" s="5" t="s">
        <v>38</v>
      </c>
      <c r="P6287" s="5" t="s">
        <v>39</v>
      </c>
      <c r="Q6287" s="5" t="s">
        <v>40</v>
      </c>
      <c r="R6287" s="5" t="s">
        <v>1487</v>
      </c>
      <c r="S6287" s="5"/>
      <c r="T6287" s="5" t="s">
        <v>42</v>
      </c>
      <c r="U6287" s="2">
        <v>0</v>
      </c>
      <c r="V6287" s="2">
        <v>0</v>
      </c>
      <c r="W6287" s="2">
        <v>0</v>
      </c>
      <c r="X6287" s="2">
        <v>0</v>
      </c>
      <c r="Y6287" s="2">
        <v>0</v>
      </c>
      <c r="Z6287" s="2">
        <v>0</v>
      </c>
      <c r="AA6287" s="5"/>
      <c r="AB6287" s="5" t="s">
        <v>43</v>
      </c>
      <c r="AC6287" s="5" t="s">
        <v>44</v>
      </c>
      <c r="AD6287" s="2"/>
      <c r="AE6287" s="1"/>
    </row>
    <row r="6288" spans="1:31" ht="14.45">
      <c r="A6288" s="11"/>
      <c r="B6288" s="20"/>
      <c r="C6288" s="2" t="s">
        <v>19336</v>
      </c>
      <c r="D6288" s="14" t="s">
        <v>19337</v>
      </c>
      <c r="E6288" s="2" t="s">
        <v>19338</v>
      </c>
      <c r="F6288" s="2" t="s">
        <v>7521</v>
      </c>
      <c r="G6288" s="8">
        <v>160</v>
      </c>
      <c r="H6288" s="5">
        <v>5</v>
      </c>
      <c r="I6288" s="5" t="s">
        <v>1518</v>
      </c>
      <c r="J6288" s="5" t="s">
        <v>1519</v>
      </c>
      <c r="K6288" s="2" t="s">
        <v>1520</v>
      </c>
      <c r="L6288" s="5" t="s">
        <v>1519</v>
      </c>
      <c r="M6288" s="2" t="s">
        <v>1520</v>
      </c>
      <c r="N6288" s="5" t="s">
        <v>19227</v>
      </c>
      <c r="O6288" s="5" t="s">
        <v>38</v>
      </c>
      <c r="P6288" s="5" t="s">
        <v>39</v>
      </c>
      <c r="Q6288" s="5" t="s">
        <v>40</v>
      </c>
      <c r="R6288" s="5" t="s">
        <v>1487</v>
      </c>
      <c r="S6288" s="5"/>
      <c r="T6288" s="5" t="s">
        <v>42</v>
      </c>
      <c r="U6288" s="2">
        <v>0</v>
      </c>
      <c r="V6288" s="2">
        <v>0</v>
      </c>
      <c r="W6288" s="2">
        <v>0</v>
      </c>
      <c r="X6288" s="2">
        <v>0</v>
      </c>
      <c r="Y6288" s="2">
        <v>0</v>
      </c>
      <c r="Z6288" s="2">
        <v>0</v>
      </c>
      <c r="AA6288" s="5"/>
      <c r="AB6288" s="5" t="s">
        <v>43</v>
      </c>
      <c r="AC6288" s="5" t="s">
        <v>44</v>
      </c>
      <c r="AD6288" s="2"/>
      <c r="AE6288" s="1"/>
    </row>
    <row r="6289" spans="1:31" ht="14.45">
      <c r="A6289" s="11"/>
      <c r="B6289" s="20"/>
      <c r="C6289" s="2" t="s">
        <v>19339</v>
      </c>
      <c r="D6289" s="14" t="s">
        <v>19340</v>
      </c>
      <c r="E6289" s="2" t="s">
        <v>19341</v>
      </c>
      <c r="F6289" s="2" t="s">
        <v>7212</v>
      </c>
      <c r="G6289" s="8">
        <v>160</v>
      </c>
      <c r="H6289" s="5">
        <v>5</v>
      </c>
      <c r="I6289" s="5" t="s">
        <v>1518</v>
      </c>
      <c r="J6289" s="5" t="s">
        <v>1519</v>
      </c>
      <c r="K6289" s="2" t="s">
        <v>1520</v>
      </c>
      <c r="L6289" s="5" t="s">
        <v>1519</v>
      </c>
      <c r="M6289" s="2" t="s">
        <v>1520</v>
      </c>
      <c r="N6289" s="5" t="s">
        <v>19227</v>
      </c>
      <c r="O6289" s="5" t="s">
        <v>38</v>
      </c>
      <c r="P6289" s="5" t="s">
        <v>39</v>
      </c>
      <c r="Q6289" s="5" t="s">
        <v>40</v>
      </c>
      <c r="R6289" s="5" t="s">
        <v>1487</v>
      </c>
      <c r="S6289" s="5"/>
      <c r="T6289" s="5" t="s">
        <v>42</v>
      </c>
      <c r="U6289" s="2">
        <v>0</v>
      </c>
      <c r="V6289" s="2">
        <v>0</v>
      </c>
      <c r="W6289" s="2">
        <v>0</v>
      </c>
      <c r="X6289" s="2">
        <v>0</v>
      </c>
      <c r="Y6289" s="2">
        <v>0</v>
      </c>
      <c r="Z6289" s="2">
        <v>0</v>
      </c>
      <c r="AA6289" s="5"/>
      <c r="AB6289" s="5" t="s">
        <v>43</v>
      </c>
      <c r="AC6289" s="5" t="s">
        <v>44</v>
      </c>
      <c r="AD6289" s="2"/>
      <c r="AE6289" s="1"/>
    </row>
    <row r="6290" spans="1:31" ht="14.45">
      <c r="A6290" s="11"/>
      <c r="B6290" s="20"/>
      <c r="C6290" s="2" t="s">
        <v>19342</v>
      </c>
      <c r="D6290" s="14" t="s">
        <v>19343</v>
      </c>
      <c r="E6290" s="2" t="s">
        <v>19344</v>
      </c>
      <c r="F6290" s="2" t="s">
        <v>7528</v>
      </c>
      <c r="G6290" s="8">
        <v>160</v>
      </c>
      <c r="H6290" s="5">
        <v>5</v>
      </c>
      <c r="I6290" s="5" t="s">
        <v>1518</v>
      </c>
      <c r="J6290" s="5" t="s">
        <v>1519</v>
      </c>
      <c r="K6290" s="2" t="s">
        <v>1520</v>
      </c>
      <c r="L6290" s="5" t="s">
        <v>1519</v>
      </c>
      <c r="M6290" s="2" t="s">
        <v>1520</v>
      </c>
      <c r="N6290" s="5" t="s">
        <v>19227</v>
      </c>
      <c r="O6290" s="5" t="s">
        <v>38</v>
      </c>
      <c r="P6290" s="5" t="s">
        <v>39</v>
      </c>
      <c r="Q6290" s="5" t="s">
        <v>40</v>
      </c>
      <c r="R6290" s="5" t="s">
        <v>1487</v>
      </c>
      <c r="S6290" s="5"/>
      <c r="T6290" s="5" t="s">
        <v>42</v>
      </c>
      <c r="U6290" s="2">
        <v>0</v>
      </c>
      <c r="V6290" s="2">
        <v>0</v>
      </c>
      <c r="W6290" s="2">
        <v>0</v>
      </c>
      <c r="X6290" s="2">
        <v>0</v>
      </c>
      <c r="Y6290" s="2">
        <v>0</v>
      </c>
      <c r="Z6290" s="2">
        <v>0</v>
      </c>
      <c r="AA6290" s="5"/>
      <c r="AB6290" s="5" t="s">
        <v>43</v>
      </c>
      <c r="AC6290" s="5" t="s">
        <v>44</v>
      </c>
      <c r="AD6290" s="2"/>
      <c r="AE6290" s="1"/>
    </row>
    <row r="6291" spans="1:31" ht="14.45">
      <c r="A6291" s="11"/>
      <c r="B6291" s="20"/>
      <c r="C6291" s="2" t="s">
        <v>19345</v>
      </c>
      <c r="D6291" s="14" t="s">
        <v>19346</v>
      </c>
      <c r="E6291" s="2" t="s">
        <v>19347</v>
      </c>
      <c r="F6291" s="2" t="s">
        <v>7396</v>
      </c>
      <c r="G6291" s="8">
        <v>169</v>
      </c>
      <c r="H6291" s="5">
        <v>5</v>
      </c>
      <c r="I6291" s="5" t="s">
        <v>1518</v>
      </c>
      <c r="J6291" s="5" t="s">
        <v>1519</v>
      </c>
      <c r="K6291" s="2" t="s">
        <v>1520</v>
      </c>
      <c r="L6291" s="5" t="s">
        <v>1519</v>
      </c>
      <c r="M6291" s="2" t="s">
        <v>1520</v>
      </c>
      <c r="N6291" s="5" t="s">
        <v>19227</v>
      </c>
      <c r="O6291" s="5" t="s">
        <v>38</v>
      </c>
      <c r="P6291" s="5" t="s">
        <v>39</v>
      </c>
      <c r="Q6291" s="5" t="s">
        <v>40</v>
      </c>
      <c r="R6291" s="5" t="s">
        <v>1487</v>
      </c>
      <c r="S6291" s="5"/>
      <c r="T6291" s="5" t="s">
        <v>42</v>
      </c>
      <c r="U6291" s="2">
        <v>0</v>
      </c>
      <c r="V6291" s="2">
        <v>0</v>
      </c>
      <c r="W6291" s="2">
        <v>0</v>
      </c>
      <c r="X6291" s="2">
        <v>0</v>
      </c>
      <c r="Y6291" s="2">
        <v>0</v>
      </c>
      <c r="Z6291" s="2">
        <v>0</v>
      </c>
      <c r="AA6291" s="5"/>
      <c r="AB6291" s="5" t="s">
        <v>43</v>
      </c>
      <c r="AC6291" s="5" t="s">
        <v>44</v>
      </c>
      <c r="AD6291" s="2"/>
      <c r="AE6291" s="1"/>
    </row>
    <row r="6292" spans="1:31" ht="14.45">
      <c r="A6292" s="11"/>
      <c r="B6292" s="20"/>
      <c r="C6292" s="2" t="s">
        <v>19348</v>
      </c>
      <c r="D6292" s="14" t="s">
        <v>19349</v>
      </c>
      <c r="E6292" s="2" t="s">
        <v>19350</v>
      </c>
      <c r="F6292" s="2" t="s">
        <v>7507</v>
      </c>
      <c r="G6292" s="8">
        <v>169</v>
      </c>
      <c r="H6292" s="5">
        <v>5</v>
      </c>
      <c r="I6292" s="5" t="s">
        <v>1518</v>
      </c>
      <c r="J6292" s="5" t="s">
        <v>1519</v>
      </c>
      <c r="K6292" s="2" t="s">
        <v>1520</v>
      </c>
      <c r="L6292" s="5" t="s">
        <v>1519</v>
      </c>
      <c r="M6292" s="2" t="s">
        <v>1520</v>
      </c>
      <c r="N6292" s="5" t="s">
        <v>19227</v>
      </c>
      <c r="O6292" s="5" t="s">
        <v>38</v>
      </c>
      <c r="P6292" s="5" t="s">
        <v>39</v>
      </c>
      <c r="Q6292" s="5" t="s">
        <v>40</v>
      </c>
      <c r="R6292" s="5" t="s">
        <v>1487</v>
      </c>
      <c r="S6292" s="5"/>
      <c r="T6292" s="5" t="s">
        <v>42</v>
      </c>
      <c r="U6292" s="2">
        <v>0</v>
      </c>
      <c r="V6292" s="2">
        <v>0</v>
      </c>
      <c r="W6292" s="2">
        <v>0</v>
      </c>
      <c r="X6292" s="2">
        <v>0</v>
      </c>
      <c r="Y6292" s="2">
        <v>0</v>
      </c>
      <c r="Z6292" s="2">
        <v>0</v>
      </c>
      <c r="AA6292" s="5"/>
      <c r="AB6292" s="5" t="s">
        <v>43</v>
      </c>
      <c r="AC6292" s="5" t="s">
        <v>44</v>
      </c>
      <c r="AD6292" s="2"/>
      <c r="AE6292" s="1"/>
    </row>
    <row r="6293" spans="1:31" ht="14.45">
      <c r="A6293" s="11"/>
      <c r="B6293" s="20"/>
      <c r="C6293" s="2" t="s">
        <v>19351</v>
      </c>
      <c r="D6293" s="14" t="s">
        <v>19352</v>
      </c>
      <c r="E6293" s="2" t="s">
        <v>19353</v>
      </c>
      <c r="F6293" s="2" t="s">
        <v>7204</v>
      </c>
      <c r="G6293" s="8">
        <v>169</v>
      </c>
      <c r="H6293" s="5">
        <v>5</v>
      </c>
      <c r="I6293" s="5" t="s">
        <v>1518</v>
      </c>
      <c r="J6293" s="5" t="s">
        <v>1519</v>
      </c>
      <c r="K6293" s="2" t="s">
        <v>1520</v>
      </c>
      <c r="L6293" s="5" t="s">
        <v>1519</v>
      </c>
      <c r="M6293" s="2" t="s">
        <v>1520</v>
      </c>
      <c r="N6293" s="5" t="s">
        <v>19227</v>
      </c>
      <c r="O6293" s="5" t="s">
        <v>38</v>
      </c>
      <c r="P6293" s="5" t="s">
        <v>39</v>
      </c>
      <c r="Q6293" s="5" t="s">
        <v>40</v>
      </c>
      <c r="R6293" s="5" t="s">
        <v>1487</v>
      </c>
      <c r="S6293" s="5"/>
      <c r="T6293" s="5" t="s">
        <v>42</v>
      </c>
      <c r="U6293" s="2">
        <v>0</v>
      </c>
      <c r="V6293" s="2">
        <v>0</v>
      </c>
      <c r="W6293" s="2">
        <v>0</v>
      </c>
      <c r="X6293" s="2">
        <v>0</v>
      </c>
      <c r="Y6293" s="2">
        <v>0</v>
      </c>
      <c r="Z6293" s="2">
        <v>0</v>
      </c>
      <c r="AA6293" s="5"/>
      <c r="AB6293" s="5" t="s">
        <v>43</v>
      </c>
      <c r="AC6293" s="5" t="s">
        <v>44</v>
      </c>
      <c r="AD6293" s="2"/>
      <c r="AE6293" s="1"/>
    </row>
    <row r="6294" spans="1:31" ht="14.45">
      <c r="A6294" s="11"/>
      <c r="B6294" s="20"/>
      <c r="C6294" s="2" t="s">
        <v>19354</v>
      </c>
      <c r="D6294" s="14" t="s">
        <v>19355</v>
      </c>
      <c r="E6294" s="2" t="s">
        <v>19356</v>
      </c>
      <c r="F6294" s="2" t="s">
        <v>7514</v>
      </c>
      <c r="G6294" s="8">
        <v>169</v>
      </c>
      <c r="H6294" s="5">
        <v>5</v>
      </c>
      <c r="I6294" s="5" t="s">
        <v>1518</v>
      </c>
      <c r="J6294" s="5" t="s">
        <v>1519</v>
      </c>
      <c r="K6294" s="2" t="s">
        <v>1520</v>
      </c>
      <c r="L6294" s="5" t="s">
        <v>1519</v>
      </c>
      <c r="M6294" s="2" t="s">
        <v>1520</v>
      </c>
      <c r="N6294" s="5" t="s">
        <v>19227</v>
      </c>
      <c r="O6294" s="5" t="s">
        <v>38</v>
      </c>
      <c r="P6294" s="5" t="s">
        <v>39</v>
      </c>
      <c r="Q6294" s="5" t="s">
        <v>40</v>
      </c>
      <c r="R6294" s="5" t="s">
        <v>1487</v>
      </c>
      <c r="S6294" s="5"/>
      <c r="T6294" s="5" t="s">
        <v>42</v>
      </c>
      <c r="U6294" s="2">
        <v>0</v>
      </c>
      <c r="V6294" s="2">
        <v>0</v>
      </c>
      <c r="W6294" s="2">
        <v>0</v>
      </c>
      <c r="X6294" s="2">
        <v>0</v>
      </c>
      <c r="Y6294" s="2">
        <v>0</v>
      </c>
      <c r="Z6294" s="2">
        <v>0</v>
      </c>
      <c r="AA6294" s="5"/>
      <c r="AB6294" s="5" t="s">
        <v>43</v>
      </c>
      <c r="AC6294" s="5" t="s">
        <v>44</v>
      </c>
      <c r="AD6294" s="2"/>
      <c r="AE6294" s="1"/>
    </row>
    <row r="6295" spans="1:31" ht="14.45">
      <c r="A6295" s="11"/>
      <c r="B6295" s="20"/>
      <c r="C6295" s="2" t="s">
        <v>19357</v>
      </c>
      <c r="D6295" s="14" t="s">
        <v>19358</v>
      </c>
      <c r="E6295" s="2" t="s">
        <v>19359</v>
      </c>
      <c r="F6295" s="2" t="s">
        <v>7208</v>
      </c>
      <c r="G6295" s="8">
        <v>169</v>
      </c>
      <c r="H6295" s="5">
        <v>5</v>
      </c>
      <c r="I6295" s="5" t="s">
        <v>1518</v>
      </c>
      <c r="J6295" s="5" t="s">
        <v>1519</v>
      </c>
      <c r="K6295" s="2" t="s">
        <v>1520</v>
      </c>
      <c r="L6295" s="5" t="s">
        <v>1519</v>
      </c>
      <c r="M6295" s="2" t="s">
        <v>1520</v>
      </c>
      <c r="N6295" s="5" t="s">
        <v>19227</v>
      </c>
      <c r="O6295" s="5" t="s">
        <v>38</v>
      </c>
      <c r="P6295" s="5" t="s">
        <v>39</v>
      </c>
      <c r="Q6295" s="5" t="s">
        <v>40</v>
      </c>
      <c r="R6295" s="5" t="s">
        <v>1487</v>
      </c>
      <c r="S6295" s="5"/>
      <c r="T6295" s="5" t="s">
        <v>42</v>
      </c>
      <c r="U6295" s="2">
        <v>0</v>
      </c>
      <c r="V6295" s="2">
        <v>0</v>
      </c>
      <c r="W6295" s="2">
        <v>0</v>
      </c>
      <c r="X6295" s="2">
        <v>0</v>
      </c>
      <c r="Y6295" s="2">
        <v>0</v>
      </c>
      <c r="Z6295" s="2">
        <v>0</v>
      </c>
      <c r="AA6295" s="5"/>
      <c r="AB6295" s="5" t="s">
        <v>43</v>
      </c>
      <c r="AC6295" s="5" t="s">
        <v>44</v>
      </c>
      <c r="AD6295" s="2"/>
      <c r="AE6295" s="1"/>
    </row>
    <row r="6296" spans="1:31" ht="14.45">
      <c r="A6296" s="11"/>
      <c r="B6296" s="20"/>
      <c r="C6296" s="2" t="s">
        <v>19360</v>
      </c>
      <c r="D6296" s="14" t="s">
        <v>19361</v>
      </c>
      <c r="E6296" s="2" t="s">
        <v>19362</v>
      </c>
      <c r="F6296" s="2" t="s">
        <v>7521</v>
      </c>
      <c r="G6296" s="8">
        <v>169</v>
      </c>
      <c r="H6296" s="5">
        <v>5</v>
      </c>
      <c r="I6296" s="5" t="s">
        <v>1518</v>
      </c>
      <c r="J6296" s="5" t="s">
        <v>1519</v>
      </c>
      <c r="K6296" s="2" t="s">
        <v>1520</v>
      </c>
      <c r="L6296" s="5" t="s">
        <v>1519</v>
      </c>
      <c r="M6296" s="2" t="s">
        <v>1520</v>
      </c>
      <c r="N6296" s="5" t="s">
        <v>19227</v>
      </c>
      <c r="O6296" s="5" t="s">
        <v>38</v>
      </c>
      <c r="P6296" s="5" t="s">
        <v>39</v>
      </c>
      <c r="Q6296" s="5" t="s">
        <v>40</v>
      </c>
      <c r="R6296" s="5" t="s">
        <v>1487</v>
      </c>
      <c r="S6296" s="5"/>
      <c r="T6296" s="5" t="s">
        <v>42</v>
      </c>
      <c r="U6296" s="2">
        <v>0</v>
      </c>
      <c r="V6296" s="2">
        <v>0</v>
      </c>
      <c r="W6296" s="2">
        <v>0</v>
      </c>
      <c r="X6296" s="2">
        <v>0</v>
      </c>
      <c r="Y6296" s="2">
        <v>0</v>
      </c>
      <c r="Z6296" s="2">
        <v>0</v>
      </c>
      <c r="AA6296" s="5"/>
      <c r="AB6296" s="5" t="s">
        <v>43</v>
      </c>
      <c r="AC6296" s="5" t="s">
        <v>44</v>
      </c>
      <c r="AD6296" s="2"/>
      <c r="AE6296" s="1"/>
    </row>
    <row r="6297" spans="1:31" ht="14.45">
      <c r="A6297" s="11"/>
      <c r="B6297" s="20"/>
      <c r="C6297" s="2" t="s">
        <v>19363</v>
      </c>
      <c r="D6297" s="14" t="s">
        <v>19364</v>
      </c>
      <c r="E6297" s="2" t="s">
        <v>19365</v>
      </c>
      <c r="F6297" s="2" t="s">
        <v>7212</v>
      </c>
      <c r="G6297" s="8">
        <v>169</v>
      </c>
      <c r="H6297" s="5">
        <v>5</v>
      </c>
      <c r="I6297" s="5" t="s">
        <v>1518</v>
      </c>
      <c r="J6297" s="5" t="s">
        <v>1519</v>
      </c>
      <c r="K6297" s="2" t="s">
        <v>1520</v>
      </c>
      <c r="L6297" s="5" t="s">
        <v>1519</v>
      </c>
      <c r="M6297" s="2" t="s">
        <v>1520</v>
      </c>
      <c r="N6297" s="5" t="s">
        <v>19227</v>
      </c>
      <c r="O6297" s="5" t="s">
        <v>38</v>
      </c>
      <c r="P6297" s="5" t="s">
        <v>39</v>
      </c>
      <c r="Q6297" s="5" t="s">
        <v>40</v>
      </c>
      <c r="R6297" s="5" t="s">
        <v>1487</v>
      </c>
      <c r="S6297" s="5"/>
      <c r="T6297" s="5" t="s">
        <v>42</v>
      </c>
      <c r="U6297" s="2">
        <v>0</v>
      </c>
      <c r="V6297" s="2">
        <v>0</v>
      </c>
      <c r="W6297" s="2">
        <v>0</v>
      </c>
      <c r="X6297" s="2">
        <v>0</v>
      </c>
      <c r="Y6297" s="2">
        <v>0</v>
      </c>
      <c r="Z6297" s="2">
        <v>0</v>
      </c>
      <c r="AA6297" s="5"/>
      <c r="AB6297" s="5" t="s">
        <v>43</v>
      </c>
      <c r="AC6297" s="5" t="s">
        <v>44</v>
      </c>
      <c r="AD6297" s="2"/>
      <c r="AE6297" s="1"/>
    </row>
    <row r="6298" spans="1:31" ht="14.45">
      <c r="A6298" s="11"/>
      <c r="B6298" s="20"/>
      <c r="C6298" s="2" t="s">
        <v>19366</v>
      </c>
      <c r="D6298" s="14" t="s">
        <v>19367</v>
      </c>
      <c r="E6298" s="2" t="s">
        <v>19368</v>
      </c>
      <c r="F6298" s="2" t="s">
        <v>7528</v>
      </c>
      <c r="G6298" s="8">
        <v>169</v>
      </c>
      <c r="H6298" s="5">
        <v>5</v>
      </c>
      <c r="I6298" s="5" t="s">
        <v>1518</v>
      </c>
      <c r="J6298" s="5" t="s">
        <v>1519</v>
      </c>
      <c r="K6298" s="2" t="s">
        <v>1520</v>
      </c>
      <c r="L6298" s="5" t="s">
        <v>1519</v>
      </c>
      <c r="M6298" s="2" t="s">
        <v>1520</v>
      </c>
      <c r="N6298" s="5" t="s">
        <v>19227</v>
      </c>
      <c r="O6298" s="5" t="s">
        <v>38</v>
      </c>
      <c r="P6298" s="5" t="s">
        <v>39</v>
      </c>
      <c r="Q6298" s="5" t="s">
        <v>40</v>
      </c>
      <c r="R6298" s="5" t="s">
        <v>1487</v>
      </c>
      <c r="S6298" s="5"/>
      <c r="T6298" s="5" t="s">
        <v>42</v>
      </c>
      <c r="U6298" s="2">
        <v>0</v>
      </c>
      <c r="V6298" s="2">
        <v>0</v>
      </c>
      <c r="W6298" s="2">
        <v>0</v>
      </c>
      <c r="X6298" s="2">
        <v>0</v>
      </c>
      <c r="Y6298" s="2">
        <v>0</v>
      </c>
      <c r="Z6298" s="2">
        <v>0</v>
      </c>
      <c r="AA6298" s="5"/>
      <c r="AB6298" s="5" t="s">
        <v>43</v>
      </c>
      <c r="AC6298" s="5" t="s">
        <v>44</v>
      </c>
      <c r="AD6298" s="2"/>
      <c r="AE6298" s="1"/>
    </row>
    <row r="6299" spans="1:31" ht="14.45">
      <c r="A6299" s="11"/>
      <c r="B6299" s="20"/>
      <c r="C6299" s="2" t="s">
        <v>19369</v>
      </c>
      <c r="D6299" s="14" t="s">
        <v>19370</v>
      </c>
      <c r="E6299" s="2" t="s">
        <v>19371</v>
      </c>
      <c r="F6299" s="2" t="s">
        <v>7396</v>
      </c>
      <c r="G6299" s="8">
        <v>169</v>
      </c>
      <c r="H6299" s="5">
        <v>5</v>
      </c>
      <c r="I6299" s="5" t="s">
        <v>1518</v>
      </c>
      <c r="J6299" s="5" t="s">
        <v>1519</v>
      </c>
      <c r="K6299" s="2" t="s">
        <v>1520</v>
      </c>
      <c r="L6299" s="5" t="s">
        <v>1519</v>
      </c>
      <c r="M6299" s="2" t="s">
        <v>1520</v>
      </c>
      <c r="N6299" s="5" t="s">
        <v>19227</v>
      </c>
      <c r="O6299" s="5" t="s">
        <v>38</v>
      </c>
      <c r="P6299" s="5" t="s">
        <v>39</v>
      </c>
      <c r="Q6299" s="5" t="s">
        <v>40</v>
      </c>
      <c r="R6299" s="5" t="s">
        <v>1487</v>
      </c>
      <c r="S6299" s="5"/>
      <c r="T6299" s="5" t="s">
        <v>42</v>
      </c>
      <c r="U6299" s="2">
        <v>0</v>
      </c>
      <c r="V6299" s="2">
        <v>0</v>
      </c>
      <c r="W6299" s="2">
        <v>0</v>
      </c>
      <c r="X6299" s="2">
        <v>0</v>
      </c>
      <c r="Y6299" s="2">
        <v>0</v>
      </c>
      <c r="Z6299" s="2">
        <v>0</v>
      </c>
      <c r="AA6299" s="5"/>
      <c r="AB6299" s="5" t="s">
        <v>43</v>
      </c>
      <c r="AC6299" s="5" t="s">
        <v>44</v>
      </c>
      <c r="AD6299" s="2"/>
      <c r="AE6299" s="1"/>
    </row>
    <row r="6300" spans="1:31" ht="14.45">
      <c r="A6300" s="11"/>
      <c r="B6300" s="20"/>
      <c r="C6300" s="2" t="s">
        <v>19372</v>
      </c>
      <c r="D6300" s="14" t="s">
        <v>19373</v>
      </c>
      <c r="E6300" s="2" t="s">
        <v>19374</v>
      </c>
      <c r="F6300" s="2" t="s">
        <v>7507</v>
      </c>
      <c r="G6300" s="8">
        <v>169</v>
      </c>
      <c r="H6300" s="5">
        <v>5</v>
      </c>
      <c r="I6300" s="5" t="s">
        <v>1518</v>
      </c>
      <c r="J6300" s="5" t="s">
        <v>1519</v>
      </c>
      <c r="K6300" s="2" t="s">
        <v>1520</v>
      </c>
      <c r="L6300" s="5" t="s">
        <v>1519</v>
      </c>
      <c r="M6300" s="2" t="s">
        <v>1520</v>
      </c>
      <c r="N6300" s="5" t="s">
        <v>19227</v>
      </c>
      <c r="O6300" s="5" t="s">
        <v>38</v>
      </c>
      <c r="P6300" s="5" t="s">
        <v>39</v>
      </c>
      <c r="Q6300" s="5" t="s">
        <v>40</v>
      </c>
      <c r="R6300" s="5" t="s">
        <v>1487</v>
      </c>
      <c r="S6300" s="5"/>
      <c r="T6300" s="5" t="s">
        <v>42</v>
      </c>
      <c r="U6300" s="2">
        <v>0</v>
      </c>
      <c r="V6300" s="2">
        <v>0</v>
      </c>
      <c r="W6300" s="2">
        <v>0</v>
      </c>
      <c r="X6300" s="2">
        <v>0</v>
      </c>
      <c r="Y6300" s="2">
        <v>0</v>
      </c>
      <c r="Z6300" s="2">
        <v>0</v>
      </c>
      <c r="AA6300" s="5"/>
      <c r="AB6300" s="5" t="s">
        <v>43</v>
      </c>
      <c r="AC6300" s="5" t="s">
        <v>44</v>
      </c>
      <c r="AD6300" s="2"/>
      <c r="AE6300" s="1"/>
    </row>
    <row r="6301" spans="1:31" ht="14.45">
      <c r="A6301" s="11"/>
      <c r="B6301" s="20"/>
      <c r="C6301" s="2" t="s">
        <v>19375</v>
      </c>
      <c r="D6301" s="14" t="s">
        <v>19376</v>
      </c>
      <c r="E6301" s="2" t="s">
        <v>19377</v>
      </c>
      <c r="F6301" s="2" t="s">
        <v>7204</v>
      </c>
      <c r="G6301" s="8">
        <v>169</v>
      </c>
      <c r="H6301" s="5">
        <v>5</v>
      </c>
      <c r="I6301" s="5" t="s">
        <v>1518</v>
      </c>
      <c r="J6301" s="5" t="s">
        <v>1519</v>
      </c>
      <c r="K6301" s="2" t="s">
        <v>1520</v>
      </c>
      <c r="L6301" s="5" t="s">
        <v>1519</v>
      </c>
      <c r="M6301" s="2" t="s">
        <v>1520</v>
      </c>
      <c r="N6301" s="5" t="s">
        <v>19227</v>
      </c>
      <c r="O6301" s="5" t="s">
        <v>38</v>
      </c>
      <c r="P6301" s="5" t="s">
        <v>39</v>
      </c>
      <c r="Q6301" s="5" t="s">
        <v>40</v>
      </c>
      <c r="R6301" s="5" t="s">
        <v>1487</v>
      </c>
      <c r="S6301" s="5"/>
      <c r="T6301" s="5" t="s">
        <v>42</v>
      </c>
      <c r="U6301" s="2">
        <v>0</v>
      </c>
      <c r="V6301" s="2">
        <v>0</v>
      </c>
      <c r="W6301" s="2">
        <v>0</v>
      </c>
      <c r="X6301" s="2">
        <v>0</v>
      </c>
      <c r="Y6301" s="2">
        <v>0</v>
      </c>
      <c r="Z6301" s="2">
        <v>0</v>
      </c>
      <c r="AA6301" s="5"/>
      <c r="AB6301" s="5" t="s">
        <v>43</v>
      </c>
      <c r="AC6301" s="5" t="s">
        <v>44</v>
      </c>
      <c r="AD6301" s="2"/>
      <c r="AE6301" s="1"/>
    </row>
    <row r="6302" spans="1:31" ht="14.45">
      <c r="A6302" s="11"/>
      <c r="B6302" s="20"/>
      <c r="C6302" s="2" t="s">
        <v>19378</v>
      </c>
      <c r="D6302" s="14" t="s">
        <v>19379</v>
      </c>
      <c r="E6302" s="2" t="s">
        <v>19380</v>
      </c>
      <c r="F6302" s="2" t="s">
        <v>7514</v>
      </c>
      <c r="G6302" s="8">
        <v>169</v>
      </c>
      <c r="H6302" s="5">
        <v>5</v>
      </c>
      <c r="I6302" s="5" t="s">
        <v>1518</v>
      </c>
      <c r="J6302" s="5" t="s">
        <v>1519</v>
      </c>
      <c r="K6302" s="2" t="s">
        <v>1520</v>
      </c>
      <c r="L6302" s="5" t="s">
        <v>1519</v>
      </c>
      <c r="M6302" s="2" t="s">
        <v>1520</v>
      </c>
      <c r="N6302" s="5" t="s">
        <v>19227</v>
      </c>
      <c r="O6302" s="5" t="s">
        <v>38</v>
      </c>
      <c r="P6302" s="5" t="s">
        <v>39</v>
      </c>
      <c r="Q6302" s="5" t="s">
        <v>40</v>
      </c>
      <c r="R6302" s="5" t="s">
        <v>1487</v>
      </c>
      <c r="S6302" s="5"/>
      <c r="T6302" s="5" t="s">
        <v>42</v>
      </c>
      <c r="U6302" s="2">
        <v>0</v>
      </c>
      <c r="V6302" s="2">
        <v>0</v>
      </c>
      <c r="W6302" s="2">
        <v>0</v>
      </c>
      <c r="X6302" s="2">
        <v>0</v>
      </c>
      <c r="Y6302" s="2">
        <v>0</v>
      </c>
      <c r="Z6302" s="2">
        <v>0</v>
      </c>
      <c r="AA6302" s="5"/>
      <c r="AB6302" s="5" t="s">
        <v>43</v>
      </c>
      <c r="AC6302" s="5" t="s">
        <v>44</v>
      </c>
      <c r="AD6302" s="2"/>
      <c r="AE6302" s="1"/>
    </row>
    <row r="6303" spans="1:31" ht="14.45">
      <c r="A6303" s="11"/>
      <c r="B6303" s="20"/>
      <c r="C6303" s="2" t="s">
        <v>19381</v>
      </c>
      <c r="D6303" s="14" t="s">
        <v>19382</v>
      </c>
      <c r="E6303" s="2" t="s">
        <v>19383</v>
      </c>
      <c r="F6303" s="2" t="s">
        <v>7208</v>
      </c>
      <c r="G6303" s="8">
        <v>169</v>
      </c>
      <c r="H6303" s="5">
        <v>5</v>
      </c>
      <c r="I6303" s="5" t="s">
        <v>1518</v>
      </c>
      <c r="J6303" s="5" t="s">
        <v>1519</v>
      </c>
      <c r="K6303" s="2" t="s">
        <v>1520</v>
      </c>
      <c r="L6303" s="5" t="s">
        <v>1519</v>
      </c>
      <c r="M6303" s="2" t="s">
        <v>1520</v>
      </c>
      <c r="N6303" s="5" t="s">
        <v>19227</v>
      </c>
      <c r="O6303" s="5" t="s">
        <v>38</v>
      </c>
      <c r="P6303" s="5" t="s">
        <v>39</v>
      </c>
      <c r="Q6303" s="5" t="s">
        <v>40</v>
      </c>
      <c r="R6303" s="5" t="s">
        <v>1487</v>
      </c>
      <c r="S6303" s="5"/>
      <c r="T6303" s="5" t="s">
        <v>42</v>
      </c>
      <c r="U6303" s="2">
        <v>0</v>
      </c>
      <c r="V6303" s="2">
        <v>0</v>
      </c>
      <c r="W6303" s="2">
        <v>0</v>
      </c>
      <c r="X6303" s="2">
        <v>0</v>
      </c>
      <c r="Y6303" s="2">
        <v>0</v>
      </c>
      <c r="Z6303" s="2">
        <v>0</v>
      </c>
      <c r="AA6303" s="5"/>
      <c r="AB6303" s="5" t="s">
        <v>43</v>
      </c>
      <c r="AC6303" s="5" t="s">
        <v>44</v>
      </c>
      <c r="AD6303" s="2"/>
      <c r="AE6303" s="1"/>
    </row>
    <row r="6304" spans="1:31" ht="14.45">
      <c r="A6304" s="11"/>
      <c r="B6304" s="20"/>
      <c r="C6304" s="2" t="s">
        <v>19384</v>
      </c>
      <c r="D6304" s="14" t="s">
        <v>19385</v>
      </c>
      <c r="E6304" s="2" t="s">
        <v>19386</v>
      </c>
      <c r="F6304" s="2" t="s">
        <v>7521</v>
      </c>
      <c r="G6304" s="8">
        <v>169</v>
      </c>
      <c r="H6304" s="5">
        <v>5</v>
      </c>
      <c r="I6304" s="5" t="s">
        <v>1518</v>
      </c>
      <c r="J6304" s="5" t="s">
        <v>1519</v>
      </c>
      <c r="K6304" s="2" t="s">
        <v>1520</v>
      </c>
      <c r="L6304" s="5" t="s">
        <v>1519</v>
      </c>
      <c r="M6304" s="2" t="s">
        <v>1520</v>
      </c>
      <c r="N6304" s="5" t="s">
        <v>19227</v>
      </c>
      <c r="O6304" s="5" t="s">
        <v>38</v>
      </c>
      <c r="P6304" s="5" t="s">
        <v>39</v>
      </c>
      <c r="Q6304" s="5" t="s">
        <v>40</v>
      </c>
      <c r="R6304" s="5" t="s">
        <v>1487</v>
      </c>
      <c r="S6304" s="5"/>
      <c r="T6304" s="5" t="s">
        <v>42</v>
      </c>
      <c r="U6304" s="2">
        <v>0</v>
      </c>
      <c r="V6304" s="2">
        <v>0</v>
      </c>
      <c r="W6304" s="2">
        <v>0</v>
      </c>
      <c r="X6304" s="2">
        <v>0</v>
      </c>
      <c r="Y6304" s="2">
        <v>0</v>
      </c>
      <c r="Z6304" s="2">
        <v>0</v>
      </c>
      <c r="AA6304" s="5"/>
      <c r="AB6304" s="5" t="s">
        <v>43</v>
      </c>
      <c r="AC6304" s="5" t="s">
        <v>44</v>
      </c>
      <c r="AD6304" s="2"/>
      <c r="AE6304" s="1"/>
    </row>
    <row r="6305" spans="1:31" ht="14.45">
      <c r="A6305" s="11"/>
      <c r="B6305" s="20"/>
      <c r="C6305" s="2" t="s">
        <v>19387</v>
      </c>
      <c r="D6305" s="14" t="s">
        <v>19388</v>
      </c>
      <c r="E6305" s="2" t="s">
        <v>19389</v>
      </c>
      <c r="F6305" s="2" t="s">
        <v>7212</v>
      </c>
      <c r="G6305" s="8">
        <v>169</v>
      </c>
      <c r="H6305" s="5">
        <v>5</v>
      </c>
      <c r="I6305" s="5" t="s">
        <v>1518</v>
      </c>
      <c r="J6305" s="5" t="s">
        <v>1519</v>
      </c>
      <c r="K6305" s="2" t="s">
        <v>1520</v>
      </c>
      <c r="L6305" s="5" t="s">
        <v>1519</v>
      </c>
      <c r="M6305" s="2" t="s">
        <v>1520</v>
      </c>
      <c r="N6305" s="5" t="s">
        <v>19227</v>
      </c>
      <c r="O6305" s="5" t="s">
        <v>38</v>
      </c>
      <c r="P6305" s="5" t="s">
        <v>39</v>
      </c>
      <c r="Q6305" s="5" t="s">
        <v>40</v>
      </c>
      <c r="R6305" s="5" t="s">
        <v>1487</v>
      </c>
      <c r="S6305" s="5"/>
      <c r="T6305" s="5" t="s">
        <v>42</v>
      </c>
      <c r="U6305" s="2">
        <v>0</v>
      </c>
      <c r="V6305" s="2">
        <v>0</v>
      </c>
      <c r="W6305" s="2">
        <v>0</v>
      </c>
      <c r="X6305" s="2">
        <v>0</v>
      </c>
      <c r="Y6305" s="2">
        <v>0</v>
      </c>
      <c r="Z6305" s="2">
        <v>0</v>
      </c>
      <c r="AA6305" s="5"/>
      <c r="AB6305" s="5" t="s">
        <v>43</v>
      </c>
      <c r="AC6305" s="5" t="s">
        <v>44</v>
      </c>
      <c r="AD6305" s="2"/>
      <c r="AE6305" s="1"/>
    </row>
    <row r="6306" spans="1:31" ht="14.45">
      <c r="A6306" s="11"/>
      <c r="B6306" s="20"/>
      <c r="C6306" s="2" t="s">
        <v>19390</v>
      </c>
      <c r="D6306" s="14" t="s">
        <v>19391</v>
      </c>
      <c r="E6306" s="2" t="s">
        <v>19392</v>
      </c>
      <c r="F6306" s="2" t="s">
        <v>7528</v>
      </c>
      <c r="G6306" s="8">
        <v>169</v>
      </c>
      <c r="H6306" s="5">
        <v>5</v>
      </c>
      <c r="I6306" s="5" t="s">
        <v>1518</v>
      </c>
      <c r="J6306" s="5" t="s">
        <v>1519</v>
      </c>
      <c r="K6306" s="2" t="s">
        <v>1520</v>
      </c>
      <c r="L6306" s="5" t="s">
        <v>1519</v>
      </c>
      <c r="M6306" s="2" t="s">
        <v>1520</v>
      </c>
      <c r="N6306" s="5" t="s">
        <v>19227</v>
      </c>
      <c r="O6306" s="5" t="s">
        <v>38</v>
      </c>
      <c r="P6306" s="5" t="s">
        <v>39</v>
      </c>
      <c r="Q6306" s="5" t="s">
        <v>40</v>
      </c>
      <c r="R6306" s="5" t="s">
        <v>1487</v>
      </c>
      <c r="S6306" s="5"/>
      <c r="T6306" s="5" t="s">
        <v>42</v>
      </c>
      <c r="U6306" s="2">
        <v>0</v>
      </c>
      <c r="V6306" s="2">
        <v>0</v>
      </c>
      <c r="W6306" s="2">
        <v>0</v>
      </c>
      <c r="X6306" s="2">
        <v>0</v>
      </c>
      <c r="Y6306" s="2">
        <v>0</v>
      </c>
      <c r="Z6306" s="2">
        <v>0</v>
      </c>
      <c r="AA6306" s="5"/>
      <c r="AB6306" s="5" t="s">
        <v>43</v>
      </c>
      <c r="AC6306" s="5" t="s">
        <v>44</v>
      </c>
      <c r="AD6306" s="2"/>
      <c r="AE6306" s="1"/>
    </row>
    <row r="6307" spans="1:31" ht="14.45">
      <c r="A6307" s="11"/>
      <c r="B6307" s="20"/>
      <c r="C6307" s="2" t="s">
        <v>19393</v>
      </c>
      <c r="D6307" s="14" t="s">
        <v>19394</v>
      </c>
      <c r="E6307" s="2" t="s">
        <v>19395</v>
      </c>
      <c r="F6307" s="2" t="s">
        <v>7396</v>
      </c>
      <c r="G6307" s="8">
        <v>178</v>
      </c>
      <c r="H6307" s="5">
        <v>5</v>
      </c>
      <c r="I6307" s="5" t="s">
        <v>1518</v>
      </c>
      <c r="J6307" s="5" t="s">
        <v>1519</v>
      </c>
      <c r="K6307" s="2" t="s">
        <v>1520</v>
      </c>
      <c r="L6307" s="5" t="s">
        <v>1519</v>
      </c>
      <c r="M6307" s="2" t="s">
        <v>1520</v>
      </c>
      <c r="N6307" s="5" t="s">
        <v>19227</v>
      </c>
      <c r="O6307" s="5" t="s">
        <v>38</v>
      </c>
      <c r="P6307" s="5" t="s">
        <v>39</v>
      </c>
      <c r="Q6307" s="5" t="s">
        <v>40</v>
      </c>
      <c r="R6307" s="5" t="s">
        <v>1487</v>
      </c>
      <c r="S6307" s="5"/>
      <c r="T6307" s="5" t="s">
        <v>42</v>
      </c>
      <c r="U6307" s="2">
        <v>0</v>
      </c>
      <c r="V6307" s="2">
        <v>0</v>
      </c>
      <c r="W6307" s="2">
        <v>0</v>
      </c>
      <c r="X6307" s="2">
        <v>0</v>
      </c>
      <c r="Y6307" s="2">
        <v>0</v>
      </c>
      <c r="Z6307" s="2">
        <v>0</v>
      </c>
      <c r="AA6307" s="5"/>
      <c r="AB6307" s="5" t="s">
        <v>43</v>
      </c>
      <c r="AC6307" s="5" t="s">
        <v>44</v>
      </c>
      <c r="AD6307" s="2"/>
      <c r="AE6307" s="1"/>
    </row>
    <row r="6308" spans="1:31" ht="14.45">
      <c r="A6308" s="11"/>
      <c r="B6308" s="20"/>
      <c r="C6308" s="2" t="s">
        <v>19396</v>
      </c>
      <c r="D6308" s="14" t="s">
        <v>19397</v>
      </c>
      <c r="E6308" s="2" t="s">
        <v>19398</v>
      </c>
      <c r="F6308" s="2" t="s">
        <v>7507</v>
      </c>
      <c r="G6308" s="8">
        <v>178</v>
      </c>
      <c r="H6308" s="5">
        <v>5</v>
      </c>
      <c r="I6308" s="5" t="s">
        <v>1518</v>
      </c>
      <c r="J6308" s="5" t="s">
        <v>1519</v>
      </c>
      <c r="K6308" s="2" t="s">
        <v>1520</v>
      </c>
      <c r="L6308" s="5" t="s">
        <v>1519</v>
      </c>
      <c r="M6308" s="2" t="s">
        <v>1520</v>
      </c>
      <c r="N6308" s="5" t="s">
        <v>19227</v>
      </c>
      <c r="O6308" s="5" t="s">
        <v>38</v>
      </c>
      <c r="P6308" s="5" t="s">
        <v>39</v>
      </c>
      <c r="Q6308" s="5" t="s">
        <v>40</v>
      </c>
      <c r="R6308" s="5" t="s">
        <v>1487</v>
      </c>
      <c r="S6308" s="5"/>
      <c r="T6308" s="5" t="s">
        <v>42</v>
      </c>
      <c r="U6308" s="2">
        <v>0</v>
      </c>
      <c r="V6308" s="2">
        <v>0</v>
      </c>
      <c r="W6308" s="2">
        <v>0</v>
      </c>
      <c r="X6308" s="2">
        <v>0</v>
      </c>
      <c r="Y6308" s="2">
        <v>0</v>
      </c>
      <c r="Z6308" s="2">
        <v>0</v>
      </c>
      <c r="AA6308" s="5"/>
      <c r="AB6308" s="5" t="s">
        <v>43</v>
      </c>
      <c r="AC6308" s="5" t="s">
        <v>44</v>
      </c>
      <c r="AD6308" s="2"/>
      <c r="AE6308" s="1"/>
    </row>
    <row r="6309" spans="1:31" ht="14.45">
      <c r="A6309" s="11"/>
      <c r="B6309" s="20"/>
      <c r="C6309" s="2" t="s">
        <v>19399</v>
      </c>
      <c r="D6309" s="14" t="s">
        <v>19400</v>
      </c>
      <c r="E6309" s="2" t="s">
        <v>19401</v>
      </c>
      <c r="F6309" s="2" t="s">
        <v>7204</v>
      </c>
      <c r="G6309" s="8">
        <v>178</v>
      </c>
      <c r="H6309" s="5">
        <v>5</v>
      </c>
      <c r="I6309" s="5" t="s">
        <v>1518</v>
      </c>
      <c r="J6309" s="5" t="s">
        <v>1519</v>
      </c>
      <c r="K6309" s="2" t="s">
        <v>1520</v>
      </c>
      <c r="L6309" s="5" t="s">
        <v>1519</v>
      </c>
      <c r="M6309" s="2" t="s">
        <v>1520</v>
      </c>
      <c r="N6309" s="5" t="s">
        <v>19227</v>
      </c>
      <c r="O6309" s="5" t="s">
        <v>38</v>
      </c>
      <c r="P6309" s="5" t="s">
        <v>39</v>
      </c>
      <c r="Q6309" s="5" t="s">
        <v>40</v>
      </c>
      <c r="R6309" s="5" t="s">
        <v>1487</v>
      </c>
      <c r="S6309" s="5"/>
      <c r="T6309" s="5" t="s">
        <v>42</v>
      </c>
      <c r="U6309" s="2">
        <v>0</v>
      </c>
      <c r="V6309" s="2">
        <v>0</v>
      </c>
      <c r="W6309" s="2">
        <v>0</v>
      </c>
      <c r="X6309" s="2">
        <v>0</v>
      </c>
      <c r="Y6309" s="2">
        <v>0</v>
      </c>
      <c r="Z6309" s="2">
        <v>0</v>
      </c>
      <c r="AA6309" s="5"/>
      <c r="AB6309" s="5" t="s">
        <v>43</v>
      </c>
      <c r="AC6309" s="5" t="s">
        <v>44</v>
      </c>
      <c r="AD6309" s="2"/>
      <c r="AE6309" s="1"/>
    </row>
    <row r="6310" spans="1:31" ht="14.45">
      <c r="A6310" s="11"/>
      <c r="B6310" s="20"/>
      <c r="C6310" s="2" t="s">
        <v>19402</v>
      </c>
      <c r="D6310" s="14" t="s">
        <v>19403</v>
      </c>
      <c r="E6310" s="2" t="s">
        <v>19404</v>
      </c>
      <c r="F6310" s="2" t="s">
        <v>7514</v>
      </c>
      <c r="G6310" s="8">
        <v>178</v>
      </c>
      <c r="H6310" s="5">
        <v>5</v>
      </c>
      <c r="I6310" s="5" t="s">
        <v>1518</v>
      </c>
      <c r="J6310" s="5" t="s">
        <v>1519</v>
      </c>
      <c r="K6310" s="2" t="s">
        <v>1520</v>
      </c>
      <c r="L6310" s="5" t="s">
        <v>1519</v>
      </c>
      <c r="M6310" s="2" t="s">
        <v>1520</v>
      </c>
      <c r="N6310" s="5" t="s">
        <v>19227</v>
      </c>
      <c r="O6310" s="5" t="s">
        <v>38</v>
      </c>
      <c r="P6310" s="5" t="s">
        <v>39</v>
      </c>
      <c r="Q6310" s="5" t="s">
        <v>40</v>
      </c>
      <c r="R6310" s="5" t="s">
        <v>1487</v>
      </c>
      <c r="S6310" s="5"/>
      <c r="T6310" s="5" t="s">
        <v>42</v>
      </c>
      <c r="U6310" s="2">
        <v>0</v>
      </c>
      <c r="V6310" s="2">
        <v>0</v>
      </c>
      <c r="W6310" s="2">
        <v>0</v>
      </c>
      <c r="X6310" s="2">
        <v>0</v>
      </c>
      <c r="Y6310" s="2">
        <v>0</v>
      </c>
      <c r="Z6310" s="2">
        <v>0</v>
      </c>
      <c r="AA6310" s="5"/>
      <c r="AB6310" s="5" t="s">
        <v>43</v>
      </c>
      <c r="AC6310" s="5" t="s">
        <v>44</v>
      </c>
      <c r="AD6310" s="2"/>
      <c r="AE6310" s="1"/>
    </row>
    <row r="6311" spans="1:31" ht="14.45">
      <c r="A6311" s="11"/>
      <c r="B6311" s="20"/>
      <c r="C6311" s="2" t="s">
        <v>19405</v>
      </c>
      <c r="D6311" s="14" t="s">
        <v>19406</v>
      </c>
      <c r="E6311" s="2" t="s">
        <v>19407</v>
      </c>
      <c r="F6311" s="2" t="s">
        <v>7208</v>
      </c>
      <c r="G6311" s="8">
        <v>178</v>
      </c>
      <c r="H6311" s="5">
        <v>5</v>
      </c>
      <c r="I6311" s="5" t="s">
        <v>1518</v>
      </c>
      <c r="J6311" s="5" t="s">
        <v>1519</v>
      </c>
      <c r="K6311" s="2" t="s">
        <v>1520</v>
      </c>
      <c r="L6311" s="5" t="s">
        <v>1519</v>
      </c>
      <c r="M6311" s="2" t="s">
        <v>1520</v>
      </c>
      <c r="N6311" s="5" t="s">
        <v>19227</v>
      </c>
      <c r="O6311" s="5" t="s">
        <v>38</v>
      </c>
      <c r="P6311" s="5" t="s">
        <v>39</v>
      </c>
      <c r="Q6311" s="5" t="s">
        <v>40</v>
      </c>
      <c r="R6311" s="5" t="s">
        <v>1487</v>
      </c>
      <c r="S6311" s="5"/>
      <c r="T6311" s="5" t="s">
        <v>42</v>
      </c>
      <c r="U6311" s="2">
        <v>0</v>
      </c>
      <c r="V6311" s="2">
        <v>0</v>
      </c>
      <c r="W6311" s="2">
        <v>0</v>
      </c>
      <c r="X6311" s="2">
        <v>0</v>
      </c>
      <c r="Y6311" s="2">
        <v>0</v>
      </c>
      <c r="Z6311" s="2">
        <v>0</v>
      </c>
      <c r="AA6311" s="5"/>
      <c r="AB6311" s="5" t="s">
        <v>43</v>
      </c>
      <c r="AC6311" s="5" t="s">
        <v>44</v>
      </c>
      <c r="AD6311" s="2"/>
      <c r="AE6311" s="1"/>
    </row>
    <row r="6312" spans="1:31" ht="14.45">
      <c r="A6312" s="11"/>
      <c r="B6312" s="20"/>
      <c r="C6312" s="2" t="s">
        <v>19408</v>
      </c>
      <c r="D6312" s="14" t="s">
        <v>19409</v>
      </c>
      <c r="E6312" s="2" t="s">
        <v>19410</v>
      </c>
      <c r="F6312" s="2" t="s">
        <v>7521</v>
      </c>
      <c r="G6312" s="8">
        <v>178</v>
      </c>
      <c r="H6312" s="5">
        <v>5</v>
      </c>
      <c r="I6312" s="5" t="s">
        <v>1518</v>
      </c>
      <c r="J6312" s="5" t="s">
        <v>1519</v>
      </c>
      <c r="K6312" s="2" t="s">
        <v>1520</v>
      </c>
      <c r="L6312" s="5" t="s">
        <v>1519</v>
      </c>
      <c r="M6312" s="2" t="s">
        <v>1520</v>
      </c>
      <c r="N6312" s="5" t="s">
        <v>19227</v>
      </c>
      <c r="O6312" s="5" t="s">
        <v>38</v>
      </c>
      <c r="P6312" s="5" t="s">
        <v>39</v>
      </c>
      <c r="Q6312" s="5" t="s">
        <v>40</v>
      </c>
      <c r="R6312" s="5" t="s">
        <v>1487</v>
      </c>
      <c r="S6312" s="5"/>
      <c r="T6312" s="5" t="s">
        <v>42</v>
      </c>
      <c r="U6312" s="2">
        <v>0</v>
      </c>
      <c r="V6312" s="2">
        <v>0</v>
      </c>
      <c r="W6312" s="2">
        <v>0</v>
      </c>
      <c r="X6312" s="2">
        <v>0</v>
      </c>
      <c r="Y6312" s="2">
        <v>0</v>
      </c>
      <c r="Z6312" s="2">
        <v>0</v>
      </c>
      <c r="AA6312" s="5"/>
      <c r="AB6312" s="5" t="s">
        <v>43</v>
      </c>
      <c r="AC6312" s="5" t="s">
        <v>44</v>
      </c>
      <c r="AD6312" s="2"/>
      <c r="AE6312" s="1"/>
    </row>
    <row r="6313" spans="1:31" ht="14.45">
      <c r="A6313" s="11"/>
      <c r="B6313" s="20"/>
      <c r="C6313" s="2" t="s">
        <v>19411</v>
      </c>
      <c r="D6313" s="14" t="s">
        <v>19412</v>
      </c>
      <c r="E6313" s="2" t="s">
        <v>19413</v>
      </c>
      <c r="F6313" s="2" t="s">
        <v>7212</v>
      </c>
      <c r="G6313" s="8">
        <v>178</v>
      </c>
      <c r="H6313" s="5">
        <v>5</v>
      </c>
      <c r="I6313" s="5" t="s">
        <v>1518</v>
      </c>
      <c r="J6313" s="5" t="s">
        <v>1519</v>
      </c>
      <c r="K6313" s="2" t="s">
        <v>1520</v>
      </c>
      <c r="L6313" s="5" t="s">
        <v>1519</v>
      </c>
      <c r="M6313" s="2" t="s">
        <v>1520</v>
      </c>
      <c r="N6313" s="5" t="s">
        <v>19227</v>
      </c>
      <c r="O6313" s="5" t="s">
        <v>38</v>
      </c>
      <c r="P6313" s="5" t="s">
        <v>39</v>
      </c>
      <c r="Q6313" s="5" t="s">
        <v>40</v>
      </c>
      <c r="R6313" s="5" t="s">
        <v>1487</v>
      </c>
      <c r="S6313" s="5"/>
      <c r="T6313" s="5" t="s">
        <v>42</v>
      </c>
      <c r="U6313" s="2">
        <v>0</v>
      </c>
      <c r="V6313" s="2">
        <v>0</v>
      </c>
      <c r="W6313" s="2">
        <v>0</v>
      </c>
      <c r="X6313" s="2">
        <v>0</v>
      </c>
      <c r="Y6313" s="2">
        <v>0</v>
      </c>
      <c r="Z6313" s="2">
        <v>0</v>
      </c>
      <c r="AA6313" s="5"/>
      <c r="AB6313" s="5" t="s">
        <v>43</v>
      </c>
      <c r="AC6313" s="5" t="s">
        <v>44</v>
      </c>
      <c r="AD6313" s="2"/>
      <c r="AE6313" s="1"/>
    </row>
    <row r="6314" spans="1:31" ht="14.45">
      <c r="A6314" s="11"/>
      <c r="B6314" s="20"/>
      <c r="C6314" s="2" t="s">
        <v>19414</v>
      </c>
      <c r="D6314" s="14" t="s">
        <v>19415</v>
      </c>
      <c r="E6314" s="2" t="s">
        <v>19416</v>
      </c>
      <c r="F6314" s="2" t="s">
        <v>7528</v>
      </c>
      <c r="G6314" s="8">
        <v>178</v>
      </c>
      <c r="H6314" s="5">
        <v>5</v>
      </c>
      <c r="I6314" s="5" t="s">
        <v>1518</v>
      </c>
      <c r="J6314" s="5" t="s">
        <v>1519</v>
      </c>
      <c r="K6314" s="2" t="s">
        <v>1520</v>
      </c>
      <c r="L6314" s="5" t="s">
        <v>1519</v>
      </c>
      <c r="M6314" s="2" t="s">
        <v>1520</v>
      </c>
      <c r="N6314" s="5" t="s">
        <v>19227</v>
      </c>
      <c r="O6314" s="5" t="s">
        <v>38</v>
      </c>
      <c r="P6314" s="5" t="s">
        <v>39</v>
      </c>
      <c r="Q6314" s="5" t="s">
        <v>40</v>
      </c>
      <c r="R6314" s="5" t="s">
        <v>1487</v>
      </c>
      <c r="S6314" s="5"/>
      <c r="T6314" s="5" t="s">
        <v>42</v>
      </c>
      <c r="U6314" s="2">
        <v>0</v>
      </c>
      <c r="V6314" s="2">
        <v>0</v>
      </c>
      <c r="W6314" s="2">
        <v>0</v>
      </c>
      <c r="X6314" s="2">
        <v>0</v>
      </c>
      <c r="Y6314" s="2">
        <v>0</v>
      </c>
      <c r="Z6314" s="2">
        <v>0</v>
      </c>
      <c r="AA6314" s="5"/>
      <c r="AB6314" s="5" t="s">
        <v>43</v>
      </c>
      <c r="AC6314" s="5" t="s">
        <v>44</v>
      </c>
      <c r="AD6314" s="2"/>
      <c r="AE6314" s="1"/>
    </row>
    <row r="6315" spans="1:31" ht="14.45">
      <c r="A6315" s="11"/>
      <c r="B6315" s="20"/>
      <c r="C6315" s="2" t="s">
        <v>19417</v>
      </c>
      <c r="D6315" s="14" t="s">
        <v>19418</v>
      </c>
      <c r="E6315" s="2" t="s">
        <v>19419</v>
      </c>
      <c r="F6315" s="2" t="s">
        <v>7396</v>
      </c>
      <c r="G6315" s="8">
        <v>181</v>
      </c>
      <c r="H6315" s="5">
        <v>5</v>
      </c>
      <c r="I6315" s="5" t="s">
        <v>1518</v>
      </c>
      <c r="J6315" s="5" t="s">
        <v>1519</v>
      </c>
      <c r="K6315" s="2" t="s">
        <v>1520</v>
      </c>
      <c r="L6315" s="5" t="s">
        <v>1519</v>
      </c>
      <c r="M6315" s="2" t="s">
        <v>1520</v>
      </c>
      <c r="N6315" s="5" t="s">
        <v>19227</v>
      </c>
      <c r="O6315" s="5" t="s">
        <v>38</v>
      </c>
      <c r="P6315" s="5" t="s">
        <v>39</v>
      </c>
      <c r="Q6315" s="5" t="s">
        <v>40</v>
      </c>
      <c r="R6315" s="5" t="s">
        <v>1487</v>
      </c>
      <c r="S6315" s="5"/>
      <c r="T6315" s="5" t="s">
        <v>42</v>
      </c>
      <c r="U6315" s="2">
        <v>0</v>
      </c>
      <c r="V6315" s="2">
        <v>0</v>
      </c>
      <c r="W6315" s="2">
        <v>0</v>
      </c>
      <c r="X6315" s="2">
        <v>0</v>
      </c>
      <c r="Y6315" s="2">
        <v>0</v>
      </c>
      <c r="Z6315" s="2">
        <v>0</v>
      </c>
      <c r="AA6315" s="5"/>
      <c r="AB6315" s="5" t="s">
        <v>43</v>
      </c>
      <c r="AC6315" s="5" t="s">
        <v>44</v>
      </c>
      <c r="AD6315" s="2"/>
      <c r="AE6315" s="1"/>
    </row>
    <row r="6316" spans="1:31" ht="14.45">
      <c r="A6316" s="11"/>
      <c r="B6316" s="20"/>
      <c r="C6316" s="2" t="s">
        <v>19420</v>
      </c>
      <c r="D6316" s="14" t="s">
        <v>19421</v>
      </c>
      <c r="E6316" s="2" t="s">
        <v>19422</v>
      </c>
      <c r="F6316" s="2" t="s">
        <v>7507</v>
      </c>
      <c r="G6316" s="8">
        <v>181</v>
      </c>
      <c r="H6316" s="5">
        <v>5</v>
      </c>
      <c r="I6316" s="5" t="s">
        <v>1518</v>
      </c>
      <c r="J6316" s="5" t="s">
        <v>1519</v>
      </c>
      <c r="K6316" s="2" t="s">
        <v>1520</v>
      </c>
      <c r="L6316" s="5" t="s">
        <v>1519</v>
      </c>
      <c r="M6316" s="2" t="s">
        <v>1520</v>
      </c>
      <c r="N6316" s="5" t="s">
        <v>19227</v>
      </c>
      <c r="O6316" s="5" t="s">
        <v>38</v>
      </c>
      <c r="P6316" s="5" t="s">
        <v>39</v>
      </c>
      <c r="Q6316" s="5" t="s">
        <v>40</v>
      </c>
      <c r="R6316" s="5" t="s">
        <v>1487</v>
      </c>
      <c r="S6316" s="5"/>
      <c r="T6316" s="5" t="s">
        <v>42</v>
      </c>
      <c r="U6316" s="2">
        <v>0</v>
      </c>
      <c r="V6316" s="2">
        <v>0</v>
      </c>
      <c r="W6316" s="2">
        <v>0</v>
      </c>
      <c r="X6316" s="2">
        <v>0</v>
      </c>
      <c r="Y6316" s="2">
        <v>0</v>
      </c>
      <c r="Z6316" s="2">
        <v>0</v>
      </c>
      <c r="AA6316" s="5"/>
      <c r="AB6316" s="5" t="s">
        <v>43</v>
      </c>
      <c r="AC6316" s="5" t="s">
        <v>44</v>
      </c>
      <c r="AD6316" s="2"/>
      <c r="AE6316" s="1"/>
    </row>
    <row r="6317" spans="1:31" ht="14.45">
      <c r="A6317" s="11"/>
      <c r="B6317" s="20"/>
      <c r="C6317" s="2" t="s">
        <v>19423</v>
      </c>
      <c r="D6317" s="14" t="s">
        <v>19424</v>
      </c>
      <c r="E6317" s="2" t="s">
        <v>19425</v>
      </c>
      <c r="F6317" s="2" t="s">
        <v>7204</v>
      </c>
      <c r="G6317" s="8">
        <v>181</v>
      </c>
      <c r="H6317" s="5">
        <v>5</v>
      </c>
      <c r="I6317" s="5" t="s">
        <v>1518</v>
      </c>
      <c r="J6317" s="5" t="s">
        <v>1519</v>
      </c>
      <c r="K6317" s="2" t="s">
        <v>1520</v>
      </c>
      <c r="L6317" s="5" t="s">
        <v>1519</v>
      </c>
      <c r="M6317" s="2" t="s">
        <v>1520</v>
      </c>
      <c r="N6317" s="5" t="s">
        <v>19227</v>
      </c>
      <c r="O6317" s="5" t="s">
        <v>38</v>
      </c>
      <c r="P6317" s="5" t="s">
        <v>39</v>
      </c>
      <c r="Q6317" s="5" t="s">
        <v>40</v>
      </c>
      <c r="R6317" s="5" t="s">
        <v>1487</v>
      </c>
      <c r="S6317" s="5"/>
      <c r="T6317" s="5" t="s">
        <v>42</v>
      </c>
      <c r="U6317" s="2">
        <v>0</v>
      </c>
      <c r="V6317" s="2">
        <v>0</v>
      </c>
      <c r="W6317" s="2">
        <v>0</v>
      </c>
      <c r="X6317" s="2">
        <v>0</v>
      </c>
      <c r="Y6317" s="2">
        <v>0</v>
      </c>
      <c r="Z6317" s="2">
        <v>0</v>
      </c>
      <c r="AA6317" s="5"/>
      <c r="AB6317" s="5" t="s">
        <v>43</v>
      </c>
      <c r="AC6317" s="5" t="s">
        <v>44</v>
      </c>
      <c r="AD6317" s="2"/>
      <c r="AE6317" s="1"/>
    </row>
    <row r="6318" spans="1:31" ht="14.45">
      <c r="A6318" s="11"/>
      <c r="B6318" s="20"/>
      <c r="C6318" s="2" t="s">
        <v>19426</v>
      </c>
      <c r="D6318" s="14" t="s">
        <v>19427</v>
      </c>
      <c r="E6318" s="2" t="s">
        <v>19428</v>
      </c>
      <c r="F6318" s="2" t="s">
        <v>7514</v>
      </c>
      <c r="G6318" s="8">
        <v>181</v>
      </c>
      <c r="H6318" s="5">
        <v>5</v>
      </c>
      <c r="I6318" s="5" t="s">
        <v>1518</v>
      </c>
      <c r="J6318" s="5" t="s">
        <v>1519</v>
      </c>
      <c r="K6318" s="2" t="s">
        <v>1520</v>
      </c>
      <c r="L6318" s="5" t="s">
        <v>1519</v>
      </c>
      <c r="M6318" s="2" t="s">
        <v>1520</v>
      </c>
      <c r="N6318" s="5" t="s">
        <v>19227</v>
      </c>
      <c r="O6318" s="5" t="s">
        <v>38</v>
      </c>
      <c r="P6318" s="5" t="s">
        <v>39</v>
      </c>
      <c r="Q6318" s="5" t="s">
        <v>40</v>
      </c>
      <c r="R6318" s="5" t="s">
        <v>1487</v>
      </c>
      <c r="S6318" s="5"/>
      <c r="T6318" s="5" t="s">
        <v>42</v>
      </c>
      <c r="U6318" s="2">
        <v>0</v>
      </c>
      <c r="V6318" s="2">
        <v>0</v>
      </c>
      <c r="W6318" s="2">
        <v>0</v>
      </c>
      <c r="X6318" s="2">
        <v>0</v>
      </c>
      <c r="Y6318" s="2">
        <v>0</v>
      </c>
      <c r="Z6318" s="2">
        <v>0</v>
      </c>
      <c r="AA6318" s="5"/>
      <c r="AB6318" s="5" t="s">
        <v>43</v>
      </c>
      <c r="AC6318" s="5" t="s">
        <v>44</v>
      </c>
      <c r="AD6318" s="2"/>
      <c r="AE6318" s="1"/>
    </row>
    <row r="6319" spans="1:31" ht="14.45">
      <c r="A6319" s="11"/>
      <c r="B6319" s="20"/>
      <c r="C6319" s="2" t="s">
        <v>19429</v>
      </c>
      <c r="D6319" s="14" t="s">
        <v>19430</v>
      </c>
      <c r="E6319" s="2" t="s">
        <v>19431</v>
      </c>
      <c r="F6319" s="2" t="s">
        <v>7208</v>
      </c>
      <c r="G6319" s="8">
        <v>181</v>
      </c>
      <c r="H6319" s="5">
        <v>5</v>
      </c>
      <c r="I6319" s="5" t="s">
        <v>1518</v>
      </c>
      <c r="J6319" s="5" t="s">
        <v>1519</v>
      </c>
      <c r="K6319" s="2" t="s">
        <v>1520</v>
      </c>
      <c r="L6319" s="5" t="s">
        <v>1519</v>
      </c>
      <c r="M6319" s="2" t="s">
        <v>1520</v>
      </c>
      <c r="N6319" s="5" t="s">
        <v>19227</v>
      </c>
      <c r="O6319" s="5" t="s">
        <v>38</v>
      </c>
      <c r="P6319" s="5" t="s">
        <v>39</v>
      </c>
      <c r="Q6319" s="5" t="s">
        <v>40</v>
      </c>
      <c r="R6319" s="5" t="s">
        <v>1487</v>
      </c>
      <c r="S6319" s="5"/>
      <c r="T6319" s="5" t="s">
        <v>42</v>
      </c>
      <c r="U6319" s="2">
        <v>0</v>
      </c>
      <c r="V6319" s="2">
        <v>0</v>
      </c>
      <c r="W6319" s="2">
        <v>0</v>
      </c>
      <c r="X6319" s="2">
        <v>0</v>
      </c>
      <c r="Y6319" s="2">
        <v>0</v>
      </c>
      <c r="Z6319" s="2">
        <v>0</v>
      </c>
      <c r="AA6319" s="5"/>
      <c r="AB6319" s="5" t="s">
        <v>43</v>
      </c>
      <c r="AC6319" s="5" t="s">
        <v>44</v>
      </c>
      <c r="AD6319" s="2"/>
      <c r="AE6319" s="1"/>
    </row>
    <row r="6320" spans="1:31" ht="14.45">
      <c r="A6320" s="11"/>
      <c r="B6320" s="20"/>
      <c r="C6320" s="2" t="s">
        <v>19432</v>
      </c>
      <c r="D6320" s="14" t="s">
        <v>19433</v>
      </c>
      <c r="E6320" s="2" t="s">
        <v>19434</v>
      </c>
      <c r="F6320" s="2" t="s">
        <v>7521</v>
      </c>
      <c r="G6320" s="8">
        <v>181</v>
      </c>
      <c r="H6320" s="5">
        <v>5</v>
      </c>
      <c r="I6320" s="5" t="s">
        <v>1518</v>
      </c>
      <c r="J6320" s="5" t="s">
        <v>1519</v>
      </c>
      <c r="K6320" s="2" t="s">
        <v>1520</v>
      </c>
      <c r="L6320" s="5" t="s">
        <v>1519</v>
      </c>
      <c r="M6320" s="2" t="s">
        <v>1520</v>
      </c>
      <c r="N6320" s="5" t="s">
        <v>19227</v>
      </c>
      <c r="O6320" s="5" t="s">
        <v>38</v>
      </c>
      <c r="P6320" s="5" t="s">
        <v>39</v>
      </c>
      <c r="Q6320" s="5" t="s">
        <v>40</v>
      </c>
      <c r="R6320" s="5" t="s">
        <v>1487</v>
      </c>
      <c r="S6320" s="5"/>
      <c r="T6320" s="5" t="s">
        <v>42</v>
      </c>
      <c r="U6320" s="2">
        <v>0</v>
      </c>
      <c r="V6320" s="2">
        <v>0</v>
      </c>
      <c r="W6320" s="2">
        <v>0</v>
      </c>
      <c r="X6320" s="2">
        <v>0</v>
      </c>
      <c r="Y6320" s="2">
        <v>0</v>
      </c>
      <c r="Z6320" s="2">
        <v>0</v>
      </c>
      <c r="AA6320" s="5"/>
      <c r="AB6320" s="5" t="s">
        <v>43</v>
      </c>
      <c r="AC6320" s="5" t="s">
        <v>44</v>
      </c>
      <c r="AD6320" s="2"/>
      <c r="AE6320" s="1"/>
    </row>
    <row r="6321" spans="1:31" ht="14.45">
      <c r="A6321" s="11"/>
      <c r="B6321" s="20"/>
      <c r="C6321" s="2" t="s">
        <v>19435</v>
      </c>
      <c r="D6321" s="14" t="s">
        <v>19436</v>
      </c>
      <c r="E6321" s="2" t="s">
        <v>19437</v>
      </c>
      <c r="F6321" s="2" t="s">
        <v>7212</v>
      </c>
      <c r="G6321" s="8">
        <v>181</v>
      </c>
      <c r="H6321" s="5">
        <v>5</v>
      </c>
      <c r="I6321" s="5" t="s">
        <v>1518</v>
      </c>
      <c r="J6321" s="5" t="s">
        <v>1519</v>
      </c>
      <c r="K6321" s="2" t="s">
        <v>1520</v>
      </c>
      <c r="L6321" s="5" t="s">
        <v>1519</v>
      </c>
      <c r="M6321" s="2" t="s">
        <v>1520</v>
      </c>
      <c r="N6321" s="5" t="s">
        <v>19227</v>
      </c>
      <c r="O6321" s="5" t="s">
        <v>38</v>
      </c>
      <c r="P6321" s="5" t="s">
        <v>39</v>
      </c>
      <c r="Q6321" s="5" t="s">
        <v>40</v>
      </c>
      <c r="R6321" s="5" t="s">
        <v>1487</v>
      </c>
      <c r="S6321" s="5"/>
      <c r="T6321" s="5" t="s">
        <v>42</v>
      </c>
      <c r="U6321" s="2">
        <v>0</v>
      </c>
      <c r="V6321" s="2">
        <v>0</v>
      </c>
      <c r="W6321" s="2">
        <v>0</v>
      </c>
      <c r="X6321" s="2">
        <v>0</v>
      </c>
      <c r="Y6321" s="2">
        <v>0</v>
      </c>
      <c r="Z6321" s="2">
        <v>0</v>
      </c>
      <c r="AA6321" s="5"/>
      <c r="AB6321" s="5" t="s">
        <v>43</v>
      </c>
      <c r="AC6321" s="5" t="s">
        <v>44</v>
      </c>
      <c r="AD6321" s="2"/>
      <c r="AE6321" s="1"/>
    </row>
    <row r="6322" spans="1:31" ht="14.45">
      <c r="A6322" s="11"/>
      <c r="B6322" s="20"/>
      <c r="C6322" s="2" t="s">
        <v>19438</v>
      </c>
      <c r="D6322" s="14" t="s">
        <v>19439</v>
      </c>
      <c r="E6322" s="2" t="s">
        <v>19440</v>
      </c>
      <c r="F6322" s="2" t="s">
        <v>7528</v>
      </c>
      <c r="G6322" s="8">
        <v>181</v>
      </c>
      <c r="H6322" s="5">
        <v>5</v>
      </c>
      <c r="I6322" s="5" t="s">
        <v>1518</v>
      </c>
      <c r="J6322" s="5" t="s">
        <v>1519</v>
      </c>
      <c r="K6322" s="2" t="s">
        <v>1520</v>
      </c>
      <c r="L6322" s="5" t="s">
        <v>1519</v>
      </c>
      <c r="M6322" s="2" t="s">
        <v>1520</v>
      </c>
      <c r="N6322" s="5" t="s">
        <v>19227</v>
      </c>
      <c r="O6322" s="5" t="s">
        <v>38</v>
      </c>
      <c r="P6322" s="5" t="s">
        <v>39</v>
      </c>
      <c r="Q6322" s="5" t="s">
        <v>40</v>
      </c>
      <c r="R6322" s="5" t="s">
        <v>1487</v>
      </c>
      <c r="S6322" s="5"/>
      <c r="T6322" s="5" t="s">
        <v>42</v>
      </c>
      <c r="U6322" s="2">
        <v>0</v>
      </c>
      <c r="V6322" s="2">
        <v>0</v>
      </c>
      <c r="W6322" s="2">
        <v>0</v>
      </c>
      <c r="X6322" s="2">
        <v>0</v>
      </c>
      <c r="Y6322" s="2">
        <v>0</v>
      </c>
      <c r="Z6322" s="2">
        <v>0</v>
      </c>
      <c r="AA6322" s="5"/>
      <c r="AB6322" s="5" t="s">
        <v>43</v>
      </c>
      <c r="AC6322" s="5" t="s">
        <v>44</v>
      </c>
      <c r="AD6322" s="2"/>
      <c r="AE6322" s="1"/>
    </row>
    <row r="6323" spans="1:31" ht="14.45">
      <c r="A6323" s="11"/>
      <c r="B6323" s="20"/>
      <c r="C6323" s="2" t="s">
        <v>19441</v>
      </c>
      <c r="D6323" s="14" t="s">
        <v>19442</v>
      </c>
      <c r="E6323" s="2" t="s">
        <v>19443</v>
      </c>
      <c r="F6323" s="2" t="s">
        <v>7396</v>
      </c>
      <c r="G6323" s="8">
        <v>178</v>
      </c>
      <c r="H6323" s="5">
        <v>5</v>
      </c>
      <c r="I6323" s="5" t="s">
        <v>1518</v>
      </c>
      <c r="J6323" s="5" t="s">
        <v>1519</v>
      </c>
      <c r="K6323" s="2" t="s">
        <v>1520</v>
      </c>
      <c r="L6323" s="5" t="s">
        <v>1519</v>
      </c>
      <c r="M6323" s="2" t="s">
        <v>1520</v>
      </c>
      <c r="N6323" s="5" t="s">
        <v>19227</v>
      </c>
      <c r="O6323" s="5" t="s">
        <v>38</v>
      </c>
      <c r="P6323" s="5" t="s">
        <v>39</v>
      </c>
      <c r="Q6323" s="5" t="s">
        <v>40</v>
      </c>
      <c r="R6323" s="5" t="s">
        <v>1487</v>
      </c>
      <c r="S6323" s="5"/>
      <c r="T6323" s="5" t="s">
        <v>42</v>
      </c>
      <c r="U6323" s="2">
        <v>0</v>
      </c>
      <c r="V6323" s="2">
        <v>0</v>
      </c>
      <c r="W6323" s="2">
        <v>0</v>
      </c>
      <c r="X6323" s="2">
        <v>0</v>
      </c>
      <c r="Y6323" s="2">
        <v>0</v>
      </c>
      <c r="Z6323" s="2">
        <v>0</v>
      </c>
      <c r="AA6323" s="5"/>
      <c r="AB6323" s="5" t="s">
        <v>43</v>
      </c>
      <c r="AC6323" s="5" t="s">
        <v>44</v>
      </c>
      <c r="AD6323" s="2"/>
      <c r="AE6323" s="1"/>
    </row>
    <row r="6324" spans="1:31" ht="14.45">
      <c r="A6324" s="11"/>
      <c r="B6324" s="20"/>
      <c r="C6324" s="2" t="s">
        <v>19444</v>
      </c>
      <c r="D6324" s="14" t="s">
        <v>19445</v>
      </c>
      <c r="E6324" s="2" t="s">
        <v>19446</v>
      </c>
      <c r="F6324" s="2" t="s">
        <v>7507</v>
      </c>
      <c r="G6324" s="8">
        <v>178</v>
      </c>
      <c r="H6324" s="5">
        <v>5</v>
      </c>
      <c r="I6324" s="5" t="s">
        <v>1518</v>
      </c>
      <c r="J6324" s="5" t="s">
        <v>1519</v>
      </c>
      <c r="K6324" s="2" t="s">
        <v>1520</v>
      </c>
      <c r="L6324" s="5" t="s">
        <v>1519</v>
      </c>
      <c r="M6324" s="2" t="s">
        <v>1520</v>
      </c>
      <c r="N6324" s="5" t="s">
        <v>19227</v>
      </c>
      <c r="O6324" s="5" t="s">
        <v>38</v>
      </c>
      <c r="P6324" s="5" t="s">
        <v>39</v>
      </c>
      <c r="Q6324" s="5" t="s">
        <v>40</v>
      </c>
      <c r="R6324" s="5" t="s">
        <v>1487</v>
      </c>
      <c r="S6324" s="5"/>
      <c r="T6324" s="5" t="s">
        <v>42</v>
      </c>
      <c r="U6324" s="2">
        <v>0</v>
      </c>
      <c r="V6324" s="2">
        <v>0</v>
      </c>
      <c r="W6324" s="2">
        <v>0</v>
      </c>
      <c r="X6324" s="2">
        <v>0</v>
      </c>
      <c r="Y6324" s="2">
        <v>0</v>
      </c>
      <c r="Z6324" s="2">
        <v>0</v>
      </c>
      <c r="AA6324" s="5"/>
      <c r="AB6324" s="5" t="s">
        <v>43</v>
      </c>
      <c r="AC6324" s="5" t="s">
        <v>44</v>
      </c>
      <c r="AD6324" s="2"/>
      <c r="AE6324" s="1"/>
    </row>
    <row r="6325" spans="1:31" ht="14.45">
      <c r="A6325" s="11"/>
      <c r="B6325" s="20"/>
      <c r="C6325" s="2" t="s">
        <v>19447</v>
      </c>
      <c r="D6325" s="14" t="s">
        <v>19448</v>
      </c>
      <c r="E6325" s="2" t="s">
        <v>19449</v>
      </c>
      <c r="F6325" s="2" t="s">
        <v>7204</v>
      </c>
      <c r="G6325" s="8">
        <v>178</v>
      </c>
      <c r="H6325" s="5">
        <v>5</v>
      </c>
      <c r="I6325" s="5" t="s">
        <v>1518</v>
      </c>
      <c r="J6325" s="5" t="s">
        <v>1519</v>
      </c>
      <c r="K6325" s="2" t="s">
        <v>1520</v>
      </c>
      <c r="L6325" s="5" t="s">
        <v>1519</v>
      </c>
      <c r="M6325" s="2" t="s">
        <v>1520</v>
      </c>
      <c r="N6325" s="5" t="s">
        <v>19227</v>
      </c>
      <c r="O6325" s="5" t="s">
        <v>38</v>
      </c>
      <c r="P6325" s="5" t="s">
        <v>39</v>
      </c>
      <c r="Q6325" s="5" t="s">
        <v>40</v>
      </c>
      <c r="R6325" s="5" t="s">
        <v>1487</v>
      </c>
      <c r="S6325" s="5"/>
      <c r="T6325" s="5" t="s">
        <v>42</v>
      </c>
      <c r="U6325" s="2">
        <v>0</v>
      </c>
      <c r="V6325" s="2">
        <v>0</v>
      </c>
      <c r="W6325" s="2">
        <v>0</v>
      </c>
      <c r="X6325" s="2">
        <v>0</v>
      </c>
      <c r="Y6325" s="2">
        <v>0</v>
      </c>
      <c r="Z6325" s="2">
        <v>0</v>
      </c>
      <c r="AA6325" s="5"/>
      <c r="AB6325" s="5" t="s">
        <v>43</v>
      </c>
      <c r="AC6325" s="5" t="s">
        <v>44</v>
      </c>
      <c r="AD6325" s="2"/>
      <c r="AE6325" s="1"/>
    </row>
    <row r="6326" spans="1:31" ht="14.45">
      <c r="A6326" s="11"/>
      <c r="B6326" s="20"/>
      <c r="C6326" s="2" t="s">
        <v>19450</v>
      </c>
      <c r="D6326" s="14" t="s">
        <v>19451</v>
      </c>
      <c r="E6326" s="2" t="s">
        <v>19452</v>
      </c>
      <c r="F6326" s="2" t="s">
        <v>7514</v>
      </c>
      <c r="G6326" s="8">
        <v>178</v>
      </c>
      <c r="H6326" s="5">
        <v>5</v>
      </c>
      <c r="I6326" s="5" t="s">
        <v>1518</v>
      </c>
      <c r="J6326" s="5" t="s">
        <v>1519</v>
      </c>
      <c r="K6326" s="2" t="s">
        <v>1520</v>
      </c>
      <c r="L6326" s="5" t="s">
        <v>1519</v>
      </c>
      <c r="M6326" s="2" t="s">
        <v>1520</v>
      </c>
      <c r="N6326" s="5" t="s">
        <v>19227</v>
      </c>
      <c r="O6326" s="5" t="s">
        <v>38</v>
      </c>
      <c r="P6326" s="5" t="s">
        <v>39</v>
      </c>
      <c r="Q6326" s="5" t="s">
        <v>40</v>
      </c>
      <c r="R6326" s="5" t="s">
        <v>1487</v>
      </c>
      <c r="S6326" s="5"/>
      <c r="T6326" s="5" t="s">
        <v>42</v>
      </c>
      <c r="U6326" s="2">
        <v>0</v>
      </c>
      <c r="V6326" s="2">
        <v>0</v>
      </c>
      <c r="W6326" s="2">
        <v>0</v>
      </c>
      <c r="X6326" s="2">
        <v>0</v>
      </c>
      <c r="Y6326" s="2">
        <v>0</v>
      </c>
      <c r="Z6326" s="2">
        <v>0</v>
      </c>
      <c r="AA6326" s="5"/>
      <c r="AB6326" s="5" t="s">
        <v>43</v>
      </c>
      <c r="AC6326" s="5" t="s">
        <v>44</v>
      </c>
      <c r="AD6326" s="2"/>
      <c r="AE6326" s="1"/>
    </row>
    <row r="6327" spans="1:31" ht="14.45">
      <c r="A6327" s="11"/>
      <c r="B6327" s="20"/>
      <c r="C6327" s="2" t="s">
        <v>19453</v>
      </c>
      <c r="D6327" s="14" t="s">
        <v>19454</v>
      </c>
      <c r="E6327" s="2" t="s">
        <v>19455</v>
      </c>
      <c r="F6327" s="2" t="s">
        <v>7208</v>
      </c>
      <c r="G6327" s="8">
        <v>178</v>
      </c>
      <c r="H6327" s="5">
        <v>5</v>
      </c>
      <c r="I6327" s="5" t="s">
        <v>1518</v>
      </c>
      <c r="J6327" s="5" t="s">
        <v>1519</v>
      </c>
      <c r="K6327" s="2" t="s">
        <v>1520</v>
      </c>
      <c r="L6327" s="5" t="s">
        <v>1519</v>
      </c>
      <c r="M6327" s="2" t="s">
        <v>1520</v>
      </c>
      <c r="N6327" s="5" t="s">
        <v>19227</v>
      </c>
      <c r="O6327" s="5" t="s">
        <v>38</v>
      </c>
      <c r="P6327" s="5" t="s">
        <v>39</v>
      </c>
      <c r="Q6327" s="5" t="s">
        <v>40</v>
      </c>
      <c r="R6327" s="5" t="s">
        <v>1487</v>
      </c>
      <c r="S6327" s="5"/>
      <c r="T6327" s="5" t="s">
        <v>42</v>
      </c>
      <c r="U6327" s="2">
        <v>0</v>
      </c>
      <c r="V6327" s="2">
        <v>0</v>
      </c>
      <c r="W6327" s="2">
        <v>0</v>
      </c>
      <c r="X6327" s="2">
        <v>0</v>
      </c>
      <c r="Y6327" s="2">
        <v>0</v>
      </c>
      <c r="Z6327" s="2">
        <v>0</v>
      </c>
      <c r="AA6327" s="5"/>
      <c r="AB6327" s="5" t="s">
        <v>43</v>
      </c>
      <c r="AC6327" s="5" t="s">
        <v>44</v>
      </c>
      <c r="AD6327" s="2"/>
      <c r="AE6327" s="1"/>
    </row>
    <row r="6328" spans="1:31" ht="14.45">
      <c r="A6328" s="11"/>
      <c r="B6328" s="20"/>
      <c r="C6328" s="2" t="s">
        <v>19456</v>
      </c>
      <c r="D6328" s="14" t="s">
        <v>19457</v>
      </c>
      <c r="E6328" s="2" t="s">
        <v>19458</v>
      </c>
      <c r="F6328" s="2" t="s">
        <v>7521</v>
      </c>
      <c r="G6328" s="8">
        <v>178</v>
      </c>
      <c r="H6328" s="5">
        <v>5</v>
      </c>
      <c r="I6328" s="5" t="s">
        <v>1518</v>
      </c>
      <c r="J6328" s="5" t="s">
        <v>1519</v>
      </c>
      <c r="K6328" s="2" t="s">
        <v>1520</v>
      </c>
      <c r="L6328" s="5" t="s">
        <v>1519</v>
      </c>
      <c r="M6328" s="2" t="s">
        <v>1520</v>
      </c>
      <c r="N6328" s="5" t="s">
        <v>19227</v>
      </c>
      <c r="O6328" s="5" t="s">
        <v>38</v>
      </c>
      <c r="P6328" s="5" t="s">
        <v>39</v>
      </c>
      <c r="Q6328" s="5" t="s">
        <v>40</v>
      </c>
      <c r="R6328" s="5" t="s">
        <v>1487</v>
      </c>
      <c r="S6328" s="5"/>
      <c r="T6328" s="5" t="s">
        <v>42</v>
      </c>
      <c r="U6328" s="2">
        <v>0</v>
      </c>
      <c r="V6328" s="2">
        <v>0</v>
      </c>
      <c r="W6328" s="2">
        <v>0</v>
      </c>
      <c r="X6328" s="2">
        <v>0</v>
      </c>
      <c r="Y6328" s="2">
        <v>0</v>
      </c>
      <c r="Z6328" s="2">
        <v>0</v>
      </c>
      <c r="AA6328" s="5"/>
      <c r="AB6328" s="5" t="s">
        <v>43</v>
      </c>
      <c r="AC6328" s="5" t="s">
        <v>44</v>
      </c>
      <c r="AD6328" s="2"/>
      <c r="AE6328" s="1"/>
    </row>
    <row r="6329" spans="1:31" ht="14.45">
      <c r="A6329" s="11"/>
      <c r="B6329" s="20"/>
      <c r="C6329" s="2" t="s">
        <v>19459</v>
      </c>
      <c r="D6329" s="14" t="s">
        <v>19460</v>
      </c>
      <c r="E6329" s="2" t="s">
        <v>19461</v>
      </c>
      <c r="F6329" s="2" t="s">
        <v>7212</v>
      </c>
      <c r="G6329" s="8">
        <v>178</v>
      </c>
      <c r="H6329" s="5">
        <v>5</v>
      </c>
      <c r="I6329" s="5" t="s">
        <v>1518</v>
      </c>
      <c r="J6329" s="5" t="s">
        <v>1519</v>
      </c>
      <c r="K6329" s="2" t="s">
        <v>1520</v>
      </c>
      <c r="L6329" s="5" t="s">
        <v>1519</v>
      </c>
      <c r="M6329" s="2" t="s">
        <v>1520</v>
      </c>
      <c r="N6329" s="5" t="s">
        <v>19227</v>
      </c>
      <c r="O6329" s="5" t="s">
        <v>38</v>
      </c>
      <c r="P6329" s="5" t="s">
        <v>39</v>
      </c>
      <c r="Q6329" s="5" t="s">
        <v>40</v>
      </c>
      <c r="R6329" s="5" t="s">
        <v>1487</v>
      </c>
      <c r="S6329" s="5"/>
      <c r="T6329" s="5" t="s">
        <v>42</v>
      </c>
      <c r="U6329" s="2">
        <v>0</v>
      </c>
      <c r="V6329" s="2">
        <v>0</v>
      </c>
      <c r="W6329" s="2">
        <v>0</v>
      </c>
      <c r="X6329" s="2">
        <v>0</v>
      </c>
      <c r="Y6329" s="2">
        <v>0</v>
      </c>
      <c r="Z6329" s="2">
        <v>0</v>
      </c>
      <c r="AA6329" s="5"/>
      <c r="AB6329" s="5" t="s">
        <v>43</v>
      </c>
      <c r="AC6329" s="5" t="s">
        <v>44</v>
      </c>
      <c r="AD6329" s="2"/>
      <c r="AE6329" s="1"/>
    </row>
    <row r="6330" spans="1:31" ht="14.45">
      <c r="A6330" s="11"/>
      <c r="B6330" s="20"/>
      <c r="C6330" s="2" t="s">
        <v>19462</v>
      </c>
      <c r="D6330" s="14" t="s">
        <v>19463</v>
      </c>
      <c r="E6330" s="2" t="s">
        <v>19464</v>
      </c>
      <c r="F6330" s="2" t="s">
        <v>7528</v>
      </c>
      <c r="G6330" s="8">
        <v>178</v>
      </c>
      <c r="H6330" s="5">
        <v>5</v>
      </c>
      <c r="I6330" s="5" t="s">
        <v>1518</v>
      </c>
      <c r="J6330" s="5" t="s">
        <v>1519</v>
      </c>
      <c r="K6330" s="2" t="s">
        <v>1520</v>
      </c>
      <c r="L6330" s="5" t="s">
        <v>1519</v>
      </c>
      <c r="M6330" s="2" t="s">
        <v>1520</v>
      </c>
      <c r="N6330" s="5" t="s">
        <v>19227</v>
      </c>
      <c r="O6330" s="5" t="s">
        <v>38</v>
      </c>
      <c r="P6330" s="5" t="s">
        <v>39</v>
      </c>
      <c r="Q6330" s="5" t="s">
        <v>40</v>
      </c>
      <c r="R6330" s="5" t="s">
        <v>1487</v>
      </c>
      <c r="S6330" s="5"/>
      <c r="T6330" s="5" t="s">
        <v>42</v>
      </c>
      <c r="U6330" s="2">
        <v>0</v>
      </c>
      <c r="V6330" s="2">
        <v>0</v>
      </c>
      <c r="W6330" s="2">
        <v>0</v>
      </c>
      <c r="X6330" s="2">
        <v>0</v>
      </c>
      <c r="Y6330" s="2">
        <v>0</v>
      </c>
      <c r="Z6330" s="2">
        <v>0</v>
      </c>
      <c r="AA6330" s="5"/>
      <c r="AB6330" s="5" t="s">
        <v>43</v>
      </c>
      <c r="AC6330" s="5" t="s">
        <v>44</v>
      </c>
      <c r="AD6330" s="2"/>
      <c r="AE6330" s="1"/>
    </row>
    <row r="6331" spans="1:31" ht="14.45">
      <c r="A6331" s="11"/>
      <c r="B6331" s="20"/>
      <c r="C6331" s="2" t="s">
        <v>19465</v>
      </c>
      <c r="D6331" s="14" t="s">
        <v>19466</v>
      </c>
      <c r="E6331" s="2" t="s">
        <v>19467</v>
      </c>
      <c r="F6331" s="2" t="s">
        <v>7396</v>
      </c>
      <c r="G6331" s="8">
        <v>188</v>
      </c>
      <c r="H6331" s="5">
        <v>5</v>
      </c>
      <c r="I6331" s="5" t="s">
        <v>1518</v>
      </c>
      <c r="J6331" s="5" t="s">
        <v>1519</v>
      </c>
      <c r="K6331" s="2" t="s">
        <v>1520</v>
      </c>
      <c r="L6331" s="5" t="s">
        <v>1519</v>
      </c>
      <c r="M6331" s="2" t="s">
        <v>1520</v>
      </c>
      <c r="N6331" s="5" t="s">
        <v>19227</v>
      </c>
      <c r="O6331" s="5" t="s">
        <v>38</v>
      </c>
      <c r="P6331" s="5" t="s">
        <v>39</v>
      </c>
      <c r="Q6331" s="5" t="s">
        <v>40</v>
      </c>
      <c r="R6331" s="5" t="s">
        <v>1487</v>
      </c>
      <c r="S6331" s="5"/>
      <c r="T6331" s="5" t="s">
        <v>42</v>
      </c>
      <c r="U6331" s="2">
        <v>0</v>
      </c>
      <c r="V6331" s="2">
        <v>0</v>
      </c>
      <c r="W6331" s="2">
        <v>0</v>
      </c>
      <c r="X6331" s="2">
        <v>0</v>
      </c>
      <c r="Y6331" s="2">
        <v>0</v>
      </c>
      <c r="Z6331" s="2">
        <v>0</v>
      </c>
      <c r="AA6331" s="5"/>
      <c r="AB6331" s="5" t="s">
        <v>43</v>
      </c>
      <c r="AC6331" s="5" t="s">
        <v>44</v>
      </c>
      <c r="AD6331" s="2"/>
      <c r="AE6331" s="1"/>
    </row>
    <row r="6332" spans="1:31" ht="14.45">
      <c r="A6332" s="11"/>
      <c r="B6332" s="20"/>
      <c r="C6332" s="2" t="s">
        <v>19468</v>
      </c>
      <c r="D6332" s="14" t="s">
        <v>19469</v>
      </c>
      <c r="E6332" s="2" t="s">
        <v>19470</v>
      </c>
      <c r="F6332" s="2" t="s">
        <v>7507</v>
      </c>
      <c r="G6332" s="8">
        <v>188</v>
      </c>
      <c r="H6332" s="5">
        <v>5</v>
      </c>
      <c r="I6332" s="5" t="s">
        <v>1518</v>
      </c>
      <c r="J6332" s="5" t="s">
        <v>1519</v>
      </c>
      <c r="K6332" s="2" t="s">
        <v>1520</v>
      </c>
      <c r="L6332" s="5" t="s">
        <v>1519</v>
      </c>
      <c r="M6332" s="2" t="s">
        <v>1520</v>
      </c>
      <c r="N6332" s="5" t="s">
        <v>19227</v>
      </c>
      <c r="O6332" s="5" t="s">
        <v>38</v>
      </c>
      <c r="P6332" s="5" t="s">
        <v>39</v>
      </c>
      <c r="Q6332" s="5" t="s">
        <v>40</v>
      </c>
      <c r="R6332" s="5" t="s">
        <v>1487</v>
      </c>
      <c r="S6332" s="5"/>
      <c r="T6332" s="5" t="s">
        <v>42</v>
      </c>
      <c r="U6332" s="2">
        <v>0</v>
      </c>
      <c r="V6332" s="2">
        <v>0</v>
      </c>
      <c r="W6332" s="2">
        <v>0</v>
      </c>
      <c r="X6332" s="2">
        <v>0</v>
      </c>
      <c r="Y6332" s="2">
        <v>0</v>
      </c>
      <c r="Z6332" s="2">
        <v>0</v>
      </c>
      <c r="AA6332" s="5"/>
      <c r="AB6332" s="5" t="s">
        <v>43</v>
      </c>
      <c r="AC6332" s="5" t="s">
        <v>44</v>
      </c>
      <c r="AD6332" s="2"/>
      <c r="AE6332" s="1"/>
    </row>
    <row r="6333" spans="1:31" ht="14.45">
      <c r="A6333" s="11"/>
      <c r="B6333" s="20"/>
      <c r="C6333" s="2" t="s">
        <v>19471</v>
      </c>
      <c r="D6333" s="14" t="s">
        <v>19472</v>
      </c>
      <c r="E6333" s="2" t="s">
        <v>19473</v>
      </c>
      <c r="F6333" s="2" t="s">
        <v>7204</v>
      </c>
      <c r="G6333" s="8">
        <v>188</v>
      </c>
      <c r="H6333" s="5">
        <v>5</v>
      </c>
      <c r="I6333" s="5" t="s">
        <v>1518</v>
      </c>
      <c r="J6333" s="5" t="s">
        <v>1519</v>
      </c>
      <c r="K6333" s="2" t="s">
        <v>1520</v>
      </c>
      <c r="L6333" s="5" t="s">
        <v>1519</v>
      </c>
      <c r="M6333" s="2" t="s">
        <v>1520</v>
      </c>
      <c r="N6333" s="5" t="s">
        <v>19227</v>
      </c>
      <c r="O6333" s="5" t="s">
        <v>38</v>
      </c>
      <c r="P6333" s="5" t="s">
        <v>39</v>
      </c>
      <c r="Q6333" s="5" t="s">
        <v>40</v>
      </c>
      <c r="R6333" s="5" t="s">
        <v>1487</v>
      </c>
      <c r="S6333" s="5"/>
      <c r="T6333" s="5" t="s">
        <v>42</v>
      </c>
      <c r="U6333" s="2">
        <v>0</v>
      </c>
      <c r="V6333" s="2">
        <v>0</v>
      </c>
      <c r="W6333" s="2">
        <v>0</v>
      </c>
      <c r="X6333" s="2">
        <v>0</v>
      </c>
      <c r="Y6333" s="2">
        <v>0</v>
      </c>
      <c r="Z6333" s="2">
        <v>0</v>
      </c>
      <c r="AA6333" s="5"/>
      <c r="AB6333" s="5" t="s">
        <v>43</v>
      </c>
      <c r="AC6333" s="5" t="s">
        <v>44</v>
      </c>
      <c r="AD6333" s="2"/>
      <c r="AE6333" s="1"/>
    </row>
    <row r="6334" spans="1:31" ht="14.45">
      <c r="A6334" s="11"/>
      <c r="B6334" s="20"/>
      <c r="C6334" s="2" t="s">
        <v>19474</v>
      </c>
      <c r="D6334" s="14" t="s">
        <v>19475</v>
      </c>
      <c r="E6334" s="2" t="s">
        <v>19476</v>
      </c>
      <c r="F6334" s="2" t="s">
        <v>7514</v>
      </c>
      <c r="G6334" s="8">
        <v>188</v>
      </c>
      <c r="H6334" s="5">
        <v>5</v>
      </c>
      <c r="I6334" s="5" t="s">
        <v>1518</v>
      </c>
      <c r="J6334" s="5" t="s">
        <v>1519</v>
      </c>
      <c r="K6334" s="2" t="s">
        <v>1520</v>
      </c>
      <c r="L6334" s="5" t="s">
        <v>1519</v>
      </c>
      <c r="M6334" s="2" t="s">
        <v>1520</v>
      </c>
      <c r="N6334" s="5" t="s">
        <v>19227</v>
      </c>
      <c r="O6334" s="5" t="s">
        <v>38</v>
      </c>
      <c r="P6334" s="5" t="s">
        <v>39</v>
      </c>
      <c r="Q6334" s="5" t="s">
        <v>40</v>
      </c>
      <c r="R6334" s="5" t="s">
        <v>1487</v>
      </c>
      <c r="S6334" s="5"/>
      <c r="T6334" s="5" t="s">
        <v>42</v>
      </c>
      <c r="U6334" s="2">
        <v>0</v>
      </c>
      <c r="V6334" s="2">
        <v>0</v>
      </c>
      <c r="W6334" s="2">
        <v>0</v>
      </c>
      <c r="X6334" s="2">
        <v>0</v>
      </c>
      <c r="Y6334" s="2">
        <v>0</v>
      </c>
      <c r="Z6334" s="2">
        <v>0</v>
      </c>
      <c r="AA6334" s="5"/>
      <c r="AB6334" s="5" t="s">
        <v>43</v>
      </c>
      <c r="AC6334" s="5" t="s">
        <v>44</v>
      </c>
      <c r="AD6334" s="2"/>
      <c r="AE6334" s="1"/>
    </row>
    <row r="6335" spans="1:31" ht="14.45">
      <c r="A6335" s="11"/>
      <c r="B6335" s="20"/>
      <c r="C6335" s="2" t="s">
        <v>19477</v>
      </c>
      <c r="D6335" s="14" t="s">
        <v>19478</v>
      </c>
      <c r="E6335" s="2" t="s">
        <v>19479</v>
      </c>
      <c r="F6335" s="2" t="s">
        <v>7208</v>
      </c>
      <c r="G6335" s="8">
        <v>188</v>
      </c>
      <c r="H6335" s="5">
        <v>5</v>
      </c>
      <c r="I6335" s="5" t="s">
        <v>1518</v>
      </c>
      <c r="J6335" s="5" t="s">
        <v>1519</v>
      </c>
      <c r="K6335" s="2" t="s">
        <v>1520</v>
      </c>
      <c r="L6335" s="5" t="s">
        <v>1519</v>
      </c>
      <c r="M6335" s="2" t="s">
        <v>1520</v>
      </c>
      <c r="N6335" s="5" t="s">
        <v>19227</v>
      </c>
      <c r="O6335" s="5" t="s">
        <v>38</v>
      </c>
      <c r="P6335" s="5" t="s">
        <v>39</v>
      </c>
      <c r="Q6335" s="5" t="s">
        <v>40</v>
      </c>
      <c r="R6335" s="5" t="s">
        <v>1487</v>
      </c>
      <c r="S6335" s="5"/>
      <c r="T6335" s="5" t="s">
        <v>42</v>
      </c>
      <c r="U6335" s="2">
        <v>0</v>
      </c>
      <c r="V6335" s="2">
        <v>0</v>
      </c>
      <c r="W6335" s="2">
        <v>0</v>
      </c>
      <c r="X6335" s="2">
        <v>0</v>
      </c>
      <c r="Y6335" s="2">
        <v>0</v>
      </c>
      <c r="Z6335" s="2">
        <v>0</v>
      </c>
      <c r="AA6335" s="5"/>
      <c r="AB6335" s="5" t="s">
        <v>43</v>
      </c>
      <c r="AC6335" s="5" t="s">
        <v>44</v>
      </c>
      <c r="AD6335" s="2"/>
      <c r="AE6335" s="1"/>
    </row>
    <row r="6336" spans="1:31" ht="14.45">
      <c r="A6336" s="11"/>
      <c r="B6336" s="20"/>
      <c r="C6336" s="2" t="s">
        <v>19480</v>
      </c>
      <c r="D6336" s="14" t="s">
        <v>19481</v>
      </c>
      <c r="E6336" s="2" t="s">
        <v>19482</v>
      </c>
      <c r="F6336" s="2" t="s">
        <v>7521</v>
      </c>
      <c r="G6336" s="8">
        <v>188</v>
      </c>
      <c r="H6336" s="5">
        <v>5</v>
      </c>
      <c r="I6336" s="5" t="s">
        <v>1518</v>
      </c>
      <c r="J6336" s="5" t="s">
        <v>1519</v>
      </c>
      <c r="K6336" s="2" t="s">
        <v>1520</v>
      </c>
      <c r="L6336" s="5" t="s">
        <v>1519</v>
      </c>
      <c r="M6336" s="2" t="s">
        <v>1520</v>
      </c>
      <c r="N6336" s="5" t="s">
        <v>19227</v>
      </c>
      <c r="O6336" s="5" t="s">
        <v>38</v>
      </c>
      <c r="P6336" s="5" t="s">
        <v>39</v>
      </c>
      <c r="Q6336" s="5" t="s">
        <v>40</v>
      </c>
      <c r="R6336" s="5" t="s">
        <v>1487</v>
      </c>
      <c r="S6336" s="5"/>
      <c r="T6336" s="5" t="s">
        <v>42</v>
      </c>
      <c r="U6336" s="2">
        <v>0</v>
      </c>
      <c r="V6336" s="2">
        <v>0</v>
      </c>
      <c r="W6336" s="2">
        <v>0</v>
      </c>
      <c r="X6336" s="2">
        <v>0</v>
      </c>
      <c r="Y6336" s="2">
        <v>0</v>
      </c>
      <c r="Z6336" s="2">
        <v>0</v>
      </c>
      <c r="AA6336" s="5"/>
      <c r="AB6336" s="5" t="s">
        <v>43</v>
      </c>
      <c r="AC6336" s="5" t="s">
        <v>44</v>
      </c>
      <c r="AD6336" s="2"/>
      <c r="AE6336" s="1"/>
    </row>
    <row r="6337" spans="1:31" ht="14.45">
      <c r="A6337" s="11"/>
      <c r="B6337" s="20"/>
      <c r="C6337" s="2" t="s">
        <v>19483</v>
      </c>
      <c r="D6337" s="14" t="s">
        <v>19484</v>
      </c>
      <c r="E6337" s="2" t="s">
        <v>19485</v>
      </c>
      <c r="F6337" s="2" t="s">
        <v>7212</v>
      </c>
      <c r="G6337" s="8">
        <v>188</v>
      </c>
      <c r="H6337" s="5">
        <v>5</v>
      </c>
      <c r="I6337" s="5" t="s">
        <v>1518</v>
      </c>
      <c r="J6337" s="5" t="s">
        <v>1519</v>
      </c>
      <c r="K6337" s="2" t="s">
        <v>1520</v>
      </c>
      <c r="L6337" s="5" t="s">
        <v>1519</v>
      </c>
      <c r="M6337" s="2" t="s">
        <v>1520</v>
      </c>
      <c r="N6337" s="5" t="s">
        <v>19227</v>
      </c>
      <c r="O6337" s="5" t="s">
        <v>38</v>
      </c>
      <c r="P6337" s="5" t="s">
        <v>39</v>
      </c>
      <c r="Q6337" s="5" t="s">
        <v>40</v>
      </c>
      <c r="R6337" s="5" t="s">
        <v>1487</v>
      </c>
      <c r="S6337" s="5"/>
      <c r="T6337" s="5" t="s">
        <v>42</v>
      </c>
      <c r="U6337" s="2">
        <v>0</v>
      </c>
      <c r="V6337" s="2">
        <v>0</v>
      </c>
      <c r="W6337" s="2">
        <v>0</v>
      </c>
      <c r="X6337" s="2">
        <v>0</v>
      </c>
      <c r="Y6337" s="2">
        <v>0</v>
      </c>
      <c r="Z6337" s="2">
        <v>0</v>
      </c>
      <c r="AA6337" s="5"/>
      <c r="AB6337" s="5" t="s">
        <v>43</v>
      </c>
      <c r="AC6337" s="5" t="s">
        <v>44</v>
      </c>
      <c r="AD6337" s="2"/>
      <c r="AE6337" s="1"/>
    </row>
    <row r="6338" spans="1:31" ht="14.45">
      <c r="A6338" s="11"/>
      <c r="B6338" s="20"/>
      <c r="C6338" s="2" t="s">
        <v>19486</v>
      </c>
      <c r="D6338" s="14" t="s">
        <v>19487</v>
      </c>
      <c r="E6338" s="2" t="s">
        <v>19488</v>
      </c>
      <c r="F6338" s="2" t="s">
        <v>7528</v>
      </c>
      <c r="G6338" s="8">
        <v>188</v>
      </c>
      <c r="H6338" s="5">
        <v>5</v>
      </c>
      <c r="I6338" s="5" t="s">
        <v>1518</v>
      </c>
      <c r="J6338" s="5" t="s">
        <v>1519</v>
      </c>
      <c r="K6338" s="2" t="s">
        <v>1520</v>
      </c>
      <c r="L6338" s="5" t="s">
        <v>1519</v>
      </c>
      <c r="M6338" s="2" t="s">
        <v>1520</v>
      </c>
      <c r="N6338" s="5" t="s">
        <v>19227</v>
      </c>
      <c r="O6338" s="5" t="s">
        <v>38</v>
      </c>
      <c r="P6338" s="5" t="s">
        <v>39</v>
      </c>
      <c r="Q6338" s="5" t="s">
        <v>40</v>
      </c>
      <c r="R6338" s="5" t="s">
        <v>1487</v>
      </c>
      <c r="S6338" s="5"/>
      <c r="T6338" s="5" t="s">
        <v>42</v>
      </c>
      <c r="U6338" s="2">
        <v>0</v>
      </c>
      <c r="V6338" s="2">
        <v>0</v>
      </c>
      <c r="W6338" s="2">
        <v>0</v>
      </c>
      <c r="X6338" s="2">
        <v>0</v>
      </c>
      <c r="Y6338" s="2">
        <v>0</v>
      </c>
      <c r="Z6338" s="2">
        <v>0</v>
      </c>
      <c r="AA6338" s="5"/>
      <c r="AB6338" s="5" t="s">
        <v>43</v>
      </c>
      <c r="AC6338" s="5" t="s">
        <v>44</v>
      </c>
      <c r="AD6338" s="2"/>
      <c r="AE6338" s="1"/>
    </row>
    <row r="6339" spans="1:31" ht="14.45">
      <c r="A6339" s="11"/>
      <c r="B6339" s="20"/>
      <c r="C6339" s="2" t="s">
        <v>19489</v>
      </c>
      <c r="D6339" s="14" t="s">
        <v>19490</v>
      </c>
      <c r="E6339" s="2" t="s">
        <v>19491</v>
      </c>
      <c r="F6339" s="2" t="s">
        <v>7396</v>
      </c>
      <c r="G6339" s="8">
        <v>191</v>
      </c>
      <c r="H6339" s="5">
        <v>5</v>
      </c>
      <c r="I6339" s="5" t="s">
        <v>1518</v>
      </c>
      <c r="J6339" s="5" t="s">
        <v>1519</v>
      </c>
      <c r="K6339" s="2" t="s">
        <v>1520</v>
      </c>
      <c r="L6339" s="5" t="s">
        <v>1519</v>
      </c>
      <c r="M6339" s="2" t="s">
        <v>1520</v>
      </c>
      <c r="N6339" s="5" t="s">
        <v>19227</v>
      </c>
      <c r="O6339" s="5" t="s">
        <v>38</v>
      </c>
      <c r="P6339" s="5" t="s">
        <v>39</v>
      </c>
      <c r="Q6339" s="5" t="s">
        <v>40</v>
      </c>
      <c r="R6339" s="5" t="s">
        <v>1487</v>
      </c>
      <c r="S6339" s="5"/>
      <c r="T6339" s="5" t="s">
        <v>42</v>
      </c>
      <c r="U6339" s="2">
        <v>0</v>
      </c>
      <c r="V6339" s="2">
        <v>0</v>
      </c>
      <c r="W6339" s="2">
        <v>0</v>
      </c>
      <c r="X6339" s="2">
        <v>0</v>
      </c>
      <c r="Y6339" s="2">
        <v>0</v>
      </c>
      <c r="Z6339" s="2">
        <v>0</v>
      </c>
      <c r="AA6339" s="5"/>
      <c r="AB6339" s="5" t="s">
        <v>43</v>
      </c>
      <c r="AC6339" s="5" t="s">
        <v>44</v>
      </c>
      <c r="AD6339" s="2"/>
      <c r="AE6339" s="1"/>
    </row>
    <row r="6340" spans="1:31" ht="14.45">
      <c r="A6340" s="11"/>
      <c r="B6340" s="20"/>
      <c r="C6340" s="2" t="s">
        <v>19492</v>
      </c>
      <c r="D6340" s="14" t="s">
        <v>19493</v>
      </c>
      <c r="E6340" s="2" t="s">
        <v>19494</v>
      </c>
      <c r="F6340" s="2" t="s">
        <v>7507</v>
      </c>
      <c r="G6340" s="8">
        <v>191</v>
      </c>
      <c r="H6340" s="5">
        <v>5</v>
      </c>
      <c r="I6340" s="5" t="s">
        <v>1518</v>
      </c>
      <c r="J6340" s="5" t="s">
        <v>1519</v>
      </c>
      <c r="K6340" s="2" t="s">
        <v>1520</v>
      </c>
      <c r="L6340" s="5" t="s">
        <v>1519</v>
      </c>
      <c r="M6340" s="2" t="s">
        <v>1520</v>
      </c>
      <c r="N6340" s="5" t="s">
        <v>19227</v>
      </c>
      <c r="O6340" s="5" t="s">
        <v>38</v>
      </c>
      <c r="P6340" s="5" t="s">
        <v>39</v>
      </c>
      <c r="Q6340" s="5" t="s">
        <v>40</v>
      </c>
      <c r="R6340" s="5" t="s">
        <v>1487</v>
      </c>
      <c r="S6340" s="5"/>
      <c r="T6340" s="5" t="s">
        <v>42</v>
      </c>
      <c r="U6340" s="2">
        <v>0</v>
      </c>
      <c r="V6340" s="2">
        <v>0</v>
      </c>
      <c r="W6340" s="2">
        <v>0</v>
      </c>
      <c r="X6340" s="2">
        <v>0</v>
      </c>
      <c r="Y6340" s="2">
        <v>0</v>
      </c>
      <c r="Z6340" s="2">
        <v>0</v>
      </c>
      <c r="AA6340" s="5"/>
      <c r="AB6340" s="5" t="s">
        <v>43</v>
      </c>
      <c r="AC6340" s="5" t="s">
        <v>44</v>
      </c>
      <c r="AD6340" s="2"/>
      <c r="AE6340" s="1"/>
    </row>
    <row r="6341" spans="1:31" ht="14.45">
      <c r="A6341" s="11"/>
      <c r="B6341" s="20"/>
      <c r="C6341" s="2" t="s">
        <v>19495</v>
      </c>
      <c r="D6341" s="14" t="s">
        <v>19496</v>
      </c>
      <c r="E6341" s="2" t="s">
        <v>19497</v>
      </c>
      <c r="F6341" s="2" t="s">
        <v>7204</v>
      </c>
      <c r="G6341" s="8">
        <v>191</v>
      </c>
      <c r="H6341" s="5">
        <v>5</v>
      </c>
      <c r="I6341" s="5" t="s">
        <v>1518</v>
      </c>
      <c r="J6341" s="5" t="s">
        <v>1519</v>
      </c>
      <c r="K6341" s="2" t="s">
        <v>1520</v>
      </c>
      <c r="L6341" s="5" t="s">
        <v>1519</v>
      </c>
      <c r="M6341" s="2" t="s">
        <v>1520</v>
      </c>
      <c r="N6341" s="5" t="s">
        <v>19227</v>
      </c>
      <c r="O6341" s="5" t="s">
        <v>38</v>
      </c>
      <c r="P6341" s="5" t="s">
        <v>39</v>
      </c>
      <c r="Q6341" s="5" t="s">
        <v>40</v>
      </c>
      <c r="R6341" s="5" t="s">
        <v>1487</v>
      </c>
      <c r="S6341" s="5"/>
      <c r="T6341" s="5" t="s">
        <v>42</v>
      </c>
      <c r="U6341" s="2">
        <v>0</v>
      </c>
      <c r="V6341" s="2">
        <v>0</v>
      </c>
      <c r="W6341" s="2">
        <v>0</v>
      </c>
      <c r="X6341" s="2">
        <v>0</v>
      </c>
      <c r="Y6341" s="2">
        <v>0</v>
      </c>
      <c r="Z6341" s="2">
        <v>0</v>
      </c>
      <c r="AA6341" s="5"/>
      <c r="AB6341" s="5" t="s">
        <v>43</v>
      </c>
      <c r="AC6341" s="5" t="s">
        <v>44</v>
      </c>
      <c r="AD6341" s="2"/>
      <c r="AE6341" s="1"/>
    </row>
    <row r="6342" spans="1:31" ht="14.45">
      <c r="A6342" s="11"/>
      <c r="B6342" s="20"/>
      <c r="C6342" s="2" t="s">
        <v>19498</v>
      </c>
      <c r="D6342" s="14" t="s">
        <v>19499</v>
      </c>
      <c r="E6342" s="2" t="s">
        <v>19500</v>
      </c>
      <c r="F6342" s="2" t="s">
        <v>7514</v>
      </c>
      <c r="G6342" s="8">
        <v>191</v>
      </c>
      <c r="H6342" s="5">
        <v>5</v>
      </c>
      <c r="I6342" s="5" t="s">
        <v>1518</v>
      </c>
      <c r="J6342" s="5" t="s">
        <v>1519</v>
      </c>
      <c r="K6342" s="2" t="s">
        <v>1520</v>
      </c>
      <c r="L6342" s="5" t="s">
        <v>1519</v>
      </c>
      <c r="M6342" s="2" t="s">
        <v>1520</v>
      </c>
      <c r="N6342" s="5" t="s">
        <v>19227</v>
      </c>
      <c r="O6342" s="5" t="s">
        <v>38</v>
      </c>
      <c r="P6342" s="5" t="s">
        <v>39</v>
      </c>
      <c r="Q6342" s="5" t="s">
        <v>40</v>
      </c>
      <c r="R6342" s="5" t="s">
        <v>1487</v>
      </c>
      <c r="S6342" s="5"/>
      <c r="T6342" s="5" t="s">
        <v>42</v>
      </c>
      <c r="U6342" s="2">
        <v>0</v>
      </c>
      <c r="V6342" s="2">
        <v>0</v>
      </c>
      <c r="W6342" s="2">
        <v>0</v>
      </c>
      <c r="X6342" s="2">
        <v>0</v>
      </c>
      <c r="Y6342" s="2">
        <v>0</v>
      </c>
      <c r="Z6342" s="2">
        <v>0</v>
      </c>
      <c r="AA6342" s="5"/>
      <c r="AB6342" s="5" t="s">
        <v>43</v>
      </c>
      <c r="AC6342" s="5" t="s">
        <v>44</v>
      </c>
      <c r="AD6342" s="2"/>
      <c r="AE6342" s="1"/>
    </row>
    <row r="6343" spans="1:31" ht="14.45">
      <c r="A6343" s="11"/>
      <c r="B6343" s="20"/>
      <c r="C6343" s="2" t="s">
        <v>19501</v>
      </c>
      <c r="D6343" s="14" t="s">
        <v>19502</v>
      </c>
      <c r="E6343" s="2" t="s">
        <v>19503</v>
      </c>
      <c r="F6343" s="2" t="s">
        <v>7208</v>
      </c>
      <c r="G6343" s="8">
        <v>191</v>
      </c>
      <c r="H6343" s="5">
        <v>5</v>
      </c>
      <c r="I6343" s="5" t="s">
        <v>1518</v>
      </c>
      <c r="J6343" s="5" t="s">
        <v>1519</v>
      </c>
      <c r="K6343" s="2" t="s">
        <v>1520</v>
      </c>
      <c r="L6343" s="5" t="s">
        <v>1519</v>
      </c>
      <c r="M6343" s="2" t="s">
        <v>1520</v>
      </c>
      <c r="N6343" s="5" t="s">
        <v>19227</v>
      </c>
      <c r="O6343" s="5" t="s">
        <v>38</v>
      </c>
      <c r="P6343" s="5" t="s">
        <v>39</v>
      </c>
      <c r="Q6343" s="5" t="s">
        <v>40</v>
      </c>
      <c r="R6343" s="5" t="s">
        <v>1487</v>
      </c>
      <c r="S6343" s="5"/>
      <c r="T6343" s="5" t="s">
        <v>42</v>
      </c>
      <c r="U6343" s="2">
        <v>0</v>
      </c>
      <c r="V6343" s="2">
        <v>0</v>
      </c>
      <c r="W6343" s="2">
        <v>0</v>
      </c>
      <c r="X6343" s="2">
        <v>0</v>
      </c>
      <c r="Y6343" s="2">
        <v>0</v>
      </c>
      <c r="Z6343" s="2">
        <v>0</v>
      </c>
      <c r="AA6343" s="5"/>
      <c r="AB6343" s="5" t="s">
        <v>43</v>
      </c>
      <c r="AC6343" s="5" t="s">
        <v>44</v>
      </c>
      <c r="AD6343" s="2"/>
      <c r="AE6343" s="1"/>
    </row>
    <row r="6344" spans="1:31" ht="14.45">
      <c r="A6344" s="11"/>
      <c r="B6344" s="20"/>
      <c r="C6344" s="2" t="s">
        <v>19504</v>
      </c>
      <c r="D6344" s="14" t="s">
        <v>19505</v>
      </c>
      <c r="E6344" s="2" t="s">
        <v>19506</v>
      </c>
      <c r="F6344" s="2" t="s">
        <v>7521</v>
      </c>
      <c r="G6344" s="8">
        <v>191</v>
      </c>
      <c r="H6344" s="5">
        <v>5</v>
      </c>
      <c r="I6344" s="5" t="s">
        <v>1518</v>
      </c>
      <c r="J6344" s="5" t="s">
        <v>1519</v>
      </c>
      <c r="K6344" s="2" t="s">
        <v>1520</v>
      </c>
      <c r="L6344" s="5" t="s">
        <v>1519</v>
      </c>
      <c r="M6344" s="2" t="s">
        <v>1520</v>
      </c>
      <c r="N6344" s="5" t="s">
        <v>19227</v>
      </c>
      <c r="O6344" s="5" t="s">
        <v>38</v>
      </c>
      <c r="P6344" s="5" t="s">
        <v>39</v>
      </c>
      <c r="Q6344" s="5" t="s">
        <v>40</v>
      </c>
      <c r="R6344" s="5" t="s">
        <v>1487</v>
      </c>
      <c r="S6344" s="5"/>
      <c r="T6344" s="5" t="s">
        <v>42</v>
      </c>
      <c r="U6344" s="2">
        <v>0</v>
      </c>
      <c r="V6344" s="2">
        <v>0</v>
      </c>
      <c r="W6344" s="2">
        <v>0</v>
      </c>
      <c r="X6344" s="2">
        <v>0</v>
      </c>
      <c r="Y6344" s="2">
        <v>0</v>
      </c>
      <c r="Z6344" s="2">
        <v>0</v>
      </c>
      <c r="AA6344" s="5"/>
      <c r="AB6344" s="5" t="s">
        <v>43</v>
      </c>
      <c r="AC6344" s="5" t="s">
        <v>44</v>
      </c>
      <c r="AD6344" s="2"/>
      <c r="AE6344" s="1"/>
    </row>
    <row r="6345" spans="1:31" ht="14.45">
      <c r="A6345" s="11"/>
      <c r="B6345" s="20"/>
      <c r="C6345" s="2" t="s">
        <v>19507</v>
      </c>
      <c r="D6345" s="14" t="s">
        <v>19508</v>
      </c>
      <c r="E6345" s="2" t="s">
        <v>19509</v>
      </c>
      <c r="F6345" s="2" t="s">
        <v>7212</v>
      </c>
      <c r="G6345" s="8">
        <v>191</v>
      </c>
      <c r="H6345" s="5">
        <v>5</v>
      </c>
      <c r="I6345" s="5" t="s">
        <v>1518</v>
      </c>
      <c r="J6345" s="5" t="s">
        <v>1519</v>
      </c>
      <c r="K6345" s="2" t="s">
        <v>1520</v>
      </c>
      <c r="L6345" s="5" t="s">
        <v>1519</v>
      </c>
      <c r="M6345" s="2" t="s">
        <v>1520</v>
      </c>
      <c r="N6345" s="5" t="s">
        <v>19227</v>
      </c>
      <c r="O6345" s="5" t="s">
        <v>38</v>
      </c>
      <c r="P6345" s="5" t="s">
        <v>39</v>
      </c>
      <c r="Q6345" s="5" t="s">
        <v>40</v>
      </c>
      <c r="R6345" s="5" t="s">
        <v>1487</v>
      </c>
      <c r="S6345" s="5"/>
      <c r="T6345" s="5" t="s">
        <v>42</v>
      </c>
      <c r="U6345" s="2">
        <v>0</v>
      </c>
      <c r="V6345" s="2">
        <v>0</v>
      </c>
      <c r="W6345" s="2">
        <v>0</v>
      </c>
      <c r="X6345" s="2">
        <v>0</v>
      </c>
      <c r="Y6345" s="2">
        <v>0</v>
      </c>
      <c r="Z6345" s="2">
        <v>0</v>
      </c>
      <c r="AA6345" s="5"/>
      <c r="AB6345" s="5" t="s">
        <v>43</v>
      </c>
      <c r="AC6345" s="5" t="s">
        <v>44</v>
      </c>
      <c r="AD6345" s="2"/>
      <c r="AE6345" s="1"/>
    </row>
    <row r="6346" spans="1:31" ht="14.45">
      <c r="A6346" s="11"/>
      <c r="B6346" s="20"/>
      <c r="C6346" s="2" t="s">
        <v>19510</v>
      </c>
      <c r="D6346" s="14" t="s">
        <v>19511</v>
      </c>
      <c r="E6346" s="2" t="s">
        <v>19512</v>
      </c>
      <c r="F6346" s="2" t="s">
        <v>7528</v>
      </c>
      <c r="G6346" s="8">
        <v>191</v>
      </c>
      <c r="H6346" s="5">
        <v>5</v>
      </c>
      <c r="I6346" s="5" t="s">
        <v>1518</v>
      </c>
      <c r="J6346" s="5" t="s">
        <v>1519</v>
      </c>
      <c r="K6346" s="2" t="s">
        <v>1520</v>
      </c>
      <c r="L6346" s="5" t="s">
        <v>1519</v>
      </c>
      <c r="M6346" s="2" t="s">
        <v>1520</v>
      </c>
      <c r="N6346" s="5" t="s">
        <v>19227</v>
      </c>
      <c r="O6346" s="5" t="s">
        <v>38</v>
      </c>
      <c r="P6346" s="5" t="s">
        <v>39</v>
      </c>
      <c r="Q6346" s="5" t="s">
        <v>40</v>
      </c>
      <c r="R6346" s="5" t="s">
        <v>1487</v>
      </c>
      <c r="S6346" s="5"/>
      <c r="T6346" s="5" t="s">
        <v>42</v>
      </c>
      <c r="U6346" s="2">
        <v>0</v>
      </c>
      <c r="V6346" s="2">
        <v>0</v>
      </c>
      <c r="W6346" s="2">
        <v>0</v>
      </c>
      <c r="X6346" s="2">
        <v>0</v>
      </c>
      <c r="Y6346" s="2">
        <v>0</v>
      </c>
      <c r="Z6346" s="2">
        <v>0</v>
      </c>
      <c r="AA6346" s="5"/>
      <c r="AB6346" s="5" t="s">
        <v>43</v>
      </c>
      <c r="AC6346" s="5" t="s">
        <v>44</v>
      </c>
      <c r="AD6346" s="2"/>
      <c r="AE6346" s="1"/>
    </row>
    <row r="6347" spans="1:31" ht="14.45">
      <c r="A6347" s="11"/>
      <c r="B6347" s="20"/>
      <c r="C6347" s="2" t="s">
        <v>19513</v>
      </c>
      <c r="D6347" s="14" t="s">
        <v>19514</v>
      </c>
      <c r="E6347" s="2" t="s">
        <v>19515</v>
      </c>
      <c r="F6347" s="2" t="s">
        <v>7396</v>
      </c>
      <c r="G6347" s="8">
        <v>179</v>
      </c>
      <c r="H6347" s="5">
        <v>5</v>
      </c>
      <c r="I6347" s="5" t="s">
        <v>1518</v>
      </c>
      <c r="J6347" s="5" t="s">
        <v>1519</v>
      </c>
      <c r="K6347" s="2" t="s">
        <v>1520</v>
      </c>
      <c r="L6347" s="5" t="s">
        <v>1519</v>
      </c>
      <c r="M6347" s="2" t="s">
        <v>1520</v>
      </c>
      <c r="N6347" s="5" t="s">
        <v>19227</v>
      </c>
      <c r="O6347" s="5" t="s">
        <v>38</v>
      </c>
      <c r="P6347" s="5" t="s">
        <v>39</v>
      </c>
      <c r="Q6347" s="5" t="s">
        <v>40</v>
      </c>
      <c r="R6347" s="5" t="s">
        <v>1487</v>
      </c>
      <c r="S6347" s="5"/>
      <c r="T6347" s="5" t="s">
        <v>42</v>
      </c>
      <c r="U6347" s="2">
        <v>0</v>
      </c>
      <c r="V6347" s="2">
        <v>0</v>
      </c>
      <c r="W6347" s="2">
        <v>0</v>
      </c>
      <c r="X6347" s="2">
        <v>0</v>
      </c>
      <c r="Y6347" s="2">
        <v>0</v>
      </c>
      <c r="Z6347" s="2">
        <v>0</v>
      </c>
      <c r="AA6347" s="5"/>
      <c r="AB6347" s="5" t="s">
        <v>43</v>
      </c>
      <c r="AC6347" s="5" t="s">
        <v>44</v>
      </c>
      <c r="AD6347" s="2"/>
      <c r="AE6347" s="1"/>
    </row>
    <row r="6348" spans="1:31" ht="14.45">
      <c r="A6348" s="11"/>
      <c r="B6348" s="20"/>
      <c r="C6348" s="2" t="s">
        <v>19516</v>
      </c>
      <c r="D6348" s="14" t="s">
        <v>19517</v>
      </c>
      <c r="E6348" s="2" t="s">
        <v>19518</v>
      </c>
      <c r="F6348" s="2" t="s">
        <v>7507</v>
      </c>
      <c r="G6348" s="8">
        <v>179</v>
      </c>
      <c r="H6348" s="5">
        <v>5</v>
      </c>
      <c r="I6348" s="5" t="s">
        <v>1518</v>
      </c>
      <c r="J6348" s="5" t="s">
        <v>1519</v>
      </c>
      <c r="K6348" s="2" t="s">
        <v>1520</v>
      </c>
      <c r="L6348" s="5" t="s">
        <v>1519</v>
      </c>
      <c r="M6348" s="2" t="s">
        <v>1520</v>
      </c>
      <c r="N6348" s="5" t="s">
        <v>19227</v>
      </c>
      <c r="O6348" s="5" t="s">
        <v>38</v>
      </c>
      <c r="P6348" s="5" t="s">
        <v>39</v>
      </c>
      <c r="Q6348" s="5" t="s">
        <v>40</v>
      </c>
      <c r="R6348" s="5" t="s">
        <v>1487</v>
      </c>
      <c r="S6348" s="5"/>
      <c r="T6348" s="5" t="s">
        <v>42</v>
      </c>
      <c r="U6348" s="2">
        <v>0</v>
      </c>
      <c r="V6348" s="2">
        <v>0</v>
      </c>
      <c r="W6348" s="2">
        <v>0</v>
      </c>
      <c r="X6348" s="2">
        <v>0</v>
      </c>
      <c r="Y6348" s="2">
        <v>0</v>
      </c>
      <c r="Z6348" s="2">
        <v>0</v>
      </c>
      <c r="AA6348" s="5"/>
      <c r="AB6348" s="5" t="s">
        <v>43</v>
      </c>
      <c r="AC6348" s="5" t="s">
        <v>44</v>
      </c>
      <c r="AD6348" s="2"/>
      <c r="AE6348" s="1"/>
    </row>
    <row r="6349" spans="1:31" ht="14.45">
      <c r="A6349" s="11"/>
      <c r="B6349" s="20"/>
      <c r="C6349" s="2" t="s">
        <v>19519</v>
      </c>
      <c r="D6349" s="14" t="s">
        <v>19520</v>
      </c>
      <c r="E6349" s="2" t="s">
        <v>19521</v>
      </c>
      <c r="F6349" s="2" t="s">
        <v>7204</v>
      </c>
      <c r="G6349" s="8">
        <v>179</v>
      </c>
      <c r="H6349" s="5">
        <v>5</v>
      </c>
      <c r="I6349" s="5" t="s">
        <v>1518</v>
      </c>
      <c r="J6349" s="5" t="s">
        <v>1519</v>
      </c>
      <c r="K6349" s="2" t="s">
        <v>1520</v>
      </c>
      <c r="L6349" s="5" t="s">
        <v>1519</v>
      </c>
      <c r="M6349" s="2" t="s">
        <v>1520</v>
      </c>
      <c r="N6349" s="5" t="s">
        <v>19227</v>
      </c>
      <c r="O6349" s="5" t="s">
        <v>38</v>
      </c>
      <c r="P6349" s="5" t="s">
        <v>39</v>
      </c>
      <c r="Q6349" s="5" t="s">
        <v>40</v>
      </c>
      <c r="R6349" s="5" t="s">
        <v>1487</v>
      </c>
      <c r="S6349" s="5"/>
      <c r="T6349" s="5" t="s">
        <v>42</v>
      </c>
      <c r="U6349" s="2">
        <v>0</v>
      </c>
      <c r="V6349" s="2">
        <v>0</v>
      </c>
      <c r="W6349" s="2">
        <v>0</v>
      </c>
      <c r="X6349" s="2">
        <v>0</v>
      </c>
      <c r="Y6349" s="2">
        <v>0</v>
      </c>
      <c r="Z6349" s="2">
        <v>0</v>
      </c>
      <c r="AA6349" s="5"/>
      <c r="AB6349" s="5" t="s">
        <v>43</v>
      </c>
      <c r="AC6349" s="5" t="s">
        <v>44</v>
      </c>
      <c r="AD6349" s="2"/>
      <c r="AE6349" s="1"/>
    </row>
    <row r="6350" spans="1:31" ht="14.45">
      <c r="A6350" s="11"/>
      <c r="B6350" s="20"/>
      <c r="C6350" s="2" t="s">
        <v>19522</v>
      </c>
      <c r="D6350" s="14" t="s">
        <v>19523</v>
      </c>
      <c r="E6350" s="2" t="s">
        <v>19524</v>
      </c>
      <c r="F6350" s="2" t="s">
        <v>7514</v>
      </c>
      <c r="G6350" s="8">
        <v>179</v>
      </c>
      <c r="H6350" s="5">
        <v>5</v>
      </c>
      <c r="I6350" s="5" t="s">
        <v>1518</v>
      </c>
      <c r="J6350" s="5" t="s">
        <v>1519</v>
      </c>
      <c r="K6350" s="2" t="s">
        <v>1520</v>
      </c>
      <c r="L6350" s="5" t="s">
        <v>1519</v>
      </c>
      <c r="M6350" s="2" t="s">
        <v>1520</v>
      </c>
      <c r="N6350" s="5" t="s">
        <v>19227</v>
      </c>
      <c r="O6350" s="5" t="s">
        <v>38</v>
      </c>
      <c r="P6350" s="5" t="s">
        <v>39</v>
      </c>
      <c r="Q6350" s="5" t="s">
        <v>40</v>
      </c>
      <c r="R6350" s="5" t="s">
        <v>1487</v>
      </c>
      <c r="S6350" s="5"/>
      <c r="T6350" s="5" t="s">
        <v>42</v>
      </c>
      <c r="U6350" s="2">
        <v>0</v>
      </c>
      <c r="V6350" s="2">
        <v>0</v>
      </c>
      <c r="W6350" s="2">
        <v>0</v>
      </c>
      <c r="X6350" s="2">
        <v>0</v>
      </c>
      <c r="Y6350" s="2">
        <v>0</v>
      </c>
      <c r="Z6350" s="2">
        <v>0</v>
      </c>
      <c r="AA6350" s="5"/>
      <c r="AB6350" s="5" t="s">
        <v>43</v>
      </c>
      <c r="AC6350" s="5" t="s">
        <v>44</v>
      </c>
      <c r="AD6350" s="2"/>
      <c r="AE6350" s="1"/>
    </row>
    <row r="6351" spans="1:31" ht="14.45">
      <c r="A6351" s="11"/>
      <c r="B6351" s="20"/>
      <c r="C6351" s="2" t="s">
        <v>19525</v>
      </c>
      <c r="D6351" s="14" t="s">
        <v>19526</v>
      </c>
      <c r="E6351" s="2" t="s">
        <v>19527</v>
      </c>
      <c r="F6351" s="2" t="s">
        <v>7208</v>
      </c>
      <c r="G6351" s="8">
        <v>179</v>
      </c>
      <c r="H6351" s="5">
        <v>5</v>
      </c>
      <c r="I6351" s="5" t="s">
        <v>1518</v>
      </c>
      <c r="J6351" s="5" t="s">
        <v>1519</v>
      </c>
      <c r="K6351" s="2" t="s">
        <v>1520</v>
      </c>
      <c r="L6351" s="5" t="s">
        <v>1519</v>
      </c>
      <c r="M6351" s="2" t="s">
        <v>1520</v>
      </c>
      <c r="N6351" s="5" t="s">
        <v>19227</v>
      </c>
      <c r="O6351" s="5" t="s">
        <v>38</v>
      </c>
      <c r="P6351" s="5" t="s">
        <v>39</v>
      </c>
      <c r="Q6351" s="5" t="s">
        <v>40</v>
      </c>
      <c r="R6351" s="5" t="s">
        <v>1487</v>
      </c>
      <c r="S6351" s="5"/>
      <c r="T6351" s="5" t="s">
        <v>42</v>
      </c>
      <c r="U6351" s="2">
        <v>0</v>
      </c>
      <c r="V6351" s="2">
        <v>0</v>
      </c>
      <c r="W6351" s="2">
        <v>0</v>
      </c>
      <c r="X6351" s="2">
        <v>0</v>
      </c>
      <c r="Y6351" s="2">
        <v>0</v>
      </c>
      <c r="Z6351" s="2">
        <v>0</v>
      </c>
      <c r="AA6351" s="5"/>
      <c r="AB6351" s="5" t="s">
        <v>43</v>
      </c>
      <c r="AC6351" s="5" t="s">
        <v>44</v>
      </c>
      <c r="AD6351" s="2"/>
      <c r="AE6351" s="1"/>
    </row>
    <row r="6352" spans="1:31" ht="14.45">
      <c r="A6352" s="11"/>
      <c r="B6352" s="20"/>
      <c r="C6352" s="2" t="s">
        <v>19528</v>
      </c>
      <c r="D6352" s="14" t="s">
        <v>19529</v>
      </c>
      <c r="E6352" s="2" t="s">
        <v>19530</v>
      </c>
      <c r="F6352" s="2" t="s">
        <v>7521</v>
      </c>
      <c r="G6352" s="8">
        <v>179</v>
      </c>
      <c r="H6352" s="5">
        <v>5</v>
      </c>
      <c r="I6352" s="5" t="s">
        <v>1518</v>
      </c>
      <c r="J6352" s="5" t="s">
        <v>1519</v>
      </c>
      <c r="K6352" s="2" t="s">
        <v>1520</v>
      </c>
      <c r="L6352" s="5" t="s">
        <v>1519</v>
      </c>
      <c r="M6352" s="2" t="s">
        <v>1520</v>
      </c>
      <c r="N6352" s="5" t="s">
        <v>19227</v>
      </c>
      <c r="O6352" s="5" t="s">
        <v>38</v>
      </c>
      <c r="P6352" s="5" t="s">
        <v>39</v>
      </c>
      <c r="Q6352" s="5" t="s">
        <v>40</v>
      </c>
      <c r="R6352" s="5" t="s">
        <v>1487</v>
      </c>
      <c r="S6352" s="5"/>
      <c r="T6352" s="5" t="s">
        <v>42</v>
      </c>
      <c r="U6352" s="2">
        <v>0</v>
      </c>
      <c r="V6352" s="2">
        <v>0</v>
      </c>
      <c r="W6352" s="2">
        <v>0</v>
      </c>
      <c r="X6352" s="2">
        <v>0</v>
      </c>
      <c r="Y6352" s="2">
        <v>0</v>
      </c>
      <c r="Z6352" s="2">
        <v>0</v>
      </c>
      <c r="AA6352" s="5"/>
      <c r="AB6352" s="5" t="s">
        <v>43</v>
      </c>
      <c r="AC6352" s="5" t="s">
        <v>44</v>
      </c>
      <c r="AD6352" s="2"/>
      <c r="AE6352" s="1"/>
    </row>
    <row r="6353" spans="1:31" ht="14.45">
      <c r="A6353" s="11"/>
      <c r="B6353" s="20"/>
      <c r="C6353" s="2" t="s">
        <v>19531</v>
      </c>
      <c r="D6353" s="14" t="s">
        <v>19532</v>
      </c>
      <c r="E6353" s="2" t="s">
        <v>19533</v>
      </c>
      <c r="F6353" s="2" t="s">
        <v>7212</v>
      </c>
      <c r="G6353" s="8">
        <v>179</v>
      </c>
      <c r="H6353" s="5">
        <v>5</v>
      </c>
      <c r="I6353" s="5" t="s">
        <v>1518</v>
      </c>
      <c r="J6353" s="5" t="s">
        <v>1519</v>
      </c>
      <c r="K6353" s="2" t="s">
        <v>1520</v>
      </c>
      <c r="L6353" s="5" t="s">
        <v>1519</v>
      </c>
      <c r="M6353" s="2" t="s">
        <v>1520</v>
      </c>
      <c r="N6353" s="5" t="s">
        <v>19227</v>
      </c>
      <c r="O6353" s="5" t="s">
        <v>38</v>
      </c>
      <c r="P6353" s="5" t="s">
        <v>39</v>
      </c>
      <c r="Q6353" s="5" t="s">
        <v>40</v>
      </c>
      <c r="R6353" s="5" t="s">
        <v>1487</v>
      </c>
      <c r="S6353" s="5"/>
      <c r="T6353" s="5" t="s">
        <v>42</v>
      </c>
      <c r="U6353" s="2">
        <v>0</v>
      </c>
      <c r="V6353" s="2">
        <v>0</v>
      </c>
      <c r="W6353" s="2">
        <v>0</v>
      </c>
      <c r="X6353" s="2">
        <v>0</v>
      </c>
      <c r="Y6353" s="2">
        <v>0</v>
      </c>
      <c r="Z6353" s="2">
        <v>0</v>
      </c>
      <c r="AA6353" s="5"/>
      <c r="AB6353" s="5" t="s">
        <v>43</v>
      </c>
      <c r="AC6353" s="5" t="s">
        <v>44</v>
      </c>
      <c r="AD6353" s="2"/>
      <c r="AE6353" s="1"/>
    </row>
    <row r="6354" spans="1:31" ht="14.45">
      <c r="A6354" s="11"/>
      <c r="B6354" s="20"/>
      <c r="C6354" s="2" t="s">
        <v>19534</v>
      </c>
      <c r="D6354" s="14" t="s">
        <v>19535</v>
      </c>
      <c r="E6354" s="2" t="s">
        <v>19536</v>
      </c>
      <c r="F6354" s="2" t="s">
        <v>7528</v>
      </c>
      <c r="G6354" s="8">
        <v>179</v>
      </c>
      <c r="H6354" s="5">
        <v>5</v>
      </c>
      <c r="I6354" s="5" t="s">
        <v>1518</v>
      </c>
      <c r="J6354" s="5" t="s">
        <v>1519</v>
      </c>
      <c r="K6354" s="2" t="s">
        <v>1520</v>
      </c>
      <c r="L6354" s="5" t="s">
        <v>1519</v>
      </c>
      <c r="M6354" s="2" t="s">
        <v>1520</v>
      </c>
      <c r="N6354" s="5" t="s">
        <v>19227</v>
      </c>
      <c r="O6354" s="5" t="s">
        <v>38</v>
      </c>
      <c r="P6354" s="5" t="s">
        <v>39</v>
      </c>
      <c r="Q6354" s="5" t="s">
        <v>40</v>
      </c>
      <c r="R6354" s="5" t="s">
        <v>1487</v>
      </c>
      <c r="S6354" s="5"/>
      <c r="T6354" s="5" t="s">
        <v>42</v>
      </c>
      <c r="U6354" s="2">
        <v>0</v>
      </c>
      <c r="V6354" s="2">
        <v>0</v>
      </c>
      <c r="W6354" s="2">
        <v>0</v>
      </c>
      <c r="X6354" s="2">
        <v>0</v>
      </c>
      <c r="Y6354" s="2">
        <v>0</v>
      </c>
      <c r="Z6354" s="2">
        <v>0</v>
      </c>
      <c r="AA6354" s="5"/>
      <c r="AB6354" s="5" t="s">
        <v>43</v>
      </c>
      <c r="AC6354" s="5" t="s">
        <v>44</v>
      </c>
      <c r="AD6354" s="2"/>
      <c r="AE6354" s="1"/>
    </row>
    <row r="6355" spans="1:31" ht="14.45">
      <c r="A6355" s="11"/>
      <c r="B6355" s="20"/>
      <c r="C6355" s="2" t="s">
        <v>19537</v>
      </c>
      <c r="D6355" s="14" t="s">
        <v>19538</v>
      </c>
      <c r="E6355" s="2" t="s">
        <v>19539</v>
      </c>
      <c r="F6355" s="2" t="s">
        <v>7396</v>
      </c>
      <c r="G6355" s="8">
        <v>187</v>
      </c>
      <c r="H6355" s="5">
        <v>5</v>
      </c>
      <c r="I6355" s="5" t="s">
        <v>1518</v>
      </c>
      <c r="J6355" s="5" t="s">
        <v>1519</v>
      </c>
      <c r="K6355" s="2" t="s">
        <v>1520</v>
      </c>
      <c r="L6355" s="5" t="s">
        <v>1519</v>
      </c>
      <c r="M6355" s="2" t="s">
        <v>1520</v>
      </c>
      <c r="N6355" s="5" t="s">
        <v>19227</v>
      </c>
      <c r="O6355" s="5" t="s">
        <v>38</v>
      </c>
      <c r="P6355" s="5" t="s">
        <v>39</v>
      </c>
      <c r="Q6355" s="5" t="s">
        <v>40</v>
      </c>
      <c r="R6355" s="5" t="s">
        <v>1487</v>
      </c>
      <c r="S6355" s="5"/>
      <c r="T6355" s="5" t="s">
        <v>42</v>
      </c>
      <c r="U6355" s="2">
        <v>0</v>
      </c>
      <c r="V6355" s="2">
        <v>0</v>
      </c>
      <c r="W6355" s="2">
        <v>0</v>
      </c>
      <c r="X6355" s="2">
        <v>0</v>
      </c>
      <c r="Y6355" s="2">
        <v>0</v>
      </c>
      <c r="Z6355" s="2">
        <v>0</v>
      </c>
      <c r="AA6355" s="5"/>
      <c r="AB6355" s="5" t="s">
        <v>43</v>
      </c>
      <c r="AC6355" s="5" t="s">
        <v>44</v>
      </c>
      <c r="AD6355" s="2"/>
      <c r="AE6355" s="1"/>
    </row>
    <row r="6356" spans="1:31" ht="14.45">
      <c r="A6356" s="11"/>
      <c r="B6356" s="20"/>
      <c r="C6356" s="2" t="s">
        <v>19540</v>
      </c>
      <c r="D6356" s="14" t="s">
        <v>19541</v>
      </c>
      <c r="E6356" s="2" t="s">
        <v>19542</v>
      </c>
      <c r="F6356" s="2" t="s">
        <v>7507</v>
      </c>
      <c r="G6356" s="8">
        <v>187</v>
      </c>
      <c r="H6356" s="5">
        <v>5</v>
      </c>
      <c r="I6356" s="5" t="s">
        <v>1518</v>
      </c>
      <c r="J6356" s="5" t="s">
        <v>1519</v>
      </c>
      <c r="K6356" s="2" t="s">
        <v>1520</v>
      </c>
      <c r="L6356" s="5" t="s">
        <v>1519</v>
      </c>
      <c r="M6356" s="2" t="s">
        <v>1520</v>
      </c>
      <c r="N6356" s="5" t="s">
        <v>19227</v>
      </c>
      <c r="O6356" s="5" t="s">
        <v>38</v>
      </c>
      <c r="P6356" s="5" t="s">
        <v>39</v>
      </c>
      <c r="Q6356" s="5" t="s">
        <v>40</v>
      </c>
      <c r="R6356" s="5" t="s">
        <v>1487</v>
      </c>
      <c r="S6356" s="5"/>
      <c r="T6356" s="5" t="s">
        <v>42</v>
      </c>
      <c r="U6356" s="2">
        <v>0</v>
      </c>
      <c r="V6356" s="2">
        <v>0</v>
      </c>
      <c r="W6356" s="2">
        <v>0</v>
      </c>
      <c r="X6356" s="2">
        <v>0</v>
      </c>
      <c r="Y6356" s="2">
        <v>0</v>
      </c>
      <c r="Z6356" s="2">
        <v>0</v>
      </c>
      <c r="AA6356" s="5"/>
      <c r="AB6356" s="5" t="s">
        <v>43</v>
      </c>
      <c r="AC6356" s="5" t="s">
        <v>44</v>
      </c>
      <c r="AD6356" s="2"/>
      <c r="AE6356" s="1"/>
    </row>
    <row r="6357" spans="1:31" ht="14.45">
      <c r="A6357" s="11"/>
      <c r="B6357" s="20"/>
      <c r="C6357" s="2" t="s">
        <v>19543</v>
      </c>
      <c r="D6357" s="14" t="s">
        <v>19544</v>
      </c>
      <c r="E6357" s="2" t="s">
        <v>19545</v>
      </c>
      <c r="F6357" s="2" t="s">
        <v>7204</v>
      </c>
      <c r="G6357" s="8">
        <v>187</v>
      </c>
      <c r="H6357" s="5">
        <v>5</v>
      </c>
      <c r="I6357" s="5" t="s">
        <v>1518</v>
      </c>
      <c r="J6357" s="5" t="s">
        <v>1519</v>
      </c>
      <c r="K6357" s="2" t="s">
        <v>1520</v>
      </c>
      <c r="L6357" s="5" t="s">
        <v>1519</v>
      </c>
      <c r="M6357" s="2" t="s">
        <v>1520</v>
      </c>
      <c r="N6357" s="5" t="s">
        <v>19227</v>
      </c>
      <c r="O6357" s="5" t="s">
        <v>38</v>
      </c>
      <c r="P6357" s="5" t="s">
        <v>39</v>
      </c>
      <c r="Q6357" s="5" t="s">
        <v>40</v>
      </c>
      <c r="R6357" s="5" t="s">
        <v>1487</v>
      </c>
      <c r="S6357" s="5"/>
      <c r="T6357" s="5" t="s">
        <v>42</v>
      </c>
      <c r="U6357" s="2">
        <v>0</v>
      </c>
      <c r="V6357" s="2">
        <v>0</v>
      </c>
      <c r="W6357" s="2">
        <v>0</v>
      </c>
      <c r="X6357" s="2">
        <v>0</v>
      </c>
      <c r="Y6357" s="2">
        <v>0</v>
      </c>
      <c r="Z6357" s="2">
        <v>0</v>
      </c>
      <c r="AA6357" s="5"/>
      <c r="AB6357" s="5" t="s">
        <v>43</v>
      </c>
      <c r="AC6357" s="5" t="s">
        <v>44</v>
      </c>
      <c r="AD6357" s="2"/>
      <c r="AE6357" s="1"/>
    </row>
    <row r="6358" spans="1:31" ht="14.45">
      <c r="A6358" s="11"/>
      <c r="B6358" s="20"/>
      <c r="C6358" s="2" t="s">
        <v>19546</v>
      </c>
      <c r="D6358" s="14" t="s">
        <v>19547</v>
      </c>
      <c r="E6358" s="2" t="s">
        <v>19548</v>
      </c>
      <c r="F6358" s="2" t="s">
        <v>7514</v>
      </c>
      <c r="G6358" s="8">
        <v>187</v>
      </c>
      <c r="H6358" s="5">
        <v>5</v>
      </c>
      <c r="I6358" s="5" t="s">
        <v>1518</v>
      </c>
      <c r="J6358" s="5" t="s">
        <v>1519</v>
      </c>
      <c r="K6358" s="2" t="s">
        <v>1520</v>
      </c>
      <c r="L6358" s="5" t="s">
        <v>1519</v>
      </c>
      <c r="M6358" s="2" t="s">
        <v>1520</v>
      </c>
      <c r="N6358" s="5" t="s">
        <v>19227</v>
      </c>
      <c r="O6358" s="5" t="s">
        <v>38</v>
      </c>
      <c r="P6358" s="5" t="s">
        <v>39</v>
      </c>
      <c r="Q6358" s="5" t="s">
        <v>40</v>
      </c>
      <c r="R6358" s="5" t="s">
        <v>1487</v>
      </c>
      <c r="S6358" s="5"/>
      <c r="T6358" s="5" t="s">
        <v>42</v>
      </c>
      <c r="U6358" s="2">
        <v>0</v>
      </c>
      <c r="V6358" s="2">
        <v>0</v>
      </c>
      <c r="W6358" s="2">
        <v>0</v>
      </c>
      <c r="X6358" s="2">
        <v>0</v>
      </c>
      <c r="Y6358" s="2">
        <v>0</v>
      </c>
      <c r="Z6358" s="2">
        <v>0</v>
      </c>
      <c r="AA6358" s="5"/>
      <c r="AB6358" s="5" t="s">
        <v>43</v>
      </c>
      <c r="AC6358" s="5" t="s">
        <v>44</v>
      </c>
      <c r="AD6358" s="2"/>
      <c r="AE6358" s="1"/>
    </row>
    <row r="6359" spans="1:31" ht="14.45">
      <c r="A6359" s="11"/>
      <c r="B6359" s="20"/>
      <c r="C6359" s="2" t="s">
        <v>19549</v>
      </c>
      <c r="D6359" s="14" t="s">
        <v>19550</v>
      </c>
      <c r="E6359" s="2" t="s">
        <v>19551</v>
      </c>
      <c r="F6359" s="2" t="s">
        <v>7208</v>
      </c>
      <c r="G6359" s="8">
        <v>187</v>
      </c>
      <c r="H6359" s="5">
        <v>5</v>
      </c>
      <c r="I6359" s="5" t="s">
        <v>1518</v>
      </c>
      <c r="J6359" s="5" t="s">
        <v>1519</v>
      </c>
      <c r="K6359" s="2" t="s">
        <v>1520</v>
      </c>
      <c r="L6359" s="5" t="s">
        <v>1519</v>
      </c>
      <c r="M6359" s="2" t="s">
        <v>1520</v>
      </c>
      <c r="N6359" s="5" t="s">
        <v>19227</v>
      </c>
      <c r="O6359" s="5" t="s">
        <v>38</v>
      </c>
      <c r="P6359" s="5" t="s">
        <v>39</v>
      </c>
      <c r="Q6359" s="5" t="s">
        <v>40</v>
      </c>
      <c r="R6359" s="5" t="s">
        <v>1487</v>
      </c>
      <c r="S6359" s="5"/>
      <c r="T6359" s="5" t="s">
        <v>42</v>
      </c>
      <c r="U6359" s="2">
        <v>0</v>
      </c>
      <c r="V6359" s="2">
        <v>0</v>
      </c>
      <c r="W6359" s="2">
        <v>0</v>
      </c>
      <c r="X6359" s="2">
        <v>0</v>
      </c>
      <c r="Y6359" s="2">
        <v>0</v>
      </c>
      <c r="Z6359" s="2">
        <v>0</v>
      </c>
      <c r="AA6359" s="5"/>
      <c r="AB6359" s="5" t="s">
        <v>43</v>
      </c>
      <c r="AC6359" s="5" t="s">
        <v>44</v>
      </c>
      <c r="AD6359" s="2"/>
      <c r="AE6359" s="1"/>
    </row>
    <row r="6360" spans="1:31" ht="14.45">
      <c r="A6360" s="11"/>
      <c r="B6360" s="20"/>
      <c r="C6360" s="2" t="s">
        <v>19552</v>
      </c>
      <c r="D6360" s="14" t="s">
        <v>19553</v>
      </c>
      <c r="E6360" s="2" t="s">
        <v>19554</v>
      </c>
      <c r="F6360" s="2" t="s">
        <v>7521</v>
      </c>
      <c r="G6360" s="8">
        <v>187</v>
      </c>
      <c r="H6360" s="5">
        <v>5</v>
      </c>
      <c r="I6360" s="5" t="s">
        <v>1518</v>
      </c>
      <c r="J6360" s="5" t="s">
        <v>1519</v>
      </c>
      <c r="K6360" s="2" t="s">
        <v>1520</v>
      </c>
      <c r="L6360" s="5" t="s">
        <v>1519</v>
      </c>
      <c r="M6360" s="2" t="s">
        <v>1520</v>
      </c>
      <c r="N6360" s="5" t="s">
        <v>19227</v>
      </c>
      <c r="O6360" s="5" t="s">
        <v>38</v>
      </c>
      <c r="P6360" s="5" t="s">
        <v>39</v>
      </c>
      <c r="Q6360" s="5" t="s">
        <v>40</v>
      </c>
      <c r="R6360" s="5" t="s">
        <v>1487</v>
      </c>
      <c r="S6360" s="5"/>
      <c r="T6360" s="5" t="s">
        <v>42</v>
      </c>
      <c r="U6360" s="2">
        <v>0</v>
      </c>
      <c r="V6360" s="2">
        <v>0</v>
      </c>
      <c r="W6360" s="2">
        <v>0</v>
      </c>
      <c r="X6360" s="2">
        <v>0</v>
      </c>
      <c r="Y6360" s="2">
        <v>0</v>
      </c>
      <c r="Z6360" s="2">
        <v>0</v>
      </c>
      <c r="AA6360" s="5"/>
      <c r="AB6360" s="5" t="s">
        <v>43</v>
      </c>
      <c r="AC6360" s="5" t="s">
        <v>44</v>
      </c>
      <c r="AD6360" s="2"/>
      <c r="AE6360" s="1"/>
    </row>
    <row r="6361" spans="1:31" ht="14.45">
      <c r="A6361" s="11"/>
      <c r="B6361" s="20"/>
      <c r="C6361" s="2" t="s">
        <v>19555</v>
      </c>
      <c r="D6361" s="14" t="s">
        <v>19556</v>
      </c>
      <c r="E6361" s="2" t="s">
        <v>19557</v>
      </c>
      <c r="F6361" s="2" t="s">
        <v>7212</v>
      </c>
      <c r="G6361" s="8">
        <v>187</v>
      </c>
      <c r="H6361" s="5">
        <v>5</v>
      </c>
      <c r="I6361" s="5" t="s">
        <v>1518</v>
      </c>
      <c r="J6361" s="5" t="s">
        <v>1519</v>
      </c>
      <c r="K6361" s="2" t="s">
        <v>1520</v>
      </c>
      <c r="L6361" s="5" t="s">
        <v>1519</v>
      </c>
      <c r="M6361" s="2" t="s">
        <v>1520</v>
      </c>
      <c r="N6361" s="5" t="s">
        <v>19227</v>
      </c>
      <c r="O6361" s="5" t="s">
        <v>38</v>
      </c>
      <c r="P6361" s="5" t="s">
        <v>39</v>
      </c>
      <c r="Q6361" s="5" t="s">
        <v>40</v>
      </c>
      <c r="R6361" s="5" t="s">
        <v>1487</v>
      </c>
      <c r="S6361" s="5"/>
      <c r="T6361" s="5" t="s">
        <v>42</v>
      </c>
      <c r="U6361" s="2">
        <v>0</v>
      </c>
      <c r="V6361" s="2">
        <v>0</v>
      </c>
      <c r="W6361" s="2">
        <v>0</v>
      </c>
      <c r="X6361" s="2">
        <v>0</v>
      </c>
      <c r="Y6361" s="2">
        <v>0</v>
      </c>
      <c r="Z6361" s="2">
        <v>0</v>
      </c>
      <c r="AA6361" s="5"/>
      <c r="AB6361" s="5" t="s">
        <v>43</v>
      </c>
      <c r="AC6361" s="5" t="s">
        <v>44</v>
      </c>
      <c r="AD6361" s="2"/>
      <c r="AE6361" s="1"/>
    </row>
    <row r="6362" spans="1:31" ht="14.45">
      <c r="A6362" s="11"/>
      <c r="B6362" s="20"/>
      <c r="C6362" s="2" t="s">
        <v>19558</v>
      </c>
      <c r="D6362" s="14" t="s">
        <v>19559</v>
      </c>
      <c r="E6362" s="2" t="s">
        <v>19560</v>
      </c>
      <c r="F6362" s="2" t="s">
        <v>7528</v>
      </c>
      <c r="G6362" s="8">
        <v>187</v>
      </c>
      <c r="H6362" s="5">
        <v>5</v>
      </c>
      <c r="I6362" s="5" t="s">
        <v>1518</v>
      </c>
      <c r="J6362" s="5" t="s">
        <v>1519</v>
      </c>
      <c r="K6362" s="2" t="s">
        <v>1520</v>
      </c>
      <c r="L6362" s="5" t="s">
        <v>1519</v>
      </c>
      <c r="M6362" s="2" t="s">
        <v>1520</v>
      </c>
      <c r="N6362" s="5" t="s">
        <v>19227</v>
      </c>
      <c r="O6362" s="5" t="s">
        <v>38</v>
      </c>
      <c r="P6362" s="5" t="s">
        <v>39</v>
      </c>
      <c r="Q6362" s="5" t="s">
        <v>40</v>
      </c>
      <c r="R6362" s="5" t="s">
        <v>1487</v>
      </c>
      <c r="S6362" s="5"/>
      <c r="T6362" s="5" t="s">
        <v>42</v>
      </c>
      <c r="U6362" s="2">
        <v>0</v>
      </c>
      <c r="V6362" s="2">
        <v>0</v>
      </c>
      <c r="W6362" s="2">
        <v>0</v>
      </c>
      <c r="X6362" s="2">
        <v>0</v>
      </c>
      <c r="Y6362" s="2">
        <v>0</v>
      </c>
      <c r="Z6362" s="2">
        <v>0</v>
      </c>
      <c r="AA6362" s="5"/>
      <c r="AB6362" s="5" t="s">
        <v>43</v>
      </c>
      <c r="AC6362" s="5" t="s">
        <v>44</v>
      </c>
      <c r="AD6362" s="2"/>
      <c r="AE6362" s="1"/>
    </row>
    <row r="6363" spans="1:31" ht="14.45">
      <c r="A6363" s="11"/>
      <c r="B6363" s="20"/>
      <c r="C6363" s="2" t="s">
        <v>19561</v>
      </c>
      <c r="D6363" s="14" t="s">
        <v>19562</v>
      </c>
      <c r="E6363" s="2" t="s">
        <v>19563</v>
      </c>
      <c r="F6363" s="2" t="s">
        <v>7396</v>
      </c>
      <c r="G6363" s="8">
        <v>189</v>
      </c>
      <c r="H6363" s="5">
        <v>5</v>
      </c>
      <c r="I6363" s="5" t="s">
        <v>1518</v>
      </c>
      <c r="J6363" s="5" t="s">
        <v>1519</v>
      </c>
      <c r="K6363" s="2" t="s">
        <v>1520</v>
      </c>
      <c r="L6363" s="5" t="s">
        <v>1519</v>
      </c>
      <c r="M6363" s="2" t="s">
        <v>1520</v>
      </c>
      <c r="N6363" s="5" t="s">
        <v>19227</v>
      </c>
      <c r="O6363" s="5" t="s">
        <v>38</v>
      </c>
      <c r="P6363" s="5" t="s">
        <v>39</v>
      </c>
      <c r="Q6363" s="5" t="s">
        <v>40</v>
      </c>
      <c r="R6363" s="5" t="s">
        <v>1487</v>
      </c>
      <c r="S6363" s="5"/>
      <c r="T6363" s="5" t="s">
        <v>42</v>
      </c>
      <c r="U6363" s="2">
        <v>0</v>
      </c>
      <c r="V6363" s="2">
        <v>0</v>
      </c>
      <c r="W6363" s="2">
        <v>0</v>
      </c>
      <c r="X6363" s="2">
        <v>0</v>
      </c>
      <c r="Y6363" s="2">
        <v>0</v>
      </c>
      <c r="Z6363" s="2">
        <v>0</v>
      </c>
      <c r="AA6363" s="5"/>
      <c r="AB6363" s="5" t="s">
        <v>43</v>
      </c>
      <c r="AC6363" s="5" t="s">
        <v>44</v>
      </c>
      <c r="AD6363" s="2"/>
      <c r="AE6363" s="1"/>
    </row>
    <row r="6364" spans="1:31" ht="14.45">
      <c r="A6364" s="11"/>
      <c r="B6364" s="20"/>
      <c r="C6364" s="2" t="s">
        <v>19564</v>
      </c>
      <c r="D6364" s="14" t="s">
        <v>19565</v>
      </c>
      <c r="E6364" s="2" t="s">
        <v>19566</v>
      </c>
      <c r="F6364" s="2" t="s">
        <v>7507</v>
      </c>
      <c r="G6364" s="8">
        <v>189</v>
      </c>
      <c r="H6364" s="5">
        <v>5</v>
      </c>
      <c r="I6364" s="5" t="s">
        <v>1518</v>
      </c>
      <c r="J6364" s="5" t="s">
        <v>1519</v>
      </c>
      <c r="K6364" s="2" t="s">
        <v>1520</v>
      </c>
      <c r="L6364" s="5" t="s">
        <v>1519</v>
      </c>
      <c r="M6364" s="2" t="s">
        <v>1520</v>
      </c>
      <c r="N6364" s="5" t="s">
        <v>19227</v>
      </c>
      <c r="O6364" s="5" t="s">
        <v>38</v>
      </c>
      <c r="P6364" s="5" t="s">
        <v>39</v>
      </c>
      <c r="Q6364" s="5" t="s">
        <v>40</v>
      </c>
      <c r="R6364" s="5" t="s">
        <v>1487</v>
      </c>
      <c r="S6364" s="5"/>
      <c r="T6364" s="5" t="s">
        <v>42</v>
      </c>
      <c r="U6364" s="2">
        <v>0</v>
      </c>
      <c r="V6364" s="2">
        <v>0</v>
      </c>
      <c r="W6364" s="2">
        <v>0</v>
      </c>
      <c r="X6364" s="2">
        <v>0</v>
      </c>
      <c r="Y6364" s="2">
        <v>0</v>
      </c>
      <c r="Z6364" s="2">
        <v>0</v>
      </c>
      <c r="AA6364" s="5"/>
      <c r="AB6364" s="5" t="s">
        <v>43</v>
      </c>
      <c r="AC6364" s="5" t="s">
        <v>44</v>
      </c>
      <c r="AD6364" s="2"/>
      <c r="AE6364" s="1"/>
    </row>
    <row r="6365" spans="1:31" ht="14.45">
      <c r="A6365" s="11"/>
      <c r="B6365" s="20"/>
      <c r="C6365" s="2" t="s">
        <v>19567</v>
      </c>
      <c r="D6365" s="14" t="s">
        <v>19568</v>
      </c>
      <c r="E6365" s="2" t="s">
        <v>19569</v>
      </c>
      <c r="F6365" s="2" t="s">
        <v>7204</v>
      </c>
      <c r="G6365" s="8">
        <v>189</v>
      </c>
      <c r="H6365" s="5">
        <v>5</v>
      </c>
      <c r="I6365" s="5" t="s">
        <v>1518</v>
      </c>
      <c r="J6365" s="5" t="s">
        <v>1519</v>
      </c>
      <c r="K6365" s="2" t="s">
        <v>1520</v>
      </c>
      <c r="L6365" s="5" t="s">
        <v>1519</v>
      </c>
      <c r="M6365" s="2" t="s">
        <v>1520</v>
      </c>
      <c r="N6365" s="5" t="s">
        <v>19227</v>
      </c>
      <c r="O6365" s="5" t="s">
        <v>38</v>
      </c>
      <c r="P6365" s="5" t="s">
        <v>39</v>
      </c>
      <c r="Q6365" s="5" t="s">
        <v>40</v>
      </c>
      <c r="R6365" s="5" t="s">
        <v>1487</v>
      </c>
      <c r="S6365" s="5"/>
      <c r="T6365" s="5" t="s">
        <v>42</v>
      </c>
      <c r="U6365" s="2">
        <v>0</v>
      </c>
      <c r="V6365" s="2">
        <v>0</v>
      </c>
      <c r="W6365" s="2">
        <v>0</v>
      </c>
      <c r="X6365" s="2">
        <v>0</v>
      </c>
      <c r="Y6365" s="2">
        <v>0</v>
      </c>
      <c r="Z6365" s="2">
        <v>0</v>
      </c>
      <c r="AA6365" s="5"/>
      <c r="AB6365" s="5" t="s">
        <v>43</v>
      </c>
      <c r="AC6365" s="5" t="s">
        <v>44</v>
      </c>
      <c r="AD6365" s="2"/>
      <c r="AE6365" s="1"/>
    </row>
    <row r="6366" spans="1:31" ht="14.45">
      <c r="A6366" s="11"/>
      <c r="B6366" s="20"/>
      <c r="C6366" s="2" t="s">
        <v>19570</v>
      </c>
      <c r="D6366" s="14" t="s">
        <v>19571</v>
      </c>
      <c r="E6366" s="2" t="s">
        <v>19572</v>
      </c>
      <c r="F6366" s="2" t="s">
        <v>7514</v>
      </c>
      <c r="G6366" s="8">
        <v>189</v>
      </c>
      <c r="H6366" s="5">
        <v>5</v>
      </c>
      <c r="I6366" s="5" t="s">
        <v>1518</v>
      </c>
      <c r="J6366" s="5" t="s">
        <v>1519</v>
      </c>
      <c r="K6366" s="2" t="s">
        <v>1520</v>
      </c>
      <c r="L6366" s="5" t="s">
        <v>1519</v>
      </c>
      <c r="M6366" s="2" t="s">
        <v>1520</v>
      </c>
      <c r="N6366" s="5" t="s">
        <v>19227</v>
      </c>
      <c r="O6366" s="5" t="s">
        <v>38</v>
      </c>
      <c r="P6366" s="5" t="s">
        <v>39</v>
      </c>
      <c r="Q6366" s="5" t="s">
        <v>40</v>
      </c>
      <c r="R6366" s="5" t="s">
        <v>1487</v>
      </c>
      <c r="S6366" s="5"/>
      <c r="T6366" s="5" t="s">
        <v>42</v>
      </c>
      <c r="U6366" s="2">
        <v>0</v>
      </c>
      <c r="V6366" s="2">
        <v>0</v>
      </c>
      <c r="W6366" s="2">
        <v>0</v>
      </c>
      <c r="X6366" s="2">
        <v>0</v>
      </c>
      <c r="Y6366" s="2">
        <v>0</v>
      </c>
      <c r="Z6366" s="2">
        <v>0</v>
      </c>
      <c r="AA6366" s="5"/>
      <c r="AB6366" s="5" t="s">
        <v>43</v>
      </c>
      <c r="AC6366" s="5" t="s">
        <v>44</v>
      </c>
      <c r="AD6366" s="2"/>
      <c r="AE6366" s="1"/>
    </row>
    <row r="6367" spans="1:31" ht="14.45">
      <c r="A6367" s="11"/>
      <c r="B6367" s="20"/>
      <c r="C6367" s="2" t="s">
        <v>19573</v>
      </c>
      <c r="D6367" s="14" t="s">
        <v>19574</v>
      </c>
      <c r="E6367" s="2" t="s">
        <v>19575</v>
      </c>
      <c r="F6367" s="2" t="s">
        <v>7208</v>
      </c>
      <c r="G6367" s="8">
        <v>189</v>
      </c>
      <c r="H6367" s="5">
        <v>5</v>
      </c>
      <c r="I6367" s="5" t="s">
        <v>1518</v>
      </c>
      <c r="J6367" s="5" t="s">
        <v>1519</v>
      </c>
      <c r="K6367" s="2" t="s">
        <v>1520</v>
      </c>
      <c r="L6367" s="5" t="s">
        <v>1519</v>
      </c>
      <c r="M6367" s="2" t="s">
        <v>1520</v>
      </c>
      <c r="N6367" s="5" t="s">
        <v>19227</v>
      </c>
      <c r="O6367" s="5" t="s">
        <v>38</v>
      </c>
      <c r="P6367" s="5" t="s">
        <v>39</v>
      </c>
      <c r="Q6367" s="5" t="s">
        <v>40</v>
      </c>
      <c r="R6367" s="5" t="s">
        <v>1487</v>
      </c>
      <c r="S6367" s="5"/>
      <c r="T6367" s="5" t="s">
        <v>42</v>
      </c>
      <c r="U6367" s="2">
        <v>0</v>
      </c>
      <c r="V6367" s="2">
        <v>0</v>
      </c>
      <c r="W6367" s="2">
        <v>0</v>
      </c>
      <c r="X6367" s="2">
        <v>0</v>
      </c>
      <c r="Y6367" s="2">
        <v>0</v>
      </c>
      <c r="Z6367" s="2">
        <v>0</v>
      </c>
      <c r="AA6367" s="5"/>
      <c r="AB6367" s="5" t="s">
        <v>43</v>
      </c>
      <c r="AC6367" s="5" t="s">
        <v>44</v>
      </c>
      <c r="AD6367" s="2"/>
      <c r="AE6367" s="1"/>
    </row>
    <row r="6368" spans="1:31" ht="14.45">
      <c r="A6368" s="11"/>
      <c r="B6368" s="20"/>
      <c r="C6368" s="2" t="s">
        <v>19576</v>
      </c>
      <c r="D6368" s="14" t="s">
        <v>19577</v>
      </c>
      <c r="E6368" s="2" t="s">
        <v>19578</v>
      </c>
      <c r="F6368" s="2" t="s">
        <v>7521</v>
      </c>
      <c r="G6368" s="8">
        <v>189</v>
      </c>
      <c r="H6368" s="5">
        <v>5</v>
      </c>
      <c r="I6368" s="5" t="s">
        <v>1518</v>
      </c>
      <c r="J6368" s="5" t="s">
        <v>1519</v>
      </c>
      <c r="K6368" s="2" t="s">
        <v>1520</v>
      </c>
      <c r="L6368" s="5" t="s">
        <v>1519</v>
      </c>
      <c r="M6368" s="2" t="s">
        <v>1520</v>
      </c>
      <c r="N6368" s="5" t="s">
        <v>19227</v>
      </c>
      <c r="O6368" s="5" t="s">
        <v>38</v>
      </c>
      <c r="P6368" s="5" t="s">
        <v>39</v>
      </c>
      <c r="Q6368" s="5" t="s">
        <v>40</v>
      </c>
      <c r="R6368" s="5" t="s">
        <v>1487</v>
      </c>
      <c r="S6368" s="5"/>
      <c r="T6368" s="5" t="s">
        <v>42</v>
      </c>
      <c r="U6368" s="2">
        <v>0</v>
      </c>
      <c r="V6368" s="2">
        <v>0</v>
      </c>
      <c r="W6368" s="2">
        <v>0</v>
      </c>
      <c r="X6368" s="2">
        <v>0</v>
      </c>
      <c r="Y6368" s="2">
        <v>0</v>
      </c>
      <c r="Z6368" s="2">
        <v>0</v>
      </c>
      <c r="AA6368" s="5"/>
      <c r="AB6368" s="5" t="s">
        <v>43</v>
      </c>
      <c r="AC6368" s="5" t="s">
        <v>44</v>
      </c>
      <c r="AD6368" s="2"/>
      <c r="AE6368" s="1"/>
    </row>
    <row r="6369" spans="1:31" ht="14.45">
      <c r="A6369" s="11"/>
      <c r="B6369" s="20"/>
      <c r="C6369" s="2" t="s">
        <v>19579</v>
      </c>
      <c r="D6369" s="14" t="s">
        <v>19580</v>
      </c>
      <c r="E6369" s="2" t="s">
        <v>19581</v>
      </c>
      <c r="F6369" s="2" t="s">
        <v>7212</v>
      </c>
      <c r="G6369" s="8">
        <v>189</v>
      </c>
      <c r="H6369" s="5">
        <v>5</v>
      </c>
      <c r="I6369" s="5" t="s">
        <v>1518</v>
      </c>
      <c r="J6369" s="5" t="s">
        <v>1519</v>
      </c>
      <c r="K6369" s="2" t="s">
        <v>1520</v>
      </c>
      <c r="L6369" s="5" t="s">
        <v>1519</v>
      </c>
      <c r="M6369" s="2" t="s">
        <v>1520</v>
      </c>
      <c r="N6369" s="5" t="s">
        <v>19227</v>
      </c>
      <c r="O6369" s="5" t="s">
        <v>38</v>
      </c>
      <c r="P6369" s="5" t="s">
        <v>39</v>
      </c>
      <c r="Q6369" s="5" t="s">
        <v>40</v>
      </c>
      <c r="R6369" s="5" t="s">
        <v>1487</v>
      </c>
      <c r="S6369" s="5"/>
      <c r="T6369" s="5" t="s">
        <v>42</v>
      </c>
      <c r="U6369" s="2">
        <v>0</v>
      </c>
      <c r="V6369" s="2">
        <v>0</v>
      </c>
      <c r="W6369" s="2">
        <v>0</v>
      </c>
      <c r="X6369" s="2">
        <v>0</v>
      </c>
      <c r="Y6369" s="2">
        <v>0</v>
      </c>
      <c r="Z6369" s="2">
        <v>0</v>
      </c>
      <c r="AA6369" s="5"/>
      <c r="AB6369" s="5" t="s">
        <v>43</v>
      </c>
      <c r="AC6369" s="5" t="s">
        <v>44</v>
      </c>
      <c r="AD6369" s="2"/>
      <c r="AE6369" s="1"/>
    </row>
    <row r="6370" spans="1:31" ht="14.45">
      <c r="A6370" s="11"/>
      <c r="B6370" s="20"/>
      <c r="C6370" s="2" t="s">
        <v>19582</v>
      </c>
      <c r="D6370" s="14" t="s">
        <v>19583</v>
      </c>
      <c r="E6370" s="2" t="s">
        <v>19584</v>
      </c>
      <c r="F6370" s="2" t="s">
        <v>7528</v>
      </c>
      <c r="G6370" s="8">
        <v>189</v>
      </c>
      <c r="H6370" s="5">
        <v>5</v>
      </c>
      <c r="I6370" s="5" t="s">
        <v>1518</v>
      </c>
      <c r="J6370" s="5" t="s">
        <v>1519</v>
      </c>
      <c r="K6370" s="2" t="s">
        <v>1520</v>
      </c>
      <c r="L6370" s="5" t="s">
        <v>1519</v>
      </c>
      <c r="M6370" s="2" t="s">
        <v>1520</v>
      </c>
      <c r="N6370" s="5" t="s">
        <v>19227</v>
      </c>
      <c r="O6370" s="5" t="s">
        <v>38</v>
      </c>
      <c r="P6370" s="5" t="s">
        <v>39</v>
      </c>
      <c r="Q6370" s="5" t="s">
        <v>40</v>
      </c>
      <c r="R6370" s="5" t="s">
        <v>1487</v>
      </c>
      <c r="S6370" s="5"/>
      <c r="T6370" s="5" t="s">
        <v>42</v>
      </c>
      <c r="U6370" s="2">
        <v>0</v>
      </c>
      <c r="V6370" s="2">
        <v>0</v>
      </c>
      <c r="W6370" s="2">
        <v>0</v>
      </c>
      <c r="X6370" s="2">
        <v>0</v>
      </c>
      <c r="Y6370" s="2">
        <v>0</v>
      </c>
      <c r="Z6370" s="2">
        <v>0</v>
      </c>
      <c r="AA6370" s="5"/>
      <c r="AB6370" s="5" t="s">
        <v>43</v>
      </c>
      <c r="AC6370" s="5" t="s">
        <v>44</v>
      </c>
      <c r="AD6370" s="2"/>
      <c r="AE6370" s="1"/>
    </row>
    <row r="6371" spans="1:31" ht="14.45">
      <c r="A6371" s="11"/>
      <c r="B6371" s="20"/>
      <c r="C6371" s="2" t="s">
        <v>19585</v>
      </c>
      <c r="D6371" s="14" t="s">
        <v>19586</v>
      </c>
      <c r="E6371" s="2" t="s">
        <v>19587</v>
      </c>
      <c r="F6371" s="2" t="s">
        <v>7396</v>
      </c>
      <c r="G6371" s="8">
        <v>195</v>
      </c>
      <c r="H6371" s="5">
        <v>5</v>
      </c>
      <c r="I6371" s="5" t="s">
        <v>1518</v>
      </c>
      <c r="J6371" s="5" t="s">
        <v>1519</v>
      </c>
      <c r="K6371" s="2" t="s">
        <v>1520</v>
      </c>
      <c r="L6371" s="5" t="s">
        <v>1519</v>
      </c>
      <c r="M6371" s="2" t="s">
        <v>1520</v>
      </c>
      <c r="N6371" s="5" t="s">
        <v>19227</v>
      </c>
      <c r="O6371" s="5" t="s">
        <v>38</v>
      </c>
      <c r="P6371" s="5" t="s">
        <v>39</v>
      </c>
      <c r="Q6371" s="5" t="s">
        <v>40</v>
      </c>
      <c r="R6371" s="5" t="s">
        <v>1487</v>
      </c>
      <c r="S6371" s="5"/>
      <c r="T6371" s="5" t="s">
        <v>42</v>
      </c>
      <c r="U6371" s="2">
        <v>0</v>
      </c>
      <c r="V6371" s="2">
        <v>0</v>
      </c>
      <c r="W6371" s="2">
        <v>0</v>
      </c>
      <c r="X6371" s="2">
        <v>0</v>
      </c>
      <c r="Y6371" s="2">
        <v>0</v>
      </c>
      <c r="Z6371" s="2">
        <v>0</v>
      </c>
      <c r="AA6371" s="5"/>
      <c r="AB6371" s="5" t="s">
        <v>43</v>
      </c>
      <c r="AC6371" s="5" t="s">
        <v>44</v>
      </c>
      <c r="AD6371" s="2"/>
      <c r="AE6371" s="1"/>
    </row>
    <row r="6372" spans="1:31" ht="14.45">
      <c r="A6372" s="11"/>
      <c r="B6372" s="20"/>
      <c r="C6372" s="2" t="s">
        <v>19588</v>
      </c>
      <c r="D6372" s="14" t="s">
        <v>19589</v>
      </c>
      <c r="E6372" s="2" t="s">
        <v>19590</v>
      </c>
      <c r="F6372" s="2" t="s">
        <v>7507</v>
      </c>
      <c r="G6372" s="8">
        <v>195</v>
      </c>
      <c r="H6372" s="5">
        <v>5</v>
      </c>
      <c r="I6372" s="5" t="s">
        <v>1518</v>
      </c>
      <c r="J6372" s="5" t="s">
        <v>1519</v>
      </c>
      <c r="K6372" s="2" t="s">
        <v>1520</v>
      </c>
      <c r="L6372" s="5" t="s">
        <v>1519</v>
      </c>
      <c r="M6372" s="2" t="s">
        <v>1520</v>
      </c>
      <c r="N6372" s="5" t="s">
        <v>19227</v>
      </c>
      <c r="O6372" s="5" t="s">
        <v>38</v>
      </c>
      <c r="P6372" s="5" t="s">
        <v>39</v>
      </c>
      <c r="Q6372" s="5" t="s">
        <v>40</v>
      </c>
      <c r="R6372" s="5" t="s">
        <v>1487</v>
      </c>
      <c r="S6372" s="5"/>
      <c r="T6372" s="5" t="s">
        <v>42</v>
      </c>
      <c r="U6372" s="2">
        <v>0</v>
      </c>
      <c r="V6372" s="2">
        <v>0</v>
      </c>
      <c r="W6372" s="2">
        <v>0</v>
      </c>
      <c r="X6372" s="2">
        <v>0</v>
      </c>
      <c r="Y6372" s="2">
        <v>0</v>
      </c>
      <c r="Z6372" s="2">
        <v>0</v>
      </c>
      <c r="AA6372" s="5"/>
      <c r="AB6372" s="5" t="s">
        <v>43</v>
      </c>
      <c r="AC6372" s="5" t="s">
        <v>44</v>
      </c>
      <c r="AD6372" s="2"/>
      <c r="AE6372" s="1"/>
    </row>
    <row r="6373" spans="1:31" ht="14.45">
      <c r="A6373" s="11"/>
      <c r="B6373" s="20"/>
      <c r="C6373" s="2" t="s">
        <v>19591</v>
      </c>
      <c r="D6373" s="14" t="s">
        <v>19592</v>
      </c>
      <c r="E6373" s="2" t="s">
        <v>19593</v>
      </c>
      <c r="F6373" s="2" t="s">
        <v>7204</v>
      </c>
      <c r="G6373" s="8">
        <v>195</v>
      </c>
      <c r="H6373" s="5">
        <v>5</v>
      </c>
      <c r="I6373" s="5" t="s">
        <v>1518</v>
      </c>
      <c r="J6373" s="5" t="s">
        <v>1519</v>
      </c>
      <c r="K6373" s="2" t="s">
        <v>1520</v>
      </c>
      <c r="L6373" s="5" t="s">
        <v>1519</v>
      </c>
      <c r="M6373" s="2" t="s">
        <v>1520</v>
      </c>
      <c r="N6373" s="5" t="s">
        <v>19227</v>
      </c>
      <c r="O6373" s="5" t="s">
        <v>38</v>
      </c>
      <c r="P6373" s="5" t="s">
        <v>39</v>
      </c>
      <c r="Q6373" s="5" t="s">
        <v>40</v>
      </c>
      <c r="R6373" s="5" t="s">
        <v>1487</v>
      </c>
      <c r="S6373" s="5"/>
      <c r="T6373" s="5" t="s">
        <v>42</v>
      </c>
      <c r="U6373" s="2">
        <v>0</v>
      </c>
      <c r="V6373" s="2">
        <v>0</v>
      </c>
      <c r="W6373" s="2">
        <v>0</v>
      </c>
      <c r="X6373" s="2">
        <v>0</v>
      </c>
      <c r="Y6373" s="2">
        <v>0</v>
      </c>
      <c r="Z6373" s="2">
        <v>0</v>
      </c>
      <c r="AA6373" s="5"/>
      <c r="AB6373" s="5" t="s">
        <v>43</v>
      </c>
      <c r="AC6373" s="5" t="s">
        <v>44</v>
      </c>
      <c r="AD6373" s="2"/>
      <c r="AE6373" s="1"/>
    </row>
    <row r="6374" spans="1:31" ht="14.45">
      <c r="A6374" s="11"/>
      <c r="B6374" s="20"/>
      <c r="C6374" s="2" t="s">
        <v>19594</v>
      </c>
      <c r="D6374" s="14" t="s">
        <v>19595</v>
      </c>
      <c r="E6374" s="2" t="s">
        <v>19596</v>
      </c>
      <c r="F6374" s="2" t="s">
        <v>7514</v>
      </c>
      <c r="G6374" s="8">
        <v>195</v>
      </c>
      <c r="H6374" s="5">
        <v>5</v>
      </c>
      <c r="I6374" s="5" t="s">
        <v>1518</v>
      </c>
      <c r="J6374" s="5" t="s">
        <v>1519</v>
      </c>
      <c r="K6374" s="2" t="s">
        <v>1520</v>
      </c>
      <c r="L6374" s="5" t="s">
        <v>1519</v>
      </c>
      <c r="M6374" s="2" t="s">
        <v>1520</v>
      </c>
      <c r="N6374" s="5" t="s">
        <v>19227</v>
      </c>
      <c r="O6374" s="5" t="s">
        <v>38</v>
      </c>
      <c r="P6374" s="5" t="s">
        <v>39</v>
      </c>
      <c r="Q6374" s="5" t="s">
        <v>40</v>
      </c>
      <c r="R6374" s="5" t="s">
        <v>1487</v>
      </c>
      <c r="S6374" s="5"/>
      <c r="T6374" s="5" t="s">
        <v>42</v>
      </c>
      <c r="U6374" s="2">
        <v>0</v>
      </c>
      <c r="V6374" s="2">
        <v>0</v>
      </c>
      <c r="W6374" s="2">
        <v>0</v>
      </c>
      <c r="X6374" s="2">
        <v>0</v>
      </c>
      <c r="Y6374" s="2">
        <v>0</v>
      </c>
      <c r="Z6374" s="2">
        <v>0</v>
      </c>
      <c r="AA6374" s="5"/>
      <c r="AB6374" s="5" t="s">
        <v>43</v>
      </c>
      <c r="AC6374" s="5" t="s">
        <v>44</v>
      </c>
      <c r="AD6374" s="2"/>
      <c r="AE6374" s="1"/>
    </row>
    <row r="6375" spans="1:31" ht="14.45">
      <c r="A6375" s="11"/>
      <c r="B6375" s="20"/>
      <c r="C6375" s="2" t="s">
        <v>19597</v>
      </c>
      <c r="D6375" s="14" t="s">
        <v>19598</v>
      </c>
      <c r="E6375" s="2" t="s">
        <v>19599</v>
      </c>
      <c r="F6375" s="2" t="s">
        <v>7208</v>
      </c>
      <c r="G6375" s="8">
        <v>195</v>
      </c>
      <c r="H6375" s="5">
        <v>5</v>
      </c>
      <c r="I6375" s="5" t="s">
        <v>1518</v>
      </c>
      <c r="J6375" s="5" t="s">
        <v>1519</v>
      </c>
      <c r="K6375" s="2" t="s">
        <v>1520</v>
      </c>
      <c r="L6375" s="5" t="s">
        <v>1519</v>
      </c>
      <c r="M6375" s="2" t="s">
        <v>1520</v>
      </c>
      <c r="N6375" s="5" t="s">
        <v>19227</v>
      </c>
      <c r="O6375" s="5" t="s">
        <v>38</v>
      </c>
      <c r="P6375" s="5" t="s">
        <v>39</v>
      </c>
      <c r="Q6375" s="5" t="s">
        <v>40</v>
      </c>
      <c r="R6375" s="5" t="s">
        <v>1487</v>
      </c>
      <c r="S6375" s="5"/>
      <c r="T6375" s="5" t="s">
        <v>42</v>
      </c>
      <c r="U6375" s="2">
        <v>0</v>
      </c>
      <c r="V6375" s="2">
        <v>0</v>
      </c>
      <c r="W6375" s="2">
        <v>0</v>
      </c>
      <c r="X6375" s="2">
        <v>0</v>
      </c>
      <c r="Y6375" s="2">
        <v>0</v>
      </c>
      <c r="Z6375" s="2">
        <v>0</v>
      </c>
      <c r="AA6375" s="5"/>
      <c r="AB6375" s="5" t="s">
        <v>43</v>
      </c>
      <c r="AC6375" s="5" t="s">
        <v>44</v>
      </c>
      <c r="AD6375" s="2"/>
      <c r="AE6375" s="1"/>
    </row>
    <row r="6376" spans="1:31" ht="14.45">
      <c r="A6376" s="11"/>
      <c r="B6376" s="20"/>
      <c r="C6376" s="2" t="s">
        <v>19600</v>
      </c>
      <c r="D6376" s="14" t="s">
        <v>19601</v>
      </c>
      <c r="E6376" s="2" t="s">
        <v>19602</v>
      </c>
      <c r="F6376" s="2" t="s">
        <v>7521</v>
      </c>
      <c r="G6376" s="8">
        <v>195</v>
      </c>
      <c r="H6376" s="5">
        <v>5</v>
      </c>
      <c r="I6376" s="5" t="s">
        <v>1518</v>
      </c>
      <c r="J6376" s="5" t="s">
        <v>1519</v>
      </c>
      <c r="K6376" s="2" t="s">
        <v>1520</v>
      </c>
      <c r="L6376" s="5" t="s">
        <v>1519</v>
      </c>
      <c r="M6376" s="2" t="s">
        <v>1520</v>
      </c>
      <c r="N6376" s="5" t="s">
        <v>19227</v>
      </c>
      <c r="O6376" s="5" t="s">
        <v>38</v>
      </c>
      <c r="P6376" s="5" t="s">
        <v>39</v>
      </c>
      <c r="Q6376" s="5" t="s">
        <v>40</v>
      </c>
      <c r="R6376" s="5" t="s">
        <v>1487</v>
      </c>
      <c r="S6376" s="5"/>
      <c r="T6376" s="5" t="s">
        <v>42</v>
      </c>
      <c r="U6376" s="2">
        <v>0</v>
      </c>
      <c r="V6376" s="2">
        <v>0</v>
      </c>
      <c r="W6376" s="2">
        <v>0</v>
      </c>
      <c r="X6376" s="2">
        <v>0</v>
      </c>
      <c r="Y6376" s="2">
        <v>0</v>
      </c>
      <c r="Z6376" s="2">
        <v>0</v>
      </c>
      <c r="AA6376" s="5"/>
      <c r="AB6376" s="5" t="s">
        <v>43</v>
      </c>
      <c r="AC6376" s="5" t="s">
        <v>44</v>
      </c>
      <c r="AD6376" s="2"/>
      <c r="AE6376" s="1"/>
    </row>
    <row r="6377" spans="1:31" ht="14.45">
      <c r="A6377" s="11"/>
      <c r="B6377" s="20"/>
      <c r="C6377" s="2" t="s">
        <v>19603</v>
      </c>
      <c r="D6377" s="14" t="s">
        <v>19604</v>
      </c>
      <c r="E6377" s="2" t="s">
        <v>19605</v>
      </c>
      <c r="F6377" s="2" t="s">
        <v>7212</v>
      </c>
      <c r="G6377" s="8">
        <v>195</v>
      </c>
      <c r="H6377" s="5">
        <v>5</v>
      </c>
      <c r="I6377" s="5" t="s">
        <v>1518</v>
      </c>
      <c r="J6377" s="5" t="s">
        <v>1519</v>
      </c>
      <c r="K6377" s="2" t="s">
        <v>1520</v>
      </c>
      <c r="L6377" s="5" t="s">
        <v>1519</v>
      </c>
      <c r="M6377" s="2" t="s">
        <v>1520</v>
      </c>
      <c r="N6377" s="5" t="s">
        <v>19227</v>
      </c>
      <c r="O6377" s="5" t="s">
        <v>38</v>
      </c>
      <c r="P6377" s="5" t="s">
        <v>39</v>
      </c>
      <c r="Q6377" s="5" t="s">
        <v>40</v>
      </c>
      <c r="R6377" s="5" t="s">
        <v>1487</v>
      </c>
      <c r="S6377" s="5"/>
      <c r="T6377" s="5" t="s">
        <v>42</v>
      </c>
      <c r="U6377" s="2">
        <v>0</v>
      </c>
      <c r="V6377" s="2">
        <v>0</v>
      </c>
      <c r="W6377" s="2">
        <v>0</v>
      </c>
      <c r="X6377" s="2">
        <v>0</v>
      </c>
      <c r="Y6377" s="2">
        <v>0</v>
      </c>
      <c r="Z6377" s="2">
        <v>0</v>
      </c>
      <c r="AA6377" s="5"/>
      <c r="AB6377" s="5" t="s">
        <v>43</v>
      </c>
      <c r="AC6377" s="5" t="s">
        <v>44</v>
      </c>
      <c r="AD6377" s="2"/>
      <c r="AE6377" s="1"/>
    </row>
    <row r="6378" spans="1:31" ht="14.45">
      <c r="A6378" s="11"/>
      <c r="B6378" s="20"/>
      <c r="C6378" s="2" t="s">
        <v>19606</v>
      </c>
      <c r="D6378" s="14" t="s">
        <v>19607</v>
      </c>
      <c r="E6378" s="2" t="s">
        <v>19608</v>
      </c>
      <c r="F6378" s="2" t="s">
        <v>7528</v>
      </c>
      <c r="G6378" s="8">
        <v>195</v>
      </c>
      <c r="H6378" s="5">
        <v>5</v>
      </c>
      <c r="I6378" s="5" t="s">
        <v>1518</v>
      </c>
      <c r="J6378" s="5" t="s">
        <v>1519</v>
      </c>
      <c r="K6378" s="2" t="s">
        <v>1520</v>
      </c>
      <c r="L6378" s="5" t="s">
        <v>1519</v>
      </c>
      <c r="M6378" s="2" t="s">
        <v>1520</v>
      </c>
      <c r="N6378" s="5" t="s">
        <v>19227</v>
      </c>
      <c r="O6378" s="5" t="s">
        <v>38</v>
      </c>
      <c r="P6378" s="5" t="s">
        <v>39</v>
      </c>
      <c r="Q6378" s="5" t="s">
        <v>40</v>
      </c>
      <c r="R6378" s="5" t="s">
        <v>1487</v>
      </c>
      <c r="S6378" s="5"/>
      <c r="T6378" s="5" t="s">
        <v>42</v>
      </c>
      <c r="U6378" s="2">
        <v>0</v>
      </c>
      <c r="V6378" s="2">
        <v>0</v>
      </c>
      <c r="W6378" s="2">
        <v>0</v>
      </c>
      <c r="X6378" s="2">
        <v>0</v>
      </c>
      <c r="Y6378" s="2">
        <v>0</v>
      </c>
      <c r="Z6378" s="2">
        <v>0</v>
      </c>
      <c r="AA6378" s="5"/>
      <c r="AB6378" s="5" t="s">
        <v>43</v>
      </c>
      <c r="AC6378" s="5" t="s">
        <v>44</v>
      </c>
      <c r="AD6378" s="2"/>
      <c r="AE6378" s="1"/>
    </row>
    <row r="6379" spans="1:31" ht="14.45">
      <c r="A6379" s="11"/>
      <c r="B6379" s="20"/>
      <c r="C6379" s="2" t="s">
        <v>19609</v>
      </c>
      <c r="D6379" s="14" t="s">
        <v>19610</v>
      </c>
      <c r="E6379" s="2" t="s">
        <v>19611</v>
      </c>
      <c r="F6379" s="2" t="s">
        <v>7396</v>
      </c>
      <c r="G6379" s="8">
        <v>188</v>
      </c>
      <c r="H6379" s="5">
        <v>5</v>
      </c>
      <c r="I6379" s="5" t="s">
        <v>1518</v>
      </c>
      <c r="J6379" s="5" t="s">
        <v>1519</v>
      </c>
      <c r="K6379" s="2" t="s">
        <v>1520</v>
      </c>
      <c r="L6379" s="5" t="s">
        <v>1519</v>
      </c>
      <c r="M6379" s="2" t="s">
        <v>1520</v>
      </c>
      <c r="N6379" s="5" t="s">
        <v>19227</v>
      </c>
      <c r="O6379" s="5" t="s">
        <v>38</v>
      </c>
      <c r="P6379" s="5" t="s">
        <v>39</v>
      </c>
      <c r="Q6379" s="5" t="s">
        <v>40</v>
      </c>
      <c r="R6379" s="5" t="s">
        <v>1487</v>
      </c>
      <c r="S6379" s="5"/>
      <c r="T6379" s="5" t="s">
        <v>42</v>
      </c>
      <c r="U6379" s="2">
        <v>0</v>
      </c>
      <c r="V6379" s="2">
        <v>0</v>
      </c>
      <c r="W6379" s="2">
        <v>0</v>
      </c>
      <c r="X6379" s="2">
        <v>0</v>
      </c>
      <c r="Y6379" s="2">
        <v>0</v>
      </c>
      <c r="Z6379" s="2">
        <v>0</v>
      </c>
      <c r="AA6379" s="5"/>
      <c r="AB6379" s="5" t="s">
        <v>43</v>
      </c>
      <c r="AC6379" s="5" t="s">
        <v>44</v>
      </c>
      <c r="AD6379" s="2"/>
      <c r="AE6379" s="1"/>
    </row>
    <row r="6380" spans="1:31" ht="14.45">
      <c r="A6380" s="11"/>
      <c r="B6380" s="20"/>
      <c r="C6380" s="2" t="s">
        <v>19612</v>
      </c>
      <c r="D6380" s="14" t="s">
        <v>19613</v>
      </c>
      <c r="E6380" s="2" t="s">
        <v>19614</v>
      </c>
      <c r="F6380" s="2" t="s">
        <v>7507</v>
      </c>
      <c r="G6380" s="8">
        <v>188</v>
      </c>
      <c r="H6380" s="5">
        <v>5</v>
      </c>
      <c r="I6380" s="5" t="s">
        <v>1518</v>
      </c>
      <c r="J6380" s="5" t="s">
        <v>1519</v>
      </c>
      <c r="K6380" s="2" t="s">
        <v>1520</v>
      </c>
      <c r="L6380" s="5" t="s">
        <v>1519</v>
      </c>
      <c r="M6380" s="2" t="s">
        <v>1520</v>
      </c>
      <c r="N6380" s="5" t="s">
        <v>19227</v>
      </c>
      <c r="O6380" s="5" t="s">
        <v>38</v>
      </c>
      <c r="P6380" s="5" t="s">
        <v>39</v>
      </c>
      <c r="Q6380" s="5" t="s">
        <v>40</v>
      </c>
      <c r="R6380" s="5" t="s">
        <v>1487</v>
      </c>
      <c r="S6380" s="5"/>
      <c r="T6380" s="5" t="s">
        <v>42</v>
      </c>
      <c r="U6380" s="2">
        <v>0</v>
      </c>
      <c r="V6380" s="2">
        <v>0</v>
      </c>
      <c r="W6380" s="2">
        <v>0</v>
      </c>
      <c r="X6380" s="2">
        <v>0</v>
      </c>
      <c r="Y6380" s="2">
        <v>0</v>
      </c>
      <c r="Z6380" s="2">
        <v>0</v>
      </c>
      <c r="AA6380" s="5"/>
      <c r="AB6380" s="5" t="s">
        <v>43</v>
      </c>
      <c r="AC6380" s="5" t="s">
        <v>44</v>
      </c>
      <c r="AD6380" s="2"/>
      <c r="AE6380" s="1"/>
    </row>
    <row r="6381" spans="1:31" ht="14.45">
      <c r="A6381" s="11"/>
      <c r="B6381" s="20"/>
      <c r="C6381" s="2" t="s">
        <v>19615</v>
      </c>
      <c r="D6381" s="14" t="s">
        <v>19616</v>
      </c>
      <c r="E6381" s="2" t="s">
        <v>19617</v>
      </c>
      <c r="F6381" s="2" t="s">
        <v>7204</v>
      </c>
      <c r="G6381" s="8">
        <v>188</v>
      </c>
      <c r="H6381" s="5">
        <v>5</v>
      </c>
      <c r="I6381" s="5" t="s">
        <v>1518</v>
      </c>
      <c r="J6381" s="5" t="s">
        <v>1519</v>
      </c>
      <c r="K6381" s="2" t="s">
        <v>1520</v>
      </c>
      <c r="L6381" s="5" t="s">
        <v>1519</v>
      </c>
      <c r="M6381" s="2" t="s">
        <v>1520</v>
      </c>
      <c r="N6381" s="5" t="s">
        <v>19227</v>
      </c>
      <c r="O6381" s="5" t="s">
        <v>38</v>
      </c>
      <c r="P6381" s="5" t="s">
        <v>39</v>
      </c>
      <c r="Q6381" s="5" t="s">
        <v>40</v>
      </c>
      <c r="R6381" s="5" t="s">
        <v>1487</v>
      </c>
      <c r="S6381" s="5"/>
      <c r="T6381" s="5" t="s">
        <v>42</v>
      </c>
      <c r="U6381" s="2">
        <v>0</v>
      </c>
      <c r="V6381" s="2">
        <v>0</v>
      </c>
      <c r="W6381" s="2">
        <v>0</v>
      </c>
      <c r="X6381" s="2">
        <v>0</v>
      </c>
      <c r="Y6381" s="2">
        <v>0</v>
      </c>
      <c r="Z6381" s="2">
        <v>0</v>
      </c>
      <c r="AA6381" s="5"/>
      <c r="AB6381" s="5" t="s">
        <v>43</v>
      </c>
      <c r="AC6381" s="5" t="s">
        <v>44</v>
      </c>
      <c r="AD6381" s="2"/>
      <c r="AE6381" s="1"/>
    </row>
    <row r="6382" spans="1:31" ht="14.45">
      <c r="A6382" s="11"/>
      <c r="B6382" s="20"/>
      <c r="C6382" s="2" t="s">
        <v>19618</v>
      </c>
      <c r="D6382" s="14" t="s">
        <v>19619</v>
      </c>
      <c r="E6382" s="2" t="s">
        <v>19620</v>
      </c>
      <c r="F6382" s="2" t="s">
        <v>7514</v>
      </c>
      <c r="G6382" s="8">
        <v>188</v>
      </c>
      <c r="H6382" s="5">
        <v>5</v>
      </c>
      <c r="I6382" s="5" t="s">
        <v>1518</v>
      </c>
      <c r="J6382" s="5" t="s">
        <v>1519</v>
      </c>
      <c r="K6382" s="2" t="s">
        <v>1520</v>
      </c>
      <c r="L6382" s="5" t="s">
        <v>1519</v>
      </c>
      <c r="M6382" s="2" t="s">
        <v>1520</v>
      </c>
      <c r="N6382" s="5" t="s">
        <v>19227</v>
      </c>
      <c r="O6382" s="5" t="s">
        <v>38</v>
      </c>
      <c r="P6382" s="5" t="s">
        <v>39</v>
      </c>
      <c r="Q6382" s="5" t="s">
        <v>40</v>
      </c>
      <c r="R6382" s="5" t="s">
        <v>1487</v>
      </c>
      <c r="S6382" s="5"/>
      <c r="T6382" s="5" t="s">
        <v>42</v>
      </c>
      <c r="U6382" s="2">
        <v>0</v>
      </c>
      <c r="V6382" s="2">
        <v>0</v>
      </c>
      <c r="W6382" s="2">
        <v>0</v>
      </c>
      <c r="X6382" s="2">
        <v>0</v>
      </c>
      <c r="Y6382" s="2">
        <v>0</v>
      </c>
      <c r="Z6382" s="2">
        <v>0</v>
      </c>
      <c r="AA6382" s="5"/>
      <c r="AB6382" s="5" t="s">
        <v>43</v>
      </c>
      <c r="AC6382" s="5" t="s">
        <v>44</v>
      </c>
      <c r="AD6382" s="2"/>
      <c r="AE6382" s="1"/>
    </row>
    <row r="6383" spans="1:31" ht="14.45">
      <c r="A6383" s="11"/>
      <c r="B6383" s="20"/>
      <c r="C6383" s="2" t="s">
        <v>19621</v>
      </c>
      <c r="D6383" s="14" t="s">
        <v>19622</v>
      </c>
      <c r="E6383" s="2" t="s">
        <v>19623</v>
      </c>
      <c r="F6383" s="2" t="s">
        <v>7208</v>
      </c>
      <c r="G6383" s="8">
        <v>188</v>
      </c>
      <c r="H6383" s="5">
        <v>5</v>
      </c>
      <c r="I6383" s="5" t="s">
        <v>1518</v>
      </c>
      <c r="J6383" s="5" t="s">
        <v>1519</v>
      </c>
      <c r="K6383" s="2" t="s">
        <v>1520</v>
      </c>
      <c r="L6383" s="5" t="s">
        <v>1519</v>
      </c>
      <c r="M6383" s="2" t="s">
        <v>1520</v>
      </c>
      <c r="N6383" s="5" t="s">
        <v>19227</v>
      </c>
      <c r="O6383" s="5" t="s">
        <v>38</v>
      </c>
      <c r="P6383" s="5" t="s">
        <v>39</v>
      </c>
      <c r="Q6383" s="5" t="s">
        <v>40</v>
      </c>
      <c r="R6383" s="5" t="s">
        <v>1487</v>
      </c>
      <c r="S6383" s="5"/>
      <c r="T6383" s="5" t="s">
        <v>42</v>
      </c>
      <c r="U6383" s="2">
        <v>0</v>
      </c>
      <c r="V6383" s="2">
        <v>0</v>
      </c>
      <c r="W6383" s="2">
        <v>0</v>
      </c>
      <c r="X6383" s="2">
        <v>0</v>
      </c>
      <c r="Y6383" s="2">
        <v>0</v>
      </c>
      <c r="Z6383" s="2">
        <v>0</v>
      </c>
      <c r="AA6383" s="5"/>
      <c r="AB6383" s="5" t="s">
        <v>43</v>
      </c>
      <c r="AC6383" s="5" t="s">
        <v>44</v>
      </c>
      <c r="AD6383" s="2"/>
      <c r="AE6383" s="1"/>
    </row>
    <row r="6384" spans="1:31" ht="14.45">
      <c r="A6384" s="11"/>
      <c r="B6384" s="20"/>
      <c r="C6384" s="2" t="s">
        <v>19624</v>
      </c>
      <c r="D6384" s="14" t="s">
        <v>19625</v>
      </c>
      <c r="E6384" s="2" t="s">
        <v>19626</v>
      </c>
      <c r="F6384" s="2" t="s">
        <v>7521</v>
      </c>
      <c r="G6384" s="8">
        <v>188</v>
      </c>
      <c r="H6384" s="5">
        <v>5</v>
      </c>
      <c r="I6384" s="5" t="s">
        <v>1518</v>
      </c>
      <c r="J6384" s="5" t="s">
        <v>1519</v>
      </c>
      <c r="K6384" s="2" t="s">
        <v>1520</v>
      </c>
      <c r="L6384" s="5" t="s">
        <v>1519</v>
      </c>
      <c r="M6384" s="2" t="s">
        <v>1520</v>
      </c>
      <c r="N6384" s="5" t="s">
        <v>19227</v>
      </c>
      <c r="O6384" s="5" t="s">
        <v>38</v>
      </c>
      <c r="P6384" s="5" t="s">
        <v>39</v>
      </c>
      <c r="Q6384" s="5" t="s">
        <v>40</v>
      </c>
      <c r="R6384" s="5" t="s">
        <v>1487</v>
      </c>
      <c r="S6384" s="5"/>
      <c r="T6384" s="5" t="s">
        <v>42</v>
      </c>
      <c r="U6384" s="2">
        <v>0</v>
      </c>
      <c r="V6384" s="2">
        <v>0</v>
      </c>
      <c r="W6384" s="2">
        <v>0</v>
      </c>
      <c r="X6384" s="2">
        <v>0</v>
      </c>
      <c r="Y6384" s="2">
        <v>0</v>
      </c>
      <c r="Z6384" s="2">
        <v>0</v>
      </c>
      <c r="AA6384" s="5"/>
      <c r="AB6384" s="5" t="s">
        <v>43</v>
      </c>
      <c r="AC6384" s="5" t="s">
        <v>44</v>
      </c>
      <c r="AD6384" s="2"/>
      <c r="AE6384" s="1"/>
    </row>
    <row r="6385" spans="1:31" ht="14.45">
      <c r="A6385" s="11"/>
      <c r="B6385" s="20"/>
      <c r="C6385" s="2" t="s">
        <v>19627</v>
      </c>
      <c r="D6385" s="14" t="s">
        <v>19628</v>
      </c>
      <c r="E6385" s="2" t="s">
        <v>19629</v>
      </c>
      <c r="F6385" s="2" t="s">
        <v>7212</v>
      </c>
      <c r="G6385" s="8">
        <v>188</v>
      </c>
      <c r="H6385" s="5">
        <v>5</v>
      </c>
      <c r="I6385" s="5" t="s">
        <v>1518</v>
      </c>
      <c r="J6385" s="5" t="s">
        <v>1519</v>
      </c>
      <c r="K6385" s="2" t="s">
        <v>1520</v>
      </c>
      <c r="L6385" s="5" t="s">
        <v>1519</v>
      </c>
      <c r="M6385" s="2" t="s">
        <v>1520</v>
      </c>
      <c r="N6385" s="5" t="s">
        <v>19227</v>
      </c>
      <c r="O6385" s="5" t="s">
        <v>38</v>
      </c>
      <c r="P6385" s="5" t="s">
        <v>39</v>
      </c>
      <c r="Q6385" s="5" t="s">
        <v>40</v>
      </c>
      <c r="R6385" s="5" t="s">
        <v>1487</v>
      </c>
      <c r="S6385" s="5"/>
      <c r="T6385" s="5" t="s">
        <v>42</v>
      </c>
      <c r="U6385" s="2">
        <v>0</v>
      </c>
      <c r="V6385" s="2">
        <v>0</v>
      </c>
      <c r="W6385" s="2">
        <v>0</v>
      </c>
      <c r="X6385" s="2">
        <v>0</v>
      </c>
      <c r="Y6385" s="2">
        <v>0</v>
      </c>
      <c r="Z6385" s="2">
        <v>0</v>
      </c>
      <c r="AA6385" s="5"/>
      <c r="AB6385" s="5" t="s">
        <v>43</v>
      </c>
      <c r="AC6385" s="5" t="s">
        <v>44</v>
      </c>
      <c r="AD6385" s="2"/>
      <c r="AE6385" s="1"/>
    </row>
    <row r="6386" spans="1:31" ht="14.45">
      <c r="A6386" s="11"/>
      <c r="B6386" s="20"/>
      <c r="C6386" s="2" t="s">
        <v>19630</v>
      </c>
      <c r="D6386" s="14" t="s">
        <v>19631</v>
      </c>
      <c r="E6386" s="2" t="s">
        <v>19632</v>
      </c>
      <c r="F6386" s="2" t="s">
        <v>7528</v>
      </c>
      <c r="G6386" s="8">
        <v>188</v>
      </c>
      <c r="H6386" s="5">
        <v>5</v>
      </c>
      <c r="I6386" s="5" t="s">
        <v>1518</v>
      </c>
      <c r="J6386" s="5" t="s">
        <v>1519</v>
      </c>
      <c r="K6386" s="2" t="s">
        <v>1520</v>
      </c>
      <c r="L6386" s="5" t="s">
        <v>1519</v>
      </c>
      <c r="M6386" s="2" t="s">
        <v>1520</v>
      </c>
      <c r="N6386" s="5" t="s">
        <v>19227</v>
      </c>
      <c r="O6386" s="5" t="s">
        <v>38</v>
      </c>
      <c r="P6386" s="5" t="s">
        <v>39</v>
      </c>
      <c r="Q6386" s="5" t="s">
        <v>40</v>
      </c>
      <c r="R6386" s="5" t="s">
        <v>1487</v>
      </c>
      <c r="S6386" s="5"/>
      <c r="T6386" s="5" t="s">
        <v>42</v>
      </c>
      <c r="U6386" s="2">
        <v>0</v>
      </c>
      <c r="V6386" s="2">
        <v>0</v>
      </c>
      <c r="W6386" s="2">
        <v>0</v>
      </c>
      <c r="X6386" s="2">
        <v>0</v>
      </c>
      <c r="Y6386" s="2">
        <v>0</v>
      </c>
      <c r="Z6386" s="2">
        <v>0</v>
      </c>
      <c r="AA6386" s="5"/>
      <c r="AB6386" s="5" t="s">
        <v>43</v>
      </c>
      <c r="AC6386" s="5" t="s">
        <v>44</v>
      </c>
      <c r="AD6386" s="2"/>
      <c r="AE6386" s="1"/>
    </row>
    <row r="6387" spans="1:31" ht="14.45">
      <c r="A6387" s="11"/>
      <c r="B6387" s="20"/>
      <c r="C6387" s="2" t="s">
        <v>19633</v>
      </c>
      <c r="D6387" s="14" t="s">
        <v>19634</v>
      </c>
      <c r="E6387" s="2" t="s">
        <v>19635</v>
      </c>
      <c r="F6387" s="2" t="s">
        <v>7396</v>
      </c>
      <c r="G6387" s="8">
        <v>197</v>
      </c>
      <c r="H6387" s="5">
        <v>5</v>
      </c>
      <c r="I6387" s="5" t="s">
        <v>1518</v>
      </c>
      <c r="J6387" s="5" t="s">
        <v>1519</v>
      </c>
      <c r="K6387" s="2" t="s">
        <v>1520</v>
      </c>
      <c r="L6387" s="5" t="s">
        <v>1519</v>
      </c>
      <c r="M6387" s="2" t="s">
        <v>1520</v>
      </c>
      <c r="N6387" s="5" t="s">
        <v>19227</v>
      </c>
      <c r="O6387" s="5" t="s">
        <v>38</v>
      </c>
      <c r="P6387" s="5" t="s">
        <v>39</v>
      </c>
      <c r="Q6387" s="5" t="s">
        <v>40</v>
      </c>
      <c r="R6387" s="5" t="s">
        <v>1487</v>
      </c>
      <c r="S6387" s="5"/>
      <c r="T6387" s="5" t="s">
        <v>42</v>
      </c>
      <c r="U6387" s="2">
        <v>0</v>
      </c>
      <c r="V6387" s="2">
        <v>0</v>
      </c>
      <c r="W6387" s="2">
        <v>0</v>
      </c>
      <c r="X6387" s="2">
        <v>0</v>
      </c>
      <c r="Y6387" s="2">
        <v>0</v>
      </c>
      <c r="Z6387" s="2">
        <v>0</v>
      </c>
      <c r="AA6387" s="5"/>
      <c r="AB6387" s="5" t="s">
        <v>43</v>
      </c>
      <c r="AC6387" s="5" t="s">
        <v>44</v>
      </c>
      <c r="AD6387" s="2"/>
      <c r="AE6387" s="1"/>
    </row>
    <row r="6388" spans="1:31" ht="14.45">
      <c r="A6388" s="11"/>
      <c r="B6388" s="20"/>
      <c r="C6388" s="2" t="s">
        <v>19636</v>
      </c>
      <c r="D6388" s="14" t="s">
        <v>19637</v>
      </c>
      <c r="E6388" s="2" t="s">
        <v>19638</v>
      </c>
      <c r="F6388" s="2" t="s">
        <v>7507</v>
      </c>
      <c r="G6388" s="8">
        <v>197</v>
      </c>
      <c r="H6388" s="5">
        <v>5</v>
      </c>
      <c r="I6388" s="5" t="s">
        <v>1518</v>
      </c>
      <c r="J6388" s="5" t="s">
        <v>1519</v>
      </c>
      <c r="K6388" s="2" t="s">
        <v>1520</v>
      </c>
      <c r="L6388" s="5" t="s">
        <v>1519</v>
      </c>
      <c r="M6388" s="2" t="s">
        <v>1520</v>
      </c>
      <c r="N6388" s="5" t="s">
        <v>19227</v>
      </c>
      <c r="O6388" s="5" t="s">
        <v>38</v>
      </c>
      <c r="P6388" s="5" t="s">
        <v>39</v>
      </c>
      <c r="Q6388" s="5" t="s">
        <v>40</v>
      </c>
      <c r="R6388" s="5" t="s">
        <v>1487</v>
      </c>
      <c r="S6388" s="5"/>
      <c r="T6388" s="5" t="s">
        <v>42</v>
      </c>
      <c r="U6388" s="2">
        <v>0</v>
      </c>
      <c r="V6388" s="2">
        <v>0</v>
      </c>
      <c r="W6388" s="2">
        <v>0</v>
      </c>
      <c r="X6388" s="2">
        <v>0</v>
      </c>
      <c r="Y6388" s="2">
        <v>0</v>
      </c>
      <c r="Z6388" s="2">
        <v>0</v>
      </c>
      <c r="AA6388" s="5"/>
      <c r="AB6388" s="5" t="s">
        <v>43</v>
      </c>
      <c r="AC6388" s="5" t="s">
        <v>44</v>
      </c>
      <c r="AD6388" s="2"/>
      <c r="AE6388" s="1"/>
    </row>
    <row r="6389" spans="1:31" ht="14.45">
      <c r="A6389" s="11"/>
      <c r="B6389" s="20"/>
      <c r="C6389" s="2" t="s">
        <v>19639</v>
      </c>
      <c r="D6389" s="14" t="s">
        <v>19640</v>
      </c>
      <c r="E6389" s="2" t="s">
        <v>19641</v>
      </c>
      <c r="F6389" s="2" t="s">
        <v>7204</v>
      </c>
      <c r="G6389" s="8">
        <v>197</v>
      </c>
      <c r="H6389" s="5">
        <v>5</v>
      </c>
      <c r="I6389" s="5" t="s">
        <v>1518</v>
      </c>
      <c r="J6389" s="5" t="s">
        <v>1519</v>
      </c>
      <c r="K6389" s="2" t="s">
        <v>1520</v>
      </c>
      <c r="L6389" s="5" t="s">
        <v>1519</v>
      </c>
      <c r="M6389" s="2" t="s">
        <v>1520</v>
      </c>
      <c r="N6389" s="5" t="s">
        <v>19227</v>
      </c>
      <c r="O6389" s="5" t="s">
        <v>38</v>
      </c>
      <c r="P6389" s="5" t="s">
        <v>39</v>
      </c>
      <c r="Q6389" s="5" t="s">
        <v>40</v>
      </c>
      <c r="R6389" s="5" t="s">
        <v>1487</v>
      </c>
      <c r="S6389" s="5"/>
      <c r="T6389" s="5" t="s">
        <v>42</v>
      </c>
      <c r="U6389" s="2">
        <v>0</v>
      </c>
      <c r="V6389" s="2">
        <v>0</v>
      </c>
      <c r="W6389" s="2">
        <v>0</v>
      </c>
      <c r="X6389" s="2">
        <v>0</v>
      </c>
      <c r="Y6389" s="2">
        <v>0</v>
      </c>
      <c r="Z6389" s="2">
        <v>0</v>
      </c>
      <c r="AA6389" s="5"/>
      <c r="AB6389" s="5" t="s">
        <v>43</v>
      </c>
      <c r="AC6389" s="5" t="s">
        <v>44</v>
      </c>
      <c r="AD6389" s="2"/>
      <c r="AE6389" s="1"/>
    </row>
    <row r="6390" spans="1:31" ht="14.45">
      <c r="A6390" s="11"/>
      <c r="B6390" s="20"/>
      <c r="C6390" s="2" t="s">
        <v>19642</v>
      </c>
      <c r="D6390" s="14" t="s">
        <v>19643</v>
      </c>
      <c r="E6390" s="2" t="s">
        <v>19644</v>
      </c>
      <c r="F6390" s="2" t="s">
        <v>7514</v>
      </c>
      <c r="G6390" s="8">
        <v>197</v>
      </c>
      <c r="H6390" s="5">
        <v>5</v>
      </c>
      <c r="I6390" s="5" t="s">
        <v>1518</v>
      </c>
      <c r="J6390" s="5" t="s">
        <v>1519</v>
      </c>
      <c r="K6390" s="2" t="s">
        <v>1520</v>
      </c>
      <c r="L6390" s="5" t="s">
        <v>1519</v>
      </c>
      <c r="M6390" s="2" t="s">
        <v>1520</v>
      </c>
      <c r="N6390" s="5" t="s">
        <v>19227</v>
      </c>
      <c r="O6390" s="5" t="s">
        <v>38</v>
      </c>
      <c r="P6390" s="5" t="s">
        <v>39</v>
      </c>
      <c r="Q6390" s="5" t="s">
        <v>40</v>
      </c>
      <c r="R6390" s="5" t="s">
        <v>1487</v>
      </c>
      <c r="S6390" s="5"/>
      <c r="T6390" s="5" t="s">
        <v>42</v>
      </c>
      <c r="U6390" s="2">
        <v>0</v>
      </c>
      <c r="V6390" s="2">
        <v>0</v>
      </c>
      <c r="W6390" s="2">
        <v>0</v>
      </c>
      <c r="X6390" s="2">
        <v>0</v>
      </c>
      <c r="Y6390" s="2">
        <v>0</v>
      </c>
      <c r="Z6390" s="2">
        <v>0</v>
      </c>
      <c r="AA6390" s="5"/>
      <c r="AB6390" s="5" t="s">
        <v>43</v>
      </c>
      <c r="AC6390" s="5" t="s">
        <v>44</v>
      </c>
      <c r="AD6390" s="2"/>
      <c r="AE6390" s="1"/>
    </row>
    <row r="6391" spans="1:31" ht="14.45">
      <c r="A6391" s="11"/>
      <c r="B6391" s="20"/>
      <c r="C6391" s="2" t="s">
        <v>19645</v>
      </c>
      <c r="D6391" s="14" t="s">
        <v>19646</v>
      </c>
      <c r="E6391" s="2" t="s">
        <v>19647</v>
      </c>
      <c r="F6391" s="2" t="s">
        <v>7208</v>
      </c>
      <c r="G6391" s="8">
        <v>197</v>
      </c>
      <c r="H6391" s="5">
        <v>5</v>
      </c>
      <c r="I6391" s="5" t="s">
        <v>1518</v>
      </c>
      <c r="J6391" s="5" t="s">
        <v>1519</v>
      </c>
      <c r="K6391" s="2" t="s">
        <v>1520</v>
      </c>
      <c r="L6391" s="5" t="s">
        <v>1519</v>
      </c>
      <c r="M6391" s="2" t="s">
        <v>1520</v>
      </c>
      <c r="N6391" s="5" t="s">
        <v>19227</v>
      </c>
      <c r="O6391" s="5" t="s">
        <v>38</v>
      </c>
      <c r="P6391" s="5" t="s">
        <v>39</v>
      </c>
      <c r="Q6391" s="5" t="s">
        <v>40</v>
      </c>
      <c r="R6391" s="5" t="s">
        <v>1487</v>
      </c>
      <c r="S6391" s="5"/>
      <c r="T6391" s="5" t="s">
        <v>42</v>
      </c>
      <c r="U6391" s="2">
        <v>0</v>
      </c>
      <c r="V6391" s="2">
        <v>0</v>
      </c>
      <c r="W6391" s="2">
        <v>0</v>
      </c>
      <c r="X6391" s="2">
        <v>0</v>
      </c>
      <c r="Y6391" s="2">
        <v>0</v>
      </c>
      <c r="Z6391" s="2">
        <v>0</v>
      </c>
      <c r="AA6391" s="5"/>
      <c r="AB6391" s="5" t="s">
        <v>43</v>
      </c>
      <c r="AC6391" s="5" t="s">
        <v>44</v>
      </c>
      <c r="AD6391" s="2"/>
      <c r="AE6391" s="1"/>
    </row>
    <row r="6392" spans="1:31" ht="14.45">
      <c r="A6392" s="11"/>
      <c r="B6392" s="20"/>
      <c r="C6392" s="2" t="s">
        <v>19648</v>
      </c>
      <c r="D6392" s="14" t="s">
        <v>19649</v>
      </c>
      <c r="E6392" s="2" t="s">
        <v>19650</v>
      </c>
      <c r="F6392" s="2" t="s">
        <v>7521</v>
      </c>
      <c r="G6392" s="8">
        <v>197</v>
      </c>
      <c r="H6392" s="5">
        <v>5</v>
      </c>
      <c r="I6392" s="5" t="s">
        <v>1518</v>
      </c>
      <c r="J6392" s="5" t="s">
        <v>1519</v>
      </c>
      <c r="K6392" s="2" t="s">
        <v>1520</v>
      </c>
      <c r="L6392" s="5" t="s">
        <v>1519</v>
      </c>
      <c r="M6392" s="2" t="s">
        <v>1520</v>
      </c>
      <c r="N6392" s="5" t="s">
        <v>19227</v>
      </c>
      <c r="O6392" s="5" t="s">
        <v>38</v>
      </c>
      <c r="P6392" s="5" t="s">
        <v>39</v>
      </c>
      <c r="Q6392" s="5" t="s">
        <v>40</v>
      </c>
      <c r="R6392" s="5" t="s">
        <v>1487</v>
      </c>
      <c r="S6392" s="5"/>
      <c r="T6392" s="5" t="s">
        <v>42</v>
      </c>
      <c r="U6392" s="2">
        <v>0</v>
      </c>
      <c r="V6392" s="2">
        <v>0</v>
      </c>
      <c r="W6392" s="2">
        <v>0</v>
      </c>
      <c r="X6392" s="2">
        <v>0</v>
      </c>
      <c r="Y6392" s="2">
        <v>0</v>
      </c>
      <c r="Z6392" s="2">
        <v>0</v>
      </c>
      <c r="AA6392" s="5"/>
      <c r="AB6392" s="5" t="s">
        <v>43</v>
      </c>
      <c r="AC6392" s="5" t="s">
        <v>44</v>
      </c>
      <c r="AD6392" s="2"/>
      <c r="AE6392" s="1"/>
    </row>
    <row r="6393" spans="1:31" ht="14.45">
      <c r="A6393" s="11"/>
      <c r="B6393" s="20"/>
      <c r="C6393" s="2" t="s">
        <v>19651</v>
      </c>
      <c r="D6393" s="14" t="s">
        <v>19652</v>
      </c>
      <c r="E6393" s="2" t="s">
        <v>19653</v>
      </c>
      <c r="F6393" s="2" t="s">
        <v>7212</v>
      </c>
      <c r="G6393" s="8">
        <v>197</v>
      </c>
      <c r="H6393" s="5">
        <v>5</v>
      </c>
      <c r="I6393" s="5" t="s">
        <v>1518</v>
      </c>
      <c r="J6393" s="5" t="s">
        <v>1519</v>
      </c>
      <c r="K6393" s="2" t="s">
        <v>1520</v>
      </c>
      <c r="L6393" s="5" t="s">
        <v>1519</v>
      </c>
      <c r="M6393" s="2" t="s">
        <v>1520</v>
      </c>
      <c r="N6393" s="5" t="s">
        <v>19227</v>
      </c>
      <c r="O6393" s="5" t="s">
        <v>38</v>
      </c>
      <c r="P6393" s="5" t="s">
        <v>39</v>
      </c>
      <c r="Q6393" s="5" t="s">
        <v>40</v>
      </c>
      <c r="R6393" s="5" t="s">
        <v>1487</v>
      </c>
      <c r="S6393" s="5"/>
      <c r="T6393" s="5" t="s">
        <v>42</v>
      </c>
      <c r="U6393" s="2">
        <v>0</v>
      </c>
      <c r="V6393" s="2">
        <v>0</v>
      </c>
      <c r="W6393" s="2">
        <v>0</v>
      </c>
      <c r="X6393" s="2">
        <v>0</v>
      </c>
      <c r="Y6393" s="2">
        <v>0</v>
      </c>
      <c r="Z6393" s="2">
        <v>0</v>
      </c>
      <c r="AA6393" s="5"/>
      <c r="AB6393" s="5" t="s">
        <v>43</v>
      </c>
      <c r="AC6393" s="5" t="s">
        <v>44</v>
      </c>
      <c r="AD6393" s="2"/>
      <c r="AE6393" s="1"/>
    </row>
    <row r="6394" spans="1:31" ht="14.45">
      <c r="A6394" s="11"/>
      <c r="B6394" s="20"/>
      <c r="C6394" s="2" t="s">
        <v>19654</v>
      </c>
      <c r="D6394" s="14" t="s">
        <v>19655</v>
      </c>
      <c r="E6394" s="2" t="s">
        <v>19656</v>
      </c>
      <c r="F6394" s="2" t="s">
        <v>7528</v>
      </c>
      <c r="G6394" s="8">
        <v>197</v>
      </c>
      <c r="H6394" s="5">
        <v>5</v>
      </c>
      <c r="I6394" s="5" t="s">
        <v>1518</v>
      </c>
      <c r="J6394" s="5" t="s">
        <v>1519</v>
      </c>
      <c r="K6394" s="2" t="s">
        <v>1520</v>
      </c>
      <c r="L6394" s="5" t="s">
        <v>1519</v>
      </c>
      <c r="M6394" s="2" t="s">
        <v>1520</v>
      </c>
      <c r="N6394" s="5" t="s">
        <v>19227</v>
      </c>
      <c r="O6394" s="5" t="s">
        <v>38</v>
      </c>
      <c r="P6394" s="5" t="s">
        <v>39</v>
      </c>
      <c r="Q6394" s="5" t="s">
        <v>40</v>
      </c>
      <c r="R6394" s="5" t="s">
        <v>1487</v>
      </c>
      <c r="S6394" s="5"/>
      <c r="T6394" s="5" t="s">
        <v>42</v>
      </c>
      <c r="U6394" s="2">
        <v>0</v>
      </c>
      <c r="V6394" s="2">
        <v>0</v>
      </c>
      <c r="W6394" s="2">
        <v>0</v>
      </c>
      <c r="X6394" s="2">
        <v>0</v>
      </c>
      <c r="Y6394" s="2">
        <v>0</v>
      </c>
      <c r="Z6394" s="2">
        <v>0</v>
      </c>
      <c r="AA6394" s="5"/>
      <c r="AB6394" s="5" t="s">
        <v>43</v>
      </c>
      <c r="AC6394" s="5" t="s">
        <v>44</v>
      </c>
      <c r="AD6394" s="2"/>
      <c r="AE6394" s="1"/>
    </row>
    <row r="6395" spans="1:31" ht="14.45">
      <c r="A6395" s="11"/>
      <c r="B6395" s="20"/>
      <c r="C6395" s="2" t="s">
        <v>19657</v>
      </c>
      <c r="D6395" s="14" t="s">
        <v>19658</v>
      </c>
      <c r="E6395" s="2" t="s">
        <v>19659</v>
      </c>
      <c r="F6395" s="2" t="s">
        <v>7396</v>
      </c>
      <c r="G6395" s="8">
        <v>199</v>
      </c>
      <c r="H6395" s="5">
        <v>5</v>
      </c>
      <c r="I6395" s="5" t="s">
        <v>1518</v>
      </c>
      <c r="J6395" s="5" t="s">
        <v>1519</v>
      </c>
      <c r="K6395" s="2" t="s">
        <v>1520</v>
      </c>
      <c r="L6395" s="5" t="s">
        <v>1519</v>
      </c>
      <c r="M6395" s="2" t="s">
        <v>1520</v>
      </c>
      <c r="N6395" s="5" t="s">
        <v>19227</v>
      </c>
      <c r="O6395" s="5" t="s">
        <v>38</v>
      </c>
      <c r="P6395" s="5" t="s">
        <v>39</v>
      </c>
      <c r="Q6395" s="5" t="s">
        <v>40</v>
      </c>
      <c r="R6395" s="5" t="s">
        <v>1487</v>
      </c>
      <c r="S6395" s="5"/>
      <c r="T6395" s="5" t="s">
        <v>42</v>
      </c>
      <c r="U6395" s="2">
        <v>0</v>
      </c>
      <c r="V6395" s="2">
        <v>0</v>
      </c>
      <c r="W6395" s="2">
        <v>0</v>
      </c>
      <c r="X6395" s="2">
        <v>0</v>
      </c>
      <c r="Y6395" s="2">
        <v>0</v>
      </c>
      <c r="Z6395" s="2">
        <v>0</v>
      </c>
      <c r="AA6395" s="5"/>
      <c r="AB6395" s="5" t="s">
        <v>43</v>
      </c>
      <c r="AC6395" s="5" t="s">
        <v>44</v>
      </c>
      <c r="AD6395" s="2"/>
      <c r="AE6395" s="1"/>
    </row>
    <row r="6396" spans="1:31" ht="14.45">
      <c r="A6396" s="11"/>
      <c r="B6396" s="20"/>
      <c r="C6396" s="2" t="s">
        <v>19660</v>
      </c>
      <c r="D6396" s="14" t="s">
        <v>19661</v>
      </c>
      <c r="E6396" s="2" t="s">
        <v>19662</v>
      </c>
      <c r="F6396" s="2" t="s">
        <v>7507</v>
      </c>
      <c r="G6396" s="8">
        <v>199</v>
      </c>
      <c r="H6396" s="5">
        <v>5</v>
      </c>
      <c r="I6396" s="5" t="s">
        <v>1518</v>
      </c>
      <c r="J6396" s="5" t="s">
        <v>1519</v>
      </c>
      <c r="K6396" s="2" t="s">
        <v>1520</v>
      </c>
      <c r="L6396" s="5" t="s">
        <v>1519</v>
      </c>
      <c r="M6396" s="2" t="s">
        <v>1520</v>
      </c>
      <c r="N6396" s="5" t="s">
        <v>19227</v>
      </c>
      <c r="O6396" s="5" t="s">
        <v>38</v>
      </c>
      <c r="P6396" s="5" t="s">
        <v>39</v>
      </c>
      <c r="Q6396" s="5" t="s">
        <v>40</v>
      </c>
      <c r="R6396" s="5" t="s">
        <v>1487</v>
      </c>
      <c r="S6396" s="5"/>
      <c r="T6396" s="5" t="s">
        <v>42</v>
      </c>
      <c r="U6396" s="2">
        <v>0</v>
      </c>
      <c r="V6396" s="2">
        <v>0</v>
      </c>
      <c r="W6396" s="2">
        <v>0</v>
      </c>
      <c r="X6396" s="2">
        <v>0</v>
      </c>
      <c r="Y6396" s="2">
        <v>0</v>
      </c>
      <c r="Z6396" s="2">
        <v>0</v>
      </c>
      <c r="AA6396" s="5"/>
      <c r="AB6396" s="5" t="s">
        <v>43</v>
      </c>
      <c r="AC6396" s="5" t="s">
        <v>44</v>
      </c>
      <c r="AD6396" s="2"/>
      <c r="AE6396" s="1"/>
    </row>
    <row r="6397" spans="1:31" ht="14.45">
      <c r="A6397" s="11"/>
      <c r="B6397" s="20"/>
      <c r="C6397" s="2" t="s">
        <v>19663</v>
      </c>
      <c r="D6397" s="14" t="s">
        <v>19664</v>
      </c>
      <c r="E6397" s="2" t="s">
        <v>19665</v>
      </c>
      <c r="F6397" s="2" t="s">
        <v>7204</v>
      </c>
      <c r="G6397" s="8">
        <v>199</v>
      </c>
      <c r="H6397" s="5">
        <v>5</v>
      </c>
      <c r="I6397" s="5" t="s">
        <v>1518</v>
      </c>
      <c r="J6397" s="5" t="s">
        <v>1519</v>
      </c>
      <c r="K6397" s="2" t="s">
        <v>1520</v>
      </c>
      <c r="L6397" s="5" t="s">
        <v>1519</v>
      </c>
      <c r="M6397" s="2" t="s">
        <v>1520</v>
      </c>
      <c r="N6397" s="5" t="s">
        <v>19227</v>
      </c>
      <c r="O6397" s="5" t="s">
        <v>38</v>
      </c>
      <c r="P6397" s="5" t="s">
        <v>39</v>
      </c>
      <c r="Q6397" s="5" t="s">
        <v>40</v>
      </c>
      <c r="R6397" s="5" t="s">
        <v>1487</v>
      </c>
      <c r="S6397" s="5"/>
      <c r="T6397" s="5" t="s">
        <v>42</v>
      </c>
      <c r="U6397" s="2">
        <v>0</v>
      </c>
      <c r="V6397" s="2">
        <v>0</v>
      </c>
      <c r="W6397" s="2">
        <v>0</v>
      </c>
      <c r="X6397" s="2">
        <v>0</v>
      </c>
      <c r="Y6397" s="2">
        <v>0</v>
      </c>
      <c r="Z6397" s="2">
        <v>0</v>
      </c>
      <c r="AA6397" s="5"/>
      <c r="AB6397" s="5" t="s">
        <v>43</v>
      </c>
      <c r="AC6397" s="5" t="s">
        <v>44</v>
      </c>
      <c r="AD6397" s="2"/>
      <c r="AE6397" s="1"/>
    </row>
    <row r="6398" spans="1:31" ht="14.45">
      <c r="A6398" s="11"/>
      <c r="B6398" s="20"/>
      <c r="C6398" s="2" t="s">
        <v>19666</v>
      </c>
      <c r="D6398" s="14" t="s">
        <v>19667</v>
      </c>
      <c r="E6398" s="2" t="s">
        <v>19668</v>
      </c>
      <c r="F6398" s="2" t="s">
        <v>7514</v>
      </c>
      <c r="G6398" s="8">
        <v>199</v>
      </c>
      <c r="H6398" s="5">
        <v>5</v>
      </c>
      <c r="I6398" s="5" t="s">
        <v>1518</v>
      </c>
      <c r="J6398" s="5" t="s">
        <v>1519</v>
      </c>
      <c r="K6398" s="2" t="s">
        <v>1520</v>
      </c>
      <c r="L6398" s="5" t="s">
        <v>1519</v>
      </c>
      <c r="M6398" s="2" t="s">
        <v>1520</v>
      </c>
      <c r="N6398" s="5" t="s">
        <v>19227</v>
      </c>
      <c r="O6398" s="5" t="s">
        <v>38</v>
      </c>
      <c r="P6398" s="5" t="s">
        <v>39</v>
      </c>
      <c r="Q6398" s="5" t="s">
        <v>40</v>
      </c>
      <c r="R6398" s="5" t="s">
        <v>1487</v>
      </c>
      <c r="S6398" s="5"/>
      <c r="T6398" s="5" t="s">
        <v>42</v>
      </c>
      <c r="U6398" s="2">
        <v>0</v>
      </c>
      <c r="V6398" s="2">
        <v>0</v>
      </c>
      <c r="W6398" s="2">
        <v>0</v>
      </c>
      <c r="X6398" s="2">
        <v>0</v>
      </c>
      <c r="Y6398" s="2">
        <v>0</v>
      </c>
      <c r="Z6398" s="2">
        <v>0</v>
      </c>
      <c r="AA6398" s="5"/>
      <c r="AB6398" s="5" t="s">
        <v>43</v>
      </c>
      <c r="AC6398" s="5" t="s">
        <v>44</v>
      </c>
      <c r="AD6398" s="2"/>
      <c r="AE6398" s="1"/>
    </row>
    <row r="6399" spans="1:31" ht="14.45">
      <c r="A6399" s="11"/>
      <c r="B6399" s="20"/>
      <c r="C6399" s="2" t="s">
        <v>19669</v>
      </c>
      <c r="D6399" s="14" t="s">
        <v>19670</v>
      </c>
      <c r="E6399" s="2" t="s">
        <v>19671</v>
      </c>
      <c r="F6399" s="2" t="s">
        <v>7208</v>
      </c>
      <c r="G6399" s="8">
        <v>199</v>
      </c>
      <c r="H6399" s="5">
        <v>5</v>
      </c>
      <c r="I6399" s="5" t="s">
        <v>1518</v>
      </c>
      <c r="J6399" s="5" t="s">
        <v>1519</v>
      </c>
      <c r="K6399" s="2" t="s">
        <v>1520</v>
      </c>
      <c r="L6399" s="5" t="s">
        <v>1519</v>
      </c>
      <c r="M6399" s="2" t="s">
        <v>1520</v>
      </c>
      <c r="N6399" s="5" t="s">
        <v>19227</v>
      </c>
      <c r="O6399" s="5" t="s">
        <v>38</v>
      </c>
      <c r="P6399" s="5" t="s">
        <v>39</v>
      </c>
      <c r="Q6399" s="5" t="s">
        <v>40</v>
      </c>
      <c r="R6399" s="5" t="s">
        <v>1487</v>
      </c>
      <c r="S6399" s="5"/>
      <c r="T6399" s="5" t="s">
        <v>42</v>
      </c>
      <c r="U6399" s="2">
        <v>0</v>
      </c>
      <c r="V6399" s="2">
        <v>0</v>
      </c>
      <c r="W6399" s="2">
        <v>0</v>
      </c>
      <c r="X6399" s="2">
        <v>0</v>
      </c>
      <c r="Y6399" s="2">
        <v>0</v>
      </c>
      <c r="Z6399" s="2">
        <v>0</v>
      </c>
      <c r="AA6399" s="5"/>
      <c r="AB6399" s="5" t="s">
        <v>43</v>
      </c>
      <c r="AC6399" s="5" t="s">
        <v>44</v>
      </c>
      <c r="AD6399" s="2"/>
      <c r="AE6399" s="1"/>
    </row>
    <row r="6400" spans="1:31" ht="14.45">
      <c r="A6400" s="11"/>
      <c r="B6400" s="20"/>
      <c r="C6400" s="2" t="s">
        <v>19672</v>
      </c>
      <c r="D6400" s="14" t="s">
        <v>19673</v>
      </c>
      <c r="E6400" s="2" t="s">
        <v>19674</v>
      </c>
      <c r="F6400" s="2" t="s">
        <v>7521</v>
      </c>
      <c r="G6400" s="8">
        <v>199</v>
      </c>
      <c r="H6400" s="5">
        <v>5</v>
      </c>
      <c r="I6400" s="5" t="s">
        <v>1518</v>
      </c>
      <c r="J6400" s="5" t="s">
        <v>1519</v>
      </c>
      <c r="K6400" s="2" t="s">
        <v>1520</v>
      </c>
      <c r="L6400" s="5" t="s">
        <v>1519</v>
      </c>
      <c r="M6400" s="2" t="s">
        <v>1520</v>
      </c>
      <c r="N6400" s="5" t="s">
        <v>19227</v>
      </c>
      <c r="O6400" s="5" t="s">
        <v>38</v>
      </c>
      <c r="P6400" s="5" t="s">
        <v>39</v>
      </c>
      <c r="Q6400" s="5" t="s">
        <v>40</v>
      </c>
      <c r="R6400" s="5" t="s">
        <v>1487</v>
      </c>
      <c r="S6400" s="5"/>
      <c r="T6400" s="5" t="s">
        <v>42</v>
      </c>
      <c r="U6400" s="2">
        <v>0</v>
      </c>
      <c r="V6400" s="2">
        <v>0</v>
      </c>
      <c r="W6400" s="2">
        <v>0</v>
      </c>
      <c r="X6400" s="2">
        <v>0</v>
      </c>
      <c r="Y6400" s="2">
        <v>0</v>
      </c>
      <c r="Z6400" s="2">
        <v>0</v>
      </c>
      <c r="AA6400" s="5"/>
      <c r="AB6400" s="5" t="s">
        <v>43</v>
      </c>
      <c r="AC6400" s="5" t="s">
        <v>44</v>
      </c>
      <c r="AD6400" s="2"/>
      <c r="AE6400" s="1"/>
    </row>
    <row r="6401" spans="1:31" ht="14.45">
      <c r="A6401" s="11"/>
      <c r="B6401" s="20"/>
      <c r="C6401" s="2" t="s">
        <v>19675</v>
      </c>
      <c r="D6401" s="14" t="s">
        <v>19676</v>
      </c>
      <c r="E6401" s="2" t="s">
        <v>19677</v>
      </c>
      <c r="F6401" s="2" t="s">
        <v>7212</v>
      </c>
      <c r="G6401" s="8">
        <v>199</v>
      </c>
      <c r="H6401" s="5">
        <v>5</v>
      </c>
      <c r="I6401" s="5" t="s">
        <v>1518</v>
      </c>
      <c r="J6401" s="5" t="s">
        <v>1519</v>
      </c>
      <c r="K6401" s="2" t="s">
        <v>1520</v>
      </c>
      <c r="L6401" s="5" t="s">
        <v>1519</v>
      </c>
      <c r="M6401" s="2" t="s">
        <v>1520</v>
      </c>
      <c r="N6401" s="5" t="s">
        <v>19227</v>
      </c>
      <c r="O6401" s="5" t="s">
        <v>38</v>
      </c>
      <c r="P6401" s="5" t="s">
        <v>39</v>
      </c>
      <c r="Q6401" s="5" t="s">
        <v>40</v>
      </c>
      <c r="R6401" s="5" t="s">
        <v>1487</v>
      </c>
      <c r="S6401" s="5"/>
      <c r="T6401" s="5" t="s">
        <v>42</v>
      </c>
      <c r="U6401" s="2">
        <v>0</v>
      </c>
      <c r="V6401" s="2">
        <v>0</v>
      </c>
      <c r="W6401" s="2">
        <v>0</v>
      </c>
      <c r="X6401" s="2">
        <v>0</v>
      </c>
      <c r="Y6401" s="2">
        <v>0</v>
      </c>
      <c r="Z6401" s="2">
        <v>0</v>
      </c>
      <c r="AA6401" s="5"/>
      <c r="AB6401" s="5" t="s">
        <v>43</v>
      </c>
      <c r="AC6401" s="5" t="s">
        <v>44</v>
      </c>
      <c r="AD6401" s="2"/>
      <c r="AE6401" s="1"/>
    </row>
    <row r="6402" spans="1:31" ht="14.45">
      <c r="A6402" s="11"/>
      <c r="B6402" s="20"/>
      <c r="C6402" s="2" t="s">
        <v>19678</v>
      </c>
      <c r="D6402" s="14" t="s">
        <v>19679</v>
      </c>
      <c r="E6402" s="2" t="s">
        <v>19680</v>
      </c>
      <c r="F6402" s="2" t="s">
        <v>7528</v>
      </c>
      <c r="G6402" s="8">
        <v>199</v>
      </c>
      <c r="H6402" s="5">
        <v>5</v>
      </c>
      <c r="I6402" s="5" t="s">
        <v>1518</v>
      </c>
      <c r="J6402" s="5" t="s">
        <v>1519</v>
      </c>
      <c r="K6402" s="2" t="s">
        <v>1520</v>
      </c>
      <c r="L6402" s="5" t="s">
        <v>1519</v>
      </c>
      <c r="M6402" s="2" t="s">
        <v>1520</v>
      </c>
      <c r="N6402" s="5" t="s">
        <v>19227</v>
      </c>
      <c r="O6402" s="5" t="s">
        <v>38</v>
      </c>
      <c r="P6402" s="5" t="s">
        <v>39</v>
      </c>
      <c r="Q6402" s="5" t="s">
        <v>40</v>
      </c>
      <c r="R6402" s="5" t="s">
        <v>1487</v>
      </c>
      <c r="S6402" s="5"/>
      <c r="T6402" s="5" t="s">
        <v>42</v>
      </c>
      <c r="U6402" s="2">
        <v>0</v>
      </c>
      <c r="V6402" s="2">
        <v>0</v>
      </c>
      <c r="W6402" s="2">
        <v>0</v>
      </c>
      <c r="X6402" s="2">
        <v>0</v>
      </c>
      <c r="Y6402" s="2">
        <v>0</v>
      </c>
      <c r="Z6402" s="2">
        <v>0</v>
      </c>
      <c r="AA6402" s="5"/>
      <c r="AB6402" s="5" t="s">
        <v>43</v>
      </c>
      <c r="AC6402" s="5" t="s">
        <v>44</v>
      </c>
      <c r="AD6402" s="2"/>
      <c r="AE6402" s="1"/>
    </row>
    <row r="6403" spans="1:31" ht="14.45">
      <c r="A6403" s="11"/>
      <c r="B6403" s="20"/>
      <c r="C6403" s="2" t="s">
        <v>19681</v>
      </c>
      <c r="D6403" s="14" t="s">
        <v>19682</v>
      </c>
      <c r="E6403" s="2" t="s">
        <v>19683</v>
      </c>
      <c r="F6403" s="2" t="s">
        <v>7396</v>
      </c>
      <c r="G6403" s="8">
        <v>206</v>
      </c>
      <c r="H6403" s="5">
        <v>5</v>
      </c>
      <c r="I6403" s="5" t="s">
        <v>1518</v>
      </c>
      <c r="J6403" s="5" t="s">
        <v>1519</v>
      </c>
      <c r="K6403" s="2" t="s">
        <v>1520</v>
      </c>
      <c r="L6403" s="5" t="s">
        <v>1519</v>
      </c>
      <c r="M6403" s="2" t="s">
        <v>1520</v>
      </c>
      <c r="N6403" s="5" t="s">
        <v>19227</v>
      </c>
      <c r="O6403" s="5" t="s">
        <v>38</v>
      </c>
      <c r="P6403" s="5" t="s">
        <v>39</v>
      </c>
      <c r="Q6403" s="5" t="s">
        <v>40</v>
      </c>
      <c r="R6403" s="5" t="s">
        <v>1487</v>
      </c>
      <c r="S6403" s="5"/>
      <c r="T6403" s="5" t="s">
        <v>42</v>
      </c>
      <c r="U6403" s="2">
        <v>0</v>
      </c>
      <c r="V6403" s="2">
        <v>0</v>
      </c>
      <c r="W6403" s="2">
        <v>0</v>
      </c>
      <c r="X6403" s="2">
        <v>0</v>
      </c>
      <c r="Y6403" s="2">
        <v>0</v>
      </c>
      <c r="Z6403" s="2">
        <v>0</v>
      </c>
      <c r="AA6403" s="5"/>
      <c r="AB6403" s="5" t="s">
        <v>43</v>
      </c>
      <c r="AC6403" s="5" t="s">
        <v>44</v>
      </c>
      <c r="AD6403" s="2"/>
      <c r="AE6403" s="1"/>
    </row>
    <row r="6404" spans="1:31" ht="14.45">
      <c r="A6404" s="11"/>
      <c r="B6404" s="20"/>
      <c r="C6404" s="2" t="s">
        <v>19684</v>
      </c>
      <c r="D6404" s="14" t="s">
        <v>19685</v>
      </c>
      <c r="E6404" s="2" t="s">
        <v>19686</v>
      </c>
      <c r="F6404" s="2" t="s">
        <v>7507</v>
      </c>
      <c r="G6404" s="8">
        <v>206</v>
      </c>
      <c r="H6404" s="5">
        <v>5</v>
      </c>
      <c r="I6404" s="5" t="s">
        <v>1518</v>
      </c>
      <c r="J6404" s="5" t="s">
        <v>1519</v>
      </c>
      <c r="K6404" s="2" t="s">
        <v>1520</v>
      </c>
      <c r="L6404" s="5" t="s">
        <v>1519</v>
      </c>
      <c r="M6404" s="2" t="s">
        <v>1520</v>
      </c>
      <c r="N6404" s="5" t="s">
        <v>19227</v>
      </c>
      <c r="O6404" s="5" t="s">
        <v>38</v>
      </c>
      <c r="P6404" s="5" t="s">
        <v>39</v>
      </c>
      <c r="Q6404" s="5" t="s">
        <v>40</v>
      </c>
      <c r="R6404" s="5" t="s">
        <v>1487</v>
      </c>
      <c r="S6404" s="5"/>
      <c r="T6404" s="5" t="s">
        <v>42</v>
      </c>
      <c r="U6404" s="2">
        <v>0</v>
      </c>
      <c r="V6404" s="2">
        <v>0</v>
      </c>
      <c r="W6404" s="2">
        <v>0</v>
      </c>
      <c r="X6404" s="2">
        <v>0</v>
      </c>
      <c r="Y6404" s="2">
        <v>0</v>
      </c>
      <c r="Z6404" s="2">
        <v>0</v>
      </c>
      <c r="AA6404" s="5"/>
      <c r="AB6404" s="5" t="s">
        <v>43</v>
      </c>
      <c r="AC6404" s="5" t="s">
        <v>44</v>
      </c>
      <c r="AD6404" s="2"/>
      <c r="AE6404" s="1"/>
    </row>
    <row r="6405" spans="1:31" ht="14.45">
      <c r="A6405" s="11"/>
      <c r="B6405" s="20"/>
      <c r="C6405" s="2" t="s">
        <v>19687</v>
      </c>
      <c r="D6405" s="14" t="s">
        <v>19688</v>
      </c>
      <c r="E6405" s="2" t="s">
        <v>19689</v>
      </c>
      <c r="F6405" s="2" t="s">
        <v>7204</v>
      </c>
      <c r="G6405" s="8">
        <v>206</v>
      </c>
      <c r="H6405" s="5">
        <v>5</v>
      </c>
      <c r="I6405" s="5" t="s">
        <v>1518</v>
      </c>
      <c r="J6405" s="5" t="s">
        <v>1519</v>
      </c>
      <c r="K6405" s="2" t="s">
        <v>1520</v>
      </c>
      <c r="L6405" s="5" t="s">
        <v>1519</v>
      </c>
      <c r="M6405" s="2" t="s">
        <v>1520</v>
      </c>
      <c r="N6405" s="5" t="s">
        <v>19227</v>
      </c>
      <c r="O6405" s="5" t="s">
        <v>38</v>
      </c>
      <c r="P6405" s="5" t="s">
        <v>39</v>
      </c>
      <c r="Q6405" s="5" t="s">
        <v>40</v>
      </c>
      <c r="R6405" s="5" t="s">
        <v>1487</v>
      </c>
      <c r="S6405" s="5"/>
      <c r="T6405" s="5" t="s">
        <v>42</v>
      </c>
      <c r="U6405" s="2">
        <v>0</v>
      </c>
      <c r="V6405" s="2">
        <v>0</v>
      </c>
      <c r="W6405" s="2">
        <v>0</v>
      </c>
      <c r="X6405" s="2">
        <v>0</v>
      </c>
      <c r="Y6405" s="2">
        <v>0</v>
      </c>
      <c r="Z6405" s="2">
        <v>0</v>
      </c>
      <c r="AA6405" s="5"/>
      <c r="AB6405" s="5" t="s">
        <v>43</v>
      </c>
      <c r="AC6405" s="5" t="s">
        <v>44</v>
      </c>
      <c r="AD6405" s="2"/>
      <c r="AE6405" s="1"/>
    </row>
    <row r="6406" spans="1:31" ht="14.45">
      <c r="A6406" s="11"/>
      <c r="B6406" s="20"/>
      <c r="C6406" s="2" t="s">
        <v>19690</v>
      </c>
      <c r="D6406" s="14" t="s">
        <v>19691</v>
      </c>
      <c r="E6406" s="2" t="s">
        <v>19692</v>
      </c>
      <c r="F6406" s="2" t="s">
        <v>7514</v>
      </c>
      <c r="G6406" s="8">
        <v>206</v>
      </c>
      <c r="H6406" s="5">
        <v>5</v>
      </c>
      <c r="I6406" s="5" t="s">
        <v>1518</v>
      </c>
      <c r="J6406" s="5" t="s">
        <v>1519</v>
      </c>
      <c r="K6406" s="2" t="s">
        <v>1520</v>
      </c>
      <c r="L6406" s="5" t="s">
        <v>1519</v>
      </c>
      <c r="M6406" s="2" t="s">
        <v>1520</v>
      </c>
      <c r="N6406" s="5" t="s">
        <v>19227</v>
      </c>
      <c r="O6406" s="5" t="s">
        <v>38</v>
      </c>
      <c r="P6406" s="5" t="s">
        <v>39</v>
      </c>
      <c r="Q6406" s="5" t="s">
        <v>40</v>
      </c>
      <c r="R6406" s="5" t="s">
        <v>1487</v>
      </c>
      <c r="S6406" s="5"/>
      <c r="T6406" s="5" t="s">
        <v>42</v>
      </c>
      <c r="U6406" s="2">
        <v>0</v>
      </c>
      <c r="V6406" s="2">
        <v>0</v>
      </c>
      <c r="W6406" s="2">
        <v>0</v>
      </c>
      <c r="X6406" s="2">
        <v>0</v>
      </c>
      <c r="Y6406" s="2">
        <v>0</v>
      </c>
      <c r="Z6406" s="2">
        <v>0</v>
      </c>
      <c r="AA6406" s="5"/>
      <c r="AB6406" s="5" t="s">
        <v>43</v>
      </c>
      <c r="AC6406" s="5" t="s">
        <v>44</v>
      </c>
      <c r="AD6406" s="2"/>
      <c r="AE6406" s="1"/>
    </row>
    <row r="6407" spans="1:31" ht="14.45">
      <c r="A6407" s="11"/>
      <c r="B6407" s="20"/>
      <c r="C6407" s="2" t="s">
        <v>19693</v>
      </c>
      <c r="D6407" s="14" t="s">
        <v>19694</v>
      </c>
      <c r="E6407" s="2" t="s">
        <v>19695</v>
      </c>
      <c r="F6407" s="2" t="s">
        <v>7208</v>
      </c>
      <c r="G6407" s="8">
        <v>206</v>
      </c>
      <c r="H6407" s="5">
        <v>5</v>
      </c>
      <c r="I6407" s="5" t="s">
        <v>1518</v>
      </c>
      <c r="J6407" s="5" t="s">
        <v>1519</v>
      </c>
      <c r="K6407" s="2" t="s">
        <v>1520</v>
      </c>
      <c r="L6407" s="5" t="s">
        <v>1519</v>
      </c>
      <c r="M6407" s="2" t="s">
        <v>1520</v>
      </c>
      <c r="N6407" s="5" t="s">
        <v>19227</v>
      </c>
      <c r="O6407" s="5" t="s">
        <v>38</v>
      </c>
      <c r="P6407" s="5" t="s">
        <v>39</v>
      </c>
      <c r="Q6407" s="5" t="s">
        <v>40</v>
      </c>
      <c r="R6407" s="5" t="s">
        <v>1487</v>
      </c>
      <c r="S6407" s="5"/>
      <c r="T6407" s="5" t="s">
        <v>42</v>
      </c>
      <c r="U6407" s="2">
        <v>0</v>
      </c>
      <c r="V6407" s="2">
        <v>0</v>
      </c>
      <c r="W6407" s="2">
        <v>0</v>
      </c>
      <c r="X6407" s="2">
        <v>0</v>
      </c>
      <c r="Y6407" s="2">
        <v>0</v>
      </c>
      <c r="Z6407" s="2">
        <v>0</v>
      </c>
      <c r="AA6407" s="5"/>
      <c r="AB6407" s="5" t="s">
        <v>43</v>
      </c>
      <c r="AC6407" s="5" t="s">
        <v>44</v>
      </c>
      <c r="AD6407" s="2"/>
      <c r="AE6407" s="1"/>
    </row>
    <row r="6408" spans="1:31" ht="14.45">
      <c r="A6408" s="11"/>
      <c r="B6408" s="20"/>
      <c r="C6408" s="2" t="s">
        <v>19696</v>
      </c>
      <c r="D6408" s="14" t="s">
        <v>19697</v>
      </c>
      <c r="E6408" s="2" t="s">
        <v>19698</v>
      </c>
      <c r="F6408" s="2" t="s">
        <v>7521</v>
      </c>
      <c r="G6408" s="8">
        <v>206</v>
      </c>
      <c r="H6408" s="5">
        <v>5</v>
      </c>
      <c r="I6408" s="5" t="s">
        <v>1518</v>
      </c>
      <c r="J6408" s="5" t="s">
        <v>1519</v>
      </c>
      <c r="K6408" s="2" t="s">
        <v>1520</v>
      </c>
      <c r="L6408" s="5" t="s">
        <v>1519</v>
      </c>
      <c r="M6408" s="2" t="s">
        <v>1520</v>
      </c>
      <c r="N6408" s="5" t="s">
        <v>19227</v>
      </c>
      <c r="O6408" s="5" t="s">
        <v>38</v>
      </c>
      <c r="P6408" s="5" t="s">
        <v>39</v>
      </c>
      <c r="Q6408" s="5" t="s">
        <v>40</v>
      </c>
      <c r="R6408" s="5" t="s">
        <v>1487</v>
      </c>
      <c r="S6408" s="5"/>
      <c r="T6408" s="5" t="s">
        <v>42</v>
      </c>
      <c r="U6408" s="2">
        <v>0</v>
      </c>
      <c r="V6408" s="2">
        <v>0</v>
      </c>
      <c r="W6408" s="2">
        <v>0</v>
      </c>
      <c r="X6408" s="2">
        <v>0</v>
      </c>
      <c r="Y6408" s="2">
        <v>0</v>
      </c>
      <c r="Z6408" s="2">
        <v>0</v>
      </c>
      <c r="AA6408" s="5"/>
      <c r="AB6408" s="5" t="s">
        <v>43</v>
      </c>
      <c r="AC6408" s="5" t="s">
        <v>44</v>
      </c>
      <c r="AD6408" s="2"/>
      <c r="AE6408" s="1"/>
    </row>
    <row r="6409" spans="1:31" ht="14.45">
      <c r="A6409" s="11"/>
      <c r="B6409" s="20"/>
      <c r="C6409" s="2" t="s">
        <v>19699</v>
      </c>
      <c r="D6409" s="14" t="s">
        <v>19700</v>
      </c>
      <c r="E6409" s="2" t="s">
        <v>19701</v>
      </c>
      <c r="F6409" s="2" t="s">
        <v>7212</v>
      </c>
      <c r="G6409" s="8">
        <v>206</v>
      </c>
      <c r="H6409" s="5">
        <v>5</v>
      </c>
      <c r="I6409" s="5" t="s">
        <v>1518</v>
      </c>
      <c r="J6409" s="5" t="s">
        <v>1519</v>
      </c>
      <c r="K6409" s="2" t="s">
        <v>1520</v>
      </c>
      <c r="L6409" s="5" t="s">
        <v>1519</v>
      </c>
      <c r="M6409" s="2" t="s">
        <v>1520</v>
      </c>
      <c r="N6409" s="5" t="s">
        <v>19227</v>
      </c>
      <c r="O6409" s="5" t="s">
        <v>38</v>
      </c>
      <c r="P6409" s="5" t="s">
        <v>39</v>
      </c>
      <c r="Q6409" s="5" t="s">
        <v>40</v>
      </c>
      <c r="R6409" s="5" t="s">
        <v>1487</v>
      </c>
      <c r="S6409" s="5"/>
      <c r="T6409" s="5" t="s">
        <v>42</v>
      </c>
      <c r="U6409" s="2">
        <v>0</v>
      </c>
      <c r="V6409" s="2">
        <v>0</v>
      </c>
      <c r="W6409" s="2">
        <v>0</v>
      </c>
      <c r="X6409" s="2">
        <v>0</v>
      </c>
      <c r="Y6409" s="2">
        <v>0</v>
      </c>
      <c r="Z6409" s="2">
        <v>0</v>
      </c>
      <c r="AA6409" s="5"/>
      <c r="AB6409" s="5" t="s">
        <v>43</v>
      </c>
      <c r="AC6409" s="5" t="s">
        <v>44</v>
      </c>
      <c r="AD6409" s="2"/>
      <c r="AE6409" s="1"/>
    </row>
    <row r="6410" spans="1:31" ht="14.45">
      <c r="A6410" s="11"/>
      <c r="B6410" s="20"/>
      <c r="C6410" s="2" t="s">
        <v>19702</v>
      </c>
      <c r="D6410" s="14" t="s">
        <v>19703</v>
      </c>
      <c r="E6410" s="2" t="s">
        <v>19704</v>
      </c>
      <c r="F6410" s="2" t="s">
        <v>7528</v>
      </c>
      <c r="G6410" s="8">
        <v>206</v>
      </c>
      <c r="H6410" s="5">
        <v>5</v>
      </c>
      <c r="I6410" s="5" t="s">
        <v>1518</v>
      </c>
      <c r="J6410" s="5" t="s">
        <v>1519</v>
      </c>
      <c r="K6410" s="2" t="s">
        <v>1520</v>
      </c>
      <c r="L6410" s="5" t="s">
        <v>1519</v>
      </c>
      <c r="M6410" s="2" t="s">
        <v>1520</v>
      </c>
      <c r="N6410" s="5" t="s">
        <v>19227</v>
      </c>
      <c r="O6410" s="5" t="s">
        <v>38</v>
      </c>
      <c r="P6410" s="5" t="s">
        <v>39</v>
      </c>
      <c r="Q6410" s="5" t="s">
        <v>40</v>
      </c>
      <c r="R6410" s="5" t="s">
        <v>1487</v>
      </c>
      <c r="S6410" s="5"/>
      <c r="T6410" s="5" t="s">
        <v>42</v>
      </c>
      <c r="U6410" s="2">
        <v>0</v>
      </c>
      <c r="V6410" s="2">
        <v>0</v>
      </c>
      <c r="W6410" s="2">
        <v>0</v>
      </c>
      <c r="X6410" s="2">
        <v>0</v>
      </c>
      <c r="Y6410" s="2">
        <v>0</v>
      </c>
      <c r="Z6410" s="2">
        <v>0</v>
      </c>
      <c r="AA6410" s="5"/>
      <c r="AB6410" s="5" t="s">
        <v>43</v>
      </c>
      <c r="AC6410" s="5" t="s">
        <v>44</v>
      </c>
      <c r="AD6410" s="2"/>
      <c r="AE6410" s="1"/>
    </row>
    <row r="6411" spans="1:31" ht="14.45">
      <c r="A6411" s="11"/>
      <c r="B6411" s="20"/>
      <c r="C6411" s="2" t="s">
        <v>19705</v>
      </c>
      <c r="D6411" s="14" t="s">
        <v>19706</v>
      </c>
      <c r="E6411" s="2" t="s">
        <v>19707</v>
      </c>
      <c r="F6411" s="2" t="s">
        <v>7396</v>
      </c>
      <c r="G6411" s="8">
        <v>241</v>
      </c>
      <c r="H6411" s="5">
        <v>5</v>
      </c>
      <c r="I6411" s="5" t="s">
        <v>1518</v>
      </c>
      <c r="J6411" s="5" t="s">
        <v>1519</v>
      </c>
      <c r="K6411" s="2" t="s">
        <v>1520</v>
      </c>
      <c r="L6411" s="5" t="s">
        <v>1519</v>
      </c>
      <c r="M6411" s="2" t="s">
        <v>1520</v>
      </c>
      <c r="N6411" s="5" t="s">
        <v>19227</v>
      </c>
      <c r="O6411" s="5" t="s">
        <v>38</v>
      </c>
      <c r="P6411" s="5" t="s">
        <v>39</v>
      </c>
      <c r="Q6411" s="5" t="s">
        <v>40</v>
      </c>
      <c r="R6411" s="5" t="s">
        <v>1487</v>
      </c>
      <c r="S6411" s="5"/>
      <c r="T6411" s="5" t="s">
        <v>42</v>
      </c>
      <c r="U6411" s="2">
        <v>0</v>
      </c>
      <c r="V6411" s="2">
        <v>0</v>
      </c>
      <c r="W6411" s="2">
        <v>0</v>
      </c>
      <c r="X6411" s="2">
        <v>0</v>
      </c>
      <c r="Y6411" s="2">
        <v>0</v>
      </c>
      <c r="Z6411" s="2">
        <v>0</v>
      </c>
      <c r="AA6411" s="5"/>
      <c r="AB6411" s="5" t="s">
        <v>43</v>
      </c>
      <c r="AC6411" s="5" t="s">
        <v>44</v>
      </c>
      <c r="AD6411" s="2"/>
      <c r="AE6411" s="1"/>
    </row>
    <row r="6412" spans="1:31" ht="14.45">
      <c r="A6412" s="11"/>
      <c r="B6412" s="20"/>
      <c r="C6412" s="2" t="s">
        <v>19708</v>
      </c>
      <c r="D6412" s="14" t="s">
        <v>19709</v>
      </c>
      <c r="E6412" s="2" t="s">
        <v>19710</v>
      </c>
      <c r="F6412" s="2" t="s">
        <v>7507</v>
      </c>
      <c r="G6412" s="8">
        <v>241</v>
      </c>
      <c r="H6412" s="5">
        <v>5</v>
      </c>
      <c r="I6412" s="5" t="s">
        <v>1518</v>
      </c>
      <c r="J6412" s="5" t="s">
        <v>1519</v>
      </c>
      <c r="K6412" s="2" t="s">
        <v>1520</v>
      </c>
      <c r="L6412" s="5" t="s">
        <v>1519</v>
      </c>
      <c r="M6412" s="2" t="s">
        <v>1520</v>
      </c>
      <c r="N6412" s="5" t="s">
        <v>19227</v>
      </c>
      <c r="O6412" s="5" t="s">
        <v>38</v>
      </c>
      <c r="P6412" s="5" t="s">
        <v>39</v>
      </c>
      <c r="Q6412" s="5" t="s">
        <v>40</v>
      </c>
      <c r="R6412" s="5" t="s">
        <v>1487</v>
      </c>
      <c r="S6412" s="5"/>
      <c r="T6412" s="5" t="s">
        <v>42</v>
      </c>
      <c r="U6412" s="2">
        <v>0</v>
      </c>
      <c r="V6412" s="2">
        <v>0</v>
      </c>
      <c r="W6412" s="2">
        <v>0</v>
      </c>
      <c r="X6412" s="2">
        <v>0</v>
      </c>
      <c r="Y6412" s="2">
        <v>0</v>
      </c>
      <c r="Z6412" s="2">
        <v>0</v>
      </c>
      <c r="AA6412" s="5"/>
      <c r="AB6412" s="5" t="s">
        <v>43</v>
      </c>
      <c r="AC6412" s="5" t="s">
        <v>44</v>
      </c>
      <c r="AD6412" s="2"/>
      <c r="AE6412" s="1"/>
    </row>
    <row r="6413" spans="1:31" ht="14.45">
      <c r="A6413" s="11"/>
      <c r="B6413" s="20"/>
      <c r="C6413" s="2" t="s">
        <v>19711</v>
      </c>
      <c r="D6413" s="14" t="s">
        <v>19712</v>
      </c>
      <c r="E6413" s="2" t="s">
        <v>19713</v>
      </c>
      <c r="F6413" s="2" t="s">
        <v>7204</v>
      </c>
      <c r="G6413" s="8">
        <v>241</v>
      </c>
      <c r="H6413" s="5">
        <v>5</v>
      </c>
      <c r="I6413" s="5" t="s">
        <v>1518</v>
      </c>
      <c r="J6413" s="5" t="s">
        <v>1519</v>
      </c>
      <c r="K6413" s="2" t="s">
        <v>1520</v>
      </c>
      <c r="L6413" s="5" t="s">
        <v>1519</v>
      </c>
      <c r="M6413" s="2" t="s">
        <v>1520</v>
      </c>
      <c r="N6413" s="5" t="s">
        <v>19227</v>
      </c>
      <c r="O6413" s="5" t="s">
        <v>38</v>
      </c>
      <c r="P6413" s="5" t="s">
        <v>39</v>
      </c>
      <c r="Q6413" s="5" t="s">
        <v>40</v>
      </c>
      <c r="R6413" s="5" t="s">
        <v>1487</v>
      </c>
      <c r="S6413" s="5"/>
      <c r="T6413" s="5" t="s">
        <v>42</v>
      </c>
      <c r="U6413" s="2">
        <v>0</v>
      </c>
      <c r="V6413" s="2">
        <v>0</v>
      </c>
      <c r="W6413" s="2">
        <v>0</v>
      </c>
      <c r="X6413" s="2">
        <v>0</v>
      </c>
      <c r="Y6413" s="2">
        <v>0</v>
      </c>
      <c r="Z6413" s="2">
        <v>0</v>
      </c>
      <c r="AA6413" s="5"/>
      <c r="AB6413" s="5" t="s">
        <v>43</v>
      </c>
      <c r="AC6413" s="5" t="s">
        <v>44</v>
      </c>
      <c r="AD6413" s="2"/>
      <c r="AE6413" s="1"/>
    </row>
    <row r="6414" spans="1:31" ht="14.45">
      <c r="A6414" s="11"/>
      <c r="B6414" s="20"/>
      <c r="C6414" s="2" t="s">
        <v>19714</v>
      </c>
      <c r="D6414" s="14" t="s">
        <v>19715</v>
      </c>
      <c r="E6414" s="2" t="s">
        <v>19716</v>
      </c>
      <c r="F6414" s="2" t="s">
        <v>7514</v>
      </c>
      <c r="G6414" s="8">
        <v>241</v>
      </c>
      <c r="H6414" s="5">
        <v>5</v>
      </c>
      <c r="I6414" s="5" t="s">
        <v>1518</v>
      </c>
      <c r="J6414" s="5" t="s">
        <v>1519</v>
      </c>
      <c r="K6414" s="2" t="s">
        <v>1520</v>
      </c>
      <c r="L6414" s="5" t="s">
        <v>1519</v>
      </c>
      <c r="M6414" s="2" t="s">
        <v>1520</v>
      </c>
      <c r="N6414" s="5" t="s">
        <v>19227</v>
      </c>
      <c r="O6414" s="5" t="s">
        <v>38</v>
      </c>
      <c r="P6414" s="5" t="s">
        <v>39</v>
      </c>
      <c r="Q6414" s="5" t="s">
        <v>40</v>
      </c>
      <c r="R6414" s="5" t="s">
        <v>1487</v>
      </c>
      <c r="S6414" s="5"/>
      <c r="T6414" s="5" t="s">
        <v>42</v>
      </c>
      <c r="U6414" s="2">
        <v>0</v>
      </c>
      <c r="V6414" s="2">
        <v>0</v>
      </c>
      <c r="W6414" s="2">
        <v>0</v>
      </c>
      <c r="X6414" s="2">
        <v>0</v>
      </c>
      <c r="Y6414" s="2">
        <v>0</v>
      </c>
      <c r="Z6414" s="2">
        <v>0</v>
      </c>
      <c r="AA6414" s="5"/>
      <c r="AB6414" s="5" t="s">
        <v>43</v>
      </c>
      <c r="AC6414" s="5" t="s">
        <v>44</v>
      </c>
      <c r="AD6414" s="2"/>
      <c r="AE6414" s="1"/>
    </row>
    <row r="6415" spans="1:31" ht="14.45">
      <c r="A6415" s="11"/>
      <c r="B6415" s="20"/>
      <c r="C6415" s="2" t="s">
        <v>19717</v>
      </c>
      <c r="D6415" s="14" t="s">
        <v>19718</v>
      </c>
      <c r="E6415" s="2" t="s">
        <v>19719</v>
      </c>
      <c r="F6415" s="2" t="s">
        <v>7208</v>
      </c>
      <c r="G6415" s="8">
        <v>241</v>
      </c>
      <c r="H6415" s="5">
        <v>5</v>
      </c>
      <c r="I6415" s="5" t="s">
        <v>1518</v>
      </c>
      <c r="J6415" s="5" t="s">
        <v>1519</v>
      </c>
      <c r="K6415" s="2" t="s">
        <v>1520</v>
      </c>
      <c r="L6415" s="5" t="s">
        <v>1519</v>
      </c>
      <c r="M6415" s="2" t="s">
        <v>1520</v>
      </c>
      <c r="N6415" s="5" t="s">
        <v>19227</v>
      </c>
      <c r="O6415" s="5" t="s">
        <v>38</v>
      </c>
      <c r="P6415" s="5" t="s">
        <v>39</v>
      </c>
      <c r="Q6415" s="5" t="s">
        <v>40</v>
      </c>
      <c r="R6415" s="5" t="s">
        <v>1487</v>
      </c>
      <c r="S6415" s="5"/>
      <c r="T6415" s="5" t="s">
        <v>42</v>
      </c>
      <c r="U6415" s="2">
        <v>0</v>
      </c>
      <c r="V6415" s="2">
        <v>0</v>
      </c>
      <c r="W6415" s="2">
        <v>0</v>
      </c>
      <c r="X6415" s="2">
        <v>0</v>
      </c>
      <c r="Y6415" s="2">
        <v>0</v>
      </c>
      <c r="Z6415" s="2">
        <v>0</v>
      </c>
      <c r="AA6415" s="5"/>
      <c r="AB6415" s="5" t="s">
        <v>43</v>
      </c>
      <c r="AC6415" s="5" t="s">
        <v>44</v>
      </c>
      <c r="AD6415" s="2"/>
      <c r="AE6415" s="1"/>
    </row>
    <row r="6416" spans="1:31" ht="14.45">
      <c r="A6416" s="11"/>
      <c r="B6416" s="20"/>
      <c r="C6416" s="2" t="s">
        <v>19720</v>
      </c>
      <c r="D6416" s="14" t="s">
        <v>19721</v>
      </c>
      <c r="E6416" s="2" t="s">
        <v>19722</v>
      </c>
      <c r="F6416" s="2" t="s">
        <v>7521</v>
      </c>
      <c r="G6416" s="8">
        <v>241</v>
      </c>
      <c r="H6416" s="5">
        <v>5</v>
      </c>
      <c r="I6416" s="5" t="s">
        <v>1518</v>
      </c>
      <c r="J6416" s="5" t="s">
        <v>1519</v>
      </c>
      <c r="K6416" s="2" t="s">
        <v>1520</v>
      </c>
      <c r="L6416" s="5" t="s">
        <v>1519</v>
      </c>
      <c r="M6416" s="2" t="s">
        <v>1520</v>
      </c>
      <c r="N6416" s="5" t="s">
        <v>19227</v>
      </c>
      <c r="O6416" s="5" t="s">
        <v>38</v>
      </c>
      <c r="P6416" s="5" t="s">
        <v>39</v>
      </c>
      <c r="Q6416" s="5" t="s">
        <v>40</v>
      </c>
      <c r="R6416" s="5" t="s">
        <v>1487</v>
      </c>
      <c r="S6416" s="5"/>
      <c r="T6416" s="5" t="s">
        <v>42</v>
      </c>
      <c r="U6416" s="2">
        <v>0</v>
      </c>
      <c r="V6416" s="2">
        <v>0</v>
      </c>
      <c r="W6416" s="2">
        <v>0</v>
      </c>
      <c r="X6416" s="2">
        <v>0</v>
      </c>
      <c r="Y6416" s="2">
        <v>0</v>
      </c>
      <c r="Z6416" s="2">
        <v>0</v>
      </c>
      <c r="AA6416" s="5"/>
      <c r="AB6416" s="5" t="s">
        <v>43</v>
      </c>
      <c r="AC6416" s="5" t="s">
        <v>44</v>
      </c>
      <c r="AD6416" s="2"/>
      <c r="AE6416" s="1"/>
    </row>
    <row r="6417" spans="1:31" ht="14.45">
      <c r="A6417" s="11"/>
      <c r="B6417" s="20"/>
      <c r="C6417" s="2" t="s">
        <v>19723</v>
      </c>
      <c r="D6417" s="14" t="s">
        <v>19724</v>
      </c>
      <c r="E6417" s="2" t="s">
        <v>19725</v>
      </c>
      <c r="F6417" s="2" t="s">
        <v>7212</v>
      </c>
      <c r="G6417" s="8">
        <v>241</v>
      </c>
      <c r="H6417" s="5">
        <v>5</v>
      </c>
      <c r="I6417" s="5" t="s">
        <v>1518</v>
      </c>
      <c r="J6417" s="5" t="s">
        <v>1519</v>
      </c>
      <c r="K6417" s="2" t="s">
        <v>1520</v>
      </c>
      <c r="L6417" s="5" t="s">
        <v>1519</v>
      </c>
      <c r="M6417" s="2" t="s">
        <v>1520</v>
      </c>
      <c r="N6417" s="5" t="s">
        <v>19227</v>
      </c>
      <c r="O6417" s="5" t="s">
        <v>38</v>
      </c>
      <c r="P6417" s="5" t="s">
        <v>39</v>
      </c>
      <c r="Q6417" s="5" t="s">
        <v>40</v>
      </c>
      <c r="R6417" s="5" t="s">
        <v>1487</v>
      </c>
      <c r="S6417" s="5"/>
      <c r="T6417" s="5" t="s">
        <v>42</v>
      </c>
      <c r="U6417" s="2">
        <v>0</v>
      </c>
      <c r="V6417" s="2">
        <v>0</v>
      </c>
      <c r="W6417" s="2">
        <v>0</v>
      </c>
      <c r="X6417" s="2">
        <v>0</v>
      </c>
      <c r="Y6417" s="2">
        <v>0</v>
      </c>
      <c r="Z6417" s="2">
        <v>0</v>
      </c>
      <c r="AA6417" s="5"/>
      <c r="AB6417" s="5" t="s">
        <v>43</v>
      </c>
      <c r="AC6417" s="5" t="s">
        <v>44</v>
      </c>
      <c r="AD6417" s="2"/>
      <c r="AE6417" s="1"/>
    </row>
    <row r="6418" spans="1:31" ht="14.45">
      <c r="A6418" s="11"/>
      <c r="B6418" s="20"/>
      <c r="C6418" s="2" t="s">
        <v>19726</v>
      </c>
      <c r="D6418" s="14" t="s">
        <v>19727</v>
      </c>
      <c r="E6418" s="2" t="s">
        <v>19728</v>
      </c>
      <c r="F6418" s="2" t="s">
        <v>7528</v>
      </c>
      <c r="G6418" s="8">
        <v>241</v>
      </c>
      <c r="H6418" s="5">
        <v>5</v>
      </c>
      <c r="I6418" s="5" t="s">
        <v>1518</v>
      </c>
      <c r="J6418" s="5" t="s">
        <v>1519</v>
      </c>
      <c r="K6418" s="2" t="s">
        <v>1520</v>
      </c>
      <c r="L6418" s="5" t="s">
        <v>1519</v>
      </c>
      <c r="M6418" s="2" t="s">
        <v>1520</v>
      </c>
      <c r="N6418" s="5" t="s">
        <v>19227</v>
      </c>
      <c r="O6418" s="5" t="s">
        <v>38</v>
      </c>
      <c r="P6418" s="5" t="s">
        <v>39</v>
      </c>
      <c r="Q6418" s="5" t="s">
        <v>40</v>
      </c>
      <c r="R6418" s="5" t="s">
        <v>1487</v>
      </c>
      <c r="S6418" s="5"/>
      <c r="T6418" s="5" t="s">
        <v>42</v>
      </c>
      <c r="U6418" s="2">
        <v>0</v>
      </c>
      <c r="V6418" s="2">
        <v>0</v>
      </c>
      <c r="W6418" s="2">
        <v>0</v>
      </c>
      <c r="X6418" s="2">
        <v>0</v>
      </c>
      <c r="Y6418" s="2">
        <v>0</v>
      </c>
      <c r="Z6418" s="2">
        <v>0</v>
      </c>
      <c r="AA6418" s="5"/>
      <c r="AB6418" s="5" t="s">
        <v>43</v>
      </c>
      <c r="AC6418" s="5" t="s">
        <v>44</v>
      </c>
      <c r="AD6418" s="2"/>
      <c r="AE6418" s="1"/>
    </row>
    <row r="6419" spans="1:31" ht="14.45">
      <c r="A6419" s="11"/>
      <c r="B6419" s="20"/>
      <c r="C6419" s="2" t="s">
        <v>19729</v>
      </c>
      <c r="D6419" s="14" t="s">
        <v>19730</v>
      </c>
      <c r="E6419" s="2" t="s">
        <v>19731</v>
      </c>
      <c r="F6419" s="2" t="s">
        <v>7396</v>
      </c>
      <c r="G6419" s="8">
        <v>209</v>
      </c>
      <c r="H6419" s="5">
        <v>5</v>
      </c>
      <c r="I6419" s="5" t="s">
        <v>1518</v>
      </c>
      <c r="J6419" s="5" t="s">
        <v>1519</v>
      </c>
      <c r="K6419" s="2" t="s">
        <v>1520</v>
      </c>
      <c r="L6419" s="5" t="s">
        <v>1519</v>
      </c>
      <c r="M6419" s="2" t="s">
        <v>1520</v>
      </c>
      <c r="N6419" s="5" t="s">
        <v>19227</v>
      </c>
      <c r="O6419" s="5" t="s">
        <v>38</v>
      </c>
      <c r="P6419" s="5" t="s">
        <v>39</v>
      </c>
      <c r="Q6419" s="5" t="s">
        <v>40</v>
      </c>
      <c r="R6419" s="5" t="s">
        <v>1487</v>
      </c>
      <c r="S6419" s="5"/>
      <c r="T6419" s="5" t="s">
        <v>42</v>
      </c>
      <c r="U6419" s="2">
        <v>0</v>
      </c>
      <c r="V6419" s="2">
        <v>0</v>
      </c>
      <c r="W6419" s="2">
        <v>0</v>
      </c>
      <c r="X6419" s="2">
        <v>0</v>
      </c>
      <c r="Y6419" s="2">
        <v>0</v>
      </c>
      <c r="Z6419" s="2">
        <v>0</v>
      </c>
      <c r="AA6419" s="5"/>
      <c r="AB6419" s="5" t="s">
        <v>43</v>
      </c>
      <c r="AC6419" s="5" t="s">
        <v>44</v>
      </c>
      <c r="AD6419" s="2"/>
      <c r="AE6419" s="1"/>
    </row>
    <row r="6420" spans="1:31" ht="14.45">
      <c r="A6420" s="11"/>
      <c r="B6420" s="20"/>
      <c r="C6420" s="2" t="s">
        <v>19732</v>
      </c>
      <c r="D6420" s="14" t="s">
        <v>19733</v>
      </c>
      <c r="E6420" s="2" t="s">
        <v>19734</v>
      </c>
      <c r="F6420" s="2" t="s">
        <v>7507</v>
      </c>
      <c r="G6420" s="8">
        <v>209</v>
      </c>
      <c r="H6420" s="5">
        <v>5</v>
      </c>
      <c r="I6420" s="5" t="s">
        <v>1518</v>
      </c>
      <c r="J6420" s="5" t="s">
        <v>1519</v>
      </c>
      <c r="K6420" s="2" t="s">
        <v>1520</v>
      </c>
      <c r="L6420" s="5" t="s">
        <v>1519</v>
      </c>
      <c r="M6420" s="2" t="s">
        <v>1520</v>
      </c>
      <c r="N6420" s="5" t="s">
        <v>19227</v>
      </c>
      <c r="O6420" s="5" t="s">
        <v>38</v>
      </c>
      <c r="P6420" s="5" t="s">
        <v>39</v>
      </c>
      <c r="Q6420" s="5" t="s">
        <v>40</v>
      </c>
      <c r="R6420" s="5" t="s">
        <v>1487</v>
      </c>
      <c r="S6420" s="5"/>
      <c r="T6420" s="5" t="s">
        <v>42</v>
      </c>
      <c r="U6420" s="2">
        <v>0</v>
      </c>
      <c r="V6420" s="2">
        <v>0</v>
      </c>
      <c r="W6420" s="2">
        <v>0</v>
      </c>
      <c r="X6420" s="2">
        <v>0</v>
      </c>
      <c r="Y6420" s="2">
        <v>0</v>
      </c>
      <c r="Z6420" s="2">
        <v>0</v>
      </c>
      <c r="AA6420" s="5"/>
      <c r="AB6420" s="5" t="s">
        <v>43</v>
      </c>
      <c r="AC6420" s="5" t="s">
        <v>44</v>
      </c>
      <c r="AD6420" s="2"/>
      <c r="AE6420" s="1"/>
    </row>
    <row r="6421" spans="1:31" ht="14.45">
      <c r="A6421" s="11"/>
      <c r="B6421" s="20"/>
      <c r="C6421" s="2" t="s">
        <v>19735</v>
      </c>
      <c r="D6421" s="14" t="s">
        <v>19736</v>
      </c>
      <c r="E6421" s="2" t="s">
        <v>19737</v>
      </c>
      <c r="F6421" s="2" t="s">
        <v>7204</v>
      </c>
      <c r="G6421" s="8">
        <v>209</v>
      </c>
      <c r="H6421" s="5">
        <v>5</v>
      </c>
      <c r="I6421" s="5" t="s">
        <v>1518</v>
      </c>
      <c r="J6421" s="5" t="s">
        <v>1519</v>
      </c>
      <c r="K6421" s="2" t="s">
        <v>1520</v>
      </c>
      <c r="L6421" s="5" t="s">
        <v>1519</v>
      </c>
      <c r="M6421" s="2" t="s">
        <v>1520</v>
      </c>
      <c r="N6421" s="5" t="s">
        <v>19227</v>
      </c>
      <c r="O6421" s="5" t="s">
        <v>38</v>
      </c>
      <c r="P6421" s="5" t="s">
        <v>39</v>
      </c>
      <c r="Q6421" s="5" t="s">
        <v>40</v>
      </c>
      <c r="R6421" s="5" t="s">
        <v>1487</v>
      </c>
      <c r="S6421" s="5"/>
      <c r="T6421" s="5" t="s">
        <v>42</v>
      </c>
      <c r="U6421" s="2">
        <v>0</v>
      </c>
      <c r="V6421" s="2">
        <v>0</v>
      </c>
      <c r="W6421" s="2">
        <v>0</v>
      </c>
      <c r="X6421" s="2">
        <v>0</v>
      </c>
      <c r="Y6421" s="2">
        <v>0</v>
      </c>
      <c r="Z6421" s="2">
        <v>0</v>
      </c>
      <c r="AA6421" s="5"/>
      <c r="AB6421" s="5" t="s">
        <v>43</v>
      </c>
      <c r="AC6421" s="5" t="s">
        <v>44</v>
      </c>
      <c r="AD6421" s="2"/>
      <c r="AE6421" s="1"/>
    </row>
    <row r="6422" spans="1:31" ht="14.45">
      <c r="A6422" s="11"/>
      <c r="B6422" s="20"/>
      <c r="C6422" s="2" t="s">
        <v>19738</v>
      </c>
      <c r="D6422" s="14" t="s">
        <v>19739</v>
      </c>
      <c r="E6422" s="2" t="s">
        <v>19740</v>
      </c>
      <c r="F6422" s="2" t="s">
        <v>7514</v>
      </c>
      <c r="G6422" s="8">
        <v>209</v>
      </c>
      <c r="H6422" s="5">
        <v>5</v>
      </c>
      <c r="I6422" s="5" t="s">
        <v>1518</v>
      </c>
      <c r="J6422" s="5" t="s">
        <v>1519</v>
      </c>
      <c r="K6422" s="2" t="s">
        <v>1520</v>
      </c>
      <c r="L6422" s="5" t="s">
        <v>1519</v>
      </c>
      <c r="M6422" s="2" t="s">
        <v>1520</v>
      </c>
      <c r="N6422" s="5" t="s">
        <v>19227</v>
      </c>
      <c r="O6422" s="5" t="s">
        <v>38</v>
      </c>
      <c r="P6422" s="5" t="s">
        <v>39</v>
      </c>
      <c r="Q6422" s="5" t="s">
        <v>40</v>
      </c>
      <c r="R6422" s="5" t="s">
        <v>1487</v>
      </c>
      <c r="S6422" s="5"/>
      <c r="T6422" s="5" t="s">
        <v>42</v>
      </c>
      <c r="U6422" s="2">
        <v>0</v>
      </c>
      <c r="V6422" s="2">
        <v>0</v>
      </c>
      <c r="W6422" s="2">
        <v>0</v>
      </c>
      <c r="X6422" s="2">
        <v>0</v>
      </c>
      <c r="Y6422" s="2">
        <v>0</v>
      </c>
      <c r="Z6422" s="2">
        <v>0</v>
      </c>
      <c r="AA6422" s="5"/>
      <c r="AB6422" s="5" t="s">
        <v>43</v>
      </c>
      <c r="AC6422" s="5" t="s">
        <v>44</v>
      </c>
      <c r="AD6422" s="2"/>
      <c r="AE6422" s="1"/>
    </row>
    <row r="6423" spans="1:31" ht="14.45">
      <c r="A6423" s="11"/>
      <c r="B6423" s="20"/>
      <c r="C6423" s="2" t="s">
        <v>19741</v>
      </c>
      <c r="D6423" s="14" t="s">
        <v>19742</v>
      </c>
      <c r="E6423" s="2" t="s">
        <v>19743</v>
      </c>
      <c r="F6423" s="2" t="s">
        <v>7208</v>
      </c>
      <c r="G6423" s="8">
        <v>209</v>
      </c>
      <c r="H6423" s="5">
        <v>5</v>
      </c>
      <c r="I6423" s="5" t="s">
        <v>1518</v>
      </c>
      <c r="J6423" s="5" t="s">
        <v>1519</v>
      </c>
      <c r="K6423" s="2" t="s">
        <v>1520</v>
      </c>
      <c r="L6423" s="5" t="s">
        <v>1519</v>
      </c>
      <c r="M6423" s="2" t="s">
        <v>1520</v>
      </c>
      <c r="N6423" s="5" t="s">
        <v>19227</v>
      </c>
      <c r="O6423" s="5" t="s">
        <v>38</v>
      </c>
      <c r="P6423" s="5" t="s">
        <v>39</v>
      </c>
      <c r="Q6423" s="5" t="s">
        <v>40</v>
      </c>
      <c r="R6423" s="5" t="s">
        <v>1487</v>
      </c>
      <c r="S6423" s="5"/>
      <c r="T6423" s="5" t="s">
        <v>42</v>
      </c>
      <c r="U6423" s="2">
        <v>0</v>
      </c>
      <c r="V6423" s="2">
        <v>0</v>
      </c>
      <c r="W6423" s="2">
        <v>0</v>
      </c>
      <c r="X6423" s="2">
        <v>0</v>
      </c>
      <c r="Y6423" s="2">
        <v>0</v>
      </c>
      <c r="Z6423" s="2">
        <v>0</v>
      </c>
      <c r="AA6423" s="5"/>
      <c r="AB6423" s="5" t="s">
        <v>43</v>
      </c>
      <c r="AC6423" s="5" t="s">
        <v>44</v>
      </c>
      <c r="AD6423" s="2"/>
      <c r="AE6423" s="1"/>
    </row>
    <row r="6424" spans="1:31" ht="14.45">
      <c r="A6424" s="11"/>
      <c r="B6424" s="20"/>
      <c r="C6424" s="2" t="s">
        <v>19744</v>
      </c>
      <c r="D6424" s="14" t="s">
        <v>19745</v>
      </c>
      <c r="E6424" s="2" t="s">
        <v>19746</v>
      </c>
      <c r="F6424" s="2" t="s">
        <v>7521</v>
      </c>
      <c r="G6424" s="8">
        <v>209</v>
      </c>
      <c r="H6424" s="5">
        <v>5</v>
      </c>
      <c r="I6424" s="5" t="s">
        <v>1518</v>
      </c>
      <c r="J6424" s="5" t="s">
        <v>1519</v>
      </c>
      <c r="K6424" s="2" t="s">
        <v>1520</v>
      </c>
      <c r="L6424" s="5" t="s">
        <v>1519</v>
      </c>
      <c r="M6424" s="2" t="s">
        <v>1520</v>
      </c>
      <c r="N6424" s="5" t="s">
        <v>19227</v>
      </c>
      <c r="O6424" s="5" t="s">
        <v>38</v>
      </c>
      <c r="P6424" s="5" t="s">
        <v>39</v>
      </c>
      <c r="Q6424" s="5" t="s">
        <v>40</v>
      </c>
      <c r="R6424" s="5" t="s">
        <v>1487</v>
      </c>
      <c r="S6424" s="5"/>
      <c r="T6424" s="5" t="s">
        <v>42</v>
      </c>
      <c r="U6424" s="2">
        <v>0</v>
      </c>
      <c r="V6424" s="2">
        <v>0</v>
      </c>
      <c r="W6424" s="2">
        <v>0</v>
      </c>
      <c r="X6424" s="2">
        <v>0</v>
      </c>
      <c r="Y6424" s="2">
        <v>0</v>
      </c>
      <c r="Z6424" s="2">
        <v>0</v>
      </c>
      <c r="AA6424" s="5"/>
      <c r="AB6424" s="5" t="s">
        <v>43</v>
      </c>
      <c r="AC6424" s="5" t="s">
        <v>44</v>
      </c>
      <c r="AD6424" s="2"/>
      <c r="AE6424" s="1"/>
    </row>
    <row r="6425" spans="1:31" ht="14.45">
      <c r="A6425" s="11"/>
      <c r="B6425" s="20"/>
      <c r="C6425" s="2" t="s">
        <v>19747</v>
      </c>
      <c r="D6425" s="14" t="s">
        <v>19748</v>
      </c>
      <c r="E6425" s="2" t="s">
        <v>19749</v>
      </c>
      <c r="F6425" s="2" t="s">
        <v>7212</v>
      </c>
      <c r="G6425" s="8">
        <v>209</v>
      </c>
      <c r="H6425" s="5">
        <v>5</v>
      </c>
      <c r="I6425" s="5" t="s">
        <v>1518</v>
      </c>
      <c r="J6425" s="5" t="s">
        <v>1519</v>
      </c>
      <c r="K6425" s="2" t="s">
        <v>1520</v>
      </c>
      <c r="L6425" s="5" t="s">
        <v>1519</v>
      </c>
      <c r="M6425" s="2" t="s">
        <v>1520</v>
      </c>
      <c r="N6425" s="5" t="s">
        <v>19227</v>
      </c>
      <c r="O6425" s="5" t="s">
        <v>38</v>
      </c>
      <c r="P6425" s="5" t="s">
        <v>39</v>
      </c>
      <c r="Q6425" s="5" t="s">
        <v>40</v>
      </c>
      <c r="R6425" s="5" t="s">
        <v>1487</v>
      </c>
      <c r="S6425" s="5"/>
      <c r="T6425" s="5" t="s">
        <v>42</v>
      </c>
      <c r="U6425" s="2">
        <v>0</v>
      </c>
      <c r="V6425" s="2">
        <v>0</v>
      </c>
      <c r="W6425" s="2">
        <v>0</v>
      </c>
      <c r="X6425" s="2">
        <v>0</v>
      </c>
      <c r="Y6425" s="2">
        <v>0</v>
      </c>
      <c r="Z6425" s="2">
        <v>0</v>
      </c>
      <c r="AA6425" s="5"/>
      <c r="AB6425" s="5" t="s">
        <v>43</v>
      </c>
      <c r="AC6425" s="5" t="s">
        <v>44</v>
      </c>
      <c r="AD6425" s="2"/>
      <c r="AE6425" s="1"/>
    </row>
    <row r="6426" spans="1:31" ht="14.45">
      <c r="A6426" s="11"/>
      <c r="B6426" s="20"/>
      <c r="C6426" s="2" t="s">
        <v>19750</v>
      </c>
      <c r="D6426" s="14" t="s">
        <v>19751</v>
      </c>
      <c r="E6426" s="2" t="s">
        <v>19752</v>
      </c>
      <c r="F6426" s="2" t="s">
        <v>7528</v>
      </c>
      <c r="G6426" s="8">
        <v>209</v>
      </c>
      <c r="H6426" s="5">
        <v>5</v>
      </c>
      <c r="I6426" s="5" t="s">
        <v>1518</v>
      </c>
      <c r="J6426" s="5" t="s">
        <v>1519</v>
      </c>
      <c r="K6426" s="2" t="s">
        <v>1520</v>
      </c>
      <c r="L6426" s="5" t="s">
        <v>1519</v>
      </c>
      <c r="M6426" s="2" t="s">
        <v>1520</v>
      </c>
      <c r="N6426" s="5" t="s">
        <v>19227</v>
      </c>
      <c r="O6426" s="5" t="s">
        <v>38</v>
      </c>
      <c r="P6426" s="5" t="s">
        <v>39</v>
      </c>
      <c r="Q6426" s="5" t="s">
        <v>40</v>
      </c>
      <c r="R6426" s="5" t="s">
        <v>1487</v>
      </c>
      <c r="S6426" s="5"/>
      <c r="T6426" s="5" t="s">
        <v>42</v>
      </c>
      <c r="U6426" s="2">
        <v>0</v>
      </c>
      <c r="V6426" s="2">
        <v>0</v>
      </c>
      <c r="W6426" s="2">
        <v>0</v>
      </c>
      <c r="X6426" s="2">
        <v>0</v>
      </c>
      <c r="Y6426" s="2">
        <v>0</v>
      </c>
      <c r="Z6426" s="2">
        <v>0</v>
      </c>
      <c r="AA6426" s="5"/>
      <c r="AB6426" s="5" t="s">
        <v>43</v>
      </c>
      <c r="AC6426" s="5" t="s">
        <v>44</v>
      </c>
      <c r="AD6426" s="2"/>
      <c r="AE6426" s="1"/>
    </row>
    <row r="6427" spans="1:31" ht="14.45">
      <c r="A6427" s="11"/>
      <c r="B6427" s="20"/>
      <c r="C6427" s="2" t="s">
        <v>19753</v>
      </c>
      <c r="D6427" s="14" t="s">
        <v>19754</v>
      </c>
      <c r="E6427" s="2" t="s">
        <v>19755</v>
      </c>
      <c r="F6427" s="2" t="s">
        <v>7396</v>
      </c>
      <c r="G6427" s="8">
        <v>216</v>
      </c>
      <c r="H6427" s="5">
        <v>5</v>
      </c>
      <c r="I6427" s="5" t="s">
        <v>1518</v>
      </c>
      <c r="J6427" s="5" t="s">
        <v>1519</v>
      </c>
      <c r="K6427" s="2" t="s">
        <v>1520</v>
      </c>
      <c r="L6427" s="5" t="s">
        <v>1519</v>
      </c>
      <c r="M6427" s="2" t="s">
        <v>1520</v>
      </c>
      <c r="N6427" s="5" t="s">
        <v>19227</v>
      </c>
      <c r="O6427" s="5" t="s">
        <v>38</v>
      </c>
      <c r="P6427" s="5" t="s">
        <v>39</v>
      </c>
      <c r="Q6427" s="5" t="s">
        <v>40</v>
      </c>
      <c r="R6427" s="5" t="s">
        <v>1487</v>
      </c>
      <c r="S6427" s="5"/>
      <c r="T6427" s="5" t="s">
        <v>42</v>
      </c>
      <c r="U6427" s="2">
        <v>0</v>
      </c>
      <c r="V6427" s="2">
        <v>0</v>
      </c>
      <c r="W6427" s="2">
        <v>0</v>
      </c>
      <c r="X6427" s="2">
        <v>0</v>
      </c>
      <c r="Y6427" s="2">
        <v>0</v>
      </c>
      <c r="Z6427" s="2">
        <v>0</v>
      </c>
      <c r="AA6427" s="5"/>
      <c r="AB6427" s="5" t="s">
        <v>43</v>
      </c>
      <c r="AC6427" s="5" t="s">
        <v>44</v>
      </c>
      <c r="AD6427" s="2"/>
      <c r="AE6427" s="1"/>
    </row>
    <row r="6428" spans="1:31" ht="14.45">
      <c r="A6428" s="11"/>
      <c r="B6428" s="20"/>
      <c r="C6428" s="2" t="s">
        <v>19756</v>
      </c>
      <c r="D6428" s="14" t="s">
        <v>19757</v>
      </c>
      <c r="E6428" s="2" t="s">
        <v>19758</v>
      </c>
      <c r="F6428" s="2" t="s">
        <v>7507</v>
      </c>
      <c r="G6428" s="8">
        <v>216</v>
      </c>
      <c r="H6428" s="5">
        <v>5</v>
      </c>
      <c r="I6428" s="5" t="s">
        <v>1518</v>
      </c>
      <c r="J6428" s="5" t="s">
        <v>1519</v>
      </c>
      <c r="K6428" s="2" t="s">
        <v>1520</v>
      </c>
      <c r="L6428" s="5" t="s">
        <v>1519</v>
      </c>
      <c r="M6428" s="2" t="s">
        <v>1520</v>
      </c>
      <c r="N6428" s="5" t="s">
        <v>19227</v>
      </c>
      <c r="O6428" s="5" t="s">
        <v>38</v>
      </c>
      <c r="P6428" s="5" t="s">
        <v>39</v>
      </c>
      <c r="Q6428" s="5" t="s">
        <v>40</v>
      </c>
      <c r="R6428" s="5" t="s">
        <v>1487</v>
      </c>
      <c r="S6428" s="5"/>
      <c r="T6428" s="5" t="s">
        <v>42</v>
      </c>
      <c r="U6428" s="2">
        <v>0</v>
      </c>
      <c r="V6428" s="2">
        <v>0</v>
      </c>
      <c r="W6428" s="2">
        <v>0</v>
      </c>
      <c r="X6428" s="2">
        <v>0</v>
      </c>
      <c r="Y6428" s="2">
        <v>0</v>
      </c>
      <c r="Z6428" s="2">
        <v>0</v>
      </c>
      <c r="AA6428" s="5"/>
      <c r="AB6428" s="5" t="s">
        <v>43</v>
      </c>
      <c r="AC6428" s="5" t="s">
        <v>44</v>
      </c>
      <c r="AD6428" s="2"/>
      <c r="AE6428" s="1"/>
    </row>
    <row r="6429" spans="1:31" ht="14.45">
      <c r="A6429" s="11"/>
      <c r="B6429" s="20"/>
      <c r="C6429" s="2" t="s">
        <v>19759</v>
      </c>
      <c r="D6429" s="14" t="s">
        <v>19760</v>
      </c>
      <c r="E6429" s="2" t="s">
        <v>19761</v>
      </c>
      <c r="F6429" s="2" t="s">
        <v>7204</v>
      </c>
      <c r="G6429" s="8">
        <v>216</v>
      </c>
      <c r="H6429" s="5">
        <v>5</v>
      </c>
      <c r="I6429" s="5" t="s">
        <v>1518</v>
      </c>
      <c r="J6429" s="5" t="s">
        <v>1519</v>
      </c>
      <c r="K6429" s="2" t="s">
        <v>1520</v>
      </c>
      <c r="L6429" s="5" t="s">
        <v>1519</v>
      </c>
      <c r="M6429" s="2" t="s">
        <v>1520</v>
      </c>
      <c r="N6429" s="5" t="s">
        <v>19227</v>
      </c>
      <c r="O6429" s="5" t="s">
        <v>38</v>
      </c>
      <c r="P6429" s="5" t="s">
        <v>39</v>
      </c>
      <c r="Q6429" s="5" t="s">
        <v>40</v>
      </c>
      <c r="R6429" s="5" t="s">
        <v>1487</v>
      </c>
      <c r="S6429" s="5"/>
      <c r="T6429" s="5" t="s">
        <v>42</v>
      </c>
      <c r="U6429" s="2">
        <v>0</v>
      </c>
      <c r="V6429" s="2">
        <v>0</v>
      </c>
      <c r="W6429" s="2">
        <v>0</v>
      </c>
      <c r="X6429" s="2">
        <v>0</v>
      </c>
      <c r="Y6429" s="2">
        <v>0</v>
      </c>
      <c r="Z6429" s="2">
        <v>0</v>
      </c>
      <c r="AA6429" s="5"/>
      <c r="AB6429" s="5" t="s">
        <v>43</v>
      </c>
      <c r="AC6429" s="5" t="s">
        <v>44</v>
      </c>
      <c r="AD6429" s="2"/>
      <c r="AE6429" s="1"/>
    </row>
    <row r="6430" spans="1:31" ht="14.45">
      <c r="A6430" s="11"/>
      <c r="B6430" s="20"/>
      <c r="C6430" s="2" t="s">
        <v>19762</v>
      </c>
      <c r="D6430" s="14" t="s">
        <v>19763</v>
      </c>
      <c r="E6430" s="2" t="s">
        <v>19764</v>
      </c>
      <c r="F6430" s="2" t="s">
        <v>7514</v>
      </c>
      <c r="G6430" s="8">
        <v>216</v>
      </c>
      <c r="H6430" s="5">
        <v>5</v>
      </c>
      <c r="I6430" s="5" t="s">
        <v>1518</v>
      </c>
      <c r="J6430" s="5" t="s">
        <v>1519</v>
      </c>
      <c r="K6430" s="2" t="s">
        <v>1520</v>
      </c>
      <c r="L6430" s="5" t="s">
        <v>1519</v>
      </c>
      <c r="M6430" s="2" t="s">
        <v>1520</v>
      </c>
      <c r="N6430" s="5" t="s">
        <v>19227</v>
      </c>
      <c r="O6430" s="5" t="s">
        <v>38</v>
      </c>
      <c r="P6430" s="5" t="s">
        <v>39</v>
      </c>
      <c r="Q6430" s="5" t="s">
        <v>40</v>
      </c>
      <c r="R6430" s="5" t="s">
        <v>1487</v>
      </c>
      <c r="S6430" s="5"/>
      <c r="T6430" s="5" t="s">
        <v>42</v>
      </c>
      <c r="U6430" s="2">
        <v>0</v>
      </c>
      <c r="V6430" s="2">
        <v>0</v>
      </c>
      <c r="W6430" s="2">
        <v>0</v>
      </c>
      <c r="X6430" s="2">
        <v>0</v>
      </c>
      <c r="Y6430" s="2">
        <v>0</v>
      </c>
      <c r="Z6430" s="2">
        <v>0</v>
      </c>
      <c r="AA6430" s="5"/>
      <c r="AB6430" s="5" t="s">
        <v>43</v>
      </c>
      <c r="AC6430" s="5" t="s">
        <v>44</v>
      </c>
      <c r="AD6430" s="2"/>
      <c r="AE6430" s="1"/>
    </row>
    <row r="6431" spans="1:31" ht="14.45">
      <c r="A6431" s="11"/>
      <c r="B6431" s="20"/>
      <c r="C6431" s="2" t="s">
        <v>19765</v>
      </c>
      <c r="D6431" s="14" t="s">
        <v>19766</v>
      </c>
      <c r="E6431" s="2" t="s">
        <v>19767</v>
      </c>
      <c r="F6431" s="2" t="s">
        <v>7208</v>
      </c>
      <c r="G6431" s="8">
        <v>216</v>
      </c>
      <c r="H6431" s="5">
        <v>5</v>
      </c>
      <c r="I6431" s="5" t="s">
        <v>1518</v>
      </c>
      <c r="J6431" s="5" t="s">
        <v>1519</v>
      </c>
      <c r="K6431" s="2" t="s">
        <v>1520</v>
      </c>
      <c r="L6431" s="5" t="s">
        <v>1519</v>
      </c>
      <c r="M6431" s="2" t="s">
        <v>1520</v>
      </c>
      <c r="N6431" s="5" t="s">
        <v>19227</v>
      </c>
      <c r="O6431" s="5" t="s">
        <v>38</v>
      </c>
      <c r="P6431" s="5" t="s">
        <v>39</v>
      </c>
      <c r="Q6431" s="5" t="s">
        <v>40</v>
      </c>
      <c r="R6431" s="5" t="s">
        <v>1487</v>
      </c>
      <c r="S6431" s="5"/>
      <c r="T6431" s="5" t="s">
        <v>42</v>
      </c>
      <c r="U6431" s="2">
        <v>0</v>
      </c>
      <c r="V6431" s="2">
        <v>0</v>
      </c>
      <c r="W6431" s="2">
        <v>0</v>
      </c>
      <c r="X6431" s="2">
        <v>0</v>
      </c>
      <c r="Y6431" s="2">
        <v>0</v>
      </c>
      <c r="Z6431" s="2">
        <v>0</v>
      </c>
      <c r="AA6431" s="5"/>
      <c r="AB6431" s="5" t="s">
        <v>43</v>
      </c>
      <c r="AC6431" s="5" t="s">
        <v>44</v>
      </c>
      <c r="AD6431" s="2"/>
      <c r="AE6431" s="1"/>
    </row>
    <row r="6432" spans="1:31" ht="14.45">
      <c r="A6432" s="11"/>
      <c r="B6432" s="20"/>
      <c r="C6432" s="2" t="s">
        <v>19768</v>
      </c>
      <c r="D6432" s="14" t="s">
        <v>19769</v>
      </c>
      <c r="E6432" s="2" t="s">
        <v>19770</v>
      </c>
      <c r="F6432" s="2" t="s">
        <v>7521</v>
      </c>
      <c r="G6432" s="8">
        <v>216</v>
      </c>
      <c r="H6432" s="5">
        <v>5</v>
      </c>
      <c r="I6432" s="5" t="s">
        <v>1518</v>
      </c>
      <c r="J6432" s="5" t="s">
        <v>1519</v>
      </c>
      <c r="K6432" s="2" t="s">
        <v>1520</v>
      </c>
      <c r="L6432" s="5" t="s">
        <v>1519</v>
      </c>
      <c r="M6432" s="2" t="s">
        <v>1520</v>
      </c>
      <c r="N6432" s="5" t="s">
        <v>19227</v>
      </c>
      <c r="O6432" s="5" t="s">
        <v>38</v>
      </c>
      <c r="P6432" s="5" t="s">
        <v>39</v>
      </c>
      <c r="Q6432" s="5" t="s">
        <v>40</v>
      </c>
      <c r="R6432" s="5" t="s">
        <v>1487</v>
      </c>
      <c r="S6432" s="5"/>
      <c r="T6432" s="5" t="s">
        <v>42</v>
      </c>
      <c r="U6432" s="2">
        <v>0</v>
      </c>
      <c r="V6432" s="2">
        <v>0</v>
      </c>
      <c r="W6432" s="2">
        <v>0</v>
      </c>
      <c r="X6432" s="2">
        <v>0</v>
      </c>
      <c r="Y6432" s="2">
        <v>0</v>
      </c>
      <c r="Z6432" s="2">
        <v>0</v>
      </c>
      <c r="AA6432" s="5"/>
      <c r="AB6432" s="5" t="s">
        <v>43</v>
      </c>
      <c r="AC6432" s="5" t="s">
        <v>44</v>
      </c>
      <c r="AD6432" s="2"/>
      <c r="AE6432" s="1"/>
    </row>
    <row r="6433" spans="1:31" ht="14.45">
      <c r="A6433" s="11"/>
      <c r="B6433" s="20"/>
      <c r="C6433" s="2" t="s">
        <v>19771</v>
      </c>
      <c r="D6433" s="14" t="s">
        <v>19772</v>
      </c>
      <c r="E6433" s="2" t="s">
        <v>19773</v>
      </c>
      <c r="F6433" s="2" t="s">
        <v>7212</v>
      </c>
      <c r="G6433" s="8">
        <v>216</v>
      </c>
      <c r="H6433" s="5">
        <v>5</v>
      </c>
      <c r="I6433" s="5" t="s">
        <v>1518</v>
      </c>
      <c r="J6433" s="5" t="s">
        <v>1519</v>
      </c>
      <c r="K6433" s="2" t="s">
        <v>1520</v>
      </c>
      <c r="L6433" s="5" t="s">
        <v>1519</v>
      </c>
      <c r="M6433" s="2" t="s">
        <v>1520</v>
      </c>
      <c r="N6433" s="5" t="s">
        <v>19227</v>
      </c>
      <c r="O6433" s="5" t="s">
        <v>38</v>
      </c>
      <c r="P6433" s="5" t="s">
        <v>39</v>
      </c>
      <c r="Q6433" s="5" t="s">
        <v>40</v>
      </c>
      <c r="R6433" s="5" t="s">
        <v>1487</v>
      </c>
      <c r="S6433" s="5"/>
      <c r="T6433" s="5" t="s">
        <v>42</v>
      </c>
      <c r="U6433" s="2">
        <v>0</v>
      </c>
      <c r="V6433" s="2">
        <v>0</v>
      </c>
      <c r="W6433" s="2">
        <v>0</v>
      </c>
      <c r="X6433" s="2">
        <v>0</v>
      </c>
      <c r="Y6433" s="2">
        <v>0</v>
      </c>
      <c r="Z6433" s="2">
        <v>0</v>
      </c>
      <c r="AA6433" s="5"/>
      <c r="AB6433" s="5" t="s">
        <v>43</v>
      </c>
      <c r="AC6433" s="5" t="s">
        <v>44</v>
      </c>
      <c r="AD6433" s="2"/>
      <c r="AE6433" s="1"/>
    </row>
    <row r="6434" spans="1:31" ht="14.45">
      <c r="A6434" s="11"/>
      <c r="B6434" s="20"/>
      <c r="C6434" s="2" t="s">
        <v>19774</v>
      </c>
      <c r="D6434" s="14" t="s">
        <v>19775</v>
      </c>
      <c r="E6434" s="2" t="s">
        <v>19776</v>
      </c>
      <c r="F6434" s="2" t="s">
        <v>7528</v>
      </c>
      <c r="G6434" s="8">
        <v>216</v>
      </c>
      <c r="H6434" s="5">
        <v>5</v>
      </c>
      <c r="I6434" s="5" t="s">
        <v>1518</v>
      </c>
      <c r="J6434" s="5" t="s">
        <v>1519</v>
      </c>
      <c r="K6434" s="2" t="s">
        <v>1520</v>
      </c>
      <c r="L6434" s="5" t="s">
        <v>1519</v>
      </c>
      <c r="M6434" s="2" t="s">
        <v>1520</v>
      </c>
      <c r="N6434" s="5" t="s">
        <v>19227</v>
      </c>
      <c r="O6434" s="5" t="s">
        <v>38</v>
      </c>
      <c r="P6434" s="5" t="s">
        <v>39</v>
      </c>
      <c r="Q6434" s="5" t="s">
        <v>40</v>
      </c>
      <c r="R6434" s="5" t="s">
        <v>1487</v>
      </c>
      <c r="S6434" s="5"/>
      <c r="T6434" s="5" t="s">
        <v>42</v>
      </c>
      <c r="U6434" s="2">
        <v>0</v>
      </c>
      <c r="V6434" s="2">
        <v>0</v>
      </c>
      <c r="W6434" s="2">
        <v>0</v>
      </c>
      <c r="X6434" s="2">
        <v>0</v>
      </c>
      <c r="Y6434" s="2">
        <v>0</v>
      </c>
      <c r="Z6434" s="2">
        <v>0</v>
      </c>
      <c r="AA6434" s="5"/>
      <c r="AB6434" s="5" t="s">
        <v>43</v>
      </c>
      <c r="AC6434" s="5" t="s">
        <v>44</v>
      </c>
      <c r="AD6434" s="2"/>
      <c r="AE6434" s="1"/>
    </row>
    <row r="6435" spans="1:31" ht="14.45">
      <c r="A6435" s="11"/>
      <c r="B6435" s="20"/>
      <c r="C6435" s="2" t="s">
        <v>19777</v>
      </c>
      <c r="D6435" s="14" t="s">
        <v>19778</v>
      </c>
      <c r="E6435" s="2" t="s">
        <v>19779</v>
      </c>
      <c r="F6435" s="2" t="s">
        <v>7396</v>
      </c>
      <c r="G6435" s="8">
        <v>225</v>
      </c>
      <c r="H6435" s="5">
        <v>5</v>
      </c>
      <c r="I6435" s="5" t="s">
        <v>1518</v>
      </c>
      <c r="J6435" s="5" t="s">
        <v>1519</v>
      </c>
      <c r="K6435" s="2" t="s">
        <v>1520</v>
      </c>
      <c r="L6435" s="5" t="s">
        <v>1519</v>
      </c>
      <c r="M6435" s="2" t="s">
        <v>1520</v>
      </c>
      <c r="N6435" s="5" t="s">
        <v>19227</v>
      </c>
      <c r="O6435" s="5" t="s">
        <v>38</v>
      </c>
      <c r="P6435" s="5" t="s">
        <v>39</v>
      </c>
      <c r="Q6435" s="5" t="s">
        <v>40</v>
      </c>
      <c r="R6435" s="5" t="s">
        <v>1487</v>
      </c>
      <c r="S6435" s="5"/>
      <c r="T6435" s="5" t="s">
        <v>42</v>
      </c>
      <c r="U6435" s="2">
        <v>0</v>
      </c>
      <c r="V6435" s="2">
        <v>0</v>
      </c>
      <c r="W6435" s="2">
        <v>0</v>
      </c>
      <c r="X6435" s="2">
        <v>0</v>
      </c>
      <c r="Y6435" s="2">
        <v>0</v>
      </c>
      <c r="Z6435" s="2">
        <v>0</v>
      </c>
      <c r="AA6435" s="5"/>
      <c r="AB6435" s="5" t="s">
        <v>43</v>
      </c>
      <c r="AC6435" s="5" t="s">
        <v>44</v>
      </c>
      <c r="AD6435" s="2"/>
      <c r="AE6435" s="1"/>
    </row>
    <row r="6436" spans="1:31" ht="14.45">
      <c r="A6436" s="11"/>
      <c r="B6436" s="20"/>
      <c r="C6436" s="2" t="s">
        <v>19780</v>
      </c>
      <c r="D6436" s="14" t="s">
        <v>19781</v>
      </c>
      <c r="E6436" s="2" t="s">
        <v>19782</v>
      </c>
      <c r="F6436" s="2" t="s">
        <v>7507</v>
      </c>
      <c r="G6436" s="8">
        <v>225</v>
      </c>
      <c r="H6436" s="5">
        <v>5</v>
      </c>
      <c r="I6436" s="5" t="s">
        <v>1518</v>
      </c>
      <c r="J6436" s="5" t="s">
        <v>1519</v>
      </c>
      <c r="K6436" s="2" t="s">
        <v>1520</v>
      </c>
      <c r="L6436" s="5" t="s">
        <v>1519</v>
      </c>
      <c r="M6436" s="2" t="s">
        <v>1520</v>
      </c>
      <c r="N6436" s="5" t="s">
        <v>19227</v>
      </c>
      <c r="O6436" s="5" t="s">
        <v>38</v>
      </c>
      <c r="P6436" s="5" t="s">
        <v>39</v>
      </c>
      <c r="Q6436" s="5" t="s">
        <v>40</v>
      </c>
      <c r="R6436" s="5" t="s">
        <v>1487</v>
      </c>
      <c r="S6436" s="5"/>
      <c r="T6436" s="5" t="s">
        <v>42</v>
      </c>
      <c r="U6436" s="2">
        <v>0</v>
      </c>
      <c r="V6436" s="2">
        <v>0</v>
      </c>
      <c r="W6436" s="2">
        <v>0</v>
      </c>
      <c r="X6436" s="2">
        <v>0</v>
      </c>
      <c r="Y6436" s="2">
        <v>0</v>
      </c>
      <c r="Z6436" s="2">
        <v>0</v>
      </c>
      <c r="AA6436" s="5"/>
      <c r="AB6436" s="5" t="s">
        <v>43</v>
      </c>
      <c r="AC6436" s="5" t="s">
        <v>44</v>
      </c>
      <c r="AD6436" s="2"/>
      <c r="AE6436" s="1"/>
    </row>
    <row r="6437" spans="1:31" ht="14.45">
      <c r="A6437" s="11"/>
      <c r="B6437" s="20"/>
      <c r="C6437" s="2" t="s">
        <v>19783</v>
      </c>
      <c r="D6437" s="14" t="s">
        <v>19784</v>
      </c>
      <c r="E6437" s="2" t="s">
        <v>19785</v>
      </c>
      <c r="F6437" s="2" t="s">
        <v>7204</v>
      </c>
      <c r="G6437" s="8">
        <v>225</v>
      </c>
      <c r="H6437" s="5">
        <v>5</v>
      </c>
      <c r="I6437" s="5" t="s">
        <v>1518</v>
      </c>
      <c r="J6437" s="5" t="s">
        <v>1519</v>
      </c>
      <c r="K6437" s="2" t="s">
        <v>1520</v>
      </c>
      <c r="L6437" s="5" t="s">
        <v>1519</v>
      </c>
      <c r="M6437" s="2" t="s">
        <v>1520</v>
      </c>
      <c r="N6437" s="5" t="s">
        <v>19227</v>
      </c>
      <c r="O6437" s="5" t="s">
        <v>38</v>
      </c>
      <c r="P6437" s="5" t="s">
        <v>39</v>
      </c>
      <c r="Q6437" s="5" t="s">
        <v>40</v>
      </c>
      <c r="R6437" s="5" t="s">
        <v>1487</v>
      </c>
      <c r="S6437" s="5"/>
      <c r="T6437" s="5" t="s">
        <v>42</v>
      </c>
      <c r="U6437" s="2">
        <v>0</v>
      </c>
      <c r="V6437" s="2">
        <v>0</v>
      </c>
      <c r="W6437" s="2">
        <v>0</v>
      </c>
      <c r="X6437" s="2">
        <v>0</v>
      </c>
      <c r="Y6437" s="2">
        <v>0</v>
      </c>
      <c r="Z6437" s="2">
        <v>0</v>
      </c>
      <c r="AA6437" s="5"/>
      <c r="AB6437" s="5" t="s">
        <v>43</v>
      </c>
      <c r="AC6437" s="5" t="s">
        <v>44</v>
      </c>
      <c r="AD6437" s="2"/>
      <c r="AE6437" s="1"/>
    </row>
    <row r="6438" spans="1:31" ht="14.45">
      <c r="A6438" s="11"/>
      <c r="B6438" s="20"/>
      <c r="C6438" s="2" t="s">
        <v>19786</v>
      </c>
      <c r="D6438" s="14" t="s">
        <v>19787</v>
      </c>
      <c r="E6438" s="2" t="s">
        <v>19788</v>
      </c>
      <c r="F6438" s="2" t="s">
        <v>7514</v>
      </c>
      <c r="G6438" s="8">
        <v>225</v>
      </c>
      <c r="H6438" s="5">
        <v>5</v>
      </c>
      <c r="I6438" s="5" t="s">
        <v>1518</v>
      </c>
      <c r="J6438" s="5" t="s">
        <v>1519</v>
      </c>
      <c r="K6438" s="2" t="s">
        <v>1520</v>
      </c>
      <c r="L6438" s="5" t="s">
        <v>1519</v>
      </c>
      <c r="M6438" s="2" t="s">
        <v>1520</v>
      </c>
      <c r="N6438" s="5" t="s">
        <v>19227</v>
      </c>
      <c r="O6438" s="5" t="s">
        <v>38</v>
      </c>
      <c r="P6438" s="5" t="s">
        <v>39</v>
      </c>
      <c r="Q6438" s="5" t="s">
        <v>40</v>
      </c>
      <c r="R6438" s="5" t="s">
        <v>1487</v>
      </c>
      <c r="S6438" s="5"/>
      <c r="T6438" s="5" t="s">
        <v>42</v>
      </c>
      <c r="U6438" s="2">
        <v>0</v>
      </c>
      <c r="V6438" s="2">
        <v>0</v>
      </c>
      <c r="W6438" s="2">
        <v>0</v>
      </c>
      <c r="X6438" s="2">
        <v>0</v>
      </c>
      <c r="Y6438" s="2">
        <v>0</v>
      </c>
      <c r="Z6438" s="2">
        <v>0</v>
      </c>
      <c r="AA6438" s="5"/>
      <c r="AB6438" s="5" t="s">
        <v>43</v>
      </c>
      <c r="AC6438" s="5" t="s">
        <v>44</v>
      </c>
      <c r="AD6438" s="2"/>
      <c r="AE6438" s="1"/>
    </row>
    <row r="6439" spans="1:31" ht="14.45">
      <c r="A6439" s="11"/>
      <c r="B6439" s="20"/>
      <c r="C6439" s="2" t="s">
        <v>19789</v>
      </c>
      <c r="D6439" s="14" t="s">
        <v>19790</v>
      </c>
      <c r="E6439" s="2" t="s">
        <v>19791</v>
      </c>
      <c r="F6439" s="2" t="s">
        <v>7208</v>
      </c>
      <c r="G6439" s="8">
        <v>225</v>
      </c>
      <c r="H6439" s="5">
        <v>5</v>
      </c>
      <c r="I6439" s="5" t="s">
        <v>1518</v>
      </c>
      <c r="J6439" s="5" t="s">
        <v>1519</v>
      </c>
      <c r="K6439" s="2" t="s">
        <v>1520</v>
      </c>
      <c r="L6439" s="5" t="s">
        <v>1519</v>
      </c>
      <c r="M6439" s="2" t="s">
        <v>1520</v>
      </c>
      <c r="N6439" s="5" t="s">
        <v>19227</v>
      </c>
      <c r="O6439" s="5" t="s">
        <v>38</v>
      </c>
      <c r="P6439" s="5" t="s">
        <v>39</v>
      </c>
      <c r="Q6439" s="5" t="s">
        <v>40</v>
      </c>
      <c r="R6439" s="5" t="s">
        <v>1487</v>
      </c>
      <c r="S6439" s="5"/>
      <c r="T6439" s="5" t="s">
        <v>42</v>
      </c>
      <c r="U6439" s="2">
        <v>0</v>
      </c>
      <c r="V6439" s="2">
        <v>0</v>
      </c>
      <c r="W6439" s="2">
        <v>0</v>
      </c>
      <c r="X6439" s="2">
        <v>0</v>
      </c>
      <c r="Y6439" s="2">
        <v>0</v>
      </c>
      <c r="Z6439" s="2">
        <v>0</v>
      </c>
      <c r="AA6439" s="5"/>
      <c r="AB6439" s="5" t="s">
        <v>43</v>
      </c>
      <c r="AC6439" s="5" t="s">
        <v>44</v>
      </c>
      <c r="AD6439" s="2"/>
      <c r="AE6439" s="1"/>
    </row>
    <row r="6440" spans="1:31" ht="14.45">
      <c r="A6440" s="11"/>
      <c r="B6440" s="20"/>
      <c r="C6440" s="2" t="s">
        <v>19792</v>
      </c>
      <c r="D6440" s="14" t="s">
        <v>19793</v>
      </c>
      <c r="E6440" s="2" t="s">
        <v>19794</v>
      </c>
      <c r="F6440" s="2" t="s">
        <v>7521</v>
      </c>
      <c r="G6440" s="8">
        <v>225</v>
      </c>
      <c r="H6440" s="5">
        <v>5</v>
      </c>
      <c r="I6440" s="5" t="s">
        <v>1518</v>
      </c>
      <c r="J6440" s="5" t="s">
        <v>1519</v>
      </c>
      <c r="K6440" s="2" t="s">
        <v>1520</v>
      </c>
      <c r="L6440" s="5" t="s">
        <v>1519</v>
      </c>
      <c r="M6440" s="2" t="s">
        <v>1520</v>
      </c>
      <c r="N6440" s="5" t="s">
        <v>19227</v>
      </c>
      <c r="O6440" s="5" t="s">
        <v>38</v>
      </c>
      <c r="P6440" s="5" t="s">
        <v>39</v>
      </c>
      <c r="Q6440" s="5" t="s">
        <v>40</v>
      </c>
      <c r="R6440" s="5" t="s">
        <v>1487</v>
      </c>
      <c r="S6440" s="5"/>
      <c r="T6440" s="5" t="s">
        <v>42</v>
      </c>
      <c r="U6440" s="2">
        <v>0</v>
      </c>
      <c r="V6440" s="2">
        <v>0</v>
      </c>
      <c r="W6440" s="2">
        <v>0</v>
      </c>
      <c r="X6440" s="2">
        <v>0</v>
      </c>
      <c r="Y6440" s="2">
        <v>0</v>
      </c>
      <c r="Z6440" s="2">
        <v>0</v>
      </c>
      <c r="AA6440" s="5"/>
      <c r="AB6440" s="5" t="s">
        <v>43</v>
      </c>
      <c r="AC6440" s="5" t="s">
        <v>44</v>
      </c>
      <c r="AD6440" s="2"/>
      <c r="AE6440" s="1"/>
    </row>
    <row r="6441" spans="1:31" ht="14.45">
      <c r="A6441" s="11"/>
      <c r="B6441" s="20"/>
      <c r="C6441" s="2" t="s">
        <v>19795</v>
      </c>
      <c r="D6441" s="14" t="s">
        <v>19796</v>
      </c>
      <c r="E6441" s="2" t="s">
        <v>19797</v>
      </c>
      <c r="F6441" s="2" t="s">
        <v>7212</v>
      </c>
      <c r="G6441" s="8">
        <v>225</v>
      </c>
      <c r="H6441" s="5">
        <v>5</v>
      </c>
      <c r="I6441" s="5" t="s">
        <v>1518</v>
      </c>
      <c r="J6441" s="5" t="s">
        <v>1519</v>
      </c>
      <c r="K6441" s="2" t="s">
        <v>1520</v>
      </c>
      <c r="L6441" s="5" t="s">
        <v>1519</v>
      </c>
      <c r="M6441" s="2" t="s">
        <v>1520</v>
      </c>
      <c r="N6441" s="5" t="s">
        <v>19227</v>
      </c>
      <c r="O6441" s="5" t="s">
        <v>38</v>
      </c>
      <c r="P6441" s="5" t="s">
        <v>39</v>
      </c>
      <c r="Q6441" s="5" t="s">
        <v>40</v>
      </c>
      <c r="R6441" s="5" t="s">
        <v>1487</v>
      </c>
      <c r="S6441" s="5"/>
      <c r="T6441" s="5" t="s">
        <v>42</v>
      </c>
      <c r="U6441" s="2">
        <v>0</v>
      </c>
      <c r="V6441" s="2">
        <v>0</v>
      </c>
      <c r="W6441" s="2">
        <v>0</v>
      </c>
      <c r="X6441" s="2">
        <v>0</v>
      </c>
      <c r="Y6441" s="2">
        <v>0</v>
      </c>
      <c r="Z6441" s="2">
        <v>0</v>
      </c>
      <c r="AA6441" s="5"/>
      <c r="AB6441" s="5" t="s">
        <v>43</v>
      </c>
      <c r="AC6441" s="5" t="s">
        <v>44</v>
      </c>
      <c r="AD6441" s="2"/>
      <c r="AE6441" s="1"/>
    </row>
    <row r="6442" spans="1:31" ht="14.45">
      <c r="A6442" s="11"/>
      <c r="B6442" s="20"/>
      <c r="C6442" s="2" t="s">
        <v>19798</v>
      </c>
      <c r="D6442" s="14" t="s">
        <v>19799</v>
      </c>
      <c r="E6442" s="2" t="s">
        <v>19800</v>
      </c>
      <c r="F6442" s="2" t="s">
        <v>7528</v>
      </c>
      <c r="G6442" s="8">
        <v>225</v>
      </c>
      <c r="H6442" s="5">
        <v>5</v>
      </c>
      <c r="I6442" s="5" t="s">
        <v>1518</v>
      </c>
      <c r="J6442" s="5" t="s">
        <v>1519</v>
      </c>
      <c r="K6442" s="2" t="s">
        <v>1520</v>
      </c>
      <c r="L6442" s="5" t="s">
        <v>1519</v>
      </c>
      <c r="M6442" s="2" t="s">
        <v>1520</v>
      </c>
      <c r="N6442" s="5" t="s">
        <v>19227</v>
      </c>
      <c r="O6442" s="5" t="s">
        <v>38</v>
      </c>
      <c r="P6442" s="5" t="s">
        <v>39</v>
      </c>
      <c r="Q6442" s="5" t="s">
        <v>40</v>
      </c>
      <c r="R6442" s="5" t="s">
        <v>1487</v>
      </c>
      <c r="S6442" s="5"/>
      <c r="T6442" s="5" t="s">
        <v>42</v>
      </c>
      <c r="U6442" s="2">
        <v>0</v>
      </c>
      <c r="V6442" s="2">
        <v>0</v>
      </c>
      <c r="W6442" s="2">
        <v>0</v>
      </c>
      <c r="X6442" s="2">
        <v>0</v>
      </c>
      <c r="Y6442" s="2">
        <v>0</v>
      </c>
      <c r="Z6442" s="2">
        <v>0</v>
      </c>
      <c r="AA6442" s="5"/>
      <c r="AB6442" s="5" t="s">
        <v>43</v>
      </c>
      <c r="AC6442" s="5" t="s">
        <v>44</v>
      </c>
      <c r="AD6442" s="2"/>
      <c r="AE6442" s="1"/>
    </row>
    <row r="6443" spans="1:31" ht="14.45">
      <c r="A6443" s="11"/>
      <c r="B6443" s="20"/>
      <c r="C6443" s="2" t="s">
        <v>19801</v>
      </c>
      <c r="D6443" s="14" t="s">
        <v>19802</v>
      </c>
      <c r="E6443" s="2" t="s">
        <v>19803</v>
      </c>
      <c r="F6443" s="2" t="s">
        <v>7396</v>
      </c>
      <c r="G6443" s="8">
        <v>220</v>
      </c>
      <c r="H6443" s="5">
        <v>5</v>
      </c>
      <c r="I6443" s="5" t="s">
        <v>1518</v>
      </c>
      <c r="J6443" s="5" t="s">
        <v>1519</v>
      </c>
      <c r="K6443" s="2" t="s">
        <v>1520</v>
      </c>
      <c r="L6443" s="5" t="s">
        <v>1519</v>
      </c>
      <c r="M6443" s="2" t="s">
        <v>1520</v>
      </c>
      <c r="N6443" s="5" t="s">
        <v>19227</v>
      </c>
      <c r="O6443" s="5" t="s">
        <v>38</v>
      </c>
      <c r="P6443" s="5" t="s">
        <v>39</v>
      </c>
      <c r="Q6443" s="5" t="s">
        <v>40</v>
      </c>
      <c r="R6443" s="5" t="s">
        <v>1487</v>
      </c>
      <c r="S6443" s="5"/>
      <c r="T6443" s="5" t="s">
        <v>42</v>
      </c>
      <c r="U6443" s="2">
        <v>0</v>
      </c>
      <c r="V6443" s="2">
        <v>0</v>
      </c>
      <c r="W6443" s="2">
        <v>0</v>
      </c>
      <c r="X6443" s="2">
        <v>0</v>
      </c>
      <c r="Y6443" s="2">
        <v>0</v>
      </c>
      <c r="Z6443" s="2">
        <v>0</v>
      </c>
      <c r="AA6443" s="5"/>
      <c r="AB6443" s="5" t="s">
        <v>43</v>
      </c>
      <c r="AC6443" s="5" t="s">
        <v>44</v>
      </c>
      <c r="AD6443" s="2"/>
      <c r="AE6443" s="1"/>
    </row>
    <row r="6444" spans="1:31" ht="14.45">
      <c r="A6444" s="11"/>
      <c r="B6444" s="20"/>
      <c r="C6444" s="2" t="s">
        <v>19804</v>
      </c>
      <c r="D6444" s="14" t="s">
        <v>19805</v>
      </c>
      <c r="E6444" s="2" t="s">
        <v>19806</v>
      </c>
      <c r="F6444" s="2" t="s">
        <v>7507</v>
      </c>
      <c r="G6444" s="8">
        <v>220</v>
      </c>
      <c r="H6444" s="5">
        <v>5</v>
      </c>
      <c r="I6444" s="5" t="s">
        <v>1518</v>
      </c>
      <c r="J6444" s="5" t="s">
        <v>1519</v>
      </c>
      <c r="K6444" s="2" t="s">
        <v>1520</v>
      </c>
      <c r="L6444" s="5" t="s">
        <v>1519</v>
      </c>
      <c r="M6444" s="2" t="s">
        <v>1520</v>
      </c>
      <c r="N6444" s="5" t="s">
        <v>19227</v>
      </c>
      <c r="O6444" s="5" t="s">
        <v>38</v>
      </c>
      <c r="P6444" s="5" t="s">
        <v>39</v>
      </c>
      <c r="Q6444" s="5" t="s">
        <v>40</v>
      </c>
      <c r="R6444" s="5" t="s">
        <v>1487</v>
      </c>
      <c r="S6444" s="5"/>
      <c r="T6444" s="5" t="s">
        <v>42</v>
      </c>
      <c r="U6444" s="2">
        <v>0</v>
      </c>
      <c r="V6444" s="2">
        <v>0</v>
      </c>
      <c r="W6444" s="2">
        <v>0</v>
      </c>
      <c r="X6444" s="2">
        <v>0</v>
      </c>
      <c r="Y6444" s="2">
        <v>0</v>
      </c>
      <c r="Z6444" s="2">
        <v>0</v>
      </c>
      <c r="AA6444" s="5"/>
      <c r="AB6444" s="5" t="s">
        <v>43</v>
      </c>
      <c r="AC6444" s="5" t="s">
        <v>44</v>
      </c>
      <c r="AD6444" s="2"/>
      <c r="AE6444" s="1"/>
    </row>
    <row r="6445" spans="1:31" ht="14.45">
      <c r="A6445" s="11"/>
      <c r="B6445" s="20"/>
      <c r="C6445" s="2" t="s">
        <v>19807</v>
      </c>
      <c r="D6445" s="14" t="s">
        <v>19808</v>
      </c>
      <c r="E6445" s="2" t="s">
        <v>19809</v>
      </c>
      <c r="F6445" s="2" t="s">
        <v>7204</v>
      </c>
      <c r="G6445" s="8">
        <v>220</v>
      </c>
      <c r="H6445" s="5">
        <v>5</v>
      </c>
      <c r="I6445" s="5" t="s">
        <v>1518</v>
      </c>
      <c r="J6445" s="5" t="s">
        <v>1519</v>
      </c>
      <c r="K6445" s="2" t="s">
        <v>1520</v>
      </c>
      <c r="L6445" s="5" t="s">
        <v>1519</v>
      </c>
      <c r="M6445" s="2" t="s">
        <v>1520</v>
      </c>
      <c r="N6445" s="5" t="s">
        <v>19227</v>
      </c>
      <c r="O6445" s="5" t="s">
        <v>38</v>
      </c>
      <c r="P6445" s="5" t="s">
        <v>39</v>
      </c>
      <c r="Q6445" s="5" t="s">
        <v>40</v>
      </c>
      <c r="R6445" s="5" t="s">
        <v>1487</v>
      </c>
      <c r="S6445" s="5"/>
      <c r="T6445" s="5" t="s">
        <v>42</v>
      </c>
      <c r="U6445" s="2">
        <v>0</v>
      </c>
      <c r="V6445" s="2">
        <v>0</v>
      </c>
      <c r="W6445" s="2">
        <v>0</v>
      </c>
      <c r="X6445" s="2">
        <v>0</v>
      </c>
      <c r="Y6445" s="2">
        <v>0</v>
      </c>
      <c r="Z6445" s="2">
        <v>0</v>
      </c>
      <c r="AA6445" s="5"/>
      <c r="AB6445" s="5" t="s">
        <v>43</v>
      </c>
      <c r="AC6445" s="5" t="s">
        <v>44</v>
      </c>
      <c r="AD6445" s="2"/>
      <c r="AE6445" s="1"/>
    </row>
    <row r="6446" spans="1:31" ht="14.45">
      <c r="A6446" s="11"/>
      <c r="B6446" s="20"/>
      <c r="C6446" s="2" t="s">
        <v>19810</v>
      </c>
      <c r="D6446" s="14" t="s">
        <v>19811</v>
      </c>
      <c r="E6446" s="2" t="s">
        <v>19812</v>
      </c>
      <c r="F6446" s="2" t="s">
        <v>7514</v>
      </c>
      <c r="G6446" s="8">
        <v>220</v>
      </c>
      <c r="H6446" s="5">
        <v>5</v>
      </c>
      <c r="I6446" s="5" t="s">
        <v>1518</v>
      </c>
      <c r="J6446" s="5" t="s">
        <v>1519</v>
      </c>
      <c r="K6446" s="2" t="s">
        <v>1520</v>
      </c>
      <c r="L6446" s="5" t="s">
        <v>1519</v>
      </c>
      <c r="M6446" s="2" t="s">
        <v>1520</v>
      </c>
      <c r="N6446" s="5" t="s">
        <v>19227</v>
      </c>
      <c r="O6446" s="5" t="s">
        <v>38</v>
      </c>
      <c r="P6446" s="5" t="s">
        <v>39</v>
      </c>
      <c r="Q6446" s="5" t="s">
        <v>40</v>
      </c>
      <c r="R6446" s="5" t="s">
        <v>1487</v>
      </c>
      <c r="S6446" s="5"/>
      <c r="T6446" s="5" t="s">
        <v>42</v>
      </c>
      <c r="U6446" s="2">
        <v>0</v>
      </c>
      <c r="V6446" s="2">
        <v>0</v>
      </c>
      <c r="W6446" s="2">
        <v>0</v>
      </c>
      <c r="X6446" s="2">
        <v>0</v>
      </c>
      <c r="Y6446" s="2">
        <v>0</v>
      </c>
      <c r="Z6446" s="2">
        <v>0</v>
      </c>
      <c r="AA6446" s="5"/>
      <c r="AB6446" s="5" t="s">
        <v>43</v>
      </c>
      <c r="AC6446" s="5" t="s">
        <v>44</v>
      </c>
      <c r="AD6446" s="2"/>
      <c r="AE6446" s="1"/>
    </row>
    <row r="6447" spans="1:31" ht="14.45">
      <c r="A6447" s="11"/>
      <c r="B6447" s="20"/>
      <c r="C6447" s="2" t="s">
        <v>19813</v>
      </c>
      <c r="D6447" s="14" t="s">
        <v>19814</v>
      </c>
      <c r="E6447" s="2" t="s">
        <v>19815</v>
      </c>
      <c r="F6447" s="2" t="s">
        <v>7208</v>
      </c>
      <c r="G6447" s="8">
        <v>220</v>
      </c>
      <c r="H6447" s="5">
        <v>5</v>
      </c>
      <c r="I6447" s="5" t="s">
        <v>1518</v>
      </c>
      <c r="J6447" s="5" t="s">
        <v>1519</v>
      </c>
      <c r="K6447" s="2" t="s">
        <v>1520</v>
      </c>
      <c r="L6447" s="5" t="s">
        <v>1519</v>
      </c>
      <c r="M6447" s="2" t="s">
        <v>1520</v>
      </c>
      <c r="N6447" s="5" t="s">
        <v>19227</v>
      </c>
      <c r="O6447" s="5" t="s">
        <v>38</v>
      </c>
      <c r="P6447" s="5" t="s">
        <v>39</v>
      </c>
      <c r="Q6447" s="5" t="s">
        <v>40</v>
      </c>
      <c r="R6447" s="5" t="s">
        <v>1487</v>
      </c>
      <c r="S6447" s="5"/>
      <c r="T6447" s="5" t="s">
        <v>42</v>
      </c>
      <c r="U6447" s="2">
        <v>0</v>
      </c>
      <c r="V6447" s="2">
        <v>0</v>
      </c>
      <c r="W6447" s="2">
        <v>0</v>
      </c>
      <c r="X6447" s="2">
        <v>0</v>
      </c>
      <c r="Y6447" s="2">
        <v>0</v>
      </c>
      <c r="Z6447" s="2">
        <v>0</v>
      </c>
      <c r="AA6447" s="5"/>
      <c r="AB6447" s="5" t="s">
        <v>43</v>
      </c>
      <c r="AC6447" s="5" t="s">
        <v>44</v>
      </c>
      <c r="AD6447" s="2"/>
      <c r="AE6447" s="1"/>
    </row>
    <row r="6448" spans="1:31" ht="14.45">
      <c r="A6448" s="11"/>
      <c r="B6448" s="20"/>
      <c r="C6448" s="2" t="s">
        <v>19816</v>
      </c>
      <c r="D6448" s="14" t="s">
        <v>19817</v>
      </c>
      <c r="E6448" s="2" t="s">
        <v>19818</v>
      </c>
      <c r="F6448" s="2" t="s">
        <v>7521</v>
      </c>
      <c r="G6448" s="8">
        <v>220</v>
      </c>
      <c r="H6448" s="5">
        <v>5</v>
      </c>
      <c r="I6448" s="5" t="s">
        <v>1518</v>
      </c>
      <c r="J6448" s="5" t="s">
        <v>1519</v>
      </c>
      <c r="K6448" s="2" t="s">
        <v>1520</v>
      </c>
      <c r="L6448" s="5" t="s">
        <v>1519</v>
      </c>
      <c r="M6448" s="2" t="s">
        <v>1520</v>
      </c>
      <c r="N6448" s="5" t="s">
        <v>19227</v>
      </c>
      <c r="O6448" s="5" t="s">
        <v>38</v>
      </c>
      <c r="P6448" s="5" t="s">
        <v>39</v>
      </c>
      <c r="Q6448" s="5" t="s">
        <v>40</v>
      </c>
      <c r="R6448" s="5" t="s">
        <v>1487</v>
      </c>
      <c r="S6448" s="5"/>
      <c r="T6448" s="5" t="s">
        <v>42</v>
      </c>
      <c r="U6448" s="2">
        <v>0</v>
      </c>
      <c r="V6448" s="2">
        <v>0</v>
      </c>
      <c r="W6448" s="2">
        <v>0</v>
      </c>
      <c r="X6448" s="2">
        <v>0</v>
      </c>
      <c r="Y6448" s="2">
        <v>0</v>
      </c>
      <c r="Z6448" s="2">
        <v>0</v>
      </c>
      <c r="AA6448" s="5"/>
      <c r="AB6448" s="5" t="s">
        <v>43</v>
      </c>
      <c r="AC6448" s="5" t="s">
        <v>44</v>
      </c>
      <c r="AD6448" s="2"/>
      <c r="AE6448" s="1"/>
    </row>
    <row r="6449" spans="1:31" ht="14.45">
      <c r="A6449" s="11"/>
      <c r="B6449" s="20"/>
      <c r="C6449" s="2" t="s">
        <v>19819</v>
      </c>
      <c r="D6449" s="14" t="s">
        <v>19820</v>
      </c>
      <c r="E6449" s="2" t="s">
        <v>19821</v>
      </c>
      <c r="F6449" s="2" t="s">
        <v>7212</v>
      </c>
      <c r="G6449" s="8">
        <v>220</v>
      </c>
      <c r="H6449" s="5">
        <v>5</v>
      </c>
      <c r="I6449" s="5" t="s">
        <v>1518</v>
      </c>
      <c r="J6449" s="5" t="s">
        <v>1519</v>
      </c>
      <c r="K6449" s="2" t="s">
        <v>1520</v>
      </c>
      <c r="L6449" s="5" t="s">
        <v>1519</v>
      </c>
      <c r="M6449" s="2" t="s">
        <v>1520</v>
      </c>
      <c r="N6449" s="5" t="s">
        <v>19227</v>
      </c>
      <c r="O6449" s="5" t="s">
        <v>38</v>
      </c>
      <c r="P6449" s="5" t="s">
        <v>39</v>
      </c>
      <c r="Q6449" s="5" t="s">
        <v>40</v>
      </c>
      <c r="R6449" s="5" t="s">
        <v>1487</v>
      </c>
      <c r="S6449" s="5"/>
      <c r="T6449" s="5" t="s">
        <v>42</v>
      </c>
      <c r="U6449" s="2">
        <v>0</v>
      </c>
      <c r="V6449" s="2">
        <v>0</v>
      </c>
      <c r="W6449" s="2">
        <v>0</v>
      </c>
      <c r="X6449" s="2">
        <v>0</v>
      </c>
      <c r="Y6449" s="2">
        <v>0</v>
      </c>
      <c r="Z6449" s="2">
        <v>0</v>
      </c>
      <c r="AA6449" s="5"/>
      <c r="AB6449" s="5" t="s">
        <v>43</v>
      </c>
      <c r="AC6449" s="5" t="s">
        <v>44</v>
      </c>
      <c r="AD6449" s="2"/>
      <c r="AE6449" s="1"/>
    </row>
    <row r="6450" spans="1:31" ht="14.45">
      <c r="A6450" s="11"/>
      <c r="B6450" s="20"/>
      <c r="C6450" s="2" t="s">
        <v>19822</v>
      </c>
      <c r="D6450" s="14" t="s">
        <v>19823</v>
      </c>
      <c r="E6450" s="2" t="s">
        <v>19824</v>
      </c>
      <c r="F6450" s="2" t="s">
        <v>7528</v>
      </c>
      <c r="G6450" s="8">
        <v>220</v>
      </c>
      <c r="H6450" s="5">
        <v>5</v>
      </c>
      <c r="I6450" s="5" t="s">
        <v>1518</v>
      </c>
      <c r="J6450" s="5" t="s">
        <v>1519</v>
      </c>
      <c r="K6450" s="2" t="s">
        <v>1520</v>
      </c>
      <c r="L6450" s="5" t="s">
        <v>1519</v>
      </c>
      <c r="M6450" s="2" t="s">
        <v>1520</v>
      </c>
      <c r="N6450" s="5" t="s">
        <v>19227</v>
      </c>
      <c r="O6450" s="5" t="s">
        <v>38</v>
      </c>
      <c r="P6450" s="5" t="s">
        <v>39</v>
      </c>
      <c r="Q6450" s="5" t="s">
        <v>40</v>
      </c>
      <c r="R6450" s="5" t="s">
        <v>1487</v>
      </c>
      <c r="S6450" s="5"/>
      <c r="T6450" s="5" t="s">
        <v>42</v>
      </c>
      <c r="U6450" s="2">
        <v>0</v>
      </c>
      <c r="V6450" s="2">
        <v>0</v>
      </c>
      <c r="W6450" s="2">
        <v>0</v>
      </c>
      <c r="X6450" s="2">
        <v>0</v>
      </c>
      <c r="Y6450" s="2">
        <v>0</v>
      </c>
      <c r="Z6450" s="2">
        <v>0</v>
      </c>
      <c r="AA6450" s="5"/>
      <c r="AB6450" s="5" t="s">
        <v>43</v>
      </c>
      <c r="AC6450" s="5" t="s">
        <v>44</v>
      </c>
      <c r="AD6450" s="2"/>
      <c r="AE6450" s="1"/>
    </row>
    <row r="6451" spans="1:31" ht="14.45">
      <c r="A6451" s="11"/>
      <c r="B6451" s="20"/>
      <c r="C6451" s="2" t="s">
        <v>19825</v>
      </c>
      <c r="D6451" s="14" t="s">
        <v>19826</v>
      </c>
      <c r="E6451" s="2" t="s">
        <v>19827</v>
      </c>
      <c r="F6451" s="2" t="s">
        <v>7396</v>
      </c>
      <c r="G6451" s="8">
        <v>228</v>
      </c>
      <c r="H6451" s="5">
        <v>5</v>
      </c>
      <c r="I6451" s="5" t="s">
        <v>1518</v>
      </c>
      <c r="J6451" s="5" t="s">
        <v>1519</v>
      </c>
      <c r="K6451" s="2" t="s">
        <v>1520</v>
      </c>
      <c r="L6451" s="5" t="s">
        <v>1519</v>
      </c>
      <c r="M6451" s="2" t="s">
        <v>1520</v>
      </c>
      <c r="N6451" s="5" t="s">
        <v>19227</v>
      </c>
      <c r="O6451" s="5" t="s">
        <v>38</v>
      </c>
      <c r="P6451" s="5" t="s">
        <v>39</v>
      </c>
      <c r="Q6451" s="5" t="s">
        <v>40</v>
      </c>
      <c r="R6451" s="5" t="s">
        <v>1487</v>
      </c>
      <c r="S6451" s="5"/>
      <c r="T6451" s="5" t="s">
        <v>42</v>
      </c>
      <c r="U6451" s="2">
        <v>0</v>
      </c>
      <c r="V6451" s="2">
        <v>0</v>
      </c>
      <c r="W6451" s="2">
        <v>0</v>
      </c>
      <c r="X6451" s="2">
        <v>0</v>
      </c>
      <c r="Y6451" s="2">
        <v>0</v>
      </c>
      <c r="Z6451" s="2">
        <v>0</v>
      </c>
      <c r="AA6451" s="5"/>
      <c r="AB6451" s="5" t="s">
        <v>43</v>
      </c>
      <c r="AC6451" s="5" t="s">
        <v>44</v>
      </c>
      <c r="AD6451" s="2"/>
      <c r="AE6451" s="1"/>
    </row>
    <row r="6452" spans="1:31" ht="14.45">
      <c r="A6452" s="11"/>
      <c r="B6452" s="20"/>
      <c r="C6452" s="2" t="s">
        <v>19828</v>
      </c>
      <c r="D6452" s="14" t="s">
        <v>19829</v>
      </c>
      <c r="E6452" s="2" t="s">
        <v>19830</v>
      </c>
      <c r="F6452" s="2" t="s">
        <v>7507</v>
      </c>
      <c r="G6452" s="8">
        <v>228</v>
      </c>
      <c r="H6452" s="5">
        <v>5</v>
      </c>
      <c r="I6452" s="5" t="s">
        <v>1518</v>
      </c>
      <c r="J6452" s="5" t="s">
        <v>1519</v>
      </c>
      <c r="K6452" s="2" t="s">
        <v>1520</v>
      </c>
      <c r="L6452" s="5" t="s">
        <v>1519</v>
      </c>
      <c r="M6452" s="2" t="s">
        <v>1520</v>
      </c>
      <c r="N6452" s="5" t="s">
        <v>19227</v>
      </c>
      <c r="O6452" s="5" t="s">
        <v>38</v>
      </c>
      <c r="P6452" s="5" t="s">
        <v>39</v>
      </c>
      <c r="Q6452" s="5" t="s">
        <v>40</v>
      </c>
      <c r="R6452" s="5" t="s">
        <v>1487</v>
      </c>
      <c r="S6452" s="5"/>
      <c r="T6452" s="5" t="s">
        <v>42</v>
      </c>
      <c r="U6452" s="2">
        <v>0</v>
      </c>
      <c r="V6452" s="2">
        <v>0</v>
      </c>
      <c r="W6452" s="2">
        <v>0</v>
      </c>
      <c r="X6452" s="2">
        <v>0</v>
      </c>
      <c r="Y6452" s="2">
        <v>0</v>
      </c>
      <c r="Z6452" s="2">
        <v>0</v>
      </c>
      <c r="AA6452" s="5"/>
      <c r="AB6452" s="5" t="s">
        <v>43</v>
      </c>
      <c r="AC6452" s="5" t="s">
        <v>44</v>
      </c>
      <c r="AD6452" s="2"/>
      <c r="AE6452" s="1"/>
    </row>
    <row r="6453" spans="1:31" ht="14.45">
      <c r="A6453" s="11"/>
      <c r="B6453" s="20"/>
      <c r="C6453" s="2" t="s">
        <v>19831</v>
      </c>
      <c r="D6453" s="14" t="s">
        <v>19832</v>
      </c>
      <c r="E6453" s="2" t="s">
        <v>19833</v>
      </c>
      <c r="F6453" s="2" t="s">
        <v>7204</v>
      </c>
      <c r="G6453" s="8">
        <v>228</v>
      </c>
      <c r="H6453" s="5">
        <v>5</v>
      </c>
      <c r="I6453" s="5" t="s">
        <v>1518</v>
      </c>
      <c r="J6453" s="5" t="s">
        <v>1519</v>
      </c>
      <c r="K6453" s="2" t="s">
        <v>1520</v>
      </c>
      <c r="L6453" s="5" t="s">
        <v>1519</v>
      </c>
      <c r="M6453" s="2" t="s">
        <v>1520</v>
      </c>
      <c r="N6453" s="5" t="s">
        <v>19227</v>
      </c>
      <c r="O6453" s="5" t="s">
        <v>38</v>
      </c>
      <c r="P6453" s="5" t="s">
        <v>39</v>
      </c>
      <c r="Q6453" s="5" t="s">
        <v>40</v>
      </c>
      <c r="R6453" s="5" t="s">
        <v>1487</v>
      </c>
      <c r="S6453" s="5"/>
      <c r="T6453" s="5" t="s">
        <v>42</v>
      </c>
      <c r="U6453" s="2">
        <v>0</v>
      </c>
      <c r="V6453" s="2">
        <v>0</v>
      </c>
      <c r="W6453" s="2">
        <v>0</v>
      </c>
      <c r="X6453" s="2">
        <v>0</v>
      </c>
      <c r="Y6453" s="2">
        <v>0</v>
      </c>
      <c r="Z6453" s="2">
        <v>0</v>
      </c>
      <c r="AA6453" s="5"/>
      <c r="AB6453" s="5" t="s">
        <v>43</v>
      </c>
      <c r="AC6453" s="5" t="s">
        <v>44</v>
      </c>
      <c r="AD6453" s="2"/>
      <c r="AE6453" s="1"/>
    </row>
    <row r="6454" spans="1:31" ht="14.45">
      <c r="A6454" s="11"/>
      <c r="B6454" s="20"/>
      <c r="C6454" s="2" t="s">
        <v>19834</v>
      </c>
      <c r="D6454" s="14" t="s">
        <v>19835</v>
      </c>
      <c r="E6454" s="2" t="s">
        <v>19836</v>
      </c>
      <c r="F6454" s="2" t="s">
        <v>7514</v>
      </c>
      <c r="G6454" s="8">
        <v>228</v>
      </c>
      <c r="H6454" s="5">
        <v>5</v>
      </c>
      <c r="I6454" s="5" t="s">
        <v>1518</v>
      </c>
      <c r="J6454" s="5" t="s">
        <v>1519</v>
      </c>
      <c r="K6454" s="2" t="s">
        <v>1520</v>
      </c>
      <c r="L6454" s="5" t="s">
        <v>1519</v>
      </c>
      <c r="M6454" s="2" t="s">
        <v>1520</v>
      </c>
      <c r="N6454" s="5" t="s">
        <v>19227</v>
      </c>
      <c r="O6454" s="5" t="s">
        <v>38</v>
      </c>
      <c r="P6454" s="5" t="s">
        <v>39</v>
      </c>
      <c r="Q6454" s="5" t="s">
        <v>40</v>
      </c>
      <c r="R6454" s="5" t="s">
        <v>1487</v>
      </c>
      <c r="S6454" s="5"/>
      <c r="T6454" s="5" t="s">
        <v>42</v>
      </c>
      <c r="U6454" s="2">
        <v>0</v>
      </c>
      <c r="V6454" s="2">
        <v>0</v>
      </c>
      <c r="W6454" s="2">
        <v>0</v>
      </c>
      <c r="X6454" s="2">
        <v>0</v>
      </c>
      <c r="Y6454" s="2">
        <v>0</v>
      </c>
      <c r="Z6454" s="2">
        <v>0</v>
      </c>
      <c r="AA6454" s="5"/>
      <c r="AB6454" s="5" t="s">
        <v>43</v>
      </c>
      <c r="AC6454" s="5" t="s">
        <v>44</v>
      </c>
      <c r="AD6454" s="2"/>
      <c r="AE6454" s="1"/>
    </row>
    <row r="6455" spans="1:31" ht="14.45">
      <c r="A6455" s="11"/>
      <c r="B6455" s="20"/>
      <c r="C6455" s="2" t="s">
        <v>19837</v>
      </c>
      <c r="D6455" s="14" t="s">
        <v>19838</v>
      </c>
      <c r="E6455" s="2" t="s">
        <v>19839</v>
      </c>
      <c r="F6455" s="2" t="s">
        <v>7208</v>
      </c>
      <c r="G6455" s="8">
        <v>228</v>
      </c>
      <c r="H6455" s="5">
        <v>5</v>
      </c>
      <c r="I6455" s="5" t="s">
        <v>1518</v>
      </c>
      <c r="J6455" s="5" t="s">
        <v>1519</v>
      </c>
      <c r="K6455" s="2" t="s">
        <v>1520</v>
      </c>
      <c r="L6455" s="5" t="s">
        <v>1519</v>
      </c>
      <c r="M6455" s="2" t="s">
        <v>1520</v>
      </c>
      <c r="N6455" s="5" t="s">
        <v>19227</v>
      </c>
      <c r="O6455" s="5" t="s">
        <v>38</v>
      </c>
      <c r="P6455" s="5" t="s">
        <v>39</v>
      </c>
      <c r="Q6455" s="5" t="s">
        <v>40</v>
      </c>
      <c r="R6455" s="5" t="s">
        <v>1487</v>
      </c>
      <c r="S6455" s="5"/>
      <c r="T6455" s="5" t="s">
        <v>42</v>
      </c>
      <c r="U6455" s="2">
        <v>0</v>
      </c>
      <c r="V6455" s="2">
        <v>0</v>
      </c>
      <c r="W6455" s="2">
        <v>0</v>
      </c>
      <c r="X6455" s="2">
        <v>0</v>
      </c>
      <c r="Y6455" s="2">
        <v>0</v>
      </c>
      <c r="Z6455" s="2">
        <v>0</v>
      </c>
      <c r="AA6455" s="5"/>
      <c r="AB6455" s="5" t="s">
        <v>43</v>
      </c>
      <c r="AC6455" s="5" t="s">
        <v>44</v>
      </c>
      <c r="AD6455" s="2"/>
      <c r="AE6455" s="1"/>
    </row>
    <row r="6456" spans="1:31" ht="14.45">
      <c r="A6456" s="11"/>
      <c r="B6456" s="20"/>
      <c r="C6456" s="2" t="s">
        <v>19840</v>
      </c>
      <c r="D6456" s="14" t="s">
        <v>19841</v>
      </c>
      <c r="E6456" s="2" t="s">
        <v>19842</v>
      </c>
      <c r="F6456" s="2" t="s">
        <v>7521</v>
      </c>
      <c r="G6456" s="8">
        <v>228</v>
      </c>
      <c r="H6456" s="5">
        <v>5</v>
      </c>
      <c r="I6456" s="5" t="s">
        <v>1518</v>
      </c>
      <c r="J6456" s="5" t="s">
        <v>1519</v>
      </c>
      <c r="K6456" s="2" t="s">
        <v>1520</v>
      </c>
      <c r="L6456" s="5" t="s">
        <v>1519</v>
      </c>
      <c r="M6456" s="2" t="s">
        <v>1520</v>
      </c>
      <c r="N6456" s="5" t="s">
        <v>19227</v>
      </c>
      <c r="O6456" s="5" t="s">
        <v>38</v>
      </c>
      <c r="P6456" s="5" t="s">
        <v>39</v>
      </c>
      <c r="Q6456" s="5" t="s">
        <v>40</v>
      </c>
      <c r="R6456" s="5" t="s">
        <v>1487</v>
      </c>
      <c r="S6456" s="5"/>
      <c r="T6456" s="5" t="s">
        <v>42</v>
      </c>
      <c r="U6456" s="2">
        <v>0</v>
      </c>
      <c r="V6456" s="2">
        <v>0</v>
      </c>
      <c r="W6456" s="2">
        <v>0</v>
      </c>
      <c r="X6456" s="2">
        <v>0</v>
      </c>
      <c r="Y6456" s="2">
        <v>0</v>
      </c>
      <c r="Z6456" s="2">
        <v>0</v>
      </c>
      <c r="AA6456" s="5"/>
      <c r="AB6456" s="5" t="s">
        <v>43</v>
      </c>
      <c r="AC6456" s="5" t="s">
        <v>44</v>
      </c>
      <c r="AD6456" s="2"/>
      <c r="AE6456" s="1"/>
    </row>
    <row r="6457" spans="1:31" ht="14.45">
      <c r="A6457" s="11"/>
      <c r="B6457" s="20"/>
      <c r="C6457" s="2" t="s">
        <v>19843</v>
      </c>
      <c r="D6457" s="14" t="s">
        <v>19844</v>
      </c>
      <c r="E6457" s="2" t="s">
        <v>19845</v>
      </c>
      <c r="F6457" s="2" t="s">
        <v>7212</v>
      </c>
      <c r="G6457" s="8">
        <v>228</v>
      </c>
      <c r="H6457" s="5">
        <v>5</v>
      </c>
      <c r="I6457" s="5" t="s">
        <v>1518</v>
      </c>
      <c r="J6457" s="5" t="s">
        <v>1519</v>
      </c>
      <c r="K6457" s="2" t="s">
        <v>1520</v>
      </c>
      <c r="L6457" s="5" t="s">
        <v>1519</v>
      </c>
      <c r="M6457" s="2" t="s">
        <v>1520</v>
      </c>
      <c r="N6457" s="5" t="s">
        <v>19227</v>
      </c>
      <c r="O6457" s="5" t="s">
        <v>38</v>
      </c>
      <c r="P6457" s="5" t="s">
        <v>39</v>
      </c>
      <c r="Q6457" s="5" t="s">
        <v>40</v>
      </c>
      <c r="R6457" s="5" t="s">
        <v>1487</v>
      </c>
      <c r="S6457" s="5"/>
      <c r="T6457" s="5" t="s">
        <v>42</v>
      </c>
      <c r="U6457" s="2">
        <v>0</v>
      </c>
      <c r="V6457" s="2">
        <v>0</v>
      </c>
      <c r="W6457" s="2">
        <v>0</v>
      </c>
      <c r="X6457" s="2">
        <v>0</v>
      </c>
      <c r="Y6457" s="2">
        <v>0</v>
      </c>
      <c r="Z6457" s="2">
        <v>0</v>
      </c>
      <c r="AA6457" s="5"/>
      <c r="AB6457" s="5" t="s">
        <v>43</v>
      </c>
      <c r="AC6457" s="5" t="s">
        <v>44</v>
      </c>
      <c r="AD6457" s="2"/>
      <c r="AE6457" s="1"/>
    </row>
    <row r="6458" spans="1:31" ht="14.45">
      <c r="A6458" s="11"/>
      <c r="B6458" s="20"/>
      <c r="C6458" s="2" t="s">
        <v>19846</v>
      </c>
      <c r="D6458" s="14" t="s">
        <v>19847</v>
      </c>
      <c r="E6458" s="2" t="s">
        <v>19848</v>
      </c>
      <c r="F6458" s="2" t="s">
        <v>7528</v>
      </c>
      <c r="G6458" s="8">
        <v>228</v>
      </c>
      <c r="H6458" s="5">
        <v>5</v>
      </c>
      <c r="I6458" s="5" t="s">
        <v>1518</v>
      </c>
      <c r="J6458" s="5" t="s">
        <v>1519</v>
      </c>
      <c r="K6458" s="2" t="s">
        <v>1520</v>
      </c>
      <c r="L6458" s="5" t="s">
        <v>1519</v>
      </c>
      <c r="M6458" s="2" t="s">
        <v>1520</v>
      </c>
      <c r="N6458" s="5" t="s">
        <v>19227</v>
      </c>
      <c r="O6458" s="5" t="s">
        <v>38</v>
      </c>
      <c r="P6458" s="5" t="s">
        <v>39</v>
      </c>
      <c r="Q6458" s="5" t="s">
        <v>40</v>
      </c>
      <c r="R6458" s="5" t="s">
        <v>1487</v>
      </c>
      <c r="S6458" s="5"/>
      <c r="T6458" s="5" t="s">
        <v>42</v>
      </c>
      <c r="U6458" s="2">
        <v>0</v>
      </c>
      <c r="V6458" s="2">
        <v>0</v>
      </c>
      <c r="W6458" s="2">
        <v>0</v>
      </c>
      <c r="X6458" s="2">
        <v>0</v>
      </c>
      <c r="Y6458" s="2">
        <v>0</v>
      </c>
      <c r="Z6458" s="2">
        <v>0</v>
      </c>
      <c r="AA6458" s="5"/>
      <c r="AB6458" s="5" t="s">
        <v>43</v>
      </c>
      <c r="AC6458" s="5" t="s">
        <v>44</v>
      </c>
      <c r="AD6458" s="2"/>
      <c r="AE6458" s="1"/>
    </row>
    <row r="6459" spans="1:31" ht="14.45">
      <c r="A6459" s="11"/>
      <c r="B6459" s="20"/>
      <c r="C6459" s="2" t="s">
        <v>19849</v>
      </c>
      <c r="D6459" s="14" t="s">
        <v>19850</v>
      </c>
      <c r="E6459" s="2" t="s">
        <v>19851</v>
      </c>
      <c r="F6459" s="2" t="s">
        <v>7396</v>
      </c>
      <c r="G6459" s="8">
        <v>239</v>
      </c>
      <c r="H6459" s="5">
        <v>5</v>
      </c>
      <c r="I6459" s="5" t="s">
        <v>1518</v>
      </c>
      <c r="J6459" s="5" t="s">
        <v>1519</v>
      </c>
      <c r="K6459" s="2" t="s">
        <v>1520</v>
      </c>
      <c r="L6459" s="5" t="s">
        <v>1519</v>
      </c>
      <c r="M6459" s="2" t="s">
        <v>1520</v>
      </c>
      <c r="N6459" s="5" t="s">
        <v>19227</v>
      </c>
      <c r="O6459" s="5" t="s">
        <v>38</v>
      </c>
      <c r="P6459" s="5" t="s">
        <v>39</v>
      </c>
      <c r="Q6459" s="5" t="s">
        <v>40</v>
      </c>
      <c r="R6459" s="5" t="s">
        <v>1487</v>
      </c>
      <c r="S6459" s="5"/>
      <c r="T6459" s="5" t="s">
        <v>42</v>
      </c>
      <c r="U6459" s="2">
        <v>0</v>
      </c>
      <c r="V6459" s="2">
        <v>0</v>
      </c>
      <c r="W6459" s="2">
        <v>0</v>
      </c>
      <c r="X6459" s="2">
        <v>0</v>
      </c>
      <c r="Y6459" s="2">
        <v>0</v>
      </c>
      <c r="Z6459" s="2">
        <v>0</v>
      </c>
      <c r="AA6459" s="5"/>
      <c r="AB6459" s="5" t="s">
        <v>43</v>
      </c>
      <c r="AC6459" s="5" t="s">
        <v>44</v>
      </c>
      <c r="AD6459" s="2"/>
      <c r="AE6459" s="1"/>
    </row>
    <row r="6460" spans="1:31" ht="14.45">
      <c r="A6460" s="11"/>
      <c r="B6460" s="20"/>
      <c r="C6460" s="2" t="s">
        <v>19852</v>
      </c>
      <c r="D6460" s="14" t="s">
        <v>19853</v>
      </c>
      <c r="E6460" s="2" t="s">
        <v>19854</v>
      </c>
      <c r="F6460" s="2" t="s">
        <v>7507</v>
      </c>
      <c r="G6460" s="8">
        <v>239</v>
      </c>
      <c r="H6460" s="5">
        <v>5</v>
      </c>
      <c r="I6460" s="5" t="s">
        <v>1518</v>
      </c>
      <c r="J6460" s="5" t="s">
        <v>1519</v>
      </c>
      <c r="K6460" s="2" t="s">
        <v>1520</v>
      </c>
      <c r="L6460" s="5" t="s">
        <v>1519</v>
      </c>
      <c r="M6460" s="2" t="s">
        <v>1520</v>
      </c>
      <c r="N6460" s="5" t="s">
        <v>19227</v>
      </c>
      <c r="O6460" s="5" t="s">
        <v>38</v>
      </c>
      <c r="P6460" s="5" t="s">
        <v>39</v>
      </c>
      <c r="Q6460" s="5" t="s">
        <v>40</v>
      </c>
      <c r="R6460" s="5" t="s">
        <v>1487</v>
      </c>
      <c r="S6460" s="5"/>
      <c r="T6460" s="5" t="s">
        <v>42</v>
      </c>
      <c r="U6460" s="2">
        <v>0</v>
      </c>
      <c r="V6460" s="2">
        <v>0</v>
      </c>
      <c r="W6460" s="2">
        <v>0</v>
      </c>
      <c r="X6460" s="2">
        <v>0</v>
      </c>
      <c r="Y6460" s="2">
        <v>0</v>
      </c>
      <c r="Z6460" s="2">
        <v>0</v>
      </c>
      <c r="AA6460" s="5"/>
      <c r="AB6460" s="5" t="s">
        <v>43</v>
      </c>
      <c r="AC6460" s="5" t="s">
        <v>44</v>
      </c>
      <c r="AD6460" s="2"/>
      <c r="AE6460" s="1"/>
    </row>
    <row r="6461" spans="1:31" ht="14.45">
      <c r="A6461" s="11"/>
      <c r="B6461" s="20"/>
      <c r="C6461" s="2" t="s">
        <v>19855</v>
      </c>
      <c r="D6461" s="14" t="s">
        <v>19856</v>
      </c>
      <c r="E6461" s="2" t="s">
        <v>19857</v>
      </c>
      <c r="F6461" s="2" t="s">
        <v>7204</v>
      </c>
      <c r="G6461" s="8">
        <v>239</v>
      </c>
      <c r="H6461" s="5">
        <v>5</v>
      </c>
      <c r="I6461" s="5" t="s">
        <v>1518</v>
      </c>
      <c r="J6461" s="5" t="s">
        <v>1519</v>
      </c>
      <c r="K6461" s="2" t="s">
        <v>1520</v>
      </c>
      <c r="L6461" s="5" t="s">
        <v>1519</v>
      </c>
      <c r="M6461" s="2" t="s">
        <v>1520</v>
      </c>
      <c r="N6461" s="5" t="s">
        <v>19227</v>
      </c>
      <c r="O6461" s="5" t="s">
        <v>38</v>
      </c>
      <c r="P6461" s="5" t="s">
        <v>39</v>
      </c>
      <c r="Q6461" s="5" t="s">
        <v>40</v>
      </c>
      <c r="R6461" s="5" t="s">
        <v>1487</v>
      </c>
      <c r="S6461" s="5"/>
      <c r="T6461" s="5" t="s">
        <v>42</v>
      </c>
      <c r="U6461" s="2">
        <v>0</v>
      </c>
      <c r="V6461" s="2">
        <v>0</v>
      </c>
      <c r="W6461" s="2">
        <v>0</v>
      </c>
      <c r="X6461" s="2">
        <v>0</v>
      </c>
      <c r="Y6461" s="2">
        <v>0</v>
      </c>
      <c r="Z6461" s="2">
        <v>0</v>
      </c>
      <c r="AA6461" s="5"/>
      <c r="AB6461" s="5" t="s">
        <v>43</v>
      </c>
      <c r="AC6461" s="5" t="s">
        <v>44</v>
      </c>
      <c r="AD6461" s="2"/>
      <c r="AE6461" s="1"/>
    </row>
    <row r="6462" spans="1:31" ht="14.45">
      <c r="A6462" s="11"/>
      <c r="B6462" s="20"/>
      <c r="C6462" s="2" t="s">
        <v>19858</v>
      </c>
      <c r="D6462" s="14" t="s">
        <v>19859</v>
      </c>
      <c r="E6462" s="2" t="s">
        <v>19860</v>
      </c>
      <c r="F6462" s="2" t="s">
        <v>7514</v>
      </c>
      <c r="G6462" s="8">
        <v>239</v>
      </c>
      <c r="H6462" s="5">
        <v>5</v>
      </c>
      <c r="I6462" s="5" t="s">
        <v>1518</v>
      </c>
      <c r="J6462" s="5" t="s">
        <v>1519</v>
      </c>
      <c r="K6462" s="2" t="s">
        <v>1520</v>
      </c>
      <c r="L6462" s="5" t="s">
        <v>1519</v>
      </c>
      <c r="M6462" s="2" t="s">
        <v>1520</v>
      </c>
      <c r="N6462" s="5" t="s">
        <v>19227</v>
      </c>
      <c r="O6462" s="5" t="s">
        <v>38</v>
      </c>
      <c r="P6462" s="5" t="s">
        <v>39</v>
      </c>
      <c r="Q6462" s="5" t="s">
        <v>40</v>
      </c>
      <c r="R6462" s="5" t="s">
        <v>1487</v>
      </c>
      <c r="S6462" s="5"/>
      <c r="T6462" s="5" t="s">
        <v>42</v>
      </c>
      <c r="U6462" s="2">
        <v>0</v>
      </c>
      <c r="V6462" s="2">
        <v>0</v>
      </c>
      <c r="W6462" s="2">
        <v>0</v>
      </c>
      <c r="X6462" s="2">
        <v>0</v>
      </c>
      <c r="Y6462" s="2">
        <v>0</v>
      </c>
      <c r="Z6462" s="2">
        <v>0</v>
      </c>
      <c r="AA6462" s="5"/>
      <c r="AB6462" s="5" t="s">
        <v>43</v>
      </c>
      <c r="AC6462" s="5" t="s">
        <v>44</v>
      </c>
      <c r="AD6462" s="2"/>
      <c r="AE6462" s="1"/>
    </row>
    <row r="6463" spans="1:31" ht="14.45">
      <c r="A6463" s="11"/>
      <c r="B6463" s="20"/>
      <c r="C6463" s="2" t="s">
        <v>19861</v>
      </c>
      <c r="D6463" s="14" t="s">
        <v>19862</v>
      </c>
      <c r="E6463" s="2" t="s">
        <v>19863</v>
      </c>
      <c r="F6463" s="2" t="s">
        <v>7208</v>
      </c>
      <c r="G6463" s="8">
        <v>239</v>
      </c>
      <c r="H6463" s="5">
        <v>5</v>
      </c>
      <c r="I6463" s="5" t="s">
        <v>1518</v>
      </c>
      <c r="J6463" s="5" t="s">
        <v>1519</v>
      </c>
      <c r="K6463" s="2" t="s">
        <v>1520</v>
      </c>
      <c r="L6463" s="5" t="s">
        <v>1519</v>
      </c>
      <c r="M6463" s="2" t="s">
        <v>1520</v>
      </c>
      <c r="N6463" s="5" t="s">
        <v>19227</v>
      </c>
      <c r="O6463" s="5" t="s">
        <v>38</v>
      </c>
      <c r="P6463" s="5" t="s">
        <v>39</v>
      </c>
      <c r="Q6463" s="5" t="s">
        <v>40</v>
      </c>
      <c r="R6463" s="5" t="s">
        <v>1487</v>
      </c>
      <c r="S6463" s="5"/>
      <c r="T6463" s="5" t="s">
        <v>42</v>
      </c>
      <c r="U6463" s="2">
        <v>0</v>
      </c>
      <c r="V6463" s="2">
        <v>0</v>
      </c>
      <c r="W6463" s="2">
        <v>0</v>
      </c>
      <c r="X6463" s="2">
        <v>0</v>
      </c>
      <c r="Y6463" s="2">
        <v>0</v>
      </c>
      <c r="Z6463" s="2">
        <v>0</v>
      </c>
      <c r="AA6463" s="5"/>
      <c r="AB6463" s="5" t="s">
        <v>43</v>
      </c>
      <c r="AC6463" s="5" t="s">
        <v>44</v>
      </c>
      <c r="AD6463" s="2"/>
      <c r="AE6463" s="1"/>
    </row>
    <row r="6464" spans="1:31" ht="14.45">
      <c r="A6464" s="11"/>
      <c r="B6464" s="20"/>
      <c r="C6464" s="2" t="s">
        <v>19864</v>
      </c>
      <c r="D6464" s="14" t="s">
        <v>19865</v>
      </c>
      <c r="E6464" s="2" t="s">
        <v>19866</v>
      </c>
      <c r="F6464" s="2" t="s">
        <v>7521</v>
      </c>
      <c r="G6464" s="8">
        <v>239</v>
      </c>
      <c r="H6464" s="5">
        <v>5</v>
      </c>
      <c r="I6464" s="5" t="s">
        <v>1518</v>
      </c>
      <c r="J6464" s="5" t="s">
        <v>1519</v>
      </c>
      <c r="K6464" s="2" t="s">
        <v>1520</v>
      </c>
      <c r="L6464" s="5" t="s">
        <v>1519</v>
      </c>
      <c r="M6464" s="2" t="s">
        <v>1520</v>
      </c>
      <c r="N6464" s="5" t="s">
        <v>19227</v>
      </c>
      <c r="O6464" s="5" t="s">
        <v>38</v>
      </c>
      <c r="P6464" s="5" t="s">
        <v>39</v>
      </c>
      <c r="Q6464" s="5" t="s">
        <v>40</v>
      </c>
      <c r="R6464" s="5" t="s">
        <v>1487</v>
      </c>
      <c r="S6464" s="5"/>
      <c r="T6464" s="5" t="s">
        <v>42</v>
      </c>
      <c r="U6464" s="2">
        <v>0</v>
      </c>
      <c r="V6464" s="2">
        <v>0</v>
      </c>
      <c r="W6464" s="2">
        <v>0</v>
      </c>
      <c r="X6464" s="2">
        <v>0</v>
      </c>
      <c r="Y6464" s="2">
        <v>0</v>
      </c>
      <c r="Z6464" s="2">
        <v>0</v>
      </c>
      <c r="AA6464" s="5"/>
      <c r="AB6464" s="5" t="s">
        <v>43</v>
      </c>
      <c r="AC6464" s="5" t="s">
        <v>44</v>
      </c>
      <c r="AD6464" s="2"/>
      <c r="AE6464" s="1"/>
    </row>
    <row r="6465" spans="1:31" ht="14.45">
      <c r="A6465" s="11"/>
      <c r="B6465" s="20"/>
      <c r="C6465" s="2" t="s">
        <v>19867</v>
      </c>
      <c r="D6465" s="14" t="s">
        <v>19868</v>
      </c>
      <c r="E6465" s="2" t="s">
        <v>19869</v>
      </c>
      <c r="F6465" s="2" t="s">
        <v>7212</v>
      </c>
      <c r="G6465" s="8">
        <v>239</v>
      </c>
      <c r="H6465" s="5">
        <v>5</v>
      </c>
      <c r="I6465" s="5" t="s">
        <v>1518</v>
      </c>
      <c r="J6465" s="5" t="s">
        <v>1519</v>
      </c>
      <c r="K6465" s="2" t="s">
        <v>1520</v>
      </c>
      <c r="L6465" s="5" t="s">
        <v>1519</v>
      </c>
      <c r="M6465" s="2" t="s">
        <v>1520</v>
      </c>
      <c r="N6465" s="5" t="s">
        <v>19227</v>
      </c>
      <c r="O6465" s="5" t="s">
        <v>38</v>
      </c>
      <c r="P6465" s="5" t="s">
        <v>39</v>
      </c>
      <c r="Q6465" s="5" t="s">
        <v>40</v>
      </c>
      <c r="R6465" s="5" t="s">
        <v>1487</v>
      </c>
      <c r="S6465" s="5"/>
      <c r="T6465" s="5" t="s">
        <v>42</v>
      </c>
      <c r="U6465" s="2">
        <v>0</v>
      </c>
      <c r="V6465" s="2">
        <v>0</v>
      </c>
      <c r="W6465" s="2">
        <v>0</v>
      </c>
      <c r="X6465" s="2">
        <v>0</v>
      </c>
      <c r="Y6465" s="2">
        <v>0</v>
      </c>
      <c r="Z6465" s="2">
        <v>0</v>
      </c>
      <c r="AA6465" s="5"/>
      <c r="AB6465" s="5" t="s">
        <v>43</v>
      </c>
      <c r="AC6465" s="5" t="s">
        <v>44</v>
      </c>
      <c r="AD6465" s="2"/>
      <c r="AE6465" s="1"/>
    </row>
    <row r="6466" spans="1:31" ht="14.45">
      <c r="A6466" s="11"/>
      <c r="B6466" s="20"/>
      <c r="C6466" s="2" t="s">
        <v>19870</v>
      </c>
      <c r="D6466" s="14" t="s">
        <v>19871</v>
      </c>
      <c r="E6466" s="2" t="s">
        <v>19872</v>
      </c>
      <c r="F6466" s="2" t="s">
        <v>7528</v>
      </c>
      <c r="G6466" s="8">
        <v>239</v>
      </c>
      <c r="H6466" s="5">
        <v>5</v>
      </c>
      <c r="I6466" s="5" t="s">
        <v>1518</v>
      </c>
      <c r="J6466" s="5" t="s">
        <v>1519</v>
      </c>
      <c r="K6466" s="2" t="s">
        <v>1520</v>
      </c>
      <c r="L6466" s="5" t="s">
        <v>1519</v>
      </c>
      <c r="M6466" s="2" t="s">
        <v>1520</v>
      </c>
      <c r="N6466" s="5" t="s">
        <v>19227</v>
      </c>
      <c r="O6466" s="5" t="s">
        <v>38</v>
      </c>
      <c r="P6466" s="5" t="s">
        <v>39</v>
      </c>
      <c r="Q6466" s="5" t="s">
        <v>40</v>
      </c>
      <c r="R6466" s="5" t="s">
        <v>1487</v>
      </c>
      <c r="S6466" s="5"/>
      <c r="T6466" s="5" t="s">
        <v>42</v>
      </c>
      <c r="U6466" s="2">
        <v>0</v>
      </c>
      <c r="V6466" s="2">
        <v>0</v>
      </c>
      <c r="W6466" s="2">
        <v>0</v>
      </c>
      <c r="X6466" s="2">
        <v>0</v>
      </c>
      <c r="Y6466" s="2">
        <v>0</v>
      </c>
      <c r="Z6466" s="2">
        <v>0</v>
      </c>
      <c r="AA6466" s="5"/>
      <c r="AB6466" s="5" t="s">
        <v>43</v>
      </c>
      <c r="AC6466" s="5" t="s">
        <v>44</v>
      </c>
      <c r="AD6466" s="2"/>
      <c r="AE6466" s="1"/>
    </row>
    <row r="6467" spans="1:31" ht="14.45">
      <c r="A6467" s="11"/>
      <c r="B6467" s="20"/>
      <c r="C6467" s="2" t="s">
        <v>19873</v>
      </c>
      <c r="D6467" s="14" t="s">
        <v>19874</v>
      </c>
      <c r="E6467" s="2" t="s">
        <v>19875</v>
      </c>
      <c r="F6467" s="2" t="s">
        <v>7396</v>
      </c>
      <c r="G6467" s="8">
        <v>233</v>
      </c>
      <c r="H6467" s="5">
        <v>5</v>
      </c>
      <c r="I6467" s="5" t="s">
        <v>1518</v>
      </c>
      <c r="J6467" s="5" t="s">
        <v>1519</v>
      </c>
      <c r="K6467" s="2" t="s">
        <v>1520</v>
      </c>
      <c r="L6467" s="5" t="s">
        <v>1519</v>
      </c>
      <c r="M6467" s="2" t="s">
        <v>1520</v>
      </c>
      <c r="N6467" s="5" t="s">
        <v>19227</v>
      </c>
      <c r="O6467" s="5" t="s">
        <v>38</v>
      </c>
      <c r="P6467" s="5" t="s">
        <v>39</v>
      </c>
      <c r="Q6467" s="5" t="s">
        <v>40</v>
      </c>
      <c r="R6467" s="5" t="s">
        <v>1487</v>
      </c>
      <c r="S6467" s="5"/>
      <c r="T6467" s="5" t="s">
        <v>42</v>
      </c>
      <c r="U6467" s="2">
        <v>0</v>
      </c>
      <c r="V6467" s="2">
        <v>0</v>
      </c>
      <c r="W6467" s="2">
        <v>0</v>
      </c>
      <c r="X6467" s="2">
        <v>0</v>
      </c>
      <c r="Y6467" s="2">
        <v>0</v>
      </c>
      <c r="Z6467" s="2">
        <v>0</v>
      </c>
      <c r="AA6467" s="5"/>
      <c r="AB6467" s="5" t="s">
        <v>43</v>
      </c>
      <c r="AC6467" s="5" t="s">
        <v>44</v>
      </c>
      <c r="AD6467" s="2"/>
      <c r="AE6467" s="1"/>
    </row>
    <row r="6468" spans="1:31" ht="14.45">
      <c r="A6468" s="11"/>
      <c r="B6468" s="20"/>
      <c r="C6468" s="2" t="s">
        <v>19876</v>
      </c>
      <c r="D6468" s="14" t="s">
        <v>19877</v>
      </c>
      <c r="E6468" s="2" t="s">
        <v>19878</v>
      </c>
      <c r="F6468" s="2" t="s">
        <v>7507</v>
      </c>
      <c r="G6468" s="8">
        <v>233</v>
      </c>
      <c r="H6468" s="5">
        <v>5</v>
      </c>
      <c r="I6468" s="5" t="s">
        <v>1518</v>
      </c>
      <c r="J6468" s="5" t="s">
        <v>1519</v>
      </c>
      <c r="K6468" s="2" t="s">
        <v>1520</v>
      </c>
      <c r="L6468" s="5" t="s">
        <v>1519</v>
      </c>
      <c r="M6468" s="2" t="s">
        <v>1520</v>
      </c>
      <c r="N6468" s="5" t="s">
        <v>19227</v>
      </c>
      <c r="O6468" s="5" t="s">
        <v>38</v>
      </c>
      <c r="P6468" s="5" t="s">
        <v>39</v>
      </c>
      <c r="Q6468" s="5" t="s">
        <v>40</v>
      </c>
      <c r="R6468" s="5" t="s">
        <v>1487</v>
      </c>
      <c r="S6468" s="5"/>
      <c r="T6468" s="5" t="s">
        <v>42</v>
      </c>
      <c r="U6468" s="2">
        <v>0</v>
      </c>
      <c r="V6468" s="2">
        <v>0</v>
      </c>
      <c r="W6468" s="2">
        <v>0</v>
      </c>
      <c r="X6468" s="2">
        <v>0</v>
      </c>
      <c r="Y6468" s="2">
        <v>0</v>
      </c>
      <c r="Z6468" s="2">
        <v>0</v>
      </c>
      <c r="AA6468" s="5"/>
      <c r="AB6468" s="5" t="s">
        <v>43</v>
      </c>
      <c r="AC6468" s="5" t="s">
        <v>44</v>
      </c>
      <c r="AD6468" s="2"/>
      <c r="AE6468" s="1"/>
    </row>
    <row r="6469" spans="1:31" ht="14.45">
      <c r="A6469" s="11"/>
      <c r="B6469" s="20"/>
      <c r="C6469" s="2" t="s">
        <v>19879</v>
      </c>
      <c r="D6469" s="14" t="s">
        <v>19880</v>
      </c>
      <c r="E6469" s="2" t="s">
        <v>19881</v>
      </c>
      <c r="F6469" s="2" t="s">
        <v>7204</v>
      </c>
      <c r="G6469" s="8">
        <v>233</v>
      </c>
      <c r="H6469" s="5">
        <v>5</v>
      </c>
      <c r="I6469" s="5" t="s">
        <v>1518</v>
      </c>
      <c r="J6469" s="5" t="s">
        <v>1519</v>
      </c>
      <c r="K6469" s="2" t="s">
        <v>1520</v>
      </c>
      <c r="L6469" s="5" t="s">
        <v>1519</v>
      </c>
      <c r="M6469" s="2" t="s">
        <v>1520</v>
      </c>
      <c r="N6469" s="5" t="s">
        <v>19227</v>
      </c>
      <c r="O6469" s="5" t="s">
        <v>38</v>
      </c>
      <c r="P6469" s="5" t="s">
        <v>39</v>
      </c>
      <c r="Q6469" s="5" t="s">
        <v>40</v>
      </c>
      <c r="R6469" s="5" t="s">
        <v>1487</v>
      </c>
      <c r="S6469" s="5"/>
      <c r="T6469" s="5" t="s">
        <v>42</v>
      </c>
      <c r="U6469" s="2">
        <v>0</v>
      </c>
      <c r="V6469" s="2">
        <v>0</v>
      </c>
      <c r="W6469" s="2">
        <v>0</v>
      </c>
      <c r="X6469" s="2">
        <v>0</v>
      </c>
      <c r="Y6469" s="2">
        <v>0</v>
      </c>
      <c r="Z6469" s="2">
        <v>0</v>
      </c>
      <c r="AA6469" s="5"/>
      <c r="AB6469" s="5" t="s">
        <v>43</v>
      </c>
      <c r="AC6469" s="5" t="s">
        <v>44</v>
      </c>
      <c r="AD6469" s="2"/>
      <c r="AE6469" s="1"/>
    </row>
    <row r="6470" spans="1:31" ht="14.45">
      <c r="A6470" s="11"/>
      <c r="B6470" s="20"/>
      <c r="C6470" s="2" t="s">
        <v>19882</v>
      </c>
      <c r="D6470" s="14" t="s">
        <v>19883</v>
      </c>
      <c r="E6470" s="2" t="s">
        <v>19884</v>
      </c>
      <c r="F6470" s="2" t="s">
        <v>7514</v>
      </c>
      <c r="G6470" s="8">
        <v>233</v>
      </c>
      <c r="H6470" s="5">
        <v>5</v>
      </c>
      <c r="I6470" s="5" t="s">
        <v>1518</v>
      </c>
      <c r="J6470" s="5" t="s">
        <v>1519</v>
      </c>
      <c r="K6470" s="2" t="s">
        <v>1520</v>
      </c>
      <c r="L6470" s="5" t="s">
        <v>1519</v>
      </c>
      <c r="M6470" s="2" t="s">
        <v>1520</v>
      </c>
      <c r="N6470" s="5" t="s">
        <v>19227</v>
      </c>
      <c r="O6470" s="5" t="s">
        <v>38</v>
      </c>
      <c r="P6470" s="5" t="s">
        <v>39</v>
      </c>
      <c r="Q6470" s="5" t="s">
        <v>40</v>
      </c>
      <c r="R6470" s="5" t="s">
        <v>1487</v>
      </c>
      <c r="S6470" s="5"/>
      <c r="T6470" s="5" t="s">
        <v>42</v>
      </c>
      <c r="U6470" s="2">
        <v>0</v>
      </c>
      <c r="V6470" s="2">
        <v>0</v>
      </c>
      <c r="W6470" s="2">
        <v>0</v>
      </c>
      <c r="X6470" s="2">
        <v>0</v>
      </c>
      <c r="Y6470" s="2">
        <v>0</v>
      </c>
      <c r="Z6470" s="2">
        <v>0</v>
      </c>
      <c r="AA6470" s="5"/>
      <c r="AB6470" s="5" t="s">
        <v>43</v>
      </c>
      <c r="AC6470" s="5" t="s">
        <v>44</v>
      </c>
      <c r="AD6470" s="2"/>
      <c r="AE6470" s="1"/>
    </row>
    <row r="6471" spans="1:31" ht="14.45">
      <c r="A6471" s="11"/>
      <c r="B6471" s="20"/>
      <c r="C6471" s="2" t="s">
        <v>19885</v>
      </c>
      <c r="D6471" s="14" t="s">
        <v>19886</v>
      </c>
      <c r="E6471" s="2" t="s">
        <v>19887</v>
      </c>
      <c r="F6471" s="2" t="s">
        <v>7208</v>
      </c>
      <c r="G6471" s="8">
        <v>233</v>
      </c>
      <c r="H6471" s="5">
        <v>5</v>
      </c>
      <c r="I6471" s="5" t="s">
        <v>1518</v>
      </c>
      <c r="J6471" s="5" t="s">
        <v>1519</v>
      </c>
      <c r="K6471" s="2" t="s">
        <v>1520</v>
      </c>
      <c r="L6471" s="5" t="s">
        <v>1519</v>
      </c>
      <c r="M6471" s="2" t="s">
        <v>1520</v>
      </c>
      <c r="N6471" s="5" t="s">
        <v>19227</v>
      </c>
      <c r="O6471" s="5" t="s">
        <v>38</v>
      </c>
      <c r="P6471" s="5" t="s">
        <v>39</v>
      </c>
      <c r="Q6471" s="5" t="s">
        <v>40</v>
      </c>
      <c r="R6471" s="5" t="s">
        <v>1487</v>
      </c>
      <c r="S6471" s="5"/>
      <c r="T6471" s="5" t="s">
        <v>42</v>
      </c>
      <c r="U6471" s="2">
        <v>0</v>
      </c>
      <c r="V6471" s="2">
        <v>0</v>
      </c>
      <c r="W6471" s="2">
        <v>0</v>
      </c>
      <c r="X6471" s="2">
        <v>0</v>
      </c>
      <c r="Y6471" s="2">
        <v>0</v>
      </c>
      <c r="Z6471" s="2">
        <v>0</v>
      </c>
      <c r="AA6471" s="5"/>
      <c r="AB6471" s="5" t="s">
        <v>43</v>
      </c>
      <c r="AC6471" s="5" t="s">
        <v>44</v>
      </c>
      <c r="AD6471" s="2"/>
      <c r="AE6471" s="1"/>
    </row>
    <row r="6472" spans="1:31" ht="14.45">
      <c r="A6472" s="11"/>
      <c r="B6472" s="20"/>
      <c r="C6472" s="2" t="s">
        <v>19888</v>
      </c>
      <c r="D6472" s="14" t="s">
        <v>19889</v>
      </c>
      <c r="E6472" s="2" t="s">
        <v>19890</v>
      </c>
      <c r="F6472" s="2" t="s">
        <v>7521</v>
      </c>
      <c r="G6472" s="8">
        <v>233</v>
      </c>
      <c r="H6472" s="5">
        <v>5</v>
      </c>
      <c r="I6472" s="5" t="s">
        <v>1518</v>
      </c>
      <c r="J6472" s="5" t="s">
        <v>1519</v>
      </c>
      <c r="K6472" s="2" t="s">
        <v>1520</v>
      </c>
      <c r="L6472" s="5" t="s">
        <v>1519</v>
      </c>
      <c r="M6472" s="2" t="s">
        <v>1520</v>
      </c>
      <c r="N6472" s="5" t="s">
        <v>19227</v>
      </c>
      <c r="O6472" s="5" t="s">
        <v>38</v>
      </c>
      <c r="P6472" s="5" t="s">
        <v>39</v>
      </c>
      <c r="Q6472" s="5" t="s">
        <v>40</v>
      </c>
      <c r="R6472" s="5" t="s">
        <v>1487</v>
      </c>
      <c r="S6472" s="5"/>
      <c r="T6472" s="5" t="s">
        <v>42</v>
      </c>
      <c r="U6472" s="2">
        <v>0</v>
      </c>
      <c r="V6472" s="2">
        <v>0</v>
      </c>
      <c r="W6472" s="2">
        <v>0</v>
      </c>
      <c r="X6472" s="2">
        <v>0</v>
      </c>
      <c r="Y6472" s="2">
        <v>0</v>
      </c>
      <c r="Z6472" s="2">
        <v>0</v>
      </c>
      <c r="AA6472" s="5"/>
      <c r="AB6472" s="5" t="s">
        <v>43</v>
      </c>
      <c r="AC6472" s="5" t="s">
        <v>44</v>
      </c>
      <c r="AD6472" s="2"/>
      <c r="AE6472" s="1"/>
    </row>
    <row r="6473" spans="1:31" ht="14.45">
      <c r="A6473" s="11"/>
      <c r="B6473" s="20"/>
      <c r="C6473" s="2" t="s">
        <v>19891</v>
      </c>
      <c r="D6473" s="14" t="s">
        <v>19892</v>
      </c>
      <c r="E6473" s="2" t="s">
        <v>19893</v>
      </c>
      <c r="F6473" s="2" t="s">
        <v>7212</v>
      </c>
      <c r="G6473" s="8">
        <v>233</v>
      </c>
      <c r="H6473" s="5">
        <v>5</v>
      </c>
      <c r="I6473" s="5" t="s">
        <v>1518</v>
      </c>
      <c r="J6473" s="5" t="s">
        <v>1519</v>
      </c>
      <c r="K6473" s="2" t="s">
        <v>1520</v>
      </c>
      <c r="L6473" s="5" t="s">
        <v>1519</v>
      </c>
      <c r="M6473" s="2" t="s">
        <v>1520</v>
      </c>
      <c r="N6473" s="5" t="s">
        <v>19227</v>
      </c>
      <c r="O6473" s="5" t="s">
        <v>38</v>
      </c>
      <c r="P6473" s="5" t="s">
        <v>39</v>
      </c>
      <c r="Q6473" s="5" t="s">
        <v>40</v>
      </c>
      <c r="R6473" s="5" t="s">
        <v>1487</v>
      </c>
      <c r="S6473" s="5"/>
      <c r="T6473" s="5" t="s">
        <v>42</v>
      </c>
      <c r="U6473" s="2">
        <v>0</v>
      </c>
      <c r="V6473" s="2">
        <v>0</v>
      </c>
      <c r="W6473" s="2">
        <v>0</v>
      </c>
      <c r="X6473" s="2">
        <v>0</v>
      </c>
      <c r="Y6473" s="2">
        <v>0</v>
      </c>
      <c r="Z6473" s="2">
        <v>0</v>
      </c>
      <c r="AA6473" s="5"/>
      <c r="AB6473" s="5" t="s">
        <v>43</v>
      </c>
      <c r="AC6473" s="5" t="s">
        <v>44</v>
      </c>
      <c r="AD6473" s="2"/>
      <c r="AE6473" s="1"/>
    </row>
    <row r="6474" spans="1:31" ht="14.45">
      <c r="A6474" s="11"/>
      <c r="B6474" s="20"/>
      <c r="C6474" s="2" t="s">
        <v>19894</v>
      </c>
      <c r="D6474" s="14" t="s">
        <v>19895</v>
      </c>
      <c r="E6474" s="2" t="s">
        <v>19896</v>
      </c>
      <c r="F6474" s="2" t="s">
        <v>7528</v>
      </c>
      <c r="G6474" s="8">
        <v>233</v>
      </c>
      <c r="H6474" s="5">
        <v>5</v>
      </c>
      <c r="I6474" s="5" t="s">
        <v>1518</v>
      </c>
      <c r="J6474" s="5" t="s">
        <v>1519</v>
      </c>
      <c r="K6474" s="2" t="s">
        <v>1520</v>
      </c>
      <c r="L6474" s="5" t="s">
        <v>1519</v>
      </c>
      <c r="M6474" s="2" t="s">
        <v>1520</v>
      </c>
      <c r="N6474" s="5" t="s">
        <v>19227</v>
      </c>
      <c r="O6474" s="5" t="s">
        <v>38</v>
      </c>
      <c r="P6474" s="5" t="s">
        <v>39</v>
      </c>
      <c r="Q6474" s="5" t="s">
        <v>40</v>
      </c>
      <c r="R6474" s="5" t="s">
        <v>1487</v>
      </c>
      <c r="S6474" s="5"/>
      <c r="T6474" s="5" t="s">
        <v>42</v>
      </c>
      <c r="U6474" s="2">
        <v>0</v>
      </c>
      <c r="V6474" s="2">
        <v>0</v>
      </c>
      <c r="W6474" s="2">
        <v>0</v>
      </c>
      <c r="X6474" s="2">
        <v>0</v>
      </c>
      <c r="Y6474" s="2">
        <v>0</v>
      </c>
      <c r="Z6474" s="2">
        <v>0</v>
      </c>
      <c r="AA6474" s="5"/>
      <c r="AB6474" s="5" t="s">
        <v>43</v>
      </c>
      <c r="AC6474" s="5" t="s">
        <v>44</v>
      </c>
      <c r="AD6474" s="2"/>
      <c r="AE6474" s="1"/>
    </row>
    <row r="6475" spans="1:31" ht="14.45">
      <c r="A6475" s="11"/>
      <c r="B6475" s="20"/>
      <c r="C6475" s="2" t="s">
        <v>19897</v>
      </c>
      <c r="D6475" s="14" t="s">
        <v>19898</v>
      </c>
      <c r="E6475" s="2" t="s">
        <v>19899</v>
      </c>
      <c r="F6475" s="2" t="s">
        <v>7396</v>
      </c>
      <c r="G6475" s="8">
        <v>239</v>
      </c>
      <c r="H6475" s="5">
        <v>5</v>
      </c>
      <c r="I6475" s="5" t="s">
        <v>1518</v>
      </c>
      <c r="J6475" s="5" t="s">
        <v>1519</v>
      </c>
      <c r="K6475" s="2" t="s">
        <v>1520</v>
      </c>
      <c r="L6475" s="5" t="s">
        <v>1519</v>
      </c>
      <c r="M6475" s="2" t="s">
        <v>1520</v>
      </c>
      <c r="N6475" s="5" t="s">
        <v>19227</v>
      </c>
      <c r="O6475" s="5" t="s">
        <v>38</v>
      </c>
      <c r="P6475" s="5" t="s">
        <v>39</v>
      </c>
      <c r="Q6475" s="5" t="s">
        <v>40</v>
      </c>
      <c r="R6475" s="5" t="s">
        <v>1487</v>
      </c>
      <c r="S6475" s="5"/>
      <c r="T6475" s="5" t="s">
        <v>42</v>
      </c>
      <c r="U6475" s="2">
        <v>0</v>
      </c>
      <c r="V6475" s="2">
        <v>0</v>
      </c>
      <c r="W6475" s="2">
        <v>0</v>
      </c>
      <c r="X6475" s="2">
        <v>0</v>
      </c>
      <c r="Y6475" s="2">
        <v>0</v>
      </c>
      <c r="Z6475" s="2">
        <v>0</v>
      </c>
      <c r="AA6475" s="5"/>
      <c r="AB6475" s="5" t="s">
        <v>43</v>
      </c>
      <c r="AC6475" s="5" t="s">
        <v>44</v>
      </c>
      <c r="AD6475" s="2"/>
      <c r="AE6475" s="1"/>
    </row>
    <row r="6476" spans="1:31" ht="14.45">
      <c r="A6476" s="11"/>
      <c r="B6476" s="20"/>
      <c r="C6476" s="2" t="s">
        <v>19900</v>
      </c>
      <c r="D6476" s="14" t="s">
        <v>19901</v>
      </c>
      <c r="E6476" s="2" t="s">
        <v>19902</v>
      </c>
      <c r="F6476" s="2" t="s">
        <v>7507</v>
      </c>
      <c r="G6476" s="8">
        <v>239</v>
      </c>
      <c r="H6476" s="5">
        <v>5</v>
      </c>
      <c r="I6476" s="5" t="s">
        <v>1518</v>
      </c>
      <c r="J6476" s="5" t="s">
        <v>1519</v>
      </c>
      <c r="K6476" s="2" t="s">
        <v>1520</v>
      </c>
      <c r="L6476" s="5" t="s">
        <v>1519</v>
      </c>
      <c r="M6476" s="2" t="s">
        <v>1520</v>
      </c>
      <c r="N6476" s="5" t="s">
        <v>19227</v>
      </c>
      <c r="O6476" s="5" t="s">
        <v>38</v>
      </c>
      <c r="P6476" s="5" t="s">
        <v>39</v>
      </c>
      <c r="Q6476" s="5" t="s">
        <v>40</v>
      </c>
      <c r="R6476" s="5" t="s">
        <v>1487</v>
      </c>
      <c r="S6476" s="5"/>
      <c r="T6476" s="5" t="s">
        <v>42</v>
      </c>
      <c r="U6476" s="2">
        <v>0</v>
      </c>
      <c r="V6476" s="2">
        <v>0</v>
      </c>
      <c r="W6476" s="2">
        <v>0</v>
      </c>
      <c r="X6476" s="2">
        <v>0</v>
      </c>
      <c r="Y6476" s="2">
        <v>0</v>
      </c>
      <c r="Z6476" s="2">
        <v>0</v>
      </c>
      <c r="AA6476" s="5"/>
      <c r="AB6476" s="5" t="s">
        <v>43</v>
      </c>
      <c r="AC6476" s="5" t="s">
        <v>44</v>
      </c>
      <c r="AD6476" s="2"/>
      <c r="AE6476" s="1"/>
    </row>
    <row r="6477" spans="1:31" ht="14.45">
      <c r="A6477" s="11"/>
      <c r="B6477" s="20"/>
      <c r="C6477" s="2" t="s">
        <v>19903</v>
      </c>
      <c r="D6477" s="14" t="s">
        <v>19904</v>
      </c>
      <c r="E6477" s="2" t="s">
        <v>19905</v>
      </c>
      <c r="F6477" s="2" t="s">
        <v>7204</v>
      </c>
      <c r="G6477" s="8">
        <v>239</v>
      </c>
      <c r="H6477" s="5">
        <v>5</v>
      </c>
      <c r="I6477" s="5" t="s">
        <v>1518</v>
      </c>
      <c r="J6477" s="5" t="s">
        <v>1519</v>
      </c>
      <c r="K6477" s="2" t="s">
        <v>1520</v>
      </c>
      <c r="L6477" s="5" t="s">
        <v>1519</v>
      </c>
      <c r="M6477" s="2" t="s">
        <v>1520</v>
      </c>
      <c r="N6477" s="5" t="s">
        <v>19227</v>
      </c>
      <c r="O6477" s="5" t="s">
        <v>38</v>
      </c>
      <c r="P6477" s="5" t="s">
        <v>39</v>
      </c>
      <c r="Q6477" s="5" t="s">
        <v>40</v>
      </c>
      <c r="R6477" s="5" t="s">
        <v>1487</v>
      </c>
      <c r="S6477" s="5"/>
      <c r="T6477" s="5" t="s">
        <v>42</v>
      </c>
      <c r="U6477" s="2">
        <v>0</v>
      </c>
      <c r="V6477" s="2">
        <v>0</v>
      </c>
      <c r="W6477" s="2">
        <v>0</v>
      </c>
      <c r="X6477" s="2">
        <v>0</v>
      </c>
      <c r="Y6477" s="2">
        <v>0</v>
      </c>
      <c r="Z6477" s="2">
        <v>0</v>
      </c>
      <c r="AA6477" s="5"/>
      <c r="AB6477" s="5" t="s">
        <v>43</v>
      </c>
      <c r="AC6477" s="5" t="s">
        <v>44</v>
      </c>
      <c r="AD6477" s="2"/>
      <c r="AE6477" s="1"/>
    </row>
    <row r="6478" spans="1:31" ht="14.45">
      <c r="A6478" s="11"/>
      <c r="B6478" s="20"/>
      <c r="C6478" s="2" t="s">
        <v>19906</v>
      </c>
      <c r="D6478" s="14" t="s">
        <v>19907</v>
      </c>
      <c r="E6478" s="2" t="s">
        <v>19908</v>
      </c>
      <c r="F6478" s="2" t="s">
        <v>7514</v>
      </c>
      <c r="G6478" s="8">
        <v>239</v>
      </c>
      <c r="H6478" s="5">
        <v>5</v>
      </c>
      <c r="I6478" s="5" t="s">
        <v>1518</v>
      </c>
      <c r="J6478" s="5" t="s">
        <v>1519</v>
      </c>
      <c r="K6478" s="2" t="s">
        <v>1520</v>
      </c>
      <c r="L6478" s="5" t="s">
        <v>1519</v>
      </c>
      <c r="M6478" s="2" t="s">
        <v>1520</v>
      </c>
      <c r="N6478" s="5" t="s">
        <v>19227</v>
      </c>
      <c r="O6478" s="5" t="s">
        <v>38</v>
      </c>
      <c r="P6478" s="5" t="s">
        <v>39</v>
      </c>
      <c r="Q6478" s="5" t="s">
        <v>40</v>
      </c>
      <c r="R6478" s="5" t="s">
        <v>1487</v>
      </c>
      <c r="S6478" s="5"/>
      <c r="T6478" s="5" t="s">
        <v>42</v>
      </c>
      <c r="U6478" s="2">
        <v>0</v>
      </c>
      <c r="V6478" s="2">
        <v>0</v>
      </c>
      <c r="W6478" s="2">
        <v>0</v>
      </c>
      <c r="X6478" s="2">
        <v>0</v>
      </c>
      <c r="Y6478" s="2">
        <v>0</v>
      </c>
      <c r="Z6478" s="2">
        <v>0</v>
      </c>
      <c r="AA6478" s="5"/>
      <c r="AB6478" s="5" t="s">
        <v>43</v>
      </c>
      <c r="AC6478" s="5" t="s">
        <v>44</v>
      </c>
      <c r="AD6478" s="2"/>
      <c r="AE6478" s="1"/>
    </row>
    <row r="6479" spans="1:31" ht="14.45">
      <c r="A6479" s="11"/>
      <c r="B6479" s="20"/>
      <c r="C6479" s="2" t="s">
        <v>19909</v>
      </c>
      <c r="D6479" s="14" t="s">
        <v>19910</v>
      </c>
      <c r="E6479" s="2" t="s">
        <v>19911</v>
      </c>
      <c r="F6479" s="2" t="s">
        <v>7208</v>
      </c>
      <c r="G6479" s="8">
        <v>239</v>
      </c>
      <c r="H6479" s="5">
        <v>5</v>
      </c>
      <c r="I6479" s="5" t="s">
        <v>1518</v>
      </c>
      <c r="J6479" s="5" t="s">
        <v>1519</v>
      </c>
      <c r="K6479" s="2" t="s">
        <v>1520</v>
      </c>
      <c r="L6479" s="5" t="s">
        <v>1519</v>
      </c>
      <c r="M6479" s="2" t="s">
        <v>1520</v>
      </c>
      <c r="N6479" s="5" t="s">
        <v>19227</v>
      </c>
      <c r="O6479" s="5" t="s">
        <v>38</v>
      </c>
      <c r="P6479" s="5" t="s">
        <v>39</v>
      </c>
      <c r="Q6479" s="5" t="s">
        <v>40</v>
      </c>
      <c r="R6479" s="5" t="s">
        <v>1487</v>
      </c>
      <c r="S6479" s="5"/>
      <c r="T6479" s="5" t="s">
        <v>42</v>
      </c>
      <c r="U6479" s="2">
        <v>0</v>
      </c>
      <c r="V6479" s="2">
        <v>0</v>
      </c>
      <c r="W6479" s="2">
        <v>0</v>
      </c>
      <c r="X6479" s="2">
        <v>0</v>
      </c>
      <c r="Y6479" s="2">
        <v>0</v>
      </c>
      <c r="Z6479" s="2">
        <v>0</v>
      </c>
      <c r="AA6479" s="5"/>
      <c r="AB6479" s="5" t="s">
        <v>43</v>
      </c>
      <c r="AC6479" s="5" t="s">
        <v>44</v>
      </c>
      <c r="AD6479" s="2"/>
      <c r="AE6479" s="1"/>
    </row>
    <row r="6480" spans="1:31" ht="14.45">
      <c r="A6480" s="11"/>
      <c r="B6480" s="20"/>
      <c r="C6480" s="2" t="s">
        <v>19912</v>
      </c>
      <c r="D6480" s="14" t="s">
        <v>19913</v>
      </c>
      <c r="E6480" s="2" t="s">
        <v>19914</v>
      </c>
      <c r="F6480" s="2" t="s">
        <v>7521</v>
      </c>
      <c r="G6480" s="8">
        <v>239</v>
      </c>
      <c r="H6480" s="5">
        <v>5</v>
      </c>
      <c r="I6480" s="5" t="s">
        <v>1518</v>
      </c>
      <c r="J6480" s="5" t="s">
        <v>1519</v>
      </c>
      <c r="K6480" s="2" t="s">
        <v>1520</v>
      </c>
      <c r="L6480" s="5" t="s">
        <v>1519</v>
      </c>
      <c r="M6480" s="2" t="s">
        <v>1520</v>
      </c>
      <c r="N6480" s="5" t="s">
        <v>19227</v>
      </c>
      <c r="O6480" s="5" t="s">
        <v>38</v>
      </c>
      <c r="P6480" s="5" t="s">
        <v>39</v>
      </c>
      <c r="Q6480" s="5" t="s">
        <v>40</v>
      </c>
      <c r="R6480" s="5" t="s">
        <v>1487</v>
      </c>
      <c r="S6480" s="5"/>
      <c r="T6480" s="5" t="s">
        <v>42</v>
      </c>
      <c r="U6480" s="2">
        <v>0</v>
      </c>
      <c r="V6480" s="2">
        <v>0</v>
      </c>
      <c r="W6480" s="2">
        <v>0</v>
      </c>
      <c r="X6480" s="2">
        <v>0</v>
      </c>
      <c r="Y6480" s="2">
        <v>0</v>
      </c>
      <c r="Z6480" s="2">
        <v>0</v>
      </c>
      <c r="AA6480" s="5"/>
      <c r="AB6480" s="5" t="s">
        <v>43</v>
      </c>
      <c r="AC6480" s="5" t="s">
        <v>44</v>
      </c>
      <c r="AD6480" s="2"/>
      <c r="AE6480" s="1"/>
    </row>
    <row r="6481" spans="1:31" ht="14.45">
      <c r="A6481" s="11"/>
      <c r="B6481" s="20"/>
      <c r="C6481" s="2" t="s">
        <v>19915</v>
      </c>
      <c r="D6481" s="14" t="s">
        <v>19916</v>
      </c>
      <c r="E6481" s="2" t="s">
        <v>19917</v>
      </c>
      <c r="F6481" s="2" t="s">
        <v>7212</v>
      </c>
      <c r="G6481" s="8">
        <v>239</v>
      </c>
      <c r="H6481" s="5">
        <v>5</v>
      </c>
      <c r="I6481" s="5" t="s">
        <v>1518</v>
      </c>
      <c r="J6481" s="5" t="s">
        <v>1519</v>
      </c>
      <c r="K6481" s="2" t="s">
        <v>1520</v>
      </c>
      <c r="L6481" s="5" t="s">
        <v>1519</v>
      </c>
      <c r="M6481" s="2" t="s">
        <v>1520</v>
      </c>
      <c r="N6481" s="5" t="s">
        <v>19227</v>
      </c>
      <c r="O6481" s="5" t="s">
        <v>38</v>
      </c>
      <c r="P6481" s="5" t="s">
        <v>39</v>
      </c>
      <c r="Q6481" s="5" t="s">
        <v>40</v>
      </c>
      <c r="R6481" s="5" t="s">
        <v>1487</v>
      </c>
      <c r="S6481" s="5"/>
      <c r="T6481" s="5" t="s">
        <v>42</v>
      </c>
      <c r="U6481" s="2">
        <v>0</v>
      </c>
      <c r="V6481" s="2">
        <v>0</v>
      </c>
      <c r="W6481" s="2">
        <v>0</v>
      </c>
      <c r="X6481" s="2">
        <v>0</v>
      </c>
      <c r="Y6481" s="2">
        <v>0</v>
      </c>
      <c r="Z6481" s="2">
        <v>0</v>
      </c>
      <c r="AA6481" s="5"/>
      <c r="AB6481" s="5" t="s">
        <v>43</v>
      </c>
      <c r="AC6481" s="5" t="s">
        <v>44</v>
      </c>
      <c r="AD6481" s="2"/>
      <c r="AE6481" s="1"/>
    </row>
    <row r="6482" spans="1:31" ht="14.45">
      <c r="A6482" s="11"/>
      <c r="B6482" s="20"/>
      <c r="C6482" s="2" t="s">
        <v>19918</v>
      </c>
      <c r="D6482" s="14" t="s">
        <v>19919</v>
      </c>
      <c r="E6482" s="2" t="s">
        <v>19920</v>
      </c>
      <c r="F6482" s="2" t="s">
        <v>7528</v>
      </c>
      <c r="G6482" s="8">
        <v>239</v>
      </c>
      <c r="H6482" s="5">
        <v>5</v>
      </c>
      <c r="I6482" s="5" t="s">
        <v>1518</v>
      </c>
      <c r="J6482" s="5" t="s">
        <v>1519</v>
      </c>
      <c r="K6482" s="2" t="s">
        <v>1520</v>
      </c>
      <c r="L6482" s="5" t="s">
        <v>1519</v>
      </c>
      <c r="M6482" s="2" t="s">
        <v>1520</v>
      </c>
      <c r="N6482" s="5" t="s">
        <v>19227</v>
      </c>
      <c r="O6482" s="5" t="s">
        <v>38</v>
      </c>
      <c r="P6482" s="5" t="s">
        <v>39</v>
      </c>
      <c r="Q6482" s="5" t="s">
        <v>40</v>
      </c>
      <c r="R6482" s="5" t="s">
        <v>1487</v>
      </c>
      <c r="S6482" s="5"/>
      <c r="T6482" s="5" t="s">
        <v>42</v>
      </c>
      <c r="U6482" s="2">
        <v>0</v>
      </c>
      <c r="V6482" s="2">
        <v>0</v>
      </c>
      <c r="W6482" s="2">
        <v>0</v>
      </c>
      <c r="X6482" s="2">
        <v>0</v>
      </c>
      <c r="Y6482" s="2">
        <v>0</v>
      </c>
      <c r="Z6482" s="2">
        <v>0</v>
      </c>
      <c r="AA6482" s="5"/>
      <c r="AB6482" s="5" t="s">
        <v>43</v>
      </c>
      <c r="AC6482" s="5" t="s">
        <v>44</v>
      </c>
      <c r="AD6482" s="2"/>
      <c r="AE6482" s="1"/>
    </row>
    <row r="6483" spans="1:31" ht="14.45">
      <c r="A6483" s="11"/>
      <c r="B6483" s="20"/>
      <c r="C6483" s="2" t="s">
        <v>19921</v>
      </c>
      <c r="D6483" s="14" t="s">
        <v>19922</v>
      </c>
      <c r="E6483" s="2" t="s">
        <v>19923</v>
      </c>
      <c r="F6483" s="2" t="s">
        <v>7396</v>
      </c>
      <c r="G6483" s="8">
        <v>254</v>
      </c>
      <c r="H6483" s="5">
        <v>5</v>
      </c>
      <c r="I6483" s="5" t="s">
        <v>1518</v>
      </c>
      <c r="J6483" s="5" t="s">
        <v>1519</v>
      </c>
      <c r="K6483" s="2" t="s">
        <v>1520</v>
      </c>
      <c r="L6483" s="5" t="s">
        <v>1519</v>
      </c>
      <c r="M6483" s="2" t="s">
        <v>1520</v>
      </c>
      <c r="N6483" s="5" t="s">
        <v>19227</v>
      </c>
      <c r="O6483" s="5" t="s">
        <v>38</v>
      </c>
      <c r="P6483" s="5" t="s">
        <v>39</v>
      </c>
      <c r="Q6483" s="5" t="s">
        <v>40</v>
      </c>
      <c r="R6483" s="5" t="s">
        <v>1487</v>
      </c>
      <c r="S6483" s="5"/>
      <c r="T6483" s="5" t="s">
        <v>42</v>
      </c>
      <c r="U6483" s="2">
        <v>0</v>
      </c>
      <c r="V6483" s="2">
        <v>0</v>
      </c>
      <c r="W6483" s="2">
        <v>0</v>
      </c>
      <c r="X6483" s="2">
        <v>0</v>
      </c>
      <c r="Y6483" s="2">
        <v>0</v>
      </c>
      <c r="Z6483" s="2">
        <v>0</v>
      </c>
      <c r="AA6483" s="5"/>
      <c r="AB6483" s="5" t="s">
        <v>43</v>
      </c>
      <c r="AC6483" s="5" t="s">
        <v>44</v>
      </c>
      <c r="AD6483" s="2"/>
      <c r="AE6483" s="1"/>
    </row>
    <row r="6484" spans="1:31" ht="14.45">
      <c r="A6484" s="11"/>
      <c r="B6484" s="20"/>
      <c r="C6484" s="2" t="s">
        <v>19924</v>
      </c>
      <c r="D6484" s="14" t="s">
        <v>19925</v>
      </c>
      <c r="E6484" s="2" t="s">
        <v>19926</v>
      </c>
      <c r="F6484" s="2" t="s">
        <v>7507</v>
      </c>
      <c r="G6484" s="8">
        <v>254</v>
      </c>
      <c r="H6484" s="5">
        <v>5</v>
      </c>
      <c r="I6484" s="5" t="s">
        <v>1518</v>
      </c>
      <c r="J6484" s="5" t="s">
        <v>1519</v>
      </c>
      <c r="K6484" s="2" t="s">
        <v>1520</v>
      </c>
      <c r="L6484" s="5" t="s">
        <v>1519</v>
      </c>
      <c r="M6484" s="2" t="s">
        <v>1520</v>
      </c>
      <c r="N6484" s="5" t="s">
        <v>19227</v>
      </c>
      <c r="O6484" s="5" t="s">
        <v>38</v>
      </c>
      <c r="P6484" s="5" t="s">
        <v>39</v>
      </c>
      <c r="Q6484" s="5" t="s">
        <v>40</v>
      </c>
      <c r="R6484" s="5" t="s">
        <v>1487</v>
      </c>
      <c r="S6484" s="5"/>
      <c r="T6484" s="5" t="s">
        <v>42</v>
      </c>
      <c r="U6484" s="2">
        <v>0</v>
      </c>
      <c r="V6484" s="2">
        <v>0</v>
      </c>
      <c r="W6484" s="2">
        <v>0</v>
      </c>
      <c r="X6484" s="2">
        <v>0</v>
      </c>
      <c r="Y6484" s="2">
        <v>0</v>
      </c>
      <c r="Z6484" s="2">
        <v>0</v>
      </c>
      <c r="AA6484" s="5"/>
      <c r="AB6484" s="5" t="s">
        <v>43</v>
      </c>
      <c r="AC6484" s="5" t="s">
        <v>44</v>
      </c>
      <c r="AD6484" s="2"/>
      <c r="AE6484" s="1"/>
    </row>
    <row r="6485" spans="1:31" ht="14.45">
      <c r="A6485" s="11"/>
      <c r="B6485" s="20"/>
      <c r="C6485" s="2" t="s">
        <v>19927</v>
      </c>
      <c r="D6485" s="14" t="s">
        <v>19928</v>
      </c>
      <c r="E6485" s="2" t="s">
        <v>19929</v>
      </c>
      <c r="F6485" s="2" t="s">
        <v>7204</v>
      </c>
      <c r="G6485" s="8">
        <v>254</v>
      </c>
      <c r="H6485" s="5">
        <v>5</v>
      </c>
      <c r="I6485" s="5" t="s">
        <v>1518</v>
      </c>
      <c r="J6485" s="5" t="s">
        <v>1519</v>
      </c>
      <c r="K6485" s="2" t="s">
        <v>1520</v>
      </c>
      <c r="L6485" s="5" t="s">
        <v>1519</v>
      </c>
      <c r="M6485" s="2" t="s">
        <v>1520</v>
      </c>
      <c r="N6485" s="5" t="s">
        <v>19227</v>
      </c>
      <c r="O6485" s="5" t="s">
        <v>38</v>
      </c>
      <c r="P6485" s="5" t="s">
        <v>39</v>
      </c>
      <c r="Q6485" s="5" t="s">
        <v>40</v>
      </c>
      <c r="R6485" s="5" t="s">
        <v>1487</v>
      </c>
      <c r="S6485" s="5"/>
      <c r="T6485" s="5" t="s">
        <v>42</v>
      </c>
      <c r="U6485" s="2">
        <v>0</v>
      </c>
      <c r="V6485" s="2">
        <v>0</v>
      </c>
      <c r="W6485" s="2">
        <v>0</v>
      </c>
      <c r="X6485" s="2">
        <v>0</v>
      </c>
      <c r="Y6485" s="2">
        <v>0</v>
      </c>
      <c r="Z6485" s="2">
        <v>0</v>
      </c>
      <c r="AA6485" s="5"/>
      <c r="AB6485" s="5" t="s">
        <v>43</v>
      </c>
      <c r="AC6485" s="5" t="s">
        <v>44</v>
      </c>
      <c r="AD6485" s="2"/>
      <c r="AE6485" s="1"/>
    </row>
    <row r="6486" spans="1:31" ht="14.45">
      <c r="A6486" s="11"/>
      <c r="B6486" s="20"/>
      <c r="C6486" s="2" t="s">
        <v>19930</v>
      </c>
      <c r="D6486" s="14" t="s">
        <v>19931</v>
      </c>
      <c r="E6486" s="2" t="s">
        <v>19932</v>
      </c>
      <c r="F6486" s="2" t="s">
        <v>7514</v>
      </c>
      <c r="G6486" s="8">
        <v>254</v>
      </c>
      <c r="H6486" s="5">
        <v>5</v>
      </c>
      <c r="I6486" s="5" t="s">
        <v>1518</v>
      </c>
      <c r="J6486" s="5" t="s">
        <v>1519</v>
      </c>
      <c r="K6486" s="2" t="s">
        <v>1520</v>
      </c>
      <c r="L6486" s="5" t="s">
        <v>1519</v>
      </c>
      <c r="M6486" s="2" t="s">
        <v>1520</v>
      </c>
      <c r="N6486" s="5" t="s">
        <v>19227</v>
      </c>
      <c r="O6486" s="5" t="s">
        <v>38</v>
      </c>
      <c r="P6486" s="5" t="s">
        <v>39</v>
      </c>
      <c r="Q6486" s="5" t="s">
        <v>40</v>
      </c>
      <c r="R6486" s="5" t="s">
        <v>1487</v>
      </c>
      <c r="S6486" s="5"/>
      <c r="T6486" s="5" t="s">
        <v>42</v>
      </c>
      <c r="U6486" s="2">
        <v>0</v>
      </c>
      <c r="V6486" s="2">
        <v>0</v>
      </c>
      <c r="W6486" s="2">
        <v>0</v>
      </c>
      <c r="X6486" s="2">
        <v>0</v>
      </c>
      <c r="Y6486" s="2">
        <v>0</v>
      </c>
      <c r="Z6486" s="2">
        <v>0</v>
      </c>
      <c r="AA6486" s="5"/>
      <c r="AB6486" s="5" t="s">
        <v>43</v>
      </c>
      <c r="AC6486" s="5" t="s">
        <v>44</v>
      </c>
      <c r="AD6486" s="2"/>
      <c r="AE6486" s="1"/>
    </row>
    <row r="6487" spans="1:31" ht="14.45">
      <c r="A6487" s="11"/>
      <c r="B6487" s="20"/>
      <c r="C6487" s="2" t="s">
        <v>19933</v>
      </c>
      <c r="D6487" s="14" t="s">
        <v>19934</v>
      </c>
      <c r="E6487" s="2" t="s">
        <v>19935</v>
      </c>
      <c r="F6487" s="2" t="s">
        <v>7208</v>
      </c>
      <c r="G6487" s="8">
        <v>254</v>
      </c>
      <c r="H6487" s="5">
        <v>5</v>
      </c>
      <c r="I6487" s="5" t="s">
        <v>1518</v>
      </c>
      <c r="J6487" s="5" t="s">
        <v>1519</v>
      </c>
      <c r="K6487" s="2" t="s">
        <v>1520</v>
      </c>
      <c r="L6487" s="5" t="s">
        <v>1519</v>
      </c>
      <c r="M6487" s="2" t="s">
        <v>1520</v>
      </c>
      <c r="N6487" s="5" t="s">
        <v>19227</v>
      </c>
      <c r="O6487" s="5" t="s">
        <v>38</v>
      </c>
      <c r="P6487" s="5" t="s">
        <v>39</v>
      </c>
      <c r="Q6487" s="5" t="s">
        <v>40</v>
      </c>
      <c r="R6487" s="5" t="s">
        <v>1487</v>
      </c>
      <c r="S6487" s="5"/>
      <c r="T6487" s="5" t="s">
        <v>42</v>
      </c>
      <c r="U6487" s="2">
        <v>0</v>
      </c>
      <c r="V6487" s="2">
        <v>0</v>
      </c>
      <c r="W6487" s="2">
        <v>0</v>
      </c>
      <c r="X6487" s="2">
        <v>0</v>
      </c>
      <c r="Y6487" s="2">
        <v>0</v>
      </c>
      <c r="Z6487" s="2">
        <v>0</v>
      </c>
      <c r="AA6487" s="5"/>
      <c r="AB6487" s="5" t="s">
        <v>43</v>
      </c>
      <c r="AC6487" s="5" t="s">
        <v>44</v>
      </c>
      <c r="AD6487" s="2"/>
      <c r="AE6487" s="1"/>
    </row>
    <row r="6488" spans="1:31" ht="14.45">
      <c r="A6488" s="11"/>
      <c r="B6488" s="20"/>
      <c r="C6488" s="2" t="s">
        <v>19936</v>
      </c>
      <c r="D6488" s="14" t="s">
        <v>19937</v>
      </c>
      <c r="E6488" s="2" t="s">
        <v>19938</v>
      </c>
      <c r="F6488" s="2" t="s">
        <v>7521</v>
      </c>
      <c r="G6488" s="8">
        <v>254</v>
      </c>
      <c r="H6488" s="5">
        <v>5</v>
      </c>
      <c r="I6488" s="5" t="s">
        <v>1518</v>
      </c>
      <c r="J6488" s="5" t="s">
        <v>1519</v>
      </c>
      <c r="K6488" s="2" t="s">
        <v>1520</v>
      </c>
      <c r="L6488" s="5" t="s">
        <v>1519</v>
      </c>
      <c r="M6488" s="2" t="s">
        <v>1520</v>
      </c>
      <c r="N6488" s="5" t="s">
        <v>19227</v>
      </c>
      <c r="O6488" s="5" t="s">
        <v>38</v>
      </c>
      <c r="P6488" s="5" t="s">
        <v>39</v>
      </c>
      <c r="Q6488" s="5" t="s">
        <v>40</v>
      </c>
      <c r="R6488" s="5" t="s">
        <v>1487</v>
      </c>
      <c r="S6488" s="5"/>
      <c r="T6488" s="5" t="s">
        <v>42</v>
      </c>
      <c r="U6488" s="2">
        <v>0</v>
      </c>
      <c r="V6488" s="2">
        <v>0</v>
      </c>
      <c r="W6488" s="2">
        <v>0</v>
      </c>
      <c r="X6488" s="2">
        <v>0</v>
      </c>
      <c r="Y6488" s="2">
        <v>0</v>
      </c>
      <c r="Z6488" s="2">
        <v>0</v>
      </c>
      <c r="AA6488" s="5"/>
      <c r="AB6488" s="5" t="s">
        <v>43</v>
      </c>
      <c r="AC6488" s="5" t="s">
        <v>44</v>
      </c>
      <c r="AD6488" s="2"/>
      <c r="AE6488" s="1"/>
    </row>
    <row r="6489" spans="1:31" ht="14.45">
      <c r="A6489" s="11"/>
      <c r="B6489" s="20"/>
      <c r="C6489" s="2" t="s">
        <v>19939</v>
      </c>
      <c r="D6489" s="14" t="s">
        <v>19940</v>
      </c>
      <c r="E6489" s="2" t="s">
        <v>19941</v>
      </c>
      <c r="F6489" s="2" t="s">
        <v>7212</v>
      </c>
      <c r="G6489" s="8">
        <v>254</v>
      </c>
      <c r="H6489" s="5">
        <v>5</v>
      </c>
      <c r="I6489" s="5" t="s">
        <v>1518</v>
      </c>
      <c r="J6489" s="5" t="s">
        <v>1519</v>
      </c>
      <c r="K6489" s="2" t="s">
        <v>1520</v>
      </c>
      <c r="L6489" s="5" t="s">
        <v>1519</v>
      </c>
      <c r="M6489" s="2" t="s">
        <v>1520</v>
      </c>
      <c r="N6489" s="5" t="s">
        <v>19227</v>
      </c>
      <c r="O6489" s="5" t="s">
        <v>38</v>
      </c>
      <c r="P6489" s="5" t="s">
        <v>39</v>
      </c>
      <c r="Q6489" s="5" t="s">
        <v>40</v>
      </c>
      <c r="R6489" s="5" t="s">
        <v>1487</v>
      </c>
      <c r="S6489" s="5"/>
      <c r="T6489" s="5" t="s">
        <v>42</v>
      </c>
      <c r="U6489" s="2">
        <v>0</v>
      </c>
      <c r="V6489" s="2">
        <v>0</v>
      </c>
      <c r="W6489" s="2">
        <v>0</v>
      </c>
      <c r="X6489" s="2">
        <v>0</v>
      </c>
      <c r="Y6489" s="2">
        <v>0</v>
      </c>
      <c r="Z6489" s="2">
        <v>0</v>
      </c>
      <c r="AA6489" s="5"/>
      <c r="AB6489" s="5" t="s">
        <v>43</v>
      </c>
      <c r="AC6489" s="5" t="s">
        <v>44</v>
      </c>
      <c r="AD6489" s="2"/>
      <c r="AE6489" s="1"/>
    </row>
    <row r="6490" spans="1:31" ht="14.45">
      <c r="A6490" s="11"/>
      <c r="B6490" s="20"/>
      <c r="C6490" s="2" t="s">
        <v>19942</v>
      </c>
      <c r="D6490" s="14" t="s">
        <v>19943</v>
      </c>
      <c r="E6490" s="2" t="s">
        <v>19944</v>
      </c>
      <c r="F6490" s="2" t="s">
        <v>7528</v>
      </c>
      <c r="G6490" s="8">
        <v>254</v>
      </c>
      <c r="H6490" s="5">
        <v>5</v>
      </c>
      <c r="I6490" s="5" t="s">
        <v>1518</v>
      </c>
      <c r="J6490" s="5" t="s">
        <v>1519</v>
      </c>
      <c r="K6490" s="2" t="s">
        <v>1520</v>
      </c>
      <c r="L6490" s="5" t="s">
        <v>1519</v>
      </c>
      <c r="M6490" s="2" t="s">
        <v>1520</v>
      </c>
      <c r="N6490" s="5" t="s">
        <v>19227</v>
      </c>
      <c r="O6490" s="5" t="s">
        <v>38</v>
      </c>
      <c r="P6490" s="5" t="s">
        <v>39</v>
      </c>
      <c r="Q6490" s="5" t="s">
        <v>40</v>
      </c>
      <c r="R6490" s="5" t="s">
        <v>1487</v>
      </c>
      <c r="S6490" s="5"/>
      <c r="T6490" s="5" t="s">
        <v>42</v>
      </c>
      <c r="U6490" s="2">
        <v>0</v>
      </c>
      <c r="V6490" s="2">
        <v>0</v>
      </c>
      <c r="W6490" s="2">
        <v>0</v>
      </c>
      <c r="X6490" s="2">
        <v>0</v>
      </c>
      <c r="Y6490" s="2">
        <v>0</v>
      </c>
      <c r="Z6490" s="2">
        <v>0</v>
      </c>
      <c r="AA6490" s="5"/>
      <c r="AB6490" s="5" t="s">
        <v>43</v>
      </c>
      <c r="AC6490" s="5" t="s">
        <v>44</v>
      </c>
      <c r="AD6490" s="2"/>
      <c r="AE6490" s="1"/>
    </row>
    <row r="6491" spans="1:31" ht="14.45">
      <c r="A6491" s="11"/>
      <c r="B6491" s="20"/>
      <c r="C6491" s="2" t="s">
        <v>19945</v>
      </c>
      <c r="D6491" s="14" t="s">
        <v>19946</v>
      </c>
      <c r="E6491" s="2" t="s">
        <v>19947</v>
      </c>
      <c r="F6491" s="2" t="s">
        <v>7396</v>
      </c>
      <c r="G6491" s="8">
        <v>245</v>
      </c>
      <c r="H6491" s="5">
        <v>5</v>
      </c>
      <c r="I6491" s="5" t="s">
        <v>1518</v>
      </c>
      <c r="J6491" s="5" t="s">
        <v>1519</v>
      </c>
      <c r="K6491" s="2" t="s">
        <v>1520</v>
      </c>
      <c r="L6491" s="5" t="s">
        <v>1519</v>
      </c>
      <c r="M6491" s="2" t="s">
        <v>1520</v>
      </c>
      <c r="N6491" s="5" t="s">
        <v>19227</v>
      </c>
      <c r="O6491" s="5" t="s">
        <v>38</v>
      </c>
      <c r="P6491" s="5" t="s">
        <v>39</v>
      </c>
      <c r="Q6491" s="5" t="s">
        <v>40</v>
      </c>
      <c r="R6491" s="5" t="s">
        <v>1487</v>
      </c>
      <c r="S6491" s="5"/>
      <c r="T6491" s="5" t="s">
        <v>42</v>
      </c>
      <c r="U6491" s="2">
        <v>0</v>
      </c>
      <c r="V6491" s="2">
        <v>0</v>
      </c>
      <c r="W6491" s="2">
        <v>0</v>
      </c>
      <c r="X6491" s="2">
        <v>0</v>
      </c>
      <c r="Y6491" s="2">
        <v>0</v>
      </c>
      <c r="Z6491" s="2">
        <v>0</v>
      </c>
      <c r="AA6491" s="5"/>
      <c r="AB6491" s="5" t="s">
        <v>43</v>
      </c>
      <c r="AC6491" s="5" t="s">
        <v>44</v>
      </c>
      <c r="AD6491" s="2"/>
      <c r="AE6491" s="1"/>
    </row>
    <row r="6492" spans="1:31" ht="14.45">
      <c r="A6492" s="11"/>
      <c r="B6492" s="20"/>
      <c r="C6492" s="2" t="s">
        <v>19948</v>
      </c>
      <c r="D6492" s="14" t="s">
        <v>19949</v>
      </c>
      <c r="E6492" s="2" t="s">
        <v>19950</v>
      </c>
      <c r="F6492" s="2" t="s">
        <v>7507</v>
      </c>
      <c r="G6492" s="8">
        <v>245</v>
      </c>
      <c r="H6492" s="5">
        <v>5</v>
      </c>
      <c r="I6492" s="5" t="s">
        <v>1518</v>
      </c>
      <c r="J6492" s="5" t="s">
        <v>1519</v>
      </c>
      <c r="K6492" s="2" t="s">
        <v>1520</v>
      </c>
      <c r="L6492" s="5" t="s">
        <v>1519</v>
      </c>
      <c r="M6492" s="2" t="s">
        <v>1520</v>
      </c>
      <c r="N6492" s="5" t="s">
        <v>19227</v>
      </c>
      <c r="O6492" s="5" t="s">
        <v>38</v>
      </c>
      <c r="P6492" s="5" t="s">
        <v>39</v>
      </c>
      <c r="Q6492" s="5" t="s">
        <v>40</v>
      </c>
      <c r="R6492" s="5" t="s">
        <v>1487</v>
      </c>
      <c r="S6492" s="5"/>
      <c r="T6492" s="5" t="s">
        <v>42</v>
      </c>
      <c r="U6492" s="2">
        <v>0</v>
      </c>
      <c r="V6492" s="2">
        <v>0</v>
      </c>
      <c r="W6492" s="2">
        <v>0</v>
      </c>
      <c r="X6492" s="2">
        <v>0</v>
      </c>
      <c r="Y6492" s="2">
        <v>0</v>
      </c>
      <c r="Z6492" s="2">
        <v>0</v>
      </c>
      <c r="AA6492" s="5"/>
      <c r="AB6492" s="5" t="s">
        <v>43</v>
      </c>
      <c r="AC6492" s="5" t="s">
        <v>44</v>
      </c>
      <c r="AD6492" s="2"/>
      <c r="AE6492" s="1"/>
    </row>
    <row r="6493" spans="1:31" ht="14.45">
      <c r="A6493" s="11"/>
      <c r="B6493" s="20"/>
      <c r="C6493" s="2" t="s">
        <v>19951</v>
      </c>
      <c r="D6493" s="14" t="s">
        <v>19952</v>
      </c>
      <c r="E6493" s="2" t="s">
        <v>19953</v>
      </c>
      <c r="F6493" s="2" t="s">
        <v>7204</v>
      </c>
      <c r="G6493" s="8">
        <v>245</v>
      </c>
      <c r="H6493" s="5">
        <v>5</v>
      </c>
      <c r="I6493" s="5" t="s">
        <v>1518</v>
      </c>
      <c r="J6493" s="5" t="s">
        <v>1519</v>
      </c>
      <c r="K6493" s="2" t="s">
        <v>1520</v>
      </c>
      <c r="L6493" s="5" t="s">
        <v>1519</v>
      </c>
      <c r="M6493" s="2" t="s">
        <v>1520</v>
      </c>
      <c r="N6493" s="5" t="s">
        <v>19227</v>
      </c>
      <c r="O6493" s="5" t="s">
        <v>38</v>
      </c>
      <c r="P6493" s="5" t="s">
        <v>39</v>
      </c>
      <c r="Q6493" s="5" t="s">
        <v>40</v>
      </c>
      <c r="R6493" s="5" t="s">
        <v>1487</v>
      </c>
      <c r="S6493" s="5"/>
      <c r="T6493" s="5" t="s">
        <v>42</v>
      </c>
      <c r="U6493" s="2">
        <v>0</v>
      </c>
      <c r="V6493" s="2">
        <v>0</v>
      </c>
      <c r="W6493" s="2">
        <v>0</v>
      </c>
      <c r="X6493" s="2">
        <v>0</v>
      </c>
      <c r="Y6493" s="2">
        <v>0</v>
      </c>
      <c r="Z6493" s="2">
        <v>0</v>
      </c>
      <c r="AA6493" s="5"/>
      <c r="AB6493" s="5" t="s">
        <v>43</v>
      </c>
      <c r="AC6493" s="5" t="s">
        <v>44</v>
      </c>
      <c r="AD6493" s="2"/>
      <c r="AE6493" s="1"/>
    </row>
    <row r="6494" spans="1:31" ht="14.45">
      <c r="A6494" s="11"/>
      <c r="B6494" s="20"/>
      <c r="C6494" s="2" t="s">
        <v>19954</v>
      </c>
      <c r="D6494" s="14" t="s">
        <v>19955</v>
      </c>
      <c r="E6494" s="2" t="s">
        <v>19956</v>
      </c>
      <c r="F6494" s="2" t="s">
        <v>7514</v>
      </c>
      <c r="G6494" s="8">
        <v>245</v>
      </c>
      <c r="H6494" s="5">
        <v>5</v>
      </c>
      <c r="I6494" s="5" t="s">
        <v>1518</v>
      </c>
      <c r="J6494" s="5" t="s">
        <v>1519</v>
      </c>
      <c r="K6494" s="2" t="s">
        <v>1520</v>
      </c>
      <c r="L6494" s="5" t="s">
        <v>1519</v>
      </c>
      <c r="M6494" s="2" t="s">
        <v>1520</v>
      </c>
      <c r="N6494" s="5" t="s">
        <v>19227</v>
      </c>
      <c r="O6494" s="5" t="s">
        <v>38</v>
      </c>
      <c r="P6494" s="5" t="s">
        <v>39</v>
      </c>
      <c r="Q6494" s="5" t="s">
        <v>40</v>
      </c>
      <c r="R6494" s="5" t="s">
        <v>1487</v>
      </c>
      <c r="S6494" s="5"/>
      <c r="T6494" s="5" t="s">
        <v>42</v>
      </c>
      <c r="U6494" s="2">
        <v>0</v>
      </c>
      <c r="V6494" s="2">
        <v>0</v>
      </c>
      <c r="W6494" s="2">
        <v>0</v>
      </c>
      <c r="X6494" s="2">
        <v>0</v>
      </c>
      <c r="Y6494" s="2">
        <v>0</v>
      </c>
      <c r="Z6494" s="2">
        <v>0</v>
      </c>
      <c r="AA6494" s="5"/>
      <c r="AB6494" s="5" t="s">
        <v>43</v>
      </c>
      <c r="AC6494" s="5" t="s">
        <v>44</v>
      </c>
      <c r="AD6494" s="2"/>
      <c r="AE6494" s="1"/>
    </row>
    <row r="6495" spans="1:31" ht="14.45">
      <c r="A6495" s="11"/>
      <c r="B6495" s="20"/>
      <c r="C6495" s="2" t="s">
        <v>19957</v>
      </c>
      <c r="D6495" s="14" t="s">
        <v>19958</v>
      </c>
      <c r="E6495" s="2" t="s">
        <v>19959</v>
      </c>
      <c r="F6495" s="2" t="s">
        <v>7208</v>
      </c>
      <c r="G6495" s="8">
        <v>245</v>
      </c>
      <c r="H6495" s="5">
        <v>5</v>
      </c>
      <c r="I6495" s="5" t="s">
        <v>1518</v>
      </c>
      <c r="J6495" s="5" t="s">
        <v>1519</v>
      </c>
      <c r="K6495" s="2" t="s">
        <v>1520</v>
      </c>
      <c r="L6495" s="5" t="s">
        <v>1519</v>
      </c>
      <c r="M6495" s="2" t="s">
        <v>1520</v>
      </c>
      <c r="N6495" s="5" t="s">
        <v>19227</v>
      </c>
      <c r="O6495" s="5" t="s">
        <v>38</v>
      </c>
      <c r="P6495" s="5" t="s">
        <v>39</v>
      </c>
      <c r="Q6495" s="5" t="s">
        <v>40</v>
      </c>
      <c r="R6495" s="5" t="s">
        <v>1487</v>
      </c>
      <c r="S6495" s="5"/>
      <c r="T6495" s="5" t="s">
        <v>42</v>
      </c>
      <c r="U6495" s="2">
        <v>0</v>
      </c>
      <c r="V6495" s="2">
        <v>0</v>
      </c>
      <c r="W6495" s="2">
        <v>0</v>
      </c>
      <c r="X6495" s="2">
        <v>0</v>
      </c>
      <c r="Y6495" s="2">
        <v>0</v>
      </c>
      <c r="Z6495" s="2">
        <v>0</v>
      </c>
      <c r="AA6495" s="5"/>
      <c r="AB6495" s="5" t="s">
        <v>43</v>
      </c>
      <c r="AC6495" s="5" t="s">
        <v>44</v>
      </c>
      <c r="AD6495" s="2"/>
      <c r="AE6495" s="1"/>
    </row>
    <row r="6496" spans="1:31" ht="14.45">
      <c r="A6496" s="11"/>
      <c r="B6496" s="20"/>
      <c r="C6496" s="2" t="s">
        <v>19960</v>
      </c>
      <c r="D6496" s="14" t="s">
        <v>19961</v>
      </c>
      <c r="E6496" s="2" t="s">
        <v>19962</v>
      </c>
      <c r="F6496" s="2" t="s">
        <v>7521</v>
      </c>
      <c r="G6496" s="8">
        <v>245</v>
      </c>
      <c r="H6496" s="5">
        <v>5</v>
      </c>
      <c r="I6496" s="5" t="s">
        <v>1518</v>
      </c>
      <c r="J6496" s="5" t="s">
        <v>1519</v>
      </c>
      <c r="K6496" s="2" t="s">
        <v>1520</v>
      </c>
      <c r="L6496" s="5" t="s">
        <v>1519</v>
      </c>
      <c r="M6496" s="2" t="s">
        <v>1520</v>
      </c>
      <c r="N6496" s="5" t="s">
        <v>19227</v>
      </c>
      <c r="O6496" s="5" t="s">
        <v>38</v>
      </c>
      <c r="P6496" s="5" t="s">
        <v>39</v>
      </c>
      <c r="Q6496" s="5" t="s">
        <v>40</v>
      </c>
      <c r="R6496" s="5" t="s">
        <v>1487</v>
      </c>
      <c r="S6496" s="5"/>
      <c r="T6496" s="5" t="s">
        <v>42</v>
      </c>
      <c r="U6496" s="2">
        <v>0</v>
      </c>
      <c r="V6496" s="2">
        <v>0</v>
      </c>
      <c r="W6496" s="2">
        <v>0</v>
      </c>
      <c r="X6496" s="2">
        <v>0</v>
      </c>
      <c r="Y6496" s="2">
        <v>0</v>
      </c>
      <c r="Z6496" s="2">
        <v>0</v>
      </c>
      <c r="AA6496" s="5"/>
      <c r="AB6496" s="5" t="s">
        <v>43</v>
      </c>
      <c r="AC6496" s="5" t="s">
        <v>44</v>
      </c>
      <c r="AD6496" s="2"/>
      <c r="AE6496" s="1"/>
    </row>
    <row r="6497" spans="1:31" ht="14.45">
      <c r="A6497" s="11"/>
      <c r="B6497" s="20"/>
      <c r="C6497" s="2" t="s">
        <v>19963</v>
      </c>
      <c r="D6497" s="14" t="s">
        <v>19964</v>
      </c>
      <c r="E6497" s="2" t="s">
        <v>19965</v>
      </c>
      <c r="F6497" s="2" t="s">
        <v>7212</v>
      </c>
      <c r="G6497" s="8">
        <v>245</v>
      </c>
      <c r="H6497" s="5">
        <v>5</v>
      </c>
      <c r="I6497" s="5" t="s">
        <v>1518</v>
      </c>
      <c r="J6497" s="5" t="s">
        <v>1519</v>
      </c>
      <c r="K6497" s="2" t="s">
        <v>1520</v>
      </c>
      <c r="L6497" s="5" t="s">
        <v>1519</v>
      </c>
      <c r="M6497" s="2" t="s">
        <v>1520</v>
      </c>
      <c r="N6497" s="5" t="s">
        <v>19227</v>
      </c>
      <c r="O6497" s="5" t="s">
        <v>38</v>
      </c>
      <c r="P6497" s="5" t="s">
        <v>39</v>
      </c>
      <c r="Q6497" s="5" t="s">
        <v>40</v>
      </c>
      <c r="R6497" s="5" t="s">
        <v>1487</v>
      </c>
      <c r="S6497" s="5"/>
      <c r="T6497" s="5" t="s">
        <v>42</v>
      </c>
      <c r="U6497" s="2">
        <v>0</v>
      </c>
      <c r="V6497" s="2">
        <v>0</v>
      </c>
      <c r="W6497" s="2">
        <v>0</v>
      </c>
      <c r="X6497" s="2">
        <v>0</v>
      </c>
      <c r="Y6497" s="2">
        <v>0</v>
      </c>
      <c r="Z6497" s="2">
        <v>0</v>
      </c>
      <c r="AA6497" s="5"/>
      <c r="AB6497" s="5" t="s">
        <v>43</v>
      </c>
      <c r="AC6497" s="5" t="s">
        <v>44</v>
      </c>
      <c r="AD6497" s="2"/>
      <c r="AE6497" s="1"/>
    </row>
    <row r="6498" spans="1:31" ht="14.45">
      <c r="A6498" s="11"/>
      <c r="B6498" s="20"/>
      <c r="C6498" s="2" t="s">
        <v>19966</v>
      </c>
      <c r="D6498" s="14" t="s">
        <v>19967</v>
      </c>
      <c r="E6498" s="2" t="s">
        <v>19968</v>
      </c>
      <c r="F6498" s="2" t="s">
        <v>7528</v>
      </c>
      <c r="G6498" s="8">
        <v>245</v>
      </c>
      <c r="H6498" s="5">
        <v>5</v>
      </c>
      <c r="I6498" s="5" t="s">
        <v>1518</v>
      </c>
      <c r="J6498" s="5" t="s">
        <v>1519</v>
      </c>
      <c r="K6498" s="2" t="s">
        <v>1520</v>
      </c>
      <c r="L6498" s="5" t="s">
        <v>1519</v>
      </c>
      <c r="M6498" s="2" t="s">
        <v>1520</v>
      </c>
      <c r="N6498" s="5" t="s">
        <v>19227</v>
      </c>
      <c r="O6498" s="5" t="s">
        <v>38</v>
      </c>
      <c r="P6498" s="5" t="s">
        <v>39</v>
      </c>
      <c r="Q6498" s="5" t="s">
        <v>40</v>
      </c>
      <c r="R6498" s="5" t="s">
        <v>1487</v>
      </c>
      <c r="S6498" s="5"/>
      <c r="T6498" s="5" t="s">
        <v>42</v>
      </c>
      <c r="U6498" s="2">
        <v>0</v>
      </c>
      <c r="V6498" s="2">
        <v>0</v>
      </c>
      <c r="W6498" s="2">
        <v>0</v>
      </c>
      <c r="X6498" s="2">
        <v>0</v>
      </c>
      <c r="Y6498" s="2">
        <v>0</v>
      </c>
      <c r="Z6498" s="2">
        <v>0</v>
      </c>
      <c r="AA6498" s="5"/>
      <c r="AB6498" s="5" t="s">
        <v>43</v>
      </c>
      <c r="AC6498" s="5" t="s">
        <v>44</v>
      </c>
      <c r="AD6498" s="2"/>
      <c r="AE6498" s="1"/>
    </row>
    <row r="6499" spans="1:31" ht="14.45">
      <c r="A6499" s="11"/>
      <c r="B6499" s="20"/>
      <c r="C6499" s="2" t="s">
        <v>19969</v>
      </c>
      <c r="D6499" s="14" t="s">
        <v>19970</v>
      </c>
      <c r="E6499" s="2" t="s">
        <v>19971</v>
      </c>
      <c r="F6499" s="2" t="s">
        <v>7396</v>
      </c>
      <c r="G6499" s="8">
        <v>252</v>
      </c>
      <c r="H6499" s="5">
        <v>5</v>
      </c>
      <c r="I6499" s="5" t="s">
        <v>1518</v>
      </c>
      <c r="J6499" s="5" t="s">
        <v>1519</v>
      </c>
      <c r="K6499" s="2" t="s">
        <v>1520</v>
      </c>
      <c r="L6499" s="5" t="s">
        <v>1519</v>
      </c>
      <c r="M6499" s="2" t="s">
        <v>1520</v>
      </c>
      <c r="N6499" s="5" t="s">
        <v>19227</v>
      </c>
      <c r="O6499" s="5" t="s">
        <v>38</v>
      </c>
      <c r="P6499" s="5" t="s">
        <v>39</v>
      </c>
      <c r="Q6499" s="5" t="s">
        <v>40</v>
      </c>
      <c r="R6499" s="5" t="s">
        <v>1487</v>
      </c>
      <c r="S6499" s="5"/>
      <c r="T6499" s="5" t="s">
        <v>42</v>
      </c>
      <c r="U6499" s="2">
        <v>0</v>
      </c>
      <c r="V6499" s="2">
        <v>0</v>
      </c>
      <c r="W6499" s="2">
        <v>0</v>
      </c>
      <c r="X6499" s="2">
        <v>0</v>
      </c>
      <c r="Y6499" s="2">
        <v>0</v>
      </c>
      <c r="Z6499" s="2">
        <v>0</v>
      </c>
      <c r="AA6499" s="5"/>
      <c r="AB6499" s="5" t="s">
        <v>43</v>
      </c>
      <c r="AC6499" s="5" t="s">
        <v>44</v>
      </c>
      <c r="AD6499" s="2"/>
      <c r="AE6499" s="1"/>
    </row>
    <row r="6500" spans="1:31" ht="14.45">
      <c r="A6500" s="11"/>
      <c r="B6500" s="20"/>
      <c r="C6500" s="2" t="s">
        <v>19972</v>
      </c>
      <c r="D6500" s="14" t="s">
        <v>19973</v>
      </c>
      <c r="E6500" s="2" t="s">
        <v>19974</v>
      </c>
      <c r="F6500" s="2" t="s">
        <v>7507</v>
      </c>
      <c r="G6500" s="8">
        <v>252</v>
      </c>
      <c r="H6500" s="5">
        <v>5</v>
      </c>
      <c r="I6500" s="5" t="s">
        <v>1518</v>
      </c>
      <c r="J6500" s="5" t="s">
        <v>1519</v>
      </c>
      <c r="K6500" s="2" t="s">
        <v>1520</v>
      </c>
      <c r="L6500" s="5" t="s">
        <v>1519</v>
      </c>
      <c r="M6500" s="2" t="s">
        <v>1520</v>
      </c>
      <c r="N6500" s="5" t="s">
        <v>19227</v>
      </c>
      <c r="O6500" s="5" t="s">
        <v>38</v>
      </c>
      <c r="P6500" s="5" t="s">
        <v>39</v>
      </c>
      <c r="Q6500" s="5" t="s">
        <v>40</v>
      </c>
      <c r="R6500" s="5" t="s">
        <v>1487</v>
      </c>
      <c r="S6500" s="5"/>
      <c r="T6500" s="5" t="s">
        <v>42</v>
      </c>
      <c r="U6500" s="2">
        <v>0</v>
      </c>
      <c r="V6500" s="2">
        <v>0</v>
      </c>
      <c r="W6500" s="2">
        <v>0</v>
      </c>
      <c r="X6500" s="2">
        <v>0</v>
      </c>
      <c r="Y6500" s="2">
        <v>0</v>
      </c>
      <c r="Z6500" s="2">
        <v>0</v>
      </c>
      <c r="AA6500" s="5"/>
      <c r="AB6500" s="5" t="s">
        <v>43</v>
      </c>
      <c r="AC6500" s="5" t="s">
        <v>44</v>
      </c>
      <c r="AD6500" s="2"/>
      <c r="AE6500" s="1"/>
    </row>
    <row r="6501" spans="1:31" ht="14.45">
      <c r="A6501" s="11"/>
      <c r="B6501" s="20"/>
      <c r="C6501" s="2" t="s">
        <v>19975</v>
      </c>
      <c r="D6501" s="14" t="s">
        <v>19976</v>
      </c>
      <c r="E6501" s="2" t="s">
        <v>19977</v>
      </c>
      <c r="F6501" s="2" t="s">
        <v>7204</v>
      </c>
      <c r="G6501" s="8">
        <v>252</v>
      </c>
      <c r="H6501" s="5">
        <v>5</v>
      </c>
      <c r="I6501" s="5" t="s">
        <v>1518</v>
      </c>
      <c r="J6501" s="5" t="s">
        <v>1519</v>
      </c>
      <c r="K6501" s="2" t="s">
        <v>1520</v>
      </c>
      <c r="L6501" s="5" t="s">
        <v>1519</v>
      </c>
      <c r="M6501" s="2" t="s">
        <v>1520</v>
      </c>
      <c r="N6501" s="5" t="s">
        <v>19227</v>
      </c>
      <c r="O6501" s="5" t="s">
        <v>38</v>
      </c>
      <c r="P6501" s="5" t="s">
        <v>39</v>
      </c>
      <c r="Q6501" s="5" t="s">
        <v>40</v>
      </c>
      <c r="R6501" s="5" t="s">
        <v>1487</v>
      </c>
      <c r="S6501" s="5"/>
      <c r="T6501" s="5" t="s">
        <v>42</v>
      </c>
      <c r="U6501" s="2">
        <v>0</v>
      </c>
      <c r="V6501" s="2">
        <v>0</v>
      </c>
      <c r="W6501" s="2">
        <v>0</v>
      </c>
      <c r="X6501" s="2">
        <v>0</v>
      </c>
      <c r="Y6501" s="2">
        <v>0</v>
      </c>
      <c r="Z6501" s="2">
        <v>0</v>
      </c>
      <c r="AA6501" s="5"/>
      <c r="AB6501" s="5" t="s">
        <v>43</v>
      </c>
      <c r="AC6501" s="5" t="s">
        <v>44</v>
      </c>
      <c r="AD6501" s="2"/>
      <c r="AE6501" s="1"/>
    </row>
    <row r="6502" spans="1:31" ht="14.45">
      <c r="A6502" s="11"/>
      <c r="B6502" s="20"/>
      <c r="C6502" s="2" t="s">
        <v>19978</v>
      </c>
      <c r="D6502" s="14" t="s">
        <v>19979</v>
      </c>
      <c r="E6502" s="2" t="s">
        <v>19980</v>
      </c>
      <c r="F6502" s="2" t="s">
        <v>7514</v>
      </c>
      <c r="G6502" s="8">
        <v>252</v>
      </c>
      <c r="H6502" s="5">
        <v>5</v>
      </c>
      <c r="I6502" s="5" t="s">
        <v>1518</v>
      </c>
      <c r="J6502" s="5" t="s">
        <v>1519</v>
      </c>
      <c r="K6502" s="2" t="s">
        <v>1520</v>
      </c>
      <c r="L6502" s="5" t="s">
        <v>1519</v>
      </c>
      <c r="M6502" s="2" t="s">
        <v>1520</v>
      </c>
      <c r="N6502" s="5" t="s">
        <v>19227</v>
      </c>
      <c r="O6502" s="5" t="s">
        <v>38</v>
      </c>
      <c r="P6502" s="5" t="s">
        <v>39</v>
      </c>
      <c r="Q6502" s="5" t="s">
        <v>40</v>
      </c>
      <c r="R6502" s="5" t="s">
        <v>1487</v>
      </c>
      <c r="S6502" s="5"/>
      <c r="T6502" s="5" t="s">
        <v>42</v>
      </c>
      <c r="U6502" s="2">
        <v>0</v>
      </c>
      <c r="V6502" s="2">
        <v>0</v>
      </c>
      <c r="W6502" s="2">
        <v>0</v>
      </c>
      <c r="X6502" s="2">
        <v>0</v>
      </c>
      <c r="Y6502" s="2">
        <v>0</v>
      </c>
      <c r="Z6502" s="2">
        <v>0</v>
      </c>
      <c r="AA6502" s="5"/>
      <c r="AB6502" s="5" t="s">
        <v>43</v>
      </c>
      <c r="AC6502" s="5" t="s">
        <v>44</v>
      </c>
      <c r="AD6502" s="2"/>
      <c r="AE6502" s="1"/>
    </row>
    <row r="6503" spans="1:31" ht="14.45">
      <c r="A6503" s="11"/>
      <c r="B6503" s="20"/>
      <c r="C6503" s="2" t="s">
        <v>19981</v>
      </c>
      <c r="D6503" s="14" t="s">
        <v>19982</v>
      </c>
      <c r="E6503" s="2" t="s">
        <v>19983</v>
      </c>
      <c r="F6503" s="2" t="s">
        <v>7208</v>
      </c>
      <c r="G6503" s="8">
        <v>252</v>
      </c>
      <c r="H6503" s="5">
        <v>5</v>
      </c>
      <c r="I6503" s="5" t="s">
        <v>1518</v>
      </c>
      <c r="J6503" s="5" t="s">
        <v>1519</v>
      </c>
      <c r="K6503" s="2" t="s">
        <v>1520</v>
      </c>
      <c r="L6503" s="5" t="s">
        <v>1519</v>
      </c>
      <c r="M6503" s="2" t="s">
        <v>1520</v>
      </c>
      <c r="N6503" s="5" t="s">
        <v>19227</v>
      </c>
      <c r="O6503" s="5" t="s">
        <v>38</v>
      </c>
      <c r="P6503" s="5" t="s">
        <v>39</v>
      </c>
      <c r="Q6503" s="5" t="s">
        <v>40</v>
      </c>
      <c r="R6503" s="5" t="s">
        <v>1487</v>
      </c>
      <c r="S6503" s="5"/>
      <c r="T6503" s="5" t="s">
        <v>42</v>
      </c>
      <c r="U6503" s="2">
        <v>0</v>
      </c>
      <c r="V6503" s="2">
        <v>0</v>
      </c>
      <c r="W6503" s="2">
        <v>0</v>
      </c>
      <c r="X6503" s="2">
        <v>0</v>
      </c>
      <c r="Y6503" s="2">
        <v>0</v>
      </c>
      <c r="Z6503" s="2">
        <v>0</v>
      </c>
      <c r="AA6503" s="5"/>
      <c r="AB6503" s="5" t="s">
        <v>43</v>
      </c>
      <c r="AC6503" s="5" t="s">
        <v>44</v>
      </c>
      <c r="AD6503" s="2"/>
      <c r="AE6503" s="1"/>
    </row>
    <row r="6504" spans="1:31" ht="14.45">
      <c r="A6504" s="11"/>
      <c r="B6504" s="20"/>
      <c r="C6504" s="2" t="s">
        <v>19984</v>
      </c>
      <c r="D6504" s="14" t="s">
        <v>19985</v>
      </c>
      <c r="E6504" s="2" t="s">
        <v>19986</v>
      </c>
      <c r="F6504" s="2" t="s">
        <v>7521</v>
      </c>
      <c r="G6504" s="8">
        <v>252</v>
      </c>
      <c r="H6504" s="5">
        <v>5</v>
      </c>
      <c r="I6504" s="5" t="s">
        <v>1518</v>
      </c>
      <c r="J6504" s="5" t="s">
        <v>1519</v>
      </c>
      <c r="K6504" s="2" t="s">
        <v>1520</v>
      </c>
      <c r="L6504" s="5" t="s">
        <v>1519</v>
      </c>
      <c r="M6504" s="2" t="s">
        <v>1520</v>
      </c>
      <c r="N6504" s="5" t="s">
        <v>19227</v>
      </c>
      <c r="O6504" s="5" t="s">
        <v>38</v>
      </c>
      <c r="P6504" s="5" t="s">
        <v>39</v>
      </c>
      <c r="Q6504" s="5" t="s">
        <v>40</v>
      </c>
      <c r="R6504" s="5" t="s">
        <v>1487</v>
      </c>
      <c r="S6504" s="5"/>
      <c r="T6504" s="5" t="s">
        <v>42</v>
      </c>
      <c r="U6504" s="2">
        <v>0</v>
      </c>
      <c r="V6504" s="2">
        <v>0</v>
      </c>
      <c r="W6504" s="2">
        <v>0</v>
      </c>
      <c r="X6504" s="2">
        <v>0</v>
      </c>
      <c r="Y6504" s="2">
        <v>0</v>
      </c>
      <c r="Z6504" s="2">
        <v>0</v>
      </c>
      <c r="AA6504" s="5"/>
      <c r="AB6504" s="5" t="s">
        <v>43</v>
      </c>
      <c r="AC6504" s="5" t="s">
        <v>44</v>
      </c>
      <c r="AD6504" s="2"/>
      <c r="AE6504" s="1"/>
    </row>
    <row r="6505" spans="1:31" ht="14.45">
      <c r="A6505" s="11"/>
      <c r="B6505" s="20"/>
      <c r="C6505" s="2" t="s">
        <v>19987</v>
      </c>
      <c r="D6505" s="14" t="s">
        <v>19988</v>
      </c>
      <c r="E6505" s="2" t="s">
        <v>19989</v>
      </c>
      <c r="F6505" s="2" t="s">
        <v>7212</v>
      </c>
      <c r="G6505" s="8">
        <v>252</v>
      </c>
      <c r="H6505" s="5">
        <v>5</v>
      </c>
      <c r="I6505" s="5" t="s">
        <v>1518</v>
      </c>
      <c r="J6505" s="5" t="s">
        <v>1519</v>
      </c>
      <c r="K6505" s="2" t="s">
        <v>1520</v>
      </c>
      <c r="L6505" s="5" t="s">
        <v>1519</v>
      </c>
      <c r="M6505" s="2" t="s">
        <v>1520</v>
      </c>
      <c r="N6505" s="5" t="s">
        <v>19227</v>
      </c>
      <c r="O6505" s="5" t="s">
        <v>38</v>
      </c>
      <c r="P6505" s="5" t="s">
        <v>39</v>
      </c>
      <c r="Q6505" s="5" t="s">
        <v>40</v>
      </c>
      <c r="R6505" s="5" t="s">
        <v>1487</v>
      </c>
      <c r="S6505" s="5"/>
      <c r="T6505" s="5" t="s">
        <v>42</v>
      </c>
      <c r="U6505" s="2">
        <v>0</v>
      </c>
      <c r="V6505" s="2">
        <v>0</v>
      </c>
      <c r="W6505" s="2">
        <v>0</v>
      </c>
      <c r="X6505" s="2">
        <v>0</v>
      </c>
      <c r="Y6505" s="2">
        <v>0</v>
      </c>
      <c r="Z6505" s="2">
        <v>0</v>
      </c>
      <c r="AA6505" s="5"/>
      <c r="AB6505" s="5" t="s">
        <v>43</v>
      </c>
      <c r="AC6505" s="5" t="s">
        <v>44</v>
      </c>
      <c r="AD6505" s="2"/>
      <c r="AE6505" s="1"/>
    </row>
    <row r="6506" spans="1:31" ht="14.45">
      <c r="A6506" s="11"/>
      <c r="B6506" s="20"/>
      <c r="C6506" s="2" t="s">
        <v>19990</v>
      </c>
      <c r="D6506" s="14" t="s">
        <v>19991</v>
      </c>
      <c r="E6506" s="2" t="s">
        <v>19992</v>
      </c>
      <c r="F6506" s="2" t="s">
        <v>7528</v>
      </c>
      <c r="G6506" s="8">
        <v>252</v>
      </c>
      <c r="H6506" s="5">
        <v>5</v>
      </c>
      <c r="I6506" s="5" t="s">
        <v>1518</v>
      </c>
      <c r="J6506" s="5" t="s">
        <v>1519</v>
      </c>
      <c r="K6506" s="2" t="s">
        <v>1520</v>
      </c>
      <c r="L6506" s="5" t="s">
        <v>1519</v>
      </c>
      <c r="M6506" s="2" t="s">
        <v>1520</v>
      </c>
      <c r="N6506" s="5" t="s">
        <v>19227</v>
      </c>
      <c r="O6506" s="5" t="s">
        <v>38</v>
      </c>
      <c r="P6506" s="5" t="s">
        <v>39</v>
      </c>
      <c r="Q6506" s="5" t="s">
        <v>40</v>
      </c>
      <c r="R6506" s="5" t="s">
        <v>1487</v>
      </c>
      <c r="S6506" s="5"/>
      <c r="T6506" s="5" t="s">
        <v>42</v>
      </c>
      <c r="U6506" s="2">
        <v>0</v>
      </c>
      <c r="V6506" s="2">
        <v>0</v>
      </c>
      <c r="W6506" s="2">
        <v>0</v>
      </c>
      <c r="X6506" s="2">
        <v>0</v>
      </c>
      <c r="Y6506" s="2">
        <v>0</v>
      </c>
      <c r="Z6506" s="2">
        <v>0</v>
      </c>
      <c r="AA6506" s="5"/>
      <c r="AB6506" s="5" t="s">
        <v>43</v>
      </c>
      <c r="AC6506" s="5" t="s">
        <v>44</v>
      </c>
      <c r="AD6506" s="2"/>
      <c r="AE6506" s="1"/>
    </row>
    <row r="6507" spans="1:31" ht="14.45">
      <c r="A6507" s="11"/>
      <c r="B6507" s="20"/>
      <c r="C6507" s="2" t="s">
        <v>19993</v>
      </c>
      <c r="D6507" s="14" t="s">
        <v>19994</v>
      </c>
      <c r="E6507" s="2" t="s">
        <v>19995</v>
      </c>
      <c r="F6507" s="2" t="s">
        <v>7396</v>
      </c>
      <c r="G6507" s="8">
        <v>269</v>
      </c>
      <c r="H6507" s="5">
        <v>5</v>
      </c>
      <c r="I6507" s="5" t="s">
        <v>1518</v>
      </c>
      <c r="J6507" s="5" t="s">
        <v>1519</v>
      </c>
      <c r="K6507" s="2" t="s">
        <v>1520</v>
      </c>
      <c r="L6507" s="5" t="s">
        <v>1519</v>
      </c>
      <c r="M6507" s="2" t="s">
        <v>1520</v>
      </c>
      <c r="N6507" s="5" t="s">
        <v>19227</v>
      </c>
      <c r="O6507" s="5" t="s">
        <v>38</v>
      </c>
      <c r="P6507" s="5" t="s">
        <v>39</v>
      </c>
      <c r="Q6507" s="5" t="s">
        <v>40</v>
      </c>
      <c r="R6507" s="5" t="s">
        <v>1487</v>
      </c>
      <c r="S6507" s="5"/>
      <c r="T6507" s="5" t="s">
        <v>42</v>
      </c>
      <c r="U6507" s="2">
        <v>0</v>
      </c>
      <c r="V6507" s="2">
        <v>0</v>
      </c>
      <c r="W6507" s="2">
        <v>0</v>
      </c>
      <c r="X6507" s="2">
        <v>0</v>
      </c>
      <c r="Y6507" s="2">
        <v>0</v>
      </c>
      <c r="Z6507" s="2">
        <v>0</v>
      </c>
      <c r="AA6507" s="5"/>
      <c r="AB6507" s="5" t="s">
        <v>43</v>
      </c>
      <c r="AC6507" s="5" t="s">
        <v>44</v>
      </c>
      <c r="AD6507" s="2"/>
      <c r="AE6507" s="1"/>
    </row>
    <row r="6508" spans="1:31" ht="14.45">
      <c r="A6508" s="11"/>
      <c r="B6508" s="20"/>
      <c r="C6508" s="2" t="s">
        <v>19996</v>
      </c>
      <c r="D6508" s="14" t="s">
        <v>19997</v>
      </c>
      <c r="E6508" s="2" t="s">
        <v>19998</v>
      </c>
      <c r="F6508" s="2" t="s">
        <v>7507</v>
      </c>
      <c r="G6508" s="8">
        <v>269</v>
      </c>
      <c r="H6508" s="5">
        <v>5</v>
      </c>
      <c r="I6508" s="5" t="s">
        <v>1518</v>
      </c>
      <c r="J6508" s="5" t="s">
        <v>1519</v>
      </c>
      <c r="K6508" s="2" t="s">
        <v>1520</v>
      </c>
      <c r="L6508" s="5" t="s">
        <v>1519</v>
      </c>
      <c r="M6508" s="2" t="s">
        <v>1520</v>
      </c>
      <c r="N6508" s="5" t="s">
        <v>19227</v>
      </c>
      <c r="O6508" s="5" t="s">
        <v>38</v>
      </c>
      <c r="P6508" s="5" t="s">
        <v>39</v>
      </c>
      <c r="Q6508" s="5" t="s">
        <v>40</v>
      </c>
      <c r="R6508" s="5" t="s">
        <v>1487</v>
      </c>
      <c r="S6508" s="5"/>
      <c r="T6508" s="5" t="s">
        <v>42</v>
      </c>
      <c r="U6508" s="2">
        <v>0</v>
      </c>
      <c r="V6508" s="2">
        <v>0</v>
      </c>
      <c r="W6508" s="2">
        <v>0</v>
      </c>
      <c r="X6508" s="2">
        <v>0</v>
      </c>
      <c r="Y6508" s="2">
        <v>0</v>
      </c>
      <c r="Z6508" s="2">
        <v>0</v>
      </c>
      <c r="AA6508" s="5"/>
      <c r="AB6508" s="5" t="s">
        <v>43</v>
      </c>
      <c r="AC6508" s="5" t="s">
        <v>44</v>
      </c>
      <c r="AD6508" s="2"/>
      <c r="AE6508" s="1"/>
    </row>
    <row r="6509" spans="1:31" ht="14.45">
      <c r="A6509" s="11"/>
      <c r="B6509" s="20"/>
      <c r="C6509" s="2" t="s">
        <v>19999</v>
      </c>
      <c r="D6509" s="14" t="s">
        <v>20000</v>
      </c>
      <c r="E6509" s="2" t="s">
        <v>20001</v>
      </c>
      <c r="F6509" s="2" t="s">
        <v>7204</v>
      </c>
      <c r="G6509" s="8">
        <v>269</v>
      </c>
      <c r="H6509" s="5">
        <v>5</v>
      </c>
      <c r="I6509" s="5" t="s">
        <v>1518</v>
      </c>
      <c r="J6509" s="5" t="s">
        <v>1519</v>
      </c>
      <c r="K6509" s="2" t="s">
        <v>1520</v>
      </c>
      <c r="L6509" s="5" t="s">
        <v>1519</v>
      </c>
      <c r="M6509" s="2" t="s">
        <v>1520</v>
      </c>
      <c r="N6509" s="5" t="s">
        <v>19227</v>
      </c>
      <c r="O6509" s="5" t="s">
        <v>38</v>
      </c>
      <c r="P6509" s="5" t="s">
        <v>39</v>
      </c>
      <c r="Q6509" s="5" t="s">
        <v>40</v>
      </c>
      <c r="R6509" s="5" t="s">
        <v>1487</v>
      </c>
      <c r="S6509" s="5"/>
      <c r="T6509" s="5" t="s">
        <v>42</v>
      </c>
      <c r="U6509" s="2">
        <v>0</v>
      </c>
      <c r="V6509" s="2">
        <v>0</v>
      </c>
      <c r="W6509" s="2">
        <v>0</v>
      </c>
      <c r="X6509" s="2">
        <v>0</v>
      </c>
      <c r="Y6509" s="2">
        <v>0</v>
      </c>
      <c r="Z6509" s="2">
        <v>0</v>
      </c>
      <c r="AA6509" s="5"/>
      <c r="AB6509" s="5" t="s">
        <v>43</v>
      </c>
      <c r="AC6509" s="5" t="s">
        <v>44</v>
      </c>
      <c r="AD6509" s="2"/>
      <c r="AE6509" s="1"/>
    </row>
    <row r="6510" spans="1:31" ht="14.45">
      <c r="A6510" s="11"/>
      <c r="B6510" s="20"/>
      <c r="C6510" s="2" t="s">
        <v>20002</v>
      </c>
      <c r="D6510" s="14" t="s">
        <v>20003</v>
      </c>
      <c r="E6510" s="2" t="s">
        <v>20004</v>
      </c>
      <c r="F6510" s="2" t="s">
        <v>7514</v>
      </c>
      <c r="G6510" s="8">
        <v>269</v>
      </c>
      <c r="H6510" s="5">
        <v>5</v>
      </c>
      <c r="I6510" s="5" t="s">
        <v>1518</v>
      </c>
      <c r="J6510" s="5" t="s">
        <v>1519</v>
      </c>
      <c r="K6510" s="2" t="s">
        <v>1520</v>
      </c>
      <c r="L6510" s="5" t="s">
        <v>1519</v>
      </c>
      <c r="M6510" s="2" t="s">
        <v>1520</v>
      </c>
      <c r="N6510" s="5" t="s">
        <v>19227</v>
      </c>
      <c r="O6510" s="5" t="s">
        <v>38</v>
      </c>
      <c r="P6510" s="5" t="s">
        <v>39</v>
      </c>
      <c r="Q6510" s="5" t="s">
        <v>40</v>
      </c>
      <c r="R6510" s="5" t="s">
        <v>1487</v>
      </c>
      <c r="S6510" s="5"/>
      <c r="T6510" s="5" t="s">
        <v>42</v>
      </c>
      <c r="U6510" s="2">
        <v>0</v>
      </c>
      <c r="V6510" s="2">
        <v>0</v>
      </c>
      <c r="W6510" s="2">
        <v>0</v>
      </c>
      <c r="X6510" s="2">
        <v>0</v>
      </c>
      <c r="Y6510" s="2">
        <v>0</v>
      </c>
      <c r="Z6510" s="2">
        <v>0</v>
      </c>
      <c r="AA6510" s="5"/>
      <c r="AB6510" s="5" t="s">
        <v>43</v>
      </c>
      <c r="AC6510" s="5" t="s">
        <v>44</v>
      </c>
      <c r="AD6510" s="2"/>
      <c r="AE6510" s="1"/>
    </row>
    <row r="6511" spans="1:31" ht="14.45">
      <c r="A6511" s="11"/>
      <c r="B6511" s="20"/>
      <c r="C6511" s="2" t="s">
        <v>20005</v>
      </c>
      <c r="D6511" s="14" t="s">
        <v>20006</v>
      </c>
      <c r="E6511" s="2" t="s">
        <v>20007</v>
      </c>
      <c r="F6511" s="2" t="s">
        <v>7208</v>
      </c>
      <c r="G6511" s="8">
        <v>269</v>
      </c>
      <c r="H6511" s="5">
        <v>5</v>
      </c>
      <c r="I6511" s="5" t="s">
        <v>1518</v>
      </c>
      <c r="J6511" s="5" t="s">
        <v>1519</v>
      </c>
      <c r="K6511" s="2" t="s">
        <v>1520</v>
      </c>
      <c r="L6511" s="5" t="s">
        <v>1519</v>
      </c>
      <c r="M6511" s="2" t="s">
        <v>1520</v>
      </c>
      <c r="N6511" s="5" t="s">
        <v>19227</v>
      </c>
      <c r="O6511" s="5" t="s">
        <v>38</v>
      </c>
      <c r="P6511" s="5" t="s">
        <v>39</v>
      </c>
      <c r="Q6511" s="5" t="s">
        <v>40</v>
      </c>
      <c r="R6511" s="5" t="s">
        <v>1487</v>
      </c>
      <c r="S6511" s="5"/>
      <c r="T6511" s="5" t="s">
        <v>42</v>
      </c>
      <c r="U6511" s="2">
        <v>0</v>
      </c>
      <c r="V6511" s="2">
        <v>0</v>
      </c>
      <c r="W6511" s="2">
        <v>0</v>
      </c>
      <c r="X6511" s="2">
        <v>0</v>
      </c>
      <c r="Y6511" s="2">
        <v>0</v>
      </c>
      <c r="Z6511" s="2">
        <v>0</v>
      </c>
      <c r="AA6511" s="5"/>
      <c r="AB6511" s="5" t="s">
        <v>43</v>
      </c>
      <c r="AC6511" s="5" t="s">
        <v>44</v>
      </c>
      <c r="AD6511" s="2"/>
      <c r="AE6511" s="1"/>
    </row>
    <row r="6512" spans="1:31" ht="14.45">
      <c r="A6512" s="11"/>
      <c r="B6512" s="20"/>
      <c r="C6512" s="2" t="s">
        <v>20008</v>
      </c>
      <c r="D6512" s="14" t="s">
        <v>20009</v>
      </c>
      <c r="E6512" s="2" t="s">
        <v>20010</v>
      </c>
      <c r="F6512" s="2" t="s">
        <v>7521</v>
      </c>
      <c r="G6512" s="8">
        <v>269</v>
      </c>
      <c r="H6512" s="5">
        <v>5</v>
      </c>
      <c r="I6512" s="5" t="s">
        <v>1518</v>
      </c>
      <c r="J6512" s="5" t="s">
        <v>1519</v>
      </c>
      <c r="K6512" s="2" t="s">
        <v>1520</v>
      </c>
      <c r="L6512" s="5" t="s">
        <v>1519</v>
      </c>
      <c r="M6512" s="2" t="s">
        <v>1520</v>
      </c>
      <c r="N6512" s="5" t="s">
        <v>19227</v>
      </c>
      <c r="O6512" s="5" t="s">
        <v>38</v>
      </c>
      <c r="P6512" s="5" t="s">
        <v>39</v>
      </c>
      <c r="Q6512" s="5" t="s">
        <v>40</v>
      </c>
      <c r="R6512" s="5" t="s">
        <v>1487</v>
      </c>
      <c r="S6512" s="5"/>
      <c r="T6512" s="5" t="s">
        <v>42</v>
      </c>
      <c r="U6512" s="2">
        <v>0</v>
      </c>
      <c r="V6512" s="2">
        <v>0</v>
      </c>
      <c r="W6512" s="2">
        <v>0</v>
      </c>
      <c r="X6512" s="2">
        <v>0</v>
      </c>
      <c r="Y6512" s="2">
        <v>0</v>
      </c>
      <c r="Z6512" s="2">
        <v>0</v>
      </c>
      <c r="AA6512" s="5"/>
      <c r="AB6512" s="5" t="s">
        <v>43</v>
      </c>
      <c r="AC6512" s="5" t="s">
        <v>44</v>
      </c>
      <c r="AD6512" s="2"/>
      <c r="AE6512" s="1"/>
    </row>
    <row r="6513" spans="1:31" ht="14.45">
      <c r="A6513" s="11"/>
      <c r="B6513" s="20"/>
      <c r="C6513" s="2" t="s">
        <v>20011</v>
      </c>
      <c r="D6513" s="14" t="s">
        <v>20012</v>
      </c>
      <c r="E6513" s="2" t="s">
        <v>20013</v>
      </c>
      <c r="F6513" s="2" t="s">
        <v>7212</v>
      </c>
      <c r="G6513" s="8">
        <v>269</v>
      </c>
      <c r="H6513" s="5">
        <v>5</v>
      </c>
      <c r="I6513" s="5" t="s">
        <v>1518</v>
      </c>
      <c r="J6513" s="5" t="s">
        <v>1519</v>
      </c>
      <c r="K6513" s="2" t="s">
        <v>1520</v>
      </c>
      <c r="L6513" s="5" t="s">
        <v>1519</v>
      </c>
      <c r="M6513" s="2" t="s">
        <v>1520</v>
      </c>
      <c r="N6513" s="5" t="s">
        <v>19227</v>
      </c>
      <c r="O6513" s="5" t="s">
        <v>38</v>
      </c>
      <c r="P6513" s="5" t="s">
        <v>39</v>
      </c>
      <c r="Q6513" s="5" t="s">
        <v>40</v>
      </c>
      <c r="R6513" s="5" t="s">
        <v>1487</v>
      </c>
      <c r="S6513" s="5"/>
      <c r="T6513" s="5" t="s">
        <v>42</v>
      </c>
      <c r="U6513" s="2">
        <v>0</v>
      </c>
      <c r="V6513" s="2">
        <v>0</v>
      </c>
      <c r="W6513" s="2">
        <v>0</v>
      </c>
      <c r="X6513" s="2">
        <v>0</v>
      </c>
      <c r="Y6513" s="2">
        <v>0</v>
      </c>
      <c r="Z6513" s="2">
        <v>0</v>
      </c>
      <c r="AA6513" s="5"/>
      <c r="AB6513" s="5" t="s">
        <v>43</v>
      </c>
      <c r="AC6513" s="5" t="s">
        <v>44</v>
      </c>
      <c r="AD6513" s="2"/>
      <c r="AE6513" s="1"/>
    </row>
    <row r="6514" spans="1:31" ht="14.45">
      <c r="A6514" s="11"/>
      <c r="B6514" s="20"/>
      <c r="C6514" s="2" t="s">
        <v>20014</v>
      </c>
      <c r="D6514" s="14" t="s">
        <v>20015</v>
      </c>
      <c r="E6514" s="2" t="s">
        <v>20016</v>
      </c>
      <c r="F6514" s="2" t="s">
        <v>7528</v>
      </c>
      <c r="G6514" s="8">
        <v>269</v>
      </c>
      <c r="H6514" s="5">
        <v>5</v>
      </c>
      <c r="I6514" s="5" t="s">
        <v>1518</v>
      </c>
      <c r="J6514" s="5" t="s">
        <v>1519</v>
      </c>
      <c r="K6514" s="2" t="s">
        <v>1520</v>
      </c>
      <c r="L6514" s="5" t="s">
        <v>1519</v>
      </c>
      <c r="M6514" s="2" t="s">
        <v>1520</v>
      </c>
      <c r="N6514" s="5" t="s">
        <v>19227</v>
      </c>
      <c r="O6514" s="5" t="s">
        <v>38</v>
      </c>
      <c r="P6514" s="5" t="s">
        <v>39</v>
      </c>
      <c r="Q6514" s="5" t="s">
        <v>40</v>
      </c>
      <c r="R6514" s="5" t="s">
        <v>1487</v>
      </c>
      <c r="S6514" s="5"/>
      <c r="T6514" s="5" t="s">
        <v>42</v>
      </c>
      <c r="U6514" s="2">
        <v>0</v>
      </c>
      <c r="V6514" s="2">
        <v>0</v>
      </c>
      <c r="W6514" s="2">
        <v>0</v>
      </c>
      <c r="X6514" s="2">
        <v>0</v>
      </c>
      <c r="Y6514" s="2">
        <v>0</v>
      </c>
      <c r="Z6514" s="2">
        <v>0</v>
      </c>
      <c r="AA6514" s="5"/>
      <c r="AB6514" s="5" t="s">
        <v>43</v>
      </c>
      <c r="AC6514" s="5" t="s">
        <v>44</v>
      </c>
      <c r="AD6514" s="2"/>
      <c r="AE6514" s="1"/>
    </row>
    <row r="6515" spans="1:31" ht="14.45">
      <c r="A6515" s="11"/>
      <c r="B6515" s="20"/>
      <c r="C6515" s="2" t="s">
        <v>20017</v>
      </c>
      <c r="D6515" s="14" t="s">
        <v>20018</v>
      </c>
      <c r="E6515" s="2" t="s">
        <v>20019</v>
      </c>
      <c r="F6515" s="2" t="s">
        <v>7396</v>
      </c>
      <c r="G6515" s="8">
        <v>243</v>
      </c>
      <c r="H6515" s="5">
        <v>5</v>
      </c>
      <c r="I6515" s="5" t="s">
        <v>1518</v>
      </c>
      <c r="J6515" s="5" t="s">
        <v>1519</v>
      </c>
      <c r="K6515" s="2" t="s">
        <v>1520</v>
      </c>
      <c r="L6515" s="5" t="s">
        <v>1519</v>
      </c>
      <c r="M6515" s="2" t="s">
        <v>1520</v>
      </c>
      <c r="N6515" s="5" t="s">
        <v>19227</v>
      </c>
      <c r="O6515" s="5" t="s">
        <v>38</v>
      </c>
      <c r="P6515" s="5" t="s">
        <v>39</v>
      </c>
      <c r="Q6515" s="5" t="s">
        <v>40</v>
      </c>
      <c r="R6515" s="5" t="s">
        <v>1487</v>
      </c>
      <c r="S6515" s="5"/>
      <c r="T6515" s="5" t="s">
        <v>42</v>
      </c>
      <c r="U6515" s="2">
        <v>0</v>
      </c>
      <c r="V6515" s="2">
        <v>0</v>
      </c>
      <c r="W6515" s="2">
        <v>0</v>
      </c>
      <c r="X6515" s="2">
        <v>0</v>
      </c>
      <c r="Y6515" s="2">
        <v>0</v>
      </c>
      <c r="Z6515" s="2">
        <v>0</v>
      </c>
      <c r="AA6515" s="5"/>
      <c r="AB6515" s="5" t="s">
        <v>43</v>
      </c>
      <c r="AC6515" s="5" t="s">
        <v>44</v>
      </c>
      <c r="AD6515" s="2"/>
      <c r="AE6515" s="1"/>
    </row>
    <row r="6516" spans="1:31" ht="14.45">
      <c r="A6516" s="11"/>
      <c r="B6516" s="20"/>
      <c r="C6516" s="2" t="s">
        <v>20020</v>
      </c>
      <c r="D6516" s="14" t="s">
        <v>20021</v>
      </c>
      <c r="E6516" s="2" t="s">
        <v>20022</v>
      </c>
      <c r="F6516" s="2" t="s">
        <v>7507</v>
      </c>
      <c r="G6516" s="8">
        <v>243</v>
      </c>
      <c r="H6516" s="5">
        <v>5</v>
      </c>
      <c r="I6516" s="5" t="s">
        <v>1518</v>
      </c>
      <c r="J6516" s="5" t="s">
        <v>1519</v>
      </c>
      <c r="K6516" s="2" t="s">
        <v>1520</v>
      </c>
      <c r="L6516" s="5" t="s">
        <v>1519</v>
      </c>
      <c r="M6516" s="2" t="s">
        <v>1520</v>
      </c>
      <c r="N6516" s="5" t="s">
        <v>19227</v>
      </c>
      <c r="O6516" s="5" t="s">
        <v>38</v>
      </c>
      <c r="P6516" s="5" t="s">
        <v>39</v>
      </c>
      <c r="Q6516" s="5" t="s">
        <v>40</v>
      </c>
      <c r="R6516" s="5" t="s">
        <v>1487</v>
      </c>
      <c r="S6516" s="5"/>
      <c r="T6516" s="5" t="s">
        <v>42</v>
      </c>
      <c r="U6516" s="2">
        <v>0</v>
      </c>
      <c r="V6516" s="2">
        <v>0</v>
      </c>
      <c r="W6516" s="2">
        <v>0</v>
      </c>
      <c r="X6516" s="2">
        <v>0</v>
      </c>
      <c r="Y6516" s="2">
        <v>0</v>
      </c>
      <c r="Z6516" s="2">
        <v>0</v>
      </c>
      <c r="AA6516" s="5"/>
      <c r="AB6516" s="5" t="s">
        <v>43</v>
      </c>
      <c r="AC6516" s="5" t="s">
        <v>44</v>
      </c>
      <c r="AD6516" s="2"/>
      <c r="AE6516" s="1"/>
    </row>
    <row r="6517" spans="1:31" ht="14.45">
      <c r="A6517" s="11"/>
      <c r="B6517" s="20"/>
      <c r="C6517" s="2" t="s">
        <v>20023</v>
      </c>
      <c r="D6517" s="14" t="s">
        <v>20024</v>
      </c>
      <c r="E6517" s="2" t="s">
        <v>20025</v>
      </c>
      <c r="F6517" s="2" t="s">
        <v>7204</v>
      </c>
      <c r="G6517" s="8">
        <v>243</v>
      </c>
      <c r="H6517" s="5">
        <v>5</v>
      </c>
      <c r="I6517" s="5" t="s">
        <v>1518</v>
      </c>
      <c r="J6517" s="5" t="s">
        <v>1519</v>
      </c>
      <c r="K6517" s="2" t="s">
        <v>1520</v>
      </c>
      <c r="L6517" s="5" t="s">
        <v>1519</v>
      </c>
      <c r="M6517" s="2" t="s">
        <v>1520</v>
      </c>
      <c r="N6517" s="5" t="s">
        <v>19227</v>
      </c>
      <c r="O6517" s="5" t="s">
        <v>38</v>
      </c>
      <c r="P6517" s="5" t="s">
        <v>39</v>
      </c>
      <c r="Q6517" s="5" t="s">
        <v>40</v>
      </c>
      <c r="R6517" s="5" t="s">
        <v>1487</v>
      </c>
      <c r="S6517" s="5"/>
      <c r="T6517" s="5" t="s">
        <v>42</v>
      </c>
      <c r="U6517" s="2">
        <v>0</v>
      </c>
      <c r="V6517" s="2">
        <v>0</v>
      </c>
      <c r="W6517" s="2">
        <v>0</v>
      </c>
      <c r="X6517" s="2">
        <v>0</v>
      </c>
      <c r="Y6517" s="2">
        <v>0</v>
      </c>
      <c r="Z6517" s="2">
        <v>0</v>
      </c>
      <c r="AA6517" s="5"/>
      <c r="AB6517" s="5" t="s">
        <v>43</v>
      </c>
      <c r="AC6517" s="5" t="s">
        <v>44</v>
      </c>
      <c r="AD6517" s="2"/>
      <c r="AE6517" s="1"/>
    </row>
    <row r="6518" spans="1:31" ht="14.45">
      <c r="A6518" s="11"/>
      <c r="B6518" s="20"/>
      <c r="C6518" s="2" t="s">
        <v>20026</v>
      </c>
      <c r="D6518" s="14" t="s">
        <v>20027</v>
      </c>
      <c r="E6518" s="2" t="s">
        <v>20028</v>
      </c>
      <c r="F6518" s="2" t="s">
        <v>7514</v>
      </c>
      <c r="G6518" s="8">
        <v>243</v>
      </c>
      <c r="H6518" s="5">
        <v>5</v>
      </c>
      <c r="I6518" s="5" t="s">
        <v>1518</v>
      </c>
      <c r="J6518" s="5" t="s">
        <v>1519</v>
      </c>
      <c r="K6518" s="2" t="s">
        <v>1520</v>
      </c>
      <c r="L6518" s="5" t="s">
        <v>1519</v>
      </c>
      <c r="M6518" s="2" t="s">
        <v>1520</v>
      </c>
      <c r="N6518" s="5" t="s">
        <v>19227</v>
      </c>
      <c r="O6518" s="5" t="s">
        <v>38</v>
      </c>
      <c r="P6518" s="5" t="s">
        <v>39</v>
      </c>
      <c r="Q6518" s="5" t="s">
        <v>40</v>
      </c>
      <c r="R6518" s="5" t="s">
        <v>1487</v>
      </c>
      <c r="S6518" s="5"/>
      <c r="T6518" s="5" t="s">
        <v>42</v>
      </c>
      <c r="U6518" s="2">
        <v>0</v>
      </c>
      <c r="V6518" s="2">
        <v>0</v>
      </c>
      <c r="W6518" s="2">
        <v>0</v>
      </c>
      <c r="X6518" s="2">
        <v>0</v>
      </c>
      <c r="Y6518" s="2">
        <v>0</v>
      </c>
      <c r="Z6518" s="2">
        <v>0</v>
      </c>
      <c r="AA6518" s="5"/>
      <c r="AB6518" s="5" t="s">
        <v>43</v>
      </c>
      <c r="AC6518" s="5" t="s">
        <v>44</v>
      </c>
      <c r="AD6518" s="2"/>
      <c r="AE6518" s="1"/>
    </row>
    <row r="6519" spans="1:31" ht="14.45">
      <c r="A6519" s="11"/>
      <c r="B6519" s="20"/>
      <c r="C6519" s="2" t="s">
        <v>20029</v>
      </c>
      <c r="D6519" s="14" t="s">
        <v>20030</v>
      </c>
      <c r="E6519" s="2" t="s">
        <v>20031</v>
      </c>
      <c r="F6519" s="2" t="s">
        <v>7208</v>
      </c>
      <c r="G6519" s="8">
        <v>243</v>
      </c>
      <c r="H6519" s="5">
        <v>5</v>
      </c>
      <c r="I6519" s="5" t="s">
        <v>1518</v>
      </c>
      <c r="J6519" s="5" t="s">
        <v>1519</v>
      </c>
      <c r="K6519" s="2" t="s">
        <v>1520</v>
      </c>
      <c r="L6519" s="5" t="s">
        <v>1519</v>
      </c>
      <c r="M6519" s="2" t="s">
        <v>1520</v>
      </c>
      <c r="N6519" s="5" t="s">
        <v>19227</v>
      </c>
      <c r="O6519" s="5" t="s">
        <v>38</v>
      </c>
      <c r="P6519" s="5" t="s">
        <v>39</v>
      </c>
      <c r="Q6519" s="5" t="s">
        <v>40</v>
      </c>
      <c r="R6519" s="5" t="s">
        <v>1487</v>
      </c>
      <c r="S6519" s="5"/>
      <c r="T6519" s="5" t="s">
        <v>42</v>
      </c>
      <c r="U6519" s="2">
        <v>0</v>
      </c>
      <c r="V6519" s="2">
        <v>0</v>
      </c>
      <c r="W6519" s="2">
        <v>0</v>
      </c>
      <c r="X6519" s="2">
        <v>0</v>
      </c>
      <c r="Y6519" s="2">
        <v>0</v>
      </c>
      <c r="Z6519" s="2">
        <v>0</v>
      </c>
      <c r="AA6519" s="5"/>
      <c r="AB6519" s="5" t="s">
        <v>43</v>
      </c>
      <c r="AC6519" s="5" t="s">
        <v>44</v>
      </c>
      <c r="AD6519" s="2"/>
      <c r="AE6519" s="1"/>
    </row>
    <row r="6520" spans="1:31" ht="14.45">
      <c r="A6520" s="11"/>
      <c r="B6520" s="20"/>
      <c r="C6520" s="2" t="s">
        <v>20032</v>
      </c>
      <c r="D6520" s="14" t="s">
        <v>20033</v>
      </c>
      <c r="E6520" s="2" t="s">
        <v>20034</v>
      </c>
      <c r="F6520" s="2" t="s">
        <v>7521</v>
      </c>
      <c r="G6520" s="8">
        <v>243</v>
      </c>
      <c r="H6520" s="5">
        <v>5</v>
      </c>
      <c r="I6520" s="5" t="s">
        <v>1518</v>
      </c>
      <c r="J6520" s="5" t="s">
        <v>1519</v>
      </c>
      <c r="K6520" s="2" t="s">
        <v>1520</v>
      </c>
      <c r="L6520" s="5" t="s">
        <v>1519</v>
      </c>
      <c r="M6520" s="2" t="s">
        <v>1520</v>
      </c>
      <c r="N6520" s="5" t="s">
        <v>19227</v>
      </c>
      <c r="O6520" s="5" t="s">
        <v>38</v>
      </c>
      <c r="P6520" s="5" t="s">
        <v>39</v>
      </c>
      <c r="Q6520" s="5" t="s">
        <v>40</v>
      </c>
      <c r="R6520" s="5" t="s">
        <v>1487</v>
      </c>
      <c r="S6520" s="5"/>
      <c r="T6520" s="5" t="s">
        <v>42</v>
      </c>
      <c r="U6520" s="2">
        <v>0</v>
      </c>
      <c r="V6520" s="2">
        <v>0</v>
      </c>
      <c r="W6520" s="2">
        <v>0</v>
      </c>
      <c r="X6520" s="2">
        <v>0</v>
      </c>
      <c r="Y6520" s="2">
        <v>0</v>
      </c>
      <c r="Z6520" s="2">
        <v>0</v>
      </c>
      <c r="AA6520" s="5"/>
      <c r="AB6520" s="5" t="s">
        <v>43</v>
      </c>
      <c r="AC6520" s="5" t="s">
        <v>44</v>
      </c>
      <c r="AD6520" s="2"/>
      <c r="AE6520" s="1"/>
    </row>
    <row r="6521" spans="1:31" ht="14.45">
      <c r="A6521" s="11"/>
      <c r="B6521" s="20"/>
      <c r="C6521" s="2" t="s">
        <v>20035</v>
      </c>
      <c r="D6521" s="14" t="s">
        <v>20036</v>
      </c>
      <c r="E6521" s="2" t="s">
        <v>20037</v>
      </c>
      <c r="F6521" s="2" t="s">
        <v>7212</v>
      </c>
      <c r="G6521" s="8">
        <v>243</v>
      </c>
      <c r="H6521" s="5">
        <v>5</v>
      </c>
      <c r="I6521" s="5" t="s">
        <v>1518</v>
      </c>
      <c r="J6521" s="5" t="s">
        <v>1519</v>
      </c>
      <c r="K6521" s="2" t="s">
        <v>1520</v>
      </c>
      <c r="L6521" s="5" t="s">
        <v>1519</v>
      </c>
      <c r="M6521" s="2" t="s">
        <v>1520</v>
      </c>
      <c r="N6521" s="5" t="s">
        <v>19227</v>
      </c>
      <c r="O6521" s="5" t="s">
        <v>38</v>
      </c>
      <c r="P6521" s="5" t="s">
        <v>39</v>
      </c>
      <c r="Q6521" s="5" t="s">
        <v>40</v>
      </c>
      <c r="R6521" s="5" t="s">
        <v>1487</v>
      </c>
      <c r="S6521" s="5"/>
      <c r="T6521" s="5" t="s">
        <v>42</v>
      </c>
      <c r="U6521" s="2">
        <v>0</v>
      </c>
      <c r="V6521" s="2">
        <v>0</v>
      </c>
      <c r="W6521" s="2">
        <v>0</v>
      </c>
      <c r="X6521" s="2">
        <v>0</v>
      </c>
      <c r="Y6521" s="2">
        <v>0</v>
      </c>
      <c r="Z6521" s="2">
        <v>0</v>
      </c>
      <c r="AA6521" s="5"/>
      <c r="AB6521" s="5" t="s">
        <v>43</v>
      </c>
      <c r="AC6521" s="5" t="s">
        <v>44</v>
      </c>
      <c r="AD6521" s="2"/>
      <c r="AE6521" s="1"/>
    </row>
    <row r="6522" spans="1:31" ht="14.45">
      <c r="A6522" s="11"/>
      <c r="B6522" s="20"/>
      <c r="C6522" s="2" t="s">
        <v>20038</v>
      </c>
      <c r="D6522" s="14" t="s">
        <v>20039</v>
      </c>
      <c r="E6522" s="2" t="s">
        <v>20040</v>
      </c>
      <c r="F6522" s="2" t="s">
        <v>7528</v>
      </c>
      <c r="G6522" s="8">
        <v>243</v>
      </c>
      <c r="H6522" s="5">
        <v>5</v>
      </c>
      <c r="I6522" s="5" t="s">
        <v>1518</v>
      </c>
      <c r="J6522" s="5" t="s">
        <v>1519</v>
      </c>
      <c r="K6522" s="2" t="s">
        <v>1520</v>
      </c>
      <c r="L6522" s="5" t="s">
        <v>1519</v>
      </c>
      <c r="M6522" s="2" t="s">
        <v>1520</v>
      </c>
      <c r="N6522" s="5" t="s">
        <v>19227</v>
      </c>
      <c r="O6522" s="5" t="s">
        <v>38</v>
      </c>
      <c r="P6522" s="5" t="s">
        <v>39</v>
      </c>
      <c r="Q6522" s="5" t="s">
        <v>40</v>
      </c>
      <c r="R6522" s="5" t="s">
        <v>1487</v>
      </c>
      <c r="S6522" s="5"/>
      <c r="T6522" s="5" t="s">
        <v>42</v>
      </c>
      <c r="U6522" s="2">
        <v>0</v>
      </c>
      <c r="V6522" s="2">
        <v>0</v>
      </c>
      <c r="W6522" s="2">
        <v>0</v>
      </c>
      <c r="X6522" s="2">
        <v>0</v>
      </c>
      <c r="Y6522" s="2">
        <v>0</v>
      </c>
      <c r="Z6522" s="2">
        <v>0</v>
      </c>
      <c r="AA6522" s="5"/>
      <c r="AB6522" s="5" t="s">
        <v>43</v>
      </c>
      <c r="AC6522" s="5" t="s">
        <v>44</v>
      </c>
      <c r="AD6522" s="2"/>
      <c r="AE6522" s="1"/>
    </row>
    <row r="6523" spans="1:31" ht="14.45">
      <c r="A6523" s="11"/>
      <c r="B6523" s="20"/>
      <c r="C6523" s="2" t="s">
        <v>20041</v>
      </c>
      <c r="D6523" s="14" t="s">
        <v>20042</v>
      </c>
      <c r="E6523" s="2" t="s">
        <v>20043</v>
      </c>
      <c r="F6523" s="2" t="s">
        <v>7396</v>
      </c>
      <c r="G6523" s="8">
        <v>254</v>
      </c>
      <c r="H6523" s="5">
        <v>5</v>
      </c>
      <c r="I6523" s="5" t="s">
        <v>1518</v>
      </c>
      <c r="J6523" s="5" t="s">
        <v>1519</v>
      </c>
      <c r="K6523" s="2" t="s">
        <v>1520</v>
      </c>
      <c r="L6523" s="5" t="s">
        <v>1519</v>
      </c>
      <c r="M6523" s="2" t="s">
        <v>1520</v>
      </c>
      <c r="N6523" s="5" t="s">
        <v>19227</v>
      </c>
      <c r="O6523" s="5" t="s">
        <v>38</v>
      </c>
      <c r="P6523" s="5" t="s">
        <v>39</v>
      </c>
      <c r="Q6523" s="5" t="s">
        <v>40</v>
      </c>
      <c r="R6523" s="5" t="s">
        <v>1487</v>
      </c>
      <c r="S6523" s="5"/>
      <c r="T6523" s="5" t="s">
        <v>42</v>
      </c>
      <c r="U6523" s="2">
        <v>0</v>
      </c>
      <c r="V6523" s="2">
        <v>0</v>
      </c>
      <c r="W6523" s="2">
        <v>0</v>
      </c>
      <c r="X6523" s="2">
        <v>0</v>
      </c>
      <c r="Y6523" s="2">
        <v>0</v>
      </c>
      <c r="Z6523" s="2">
        <v>0</v>
      </c>
      <c r="AA6523" s="5"/>
      <c r="AB6523" s="5" t="s">
        <v>43</v>
      </c>
      <c r="AC6523" s="5" t="s">
        <v>44</v>
      </c>
      <c r="AD6523" s="2"/>
      <c r="AE6523" s="1"/>
    </row>
    <row r="6524" spans="1:31" ht="14.45">
      <c r="A6524" s="11"/>
      <c r="B6524" s="20"/>
      <c r="C6524" s="2" t="s">
        <v>20044</v>
      </c>
      <c r="D6524" s="14" t="s">
        <v>20045</v>
      </c>
      <c r="E6524" s="2" t="s">
        <v>20046</v>
      </c>
      <c r="F6524" s="2" t="s">
        <v>7507</v>
      </c>
      <c r="G6524" s="8">
        <v>254</v>
      </c>
      <c r="H6524" s="5">
        <v>5</v>
      </c>
      <c r="I6524" s="5" t="s">
        <v>1518</v>
      </c>
      <c r="J6524" s="5" t="s">
        <v>1519</v>
      </c>
      <c r="K6524" s="2" t="s">
        <v>1520</v>
      </c>
      <c r="L6524" s="5" t="s">
        <v>1519</v>
      </c>
      <c r="M6524" s="2" t="s">
        <v>1520</v>
      </c>
      <c r="N6524" s="5" t="s">
        <v>19227</v>
      </c>
      <c r="O6524" s="5" t="s">
        <v>38</v>
      </c>
      <c r="P6524" s="5" t="s">
        <v>39</v>
      </c>
      <c r="Q6524" s="5" t="s">
        <v>40</v>
      </c>
      <c r="R6524" s="5" t="s">
        <v>1487</v>
      </c>
      <c r="S6524" s="5"/>
      <c r="T6524" s="5" t="s">
        <v>42</v>
      </c>
      <c r="U6524" s="2">
        <v>0</v>
      </c>
      <c r="V6524" s="2">
        <v>0</v>
      </c>
      <c r="W6524" s="2">
        <v>0</v>
      </c>
      <c r="X6524" s="2">
        <v>0</v>
      </c>
      <c r="Y6524" s="2">
        <v>0</v>
      </c>
      <c r="Z6524" s="2">
        <v>0</v>
      </c>
      <c r="AA6524" s="5"/>
      <c r="AB6524" s="5" t="s">
        <v>43</v>
      </c>
      <c r="AC6524" s="5" t="s">
        <v>44</v>
      </c>
      <c r="AD6524" s="2"/>
      <c r="AE6524" s="1"/>
    </row>
    <row r="6525" spans="1:31" ht="14.45">
      <c r="A6525" s="11"/>
      <c r="B6525" s="20"/>
      <c r="C6525" s="2" t="s">
        <v>20047</v>
      </c>
      <c r="D6525" s="14" t="s">
        <v>20048</v>
      </c>
      <c r="E6525" s="2" t="s">
        <v>20049</v>
      </c>
      <c r="F6525" s="2" t="s">
        <v>7204</v>
      </c>
      <c r="G6525" s="8">
        <v>254</v>
      </c>
      <c r="H6525" s="5">
        <v>5</v>
      </c>
      <c r="I6525" s="5" t="s">
        <v>1518</v>
      </c>
      <c r="J6525" s="5" t="s">
        <v>1519</v>
      </c>
      <c r="K6525" s="2" t="s">
        <v>1520</v>
      </c>
      <c r="L6525" s="5" t="s">
        <v>1519</v>
      </c>
      <c r="M6525" s="2" t="s">
        <v>1520</v>
      </c>
      <c r="N6525" s="5" t="s">
        <v>19227</v>
      </c>
      <c r="O6525" s="5" t="s">
        <v>38</v>
      </c>
      <c r="P6525" s="5" t="s">
        <v>39</v>
      </c>
      <c r="Q6525" s="5" t="s">
        <v>40</v>
      </c>
      <c r="R6525" s="5" t="s">
        <v>1487</v>
      </c>
      <c r="S6525" s="5"/>
      <c r="T6525" s="5" t="s">
        <v>42</v>
      </c>
      <c r="U6525" s="2">
        <v>0</v>
      </c>
      <c r="V6525" s="2">
        <v>0</v>
      </c>
      <c r="W6525" s="2">
        <v>0</v>
      </c>
      <c r="X6525" s="2">
        <v>0</v>
      </c>
      <c r="Y6525" s="2">
        <v>0</v>
      </c>
      <c r="Z6525" s="2">
        <v>0</v>
      </c>
      <c r="AA6525" s="5"/>
      <c r="AB6525" s="5" t="s">
        <v>43</v>
      </c>
      <c r="AC6525" s="5" t="s">
        <v>44</v>
      </c>
      <c r="AD6525" s="2"/>
      <c r="AE6525" s="1"/>
    </row>
    <row r="6526" spans="1:31" ht="14.45">
      <c r="A6526" s="11"/>
      <c r="B6526" s="20"/>
      <c r="C6526" s="2" t="s">
        <v>20050</v>
      </c>
      <c r="D6526" s="14" t="s">
        <v>20051</v>
      </c>
      <c r="E6526" s="2" t="s">
        <v>20052</v>
      </c>
      <c r="F6526" s="2" t="s">
        <v>7514</v>
      </c>
      <c r="G6526" s="8">
        <v>254</v>
      </c>
      <c r="H6526" s="5">
        <v>5</v>
      </c>
      <c r="I6526" s="5" t="s">
        <v>1518</v>
      </c>
      <c r="J6526" s="5" t="s">
        <v>1519</v>
      </c>
      <c r="K6526" s="2" t="s">
        <v>1520</v>
      </c>
      <c r="L6526" s="5" t="s">
        <v>1519</v>
      </c>
      <c r="M6526" s="2" t="s">
        <v>1520</v>
      </c>
      <c r="N6526" s="5" t="s">
        <v>19227</v>
      </c>
      <c r="O6526" s="5" t="s">
        <v>38</v>
      </c>
      <c r="P6526" s="5" t="s">
        <v>39</v>
      </c>
      <c r="Q6526" s="5" t="s">
        <v>40</v>
      </c>
      <c r="R6526" s="5" t="s">
        <v>1487</v>
      </c>
      <c r="S6526" s="5"/>
      <c r="T6526" s="5" t="s">
        <v>42</v>
      </c>
      <c r="U6526" s="2">
        <v>0</v>
      </c>
      <c r="V6526" s="2">
        <v>0</v>
      </c>
      <c r="W6526" s="2">
        <v>0</v>
      </c>
      <c r="X6526" s="2">
        <v>0</v>
      </c>
      <c r="Y6526" s="2">
        <v>0</v>
      </c>
      <c r="Z6526" s="2">
        <v>0</v>
      </c>
      <c r="AA6526" s="5"/>
      <c r="AB6526" s="5" t="s">
        <v>43</v>
      </c>
      <c r="AC6526" s="5" t="s">
        <v>44</v>
      </c>
      <c r="AD6526" s="2"/>
      <c r="AE6526" s="1"/>
    </row>
    <row r="6527" spans="1:31" ht="14.45">
      <c r="A6527" s="11"/>
      <c r="B6527" s="20"/>
      <c r="C6527" s="2" t="s">
        <v>20053</v>
      </c>
      <c r="D6527" s="14" t="s">
        <v>20054</v>
      </c>
      <c r="E6527" s="2" t="s">
        <v>20055</v>
      </c>
      <c r="F6527" s="2" t="s">
        <v>7208</v>
      </c>
      <c r="G6527" s="8">
        <v>254</v>
      </c>
      <c r="H6527" s="5">
        <v>5</v>
      </c>
      <c r="I6527" s="5" t="s">
        <v>1518</v>
      </c>
      <c r="J6527" s="5" t="s">
        <v>1519</v>
      </c>
      <c r="K6527" s="2" t="s">
        <v>1520</v>
      </c>
      <c r="L6527" s="5" t="s">
        <v>1519</v>
      </c>
      <c r="M6527" s="2" t="s">
        <v>1520</v>
      </c>
      <c r="N6527" s="5" t="s">
        <v>19227</v>
      </c>
      <c r="O6527" s="5" t="s">
        <v>38</v>
      </c>
      <c r="P6527" s="5" t="s">
        <v>39</v>
      </c>
      <c r="Q6527" s="5" t="s">
        <v>40</v>
      </c>
      <c r="R6527" s="5" t="s">
        <v>1487</v>
      </c>
      <c r="S6527" s="5"/>
      <c r="T6527" s="5" t="s">
        <v>42</v>
      </c>
      <c r="U6527" s="2">
        <v>0</v>
      </c>
      <c r="V6527" s="2">
        <v>0</v>
      </c>
      <c r="W6527" s="2">
        <v>0</v>
      </c>
      <c r="X6527" s="2">
        <v>0</v>
      </c>
      <c r="Y6527" s="2">
        <v>0</v>
      </c>
      <c r="Z6527" s="2">
        <v>0</v>
      </c>
      <c r="AA6527" s="5"/>
      <c r="AB6527" s="5" t="s">
        <v>43</v>
      </c>
      <c r="AC6527" s="5" t="s">
        <v>44</v>
      </c>
      <c r="AD6527" s="2"/>
      <c r="AE6527" s="1"/>
    </row>
    <row r="6528" spans="1:31" ht="14.45">
      <c r="A6528" s="11"/>
      <c r="B6528" s="20"/>
      <c r="C6528" s="2" t="s">
        <v>20056</v>
      </c>
      <c r="D6528" s="14" t="s">
        <v>20057</v>
      </c>
      <c r="E6528" s="2" t="s">
        <v>20058</v>
      </c>
      <c r="F6528" s="2" t="s">
        <v>7521</v>
      </c>
      <c r="G6528" s="8">
        <v>254</v>
      </c>
      <c r="H6528" s="5">
        <v>5</v>
      </c>
      <c r="I6528" s="5" t="s">
        <v>1518</v>
      </c>
      <c r="J6528" s="5" t="s">
        <v>1519</v>
      </c>
      <c r="K6528" s="2" t="s">
        <v>1520</v>
      </c>
      <c r="L6528" s="5" t="s">
        <v>1519</v>
      </c>
      <c r="M6528" s="2" t="s">
        <v>1520</v>
      </c>
      <c r="N6528" s="5" t="s">
        <v>19227</v>
      </c>
      <c r="O6528" s="5" t="s">
        <v>38</v>
      </c>
      <c r="P6528" s="5" t="s">
        <v>39</v>
      </c>
      <c r="Q6528" s="5" t="s">
        <v>40</v>
      </c>
      <c r="R6528" s="5" t="s">
        <v>1487</v>
      </c>
      <c r="S6528" s="5"/>
      <c r="T6528" s="5" t="s">
        <v>42</v>
      </c>
      <c r="U6528" s="2">
        <v>0</v>
      </c>
      <c r="V6528" s="2">
        <v>0</v>
      </c>
      <c r="W6528" s="2">
        <v>0</v>
      </c>
      <c r="X6528" s="2">
        <v>0</v>
      </c>
      <c r="Y6528" s="2">
        <v>0</v>
      </c>
      <c r="Z6528" s="2">
        <v>0</v>
      </c>
      <c r="AA6528" s="5"/>
      <c r="AB6528" s="5" t="s">
        <v>43</v>
      </c>
      <c r="AC6528" s="5" t="s">
        <v>44</v>
      </c>
      <c r="AD6528" s="2"/>
      <c r="AE6528" s="1"/>
    </row>
    <row r="6529" spans="1:31" ht="14.45">
      <c r="A6529" s="11"/>
      <c r="B6529" s="20"/>
      <c r="C6529" s="2" t="s">
        <v>20059</v>
      </c>
      <c r="D6529" s="14" t="s">
        <v>20060</v>
      </c>
      <c r="E6529" s="2" t="s">
        <v>20061</v>
      </c>
      <c r="F6529" s="2" t="s">
        <v>7212</v>
      </c>
      <c r="G6529" s="8">
        <v>254</v>
      </c>
      <c r="H6529" s="5">
        <v>5</v>
      </c>
      <c r="I6529" s="5" t="s">
        <v>1518</v>
      </c>
      <c r="J6529" s="5" t="s">
        <v>1519</v>
      </c>
      <c r="K6529" s="2" t="s">
        <v>1520</v>
      </c>
      <c r="L6529" s="5" t="s">
        <v>1519</v>
      </c>
      <c r="M6529" s="2" t="s">
        <v>1520</v>
      </c>
      <c r="N6529" s="5" t="s">
        <v>19227</v>
      </c>
      <c r="O6529" s="5" t="s">
        <v>38</v>
      </c>
      <c r="P6529" s="5" t="s">
        <v>39</v>
      </c>
      <c r="Q6529" s="5" t="s">
        <v>40</v>
      </c>
      <c r="R6529" s="5" t="s">
        <v>1487</v>
      </c>
      <c r="S6529" s="5"/>
      <c r="T6529" s="5" t="s">
        <v>42</v>
      </c>
      <c r="U6529" s="2">
        <v>0</v>
      </c>
      <c r="V6529" s="2">
        <v>0</v>
      </c>
      <c r="W6529" s="2">
        <v>0</v>
      </c>
      <c r="X6529" s="2">
        <v>0</v>
      </c>
      <c r="Y6529" s="2">
        <v>0</v>
      </c>
      <c r="Z6529" s="2">
        <v>0</v>
      </c>
      <c r="AA6529" s="5"/>
      <c r="AB6529" s="5" t="s">
        <v>43</v>
      </c>
      <c r="AC6529" s="5" t="s">
        <v>44</v>
      </c>
      <c r="AD6529" s="2"/>
      <c r="AE6529" s="1"/>
    </row>
    <row r="6530" spans="1:31" ht="14.45">
      <c r="A6530" s="11"/>
      <c r="B6530" s="20"/>
      <c r="C6530" s="2" t="s">
        <v>20062</v>
      </c>
      <c r="D6530" s="14" t="s">
        <v>20063</v>
      </c>
      <c r="E6530" s="2" t="s">
        <v>20064</v>
      </c>
      <c r="F6530" s="2" t="s">
        <v>7528</v>
      </c>
      <c r="G6530" s="8">
        <v>254</v>
      </c>
      <c r="H6530" s="5">
        <v>5</v>
      </c>
      <c r="I6530" s="5" t="s">
        <v>1518</v>
      </c>
      <c r="J6530" s="5" t="s">
        <v>1519</v>
      </c>
      <c r="K6530" s="2" t="s">
        <v>1520</v>
      </c>
      <c r="L6530" s="5" t="s">
        <v>1519</v>
      </c>
      <c r="M6530" s="2" t="s">
        <v>1520</v>
      </c>
      <c r="N6530" s="5" t="s">
        <v>19227</v>
      </c>
      <c r="O6530" s="5" t="s">
        <v>38</v>
      </c>
      <c r="P6530" s="5" t="s">
        <v>39</v>
      </c>
      <c r="Q6530" s="5" t="s">
        <v>40</v>
      </c>
      <c r="R6530" s="5" t="s">
        <v>1487</v>
      </c>
      <c r="S6530" s="5"/>
      <c r="T6530" s="5" t="s">
        <v>42</v>
      </c>
      <c r="U6530" s="2">
        <v>0</v>
      </c>
      <c r="V6530" s="2">
        <v>0</v>
      </c>
      <c r="W6530" s="2">
        <v>0</v>
      </c>
      <c r="X6530" s="2">
        <v>0</v>
      </c>
      <c r="Y6530" s="2">
        <v>0</v>
      </c>
      <c r="Z6530" s="2">
        <v>0</v>
      </c>
      <c r="AA6530" s="5"/>
      <c r="AB6530" s="5" t="s">
        <v>43</v>
      </c>
      <c r="AC6530" s="5" t="s">
        <v>44</v>
      </c>
      <c r="AD6530" s="2"/>
      <c r="AE6530" s="1"/>
    </row>
    <row r="6531" spans="1:31" ht="14.45">
      <c r="A6531" s="11"/>
      <c r="B6531" s="20"/>
      <c r="C6531" s="2" t="s">
        <v>20065</v>
      </c>
      <c r="D6531" s="14" t="s">
        <v>20066</v>
      </c>
      <c r="E6531" s="2" t="s">
        <v>20067</v>
      </c>
      <c r="F6531" s="2" t="s">
        <v>7396</v>
      </c>
      <c r="G6531" s="8">
        <v>267</v>
      </c>
      <c r="H6531" s="5">
        <v>5</v>
      </c>
      <c r="I6531" s="5" t="s">
        <v>1518</v>
      </c>
      <c r="J6531" s="5" t="s">
        <v>1519</v>
      </c>
      <c r="K6531" s="2" t="s">
        <v>1520</v>
      </c>
      <c r="L6531" s="5" t="s">
        <v>1519</v>
      </c>
      <c r="M6531" s="2" t="s">
        <v>1520</v>
      </c>
      <c r="N6531" s="5" t="s">
        <v>19227</v>
      </c>
      <c r="O6531" s="5" t="s">
        <v>38</v>
      </c>
      <c r="P6531" s="5" t="s">
        <v>39</v>
      </c>
      <c r="Q6531" s="5" t="s">
        <v>40</v>
      </c>
      <c r="R6531" s="5" t="s">
        <v>1487</v>
      </c>
      <c r="S6531" s="5"/>
      <c r="T6531" s="5" t="s">
        <v>42</v>
      </c>
      <c r="U6531" s="2">
        <v>0</v>
      </c>
      <c r="V6531" s="2">
        <v>0</v>
      </c>
      <c r="W6531" s="2">
        <v>0</v>
      </c>
      <c r="X6531" s="2">
        <v>0</v>
      </c>
      <c r="Y6531" s="2">
        <v>0</v>
      </c>
      <c r="Z6531" s="2">
        <v>0</v>
      </c>
      <c r="AA6531" s="5"/>
      <c r="AB6531" s="5" t="s">
        <v>43</v>
      </c>
      <c r="AC6531" s="5" t="s">
        <v>44</v>
      </c>
      <c r="AD6531" s="2"/>
      <c r="AE6531" s="1"/>
    </row>
    <row r="6532" spans="1:31" ht="14.45">
      <c r="A6532" s="11"/>
      <c r="B6532" s="20"/>
      <c r="C6532" s="2" t="s">
        <v>20068</v>
      </c>
      <c r="D6532" s="14" t="s">
        <v>20069</v>
      </c>
      <c r="E6532" s="2" t="s">
        <v>20070</v>
      </c>
      <c r="F6532" s="2" t="s">
        <v>7507</v>
      </c>
      <c r="G6532" s="8">
        <v>267</v>
      </c>
      <c r="H6532" s="5">
        <v>5</v>
      </c>
      <c r="I6532" s="5" t="s">
        <v>1518</v>
      </c>
      <c r="J6532" s="5" t="s">
        <v>1519</v>
      </c>
      <c r="K6532" s="2" t="s">
        <v>1520</v>
      </c>
      <c r="L6532" s="5" t="s">
        <v>1519</v>
      </c>
      <c r="M6532" s="2" t="s">
        <v>1520</v>
      </c>
      <c r="N6532" s="5" t="s">
        <v>19227</v>
      </c>
      <c r="O6532" s="5" t="s">
        <v>38</v>
      </c>
      <c r="P6532" s="5" t="s">
        <v>39</v>
      </c>
      <c r="Q6532" s="5" t="s">
        <v>40</v>
      </c>
      <c r="R6532" s="5" t="s">
        <v>1487</v>
      </c>
      <c r="S6532" s="5"/>
      <c r="T6532" s="5" t="s">
        <v>42</v>
      </c>
      <c r="U6532" s="2">
        <v>0</v>
      </c>
      <c r="V6532" s="2">
        <v>0</v>
      </c>
      <c r="W6532" s="2">
        <v>0</v>
      </c>
      <c r="X6532" s="2">
        <v>0</v>
      </c>
      <c r="Y6532" s="2">
        <v>0</v>
      </c>
      <c r="Z6532" s="2">
        <v>0</v>
      </c>
      <c r="AA6532" s="5"/>
      <c r="AB6532" s="5" t="s">
        <v>43</v>
      </c>
      <c r="AC6532" s="5" t="s">
        <v>44</v>
      </c>
      <c r="AD6532" s="2"/>
      <c r="AE6532" s="1"/>
    </row>
    <row r="6533" spans="1:31" ht="14.45">
      <c r="A6533" s="11"/>
      <c r="B6533" s="20"/>
      <c r="C6533" s="2" t="s">
        <v>20071</v>
      </c>
      <c r="D6533" s="14" t="s">
        <v>20072</v>
      </c>
      <c r="E6533" s="2" t="s">
        <v>20073</v>
      </c>
      <c r="F6533" s="2" t="s">
        <v>7204</v>
      </c>
      <c r="G6533" s="8">
        <v>267</v>
      </c>
      <c r="H6533" s="5">
        <v>5</v>
      </c>
      <c r="I6533" s="5" t="s">
        <v>1518</v>
      </c>
      <c r="J6533" s="5" t="s">
        <v>1519</v>
      </c>
      <c r="K6533" s="2" t="s">
        <v>1520</v>
      </c>
      <c r="L6533" s="5" t="s">
        <v>1519</v>
      </c>
      <c r="M6533" s="2" t="s">
        <v>1520</v>
      </c>
      <c r="N6533" s="5" t="s">
        <v>19227</v>
      </c>
      <c r="O6533" s="5" t="s">
        <v>38</v>
      </c>
      <c r="P6533" s="5" t="s">
        <v>39</v>
      </c>
      <c r="Q6533" s="5" t="s">
        <v>40</v>
      </c>
      <c r="R6533" s="5" t="s">
        <v>1487</v>
      </c>
      <c r="S6533" s="5"/>
      <c r="T6533" s="5" t="s">
        <v>42</v>
      </c>
      <c r="U6533" s="2">
        <v>0</v>
      </c>
      <c r="V6533" s="2">
        <v>0</v>
      </c>
      <c r="W6533" s="2">
        <v>0</v>
      </c>
      <c r="X6533" s="2">
        <v>0</v>
      </c>
      <c r="Y6533" s="2">
        <v>0</v>
      </c>
      <c r="Z6533" s="2">
        <v>0</v>
      </c>
      <c r="AA6533" s="5"/>
      <c r="AB6533" s="5" t="s">
        <v>43</v>
      </c>
      <c r="AC6533" s="5" t="s">
        <v>44</v>
      </c>
      <c r="AD6533" s="2"/>
      <c r="AE6533" s="1"/>
    </row>
    <row r="6534" spans="1:31" ht="14.45">
      <c r="A6534" s="11"/>
      <c r="B6534" s="20"/>
      <c r="C6534" s="2" t="s">
        <v>20074</v>
      </c>
      <c r="D6534" s="14" t="s">
        <v>20075</v>
      </c>
      <c r="E6534" s="2" t="s">
        <v>20076</v>
      </c>
      <c r="F6534" s="2" t="s">
        <v>7514</v>
      </c>
      <c r="G6534" s="8">
        <v>267</v>
      </c>
      <c r="H6534" s="5">
        <v>5</v>
      </c>
      <c r="I6534" s="5" t="s">
        <v>1518</v>
      </c>
      <c r="J6534" s="5" t="s">
        <v>1519</v>
      </c>
      <c r="K6534" s="2" t="s">
        <v>1520</v>
      </c>
      <c r="L6534" s="5" t="s">
        <v>1519</v>
      </c>
      <c r="M6534" s="2" t="s">
        <v>1520</v>
      </c>
      <c r="N6534" s="5" t="s">
        <v>19227</v>
      </c>
      <c r="O6534" s="5" t="s">
        <v>38</v>
      </c>
      <c r="P6534" s="5" t="s">
        <v>39</v>
      </c>
      <c r="Q6534" s="5" t="s">
        <v>40</v>
      </c>
      <c r="R6534" s="5" t="s">
        <v>1487</v>
      </c>
      <c r="S6534" s="5"/>
      <c r="T6534" s="5" t="s">
        <v>42</v>
      </c>
      <c r="U6534" s="2">
        <v>0</v>
      </c>
      <c r="V6534" s="2">
        <v>0</v>
      </c>
      <c r="W6534" s="2">
        <v>0</v>
      </c>
      <c r="X6534" s="2">
        <v>0</v>
      </c>
      <c r="Y6534" s="2">
        <v>0</v>
      </c>
      <c r="Z6534" s="2">
        <v>0</v>
      </c>
      <c r="AA6534" s="5"/>
      <c r="AB6534" s="5" t="s">
        <v>43</v>
      </c>
      <c r="AC6534" s="5" t="s">
        <v>44</v>
      </c>
      <c r="AD6534" s="2"/>
      <c r="AE6534" s="1"/>
    </row>
    <row r="6535" spans="1:31" ht="14.45">
      <c r="A6535" s="11"/>
      <c r="B6535" s="20"/>
      <c r="C6535" s="2" t="s">
        <v>20077</v>
      </c>
      <c r="D6535" s="14" t="s">
        <v>20078</v>
      </c>
      <c r="E6535" s="2" t="s">
        <v>20079</v>
      </c>
      <c r="F6535" s="2" t="s">
        <v>7208</v>
      </c>
      <c r="G6535" s="8">
        <v>267</v>
      </c>
      <c r="H6535" s="5">
        <v>5</v>
      </c>
      <c r="I6535" s="5" t="s">
        <v>1518</v>
      </c>
      <c r="J6535" s="5" t="s">
        <v>1519</v>
      </c>
      <c r="K6535" s="2" t="s">
        <v>1520</v>
      </c>
      <c r="L6535" s="5" t="s">
        <v>1519</v>
      </c>
      <c r="M6535" s="2" t="s">
        <v>1520</v>
      </c>
      <c r="N6535" s="5" t="s">
        <v>19227</v>
      </c>
      <c r="O6535" s="5" t="s">
        <v>38</v>
      </c>
      <c r="P6535" s="5" t="s">
        <v>39</v>
      </c>
      <c r="Q6535" s="5" t="s">
        <v>40</v>
      </c>
      <c r="R6535" s="5" t="s">
        <v>1487</v>
      </c>
      <c r="S6535" s="5"/>
      <c r="T6535" s="5" t="s">
        <v>42</v>
      </c>
      <c r="U6535" s="2">
        <v>0</v>
      </c>
      <c r="V6535" s="2">
        <v>0</v>
      </c>
      <c r="W6535" s="2">
        <v>0</v>
      </c>
      <c r="X6535" s="2">
        <v>0</v>
      </c>
      <c r="Y6535" s="2">
        <v>0</v>
      </c>
      <c r="Z6535" s="2">
        <v>0</v>
      </c>
      <c r="AA6535" s="5"/>
      <c r="AB6535" s="5" t="s">
        <v>43</v>
      </c>
      <c r="AC6535" s="5" t="s">
        <v>44</v>
      </c>
      <c r="AD6535" s="2"/>
      <c r="AE6535" s="1"/>
    </row>
    <row r="6536" spans="1:31" ht="14.45">
      <c r="A6536" s="11"/>
      <c r="B6536" s="20"/>
      <c r="C6536" s="2" t="s">
        <v>20080</v>
      </c>
      <c r="D6536" s="14" t="s">
        <v>20081</v>
      </c>
      <c r="E6536" s="2" t="s">
        <v>20082</v>
      </c>
      <c r="F6536" s="2" t="s">
        <v>7521</v>
      </c>
      <c r="G6536" s="8">
        <v>267</v>
      </c>
      <c r="H6536" s="5">
        <v>6</v>
      </c>
      <c r="I6536" s="5" t="s">
        <v>1518</v>
      </c>
      <c r="J6536" s="5" t="s">
        <v>1519</v>
      </c>
      <c r="K6536" s="2" t="s">
        <v>1520</v>
      </c>
      <c r="L6536" s="5" t="s">
        <v>1519</v>
      </c>
      <c r="M6536" s="2" t="s">
        <v>1520</v>
      </c>
      <c r="N6536" s="5" t="s">
        <v>19227</v>
      </c>
      <c r="O6536" s="5" t="s">
        <v>38</v>
      </c>
      <c r="P6536" s="5" t="s">
        <v>39</v>
      </c>
      <c r="Q6536" s="5" t="s">
        <v>40</v>
      </c>
      <c r="R6536" s="5" t="s">
        <v>1487</v>
      </c>
      <c r="S6536" s="5"/>
      <c r="T6536" s="5" t="s">
        <v>42</v>
      </c>
      <c r="U6536" s="2">
        <v>0</v>
      </c>
      <c r="V6536" s="2">
        <v>0</v>
      </c>
      <c r="W6536" s="2">
        <v>0</v>
      </c>
      <c r="X6536" s="2">
        <v>0</v>
      </c>
      <c r="Y6536" s="2">
        <v>0</v>
      </c>
      <c r="Z6536" s="2">
        <v>0</v>
      </c>
      <c r="AA6536" s="5"/>
      <c r="AB6536" s="5" t="s">
        <v>43</v>
      </c>
      <c r="AC6536" s="5" t="s">
        <v>44</v>
      </c>
      <c r="AD6536" s="2"/>
      <c r="AE6536" s="1"/>
    </row>
    <row r="6537" spans="1:31" ht="14.45">
      <c r="A6537" s="11"/>
      <c r="B6537" s="20"/>
      <c r="C6537" s="2" t="s">
        <v>20083</v>
      </c>
      <c r="D6537" s="14" t="s">
        <v>20084</v>
      </c>
      <c r="E6537" s="2" t="s">
        <v>20085</v>
      </c>
      <c r="F6537" s="2" t="s">
        <v>7212</v>
      </c>
      <c r="G6537" s="8">
        <v>267</v>
      </c>
      <c r="H6537" s="5">
        <v>5</v>
      </c>
      <c r="I6537" s="5" t="s">
        <v>1518</v>
      </c>
      <c r="J6537" s="5" t="s">
        <v>1519</v>
      </c>
      <c r="K6537" s="2" t="s">
        <v>1520</v>
      </c>
      <c r="L6537" s="5" t="s">
        <v>1519</v>
      </c>
      <c r="M6537" s="2" t="s">
        <v>1520</v>
      </c>
      <c r="N6537" s="5" t="s">
        <v>19227</v>
      </c>
      <c r="O6537" s="5" t="s">
        <v>38</v>
      </c>
      <c r="P6537" s="5" t="s">
        <v>39</v>
      </c>
      <c r="Q6537" s="5" t="s">
        <v>40</v>
      </c>
      <c r="R6537" s="5" t="s">
        <v>1487</v>
      </c>
      <c r="S6537" s="5"/>
      <c r="T6537" s="5" t="s">
        <v>42</v>
      </c>
      <c r="U6537" s="2">
        <v>0</v>
      </c>
      <c r="V6537" s="2">
        <v>0</v>
      </c>
      <c r="W6537" s="2">
        <v>0</v>
      </c>
      <c r="X6537" s="2">
        <v>0</v>
      </c>
      <c r="Y6537" s="2">
        <v>0</v>
      </c>
      <c r="Z6537" s="2">
        <v>0</v>
      </c>
      <c r="AA6537" s="5"/>
      <c r="AB6537" s="5" t="s">
        <v>43</v>
      </c>
      <c r="AC6537" s="5" t="s">
        <v>44</v>
      </c>
      <c r="AD6537" s="2"/>
      <c r="AE6537" s="1"/>
    </row>
    <row r="6538" spans="1:31" ht="14.45">
      <c r="A6538" s="11"/>
      <c r="B6538" s="20"/>
      <c r="C6538" s="2" t="s">
        <v>20086</v>
      </c>
      <c r="D6538" s="14" t="s">
        <v>20087</v>
      </c>
      <c r="E6538" s="2" t="s">
        <v>20088</v>
      </c>
      <c r="F6538" s="2" t="s">
        <v>7528</v>
      </c>
      <c r="G6538" s="8">
        <v>267</v>
      </c>
      <c r="H6538" s="5">
        <v>6</v>
      </c>
      <c r="I6538" s="5" t="s">
        <v>1518</v>
      </c>
      <c r="J6538" s="5" t="s">
        <v>1519</v>
      </c>
      <c r="K6538" s="2" t="s">
        <v>1520</v>
      </c>
      <c r="L6538" s="5" t="s">
        <v>1519</v>
      </c>
      <c r="M6538" s="2" t="s">
        <v>1520</v>
      </c>
      <c r="N6538" s="5" t="s">
        <v>19227</v>
      </c>
      <c r="O6538" s="5" t="s">
        <v>38</v>
      </c>
      <c r="P6538" s="5" t="s">
        <v>39</v>
      </c>
      <c r="Q6538" s="5" t="s">
        <v>40</v>
      </c>
      <c r="R6538" s="5" t="s">
        <v>1487</v>
      </c>
      <c r="S6538" s="5"/>
      <c r="T6538" s="5" t="s">
        <v>42</v>
      </c>
      <c r="U6538" s="2">
        <v>0</v>
      </c>
      <c r="V6538" s="2">
        <v>0</v>
      </c>
      <c r="W6538" s="2">
        <v>0</v>
      </c>
      <c r="X6538" s="2">
        <v>0</v>
      </c>
      <c r="Y6538" s="2">
        <v>0</v>
      </c>
      <c r="Z6538" s="2">
        <v>0</v>
      </c>
      <c r="AA6538" s="5"/>
      <c r="AB6538" s="5" t="s">
        <v>43</v>
      </c>
      <c r="AC6538" s="5" t="s">
        <v>44</v>
      </c>
      <c r="AD6538" s="2"/>
      <c r="AE6538" s="1"/>
    </row>
    <row r="6539" spans="1:31" ht="14.45">
      <c r="A6539" s="11"/>
      <c r="B6539" s="20"/>
      <c r="C6539" s="2" t="s">
        <v>20089</v>
      </c>
      <c r="D6539" s="14" t="s">
        <v>20090</v>
      </c>
      <c r="E6539" s="2" t="s">
        <v>20091</v>
      </c>
      <c r="F6539" s="2" t="s">
        <v>7396</v>
      </c>
      <c r="G6539" s="8">
        <v>256</v>
      </c>
      <c r="H6539" s="5">
        <v>5</v>
      </c>
      <c r="I6539" s="5" t="s">
        <v>1518</v>
      </c>
      <c r="J6539" s="5" t="s">
        <v>1519</v>
      </c>
      <c r="K6539" s="2" t="s">
        <v>1520</v>
      </c>
      <c r="L6539" s="5" t="s">
        <v>1519</v>
      </c>
      <c r="M6539" s="2" t="s">
        <v>1520</v>
      </c>
      <c r="N6539" s="5" t="s">
        <v>19227</v>
      </c>
      <c r="O6539" s="5" t="s">
        <v>38</v>
      </c>
      <c r="P6539" s="5" t="s">
        <v>39</v>
      </c>
      <c r="Q6539" s="5" t="s">
        <v>40</v>
      </c>
      <c r="R6539" s="5" t="s">
        <v>1487</v>
      </c>
      <c r="S6539" s="5"/>
      <c r="T6539" s="5" t="s">
        <v>42</v>
      </c>
      <c r="U6539" s="2">
        <v>0</v>
      </c>
      <c r="V6539" s="2">
        <v>0</v>
      </c>
      <c r="W6539" s="2">
        <v>0</v>
      </c>
      <c r="X6539" s="2">
        <v>0</v>
      </c>
      <c r="Y6539" s="2">
        <v>0</v>
      </c>
      <c r="Z6539" s="2">
        <v>0</v>
      </c>
      <c r="AA6539" s="5"/>
      <c r="AB6539" s="5" t="s">
        <v>43</v>
      </c>
      <c r="AC6539" s="5" t="s">
        <v>44</v>
      </c>
      <c r="AD6539" s="2"/>
      <c r="AE6539" s="1"/>
    </row>
    <row r="6540" spans="1:31" ht="14.45">
      <c r="A6540" s="11"/>
      <c r="B6540" s="20"/>
      <c r="C6540" s="2" t="s">
        <v>20092</v>
      </c>
      <c r="D6540" s="14" t="s">
        <v>20093</v>
      </c>
      <c r="E6540" s="2" t="s">
        <v>20094</v>
      </c>
      <c r="F6540" s="2" t="s">
        <v>7507</v>
      </c>
      <c r="G6540" s="8">
        <v>256</v>
      </c>
      <c r="H6540" s="5">
        <v>5</v>
      </c>
      <c r="I6540" s="5" t="s">
        <v>1518</v>
      </c>
      <c r="J6540" s="5" t="s">
        <v>1519</v>
      </c>
      <c r="K6540" s="2" t="s">
        <v>1520</v>
      </c>
      <c r="L6540" s="5" t="s">
        <v>1519</v>
      </c>
      <c r="M6540" s="2" t="s">
        <v>1520</v>
      </c>
      <c r="N6540" s="5" t="s">
        <v>19227</v>
      </c>
      <c r="O6540" s="5" t="s">
        <v>38</v>
      </c>
      <c r="P6540" s="5" t="s">
        <v>39</v>
      </c>
      <c r="Q6540" s="5" t="s">
        <v>40</v>
      </c>
      <c r="R6540" s="5" t="s">
        <v>1487</v>
      </c>
      <c r="S6540" s="5"/>
      <c r="T6540" s="5" t="s">
        <v>42</v>
      </c>
      <c r="U6540" s="2">
        <v>0</v>
      </c>
      <c r="V6540" s="2">
        <v>0</v>
      </c>
      <c r="W6540" s="2">
        <v>0</v>
      </c>
      <c r="X6540" s="2">
        <v>0</v>
      </c>
      <c r="Y6540" s="2">
        <v>0</v>
      </c>
      <c r="Z6540" s="2">
        <v>0</v>
      </c>
      <c r="AA6540" s="5"/>
      <c r="AB6540" s="5" t="s">
        <v>43</v>
      </c>
      <c r="AC6540" s="5" t="s">
        <v>44</v>
      </c>
      <c r="AD6540" s="2"/>
      <c r="AE6540" s="1"/>
    </row>
    <row r="6541" spans="1:31" ht="14.45">
      <c r="A6541" s="11"/>
      <c r="B6541" s="20"/>
      <c r="C6541" s="2" t="s">
        <v>20095</v>
      </c>
      <c r="D6541" s="14" t="s">
        <v>20096</v>
      </c>
      <c r="E6541" s="2" t="s">
        <v>20097</v>
      </c>
      <c r="F6541" s="2" t="s">
        <v>7204</v>
      </c>
      <c r="G6541" s="8">
        <v>256</v>
      </c>
      <c r="H6541" s="5">
        <v>5</v>
      </c>
      <c r="I6541" s="5" t="s">
        <v>1518</v>
      </c>
      <c r="J6541" s="5" t="s">
        <v>1519</v>
      </c>
      <c r="K6541" s="2" t="s">
        <v>1520</v>
      </c>
      <c r="L6541" s="5" t="s">
        <v>1519</v>
      </c>
      <c r="M6541" s="2" t="s">
        <v>1520</v>
      </c>
      <c r="N6541" s="5" t="s">
        <v>19227</v>
      </c>
      <c r="O6541" s="5" t="s">
        <v>38</v>
      </c>
      <c r="P6541" s="5" t="s">
        <v>39</v>
      </c>
      <c r="Q6541" s="5" t="s">
        <v>40</v>
      </c>
      <c r="R6541" s="5" t="s">
        <v>1487</v>
      </c>
      <c r="S6541" s="5"/>
      <c r="T6541" s="5" t="s">
        <v>42</v>
      </c>
      <c r="U6541" s="2">
        <v>0</v>
      </c>
      <c r="V6541" s="2">
        <v>0</v>
      </c>
      <c r="W6541" s="2">
        <v>0</v>
      </c>
      <c r="X6541" s="2">
        <v>0</v>
      </c>
      <c r="Y6541" s="2">
        <v>0</v>
      </c>
      <c r="Z6541" s="2">
        <v>0</v>
      </c>
      <c r="AA6541" s="5"/>
      <c r="AB6541" s="5" t="s">
        <v>43</v>
      </c>
      <c r="AC6541" s="5" t="s">
        <v>44</v>
      </c>
      <c r="AD6541" s="2"/>
      <c r="AE6541" s="1"/>
    </row>
    <row r="6542" spans="1:31" ht="14.45">
      <c r="A6542" s="11"/>
      <c r="B6542" s="20"/>
      <c r="C6542" s="2" t="s">
        <v>20098</v>
      </c>
      <c r="D6542" s="14" t="s">
        <v>20099</v>
      </c>
      <c r="E6542" s="2" t="s">
        <v>20100</v>
      </c>
      <c r="F6542" s="2" t="s">
        <v>7514</v>
      </c>
      <c r="G6542" s="8">
        <v>256</v>
      </c>
      <c r="H6542" s="5">
        <v>5</v>
      </c>
      <c r="I6542" s="5" t="s">
        <v>1518</v>
      </c>
      <c r="J6542" s="5" t="s">
        <v>1519</v>
      </c>
      <c r="K6542" s="2" t="s">
        <v>1520</v>
      </c>
      <c r="L6542" s="5" t="s">
        <v>1519</v>
      </c>
      <c r="M6542" s="2" t="s">
        <v>1520</v>
      </c>
      <c r="N6542" s="5" t="s">
        <v>19227</v>
      </c>
      <c r="O6542" s="5" t="s">
        <v>38</v>
      </c>
      <c r="P6542" s="5" t="s">
        <v>39</v>
      </c>
      <c r="Q6542" s="5" t="s">
        <v>40</v>
      </c>
      <c r="R6542" s="5" t="s">
        <v>1487</v>
      </c>
      <c r="S6542" s="5"/>
      <c r="T6542" s="5" t="s">
        <v>42</v>
      </c>
      <c r="U6542" s="2">
        <v>0</v>
      </c>
      <c r="V6542" s="2">
        <v>0</v>
      </c>
      <c r="W6542" s="2">
        <v>0</v>
      </c>
      <c r="X6542" s="2">
        <v>0</v>
      </c>
      <c r="Y6542" s="2">
        <v>0</v>
      </c>
      <c r="Z6542" s="2">
        <v>0</v>
      </c>
      <c r="AA6542" s="5"/>
      <c r="AB6542" s="5" t="s">
        <v>43</v>
      </c>
      <c r="AC6542" s="5" t="s">
        <v>44</v>
      </c>
      <c r="AD6542" s="2"/>
      <c r="AE6542" s="1"/>
    </row>
    <row r="6543" spans="1:31" ht="14.45">
      <c r="A6543" s="11"/>
      <c r="B6543" s="20"/>
      <c r="C6543" s="2" t="s">
        <v>20101</v>
      </c>
      <c r="D6543" s="14" t="s">
        <v>20102</v>
      </c>
      <c r="E6543" s="2" t="s">
        <v>20103</v>
      </c>
      <c r="F6543" s="2" t="s">
        <v>7208</v>
      </c>
      <c r="G6543" s="8">
        <v>256</v>
      </c>
      <c r="H6543" s="5">
        <v>5</v>
      </c>
      <c r="I6543" s="5" t="s">
        <v>1518</v>
      </c>
      <c r="J6543" s="5" t="s">
        <v>1519</v>
      </c>
      <c r="K6543" s="2" t="s">
        <v>1520</v>
      </c>
      <c r="L6543" s="5" t="s">
        <v>1519</v>
      </c>
      <c r="M6543" s="2" t="s">
        <v>1520</v>
      </c>
      <c r="N6543" s="5" t="s">
        <v>19227</v>
      </c>
      <c r="O6543" s="5" t="s">
        <v>38</v>
      </c>
      <c r="P6543" s="5" t="s">
        <v>39</v>
      </c>
      <c r="Q6543" s="5" t="s">
        <v>40</v>
      </c>
      <c r="R6543" s="5" t="s">
        <v>1487</v>
      </c>
      <c r="S6543" s="5"/>
      <c r="T6543" s="5" t="s">
        <v>42</v>
      </c>
      <c r="U6543" s="2">
        <v>0</v>
      </c>
      <c r="V6543" s="2">
        <v>0</v>
      </c>
      <c r="W6543" s="2">
        <v>0</v>
      </c>
      <c r="X6543" s="2">
        <v>0</v>
      </c>
      <c r="Y6543" s="2">
        <v>0</v>
      </c>
      <c r="Z6543" s="2">
        <v>0</v>
      </c>
      <c r="AA6543" s="5"/>
      <c r="AB6543" s="5" t="s">
        <v>43</v>
      </c>
      <c r="AC6543" s="5" t="s">
        <v>44</v>
      </c>
      <c r="AD6543" s="2"/>
      <c r="AE6543" s="1"/>
    </row>
    <row r="6544" spans="1:31" ht="14.45">
      <c r="A6544" s="11"/>
      <c r="B6544" s="20"/>
      <c r="C6544" s="2" t="s">
        <v>20104</v>
      </c>
      <c r="D6544" s="14" t="s">
        <v>20105</v>
      </c>
      <c r="E6544" s="2" t="s">
        <v>20106</v>
      </c>
      <c r="F6544" s="2" t="s">
        <v>7521</v>
      </c>
      <c r="G6544" s="8">
        <v>256</v>
      </c>
      <c r="H6544" s="5">
        <v>5</v>
      </c>
      <c r="I6544" s="5" t="s">
        <v>1518</v>
      </c>
      <c r="J6544" s="5" t="s">
        <v>1519</v>
      </c>
      <c r="K6544" s="2" t="s">
        <v>1520</v>
      </c>
      <c r="L6544" s="5" t="s">
        <v>1519</v>
      </c>
      <c r="M6544" s="2" t="s">
        <v>1520</v>
      </c>
      <c r="N6544" s="5" t="s">
        <v>19227</v>
      </c>
      <c r="O6544" s="5" t="s">
        <v>38</v>
      </c>
      <c r="P6544" s="5" t="s">
        <v>39</v>
      </c>
      <c r="Q6544" s="5" t="s">
        <v>40</v>
      </c>
      <c r="R6544" s="5" t="s">
        <v>1487</v>
      </c>
      <c r="S6544" s="5"/>
      <c r="T6544" s="5" t="s">
        <v>42</v>
      </c>
      <c r="U6544" s="2">
        <v>0</v>
      </c>
      <c r="V6544" s="2">
        <v>0</v>
      </c>
      <c r="W6544" s="2">
        <v>0</v>
      </c>
      <c r="X6544" s="2">
        <v>0</v>
      </c>
      <c r="Y6544" s="2">
        <v>0</v>
      </c>
      <c r="Z6544" s="2">
        <v>0</v>
      </c>
      <c r="AA6544" s="5"/>
      <c r="AB6544" s="5" t="s">
        <v>43</v>
      </c>
      <c r="AC6544" s="5" t="s">
        <v>44</v>
      </c>
      <c r="AD6544" s="2"/>
      <c r="AE6544" s="1"/>
    </row>
    <row r="6545" spans="1:31" ht="14.45">
      <c r="A6545" s="11"/>
      <c r="B6545" s="20"/>
      <c r="C6545" s="2" t="s">
        <v>20107</v>
      </c>
      <c r="D6545" s="14" t="s">
        <v>20108</v>
      </c>
      <c r="E6545" s="2" t="s">
        <v>20109</v>
      </c>
      <c r="F6545" s="2" t="s">
        <v>7212</v>
      </c>
      <c r="G6545" s="8">
        <v>256</v>
      </c>
      <c r="H6545" s="5">
        <v>5</v>
      </c>
      <c r="I6545" s="5" t="s">
        <v>1518</v>
      </c>
      <c r="J6545" s="5" t="s">
        <v>1519</v>
      </c>
      <c r="K6545" s="2" t="s">
        <v>1520</v>
      </c>
      <c r="L6545" s="5" t="s">
        <v>1519</v>
      </c>
      <c r="M6545" s="2" t="s">
        <v>1520</v>
      </c>
      <c r="N6545" s="5" t="s">
        <v>19227</v>
      </c>
      <c r="O6545" s="5" t="s">
        <v>38</v>
      </c>
      <c r="P6545" s="5" t="s">
        <v>39</v>
      </c>
      <c r="Q6545" s="5" t="s">
        <v>40</v>
      </c>
      <c r="R6545" s="5" t="s">
        <v>1487</v>
      </c>
      <c r="S6545" s="5"/>
      <c r="T6545" s="5" t="s">
        <v>42</v>
      </c>
      <c r="U6545" s="2">
        <v>0</v>
      </c>
      <c r="V6545" s="2">
        <v>0</v>
      </c>
      <c r="W6545" s="2">
        <v>0</v>
      </c>
      <c r="X6545" s="2">
        <v>0</v>
      </c>
      <c r="Y6545" s="2">
        <v>0</v>
      </c>
      <c r="Z6545" s="2">
        <v>0</v>
      </c>
      <c r="AA6545" s="5"/>
      <c r="AB6545" s="5" t="s">
        <v>43</v>
      </c>
      <c r="AC6545" s="5" t="s">
        <v>44</v>
      </c>
      <c r="AD6545" s="2"/>
      <c r="AE6545" s="1"/>
    </row>
    <row r="6546" spans="1:31" ht="14.45">
      <c r="A6546" s="11"/>
      <c r="B6546" s="20"/>
      <c r="C6546" s="2" t="s">
        <v>20110</v>
      </c>
      <c r="D6546" s="14" t="s">
        <v>20111</v>
      </c>
      <c r="E6546" s="2" t="s">
        <v>20112</v>
      </c>
      <c r="F6546" s="2" t="s">
        <v>7528</v>
      </c>
      <c r="G6546" s="8">
        <v>256</v>
      </c>
      <c r="H6546" s="5">
        <v>5</v>
      </c>
      <c r="I6546" s="5" t="s">
        <v>1518</v>
      </c>
      <c r="J6546" s="5" t="s">
        <v>1519</v>
      </c>
      <c r="K6546" s="2" t="s">
        <v>1520</v>
      </c>
      <c r="L6546" s="5" t="s">
        <v>1519</v>
      </c>
      <c r="M6546" s="2" t="s">
        <v>1520</v>
      </c>
      <c r="N6546" s="5" t="s">
        <v>19227</v>
      </c>
      <c r="O6546" s="5" t="s">
        <v>38</v>
      </c>
      <c r="P6546" s="5" t="s">
        <v>39</v>
      </c>
      <c r="Q6546" s="5" t="s">
        <v>40</v>
      </c>
      <c r="R6546" s="5" t="s">
        <v>1487</v>
      </c>
      <c r="S6546" s="5"/>
      <c r="T6546" s="5" t="s">
        <v>42</v>
      </c>
      <c r="U6546" s="2">
        <v>0</v>
      </c>
      <c r="V6546" s="2">
        <v>0</v>
      </c>
      <c r="W6546" s="2">
        <v>0</v>
      </c>
      <c r="X6546" s="2">
        <v>0</v>
      </c>
      <c r="Y6546" s="2">
        <v>0</v>
      </c>
      <c r="Z6546" s="2">
        <v>0</v>
      </c>
      <c r="AA6546" s="5"/>
      <c r="AB6546" s="5" t="s">
        <v>43</v>
      </c>
      <c r="AC6546" s="5" t="s">
        <v>44</v>
      </c>
      <c r="AD6546" s="2"/>
      <c r="AE6546" s="1"/>
    </row>
    <row r="6547" spans="1:31" ht="14.45">
      <c r="A6547" s="11"/>
      <c r="B6547" s="20"/>
      <c r="C6547" s="2" t="s">
        <v>20113</v>
      </c>
      <c r="D6547" s="14" t="s">
        <v>20114</v>
      </c>
      <c r="E6547" s="2" t="s">
        <v>20115</v>
      </c>
      <c r="F6547" s="2" t="s">
        <v>7396</v>
      </c>
      <c r="G6547" s="8">
        <v>267</v>
      </c>
      <c r="H6547" s="5">
        <v>5</v>
      </c>
      <c r="I6547" s="5" t="s">
        <v>1518</v>
      </c>
      <c r="J6547" s="5" t="s">
        <v>1519</v>
      </c>
      <c r="K6547" s="2" t="s">
        <v>1520</v>
      </c>
      <c r="L6547" s="5" t="s">
        <v>1519</v>
      </c>
      <c r="M6547" s="2" t="s">
        <v>1520</v>
      </c>
      <c r="N6547" s="5" t="s">
        <v>19227</v>
      </c>
      <c r="O6547" s="5" t="s">
        <v>38</v>
      </c>
      <c r="P6547" s="5" t="s">
        <v>39</v>
      </c>
      <c r="Q6547" s="5" t="s">
        <v>40</v>
      </c>
      <c r="R6547" s="5" t="s">
        <v>1487</v>
      </c>
      <c r="S6547" s="5"/>
      <c r="T6547" s="5" t="s">
        <v>42</v>
      </c>
      <c r="U6547" s="2">
        <v>0</v>
      </c>
      <c r="V6547" s="2">
        <v>0</v>
      </c>
      <c r="W6547" s="2">
        <v>0</v>
      </c>
      <c r="X6547" s="2">
        <v>0</v>
      </c>
      <c r="Y6547" s="2">
        <v>0</v>
      </c>
      <c r="Z6547" s="2">
        <v>0</v>
      </c>
      <c r="AA6547" s="5"/>
      <c r="AB6547" s="5" t="s">
        <v>43</v>
      </c>
      <c r="AC6547" s="5" t="s">
        <v>44</v>
      </c>
      <c r="AD6547" s="2"/>
      <c r="AE6547" s="1"/>
    </row>
    <row r="6548" spans="1:31" ht="14.45">
      <c r="A6548" s="11"/>
      <c r="B6548" s="20"/>
      <c r="C6548" s="2" t="s">
        <v>20116</v>
      </c>
      <c r="D6548" s="14" t="s">
        <v>20117</v>
      </c>
      <c r="E6548" s="2" t="s">
        <v>20118</v>
      </c>
      <c r="F6548" s="2" t="s">
        <v>7507</v>
      </c>
      <c r="G6548" s="8">
        <v>267</v>
      </c>
      <c r="H6548" s="5">
        <v>5</v>
      </c>
      <c r="I6548" s="5" t="s">
        <v>1518</v>
      </c>
      <c r="J6548" s="5" t="s">
        <v>1519</v>
      </c>
      <c r="K6548" s="2" t="s">
        <v>1520</v>
      </c>
      <c r="L6548" s="5" t="s">
        <v>1519</v>
      </c>
      <c r="M6548" s="2" t="s">
        <v>1520</v>
      </c>
      <c r="N6548" s="5" t="s">
        <v>19227</v>
      </c>
      <c r="O6548" s="5" t="s">
        <v>38</v>
      </c>
      <c r="P6548" s="5" t="s">
        <v>39</v>
      </c>
      <c r="Q6548" s="5" t="s">
        <v>40</v>
      </c>
      <c r="R6548" s="5" t="s">
        <v>1487</v>
      </c>
      <c r="S6548" s="5"/>
      <c r="T6548" s="5" t="s">
        <v>42</v>
      </c>
      <c r="U6548" s="2">
        <v>0</v>
      </c>
      <c r="V6548" s="2">
        <v>0</v>
      </c>
      <c r="W6548" s="2">
        <v>0</v>
      </c>
      <c r="X6548" s="2">
        <v>0</v>
      </c>
      <c r="Y6548" s="2">
        <v>0</v>
      </c>
      <c r="Z6548" s="2">
        <v>0</v>
      </c>
      <c r="AA6548" s="5"/>
      <c r="AB6548" s="5" t="s">
        <v>43</v>
      </c>
      <c r="AC6548" s="5" t="s">
        <v>44</v>
      </c>
      <c r="AD6548" s="2"/>
      <c r="AE6548" s="1"/>
    </row>
    <row r="6549" spans="1:31" ht="14.45">
      <c r="A6549" s="11"/>
      <c r="B6549" s="20"/>
      <c r="C6549" s="2" t="s">
        <v>20119</v>
      </c>
      <c r="D6549" s="14" t="s">
        <v>20120</v>
      </c>
      <c r="E6549" s="2" t="s">
        <v>20121</v>
      </c>
      <c r="F6549" s="2" t="s">
        <v>7204</v>
      </c>
      <c r="G6549" s="8">
        <v>267</v>
      </c>
      <c r="H6549" s="5">
        <v>5</v>
      </c>
      <c r="I6549" s="5" t="s">
        <v>1518</v>
      </c>
      <c r="J6549" s="5" t="s">
        <v>1519</v>
      </c>
      <c r="K6549" s="2" t="s">
        <v>1520</v>
      </c>
      <c r="L6549" s="5" t="s">
        <v>1519</v>
      </c>
      <c r="M6549" s="2" t="s">
        <v>1520</v>
      </c>
      <c r="N6549" s="5" t="s">
        <v>19227</v>
      </c>
      <c r="O6549" s="5" t="s">
        <v>38</v>
      </c>
      <c r="P6549" s="5" t="s">
        <v>39</v>
      </c>
      <c r="Q6549" s="5" t="s">
        <v>40</v>
      </c>
      <c r="R6549" s="5" t="s">
        <v>1487</v>
      </c>
      <c r="S6549" s="5"/>
      <c r="T6549" s="5" t="s">
        <v>42</v>
      </c>
      <c r="U6549" s="2">
        <v>0</v>
      </c>
      <c r="V6549" s="2">
        <v>0</v>
      </c>
      <c r="W6549" s="2">
        <v>0</v>
      </c>
      <c r="X6549" s="2">
        <v>0</v>
      </c>
      <c r="Y6549" s="2">
        <v>0</v>
      </c>
      <c r="Z6549" s="2">
        <v>0</v>
      </c>
      <c r="AA6549" s="5"/>
      <c r="AB6549" s="5" t="s">
        <v>43</v>
      </c>
      <c r="AC6549" s="5" t="s">
        <v>44</v>
      </c>
      <c r="AD6549" s="2"/>
      <c r="AE6549" s="1"/>
    </row>
    <row r="6550" spans="1:31" ht="14.45">
      <c r="A6550" s="11"/>
      <c r="B6550" s="20"/>
      <c r="C6550" s="2" t="s">
        <v>20122</v>
      </c>
      <c r="D6550" s="14" t="s">
        <v>20123</v>
      </c>
      <c r="E6550" s="2" t="s">
        <v>20124</v>
      </c>
      <c r="F6550" s="2" t="s">
        <v>7514</v>
      </c>
      <c r="G6550" s="8">
        <v>267</v>
      </c>
      <c r="H6550" s="5">
        <v>5</v>
      </c>
      <c r="I6550" s="5" t="s">
        <v>1518</v>
      </c>
      <c r="J6550" s="5" t="s">
        <v>1519</v>
      </c>
      <c r="K6550" s="2" t="s">
        <v>1520</v>
      </c>
      <c r="L6550" s="5" t="s">
        <v>1519</v>
      </c>
      <c r="M6550" s="2" t="s">
        <v>1520</v>
      </c>
      <c r="N6550" s="5" t="s">
        <v>19227</v>
      </c>
      <c r="O6550" s="5" t="s">
        <v>38</v>
      </c>
      <c r="P6550" s="5" t="s">
        <v>39</v>
      </c>
      <c r="Q6550" s="5" t="s">
        <v>40</v>
      </c>
      <c r="R6550" s="5" t="s">
        <v>1487</v>
      </c>
      <c r="S6550" s="5"/>
      <c r="T6550" s="5" t="s">
        <v>42</v>
      </c>
      <c r="U6550" s="2">
        <v>0</v>
      </c>
      <c r="V6550" s="2">
        <v>0</v>
      </c>
      <c r="W6550" s="2">
        <v>0</v>
      </c>
      <c r="X6550" s="2">
        <v>0</v>
      </c>
      <c r="Y6550" s="2">
        <v>0</v>
      </c>
      <c r="Z6550" s="2">
        <v>0</v>
      </c>
      <c r="AA6550" s="5"/>
      <c r="AB6550" s="5" t="s">
        <v>43</v>
      </c>
      <c r="AC6550" s="5" t="s">
        <v>44</v>
      </c>
      <c r="AD6550" s="2"/>
      <c r="AE6550" s="1"/>
    </row>
    <row r="6551" spans="1:31" ht="14.45">
      <c r="A6551" s="11"/>
      <c r="B6551" s="20"/>
      <c r="C6551" s="2" t="s">
        <v>20125</v>
      </c>
      <c r="D6551" s="14" t="s">
        <v>20126</v>
      </c>
      <c r="E6551" s="2" t="s">
        <v>20127</v>
      </c>
      <c r="F6551" s="2" t="s">
        <v>7208</v>
      </c>
      <c r="G6551" s="8">
        <v>267</v>
      </c>
      <c r="H6551" s="5">
        <v>5</v>
      </c>
      <c r="I6551" s="5" t="s">
        <v>1518</v>
      </c>
      <c r="J6551" s="5" t="s">
        <v>1519</v>
      </c>
      <c r="K6551" s="2" t="s">
        <v>1520</v>
      </c>
      <c r="L6551" s="5" t="s">
        <v>1519</v>
      </c>
      <c r="M6551" s="2" t="s">
        <v>1520</v>
      </c>
      <c r="N6551" s="5" t="s">
        <v>19227</v>
      </c>
      <c r="O6551" s="5" t="s">
        <v>38</v>
      </c>
      <c r="P6551" s="5" t="s">
        <v>39</v>
      </c>
      <c r="Q6551" s="5" t="s">
        <v>40</v>
      </c>
      <c r="R6551" s="5" t="s">
        <v>1487</v>
      </c>
      <c r="S6551" s="5"/>
      <c r="T6551" s="5" t="s">
        <v>42</v>
      </c>
      <c r="U6551" s="2">
        <v>0</v>
      </c>
      <c r="V6551" s="2">
        <v>0</v>
      </c>
      <c r="W6551" s="2">
        <v>0</v>
      </c>
      <c r="X6551" s="2">
        <v>0</v>
      </c>
      <c r="Y6551" s="2">
        <v>0</v>
      </c>
      <c r="Z6551" s="2">
        <v>0</v>
      </c>
      <c r="AA6551" s="5"/>
      <c r="AB6551" s="5" t="s">
        <v>43</v>
      </c>
      <c r="AC6551" s="5" t="s">
        <v>44</v>
      </c>
      <c r="AD6551" s="2"/>
      <c r="AE6551" s="1"/>
    </row>
    <row r="6552" spans="1:31" ht="14.45">
      <c r="A6552" s="11"/>
      <c r="B6552" s="20"/>
      <c r="C6552" s="2" t="s">
        <v>20128</v>
      </c>
      <c r="D6552" s="14" t="s">
        <v>20129</v>
      </c>
      <c r="E6552" s="2" t="s">
        <v>20130</v>
      </c>
      <c r="F6552" s="2" t="s">
        <v>7521</v>
      </c>
      <c r="G6552" s="8">
        <v>267</v>
      </c>
      <c r="H6552" s="5">
        <v>5</v>
      </c>
      <c r="I6552" s="5" t="s">
        <v>1518</v>
      </c>
      <c r="J6552" s="5" t="s">
        <v>1519</v>
      </c>
      <c r="K6552" s="2" t="s">
        <v>1520</v>
      </c>
      <c r="L6552" s="5" t="s">
        <v>1519</v>
      </c>
      <c r="M6552" s="2" t="s">
        <v>1520</v>
      </c>
      <c r="N6552" s="5" t="s">
        <v>19227</v>
      </c>
      <c r="O6552" s="5" t="s">
        <v>38</v>
      </c>
      <c r="P6552" s="5" t="s">
        <v>39</v>
      </c>
      <c r="Q6552" s="5" t="s">
        <v>40</v>
      </c>
      <c r="R6552" s="5" t="s">
        <v>1487</v>
      </c>
      <c r="S6552" s="5"/>
      <c r="T6552" s="5" t="s">
        <v>42</v>
      </c>
      <c r="U6552" s="2">
        <v>0</v>
      </c>
      <c r="V6552" s="2">
        <v>0</v>
      </c>
      <c r="W6552" s="2">
        <v>0</v>
      </c>
      <c r="X6552" s="2">
        <v>0</v>
      </c>
      <c r="Y6552" s="2">
        <v>0</v>
      </c>
      <c r="Z6552" s="2">
        <v>0</v>
      </c>
      <c r="AA6552" s="5"/>
      <c r="AB6552" s="5" t="s">
        <v>43</v>
      </c>
      <c r="AC6552" s="5" t="s">
        <v>44</v>
      </c>
      <c r="AD6552" s="2"/>
      <c r="AE6552" s="1"/>
    </row>
    <row r="6553" spans="1:31" ht="14.45">
      <c r="A6553" s="11"/>
      <c r="B6553" s="20"/>
      <c r="C6553" s="2" t="s">
        <v>20131</v>
      </c>
      <c r="D6553" s="14" t="s">
        <v>20132</v>
      </c>
      <c r="E6553" s="2" t="s">
        <v>20133</v>
      </c>
      <c r="F6553" s="2" t="s">
        <v>7212</v>
      </c>
      <c r="G6553" s="8">
        <v>267</v>
      </c>
      <c r="H6553" s="5">
        <v>5</v>
      </c>
      <c r="I6553" s="5" t="s">
        <v>1518</v>
      </c>
      <c r="J6553" s="5" t="s">
        <v>1519</v>
      </c>
      <c r="K6553" s="2" t="s">
        <v>1520</v>
      </c>
      <c r="L6553" s="5" t="s">
        <v>1519</v>
      </c>
      <c r="M6553" s="2" t="s">
        <v>1520</v>
      </c>
      <c r="N6553" s="5" t="s">
        <v>19227</v>
      </c>
      <c r="O6553" s="5" t="s">
        <v>38</v>
      </c>
      <c r="P6553" s="5" t="s">
        <v>39</v>
      </c>
      <c r="Q6553" s="5" t="s">
        <v>40</v>
      </c>
      <c r="R6553" s="5" t="s">
        <v>1487</v>
      </c>
      <c r="S6553" s="5"/>
      <c r="T6553" s="5" t="s">
        <v>42</v>
      </c>
      <c r="U6553" s="2">
        <v>0</v>
      </c>
      <c r="V6553" s="2">
        <v>0</v>
      </c>
      <c r="W6553" s="2">
        <v>0</v>
      </c>
      <c r="X6553" s="2">
        <v>0</v>
      </c>
      <c r="Y6553" s="2">
        <v>0</v>
      </c>
      <c r="Z6553" s="2">
        <v>0</v>
      </c>
      <c r="AA6553" s="5"/>
      <c r="AB6553" s="5" t="s">
        <v>43</v>
      </c>
      <c r="AC6553" s="5" t="s">
        <v>44</v>
      </c>
      <c r="AD6553" s="2"/>
      <c r="AE6553" s="1"/>
    </row>
    <row r="6554" spans="1:31" ht="14.45">
      <c r="A6554" s="11"/>
      <c r="B6554" s="20"/>
      <c r="C6554" s="2" t="s">
        <v>20134</v>
      </c>
      <c r="D6554" s="14" t="s">
        <v>20135</v>
      </c>
      <c r="E6554" s="2" t="s">
        <v>20136</v>
      </c>
      <c r="F6554" s="2" t="s">
        <v>7528</v>
      </c>
      <c r="G6554" s="8">
        <v>267</v>
      </c>
      <c r="H6554" s="5">
        <v>5</v>
      </c>
      <c r="I6554" s="5" t="s">
        <v>1518</v>
      </c>
      <c r="J6554" s="5" t="s">
        <v>1519</v>
      </c>
      <c r="K6554" s="2" t="s">
        <v>1520</v>
      </c>
      <c r="L6554" s="5" t="s">
        <v>1519</v>
      </c>
      <c r="M6554" s="2" t="s">
        <v>1520</v>
      </c>
      <c r="N6554" s="5" t="s">
        <v>19227</v>
      </c>
      <c r="O6554" s="5" t="s">
        <v>38</v>
      </c>
      <c r="P6554" s="5" t="s">
        <v>39</v>
      </c>
      <c r="Q6554" s="5" t="s">
        <v>40</v>
      </c>
      <c r="R6554" s="5" t="s">
        <v>1487</v>
      </c>
      <c r="S6554" s="5"/>
      <c r="T6554" s="5" t="s">
        <v>42</v>
      </c>
      <c r="U6554" s="2">
        <v>0</v>
      </c>
      <c r="V6554" s="2">
        <v>0</v>
      </c>
      <c r="W6554" s="2">
        <v>0</v>
      </c>
      <c r="X6554" s="2">
        <v>0</v>
      </c>
      <c r="Y6554" s="2">
        <v>0</v>
      </c>
      <c r="Z6554" s="2">
        <v>0</v>
      </c>
      <c r="AA6554" s="5"/>
      <c r="AB6554" s="5" t="s">
        <v>43</v>
      </c>
      <c r="AC6554" s="5" t="s">
        <v>44</v>
      </c>
      <c r="AD6554" s="2"/>
      <c r="AE6554" s="1"/>
    </row>
    <row r="6555" spans="1:31" ht="14.45">
      <c r="A6555" s="11"/>
      <c r="B6555" s="20"/>
      <c r="C6555" s="2" t="s">
        <v>20137</v>
      </c>
      <c r="D6555" s="14" t="s">
        <v>20138</v>
      </c>
      <c r="E6555" s="2" t="s">
        <v>20139</v>
      </c>
      <c r="F6555" s="2" t="s">
        <v>7396</v>
      </c>
      <c r="G6555" s="8">
        <v>283</v>
      </c>
      <c r="H6555" s="5">
        <v>5</v>
      </c>
      <c r="I6555" s="5" t="s">
        <v>1518</v>
      </c>
      <c r="J6555" s="5" t="s">
        <v>1519</v>
      </c>
      <c r="K6555" s="2" t="s">
        <v>1520</v>
      </c>
      <c r="L6555" s="5" t="s">
        <v>1519</v>
      </c>
      <c r="M6555" s="2" t="s">
        <v>1520</v>
      </c>
      <c r="N6555" s="5" t="s">
        <v>19227</v>
      </c>
      <c r="O6555" s="5" t="s">
        <v>38</v>
      </c>
      <c r="P6555" s="5" t="s">
        <v>39</v>
      </c>
      <c r="Q6555" s="5" t="s">
        <v>40</v>
      </c>
      <c r="R6555" s="5" t="s">
        <v>1487</v>
      </c>
      <c r="S6555" s="5"/>
      <c r="T6555" s="5" t="s">
        <v>42</v>
      </c>
      <c r="U6555" s="2">
        <v>0</v>
      </c>
      <c r="V6555" s="2">
        <v>0</v>
      </c>
      <c r="W6555" s="2">
        <v>0</v>
      </c>
      <c r="X6555" s="2">
        <v>0</v>
      </c>
      <c r="Y6555" s="2">
        <v>0</v>
      </c>
      <c r="Z6555" s="2">
        <v>0</v>
      </c>
      <c r="AA6555" s="5"/>
      <c r="AB6555" s="5" t="s">
        <v>43</v>
      </c>
      <c r="AC6555" s="5" t="s">
        <v>44</v>
      </c>
      <c r="AD6555" s="2"/>
      <c r="AE6555" s="1"/>
    </row>
    <row r="6556" spans="1:31" ht="14.45">
      <c r="A6556" s="11"/>
      <c r="B6556" s="20"/>
      <c r="C6556" s="2" t="s">
        <v>20140</v>
      </c>
      <c r="D6556" s="14" t="s">
        <v>20141</v>
      </c>
      <c r="E6556" s="2" t="s">
        <v>20142</v>
      </c>
      <c r="F6556" s="2" t="s">
        <v>7507</v>
      </c>
      <c r="G6556" s="8">
        <v>283</v>
      </c>
      <c r="H6556" s="5">
        <v>5</v>
      </c>
      <c r="I6556" s="5" t="s">
        <v>1518</v>
      </c>
      <c r="J6556" s="5" t="s">
        <v>1519</v>
      </c>
      <c r="K6556" s="2" t="s">
        <v>1520</v>
      </c>
      <c r="L6556" s="5" t="s">
        <v>1519</v>
      </c>
      <c r="M6556" s="2" t="s">
        <v>1520</v>
      </c>
      <c r="N6556" s="5" t="s">
        <v>19227</v>
      </c>
      <c r="O6556" s="5" t="s">
        <v>38</v>
      </c>
      <c r="P6556" s="5" t="s">
        <v>39</v>
      </c>
      <c r="Q6556" s="5" t="s">
        <v>40</v>
      </c>
      <c r="R6556" s="5" t="s">
        <v>1487</v>
      </c>
      <c r="S6556" s="5"/>
      <c r="T6556" s="5" t="s">
        <v>42</v>
      </c>
      <c r="U6556" s="2">
        <v>0</v>
      </c>
      <c r="V6556" s="2">
        <v>0</v>
      </c>
      <c r="W6556" s="2">
        <v>0</v>
      </c>
      <c r="X6556" s="2">
        <v>0</v>
      </c>
      <c r="Y6556" s="2">
        <v>0</v>
      </c>
      <c r="Z6556" s="2">
        <v>0</v>
      </c>
      <c r="AA6556" s="5"/>
      <c r="AB6556" s="5" t="s">
        <v>43</v>
      </c>
      <c r="AC6556" s="5" t="s">
        <v>44</v>
      </c>
      <c r="AD6556" s="2"/>
      <c r="AE6556" s="1"/>
    </row>
    <row r="6557" spans="1:31" ht="14.45">
      <c r="A6557" s="11"/>
      <c r="B6557" s="20"/>
      <c r="C6557" s="2" t="s">
        <v>20143</v>
      </c>
      <c r="D6557" s="14" t="s">
        <v>20144</v>
      </c>
      <c r="E6557" s="2" t="s">
        <v>20145</v>
      </c>
      <c r="F6557" s="2" t="s">
        <v>7204</v>
      </c>
      <c r="G6557" s="8">
        <v>283</v>
      </c>
      <c r="H6557" s="5">
        <v>5</v>
      </c>
      <c r="I6557" s="5" t="s">
        <v>1518</v>
      </c>
      <c r="J6557" s="5" t="s">
        <v>1519</v>
      </c>
      <c r="K6557" s="2" t="s">
        <v>1520</v>
      </c>
      <c r="L6557" s="5" t="s">
        <v>1519</v>
      </c>
      <c r="M6557" s="2" t="s">
        <v>1520</v>
      </c>
      <c r="N6557" s="5" t="s">
        <v>19227</v>
      </c>
      <c r="O6557" s="5" t="s">
        <v>38</v>
      </c>
      <c r="P6557" s="5" t="s">
        <v>39</v>
      </c>
      <c r="Q6557" s="5" t="s">
        <v>40</v>
      </c>
      <c r="R6557" s="5" t="s">
        <v>1487</v>
      </c>
      <c r="S6557" s="5"/>
      <c r="T6557" s="5" t="s">
        <v>42</v>
      </c>
      <c r="U6557" s="2">
        <v>0</v>
      </c>
      <c r="V6557" s="2">
        <v>0</v>
      </c>
      <c r="W6557" s="2">
        <v>0</v>
      </c>
      <c r="X6557" s="2">
        <v>0</v>
      </c>
      <c r="Y6557" s="2">
        <v>0</v>
      </c>
      <c r="Z6557" s="2">
        <v>0</v>
      </c>
      <c r="AA6557" s="5"/>
      <c r="AB6557" s="5" t="s">
        <v>43</v>
      </c>
      <c r="AC6557" s="5" t="s">
        <v>44</v>
      </c>
      <c r="AD6557" s="2"/>
      <c r="AE6557" s="1"/>
    </row>
    <row r="6558" spans="1:31" ht="14.45">
      <c r="A6558" s="11"/>
      <c r="B6558" s="20"/>
      <c r="C6558" s="2" t="s">
        <v>20146</v>
      </c>
      <c r="D6558" s="14" t="s">
        <v>20147</v>
      </c>
      <c r="E6558" s="2" t="s">
        <v>20148</v>
      </c>
      <c r="F6558" s="2" t="s">
        <v>7514</v>
      </c>
      <c r="G6558" s="8">
        <v>283</v>
      </c>
      <c r="H6558" s="5">
        <v>5</v>
      </c>
      <c r="I6558" s="5" t="s">
        <v>1518</v>
      </c>
      <c r="J6558" s="5" t="s">
        <v>1519</v>
      </c>
      <c r="K6558" s="2" t="s">
        <v>1520</v>
      </c>
      <c r="L6558" s="5" t="s">
        <v>1519</v>
      </c>
      <c r="M6558" s="2" t="s">
        <v>1520</v>
      </c>
      <c r="N6558" s="5" t="s">
        <v>19227</v>
      </c>
      <c r="O6558" s="5" t="s">
        <v>38</v>
      </c>
      <c r="P6558" s="5" t="s">
        <v>39</v>
      </c>
      <c r="Q6558" s="5" t="s">
        <v>40</v>
      </c>
      <c r="R6558" s="5" t="s">
        <v>1487</v>
      </c>
      <c r="S6558" s="5"/>
      <c r="T6558" s="5" t="s">
        <v>42</v>
      </c>
      <c r="U6558" s="2">
        <v>0</v>
      </c>
      <c r="V6558" s="2">
        <v>0</v>
      </c>
      <c r="W6558" s="2">
        <v>0</v>
      </c>
      <c r="X6558" s="2">
        <v>0</v>
      </c>
      <c r="Y6558" s="2">
        <v>0</v>
      </c>
      <c r="Z6558" s="2">
        <v>0</v>
      </c>
      <c r="AA6558" s="5"/>
      <c r="AB6558" s="5" t="s">
        <v>43</v>
      </c>
      <c r="AC6558" s="5" t="s">
        <v>44</v>
      </c>
      <c r="AD6558" s="2"/>
      <c r="AE6558" s="1"/>
    </row>
    <row r="6559" spans="1:31" ht="14.45">
      <c r="A6559" s="11"/>
      <c r="B6559" s="20"/>
      <c r="C6559" s="2" t="s">
        <v>20149</v>
      </c>
      <c r="D6559" s="14" t="s">
        <v>20150</v>
      </c>
      <c r="E6559" s="2" t="s">
        <v>20151</v>
      </c>
      <c r="F6559" s="2" t="s">
        <v>7208</v>
      </c>
      <c r="G6559" s="8">
        <v>283</v>
      </c>
      <c r="H6559" s="5">
        <v>5</v>
      </c>
      <c r="I6559" s="5" t="s">
        <v>1518</v>
      </c>
      <c r="J6559" s="5" t="s">
        <v>1519</v>
      </c>
      <c r="K6559" s="2" t="s">
        <v>1520</v>
      </c>
      <c r="L6559" s="5" t="s">
        <v>1519</v>
      </c>
      <c r="M6559" s="2" t="s">
        <v>1520</v>
      </c>
      <c r="N6559" s="5" t="s">
        <v>19227</v>
      </c>
      <c r="O6559" s="5" t="s">
        <v>38</v>
      </c>
      <c r="P6559" s="5" t="s">
        <v>39</v>
      </c>
      <c r="Q6559" s="5" t="s">
        <v>40</v>
      </c>
      <c r="R6559" s="5" t="s">
        <v>1487</v>
      </c>
      <c r="S6559" s="5"/>
      <c r="T6559" s="5" t="s">
        <v>42</v>
      </c>
      <c r="U6559" s="2">
        <v>0</v>
      </c>
      <c r="V6559" s="2">
        <v>0</v>
      </c>
      <c r="W6559" s="2">
        <v>0</v>
      </c>
      <c r="X6559" s="2">
        <v>0</v>
      </c>
      <c r="Y6559" s="2">
        <v>0</v>
      </c>
      <c r="Z6559" s="2">
        <v>0</v>
      </c>
      <c r="AA6559" s="5"/>
      <c r="AB6559" s="5" t="s">
        <v>43</v>
      </c>
      <c r="AC6559" s="5" t="s">
        <v>44</v>
      </c>
      <c r="AD6559" s="2"/>
      <c r="AE6559" s="1"/>
    </row>
    <row r="6560" spans="1:31" ht="14.45">
      <c r="A6560" s="11"/>
      <c r="B6560" s="20"/>
      <c r="C6560" s="2" t="s">
        <v>20152</v>
      </c>
      <c r="D6560" s="14" t="s">
        <v>20153</v>
      </c>
      <c r="E6560" s="2" t="s">
        <v>20154</v>
      </c>
      <c r="F6560" s="2" t="s">
        <v>7521</v>
      </c>
      <c r="G6560" s="8">
        <v>283</v>
      </c>
      <c r="H6560" s="5">
        <v>5</v>
      </c>
      <c r="I6560" s="5" t="s">
        <v>1518</v>
      </c>
      <c r="J6560" s="5" t="s">
        <v>1519</v>
      </c>
      <c r="K6560" s="2" t="s">
        <v>1520</v>
      </c>
      <c r="L6560" s="5" t="s">
        <v>1519</v>
      </c>
      <c r="M6560" s="2" t="s">
        <v>1520</v>
      </c>
      <c r="N6560" s="5" t="s">
        <v>19227</v>
      </c>
      <c r="O6560" s="5" t="s">
        <v>38</v>
      </c>
      <c r="P6560" s="5" t="s">
        <v>39</v>
      </c>
      <c r="Q6560" s="5" t="s">
        <v>40</v>
      </c>
      <c r="R6560" s="5" t="s">
        <v>1487</v>
      </c>
      <c r="S6560" s="5"/>
      <c r="T6560" s="5" t="s">
        <v>42</v>
      </c>
      <c r="U6560" s="2">
        <v>0</v>
      </c>
      <c r="V6560" s="2">
        <v>0</v>
      </c>
      <c r="W6560" s="2">
        <v>0</v>
      </c>
      <c r="X6560" s="2">
        <v>0</v>
      </c>
      <c r="Y6560" s="2">
        <v>0</v>
      </c>
      <c r="Z6560" s="2">
        <v>0</v>
      </c>
      <c r="AA6560" s="5"/>
      <c r="AB6560" s="5" t="s">
        <v>43</v>
      </c>
      <c r="AC6560" s="5" t="s">
        <v>44</v>
      </c>
      <c r="AD6560" s="2"/>
      <c r="AE6560" s="1"/>
    </row>
    <row r="6561" spans="1:31" ht="14.45">
      <c r="A6561" s="11"/>
      <c r="B6561" s="20"/>
      <c r="C6561" s="2" t="s">
        <v>20155</v>
      </c>
      <c r="D6561" s="14" t="s">
        <v>20156</v>
      </c>
      <c r="E6561" s="2" t="s">
        <v>20157</v>
      </c>
      <c r="F6561" s="2" t="s">
        <v>7212</v>
      </c>
      <c r="G6561" s="8">
        <v>283</v>
      </c>
      <c r="H6561" s="5">
        <v>5</v>
      </c>
      <c r="I6561" s="5" t="s">
        <v>1518</v>
      </c>
      <c r="J6561" s="5" t="s">
        <v>1519</v>
      </c>
      <c r="K6561" s="2" t="s">
        <v>1520</v>
      </c>
      <c r="L6561" s="5" t="s">
        <v>1519</v>
      </c>
      <c r="M6561" s="2" t="s">
        <v>1520</v>
      </c>
      <c r="N6561" s="5" t="s">
        <v>19227</v>
      </c>
      <c r="O6561" s="5" t="s">
        <v>38</v>
      </c>
      <c r="P6561" s="5" t="s">
        <v>39</v>
      </c>
      <c r="Q6561" s="5" t="s">
        <v>40</v>
      </c>
      <c r="R6561" s="5" t="s">
        <v>1487</v>
      </c>
      <c r="S6561" s="5"/>
      <c r="T6561" s="5" t="s">
        <v>42</v>
      </c>
      <c r="U6561" s="2">
        <v>0</v>
      </c>
      <c r="V6561" s="2">
        <v>0</v>
      </c>
      <c r="W6561" s="2">
        <v>0</v>
      </c>
      <c r="X6561" s="2">
        <v>0</v>
      </c>
      <c r="Y6561" s="2">
        <v>0</v>
      </c>
      <c r="Z6561" s="2">
        <v>0</v>
      </c>
      <c r="AA6561" s="5"/>
      <c r="AB6561" s="5" t="s">
        <v>43</v>
      </c>
      <c r="AC6561" s="5" t="s">
        <v>44</v>
      </c>
      <c r="AD6561" s="2"/>
      <c r="AE6561" s="1"/>
    </row>
    <row r="6562" spans="1:31" ht="14.45">
      <c r="A6562" s="11"/>
      <c r="B6562" s="20"/>
      <c r="C6562" s="2" t="s">
        <v>20158</v>
      </c>
      <c r="D6562" s="14" t="s">
        <v>20159</v>
      </c>
      <c r="E6562" s="2" t="s">
        <v>20160</v>
      </c>
      <c r="F6562" s="2" t="s">
        <v>7528</v>
      </c>
      <c r="G6562" s="8">
        <v>283</v>
      </c>
      <c r="H6562" s="5">
        <v>5</v>
      </c>
      <c r="I6562" s="5" t="s">
        <v>1518</v>
      </c>
      <c r="J6562" s="5" t="s">
        <v>1519</v>
      </c>
      <c r="K6562" s="2" t="s">
        <v>1520</v>
      </c>
      <c r="L6562" s="5" t="s">
        <v>1519</v>
      </c>
      <c r="M6562" s="2" t="s">
        <v>1520</v>
      </c>
      <c r="N6562" s="5" t="s">
        <v>19227</v>
      </c>
      <c r="O6562" s="5" t="s">
        <v>38</v>
      </c>
      <c r="P6562" s="5" t="s">
        <v>39</v>
      </c>
      <c r="Q6562" s="5" t="s">
        <v>40</v>
      </c>
      <c r="R6562" s="5" t="s">
        <v>1487</v>
      </c>
      <c r="S6562" s="5"/>
      <c r="T6562" s="5" t="s">
        <v>42</v>
      </c>
      <c r="U6562" s="2">
        <v>0</v>
      </c>
      <c r="V6562" s="2">
        <v>0</v>
      </c>
      <c r="W6562" s="2">
        <v>0</v>
      </c>
      <c r="X6562" s="2">
        <v>0</v>
      </c>
      <c r="Y6562" s="2">
        <v>0</v>
      </c>
      <c r="Z6562" s="2">
        <v>0</v>
      </c>
      <c r="AA6562" s="5"/>
      <c r="AB6562" s="5" t="s">
        <v>43</v>
      </c>
      <c r="AC6562" s="5" t="s">
        <v>44</v>
      </c>
      <c r="AD6562" s="2"/>
      <c r="AE6562" s="1"/>
    </row>
    <row r="6563" spans="1:31" ht="14.45">
      <c r="A6563" s="11"/>
      <c r="B6563" s="20"/>
      <c r="C6563" s="2" t="s">
        <v>20161</v>
      </c>
      <c r="D6563" s="14" t="s">
        <v>20162</v>
      </c>
      <c r="E6563" s="2" t="s">
        <v>20163</v>
      </c>
      <c r="F6563" s="2" t="s">
        <v>7396</v>
      </c>
      <c r="G6563" s="8">
        <v>212</v>
      </c>
      <c r="H6563" s="5">
        <v>6</v>
      </c>
      <c r="I6563" s="5" t="s">
        <v>1518</v>
      </c>
      <c r="J6563" s="5" t="s">
        <v>1519</v>
      </c>
      <c r="K6563" s="2" t="s">
        <v>1520</v>
      </c>
      <c r="L6563" s="5" t="s">
        <v>1519</v>
      </c>
      <c r="M6563" s="2" t="s">
        <v>1520</v>
      </c>
      <c r="N6563" s="5" t="s">
        <v>1521</v>
      </c>
      <c r="O6563" s="5" t="s">
        <v>38</v>
      </c>
      <c r="P6563" s="5" t="s">
        <v>39</v>
      </c>
      <c r="Q6563" s="5" t="s">
        <v>40</v>
      </c>
      <c r="R6563" s="5" t="s">
        <v>1522</v>
      </c>
      <c r="S6563" s="5" t="s">
        <v>1523</v>
      </c>
      <c r="T6563" s="5" t="s">
        <v>42</v>
      </c>
      <c r="U6563" s="2">
        <v>1.978</v>
      </c>
      <c r="V6563" s="2">
        <v>1.516</v>
      </c>
      <c r="W6563" s="2">
        <v>0.01</v>
      </c>
      <c r="X6563" s="2">
        <v>76.900000000000006</v>
      </c>
      <c r="Y6563" s="2">
        <v>7.6</v>
      </c>
      <c r="Z6563" s="2">
        <v>16.7</v>
      </c>
      <c r="AA6563" s="5"/>
      <c r="AB6563" s="5" t="s">
        <v>43</v>
      </c>
      <c r="AC6563" s="5" t="s">
        <v>44</v>
      </c>
      <c r="AD6563" s="2"/>
      <c r="AE6563" s="1"/>
    </row>
    <row r="6564" spans="1:31" ht="14.45">
      <c r="A6564" s="11"/>
      <c r="B6564" s="20"/>
      <c r="C6564" s="2" t="s">
        <v>20164</v>
      </c>
      <c r="D6564" s="14" t="s">
        <v>20165</v>
      </c>
      <c r="E6564" s="2" t="s">
        <v>20166</v>
      </c>
      <c r="F6564" s="2" t="s">
        <v>7507</v>
      </c>
      <c r="G6564" s="8">
        <v>212</v>
      </c>
      <c r="H6564" s="5">
        <v>6</v>
      </c>
      <c r="I6564" s="5" t="s">
        <v>1518</v>
      </c>
      <c r="J6564" s="5" t="s">
        <v>1519</v>
      </c>
      <c r="K6564" s="2" t="s">
        <v>1520</v>
      </c>
      <c r="L6564" s="5" t="s">
        <v>1519</v>
      </c>
      <c r="M6564" s="2" t="s">
        <v>1520</v>
      </c>
      <c r="N6564" s="5" t="s">
        <v>1521</v>
      </c>
      <c r="O6564" s="5" t="s">
        <v>38</v>
      </c>
      <c r="P6564" s="5" t="s">
        <v>39</v>
      </c>
      <c r="Q6564" s="5" t="s">
        <v>40</v>
      </c>
      <c r="R6564" s="5" t="s">
        <v>1522</v>
      </c>
      <c r="S6564" s="5" t="s">
        <v>1523</v>
      </c>
      <c r="T6564" s="5" t="s">
        <v>42</v>
      </c>
      <c r="U6564" s="2">
        <v>2.0249999999999999</v>
      </c>
      <c r="V6564" s="2">
        <v>1.5629999999999999</v>
      </c>
      <c r="W6564" s="2">
        <v>0.01</v>
      </c>
      <c r="X6564" s="2">
        <v>76.900000000000006</v>
      </c>
      <c r="Y6564" s="2">
        <v>7.6</v>
      </c>
      <c r="Z6564" s="2">
        <v>16.7</v>
      </c>
      <c r="AA6564" s="5"/>
      <c r="AB6564" s="5" t="s">
        <v>43</v>
      </c>
      <c r="AC6564" s="5" t="s">
        <v>44</v>
      </c>
      <c r="AD6564" s="2"/>
      <c r="AE6564" s="1"/>
    </row>
    <row r="6565" spans="1:31" ht="14.45">
      <c r="A6565" s="11"/>
      <c r="B6565" s="20"/>
      <c r="C6565" s="2" t="s">
        <v>20167</v>
      </c>
      <c r="D6565" s="14" t="s">
        <v>20168</v>
      </c>
      <c r="E6565" s="2" t="s">
        <v>20169</v>
      </c>
      <c r="F6565" s="2" t="s">
        <v>7204</v>
      </c>
      <c r="G6565" s="8">
        <v>212</v>
      </c>
      <c r="H6565" s="5">
        <v>6</v>
      </c>
      <c r="I6565" s="5" t="s">
        <v>1518</v>
      </c>
      <c r="J6565" s="5" t="s">
        <v>1519</v>
      </c>
      <c r="K6565" s="2" t="s">
        <v>1520</v>
      </c>
      <c r="L6565" s="5" t="s">
        <v>1519</v>
      </c>
      <c r="M6565" s="2" t="s">
        <v>1520</v>
      </c>
      <c r="N6565" s="5" t="s">
        <v>1521</v>
      </c>
      <c r="O6565" s="5" t="s">
        <v>38</v>
      </c>
      <c r="P6565" s="5" t="s">
        <v>39</v>
      </c>
      <c r="Q6565" s="5" t="s">
        <v>40</v>
      </c>
      <c r="R6565" s="5" t="s">
        <v>1522</v>
      </c>
      <c r="S6565" s="5" t="s">
        <v>1523</v>
      </c>
      <c r="T6565" s="5" t="s">
        <v>42</v>
      </c>
      <c r="U6565" s="2">
        <v>1.98</v>
      </c>
      <c r="V6565" s="2">
        <v>1.518</v>
      </c>
      <c r="W6565" s="2">
        <v>0.01</v>
      </c>
      <c r="X6565" s="2">
        <v>76.900000000000006</v>
      </c>
      <c r="Y6565" s="2">
        <v>7.6</v>
      </c>
      <c r="Z6565" s="2">
        <v>16.7</v>
      </c>
      <c r="AA6565" s="5"/>
      <c r="AB6565" s="5" t="s">
        <v>43</v>
      </c>
      <c r="AC6565" s="5" t="s">
        <v>44</v>
      </c>
      <c r="AD6565" s="2"/>
      <c r="AE6565" s="1"/>
    </row>
    <row r="6566" spans="1:31" ht="14.45">
      <c r="A6566" s="11"/>
      <c r="B6566" s="20"/>
      <c r="C6566" s="2" t="s">
        <v>20170</v>
      </c>
      <c r="D6566" s="14" t="s">
        <v>20171</v>
      </c>
      <c r="E6566" s="2" t="s">
        <v>20172</v>
      </c>
      <c r="F6566" s="2" t="s">
        <v>7514</v>
      </c>
      <c r="G6566" s="8">
        <v>212</v>
      </c>
      <c r="H6566" s="5">
        <v>6</v>
      </c>
      <c r="I6566" s="5" t="s">
        <v>1518</v>
      </c>
      <c r="J6566" s="5" t="s">
        <v>1519</v>
      </c>
      <c r="K6566" s="2" t="s">
        <v>1520</v>
      </c>
      <c r="L6566" s="5" t="s">
        <v>1519</v>
      </c>
      <c r="M6566" s="2" t="s">
        <v>1520</v>
      </c>
      <c r="N6566" s="5" t="s">
        <v>1521</v>
      </c>
      <c r="O6566" s="5" t="s">
        <v>38</v>
      </c>
      <c r="P6566" s="5" t="s">
        <v>39</v>
      </c>
      <c r="Q6566" s="5" t="s">
        <v>40</v>
      </c>
      <c r="R6566" s="5" t="s">
        <v>1522</v>
      </c>
      <c r="S6566" s="5" t="s">
        <v>1523</v>
      </c>
      <c r="T6566" s="5" t="s">
        <v>42</v>
      </c>
      <c r="U6566" s="2">
        <v>2.0270000000000001</v>
      </c>
      <c r="V6566" s="2">
        <v>1.5649999999999999</v>
      </c>
      <c r="W6566" s="2">
        <v>0.01</v>
      </c>
      <c r="X6566" s="2">
        <v>76.900000000000006</v>
      </c>
      <c r="Y6566" s="2">
        <v>7.6</v>
      </c>
      <c r="Z6566" s="2">
        <v>16.7</v>
      </c>
      <c r="AA6566" s="5"/>
      <c r="AB6566" s="5" t="s">
        <v>43</v>
      </c>
      <c r="AC6566" s="5" t="s">
        <v>44</v>
      </c>
      <c r="AD6566" s="2"/>
      <c r="AE6566" s="1"/>
    </row>
    <row r="6567" spans="1:31" ht="14.45">
      <c r="A6567" s="11"/>
      <c r="B6567" s="20"/>
      <c r="C6567" s="2" t="s">
        <v>20173</v>
      </c>
      <c r="D6567" s="14" t="s">
        <v>20174</v>
      </c>
      <c r="E6567" s="2" t="s">
        <v>20175</v>
      </c>
      <c r="F6567" s="2" t="s">
        <v>7208</v>
      </c>
      <c r="G6567" s="8">
        <v>212</v>
      </c>
      <c r="H6567" s="5">
        <v>6</v>
      </c>
      <c r="I6567" s="5" t="s">
        <v>1518</v>
      </c>
      <c r="J6567" s="5" t="s">
        <v>1519</v>
      </c>
      <c r="K6567" s="2" t="s">
        <v>1520</v>
      </c>
      <c r="L6567" s="5" t="s">
        <v>1519</v>
      </c>
      <c r="M6567" s="2" t="s">
        <v>1520</v>
      </c>
      <c r="N6567" s="5" t="s">
        <v>1521</v>
      </c>
      <c r="O6567" s="5" t="s">
        <v>38</v>
      </c>
      <c r="P6567" s="5" t="s">
        <v>39</v>
      </c>
      <c r="Q6567" s="5" t="s">
        <v>40</v>
      </c>
      <c r="R6567" s="5" t="s">
        <v>1522</v>
      </c>
      <c r="S6567" s="5" t="s">
        <v>1523</v>
      </c>
      <c r="T6567" s="5" t="s">
        <v>42</v>
      </c>
      <c r="U6567" s="2">
        <v>1.98</v>
      </c>
      <c r="V6567" s="2">
        <v>1.518</v>
      </c>
      <c r="W6567" s="2">
        <v>0.01</v>
      </c>
      <c r="X6567" s="2">
        <v>76.900000000000006</v>
      </c>
      <c r="Y6567" s="2">
        <v>7.6</v>
      </c>
      <c r="Z6567" s="2">
        <v>16.7</v>
      </c>
      <c r="AA6567" s="5"/>
      <c r="AB6567" s="5" t="s">
        <v>43</v>
      </c>
      <c r="AC6567" s="5" t="s">
        <v>44</v>
      </c>
      <c r="AD6567" s="2"/>
      <c r="AE6567" s="1"/>
    </row>
    <row r="6568" spans="1:31" ht="14.45">
      <c r="A6568" s="11"/>
      <c r="B6568" s="20"/>
      <c r="C6568" s="2" t="s">
        <v>20176</v>
      </c>
      <c r="D6568" s="14" t="s">
        <v>20177</v>
      </c>
      <c r="E6568" s="2" t="s">
        <v>20178</v>
      </c>
      <c r="F6568" s="2" t="s">
        <v>7521</v>
      </c>
      <c r="G6568" s="8">
        <v>212</v>
      </c>
      <c r="H6568" s="5">
        <v>6</v>
      </c>
      <c r="I6568" s="5" t="s">
        <v>1518</v>
      </c>
      <c r="J6568" s="5" t="s">
        <v>1519</v>
      </c>
      <c r="K6568" s="2" t="s">
        <v>1520</v>
      </c>
      <c r="L6568" s="5" t="s">
        <v>1519</v>
      </c>
      <c r="M6568" s="2" t="s">
        <v>1520</v>
      </c>
      <c r="N6568" s="5" t="s">
        <v>1521</v>
      </c>
      <c r="O6568" s="5" t="s">
        <v>38</v>
      </c>
      <c r="P6568" s="5" t="s">
        <v>39</v>
      </c>
      <c r="Q6568" s="5" t="s">
        <v>40</v>
      </c>
      <c r="R6568" s="5" t="s">
        <v>1522</v>
      </c>
      <c r="S6568" s="5" t="s">
        <v>1523</v>
      </c>
      <c r="T6568" s="5" t="s">
        <v>42</v>
      </c>
      <c r="U6568" s="2">
        <v>2.0270000000000001</v>
      </c>
      <c r="V6568" s="2">
        <v>1.5649999999999999</v>
      </c>
      <c r="W6568" s="2">
        <v>0.01</v>
      </c>
      <c r="X6568" s="2">
        <v>76.900000000000006</v>
      </c>
      <c r="Y6568" s="2">
        <v>7.6</v>
      </c>
      <c r="Z6568" s="2">
        <v>16.7</v>
      </c>
      <c r="AA6568" s="5"/>
      <c r="AB6568" s="5" t="s">
        <v>43</v>
      </c>
      <c r="AC6568" s="5" t="s">
        <v>44</v>
      </c>
      <c r="AD6568" s="2"/>
      <c r="AE6568" s="1"/>
    </row>
    <row r="6569" spans="1:31" ht="14.45">
      <c r="A6569" s="11"/>
      <c r="B6569" s="20"/>
      <c r="C6569" s="2" t="s">
        <v>20179</v>
      </c>
      <c r="D6569" s="14" t="s">
        <v>20180</v>
      </c>
      <c r="E6569" s="2" t="s">
        <v>20181</v>
      </c>
      <c r="F6569" s="2" t="s">
        <v>7212</v>
      </c>
      <c r="G6569" s="8">
        <v>212</v>
      </c>
      <c r="H6569" s="5">
        <v>6</v>
      </c>
      <c r="I6569" s="5" t="s">
        <v>1518</v>
      </c>
      <c r="J6569" s="5" t="s">
        <v>1519</v>
      </c>
      <c r="K6569" s="2" t="s">
        <v>1520</v>
      </c>
      <c r="L6569" s="5" t="s">
        <v>1519</v>
      </c>
      <c r="M6569" s="2" t="s">
        <v>1520</v>
      </c>
      <c r="N6569" s="5" t="s">
        <v>1521</v>
      </c>
      <c r="O6569" s="5" t="s">
        <v>38</v>
      </c>
      <c r="P6569" s="5" t="s">
        <v>39</v>
      </c>
      <c r="Q6569" s="5" t="s">
        <v>40</v>
      </c>
      <c r="R6569" s="5" t="s">
        <v>1522</v>
      </c>
      <c r="S6569" s="5" t="s">
        <v>1523</v>
      </c>
      <c r="T6569" s="5" t="s">
        <v>42</v>
      </c>
      <c r="U6569" s="2">
        <v>1.9730000000000001</v>
      </c>
      <c r="V6569" s="2">
        <v>1.5109999999999999</v>
      </c>
      <c r="W6569" s="2">
        <v>0.01</v>
      </c>
      <c r="X6569" s="2">
        <v>76.900000000000006</v>
      </c>
      <c r="Y6569" s="2">
        <v>7.6</v>
      </c>
      <c r="Z6569" s="2">
        <v>16.7</v>
      </c>
      <c r="AA6569" s="5"/>
      <c r="AB6569" s="5" t="s">
        <v>43</v>
      </c>
      <c r="AC6569" s="5" t="s">
        <v>44</v>
      </c>
      <c r="AD6569" s="2"/>
      <c r="AE6569" s="1"/>
    </row>
    <row r="6570" spans="1:31" ht="14.45">
      <c r="A6570" s="11"/>
      <c r="B6570" s="20"/>
      <c r="C6570" s="2" t="s">
        <v>20182</v>
      </c>
      <c r="D6570" s="14" t="s">
        <v>20183</v>
      </c>
      <c r="E6570" s="2" t="s">
        <v>20184</v>
      </c>
      <c r="F6570" s="2" t="s">
        <v>7528</v>
      </c>
      <c r="G6570" s="8">
        <v>212</v>
      </c>
      <c r="H6570" s="5">
        <v>6</v>
      </c>
      <c r="I6570" s="5" t="s">
        <v>1518</v>
      </c>
      <c r="J6570" s="5" t="s">
        <v>1519</v>
      </c>
      <c r="K6570" s="2" t="s">
        <v>1520</v>
      </c>
      <c r="L6570" s="5" t="s">
        <v>1519</v>
      </c>
      <c r="M6570" s="2" t="s">
        <v>1520</v>
      </c>
      <c r="N6570" s="5" t="s">
        <v>1521</v>
      </c>
      <c r="O6570" s="5" t="s">
        <v>38</v>
      </c>
      <c r="P6570" s="5" t="s">
        <v>39</v>
      </c>
      <c r="Q6570" s="5" t="s">
        <v>40</v>
      </c>
      <c r="R6570" s="5" t="s">
        <v>1522</v>
      </c>
      <c r="S6570" s="5" t="s">
        <v>1523</v>
      </c>
      <c r="T6570" s="5" t="s">
        <v>42</v>
      </c>
      <c r="U6570" s="2">
        <v>2.02</v>
      </c>
      <c r="V6570" s="2">
        <v>1.5580000000000001</v>
      </c>
      <c r="W6570" s="2">
        <v>0.01</v>
      </c>
      <c r="X6570" s="2">
        <v>76.900000000000006</v>
      </c>
      <c r="Y6570" s="2">
        <v>7.6</v>
      </c>
      <c r="Z6570" s="2">
        <v>16.7</v>
      </c>
      <c r="AA6570" s="5"/>
      <c r="AB6570" s="5" t="s">
        <v>43</v>
      </c>
      <c r="AC6570" s="5" t="s">
        <v>44</v>
      </c>
      <c r="AD6570" s="2"/>
      <c r="AE6570" s="1"/>
    </row>
    <row r="6571" spans="1:31" ht="14.45">
      <c r="A6571" s="11"/>
      <c r="B6571" s="20"/>
      <c r="C6571" s="2" t="s">
        <v>20185</v>
      </c>
      <c r="D6571" s="14" t="s">
        <v>20186</v>
      </c>
      <c r="E6571" s="2" t="s">
        <v>20187</v>
      </c>
      <c r="F6571" s="2" t="s">
        <v>7406</v>
      </c>
      <c r="G6571" s="8">
        <v>224</v>
      </c>
      <c r="H6571" s="5">
        <v>6</v>
      </c>
      <c r="I6571" s="5" t="s">
        <v>1518</v>
      </c>
      <c r="J6571" s="5" t="s">
        <v>1519</v>
      </c>
      <c r="K6571" s="2" t="s">
        <v>1520</v>
      </c>
      <c r="L6571" s="5" t="s">
        <v>1519</v>
      </c>
      <c r="M6571" s="2" t="s">
        <v>1520</v>
      </c>
      <c r="N6571" s="5" t="s">
        <v>1521</v>
      </c>
      <c r="O6571" s="5" t="s">
        <v>38</v>
      </c>
      <c r="P6571" s="5" t="s">
        <v>39</v>
      </c>
      <c r="Q6571" s="5" t="s">
        <v>40</v>
      </c>
      <c r="R6571" s="5" t="s">
        <v>1522</v>
      </c>
      <c r="S6571" s="5" t="s">
        <v>1523</v>
      </c>
      <c r="T6571" s="5" t="s">
        <v>42</v>
      </c>
      <c r="U6571" s="2">
        <v>1.9730000000000001</v>
      </c>
      <c r="V6571" s="2">
        <v>1.5109999999999999</v>
      </c>
      <c r="W6571" s="2">
        <v>0.01</v>
      </c>
      <c r="X6571" s="2">
        <v>76.900000000000006</v>
      </c>
      <c r="Y6571" s="2">
        <v>7.6</v>
      </c>
      <c r="Z6571" s="2">
        <v>16.7</v>
      </c>
      <c r="AA6571" s="5"/>
      <c r="AB6571" s="5" t="s">
        <v>43</v>
      </c>
      <c r="AC6571" s="5" t="s">
        <v>44</v>
      </c>
      <c r="AD6571" s="2"/>
      <c r="AE6571" s="1"/>
    </row>
    <row r="6572" spans="1:31" ht="14.45">
      <c r="A6572" s="11"/>
      <c r="B6572" s="20"/>
      <c r="C6572" s="2" t="s">
        <v>20188</v>
      </c>
      <c r="D6572" s="14" t="s">
        <v>20189</v>
      </c>
      <c r="E6572" s="2" t="s">
        <v>20190</v>
      </c>
      <c r="F6572" s="2" t="s">
        <v>7535</v>
      </c>
      <c r="G6572" s="8">
        <v>224</v>
      </c>
      <c r="H6572" s="5">
        <v>6</v>
      </c>
      <c r="I6572" s="5" t="s">
        <v>1518</v>
      </c>
      <c r="J6572" s="5" t="s">
        <v>1519</v>
      </c>
      <c r="K6572" s="2" t="s">
        <v>1520</v>
      </c>
      <c r="L6572" s="5" t="s">
        <v>1519</v>
      </c>
      <c r="M6572" s="2" t="s">
        <v>1520</v>
      </c>
      <c r="N6572" s="5" t="s">
        <v>1521</v>
      </c>
      <c r="O6572" s="5" t="s">
        <v>38</v>
      </c>
      <c r="P6572" s="5" t="s">
        <v>39</v>
      </c>
      <c r="Q6572" s="5" t="s">
        <v>40</v>
      </c>
      <c r="R6572" s="5" t="s">
        <v>1522</v>
      </c>
      <c r="S6572" s="5" t="s">
        <v>1523</v>
      </c>
      <c r="T6572" s="5" t="s">
        <v>42</v>
      </c>
      <c r="U6572" s="2">
        <v>2.02</v>
      </c>
      <c r="V6572" s="2">
        <v>1.5580000000000001</v>
      </c>
      <c r="W6572" s="2">
        <v>0.01</v>
      </c>
      <c r="X6572" s="2">
        <v>76.900000000000006</v>
      </c>
      <c r="Y6572" s="2">
        <v>7.6</v>
      </c>
      <c r="Z6572" s="2">
        <v>16.7</v>
      </c>
      <c r="AA6572" s="5"/>
      <c r="AB6572" s="5" t="s">
        <v>43</v>
      </c>
      <c r="AC6572" s="5" t="s">
        <v>44</v>
      </c>
      <c r="AD6572" s="2"/>
      <c r="AE6572" s="1"/>
    </row>
    <row r="6573" spans="1:31" ht="14.45">
      <c r="A6573" s="11"/>
      <c r="B6573" s="20"/>
      <c r="C6573" s="2" t="s">
        <v>20191</v>
      </c>
      <c r="D6573" s="14" t="s">
        <v>20192</v>
      </c>
      <c r="E6573" s="2" t="s">
        <v>20193</v>
      </c>
      <c r="F6573" s="2" t="s">
        <v>7539</v>
      </c>
      <c r="G6573" s="8">
        <v>224</v>
      </c>
      <c r="H6573" s="5">
        <v>6</v>
      </c>
      <c r="I6573" s="5" t="s">
        <v>1518</v>
      </c>
      <c r="J6573" s="5" t="s">
        <v>1519</v>
      </c>
      <c r="K6573" s="2" t="s">
        <v>1520</v>
      </c>
      <c r="L6573" s="5" t="s">
        <v>1519</v>
      </c>
      <c r="M6573" s="2" t="s">
        <v>1520</v>
      </c>
      <c r="N6573" s="5" t="s">
        <v>1521</v>
      </c>
      <c r="O6573" s="5" t="s">
        <v>38</v>
      </c>
      <c r="P6573" s="5" t="s">
        <v>39</v>
      </c>
      <c r="Q6573" s="5" t="s">
        <v>40</v>
      </c>
      <c r="R6573" s="5" t="s">
        <v>1522</v>
      </c>
      <c r="S6573" s="5" t="s">
        <v>1523</v>
      </c>
      <c r="T6573" s="5" t="s">
        <v>42</v>
      </c>
      <c r="U6573" s="2">
        <v>1.98</v>
      </c>
      <c r="V6573" s="2">
        <v>1.518</v>
      </c>
      <c r="W6573" s="2">
        <v>0.01</v>
      </c>
      <c r="X6573" s="2">
        <v>76.900000000000006</v>
      </c>
      <c r="Y6573" s="2">
        <v>7.6</v>
      </c>
      <c r="Z6573" s="2">
        <v>16.7</v>
      </c>
      <c r="AA6573" s="5"/>
      <c r="AB6573" s="5" t="s">
        <v>43</v>
      </c>
      <c r="AC6573" s="5" t="s">
        <v>44</v>
      </c>
      <c r="AD6573" s="2"/>
      <c r="AE6573" s="1"/>
    </row>
    <row r="6574" spans="1:31" ht="14.45">
      <c r="A6574" s="11"/>
      <c r="B6574" s="20"/>
      <c r="C6574" s="2" t="s">
        <v>20194</v>
      </c>
      <c r="D6574" s="14" t="s">
        <v>20195</v>
      </c>
      <c r="E6574" s="2" t="s">
        <v>20196</v>
      </c>
      <c r="F6574" s="2" t="s">
        <v>7543</v>
      </c>
      <c r="G6574" s="8">
        <v>224</v>
      </c>
      <c r="H6574" s="5">
        <v>6</v>
      </c>
      <c r="I6574" s="5" t="s">
        <v>1518</v>
      </c>
      <c r="J6574" s="5" t="s">
        <v>1519</v>
      </c>
      <c r="K6574" s="2" t="s">
        <v>1520</v>
      </c>
      <c r="L6574" s="5" t="s">
        <v>1519</v>
      </c>
      <c r="M6574" s="2" t="s">
        <v>1520</v>
      </c>
      <c r="N6574" s="5" t="s">
        <v>1521</v>
      </c>
      <c r="O6574" s="5" t="s">
        <v>38</v>
      </c>
      <c r="P6574" s="5" t="s">
        <v>39</v>
      </c>
      <c r="Q6574" s="5" t="s">
        <v>40</v>
      </c>
      <c r="R6574" s="5" t="s">
        <v>1522</v>
      </c>
      <c r="S6574" s="5" t="s">
        <v>1523</v>
      </c>
      <c r="T6574" s="5" t="s">
        <v>42</v>
      </c>
      <c r="U6574" s="2">
        <v>2.0270000000000001</v>
      </c>
      <c r="V6574" s="2">
        <v>1.5649999999999999</v>
      </c>
      <c r="W6574" s="2">
        <v>0.01</v>
      </c>
      <c r="X6574" s="2">
        <v>76.900000000000006</v>
      </c>
      <c r="Y6574" s="2">
        <v>7.6</v>
      </c>
      <c r="Z6574" s="2">
        <v>16.7</v>
      </c>
      <c r="AA6574" s="5"/>
      <c r="AB6574" s="5" t="s">
        <v>43</v>
      </c>
      <c r="AC6574" s="5" t="s">
        <v>44</v>
      </c>
      <c r="AD6574" s="2"/>
      <c r="AE6574" s="1"/>
    </row>
    <row r="6575" spans="1:31" ht="14.45">
      <c r="A6575" s="11"/>
      <c r="B6575" s="20"/>
      <c r="C6575" s="2" t="s">
        <v>20197</v>
      </c>
      <c r="D6575" s="14" t="s">
        <v>20198</v>
      </c>
      <c r="E6575" s="2" t="s">
        <v>20199</v>
      </c>
      <c r="F6575" s="2" t="s">
        <v>7547</v>
      </c>
      <c r="G6575" s="8">
        <v>224</v>
      </c>
      <c r="H6575" s="5">
        <v>6</v>
      </c>
      <c r="I6575" s="5" t="s">
        <v>1518</v>
      </c>
      <c r="J6575" s="5" t="s">
        <v>1519</v>
      </c>
      <c r="K6575" s="2" t="s">
        <v>1520</v>
      </c>
      <c r="L6575" s="5" t="s">
        <v>1519</v>
      </c>
      <c r="M6575" s="2" t="s">
        <v>1520</v>
      </c>
      <c r="N6575" s="5" t="s">
        <v>1521</v>
      </c>
      <c r="O6575" s="5" t="s">
        <v>38</v>
      </c>
      <c r="P6575" s="5" t="s">
        <v>39</v>
      </c>
      <c r="Q6575" s="5" t="s">
        <v>40</v>
      </c>
      <c r="R6575" s="5" t="s">
        <v>1522</v>
      </c>
      <c r="S6575" s="5" t="s">
        <v>1523</v>
      </c>
      <c r="T6575" s="5" t="s">
        <v>42</v>
      </c>
      <c r="U6575" s="2">
        <v>1.9730000000000001</v>
      </c>
      <c r="V6575" s="2">
        <v>1.5109999999999999</v>
      </c>
      <c r="W6575" s="2">
        <v>0.01</v>
      </c>
      <c r="X6575" s="2">
        <v>76.900000000000006</v>
      </c>
      <c r="Y6575" s="2">
        <v>7.6</v>
      </c>
      <c r="Z6575" s="2">
        <v>16.7</v>
      </c>
      <c r="AA6575" s="5"/>
      <c r="AB6575" s="5" t="s">
        <v>43</v>
      </c>
      <c r="AC6575" s="5" t="s">
        <v>44</v>
      </c>
      <c r="AD6575" s="2"/>
      <c r="AE6575" s="1"/>
    </row>
    <row r="6576" spans="1:31" ht="14.45">
      <c r="A6576" s="11"/>
      <c r="B6576" s="20"/>
      <c r="C6576" s="2" t="s">
        <v>20200</v>
      </c>
      <c r="D6576" s="14" t="s">
        <v>20201</v>
      </c>
      <c r="E6576" s="2" t="s">
        <v>20202</v>
      </c>
      <c r="F6576" s="2" t="s">
        <v>7551</v>
      </c>
      <c r="G6576" s="8">
        <v>224</v>
      </c>
      <c r="H6576" s="5">
        <v>6</v>
      </c>
      <c r="I6576" s="5" t="s">
        <v>1518</v>
      </c>
      <c r="J6576" s="5" t="s">
        <v>1519</v>
      </c>
      <c r="K6576" s="2" t="s">
        <v>1520</v>
      </c>
      <c r="L6576" s="5" t="s">
        <v>1519</v>
      </c>
      <c r="M6576" s="2" t="s">
        <v>1520</v>
      </c>
      <c r="N6576" s="5" t="s">
        <v>1521</v>
      </c>
      <c r="O6576" s="5" t="s">
        <v>38</v>
      </c>
      <c r="P6576" s="5" t="s">
        <v>39</v>
      </c>
      <c r="Q6576" s="5" t="s">
        <v>40</v>
      </c>
      <c r="R6576" s="5" t="s">
        <v>1522</v>
      </c>
      <c r="S6576" s="5" t="s">
        <v>1523</v>
      </c>
      <c r="T6576" s="5" t="s">
        <v>42</v>
      </c>
      <c r="U6576" s="2">
        <v>2.02</v>
      </c>
      <c r="V6576" s="2">
        <v>1.5580000000000001</v>
      </c>
      <c r="W6576" s="2">
        <v>0.01</v>
      </c>
      <c r="X6576" s="2">
        <v>76.900000000000006</v>
      </c>
      <c r="Y6576" s="2">
        <v>7.6</v>
      </c>
      <c r="Z6576" s="2">
        <v>16.7</v>
      </c>
      <c r="AA6576" s="5"/>
      <c r="AB6576" s="5" t="s">
        <v>43</v>
      </c>
      <c r="AC6576" s="5" t="s">
        <v>44</v>
      </c>
      <c r="AD6576" s="2"/>
      <c r="AE6576" s="1"/>
    </row>
    <row r="6577" spans="1:31" ht="14.45">
      <c r="A6577" s="11"/>
      <c r="B6577" s="20"/>
      <c r="C6577" s="2" t="s">
        <v>20203</v>
      </c>
      <c r="D6577" s="14" t="s">
        <v>20204</v>
      </c>
      <c r="E6577" s="2" t="s">
        <v>20205</v>
      </c>
      <c r="F6577" s="2" t="s">
        <v>7555</v>
      </c>
      <c r="G6577" s="8">
        <v>224</v>
      </c>
      <c r="H6577" s="5">
        <v>6</v>
      </c>
      <c r="I6577" s="5" t="s">
        <v>1518</v>
      </c>
      <c r="J6577" s="5" t="s">
        <v>1519</v>
      </c>
      <c r="K6577" s="2" t="s">
        <v>1520</v>
      </c>
      <c r="L6577" s="5" t="s">
        <v>1519</v>
      </c>
      <c r="M6577" s="2" t="s">
        <v>1520</v>
      </c>
      <c r="N6577" s="5" t="s">
        <v>1521</v>
      </c>
      <c r="O6577" s="5" t="s">
        <v>38</v>
      </c>
      <c r="P6577" s="5" t="s">
        <v>39</v>
      </c>
      <c r="Q6577" s="5" t="s">
        <v>40</v>
      </c>
      <c r="R6577" s="5" t="s">
        <v>1522</v>
      </c>
      <c r="S6577" s="5" t="s">
        <v>1523</v>
      </c>
      <c r="T6577" s="5" t="s">
        <v>42</v>
      </c>
      <c r="U6577" s="2">
        <v>1.9730000000000001</v>
      </c>
      <c r="V6577" s="2">
        <v>1.5109999999999999</v>
      </c>
      <c r="W6577" s="2">
        <v>0.01</v>
      </c>
      <c r="X6577" s="2">
        <v>76.900000000000006</v>
      </c>
      <c r="Y6577" s="2">
        <v>7.6</v>
      </c>
      <c r="Z6577" s="2">
        <v>16.7</v>
      </c>
      <c r="AA6577" s="5"/>
      <c r="AB6577" s="5" t="s">
        <v>43</v>
      </c>
      <c r="AC6577" s="5" t="s">
        <v>44</v>
      </c>
      <c r="AD6577" s="2"/>
      <c r="AE6577" s="1"/>
    </row>
    <row r="6578" spans="1:31" ht="14.45">
      <c r="A6578" s="11"/>
      <c r="B6578" s="20"/>
      <c r="C6578" s="2" t="s">
        <v>20206</v>
      </c>
      <c r="D6578" s="14" t="s">
        <v>20207</v>
      </c>
      <c r="E6578" s="2" t="s">
        <v>20208</v>
      </c>
      <c r="F6578" s="2" t="s">
        <v>7559</v>
      </c>
      <c r="G6578" s="8">
        <v>224</v>
      </c>
      <c r="H6578" s="5">
        <v>6</v>
      </c>
      <c r="I6578" s="5" t="s">
        <v>1518</v>
      </c>
      <c r="J6578" s="5" t="s">
        <v>1519</v>
      </c>
      <c r="K6578" s="2" t="s">
        <v>1520</v>
      </c>
      <c r="L6578" s="5" t="s">
        <v>1519</v>
      </c>
      <c r="M6578" s="2" t="s">
        <v>1520</v>
      </c>
      <c r="N6578" s="5" t="s">
        <v>1521</v>
      </c>
      <c r="O6578" s="5" t="s">
        <v>38</v>
      </c>
      <c r="P6578" s="5" t="s">
        <v>39</v>
      </c>
      <c r="Q6578" s="5" t="s">
        <v>40</v>
      </c>
      <c r="R6578" s="5" t="s">
        <v>1522</v>
      </c>
      <c r="S6578" s="5" t="s">
        <v>1523</v>
      </c>
      <c r="T6578" s="5" t="s">
        <v>42</v>
      </c>
      <c r="U6578" s="2">
        <v>2.02</v>
      </c>
      <c r="V6578" s="2">
        <v>1.5580000000000001</v>
      </c>
      <c r="W6578" s="2">
        <v>0.01</v>
      </c>
      <c r="X6578" s="2">
        <v>76.900000000000006</v>
      </c>
      <c r="Y6578" s="2">
        <v>7.6</v>
      </c>
      <c r="Z6578" s="2">
        <v>16.7</v>
      </c>
      <c r="AA6578" s="5"/>
      <c r="AB6578" s="5" t="s">
        <v>43</v>
      </c>
      <c r="AC6578" s="5" t="s">
        <v>44</v>
      </c>
      <c r="AD6578" s="2"/>
      <c r="AE6578" s="1"/>
    </row>
    <row r="6579" spans="1:31" ht="14.45">
      <c r="A6579" s="11"/>
      <c r="B6579" s="20"/>
      <c r="C6579" s="2" t="s">
        <v>20209</v>
      </c>
      <c r="D6579" s="14" t="s">
        <v>20210</v>
      </c>
      <c r="E6579" s="2" t="s">
        <v>20211</v>
      </c>
      <c r="F6579" s="2" t="s">
        <v>7563</v>
      </c>
      <c r="G6579" s="8">
        <v>224</v>
      </c>
      <c r="H6579" s="5">
        <v>6</v>
      </c>
      <c r="I6579" s="5" t="s">
        <v>1518</v>
      </c>
      <c r="J6579" s="5" t="s">
        <v>1519</v>
      </c>
      <c r="K6579" s="2" t="s">
        <v>1520</v>
      </c>
      <c r="L6579" s="5" t="s">
        <v>1519</v>
      </c>
      <c r="M6579" s="2" t="s">
        <v>1520</v>
      </c>
      <c r="N6579" s="5" t="s">
        <v>1521</v>
      </c>
      <c r="O6579" s="5" t="s">
        <v>38</v>
      </c>
      <c r="P6579" s="5" t="s">
        <v>39</v>
      </c>
      <c r="Q6579" s="5" t="s">
        <v>40</v>
      </c>
      <c r="R6579" s="5" t="s">
        <v>1522</v>
      </c>
      <c r="S6579" s="5" t="s">
        <v>1523</v>
      </c>
      <c r="T6579" s="5" t="s">
        <v>42</v>
      </c>
      <c r="U6579" s="2">
        <v>1.98</v>
      </c>
      <c r="V6579" s="2">
        <v>1.518</v>
      </c>
      <c r="W6579" s="2">
        <v>0.01</v>
      </c>
      <c r="X6579" s="2">
        <v>76.900000000000006</v>
      </c>
      <c r="Y6579" s="2">
        <v>7.6</v>
      </c>
      <c r="Z6579" s="2">
        <v>16.7</v>
      </c>
      <c r="AA6579" s="5"/>
      <c r="AB6579" s="5" t="s">
        <v>43</v>
      </c>
      <c r="AC6579" s="5" t="s">
        <v>44</v>
      </c>
      <c r="AD6579" s="2"/>
      <c r="AE6579" s="1"/>
    </row>
    <row r="6580" spans="1:31" ht="14.45">
      <c r="A6580" s="11"/>
      <c r="B6580" s="20"/>
      <c r="C6580" s="2" t="s">
        <v>20212</v>
      </c>
      <c r="D6580" s="14" t="s">
        <v>20213</v>
      </c>
      <c r="E6580" s="2" t="s">
        <v>20214</v>
      </c>
      <c r="F6580" s="2" t="s">
        <v>7567</v>
      </c>
      <c r="G6580" s="8">
        <v>224</v>
      </c>
      <c r="H6580" s="5">
        <v>6</v>
      </c>
      <c r="I6580" s="5" t="s">
        <v>1518</v>
      </c>
      <c r="J6580" s="5" t="s">
        <v>1519</v>
      </c>
      <c r="K6580" s="2" t="s">
        <v>1520</v>
      </c>
      <c r="L6580" s="5" t="s">
        <v>1519</v>
      </c>
      <c r="M6580" s="2" t="s">
        <v>1520</v>
      </c>
      <c r="N6580" s="5" t="s">
        <v>1521</v>
      </c>
      <c r="O6580" s="5" t="s">
        <v>38</v>
      </c>
      <c r="P6580" s="5" t="s">
        <v>39</v>
      </c>
      <c r="Q6580" s="5" t="s">
        <v>40</v>
      </c>
      <c r="R6580" s="5" t="s">
        <v>1522</v>
      </c>
      <c r="S6580" s="5" t="s">
        <v>1523</v>
      </c>
      <c r="T6580" s="5" t="s">
        <v>42</v>
      </c>
      <c r="U6580" s="2">
        <v>2.0270000000000001</v>
      </c>
      <c r="V6580" s="2">
        <v>1.5649999999999999</v>
      </c>
      <c r="W6580" s="2">
        <v>0.01</v>
      </c>
      <c r="X6580" s="2">
        <v>76.900000000000006</v>
      </c>
      <c r="Y6580" s="2">
        <v>7.6</v>
      </c>
      <c r="Z6580" s="2">
        <v>16.7</v>
      </c>
      <c r="AA6580" s="5"/>
      <c r="AB6580" s="5" t="s">
        <v>43</v>
      </c>
      <c r="AC6580" s="5" t="s">
        <v>44</v>
      </c>
      <c r="AD6580" s="2"/>
      <c r="AE6580" s="1"/>
    </row>
    <row r="6581" spans="1:31" ht="14.45">
      <c r="A6581" s="11"/>
      <c r="B6581" s="20"/>
      <c r="C6581" s="2" t="s">
        <v>20215</v>
      </c>
      <c r="D6581" s="14" t="s">
        <v>20216</v>
      </c>
      <c r="E6581" s="2" t="s">
        <v>20217</v>
      </c>
      <c r="F6581" s="2" t="s">
        <v>16079</v>
      </c>
      <c r="G6581" s="8">
        <v>224</v>
      </c>
      <c r="H6581" s="5">
        <v>6</v>
      </c>
      <c r="I6581" s="5" t="s">
        <v>1518</v>
      </c>
      <c r="J6581" s="5" t="s">
        <v>1519</v>
      </c>
      <c r="K6581" s="2" t="s">
        <v>1520</v>
      </c>
      <c r="L6581" s="5" t="s">
        <v>1519</v>
      </c>
      <c r="M6581" s="2" t="s">
        <v>1520</v>
      </c>
      <c r="N6581" s="5" t="s">
        <v>1521</v>
      </c>
      <c r="O6581" s="5" t="s">
        <v>38</v>
      </c>
      <c r="P6581" s="5" t="s">
        <v>39</v>
      </c>
      <c r="Q6581" s="5" t="s">
        <v>40</v>
      </c>
      <c r="R6581" s="5" t="s">
        <v>1522</v>
      </c>
      <c r="S6581" s="5" t="s">
        <v>1523</v>
      </c>
      <c r="T6581" s="5" t="s">
        <v>42</v>
      </c>
      <c r="U6581" s="2">
        <v>1.98</v>
      </c>
      <c r="V6581" s="2">
        <v>1.518</v>
      </c>
      <c r="W6581" s="2">
        <v>0.01</v>
      </c>
      <c r="X6581" s="2">
        <v>76.900000000000006</v>
      </c>
      <c r="Y6581" s="2">
        <v>7.6</v>
      </c>
      <c r="Z6581" s="2">
        <v>16.7</v>
      </c>
      <c r="AA6581" s="5"/>
      <c r="AB6581" s="5" t="s">
        <v>43</v>
      </c>
      <c r="AC6581" s="5" t="s">
        <v>44</v>
      </c>
      <c r="AD6581" s="2"/>
      <c r="AE6581" s="1"/>
    </row>
    <row r="6582" spans="1:31" ht="14.45">
      <c r="A6582" s="11"/>
      <c r="B6582" s="20"/>
      <c r="C6582" s="2" t="s">
        <v>20218</v>
      </c>
      <c r="D6582" s="14" t="s">
        <v>20219</v>
      </c>
      <c r="E6582" s="2" t="s">
        <v>20220</v>
      </c>
      <c r="F6582" s="2" t="s">
        <v>16194</v>
      </c>
      <c r="G6582" s="8">
        <v>224</v>
      </c>
      <c r="H6582" s="5">
        <v>6</v>
      </c>
      <c r="I6582" s="5" t="s">
        <v>1518</v>
      </c>
      <c r="J6582" s="5" t="s">
        <v>1519</v>
      </c>
      <c r="K6582" s="2" t="s">
        <v>1520</v>
      </c>
      <c r="L6582" s="5" t="s">
        <v>1519</v>
      </c>
      <c r="M6582" s="2" t="s">
        <v>1520</v>
      </c>
      <c r="N6582" s="5" t="s">
        <v>1521</v>
      </c>
      <c r="O6582" s="5" t="s">
        <v>38</v>
      </c>
      <c r="P6582" s="5" t="s">
        <v>39</v>
      </c>
      <c r="Q6582" s="5" t="s">
        <v>40</v>
      </c>
      <c r="R6582" s="5" t="s">
        <v>1522</v>
      </c>
      <c r="S6582" s="5" t="s">
        <v>1523</v>
      </c>
      <c r="T6582" s="5" t="s">
        <v>42</v>
      </c>
      <c r="U6582" s="2">
        <v>2.0270000000000001</v>
      </c>
      <c r="V6582" s="2">
        <v>1.5649999999999999</v>
      </c>
      <c r="W6582" s="2">
        <v>0.01</v>
      </c>
      <c r="X6582" s="2">
        <v>76.900000000000006</v>
      </c>
      <c r="Y6582" s="2">
        <v>7.6</v>
      </c>
      <c r="Z6582" s="2">
        <v>16.7</v>
      </c>
      <c r="AA6582" s="5"/>
      <c r="AB6582" s="5" t="s">
        <v>43</v>
      </c>
      <c r="AC6582" s="5" t="s">
        <v>44</v>
      </c>
      <c r="AD6582" s="2"/>
      <c r="AE6582" s="1"/>
    </row>
    <row r="6583" spans="1:31" ht="14.45">
      <c r="A6583" s="11"/>
      <c r="B6583" s="20"/>
      <c r="C6583" s="2" t="s">
        <v>20221</v>
      </c>
      <c r="D6583" s="14" t="s">
        <v>20222</v>
      </c>
      <c r="E6583" s="2" t="s">
        <v>20223</v>
      </c>
      <c r="F6583" s="2" t="s">
        <v>7449</v>
      </c>
      <c r="G6583" s="8">
        <v>224</v>
      </c>
      <c r="H6583" s="5">
        <v>6</v>
      </c>
      <c r="I6583" s="5" t="s">
        <v>1518</v>
      </c>
      <c r="J6583" s="5" t="s">
        <v>1519</v>
      </c>
      <c r="K6583" s="2" t="s">
        <v>1520</v>
      </c>
      <c r="L6583" s="5" t="s">
        <v>1519</v>
      </c>
      <c r="M6583" s="2" t="s">
        <v>1520</v>
      </c>
      <c r="N6583" s="5" t="s">
        <v>1521</v>
      </c>
      <c r="O6583" s="5" t="s">
        <v>38</v>
      </c>
      <c r="P6583" s="5" t="s">
        <v>39</v>
      </c>
      <c r="Q6583" s="5" t="s">
        <v>40</v>
      </c>
      <c r="R6583" s="5" t="s">
        <v>1522</v>
      </c>
      <c r="S6583" s="5" t="s">
        <v>1523</v>
      </c>
      <c r="T6583" s="5" t="s">
        <v>42</v>
      </c>
      <c r="U6583" s="2">
        <v>1.98</v>
      </c>
      <c r="V6583" s="2">
        <v>1.518</v>
      </c>
      <c r="W6583" s="2">
        <v>0.01</v>
      </c>
      <c r="X6583" s="2">
        <v>76.900000000000006</v>
      </c>
      <c r="Y6583" s="2">
        <v>7.6</v>
      </c>
      <c r="Z6583" s="2">
        <v>16.7</v>
      </c>
      <c r="AA6583" s="5"/>
      <c r="AB6583" s="5" t="s">
        <v>43</v>
      </c>
      <c r="AC6583" s="5" t="s">
        <v>44</v>
      </c>
      <c r="AD6583" s="2"/>
      <c r="AE6583" s="1"/>
    </row>
    <row r="6584" spans="1:31" ht="14.45">
      <c r="A6584" s="11"/>
      <c r="B6584" s="20"/>
      <c r="C6584" s="2" t="s">
        <v>20224</v>
      </c>
      <c r="D6584" s="14" t="s">
        <v>20225</v>
      </c>
      <c r="E6584" s="2" t="s">
        <v>20226</v>
      </c>
      <c r="F6584" s="2" t="s">
        <v>7581</v>
      </c>
      <c r="G6584" s="8">
        <v>224</v>
      </c>
      <c r="H6584" s="5">
        <v>6</v>
      </c>
      <c r="I6584" s="5" t="s">
        <v>1518</v>
      </c>
      <c r="J6584" s="5" t="s">
        <v>1519</v>
      </c>
      <c r="K6584" s="2" t="s">
        <v>1520</v>
      </c>
      <c r="L6584" s="5" t="s">
        <v>1519</v>
      </c>
      <c r="M6584" s="2" t="s">
        <v>1520</v>
      </c>
      <c r="N6584" s="5" t="s">
        <v>1521</v>
      </c>
      <c r="O6584" s="5" t="s">
        <v>38</v>
      </c>
      <c r="P6584" s="5" t="s">
        <v>39</v>
      </c>
      <c r="Q6584" s="5" t="s">
        <v>40</v>
      </c>
      <c r="R6584" s="5" t="s">
        <v>1522</v>
      </c>
      <c r="S6584" s="5" t="s">
        <v>1523</v>
      </c>
      <c r="T6584" s="5" t="s">
        <v>42</v>
      </c>
      <c r="U6584" s="2">
        <v>2.0270000000000001</v>
      </c>
      <c r="V6584" s="2">
        <v>1.5649999999999999</v>
      </c>
      <c r="W6584" s="2">
        <v>0.01</v>
      </c>
      <c r="X6584" s="2">
        <v>76.900000000000006</v>
      </c>
      <c r="Y6584" s="2">
        <v>7.6</v>
      </c>
      <c r="Z6584" s="2">
        <v>16.7</v>
      </c>
      <c r="AA6584" s="5"/>
      <c r="AB6584" s="5" t="s">
        <v>43</v>
      </c>
      <c r="AC6584" s="5" t="s">
        <v>44</v>
      </c>
      <c r="AD6584" s="2"/>
      <c r="AE6584" s="1"/>
    </row>
    <row r="6585" spans="1:31" ht="14.45">
      <c r="A6585" s="11"/>
      <c r="B6585" s="20"/>
      <c r="C6585" s="2" t="s">
        <v>20227</v>
      </c>
      <c r="D6585" s="14" t="s">
        <v>20228</v>
      </c>
      <c r="E6585" s="2" t="s">
        <v>20229</v>
      </c>
      <c r="F6585" s="2" t="s">
        <v>7585</v>
      </c>
      <c r="G6585" s="8">
        <v>224</v>
      </c>
      <c r="H6585" s="5">
        <v>6</v>
      </c>
      <c r="I6585" s="5" t="s">
        <v>1518</v>
      </c>
      <c r="J6585" s="5" t="s">
        <v>1519</v>
      </c>
      <c r="K6585" s="2" t="s">
        <v>1520</v>
      </c>
      <c r="L6585" s="5" t="s">
        <v>1519</v>
      </c>
      <c r="M6585" s="2" t="s">
        <v>1520</v>
      </c>
      <c r="N6585" s="5" t="s">
        <v>1521</v>
      </c>
      <c r="O6585" s="5" t="s">
        <v>38</v>
      </c>
      <c r="P6585" s="5" t="s">
        <v>39</v>
      </c>
      <c r="Q6585" s="5" t="s">
        <v>40</v>
      </c>
      <c r="R6585" s="5" t="s">
        <v>1522</v>
      </c>
      <c r="S6585" s="5" t="s">
        <v>1523</v>
      </c>
      <c r="T6585" s="5" t="s">
        <v>42</v>
      </c>
      <c r="U6585" s="2">
        <v>1.9730000000000001</v>
      </c>
      <c r="V6585" s="2">
        <v>1.5109999999999999</v>
      </c>
      <c r="W6585" s="2">
        <v>0.01</v>
      </c>
      <c r="X6585" s="2">
        <v>76.900000000000006</v>
      </c>
      <c r="Y6585" s="2">
        <v>7.6</v>
      </c>
      <c r="Z6585" s="2">
        <v>16.7</v>
      </c>
      <c r="AA6585" s="5"/>
      <c r="AB6585" s="5" t="s">
        <v>43</v>
      </c>
      <c r="AC6585" s="5" t="s">
        <v>44</v>
      </c>
      <c r="AD6585" s="2"/>
      <c r="AE6585" s="1"/>
    </row>
    <row r="6586" spans="1:31" ht="14.45">
      <c r="A6586" s="11"/>
      <c r="B6586" s="20"/>
      <c r="C6586" s="2" t="s">
        <v>20230</v>
      </c>
      <c r="D6586" s="14" t="s">
        <v>20231</v>
      </c>
      <c r="E6586" s="2" t="s">
        <v>20232</v>
      </c>
      <c r="F6586" s="2" t="s">
        <v>7589</v>
      </c>
      <c r="G6586" s="8">
        <v>224</v>
      </c>
      <c r="H6586" s="5">
        <v>6</v>
      </c>
      <c r="I6586" s="5" t="s">
        <v>1518</v>
      </c>
      <c r="J6586" s="5" t="s">
        <v>1519</v>
      </c>
      <c r="K6586" s="2" t="s">
        <v>1520</v>
      </c>
      <c r="L6586" s="5" t="s">
        <v>1519</v>
      </c>
      <c r="M6586" s="2" t="s">
        <v>1520</v>
      </c>
      <c r="N6586" s="5" t="s">
        <v>1521</v>
      </c>
      <c r="O6586" s="5" t="s">
        <v>38</v>
      </c>
      <c r="P6586" s="5" t="s">
        <v>39</v>
      </c>
      <c r="Q6586" s="5" t="s">
        <v>40</v>
      </c>
      <c r="R6586" s="5" t="s">
        <v>1522</v>
      </c>
      <c r="S6586" s="5" t="s">
        <v>1523</v>
      </c>
      <c r="T6586" s="5" t="s">
        <v>42</v>
      </c>
      <c r="U6586" s="2">
        <v>2.02</v>
      </c>
      <c r="V6586" s="2">
        <v>1.5580000000000001</v>
      </c>
      <c r="W6586" s="2">
        <v>0.01</v>
      </c>
      <c r="X6586" s="2">
        <v>76.900000000000006</v>
      </c>
      <c r="Y6586" s="2">
        <v>7.6</v>
      </c>
      <c r="Z6586" s="2">
        <v>16.7</v>
      </c>
      <c r="AA6586" s="5"/>
      <c r="AB6586" s="5" t="s">
        <v>43</v>
      </c>
      <c r="AC6586" s="5" t="s">
        <v>44</v>
      </c>
      <c r="AD6586" s="2"/>
      <c r="AE6586" s="1"/>
    </row>
    <row r="6587" spans="1:31" ht="14.45">
      <c r="A6587" s="11"/>
      <c r="B6587" s="20"/>
      <c r="C6587" s="2" t="s">
        <v>20233</v>
      </c>
      <c r="D6587" s="14" t="s">
        <v>20234</v>
      </c>
      <c r="E6587" s="2" t="s">
        <v>20235</v>
      </c>
      <c r="F6587" s="2" t="s">
        <v>7593</v>
      </c>
      <c r="G6587" s="8">
        <v>224</v>
      </c>
      <c r="H6587" s="5">
        <v>6</v>
      </c>
      <c r="I6587" s="5" t="s">
        <v>1518</v>
      </c>
      <c r="J6587" s="5" t="s">
        <v>1519</v>
      </c>
      <c r="K6587" s="2" t="s">
        <v>1520</v>
      </c>
      <c r="L6587" s="5" t="s">
        <v>1519</v>
      </c>
      <c r="M6587" s="2" t="s">
        <v>1520</v>
      </c>
      <c r="N6587" s="5" t="s">
        <v>1521</v>
      </c>
      <c r="O6587" s="5" t="s">
        <v>38</v>
      </c>
      <c r="P6587" s="5" t="s">
        <v>39</v>
      </c>
      <c r="Q6587" s="5" t="s">
        <v>40</v>
      </c>
      <c r="R6587" s="5" t="s">
        <v>1522</v>
      </c>
      <c r="S6587" s="5" t="s">
        <v>1523</v>
      </c>
      <c r="T6587" s="5" t="s">
        <v>42</v>
      </c>
      <c r="U6587" s="2">
        <v>1.98</v>
      </c>
      <c r="V6587" s="2">
        <v>1.518</v>
      </c>
      <c r="W6587" s="2">
        <v>0.01</v>
      </c>
      <c r="X6587" s="2">
        <v>76.900000000000006</v>
      </c>
      <c r="Y6587" s="2">
        <v>7.6</v>
      </c>
      <c r="Z6587" s="2">
        <v>16.7</v>
      </c>
      <c r="AA6587" s="5"/>
      <c r="AB6587" s="5" t="s">
        <v>43</v>
      </c>
      <c r="AC6587" s="5" t="s">
        <v>44</v>
      </c>
      <c r="AD6587" s="2"/>
      <c r="AE6587" s="1"/>
    </row>
    <row r="6588" spans="1:31" ht="14.45">
      <c r="A6588" s="11"/>
      <c r="B6588" s="20"/>
      <c r="C6588" s="2" t="s">
        <v>20236</v>
      </c>
      <c r="D6588" s="14" t="s">
        <v>20237</v>
      </c>
      <c r="E6588" s="2" t="s">
        <v>20238</v>
      </c>
      <c r="F6588" s="2" t="s">
        <v>7597</v>
      </c>
      <c r="G6588" s="8">
        <v>224</v>
      </c>
      <c r="H6588" s="5">
        <v>6</v>
      </c>
      <c r="I6588" s="5" t="s">
        <v>1518</v>
      </c>
      <c r="J6588" s="5" t="s">
        <v>1519</v>
      </c>
      <c r="K6588" s="2" t="s">
        <v>1520</v>
      </c>
      <c r="L6588" s="5" t="s">
        <v>1519</v>
      </c>
      <c r="M6588" s="2" t="s">
        <v>1520</v>
      </c>
      <c r="N6588" s="5" t="s">
        <v>1521</v>
      </c>
      <c r="O6588" s="5" t="s">
        <v>38</v>
      </c>
      <c r="P6588" s="5" t="s">
        <v>39</v>
      </c>
      <c r="Q6588" s="5" t="s">
        <v>40</v>
      </c>
      <c r="R6588" s="5" t="s">
        <v>1522</v>
      </c>
      <c r="S6588" s="5" t="s">
        <v>1523</v>
      </c>
      <c r="T6588" s="5" t="s">
        <v>42</v>
      </c>
      <c r="U6588" s="2">
        <v>2.0270000000000001</v>
      </c>
      <c r="V6588" s="2">
        <v>1.5649999999999999</v>
      </c>
      <c r="W6588" s="2">
        <v>0.01</v>
      </c>
      <c r="X6588" s="2">
        <v>76.900000000000006</v>
      </c>
      <c r="Y6588" s="2">
        <v>7.6</v>
      </c>
      <c r="Z6588" s="2">
        <v>16.7</v>
      </c>
      <c r="AA6588" s="5"/>
      <c r="AB6588" s="5" t="s">
        <v>43</v>
      </c>
      <c r="AC6588" s="5" t="s">
        <v>44</v>
      </c>
      <c r="AD6588" s="2"/>
      <c r="AE6588" s="1"/>
    </row>
    <row r="6589" spans="1:31" ht="14.45">
      <c r="A6589" s="11"/>
      <c r="B6589" s="20"/>
      <c r="C6589" s="2" t="s">
        <v>20239</v>
      </c>
      <c r="D6589" s="14" t="s">
        <v>20240</v>
      </c>
      <c r="E6589" s="2" t="s">
        <v>20241</v>
      </c>
      <c r="F6589" s="2" t="s">
        <v>16014</v>
      </c>
      <c r="G6589" s="8">
        <v>224</v>
      </c>
      <c r="H6589" s="5">
        <v>6</v>
      </c>
      <c r="I6589" s="5" t="s">
        <v>1518</v>
      </c>
      <c r="J6589" s="5" t="s">
        <v>1519</v>
      </c>
      <c r="K6589" s="2" t="s">
        <v>1520</v>
      </c>
      <c r="L6589" s="5" t="s">
        <v>1519</v>
      </c>
      <c r="M6589" s="2" t="s">
        <v>1520</v>
      </c>
      <c r="N6589" s="5" t="s">
        <v>1521</v>
      </c>
      <c r="O6589" s="5" t="s">
        <v>38</v>
      </c>
      <c r="P6589" s="5" t="s">
        <v>39</v>
      </c>
      <c r="Q6589" s="5" t="s">
        <v>40</v>
      </c>
      <c r="R6589" s="5" t="s">
        <v>1522</v>
      </c>
      <c r="S6589" s="5" t="s">
        <v>1523</v>
      </c>
      <c r="T6589" s="5" t="s">
        <v>42</v>
      </c>
      <c r="U6589" s="2">
        <v>1.98</v>
      </c>
      <c r="V6589" s="2">
        <v>1.518</v>
      </c>
      <c r="W6589" s="2">
        <v>0.01</v>
      </c>
      <c r="X6589" s="2">
        <v>76.900000000000006</v>
      </c>
      <c r="Y6589" s="2">
        <v>7.6</v>
      </c>
      <c r="Z6589" s="2">
        <v>16.7</v>
      </c>
      <c r="AA6589" s="5"/>
      <c r="AB6589" s="5" t="s">
        <v>43</v>
      </c>
      <c r="AC6589" s="5" t="s">
        <v>44</v>
      </c>
      <c r="AD6589" s="2"/>
      <c r="AE6589" s="1"/>
    </row>
    <row r="6590" spans="1:31" ht="14.45">
      <c r="A6590" s="11"/>
      <c r="B6590" s="20"/>
      <c r="C6590" s="2" t="s">
        <v>20242</v>
      </c>
      <c r="D6590" s="14" t="s">
        <v>20243</v>
      </c>
      <c r="E6590" s="2" t="s">
        <v>20244</v>
      </c>
      <c r="F6590" s="2" t="s">
        <v>16219</v>
      </c>
      <c r="G6590" s="8">
        <v>224</v>
      </c>
      <c r="H6590" s="5">
        <v>6</v>
      </c>
      <c r="I6590" s="5" t="s">
        <v>1518</v>
      </c>
      <c r="J6590" s="5" t="s">
        <v>1519</v>
      </c>
      <c r="K6590" s="2" t="s">
        <v>1520</v>
      </c>
      <c r="L6590" s="5" t="s">
        <v>1519</v>
      </c>
      <c r="M6590" s="2" t="s">
        <v>1520</v>
      </c>
      <c r="N6590" s="5" t="s">
        <v>1521</v>
      </c>
      <c r="O6590" s="5" t="s">
        <v>38</v>
      </c>
      <c r="P6590" s="5" t="s">
        <v>39</v>
      </c>
      <c r="Q6590" s="5" t="s">
        <v>40</v>
      </c>
      <c r="R6590" s="5" t="s">
        <v>1522</v>
      </c>
      <c r="S6590" s="5" t="s">
        <v>1523</v>
      </c>
      <c r="T6590" s="5" t="s">
        <v>42</v>
      </c>
      <c r="U6590" s="2">
        <v>2.0270000000000001</v>
      </c>
      <c r="V6590" s="2">
        <v>1.5649999999999999</v>
      </c>
      <c r="W6590" s="2">
        <v>0.01</v>
      </c>
      <c r="X6590" s="2">
        <v>76.900000000000006</v>
      </c>
      <c r="Y6590" s="2">
        <v>7.6</v>
      </c>
      <c r="Z6590" s="2">
        <v>16.7</v>
      </c>
      <c r="AA6590" s="5"/>
      <c r="AB6590" s="5" t="s">
        <v>43</v>
      </c>
      <c r="AC6590" s="5" t="s">
        <v>44</v>
      </c>
      <c r="AD6590" s="2"/>
      <c r="AE6590" s="1"/>
    </row>
    <row r="6591" spans="1:31" ht="14.45">
      <c r="A6591" s="11"/>
      <c r="B6591" s="20"/>
      <c r="C6591" s="2" t="s">
        <v>20245</v>
      </c>
      <c r="D6591" s="14" t="s">
        <v>20246</v>
      </c>
      <c r="E6591" s="2" t="s">
        <v>20247</v>
      </c>
      <c r="F6591" s="2" t="s">
        <v>16018</v>
      </c>
      <c r="G6591" s="8">
        <v>224</v>
      </c>
      <c r="H6591" s="5">
        <v>6</v>
      </c>
      <c r="I6591" s="5" t="s">
        <v>1518</v>
      </c>
      <c r="J6591" s="5" t="s">
        <v>1519</v>
      </c>
      <c r="K6591" s="2" t="s">
        <v>1520</v>
      </c>
      <c r="L6591" s="5" t="s">
        <v>1519</v>
      </c>
      <c r="M6591" s="2" t="s">
        <v>1520</v>
      </c>
      <c r="N6591" s="5" t="s">
        <v>1521</v>
      </c>
      <c r="O6591" s="5" t="s">
        <v>38</v>
      </c>
      <c r="P6591" s="5" t="s">
        <v>39</v>
      </c>
      <c r="Q6591" s="5" t="s">
        <v>40</v>
      </c>
      <c r="R6591" s="5" t="s">
        <v>1522</v>
      </c>
      <c r="S6591" s="5" t="s">
        <v>1523</v>
      </c>
      <c r="T6591" s="5" t="s">
        <v>42</v>
      </c>
      <c r="U6591" s="2">
        <v>1.98</v>
      </c>
      <c r="V6591" s="2">
        <v>1.518</v>
      </c>
      <c r="W6591" s="2">
        <v>0.01</v>
      </c>
      <c r="X6591" s="2">
        <v>76.900000000000006</v>
      </c>
      <c r="Y6591" s="2">
        <v>7.6</v>
      </c>
      <c r="Z6591" s="2">
        <v>16.7</v>
      </c>
      <c r="AA6591" s="5"/>
      <c r="AB6591" s="5" t="s">
        <v>43</v>
      </c>
      <c r="AC6591" s="5" t="s">
        <v>44</v>
      </c>
      <c r="AD6591" s="2"/>
      <c r="AE6591" s="1"/>
    </row>
    <row r="6592" spans="1:31" ht="14.45">
      <c r="A6592" s="11"/>
      <c r="B6592" s="20"/>
      <c r="C6592" s="2" t="s">
        <v>20248</v>
      </c>
      <c r="D6592" s="14" t="s">
        <v>20249</v>
      </c>
      <c r="E6592" s="2" t="s">
        <v>20250</v>
      </c>
      <c r="F6592" s="2" t="s">
        <v>16022</v>
      </c>
      <c r="G6592" s="8">
        <v>224</v>
      </c>
      <c r="H6592" s="5">
        <v>6</v>
      </c>
      <c r="I6592" s="5" t="s">
        <v>1518</v>
      </c>
      <c r="J6592" s="5" t="s">
        <v>1519</v>
      </c>
      <c r="K6592" s="2" t="s">
        <v>1520</v>
      </c>
      <c r="L6592" s="5" t="s">
        <v>1519</v>
      </c>
      <c r="M6592" s="2" t="s">
        <v>1520</v>
      </c>
      <c r="N6592" s="5" t="s">
        <v>1521</v>
      </c>
      <c r="O6592" s="5" t="s">
        <v>38</v>
      </c>
      <c r="P6592" s="5" t="s">
        <v>39</v>
      </c>
      <c r="Q6592" s="5" t="s">
        <v>40</v>
      </c>
      <c r="R6592" s="5" t="s">
        <v>1522</v>
      </c>
      <c r="S6592" s="5" t="s">
        <v>1523</v>
      </c>
      <c r="T6592" s="5" t="s">
        <v>42</v>
      </c>
      <c r="U6592" s="2">
        <v>2.0270000000000001</v>
      </c>
      <c r="V6592" s="2">
        <v>1.5649999999999999</v>
      </c>
      <c r="W6592" s="2">
        <v>0.01</v>
      </c>
      <c r="X6592" s="2">
        <v>76.900000000000006</v>
      </c>
      <c r="Y6592" s="2">
        <v>7.6</v>
      </c>
      <c r="Z6592" s="2">
        <v>16.7</v>
      </c>
      <c r="AA6592" s="5"/>
      <c r="AB6592" s="5" t="s">
        <v>43</v>
      </c>
      <c r="AC6592" s="5" t="s">
        <v>44</v>
      </c>
      <c r="AD6592" s="2"/>
      <c r="AE6592" s="1"/>
    </row>
    <row r="6593" spans="1:31" ht="14.45">
      <c r="A6593" s="11"/>
      <c r="B6593" s="20"/>
      <c r="C6593" s="2" t="s">
        <v>20251</v>
      </c>
      <c r="D6593" s="14" t="s">
        <v>20252</v>
      </c>
      <c r="E6593" s="2" t="s">
        <v>20253</v>
      </c>
      <c r="F6593" s="2" t="s">
        <v>7615</v>
      </c>
      <c r="G6593" s="8">
        <v>224</v>
      </c>
      <c r="H6593" s="5">
        <v>6</v>
      </c>
      <c r="I6593" s="5" t="s">
        <v>1518</v>
      </c>
      <c r="J6593" s="5" t="s">
        <v>1519</v>
      </c>
      <c r="K6593" s="2" t="s">
        <v>1520</v>
      </c>
      <c r="L6593" s="5" t="s">
        <v>1519</v>
      </c>
      <c r="M6593" s="2" t="s">
        <v>1520</v>
      </c>
      <c r="N6593" s="5" t="s">
        <v>1521</v>
      </c>
      <c r="O6593" s="5" t="s">
        <v>38</v>
      </c>
      <c r="P6593" s="5" t="s">
        <v>39</v>
      </c>
      <c r="Q6593" s="5" t="s">
        <v>40</v>
      </c>
      <c r="R6593" s="5" t="s">
        <v>1522</v>
      </c>
      <c r="S6593" s="5" t="s">
        <v>1523</v>
      </c>
      <c r="T6593" s="5" t="s">
        <v>42</v>
      </c>
      <c r="U6593" s="2">
        <v>1.9730000000000001</v>
      </c>
      <c r="V6593" s="2">
        <v>1.5109999999999999</v>
      </c>
      <c r="W6593" s="2">
        <v>0.01</v>
      </c>
      <c r="X6593" s="2">
        <v>76.900000000000006</v>
      </c>
      <c r="Y6593" s="2">
        <v>7.6</v>
      </c>
      <c r="Z6593" s="2">
        <v>16.7</v>
      </c>
      <c r="AA6593" s="5"/>
      <c r="AB6593" s="5" t="s">
        <v>43</v>
      </c>
      <c r="AC6593" s="5" t="s">
        <v>44</v>
      </c>
      <c r="AD6593" s="2"/>
      <c r="AE6593" s="1"/>
    </row>
    <row r="6594" spans="1:31" ht="14.45">
      <c r="A6594" s="11"/>
      <c r="B6594" s="20"/>
      <c r="C6594" s="2" t="s">
        <v>20254</v>
      </c>
      <c r="D6594" s="14" t="s">
        <v>20255</v>
      </c>
      <c r="E6594" s="2" t="s">
        <v>20256</v>
      </c>
      <c r="F6594" s="2" t="s">
        <v>7619</v>
      </c>
      <c r="G6594" s="8">
        <v>224</v>
      </c>
      <c r="H6594" s="5">
        <v>6</v>
      </c>
      <c r="I6594" s="5" t="s">
        <v>1518</v>
      </c>
      <c r="J6594" s="5" t="s">
        <v>1519</v>
      </c>
      <c r="K6594" s="2" t="s">
        <v>1520</v>
      </c>
      <c r="L6594" s="5" t="s">
        <v>1519</v>
      </c>
      <c r="M6594" s="2" t="s">
        <v>1520</v>
      </c>
      <c r="N6594" s="5" t="s">
        <v>1521</v>
      </c>
      <c r="O6594" s="5" t="s">
        <v>38</v>
      </c>
      <c r="P6594" s="5" t="s">
        <v>39</v>
      </c>
      <c r="Q6594" s="5" t="s">
        <v>40</v>
      </c>
      <c r="R6594" s="5" t="s">
        <v>1522</v>
      </c>
      <c r="S6594" s="5" t="s">
        <v>1523</v>
      </c>
      <c r="T6594" s="5" t="s">
        <v>42</v>
      </c>
      <c r="U6594" s="2">
        <v>2.02</v>
      </c>
      <c r="V6594" s="2">
        <v>1.5580000000000001</v>
      </c>
      <c r="W6594" s="2">
        <v>0.01</v>
      </c>
      <c r="X6594" s="2">
        <v>76.900000000000006</v>
      </c>
      <c r="Y6594" s="2">
        <v>7.6</v>
      </c>
      <c r="Z6594" s="2">
        <v>16.7</v>
      </c>
      <c r="AA6594" s="5"/>
      <c r="AB6594" s="5" t="s">
        <v>43</v>
      </c>
      <c r="AC6594" s="5" t="s">
        <v>44</v>
      </c>
      <c r="AD6594" s="2"/>
      <c r="AE6594" s="1"/>
    </row>
    <row r="6595" spans="1:31" ht="14.45">
      <c r="A6595" s="11"/>
      <c r="B6595" s="20"/>
      <c r="C6595" s="2" t="s">
        <v>20257</v>
      </c>
      <c r="D6595" s="14" t="s">
        <v>20258</v>
      </c>
      <c r="E6595" s="2" t="s">
        <v>20259</v>
      </c>
      <c r="F6595" s="2" t="s">
        <v>16029</v>
      </c>
      <c r="G6595" s="8">
        <v>224</v>
      </c>
      <c r="H6595" s="5">
        <v>11</v>
      </c>
      <c r="I6595" s="5" t="s">
        <v>1518</v>
      </c>
      <c r="J6595" s="5" t="s">
        <v>1519</v>
      </c>
      <c r="K6595" s="2" t="s">
        <v>1520</v>
      </c>
      <c r="L6595" s="5" t="s">
        <v>1519</v>
      </c>
      <c r="M6595" s="2" t="s">
        <v>1520</v>
      </c>
      <c r="N6595" s="5" t="s">
        <v>1521</v>
      </c>
      <c r="O6595" s="5" t="s">
        <v>38</v>
      </c>
      <c r="P6595" s="5" t="s">
        <v>39</v>
      </c>
      <c r="Q6595" s="5" t="s">
        <v>40</v>
      </c>
      <c r="R6595" s="5" t="s">
        <v>1522</v>
      </c>
      <c r="S6595" s="5" t="s">
        <v>1523</v>
      </c>
      <c r="T6595" s="5" t="s">
        <v>42</v>
      </c>
      <c r="U6595" s="2">
        <v>1.986</v>
      </c>
      <c r="V6595" s="2">
        <v>1.524</v>
      </c>
      <c r="W6595" s="2">
        <v>0.01</v>
      </c>
      <c r="X6595" s="2">
        <v>76.900000000000006</v>
      </c>
      <c r="Y6595" s="2">
        <v>7.6</v>
      </c>
      <c r="Z6595" s="2">
        <v>16.7</v>
      </c>
      <c r="AA6595" s="5"/>
      <c r="AB6595" s="5" t="s">
        <v>43</v>
      </c>
      <c r="AC6595" s="5" t="s">
        <v>44</v>
      </c>
      <c r="AD6595" s="2"/>
      <c r="AE6595" s="1"/>
    </row>
    <row r="6596" spans="1:31" ht="14.45">
      <c r="A6596" s="11"/>
      <c r="B6596" s="20"/>
      <c r="C6596" s="2" t="s">
        <v>20260</v>
      </c>
      <c r="D6596" s="14" t="s">
        <v>20261</v>
      </c>
      <c r="E6596" s="2" t="s">
        <v>20262</v>
      </c>
      <c r="F6596" s="2" t="s">
        <v>16033</v>
      </c>
      <c r="G6596" s="8">
        <v>224</v>
      </c>
      <c r="H6596" s="5">
        <v>11</v>
      </c>
      <c r="I6596" s="5" t="s">
        <v>1518</v>
      </c>
      <c r="J6596" s="5" t="s">
        <v>1519</v>
      </c>
      <c r="K6596" s="2" t="s">
        <v>1520</v>
      </c>
      <c r="L6596" s="5" t="s">
        <v>1519</v>
      </c>
      <c r="M6596" s="2" t="s">
        <v>1520</v>
      </c>
      <c r="N6596" s="5" t="s">
        <v>1521</v>
      </c>
      <c r="O6596" s="5" t="s">
        <v>38</v>
      </c>
      <c r="P6596" s="5" t="s">
        <v>39</v>
      </c>
      <c r="Q6596" s="5" t="s">
        <v>40</v>
      </c>
      <c r="R6596" s="5" t="s">
        <v>1522</v>
      </c>
      <c r="S6596" s="5" t="s">
        <v>1523</v>
      </c>
      <c r="T6596" s="5" t="s">
        <v>42</v>
      </c>
      <c r="U6596" s="2">
        <v>2.0329999999999999</v>
      </c>
      <c r="V6596" s="2">
        <v>1.571</v>
      </c>
      <c r="W6596" s="2">
        <v>0.01</v>
      </c>
      <c r="X6596" s="2">
        <v>76.900000000000006</v>
      </c>
      <c r="Y6596" s="2">
        <v>7.6</v>
      </c>
      <c r="Z6596" s="2">
        <v>16.7</v>
      </c>
      <c r="AA6596" s="5"/>
      <c r="AB6596" s="5" t="s">
        <v>43</v>
      </c>
      <c r="AC6596" s="5" t="s">
        <v>44</v>
      </c>
      <c r="AD6596" s="2"/>
      <c r="AE6596" s="1"/>
    </row>
    <row r="6597" spans="1:31" ht="14.45">
      <c r="A6597" s="11"/>
      <c r="B6597" s="20"/>
      <c r="C6597" s="2" t="s">
        <v>20263</v>
      </c>
      <c r="D6597" s="14" t="s">
        <v>20264</v>
      </c>
      <c r="E6597" s="2" t="s">
        <v>20265</v>
      </c>
      <c r="F6597" s="2" t="s">
        <v>7396</v>
      </c>
      <c r="G6597" s="8">
        <v>223</v>
      </c>
      <c r="H6597" s="5">
        <v>6</v>
      </c>
      <c r="I6597" s="5" t="s">
        <v>1518</v>
      </c>
      <c r="J6597" s="5" t="s">
        <v>1519</v>
      </c>
      <c r="K6597" s="2" t="s">
        <v>1520</v>
      </c>
      <c r="L6597" s="5" t="s">
        <v>1519</v>
      </c>
      <c r="M6597" s="2" t="s">
        <v>1520</v>
      </c>
      <c r="N6597" s="5" t="s">
        <v>1521</v>
      </c>
      <c r="O6597" s="5" t="s">
        <v>38</v>
      </c>
      <c r="P6597" s="5" t="s">
        <v>39</v>
      </c>
      <c r="Q6597" s="5" t="s">
        <v>40</v>
      </c>
      <c r="R6597" s="5" t="s">
        <v>1522</v>
      </c>
      <c r="S6597" s="5" t="s">
        <v>1523</v>
      </c>
      <c r="T6597" s="5" t="s">
        <v>42</v>
      </c>
      <c r="U6597" s="2">
        <v>2.129</v>
      </c>
      <c r="V6597" s="2">
        <v>1.673</v>
      </c>
      <c r="W6597" s="2">
        <v>0.01</v>
      </c>
      <c r="X6597" s="2">
        <v>76.900000000000006</v>
      </c>
      <c r="Y6597" s="2">
        <v>7.6</v>
      </c>
      <c r="Z6597" s="2">
        <v>16.7</v>
      </c>
      <c r="AA6597" s="5"/>
      <c r="AB6597" s="5" t="s">
        <v>43</v>
      </c>
      <c r="AC6597" s="5" t="s">
        <v>44</v>
      </c>
      <c r="AD6597" s="2"/>
      <c r="AE6597" s="1"/>
    </row>
    <row r="6598" spans="1:31" ht="14.45">
      <c r="A6598" s="11"/>
      <c r="B6598" s="20"/>
      <c r="C6598" s="2" t="s">
        <v>20266</v>
      </c>
      <c r="D6598" s="14" t="s">
        <v>20267</v>
      </c>
      <c r="E6598" s="2" t="s">
        <v>20268</v>
      </c>
      <c r="F6598" s="2" t="s">
        <v>7507</v>
      </c>
      <c r="G6598" s="8">
        <v>223</v>
      </c>
      <c r="H6598" s="5">
        <v>6</v>
      </c>
      <c r="I6598" s="5" t="s">
        <v>1518</v>
      </c>
      <c r="J6598" s="5" t="s">
        <v>1519</v>
      </c>
      <c r="K6598" s="2" t="s">
        <v>1520</v>
      </c>
      <c r="L6598" s="5" t="s">
        <v>1519</v>
      </c>
      <c r="M6598" s="2" t="s">
        <v>1520</v>
      </c>
      <c r="N6598" s="5" t="s">
        <v>1521</v>
      </c>
      <c r="O6598" s="5" t="s">
        <v>38</v>
      </c>
      <c r="P6598" s="5" t="s">
        <v>39</v>
      </c>
      <c r="Q6598" s="5" t="s">
        <v>40</v>
      </c>
      <c r="R6598" s="5" t="s">
        <v>1522</v>
      </c>
      <c r="S6598" s="5" t="s">
        <v>1523</v>
      </c>
      <c r="T6598" s="5" t="s">
        <v>42</v>
      </c>
      <c r="U6598" s="2">
        <v>2.1869999999999998</v>
      </c>
      <c r="V6598" s="2">
        <v>1.7310000000000001</v>
      </c>
      <c r="W6598" s="2">
        <v>0.01</v>
      </c>
      <c r="X6598" s="2">
        <v>76.900000000000006</v>
      </c>
      <c r="Y6598" s="2">
        <v>7.6</v>
      </c>
      <c r="Z6598" s="2">
        <v>16.7</v>
      </c>
      <c r="AA6598" s="5"/>
      <c r="AB6598" s="5" t="s">
        <v>43</v>
      </c>
      <c r="AC6598" s="5" t="s">
        <v>44</v>
      </c>
      <c r="AD6598" s="2"/>
      <c r="AE6598" s="1"/>
    </row>
    <row r="6599" spans="1:31" ht="14.45">
      <c r="A6599" s="11"/>
      <c r="B6599" s="20"/>
      <c r="C6599" s="2" t="s">
        <v>20269</v>
      </c>
      <c r="D6599" s="14" t="s">
        <v>20270</v>
      </c>
      <c r="E6599" s="2" t="s">
        <v>20271</v>
      </c>
      <c r="F6599" s="2" t="s">
        <v>7204</v>
      </c>
      <c r="G6599" s="8">
        <v>223</v>
      </c>
      <c r="H6599" s="5">
        <v>6</v>
      </c>
      <c r="I6599" s="5" t="s">
        <v>1518</v>
      </c>
      <c r="J6599" s="5" t="s">
        <v>1519</v>
      </c>
      <c r="K6599" s="2" t="s">
        <v>1520</v>
      </c>
      <c r="L6599" s="5" t="s">
        <v>1519</v>
      </c>
      <c r="M6599" s="2" t="s">
        <v>1520</v>
      </c>
      <c r="N6599" s="5" t="s">
        <v>1521</v>
      </c>
      <c r="O6599" s="5" t="s">
        <v>38</v>
      </c>
      <c r="P6599" s="5" t="s">
        <v>39</v>
      </c>
      <c r="Q6599" s="5" t="s">
        <v>40</v>
      </c>
      <c r="R6599" s="5" t="s">
        <v>1522</v>
      </c>
      <c r="S6599" s="5" t="s">
        <v>1523</v>
      </c>
      <c r="T6599" s="5" t="s">
        <v>42</v>
      </c>
      <c r="U6599" s="2">
        <v>2.1309999999999998</v>
      </c>
      <c r="V6599" s="2">
        <v>1.675</v>
      </c>
      <c r="W6599" s="2">
        <v>0.01</v>
      </c>
      <c r="X6599" s="2">
        <v>76.900000000000006</v>
      </c>
      <c r="Y6599" s="2">
        <v>7.6</v>
      </c>
      <c r="Z6599" s="2">
        <v>16.7</v>
      </c>
      <c r="AA6599" s="5"/>
      <c r="AB6599" s="5" t="s">
        <v>43</v>
      </c>
      <c r="AC6599" s="5" t="s">
        <v>44</v>
      </c>
      <c r="AD6599" s="2"/>
      <c r="AE6599" s="1"/>
    </row>
    <row r="6600" spans="1:31" ht="14.45">
      <c r="A6600" s="11"/>
      <c r="B6600" s="20"/>
      <c r="C6600" s="2" t="s">
        <v>20272</v>
      </c>
      <c r="D6600" s="14" t="s">
        <v>20273</v>
      </c>
      <c r="E6600" s="2" t="s">
        <v>20274</v>
      </c>
      <c r="F6600" s="2" t="s">
        <v>7514</v>
      </c>
      <c r="G6600" s="8">
        <v>223</v>
      </c>
      <c r="H6600" s="5">
        <v>6</v>
      </c>
      <c r="I6600" s="5" t="s">
        <v>1518</v>
      </c>
      <c r="J6600" s="5" t="s">
        <v>1519</v>
      </c>
      <c r="K6600" s="2" t="s">
        <v>1520</v>
      </c>
      <c r="L6600" s="5" t="s">
        <v>1519</v>
      </c>
      <c r="M6600" s="2" t="s">
        <v>1520</v>
      </c>
      <c r="N6600" s="5" t="s">
        <v>1521</v>
      </c>
      <c r="O6600" s="5" t="s">
        <v>38</v>
      </c>
      <c r="P6600" s="5" t="s">
        <v>39</v>
      </c>
      <c r="Q6600" s="5" t="s">
        <v>40</v>
      </c>
      <c r="R6600" s="5" t="s">
        <v>1522</v>
      </c>
      <c r="S6600" s="5" t="s">
        <v>1523</v>
      </c>
      <c r="T6600" s="5" t="s">
        <v>42</v>
      </c>
      <c r="U6600" s="2">
        <v>2.1890000000000001</v>
      </c>
      <c r="V6600" s="2">
        <v>1.7330000000000001</v>
      </c>
      <c r="W6600" s="2">
        <v>0.01</v>
      </c>
      <c r="X6600" s="2">
        <v>76.900000000000006</v>
      </c>
      <c r="Y6600" s="2">
        <v>7.6</v>
      </c>
      <c r="Z6600" s="2">
        <v>16.7</v>
      </c>
      <c r="AA6600" s="5"/>
      <c r="AB6600" s="5" t="s">
        <v>43</v>
      </c>
      <c r="AC6600" s="5" t="s">
        <v>44</v>
      </c>
      <c r="AD6600" s="2"/>
      <c r="AE6600" s="1"/>
    </row>
    <row r="6601" spans="1:31" ht="14.45">
      <c r="A6601" s="11"/>
      <c r="B6601" s="20"/>
      <c r="C6601" s="2" t="s">
        <v>20275</v>
      </c>
      <c r="D6601" s="14" t="s">
        <v>20276</v>
      </c>
      <c r="E6601" s="2" t="s">
        <v>20277</v>
      </c>
      <c r="F6601" s="2" t="s">
        <v>7208</v>
      </c>
      <c r="G6601" s="8">
        <v>223</v>
      </c>
      <c r="H6601" s="5">
        <v>6</v>
      </c>
      <c r="I6601" s="5" t="s">
        <v>1518</v>
      </c>
      <c r="J6601" s="5" t="s">
        <v>1519</v>
      </c>
      <c r="K6601" s="2" t="s">
        <v>1520</v>
      </c>
      <c r="L6601" s="5" t="s">
        <v>1519</v>
      </c>
      <c r="M6601" s="2" t="s">
        <v>1520</v>
      </c>
      <c r="N6601" s="5" t="s">
        <v>1521</v>
      </c>
      <c r="O6601" s="5" t="s">
        <v>38</v>
      </c>
      <c r="P6601" s="5" t="s">
        <v>39</v>
      </c>
      <c r="Q6601" s="5" t="s">
        <v>40</v>
      </c>
      <c r="R6601" s="5" t="s">
        <v>1522</v>
      </c>
      <c r="S6601" s="5" t="s">
        <v>1523</v>
      </c>
      <c r="T6601" s="5" t="s">
        <v>42</v>
      </c>
      <c r="U6601" s="2">
        <v>2.1309999999999998</v>
      </c>
      <c r="V6601" s="2">
        <v>1.675</v>
      </c>
      <c r="W6601" s="2">
        <v>0.01</v>
      </c>
      <c r="X6601" s="2">
        <v>76.900000000000006</v>
      </c>
      <c r="Y6601" s="2">
        <v>7.6</v>
      </c>
      <c r="Z6601" s="2">
        <v>16.7</v>
      </c>
      <c r="AA6601" s="5"/>
      <c r="AB6601" s="5" t="s">
        <v>43</v>
      </c>
      <c r="AC6601" s="5" t="s">
        <v>44</v>
      </c>
      <c r="AD6601" s="2"/>
      <c r="AE6601" s="1"/>
    </row>
    <row r="6602" spans="1:31" ht="14.45">
      <c r="A6602" s="11"/>
      <c r="B6602" s="20"/>
      <c r="C6602" s="2" t="s">
        <v>20278</v>
      </c>
      <c r="D6602" s="14" t="s">
        <v>20279</v>
      </c>
      <c r="E6602" s="2" t="s">
        <v>20280</v>
      </c>
      <c r="F6602" s="2" t="s">
        <v>7521</v>
      </c>
      <c r="G6602" s="8">
        <v>223</v>
      </c>
      <c r="H6602" s="5">
        <v>6</v>
      </c>
      <c r="I6602" s="5" t="s">
        <v>1518</v>
      </c>
      <c r="J6602" s="5" t="s">
        <v>1519</v>
      </c>
      <c r="K6602" s="2" t="s">
        <v>1520</v>
      </c>
      <c r="L6602" s="5" t="s">
        <v>1519</v>
      </c>
      <c r="M6602" s="2" t="s">
        <v>1520</v>
      </c>
      <c r="N6602" s="5" t="s">
        <v>1521</v>
      </c>
      <c r="O6602" s="5" t="s">
        <v>38</v>
      </c>
      <c r="P6602" s="5" t="s">
        <v>39</v>
      </c>
      <c r="Q6602" s="5" t="s">
        <v>40</v>
      </c>
      <c r="R6602" s="5" t="s">
        <v>1522</v>
      </c>
      <c r="S6602" s="5" t="s">
        <v>1523</v>
      </c>
      <c r="T6602" s="5" t="s">
        <v>42</v>
      </c>
      <c r="U6602" s="2">
        <v>2.1890000000000001</v>
      </c>
      <c r="V6602" s="2">
        <v>1.7330000000000001</v>
      </c>
      <c r="W6602" s="2">
        <v>0.01</v>
      </c>
      <c r="X6602" s="2">
        <v>76.900000000000006</v>
      </c>
      <c r="Y6602" s="2">
        <v>7.6</v>
      </c>
      <c r="Z6602" s="2">
        <v>16.7</v>
      </c>
      <c r="AA6602" s="5"/>
      <c r="AB6602" s="5" t="s">
        <v>43</v>
      </c>
      <c r="AC6602" s="5" t="s">
        <v>44</v>
      </c>
      <c r="AD6602" s="2"/>
      <c r="AE6602" s="1"/>
    </row>
    <row r="6603" spans="1:31" ht="14.45">
      <c r="A6603" s="11"/>
      <c r="B6603" s="20"/>
      <c r="C6603" s="2" t="s">
        <v>20281</v>
      </c>
      <c r="D6603" s="14" t="s">
        <v>20282</v>
      </c>
      <c r="E6603" s="2" t="s">
        <v>20283</v>
      </c>
      <c r="F6603" s="2" t="s">
        <v>7212</v>
      </c>
      <c r="G6603" s="8">
        <v>223</v>
      </c>
      <c r="H6603" s="5">
        <v>6</v>
      </c>
      <c r="I6603" s="5" t="s">
        <v>1518</v>
      </c>
      <c r="J6603" s="5" t="s">
        <v>1519</v>
      </c>
      <c r="K6603" s="2" t="s">
        <v>1520</v>
      </c>
      <c r="L6603" s="5" t="s">
        <v>1519</v>
      </c>
      <c r="M6603" s="2" t="s">
        <v>1520</v>
      </c>
      <c r="N6603" s="5" t="s">
        <v>1521</v>
      </c>
      <c r="O6603" s="5" t="s">
        <v>38</v>
      </c>
      <c r="P6603" s="5" t="s">
        <v>39</v>
      </c>
      <c r="Q6603" s="5" t="s">
        <v>40</v>
      </c>
      <c r="R6603" s="5" t="s">
        <v>1522</v>
      </c>
      <c r="S6603" s="5" t="s">
        <v>1523</v>
      </c>
      <c r="T6603" s="5" t="s">
        <v>42</v>
      </c>
      <c r="U6603" s="2">
        <v>2.1219999999999999</v>
      </c>
      <c r="V6603" s="2">
        <v>1.6659999999999999</v>
      </c>
      <c r="W6603" s="2">
        <v>0.01</v>
      </c>
      <c r="X6603" s="2">
        <v>76.900000000000006</v>
      </c>
      <c r="Y6603" s="2">
        <v>7.6</v>
      </c>
      <c r="Z6603" s="2">
        <v>16.7</v>
      </c>
      <c r="AA6603" s="5"/>
      <c r="AB6603" s="5" t="s">
        <v>43</v>
      </c>
      <c r="AC6603" s="5" t="s">
        <v>44</v>
      </c>
      <c r="AD6603" s="2"/>
      <c r="AE6603" s="1"/>
    </row>
    <row r="6604" spans="1:31" ht="14.45">
      <c r="A6604" s="11"/>
      <c r="B6604" s="20"/>
      <c r="C6604" s="2" t="s">
        <v>20284</v>
      </c>
      <c r="D6604" s="14" t="s">
        <v>20285</v>
      </c>
      <c r="E6604" s="2" t="s">
        <v>20286</v>
      </c>
      <c r="F6604" s="2" t="s">
        <v>7528</v>
      </c>
      <c r="G6604" s="8">
        <v>223</v>
      </c>
      <c r="H6604" s="5">
        <v>6</v>
      </c>
      <c r="I6604" s="5" t="s">
        <v>1518</v>
      </c>
      <c r="J6604" s="5" t="s">
        <v>1519</v>
      </c>
      <c r="K6604" s="2" t="s">
        <v>1520</v>
      </c>
      <c r="L6604" s="5" t="s">
        <v>1519</v>
      </c>
      <c r="M6604" s="2" t="s">
        <v>1520</v>
      </c>
      <c r="N6604" s="5" t="s">
        <v>1521</v>
      </c>
      <c r="O6604" s="5" t="s">
        <v>38</v>
      </c>
      <c r="P6604" s="5" t="s">
        <v>39</v>
      </c>
      <c r="Q6604" s="5" t="s">
        <v>40</v>
      </c>
      <c r="R6604" s="5" t="s">
        <v>1522</v>
      </c>
      <c r="S6604" s="5" t="s">
        <v>1523</v>
      </c>
      <c r="T6604" s="5" t="s">
        <v>42</v>
      </c>
      <c r="U6604" s="2">
        <v>2.1800000000000002</v>
      </c>
      <c r="V6604" s="2">
        <v>1.724</v>
      </c>
      <c r="W6604" s="2">
        <v>0.01</v>
      </c>
      <c r="X6604" s="2">
        <v>76.900000000000006</v>
      </c>
      <c r="Y6604" s="2">
        <v>7.6</v>
      </c>
      <c r="Z6604" s="2">
        <v>16.7</v>
      </c>
      <c r="AA6604" s="5"/>
      <c r="AB6604" s="5" t="s">
        <v>43</v>
      </c>
      <c r="AC6604" s="5" t="s">
        <v>44</v>
      </c>
      <c r="AD6604" s="2"/>
      <c r="AE6604" s="1"/>
    </row>
    <row r="6605" spans="1:31" ht="14.45">
      <c r="A6605" s="11"/>
      <c r="B6605" s="20"/>
      <c r="C6605" s="2" t="s">
        <v>20287</v>
      </c>
      <c r="D6605" s="14" t="s">
        <v>20288</v>
      </c>
      <c r="E6605" s="2" t="s">
        <v>20289</v>
      </c>
      <c r="F6605" s="2" t="s">
        <v>7406</v>
      </c>
      <c r="G6605" s="8">
        <v>237</v>
      </c>
      <c r="H6605" s="5">
        <v>6</v>
      </c>
      <c r="I6605" s="5" t="s">
        <v>1518</v>
      </c>
      <c r="J6605" s="5" t="s">
        <v>1519</v>
      </c>
      <c r="K6605" s="2" t="s">
        <v>1520</v>
      </c>
      <c r="L6605" s="5" t="s">
        <v>1519</v>
      </c>
      <c r="M6605" s="2" t="s">
        <v>1520</v>
      </c>
      <c r="N6605" s="5" t="s">
        <v>1521</v>
      </c>
      <c r="O6605" s="5" t="s">
        <v>38</v>
      </c>
      <c r="P6605" s="5" t="s">
        <v>39</v>
      </c>
      <c r="Q6605" s="5" t="s">
        <v>40</v>
      </c>
      <c r="R6605" s="5" t="s">
        <v>1522</v>
      </c>
      <c r="S6605" s="5" t="s">
        <v>1523</v>
      </c>
      <c r="T6605" s="5" t="s">
        <v>42</v>
      </c>
      <c r="U6605" s="2">
        <v>2.1219999999999999</v>
      </c>
      <c r="V6605" s="2">
        <v>1.6659999999999999</v>
      </c>
      <c r="W6605" s="2">
        <v>0.01</v>
      </c>
      <c r="X6605" s="2">
        <v>76.900000000000006</v>
      </c>
      <c r="Y6605" s="2">
        <v>7.6</v>
      </c>
      <c r="Z6605" s="2">
        <v>16.7</v>
      </c>
      <c r="AA6605" s="5"/>
      <c r="AB6605" s="5" t="s">
        <v>43</v>
      </c>
      <c r="AC6605" s="5" t="s">
        <v>44</v>
      </c>
      <c r="AD6605" s="2"/>
      <c r="AE6605" s="1"/>
    </row>
    <row r="6606" spans="1:31" ht="14.45">
      <c r="A6606" s="11"/>
      <c r="B6606" s="20"/>
      <c r="C6606" s="2" t="s">
        <v>20290</v>
      </c>
      <c r="D6606" s="14" t="s">
        <v>20291</v>
      </c>
      <c r="E6606" s="2" t="s">
        <v>20292</v>
      </c>
      <c r="F6606" s="2" t="s">
        <v>7535</v>
      </c>
      <c r="G6606" s="8">
        <v>237</v>
      </c>
      <c r="H6606" s="5">
        <v>6</v>
      </c>
      <c r="I6606" s="5" t="s">
        <v>1518</v>
      </c>
      <c r="J6606" s="5" t="s">
        <v>1519</v>
      </c>
      <c r="K6606" s="2" t="s">
        <v>1520</v>
      </c>
      <c r="L6606" s="5" t="s">
        <v>1519</v>
      </c>
      <c r="M6606" s="2" t="s">
        <v>1520</v>
      </c>
      <c r="N6606" s="5" t="s">
        <v>1521</v>
      </c>
      <c r="O6606" s="5" t="s">
        <v>38</v>
      </c>
      <c r="P6606" s="5" t="s">
        <v>39</v>
      </c>
      <c r="Q6606" s="5" t="s">
        <v>40</v>
      </c>
      <c r="R6606" s="5" t="s">
        <v>1522</v>
      </c>
      <c r="S6606" s="5" t="s">
        <v>1523</v>
      </c>
      <c r="T6606" s="5" t="s">
        <v>42</v>
      </c>
      <c r="U6606" s="2">
        <v>2.1800000000000002</v>
      </c>
      <c r="V6606" s="2">
        <v>1.724</v>
      </c>
      <c r="W6606" s="2">
        <v>0.01</v>
      </c>
      <c r="X6606" s="2">
        <v>76.900000000000006</v>
      </c>
      <c r="Y6606" s="2">
        <v>7.6</v>
      </c>
      <c r="Z6606" s="2">
        <v>16.7</v>
      </c>
      <c r="AA6606" s="5"/>
      <c r="AB6606" s="5" t="s">
        <v>43</v>
      </c>
      <c r="AC6606" s="5" t="s">
        <v>44</v>
      </c>
      <c r="AD6606" s="2"/>
      <c r="AE6606" s="1"/>
    </row>
    <row r="6607" spans="1:31" ht="14.45">
      <c r="A6607" s="11"/>
      <c r="B6607" s="20"/>
      <c r="C6607" s="2" t="s">
        <v>20293</v>
      </c>
      <c r="D6607" s="14" t="s">
        <v>20294</v>
      </c>
      <c r="E6607" s="2" t="s">
        <v>20295</v>
      </c>
      <c r="F6607" s="2" t="s">
        <v>7539</v>
      </c>
      <c r="G6607" s="8">
        <v>237</v>
      </c>
      <c r="H6607" s="5">
        <v>6</v>
      </c>
      <c r="I6607" s="5" t="s">
        <v>1518</v>
      </c>
      <c r="J6607" s="5" t="s">
        <v>1519</v>
      </c>
      <c r="K6607" s="2" t="s">
        <v>1520</v>
      </c>
      <c r="L6607" s="5" t="s">
        <v>1519</v>
      </c>
      <c r="M6607" s="2" t="s">
        <v>1520</v>
      </c>
      <c r="N6607" s="5" t="s">
        <v>1521</v>
      </c>
      <c r="O6607" s="5" t="s">
        <v>38</v>
      </c>
      <c r="P6607" s="5" t="s">
        <v>39</v>
      </c>
      <c r="Q6607" s="5" t="s">
        <v>40</v>
      </c>
      <c r="R6607" s="5" t="s">
        <v>1522</v>
      </c>
      <c r="S6607" s="5" t="s">
        <v>1523</v>
      </c>
      <c r="T6607" s="5" t="s">
        <v>42</v>
      </c>
      <c r="U6607" s="2">
        <v>2.1309999999999998</v>
      </c>
      <c r="V6607" s="2">
        <v>1.675</v>
      </c>
      <c r="W6607" s="2">
        <v>0.01</v>
      </c>
      <c r="X6607" s="2">
        <v>76.900000000000006</v>
      </c>
      <c r="Y6607" s="2">
        <v>7.6</v>
      </c>
      <c r="Z6607" s="2">
        <v>16.7</v>
      </c>
      <c r="AA6607" s="5"/>
      <c r="AB6607" s="5" t="s">
        <v>43</v>
      </c>
      <c r="AC6607" s="5" t="s">
        <v>44</v>
      </c>
      <c r="AD6607" s="2"/>
      <c r="AE6607" s="1"/>
    </row>
    <row r="6608" spans="1:31" ht="14.45">
      <c r="A6608" s="11"/>
      <c r="B6608" s="20"/>
      <c r="C6608" s="2" t="s">
        <v>20296</v>
      </c>
      <c r="D6608" s="14" t="s">
        <v>20297</v>
      </c>
      <c r="E6608" s="2" t="s">
        <v>20298</v>
      </c>
      <c r="F6608" s="2" t="s">
        <v>7543</v>
      </c>
      <c r="G6608" s="8">
        <v>237</v>
      </c>
      <c r="H6608" s="5">
        <v>6</v>
      </c>
      <c r="I6608" s="5" t="s">
        <v>1518</v>
      </c>
      <c r="J6608" s="5" t="s">
        <v>1519</v>
      </c>
      <c r="K6608" s="2" t="s">
        <v>1520</v>
      </c>
      <c r="L6608" s="5" t="s">
        <v>1519</v>
      </c>
      <c r="M6608" s="2" t="s">
        <v>1520</v>
      </c>
      <c r="N6608" s="5" t="s">
        <v>1521</v>
      </c>
      <c r="O6608" s="5" t="s">
        <v>38</v>
      </c>
      <c r="P6608" s="5" t="s">
        <v>39</v>
      </c>
      <c r="Q6608" s="5" t="s">
        <v>40</v>
      </c>
      <c r="R6608" s="5" t="s">
        <v>1522</v>
      </c>
      <c r="S6608" s="5" t="s">
        <v>1523</v>
      </c>
      <c r="T6608" s="5" t="s">
        <v>42</v>
      </c>
      <c r="U6608" s="2">
        <v>2.1890000000000001</v>
      </c>
      <c r="V6608" s="2">
        <v>1.7330000000000001</v>
      </c>
      <c r="W6608" s="2">
        <v>0.01</v>
      </c>
      <c r="X6608" s="2">
        <v>76.900000000000006</v>
      </c>
      <c r="Y6608" s="2">
        <v>7.6</v>
      </c>
      <c r="Z6608" s="2">
        <v>16.7</v>
      </c>
      <c r="AA6608" s="5"/>
      <c r="AB6608" s="5" t="s">
        <v>43</v>
      </c>
      <c r="AC6608" s="5" t="s">
        <v>44</v>
      </c>
      <c r="AD6608" s="2"/>
      <c r="AE6608" s="1"/>
    </row>
    <row r="6609" spans="1:31" ht="14.45">
      <c r="A6609" s="11"/>
      <c r="B6609" s="20"/>
      <c r="C6609" s="2" t="s">
        <v>20299</v>
      </c>
      <c r="D6609" s="14" t="s">
        <v>20300</v>
      </c>
      <c r="E6609" s="2" t="s">
        <v>20301</v>
      </c>
      <c r="F6609" s="2" t="s">
        <v>7547</v>
      </c>
      <c r="G6609" s="8">
        <v>237</v>
      </c>
      <c r="H6609" s="5">
        <v>6</v>
      </c>
      <c r="I6609" s="5" t="s">
        <v>1518</v>
      </c>
      <c r="J6609" s="5" t="s">
        <v>1519</v>
      </c>
      <c r="K6609" s="2" t="s">
        <v>1520</v>
      </c>
      <c r="L6609" s="5" t="s">
        <v>1519</v>
      </c>
      <c r="M6609" s="2" t="s">
        <v>1520</v>
      </c>
      <c r="N6609" s="5" t="s">
        <v>1521</v>
      </c>
      <c r="O6609" s="5" t="s">
        <v>38</v>
      </c>
      <c r="P6609" s="5" t="s">
        <v>39</v>
      </c>
      <c r="Q6609" s="5" t="s">
        <v>40</v>
      </c>
      <c r="R6609" s="5" t="s">
        <v>1522</v>
      </c>
      <c r="S6609" s="5" t="s">
        <v>1523</v>
      </c>
      <c r="T6609" s="5" t="s">
        <v>42</v>
      </c>
      <c r="U6609" s="2">
        <v>2.1219999999999999</v>
      </c>
      <c r="V6609" s="2">
        <v>1.6659999999999999</v>
      </c>
      <c r="W6609" s="2">
        <v>0.01</v>
      </c>
      <c r="X6609" s="2">
        <v>76.900000000000006</v>
      </c>
      <c r="Y6609" s="2">
        <v>7.6</v>
      </c>
      <c r="Z6609" s="2">
        <v>16.7</v>
      </c>
      <c r="AA6609" s="5"/>
      <c r="AB6609" s="5" t="s">
        <v>43</v>
      </c>
      <c r="AC6609" s="5" t="s">
        <v>44</v>
      </c>
      <c r="AD6609" s="2"/>
      <c r="AE6609" s="1"/>
    </row>
    <row r="6610" spans="1:31" ht="14.45">
      <c r="A6610" s="11"/>
      <c r="B6610" s="20"/>
      <c r="C6610" s="2" t="s">
        <v>20302</v>
      </c>
      <c r="D6610" s="14" t="s">
        <v>20303</v>
      </c>
      <c r="E6610" s="2" t="s">
        <v>20304</v>
      </c>
      <c r="F6610" s="2" t="s">
        <v>7551</v>
      </c>
      <c r="G6610" s="8">
        <v>237</v>
      </c>
      <c r="H6610" s="5">
        <v>6</v>
      </c>
      <c r="I6610" s="5" t="s">
        <v>1518</v>
      </c>
      <c r="J6610" s="5" t="s">
        <v>1519</v>
      </c>
      <c r="K6610" s="2" t="s">
        <v>1520</v>
      </c>
      <c r="L6610" s="5" t="s">
        <v>1519</v>
      </c>
      <c r="M6610" s="2" t="s">
        <v>1520</v>
      </c>
      <c r="N6610" s="5" t="s">
        <v>1521</v>
      </c>
      <c r="O6610" s="5" t="s">
        <v>38</v>
      </c>
      <c r="P6610" s="5" t="s">
        <v>39</v>
      </c>
      <c r="Q6610" s="5" t="s">
        <v>40</v>
      </c>
      <c r="R6610" s="5" t="s">
        <v>1522</v>
      </c>
      <c r="S6610" s="5" t="s">
        <v>1523</v>
      </c>
      <c r="T6610" s="5" t="s">
        <v>42</v>
      </c>
      <c r="U6610" s="2">
        <v>2.1800000000000002</v>
      </c>
      <c r="V6610" s="2">
        <v>1.724</v>
      </c>
      <c r="W6610" s="2">
        <v>0.01</v>
      </c>
      <c r="X6610" s="2">
        <v>76.900000000000006</v>
      </c>
      <c r="Y6610" s="2">
        <v>7.6</v>
      </c>
      <c r="Z6610" s="2">
        <v>16.7</v>
      </c>
      <c r="AA6610" s="5"/>
      <c r="AB6610" s="5" t="s">
        <v>43</v>
      </c>
      <c r="AC6610" s="5" t="s">
        <v>44</v>
      </c>
      <c r="AD6610" s="2"/>
      <c r="AE6610" s="1"/>
    </row>
    <row r="6611" spans="1:31" ht="14.45">
      <c r="A6611" s="11"/>
      <c r="B6611" s="20"/>
      <c r="C6611" s="2" t="s">
        <v>20305</v>
      </c>
      <c r="D6611" s="14" t="s">
        <v>20306</v>
      </c>
      <c r="E6611" s="2" t="s">
        <v>20307</v>
      </c>
      <c r="F6611" s="2" t="s">
        <v>7555</v>
      </c>
      <c r="G6611" s="8">
        <v>237</v>
      </c>
      <c r="H6611" s="5">
        <v>6</v>
      </c>
      <c r="I6611" s="5" t="s">
        <v>1518</v>
      </c>
      <c r="J6611" s="5" t="s">
        <v>1519</v>
      </c>
      <c r="K6611" s="2" t="s">
        <v>1520</v>
      </c>
      <c r="L6611" s="5" t="s">
        <v>1519</v>
      </c>
      <c r="M6611" s="2" t="s">
        <v>1520</v>
      </c>
      <c r="N6611" s="5" t="s">
        <v>1521</v>
      </c>
      <c r="O6611" s="5" t="s">
        <v>38</v>
      </c>
      <c r="P6611" s="5" t="s">
        <v>39</v>
      </c>
      <c r="Q6611" s="5" t="s">
        <v>40</v>
      </c>
      <c r="R6611" s="5" t="s">
        <v>1522</v>
      </c>
      <c r="S6611" s="5" t="s">
        <v>1523</v>
      </c>
      <c r="T6611" s="5" t="s">
        <v>42</v>
      </c>
      <c r="U6611" s="2">
        <v>2.1219999999999999</v>
      </c>
      <c r="V6611" s="2">
        <v>1.6659999999999999</v>
      </c>
      <c r="W6611" s="2">
        <v>0.01</v>
      </c>
      <c r="X6611" s="2">
        <v>76.900000000000006</v>
      </c>
      <c r="Y6611" s="2">
        <v>7.6</v>
      </c>
      <c r="Z6611" s="2">
        <v>16.7</v>
      </c>
      <c r="AA6611" s="5"/>
      <c r="AB6611" s="5" t="s">
        <v>43</v>
      </c>
      <c r="AC6611" s="5" t="s">
        <v>44</v>
      </c>
      <c r="AD6611" s="2"/>
      <c r="AE6611" s="1"/>
    </row>
    <row r="6612" spans="1:31" ht="14.45">
      <c r="A6612" s="11"/>
      <c r="B6612" s="20"/>
      <c r="C6612" s="2" t="s">
        <v>20308</v>
      </c>
      <c r="D6612" s="14" t="s">
        <v>20309</v>
      </c>
      <c r="E6612" s="2" t="s">
        <v>20310</v>
      </c>
      <c r="F6612" s="2" t="s">
        <v>7559</v>
      </c>
      <c r="G6612" s="8">
        <v>237</v>
      </c>
      <c r="H6612" s="5">
        <v>6</v>
      </c>
      <c r="I6612" s="5" t="s">
        <v>1518</v>
      </c>
      <c r="J6612" s="5" t="s">
        <v>1519</v>
      </c>
      <c r="K6612" s="2" t="s">
        <v>1520</v>
      </c>
      <c r="L6612" s="5" t="s">
        <v>1519</v>
      </c>
      <c r="M6612" s="2" t="s">
        <v>1520</v>
      </c>
      <c r="N6612" s="5" t="s">
        <v>1521</v>
      </c>
      <c r="O6612" s="5" t="s">
        <v>38</v>
      </c>
      <c r="P6612" s="5" t="s">
        <v>39</v>
      </c>
      <c r="Q6612" s="5" t="s">
        <v>40</v>
      </c>
      <c r="R6612" s="5" t="s">
        <v>1522</v>
      </c>
      <c r="S6612" s="5" t="s">
        <v>1523</v>
      </c>
      <c r="T6612" s="5" t="s">
        <v>42</v>
      </c>
      <c r="U6612" s="2">
        <v>2.1800000000000002</v>
      </c>
      <c r="V6612" s="2">
        <v>1.724</v>
      </c>
      <c r="W6612" s="2">
        <v>0.01</v>
      </c>
      <c r="X6612" s="2">
        <v>76.900000000000006</v>
      </c>
      <c r="Y6612" s="2">
        <v>7.6</v>
      </c>
      <c r="Z6612" s="2">
        <v>16.7</v>
      </c>
      <c r="AA6612" s="5"/>
      <c r="AB6612" s="5" t="s">
        <v>43</v>
      </c>
      <c r="AC6612" s="5" t="s">
        <v>44</v>
      </c>
      <c r="AD6612" s="2"/>
      <c r="AE6612" s="1"/>
    </row>
    <row r="6613" spans="1:31" ht="14.45">
      <c r="A6613" s="11"/>
      <c r="B6613" s="20"/>
      <c r="C6613" s="2" t="s">
        <v>20311</v>
      </c>
      <c r="D6613" s="14" t="s">
        <v>20312</v>
      </c>
      <c r="E6613" s="2" t="s">
        <v>20313</v>
      </c>
      <c r="F6613" s="2" t="s">
        <v>7563</v>
      </c>
      <c r="G6613" s="8">
        <v>237</v>
      </c>
      <c r="H6613" s="5">
        <v>6</v>
      </c>
      <c r="I6613" s="5" t="s">
        <v>1518</v>
      </c>
      <c r="J6613" s="5" t="s">
        <v>1519</v>
      </c>
      <c r="K6613" s="2" t="s">
        <v>1520</v>
      </c>
      <c r="L6613" s="5" t="s">
        <v>1519</v>
      </c>
      <c r="M6613" s="2" t="s">
        <v>1520</v>
      </c>
      <c r="N6613" s="5" t="s">
        <v>1521</v>
      </c>
      <c r="O6613" s="5" t="s">
        <v>38</v>
      </c>
      <c r="P6613" s="5" t="s">
        <v>39</v>
      </c>
      <c r="Q6613" s="5" t="s">
        <v>40</v>
      </c>
      <c r="R6613" s="5" t="s">
        <v>1522</v>
      </c>
      <c r="S6613" s="5" t="s">
        <v>1523</v>
      </c>
      <c r="T6613" s="5" t="s">
        <v>42</v>
      </c>
      <c r="U6613" s="2">
        <v>2.1309999999999998</v>
      </c>
      <c r="V6613" s="2">
        <v>1.675</v>
      </c>
      <c r="W6613" s="2">
        <v>0.01</v>
      </c>
      <c r="X6613" s="2">
        <v>76.900000000000006</v>
      </c>
      <c r="Y6613" s="2">
        <v>7.6</v>
      </c>
      <c r="Z6613" s="2">
        <v>16.7</v>
      </c>
      <c r="AA6613" s="5"/>
      <c r="AB6613" s="5" t="s">
        <v>43</v>
      </c>
      <c r="AC6613" s="5" t="s">
        <v>44</v>
      </c>
      <c r="AD6613" s="2"/>
      <c r="AE6613" s="1"/>
    </row>
    <row r="6614" spans="1:31" ht="14.45">
      <c r="A6614" s="11"/>
      <c r="B6614" s="20"/>
      <c r="C6614" s="2" t="s">
        <v>20314</v>
      </c>
      <c r="D6614" s="14" t="s">
        <v>20315</v>
      </c>
      <c r="E6614" s="2" t="s">
        <v>20316</v>
      </c>
      <c r="F6614" s="2" t="s">
        <v>7567</v>
      </c>
      <c r="G6614" s="8">
        <v>237</v>
      </c>
      <c r="H6614" s="5">
        <v>6</v>
      </c>
      <c r="I6614" s="5" t="s">
        <v>1518</v>
      </c>
      <c r="J6614" s="5" t="s">
        <v>1519</v>
      </c>
      <c r="K6614" s="2" t="s">
        <v>1520</v>
      </c>
      <c r="L6614" s="5" t="s">
        <v>1519</v>
      </c>
      <c r="M6614" s="2" t="s">
        <v>1520</v>
      </c>
      <c r="N6614" s="5" t="s">
        <v>1521</v>
      </c>
      <c r="O6614" s="5" t="s">
        <v>38</v>
      </c>
      <c r="P6614" s="5" t="s">
        <v>39</v>
      </c>
      <c r="Q6614" s="5" t="s">
        <v>40</v>
      </c>
      <c r="R6614" s="5" t="s">
        <v>1522</v>
      </c>
      <c r="S6614" s="5" t="s">
        <v>1523</v>
      </c>
      <c r="T6614" s="5" t="s">
        <v>42</v>
      </c>
      <c r="U6614" s="2">
        <v>2.1890000000000001</v>
      </c>
      <c r="V6614" s="2">
        <v>1.7330000000000001</v>
      </c>
      <c r="W6614" s="2">
        <v>0.01</v>
      </c>
      <c r="X6614" s="2">
        <v>76.900000000000006</v>
      </c>
      <c r="Y6614" s="2">
        <v>7.6</v>
      </c>
      <c r="Z6614" s="2">
        <v>16.7</v>
      </c>
      <c r="AA6614" s="5"/>
      <c r="AB6614" s="5" t="s">
        <v>43</v>
      </c>
      <c r="AC6614" s="5" t="s">
        <v>44</v>
      </c>
      <c r="AD6614" s="2"/>
      <c r="AE6614" s="1"/>
    </row>
    <row r="6615" spans="1:31" ht="14.45">
      <c r="A6615" s="11"/>
      <c r="B6615" s="20"/>
      <c r="C6615" s="2" t="s">
        <v>20317</v>
      </c>
      <c r="D6615" s="14" t="s">
        <v>20318</v>
      </c>
      <c r="E6615" s="2" t="s">
        <v>20319</v>
      </c>
      <c r="F6615" s="2" t="s">
        <v>16079</v>
      </c>
      <c r="G6615" s="8">
        <v>237</v>
      </c>
      <c r="H6615" s="5">
        <v>6</v>
      </c>
      <c r="I6615" s="5" t="s">
        <v>1518</v>
      </c>
      <c r="J6615" s="5" t="s">
        <v>1519</v>
      </c>
      <c r="K6615" s="2" t="s">
        <v>1520</v>
      </c>
      <c r="L6615" s="5" t="s">
        <v>1519</v>
      </c>
      <c r="M6615" s="2" t="s">
        <v>1520</v>
      </c>
      <c r="N6615" s="5" t="s">
        <v>1521</v>
      </c>
      <c r="O6615" s="5" t="s">
        <v>38</v>
      </c>
      <c r="P6615" s="5" t="s">
        <v>39</v>
      </c>
      <c r="Q6615" s="5" t="s">
        <v>40</v>
      </c>
      <c r="R6615" s="5" t="s">
        <v>1522</v>
      </c>
      <c r="S6615" s="5" t="s">
        <v>1523</v>
      </c>
      <c r="T6615" s="5" t="s">
        <v>42</v>
      </c>
      <c r="U6615" s="2">
        <v>2.1309999999999998</v>
      </c>
      <c r="V6615" s="2">
        <v>1.675</v>
      </c>
      <c r="W6615" s="2">
        <v>0.01</v>
      </c>
      <c r="X6615" s="2">
        <v>76.900000000000006</v>
      </c>
      <c r="Y6615" s="2">
        <v>7.6</v>
      </c>
      <c r="Z6615" s="2">
        <v>16.7</v>
      </c>
      <c r="AA6615" s="5"/>
      <c r="AB6615" s="5" t="s">
        <v>43</v>
      </c>
      <c r="AC6615" s="5" t="s">
        <v>44</v>
      </c>
      <c r="AD6615" s="2"/>
      <c r="AE6615" s="1"/>
    </row>
    <row r="6616" spans="1:31" ht="14.45">
      <c r="A6616" s="11"/>
      <c r="B6616" s="20"/>
      <c r="C6616" s="2" t="s">
        <v>20320</v>
      </c>
      <c r="D6616" s="14" t="s">
        <v>20321</v>
      </c>
      <c r="E6616" s="2" t="s">
        <v>20322</v>
      </c>
      <c r="F6616" s="2" t="s">
        <v>16194</v>
      </c>
      <c r="G6616" s="8">
        <v>237</v>
      </c>
      <c r="H6616" s="5">
        <v>6</v>
      </c>
      <c r="I6616" s="5" t="s">
        <v>1518</v>
      </c>
      <c r="J6616" s="5" t="s">
        <v>1519</v>
      </c>
      <c r="K6616" s="2" t="s">
        <v>1520</v>
      </c>
      <c r="L6616" s="5" t="s">
        <v>1519</v>
      </c>
      <c r="M6616" s="2" t="s">
        <v>1520</v>
      </c>
      <c r="N6616" s="5" t="s">
        <v>1521</v>
      </c>
      <c r="O6616" s="5" t="s">
        <v>38</v>
      </c>
      <c r="P6616" s="5" t="s">
        <v>39</v>
      </c>
      <c r="Q6616" s="5" t="s">
        <v>40</v>
      </c>
      <c r="R6616" s="5" t="s">
        <v>1522</v>
      </c>
      <c r="S6616" s="5" t="s">
        <v>1523</v>
      </c>
      <c r="T6616" s="5" t="s">
        <v>42</v>
      </c>
      <c r="U6616" s="2">
        <v>2.1890000000000001</v>
      </c>
      <c r="V6616" s="2">
        <v>1.7330000000000001</v>
      </c>
      <c r="W6616" s="2">
        <v>0.01</v>
      </c>
      <c r="X6616" s="2">
        <v>76.900000000000006</v>
      </c>
      <c r="Y6616" s="2">
        <v>7.6</v>
      </c>
      <c r="Z6616" s="2">
        <v>16.7</v>
      </c>
      <c r="AA6616" s="5"/>
      <c r="AB6616" s="5" t="s">
        <v>43</v>
      </c>
      <c r="AC6616" s="5" t="s">
        <v>44</v>
      </c>
      <c r="AD6616" s="2"/>
      <c r="AE6616" s="1"/>
    </row>
    <row r="6617" spans="1:31" ht="14.45">
      <c r="A6617" s="11"/>
      <c r="B6617" s="20"/>
      <c r="C6617" s="2" t="s">
        <v>20323</v>
      </c>
      <c r="D6617" s="14" t="s">
        <v>20324</v>
      </c>
      <c r="E6617" s="2" t="s">
        <v>20325</v>
      </c>
      <c r="F6617" s="2" t="s">
        <v>7449</v>
      </c>
      <c r="G6617" s="8">
        <v>237</v>
      </c>
      <c r="H6617" s="5">
        <v>6</v>
      </c>
      <c r="I6617" s="5" t="s">
        <v>1518</v>
      </c>
      <c r="J6617" s="5" t="s">
        <v>1519</v>
      </c>
      <c r="K6617" s="2" t="s">
        <v>1520</v>
      </c>
      <c r="L6617" s="5" t="s">
        <v>1519</v>
      </c>
      <c r="M6617" s="2" t="s">
        <v>1520</v>
      </c>
      <c r="N6617" s="5" t="s">
        <v>1521</v>
      </c>
      <c r="O6617" s="5" t="s">
        <v>38</v>
      </c>
      <c r="P6617" s="5" t="s">
        <v>39</v>
      </c>
      <c r="Q6617" s="5" t="s">
        <v>40</v>
      </c>
      <c r="R6617" s="5" t="s">
        <v>1522</v>
      </c>
      <c r="S6617" s="5" t="s">
        <v>1523</v>
      </c>
      <c r="T6617" s="5" t="s">
        <v>42</v>
      </c>
      <c r="U6617" s="2">
        <v>2.1309999999999998</v>
      </c>
      <c r="V6617" s="2">
        <v>1.675</v>
      </c>
      <c r="W6617" s="2">
        <v>0.01</v>
      </c>
      <c r="X6617" s="2">
        <v>76.900000000000006</v>
      </c>
      <c r="Y6617" s="2">
        <v>7.6</v>
      </c>
      <c r="Z6617" s="2">
        <v>16.7</v>
      </c>
      <c r="AA6617" s="5"/>
      <c r="AB6617" s="5" t="s">
        <v>43</v>
      </c>
      <c r="AC6617" s="5" t="s">
        <v>44</v>
      </c>
      <c r="AD6617" s="2"/>
      <c r="AE6617" s="1"/>
    </row>
    <row r="6618" spans="1:31" ht="14.45">
      <c r="A6618" s="11"/>
      <c r="B6618" s="20"/>
      <c r="C6618" s="2" t="s">
        <v>20326</v>
      </c>
      <c r="D6618" s="14" t="s">
        <v>20327</v>
      </c>
      <c r="E6618" s="2" t="s">
        <v>20328</v>
      </c>
      <c r="F6618" s="2" t="s">
        <v>7581</v>
      </c>
      <c r="G6618" s="8">
        <v>237</v>
      </c>
      <c r="H6618" s="5">
        <v>6</v>
      </c>
      <c r="I6618" s="5" t="s">
        <v>1518</v>
      </c>
      <c r="J6618" s="5" t="s">
        <v>1519</v>
      </c>
      <c r="K6618" s="2" t="s">
        <v>1520</v>
      </c>
      <c r="L6618" s="5" t="s">
        <v>1519</v>
      </c>
      <c r="M6618" s="2" t="s">
        <v>1520</v>
      </c>
      <c r="N6618" s="5" t="s">
        <v>1521</v>
      </c>
      <c r="O6618" s="5" t="s">
        <v>38</v>
      </c>
      <c r="P6618" s="5" t="s">
        <v>39</v>
      </c>
      <c r="Q6618" s="5" t="s">
        <v>40</v>
      </c>
      <c r="R6618" s="5" t="s">
        <v>1522</v>
      </c>
      <c r="S6618" s="5" t="s">
        <v>1523</v>
      </c>
      <c r="T6618" s="5" t="s">
        <v>42</v>
      </c>
      <c r="U6618" s="2">
        <v>2.1890000000000001</v>
      </c>
      <c r="V6618" s="2">
        <v>1.7330000000000001</v>
      </c>
      <c r="W6618" s="2">
        <v>0.01</v>
      </c>
      <c r="X6618" s="2">
        <v>76.900000000000006</v>
      </c>
      <c r="Y6618" s="2">
        <v>7.6</v>
      </c>
      <c r="Z6618" s="2">
        <v>16.7</v>
      </c>
      <c r="AA6618" s="5"/>
      <c r="AB6618" s="5" t="s">
        <v>43</v>
      </c>
      <c r="AC6618" s="5" t="s">
        <v>44</v>
      </c>
      <c r="AD6618" s="2"/>
      <c r="AE6618" s="1"/>
    </row>
    <row r="6619" spans="1:31" ht="14.45">
      <c r="A6619" s="11"/>
      <c r="B6619" s="20"/>
      <c r="C6619" s="2" t="s">
        <v>20329</v>
      </c>
      <c r="D6619" s="14" t="s">
        <v>20330</v>
      </c>
      <c r="E6619" s="2" t="s">
        <v>20331</v>
      </c>
      <c r="F6619" s="2" t="s">
        <v>7585</v>
      </c>
      <c r="G6619" s="8">
        <v>237</v>
      </c>
      <c r="H6619" s="5">
        <v>6</v>
      </c>
      <c r="I6619" s="5" t="s">
        <v>1518</v>
      </c>
      <c r="J6619" s="5" t="s">
        <v>1519</v>
      </c>
      <c r="K6619" s="2" t="s">
        <v>1520</v>
      </c>
      <c r="L6619" s="5" t="s">
        <v>1519</v>
      </c>
      <c r="M6619" s="2" t="s">
        <v>1520</v>
      </c>
      <c r="N6619" s="5" t="s">
        <v>1521</v>
      </c>
      <c r="O6619" s="5" t="s">
        <v>38</v>
      </c>
      <c r="P6619" s="5" t="s">
        <v>39</v>
      </c>
      <c r="Q6619" s="5" t="s">
        <v>40</v>
      </c>
      <c r="R6619" s="5" t="s">
        <v>1522</v>
      </c>
      <c r="S6619" s="5" t="s">
        <v>1523</v>
      </c>
      <c r="T6619" s="5" t="s">
        <v>42</v>
      </c>
      <c r="U6619" s="2">
        <v>2.1219999999999999</v>
      </c>
      <c r="V6619" s="2">
        <v>1.6659999999999999</v>
      </c>
      <c r="W6619" s="2">
        <v>0.01</v>
      </c>
      <c r="X6619" s="2">
        <v>76.900000000000006</v>
      </c>
      <c r="Y6619" s="2">
        <v>7.6</v>
      </c>
      <c r="Z6619" s="2">
        <v>16.7</v>
      </c>
      <c r="AA6619" s="5"/>
      <c r="AB6619" s="5" t="s">
        <v>43</v>
      </c>
      <c r="AC6619" s="5" t="s">
        <v>44</v>
      </c>
      <c r="AD6619" s="2"/>
      <c r="AE6619" s="1"/>
    </row>
    <row r="6620" spans="1:31" ht="14.45">
      <c r="A6620" s="11"/>
      <c r="B6620" s="20"/>
      <c r="C6620" s="2" t="s">
        <v>20332</v>
      </c>
      <c r="D6620" s="14" t="s">
        <v>20333</v>
      </c>
      <c r="E6620" s="2" t="s">
        <v>20334</v>
      </c>
      <c r="F6620" s="2" t="s">
        <v>7589</v>
      </c>
      <c r="G6620" s="8">
        <v>237</v>
      </c>
      <c r="H6620" s="5">
        <v>6</v>
      </c>
      <c r="I6620" s="5" t="s">
        <v>1518</v>
      </c>
      <c r="J6620" s="5" t="s">
        <v>1519</v>
      </c>
      <c r="K6620" s="2" t="s">
        <v>1520</v>
      </c>
      <c r="L6620" s="5" t="s">
        <v>1519</v>
      </c>
      <c r="M6620" s="2" t="s">
        <v>1520</v>
      </c>
      <c r="N6620" s="5" t="s">
        <v>1521</v>
      </c>
      <c r="O6620" s="5" t="s">
        <v>38</v>
      </c>
      <c r="P6620" s="5" t="s">
        <v>39</v>
      </c>
      <c r="Q6620" s="5" t="s">
        <v>40</v>
      </c>
      <c r="R6620" s="5" t="s">
        <v>1522</v>
      </c>
      <c r="S6620" s="5" t="s">
        <v>1523</v>
      </c>
      <c r="T6620" s="5" t="s">
        <v>42</v>
      </c>
      <c r="U6620" s="2">
        <v>2.1800000000000002</v>
      </c>
      <c r="V6620" s="2">
        <v>1.724</v>
      </c>
      <c r="W6620" s="2">
        <v>0.01</v>
      </c>
      <c r="X6620" s="2">
        <v>76.900000000000006</v>
      </c>
      <c r="Y6620" s="2">
        <v>7.6</v>
      </c>
      <c r="Z6620" s="2">
        <v>16.7</v>
      </c>
      <c r="AA6620" s="5"/>
      <c r="AB6620" s="5" t="s">
        <v>43</v>
      </c>
      <c r="AC6620" s="5" t="s">
        <v>44</v>
      </c>
      <c r="AD6620" s="2"/>
      <c r="AE6620" s="1"/>
    </row>
    <row r="6621" spans="1:31" ht="14.45">
      <c r="A6621" s="11"/>
      <c r="B6621" s="20"/>
      <c r="C6621" s="2" t="s">
        <v>20335</v>
      </c>
      <c r="D6621" s="14" t="s">
        <v>20336</v>
      </c>
      <c r="E6621" s="2" t="s">
        <v>20337</v>
      </c>
      <c r="F6621" s="2" t="s">
        <v>7593</v>
      </c>
      <c r="G6621" s="8">
        <v>237</v>
      </c>
      <c r="H6621" s="5">
        <v>6</v>
      </c>
      <c r="I6621" s="5" t="s">
        <v>1518</v>
      </c>
      <c r="J6621" s="5" t="s">
        <v>1519</v>
      </c>
      <c r="K6621" s="2" t="s">
        <v>1520</v>
      </c>
      <c r="L6621" s="5" t="s">
        <v>1519</v>
      </c>
      <c r="M6621" s="2" t="s">
        <v>1520</v>
      </c>
      <c r="N6621" s="5" t="s">
        <v>1521</v>
      </c>
      <c r="O6621" s="5" t="s">
        <v>38</v>
      </c>
      <c r="P6621" s="5" t="s">
        <v>39</v>
      </c>
      <c r="Q6621" s="5" t="s">
        <v>40</v>
      </c>
      <c r="R6621" s="5" t="s">
        <v>1522</v>
      </c>
      <c r="S6621" s="5" t="s">
        <v>1523</v>
      </c>
      <c r="T6621" s="5" t="s">
        <v>42</v>
      </c>
      <c r="U6621" s="2">
        <v>2.1309999999999998</v>
      </c>
      <c r="V6621" s="2">
        <v>1.675</v>
      </c>
      <c r="W6621" s="2">
        <v>0.01</v>
      </c>
      <c r="X6621" s="2">
        <v>76.900000000000006</v>
      </c>
      <c r="Y6621" s="2">
        <v>7.6</v>
      </c>
      <c r="Z6621" s="2">
        <v>16.7</v>
      </c>
      <c r="AA6621" s="5"/>
      <c r="AB6621" s="5" t="s">
        <v>43</v>
      </c>
      <c r="AC6621" s="5" t="s">
        <v>44</v>
      </c>
      <c r="AD6621" s="2"/>
      <c r="AE6621" s="1"/>
    </row>
    <row r="6622" spans="1:31" ht="14.45">
      <c r="A6622" s="11"/>
      <c r="B6622" s="20"/>
      <c r="C6622" s="2" t="s">
        <v>20338</v>
      </c>
      <c r="D6622" s="14" t="s">
        <v>20339</v>
      </c>
      <c r="E6622" s="2" t="s">
        <v>20340</v>
      </c>
      <c r="F6622" s="2" t="s">
        <v>7597</v>
      </c>
      <c r="G6622" s="8">
        <v>237</v>
      </c>
      <c r="H6622" s="5">
        <v>6</v>
      </c>
      <c r="I6622" s="5" t="s">
        <v>1518</v>
      </c>
      <c r="J6622" s="5" t="s">
        <v>1519</v>
      </c>
      <c r="K6622" s="2" t="s">
        <v>1520</v>
      </c>
      <c r="L6622" s="5" t="s">
        <v>1519</v>
      </c>
      <c r="M6622" s="2" t="s">
        <v>1520</v>
      </c>
      <c r="N6622" s="5" t="s">
        <v>1521</v>
      </c>
      <c r="O6622" s="5" t="s">
        <v>38</v>
      </c>
      <c r="P6622" s="5" t="s">
        <v>39</v>
      </c>
      <c r="Q6622" s="5" t="s">
        <v>40</v>
      </c>
      <c r="R6622" s="5" t="s">
        <v>1522</v>
      </c>
      <c r="S6622" s="5" t="s">
        <v>1523</v>
      </c>
      <c r="T6622" s="5" t="s">
        <v>42</v>
      </c>
      <c r="U6622" s="2">
        <v>2.1890000000000001</v>
      </c>
      <c r="V6622" s="2">
        <v>1.7330000000000001</v>
      </c>
      <c r="W6622" s="2">
        <v>0.01</v>
      </c>
      <c r="X6622" s="2">
        <v>76.900000000000006</v>
      </c>
      <c r="Y6622" s="2">
        <v>7.6</v>
      </c>
      <c r="Z6622" s="2">
        <v>16.7</v>
      </c>
      <c r="AA6622" s="5"/>
      <c r="AB6622" s="5" t="s">
        <v>43</v>
      </c>
      <c r="AC6622" s="5" t="s">
        <v>44</v>
      </c>
      <c r="AD6622" s="2"/>
      <c r="AE6622" s="1"/>
    </row>
    <row r="6623" spans="1:31" ht="14.45">
      <c r="A6623" s="11"/>
      <c r="B6623" s="20"/>
      <c r="C6623" s="2" t="s">
        <v>20341</v>
      </c>
      <c r="D6623" s="14" t="s">
        <v>20342</v>
      </c>
      <c r="E6623" s="2" t="s">
        <v>20343</v>
      </c>
      <c r="F6623" s="2" t="s">
        <v>16014</v>
      </c>
      <c r="G6623" s="8">
        <v>237</v>
      </c>
      <c r="H6623" s="5">
        <v>6</v>
      </c>
      <c r="I6623" s="5" t="s">
        <v>1518</v>
      </c>
      <c r="J6623" s="5" t="s">
        <v>1519</v>
      </c>
      <c r="K6623" s="2" t="s">
        <v>1520</v>
      </c>
      <c r="L6623" s="5" t="s">
        <v>1519</v>
      </c>
      <c r="M6623" s="2" t="s">
        <v>1520</v>
      </c>
      <c r="N6623" s="5" t="s">
        <v>1521</v>
      </c>
      <c r="O6623" s="5" t="s">
        <v>38</v>
      </c>
      <c r="P6623" s="5" t="s">
        <v>39</v>
      </c>
      <c r="Q6623" s="5" t="s">
        <v>40</v>
      </c>
      <c r="R6623" s="5" t="s">
        <v>1522</v>
      </c>
      <c r="S6623" s="5" t="s">
        <v>1523</v>
      </c>
      <c r="T6623" s="5" t="s">
        <v>42</v>
      </c>
      <c r="U6623" s="2">
        <v>2.1309999999999998</v>
      </c>
      <c r="V6623" s="2">
        <v>1.675</v>
      </c>
      <c r="W6623" s="2">
        <v>0.01</v>
      </c>
      <c r="X6623" s="2">
        <v>76.900000000000006</v>
      </c>
      <c r="Y6623" s="2">
        <v>7.6</v>
      </c>
      <c r="Z6623" s="2">
        <v>16.7</v>
      </c>
      <c r="AA6623" s="5"/>
      <c r="AB6623" s="5" t="s">
        <v>43</v>
      </c>
      <c r="AC6623" s="5" t="s">
        <v>44</v>
      </c>
      <c r="AD6623" s="2"/>
      <c r="AE6623" s="1"/>
    </row>
    <row r="6624" spans="1:31" ht="14.45">
      <c r="A6624" s="11"/>
      <c r="B6624" s="20"/>
      <c r="C6624" s="2" t="s">
        <v>20344</v>
      </c>
      <c r="D6624" s="14" t="s">
        <v>20345</v>
      </c>
      <c r="E6624" s="2" t="s">
        <v>20346</v>
      </c>
      <c r="F6624" s="2" t="s">
        <v>16219</v>
      </c>
      <c r="G6624" s="8">
        <v>237</v>
      </c>
      <c r="H6624" s="5">
        <v>6</v>
      </c>
      <c r="I6624" s="5" t="s">
        <v>1518</v>
      </c>
      <c r="J6624" s="5" t="s">
        <v>1519</v>
      </c>
      <c r="K6624" s="2" t="s">
        <v>1520</v>
      </c>
      <c r="L6624" s="5" t="s">
        <v>1519</v>
      </c>
      <c r="M6624" s="2" t="s">
        <v>1520</v>
      </c>
      <c r="N6624" s="5" t="s">
        <v>1521</v>
      </c>
      <c r="O6624" s="5" t="s">
        <v>38</v>
      </c>
      <c r="P6624" s="5" t="s">
        <v>39</v>
      </c>
      <c r="Q6624" s="5" t="s">
        <v>40</v>
      </c>
      <c r="R6624" s="5" t="s">
        <v>1522</v>
      </c>
      <c r="S6624" s="5" t="s">
        <v>1523</v>
      </c>
      <c r="T6624" s="5" t="s">
        <v>42</v>
      </c>
      <c r="U6624" s="2">
        <v>2.1890000000000001</v>
      </c>
      <c r="V6624" s="2">
        <v>1.7330000000000001</v>
      </c>
      <c r="W6624" s="2">
        <v>0.01</v>
      </c>
      <c r="X6624" s="2">
        <v>76.900000000000006</v>
      </c>
      <c r="Y6624" s="2">
        <v>7.6</v>
      </c>
      <c r="Z6624" s="2">
        <v>16.7</v>
      </c>
      <c r="AA6624" s="5"/>
      <c r="AB6624" s="5" t="s">
        <v>43</v>
      </c>
      <c r="AC6624" s="5" t="s">
        <v>44</v>
      </c>
      <c r="AD6624" s="2"/>
      <c r="AE6624" s="1"/>
    </row>
    <row r="6625" spans="1:31" ht="14.45">
      <c r="A6625" s="11"/>
      <c r="B6625" s="20"/>
      <c r="C6625" s="2" t="s">
        <v>20347</v>
      </c>
      <c r="D6625" s="14" t="s">
        <v>20348</v>
      </c>
      <c r="E6625" s="2" t="s">
        <v>20349</v>
      </c>
      <c r="F6625" s="2" t="s">
        <v>16018</v>
      </c>
      <c r="G6625" s="8">
        <v>237</v>
      </c>
      <c r="H6625" s="5">
        <v>6</v>
      </c>
      <c r="I6625" s="5" t="s">
        <v>1518</v>
      </c>
      <c r="J6625" s="5" t="s">
        <v>1519</v>
      </c>
      <c r="K6625" s="2" t="s">
        <v>1520</v>
      </c>
      <c r="L6625" s="5" t="s">
        <v>1519</v>
      </c>
      <c r="M6625" s="2" t="s">
        <v>1520</v>
      </c>
      <c r="N6625" s="5" t="s">
        <v>1521</v>
      </c>
      <c r="O6625" s="5" t="s">
        <v>38</v>
      </c>
      <c r="P6625" s="5" t="s">
        <v>39</v>
      </c>
      <c r="Q6625" s="5" t="s">
        <v>40</v>
      </c>
      <c r="R6625" s="5" t="s">
        <v>1522</v>
      </c>
      <c r="S6625" s="5" t="s">
        <v>1523</v>
      </c>
      <c r="T6625" s="5" t="s">
        <v>42</v>
      </c>
      <c r="U6625" s="2">
        <v>2.1309999999999998</v>
      </c>
      <c r="V6625" s="2">
        <v>1.675</v>
      </c>
      <c r="W6625" s="2">
        <v>0.01</v>
      </c>
      <c r="X6625" s="2">
        <v>76.900000000000006</v>
      </c>
      <c r="Y6625" s="2">
        <v>7.6</v>
      </c>
      <c r="Z6625" s="2">
        <v>16.7</v>
      </c>
      <c r="AA6625" s="5"/>
      <c r="AB6625" s="5" t="s">
        <v>43</v>
      </c>
      <c r="AC6625" s="5" t="s">
        <v>44</v>
      </c>
      <c r="AD6625" s="2"/>
      <c r="AE6625" s="1"/>
    </row>
    <row r="6626" spans="1:31" ht="14.45">
      <c r="A6626" s="11"/>
      <c r="B6626" s="20"/>
      <c r="C6626" s="2" t="s">
        <v>20350</v>
      </c>
      <c r="D6626" s="14" t="s">
        <v>20351</v>
      </c>
      <c r="E6626" s="2" t="s">
        <v>20352</v>
      </c>
      <c r="F6626" s="2" t="s">
        <v>16022</v>
      </c>
      <c r="G6626" s="8">
        <v>237</v>
      </c>
      <c r="H6626" s="5">
        <v>6</v>
      </c>
      <c r="I6626" s="5" t="s">
        <v>1518</v>
      </c>
      <c r="J6626" s="5" t="s">
        <v>1519</v>
      </c>
      <c r="K6626" s="2" t="s">
        <v>1520</v>
      </c>
      <c r="L6626" s="5" t="s">
        <v>1519</v>
      </c>
      <c r="M6626" s="2" t="s">
        <v>1520</v>
      </c>
      <c r="N6626" s="5" t="s">
        <v>1521</v>
      </c>
      <c r="O6626" s="5" t="s">
        <v>38</v>
      </c>
      <c r="P6626" s="5" t="s">
        <v>39</v>
      </c>
      <c r="Q6626" s="5" t="s">
        <v>40</v>
      </c>
      <c r="R6626" s="5" t="s">
        <v>1522</v>
      </c>
      <c r="S6626" s="5" t="s">
        <v>1523</v>
      </c>
      <c r="T6626" s="5" t="s">
        <v>42</v>
      </c>
      <c r="U6626" s="2">
        <v>2.1890000000000001</v>
      </c>
      <c r="V6626" s="2">
        <v>1.7330000000000001</v>
      </c>
      <c r="W6626" s="2">
        <v>0.01</v>
      </c>
      <c r="X6626" s="2">
        <v>76.900000000000006</v>
      </c>
      <c r="Y6626" s="2">
        <v>7.6</v>
      </c>
      <c r="Z6626" s="2">
        <v>16.7</v>
      </c>
      <c r="AA6626" s="5"/>
      <c r="AB6626" s="5" t="s">
        <v>43</v>
      </c>
      <c r="AC6626" s="5" t="s">
        <v>44</v>
      </c>
      <c r="AD6626" s="2"/>
      <c r="AE6626" s="1"/>
    </row>
    <row r="6627" spans="1:31" ht="14.45">
      <c r="A6627" s="11"/>
      <c r="B6627" s="20"/>
      <c r="C6627" s="2" t="s">
        <v>20353</v>
      </c>
      <c r="D6627" s="14" t="s">
        <v>20354</v>
      </c>
      <c r="E6627" s="2" t="s">
        <v>20355</v>
      </c>
      <c r="F6627" s="2" t="s">
        <v>7615</v>
      </c>
      <c r="G6627" s="8">
        <v>237</v>
      </c>
      <c r="H6627" s="5">
        <v>6</v>
      </c>
      <c r="I6627" s="5" t="s">
        <v>1518</v>
      </c>
      <c r="J6627" s="5" t="s">
        <v>1519</v>
      </c>
      <c r="K6627" s="2" t="s">
        <v>1520</v>
      </c>
      <c r="L6627" s="5" t="s">
        <v>1519</v>
      </c>
      <c r="M6627" s="2" t="s">
        <v>1520</v>
      </c>
      <c r="N6627" s="5" t="s">
        <v>1521</v>
      </c>
      <c r="O6627" s="5" t="s">
        <v>38</v>
      </c>
      <c r="P6627" s="5" t="s">
        <v>39</v>
      </c>
      <c r="Q6627" s="5" t="s">
        <v>40</v>
      </c>
      <c r="R6627" s="5" t="s">
        <v>1522</v>
      </c>
      <c r="S6627" s="5" t="s">
        <v>1523</v>
      </c>
      <c r="T6627" s="5" t="s">
        <v>42</v>
      </c>
      <c r="U6627" s="2">
        <v>2.1219999999999999</v>
      </c>
      <c r="V6627" s="2">
        <v>1.6659999999999999</v>
      </c>
      <c r="W6627" s="2">
        <v>0.01</v>
      </c>
      <c r="X6627" s="2">
        <v>76.900000000000006</v>
      </c>
      <c r="Y6627" s="2">
        <v>7.6</v>
      </c>
      <c r="Z6627" s="2">
        <v>16.7</v>
      </c>
      <c r="AA6627" s="5"/>
      <c r="AB6627" s="5" t="s">
        <v>43</v>
      </c>
      <c r="AC6627" s="5" t="s">
        <v>44</v>
      </c>
      <c r="AD6627" s="2"/>
      <c r="AE6627" s="1"/>
    </row>
    <row r="6628" spans="1:31" ht="14.45">
      <c r="A6628" s="11"/>
      <c r="B6628" s="20"/>
      <c r="C6628" s="2" t="s">
        <v>20356</v>
      </c>
      <c r="D6628" s="14" t="s">
        <v>20357</v>
      </c>
      <c r="E6628" s="2" t="s">
        <v>20358</v>
      </c>
      <c r="F6628" s="2" t="s">
        <v>7619</v>
      </c>
      <c r="G6628" s="8">
        <v>237</v>
      </c>
      <c r="H6628" s="5">
        <v>6</v>
      </c>
      <c r="I6628" s="5" t="s">
        <v>1518</v>
      </c>
      <c r="J6628" s="5" t="s">
        <v>1519</v>
      </c>
      <c r="K6628" s="2" t="s">
        <v>1520</v>
      </c>
      <c r="L6628" s="5" t="s">
        <v>1519</v>
      </c>
      <c r="M6628" s="2" t="s">
        <v>1520</v>
      </c>
      <c r="N6628" s="5" t="s">
        <v>1521</v>
      </c>
      <c r="O6628" s="5" t="s">
        <v>38</v>
      </c>
      <c r="P6628" s="5" t="s">
        <v>39</v>
      </c>
      <c r="Q6628" s="5" t="s">
        <v>40</v>
      </c>
      <c r="R6628" s="5" t="s">
        <v>1522</v>
      </c>
      <c r="S6628" s="5" t="s">
        <v>1523</v>
      </c>
      <c r="T6628" s="5" t="s">
        <v>42</v>
      </c>
      <c r="U6628" s="2">
        <v>2.1800000000000002</v>
      </c>
      <c r="V6628" s="2">
        <v>1.724</v>
      </c>
      <c r="W6628" s="2">
        <v>0.01</v>
      </c>
      <c r="X6628" s="2">
        <v>76.900000000000006</v>
      </c>
      <c r="Y6628" s="2">
        <v>7.6</v>
      </c>
      <c r="Z6628" s="2">
        <v>16.7</v>
      </c>
      <c r="AA6628" s="5"/>
      <c r="AB6628" s="5" t="s">
        <v>43</v>
      </c>
      <c r="AC6628" s="5" t="s">
        <v>44</v>
      </c>
      <c r="AD6628" s="2"/>
      <c r="AE6628" s="1"/>
    </row>
    <row r="6629" spans="1:31" ht="14.45">
      <c r="A6629" s="11"/>
      <c r="B6629" s="20"/>
      <c r="C6629" s="2" t="s">
        <v>20359</v>
      </c>
      <c r="D6629" s="14" t="s">
        <v>20360</v>
      </c>
      <c r="E6629" s="2" t="s">
        <v>20361</v>
      </c>
      <c r="F6629" s="2" t="s">
        <v>16029</v>
      </c>
      <c r="G6629" s="8">
        <v>237</v>
      </c>
      <c r="H6629" s="5">
        <v>11</v>
      </c>
      <c r="I6629" s="5" t="s">
        <v>1518</v>
      </c>
      <c r="J6629" s="5" t="s">
        <v>1519</v>
      </c>
      <c r="K6629" s="2" t="s">
        <v>1520</v>
      </c>
      <c r="L6629" s="5" t="s">
        <v>1519</v>
      </c>
      <c r="M6629" s="2" t="s">
        <v>1520</v>
      </c>
      <c r="N6629" s="5" t="s">
        <v>1521</v>
      </c>
      <c r="O6629" s="5" t="s">
        <v>38</v>
      </c>
      <c r="P6629" s="5" t="s">
        <v>39</v>
      </c>
      <c r="Q6629" s="5" t="s">
        <v>40</v>
      </c>
      <c r="R6629" s="5" t="s">
        <v>1522</v>
      </c>
      <c r="S6629" s="5" t="s">
        <v>1523</v>
      </c>
      <c r="T6629" s="5" t="s">
        <v>42</v>
      </c>
      <c r="U6629" s="2">
        <v>2.137</v>
      </c>
      <c r="V6629" s="2">
        <v>1.681</v>
      </c>
      <c r="W6629" s="2">
        <v>0.01</v>
      </c>
      <c r="X6629" s="2">
        <v>76.900000000000006</v>
      </c>
      <c r="Y6629" s="2">
        <v>7.6</v>
      </c>
      <c r="Z6629" s="2">
        <v>16.7</v>
      </c>
      <c r="AA6629" s="5"/>
      <c r="AB6629" s="5" t="s">
        <v>43</v>
      </c>
      <c r="AC6629" s="5" t="s">
        <v>44</v>
      </c>
      <c r="AD6629" s="2"/>
      <c r="AE6629" s="1"/>
    </row>
    <row r="6630" spans="1:31" ht="14.45">
      <c r="A6630" s="11"/>
      <c r="B6630" s="20"/>
      <c r="C6630" s="2" t="s">
        <v>20362</v>
      </c>
      <c r="D6630" s="14" t="s">
        <v>20363</v>
      </c>
      <c r="E6630" s="2" t="s">
        <v>20364</v>
      </c>
      <c r="F6630" s="2" t="s">
        <v>16033</v>
      </c>
      <c r="G6630" s="8">
        <v>237</v>
      </c>
      <c r="H6630" s="5">
        <v>11</v>
      </c>
      <c r="I6630" s="5" t="s">
        <v>1518</v>
      </c>
      <c r="J6630" s="5" t="s">
        <v>1519</v>
      </c>
      <c r="K6630" s="2" t="s">
        <v>1520</v>
      </c>
      <c r="L6630" s="5" t="s">
        <v>1519</v>
      </c>
      <c r="M6630" s="2" t="s">
        <v>1520</v>
      </c>
      <c r="N6630" s="5" t="s">
        <v>1521</v>
      </c>
      <c r="O6630" s="5" t="s">
        <v>38</v>
      </c>
      <c r="P6630" s="5" t="s">
        <v>39</v>
      </c>
      <c r="Q6630" s="5" t="s">
        <v>40</v>
      </c>
      <c r="R6630" s="5" t="s">
        <v>1522</v>
      </c>
      <c r="S6630" s="5" t="s">
        <v>1523</v>
      </c>
      <c r="T6630" s="5" t="s">
        <v>42</v>
      </c>
      <c r="U6630" s="2">
        <v>2.1949999999999998</v>
      </c>
      <c r="V6630" s="2">
        <v>1.7390000000000001</v>
      </c>
      <c r="W6630" s="2">
        <v>0.01</v>
      </c>
      <c r="X6630" s="2">
        <v>76.900000000000006</v>
      </c>
      <c r="Y6630" s="2">
        <v>7.6</v>
      </c>
      <c r="Z6630" s="2">
        <v>16.7</v>
      </c>
      <c r="AA6630" s="5"/>
      <c r="AB6630" s="5" t="s">
        <v>43</v>
      </c>
      <c r="AC6630" s="5" t="s">
        <v>44</v>
      </c>
      <c r="AD6630" s="2"/>
      <c r="AE6630" s="1"/>
    </row>
    <row r="6631" spans="1:31" ht="14.45">
      <c r="A6631" s="11"/>
      <c r="B6631" s="20"/>
      <c r="C6631" s="2" t="s">
        <v>20365</v>
      </c>
      <c r="D6631" s="14" t="s">
        <v>20366</v>
      </c>
      <c r="E6631" s="2" t="s">
        <v>20367</v>
      </c>
      <c r="F6631" s="2" t="s">
        <v>7396</v>
      </c>
      <c r="G6631" s="8">
        <v>233</v>
      </c>
      <c r="H6631" s="5">
        <v>6</v>
      </c>
      <c r="I6631" s="5" t="s">
        <v>1518</v>
      </c>
      <c r="J6631" s="5" t="s">
        <v>1519</v>
      </c>
      <c r="K6631" s="2" t="s">
        <v>1520</v>
      </c>
      <c r="L6631" s="5" t="s">
        <v>1519</v>
      </c>
      <c r="M6631" s="2" t="s">
        <v>1520</v>
      </c>
      <c r="N6631" s="5" t="s">
        <v>1521</v>
      </c>
      <c r="O6631" s="5" t="s">
        <v>38</v>
      </c>
      <c r="P6631" s="5" t="s">
        <v>39</v>
      </c>
      <c r="Q6631" s="5" t="s">
        <v>40</v>
      </c>
      <c r="R6631" s="5" t="s">
        <v>1522</v>
      </c>
      <c r="S6631" s="5" t="s">
        <v>1523</v>
      </c>
      <c r="T6631" s="5" t="s">
        <v>42</v>
      </c>
      <c r="U6631" s="2">
        <v>2.3919999999999999</v>
      </c>
      <c r="V6631" s="2">
        <v>1.8280000000000001</v>
      </c>
      <c r="W6631" s="2">
        <v>1.2999999999999999E-2</v>
      </c>
      <c r="X6631" s="2">
        <v>99.1</v>
      </c>
      <c r="Y6631" s="2">
        <v>7.6</v>
      </c>
      <c r="Z6631" s="2">
        <v>16.7</v>
      </c>
      <c r="AA6631" s="5"/>
      <c r="AB6631" s="5" t="s">
        <v>43</v>
      </c>
      <c r="AC6631" s="5" t="s">
        <v>44</v>
      </c>
      <c r="AD6631" s="2"/>
      <c r="AE6631" s="1"/>
    </row>
    <row r="6632" spans="1:31" ht="14.45">
      <c r="A6632" s="11"/>
      <c r="B6632" s="20"/>
      <c r="C6632" s="2" t="s">
        <v>20368</v>
      </c>
      <c r="D6632" s="14" t="s">
        <v>20369</v>
      </c>
      <c r="E6632" s="2" t="s">
        <v>20370</v>
      </c>
      <c r="F6632" s="2" t="s">
        <v>7507</v>
      </c>
      <c r="G6632" s="8">
        <v>233</v>
      </c>
      <c r="H6632" s="5">
        <v>6</v>
      </c>
      <c r="I6632" s="5" t="s">
        <v>1518</v>
      </c>
      <c r="J6632" s="5" t="s">
        <v>1519</v>
      </c>
      <c r="K6632" s="2" t="s">
        <v>1520</v>
      </c>
      <c r="L6632" s="5" t="s">
        <v>1519</v>
      </c>
      <c r="M6632" s="2" t="s">
        <v>1520</v>
      </c>
      <c r="N6632" s="5" t="s">
        <v>1521</v>
      </c>
      <c r="O6632" s="5" t="s">
        <v>38</v>
      </c>
      <c r="P6632" s="5" t="s">
        <v>39</v>
      </c>
      <c r="Q6632" s="5" t="s">
        <v>40</v>
      </c>
      <c r="R6632" s="5" t="s">
        <v>1522</v>
      </c>
      <c r="S6632" s="5" t="s">
        <v>1523</v>
      </c>
      <c r="T6632" s="5" t="s">
        <v>42</v>
      </c>
      <c r="U6632" s="2">
        <v>2.4609999999999999</v>
      </c>
      <c r="V6632" s="2">
        <v>1.897</v>
      </c>
      <c r="W6632" s="2">
        <v>1.2999999999999999E-2</v>
      </c>
      <c r="X6632" s="2">
        <v>99.1</v>
      </c>
      <c r="Y6632" s="2">
        <v>7.6</v>
      </c>
      <c r="Z6632" s="2">
        <v>16.7</v>
      </c>
      <c r="AA6632" s="5"/>
      <c r="AB6632" s="5" t="s">
        <v>43</v>
      </c>
      <c r="AC6632" s="5" t="s">
        <v>44</v>
      </c>
      <c r="AD6632" s="2"/>
      <c r="AE6632" s="1"/>
    </row>
    <row r="6633" spans="1:31" ht="14.45">
      <c r="A6633" s="11"/>
      <c r="B6633" s="20"/>
      <c r="C6633" s="2" t="s">
        <v>20371</v>
      </c>
      <c r="D6633" s="14" t="s">
        <v>20372</v>
      </c>
      <c r="E6633" s="2" t="s">
        <v>20373</v>
      </c>
      <c r="F6633" s="2" t="s">
        <v>7204</v>
      </c>
      <c r="G6633" s="8">
        <v>233</v>
      </c>
      <c r="H6633" s="5">
        <v>6</v>
      </c>
      <c r="I6633" s="5" t="s">
        <v>1518</v>
      </c>
      <c r="J6633" s="5" t="s">
        <v>1519</v>
      </c>
      <c r="K6633" s="2" t="s">
        <v>1520</v>
      </c>
      <c r="L6633" s="5" t="s">
        <v>1519</v>
      </c>
      <c r="M6633" s="2" t="s">
        <v>1520</v>
      </c>
      <c r="N6633" s="5" t="s">
        <v>1521</v>
      </c>
      <c r="O6633" s="5" t="s">
        <v>38</v>
      </c>
      <c r="P6633" s="5" t="s">
        <v>39</v>
      </c>
      <c r="Q6633" s="5" t="s">
        <v>40</v>
      </c>
      <c r="R6633" s="5" t="s">
        <v>1522</v>
      </c>
      <c r="S6633" s="5" t="s">
        <v>1523</v>
      </c>
      <c r="T6633" s="5" t="s">
        <v>42</v>
      </c>
      <c r="U6633" s="2">
        <v>2.395</v>
      </c>
      <c r="V6633" s="2">
        <v>1.831</v>
      </c>
      <c r="W6633" s="2">
        <v>1.2999999999999999E-2</v>
      </c>
      <c r="X6633" s="2">
        <v>99.1</v>
      </c>
      <c r="Y6633" s="2">
        <v>7.6</v>
      </c>
      <c r="Z6633" s="2">
        <v>16.7</v>
      </c>
      <c r="AA6633" s="5"/>
      <c r="AB6633" s="5" t="s">
        <v>43</v>
      </c>
      <c r="AC6633" s="5" t="s">
        <v>44</v>
      </c>
      <c r="AD6633" s="2"/>
      <c r="AE6633" s="1"/>
    </row>
    <row r="6634" spans="1:31" ht="14.45">
      <c r="A6634" s="11"/>
      <c r="B6634" s="20"/>
      <c r="C6634" s="2" t="s">
        <v>20374</v>
      </c>
      <c r="D6634" s="14" t="s">
        <v>20375</v>
      </c>
      <c r="E6634" s="2" t="s">
        <v>20376</v>
      </c>
      <c r="F6634" s="2" t="s">
        <v>7514</v>
      </c>
      <c r="G6634" s="8">
        <v>233</v>
      </c>
      <c r="H6634" s="5">
        <v>6</v>
      </c>
      <c r="I6634" s="5" t="s">
        <v>1518</v>
      </c>
      <c r="J6634" s="5" t="s">
        <v>1519</v>
      </c>
      <c r="K6634" s="2" t="s">
        <v>1520</v>
      </c>
      <c r="L6634" s="5" t="s">
        <v>1519</v>
      </c>
      <c r="M6634" s="2" t="s">
        <v>1520</v>
      </c>
      <c r="N6634" s="5" t="s">
        <v>1521</v>
      </c>
      <c r="O6634" s="5" t="s">
        <v>38</v>
      </c>
      <c r="P6634" s="5" t="s">
        <v>39</v>
      </c>
      <c r="Q6634" s="5" t="s">
        <v>40</v>
      </c>
      <c r="R6634" s="5" t="s">
        <v>1522</v>
      </c>
      <c r="S6634" s="5" t="s">
        <v>1523</v>
      </c>
      <c r="T6634" s="5" t="s">
        <v>42</v>
      </c>
      <c r="U6634" s="2">
        <v>2.464</v>
      </c>
      <c r="V6634" s="2">
        <v>1.9</v>
      </c>
      <c r="W6634" s="2">
        <v>1.2999999999999999E-2</v>
      </c>
      <c r="X6634" s="2">
        <v>99.1</v>
      </c>
      <c r="Y6634" s="2">
        <v>7.6</v>
      </c>
      <c r="Z6634" s="2">
        <v>16.7</v>
      </c>
      <c r="AA6634" s="5"/>
      <c r="AB6634" s="5" t="s">
        <v>43</v>
      </c>
      <c r="AC6634" s="5" t="s">
        <v>44</v>
      </c>
      <c r="AD6634" s="2"/>
      <c r="AE6634" s="1"/>
    </row>
    <row r="6635" spans="1:31" ht="14.45">
      <c r="A6635" s="11"/>
      <c r="B6635" s="20"/>
      <c r="C6635" s="2" t="s">
        <v>20377</v>
      </c>
      <c r="D6635" s="14" t="s">
        <v>20378</v>
      </c>
      <c r="E6635" s="2" t="s">
        <v>20379</v>
      </c>
      <c r="F6635" s="2" t="s">
        <v>7208</v>
      </c>
      <c r="G6635" s="8">
        <v>233</v>
      </c>
      <c r="H6635" s="5">
        <v>6</v>
      </c>
      <c r="I6635" s="5" t="s">
        <v>1518</v>
      </c>
      <c r="J6635" s="5" t="s">
        <v>1519</v>
      </c>
      <c r="K6635" s="2" t="s">
        <v>1520</v>
      </c>
      <c r="L6635" s="5" t="s">
        <v>1519</v>
      </c>
      <c r="M6635" s="2" t="s">
        <v>1520</v>
      </c>
      <c r="N6635" s="5" t="s">
        <v>1521</v>
      </c>
      <c r="O6635" s="5" t="s">
        <v>38</v>
      </c>
      <c r="P6635" s="5" t="s">
        <v>39</v>
      </c>
      <c r="Q6635" s="5" t="s">
        <v>40</v>
      </c>
      <c r="R6635" s="5" t="s">
        <v>1522</v>
      </c>
      <c r="S6635" s="5" t="s">
        <v>1523</v>
      </c>
      <c r="T6635" s="5" t="s">
        <v>42</v>
      </c>
      <c r="U6635" s="2">
        <v>2.395</v>
      </c>
      <c r="V6635" s="2">
        <v>1.831</v>
      </c>
      <c r="W6635" s="2">
        <v>1.2999999999999999E-2</v>
      </c>
      <c r="X6635" s="2">
        <v>99.1</v>
      </c>
      <c r="Y6635" s="2">
        <v>7.6</v>
      </c>
      <c r="Z6635" s="2">
        <v>16.7</v>
      </c>
      <c r="AA6635" s="5"/>
      <c r="AB6635" s="5" t="s">
        <v>43</v>
      </c>
      <c r="AC6635" s="5" t="s">
        <v>44</v>
      </c>
      <c r="AD6635" s="2"/>
      <c r="AE6635" s="1"/>
    </row>
    <row r="6636" spans="1:31" ht="14.45">
      <c r="A6636" s="11"/>
      <c r="B6636" s="20"/>
      <c r="C6636" s="2" t="s">
        <v>20380</v>
      </c>
      <c r="D6636" s="14" t="s">
        <v>20381</v>
      </c>
      <c r="E6636" s="2" t="s">
        <v>20382</v>
      </c>
      <c r="F6636" s="2" t="s">
        <v>7521</v>
      </c>
      <c r="G6636" s="8">
        <v>233</v>
      </c>
      <c r="H6636" s="5">
        <v>6</v>
      </c>
      <c r="I6636" s="5" t="s">
        <v>1518</v>
      </c>
      <c r="J6636" s="5" t="s">
        <v>1519</v>
      </c>
      <c r="K6636" s="2" t="s">
        <v>1520</v>
      </c>
      <c r="L6636" s="5" t="s">
        <v>1519</v>
      </c>
      <c r="M6636" s="2" t="s">
        <v>1520</v>
      </c>
      <c r="N6636" s="5" t="s">
        <v>1521</v>
      </c>
      <c r="O6636" s="5" t="s">
        <v>38</v>
      </c>
      <c r="P6636" s="5" t="s">
        <v>39</v>
      </c>
      <c r="Q6636" s="5" t="s">
        <v>40</v>
      </c>
      <c r="R6636" s="5" t="s">
        <v>1522</v>
      </c>
      <c r="S6636" s="5" t="s">
        <v>1523</v>
      </c>
      <c r="T6636" s="5" t="s">
        <v>42</v>
      </c>
      <c r="U6636" s="2">
        <v>2.464</v>
      </c>
      <c r="V6636" s="2">
        <v>1.9</v>
      </c>
      <c r="W6636" s="2">
        <v>1.2999999999999999E-2</v>
      </c>
      <c r="X6636" s="2">
        <v>99.1</v>
      </c>
      <c r="Y6636" s="2">
        <v>7.6</v>
      </c>
      <c r="Z6636" s="2">
        <v>16.7</v>
      </c>
      <c r="AA6636" s="5"/>
      <c r="AB6636" s="5" t="s">
        <v>43</v>
      </c>
      <c r="AC6636" s="5" t="s">
        <v>44</v>
      </c>
      <c r="AD6636" s="2"/>
      <c r="AE6636" s="1"/>
    </row>
    <row r="6637" spans="1:31" ht="14.45">
      <c r="A6637" s="11"/>
      <c r="B6637" s="20"/>
      <c r="C6637" s="2" t="s">
        <v>20383</v>
      </c>
      <c r="D6637" s="14" t="s">
        <v>20384</v>
      </c>
      <c r="E6637" s="2" t="s">
        <v>20385</v>
      </c>
      <c r="F6637" s="2" t="s">
        <v>7212</v>
      </c>
      <c r="G6637" s="8">
        <v>233</v>
      </c>
      <c r="H6637" s="5">
        <v>6</v>
      </c>
      <c r="I6637" s="5" t="s">
        <v>1518</v>
      </c>
      <c r="J6637" s="5" t="s">
        <v>1519</v>
      </c>
      <c r="K6637" s="2" t="s">
        <v>1520</v>
      </c>
      <c r="L6637" s="5" t="s">
        <v>1519</v>
      </c>
      <c r="M6637" s="2" t="s">
        <v>1520</v>
      </c>
      <c r="N6637" s="5" t="s">
        <v>1521</v>
      </c>
      <c r="O6637" s="5" t="s">
        <v>38</v>
      </c>
      <c r="P6637" s="5" t="s">
        <v>39</v>
      </c>
      <c r="Q6637" s="5" t="s">
        <v>40</v>
      </c>
      <c r="R6637" s="5" t="s">
        <v>1522</v>
      </c>
      <c r="S6637" s="5" t="s">
        <v>1523</v>
      </c>
      <c r="T6637" s="5" t="s">
        <v>42</v>
      </c>
      <c r="U6637" s="2">
        <v>2.3839999999999999</v>
      </c>
      <c r="V6637" s="2">
        <v>1.82</v>
      </c>
      <c r="W6637" s="2">
        <v>1.2999999999999999E-2</v>
      </c>
      <c r="X6637" s="2">
        <v>99.1</v>
      </c>
      <c r="Y6637" s="2">
        <v>7.6</v>
      </c>
      <c r="Z6637" s="2">
        <v>16.7</v>
      </c>
      <c r="AA6637" s="5"/>
      <c r="AB6637" s="5" t="s">
        <v>43</v>
      </c>
      <c r="AC6637" s="5" t="s">
        <v>44</v>
      </c>
      <c r="AD6637" s="2"/>
      <c r="AE6637" s="1"/>
    </row>
    <row r="6638" spans="1:31" ht="14.45">
      <c r="A6638" s="11"/>
      <c r="B6638" s="20"/>
      <c r="C6638" s="2" t="s">
        <v>20386</v>
      </c>
      <c r="D6638" s="14" t="s">
        <v>20387</v>
      </c>
      <c r="E6638" s="2" t="s">
        <v>20388</v>
      </c>
      <c r="F6638" s="2" t="s">
        <v>7528</v>
      </c>
      <c r="G6638" s="8">
        <v>233</v>
      </c>
      <c r="H6638" s="5">
        <v>6</v>
      </c>
      <c r="I6638" s="5" t="s">
        <v>1518</v>
      </c>
      <c r="J6638" s="5" t="s">
        <v>1519</v>
      </c>
      <c r="K6638" s="2" t="s">
        <v>1520</v>
      </c>
      <c r="L6638" s="5" t="s">
        <v>1519</v>
      </c>
      <c r="M6638" s="2" t="s">
        <v>1520</v>
      </c>
      <c r="N6638" s="5" t="s">
        <v>1521</v>
      </c>
      <c r="O6638" s="5" t="s">
        <v>38</v>
      </c>
      <c r="P6638" s="5" t="s">
        <v>39</v>
      </c>
      <c r="Q6638" s="5" t="s">
        <v>40</v>
      </c>
      <c r="R6638" s="5" t="s">
        <v>1522</v>
      </c>
      <c r="S6638" s="5" t="s">
        <v>1523</v>
      </c>
      <c r="T6638" s="5" t="s">
        <v>42</v>
      </c>
      <c r="U6638" s="2">
        <v>2.4529999999999998</v>
      </c>
      <c r="V6638" s="2">
        <v>1.889</v>
      </c>
      <c r="W6638" s="2">
        <v>1.2999999999999999E-2</v>
      </c>
      <c r="X6638" s="2">
        <v>99.1</v>
      </c>
      <c r="Y6638" s="2">
        <v>7.6</v>
      </c>
      <c r="Z6638" s="2">
        <v>16.7</v>
      </c>
      <c r="AA6638" s="5"/>
      <c r="AB6638" s="5" t="s">
        <v>43</v>
      </c>
      <c r="AC6638" s="5" t="s">
        <v>44</v>
      </c>
      <c r="AD6638" s="2"/>
      <c r="AE6638" s="1"/>
    </row>
    <row r="6639" spans="1:31" ht="14.45">
      <c r="A6639" s="11"/>
      <c r="B6639" s="20"/>
      <c r="C6639" s="2" t="s">
        <v>20389</v>
      </c>
      <c r="D6639" s="14" t="s">
        <v>20390</v>
      </c>
      <c r="E6639" s="2" t="s">
        <v>20391</v>
      </c>
      <c r="F6639" s="2" t="s">
        <v>7406</v>
      </c>
      <c r="G6639" s="8">
        <v>249</v>
      </c>
      <c r="H6639" s="5">
        <v>6</v>
      </c>
      <c r="I6639" s="5" t="s">
        <v>1518</v>
      </c>
      <c r="J6639" s="5" t="s">
        <v>1519</v>
      </c>
      <c r="K6639" s="2" t="s">
        <v>1520</v>
      </c>
      <c r="L6639" s="5" t="s">
        <v>1519</v>
      </c>
      <c r="M6639" s="2" t="s">
        <v>1520</v>
      </c>
      <c r="N6639" s="5" t="s">
        <v>1521</v>
      </c>
      <c r="O6639" s="5" t="s">
        <v>38</v>
      </c>
      <c r="P6639" s="5" t="s">
        <v>39</v>
      </c>
      <c r="Q6639" s="5" t="s">
        <v>40</v>
      </c>
      <c r="R6639" s="5" t="s">
        <v>1522</v>
      </c>
      <c r="S6639" s="5" t="s">
        <v>1523</v>
      </c>
      <c r="T6639" s="5" t="s">
        <v>42</v>
      </c>
      <c r="U6639" s="2">
        <v>2.3839999999999999</v>
      </c>
      <c r="V6639" s="2">
        <v>1.82</v>
      </c>
      <c r="W6639" s="2">
        <v>1.2999999999999999E-2</v>
      </c>
      <c r="X6639" s="2">
        <v>99.1</v>
      </c>
      <c r="Y6639" s="2">
        <v>7.6</v>
      </c>
      <c r="Z6639" s="2">
        <v>16.7</v>
      </c>
      <c r="AA6639" s="5"/>
      <c r="AB6639" s="5" t="s">
        <v>43</v>
      </c>
      <c r="AC6639" s="5" t="s">
        <v>44</v>
      </c>
      <c r="AD6639" s="2"/>
      <c r="AE6639" s="1"/>
    </row>
    <row r="6640" spans="1:31" ht="14.45">
      <c r="A6640" s="11"/>
      <c r="B6640" s="20"/>
      <c r="C6640" s="2" t="s">
        <v>20392</v>
      </c>
      <c r="D6640" s="14" t="s">
        <v>20393</v>
      </c>
      <c r="E6640" s="2" t="s">
        <v>20394</v>
      </c>
      <c r="F6640" s="2" t="s">
        <v>7535</v>
      </c>
      <c r="G6640" s="8">
        <v>249</v>
      </c>
      <c r="H6640" s="5">
        <v>6</v>
      </c>
      <c r="I6640" s="5" t="s">
        <v>1518</v>
      </c>
      <c r="J6640" s="5" t="s">
        <v>1519</v>
      </c>
      <c r="K6640" s="2" t="s">
        <v>1520</v>
      </c>
      <c r="L6640" s="5" t="s">
        <v>1519</v>
      </c>
      <c r="M6640" s="2" t="s">
        <v>1520</v>
      </c>
      <c r="N6640" s="5" t="s">
        <v>1521</v>
      </c>
      <c r="O6640" s="5" t="s">
        <v>38</v>
      </c>
      <c r="P6640" s="5" t="s">
        <v>39</v>
      </c>
      <c r="Q6640" s="5" t="s">
        <v>40</v>
      </c>
      <c r="R6640" s="5" t="s">
        <v>1522</v>
      </c>
      <c r="S6640" s="5" t="s">
        <v>1523</v>
      </c>
      <c r="T6640" s="5" t="s">
        <v>42</v>
      </c>
      <c r="U6640" s="2">
        <v>2.4529999999999998</v>
      </c>
      <c r="V6640" s="2">
        <v>1.889</v>
      </c>
      <c r="W6640" s="2">
        <v>1.2999999999999999E-2</v>
      </c>
      <c r="X6640" s="2">
        <v>99.1</v>
      </c>
      <c r="Y6640" s="2">
        <v>7.6</v>
      </c>
      <c r="Z6640" s="2">
        <v>16.7</v>
      </c>
      <c r="AA6640" s="5"/>
      <c r="AB6640" s="5" t="s">
        <v>43</v>
      </c>
      <c r="AC6640" s="5" t="s">
        <v>44</v>
      </c>
      <c r="AD6640" s="2"/>
      <c r="AE6640" s="1"/>
    </row>
    <row r="6641" spans="1:31" ht="14.45">
      <c r="A6641" s="11"/>
      <c r="B6641" s="20"/>
      <c r="C6641" s="2" t="s">
        <v>20395</v>
      </c>
      <c r="D6641" s="14" t="s">
        <v>20396</v>
      </c>
      <c r="E6641" s="2" t="s">
        <v>20397</v>
      </c>
      <c r="F6641" s="2" t="s">
        <v>7539</v>
      </c>
      <c r="G6641" s="8">
        <v>249</v>
      </c>
      <c r="H6641" s="5">
        <v>6</v>
      </c>
      <c r="I6641" s="5" t="s">
        <v>1518</v>
      </c>
      <c r="J6641" s="5" t="s">
        <v>1519</v>
      </c>
      <c r="K6641" s="2" t="s">
        <v>1520</v>
      </c>
      <c r="L6641" s="5" t="s">
        <v>1519</v>
      </c>
      <c r="M6641" s="2" t="s">
        <v>1520</v>
      </c>
      <c r="N6641" s="5" t="s">
        <v>1521</v>
      </c>
      <c r="O6641" s="5" t="s">
        <v>38</v>
      </c>
      <c r="P6641" s="5" t="s">
        <v>39</v>
      </c>
      <c r="Q6641" s="5" t="s">
        <v>40</v>
      </c>
      <c r="R6641" s="5" t="s">
        <v>1522</v>
      </c>
      <c r="S6641" s="5" t="s">
        <v>1523</v>
      </c>
      <c r="T6641" s="5" t="s">
        <v>42</v>
      </c>
      <c r="U6641" s="2">
        <v>2.395</v>
      </c>
      <c r="V6641" s="2">
        <v>1.831</v>
      </c>
      <c r="W6641" s="2">
        <v>1.2999999999999999E-2</v>
      </c>
      <c r="X6641" s="2">
        <v>99.1</v>
      </c>
      <c r="Y6641" s="2">
        <v>7.6</v>
      </c>
      <c r="Z6641" s="2">
        <v>16.7</v>
      </c>
      <c r="AA6641" s="5"/>
      <c r="AB6641" s="5" t="s">
        <v>43</v>
      </c>
      <c r="AC6641" s="5" t="s">
        <v>44</v>
      </c>
      <c r="AD6641" s="2"/>
      <c r="AE6641" s="1"/>
    </row>
    <row r="6642" spans="1:31" ht="14.45">
      <c r="A6642" s="11"/>
      <c r="B6642" s="20"/>
      <c r="C6642" s="2" t="s">
        <v>20398</v>
      </c>
      <c r="D6642" s="14" t="s">
        <v>20399</v>
      </c>
      <c r="E6642" s="2" t="s">
        <v>20400</v>
      </c>
      <c r="F6642" s="2" t="s">
        <v>7543</v>
      </c>
      <c r="G6642" s="8">
        <v>249</v>
      </c>
      <c r="H6642" s="5">
        <v>6</v>
      </c>
      <c r="I6642" s="5" t="s">
        <v>1518</v>
      </c>
      <c r="J6642" s="5" t="s">
        <v>1519</v>
      </c>
      <c r="K6642" s="2" t="s">
        <v>1520</v>
      </c>
      <c r="L6642" s="5" t="s">
        <v>1519</v>
      </c>
      <c r="M6642" s="2" t="s">
        <v>1520</v>
      </c>
      <c r="N6642" s="5" t="s">
        <v>1521</v>
      </c>
      <c r="O6642" s="5" t="s">
        <v>38</v>
      </c>
      <c r="P6642" s="5" t="s">
        <v>39</v>
      </c>
      <c r="Q6642" s="5" t="s">
        <v>40</v>
      </c>
      <c r="R6642" s="5" t="s">
        <v>1522</v>
      </c>
      <c r="S6642" s="5" t="s">
        <v>1523</v>
      </c>
      <c r="T6642" s="5" t="s">
        <v>42</v>
      </c>
      <c r="U6642" s="2">
        <v>2.464</v>
      </c>
      <c r="V6642" s="2">
        <v>1.9</v>
      </c>
      <c r="W6642" s="2">
        <v>1.2999999999999999E-2</v>
      </c>
      <c r="X6642" s="2">
        <v>99.1</v>
      </c>
      <c r="Y6642" s="2">
        <v>7.6</v>
      </c>
      <c r="Z6642" s="2">
        <v>16.7</v>
      </c>
      <c r="AA6642" s="5"/>
      <c r="AB6642" s="5" t="s">
        <v>43</v>
      </c>
      <c r="AC6642" s="5" t="s">
        <v>44</v>
      </c>
      <c r="AD6642" s="2"/>
      <c r="AE6642" s="1"/>
    </row>
    <row r="6643" spans="1:31" ht="14.45">
      <c r="A6643" s="11"/>
      <c r="B6643" s="20"/>
      <c r="C6643" s="2" t="s">
        <v>20401</v>
      </c>
      <c r="D6643" s="14" t="s">
        <v>20402</v>
      </c>
      <c r="E6643" s="2" t="s">
        <v>20403</v>
      </c>
      <c r="F6643" s="2" t="s">
        <v>7563</v>
      </c>
      <c r="G6643" s="8">
        <v>249</v>
      </c>
      <c r="H6643" s="5">
        <v>6</v>
      </c>
      <c r="I6643" s="5" t="s">
        <v>1518</v>
      </c>
      <c r="J6643" s="5" t="s">
        <v>1519</v>
      </c>
      <c r="K6643" s="2" t="s">
        <v>1520</v>
      </c>
      <c r="L6643" s="5" t="s">
        <v>1519</v>
      </c>
      <c r="M6643" s="2" t="s">
        <v>1520</v>
      </c>
      <c r="N6643" s="5" t="s">
        <v>1521</v>
      </c>
      <c r="O6643" s="5" t="s">
        <v>38</v>
      </c>
      <c r="P6643" s="5" t="s">
        <v>39</v>
      </c>
      <c r="Q6643" s="5" t="s">
        <v>40</v>
      </c>
      <c r="R6643" s="5" t="s">
        <v>1522</v>
      </c>
      <c r="S6643" s="5" t="s">
        <v>1523</v>
      </c>
      <c r="T6643" s="5" t="s">
        <v>42</v>
      </c>
      <c r="U6643" s="2">
        <v>2.395</v>
      </c>
      <c r="V6643" s="2">
        <v>1.831</v>
      </c>
      <c r="W6643" s="2">
        <v>1.2999999999999999E-2</v>
      </c>
      <c r="X6643" s="2">
        <v>99.1</v>
      </c>
      <c r="Y6643" s="2">
        <v>7.6</v>
      </c>
      <c r="Z6643" s="2">
        <v>16.7</v>
      </c>
      <c r="AA6643" s="5"/>
      <c r="AB6643" s="5" t="s">
        <v>43</v>
      </c>
      <c r="AC6643" s="5" t="s">
        <v>44</v>
      </c>
      <c r="AD6643" s="2"/>
      <c r="AE6643" s="1"/>
    </row>
    <row r="6644" spans="1:31" ht="14.45">
      <c r="A6644" s="11"/>
      <c r="B6644" s="20"/>
      <c r="C6644" s="2" t="s">
        <v>20404</v>
      </c>
      <c r="D6644" s="14" t="s">
        <v>20405</v>
      </c>
      <c r="E6644" s="2" t="s">
        <v>20406</v>
      </c>
      <c r="F6644" s="2" t="s">
        <v>7567</v>
      </c>
      <c r="G6644" s="8">
        <v>249</v>
      </c>
      <c r="H6644" s="5">
        <v>6</v>
      </c>
      <c r="I6644" s="5" t="s">
        <v>1518</v>
      </c>
      <c r="J6644" s="5" t="s">
        <v>1519</v>
      </c>
      <c r="K6644" s="2" t="s">
        <v>1520</v>
      </c>
      <c r="L6644" s="5" t="s">
        <v>1519</v>
      </c>
      <c r="M6644" s="2" t="s">
        <v>1520</v>
      </c>
      <c r="N6644" s="5" t="s">
        <v>1521</v>
      </c>
      <c r="O6644" s="5" t="s">
        <v>38</v>
      </c>
      <c r="P6644" s="5" t="s">
        <v>39</v>
      </c>
      <c r="Q6644" s="5" t="s">
        <v>40</v>
      </c>
      <c r="R6644" s="5" t="s">
        <v>1522</v>
      </c>
      <c r="S6644" s="5" t="s">
        <v>1523</v>
      </c>
      <c r="T6644" s="5" t="s">
        <v>42</v>
      </c>
      <c r="U6644" s="2">
        <v>2.464</v>
      </c>
      <c r="V6644" s="2">
        <v>1.9</v>
      </c>
      <c r="W6644" s="2">
        <v>1.2999999999999999E-2</v>
      </c>
      <c r="X6644" s="2">
        <v>99.1</v>
      </c>
      <c r="Y6644" s="2">
        <v>7.6</v>
      </c>
      <c r="Z6644" s="2">
        <v>16.7</v>
      </c>
      <c r="AA6644" s="5"/>
      <c r="AB6644" s="5" t="s">
        <v>43</v>
      </c>
      <c r="AC6644" s="5" t="s">
        <v>44</v>
      </c>
      <c r="AD6644" s="2"/>
      <c r="AE6644" s="1"/>
    </row>
    <row r="6645" spans="1:31" ht="14.45">
      <c r="A6645" s="11"/>
      <c r="B6645" s="20"/>
      <c r="C6645" s="2" t="s">
        <v>20407</v>
      </c>
      <c r="D6645" s="14" t="s">
        <v>20408</v>
      </c>
      <c r="E6645" s="2" t="s">
        <v>20409</v>
      </c>
      <c r="F6645" s="2" t="s">
        <v>7589</v>
      </c>
      <c r="G6645" s="8">
        <v>249</v>
      </c>
      <c r="H6645" s="5">
        <v>6</v>
      </c>
      <c r="I6645" s="5" t="s">
        <v>1518</v>
      </c>
      <c r="J6645" s="5" t="s">
        <v>1519</v>
      </c>
      <c r="K6645" s="2" t="s">
        <v>1520</v>
      </c>
      <c r="L6645" s="5" t="s">
        <v>1519</v>
      </c>
      <c r="M6645" s="2" t="s">
        <v>1520</v>
      </c>
      <c r="N6645" s="5" t="s">
        <v>1521</v>
      </c>
      <c r="O6645" s="5" t="s">
        <v>38</v>
      </c>
      <c r="P6645" s="5" t="s">
        <v>39</v>
      </c>
      <c r="Q6645" s="5" t="s">
        <v>40</v>
      </c>
      <c r="R6645" s="5" t="s">
        <v>1522</v>
      </c>
      <c r="S6645" s="5" t="s">
        <v>1523</v>
      </c>
      <c r="T6645" s="5" t="s">
        <v>42</v>
      </c>
      <c r="U6645" s="2">
        <v>2.4529999999999998</v>
      </c>
      <c r="V6645" s="2">
        <v>1.889</v>
      </c>
      <c r="W6645" s="2">
        <v>1.2999999999999999E-2</v>
      </c>
      <c r="X6645" s="2">
        <v>99.1</v>
      </c>
      <c r="Y6645" s="2">
        <v>7.6</v>
      </c>
      <c r="Z6645" s="2">
        <v>16.7</v>
      </c>
      <c r="AA6645" s="5"/>
      <c r="AB6645" s="5" t="s">
        <v>43</v>
      </c>
      <c r="AC6645" s="5" t="s">
        <v>44</v>
      </c>
      <c r="AD6645" s="2"/>
      <c r="AE6645" s="1"/>
    </row>
    <row r="6646" spans="1:31" ht="14.45">
      <c r="A6646" s="11"/>
      <c r="B6646" s="20"/>
      <c r="C6646" s="2" t="s">
        <v>20410</v>
      </c>
      <c r="D6646" s="14" t="s">
        <v>20411</v>
      </c>
      <c r="E6646" s="2" t="s">
        <v>20412</v>
      </c>
      <c r="F6646" s="2" t="s">
        <v>7593</v>
      </c>
      <c r="G6646" s="8">
        <v>249</v>
      </c>
      <c r="H6646" s="5">
        <v>6</v>
      </c>
      <c r="I6646" s="5" t="s">
        <v>1518</v>
      </c>
      <c r="J6646" s="5" t="s">
        <v>1519</v>
      </c>
      <c r="K6646" s="2" t="s">
        <v>1520</v>
      </c>
      <c r="L6646" s="5" t="s">
        <v>1519</v>
      </c>
      <c r="M6646" s="2" t="s">
        <v>1520</v>
      </c>
      <c r="N6646" s="5" t="s">
        <v>1521</v>
      </c>
      <c r="O6646" s="5" t="s">
        <v>38</v>
      </c>
      <c r="P6646" s="5" t="s">
        <v>39</v>
      </c>
      <c r="Q6646" s="5" t="s">
        <v>40</v>
      </c>
      <c r="R6646" s="5" t="s">
        <v>1522</v>
      </c>
      <c r="S6646" s="5" t="s">
        <v>1523</v>
      </c>
      <c r="T6646" s="5" t="s">
        <v>42</v>
      </c>
      <c r="U6646" s="2">
        <v>2.395</v>
      </c>
      <c r="V6646" s="2">
        <v>1.831</v>
      </c>
      <c r="W6646" s="2">
        <v>1.2999999999999999E-2</v>
      </c>
      <c r="X6646" s="2">
        <v>99.1</v>
      </c>
      <c r="Y6646" s="2">
        <v>7.6</v>
      </c>
      <c r="Z6646" s="2">
        <v>16.7</v>
      </c>
      <c r="AA6646" s="5"/>
      <c r="AB6646" s="5" t="s">
        <v>43</v>
      </c>
      <c r="AC6646" s="5" t="s">
        <v>44</v>
      </c>
      <c r="AD6646" s="2"/>
      <c r="AE6646" s="1"/>
    </row>
    <row r="6647" spans="1:31" ht="14.45">
      <c r="A6647" s="11"/>
      <c r="B6647" s="20"/>
      <c r="C6647" s="2" t="s">
        <v>20413</v>
      </c>
      <c r="D6647" s="14" t="s">
        <v>20414</v>
      </c>
      <c r="E6647" s="2" t="s">
        <v>20415</v>
      </c>
      <c r="F6647" s="2" t="s">
        <v>7597</v>
      </c>
      <c r="G6647" s="8">
        <v>249</v>
      </c>
      <c r="H6647" s="5">
        <v>6</v>
      </c>
      <c r="I6647" s="5" t="s">
        <v>1518</v>
      </c>
      <c r="J6647" s="5" t="s">
        <v>1519</v>
      </c>
      <c r="K6647" s="2" t="s">
        <v>1520</v>
      </c>
      <c r="L6647" s="5" t="s">
        <v>1519</v>
      </c>
      <c r="M6647" s="2" t="s">
        <v>1520</v>
      </c>
      <c r="N6647" s="5" t="s">
        <v>1521</v>
      </c>
      <c r="O6647" s="5" t="s">
        <v>38</v>
      </c>
      <c r="P6647" s="5" t="s">
        <v>39</v>
      </c>
      <c r="Q6647" s="5" t="s">
        <v>40</v>
      </c>
      <c r="R6647" s="5" t="s">
        <v>1522</v>
      </c>
      <c r="S6647" s="5" t="s">
        <v>1523</v>
      </c>
      <c r="T6647" s="5" t="s">
        <v>42</v>
      </c>
      <c r="U6647" s="2">
        <v>2.464</v>
      </c>
      <c r="V6647" s="2">
        <v>1.9</v>
      </c>
      <c r="W6647" s="2">
        <v>1.2999999999999999E-2</v>
      </c>
      <c r="X6647" s="2">
        <v>99.1</v>
      </c>
      <c r="Y6647" s="2">
        <v>7.6</v>
      </c>
      <c r="Z6647" s="2">
        <v>16.7</v>
      </c>
      <c r="AA6647" s="5"/>
      <c r="AB6647" s="5" t="s">
        <v>43</v>
      </c>
      <c r="AC6647" s="5" t="s">
        <v>44</v>
      </c>
      <c r="AD6647" s="2"/>
      <c r="AE6647" s="1"/>
    </row>
    <row r="6648" spans="1:31" ht="14.45">
      <c r="A6648" s="11"/>
      <c r="B6648" s="20"/>
      <c r="C6648" s="2" t="s">
        <v>20416</v>
      </c>
      <c r="D6648" s="14" t="s">
        <v>20417</v>
      </c>
      <c r="E6648" s="2" t="s">
        <v>20418</v>
      </c>
      <c r="F6648" s="2" t="s">
        <v>16018</v>
      </c>
      <c r="G6648" s="8">
        <v>249</v>
      </c>
      <c r="H6648" s="5">
        <v>6</v>
      </c>
      <c r="I6648" s="5" t="s">
        <v>1518</v>
      </c>
      <c r="J6648" s="5" t="s">
        <v>1519</v>
      </c>
      <c r="K6648" s="2" t="s">
        <v>1520</v>
      </c>
      <c r="L6648" s="5" t="s">
        <v>1519</v>
      </c>
      <c r="M6648" s="2" t="s">
        <v>1520</v>
      </c>
      <c r="N6648" s="5" t="s">
        <v>1521</v>
      </c>
      <c r="O6648" s="5" t="s">
        <v>38</v>
      </c>
      <c r="P6648" s="5" t="s">
        <v>39</v>
      </c>
      <c r="Q6648" s="5" t="s">
        <v>40</v>
      </c>
      <c r="R6648" s="5" t="s">
        <v>1522</v>
      </c>
      <c r="S6648" s="5" t="s">
        <v>1523</v>
      </c>
      <c r="T6648" s="5" t="s">
        <v>42</v>
      </c>
      <c r="U6648" s="2">
        <v>2.395</v>
      </c>
      <c r="V6648" s="2">
        <v>1.831</v>
      </c>
      <c r="W6648" s="2">
        <v>1.2999999999999999E-2</v>
      </c>
      <c r="X6648" s="2">
        <v>99.1</v>
      </c>
      <c r="Y6648" s="2">
        <v>7.6</v>
      </c>
      <c r="Z6648" s="2">
        <v>16.7</v>
      </c>
      <c r="AA6648" s="5"/>
      <c r="AB6648" s="5" t="s">
        <v>43</v>
      </c>
      <c r="AC6648" s="5" t="s">
        <v>44</v>
      </c>
      <c r="AD6648" s="2"/>
      <c r="AE6648" s="1"/>
    </row>
    <row r="6649" spans="1:31" ht="14.45">
      <c r="A6649" s="11"/>
      <c r="B6649" s="20"/>
      <c r="C6649" s="2" t="s">
        <v>20419</v>
      </c>
      <c r="D6649" s="14" t="s">
        <v>20420</v>
      </c>
      <c r="E6649" s="2" t="s">
        <v>20421</v>
      </c>
      <c r="F6649" s="2" t="s">
        <v>16022</v>
      </c>
      <c r="G6649" s="8">
        <v>249</v>
      </c>
      <c r="H6649" s="5">
        <v>6</v>
      </c>
      <c r="I6649" s="5" t="s">
        <v>1518</v>
      </c>
      <c r="J6649" s="5" t="s">
        <v>1519</v>
      </c>
      <c r="K6649" s="2" t="s">
        <v>1520</v>
      </c>
      <c r="L6649" s="5" t="s">
        <v>1519</v>
      </c>
      <c r="M6649" s="2" t="s">
        <v>1520</v>
      </c>
      <c r="N6649" s="5" t="s">
        <v>1521</v>
      </c>
      <c r="O6649" s="5" t="s">
        <v>38</v>
      </c>
      <c r="P6649" s="5" t="s">
        <v>39</v>
      </c>
      <c r="Q6649" s="5" t="s">
        <v>40</v>
      </c>
      <c r="R6649" s="5" t="s">
        <v>1522</v>
      </c>
      <c r="S6649" s="5" t="s">
        <v>1523</v>
      </c>
      <c r="T6649" s="5" t="s">
        <v>42</v>
      </c>
      <c r="U6649" s="2">
        <v>2.464</v>
      </c>
      <c r="V6649" s="2">
        <v>1.9</v>
      </c>
      <c r="W6649" s="2">
        <v>1.2999999999999999E-2</v>
      </c>
      <c r="X6649" s="2">
        <v>99.1</v>
      </c>
      <c r="Y6649" s="2">
        <v>7.6</v>
      </c>
      <c r="Z6649" s="2">
        <v>16.7</v>
      </c>
      <c r="AA6649" s="5"/>
      <c r="AB6649" s="5" t="s">
        <v>43</v>
      </c>
      <c r="AC6649" s="5" t="s">
        <v>44</v>
      </c>
      <c r="AD6649" s="2"/>
      <c r="AE6649" s="1"/>
    </row>
    <row r="6650" spans="1:31" ht="14.45">
      <c r="A6650" s="11"/>
      <c r="B6650" s="20"/>
      <c r="C6650" s="2" t="s">
        <v>20422</v>
      </c>
      <c r="D6650" s="14" t="s">
        <v>20423</v>
      </c>
      <c r="E6650" s="2" t="s">
        <v>20424</v>
      </c>
      <c r="F6650" s="2" t="s">
        <v>7615</v>
      </c>
      <c r="G6650" s="8">
        <v>249</v>
      </c>
      <c r="H6650" s="5">
        <v>6</v>
      </c>
      <c r="I6650" s="5" t="s">
        <v>1518</v>
      </c>
      <c r="J6650" s="5" t="s">
        <v>1519</v>
      </c>
      <c r="K6650" s="2" t="s">
        <v>1520</v>
      </c>
      <c r="L6650" s="5" t="s">
        <v>1519</v>
      </c>
      <c r="M6650" s="2" t="s">
        <v>1520</v>
      </c>
      <c r="N6650" s="5" t="s">
        <v>1521</v>
      </c>
      <c r="O6650" s="5" t="s">
        <v>38</v>
      </c>
      <c r="P6650" s="5" t="s">
        <v>39</v>
      </c>
      <c r="Q6650" s="5" t="s">
        <v>40</v>
      </c>
      <c r="R6650" s="5" t="s">
        <v>1522</v>
      </c>
      <c r="S6650" s="5" t="s">
        <v>1523</v>
      </c>
      <c r="T6650" s="5" t="s">
        <v>42</v>
      </c>
      <c r="U6650" s="2">
        <v>2.3839999999999999</v>
      </c>
      <c r="V6650" s="2">
        <v>1.82</v>
      </c>
      <c r="W6650" s="2">
        <v>1.2999999999999999E-2</v>
      </c>
      <c r="X6650" s="2">
        <v>99.1</v>
      </c>
      <c r="Y6650" s="2">
        <v>7.6</v>
      </c>
      <c r="Z6650" s="2">
        <v>16.7</v>
      </c>
      <c r="AA6650" s="5"/>
      <c r="AB6650" s="5" t="s">
        <v>43</v>
      </c>
      <c r="AC6650" s="5" t="s">
        <v>44</v>
      </c>
      <c r="AD6650" s="2"/>
      <c r="AE6650" s="1"/>
    </row>
    <row r="6651" spans="1:31" ht="14.45">
      <c r="A6651" s="11"/>
      <c r="B6651" s="20"/>
      <c r="C6651" s="2" t="s">
        <v>20425</v>
      </c>
      <c r="D6651" s="14" t="s">
        <v>20426</v>
      </c>
      <c r="E6651" s="2" t="s">
        <v>20427</v>
      </c>
      <c r="F6651" s="2" t="s">
        <v>7619</v>
      </c>
      <c r="G6651" s="8">
        <v>249</v>
      </c>
      <c r="H6651" s="5">
        <v>6</v>
      </c>
      <c r="I6651" s="5" t="s">
        <v>1518</v>
      </c>
      <c r="J6651" s="5" t="s">
        <v>1519</v>
      </c>
      <c r="K6651" s="2" t="s">
        <v>1520</v>
      </c>
      <c r="L6651" s="5" t="s">
        <v>1519</v>
      </c>
      <c r="M6651" s="2" t="s">
        <v>1520</v>
      </c>
      <c r="N6651" s="5" t="s">
        <v>1521</v>
      </c>
      <c r="O6651" s="5" t="s">
        <v>38</v>
      </c>
      <c r="P6651" s="5" t="s">
        <v>39</v>
      </c>
      <c r="Q6651" s="5" t="s">
        <v>40</v>
      </c>
      <c r="R6651" s="5" t="s">
        <v>1522</v>
      </c>
      <c r="S6651" s="5" t="s">
        <v>1523</v>
      </c>
      <c r="T6651" s="5" t="s">
        <v>42</v>
      </c>
      <c r="U6651" s="2">
        <v>2.4529999999999998</v>
      </c>
      <c r="V6651" s="2">
        <v>1.889</v>
      </c>
      <c r="W6651" s="2">
        <v>1.2999999999999999E-2</v>
      </c>
      <c r="X6651" s="2">
        <v>99.1</v>
      </c>
      <c r="Y6651" s="2">
        <v>7.6</v>
      </c>
      <c r="Z6651" s="2">
        <v>16.7</v>
      </c>
      <c r="AA6651" s="5"/>
      <c r="AB6651" s="5" t="s">
        <v>43</v>
      </c>
      <c r="AC6651" s="5" t="s">
        <v>44</v>
      </c>
      <c r="AD6651" s="2"/>
      <c r="AE6651" s="1"/>
    </row>
    <row r="6652" spans="1:31" ht="14.45">
      <c r="A6652" s="11"/>
      <c r="B6652" s="20"/>
      <c r="C6652" s="2" t="s">
        <v>20428</v>
      </c>
      <c r="D6652" s="14" t="s">
        <v>20429</v>
      </c>
      <c r="E6652" s="2" t="s">
        <v>20430</v>
      </c>
      <c r="F6652" s="2" t="s">
        <v>16029</v>
      </c>
      <c r="G6652" s="8">
        <v>249</v>
      </c>
      <c r="H6652" s="5">
        <v>11</v>
      </c>
      <c r="I6652" s="5" t="s">
        <v>1518</v>
      </c>
      <c r="J6652" s="5" t="s">
        <v>1519</v>
      </c>
      <c r="K6652" s="2" t="s">
        <v>1520</v>
      </c>
      <c r="L6652" s="5" t="s">
        <v>1519</v>
      </c>
      <c r="M6652" s="2" t="s">
        <v>1520</v>
      </c>
      <c r="N6652" s="5" t="s">
        <v>1521</v>
      </c>
      <c r="O6652" s="5" t="s">
        <v>38</v>
      </c>
      <c r="P6652" s="5" t="s">
        <v>39</v>
      </c>
      <c r="Q6652" s="5" t="s">
        <v>40</v>
      </c>
      <c r="R6652" s="5" t="s">
        <v>1522</v>
      </c>
      <c r="S6652" s="5" t="s">
        <v>1523</v>
      </c>
      <c r="T6652" s="5" t="s">
        <v>42</v>
      </c>
      <c r="U6652" s="2">
        <v>2.4009999999999998</v>
      </c>
      <c r="V6652" s="2">
        <v>1.837</v>
      </c>
      <c r="W6652" s="2">
        <v>1.2999999999999999E-2</v>
      </c>
      <c r="X6652" s="2">
        <v>99.1</v>
      </c>
      <c r="Y6652" s="2">
        <v>7.6</v>
      </c>
      <c r="Z6652" s="2">
        <v>16.7</v>
      </c>
      <c r="AA6652" s="5"/>
      <c r="AB6652" s="5" t="s">
        <v>43</v>
      </c>
      <c r="AC6652" s="5" t="s">
        <v>44</v>
      </c>
      <c r="AD6652" s="2"/>
      <c r="AE6652" s="1"/>
    </row>
    <row r="6653" spans="1:31" ht="14.45">
      <c r="A6653" s="11"/>
      <c r="B6653" s="20"/>
      <c r="C6653" s="2" t="s">
        <v>20431</v>
      </c>
      <c r="D6653" s="14" t="s">
        <v>20432</v>
      </c>
      <c r="E6653" s="2" t="s">
        <v>20433</v>
      </c>
      <c r="F6653" s="2" t="s">
        <v>16033</v>
      </c>
      <c r="G6653" s="8">
        <v>249</v>
      </c>
      <c r="H6653" s="5">
        <v>11</v>
      </c>
      <c r="I6653" s="5" t="s">
        <v>1518</v>
      </c>
      <c r="J6653" s="5" t="s">
        <v>1519</v>
      </c>
      <c r="K6653" s="2" t="s">
        <v>1520</v>
      </c>
      <c r="L6653" s="5" t="s">
        <v>1519</v>
      </c>
      <c r="M6653" s="2" t="s">
        <v>1520</v>
      </c>
      <c r="N6653" s="5" t="s">
        <v>1521</v>
      </c>
      <c r="O6653" s="5" t="s">
        <v>38</v>
      </c>
      <c r="P6653" s="5" t="s">
        <v>39</v>
      </c>
      <c r="Q6653" s="5" t="s">
        <v>40</v>
      </c>
      <c r="R6653" s="5" t="s">
        <v>1522</v>
      </c>
      <c r="S6653" s="5" t="s">
        <v>1523</v>
      </c>
      <c r="T6653" s="5" t="s">
        <v>42</v>
      </c>
      <c r="U6653" s="2">
        <v>2.4700000000000002</v>
      </c>
      <c r="V6653" s="2">
        <v>1.9059999999999999</v>
      </c>
      <c r="W6653" s="2">
        <v>1.2999999999999999E-2</v>
      </c>
      <c r="X6653" s="2">
        <v>99.1</v>
      </c>
      <c r="Y6653" s="2">
        <v>7.6</v>
      </c>
      <c r="Z6653" s="2">
        <v>16.7</v>
      </c>
      <c r="AA6653" s="5"/>
      <c r="AB6653" s="5" t="s">
        <v>43</v>
      </c>
      <c r="AC6653" s="5" t="s">
        <v>44</v>
      </c>
      <c r="AD6653" s="2"/>
      <c r="AE6653" s="1"/>
    </row>
    <row r="6654" spans="1:31" ht="14.45">
      <c r="A6654" s="11"/>
      <c r="B6654" s="20"/>
      <c r="C6654" s="2" t="s">
        <v>20434</v>
      </c>
      <c r="D6654" s="14" t="s">
        <v>20435</v>
      </c>
      <c r="E6654" s="2" t="s">
        <v>20436</v>
      </c>
      <c r="F6654" s="2" t="s">
        <v>7396</v>
      </c>
      <c r="G6654" s="8">
        <v>212</v>
      </c>
      <c r="H6654" s="5">
        <v>6</v>
      </c>
      <c r="I6654" s="5" t="s">
        <v>1518</v>
      </c>
      <c r="J6654" s="5" t="s">
        <v>1519</v>
      </c>
      <c r="K6654" s="2" t="s">
        <v>1520</v>
      </c>
      <c r="L6654" s="5" t="s">
        <v>1519</v>
      </c>
      <c r="M6654" s="2" t="s">
        <v>1520</v>
      </c>
      <c r="N6654" s="5" t="s">
        <v>1521</v>
      </c>
      <c r="O6654" s="5" t="s">
        <v>38</v>
      </c>
      <c r="P6654" s="5" t="s">
        <v>39</v>
      </c>
      <c r="Q6654" s="5" t="s">
        <v>40</v>
      </c>
      <c r="R6654" s="5" t="s">
        <v>1522</v>
      </c>
      <c r="S6654" s="5" t="s">
        <v>1523</v>
      </c>
      <c r="T6654" s="5" t="s">
        <v>42</v>
      </c>
      <c r="U6654" s="2">
        <v>2.0219999999999998</v>
      </c>
      <c r="V6654" s="2">
        <v>1.5620000000000001</v>
      </c>
      <c r="W6654" s="2">
        <v>0.01</v>
      </c>
      <c r="X6654" s="2">
        <v>76.900000000000006</v>
      </c>
      <c r="Y6654" s="2">
        <v>7.6</v>
      </c>
      <c r="Z6654" s="2">
        <v>16.7</v>
      </c>
      <c r="AA6654" s="5"/>
      <c r="AB6654" s="5" t="s">
        <v>43</v>
      </c>
      <c r="AC6654" s="5" t="s">
        <v>44</v>
      </c>
      <c r="AD6654" s="2"/>
      <c r="AE6654" s="1"/>
    </row>
    <row r="6655" spans="1:31" ht="14.45">
      <c r="A6655" s="11"/>
      <c r="B6655" s="20"/>
      <c r="C6655" s="2" t="s">
        <v>20437</v>
      </c>
      <c r="D6655" s="14" t="s">
        <v>20438</v>
      </c>
      <c r="E6655" s="2" t="s">
        <v>20439</v>
      </c>
      <c r="F6655" s="2" t="s">
        <v>7507</v>
      </c>
      <c r="G6655" s="8">
        <v>212</v>
      </c>
      <c r="H6655" s="5">
        <v>6</v>
      </c>
      <c r="I6655" s="5" t="s">
        <v>1518</v>
      </c>
      <c r="J6655" s="5" t="s">
        <v>1519</v>
      </c>
      <c r="K6655" s="2" t="s">
        <v>1520</v>
      </c>
      <c r="L6655" s="5" t="s">
        <v>1519</v>
      </c>
      <c r="M6655" s="2" t="s">
        <v>1520</v>
      </c>
      <c r="N6655" s="5" t="s">
        <v>1521</v>
      </c>
      <c r="O6655" s="5" t="s">
        <v>38</v>
      </c>
      <c r="P6655" s="5" t="s">
        <v>39</v>
      </c>
      <c r="Q6655" s="5" t="s">
        <v>40</v>
      </c>
      <c r="R6655" s="5" t="s">
        <v>1522</v>
      </c>
      <c r="S6655" s="5" t="s">
        <v>1523</v>
      </c>
      <c r="T6655" s="5" t="s">
        <v>42</v>
      </c>
      <c r="U6655" s="2">
        <v>2.0720000000000001</v>
      </c>
      <c r="V6655" s="2">
        <v>1.6120000000000001</v>
      </c>
      <c r="W6655" s="2">
        <v>0.01</v>
      </c>
      <c r="X6655" s="2">
        <v>76.900000000000006</v>
      </c>
      <c r="Y6655" s="2">
        <v>7.6</v>
      </c>
      <c r="Z6655" s="2">
        <v>16.7</v>
      </c>
      <c r="AA6655" s="5"/>
      <c r="AB6655" s="5" t="s">
        <v>43</v>
      </c>
      <c r="AC6655" s="5" t="s">
        <v>44</v>
      </c>
      <c r="AD6655" s="2"/>
      <c r="AE6655" s="1"/>
    </row>
    <row r="6656" spans="1:31" ht="14.45">
      <c r="A6656" s="11"/>
      <c r="B6656" s="20"/>
      <c r="C6656" s="2" t="s">
        <v>20440</v>
      </c>
      <c r="D6656" s="14" t="s">
        <v>20441</v>
      </c>
      <c r="E6656" s="2" t="s">
        <v>20442</v>
      </c>
      <c r="F6656" s="2" t="s">
        <v>7204</v>
      </c>
      <c r="G6656" s="8">
        <v>212</v>
      </c>
      <c r="H6656" s="5">
        <v>6</v>
      </c>
      <c r="I6656" s="5" t="s">
        <v>1518</v>
      </c>
      <c r="J6656" s="5" t="s">
        <v>1519</v>
      </c>
      <c r="K6656" s="2" t="s">
        <v>1520</v>
      </c>
      <c r="L6656" s="5" t="s">
        <v>1519</v>
      </c>
      <c r="M6656" s="2" t="s">
        <v>1520</v>
      </c>
      <c r="N6656" s="5" t="s">
        <v>1521</v>
      </c>
      <c r="O6656" s="5" t="s">
        <v>38</v>
      </c>
      <c r="P6656" s="5" t="s">
        <v>39</v>
      </c>
      <c r="Q6656" s="5" t="s">
        <v>40</v>
      </c>
      <c r="R6656" s="5" t="s">
        <v>1522</v>
      </c>
      <c r="S6656" s="5" t="s">
        <v>1523</v>
      </c>
      <c r="T6656" s="5" t="s">
        <v>42</v>
      </c>
      <c r="U6656" s="2">
        <v>2.024</v>
      </c>
      <c r="V6656" s="2">
        <v>1.5640000000000001</v>
      </c>
      <c r="W6656" s="2">
        <v>0.01</v>
      </c>
      <c r="X6656" s="2">
        <v>76.900000000000006</v>
      </c>
      <c r="Y6656" s="2">
        <v>7.6</v>
      </c>
      <c r="Z6656" s="2">
        <v>16.7</v>
      </c>
      <c r="AA6656" s="5"/>
      <c r="AB6656" s="5" t="s">
        <v>43</v>
      </c>
      <c r="AC6656" s="5" t="s">
        <v>44</v>
      </c>
      <c r="AD6656" s="2"/>
      <c r="AE6656" s="1"/>
    </row>
    <row r="6657" spans="1:31" ht="14.45">
      <c r="A6657" s="11"/>
      <c r="B6657" s="20"/>
      <c r="C6657" s="2" t="s">
        <v>20443</v>
      </c>
      <c r="D6657" s="14" t="s">
        <v>20444</v>
      </c>
      <c r="E6657" s="2" t="s">
        <v>20445</v>
      </c>
      <c r="F6657" s="2" t="s">
        <v>7514</v>
      </c>
      <c r="G6657" s="8">
        <v>212</v>
      </c>
      <c r="H6657" s="5">
        <v>6</v>
      </c>
      <c r="I6657" s="5" t="s">
        <v>1518</v>
      </c>
      <c r="J6657" s="5" t="s">
        <v>1519</v>
      </c>
      <c r="K6657" s="2" t="s">
        <v>1520</v>
      </c>
      <c r="L6657" s="5" t="s">
        <v>1519</v>
      </c>
      <c r="M6657" s="2" t="s">
        <v>1520</v>
      </c>
      <c r="N6657" s="5" t="s">
        <v>1521</v>
      </c>
      <c r="O6657" s="5" t="s">
        <v>38</v>
      </c>
      <c r="P6657" s="5" t="s">
        <v>39</v>
      </c>
      <c r="Q6657" s="5" t="s">
        <v>40</v>
      </c>
      <c r="R6657" s="5" t="s">
        <v>1522</v>
      </c>
      <c r="S6657" s="5" t="s">
        <v>1523</v>
      </c>
      <c r="T6657" s="5" t="s">
        <v>42</v>
      </c>
      <c r="U6657" s="2">
        <v>2.0739999999999998</v>
      </c>
      <c r="V6657" s="2">
        <v>1.6140000000000001</v>
      </c>
      <c r="W6657" s="2">
        <v>0.01</v>
      </c>
      <c r="X6657" s="2">
        <v>76.900000000000006</v>
      </c>
      <c r="Y6657" s="2">
        <v>7.6</v>
      </c>
      <c r="Z6657" s="2">
        <v>16.7</v>
      </c>
      <c r="AA6657" s="5"/>
      <c r="AB6657" s="5" t="s">
        <v>43</v>
      </c>
      <c r="AC6657" s="5" t="s">
        <v>44</v>
      </c>
      <c r="AD6657" s="2"/>
      <c r="AE6657" s="1"/>
    </row>
    <row r="6658" spans="1:31" ht="14.45">
      <c r="A6658" s="11"/>
      <c r="B6658" s="20"/>
      <c r="C6658" s="2" t="s">
        <v>20446</v>
      </c>
      <c r="D6658" s="14" t="s">
        <v>20447</v>
      </c>
      <c r="E6658" s="2" t="s">
        <v>20448</v>
      </c>
      <c r="F6658" s="2" t="s">
        <v>7208</v>
      </c>
      <c r="G6658" s="8">
        <v>212</v>
      </c>
      <c r="H6658" s="5">
        <v>6</v>
      </c>
      <c r="I6658" s="5" t="s">
        <v>1518</v>
      </c>
      <c r="J6658" s="5" t="s">
        <v>1519</v>
      </c>
      <c r="K6658" s="2" t="s">
        <v>1520</v>
      </c>
      <c r="L6658" s="5" t="s">
        <v>1519</v>
      </c>
      <c r="M6658" s="2" t="s">
        <v>1520</v>
      </c>
      <c r="N6658" s="5" t="s">
        <v>1521</v>
      </c>
      <c r="O6658" s="5" t="s">
        <v>38</v>
      </c>
      <c r="P6658" s="5" t="s">
        <v>39</v>
      </c>
      <c r="Q6658" s="5" t="s">
        <v>40</v>
      </c>
      <c r="R6658" s="5" t="s">
        <v>1522</v>
      </c>
      <c r="S6658" s="5" t="s">
        <v>1523</v>
      </c>
      <c r="T6658" s="5" t="s">
        <v>42</v>
      </c>
      <c r="U6658" s="2">
        <v>2.024</v>
      </c>
      <c r="V6658" s="2">
        <v>1.5640000000000001</v>
      </c>
      <c r="W6658" s="2">
        <v>0.01</v>
      </c>
      <c r="X6658" s="2">
        <v>76.900000000000006</v>
      </c>
      <c r="Y6658" s="2">
        <v>7.6</v>
      </c>
      <c r="Z6658" s="2">
        <v>16.7</v>
      </c>
      <c r="AA6658" s="5"/>
      <c r="AB6658" s="5" t="s">
        <v>43</v>
      </c>
      <c r="AC6658" s="5" t="s">
        <v>44</v>
      </c>
      <c r="AD6658" s="2"/>
      <c r="AE6658" s="1"/>
    </row>
    <row r="6659" spans="1:31" ht="14.45">
      <c r="A6659" s="11"/>
      <c r="B6659" s="20"/>
      <c r="C6659" s="2" t="s">
        <v>20449</v>
      </c>
      <c r="D6659" s="14" t="s">
        <v>20450</v>
      </c>
      <c r="E6659" s="2" t="s">
        <v>20451</v>
      </c>
      <c r="F6659" s="2" t="s">
        <v>7521</v>
      </c>
      <c r="G6659" s="8">
        <v>212</v>
      </c>
      <c r="H6659" s="5">
        <v>6</v>
      </c>
      <c r="I6659" s="5" t="s">
        <v>1518</v>
      </c>
      <c r="J6659" s="5" t="s">
        <v>1519</v>
      </c>
      <c r="K6659" s="2" t="s">
        <v>1520</v>
      </c>
      <c r="L6659" s="5" t="s">
        <v>1519</v>
      </c>
      <c r="M6659" s="2" t="s">
        <v>1520</v>
      </c>
      <c r="N6659" s="5" t="s">
        <v>1521</v>
      </c>
      <c r="O6659" s="5" t="s">
        <v>38</v>
      </c>
      <c r="P6659" s="5" t="s">
        <v>39</v>
      </c>
      <c r="Q6659" s="5" t="s">
        <v>40</v>
      </c>
      <c r="R6659" s="5" t="s">
        <v>1522</v>
      </c>
      <c r="S6659" s="5" t="s">
        <v>1523</v>
      </c>
      <c r="T6659" s="5" t="s">
        <v>42</v>
      </c>
      <c r="U6659" s="2">
        <v>2.0739999999999998</v>
      </c>
      <c r="V6659" s="2">
        <v>1.6140000000000001</v>
      </c>
      <c r="W6659" s="2">
        <v>0.01</v>
      </c>
      <c r="X6659" s="2">
        <v>76.900000000000006</v>
      </c>
      <c r="Y6659" s="2">
        <v>7.6</v>
      </c>
      <c r="Z6659" s="2">
        <v>16.7</v>
      </c>
      <c r="AA6659" s="5"/>
      <c r="AB6659" s="5" t="s">
        <v>43</v>
      </c>
      <c r="AC6659" s="5" t="s">
        <v>44</v>
      </c>
      <c r="AD6659" s="2"/>
      <c r="AE6659" s="1"/>
    </row>
    <row r="6660" spans="1:31" ht="14.45">
      <c r="A6660" s="11"/>
      <c r="B6660" s="20"/>
      <c r="C6660" s="2" t="s">
        <v>20452</v>
      </c>
      <c r="D6660" s="14" t="s">
        <v>20453</v>
      </c>
      <c r="E6660" s="2" t="s">
        <v>20454</v>
      </c>
      <c r="F6660" s="2" t="s">
        <v>7212</v>
      </c>
      <c r="G6660" s="8">
        <v>212</v>
      </c>
      <c r="H6660" s="5">
        <v>6</v>
      </c>
      <c r="I6660" s="5" t="s">
        <v>1518</v>
      </c>
      <c r="J6660" s="5" t="s">
        <v>1519</v>
      </c>
      <c r="K6660" s="2" t="s">
        <v>1520</v>
      </c>
      <c r="L6660" s="5" t="s">
        <v>1519</v>
      </c>
      <c r="M6660" s="2" t="s">
        <v>1520</v>
      </c>
      <c r="N6660" s="5" t="s">
        <v>1521</v>
      </c>
      <c r="O6660" s="5" t="s">
        <v>38</v>
      </c>
      <c r="P6660" s="5" t="s">
        <v>39</v>
      </c>
      <c r="Q6660" s="5" t="s">
        <v>40</v>
      </c>
      <c r="R6660" s="5" t="s">
        <v>1522</v>
      </c>
      <c r="S6660" s="5" t="s">
        <v>1523</v>
      </c>
      <c r="T6660" s="5" t="s">
        <v>42</v>
      </c>
      <c r="U6660" s="2">
        <v>2.0169999999999999</v>
      </c>
      <c r="V6660" s="2">
        <v>1.5569999999999999</v>
      </c>
      <c r="W6660" s="2">
        <v>0.01</v>
      </c>
      <c r="X6660" s="2">
        <v>76.900000000000006</v>
      </c>
      <c r="Y6660" s="2">
        <v>7.6</v>
      </c>
      <c r="Z6660" s="2">
        <v>16.7</v>
      </c>
      <c r="AA6660" s="5"/>
      <c r="AB6660" s="5" t="s">
        <v>43</v>
      </c>
      <c r="AC6660" s="5" t="s">
        <v>44</v>
      </c>
      <c r="AD6660" s="2"/>
      <c r="AE6660" s="1"/>
    </row>
    <row r="6661" spans="1:31" ht="14.45">
      <c r="A6661" s="11"/>
      <c r="B6661" s="20"/>
      <c r="C6661" s="2" t="s">
        <v>20455</v>
      </c>
      <c r="D6661" s="14" t="s">
        <v>20456</v>
      </c>
      <c r="E6661" s="2" t="s">
        <v>20457</v>
      </c>
      <c r="F6661" s="2" t="s">
        <v>7528</v>
      </c>
      <c r="G6661" s="8">
        <v>212</v>
      </c>
      <c r="H6661" s="5">
        <v>6</v>
      </c>
      <c r="I6661" s="5" t="s">
        <v>1518</v>
      </c>
      <c r="J6661" s="5" t="s">
        <v>1519</v>
      </c>
      <c r="K6661" s="2" t="s">
        <v>1520</v>
      </c>
      <c r="L6661" s="5" t="s">
        <v>1519</v>
      </c>
      <c r="M6661" s="2" t="s">
        <v>1520</v>
      </c>
      <c r="N6661" s="5" t="s">
        <v>1521</v>
      </c>
      <c r="O6661" s="5" t="s">
        <v>38</v>
      </c>
      <c r="P6661" s="5" t="s">
        <v>39</v>
      </c>
      <c r="Q6661" s="5" t="s">
        <v>40</v>
      </c>
      <c r="R6661" s="5" t="s">
        <v>1522</v>
      </c>
      <c r="S6661" s="5" t="s">
        <v>1523</v>
      </c>
      <c r="T6661" s="5" t="s">
        <v>42</v>
      </c>
      <c r="U6661" s="2">
        <v>2.0670000000000002</v>
      </c>
      <c r="V6661" s="2">
        <v>1.607</v>
      </c>
      <c r="W6661" s="2">
        <v>0.01</v>
      </c>
      <c r="X6661" s="2">
        <v>76.900000000000006</v>
      </c>
      <c r="Y6661" s="2">
        <v>7.6</v>
      </c>
      <c r="Z6661" s="2">
        <v>16.7</v>
      </c>
      <c r="AA6661" s="5"/>
      <c r="AB6661" s="5" t="s">
        <v>43</v>
      </c>
      <c r="AC6661" s="5" t="s">
        <v>44</v>
      </c>
      <c r="AD6661" s="2"/>
      <c r="AE6661" s="1"/>
    </row>
    <row r="6662" spans="1:31" ht="14.45">
      <c r="A6662" s="11"/>
      <c r="B6662" s="20"/>
      <c r="C6662" s="2" t="s">
        <v>20458</v>
      </c>
      <c r="D6662" s="14" t="s">
        <v>20459</v>
      </c>
      <c r="E6662" s="2" t="s">
        <v>20460</v>
      </c>
      <c r="F6662" s="2" t="s">
        <v>7406</v>
      </c>
      <c r="G6662" s="8">
        <v>224</v>
      </c>
      <c r="H6662" s="5">
        <v>6</v>
      </c>
      <c r="I6662" s="5" t="s">
        <v>1518</v>
      </c>
      <c r="J6662" s="5" t="s">
        <v>1519</v>
      </c>
      <c r="K6662" s="2" t="s">
        <v>1520</v>
      </c>
      <c r="L6662" s="5" t="s">
        <v>1519</v>
      </c>
      <c r="M6662" s="2" t="s">
        <v>1520</v>
      </c>
      <c r="N6662" s="5" t="s">
        <v>1521</v>
      </c>
      <c r="O6662" s="5" t="s">
        <v>38</v>
      </c>
      <c r="P6662" s="5" t="s">
        <v>39</v>
      </c>
      <c r="Q6662" s="5" t="s">
        <v>40</v>
      </c>
      <c r="R6662" s="5" t="s">
        <v>1522</v>
      </c>
      <c r="S6662" s="5" t="s">
        <v>1523</v>
      </c>
      <c r="T6662" s="5" t="s">
        <v>42</v>
      </c>
      <c r="U6662" s="2">
        <v>2.0169999999999999</v>
      </c>
      <c r="V6662" s="2">
        <v>1.5569999999999999</v>
      </c>
      <c r="W6662" s="2">
        <v>0.01</v>
      </c>
      <c r="X6662" s="2">
        <v>76.900000000000006</v>
      </c>
      <c r="Y6662" s="2">
        <v>7.6</v>
      </c>
      <c r="Z6662" s="2">
        <v>16.7</v>
      </c>
      <c r="AA6662" s="5"/>
      <c r="AB6662" s="5" t="s">
        <v>43</v>
      </c>
      <c r="AC6662" s="5" t="s">
        <v>44</v>
      </c>
      <c r="AD6662" s="2"/>
      <c r="AE6662" s="1"/>
    </row>
    <row r="6663" spans="1:31" ht="14.45">
      <c r="A6663" s="11"/>
      <c r="B6663" s="20"/>
      <c r="C6663" s="2" t="s">
        <v>20461</v>
      </c>
      <c r="D6663" s="14" t="s">
        <v>20462</v>
      </c>
      <c r="E6663" s="2" t="s">
        <v>20463</v>
      </c>
      <c r="F6663" s="2" t="s">
        <v>7535</v>
      </c>
      <c r="G6663" s="8">
        <v>224</v>
      </c>
      <c r="H6663" s="5">
        <v>6</v>
      </c>
      <c r="I6663" s="5" t="s">
        <v>1518</v>
      </c>
      <c r="J6663" s="5" t="s">
        <v>1519</v>
      </c>
      <c r="K6663" s="2" t="s">
        <v>1520</v>
      </c>
      <c r="L6663" s="5" t="s">
        <v>1519</v>
      </c>
      <c r="M6663" s="2" t="s">
        <v>1520</v>
      </c>
      <c r="N6663" s="5" t="s">
        <v>1521</v>
      </c>
      <c r="O6663" s="5" t="s">
        <v>38</v>
      </c>
      <c r="P6663" s="5" t="s">
        <v>39</v>
      </c>
      <c r="Q6663" s="5" t="s">
        <v>40</v>
      </c>
      <c r="R6663" s="5" t="s">
        <v>1522</v>
      </c>
      <c r="S6663" s="5" t="s">
        <v>1523</v>
      </c>
      <c r="T6663" s="5" t="s">
        <v>42</v>
      </c>
      <c r="U6663" s="2">
        <v>2.0670000000000002</v>
      </c>
      <c r="V6663" s="2">
        <v>1.607</v>
      </c>
      <c r="W6663" s="2">
        <v>0.01</v>
      </c>
      <c r="X6663" s="2">
        <v>76.900000000000006</v>
      </c>
      <c r="Y6663" s="2">
        <v>7.6</v>
      </c>
      <c r="Z6663" s="2">
        <v>16.7</v>
      </c>
      <c r="AA6663" s="5"/>
      <c r="AB6663" s="5" t="s">
        <v>43</v>
      </c>
      <c r="AC6663" s="5" t="s">
        <v>44</v>
      </c>
      <c r="AD6663" s="2"/>
      <c r="AE6663" s="1"/>
    </row>
    <row r="6664" spans="1:31" ht="14.45">
      <c r="A6664" s="11"/>
      <c r="B6664" s="20"/>
      <c r="C6664" s="2" t="s">
        <v>20464</v>
      </c>
      <c r="D6664" s="14" t="s">
        <v>20465</v>
      </c>
      <c r="E6664" s="2" t="s">
        <v>20466</v>
      </c>
      <c r="F6664" s="2" t="s">
        <v>7539</v>
      </c>
      <c r="G6664" s="8">
        <v>224</v>
      </c>
      <c r="H6664" s="5">
        <v>6</v>
      </c>
      <c r="I6664" s="5" t="s">
        <v>1518</v>
      </c>
      <c r="J6664" s="5" t="s">
        <v>1519</v>
      </c>
      <c r="K6664" s="2" t="s">
        <v>1520</v>
      </c>
      <c r="L6664" s="5" t="s">
        <v>1519</v>
      </c>
      <c r="M6664" s="2" t="s">
        <v>1520</v>
      </c>
      <c r="N6664" s="5" t="s">
        <v>1521</v>
      </c>
      <c r="O6664" s="5" t="s">
        <v>38</v>
      </c>
      <c r="P6664" s="5" t="s">
        <v>39</v>
      </c>
      <c r="Q6664" s="5" t="s">
        <v>40</v>
      </c>
      <c r="R6664" s="5" t="s">
        <v>1522</v>
      </c>
      <c r="S6664" s="5" t="s">
        <v>1523</v>
      </c>
      <c r="T6664" s="5" t="s">
        <v>42</v>
      </c>
      <c r="U6664" s="2">
        <v>2.024</v>
      </c>
      <c r="V6664" s="2">
        <v>1.5640000000000001</v>
      </c>
      <c r="W6664" s="2">
        <v>0.01</v>
      </c>
      <c r="X6664" s="2">
        <v>76.900000000000006</v>
      </c>
      <c r="Y6664" s="2">
        <v>7.6</v>
      </c>
      <c r="Z6664" s="2">
        <v>16.7</v>
      </c>
      <c r="AA6664" s="5"/>
      <c r="AB6664" s="5" t="s">
        <v>43</v>
      </c>
      <c r="AC6664" s="5" t="s">
        <v>44</v>
      </c>
      <c r="AD6664" s="2"/>
      <c r="AE6664" s="1"/>
    </row>
    <row r="6665" spans="1:31" ht="14.45">
      <c r="A6665" s="11"/>
      <c r="B6665" s="20"/>
      <c r="C6665" s="2" t="s">
        <v>20467</v>
      </c>
      <c r="D6665" s="14" t="s">
        <v>20468</v>
      </c>
      <c r="E6665" s="2" t="s">
        <v>20469</v>
      </c>
      <c r="F6665" s="2" t="s">
        <v>7543</v>
      </c>
      <c r="G6665" s="8">
        <v>224</v>
      </c>
      <c r="H6665" s="5">
        <v>6</v>
      </c>
      <c r="I6665" s="5" t="s">
        <v>1518</v>
      </c>
      <c r="J6665" s="5" t="s">
        <v>1519</v>
      </c>
      <c r="K6665" s="2" t="s">
        <v>1520</v>
      </c>
      <c r="L6665" s="5" t="s">
        <v>1519</v>
      </c>
      <c r="M6665" s="2" t="s">
        <v>1520</v>
      </c>
      <c r="N6665" s="5" t="s">
        <v>1521</v>
      </c>
      <c r="O6665" s="5" t="s">
        <v>38</v>
      </c>
      <c r="P6665" s="5" t="s">
        <v>39</v>
      </c>
      <c r="Q6665" s="5" t="s">
        <v>40</v>
      </c>
      <c r="R6665" s="5" t="s">
        <v>1522</v>
      </c>
      <c r="S6665" s="5" t="s">
        <v>1523</v>
      </c>
      <c r="T6665" s="5" t="s">
        <v>42</v>
      </c>
      <c r="U6665" s="2">
        <v>2.0739999999999998</v>
      </c>
      <c r="V6665" s="2">
        <v>1.6140000000000001</v>
      </c>
      <c r="W6665" s="2">
        <v>0.01</v>
      </c>
      <c r="X6665" s="2">
        <v>76.900000000000006</v>
      </c>
      <c r="Y6665" s="2">
        <v>7.6</v>
      </c>
      <c r="Z6665" s="2">
        <v>16.7</v>
      </c>
      <c r="AA6665" s="5"/>
      <c r="AB6665" s="5" t="s">
        <v>43</v>
      </c>
      <c r="AC6665" s="5" t="s">
        <v>44</v>
      </c>
      <c r="AD6665" s="2"/>
      <c r="AE6665" s="1"/>
    </row>
    <row r="6666" spans="1:31" ht="14.45">
      <c r="A6666" s="11"/>
      <c r="B6666" s="20"/>
      <c r="C6666" s="2" t="s">
        <v>20470</v>
      </c>
      <c r="D6666" s="14" t="s">
        <v>20471</v>
      </c>
      <c r="E6666" s="2" t="s">
        <v>20472</v>
      </c>
      <c r="F6666" s="2" t="s">
        <v>7547</v>
      </c>
      <c r="G6666" s="8">
        <v>224</v>
      </c>
      <c r="H6666" s="5">
        <v>6</v>
      </c>
      <c r="I6666" s="5" t="s">
        <v>1518</v>
      </c>
      <c r="J6666" s="5" t="s">
        <v>1519</v>
      </c>
      <c r="K6666" s="2" t="s">
        <v>1520</v>
      </c>
      <c r="L6666" s="5" t="s">
        <v>1519</v>
      </c>
      <c r="M6666" s="2" t="s">
        <v>1520</v>
      </c>
      <c r="N6666" s="5" t="s">
        <v>1521</v>
      </c>
      <c r="O6666" s="5" t="s">
        <v>38</v>
      </c>
      <c r="P6666" s="5" t="s">
        <v>39</v>
      </c>
      <c r="Q6666" s="5" t="s">
        <v>40</v>
      </c>
      <c r="R6666" s="5" t="s">
        <v>1522</v>
      </c>
      <c r="S6666" s="5" t="s">
        <v>1523</v>
      </c>
      <c r="T6666" s="5" t="s">
        <v>42</v>
      </c>
      <c r="U6666" s="2">
        <v>2.0169999999999999</v>
      </c>
      <c r="V6666" s="2">
        <v>1.5569999999999999</v>
      </c>
      <c r="W6666" s="2">
        <v>0.01</v>
      </c>
      <c r="X6666" s="2">
        <v>76.900000000000006</v>
      </c>
      <c r="Y6666" s="2">
        <v>7.6</v>
      </c>
      <c r="Z6666" s="2">
        <v>16.7</v>
      </c>
      <c r="AA6666" s="5"/>
      <c r="AB6666" s="5" t="s">
        <v>43</v>
      </c>
      <c r="AC6666" s="5" t="s">
        <v>44</v>
      </c>
      <c r="AD6666" s="2"/>
      <c r="AE6666" s="1"/>
    </row>
    <row r="6667" spans="1:31" ht="14.45">
      <c r="A6667" s="11"/>
      <c r="B6667" s="20"/>
      <c r="C6667" s="2" t="s">
        <v>20473</v>
      </c>
      <c r="D6667" s="14" t="s">
        <v>20474</v>
      </c>
      <c r="E6667" s="2" t="s">
        <v>20475</v>
      </c>
      <c r="F6667" s="2" t="s">
        <v>7551</v>
      </c>
      <c r="G6667" s="8">
        <v>224</v>
      </c>
      <c r="H6667" s="5">
        <v>6</v>
      </c>
      <c r="I6667" s="5" t="s">
        <v>1518</v>
      </c>
      <c r="J6667" s="5" t="s">
        <v>1519</v>
      </c>
      <c r="K6667" s="2" t="s">
        <v>1520</v>
      </c>
      <c r="L6667" s="5" t="s">
        <v>1519</v>
      </c>
      <c r="M6667" s="2" t="s">
        <v>1520</v>
      </c>
      <c r="N6667" s="5" t="s">
        <v>1521</v>
      </c>
      <c r="O6667" s="5" t="s">
        <v>38</v>
      </c>
      <c r="P6667" s="5" t="s">
        <v>39</v>
      </c>
      <c r="Q6667" s="5" t="s">
        <v>40</v>
      </c>
      <c r="R6667" s="5" t="s">
        <v>1522</v>
      </c>
      <c r="S6667" s="5" t="s">
        <v>1523</v>
      </c>
      <c r="T6667" s="5" t="s">
        <v>42</v>
      </c>
      <c r="U6667" s="2">
        <v>2.0670000000000002</v>
      </c>
      <c r="V6667" s="2">
        <v>1.607</v>
      </c>
      <c r="W6667" s="2">
        <v>0.01</v>
      </c>
      <c r="X6667" s="2">
        <v>76.900000000000006</v>
      </c>
      <c r="Y6667" s="2">
        <v>7.6</v>
      </c>
      <c r="Z6667" s="2">
        <v>16.7</v>
      </c>
      <c r="AA6667" s="5"/>
      <c r="AB6667" s="5" t="s">
        <v>43</v>
      </c>
      <c r="AC6667" s="5" t="s">
        <v>44</v>
      </c>
      <c r="AD6667" s="2"/>
      <c r="AE6667" s="1"/>
    </row>
    <row r="6668" spans="1:31" ht="14.45">
      <c r="A6668" s="11"/>
      <c r="B6668" s="20"/>
      <c r="C6668" s="2" t="s">
        <v>20476</v>
      </c>
      <c r="D6668" s="14" t="s">
        <v>20477</v>
      </c>
      <c r="E6668" s="2" t="s">
        <v>20478</v>
      </c>
      <c r="F6668" s="2" t="s">
        <v>7555</v>
      </c>
      <c r="G6668" s="8">
        <v>224</v>
      </c>
      <c r="H6668" s="5">
        <v>6</v>
      </c>
      <c r="I6668" s="5" t="s">
        <v>1518</v>
      </c>
      <c r="J6668" s="5" t="s">
        <v>1519</v>
      </c>
      <c r="K6668" s="2" t="s">
        <v>1520</v>
      </c>
      <c r="L6668" s="5" t="s">
        <v>1519</v>
      </c>
      <c r="M6668" s="2" t="s">
        <v>1520</v>
      </c>
      <c r="N6668" s="5" t="s">
        <v>1521</v>
      </c>
      <c r="O6668" s="5" t="s">
        <v>38</v>
      </c>
      <c r="P6668" s="5" t="s">
        <v>39</v>
      </c>
      <c r="Q6668" s="5" t="s">
        <v>40</v>
      </c>
      <c r="R6668" s="5" t="s">
        <v>1522</v>
      </c>
      <c r="S6668" s="5" t="s">
        <v>1523</v>
      </c>
      <c r="T6668" s="5" t="s">
        <v>42</v>
      </c>
      <c r="U6668" s="2">
        <v>2.0169999999999999</v>
      </c>
      <c r="V6668" s="2">
        <v>1.5569999999999999</v>
      </c>
      <c r="W6668" s="2">
        <v>0.01</v>
      </c>
      <c r="X6668" s="2">
        <v>76.900000000000006</v>
      </c>
      <c r="Y6668" s="2">
        <v>7.6</v>
      </c>
      <c r="Z6668" s="2">
        <v>16.7</v>
      </c>
      <c r="AA6668" s="5"/>
      <c r="AB6668" s="5" t="s">
        <v>43</v>
      </c>
      <c r="AC6668" s="5" t="s">
        <v>44</v>
      </c>
      <c r="AD6668" s="2"/>
      <c r="AE6668" s="1"/>
    </row>
    <row r="6669" spans="1:31" ht="14.45">
      <c r="A6669" s="11"/>
      <c r="B6669" s="20"/>
      <c r="C6669" s="2" t="s">
        <v>20479</v>
      </c>
      <c r="D6669" s="14" t="s">
        <v>20480</v>
      </c>
      <c r="E6669" s="2" t="s">
        <v>20481</v>
      </c>
      <c r="F6669" s="2" t="s">
        <v>7559</v>
      </c>
      <c r="G6669" s="8">
        <v>224</v>
      </c>
      <c r="H6669" s="5">
        <v>6</v>
      </c>
      <c r="I6669" s="5" t="s">
        <v>1518</v>
      </c>
      <c r="J6669" s="5" t="s">
        <v>1519</v>
      </c>
      <c r="K6669" s="2" t="s">
        <v>1520</v>
      </c>
      <c r="L6669" s="5" t="s">
        <v>1519</v>
      </c>
      <c r="M6669" s="2" t="s">
        <v>1520</v>
      </c>
      <c r="N6669" s="5" t="s">
        <v>1521</v>
      </c>
      <c r="O6669" s="5" t="s">
        <v>38</v>
      </c>
      <c r="P6669" s="5" t="s">
        <v>39</v>
      </c>
      <c r="Q6669" s="5" t="s">
        <v>40</v>
      </c>
      <c r="R6669" s="5" t="s">
        <v>1522</v>
      </c>
      <c r="S6669" s="5" t="s">
        <v>1523</v>
      </c>
      <c r="T6669" s="5" t="s">
        <v>42</v>
      </c>
      <c r="U6669" s="2">
        <v>2.0670000000000002</v>
      </c>
      <c r="V6669" s="2">
        <v>1.607</v>
      </c>
      <c r="W6669" s="2">
        <v>0.01</v>
      </c>
      <c r="X6669" s="2">
        <v>76.900000000000006</v>
      </c>
      <c r="Y6669" s="2">
        <v>7.6</v>
      </c>
      <c r="Z6669" s="2">
        <v>16.7</v>
      </c>
      <c r="AA6669" s="5"/>
      <c r="AB6669" s="5" t="s">
        <v>43</v>
      </c>
      <c r="AC6669" s="5" t="s">
        <v>44</v>
      </c>
      <c r="AD6669" s="2"/>
      <c r="AE6669" s="1"/>
    </row>
    <row r="6670" spans="1:31" ht="14.45">
      <c r="A6670" s="11"/>
      <c r="B6670" s="20"/>
      <c r="C6670" s="2" t="s">
        <v>20482</v>
      </c>
      <c r="D6670" s="14" t="s">
        <v>20483</v>
      </c>
      <c r="E6670" s="2" t="s">
        <v>20484</v>
      </c>
      <c r="F6670" s="2" t="s">
        <v>7563</v>
      </c>
      <c r="G6670" s="8">
        <v>224</v>
      </c>
      <c r="H6670" s="5">
        <v>6</v>
      </c>
      <c r="I6670" s="5" t="s">
        <v>1518</v>
      </c>
      <c r="J6670" s="5" t="s">
        <v>1519</v>
      </c>
      <c r="K6670" s="2" t="s">
        <v>1520</v>
      </c>
      <c r="L6670" s="5" t="s">
        <v>1519</v>
      </c>
      <c r="M6670" s="2" t="s">
        <v>1520</v>
      </c>
      <c r="N6670" s="5" t="s">
        <v>1521</v>
      </c>
      <c r="O6670" s="5" t="s">
        <v>38</v>
      </c>
      <c r="P6670" s="5" t="s">
        <v>39</v>
      </c>
      <c r="Q6670" s="5" t="s">
        <v>40</v>
      </c>
      <c r="R6670" s="5" t="s">
        <v>1522</v>
      </c>
      <c r="S6670" s="5" t="s">
        <v>1523</v>
      </c>
      <c r="T6670" s="5" t="s">
        <v>42</v>
      </c>
      <c r="U6670" s="2">
        <v>2.024</v>
      </c>
      <c r="V6670" s="2">
        <v>1.5640000000000001</v>
      </c>
      <c r="W6670" s="2">
        <v>0.01</v>
      </c>
      <c r="X6670" s="2">
        <v>76.900000000000006</v>
      </c>
      <c r="Y6670" s="2">
        <v>7.6</v>
      </c>
      <c r="Z6670" s="2">
        <v>16.7</v>
      </c>
      <c r="AA6670" s="5"/>
      <c r="AB6670" s="5" t="s">
        <v>43</v>
      </c>
      <c r="AC6670" s="5" t="s">
        <v>44</v>
      </c>
      <c r="AD6670" s="2"/>
      <c r="AE6670" s="1"/>
    </row>
    <row r="6671" spans="1:31" ht="14.45">
      <c r="A6671" s="11"/>
      <c r="B6671" s="20"/>
      <c r="C6671" s="2" t="s">
        <v>20485</v>
      </c>
      <c r="D6671" s="14" t="s">
        <v>20486</v>
      </c>
      <c r="E6671" s="2" t="s">
        <v>20487</v>
      </c>
      <c r="F6671" s="2" t="s">
        <v>7567</v>
      </c>
      <c r="G6671" s="8">
        <v>224</v>
      </c>
      <c r="H6671" s="5">
        <v>6</v>
      </c>
      <c r="I6671" s="5" t="s">
        <v>1518</v>
      </c>
      <c r="J6671" s="5" t="s">
        <v>1519</v>
      </c>
      <c r="K6671" s="2" t="s">
        <v>1520</v>
      </c>
      <c r="L6671" s="5" t="s">
        <v>1519</v>
      </c>
      <c r="M6671" s="2" t="s">
        <v>1520</v>
      </c>
      <c r="N6671" s="5" t="s">
        <v>1521</v>
      </c>
      <c r="O6671" s="5" t="s">
        <v>38</v>
      </c>
      <c r="P6671" s="5" t="s">
        <v>39</v>
      </c>
      <c r="Q6671" s="5" t="s">
        <v>40</v>
      </c>
      <c r="R6671" s="5" t="s">
        <v>1522</v>
      </c>
      <c r="S6671" s="5" t="s">
        <v>1523</v>
      </c>
      <c r="T6671" s="5" t="s">
        <v>42</v>
      </c>
      <c r="U6671" s="2">
        <v>2.0739999999999998</v>
      </c>
      <c r="V6671" s="2">
        <v>1.6140000000000001</v>
      </c>
      <c r="W6671" s="2">
        <v>0.01</v>
      </c>
      <c r="X6671" s="2">
        <v>76.900000000000006</v>
      </c>
      <c r="Y6671" s="2">
        <v>7.6</v>
      </c>
      <c r="Z6671" s="2">
        <v>16.7</v>
      </c>
      <c r="AA6671" s="5"/>
      <c r="AB6671" s="5" t="s">
        <v>43</v>
      </c>
      <c r="AC6671" s="5" t="s">
        <v>44</v>
      </c>
      <c r="AD6671" s="2"/>
      <c r="AE6671" s="1"/>
    </row>
    <row r="6672" spans="1:31" ht="14.45">
      <c r="A6672" s="11"/>
      <c r="B6672" s="20"/>
      <c r="C6672" s="2" t="s">
        <v>20488</v>
      </c>
      <c r="D6672" s="14" t="s">
        <v>20489</v>
      </c>
      <c r="E6672" s="2" t="s">
        <v>20490</v>
      </c>
      <c r="F6672" s="2" t="s">
        <v>16079</v>
      </c>
      <c r="G6672" s="8">
        <v>224</v>
      </c>
      <c r="H6672" s="5">
        <v>6</v>
      </c>
      <c r="I6672" s="5" t="s">
        <v>1518</v>
      </c>
      <c r="J6672" s="5" t="s">
        <v>1519</v>
      </c>
      <c r="K6672" s="2" t="s">
        <v>1520</v>
      </c>
      <c r="L6672" s="5" t="s">
        <v>1519</v>
      </c>
      <c r="M6672" s="2" t="s">
        <v>1520</v>
      </c>
      <c r="N6672" s="5" t="s">
        <v>1521</v>
      </c>
      <c r="O6672" s="5" t="s">
        <v>38</v>
      </c>
      <c r="P6672" s="5" t="s">
        <v>39</v>
      </c>
      <c r="Q6672" s="5" t="s">
        <v>40</v>
      </c>
      <c r="R6672" s="5" t="s">
        <v>1522</v>
      </c>
      <c r="S6672" s="5" t="s">
        <v>1523</v>
      </c>
      <c r="T6672" s="5" t="s">
        <v>42</v>
      </c>
      <c r="U6672" s="2">
        <v>2.024</v>
      </c>
      <c r="V6672" s="2">
        <v>1.5640000000000001</v>
      </c>
      <c r="W6672" s="2">
        <v>0.01</v>
      </c>
      <c r="X6672" s="2">
        <v>76.900000000000006</v>
      </c>
      <c r="Y6672" s="2">
        <v>7.6</v>
      </c>
      <c r="Z6672" s="2">
        <v>16.7</v>
      </c>
      <c r="AA6672" s="5"/>
      <c r="AB6672" s="5" t="s">
        <v>43</v>
      </c>
      <c r="AC6672" s="5" t="s">
        <v>44</v>
      </c>
      <c r="AD6672" s="2"/>
      <c r="AE6672" s="1"/>
    </row>
    <row r="6673" spans="1:31" ht="14.45">
      <c r="A6673" s="11"/>
      <c r="B6673" s="20"/>
      <c r="C6673" s="2" t="s">
        <v>20491</v>
      </c>
      <c r="D6673" s="14" t="s">
        <v>20492</v>
      </c>
      <c r="E6673" s="2" t="s">
        <v>20493</v>
      </c>
      <c r="F6673" s="2" t="s">
        <v>16194</v>
      </c>
      <c r="G6673" s="8">
        <v>224</v>
      </c>
      <c r="H6673" s="5">
        <v>6</v>
      </c>
      <c r="I6673" s="5" t="s">
        <v>1518</v>
      </c>
      <c r="J6673" s="5" t="s">
        <v>1519</v>
      </c>
      <c r="K6673" s="2" t="s">
        <v>1520</v>
      </c>
      <c r="L6673" s="5" t="s">
        <v>1519</v>
      </c>
      <c r="M6673" s="2" t="s">
        <v>1520</v>
      </c>
      <c r="N6673" s="5" t="s">
        <v>1521</v>
      </c>
      <c r="O6673" s="5" t="s">
        <v>38</v>
      </c>
      <c r="P6673" s="5" t="s">
        <v>39</v>
      </c>
      <c r="Q6673" s="5" t="s">
        <v>40</v>
      </c>
      <c r="R6673" s="5" t="s">
        <v>1522</v>
      </c>
      <c r="S6673" s="5" t="s">
        <v>1523</v>
      </c>
      <c r="T6673" s="5" t="s">
        <v>42</v>
      </c>
      <c r="U6673" s="2">
        <v>2.0739999999999998</v>
      </c>
      <c r="V6673" s="2">
        <v>1.6140000000000001</v>
      </c>
      <c r="W6673" s="2">
        <v>0.01</v>
      </c>
      <c r="X6673" s="2">
        <v>76.900000000000006</v>
      </c>
      <c r="Y6673" s="2">
        <v>7.6</v>
      </c>
      <c r="Z6673" s="2">
        <v>16.7</v>
      </c>
      <c r="AA6673" s="5"/>
      <c r="AB6673" s="5" t="s">
        <v>43</v>
      </c>
      <c r="AC6673" s="5" t="s">
        <v>44</v>
      </c>
      <c r="AD6673" s="2"/>
      <c r="AE6673" s="1"/>
    </row>
    <row r="6674" spans="1:31" ht="14.45">
      <c r="A6674" s="11"/>
      <c r="B6674" s="20"/>
      <c r="C6674" s="2" t="s">
        <v>20494</v>
      </c>
      <c r="D6674" s="14" t="s">
        <v>20495</v>
      </c>
      <c r="E6674" s="2" t="s">
        <v>20496</v>
      </c>
      <c r="F6674" s="2" t="s">
        <v>7449</v>
      </c>
      <c r="G6674" s="8">
        <v>224</v>
      </c>
      <c r="H6674" s="5">
        <v>6</v>
      </c>
      <c r="I6674" s="5" t="s">
        <v>1518</v>
      </c>
      <c r="J6674" s="5" t="s">
        <v>1519</v>
      </c>
      <c r="K6674" s="2" t="s">
        <v>1520</v>
      </c>
      <c r="L6674" s="5" t="s">
        <v>1519</v>
      </c>
      <c r="M6674" s="2" t="s">
        <v>1520</v>
      </c>
      <c r="N6674" s="5" t="s">
        <v>1521</v>
      </c>
      <c r="O6674" s="5" t="s">
        <v>38</v>
      </c>
      <c r="P6674" s="5" t="s">
        <v>39</v>
      </c>
      <c r="Q6674" s="5" t="s">
        <v>40</v>
      </c>
      <c r="R6674" s="5" t="s">
        <v>1522</v>
      </c>
      <c r="S6674" s="5" t="s">
        <v>1523</v>
      </c>
      <c r="T6674" s="5" t="s">
        <v>42</v>
      </c>
      <c r="U6674" s="2">
        <v>2.024</v>
      </c>
      <c r="V6674" s="2">
        <v>1.5640000000000001</v>
      </c>
      <c r="W6674" s="2">
        <v>0.01</v>
      </c>
      <c r="X6674" s="2">
        <v>76.900000000000006</v>
      </c>
      <c r="Y6674" s="2">
        <v>7.6</v>
      </c>
      <c r="Z6674" s="2">
        <v>16.7</v>
      </c>
      <c r="AA6674" s="5"/>
      <c r="AB6674" s="5" t="s">
        <v>43</v>
      </c>
      <c r="AC6674" s="5" t="s">
        <v>44</v>
      </c>
      <c r="AD6674" s="2"/>
      <c r="AE6674" s="1"/>
    </row>
    <row r="6675" spans="1:31" ht="14.45">
      <c r="A6675" s="11"/>
      <c r="B6675" s="20"/>
      <c r="C6675" s="2" t="s">
        <v>20497</v>
      </c>
      <c r="D6675" s="14" t="s">
        <v>20498</v>
      </c>
      <c r="E6675" s="2" t="s">
        <v>20499</v>
      </c>
      <c r="F6675" s="2" t="s">
        <v>7581</v>
      </c>
      <c r="G6675" s="8">
        <v>224</v>
      </c>
      <c r="H6675" s="5">
        <v>6</v>
      </c>
      <c r="I6675" s="5" t="s">
        <v>1518</v>
      </c>
      <c r="J6675" s="5" t="s">
        <v>1519</v>
      </c>
      <c r="K6675" s="2" t="s">
        <v>1520</v>
      </c>
      <c r="L6675" s="5" t="s">
        <v>1519</v>
      </c>
      <c r="M6675" s="2" t="s">
        <v>1520</v>
      </c>
      <c r="N6675" s="5" t="s">
        <v>1521</v>
      </c>
      <c r="O6675" s="5" t="s">
        <v>38</v>
      </c>
      <c r="P6675" s="5" t="s">
        <v>39</v>
      </c>
      <c r="Q6675" s="5" t="s">
        <v>40</v>
      </c>
      <c r="R6675" s="5" t="s">
        <v>1522</v>
      </c>
      <c r="S6675" s="5" t="s">
        <v>1523</v>
      </c>
      <c r="T6675" s="5" t="s">
        <v>42</v>
      </c>
      <c r="U6675" s="2">
        <v>2.0739999999999998</v>
      </c>
      <c r="V6675" s="2">
        <v>1.6140000000000001</v>
      </c>
      <c r="W6675" s="2">
        <v>0.01</v>
      </c>
      <c r="X6675" s="2">
        <v>76.900000000000006</v>
      </c>
      <c r="Y6675" s="2">
        <v>7.6</v>
      </c>
      <c r="Z6675" s="2">
        <v>16.7</v>
      </c>
      <c r="AA6675" s="5"/>
      <c r="AB6675" s="5" t="s">
        <v>43</v>
      </c>
      <c r="AC6675" s="5" t="s">
        <v>44</v>
      </c>
      <c r="AD6675" s="2"/>
      <c r="AE6675" s="1"/>
    </row>
    <row r="6676" spans="1:31" ht="14.45">
      <c r="A6676" s="11"/>
      <c r="B6676" s="20"/>
      <c r="C6676" s="2" t="s">
        <v>20500</v>
      </c>
      <c r="D6676" s="14" t="s">
        <v>20501</v>
      </c>
      <c r="E6676" s="2" t="s">
        <v>20502</v>
      </c>
      <c r="F6676" s="2" t="s">
        <v>7585</v>
      </c>
      <c r="G6676" s="8">
        <v>224</v>
      </c>
      <c r="H6676" s="5">
        <v>6</v>
      </c>
      <c r="I6676" s="5" t="s">
        <v>1518</v>
      </c>
      <c r="J6676" s="5" t="s">
        <v>1519</v>
      </c>
      <c r="K6676" s="2" t="s">
        <v>1520</v>
      </c>
      <c r="L6676" s="5" t="s">
        <v>1519</v>
      </c>
      <c r="M6676" s="2" t="s">
        <v>1520</v>
      </c>
      <c r="N6676" s="5" t="s">
        <v>1521</v>
      </c>
      <c r="O6676" s="5" t="s">
        <v>38</v>
      </c>
      <c r="P6676" s="5" t="s">
        <v>39</v>
      </c>
      <c r="Q6676" s="5" t="s">
        <v>40</v>
      </c>
      <c r="R6676" s="5" t="s">
        <v>1522</v>
      </c>
      <c r="S6676" s="5" t="s">
        <v>1523</v>
      </c>
      <c r="T6676" s="5" t="s">
        <v>42</v>
      </c>
      <c r="U6676" s="2">
        <v>2.0169999999999999</v>
      </c>
      <c r="V6676" s="2">
        <v>1.5569999999999999</v>
      </c>
      <c r="W6676" s="2">
        <v>0.01</v>
      </c>
      <c r="X6676" s="2">
        <v>76.900000000000006</v>
      </c>
      <c r="Y6676" s="2">
        <v>7.6</v>
      </c>
      <c r="Z6676" s="2">
        <v>16.7</v>
      </c>
      <c r="AA6676" s="5"/>
      <c r="AB6676" s="5" t="s">
        <v>43</v>
      </c>
      <c r="AC6676" s="5" t="s">
        <v>44</v>
      </c>
      <c r="AD6676" s="2"/>
      <c r="AE6676" s="1"/>
    </row>
    <row r="6677" spans="1:31" ht="14.45">
      <c r="A6677" s="11"/>
      <c r="B6677" s="20"/>
      <c r="C6677" s="2" t="s">
        <v>20503</v>
      </c>
      <c r="D6677" s="14" t="s">
        <v>20504</v>
      </c>
      <c r="E6677" s="2" t="s">
        <v>20505</v>
      </c>
      <c r="F6677" s="2" t="s">
        <v>7589</v>
      </c>
      <c r="G6677" s="8">
        <v>224</v>
      </c>
      <c r="H6677" s="5">
        <v>6</v>
      </c>
      <c r="I6677" s="5" t="s">
        <v>1518</v>
      </c>
      <c r="J6677" s="5" t="s">
        <v>1519</v>
      </c>
      <c r="K6677" s="2" t="s">
        <v>1520</v>
      </c>
      <c r="L6677" s="5" t="s">
        <v>1519</v>
      </c>
      <c r="M6677" s="2" t="s">
        <v>1520</v>
      </c>
      <c r="N6677" s="5" t="s">
        <v>1521</v>
      </c>
      <c r="O6677" s="5" t="s">
        <v>38</v>
      </c>
      <c r="P6677" s="5" t="s">
        <v>39</v>
      </c>
      <c r="Q6677" s="5" t="s">
        <v>40</v>
      </c>
      <c r="R6677" s="5" t="s">
        <v>1522</v>
      </c>
      <c r="S6677" s="5" t="s">
        <v>1523</v>
      </c>
      <c r="T6677" s="5" t="s">
        <v>42</v>
      </c>
      <c r="U6677" s="2">
        <v>2.0670000000000002</v>
      </c>
      <c r="V6677" s="2">
        <v>1.607</v>
      </c>
      <c r="W6677" s="2">
        <v>0.01</v>
      </c>
      <c r="X6677" s="2">
        <v>76.900000000000006</v>
      </c>
      <c r="Y6677" s="2">
        <v>7.6</v>
      </c>
      <c r="Z6677" s="2">
        <v>16.7</v>
      </c>
      <c r="AA6677" s="5"/>
      <c r="AB6677" s="5" t="s">
        <v>43</v>
      </c>
      <c r="AC6677" s="5" t="s">
        <v>44</v>
      </c>
      <c r="AD6677" s="2"/>
      <c r="AE6677" s="1"/>
    </row>
    <row r="6678" spans="1:31" ht="14.45">
      <c r="A6678" s="11"/>
      <c r="B6678" s="20"/>
      <c r="C6678" s="2" t="s">
        <v>20506</v>
      </c>
      <c r="D6678" s="14" t="s">
        <v>20507</v>
      </c>
      <c r="E6678" s="2" t="s">
        <v>20508</v>
      </c>
      <c r="F6678" s="2" t="s">
        <v>7593</v>
      </c>
      <c r="G6678" s="8">
        <v>224</v>
      </c>
      <c r="H6678" s="5">
        <v>6</v>
      </c>
      <c r="I6678" s="5" t="s">
        <v>1518</v>
      </c>
      <c r="J6678" s="5" t="s">
        <v>1519</v>
      </c>
      <c r="K6678" s="2" t="s">
        <v>1520</v>
      </c>
      <c r="L6678" s="5" t="s">
        <v>1519</v>
      </c>
      <c r="M6678" s="2" t="s">
        <v>1520</v>
      </c>
      <c r="N6678" s="5" t="s">
        <v>1521</v>
      </c>
      <c r="O6678" s="5" t="s">
        <v>38</v>
      </c>
      <c r="P6678" s="5" t="s">
        <v>39</v>
      </c>
      <c r="Q6678" s="5" t="s">
        <v>40</v>
      </c>
      <c r="R6678" s="5" t="s">
        <v>1522</v>
      </c>
      <c r="S6678" s="5" t="s">
        <v>1523</v>
      </c>
      <c r="T6678" s="5" t="s">
        <v>42</v>
      </c>
      <c r="U6678" s="2">
        <v>2.024</v>
      </c>
      <c r="V6678" s="2">
        <v>1.5640000000000001</v>
      </c>
      <c r="W6678" s="2">
        <v>0.01</v>
      </c>
      <c r="X6678" s="2">
        <v>76.900000000000006</v>
      </c>
      <c r="Y6678" s="2">
        <v>7.6</v>
      </c>
      <c r="Z6678" s="2">
        <v>16.7</v>
      </c>
      <c r="AA6678" s="5"/>
      <c r="AB6678" s="5" t="s">
        <v>43</v>
      </c>
      <c r="AC6678" s="5" t="s">
        <v>44</v>
      </c>
      <c r="AD6678" s="2"/>
      <c r="AE6678" s="1"/>
    </row>
    <row r="6679" spans="1:31" ht="14.45">
      <c r="A6679" s="11"/>
      <c r="B6679" s="20"/>
      <c r="C6679" s="2" t="s">
        <v>20509</v>
      </c>
      <c r="D6679" s="14" t="s">
        <v>20510</v>
      </c>
      <c r="E6679" s="2" t="s">
        <v>20511</v>
      </c>
      <c r="F6679" s="2" t="s">
        <v>7597</v>
      </c>
      <c r="G6679" s="8">
        <v>224</v>
      </c>
      <c r="H6679" s="5">
        <v>6</v>
      </c>
      <c r="I6679" s="5" t="s">
        <v>1518</v>
      </c>
      <c r="J6679" s="5" t="s">
        <v>1519</v>
      </c>
      <c r="K6679" s="2" t="s">
        <v>1520</v>
      </c>
      <c r="L6679" s="5" t="s">
        <v>1519</v>
      </c>
      <c r="M6679" s="2" t="s">
        <v>1520</v>
      </c>
      <c r="N6679" s="5" t="s">
        <v>1521</v>
      </c>
      <c r="O6679" s="5" t="s">
        <v>38</v>
      </c>
      <c r="P6679" s="5" t="s">
        <v>39</v>
      </c>
      <c r="Q6679" s="5" t="s">
        <v>40</v>
      </c>
      <c r="R6679" s="5" t="s">
        <v>1522</v>
      </c>
      <c r="S6679" s="5" t="s">
        <v>1523</v>
      </c>
      <c r="T6679" s="5" t="s">
        <v>42</v>
      </c>
      <c r="U6679" s="2">
        <v>2.0739999999999998</v>
      </c>
      <c r="V6679" s="2">
        <v>1.6140000000000001</v>
      </c>
      <c r="W6679" s="2">
        <v>0.01</v>
      </c>
      <c r="X6679" s="2">
        <v>76.900000000000006</v>
      </c>
      <c r="Y6679" s="2">
        <v>7.6</v>
      </c>
      <c r="Z6679" s="2">
        <v>16.7</v>
      </c>
      <c r="AA6679" s="5"/>
      <c r="AB6679" s="5" t="s">
        <v>43</v>
      </c>
      <c r="AC6679" s="5" t="s">
        <v>44</v>
      </c>
      <c r="AD6679" s="2"/>
      <c r="AE6679" s="1"/>
    </row>
    <row r="6680" spans="1:31" ht="14.45">
      <c r="A6680" s="11"/>
      <c r="B6680" s="20"/>
      <c r="C6680" s="2" t="s">
        <v>20512</v>
      </c>
      <c r="D6680" s="14" t="s">
        <v>20513</v>
      </c>
      <c r="E6680" s="2" t="s">
        <v>20514</v>
      </c>
      <c r="F6680" s="2" t="s">
        <v>16014</v>
      </c>
      <c r="G6680" s="8">
        <v>224</v>
      </c>
      <c r="H6680" s="5">
        <v>6</v>
      </c>
      <c r="I6680" s="5" t="s">
        <v>1518</v>
      </c>
      <c r="J6680" s="5" t="s">
        <v>1519</v>
      </c>
      <c r="K6680" s="2" t="s">
        <v>1520</v>
      </c>
      <c r="L6680" s="5" t="s">
        <v>1519</v>
      </c>
      <c r="M6680" s="2" t="s">
        <v>1520</v>
      </c>
      <c r="N6680" s="5" t="s">
        <v>1521</v>
      </c>
      <c r="O6680" s="5" t="s">
        <v>38</v>
      </c>
      <c r="P6680" s="5" t="s">
        <v>39</v>
      </c>
      <c r="Q6680" s="5" t="s">
        <v>40</v>
      </c>
      <c r="R6680" s="5" t="s">
        <v>1522</v>
      </c>
      <c r="S6680" s="5" t="s">
        <v>1523</v>
      </c>
      <c r="T6680" s="5" t="s">
        <v>42</v>
      </c>
      <c r="U6680" s="2">
        <v>2.024</v>
      </c>
      <c r="V6680" s="2">
        <v>1.5640000000000001</v>
      </c>
      <c r="W6680" s="2">
        <v>0.01</v>
      </c>
      <c r="X6680" s="2">
        <v>76.900000000000006</v>
      </c>
      <c r="Y6680" s="2">
        <v>7.6</v>
      </c>
      <c r="Z6680" s="2">
        <v>16.7</v>
      </c>
      <c r="AA6680" s="5"/>
      <c r="AB6680" s="5" t="s">
        <v>43</v>
      </c>
      <c r="AC6680" s="5" t="s">
        <v>44</v>
      </c>
      <c r="AD6680" s="2"/>
      <c r="AE6680" s="1"/>
    </row>
    <row r="6681" spans="1:31" ht="14.45">
      <c r="A6681" s="11"/>
      <c r="B6681" s="20"/>
      <c r="C6681" s="2" t="s">
        <v>20515</v>
      </c>
      <c r="D6681" s="14" t="s">
        <v>20516</v>
      </c>
      <c r="E6681" s="2" t="s">
        <v>20517</v>
      </c>
      <c r="F6681" s="2" t="s">
        <v>16219</v>
      </c>
      <c r="G6681" s="8">
        <v>224</v>
      </c>
      <c r="H6681" s="5">
        <v>6</v>
      </c>
      <c r="I6681" s="5" t="s">
        <v>1518</v>
      </c>
      <c r="J6681" s="5" t="s">
        <v>1519</v>
      </c>
      <c r="K6681" s="2" t="s">
        <v>1520</v>
      </c>
      <c r="L6681" s="5" t="s">
        <v>1519</v>
      </c>
      <c r="M6681" s="2" t="s">
        <v>1520</v>
      </c>
      <c r="N6681" s="5" t="s">
        <v>1521</v>
      </c>
      <c r="O6681" s="5" t="s">
        <v>38</v>
      </c>
      <c r="P6681" s="5" t="s">
        <v>39</v>
      </c>
      <c r="Q6681" s="5" t="s">
        <v>40</v>
      </c>
      <c r="R6681" s="5" t="s">
        <v>1522</v>
      </c>
      <c r="S6681" s="5" t="s">
        <v>1523</v>
      </c>
      <c r="T6681" s="5" t="s">
        <v>42</v>
      </c>
      <c r="U6681" s="2">
        <v>2.0739999999999998</v>
      </c>
      <c r="V6681" s="2">
        <v>1.6140000000000001</v>
      </c>
      <c r="W6681" s="2">
        <v>0.01</v>
      </c>
      <c r="X6681" s="2">
        <v>76.900000000000006</v>
      </c>
      <c r="Y6681" s="2">
        <v>7.6</v>
      </c>
      <c r="Z6681" s="2">
        <v>16.7</v>
      </c>
      <c r="AA6681" s="5"/>
      <c r="AB6681" s="5" t="s">
        <v>43</v>
      </c>
      <c r="AC6681" s="5" t="s">
        <v>44</v>
      </c>
      <c r="AD6681" s="2"/>
      <c r="AE6681" s="1"/>
    </row>
    <row r="6682" spans="1:31" ht="14.45">
      <c r="A6682" s="11"/>
      <c r="B6682" s="20"/>
      <c r="C6682" s="2" t="s">
        <v>20518</v>
      </c>
      <c r="D6682" s="14" t="s">
        <v>20519</v>
      </c>
      <c r="E6682" s="2" t="s">
        <v>20520</v>
      </c>
      <c r="F6682" s="2" t="s">
        <v>16018</v>
      </c>
      <c r="G6682" s="8">
        <v>224</v>
      </c>
      <c r="H6682" s="5">
        <v>6</v>
      </c>
      <c r="I6682" s="5" t="s">
        <v>1518</v>
      </c>
      <c r="J6682" s="5" t="s">
        <v>1519</v>
      </c>
      <c r="K6682" s="2" t="s">
        <v>1520</v>
      </c>
      <c r="L6682" s="5" t="s">
        <v>1519</v>
      </c>
      <c r="M6682" s="2" t="s">
        <v>1520</v>
      </c>
      <c r="N6682" s="5" t="s">
        <v>1521</v>
      </c>
      <c r="O6682" s="5" t="s">
        <v>38</v>
      </c>
      <c r="P6682" s="5" t="s">
        <v>39</v>
      </c>
      <c r="Q6682" s="5" t="s">
        <v>40</v>
      </c>
      <c r="R6682" s="5" t="s">
        <v>1522</v>
      </c>
      <c r="S6682" s="5" t="s">
        <v>1523</v>
      </c>
      <c r="T6682" s="5" t="s">
        <v>42</v>
      </c>
      <c r="U6682" s="2">
        <v>2.024</v>
      </c>
      <c r="V6682" s="2">
        <v>1.5640000000000001</v>
      </c>
      <c r="W6682" s="2">
        <v>0.01</v>
      </c>
      <c r="X6682" s="2">
        <v>76.900000000000006</v>
      </c>
      <c r="Y6682" s="2">
        <v>7.6</v>
      </c>
      <c r="Z6682" s="2">
        <v>16.7</v>
      </c>
      <c r="AA6682" s="5"/>
      <c r="AB6682" s="5" t="s">
        <v>43</v>
      </c>
      <c r="AC6682" s="5" t="s">
        <v>44</v>
      </c>
      <c r="AD6682" s="2"/>
      <c r="AE6682" s="1"/>
    </row>
    <row r="6683" spans="1:31" ht="14.45">
      <c r="A6683" s="11"/>
      <c r="B6683" s="20"/>
      <c r="C6683" s="2" t="s">
        <v>20521</v>
      </c>
      <c r="D6683" s="14" t="s">
        <v>20522</v>
      </c>
      <c r="E6683" s="2" t="s">
        <v>20523</v>
      </c>
      <c r="F6683" s="2" t="s">
        <v>16022</v>
      </c>
      <c r="G6683" s="8">
        <v>224</v>
      </c>
      <c r="H6683" s="5">
        <v>6</v>
      </c>
      <c r="I6683" s="5" t="s">
        <v>1518</v>
      </c>
      <c r="J6683" s="5" t="s">
        <v>1519</v>
      </c>
      <c r="K6683" s="2" t="s">
        <v>1520</v>
      </c>
      <c r="L6683" s="5" t="s">
        <v>1519</v>
      </c>
      <c r="M6683" s="2" t="s">
        <v>1520</v>
      </c>
      <c r="N6683" s="5" t="s">
        <v>1521</v>
      </c>
      <c r="O6683" s="5" t="s">
        <v>38</v>
      </c>
      <c r="P6683" s="5" t="s">
        <v>39</v>
      </c>
      <c r="Q6683" s="5" t="s">
        <v>40</v>
      </c>
      <c r="R6683" s="5" t="s">
        <v>1522</v>
      </c>
      <c r="S6683" s="5" t="s">
        <v>1523</v>
      </c>
      <c r="T6683" s="5" t="s">
        <v>42</v>
      </c>
      <c r="U6683" s="2">
        <v>2.0739999999999998</v>
      </c>
      <c r="V6683" s="2">
        <v>1.6140000000000001</v>
      </c>
      <c r="W6683" s="2">
        <v>0.01</v>
      </c>
      <c r="X6683" s="2">
        <v>76.900000000000006</v>
      </c>
      <c r="Y6683" s="2">
        <v>7.6</v>
      </c>
      <c r="Z6683" s="2">
        <v>16.7</v>
      </c>
      <c r="AA6683" s="5"/>
      <c r="AB6683" s="5" t="s">
        <v>43</v>
      </c>
      <c r="AC6683" s="5" t="s">
        <v>44</v>
      </c>
      <c r="AD6683" s="2"/>
      <c r="AE6683" s="1"/>
    </row>
    <row r="6684" spans="1:31" ht="14.45">
      <c r="A6684" s="11"/>
      <c r="B6684" s="20"/>
      <c r="C6684" s="2" t="s">
        <v>20524</v>
      </c>
      <c r="D6684" s="14" t="s">
        <v>20525</v>
      </c>
      <c r="E6684" s="2" t="s">
        <v>20526</v>
      </c>
      <c r="F6684" s="2" t="s">
        <v>7615</v>
      </c>
      <c r="G6684" s="8">
        <v>224</v>
      </c>
      <c r="H6684" s="5">
        <v>6</v>
      </c>
      <c r="I6684" s="5" t="s">
        <v>1518</v>
      </c>
      <c r="J6684" s="5" t="s">
        <v>1519</v>
      </c>
      <c r="K6684" s="2" t="s">
        <v>1520</v>
      </c>
      <c r="L6684" s="5" t="s">
        <v>1519</v>
      </c>
      <c r="M6684" s="2" t="s">
        <v>1520</v>
      </c>
      <c r="N6684" s="5" t="s">
        <v>1521</v>
      </c>
      <c r="O6684" s="5" t="s">
        <v>38</v>
      </c>
      <c r="P6684" s="5" t="s">
        <v>39</v>
      </c>
      <c r="Q6684" s="5" t="s">
        <v>40</v>
      </c>
      <c r="R6684" s="5" t="s">
        <v>1522</v>
      </c>
      <c r="S6684" s="5" t="s">
        <v>1523</v>
      </c>
      <c r="T6684" s="5" t="s">
        <v>42</v>
      </c>
      <c r="U6684" s="2">
        <v>2.0169999999999999</v>
      </c>
      <c r="V6684" s="2">
        <v>1.5569999999999999</v>
      </c>
      <c r="W6684" s="2">
        <v>0.01</v>
      </c>
      <c r="X6684" s="2">
        <v>76.900000000000006</v>
      </c>
      <c r="Y6684" s="2">
        <v>7.6</v>
      </c>
      <c r="Z6684" s="2">
        <v>16.7</v>
      </c>
      <c r="AA6684" s="5"/>
      <c r="AB6684" s="5" t="s">
        <v>43</v>
      </c>
      <c r="AC6684" s="5" t="s">
        <v>44</v>
      </c>
      <c r="AD6684" s="2"/>
      <c r="AE6684" s="1"/>
    </row>
    <row r="6685" spans="1:31" ht="14.45">
      <c r="A6685" s="11"/>
      <c r="B6685" s="20"/>
      <c r="C6685" s="2" t="s">
        <v>20527</v>
      </c>
      <c r="D6685" s="14" t="s">
        <v>20528</v>
      </c>
      <c r="E6685" s="2" t="s">
        <v>20529</v>
      </c>
      <c r="F6685" s="2" t="s">
        <v>7619</v>
      </c>
      <c r="G6685" s="8">
        <v>224</v>
      </c>
      <c r="H6685" s="5">
        <v>6</v>
      </c>
      <c r="I6685" s="5" t="s">
        <v>1518</v>
      </c>
      <c r="J6685" s="5" t="s">
        <v>1519</v>
      </c>
      <c r="K6685" s="2" t="s">
        <v>1520</v>
      </c>
      <c r="L6685" s="5" t="s">
        <v>1519</v>
      </c>
      <c r="M6685" s="2" t="s">
        <v>1520</v>
      </c>
      <c r="N6685" s="5" t="s">
        <v>1521</v>
      </c>
      <c r="O6685" s="5" t="s">
        <v>38</v>
      </c>
      <c r="P6685" s="5" t="s">
        <v>39</v>
      </c>
      <c r="Q6685" s="5" t="s">
        <v>40</v>
      </c>
      <c r="R6685" s="5" t="s">
        <v>1522</v>
      </c>
      <c r="S6685" s="5" t="s">
        <v>1523</v>
      </c>
      <c r="T6685" s="5" t="s">
        <v>42</v>
      </c>
      <c r="U6685" s="2">
        <v>2.0670000000000002</v>
      </c>
      <c r="V6685" s="2">
        <v>1.607</v>
      </c>
      <c r="W6685" s="2">
        <v>0.01</v>
      </c>
      <c r="X6685" s="2">
        <v>76.900000000000006</v>
      </c>
      <c r="Y6685" s="2">
        <v>7.6</v>
      </c>
      <c r="Z6685" s="2">
        <v>16.7</v>
      </c>
      <c r="AA6685" s="5"/>
      <c r="AB6685" s="5" t="s">
        <v>43</v>
      </c>
      <c r="AC6685" s="5" t="s">
        <v>44</v>
      </c>
      <c r="AD6685" s="2"/>
      <c r="AE6685" s="1"/>
    </row>
    <row r="6686" spans="1:31" ht="14.45">
      <c r="A6686" s="11"/>
      <c r="B6686" s="20"/>
      <c r="C6686" s="2" t="s">
        <v>20530</v>
      </c>
      <c r="D6686" s="14" t="s">
        <v>20531</v>
      </c>
      <c r="E6686" s="2" t="s">
        <v>20532</v>
      </c>
      <c r="F6686" s="2" t="s">
        <v>16029</v>
      </c>
      <c r="G6686" s="8">
        <v>224</v>
      </c>
      <c r="H6686" s="5">
        <v>11</v>
      </c>
      <c r="I6686" s="5" t="s">
        <v>1518</v>
      </c>
      <c r="J6686" s="5" t="s">
        <v>1519</v>
      </c>
      <c r="K6686" s="2" t="s">
        <v>1520</v>
      </c>
      <c r="L6686" s="5" t="s">
        <v>1519</v>
      </c>
      <c r="M6686" s="2" t="s">
        <v>1520</v>
      </c>
      <c r="N6686" s="5" t="s">
        <v>1521</v>
      </c>
      <c r="O6686" s="5" t="s">
        <v>38</v>
      </c>
      <c r="P6686" s="5" t="s">
        <v>39</v>
      </c>
      <c r="Q6686" s="5" t="s">
        <v>40</v>
      </c>
      <c r="R6686" s="5" t="s">
        <v>1522</v>
      </c>
      <c r="S6686" s="5" t="s">
        <v>1523</v>
      </c>
      <c r="T6686" s="5" t="s">
        <v>42</v>
      </c>
      <c r="U6686" s="2">
        <v>2.0299999999999998</v>
      </c>
      <c r="V6686" s="2">
        <v>1.57</v>
      </c>
      <c r="W6686" s="2">
        <v>0.01</v>
      </c>
      <c r="X6686" s="2">
        <v>76.900000000000006</v>
      </c>
      <c r="Y6686" s="2">
        <v>7.6</v>
      </c>
      <c r="Z6686" s="2">
        <v>16.7</v>
      </c>
      <c r="AA6686" s="5"/>
      <c r="AB6686" s="5" t="s">
        <v>43</v>
      </c>
      <c r="AC6686" s="5" t="s">
        <v>44</v>
      </c>
      <c r="AD6686" s="2"/>
      <c r="AE6686" s="1"/>
    </row>
    <row r="6687" spans="1:31" ht="14.45">
      <c r="A6687" s="11"/>
      <c r="B6687" s="20"/>
      <c r="C6687" s="2" t="s">
        <v>20533</v>
      </c>
      <c r="D6687" s="14" t="s">
        <v>20534</v>
      </c>
      <c r="E6687" s="2" t="s">
        <v>20535</v>
      </c>
      <c r="F6687" s="2" t="s">
        <v>16033</v>
      </c>
      <c r="G6687" s="8">
        <v>224</v>
      </c>
      <c r="H6687" s="5">
        <v>11</v>
      </c>
      <c r="I6687" s="5" t="s">
        <v>1518</v>
      </c>
      <c r="J6687" s="5" t="s">
        <v>1519</v>
      </c>
      <c r="K6687" s="2" t="s">
        <v>1520</v>
      </c>
      <c r="L6687" s="5" t="s">
        <v>1519</v>
      </c>
      <c r="M6687" s="2" t="s">
        <v>1520</v>
      </c>
      <c r="N6687" s="5" t="s">
        <v>1521</v>
      </c>
      <c r="O6687" s="5" t="s">
        <v>38</v>
      </c>
      <c r="P6687" s="5" t="s">
        <v>39</v>
      </c>
      <c r="Q6687" s="5" t="s">
        <v>40</v>
      </c>
      <c r="R6687" s="5" t="s">
        <v>1522</v>
      </c>
      <c r="S6687" s="5" t="s">
        <v>1523</v>
      </c>
      <c r="T6687" s="5" t="s">
        <v>42</v>
      </c>
      <c r="U6687" s="2">
        <v>2.08</v>
      </c>
      <c r="V6687" s="2">
        <v>1.62</v>
      </c>
      <c r="W6687" s="2">
        <v>0.01</v>
      </c>
      <c r="X6687" s="2">
        <v>76.900000000000006</v>
      </c>
      <c r="Y6687" s="2">
        <v>7.6</v>
      </c>
      <c r="Z6687" s="2">
        <v>16.7</v>
      </c>
      <c r="AA6687" s="5"/>
      <c r="AB6687" s="5" t="s">
        <v>43</v>
      </c>
      <c r="AC6687" s="5" t="s">
        <v>44</v>
      </c>
      <c r="AD6687" s="2"/>
      <c r="AE6687" s="1"/>
    </row>
    <row r="6688" spans="1:31" ht="14.45">
      <c r="A6688" s="11"/>
      <c r="B6688" s="20"/>
      <c r="C6688" s="2" t="s">
        <v>20536</v>
      </c>
      <c r="D6688" s="14" t="s">
        <v>20537</v>
      </c>
      <c r="E6688" s="2" t="s">
        <v>20538</v>
      </c>
      <c r="F6688" s="2" t="s">
        <v>7396</v>
      </c>
      <c r="G6688" s="8">
        <v>223</v>
      </c>
      <c r="H6688" s="5">
        <v>6</v>
      </c>
      <c r="I6688" s="5" t="s">
        <v>1518</v>
      </c>
      <c r="J6688" s="5" t="s">
        <v>1519</v>
      </c>
      <c r="K6688" s="2" t="s">
        <v>1520</v>
      </c>
      <c r="L6688" s="5" t="s">
        <v>1519</v>
      </c>
      <c r="M6688" s="2" t="s">
        <v>1520</v>
      </c>
      <c r="N6688" s="5" t="s">
        <v>1521</v>
      </c>
      <c r="O6688" s="5" t="s">
        <v>38</v>
      </c>
      <c r="P6688" s="5" t="s">
        <v>39</v>
      </c>
      <c r="Q6688" s="5" t="s">
        <v>40</v>
      </c>
      <c r="R6688" s="5" t="s">
        <v>1522</v>
      </c>
      <c r="S6688" s="5" t="s">
        <v>1523</v>
      </c>
      <c r="T6688" s="5" t="s">
        <v>42</v>
      </c>
      <c r="U6688" s="2">
        <v>2.19</v>
      </c>
      <c r="V6688" s="2">
        <v>1.708</v>
      </c>
      <c r="W6688" s="2">
        <v>1.0999999999999999E-2</v>
      </c>
      <c r="X6688" s="2">
        <v>82.9</v>
      </c>
      <c r="Y6688" s="2">
        <v>7.6</v>
      </c>
      <c r="Z6688" s="2">
        <v>16.7</v>
      </c>
      <c r="AA6688" s="5"/>
      <c r="AB6688" s="5" t="s">
        <v>43</v>
      </c>
      <c r="AC6688" s="5" t="s">
        <v>44</v>
      </c>
      <c r="AD6688" s="2"/>
      <c r="AE6688" s="1"/>
    </row>
    <row r="6689" spans="1:31" ht="14.45">
      <c r="A6689" s="11"/>
      <c r="B6689" s="20"/>
      <c r="C6689" s="2" t="s">
        <v>20539</v>
      </c>
      <c r="D6689" s="14" t="s">
        <v>20540</v>
      </c>
      <c r="E6689" s="2" t="s">
        <v>20541</v>
      </c>
      <c r="F6689" s="2" t="s">
        <v>7507</v>
      </c>
      <c r="G6689" s="8">
        <v>223</v>
      </c>
      <c r="H6689" s="5">
        <v>6</v>
      </c>
      <c r="I6689" s="5" t="s">
        <v>1518</v>
      </c>
      <c r="J6689" s="5" t="s">
        <v>1519</v>
      </c>
      <c r="K6689" s="2" t="s">
        <v>1520</v>
      </c>
      <c r="L6689" s="5" t="s">
        <v>1519</v>
      </c>
      <c r="M6689" s="2" t="s">
        <v>1520</v>
      </c>
      <c r="N6689" s="5" t="s">
        <v>1521</v>
      </c>
      <c r="O6689" s="5" t="s">
        <v>38</v>
      </c>
      <c r="P6689" s="5" t="s">
        <v>39</v>
      </c>
      <c r="Q6689" s="5" t="s">
        <v>40</v>
      </c>
      <c r="R6689" s="5" t="s">
        <v>1522</v>
      </c>
      <c r="S6689" s="5" t="s">
        <v>1523</v>
      </c>
      <c r="T6689" s="5" t="s">
        <v>42</v>
      </c>
      <c r="U6689" s="2">
        <v>2.2519999999999998</v>
      </c>
      <c r="V6689" s="2">
        <v>1.77</v>
      </c>
      <c r="W6689" s="2">
        <v>1.0999999999999999E-2</v>
      </c>
      <c r="X6689" s="2">
        <v>82.9</v>
      </c>
      <c r="Y6689" s="2">
        <v>7.6</v>
      </c>
      <c r="Z6689" s="2">
        <v>16.7</v>
      </c>
      <c r="AA6689" s="5"/>
      <c r="AB6689" s="5" t="s">
        <v>43</v>
      </c>
      <c r="AC6689" s="5" t="s">
        <v>44</v>
      </c>
      <c r="AD6689" s="2"/>
      <c r="AE6689" s="1"/>
    </row>
    <row r="6690" spans="1:31" ht="14.45">
      <c r="A6690" s="11"/>
      <c r="B6690" s="20"/>
      <c r="C6690" s="2" t="s">
        <v>20542</v>
      </c>
      <c r="D6690" s="14" t="s">
        <v>20543</v>
      </c>
      <c r="E6690" s="2" t="s">
        <v>20544</v>
      </c>
      <c r="F6690" s="2" t="s">
        <v>7204</v>
      </c>
      <c r="G6690" s="8">
        <v>223</v>
      </c>
      <c r="H6690" s="5">
        <v>6</v>
      </c>
      <c r="I6690" s="5" t="s">
        <v>1518</v>
      </c>
      <c r="J6690" s="5" t="s">
        <v>1519</v>
      </c>
      <c r="K6690" s="2" t="s">
        <v>1520</v>
      </c>
      <c r="L6690" s="5" t="s">
        <v>1519</v>
      </c>
      <c r="M6690" s="2" t="s">
        <v>1520</v>
      </c>
      <c r="N6690" s="5" t="s">
        <v>1521</v>
      </c>
      <c r="O6690" s="5" t="s">
        <v>38</v>
      </c>
      <c r="P6690" s="5" t="s">
        <v>39</v>
      </c>
      <c r="Q6690" s="5" t="s">
        <v>40</v>
      </c>
      <c r="R6690" s="5" t="s">
        <v>1522</v>
      </c>
      <c r="S6690" s="5" t="s">
        <v>1523</v>
      </c>
      <c r="T6690" s="5" t="s">
        <v>42</v>
      </c>
      <c r="U6690" s="2">
        <v>2.1930000000000001</v>
      </c>
      <c r="V6690" s="2">
        <v>1.7110000000000001</v>
      </c>
      <c r="W6690" s="2">
        <v>1.0999999999999999E-2</v>
      </c>
      <c r="X6690" s="2">
        <v>82.9</v>
      </c>
      <c r="Y6690" s="2">
        <v>7.6</v>
      </c>
      <c r="Z6690" s="2">
        <v>16.7</v>
      </c>
      <c r="AA6690" s="5"/>
      <c r="AB6690" s="5" t="s">
        <v>43</v>
      </c>
      <c r="AC6690" s="5" t="s">
        <v>44</v>
      </c>
      <c r="AD6690" s="2"/>
      <c r="AE6690" s="1"/>
    </row>
    <row r="6691" spans="1:31" ht="14.45">
      <c r="A6691" s="11"/>
      <c r="B6691" s="20"/>
      <c r="C6691" s="2" t="s">
        <v>20545</v>
      </c>
      <c r="D6691" s="14" t="s">
        <v>20546</v>
      </c>
      <c r="E6691" s="2" t="s">
        <v>20547</v>
      </c>
      <c r="F6691" s="2" t="s">
        <v>7514</v>
      </c>
      <c r="G6691" s="8">
        <v>223</v>
      </c>
      <c r="H6691" s="5">
        <v>6</v>
      </c>
      <c r="I6691" s="5" t="s">
        <v>1518</v>
      </c>
      <c r="J6691" s="5" t="s">
        <v>1519</v>
      </c>
      <c r="K6691" s="2" t="s">
        <v>1520</v>
      </c>
      <c r="L6691" s="5" t="s">
        <v>1519</v>
      </c>
      <c r="M6691" s="2" t="s">
        <v>1520</v>
      </c>
      <c r="N6691" s="5" t="s">
        <v>1521</v>
      </c>
      <c r="O6691" s="5" t="s">
        <v>38</v>
      </c>
      <c r="P6691" s="5" t="s">
        <v>39</v>
      </c>
      <c r="Q6691" s="5" t="s">
        <v>40</v>
      </c>
      <c r="R6691" s="5" t="s">
        <v>1522</v>
      </c>
      <c r="S6691" s="5" t="s">
        <v>1523</v>
      </c>
      <c r="T6691" s="5" t="s">
        <v>42</v>
      </c>
      <c r="U6691" s="2">
        <v>2.2549999999999999</v>
      </c>
      <c r="V6691" s="2">
        <v>1.7729999999999999</v>
      </c>
      <c r="W6691" s="2">
        <v>1.0999999999999999E-2</v>
      </c>
      <c r="X6691" s="2">
        <v>82.9</v>
      </c>
      <c r="Y6691" s="2">
        <v>7.6</v>
      </c>
      <c r="Z6691" s="2">
        <v>16.7</v>
      </c>
      <c r="AA6691" s="5"/>
      <c r="AB6691" s="5" t="s">
        <v>43</v>
      </c>
      <c r="AC6691" s="5" t="s">
        <v>44</v>
      </c>
      <c r="AD6691" s="2"/>
      <c r="AE6691" s="1"/>
    </row>
    <row r="6692" spans="1:31" ht="14.45">
      <c r="A6692" s="11"/>
      <c r="B6692" s="20"/>
      <c r="C6692" s="2" t="s">
        <v>20548</v>
      </c>
      <c r="D6692" s="14" t="s">
        <v>20549</v>
      </c>
      <c r="E6692" s="2" t="s">
        <v>20550</v>
      </c>
      <c r="F6692" s="2" t="s">
        <v>7208</v>
      </c>
      <c r="G6692" s="8">
        <v>223</v>
      </c>
      <c r="H6692" s="5">
        <v>6</v>
      </c>
      <c r="I6692" s="5" t="s">
        <v>1518</v>
      </c>
      <c r="J6692" s="5" t="s">
        <v>1519</v>
      </c>
      <c r="K6692" s="2" t="s">
        <v>1520</v>
      </c>
      <c r="L6692" s="5" t="s">
        <v>1519</v>
      </c>
      <c r="M6692" s="2" t="s">
        <v>1520</v>
      </c>
      <c r="N6692" s="5" t="s">
        <v>1521</v>
      </c>
      <c r="O6692" s="5" t="s">
        <v>38</v>
      </c>
      <c r="P6692" s="5" t="s">
        <v>39</v>
      </c>
      <c r="Q6692" s="5" t="s">
        <v>40</v>
      </c>
      <c r="R6692" s="5" t="s">
        <v>1522</v>
      </c>
      <c r="S6692" s="5" t="s">
        <v>1523</v>
      </c>
      <c r="T6692" s="5" t="s">
        <v>42</v>
      </c>
      <c r="U6692" s="2">
        <v>2.1930000000000001</v>
      </c>
      <c r="V6692" s="2">
        <v>1.7110000000000001</v>
      </c>
      <c r="W6692" s="2">
        <v>1.0999999999999999E-2</v>
      </c>
      <c r="X6692" s="2">
        <v>82.9</v>
      </c>
      <c r="Y6692" s="2">
        <v>7.6</v>
      </c>
      <c r="Z6692" s="2">
        <v>16.7</v>
      </c>
      <c r="AA6692" s="5"/>
      <c r="AB6692" s="5" t="s">
        <v>43</v>
      </c>
      <c r="AC6692" s="5" t="s">
        <v>44</v>
      </c>
      <c r="AD6692" s="2"/>
      <c r="AE6692" s="1"/>
    </row>
    <row r="6693" spans="1:31" ht="14.45">
      <c r="A6693" s="11"/>
      <c r="B6693" s="20"/>
      <c r="C6693" s="2" t="s">
        <v>20551</v>
      </c>
      <c r="D6693" s="14" t="s">
        <v>20552</v>
      </c>
      <c r="E6693" s="2" t="s">
        <v>20553</v>
      </c>
      <c r="F6693" s="2" t="s">
        <v>7521</v>
      </c>
      <c r="G6693" s="8">
        <v>223</v>
      </c>
      <c r="H6693" s="5">
        <v>6</v>
      </c>
      <c r="I6693" s="5" t="s">
        <v>1518</v>
      </c>
      <c r="J6693" s="5" t="s">
        <v>1519</v>
      </c>
      <c r="K6693" s="2" t="s">
        <v>1520</v>
      </c>
      <c r="L6693" s="5" t="s">
        <v>1519</v>
      </c>
      <c r="M6693" s="2" t="s">
        <v>1520</v>
      </c>
      <c r="N6693" s="5" t="s">
        <v>1521</v>
      </c>
      <c r="O6693" s="5" t="s">
        <v>38</v>
      </c>
      <c r="P6693" s="5" t="s">
        <v>39</v>
      </c>
      <c r="Q6693" s="5" t="s">
        <v>40</v>
      </c>
      <c r="R6693" s="5" t="s">
        <v>1522</v>
      </c>
      <c r="S6693" s="5" t="s">
        <v>1523</v>
      </c>
      <c r="T6693" s="5" t="s">
        <v>42</v>
      </c>
      <c r="U6693" s="2">
        <v>2.2549999999999999</v>
      </c>
      <c r="V6693" s="2">
        <v>1.7729999999999999</v>
      </c>
      <c r="W6693" s="2">
        <v>1.0999999999999999E-2</v>
      </c>
      <c r="X6693" s="2">
        <v>82.9</v>
      </c>
      <c r="Y6693" s="2">
        <v>7.6</v>
      </c>
      <c r="Z6693" s="2">
        <v>16.7</v>
      </c>
      <c r="AA6693" s="5"/>
      <c r="AB6693" s="5" t="s">
        <v>43</v>
      </c>
      <c r="AC6693" s="5" t="s">
        <v>44</v>
      </c>
      <c r="AD6693" s="2"/>
      <c r="AE6693" s="1"/>
    </row>
    <row r="6694" spans="1:31" ht="14.45">
      <c r="A6694" s="11"/>
      <c r="B6694" s="20"/>
      <c r="C6694" s="2" t="s">
        <v>20554</v>
      </c>
      <c r="D6694" s="14" t="s">
        <v>20555</v>
      </c>
      <c r="E6694" s="2" t="s">
        <v>20556</v>
      </c>
      <c r="F6694" s="2" t="s">
        <v>7212</v>
      </c>
      <c r="G6694" s="8">
        <v>223</v>
      </c>
      <c r="H6694" s="5">
        <v>6</v>
      </c>
      <c r="I6694" s="5" t="s">
        <v>1518</v>
      </c>
      <c r="J6694" s="5" t="s">
        <v>1519</v>
      </c>
      <c r="K6694" s="2" t="s">
        <v>1520</v>
      </c>
      <c r="L6694" s="5" t="s">
        <v>1519</v>
      </c>
      <c r="M6694" s="2" t="s">
        <v>1520</v>
      </c>
      <c r="N6694" s="5" t="s">
        <v>1521</v>
      </c>
      <c r="O6694" s="5" t="s">
        <v>38</v>
      </c>
      <c r="P6694" s="5" t="s">
        <v>39</v>
      </c>
      <c r="Q6694" s="5" t="s">
        <v>40</v>
      </c>
      <c r="R6694" s="5" t="s">
        <v>1522</v>
      </c>
      <c r="S6694" s="5" t="s">
        <v>1523</v>
      </c>
      <c r="T6694" s="5" t="s">
        <v>42</v>
      </c>
      <c r="U6694" s="2">
        <v>2.1840000000000002</v>
      </c>
      <c r="V6694" s="2">
        <v>1.702</v>
      </c>
      <c r="W6694" s="2">
        <v>1.0999999999999999E-2</v>
      </c>
      <c r="X6694" s="2">
        <v>82.9</v>
      </c>
      <c r="Y6694" s="2">
        <v>7.6</v>
      </c>
      <c r="Z6694" s="2">
        <v>16.7</v>
      </c>
      <c r="AA6694" s="5"/>
      <c r="AB6694" s="5" t="s">
        <v>43</v>
      </c>
      <c r="AC6694" s="5" t="s">
        <v>44</v>
      </c>
      <c r="AD6694" s="2"/>
      <c r="AE6694" s="1"/>
    </row>
    <row r="6695" spans="1:31" ht="14.45">
      <c r="A6695" s="11"/>
      <c r="B6695" s="20"/>
      <c r="C6695" s="2" t="s">
        <v>20557</v>
      </c>
      <c r="D6695" s="14" t="s">
        <v>20558</v>
      </c>
      <c r="E6695" s="2" t="s">
        <v>20559</v>
      </c>
      <c r="F6695" s="2" t="s">
        <v>7528</v>
      </c>
      <c r="G6695" s="8">
        <v>223</v>
      </c>
      <c r="H6695" s="5">
        <v>6</v>
      </c>
      <c r="I6695" s="5" t="s">
        <v>1518</v>
      </c>
      <c r="J6695" s="5" t="s">
        <v>1519</v>
      </c>
      <c r="K6695" s="2" t="s">
        <v>1520</v>
      </c>
      <c r="L6695" s="5" t="s">
        <v>1519</v>
      </c>
      <c r="M6695" s="2" t="s">
        <v>1520</v>
      </c>
      <c r="N6695" s="5" t="s">
        <v>1521</v>
      </c>
      <c r="O6695" s="5" t="s">
        <v>38</v>
      </c>
      <c r="P6695" s="5" t="s">
        <v>39</v>
      </c>
      <c r="Q6695" s="5" t="s">
        <v>40</v>
      </c>
      <c r="R6695" s="5" t="s">
        <v>1522</v>
      </c>
      <c r="S6695" s="5" t="s">
        <v>1523</v>
      </c>
      <c r="T6695" s="5" t="s">
        <v>42</v>
      </c>
      <c r="U6695" s="2">
        <v>2.246</v>
      </c>
      <c r="V6695" s="2">
        <v>1.764</v>
      </c>
      <c r="W6695" s="2">
        <v>1.0999999999999999E-2</v>
      </c>
      <c r="X6695" s="2">
        <v>82.9</v>
      </c>
      <c r="Y6695" s="2">
        <v>7.6</v>
      </c>
      <c r="Z6695" s="2">
        <v>16.7</v>
      </c>
      <c r="AA6695" s="5"/>
      <c r="AB6695" s="5" t="s">
        <v>43</v>
      </c>
      <c r="AC6695" s="5" t="s">
        <v>44</v>
      </c>
      <c r="AD6695" s="2"/>
      <c r="AE6695" s="1"/>
    </row>
    <row r="6696" spans="1:31" ht="14.45">
      <c r="A6696" s="11"/>
      <c r="B6696" s="20"/>
      <c r="C6696" s="2" t="s">
        <v>20560</v>
      </c>
      <c r="D6696" s="14" t="s">
        <v>20561</v>
      </c>
      <c r="E6696" s="2" t="s">
        <v>20562</v>
      </c>
      <c r="F6696" s="2" t="s">
        <v>7406</v>
      </c>
      <c r="G6696" s="8">
        <v>237</v>
      </c>
      <c r="H6696" s="5">
        <v>6</v>
      </c>
      <c r="I6696" s="5" t="s">
        <v>1518</v>
      </c>
      <c r="J6696" s="5" t="s">
        <v>1519</v>
      </c>
      <c r="K6696" s="2" t="s">
        <v>1520</v>
      </c>
      <c r="L6696" s="5" t="s">
        <v>1519</v>
      </c>
      <c r="M6696" s="2" t="s">
        <v>1520</v>
      </c>
      <c r="N6696" s="5" t="s">
        <v>1521</v>
      </c>
      <c r="O6696" s="5" t="s">
        <v>38</v>
      </c>
      <c r="P6696" s="5" t="s">
        <v>39</v>
      </c>
      <c r="Q6696" s="5" t="s">
        <v>40</v>
      </c>
      <c r="R6696" s="5" t="s">
        <v>1522</v>
      </c>
      <c r="S6696" s="5" t="s">
        <v>1523</v>
      </c>
      <c r="T6696" s="5" t="s">
        <v>42</v>
      </c>
      <c r="U6696" s="2">
        <v>2.1840000000000002</v>
      </c>
      <c r="V6696" s="2">
        <v>1.702</v>
      </c>
      <c r="W6696" s="2">
        <v>1.0999999999999999E-2</v>
      </c>
      <c r="X6696" s="2">
        <v>82.9</v>
      </c>
      <c r="Y6696" s="2">
        <v>7.6</v>
      </c>
      <c r="Z6696" s="2">
        <v>16.7</v>
      </c>
      <c r="AA6696" s="5"/>
      <c r="AB6696" s="5" t="s">
        <v>43</v>
      </c>
      <c r="AC6696" s="5" t="s">
        <v>44</v>
      </c>
      <c r="AD6696" s="2"/>
      <c r="AE6696" s="1"/>
    </row>
    <row r="6697" spans="1:31" ht="14.45">
      <c r="A6697" s="11"/>
      <c r="B6697" s="20"/>
      <c r="C6697" s="2" t="s">
        <v>20563</v>
      </c>
      <c r="D6697" s="14" t="s">
        <v>20564</v>
      </c>
      <c r="E6697" s="2" t="s">
        <v>20565</v>
      </c>
      <c r="F6697" s="2" t="s">
        <v>7535</v>
      </c>
      <c r="G6697" s="8">
        <v>237</v>
      </c>
      <c r="H6697" s="5">
        <v>6</v>
      </c>
      <c r="I6697" s="5" t="s">
        <v>1518</v>
      </c>
      <c r="J6697" s="5" t="s">
        <v>1519</v>
      </c>
      <c r="K6697" s="2" t="s">
        <v>1520</v>
      </c>
      <c r="L6697" s="5" t="s">
        <v>1519</v>
      </c>
      <c r="M6697" s="2" t="s">
        <v>1520</v>
      </c>
      <c r="N6697" s="5" t="s">
        <v>1521</v>
      </c>
      <c r="O6697" s="5" t="s">
        <v>38</v>
      </c>
      <c r="P6697" s="5" t="s">
        <v>39</v>
      </c>
      <c r="Q6697" s="5" t="s">
        <v>40</v>
      </c>
      <c r="R6697" s="5" t="s">
        <v>1522</v>
      </c>
      <c r="S6697" s="5" t="s">
        <v>1523</v>
      </c>
      <c r="T6697" s="5" t="s">
        <v>42</v>
      </c>
      <c r="U6697" s="2">
        <v>2.246</v>
      </c>
      <c r="V6697" s="2">
        <v>1.764</v>
      </c>
      <c r="W6697" s="2">
        <v>1.0999999999999999E-2</v>
      </c>
      <c r="X6697" s="2">
        <v>82.9</v>
      </c>
      <c r="Y6697" s="2">
        <v>7.6</v>
      </c>
      <c r="Z6697" s="2">
        <v>16.7</v>
      </c>
      <c r="AA6697" s="5"/>
      <c r="AB6697" s="5" t="s">
        <v>43</v>
      </c>
      <c r="AC6697" s="5" t="s">
        <v>44</v>
      </c>
      <c r="AD6697" s="2"/>
      <c r="AE6697" s="1"/>
    </row>
    <row r="6698" spans="1:31" ht="14.45">
      <c r="A6698" s="11"/>
      <c r="B6698" s="20"/>
      <c r="C6698" s="2" t="s">
        <v>20566</v>
      </c>
      <c r="D6698" s="14" t="s">
        <v>20567</v>
      </c>
      <c r="E6698" s="2" t="s">
        <v>20568</v>
      </c>
      <c r="F6698" s="2" t="s">
        <v>7539</v>
      </c>
      <c r="G6698" s="8">
        <v>237</v>
      </c>
      <c r="H6698" s="5">
        <v>6</v>
      </c>
      <c r="I6698" s="5" t="s">
        <v>1518</v>
      </c>
      <c r="J6698" s="5" t="s">
        <v>1519</v>
      </c>
      <c r="K6698" s="2" t="s">
        <v>1520</v>
      </c>
      <c r="L6698" s="5" t="s">
        <v>1519</v>
      </c>
      <c r="M6698" s="2" t="s">
        <v>1520</v>
      </c>
      <c r="N6698" s="5" t="s">
        <v>1521</v>
      </c>
      <c r="O6698" s="5" t="s">
        <v>38</v>
      </c>
      <c r="P6698" s="5" t="s">
        <v>39</v>
      </c>
      <c r="Q6698" s="5" t="s">
        <v>40</v>
      </c>
      <c r="R6698" s="5" t="s">
        <v>1522</v>
      </c>
      <c r="S6698" s="5" t="s">
        <v>1523</v>
      </c>
      <c r="T6698" s="5" t="s">
        <v>42</v>
      </c>
      <c r="U6698" s="2">
        <v>2.1930000000000001</v>
      </c>
      <c r="V6698" s="2">
        <v>1.7110000000000001</v>
      </c>
      <c r="W6698" s="2">
        <v>1.0999999999999999E-2</v>
      </c>
      <c r="X6698" s="2">
        <v>82.9</v>
      </c>
      <c r="Y6698" s="2">
        <v>7.6</v>
      </c>
      <c r="Z6698" s="2">
        <v>16.7</v>
      </c>
      <c r="AA6698" s="5"/>
      <c r="AB6698" s="5" t="s">
        <v>43</v>
      </c>
      <c r="AC6698" s="5" t="s">
        <v>44</v>
      </c>
      <c r="AD6698" s="2"/>
      <c r="AE6698" s="1"/>
    </row>
    <row r="6699" spans="1:31" ht="14.45">
      <c r="A6699" s="11"/>
      <c r="B6699" s="20"/>
      <c r="C6699" s="2" t="s">
        <v>20569</v>
      </c>
      <c r="D6699" s="14" t="s">
        <v>20570</v>
      </c>
      <c r="E6699" s="2" t="s">
        <v>20571</v>
      </c>
      <c r="F6699" s="2" t="s">
        <v>7543</v>
      </c>
      <c r="G6699" s="8">
        <v>237</v>
      </c>
      <c r="H6699" s="5">
        <v>6</v>
      </c>
      <c r="I6699" s="5" t="s">
        <v>1518</v>
      </c>
      <c r="J6699" s="5" t="s">
        <v>1519</v>
      </c>
      <c r="K6699" s="2" t="s">
        <v>1520</v>
      </c>
      <c r="L6699" s="5" t="s">
        <v>1519</v>
      </c>
      <c r="M6699" s="2" t="s">
        <v>1520</v>
      </c>
      <c r="N6699" s="5" t="s">
        <v>1521</v>
      </c>
      <c r="O6699" s="5" t="s">
        <v>38</v>
      </c>
      <c r="P6699" s="5" t="s">
        <v>39</v>
      </c>
      <c r="Q6699" s="5" t="s">
        <v>40</v>
      </c>
      <c r="R6699" s="5" t="s">
        <v>1522</v>
      </c>
      <c r="S6699" s="5" t="s">
        <v>1523</v>
      </c>
      <c r="T6699" s="5" t="s">
        <v>42</v>
      </c>
      <c r="U6699" s="2">
        <v>2.2549999999999999</v>
      </c>
      <c r="V6699" s="2">
        <v>1.7729999999999999</v>
      </c>
      <c r="W6699" s="2">
        <v>1.0999999999999999E-2</v>
      </c>
      <c r="X6699" s="2">
        <v>82.9</v>
      </c>
      <c r="Y6699" s="2">
        <v>7.6</v>
      </c>
      <c r="Z6699" s="2">
        <v>16.7</v>
      </c>
      <c r="AA6699" s="5"/>
      <c r="AB6699" s="5" t="s">
        <v>43</v>
      </c>
      <c r="AC6699" s="5" t="s">
        <v>44</v>
      </c>
      <c r="AD6699" s="2"/>
      <c r="AE6699" s="1"/>
    </row>
    <row r="6700" spans="1:31" ht="14.45">
      <c r="A6700" s="11"/>
      <c r="B6700" s="20"/>
      <c r="C6700" s="2" t="s">
        <v>20572</v>
      </c>
      <c r="D6700" s="14" t="s">
        <v>20573</v>
      </c>
      <c r="E6700" s="2" t="s">
        <v>20574</v>
      </c>
      <c r="F6700" s="2" t="s">
        <v>7547</v>
      </c>
      <c r="G6700" s="8">
        <v>237</v>
      </c>
      <c r="H6700" s="5">
        <v>6</v>
      </c>
      <c r="I6700" s="5" t="s">
        <v>1518</v>
      </c>
      <c r="J6700" s="5" t="s">
        <v>1519</v>
      </c>
      <c r="K6700" s="2" t="s">
        <v>1520</v>
      </c>
      <c r="L6700" s="5" t="s">
        <v>1519</v>
      </c>
      <c r="M6700" s="2" t="s">
        <v>1520</v>
      </c>
      <c r="N6700" s="5" t="s">
        <v>1521</v>
      </c>
      <c r="O6700" s="5" t="s">
        <v>38</v>
      </c>
      <c r="P6700" s="5" t="s">
        <v>39</v>
      </c>
      <c r="Q6700" s="5" t="s">
        <v>40</v>
      </c>
      <c r="R6700" s="5" t="s">
        <v>1522</v>
      </c>
      <c r="S6700" s="5" t="s">
        <v>1523</v>
      </c>
      <c r="T6700" s="5" t="s">
        <v>42</v>
      </c>
      <c r="U6700" s="2">
        <v>2.1840000000000002</v>
      </c>
      <c r="V6700" s="2">
        <v>1.702</v>
      </c>
      <c r="W6700" s="2">
        <v>1.0999999999999999E-2</v>
      </c>
      <c r="X6700" s="2">
        <v>82.9</v>
      </c>
      <c r="Y6700" s="2">
        <v>7.6</v>
      </c>
      <c r="Z6700" s="2">
        <v>16.7</v>
      </c>
      <c r="AA6700" s="5"/>
      <c r="AB6700" s="5" t="s">
        <v>43</v>
      </c>
      <c r="AC6700" s="5" t="s">
        <v>44</v>
      </c>
      <c r="AD6700" s="2"/>
      <c r="AE6700" s="1"/>
    </row>
    <row r="6701" spans="1:31" ht="14.45">
      <c r="A6701" s="11"/>
      <c r="B6701" s="20"/>
      <c r="C6701" s="2" t="s">
        <v>20575</v>
      </c>
      <c r="D6701" s="14" t="s">
        <v>20576</v>
      </c>
      <c r="E6701" s="2" t="s">
        <v>20577</v>
      </c>
      <c r="F6701" s="2" t="s">
        <v>7551</v>
      </c>
      <c r="G6701" s="8">
        <v>237</v>
      </c>
      <c r="H6701" s="5">
        <v>6</v>
      </c>
      <c r="I6701" s="5" t="s">
        <v>1518</v>
      </c>
      <c r="J6701" s="5" t="s">
        <v>1519</v>
      </c>
      <c r="K6701" s="2" t="s">
        <v>1520</v>
      </c>
      <c r="L6701" s="5" t="s">
        <v>1519</v>
      </c>
      <c r="M6701" s="2" t="s">
        <v>1520</v>
      </c>
      <c r="N6701" s="5" t="s">
        <v>1521</v>
      </c>
      <c r="O6701" s="5" t="s">
        <v>38</v>
      </c>
      <c r="P6701" s="5" t="s">
        <v>39</v>
      </c>
      <c r="Q6701" s="5" t="s">
        <v>40</v>
      </c>
      <c r="R6701" s="5" t="s">
        <v>1522</v>
      </c>
      <c r="S6701" s="5" t="s">
        <v>1523</v>
      </c>
      <c r="T6701" s="5" t="s">
        <v>42</v>
      </c>
      <c r="U6701" s="2">
        <v>2.246</v>
      </c>
      <c r="V6701" s="2">
        <v>1.764</v>
      </c>
      <c r="W6701" s="2">
        <v>1.0999999999999999E-2</v>
      </c>
      <c r="X6701" s="2">
        <v>82.9</v>
      </c>
      <c r="Y6701" s="2">
        <v>7.6</v>
      </c>
      <c r="Z6701" s="2">
        <v>16.7</v>
      </c>
      <c r="AA6701" s="5"/>
      <c r="AB6701" s="5" t="s">
        <v>43</v>
      </c>
      <c r="AC6701" s="5" t="s">
        <v>44</v>
      </c>
      <c r="AD6701" s="2"/>
      <c r="AE6701" s="1"/>
    </row>
    <row r="6702" spans="1:31" ht="14.45">
      <c r="A6702" s="11"/>
      <c r="B6702" s="20"/>
      <c r="C6702" s="2" t="s">
        <v>20578</v>
      </c>
      <c r="D6702" s="14" t="s">
        <v>20579</v>
      </c>
      <c r="E6702" s="2" t="s">
        <v>20580</v>
      </c>
      <c r="F6702" s="2" t="s">
        <v>7555</v>
      </c>
      <c r="G6702" s="8">
        <v>237</v>
      </c>
      <c r="H6702" s="5">
        <v>6</v>
      </c>
      <c r="I6702" s="5" t="s">
        <v>1518</v>
      </c>
      <c r="J6702" s="5" t="s">
        <v>1519</v>
      </c>
      <c r="K6702" s="2" t="s">
        <v>1520</v>
      </c>
      <c r="L6702" s="5" t="s">
        <v>1519</v>
      </c>
      <c r="M6702" s="2" t="s">
        <v>1520</v>
      </c>
      <c r="N6702" s="5" t="s">
        <v>1521</v>
      </c>
      <c r="O6702" s="5" t="s">
        <v>38</v>
      </c>
      <c r="P6702" s="5" t="s">
        <v>39</v>
      </c>
      <c r="Q6702" s="5" t="s">
        <v>40</v>
      </c>
      <c r="R6702" s="5" t="s">
        <v>1522</v>
      </c>
      <c r="S6702" s="5" t="s">
        <v>1523</v>
      </c>
      <c r="T6702" s="5" t="s">
        <v>42</v>
      </c>
      <c r="U6702" s="2">
        <v>2.1840000000000002</v>
      </c>
      <c r="V6702" s="2">
        <v>1.702</v>
      </c>
      <c r="W6702" s="2">
        <v>1.0999999999999999E-2</v>
      </c>
      <c r="X6702" s="2">
        <v>82.9</v>
      </c>
      <c r="Y6702" s="2">
        <v>7.6</v>
      </c>
      <c r="Z6702" s="2">
        <v>16.7</v>
      </c>
      <c r="AA6702" s="5"/>
      <c r="AB6702" s="5" t="s">
        <v>43</v>
      </c>
      <c r="AC6702" s="5" t="s">
        <v>44</v>
      </c>
      <c r="AD6702" s="2"/>
      <c r="AE6702" s="1"/>
    </row>
    <row r="6703" spans="1:31" ht="14.45">
      <c r="A6703" s="11"/>
      <c r="B6703" s="20"/>
      <c r="C6703" s="2" t="s">
        <v>20581</v>
      </c>
      <c r="D6703" s="14" t="s">
        <v>20582</v>
      </c>
      <c r="E6703" s="2" t="s">
        <v>20583</v>
      </c>
      <c r="F6703" s="2" t="s">
        <v>7559</v>
      </c>
      <c r="G6703" s="8">
        <v>237</v>
      </c>
      <c r="H6703" s="5">
        <v>6</v>
      </c>
      <c r="I6703" s="5" t="s">
        <v>1518</v>
      </c>
      <c r="J6703" s="5" t="s">
        <v>1519</v>
      </c>
      <c r="K6703" s="2" t="s">
        <v>1520</v>
      </c>
      <c r="L6703" s="5" t="s">
        <v>1519</v>
      </c>
      <c r="M6703" s="2" t="s">
        <v>1520</v>
      </c>
      <c r="N6703" s="5" t="s">
        <v>1521</v>
      </c>
      <c r="O6703" s="5" t="s">
        <v>38</v>
      </c>
      <c r="P6703" s="5" t="s">
        <v>39</v>
      </c>
      <c r="Q6703" s="5" t="s">
        <v>40</v>
      </c>
      <c r="R6703" s="5" t="s">
        <v>1522</v>
      </c>
      <c r="S6703" s="5" t="s">
        <v>1523</v>
      </c>
      <c r="T6703" s="5" t="s">
        <v>42</v>
      </c>
      <c r="U6703" s="2">
        <v>2.246</v>
      </c>
      <c r="V6703" s="2">
        <v>1.764</v>
      </c>
      <c r="W6703" s="2">
        <v>1.0999999999999999E-2</v>
      </c>
      <c r="X6703" s="2">
        <v>82.9</v>
      </c>
      <c r="Y6703" s="2">
        <v>7.6</v>
      </c>
      <c r="Z6703" s="2">
        <v>16.7</v>
      </c>
      <c r="AA6703" s="5"/>
      <c r="AB6703" s="5" t="s">
        <v>43</v>
      </c>
      <c r="AC6703" s="5" t="s">
        <v>44</v>
      </c>
      <c r="AD6703" s="2"/>
      <c r="AE6703" s="1"/>
    </row>
    <row r="6704" spans="1:31" ht="14.45">
      <c r="A6704" s="11"/>
      <c r="B6704" s="20"/>
      <c r="C6704" s="2" t="s">
        <v>20584</v>
      </c>
      <c r="D6704" s="14" t="s">
        <v>20585</v>
      </c>
      <c r="E6704" s="2" t="s">
        <v>20586</v>
      </c>
      <c r="F6704" s="2" t="s">
        <v>7563</v>
      </c>
      <c r="G6704" s="8">
        <v>237</v>
      </c>
      <c r="H6704" s="5">
        <v>6</v>
      </c>
      <c r="I6704" s="5" t="s">
        <v>1518</v>
      </c>
      <c r="J6704" s="5" t="s">
        <v>1519</v>
      </c>
      <c r="K6704" s="2" t="s">
        <v>1520</v>
      </c>
      <c r="L6704" s="5" t="s">
        <v>1519</v>
      </c>
      <c r="M6704" s="2" t="s">
        <v>1520</v>
      </c>
      <c r="N6704" s="5" t="s">
        <v>1521</v>
      </c>
      <c r="O6704" s="5" t="s">
        <v>38</v>
      </c>
      <c r="P6704" s="5" t="s">
        <v>39</v>
      </c>
      <c r="Q6704" s="5" t="s">
        <v>40</v>
      </c>
      <c r="R6704" s="5" t="s">
        <v>1522</v>
      </c>
      <c r="S6704" s="5" t="s">
        <v>1523</v>
      </c>
      <c r="T6704" s="5" t="s">
        <v>42</v>
      </c>
      <c r="U6704" s="2">
        <v>2.1930000000000001</v>
      </c>
      <c r="V6704" s="2">
        <v>1.7110000000000001</v>
      </c>
      <c r="W6704" s="2">
        <v>1.0999999999999999E-2</v>
      </c>
      <c r="X6704" s="2">
        <v>82.9</v>
      </c>
      <c r="Y6704" s="2">
        <v>7.6</v>
      </c>
      <c r="Z6704" s="2">
        <v>16.7</v>
      </c>
      <c r="AA6704" s="5"/>
      <c r="AB6704" s="5" t="s">
        <v>43</v>
      </c>
      <c r="AC6704" s="5" t="s">
        <v>44</v>
      </c>
      <c r="AD6704" s="2"/>
      <c r="AE6704" s="1"/>
    </row>
    <row r="6705" spans="1:31" ht="14.45">
      <c r="A6705" s="11"/>
      <c r="B6705" s="20"/>
      <c r="C6705" s="2" t="s">
        <v>20587</v>
      </c>
      <c r="D6705" s="14" t="s">
        <v>20588</v>
      </c>
      <c r="E6705" s="2" t="s">
        <v>20589</v>
      </c>
      <c r="F6705" s="2" t="s">
        <v>7567</v>
      </c>
      <c r="G6705" s="8">
        <v>237</v>
      </c>
      <c r="H6705" s="5">
        <v>6</v>
      </c>
      <c r="I6705" s="5" t="s">
        <v>1518</v>
      </c>
      <c r="J6705" s="5" t="s">
        <v>1519</v>
      </c>
      <c r="K6705" s="2" t="s">
        <v>1520</v>
      </c>
      <c r="L6705" s="5" t="s">
        <v>1519</v>
      </c>
      <c r="M6705" s="2" t="s">
        <v>1520</v>
      </c>
      <c r="N6705" s="5" t="s">
        <v>1521</v>
      </c>
      <c r="O6705" s="5" t="s">
        <v>38</v>
      </c>
      <c r="P6705" s="5" t="s">
        <v>39</v>
      </c>
      <c r="Q6705" s="5" t="s">
        <v>40</v>
      </c>
      <c r="R6705" s="5" t="s">
        <v>1522</v>
      </c>
      <c r="S6705" s="5" t="s">
        <v>1523</v>
      </c>
      <c r="T6705" s="5" t="s">
        <v>42</v>
      </c>
      <c r="U6705" s="2">
        <v>2.2549999999999999</v>
      </c>
      <c r="V6705" s="2">
        <v>1.7729999999999999</v>
      </c>
      <c r="W6705" s="2">
        <v>1.0999999999999999E-2</v>
      </c>
      <c r="X6705" s="2">
        <v>82.9</v>
      </c>
      <c r="Y6705" s="2">
        <v>7.6</v>
      </c>
      <c r="Z6705" s="2">
        <v>16.7</v>
      </c>
      <c r="AA6705" s="5"/>
      <c r="AB6705" s="5" t="s">
        <v>43</v>
      </c>
      <c r="AC6705" s="5" t="s">
        <v>44</v>
      </c>
      <c r="AD6705" s="2"/>
      <c r="AE6705" s="1"/>
    </row>
    <row r="6706" spans="1:31" ht="14.45">
      <c r="A6706" s="11"/>
      <c r="B6706" s="20"/>
      <c r="C6706" s="2" t="s">
        <v>20590</v>
      </c>
      <c r="D6706" s="14" t="s">
        <v>20591</v>
      </c>
      <c r="E6706" s="2" t="s">
        <v>20592</v>
      </c>
      <c r="F6706" s="2" t="s">
        <v>16079</v>
      </c>
      <c r="G6706" s="8">
        <v>237</v>
      </c>
      <c r="H6706" s="5">
        <v>6</v>
      </c>
      <c r="I6706" s="5" t="s">
        <v>1518</v>
      </c>
      <c r="J6706" s="5" t="s">
        <v>1519</v>
      </c>
      <c r="K6706" s="2" t="s">
        <v>1520</v>
      </c>
      <c r="L6706" s="5" t="s">
        <v>1519</v>
      </c>
      <c r="M6706" s="2" t="s">
        <v>1520</v>
      </c>
      <c r="N6706" s="5" t="s">
        <v>1521</v>
      </c>
      <c r="O6706" s="5" t="s">
        <v>38</v>
      </c>
      <c r="P6706" s="5" t="s">
        <v>39</v>
      </c>
      <c r="Q6706" s="5" t="s">
        <v>40</v>
      </c>
      <c r="R6706" s="5" t="s">
        <v>1522</v>
      </c>
      <c r="S6706" s="5" t="s">
        <v>1523</v>
      </c>
      <c r="T6706" s="5" t="s">
        <v>42</v>
      </c>
      <c r="U6706" s="2">
        <v>2.1930000000000001</v>
      </c>
      <c r="V6706" s="2">
        <v>1.7110000000000001</v>
      </c>
      <c r="W6706" s="2">
        <v>1.0999999999999999E-2</v>
      </c>
      <c r="X6706" s="2">
        <v>82.9</v>
      </c>
      <c r="Y6706" s="2">
        <v>7.6</v>
      </c>
      <c r="Z6706" s="2">
        <v>16.7</v>
      </c>
      <c r="AA6706" s="5"/>
      <c r="AB6706" s="5" t="s">
        <v>43</v>
      </c>
      <c r="AC6706" s="5" t="s">
        <v>44</v>
      </c>
      <c r="AD6706" s="2"/>
      <c r="AE6706" s="1"/>
    </row>
    <row r="6707" spans="1:31" ht="14.45">
      <c r="A6707" s="11"/>
      <c r="B6707" s="20"/>
      <c r="C6707" s="2" t="s">
        <v>20593</v>
      </c>
      <c r="D6707" s="14" t="s">
        <v>20594</v>
      </c>
      <c r="E6707" s="2" t="s">
        <v>20595</v>
      </c>
      <c r="F6707" s="2" t="s">
        <v>16194</v>
      </c>
      <c r="G6707" s="8">
        <v>237</v>
      </c>
      <c r="H6707" s="5">
        <v>6</v>
      </c>
      <c r="I6707" s="5" t="s">
        <v>1518</v>
      </c>
      <c r="J6707" s="5" t="s">
        <v>1519</v>
      </c>
      <c r="K6707" s="2" t="s">
        <v>1520</v>
      </c>
      <c r="L6707" s="5" t="s">
        <v>1519</v>
      </c>
      <c r="M6707" s="2" t="s">
        <v>1520</v>
      </c>
      <c r="N6707" s="5" t="s">
        <v>1521</v>
      </c>
      <c r="O6707" s="5" t="s">
        <v>38</v>
      </c>
      <c r="P6707" s="5" t="s">
        <v>39</v>
      </c>
      <c r="Q6707" s="5" t="s">
        <v>40</v>
      </c>
      <c r="R6707" s="5" t="s">
        <v>1522</v>
      </c>
      <c r="S6707" s="5" t="s">
        <v>1523</v>
      </c>
      <c r="T6707" s="5" t="s">
        <v>42</v>
      </c>
      <c r="U6707" s="2">
        <v>2.2549999999999999</v>
      </c>
      <c r="V6707" s="2">
        <v>1.7729999999999999</v>
      </c>
      <c r="W6707" s="2">
        <v>1.0999999999999999E-2</v>
      </c>
      <c r="X6707" s="2">
        <v>82.9</v>
      </c>
      <c r="Y6707" s="2">
        <v>7.6</v>
      </c>
      <c r="Z6707" s="2">
        <v>16.7</v>
      </c>
      <c r="AA6707" s="5"/>
      <c r="AB6707" s="5" t="s">
        <v>43</v>
      </c>
      <c r="AC6707" s="5" t="s">
        <v>44</v>
      </c>
      <c r="AD6707" s="2"/>
      <c r="AE6707" s="1"/>
    </row>
    <row r="6708" spans="1:31" ht="14.45">
      <c r="A6708" s="11"/>
      <c r="B6708" s="20"/>
      <c r="C6708" s="2" t="s">
        <v>20596</v>
      </c>
      <c r="D6708" s="14" t="s">
        <v>20597</v>
      </c>
      <c r="E6708" s="2" t="s">
        <v>20598</v>
      </c>
      <c r="F6708" s="2" t="s">
        <v>7449</v>
      </c>
      <c r="G6708" s="8">
        <v>237</v>
      </c>
      <c r="H6708" s="5">
        <v>6</v>
      </c>
      <c r="I6708" s="5" t="s">
        <v>1518</v>
      </c>
      <c r="J6708" s="5" t="s">
        <v>1519</v>
      </c>
      <c r="K6708" s="2" t="s">
        <v>1520</v>
      </c>
      <c r="L6708" s="5" t="s">
        <v>1519</v>
      </c>
      <c r="M6708" s="2" t="s">
        <v>1520</v>
      </c>
      <c r="N6708" s="5" t="s">
        <v>1521</v>
      </c>
      <c r="O6708" s="5" t="s">
        <v>38</v>
      </c>
      <c r="P6708" s="5" t="s">
        <v>39</v>
      </c>
      <c r="Q6708" s="5" t="s">
        <v>40</v>
      </c>
      <c r="R6708" s="5" t="s">
        <v>1522</v>
      </c>
      <c r="S6708" s="5" t="s">
        <v>1523</v>
      </c>
      <c r="T6708" s="5" t="s">
        <v>42</v>
      </c>
      <c r="U6708" s="2">
        <v>2.1930000000000001</v>
      </c>
      <c r="V6708" s="2">
        <v>1.7110000000000001</v>
      </c>
      <c r="W6708" s="2">
        <v>1.0999999999999999E-2</v>
      </c>
      <c r="X6708" s="2">
        <v>82.9</v>
      </c>
      <c r="Y6708" s="2">
        <v>7.6</v>
      </c>
      <c r="Z6708" s="2">
        <v>16.7</v>
      </c>
      <c r="AA6708" s="5"/>
      <c r="AB6708" s="5" t="s">
        <v>43</v>
      </c>
      <c r="AC6708" s="5" t="s">
        <v>44</v>
      </c>
      <c r="AD6708" s="2"/>
      <c r="AE6708" s="1"/>
    </row>
    <row r="6709" spans="1:31" ht="14.45">
      <c r="A6709" s="11"/>
      <c r="B6709" s="20"/>
      <c r="C6709" s="2" t="s">
        <v>20599</v>
      </c>
      <c r="D6709" s="14" t="s">
        <v>20600</v>
      </c>
      <c r="E6709" s="2" t="s">
        <v>20601</v>
      </c>
      <c r="F6709" s="2" t="s">
        <v>7581</v>
      </c>
      <c r="G6709" s="8">
        <v>237</v>
      </c>
      <c r="H6709" s="5">
        <v>6</v>
      </c>
      <c r="I6709" s="5" t="s">
        <v>1518</v>
      </c>
      <c r="J6709" s="5" t="s">
        <v>1519</v>
      </c>
      <c r="K6709" s="2" t="s">
        <v>1520</v>
      </c>
      <c r="L6709" s="5" t="s">
        <v>1519</v>
      </c>
      <c r="M6709" s="2" t="s">
        <v>1520</v>
      </c>
      <c r="N6709" s="5" t="s">
        <v>1521</v>
      </c>
      <c r="O6709" s="5" t="s">
        <v>38</v>
      </c>
      <c r="P6709" s="5" t="s">
        <v>39</v>
      </c>
      <c r="Q6709" s="5" t="s">
        <v>40</v>
      </c>
      <c r="R6709" s="5" t="s">
        <v>1522</v>
      </c>
      <c r="S6709" s="5" t="s">
        <v>1523</v>
      </c>
      <c r="T6709" s="5" t="s">
        <v>42</v>
      </c>
      <c r="U6709" s="2">
        <v>2.2549999999999999</v>
      </c>
      <c r="V6709" s="2">
        <v>1.7729999999999999</v>
      </c>
      <c r="W6709" s="2">
        <v>1.0999999999999999E-2</v>
      </c>
      <c r="X6709" s="2">
        <v>82.9</v>
      </c>
      <c r="Y6709" s="2">
        <v>7.6</v>
      </c>
      <c r="Z6709" s="2">
        <v>16.7</v>
      </c>
      <c r="AA6709" s="5"/>
      <c r="AB6709" s="5" t="s">
        <v>43</v>
      </c>
      <c r="AC6709" s="5" t="s">
        <v>44</v>
      </c>
      <c r="AD6709" s="2"/>
      <c r="AE6709" s="1"/>
    </row>
    <row r="6710" spans="1:31" ht="14.45">
      <c r="A6710" s="11"/>
      <c r="B6710" s="20"/>
      <c r="C6710" s="2" t="s">
        <v>20602</v>
      </c>
      <c r="D6710" s="14" t="s">
        <v>20603</v>
      </c>
      <c r="E6710" s="2" t="s">
        <v>20604</v>
      </c>
      <c r="F6710" s="2" t="s">
        <v>7585</v>
      </c>
      <c r="G6710" s="8">
        <v>237</v>
      </c>
      <c r="H6710" s="5">
        <v>6</v>
      </c>
      <c r="I6710" s="5" t="s">
        <v>1518</v>
      </c>
      <c r="J6710" s="5" t="s">
        <v>1519</v>
      </c>
      <c r="K6710" s="2" t="s">
        <v>1520</v>
      </c>
      <c r="L6710" s="5" t="s">
        <v>1519</v>
      </c>
      <c r="M6710" s="2" t="s">
        <v>1520</v>
      </c>
      <c r="N6710" s="5" t="s">
        <v>1521</v>
      </c>
      <c r="O6710" s="5" t="s">
        <v>38</v>
      </c>
      <c r="P6710" s="5" t="s">
        <v>39</v>
      </c>
      <c r="Q6710" s="5" t="s">
        <v>40</v>
      </c>
      <c r="R6710" s="5" t="s">
        <v>1522</v>
      </c>
      <c r="S6710" s="5" t="s">
        <v>1523</v>
      </c>
      <c r="T6710" s="5" t="s">
        <v>42</v>
      </c>
      <c r="U6710" s="2">
        <v>2.1840000000000002</v>
      </c>
      <c r="V6710" s="2">
        <v>1.702</v>
      </c>
      <c r="W6710" s="2">
        <v>1.0999999999999999E-2</v>
      </c>
      <c r="X6710" s="2">
        <v>82.9</v>
      </c>
      <c r="Y6710" s="2">
        <v>7.6</v>
      </c>
      <c r="Z6710" s="2">
        <v>16.7</v>
      </c>
      <c r="AA6710" s="5"/>
      <c r="AB6710" s="5" t="s">
        <v>43</v>
      </c>
      <c r="AC6710" s="5" t="s">
        <v>44</v>
      </c>
      <c r="AD6710" s="2"/>
      <c r="AE6710" s="1"/>
    </row>
    <row r="6711" spans="1:31" ht="14.45">
      <c r="A6711" s="11"/>
      <c r="B6711" s="20"/>
      <c r="C6711" s="2" t="s">
        <v>20605</v>
      </c>
      <c r="D6711" s="14" t="s">
        <v>20606</v>
      </c>
      <c r="E6711" s="2" t="s">
        <v>20607</v>
      </c>
      <c r="F6711" s="2" t="s">
        <v>7589</v>
      </c>
      <c r="G6711" s="8">
        <v>237</v>
      </c>
      <c r="H6711" s="5">
        <v>6</v>
      </c>
      <c r="I6711" s="5" t="s">
        <v>1518</v>
      </c>
      <c r="J6711" s="5" t="s">
        <v>1519</v>
      </c>
      <c r="K6711" s="2" t="s">
        <v>1520</v>
      </c>
      <c r="L6711" s="5" t="s">
        <v>1519</v>
      </c>
      <c r="M6711" s="2" t="s">
        <v>1520</v>
      </c>
      <c r="N6711" s="5" t="s">
        <v>1521</v>
      </c>
      <c r="O6711" s="5" t="s">
        <v>38</v>
      </c>
      <c r="P6711" s="5" t="s">
        <v>39</v>
      </c>
      <c r="Q6711" s="5" t="s">
        <v>40</v>
      </c>
      <c r="R6711" s="5" t="s">
        <v>1522</v>
      </c>
      <c r="S6711" s="5" t="s">
        <v>1523</v>
      </c>
      <c r="T6711" s="5" t="s">
        <v>42</v>
      </c>
      <c r="U6711" s="2">
        <v>2.246</v>
      </c>
      <c r="V6711" s="2">
        <v>1.764</v>
      </c>
      <c r="W6711" s="2">
        <v>1.0999999999999999E-2</v>
      </c>
      <c r="X6711" s="2">
        <v>82.9</v>
      </c>
      <c r="Y6711" s="2">
        <v>7.6</v>
      </c>
      <c r="Z6711" s="2">
        <v>16.7</v>
      </c>
      <c r="AA6711" s="5"/>
      <c r="AB6711" s="5" t="s">
        <v>43</v>
      </c>
      <c r="AC6711" s="5" t="s">
        <v>44</v>
      </c>
      <c r="AD6711" s="2"/>
      <c r="AE6711" s="1"/>
    </row>
    <row r="6712" spans="1:31" ht="14.45">
      <c r="A6712" s="11"/>
      <c r="B6712" s="20"/>
      <c r="C6712" s="2" t="s">
        <v>20608</v>
      </c>
      <c r="D6712" s="14" t="s">
        <v>20609</v>
      </c>
      <c r="E6712" s="2" t="s">
        <v>20610</v>
      </c>
      <c r="F6712" s="2" t="s">
        <v>7593</v>
      </c>
      <c r="G6712" s="8">
        <v>237</v>
      </c>
      <c r="H6712" s="5">
        <v>6</v>
      </c>
      <c r="I6712" s="5" t="s">
        <v>1518</v>
      </c>
      <c r="J6712" s="5" t="s">
        <v>1519</v>
      </c>
      <c r="K6712" s="2" t="s">
        <v>1520</v>
      </c>
      <c r="L6712" s="5" t="s">
        <v>1519</v>
      </c>
      <c r="M6712" s="2" t="s">
        <v>1520</v>
      </c>
      <c r="N6712" s="5" t="s">
        <v>1521</v>
      </c>
      <c r="O6712" s="5" t="s">
        <v>38</v>
      </c>
      <c r="P6712" s="5" t="s">
        <v>39</v>
      </c>
      <c r="Q6712" s="5" t="s">
        <v>40</v>
      </c>
      <c r="R6712" s="5" t="s">
        <v>1522</v>
      </c>
      <c r="S6712" s="5" t="s">
        <v>1523</v>
      </c>
      <c r="T6712" s="5" t="s">
        <v>42</v>
      </c>
      <c r="U6712" s="2">
        <v>2.1930000000000001</v>
      </c>
      <c r="V6712" s="2">
        <v>1.7110000000000001</v>
      </c>
      <c r="W6712" s="2">
        <v>1.0999999999999999E-2</v>
      </c>
      <c r="X6712" s="2">
        <v>82.9</v>
      </c>
      <c r="Y6712" s="2">
        <v>7.6</v>
      </c>
      <c r="Z6712" s="2">
        <v>16.7</v>
      </c>
      <c r="AA6712" s="5"/>
      <c r="AB6712" s="5" t="s">
        <v>43</v>
      </c>
      <c r="AC6712" s="5" t="s">
        <v>44</v>
      </c>
      <c r="AD6712" s="2"/>
      <c r="AE6712" s="1"/>
    </row>
    <row r="6713" spans="1:31" ht="14.45">
      <c r="A6713" s="11"/>
      <c r="B6713" s="20"/>
      <c r="C6713" s="2" t="s">
        <v>20611</v>
      </c>
      <c r="D6713" s="14" t="s">
        <v>20612</v>
      </c>
      <c r="E6713" s="2" t="s">
        <v>20613</v>
      </c>
      <c r="F6713" s="2" t="s">
        <v>7597</v>
      </c>
      <c r="G6713" s="8">
        <v>237</v>
      </c>
      <c r="H6713" s="5">
        <v>6</v>
      </c>
      <c r="I6713" s="5" t="s">
        <v>1518</v>
      </c>
      <c r="J6713" s="5" t="s">
        <v>1519</v>
      </c>
      <c r="K6713" s="2" t="s">
        <v>1520</v>
      </c>
      <c r="L6713" s="5" t="s">
        <v>1519</v>
      </c>
      <c r="M6713" s="2" t="s">
        <v>1520</v>
      </c>
      <c r="N6713" s="5" t="s">
        <v>1521</v>
      </c>
      <c r="O6713" s="5" t="s">
        <v>38</v>
      </c>
      <c r="P6713" s="5" t="s">
        <v>39</v>
      </c>
      <c r="Q6713" s="5" t="s">
        <v>40</v>
      </c>
      <c r="R6713" s="5" t="s">
        <v>1522</v>
      </c>
      <c r="S6713" s="5" t="s">
        <v>1523</v>
      </c>
      <c r="T6713" s="5" t="s">
        <v>42</v>
      </c>
      <c r="U6713" s="2">
        <v>2.2549999999999999</v>
      </c>
      <c r="V6713" s="2">
        <v>1.7729999999999999</v>
      </c>
      <c r="W6713" s="2">
        <v>1.0999999999999999E-2</v>
      </c>
      <c r="X6713" s="2">
        <v>82.9</v>
      </c>
      <c r="Y6713" s="2">
        <v>7.6</v>
      </c>
      <c r="Z6713" s="2">
        <v>16.7</v>
      </c>
      <c r="AA6713" s="5"/>
      <c r="AB6713" s="5" t="s">
        <v>43</v>
      </c>
      <c r="AC6713" s="5" t="s">
        <v>44</v>
      </c>
      <c r="AD6713" s="2"/>
      <c r="AE6713" s="1"/>
    </row>
    <row r="6714" spans="1:31" ht="14.45">
      <c r="A6714" s="11"/>
      <c r="B6714" s="20"/>
      <c r="C6714" s="2" t="s">
        <v>20614</v>
      </c>
      <c r="D6714" s="14" t="s">
        <v>20615</v>
      </c>
      <c r="E6714" s="2" t="s">
        <v>20616</v>
      </c>
      <c r="F6714" s="2" t="s">
        <v>16014</v>
      </c>
      <c r="G6714" s="8">
        <v>237</v>
      </c>
      <c r="H6714" s="5">
        <v>6</v>
      </c>
      <c r="I6714" s="5" t="s">
        <v>1518</v>
      </c>
      <c r="J6714" s="5" t="s">
        <v>1519</v>
      </c>
      <c r="K6714" s="2" t="s">
        <v>1520</v>
      </c>
      <c r="L6714" s="5" t="s">
        <v>1519</v>
      </c>
      <c r="M6714" s="2" t="s">
        <v>1520</v>
      </c>
      <c r="N6714" s="5" t="s">
        <v>1521</v>
      </c>
      <c r="O6714" s="5" t="s">
        <v>38</v>
      </c>
      <c r="P6714" s="5" t="s">
        <v>39</v>
      </c>
      <c r="Q6714" s="5" t="s">
        <v>40</v>
      </c>
      <c r="R6714" s="5" t="s">
        <v>1522</v>
      </c>
      <c r="S6714" s="5" t="s">
        <v>1523</v>
      </c>
      <c r="T6714" s="5" t="s">
        <v>42</v>
      </c>
      <c r="U6714" s="2">
        <v>2.1930000000000001</v>
      </c>
      <c r="V6714" s="2">
        <v>1.7110000000000001</v>
      </c>
      <c r="W6714" s="2">
        <v>1.0999999999999999E-2</v>
      </c>
      <c r="X6714" s="2">
        <v>82.9</v>
      </c>
      <c r="Y6714" s="2">
        <v>7.6</v>
      </c>
      <c r="Z6714" s="2">
        <v>16.7</v>
      </c>
      <c r="AA6714" s="5"/>
      <c r="AB6714" s="5" t="s">
        <v>43</v>
      </c>
      <c r="AC6714" s="5" t="s">
        <v>44</v>
      </c>
      <c r="AD6714" s="2"/>
      <c r="AE6714" s="1"/>
    </row>
    <row r="6715" spans="1:31" ht="14.45">
      <c r="A6715" s="11"/>
      <c r="B6715" s="20"/>
      <c r="C6715" s="2" t="s">
        <v>20617</v>
      </c>
      <c r="D6715" s="14" t="s">
        <v>20618</v>
      </c>
      <c r="E6715" s="2" t="s">
        <v>20619</v>
      </c>
      <c r="F6715" s="2" t="s">
        <v>16219</v>
      </c>
      <c r="G6715" s="8">
        <v>237</v>
      </c>
      <c r="H6715" s="5">
        <v>6</v>
      </c>
      <c r="I6715" s="5" t="s">
        <v>1518</v>
      </c>
      <c r="J6715" s="5" t="s">
        <v>1519</v>
      </c>
      <c r="K6715" s="2" t="s">
        <v>1520</v>
      </c>
      <c r="L6715" s="5" t="s">
        <v>1519</v>
      </c>
      <c r="M6715" s="2" t="s">
        <v>1520</v>
      </c>
      <c r="N6715" s="5" t="s">
        <v>1521</v>
      </c>
      <c r="O6715" s="5" t="s">
        <v>38</v>
      </c>
      <c r="P6715" s="5" t="s">
        <v>39</v>
      </c>
      <c r="Q6715" s="5" t="s">
        <v>40</v>
      </c>
      <c r="R6715" s="5" t="s">
        <v>1522</v>
      </c>
      <c r="S6715" s="5" t="s">
        <v>1523</v>
      </c>
      <c r="T6715" s="5" t="s">
        <v>42</v>
      </c>
      <c r="U6715" s="2">
        <v>2.2549999999999999</v>
      </c>
      <c r="V6715" s="2">
        <v>1.7729999999999999</v>
      </c>
      <c r="W6715" s="2">
        <v>1.0999999999999999E-2</v>
      </c>
      <c r="X6715" s="2">
        <v>82.9</v>
      </c>
      <c r="Y6715" s="2">
        <v>7.6</v>
      </c>
      <c r="Z6715" s="2">
        <v>16.7</v>
      </c>
      <c r="AA6715" s="5"/>
      <c r="AB6715" s="5" t="s">
        <v>43</v>
      </c>
      <c r="AC6715" s="5" t="s">
        <v>44</v>
      </c>
      <c r="AD6715" s="2"/>
      <c r="AE6715" s="1"/>
    </row>
    <row r="6716" spans="1:31" ht="14.45">
      <c r="A6716" s="11"/>
      <c r="B6716" s="20"/>
      <c r="C6716" s="2" t="s">
        <v>20620</v>
      </c>
      <c r="D6716" s="14" t="s">
        <v>20621</v>
      </c>
      <c r="E6716" s="2" t="s">
        <v>20622</v>
      </c>
      <c r="F6716" s="2" t="s">
        <v>16018</v>
      </c>
      <c r="G6716" s="8">
        <v>237</v>
      </c>
      <c r="H6716" s="5">
        <v>6</v>
      </c>
      <c r="I6716" s="5" t="s">
        <v>1518</v>
      </c>
      <c r="J6716" s="5" t="s">
        <v>1519</v>
      </c>
      <c r="K6716" s="2" t="s">
        <v>1520</v>
      </c>
      <c r="L6716" s="5" t="s">
        <v>1519</v>
      </c>
      <c r="M6716" s="2" t="s">
        <v>1520</v>
      </c>
      <c r="N6716" s="5" t="s">
        <v>1521</v>
      </c>
      <c r="O6716" s="5" t="s">
        <v>38</v>
      </c>
      <c r="P6716" s="5" t="s">
        <v>39</v>
      </c>
      <c r="Q6716" s="5" t="s">
        <v>40</v>
      </c>
      <c r="R6716" s="5" t="s">
        <v>1522</v>
      </c>
      <c r="S6716" s="5" t="s">
        <v>1523</v>
      </c>
      <c r="T6716" s="5" t="s">
        <v>42</v>
      </c>
      <c r="U6716" s="2">
        <v>2.1930000000000001</v>
      </c>
      <c r="V6716" s="2">
        <v>1.7110000000000001</v>
      </c>
      <c r="W6716" s="2">
        <v>1.0999999999999999E-2</v>
      </c>
      <c r="X6716" s="2">
        <v>82.9</v>
      </c>
      <c r="Y6716" s="2">
        <v>7.6</v>
      </c>
      <c r="Z6716" s="2">
        <v>16.7</v>
      </c>
      <c r="AA6716" s="5"/>
      <c r="AB6716" s="5" t="s">
        <v>43</v>
      </c>
      <c r="AC6716" s="5" t="s">
        <v>44</v>
      </c>
      <c r="AD6716" s="2"/>
      <c r="AE6716" s="1"/>
    </row>
    <row r="6717" spans="1:31" ht="14.45">
      <c r="A6717" s="11"/>
      <c r="B6717" s="20"/>
      <c r="C6717" s="2" t="s">
        <v>20623</v>
      </c>
      <c r="D6717" s="14" t="s">
        <v>20624</v>
      </c>
      <c r="E6717" s="2" t="s">
        <v>20625</v>
      </c>
      <c r="F6717" s="2" t="s">
        <v>16022</v>
      </c>
      <c r="G6717" s="8">
        <v>237</v>
      </c>
      <c r="H6717" s="5">
        <v>6</v>
      </c>
      <c r="I6717" s="5" t="s">
        <v>1518</v>
      </c>
      <c r="J6717" s="5" t="s">
        <v>1519</v>
      </c>
      <c r="K6717" s="2" t="s">
        <v>1520</v>
      </c>
      <c r="L6717" s="5" t="s">
        <v>1519</v>
      </c>
      <c r="M6717" s="2" t="s">
        <v>1520</v>
      </c>
      <c r="N6717" s="5" t="s">
        <v>1521</v>
      </c>
      <c r="O6717" s="5" t="s">
        <v>38</v>
      </c>
      <c r="P6717" s="5" t="s">
        <v>39</v>
      </c>
      <c r="Q6717" s="5" t="s">
        <v>40</v>
      </c>
      <c r="R6717" s="5" t="s">
        <v>1522</v>
      </c>
      <c r="S6717" s="5" t="s">
        <v>1523</v>
      </c>
      <c r="T6717" s="5" t="s">
        <v>42</v>
      </c>
      <c r="U6717" s="2">
        <v>2.2549999999999999</v>
      </c>
      <c r="V6717" s="2">
        <v>1.7729999999999999</v>
      </c>
      <c r="W6717" s="2">
        <v>1.0999999999999999E-2</v>
      </c>
      <c r="X6717" s="2">
        <v>82.9</v>
      </c>
      <c r="Y6717" s="2">
        <v>7.6</v>
      </c>
      <c r="Z6717" s="2">
        <v>16.7</v>
      </c>
      <c r="AA6717" s="5"/>
      <c r="AB6717" s="5" t="s">
        <v>43</v>
      </c>
      <c r="AC6717" s="5" t="s">
        <v>44</v>
      </c>
      <c r="AD6717" s="2"/>
      <c r="AE6717" s="1"/>
    </row>
    <row r="6718" spans="1:31" ht="14.45">
      <c r="A6718" s="11"/>
      <c r="B6718" s="20"/>
      <c r="C6718" s="2" t="s">
        <v>20626</v>
      </c>
      <c r="D6718" s="14" t="s">
        <v>20627</v>
      </c>
      <c r="E6718" s="2" t="s">
        <v>20628</v>
      </c>
      <c r="F6718" s="2" t="s">
        <v>7615</v>
      </c>
      <c r="G6718" s="8">
        <v>237</v>
      </c>
      <c r="H6718" s="5">
        <v>6</v>
      </c>
      <c r="I6718" s="5" t="s">
        <v>1518</v>
      </c>
      <c r="J6718" s="5" t="s">
        <v>1519</v>
      </c>
      <c r="K6718" s="2" t="s">
        <v>1520</v>
      </c>
      <c r="L6718" s="5" t="s">
        <v>1519</v>
      </c>
      <c r="M6718" s="2" t="s">
        <v>1520</v>
      </c>
      <c r="N6718" s="5" t="s">
        <v>1521</v>
      </c>
      <c r="O6718" s="5" t="s">
        <v>38</v>
      </c>
      <c r="P6718" s="5" t="s">
        <v>39</v>
      </c>
      <c r="Q6718" s="5" t="s">
        <v>40</v>
      </c>
      <c r="R6718" s="5" t="s">
        <v>1522</v>
      </c>
      <c r="S6718" s="5" t="s">
        <v>1523</v>
      </c>
      <c r="T6718" s="5" t="s">
        <v>42</v>
      </c>
      <c r="U6718" s="2">
        <v>2.1840000000000002</v>
      </c>
      <c r="V6718" s="2">
        <v>1.702</v>
      </c>
      <c r="W6718" s="2">
        <v>1.0999999999999999E-2</v>
      </c>
      <c r="X6718" s="2">
        <v>82.9</v>
      </c>
      <c r="Y6718" s="2">
        <v>7.6</v>
      </c>
      <c r="Z6718" s="2">
        <v>16.7</v>
      </c>
      <c r="AA6718" s="5"/>
      <c r="AB6718" s="5" t="s">
        <v>43</v>
      </c>
      <c r="AC6718" s="5" t="s">
        <v>44</v>
      </c>
      <c r="AD6718" s="2"/>
      <c r="AE6718" s="1"/>
    </row>
    <row r="6719" spans="1:31" ht="14.45">
      <c r="A6719" s="11"/>
      <c r="B6719" s="20"/>
      <c r="C6719" s="2" t="s">
        <v>20629</v>
      </c>
      <c r="D6719" s="14" t="s">
        <v>20630</v>
      </c>
      <c r="E6719" s="2" t="s">
        <v>20631</v>
      </c>
      <c r="F6719" s="2" t="s">
        <v>7619</v>
      </c>
      <c r="G6719" s="8">
        <v>237</v>
      </c>
      <c r="H6719" s="5">
        <v>6</v>
      </c>
      <c r="I6719" s="5" t="s">
        <v>1518</v>
      </c>
      <c r="J6719" s="5" t="s">
        <v>1519</v>
      </c>
      <c r="K6719" s="2" t="s">
        <v>1520</v>
      </c>
      <c r="L6719" s="5" t="s">
        <v>1519</v>
      </c>
      <c r="M6719" s="2" t="s">
        <v>1520</v>
      </c>
      <c r="N6719" s="5" t="s">
        <v>1521</v>
      </c>
      <c r="O6719" s="5" t="s">
        <v>38</v>
      </c>
      <c r="P6719" s="5" t="s">
        <v>39</v>
      </c>
      <c r="Q6719" s="5" t="s">
        <v>40</v>
      </c>
      <c r="R6719" s="5" t="s">
        <v>1522</v>
      </c>
      <c r="S6719" s="5" t="s">
        <v>1523</v>
      </c>
      <c r="T6719" s="5" t="s">
        <v>42</v>
      </c>
      <c r="U6719" s="2">
        <v>2.246</v>
      </c>
      <c r="V6719" s="2">
        <v>1.764</v>
      </c>
      <c r="W6719" s="2">
        <v>1.0999999999999999E-2</v>
      </c>
      <c r="X6719" s="2">
        <v>82.9</v>
      </c>
      <c r="Y6719" s="2">
        <v>7.6</v>
      </c>
      <c r="Z6719" s="2">
        <v>16.7</v>
      </c>
      <c r="AA6719" s="5"/>
      <c r="AB6719" s="5" t="s">
        <v>43</v>
      </c>
      <c r="AC6719" s="5" t="s">
        <v>44</v>
      </c>
      <c r="AD6719" s="2"/>
      <c r="AE6719" s="1"/>
    </row>
    <row r="6720" spans="1:31" ht="14.45">
      <c r="A6720" s="11"/>
      <c r="B6720" s="20"/>
      <c r="C6720" s="2" t="s">
        <v>20632</v>
      </c>
      <c r="D6720" s="14" t="s">
        <v>20633</v>
      </c>
      <c r="E6720" s="2" t="s">
        <v>20634</v>
      </c>
      <c r="F6720" s="2" t="s">
        <v>16029</v>
      </c>
      <c r="G6720" s="8">
        <v>237</v>
      </c>
      <c r="H6720" s="5">
        <v>11</v>
      </c>
      <c r="I6720" s="5" t="s">
        <v>1518</v>
      </c>
      <c r="J6720" s="5" t="s">
        <v>1519</v>
      </c>
      <c r="K6720" s="2" t="s">
        <v>1520</v>
      </c>
      <c r="L6720" s="5" t="s">
        <v>1519</v>
      </c>
      <c r="M6720" s="2" t="s">
        <v>1520</v>
      </c>
      <c r="N6720" s="5" t="s">
        <v>1521</v>
      </c>
      <c r="O6720" s="5" t="s">
        <v>38</v>
      </c>
      <c r="P6720" s="5" t="s">
        <v>39</v>
      </c>
      <c r="Q6720" s="5" t="s">
        <v>40</v>
      </c>
      <c r="R6720" s="5" t="s">
        <v>1522</v>
      </c>
      <c r="S6720" s="5" t="s">
        <v>1523</v>
      </c>
      <c r="T6720" s="5" t="s">
        <v>42</v>
      </c>
      <c r="U6720" s="2">
        <v>2.1989999999999998</v>
      </c>
      <c r="V6720" s="2">
        <v>1.7170000000000001</v>
      </c>
      <c r="W6720" s="2">
        <v>1.0999999999999999E-2</v>
      </c>
      <c r="X6720" s="2">
        <v>82.9</v>
      </c>
      <c r="Y6720" s="2">
        <v>7.6</v>
      </c>
      <c r="Z6720" s="2">
        <v>16.7</v>
      </c>
      <c r="AA6720" s="5"/>
      <c r="AB6720" s="5" t="s">
        <v>43</v>
      </c>
      <c r="AC6720" s="5" t="s">
        <v>44</v>
      </c>
      <c r="AD6720" s="2"/>
      <c r="AE6720" s="1"/>
    </row>
    <row r="6721" spans="1:31" ht="14.45">
      <c r="A6721" s="11"/>
      <c r="B6721" s="20"/>
      <c r="C6721" s="2" t="s">
        <v>20635</v>
      </c>
      <c r="D6721" s="14" t="s">
        <v>20636</v>
      </c>
      <c r="E6721" s="2" t="s">
        <v>20637</v>
      </c>
      <c r="F6721" s="2" t="s">
        <v>16033</v>
      </c>
      <c r="G6721" s="8">
        <v>237</v>
      </c>
      <c r="H6721" s="5">
        <v>11</v>
      </c>
      <c r="I6721" s="5" t="s">
        <v>1518</v>
      </c>
      <c r="J6721" s="5" t="s">
        <v>1519</v>
      </c>
      <c r="K6721" s="2" t="s">
        <v>1520</v>
      </c>
      <c r="L6721" s="5" t="s">
        <v>1519</v>
      </c>
      <c r="M6721" s="2" t="s">
        <v>1520</v>
      </c>
      <c r="N6721" s="5" t="s">
        <v>1521</v>
      </c>
      <c r="O6721" s="5" t="s">
        <v>38</v>
      </c>
      <c r="P6721" s="5" t="s">
        <v>39</v>
      </c>
      <c r="Q6721" s="5" t="s">
        <v>40</v>
      </c>
      <c r="R6721" s="5" t="s">
        <v>1522</v>
      </c>
      <c r="S6721" s="5" t="s">
        <v>1523</v>
      </c>
      <c r="T6721" s="5" t="s">
        <v>42</v>
      </c>
      <c r="U6721" s="2">
        <v>2.2610000000000001</v>
      </c>
      <c r="V6721" s="2">
        <v>1.7789999999999999</v>
      </c>
      <c r="W6721" s="2">
        <v>1.0999999999999999E-2</v>
      </c>
      <c r="X6721" s="2">
        <v>82.9</v>
      </c>
      <c r="Y6721" s="2">
        <v>7.6</v>
      </c>
      <c r="Z6721" s="2">
        <v>16.7</v>
      </c>
      <c r="AA6721" s="5"/>
      <c r="AB6721" s="5" t="s">
        <v>43</v>
      </c>
      <c r="AC6721" s="5" t="s">
        <v>44</v>
      </c>
      <c r="AD6721" s="2"/>
      <c r="AE6721" s="1"/>
    </row>
    <row r="6722" spans="1:31" ht="14.45">
      <c r="A6722" s="11"/>
      <c r="B6722" s="20"/>
      <c r="C6722" s="2" t="s">
        <v>20638</v>
      </c>
      <c r="D6722" s="14" t="s">
        <v>20639</v>
      </c>
      <c r="E6722" s="2" t="s">
        <v>20640</v>
      </c>
      <c r="F6722" s="2" t="s">
        <v>7396</v>
      </c>
      <c r="G6722" s="8">
        <v>233</v>
      </c>
      <c r="H6722" s="5">
        <v>6</v>
      </c>
      <c r="I6722" s="5" t="s">
        <v>1518</v>
      </c>
      <c r="J6722" s="5" t="s">
        <v>1519</v>
      </c>
      <c r="K6722" s="2" t="s">
        <v>1520</v>
      </c>
      <c r="L6722" s="5" t="s">
        <v>1519</v>
      </c>
      <c r="M6722" s="2" t="s">
        <v>1520</v>
      </c>
      <c r="N6722" s="5" t="s">
        <v>1521</v>
      </c>
      <c r="O6722" s="5" t="s">
        <v>38</v>
      </c>
      <c r="P6722" s="5" t="s">
        <v>39</v>
      </c>
      <c r="Q6722" s="5" t="s">
        <v>40</v>
      </c>
      <c r="R6722" s="5" t="s">
        <v>1522</v>
      </c>
      <c r="S6722" s="5" t="s">
        <v>1523</v>
      </c>
      <c r="T6722" s="5" t="s">
        <v>42</v>
      </c>
      <c r="U6722" s="2">
        <v>2.4329999999999998</v>
      </c>
      <c r="V6722" s="2">
        <v>1.863</v>
      </c>
      <c r="W6722" s="2">
        <v>1.4999999999999999E-2</v>
      </c>
      <c r="X6722" s="2">
        <v>118.9</v>
      </c>
      <c r="Y6722" s="2">
        <v>7.6</v>
      </c>
      <c r="Z6722" s="2">
        <v>16.7</v>
      </c>
      <c r="AA6722" s="5"/>
      <c r="AB6722" s="5" t="s">
        <v>43</v>
      </c>
      <c r="AC6722" s="5" t="s">
        <v>44</v>
      </c>
      <c r="AD6722" s="2"/>
      <c r="AE6722" s="1"/>
    </row>
    <row r="6723" spans="1:31" ht="14.45">
      <c r="A6723" s="11"/>
      <c r="B6723" s="20"/>
      <c r="C6723" s="2" t="s">
        <v>20641</v>
      </c>
      <c r="D6723" s="14" t="s">
        <v>20642</v>
      </c>
      <c r="E6723" s="2" t="s">
        <v>20643</v>
      </c>
      <c r="F6723" s="2" t="s">
        <v>7507</v>
      </c>
      <c r="G6723" s="8">
        <v>233</v>
      </c>
      <c r="H6723" s="5">
        <v>6</v>
      </c>
      <c r="I6723" s="5" t="s">
        <v>1518</v>
      </c>
      <c r="J6723" s="5" t="s">
        <v>1519</v>
      </c>
      <c r="K6723" s="2" t="s">
        <v>1520</v>
      </c>
      <c r="L6723" s="5" t="s">
        <v>1519</v>
      </c>
      <c r="M6723" s="2" t="s">
        <v>1520</v>
      </c>
      <c r="N6723" s="5" t="s">
        <v>1521</v>
      </c>
      <c r="O6723" s="5" t="s">
        <v>38</v>
      </c>
      <c r="P6723" s="5" t="s">
        <v>39</v>
      </c>
      <c r="Q6723" s="5" t="s">
        <v>40</v>
      </c>
      <c r="R6723" s="5" t="s">
        <v>1522</v>
      </c>
      <c r="S6723" s="5" t="s">
        <v>1523</v>
      </c>
      <c r="T6723" s="5" t="s">
        <v>42</v>
      </c>
      <c r="U6723" s="2">
        <v>2.5059999999999998</v>
      </c>
      <c r="V6723" s="2">
        <v>1.9359999999999999</v>
      </c>
      <c r="W6723" s="2">
        <v>1.4999999999999999E-2</v>
      </c>
      <c r="X6723" s="2">
        <v>118.9</v>
      </c>
      <c r="Y6723" s="2">
        <v>7.6</v>
      </c>
      <c r="Z6723" s="2">
        <v>16.7</v>
      </c>
      <c r="AA6723" s="5"/>
      <c r="AB6723" s="5" t="s">
        <v>43</v>
      </c>
      <c r="AC6723" s="5" t="s">
        <v>44</v>
      </c>
      <c r="AD6723" s="2"/>
      <c r="AE6723" s="1"/>
    </row>
    <row r="6724" spans="1:31" ht="14.45">
      <c r="A6724" s="11"/>
      <c r="B6724" s="20"/>
      <c r="C6724" s="2" t="s">
        <v>20644</v>
      </c>
      <c r="D6724" s="14" t="s">
        <v>20645</v>
      </c>
      <c r="E6724" s="2" t="s">
        <v>20646</v>
      </c>
      <c r="F6724" s="2" t="s">
        <v>7204</v>
      </c>
      <c r="G6724" s="8">
        <v>233</v>
      </c>
      <c r="H6724" s="5">
        <v>6</v>
      </c>
      <c r="I6724" s="5" t="s">
        <v>1518</v>
      </c>
      <c r="J6724" s="5" t="s">
        <v>1519</v>
      </c>
      <c r="K6724" s="2" t="s">
        <v>1520</v>
      </c>
      <c r="L6724" s="5" t="s">
        <v>1519</v>
      </c>
      <c r="M6724" s="2" t="s">
        <v>1520</v>
      </c>
      <c r="N6724" s="5" t="s">
        <v>1521</v>
      </c>
      <c r="O6724" s="5" t="s">
        <v>38</v>
      </c>
      <c r="P6724" s="5" t="s">
        <v>39</v>
      </c>
      <c r="Q6724" s="5" t="s">
        <v>40</v>
      </c>
      <c r="R6724" s="5" t="s">
        <v>1522</v>
      </c>
      <c r="S6724" s="5" t="s">
        <v>1523</v>
      </c>
      <c r="T6724" s="5" t="s">
        <v>42</v>
      </c>
      <c r="U6724" s="2">
        <v>2.4369999999999998</v>
      </c>
      <c r="V6724" s="2">
        <v>1.867</v>
      </c>
      <c r="W6724" s="2">
        <v>1.4999999999999999E-2</v>
      </c>
      <c r="X6724" s="2">
        <v>118.9</v>
      </c>
      <c r="Y6724" s="2">
        <v>7.6</v>
      </c>
      <c r="Z6724" s="2">
        <v>16.7</v>
      </c>
      <c r="AA6724" s="5"/>
      <c r="AB6724" s="5" t="s">
        <v>43</v>
      </c>
      <c r="AC6724" s="5" t="s">
        <v>44</v>
      </c>
      <c r="AD6724" s="2"/>
      <c r="AE6724" s="1"/>
    </row>
    <row r="6725" spans="1:31" ht="14.45">
      <c r="A6725" s="11"/>
      <c r="B6725" s="20"/>
      <c r="C6725" s="2" t="s">
        <v>20647</v>
      </c>
      <c r="D6725" s="14" t="s">
        <v>20648</v>
      </c>
      <c r="E6725" s="2" t="s">
        <v>20649</v>
      </c>
      <c r="F6725" s="2" t="s">
        <v>7514</v>
      </c>
      <c r="G6725" s="8">
        <v>233</v>
      </c>
      <c r="H6725" s="5">
        <v>6</v>
      </c>
      <c r="I6725" s="5" t="s">
        <v>1518</v>
      </c>
      <c r="J6725" s="5" t="s">
        <v>1519</v>
      </c>
      <c r="K6725" s="2" t="s">
        <v>1520</v>
      </c>
      <c r="L6725" s="5" t="s">
        <v>1519</v>
      </c>
      <c r="M6725" s="2" t="s">
        <v>1520</v>
      </c>
      <c r="N6725" s="5" t="s">
        <v>1521</v>
      </c>
      <c r="O6725" s="5" t="s">
        <v>38</v>
      </c>
      <c r="P6725" s="5" t="s">
        <v>39</v>
      </c>
      <c r="Q6725" s="5" t="s">
        <v>40</v>
      </c>
      <c r="R6725" s="5" t="s">
        <v>1522</v>
      </c>
      <c r="S6725" s="5" t="s">
        <v>1523</v>
      </c>
      <c r="T6725" s="5" t="s">
        <v>42</v>
      </c>
      <c r="U6725" s="2">
        <v>2.5099999999999998</v>
      </c>
      <c r="V6725" s="2">
        <v>1.94</v>
      </c>
      <c r="W6725" s="2">
        <v>1.4999999999999999E-2</v>
      </c>
      <c r="X6725" s="2">
        <v>118.9</v>
      </c>
      <c r="Y6725" s="2">
        <v>7.6</v>
      </c>
      <c r="Z6725" s="2">
        <v>16.7</v>
      </c>
      <c r="AA6725" s="5"/>
      <c r="AB6725" s="5" t="s">
        <v>43</v>
      </c>
      <c r="AC6725" s="5" t="s">
        <v>44</v>
      </c>
      <c r="AD6725" s="2"/>
      <c r="AE6725" s="1"/>
    </row>
    <row r="6726" spans="1:31" ht="14.45">
      <c r="A6726" s="11"/>
      <c r="B6726" s="20"/>
      <c r="C6726" s="2" t="s">
        <v>20650</v>
      </c>
      <c r="D6726" s="14" t="s">
        <v>20651</v>
      </c>
      <c r="E6726" s="2" t="s">
        <v>20652</v>
      </c>
      <c r="F6726" s="2" t="s">
        <v>7208</v>
      </c>
      <c r="G6726" s="8">
        <v>233</v>
      </c>
      <c r="H6726" s="5">
        <v>6</v>
      </c>
      <c r="I6726" s="5" t="s">
        <v>1518</v>
      </c>
      <c r="J6726" s="5" t="s">
        <v>1519</v>
      </c>
      <c r="K6726" s="2" t="s">
        <v>1520</v>
      </c>
      <c r="L6726" s="5" t="s">
        <v>1519</v>
      </c>
      <c r="M6726" s="2" t="s">
        <v>1520</v>
      </c>
      <c r="N6726" s="5" t="s">
        <v>1521</v>
      </c>
      <c r="O6726" s="5" t="s">
        <v>38</v>
      </c>
      <c r="P6726" s="5" t="s">
        <v>39</v>
      </c>
      <c r="Q6726" s="5" t="s">
        <v>40</v>
      </c>
      <c r="R6726" s="5" t="s">
        <v>1522</v>
      </c>
      <c r="S6726" s="5" t="s">
        <v>1523</v>
      </c>
      <c r="T6726" s="5" t="s">
        <v>42</v>
      </c>
      <c r="U6726" s="2">
        <v>2.4369999999999998</v>
      </c>
      <c r="V6726" s="2">
        <v>1.867</v>
      </c>
      <c r="W6726" s="2">
        <v>1.4999999999999999E-2</v>
      </c>
      <c r="X6726" s="2">
        <v>118.9</v>
      </c>
      <c r="Y6726" s="2">
        <v>7.6</v>
      </c>
      <c r="Z6726" s="2">
        <v>16.7</v>
      </c>
      <c r="AA6726" s="5"/>
      <c r="AB6726" s="5" t="s">
        <v>43</v>
      </c>
      <c r="AC6726" s="5" t="s">
        <v>44</v>
      </c>
      <c r="AD6726" s="2"/>
      <c r="AE6726" s="1"/>
    </row>
    <row r="6727" spans="1:31" ht="14.45">
      <c r="A6727" s="11"/>
      <c r="B6727" s="20"/>
      <c r="C6727" s="2" t="s">
        <v>20653</v>
      </c>
      <c r="D6727" s="14" t="s">
        <v>20654</v>
      </c>
      <c r="E6727" s="2" t="s">
        <v>20655</v>
      </c>
      <c r="F6727" s="2" t="s">
        <v>7521</v>
      </c>
      <c r="G6727" s="8">
        <v>233</v>
      </c>
      <c r="H6727" s="5">
        <v>6</v>
      </c>
      <c r="I6727" s="5" t="s">
        <v>1518</v>
      </c>
      <c r="J6727" s="5" t="s">
        <v>1519</v>
      </c>
      <c r="K6727" s="2" t="s">
        <v>1520</v>
      </c>
      <c r="L6727" s="5" t="s">
        <v>1519</v>
      </c>
      <c r="M6727" s="2" t="s">
        <v>1520</v>
      </c>
      <c r="N6727" s="5" t="s">
        <v>1521</v>
      </c>
      <c r="O6727" s="5" t="s">
        <v>38</v>
      </c>
      <c r="P6727" s="5" t="s">
        <v>39</v>
      </c>
      <c r="Q6727" s="5" t="s">
        <v>40</v>
      </c>
      <c r="R6727" s="5" t="s">
        <v>1522</v>
      </c>
      <c r="S6727" s="5" t="s">
        <v>1523</v>
      </c>
      <c r="T6727" s="5" t="s">
        <v>42</v>
      </c>
      <c r="U6727" s="2">
        <v>2.5099999999999998</v>
      </c>
      <c r="V6727" s="2">
        <v>1.94</v>
      </c>
      <c r="W6727" s="2">
        <v>1.4999999999999999E-2</v>
      </c>
      <c r="X6727" s="2">
        <v>118.9</v>
      </c>
      <c r="Y6727" s="2">
        <v>7.6</v>
      </c>
      <c r="Z6727" s="2">
        <v>16.7</v>
      </c>
      <c r="AA6727" s="5"/>
      <c r="AB6727" s="5" t="s">
        <v>43</v>
      </c>
      <c r="AC6727" s="5" t="s">
        <v>44</v>
      </c>
      <c r="AD6727" s="2"/>
      <c r="AE6727" s="1"/>
    </row>
    <row r="6728" spans="1:31" ht="14.45">
      <c r="A6728" s="11"/>
      <c r="B6728" s="20"/>
      <c r="C6728" s="2" t="s">
        <v>20656</v>
      </c>
      <c r="D6728" s="14" t="s">
        <v>20657</v>
      </c>
      <c r="E6728" s="2" t="s">
        <v>20658</v>
      </c>
      <c r="F6728" s="2" t="s">
        <v>7212</v>
      </c>
      <c r="G6728" s="8">
        <v>233</v>
      </c>
      <c r="H6728" s="5">
        <v>6</v>
      </c>
      <c r="I6728" s="5" t="s">
        <v>1518</v>
      </c>
      <c r="J6728" s="5" t="s">
        <v>1519</v>
      </c>
      <c r="K6728" s="2" t="s">
        <v>1520</v>
      </c>
      <c r="L6728" s="5" t="s">
        <v>1519</v>
      </c>
      <c r="M6728" s="2" t="s">
        <v>1520</v>
      </c>
      <c r="N6728" s="5" t="s">
        <v>1521</v>
      </c>
      <c r="O6728" s="5" t="s">
        <v>38</v>
      </c>
      <c r="P6728" s="5" t="s">
        <v>39</v>
      </c>
      <c r="Q6728" s="5" t="s">
        <v>40</v>
      </c>
      <c r="R6728" s="5" t="s">
        <v>1522</v>
      </c>
      <c r="S6728" s="5" t="s">
        <v>1523</v>
      </c>
      <c r="T6728" s="5" t="s">
        <v>42</v>
      </c>
      <c r="U6728" s="2">
        <v>2.4249999999999998</v>
      </c>
      <c r="V6728" s="2">
        <v>1.855</v>
      </c>
      <c r="W6728" s="2">
        <v>1.4999999999999999E-2</v>
      </c>
      <c r="X6728" s="2">
        <v>118.9</v>
      </c>
      <c r="Y6728" s="2">
        <v>7.6</v>
      </c>
      <c r="Z6728" s="2">
        <v>16.7</v>
      </c>
      <c r="AA6728" s="5"/>
      <c r="AB6728" s="5" t="s">
        <v>43</v>
      </c>
      <c r="AC6728" s="5" t="s">
        <v>44</v>
      </c>
      <c r="AD6728" s="2"/>
      <c r="AE6728" s="1"/>
    </row>
    <row r="6729" spans="1:31" ht="14.45">
      <c r="A6729" s="11"/>
      <c r="B6729" s="20"/>
      <c r="C6729" s="2" t="s">
        <v>20659</v>
      </c>
      <c r="D6729" s="14" t="s">
        <v>20660</v>
      </c>
      <c r="E6729" s="2" t="s">
        <v>20661</v>
      </c>
      <c r="F6729" s="2" t="s">
        <v>7528</v>
      </c>
      <c r="G6729" s="8">
        <v>233</v>
      </c>
      <c r="H6729" s="5">
        <v>6</v>
      </c>
      <c r="I6729" s="5" t="s">
        <v>1518</v>
      </c>
      <c r="J6729" s="5" t="s">
        <v>1519</v>
      </c>
      <c r="K6729" s="2" t="s">
        <v>1520</v>
      </c>
      <c r="L6729" s="5" t="s">
        <v>1519</v>
      </c>
      <c r="M6729" s="2" t="s">
        <v>1520</v>
      </c>
      <c r="N6729" s="5" t="s">
        <v>1521</v>
      </c>
      <c r="O6729" s="5" t="s">
        <v>38</v>
      </c>
      <c r="P6729" s="5" t="s">
        <v>39</v>
      </c>
      <c r="Q6729" s="5" t="s">
        <v>40</v>
      </c>
      <c r="R6729" s="5" t="s">
        <v>1522</v>
      </c>
      <c r="S6729" s="5" t="s">
        <v>1523</v>
      </c>
      <c r="T6729" s="5" t="s">
        <v>42</v>
      </c>
      <c r="U6729" s="2">
        <v>2.4980000000000002</v>
      </c>
      <c r="V6729" s="2">
        <v>1.9279999999999999</v>
      </c>
      <c r="W6729" s="2">
        <v>1.4999999999999999E-2</v>
      </c>
      <c r="X6729" s="2">
        <v>118.9</v>
      </c>
      <c r="Y6729" s="2">
        <v>7.6</v>
      </c>
      <c r="Z6729" s="2">
        <v>16.7</v>
      </c>
      <c r="AA6729" s="5"/>
      <c r="AB6729" s="5" t="s">
        <v>43</v>
      </c>
      <c r="AC6729" s="5" t="s">
        <v>44</v>
      </c>
      <c r="AD6729" s="2"/>
      <c r="AE6729" s="1"/>
    </row>
    <row r="6730" spans="1:31" ht="14.45">
      <c r="A6730" s="11"/>
      <c r="B6730" s="20"/>
      <c r="C6730" s="2" t="s">
        <v>20662</v>
      </c>
      <c r="D6730" s="14" t="s">
        <v>20663</v>
      </c>
      <c r="E6730" s="2" t="s">
        <v>20664</v>
      </c>
      <c r="F6730" s="2" t="s">
        <v>7406</v>
      </c>
      <c r="G6730" s="8">
        <v>249</v>
      </c>
      <c r="H6730" s="5">
        <v>6</v>
      </c>
      <c r="I6730" s="5" t="s">
        <v>1518</v>
      </c>
      <c r="J6730" s="5" t="s">
        <v>1519</v>
      </c>
      <c r="K6730" s="2" t="s">
        <v>1520</v>
      </c>
      <c r="L6730" s="5" t="s">
        <v>1519</v>
      </c>
      <c r="M6730" s="2" t="s">
        <v>1520</v>
      </c>
      <c r="N6730" s="5" t="s">
        <v>1521</v>
      </c>
      <c r="O6730" s="5" t="s">
        <v>38</v>
      </c>
      <c r="P6730" s="5" t="s">
        <v>39</v>
      </c>
      <c r="Q6730" s="5" t="s">
        <v>40</v>
      </c>
      <c r="R6730" s="5" t="s">
        <v>1522</v>
      </c>
      <c r="S6730" s="5" t="s">
        <v>1523</v>
      </c>
      <c r="T6730" s="5" t="s">
        <v>42</v>
      </c>
      <c r="U6730" s="2">
        <v>2.4249999999999998</v>
      </c>
      <c r="V6730" s="2">
        <v>1.855</v>
      </c>
      <c r="W6730" s="2">
        <v>1.4999999999999999E-2</v>
      </c>
      <c r="X6730" s="2">
        <v>118.9</v>
      </c>
      <c r="Y6730" s="2">
        <v>7.6</v>
      </c>
      <c r="Z6730" s="2">
        <v>16.7</v>
      </c>
      <c r="AA6730" s="5"/>
      <c r="AB6730" s="5" t="s">
        <v>43</v>
      </c>
      <c r="AC6730" s="5" t="s">
        <v>44</v>
      </c>
      <c r="AD6730" s="2"/>
      <c r="AE6730" s="1"/>
    </row>
    <row r="6731" spans="1:31" ht="14.45">
      <c r="A6731" s="11"/>
      <c r="B6731" s="20"/>
      <c r="C6731" s="2" t="s">
        <v>20665</v>
      </c>
      <c r="D6731" s="14" t="s">
        <v>20666</v>
      </c>
      <c r="E6731" s="2" t="s">
        <v>20667</v>
      </c>
      <c r="F6731" s="2" t="s">
        <v>7535</v>
      </c>
      <c r="G6731" s="8">
        <v>249</v>
      </c>
      <c r="H6731" s="5">
        <v>6</v>
      </c>
      <c r="I6731" s="5" t="s">
        <v>1518</v>
      </c>
      <c r="J6731" s="5" t="s">
        <v>1519</v>
      </c>
      <c r="K6731" s="2" t="s">
        <v>1520</v>
      </c>
      <c r="L6731" s="5" t="s">
        <v>1519</v>
      </c>
      <c r="M6731" s="2" t="s">
        <v>1520</v>
      </c>
      <c r="N6731" s="5" t="s">
        <v>1521</v>
      </c>
      <c r="O6731" s="5" t="s">
        <v>38</v>
      </c>
      <c r="P6731" s="5" t="s">
        <v>39</v>
      </c>
      <c r="Q6731" s="5" t="s">
        <v>40</v>
      </c>
      <c r="R6731" s="5" t="s">
        <v>1522</v>
      </c>
      <c r="S6731" s="5" t="s">
        <v>1523</v>
      </c>
      <c r="T6731" s="5" t="s">
        <v>42</v>
      </c>
      <c r="U6731" s="2">
        <v>2.4980000000000002</v>
      </c>
      <c r="V6731" s="2">
        <v>1.9279999999999999</v>
      </c>
      <c r="W6731" s="2">
        <v>1.4999999999999999E-2</v>
      </c>
      <c r="X6731" s="2">
        <v>118.9</v>
      </c>
      <c r="Y6731" s="2">
        <v>7.6</v>
      </c>
      <c r="Z6731" s="2">
        <v>16.7</v>
      </c>
      <c r="AA6731" s="5"/>
      <c r="AB6731" s="5" t="s">
        <v>43</v>
      </c>
      <c r="AC6731" s="5" t="s">
        <v>44</v>
      </c>
      <c r="AD6731" s="2"/>
      <c r="AE6731" s="1"/>
    </row>
    <row r="6732" spans="1:31" ht="14.45">
      <c r="A6732" s="11"/>
      <c r="B6732" s="20"/>
      <c r="C6732" s="2" t="s">
        <v>20668</v>
      </c>
      <c r="D6732" s="14" t="s">
        <v>20669</v>
      </c>
      <c r="E6732" s="2" t="s">
        <v>20670</v>
      </c>
      <c r="F6732" s="2" t="s">
        <v>7539</v>
      </c>
      <c r="G6732" s="8">
        <v>249</v>
      </c>
      <c r="H6732" s="5">
        <v>6</v>
      </c>
      <c r="I6732" s="5" t="s">
        <v>1518</v>
      </c>
      <c r="J6732" s="5" t="s">
        <v>1519</v>
      </c>
      <c r="K6732" s="2" t="s">
        <v>1520</v>
      </c>
      <c r="L6732" s="5" t="s">
        <v>1519</v>
      </c>
      <c r="M6732" s="2" t="s">
        <v>1520</v>
      </c>
      <c r="N6732" s="5" t="s">
        <v>1521</v>
      </c>
      <c r="O6732" s="5" t="s">
        <v>38</v>
      </c>
      <c r="P6732" s="5" t="s">
        <v>39</v>
      </c>
      <c r="Q6732" s="5" t="s">
        <v>40</v>
      </c>
      <c r="R6732" s="5" t="s">
        <v>1522</v>
      </c>
      <c r="S6732" s="5" t="s">
        <v>1523</v>
      </c>
      <c r="T6732" s="5" t="s">
        <v>42</v>
      </c>
      <c r="U6732" s="2">
        <v>2.4369999999999998</v>
      </c>
      <c r="V6732" s="2">
        <v>1.867</v>
      </c>
      <c r="W6732" s="2">
        <v>1.4999999999999999E-2</v>
      </c>
      <c r="X6732" s="2">
        <v>118.9</v>
      </c>
      <c r="Y6732" s="2">
        <v>7.6</v>
      </c>
      <c r="Z6732" s="2">
        <v>16.7</v>
      </c>
      <c r="AA6732" s="5"/>
      <c r="AB6732" s="5" t="s">
        <v>43</v>
      </c>
      <c r="AC6732" s="5" t="s">
        <v>44</v>
      </c>
      <c r="AD6732" s="2"/>
      <c r="AE6732" s="1"/>
    </row>
    <row r="6733" spans="1:31" ht="14.45">
      <c r="A6733" s="11"/>
      <c r="B6733" s="20"/>
      <c r="C6733" s="2" t="s">
        <v>20671</v>
      </c>
      <c r="D6733" s="14" t="s">
        <v>20672</v>
      </c>
      <c r="E6733" s="2" t="s">
        <v>20673</v>
      </c>
      <c r="F6733" s="2" t="s">
        <v>7543</v>
      </c>
      <c r="G6733" s="8">
        <v>249</v>
      </c>
      <c r="H6733" s="5">
        <v>6</v>
      </c>
      <c r="I6733" s="5" t="s">
        <v>1518</v>
      </c>
      <c r="J6733" s="5" t="s">
        <v>1519</v>
      </c>
      <c r="K6733" s="2" t="s">
        <v>1520</v>
      </c>
      <c r="L6733" s="5" t="s">
        <v>1519</v>
      </c>
      <c r="M6733" s="2" t="s">
        <v>1520</v>
      </c>
      <c r="N6733" s="5" t="s">
        <v>1521</v>
      </c>
      <c r="O6733" s="5" t="s">
        <v>38</v>
      </c>
      <c r="P6733" s="5" t="s">
        <v>39</v>
      </c>
      <c r="Q6733" s="5" t="s">
        <v>40</v>
      </c>
      <c r="R6733" s="5" t="s">
        <v>1522</v>
      </c>
      <c r="S6733" s="5" t="s">
        <v>1523</v>
      </c>
      <c r="T6733" s="5" t="s">
        <v>42</v>
      </c>
      <c r="U6733" s="2">
        <v>2.5099999999999998</v>
      </c>
      <c r="V6733" s="2">
        <v>1.94</v>
      </c>
      <c r="W6733" s="2">
        <v>1.4999999999999999E-2</v>
      </c>
      <c r="X6733" s="2">
        <v>118.9</v>
      </c>
      <c r="Y6733" s="2">
        <v>7.6</v>
      </c>
      <c r="Z6733" s="2">
        <v>16.7</v>
      </c>
      <c r="AA6733" s="5"/>
      <c r="AB6733" s="5" t="s">
        <v>43</v>
      </c>
      <c r="AC6733" s="5" t="s">
        <v>44</v>
      </c>
      <c r="AD6733" s="2"/>
      <c r="AE6733" s="1"/>
    </row>
    <row r="6734" spans="1:31" ht="14.45">
      <c r="A6734" s="11"/>
      <c r="B6734" s="20"/>
      <c r="C6734" s="2" t="s">
        <v>20674</v>
      </c>
      <c r="D6734" s="14" t="s">
        <v>20675</v>
      </c>
      <c r="E6734" s="2" t="s">
        <v>20676</v>
      </c>
      <c r="F6734" s="2" t="s">
        <v>7547</v>
      </c>
      <c r="G6734" s="8">
        <v>249</v>
      </c>
      <c r="H6734" s="5">
        <v>6</v>
      </c>
      <c r="I6734" s="5" t="s">
        <v>1518</v>
      </c>
      <c r="J6734" s="5" t="s">
        <v>1519</v>
      </c>
      <c r="K6734" s="2" t="s">
        <v>1520</v>
      </c>
      <c r="L6734" s="5" t="s">
        <v>1519</v>
      </c>
      <c r="M6734" s="2" t="s">
        <v>1520</v>
      </c>
      <c r="N6734" s="5" t="s">
        <v>1521</v>
      </c>
      <c r="O6734" s="5" t="s">
        <v>38</v>
      </c>
      <c r="P6734" s="5" t="s">
        <v>39</v>
      </c>
      <c r="Q6734" s="5" t="s">
        <v>40</v>
      </c>
      <c r="R6734" s="5" t="s">
        <v>1522</v>
      </c>
      <c r="S6734" s="5" t="s">
        <v>1523</v>
      </c>
      <c r="T6734" s="5" t="s">
        <v>42</v>
      </c>
      <c r="U6734" s="2">
        <v>2.4249999999999998</v>
      </c>
      <c r="V6734" s="2">
        <v>1.855</v>
      </c>
      <c r="W6734" s="2">
        <v>1.4999999999999999E-2</v>
      </c>
      <c r="X6734" s="2">
        <v>118.9</v>
      </c>
      <c r="Y6734" s="2">
        <v>7.6</v>
      </c>
      <c r="Z6734" s="2">
        <v>16.7</v>
      </c>
      <c r="AA6734" s="5"/>
      <c r="AB6734" s="5" t="s">
        <v>43</v>
      </c>
      <c r="AC6734" s="5" t="s">
        <v>44</v>
      </c>
      <c r="AD6734" s="2"/>
      <c r="AE6734" s="1"/>
    </row>
    <row r="6735" spans="1:31" ht="14.45">
      <c r="A6735" s="11"/>
      <c r="B6735" s="20"/>
      <c r="C6735" s="2" t="s">
        <v>20677</v>
      </c>
      <c r="D6735" s="14" t="s">
        <v>20678</v>
      </c>
      <c r="E6735" s="2" t="s">
        <v>20679</v>
      </c>
      <c r="F6735" s="2" t="s">
        <v>7551</v>
      </c>
      <c r="G6735" s="8">
        <v>249</v>
      </c>
      <c r="H6735" s="5">
        <v>6</v>
      </c>
      <c r="I6735" s="5" t="s">
        <v>1518</v>
      </c>
      <c r="J6735" s="5" t="s">
        <v>1519</v>
      </c>
      <c r="K6735" s="2" t="s">
        <v>1520</v>
      </c>
      <c r="L6735" s="5" t="s">
        <v>1519</v>
      </c>
      <c r="M6735" s="2" t="s">
        <v>1520</v>
      </c>
      <c r="N6735" s="5" t="s">
        <v>1521</v>
      </c>
      <c r="O6735" s="5" t="s">
        <v>38</v>
      </c>
      <c r="P6735" s="5" t="s">
        <v>39</v>
      </c>
      <c r="Q6735" s="5" t="s">
        <v>40</v>
      </c>
      <c r="R6735" s="5" t="s">
        <v>1522</v>
      </c>
      <c r="S6735" s="5" t="s">
        <v>1523</v>
      </c>
      <c r="T6735" s="5" t="s">
        <v>42</v>
      </c>
      <c r="U6735" s="2">
        <v>2.4980000000000002</v>
      </c>
      <c r="V6735" s="2">
        <v>1.9279999999999999</v>
      </c>
      <c r="W6735" s="2">
        <v>1.4999999999999999E-2</v>
      </c>
      <c r="X6735" s="2">
        <v>118.9</v>
      </c>
      <c r="Y6735" s="2">
        <v>7.6</v>
      </c>
      <c r="Z6735" s="2">
        <v>16.7</v>
      </c>
      <c r="AA6735" s="5"/>
      <c r="AB6735" s="5" t="s">
        <v>43</v>
      </c>
      <c r="AC6735" s="5" t="s">
        <v>44</v>
      </c>
      <c r="AD6735" s="2"/>
      <c r="AE6735" s="1"/>
    </row>
    <row r="6736" spans="1:31" ht="14.45">
      <c r="A6736" s="11"/>
      <c r="B6736" s="20"/>
      <c r="C6736" s="2" t="s">
        <v>20680</v>
      </c>
      <c r="D6736" s="14" t="s">
        <v>20681</v>
      </c>
      <c r="E6736" s="2" t="s">
        <v>20682</v>
      </c>
      <c r="F6736" s="2" t="s">
        <v>7555</v>
      </c>
      <c r="G6736" s="8">
        <v>249</v>
      </c>
      <c r="H6736" s="5">
        <v>6</v>
      </c>
      <c r="I6736" s="5" t="s">
        <v>1518</v>
      </c>
      <c r="J6736" s="5" t="s">
        <v>1519</v>
      </c>
      <c r="K6736" s="2" t="s">
        <v>1520</v>
      </c>
      <c r="L6736" s="5" t="s">
        <v>1519</v>
      </c>
      <c r="M6736" s="2" t="s">
        <v>1520</v>
      </c>
      <c r="N6736" s="5" t="s">
        <v>1521</v>
      </c>
      <c r="O6736" s="5" t="s">
        <v>38</v>
      </c>
      <c r="P6736" s="5" t="s">
        <v>39</v>
      </c>
      <c r="Q6736" s="5" t="s">
        <v>40</v>
      </c>
      <c r="R6736" s="5" t="s">
        <v>1522</v>
      </c>
      <c r="S6736" s="5" t="s">
        <v>1523</v>
      </c>
      <c r="T6736" s="5" t="s">
        <v>42</v>
      </c>
      <c r="U6736" s="2">
        <v>2.4249999999999998</v>
      </c>
      <c r="V6736" s="2">
        <v>1.855</v>
      </c>
      <c r="W6736" s="2">
        <v>1.4999999999999999E-2</v>
      </c>
      <c r="X6736" s="2">
        <v>118.9</v>
      </c>
      <c r="Y6736" s="2">
        <v>7.6</v>
      </c>
      <c r="Z6736" s="2">
        <v>16.7</v>
      </c>
      <c r="AA6736" s="5"/>
      <c r="AB6736" s="5" t="s">
        <v>43</v>
      </c>
      <c r="AC6736" s="5" t="s">
        <v>44</v>
      </c>
      <c r="AD6736" s="2"/>
      <c r="AE6736" s="1"/>
    </row>
    <row r="6737" spans="1:31" ht="14.45">
      <c r="A6737" s="11"/>
      <c r="B6737" s="20"/>
      <c r="C6737" s="2" t="s">
        <v>20683</v>
      </c>
      <c r="D6737" s="14" t="s">
        <v>20684</v>
      </c>
      <c r="E6737" s="2" t="s">
        <v>20685</v>
      </c>
      <c r="F6737" s="2" t="s">
        <v>7559</v>
      </c>
      <c r="G6737" s="8">
        <v>249</v>
      </c>
      <c r="H6737" s="5">
        <v>6</v>
      </c>
      <c r="I6737" s="5" t="s">
        <v>1518</v>
      </c>
      <c r="J6737" s="5" t="s">
        <v>1519</v>
      </c>
      <c r="K6737" s="2" t="s">
        <v>1520</v>
      </c>
      <c r="L6737" s="5" t="s">
        <v>1519</v>
      </c>
      <c r="M6737" s="2" t="s">
        <v>1520</v>
      </c>
      <c r="N6737" s="5" t="s">
        <v>1521</v>
      </c>
      <c r="O6737" s="5" t="s">
        <v>38</v>
      </c>
      <c r="P6737" s="5" t="s">
        <v>39</v>
      </c>
      <c r="Q6737" s="5" t="s">
        <v>40</v>
      </c>
      <c r="R6737" s="5" t="s">
        <v>1522</v>
      </c>
      <c r="S6737" s="5" t="s">
        <v>1523</v>
      </c>
      <c r="T6737" s="5" t="s">
        <v>42</v>
      </c>
      <c r="U6737" s="2">
        <v>2.4980000000000002</v>
      </c>
      <c r="V6737" s="2">
        <v>1.9279999999999999</v>
      </c>
      <c r="W6737" s="2">
        <v>1.4999999999999999E-2</v>
      </c>
      <c r="X6737" s="2">
        <v>118.9</v>
      </c>
      <c r="Y6737" s="2">
        <v>7.6</v>
      </c>
      <c r="Z6737" s="2">
        <v>16.7</v>
      </c>
      <c r="AA6737" s="5"/>
      <c r="AB6737" s="5" t="s">
        <v>43</v>
      </c>
      <c r="AC6737" s="5" t="s">
        <v>44</v>
      </c>
      <c r="AD6737" s="2"/>
      <c r="AE6737" s="1"/>
    </row>
    <row r="6738" spans="1:31" ht="14.45">
      <c r="A6738" s="11"/>
      <c r="B6738" s="20"/>
      <c r="C6738" s="2" t="s">
        <v>20686</v>
      </c>
      <c r="D6738" s="14" t="s">
        <v>20687</v>
      </c>
      <c r="E6738" s="2" t="s">
        <v>20688</v>
      </c>
      <c r="F6738" s="2" t="s">
        <v>7563</v>
      </c>
      <c r="G6738" s="8">
        <v>249</v>
      </c>
      <c r="H6738" s="5">
        <v>6</v>
      </c>
      <c r="I6738" s="5" t="s">
        <v>1518</v>
      </c>
      <c r="J6738" s="5" t="s">
        <v>1519</v>
      </c>
      <c r="K6738" s="2" t="s">
        <v>1520</v>
      </c>
      <c r="L6738" s="5" t="s">
        <v>1519</v>
      </c>
      <c r="M6738" s="2" t="s">
        <v>1520</v>
      </c>
      <c r="N6738" s="5" t="s">
        <v>1521</v>
      </c>
      <c r="O6738" s="5" t="s">
        <v>38</v>
      </c>
      <c r="P6738" s="5" t="s">
        <v>39</v>
      </c>
      <c r="Q6738" s="5" t="s">
        <v>40</v>
      </c>
      <c r="R6738" s="5" t="s">
        <v>1522</v>
      </c>
      <c r="S6738" s="5" t="s">
        <v>1523</v>
      </c>
      <c r="T6738" s="5" t="s">
        <v>42</v>
      </c>
      <c r="U6738" s="2">
        <v>2.4369999999999998</v>
      </c>
      <c r="V6738" s="2">
        <v>1.867</v>
      </c>
      <c r="W6738" s="2">
        <v>1.4999999999999999E-2</v>
      </c>
      <c r="X6738" s="2">
        <v>118.9</v>
      </c>
      <c r="Y6738" s="2">
        <v>7.6</v>
      </c>
      <c r="Z6738" s="2">
        <v>16.7</v>
      </c>
      <c r="AA6738" s="5"/>
      <c r="AB6738" s="5" t="s">
        <v>43</v>
      </c>
      <c r="AC6738" s="5" t="s">
        <v>44</v>
      </c>
      <c r="AD6738" s="2"/>
      <c r="AE6738" s="1"/>
    </row>
    <row r="6739" spans="1:31" ht="14.45">
      <c r="A6739" s="11"/>
      <c r="B6739" s="20"/>
      <c r="C6739" s="2" t="s">
        <v>20689</v>
      </c>
      <c r="D6739" s="14" t="s">
        <v>20690</v>
      </c>
      <c r="E6739" s="2" t="s">
        <v>20691</v>
      </c>
      <c r="F6739" s="2" t="s">
        <v>7567</v>
      </c>
      <c r="G6739" s="8">
        <v>249</v>
      </c>
      <c r="H6739" s="5">
        <v>6</v>
      </c>
      <c r="I6739" s="5" t="s">
        <v>1518</v>
      </c>
      <c r="J6739" s="5" t="s">
        <v>1519</v>
      </c>
      <c r="K6739" s="2" t="s">
        <v>1520</v>
      </c>
      <c r="L6739" s="5" t="s">
        <v>1519</v>
      </c>
      <c r="M6739" s="2" t="s">
        <v>1520</v>
      </c>
      <c r="N6739" s="5" t="s">
        <v>1521</v>
      </c>
      <c r="O6739" s="5" t="s">
        <v>38</v>
      </c>
      <c r="P6739" s="5" t="s">
        <v>39</v>
      </c>
      <c r="Q6739" s="5" t="s">
        <v>40</v>
      </c>
      <c r="R6739" s="5" t="s">
        <v>1522</v>
      </c>
      <c r="S6739" s="5" t="s">
        <v>1523</v>
      </c>
      <c r="T6739" s="5" t="s">
        <v>42</v>
      </c>
      <c r="U6739" s="2">
        <v>2.5099999999999998</v>
      </c>
      <c r="V6739" s="2">
        <v>1.94</v>
      </c>
      <c r="W6739" s="2">
        <v>1.4999999999999999E-2</v>
      </c>
      <c r="X6739" s="2">
        <v>118.9</v>
      </c>
      <c r="Y6739" s="2">
        <v>7.6</v>
      </c>
      <c r="Z6739" s="2">
        <v>16.7</v>
      </c>
      <c r="AA6739" s="5"/>
      <c r="AB6739" s="5" t="s">
        <v>43</v>
      </c>
      <c r="AC6739" s="5" t="s">
        <v>44</v>
      </c>
      <c r="AD6739" s="2"/>
      <c r="AE6739" s="1"/>
    </row>
    <row r="6740" spans="1:31" ht="14.45">
      <c r="A6740" s="11"/>
      <c r="B6740" s="20"/>
      <c r="C6740" s="2" t="s">
        <v>20692</v>
      </c>
      <c r="D6740" s="14" t="s">
        <v>20693</v>
      </c>
      <c r="E6740" s="2" t="s">
        <v>20694</v>
      </c>
      <c r="F6740" s="2" t="s">
        <v>16079</v>
      </c>
      <c r="G6740" s="8">
        <v>249</v>
      </c>
      <c r="H6740" s="5">
        <v>6</v>
      </c>
      <c r="I6740" s="5" t="s">
        <v>1518</v>
      </c>
      <c r="J6740" s="5" t="s">
        <v>1519</v>
      </c>
      <c r="K6740" s="2" t="s">
        <v>1520</v>
      </c>
      <c r="L6740" s="5" t="s">
        <v>1519</v>
      </c>
      <c r="M6740" s="2" t="s">
        <v>1520</v>
      </c>
      <c r="N6740" s="5" t="s">
        <v>1521</v>
      </c>
      <c r="O6740" s="5" t="s">
        <v>38</v>
      </c>
      <c r="P6740" s="5" t="s">
        <v>39</v>
      </c>
      <c r="Q6740" s="5" t="s">
        <v>40</v>
      </c>
      <c r="R6740" s="5" t="s">
        <v>1522</v>
      </c>
      <c r="S6740" s="5" t="s">
        <v>1523</v>
      </c>
      <c r="T6740" s="5" t="s">
        <v>42</v>
      </c>
      <c r="U6740" s="2">
        <v>2.4369999999999998</v>
      </c>
      <c r="V6740" s="2">
        <v>1.867</v>
      </c>
      <c r="W6740" s="2">
        <v>1.4999999999999999E-2</v>
      </c>
      <c r="X6740" s="2">
        <v>118.9</v>
      </c>
      <c r="Y6740" s="2">
        <v>7.6</v>
      </c>
      <c r="Z6740" s="2">
        <v>16.7</v>
      </c>
      <c r="AA6740" s="5"/>
      <c r="AB6740" s="5" t="s">
        <v>43</v>
      </c>
      <c r="AC6740" s="5" t="s">
        <v>44</v>
      </c>
      <c r="AD6740" s="2"/>
      <c r="AE6740" s="1"/>
    </row>
    <row r="6741" spans="1:31" ht="14.45">
      <c r="A6741" s="11"/>
      <c r="B6741" s="20"/>
      <c r="C6741" s="2" t="s">
        <v>20695</v>
      </c>
      <c r="D6741" s="14" t="s">
        <v>20696</v>
      </c>
      <c r="E6741" s="2" t="s">
        <v>20697</v>
      </c>
      <c r="F6741" s="2" t="s">
        <v>16194</v>
      </c>
      <c r="G6741" s="8">
        <v>249</v>
      </c>
      <c r="H6741" s="5">
        <v>6</v>
      </c>
      <c r="I6741" s="5" t="s">
        <v>1518</v>
      </c>
      <c r="J6741" s="5" t="s">
        <v>1519</v>
      </c>
      <c r="K6741" s="2" t="s">
        <v>1520</v>
      </c>
      <c r="L6741" s="5" t="s">
        <v>1519</v>
      </c>
      <c r="M6741" s="2" t="s">
        <v>1520</v>
      </c>
      <c r="N6741" s="5" t="s">
        <v>1521</v>
      </c>
      <c r="O6741" s="5" t="s">
        <v>38</v>
      </c>
      <c r="P6741" s="5" t="s">
        <v>39</v>
      </c>
      <c r="Q6741" s="5" t="s">
        <v>40</v>
      </c>
      <c r="R6741" s="5" t="s">
        <v>1522</v>
      </c>
      <c r="S6741" s="5" t="s">
        <v>1523</v>
      </c>
      <c r="T6741" s="5" t="s">
        <v>42</v>
      </c>
      <c r="U6741" s="2">
        <v>2.5099999999999998</v>
      </c>
      <c r="V6741" s="2">
        <v>1.94</v>
      </c>
      <c r="W6741" s="2">
        <v>1.4999999999999999E-2</v>
      </c>
      <c r="X6741" s="2">
        <v>118.9</v>
      </c>
      <c r="Y6741" s="2">
        <v>7.6</v>
      </c>
      <c r="Z6741" s="2">
        <v>16.7</v>
      </c>
      <c r="AA6741" s="5"/>
      <c r="AB6741" s="5" t="s">
        <v>43</v>
      </c>
      <c r="AC6741" s="5" t="s">
        <v>44</v>
      </c>
      <c r="AD6741" s="2"/>
      <c r="AE6741" s="1"/>
    </row>
    <row r="6742" spans="1:31" ht="14.45">
      <c r="A6742" s="11"/>
      <c r="B6742" s="20"/>
      <c r="C6742" s="2" t="s">
        <v>20698</v>
      </c>
      <c r="D6742" s="14" t="s">
        <v>20699</v>
      </c>
      <c r="E6742" s="2" t="s">
        <v>20700</v>
      </c>
      <c r="F6742" s="2" t="s">
        <v>7449</v>
      </c>
      <c r="G6742" s="8">
        <v>249</v>
      </c>
      <c r="H6742" s="5">
        <v>6</v>
      </c>
      <c r="I6742" s="5" t="s">
        <v>1518</v>
      </c>
      <c r="J6742" s="5" t="s">
        <v>1519</v>
      </c>
      <c r="K6742" s="2" t="s">
        <v>1520</v>
      </c>
      <c r="L6742" s="5" t="s">
        <v>1519</v>
      </c>
      <c r="M6742" s="2" t="s">
        <v>1520</v>
      </c>
      <c r="N6742" s="5" t="s">
        <v>1521</v>
      </c>
      <c r="O6742" s="5" t="s">
        <v>38</v>
      </c>
      <c r="P6742" s="5" t="s">
        <v>39</v>
      </c>
      <c r="Q6742" s="5" t="s">
        <v>40</v>
      </c>
      <c r="R6742" s="5" t="s">
        <v>1522</v>
      </c>
      <c r="S6742" s="5" t="s">
        <v>1523</v>
      </c>
      <c r="T6742" s="5" t="s">
        <v>42</v>
      </c>
      <c r="U6742" s="2">
        <v>2.4369999999999998</v>
      </c>
      <c r="V6742" s="2">
        <v>1.867</v>
      </c>
      <c r="W6742" s="2">
        <v>1.4999999999999999E-2</v>
      </c>
      <c r="X6742" s="2">
        <v>118.9</v>
      </c>
      <c r="Y6742" s="2">
        <v>7.6</v>
      </c>
      <c r="Z6742" s="2">
        <v>16.7</v>
      </c>
      <c r="AA6742" s="5"/>
      <c r="AB6742" s="5" t="s">
        <v>43</v>
      </c>
      <c r="AC6742" s="5" t="s">
        <v>44</v>
      </c>
      <c r="AD6742" s="2"/>
      <c r="AE6742" s="1"/>
    </row>
    <row r="6743" spans="1:31" ht="14.45">
      <c r="A6743" s="11"/>
      <c r="B6743" s="20"/>
      <c r="C6743" s="2" t="s">
        <v>20701</v>
      </c>
      <c r="D6743" s="14" t="s">
        <v>20702</v>
      </c>
      <c r="E6743" s="2" t="s">
        <v>20703</v>
      </c>
      <c r="F6743" s="2" t="s">
        <v>7581</v>
      </c>
      <c r="G6743" s="8">
        <v>249</v>
      </c>
      <c r="H6743" s="5">
        <v>6</v>
      </c>
      <c r="I6743" s="5" t="s">
        <v>1518</v>
      </c>
      <c r="J6743" s="5" t="s">
        <v>1519</v>
      </c>
      <c r="K6743" s="2" t="s">
        <v>1520</v>
      </c>
      <c r="L6743" s="5" t="s">
        <v>1519</v>
      </c>
      <c r="M6743" s="2" t="s">
        <v>1520</v>
      </c>
      <c r="N6743" s="5" t="s">
        <v>1521</v>
      </c>
      <c r="O6743" s="5" t="s">
        <v>38</v>
      </c>
      <c r="P6743" s="5" t="s">
        <v>39</v>
      </c>
      <c r="Q6743" s="5" t="s">
        <v>40</v>
      </c>
      <c r="R6743" s="5" t="s">
        <v>1522</v>
      </c>
      <c r="S6743" s="5" t="s">
        <v>1523</v>
      </c>
      <c r="T6743" s="5" t="s">
        <v>42</v>
      </c>
      <c r="U6743" s="2">
        <v>2.5099999999999998</v>
      </c>
      <c r="V6743" s="2">
        <v>1.94</v>
      </c>
      <c r="W6743" s="2">
        <v>1.4999999999999999E-2</v>
      </c>
      <c r="X6743" s="2">
        <v>118.9</v>
      </c>
      <c r="Y6743" s="2">
        <v>7.6</v>
      </c>
      <c r="Z6743" s="2">
        <v>16.7</v>
      </c>
      <c r="AA6743" s="5"/>
      <c r="AB6743" s="5" t="s">
        <v>43</v>
      </c>
      <c r="AC6743" s="5" t="s">
        <v>44</v>
      </c>
      <c r="AD6743" s="2"/>
      <c r="AE6743" s="1"/>
    </row>
    <row r="6744" spans="1:31" ht="14.45">
      <c r="A6744" s="11"/>
      <c r="B6744" s="20"/>
      <c r="C6744" s="2" t="s">
        <v>20704</v>
      </c>
      <c r="D6744" s="14" t="s">
        <v>20705</v>
      </c>
      <c r="E6744" s="2" t="s">
        <v>20706</v>
      </c>
      <c r="F6744" s="2" t="s">
        <v>7585</v>
      </c>
      <c r="G6744" s="8">
        <v>249</v>
      </c>
      <c r="H6744" s="5">
        <v>6</v>
      </c>
      <c r="I6744" s="5" t="s">
        <v>1518</v>
      </c>
      <c r="J6744" s="5" t="s">
        <v>1519</v>
      </c>
      <c r="K6744" s="2" t="s">
        <v>1520</v>
      </c>
      <c r="L6744" s="5" t="s">
        <v>1519</v>
      </c>
      <c r="M6744" s="2" t="s">
        <v>1520</v>
      </c>
      <c r="N6744" s="5" t="s">
        <v>1521</v>
      </c>
      <c r="O6744" s="5" t="s">
        <v>38</v>
      </c>
      <c r="P6744" s="5" t="s">
        <v>39</v>
      </c>
      <c r="Q6744" s="5" t="s">
        <v>40</v>
      </c>
      <c r="R6744" s="5" t="s">
        <v>1522</v>
      </c>
      <c r="S6744" s="5" t="s">
        <v>1523</v>
      </c>
      <c r="T6744" s="5" t="s">
        <v>42</v>
      </c>
      <c r="U6744" s="2">
        <v>2.4249999999999998</v>
      </c>
      <c r="V6744" s="2">
        <v>1.855</v>
      </c>
      <c r="W6744" s="2">
        <v>1.4999999999999999E-2</v>
      </c>
      <c r="X6744" s="2">
        <v>118.9</v>
      </c>
      <c r="Y6744" s="2">
        <v>7.6</v>
      </c>
      <c r="Z6744" s="2">
        <v>16.7</v>
      </c>
      <c r="AA6744" s="5"/>
      <c r="AB6744" s="5" t="s">
        <v>43</v>
      </c>
      <c r="AC6744" s="5" t="s">
        <v>44</v>
      </c>
      <c r="AD6744" s="2"/>
      <c r="AE6744" s="1"/>
    </row>
    <row r="6745" spans="1:31" ht="14.45">
      <c r="A6745" s="11"/>
      <c r="B6745" s="20"/>
      <c r="C6745" s="2" t="s">
        <v>20707</v>
      </c>
      <c r="D6745" s="14" t="s">
        <v>20708</v>
      </c>
      <c r="E6745" s="2" t="s">
        <v>20709</v>
      </c>
      <c r="F6745" s="2" t="s">
        <v>7589</v>
      </c>
      <c r="G6745" s="8">
        <v>249</v>
      </c>
      <c r="H6745" s="5">
        <v>6</v>
      </c>
      <c r="I6745" s="5" t="s">
        <v>1518</v>
      </c>
      <c r="J6745" s="5" t="s">
        <v>1519</v>
      </c>
      <c r="K6745" s="2" t="s">
        <v>1520</v>
      </c>
      <c r="L6745" s="5" t="s">
        <v>1519</v>
      </c>
      <c r="M6745" s="2" t="s">
        <v>1520</v>
      </c>
      <c r="N6745" s="5" t="s">
        <v>1521</v>
      </c>
      <c r="O6745" s="5" t="s">
        <v>38</v>
      </c>
      <c r="P6745" s="5" t="s">
        <v>39</v>
      </c>
      <c r="Q6745" s="5" t="s">
        <v>40</v>
      </c>
      <c r="R6745" s="5" t="s">
        <v>1522</v>
      </c>
      <c r="S6745" s="5" t="s">
        <v>1523</v>
      </c>
      <c r="T6745" s="5" t="s">
        <v>42</v>
      </c>
      <c r="U6745" s="2">
        <v>2.4980000000000002</v>
      </c>
      <c r="V6745" s="2">
        <v>1.9279999999999999</v>
      </c>
      <c r="W6745" s="2">
        <v>1.4999999999999999E-2</v>
      </c>
      <c r="X6745" s="2">
        <v>118.9</v>
      </c>
      <c r="Y6745" s="2">
        <v>7.6</v>
      </c>
      <c r="Z6745" s="2">
        <v>16.7</v>
      </c>
      <c r="AA6745" s="5"/>
      <c r="AB6745" s="5" t="s">
        <v>43</v>
      </c>
      <c r="AC6745" s="5" t="s">
        <v>44</v>
      </c>
      <c r="AD6745" s="2"/>
      <c r="AE6745" s="1"/>
    </row>
    <row r="6746" spans="1:31" ht="14.45">
      <c r="A6746" s="11"/>
      <c r="B6746" s="20"/>
      <c r="C6746" s="2" t="s">
        <v>20710</v>
      </c>
      <c r="D6746" s="14" t="s">
        <v>20711</v>
      </c>
      <c r="E6746" s="2" t="s">
        <v>20712</v>
      </c>
      <c r="F6746" s="2" t="s">
        <v>7593</v>
      </c>
      <c r="G6746" s="8">
        <v>249</v>
      </c>
      <c r="H6746" s="5">
        <v>6</v>
      </c>
      <c r="I6746" s="5" t="s">
        <v>1518</v>
      </c>
      <c r="J6746" s="5" t="s">
        <v>1519</v>
      </c>
      <c r="K6746" s="2" t="s">
        <v>1520</v>
      </c>
      <c r="L6746" s="5" t="s">
        <v>1519</v>
      </c>
      <c r="M6746" s="2" t="s">
        <v>1520</v>
      </c>
      <c r="N6746" s="5" t="s">
        <v>1521</v>
      </c>
      <c r="O6746" s="5" t="s">
        <v>38</v>
      </c>
      <c r="P6746" s="5" t="s">
        <v>39</v>
      </c>
      <c r="Q6746" s="5" t="s">
        <v>40</v>
      </c>
      <c r="R6746" s="5" t="s">
        <v>1522</v>
      </c>
      <c r="S6746" s="5" t="s">
        <v>1523</v>
      </c>
      <c r="T6746" s="5" t="s">
        <v>42</v>
      </c>
      <c r="U6746" s="2">
        <v>2.4369999999999998</v>
      </c>
      <c r="V6746" s="2">
        <v>1.867</v>
      </c>
      <c r="W6746" s="2">
        <v>1.4999999999999999E-2</v>
      </c>
      <c r="X6746" s="2">
        <v>118.9</v>
      </c>
      <c r="Y6746" s="2">
        <v>7.6</v>
      </c>
      <c r="Z6746" s="2">
        <v>16.7</v>
      </c>
      <c r="AA6746" s="5"/>
      <c r="AB6746" s="5" t="s">
        <v>43</v>
      </c>
      <c r="AC6746" s="5" t="s">
        <v>44</v>
      </c>
      <c r="AD6746" s="2"/>
      <c r="AE6746" s="1"/>
    </row>
    <row r="6747" spans="1:31" ht="14.45">
      <c r="A6747" s="11"/>
      <c r="B6747" s="20"/>
      <c r="C6747" s="2" t="s">
        <v>20713</v>
      </c>
      <c r="D6747" s="14" t="s">
        <v>20714</v>
      </c>
      <c r="E6747" s="2" t="s">
        <v>20715</v>
      </c>
      <c r="F6747" s="2" t="s">
        <v>7597</v>
      </c>
      <c r="G6747" s="8">
        <v>249</v>
      </c>
      <c r="H6747" s="5">
        <v>6</v>
      </c>
      <c r="I6747" s="5" t="s">
        <v>1518</v>
      </c>
      <c r="J6747" s="5" t="s">
        <v>1519</v>
      </c>
      <c r="K6747" s="2" t="s">
        <v>1520</v>
      </c>
      <c r="L6747" s="5" t="s">
        <v>1519</v>
      </c>
      <c r="M6747" s="2" t="s">
        <v>1520</v>
      </c>
      <c r="N6747" s="5" t="s">
        <v>1521</v>
      </c>
      <c r="O6747" s="5" t="s">
        <v>38</v>
      </c>
      <c r="P6747" s="5" t="s">
        <v>39</v>
      </c>
      <c r="Q6747" s="5" t="s">
        <v>40</v>
      </c>
      <c r="R6747" s="5" t="s">
        <v>1522</v>
      </c>
      <c r="S6747" s="5" t="s">
        <v>1523</v>
      </c>
      <c r="T6747" s="5" t="s">
        <v>42</v>
      </c>
      <c r="U6747" s="2">
        <v>2.5099999999999998</v>
      </c>
      <c r="V6747" s="2">
        <v>1.94</v>
      </c>
      <c r="W6747" s="2">
        <v>1.4999999999999999E-2</v>
      </c>
      <c r="X6747" s="2">
        <v>118.9</v>
      </c>
      <c r="Y6747" s="2">
        <v>7.6</v>
      </c>
      <c r="Z6747" s="2">
        <v>16.7</v>
      </c>
      <c r="AA6747" s="5"/>
      <c r="AB6747" s="5" t="s">
        <v>43</v>
      </c>
      <c r="AC6747" s="5" t="s">
        <v>44</v>
      </c>
      <c r="AD6747" s="2"/>
      <c r="AE6747" s="1"/>
    </row>
    <row r="6748" spans="1:31" ht="14.45">
      <c r="A6748" s="11"/>
      <c r="B6748" s="20"/>
      <c r="C6748" s="2" t="s">
        <v>20716</v>
      </c>
      <c r="D6748" s="14" t="s">
        <v>20717</v>
      </c>
      <c r="E6748" s="2" t="s">
        <v>20718</v>
      </c>
      <c r="F6748" s="2" t="s">
        <v>16014</v>
      </c>
      <c r="G6748" s="8">
        <v>249</v>
      </c>
      <c r="H6748" s="5">
        <v>6</v>
      </c>
      <c r="I6748" s="5" t="s">
        <v>1518</v>
      </c>
      <c r="J6748" s="5" t="s">
        <v>1519</v>
      </c>
      <c r="K6748" s="2" t="s">
        <v>1520</v>
      </c>
      <c r="L6748" s="5" t="s">
        <v>1519</v>
      </c>
      <c r="M6748" s="2" t="s">
        <v>1520</v>
      </c>
      <c r="N6748" s="5" t="s">
        <v>1521</v>
      </c>
      <c r="O6748" s="5" t="s">
        <v>38</v>
      </c>
      <c r="P6748" s="5" t="s">
        <v>39</v>
      </c>
      <c r="Q6748" s="5" t="s">
        <v>40</v>
      </c>
      <c r="R6748" s="5" t="s">
        <v>1522</v>
      </c>
      <c r="S6748" s="5" t="s">
        <v>1523</v>
      </c>
      <c r="T6748" s="5" t="s">
        <v>42</v>
      </c>
      <c r="U6748" s="2">
        <v>2.4369999999999998</v>
      </c>
      <c r="V6748" s="2">
        <v>1.867</v>
      </c>
      <c r="W6748" s="2">
        <v>1.4999999999999999E-2</v>
      </c>
      <c r="X6748" s="2">
        <v>118.9</v>
      </c>
      <c r="Y6748" s="2">
        <v>7.6</v>
      </c>
      <c r="Z6748" s="2">
        <v>16.7</v>
      </c>
      <c r="AA6748" s="5"/>
      <c r="AB6748" s="5" t="s">
        <v>43</v>
      </c>
      <c r="AC6748" s="5" t="s">
        <v>44</v>
      </c>
      <c r="AD6748" s="2"/>
      <c r="AE6748" s="1"/>
    </row>
    <row r="6749" spans="1:31" ht="14.45">
      <c r="A6749" s="11"/>
      <c r="B6749" s="20"/>
      <c r="C6749" s="2" t="s">
        <v>20719</v>
      </c>
      <c r="D6749" s="14" t="s">
        <v>20720</v>
      </c>
      <c r="E6749" s="2" t="s">
        <v>20721</v>
      </c>
      <c r="F6749" s="2" t="s">
        <v>16219</v>
      </c>
      <c r="G6749" s="8">
        <v>249</v>
      </c>
      <c r="H6749" s="5">
        <v>6</v>
      </c>
      <c r="I6749" s="5" t="s">
        <v>1518</v>
      </c>
      <c r="J6749" s="5" t="s">
        <v>1519</v>
      </c>
      <c r="K6749" s="2" t="s">
        <v>1520</v>
      </c>
      <c r="L6749" s="5" t="s">
        <v>1519</v>
      </c>
      <c r="M6749" s="2" t="s">
        <v>1520</v>
      </c>
      <c r="N6749" s="5" t="s">
        <v>1521</v>
      </c>
      <c r="O6749" s="5" t="s">
        <v>38</v>
      </c>
      <c r="P6749" s="5" t="s">
        <v>39</v>
      </c>
      <c r="Q6749" s="5" t="s">
        <v>40</v>
      </c>
      <c r="R6749" s="5" t="s">
        <v>1522</v>
      </c>
      <c r="S6749" s="5" t="s">
        <v>1523</v>
      </c>
      <c r="T6749" s="5" t="s">
        <v>42</v>
      </c>
      <c r="U6749" s="2">
        <v>2.5099999999999998</v>
      </c>
      <c r="V6749" s="2">
        <v>1.94</v>
      </c>
      <c r="W6749" s="2">
        <v>1.4999999999999999E-2</v>
      </c>
      <c r="X6749" s="2">
        <v>118.9</v>
      </c>
      <c r="Y6749" s="2">
        <v>7.6</v>
      </c>
      <c r="Z6749" s="2">
        <v>16.7</v>
      </c>
      <c r="AA6749" s="5"/>
      <c r="AB6749" s="5" t="s">
        <v>43</v>
      </c>
      <c r="AC6749" s="5" t="s">
        <v>44</v>
      </c>
      <c r="AD6749" s="2"/>
      <c r="AE6749" s="1"/>
    </row>
    <row r="6750" spans="1:31" ht="14.45">
      <c r="A6750" s="11"/>
      <c r="B6750" s="20"/>
      <c r="C6750" s="2" t="s">
        <v>20722</v>
      </c>
      <c r="D6750" s="14" t="s">
        <v>20723</v>
      </c>
      <c r="E6750" s="2" t="s">
        <v>20724</v>
      </c>
      <c r="F6750" s="2" t="s">
        <v>16018</v>
      </c>
      <c r="G6750" s="8">
        <v>249</v>
      </c>
      <c r="H6750" s="5">
        <v>6</v>
      </c>
      <c r="I6750" s="5" t="s">
        <v>1518</v>
      </c>
      <c r="J6750" s="5" t="s">
        <v>1519</v>
      </c>
      <c r="K6750" s="2" t="s">
        <v>1520</v>
      </c>
      <c r="L6750" s="5" t="s">
        <v>1519</v>
      </c>
      <c r="M6750" s="2" t="s">
        <v>1520</v>
      </c>
      <c r="N6750" s="5" t="s">
        <v>1521</v>
      </c>
      <c r="O6750" s="5" t="s">
        <v>38</v>
      </c>
      <c r="P6750" s="5" t="s">
        <v>39</v>
      </c>
      <c r="Q6750" s="5" t="s">
        <v>40</v>
      </c>
      <c r="R6750" s="5" t="s">
        <v>1522</v>
      </c>
      <c r="S6750" s="5" t="s">
        <v>1523</v>
      </c>
      <c r="T6750" s="5" t="s">
        <v>42</v>
      </c>
      <c r="U6750" s="2">
        <v>2.4369999999999998</v>
      </c>
      <c r="V6750" s="2">
        <v>1.867</v>
      </c>
      <c r="W6750" s="2">
        <v>1.4999999999999999E-2</v>
      </c>
      <c r="X6750" s="2">
        <v>118.9</v>
      </c>
      <c r="Y6750" s="2">
        <v>7.6</v>
      </c>
      <c r="Z6750" s="2">
        <v>16.7</v>
      </c>
      <c r="AA6750" s="5"/>
      <c r="AB6750" s="5" t="s">
        <v>43</v>
      </c>
      <c r="AC6750" s="5" t="s">
        <v>44</v>
      </c>
      <c r="AD6750" s="2"/>
      <c r="AE6750" s="1"/>
    </row>
    <row r="6751" spans="1:31" ht="14.45">
      <c r="A6751" s="11"/>
      <c r="B6751" s="20"/>
      <c r="C6751" s="2" t="s">
        <v>20725</v>
      </c>
      <c r="D6751" s="14" t="s">
        <v>20726</v>
      </c>
      <c r="E6751" s="2" t="s">
        <v>20727</v>
      </c>
      <c r="F6751" s="2" t="s">
        <v>16022</v>
      </c>
      <c r="G6751" s="8">
        <v>249</v>
      </c>
      <c r="H6751" s="5">
        <v>6</v>
      </c>
      <c r="I6751" s="5" t="s">
        <v>1518</v>
      </c>
      <c r="J6751" s="5" t="s">
        <v>1519</v>
      </c>
      <c r="K6751" s="2" t="s">
        <v>1520</v>
      </c>
      <c r="L6751" s="5" t="s">
        <v>1519</v>
      </c>
      <c r="M6751" s="2" t="s">
        <v>1520</v>
      </c>
      <c r="N6751" s="5" t="s">
        <v>1521</v>
      </c>
      <c r="O6751" s="5" t="s">
        <v>38</v>
      </c>
      <c r="P6751" s="5" t="s">
        <v>39</v>
      </c>
      <c r="Q6751" s="5" t="s">
        <v>40</v>
      </c>
      <c r="R6751" s="5" t="s">
        <v>1522</v>
      </c>
      <c r="S6751" s="5" t="s">
        <v>1523</v>
      </c>
      <c r="T6751" s="5" t="s">
        <v>42</v>
      </c>
      <c r="U6751" s="2">
        <v>2.5099999999999998</v>
      </c>
      <c r="V6751" s="2">
        <v>1.94</v>
      </c>
      <c r="W6751" s="2">
        <v>1.4999999999999999E-2</v>
      </c>
      <c r="X6751" s="2">
        <v>118.9</v>
      </c>
      <c r="Y6751" s="2">
        <v>7.6</v>
      </c>
      <c r="Z6751" s="2">
        <v>16.7</v>
      </c>
      <c r="AA6751" s="5"/>
      <c r="AB6751" s="5" t="s">
        <v>43</v>
      </c>
      <c r="AC6751" s="5" t="s">
        <v>44</v>
      </c>
      <c r="AD6751" s="2"/>
      <c r="AE6751" s="1"/>
    </row>
    <row r="6752" spans="1:31" ht="14.45">
      <c r="A6752" s="11"/>
      <c r="B6752" s="20"/>
      <c r="C6752" s="2" t="s">
        <v>20728</v>
      </c>
      <c r="D6752" s="14" t="s">
        <v>20729</v>
      </c>
      <c r="E6752" s="2" t="s">
        <v>20730</v>
      </c>
      <c r="F6752" s="2" t="s">
        <v>7615</v>
      </c>
      <c r="G6752" s="8">
        <v>249</v>
      </c>
      <c r="H6752" s="5">
        <v>6</v>
      </c>
      <c r="I6752" s="5" t="s">
        <v>1518</v>
      </c>
      <c r="J6752" s="5" t="s">
        <v>1519</v>
      </c>
      <c r="K6752" s="2" t="s">
        <v>1520</v>
      </c>
      <c r="L6752" s="5" t="s">
        <v>1519</v>
      </c>
      <c r="M6752" s="2" t="s">
        <v>1520</v>
      </c>
      <c r="N6752" s="5" t="s">
        <v>1521</v>
      </c>
      <c r="O6752" s="5" t="s">
        <v>38</v>
      </c>
      <c r="P6752" s="5" t="s">
        <v>39</v>
      </c>
      <c r="Q6752" s="5" t="s">
        <v>40</v>
      </c>
      <c r="R6752" s="5" t="s">
        <v>1522</v>
      </c>
      <c r="S6752" s="5" t="s">
        <v>1523</v>
      </c>
      <c r="T6752" s="5" t="s">
        <v>42</v>
      </c>
      <c r="U6752" s="2">
        <v>2.4249999999999998</v>
      </c>
      <c r="V6752" s="2">
        <v>1.855</v>
      </c>
      <c r="W6752" s="2">
        <v>1.4999999999999999E-2</v>
      </c>
      <c r="X6752" s="2">
        <v>118.9</v>
      </c>
      <c r="Y6752" s="2">
        <v>7.6</v>
      </c>
      <c r="Z6752" s="2">
        <v>16.7</v>
      </c>
      <c r="AA6752" s="5"/>
      <c r="AB6752" s="5" t="s">
        <v>43</v>
      </c>
      <c r="AC6752" s="5" t="s">
        <v>44</v>
      </c>
      <c r="AD6752" s="2"/>
      <c r="AE6752" s="1"/>
    </row>
    <row r="6753" spans="1:31" ht="14.45">
      <c r="A6753" s="11"/>
      <c r="B6753" s="20"/>
      <c r="C6753" s="2" t="s">
        <v>20731</v>
      </c>
      <c r="D6753" s="14" t="s">
        <v>20732</v>
      </c>
      <c r="E6753" s="2" t="s">
        <v>20733</v>
      </c>
      <c r="F6753" s="2" t="s">
        <v>7619</v>
      </c>
      <c r="G6753" s="8">
        <v>249</v>
      </c>
      <c r="H6753" s="5">
        <v>6</v>
      </c>
      <c r="I6753" s="5" t="s">
        <v>1518</v>
      </c>
      <c r="J6753" s="5" t="s">
        <v>1519</v>
      </c>
      <c r="K6753" s="2" t="s">
        <v>1520</v>
      </c>
      <c r="L6753" s="5" t="s">
        <v>1519</v>
      </c>
      <c r="M6753" s="2" t="s">
        <v>1520</v>
      </c>
      <c r="N6753" s="5" t="s">
        <v>1521</v>
      </c>
      <c r="O6753" s="5" t="s">
        <v>38</v>
      </c>
      <c r="P6753" s="5" t="s">
        <v>39</v>
      </c>
      <c r="Q6753" s="5" t="s">
        <v>40</v>
      </c>
      <c r="R6753" s="5" t="s">
        <v>1522</v>
      </c>
      <c r="S6753" s="5" t="s">
        <v>1523</v>
      </c>
      <c r="T6753" s="5" t="s">
        <v>42</v>
      </c>
      <c r="U6753" s="2">
        <v>2.4980000000000002</v>
      </c>
      <c r="V6753" s="2">
        <v>1.9279999999999999</v>
      </c>
      <c r="W6753" s="2">
        <v>1.4999999999999999E-2</v>
      </c>
      <c r="X6753" s="2">
        <v>118.9</v>
      </c>
      <c r="Y6753" s="2">
        <v>7.6</v>
      </c>
      <c r="Z6753" s="2">
        <v>16.7</v>
      </c>
      <c r="AA6753" s="5"/>
      <c r="AB6753" s="5" t="s">
        <v>43</v>
      </c>
      <c r="AC6753" s="5" t="s">
        <v>44</v>
      </c>
      <c r="AD6753" s="2"/>
      <c r="AE6753" s="1"/>
    </row>
    <row r="6754" spans="1:31" ht="14.45">
      <c r="A6754" s="11"/>
      <c r="B6754" s="20"/>
      <c r="C6754" s="2" t="s">
        <v>20734</v>
      </c>
      <c r="D6754" s="14" t="s">
        <v>20735</v>
      </c>
      <c r="E6754" s="2" t="s">
        <v>20736</v>
      </c>
      <c r="F6754" s="2" t="s">
        <v>16029</v>
      </c>
      <c r="G6754" s="8">
        <v>249</v>
      </c>
      <c r="H6754" s="5">
        <v>11</v>
      </c>
      <c r="I6754" s="5" t="s">
        <v>1518</v>
      </c>
      <c r="J6754" s="5" t="s">
        <v>1519</v>
      </c>
      <c r="K6754" s="2" t="s">
        <v>1520</v>
      </c>
      <c r="L6754" s="5" t="s">
        <v>1519</v>
      </c>
      <c r="M6754" s="2" t="s">
        <v>1520</v>
      </c>
      <c r="N6754" s="5" t="s">
        <v>1521</v>
      </c>
      <c r="O6754" s="5" t="s">
        <v>38</v>
      </c>
      <c r="P6754" s="5" t="s">
        <v>39</v>
      </c>
      <c r="Q6754" s="5" t="s">
        <v>40</v>
      </c>
      <c r="R6754" s="5" t="s">
        <v>1522</v>
      </c>
      <c r="S6754" s="5" t="s">
        <v>1523</v>
      </c>
      <c r="T6754" s="5" t="s">
        <v>42</v>
      </c>
      <c r="U6754" s="2">
        <v>2.4430000000000001</v>
      </c>
      <c r="V6754" s="2">
        <v>1.873</v>
      </c>
      <c r="W6754" s="2">
        <v>1.4999999999999999E-2</v>
      </c>
      <c r="X6754" s="2">
        <v>118.9</v>
      </c>
      <c r="Y6754" s="2">
        <v>7.6</v>
      </c>
      <c r="Z6754" s="2">
        <v>16.7</v>
      </c>
      <c r="AA6754" s="5"/>
      <c r="AB6754" s="5" t="s">
        <v>43</v>
      </c>
      <c r="AC6754" s="5" t="s">
        <v>44</v>
      </c>
      <c r="AD6754" s="2"/>
      <c r="AE6754" s="1"/>
    </row>
    <row r="6755" spans="1:31" ht="14.45">
      <c r="A6755" s="11"/>
      <c r="B6755" s="20"/>
      <c r="C6755" s="2" t="s">
        <v>20737</v>
      </c>
      <c r="D6755" s="14" t="s">
        <v>20738</v>
      </c>
      <c r="E6755" s="2" t="s">
        <v>20739</v>
      </c>
      <c r="F6755" s="2" t="s">
        <v>16033</v>
      </c>
      <c r="G6755" s="8">
        <v>249</v>
      </c>
      <c r="H6755" s="5">
        <v>11</v>
      </c>
      <c r="I6755" s="5" t="s">
        <v>1518</v>
      </c>
      <c r="J6755" s="5" t="s">
        <v>1519</v>
      </c>
      <c r="K6755" s="2" t="s">
        <v>1520</v>
      </c>
      <c r="L6755" s="5" t="s">
        <v>1519</v>
      </c>
      <c r="M6755" s="2" t="s">
        <v>1520</v>
      </c>
      <c r="N6755" s="5" t="s">
        <v>1521</v>
      </c>
      <c r="O6755" s="5" t="s">
        <v>38</v>
      </c>
      <c r="P6755" s="5" t="s">
        <v>39</v>
      </c>
      <c r="Q6755" s="5" t="s">
        <v>40</v>
      </c>
      <c r="R6755" s="5" t="s">
        <v>1522</v>
      </c>
      <c r="S6755" s="5" t="s">
        <v>1523</v>
      </c>
      <c r="T6755" s="5" t="s">
        <v>42</v>
      </c>
      <c r="U6755" s="2">
        <v>2.516</v>
      </c>
      <c r="V6755" s="2">
        <v>1.946</v>
      </c>
      <c r="W6755" s="2">
        <v>1.4999999999999999E-2</v>
      </c>
      <c r="X6755" s="2">
        <v>118.9</v>
      </c>
      <c r="Y6755" s="2">
        <v>7.6</v>
      </c>
      <c r="Z6755" s="2">
        <v>16.7</v>
      </c>
      <c r="AA6755" s="5"/>
      <c r="AB6755" s="5" t="s">
        <v>43</v>
      </c>
      <c r="AC6755" s="5" t="s">
        <v>44</v>
      </c>
      <c r="AD6755" s="2"/>
      <c r="AE6755" s="1"/>
    </row>
    <row r="6756" spans="1:31" ht="14.45">
      <c r="A6756" s="11"/>
      <c r="B6756" s="20"/>
      <c r="C6756" s="2" t="s">
        <v>20740</v>
      </c>
      <c r="D6756" s="14" t="s">
        <v>20741</v>
      </c>
      <c r="E6756" s="2" t="s">
        <v>20742</v>
      </c>
      <c r="F6756" s="2" t="s">
        <v>7396</v>
      </c>
      <c r="G6756" s="8">
        <v>232</v>
      </c>
      <c r="H6756" s="5">
        <v>6</v>
      </c>
      <c r="I6756" s="5" t="s">
        <v>1518</v>
      </c>
      <c r="J6756" s="5" t="s">
        <v>1519</v>
      </c>
      <c r="K6756" s="2" t="s">
        <v>1520</v>
      </c>
      <c r="L6756" s="5" t="s">
        <v>1519</v>
      </c>
      <c r="M6756" s="2" t="s">
        <v>1520</v>
      </c>
      <c r="N6756" s="5" t="s">
        <v>1521</v>
      </c>
      <c r="O6756" s="5" t="s">
        <v>38</v>
      </c>
      <c r="P6756" s="5" t="s">
        <v>39</v>
      </c>
      <c r="Q6756" s="5" t="s">
        <v>40</v>
      </c>
      <c r="R6756" s="5" t="s">
        <v>1522</v>
      </c>
      <c r="S6756" s="5" t="s">
        <v>1523</v>
      </c>
      <c r="T6756" s="5" t="s">
        <v>42</v>
      </c>
      <c r="U6756" s="2">
        <v>2.3340000000000001</v>
      </c>
      <c r="V6756" s="2">
        <v>1.8620000000000001</v>
      </c>
      <c r="W6756" s="2">
        <v>1.0999999999999999E-2</v>
      </c>
      <c r="X6756" s="2">
        <v>82.9</v>
      </c>
      <c r="Y6756" s="2">
        <v>7.6</v>
      </c>
      <c r="Z6756" s="2">
        <v>16.7</v>
      </c>
      <c r="AA6756" s="5"/>
      <c r="AB6756" s="5" t="s">
        <v>43</v>
      </c>
      <c r="AC6756" s="5" t="s">
        <v>44</v>
      </c>
      <c r="AD6756" s="2"/>
      <c r="AE6756" s="1"/>
    </row>
    <row r="6757" spans="1:31" ht="14.45">
      <c r="A6757" s="11"/>
      <c r="B6757" s="20"/>
      <c r="C6757" s="2" t="s">
        <v>20743</v>
      </c>
      <c r="D6757" s="14" t="s">
        <v>20744</v>
      </c>
      <c r="E6757" s="2" t="s">
        <v>20745</v>
      </c>
      <c r="F6757" s="2" t="s">
        <v>7507</v>
      </c>
      <c r="G6757" s="8">
        <v>232</v>
      </c>
      <c r="H6757" s="5">
        <v>6</v>
      </c>
      <c r="I6757" s="5" t="s">
        <v>1518</v>
      </c>
      <c r="J6757" s="5" t="s">
        <v>1519</v>
      </c>
      <c r="K6757" s="2" t="s">
        <v>1520</v>
      </c>
      <c r="L6757" s="5" t="s">
        <v>1519</v>
      </c>
      <c r="M6757" s="2" t="s">
        <v>1520</v>
      </c>
      <c r="N6757" s="5" t="s">
        <v>1521</v>
      </c>
      <c r="O6757" s="5" t="s">
        <v>38</v>
      </c>
      <c r="P6757" s="5" t="s">
        <v>39</v>
      </c>
      <c r="Q6757" s="5" t="s">
        <v>40</v>
      </c>
      <c r="R6757" s="5" t="s">
        <v>1522</v>
      </c>
      <c r="S6757" s="5" t="s">
        <v>1523</v>
      </c>
      <c r="T6757" s="5" t="s">
        <v>42</v>
      </c>
      <c r="U6757" s="2">
        <v>2.3959999999999999</v>
      </c>
      <c r="V6757" s="2">
        <v>1.9239999999999999</v>
      </c>
      <c r="W6757" s="2">
        <v>1.0999999999999999E-2</v>
      </c>
      <c r="X6757" s="2">
        <v>82.9</v>
      </c>
      <c r="Y6757" s="2">
        <v>7.6</v>
      </c>
      <c r="Z6757" s="2">
        <v>16.7</v>
      </c>
      <c r="AA6757" s="5"/>
      <c r="AB6757" s="5" t="s">
        <v>43</v>
      </c>
      <c r="AC6757" s="5" t="s">
        <v>44</v>
      </c>
      <c r="AD6757" s="2"/>
      <c r="AE6757" s="1"/>
    </row>
    <row r="6758" spans="1:31" ht="14.45">
      <c r="A6758" s="11"/>
      <c r="B6758" s="20"/>
      <c r="C6758" s="2" t="s">
        <v>20746</v>
      </c>
      <c r="D6758" s="14" t="s">
        <v>20747</v>
      </c>
      <c r="E6758" s="2" t="s">
        <v>20748</v>
      </c>
      <c r="F6758" s="2" t="s">
        <v>7204</v>
      </c>
      <c r="G6758" s="8">
        <v>232</v>
      </c>
      <c r="H6758" s="5">
        <v>6</v>
      </c>
      <c r="I6758" s="5" t="s">
        <v>1518</v>
      </c>
      <c r="J6758" s="5" t="s">
        <v>1519</v>
      </c>
      <c r="K6758" s="2" t="s">
        <v>1520</v>
      </c>
      <c r="L6758" s="5" t="s">
        <v>1519</v>
      </c>
      <c r="M6758" s="2" t="s">
        <v>1520</v>
      </c>
      <c r="N6758" s="5" t="s">
        <v>1521</v>
      </c>
      <c r="O6758" s="5" t="s">
        <v>38</v>
      </c>
      <c r="P6758" s="5" t="s">
        <v>39</v>
      </c>
      <c r="Q6758" s="5" t="s">
        <v>40</v>
      </c>
      <c r="R6758" s="5" t="s">
        <v>1522</v>
      </c>
      <c r="S6758" s="5" t="s">
        <v>1523</v>
      </c>
      <c r="T6758" s="5" t="s">
        <v>42</v>
      </c>
      <c r="U6758" s="2">
        <v>2.3380000000000001</v>
      </c>
      <c r="V6758" s="2">
        <v>1.8660000000000001</v>
      </c>
      <c r="W6758" s="2">
        <v>1.0999999999999999E-2</v>
      </c>
      <c r="X6758" s="2">
        <v>82.9</v>
      </c>
      <c r="Y6758" s="2">
        <v>7.6</v>
      </c>
      <c r="Z6758" s="2">
        <v>16.7</v>
      </c>
      <c r="AA6758" s="5"/>
      <c r="AB6758" s="5" t="s">
        <v>43</v>
      </c>
      <c r="AC6758" s="5" t="s">
        <v>44</v>
      </c>
      <c r="AD6758" s="2"/>
      <c r="AE6758" s="1"/>
    </row>
    <row r="6759" spans="1:31" ht="14.45">
      <c r="A6759" s="11"/>
      <c r="B6759" s="20"/>
      <c r="C6759" s="2" t="s">
        <v>20749</v>
      </c>
      <c r="D6759" s="14" t="s">
        <v>20750</v>
      </c>
      <c r="E6759" s="2" t="s">
        <v>20751</v>
      </c>
      <c r="F6759" s="2" t="s">
        <v>7514</v>
      </c>
      <c r="G6759" s="8">
        <v>232</v>
      </c>
      <c r="H6759" s="5">
        <v>6</v>
      </c>
      <c r="I6759" s="5" t="s">
        <v>1518</v>
      </c>
      <c r="J6759" s="5" t="s">
        <v>1519</v>
      </c>
      <c r="K6759" s="2" t="s">
        <v>1520</v>
      </c>
      <c r="L6759" s="5" t="s">
        <v>1519</v>
      </c>
      <c r="M6759" s="2" t="s">
        <v>1520</v>
      </c>
      <c r="N6759" s="5" t="s">
        <v>1521</v>
      </c>
      <c r="O6759" s="5" t="s">
        <v>38</v>
      </c>
      <c r="P6759" s="5" t="s">
        <v>39</v>
      </c>
      <c r="Q6759" s="5" t="s">
        <v>40</v>
      </c>
      <c r="R6759" s="5" t="s">
        <v>1522</v>
      </c>
      <c r="S6759" s="5" t="s">
        <v>1523</v>
      </c>
      <c r="T6759" s="5" t="s">
        <v>42</v>
      </c>
      <c r="U6759" s="2">
        <v>2.4</v>
      </c>
      <c r="V6759" s="2">
        <v>1.9279999999999999</v>
      </c>
      <c r="W6759" s="2">
        <v>1.0999999999999999E-2</v>
      </c>
      <c r="X6759" s="2">
        <v>82.9</v>
      </c>
      <c r="Y6759" s="2">
        <v>7.6</v>
      </c>
      <c r="Z6759" s="2">
        <v>16.7</v>
      </c>
      <c r="AA6759" s="5"/>
      <c r="AB6759" s="5" t="s">
        <v>43</v>
      </c>
      <c r="AC6759" s="5" t="s">
        <v>44</v>
      </c>
      <c r="AD6759" s="2"/>
      <c r="AE6759" s="1"/>
    </row>
    <row r="6760" spans="1:31" ht="14.45">
      <c r="A6760" s="11"/>
      <c r="B6760" s="20"/>
      <c r="C6760" s="2" t="s">
        <v>20752</v>
      </c>
      <c r="D6760" s="14" t="s">
        <v>20753</v>
      </c>
      <c r="E6760" s="2" t="s">
        <v>20754</v>
      </c>
      <c r="F6760" s="2" t="s">
        <v>7208</v>
      </c>
      <c r="G6760" s="8">
        <v>232</v>
      </c>
      <c r="H6760" s="5">
        <v>6</v>
      </c>
      <c r="I6760" s="5" t="s">
        <v>1518</v>
      </c>
      <c r="J6760" s="5" t="s">
        <v>1519</v>
      </c>
      <c r="K6760" s="2" t="s">
        <v>1520</v>
      </c>
      <c r="L6760" s="5" t="s">
        <v>1519</v>
      </c>
      <c r="M6760" s="2" t="s">
        <v>1520</v>
      </c>
      <c r="N6760" s="5" t="s">
        <v>1521</v>
      </c>
      <c r="O6760" s="5" t="s">
        <v>38</v>
      </c>
      <c r="P6760" s="5" t="s">
        <v>39</v>
      </c>
      <c r="Q6760" s="5" t="s">
        <v>40</v>
      </c>
      <c r="R6760" s="5" t="s">
        <v>1522</v>
      </c>
      <c r="S6760" s="5" t="s">
        <v>1523</v>
      </c>
      <c r="T6760" s="5" t="s">
        <v>42</v>
      </c>
      <c r="U6760" s="2">
        <v>2.3380000000000001</v>
      </c>
      <c r="V6760" s="2">
        <v>1.8660000000000001</v>
      </c>
      <c r="W6760" s="2">
        <v>1.0999999999999999E-2</v>
      </c>
      <c r="X6760" s="2">
        <v>82.9</v>
      </c>
      <c r="Y6760" s="2">
        <v>7.6</v>
      </c>
      <c r="Z6760" s="2">
        <v>16.7</v>
      </c>
      <c r="AA6760" s="5"/>
      <c r="AB6760" s="5" t="s">
        <v>43</v>
      </c>
      <c r="AC6760" s="5" t="s">
        <v>44</v>
      </c>
      <c r="AD6760" s="2"/>
      <c r="AE6760" s="1"/>
    </row>
    <row r="6761" spans="1:31" ht="14.45">
      <c r="A6761" s="11"/>
      <c r="B6761" s="20"/>
      <c r="C6761" s="2" t="s">
        <v>20755</v>
      </c>
      <c r="D6761" s="14" t="s">
        <v>20756</v>
      </c>
      <c r="E6761" s="2" t="s">
        <v>20757</v>
      </c>
      <c r="F6761" s="2" t="s">
        <v>7521</v>
      </c>
      <c r="G6761" s="8">
        <v>232</v>
      </c>
      <c r="H6761" s="5">
        <v>6</v>
      </c>
      <c r="I6761" s="5" t="s">
        <v>1518</v>
      </c>
      <c r="J6761" s="5" t="s">
        <v>1519</v>
      </c>
      <c r="K6761" s="2" t="s">
        <v>1520</v>
      </c>
      <c r="L6761" s="5" t="s">
        <v>1519</v>
      </c>
      <c r="M6761" s="2" t="s">
        <v>1520</v>
      </c>
      <c r="N6761" s="5" t="s">
        <v>1521</v>
      </c>
      <c r="O6761" s="5" t="s">
        <v>38</v>
      </c>
      <c r="P6761" s="5" t="s">
        <v>39</v>
      </c>
      <c r="Q6761" s="5" t="s">
        <v>40</v>
      </c>
      <c r="R6761" s="5" t="s">
        <v>1522</v>
      </c>
      <c r="S6761" s="5" t="s">
        <v>1523</v>
      </c>
      <c r="T6761" s="5" t="s">
        <v>42</v>
      </c>
      <c r="U6761" s="2">
        <v>2.4</v>
      </c>
      <c r="V6761" s="2">
        <v>1.9279999999999999</v>
      </c>
      <c r="W6761" s="2">
        <v>1.0999999999999999E-2</v>
      </c>
      <c r="X6761" s="2">
        <v>82.9</v>
      </c>
      <c r="Y6761" s="2">
        <v>7.6</v>
      </c>
      <c r="Z6761" s="2">
        <v>16.7</v>
      </c>
      <c r="AA6761" s="5"/>
      <c r="AB6761" s="5" t="s">
        <v>43</v>
      </c>
      <c r="AC6761" s="5" t="s">
        <v>44</v>
      </c>
      <c r="AD6761" s="2"/>
      <c r="AE6761" s="1"/>
    </row>
    <row r="6762" spans="1:31" ht="14.45">
      <c r="A6762" s="11"/>
      <c r="B6762" s="20"/>
      <c r="C6762" s="2" t="s">
        <v>20758</v>
      </c>
      <c r="D6762" s="14" t="s">
        <v>20759</v>
      </c>
      <c r="E6762" s="2" t="s">
        <v>20760</v>
      </c>
      <c r="F6762" s="2" t="s">
        <v>7212</v>
      </c>
      <c r="G6762" s="8">
        <v>232</v>
      </c>
      <c r="H6762" s="5">
        <v>6</v>
      </c>
      <c r="I6762" s="5" t="s">
        <v>1518</v>
      </c>
      <c r="J6762" s="5" t="s">
        <v>1519</v>
      </c>
      <c r="K6762" s="2" t="s">
        <v>1520</v>
      </c>
      <c r="L6762" s="5" t="s">
        <v>1519</v>
      </c>
      <c r="M6762" s="2" t="s">
        <v>1520</v>
      </c>
      <c r="N6762" s="5" t="s">
        <v>1521</v>
      </c>
      <c r="O6762" s="5" t="s">
        <v>38</v>
      </c>
      <c r="P6762" s="5" t="s">
        <v>39</v>
      </c>
      <c r="Q6762" s="5" t="s">
        <v>40</v>
      </c>
      <c r="R6762" s="5" t="s">
        <v>1522</v>
      </c>
      <c r="S6762" s="5" t="s">
        <v>1523</v>
      </c>
      <c r="T6762" s="5" t="s">
        <v>42</v>
      </c>
      <c r="U6762" s="2">
        <v>2.3260000000000001</v>
      </c>
      <c r="V6762" s="2">
        <v>1.8540000000000001</v>
      </c>
      <c r="W6762" s="2">
        <v>1.0999999999999999E-2</v>
      </c>
      <c r="X6762" s="2">
        <v>82.9</v>
      </c>
      <c r="Y6762" s="2">
        <v>7.6</v>
      </c>
      <c r="Z6762" s="2">
        <v>16.7</v>
      </c>
      <c r="AA6762" s="5"/>
      <c r="AB6762" s="5" t="s">
        <v>43</v>
      </c>
      <c r="AC6762" s="5" t="s">
        <v>44</v>
      </c>
      <c r="AD6762" s="2"/>
      <c r="AE6762" s="1"/>
    </row>
    <row r="6763" spans="1:31" ht="14.45">
      <c r="A6763" s="11"/>
      <c r="B6763" s="20"/>
      <c r="C6763" s="2" t="s">
        <v>20761</v>
      </c>
      <c r="D6763" s="14" t="s">
        <v>20762</v>
      </c>
      <c r="E6763" s="2" t="s">
        <v>20763</v>
      </c>
      <c r="F6763" s="2" t="s">
        <v>7528</v>
      </c>
      <c r="G6763" s="8">
        <v>232</v>
      </c>
      <c r="H6763" s="5">
        <v>6</v>
      </c>
      <c r="I6763" s="5" t="s">
        <v>1518</v>
      </c>
      <c r="J6763" s="5" t="s">
        <v>1519</v>
      </c>
      <c r="K6763" s="2" t="s">
        <v>1520</v>
      </c>
      <c r="L6763" s="5" t="s">
        <v>1519</v>
      </c>
      <c r="M6763" s="2" t="s">
        <v>1520</v>
      </c>
      <c r="N6763" s="5" t="s">
        <v>1521</v>
      </c>
      <c r="O6763" s="5" t="s">
        <v>38</v>
      </c>
      <c r="P6763" s="5" t="s">
        <v>39</v>
      </c>
      <c r="Q6763" s="5" t="s">
        <v>40</v>
      </c>
      <c r="R6763" s="5" t="s">
        <v>1522</v>
      </c>
      <c r="S6763" s="5" t="s">
        <v>1523</v>
      </c>
      <c r="T6763" s="5" t="s">
        <v>42</v>
      </c>
      <c r="U6763" s="2">
        <v>2.3879999999999999</v>
      </c>
      <c r="V6763" s="2">
        <v>1.9159999999999999</v>
      </c>
      <c r="W6763" s="2">
        <v>1.0999999999999999E-2</v>
      </c>
      <c r="X6763" s="2">
        <v>82.9</v>
      </c>
      <c r="Y6763" s="2">
        <v>7.6</v>
      </c>
      <c r="Z6763" s="2">
        <v>16.7</v>
      </c>
      <c r="AA6763" s="5"/>
      <c r="AB6763" s="5" t="s">
        <v>43</v>
      </c>
      <c r="AC6763" s="5" t="s">
        <v>44</v>
      </c>
      <c r="AD6763" s="2"/>
      <c r="AE6763" s="1"/>
    </row>
    <row r="6764" spans="1:31" ht="14.45">
      <c r="A6764" s="11"/>
      <c r="B6764" s="20"/>
      <c r="C6764" s="2" t="s">
        <v>20764</v>
      </c>
      <c r="D6764" s="14" t="s">
        <v>20765</v>
      </c>
      <c r="E6764" s="2" t="s">
        <v>20766</v>
      </c>
      <c r="F6764" s="2" t="s">
        <v>7406</v>
      </c>
      <c r="G6764" s="8">
        <v>247</v>
      </c>
      <c r="H6764" s="5">
        <v>6</v>
      </c>
      <c r="I6764" s="5" t="s">
        <v>1518</v>
      </c>
      <c r="J6764" s="5" t="s">
        <v>1519</v>
      </c>
      <c r="K6764" s="2" t="s">
        <v>1520</v>
      </c>
      <c r="L6764" s="5" t="s">
        <v>1519</v>
      </c>
      <c r="M6764" s="2" t="s">
        <v>1520</v>
      </c>
      <c r="N6764" s="5" t="s">
        <v>1521</v>
      </c>
      <c r="O6764" s="5" t="s">
        <v>38</v>
      </c>
      <c r="P6764" s="5" t="s">
        <v>39</v>
      </c>
      <c r="Q6764" s="5" t="s">
        <v>40</v>
      </c>
      <c r="R6764" s="5" t="s">
        <v>1522</v>
      </c>
      <c r="S6764" s="5" t="s">
        <v>1523</v>
      </c>
      <c r="T6764" s="5" t="s">
        <v>42</v>
      </c>
      <c r="U6764" s="2">
        <v>2.3260000000000001</v>
      </c>
      <c r="V6764" s="2">
        <v>1.8540000000000001</v>
      </c>
      <c r="W6764" s="2">
        <v>1.0999999999999999E-2</v>
      </c>
      <c r="X6764" s="2">
        <v>82.9</v>
      </c>
      <c r="Y6764" s="2">
        <v>7.6</v>
      </c>
      <c r="Z6764" s="2">
        <v>16.7</v>
      </c>
      <c r="AA6764" s="5"/>
      <c r="AB6764" s="5" t="s">
        <v>43</v>
      </c>
      <c r="AC6764" s="5" t="s">
        <v>44</v>
      </c>
      <c r="AD6764" s="2"/>
      <c r="AE6764" s="1"/>
    </row>
    <row r="6765" spans="1:31" ht="14.45">
      <c r="A6765" s="11"/>
      <c r="B6765" s="20"/>
      <c r="C6765" s="2" t="s">
        <v>20767</v>
      </c>
      <c r="D6765" s="14" t="s">
        <v>20768</v>
      </c>
      <c r="E6765" s="2" t="s">
        <v>20769</v>
      </c>
      <c r="F6765" s="2" t="s">
        <v>7535</v>
      </c>
      <c r="G6765" s="8">
        <v>247</v>
      </c>
      <c r="H6765" s="5">
        <v>6</v>
      </c>
      <c r="I6765" s="5" t="s">
        <v>1518</v>
      </c>
      <c r="J6765" s="5" t="s">
        <v>1519</v>
      </c>
      <c r="K6765" s="2" t="s">
        <v>1520</v>
      </c>
      <c r="L6765" s="5" t="s">
        <v>1519</v>
      </c>
      <c r="M6765" s="2" t="s">
        <v>1520</v>
      </c>
      <c r="N6765" s="5" t="s">
        <v>1521</v>
      </c>
      <c r="O6765" s="5" t="s">
        <v>38</v>
      </c>
      <c r="P6765" s="5" t="s">
        <v>39</v>
      </c>
      <c r="Q6765" s="5" t="s">
        <v>40</v>
      </c>
      <c r="R6765" s="5" t="s">
        <v>1522</v>
      </c>
      <c r="S6765" s="5" t="s">
        <v>1523</v>
      </c>
      <c r="T6765" s="5" t="s">
        <v>42</v>
      </c>
      <c r="U6765" s="2">
        <v>2.3879999999999999</v>
      </c>
      <c r="V6765" s="2">
        <v>1.9159999999999999</v>
      </c>
      <c r="W6765" s="2">
        <v>1.0999999999999999E-2</v>
      </c>
      <c r="X6765" s="2">
        <v>82.9</v>
      </c>
      <c r="Y6765" s="2">
        <v>7.6</v>
      </c>
      <c r="Z6765" s="2">
        <v>16.7</v>
      </c>
      <c r="AA6765" s="5"/>
      <c r="AB6765" s="5" t="s">
        <v>43</v>
      </c>
      <c r="AC6765" s="5" t="s">
        <v>44</v>
      </c>
      <c r="AD6765" s="2"/>
      <c r="AE6765" s="1"/>
    </row>
    <row r="6766" spans="1:31" ht="14.45">
      <c r="A6766" s="11"/>
      <c r="B6766" s="20"/>
      <c r="C6766" s="2" t="s">
        <v>20770</v>
      </c>
      <c r="D6766" s="14" t="s">
        <v>20771</v>
      </c>
      <c r="E6766" s="2" t="s">
        <v>20772</v>
      </c>
      <c r="F6766" s="2" t="s">
        <v>7539</v>
      </c>
      <c r="G6766" s="8">
        <v>247</v>
      </c>
      <c r="H6766" s="5">
        <v>6</v>
      </c>
      <c r="I6766" s="5" t="s">
        <v>1518</v>
      </c>
      <c r="J6766" s="5" t="s">
        <v>1519</v>
      </c>
      <c r="K6766" s="2" t="s">
        <v>1520</v>
      </c>
      <c r="L6766" s="5" t="s">
        <v>1519</v>
      </c>
      <c r="M6766" s="2" t="s">
        <v>1520</v>
      </c>
      <c r="N6766" s="5" t="s">
        <v>1521</v>
      </c>
      <c r="O6766" s="5" t="s">
        <v>38</v>
      </c>
      <c r="P6766" s="5" t="s">
        <v>39</v>
      </c>
      <c r="Q6766" s="5" t="s">
        <v>40</v>
      </c>
      <c r="R6766" s="5" t="s">
        <v>1522</v>
      </c>
      <c r="S6766" s="5" t="s">
        <v>1523</v>
      </c>
      <c r="T6766" s="5" t="s">
        <v>42</v>
      </c>
      <c r="U6766" s="2">
        <v>2.3380000000000001</v>
      </c>
      <c r="V6766" s="2">
        <v>1.8660000000000001</v>
      </c>
      <c r="W6766" s="2">
        <v>1.0999999999999999E-2</v>
      </c>
      <c r="X6766" s="2">
        <v>82.9</v>
      </c>
      <c r="Y6766" s="2">
        <v>7.6</v>
      </c>
      <c r="Z6766" s="2">
        <v>16.7</v>
      </c>
      <c r="AA6766" s="5"/>
      <c r="AB6766" s="5" t="s">
        <v>43</v>
      </c>
      <c r="AC6766" s="5" t="s">
        <v>44</v>
      </c>
      <c r="AD6766" s="2"/>
      <c r="AE6766" s="1"/>
    </row>
    <row r="6767" spans="1:31" ht="14.45">
      <c r="A6767" s="11"/>
      <c r="B6767" s="20"/>
      <c r="C6767" s="2" t="s">
        <v>20773</v>
      </c>
      <c r="D6767" s="14" t="s">
        <v>20774</v>
      </c>
      <c r="E6767" s="2" t="s">
        <v>20775</v>
      </c>
      <c r="F6767" s="2" t="s">
        <v>7543</v>
      </c>
      <c r="G6767" s="8">
        <v>247</v>
      </c>
      <c r="H6767" s="5">
        <v>6</v>
      </c>
      <c r="I6767" s="5" t="s">
        <v>1518</v>
      </c>
      <c r="J6767" s="5" t="s">
        <v>1519</v>
      </c>
      <c r="K6767" s="2" t="s">
        <v>1520</v>
      </c>
      <c r="L6767" s="5" t="s">
        <v>1519</v>
      </c>
      <c r="M6767" s="2" t="s">
        <v>1520</v>
      </c>
      <c r="N6767" s="5" t="s">
        <v>1521</v>
      </c>
      <c r="O6767" s="5" t="s">
        <v>38</v>
      </c>
      <c r="P6767" s="5" t="s">
        <v>39</v>
      </c>
      <c r="Q6767" s="5" t="s">
        <v>40</v>
      </c>
      <c r="R6767" s="5" t="s">
        <v>1522</v>
      </c>
      <c r="S6767" s="5" t="s">
        <v>1523</v>
      </c>
      <c r="T6767" s="5" t="s">
        <v>42</v>
      </c>
      <c r="U6767" s="2">
        <v>2.4</v>
      </c>
      <c r="V6767" s="2">
        <v>1.9279999999999999</v>
      </c>
      <c r="W6767" s="2">
        <v>1.0999999999999999E-2</v>
      </c>
      <c r="X6767" s="2">
        <v>82.9</v>
      </c>
      <c r="Y6767" s="2">
        <v>7.6</v>
      </c>
      <c r="Z6767" s="2">
        <v>16.7</v>
      </c>
      <c r="AA6767" s="5"/>
      <c r="AB6767" s="5" t="s">
        <v>43</v>
      </c>
      <c r="AC6767" s="5" t="s">
        <v>44</v>
      </c>
      <c r="AD6767" s="2"/>
      <c r="AE6767" s="1"/>
    </row>
    <row r="6768" spans="1:31" ht="14.45">
      <c r="A6768" s="11"/>
      <c r="B6768" s="20"/>
      <c r="C6768" s="2" t="s">
        <v>20776</v>
      </c>
      <c r="D6768" s="14" t="s">
        <v>20777</v>
      </c>
      <c r="E6768" s="2" t="s">
        <v>20778</v>
      </c>
      <c r="F6768" s="2" t="s">
        <v>7551</v>
      </c>
      <c r="G6768" s="8">
        <v>247</v>
      </c>
      <c r="H6768" s="5">
        <v>6</v>
      </c>
      <c r="I6768" s="5" t="s">
        <v>1518</v>
      </c>
      <c r="J6768" s="5" t="s">
        <v>1519</v>
      </c>
      <c r="K6768" s="2" t="s">
        <v>1520</v>
      </c>
      <c r="L6768" s="5" t="s">
        <v>1519</v>
      </c>
      <c r="M6768" s="2" t="s">
        <v>1520</v>
      </c>
      <c r="N6768" s="5" t="s">
        <v>1521</v>
      </c>
      <c r="O6768" s="5" t="s">
        <v>38</v>
      </c>
      <c r="P6768" s="5" t="s">
        <v>39</v>
      </c>
      <c r="Q6768" s="5" t="s">
        <v>40</v>
      </c>
      <c r="R6768" s="5" t="s">
        <v>1522</v>
      </c>
      <c r="S6768" s="5" t="s">
        <v>1523</v>
      </c>
      <c r="T6768" s="5" t="s">
        <v>42</v>
      </c>
      <c r="U6768" s="2">
        <v>2.3879999999999999</v>
      </c>
      <c r="V6768" s="2">
        <v>1.9159999999999999</v>
      </c>
      <c r="W6768" s="2">
        <v>1.0999999999999999E-2</v>
      </c>
      <c r="X6768" s="2">
        <v>82.9</v>
      </c>
      <c r="Y6768" s="2">
        <v>7.6</v>
      </c>
      <c r="Z6768" s="2">
        <v>16.7</v>
      </c>
      <c r="AA6768" s="5"/>
      <c r="AB6768" s="5" t="s">
        <v>43</v>
      </c>
      <c r="AC6768" s="5" t="s">
        <v>44</v>
      </c>
      <c r="AD6768" s="2"/>
      <c r="AE6768" s="1"/>
    </row>
    <row r="6769" spans="1:31" ht="14.45">
      <c r="A6769" s="11"/>
      <c r="B6769" s="20"/>
      <c r="C6769" s="2" t="s">
        <v>20779</v>
      </c>
      <c r="D6769" s="14" t="s">
        <v>20780</v>
      </c>
      <c r="E6769" s="2" t="s">
        <v>20781</v>
      </c>
      <c r="F6769" s="2" t="s">
        <v>16194</v>
      </c>
      <c r="G6769" s="8">
        <v>247</v>
      </c>
      <c r="H6769" s="5">
        <v>6</v>
      </c>
      <c r="I6769" s="5" t="s">
        <v>1518</v>
      </c>
      <c r="J6769" s="5" t="s">
        <v>1519</v>
      </c>
      <c r="K6769" s="2" t="s">
        <v>1520</v>
      </c>
      <c r="L6769" s="5" t="s">
        <v>1519</v>
      </c>
      <c r="M6769" s="2" t="s">
        <v>1520</v>
      </c>
      <c r="N6769" s="5" t="s">
        <v>1521</v>
      </c>
      <c r="O6769" s="5" t="s">
        <v>38</v>
      </c>
      <c r="P6769" s="5" t="s">
        <v>39</v>
      </c>
      <c r="Q6769" s="5" t="s">
        <v>40</v>
      </c>
      <c r="R6769" s="5" t="s">
        <v>1522</v>
      </c>
      <c r="S6769" s="5" t="s">
        <v>1523</v>
      </c>
      <c r="T6769" s="5" t="s">
        <v>42</v>
      </c>
      <c r="U6769" s="2">
        <v>2.4</v>
      </c>
      <c r="V6769" s="2">
        <v>1.9279999999999999</v>
      </c>
      <c r="W6769" s="2">
        <v>1.0999999999999999E-2</v>
      </c>
      <c r="X6769" s="2">
        <v>82.9</v>
      </c>
      <c r="Y6769" s="2">
        <v>7.6</v>
      </c>
      <c r="Z6769" s="2">
        <v>16.7</v>
      </c>
      <c r="AA6769" s="5"/>
      <c r="AB6769" s="5" t="s">
        <v>43</v>
      </c>
      <c r="AC6769" s="5" t="s">
        <v>44</v>
      </c>
      <c r="AD6769" s="2"/>
      <c r="AE6769" s="1"/>
    </row>
    <row r="6770" spans="1:31" ht="14.45">
      <c r="A6770" s="11"/>
      <c r="B6770" s="20"/>
      <c r="C6770" s="2" t="s">
        <v>20782</v>
      </c>
      <c r="D6770" s="14" t="s">
        <v>20783</v>
      </c>
      <c r="E6770" s="2" t="s">
        <v>20784</v>
      </c>
      <c r="F6770" s="2" t="s">
        <v>7449</v>
      </c>
      <c r="G6770" s="8">
        <v>247</v>
      </c>
      <c r="H6770" s="5">
        <v>6</v>
      </c>
      <c r="I6770" s="5" t="s">
        <v>1518</v>
      </c>
      <c r="J6770" s="5" t="s">
        <v>1519</v>
      </c>
      <c r="K6770" s="2" t="s">
        <v>1520</v>
      </c>
      <c r="L6770" s="5" t="s">
        <v>1519</v>
      </c>
      <c r="M6770" s="2" t="s">
        <v>1520</v>
      </c>
      <c r="N6770" s="5" t="s">
        <v>1521</v>
      </c>
      <c r="O6770" s="5" t="s">
        <v>38</v>
      </c>
      <c r="P6770" s="5" t="s">
        <v>39</v>
      </c>
      <c r="Q6770" s="5" t="s">
        <v>40</v>
      </c>
      <c r="R6770" s="5" t="s">
        <v>1522</v>
      </c>
      <c r="S6770" s="5" t="s">
        <v>1523</v>
      </c>
      <c r="T6770" s="5" t="s">
        <v>42</v>
      </c>
      <c r="U6770" s="2">
        <v>2.3380000000000001</v>
      </c>
      <c r="V6770" s="2">
        <v>1.8660000000000001</v>
      </c>
      <c r="W6770" s="2">
        <v>1.0999999999999999E-2</v>
      </c>
      <c r="X6770" s="2">
        <v>82.9</v>
      </c>
      <c r="Y6770" s="2">
        <v>7.6</v>
      </c>
      <c r="Z6770" s="2">
        <v>16.7</v>
      </c>
      <c r="AA6770" s="5"/>
      <c r="AB6770" s="5" t="s">
        <v>43</v>
      </c>
      <c r="AC6770" s="5" t="s">
        <v>44</v>
      </c>
      <c r="AD6770" s="2"/>
      <c r="AE6770" s="1"/>
    </row>
    <row r="6771" spans="1:31" ht="14.45">
      <c r="A6771" s="11"/>
      <c r="B6771" s="20"/>
      <c r="C6771" s="2" t="s">
        <v>20785</v>
      </c>
      <c r="D6771" s="14" t="s">
        <v>20786</v>
      </c>
      <c r="E6771" s="2" t="s">
        <v>20787</v>
      </c>
      <c r="F6771" s="2" t="s">
        <v>7581</v>
      </c>
      <c r="G6771" s="8">
        <v>247</v>
      </c>
      <c r="H6771" s="5">
        <v>6</v>
      </c>
      <c r="I6771" s="5" t="s">
        <v>1518</v>
      </c>
      <c r="J6771" s="5" t="s">
        <v>1519</v>
      </c>
      <c r="K6771" s="2" t="s">
        <v>1520</v>
      </c>
      <c r="L6771" s="5" t="s">
        <v>1519</v>
      </c>
      <c r="M6771" s="2" t="s">
        <v>1520</v>
      </c>
      <c r="N6771" s="5" t="s">
        <v>1521</v>
      </c>
      <c r="O6771" s="5" t="s">
        <v>38</v>
      </c>
      <c r="P6771" s="5" t="s">
        <v>39</v>
      </c>
      <c r="Q6771" s="5" t="s">
        <v>40</v>
      </c>
      <c r="R6771" s="5" t="s">
        <v>1522</v>
      </c>
      <c r="S6771" s="5" t="s">
        <v>1523</v>
      </c>
      <c r="T6771" s="5" t="s">
        <v>42</v>
      </c>
      <c r="U6771" s="2">
        <v>2.4</v>
      </c>
      <c r="V6771" s="2">
        <v>1.9279999999999999</v>
      </c>
      <c r="W6771" s="2">
        <v>1.0999999999999999E-2</v>
      </c>
      <c r="X6771" s="2">
        <v>82.9</v>
      </c>
      <c r="Y6771" s="2">
        <v>7.6</v>
      </c>
      <c r="Z6771" s="2">
        <v>16.7</v>
      </c>
      <c r="AA6771" s="5"/>
      <c r="AB6771" s="5" t="s">
        <v>43</v>
      </c>
      <c r="AC6771" s="5" t="s">
        <v>44</v>
      </c>
      <c r="AD6771" s="2"/>
      <c r="AE6771" s="1"/>
    </row>
    <row r="6772" spans="1:31" ht="14.45">
      <c r="A6772" s="11"/>
      <c r="B6772" s="20"/>
      <c r="C6772" s="2" t="s">
        <v>20788</v>
      </c>
      <c r="D6772" s="14" t="s">
        <v>20789</v>
      </c>
      <c r="E6772" s="2" t="s">
        <v>20790</v>
      </c>
      <c r="F6772" s="2" t="s">
        <v>7585</v>
      </c>
      <c r="G6772" s="8">
        <v>247</v>
      </c>
      <c r="H6772" s="5">
        <v>6</v>
      </c>
      <c r="I6772" s="5" t="s">
        <v>1518</v>
      </c>
      <c r="J6772" s="5" t="s">
        <v>1519</v>
      </c>
      <c r="K6772" s="2" t="s">
        <v>1520</v>
      </c>
      <c r="L6772" s="5" t="s">
        <v>1519</v>
      </c>
      <c r="M6772" s="2" t="s">
        <v>1520</v>
      </c>
      <c r="N6772" s="5" t="s">
        <v>1521</v>
      </c>
      <c r="O6772" s="5" t="s">
        <v>38</v>
      </c>
      <c r="P6772" s="5" t="s">
        <v>39</v>
      </c>
      <c r="Q6772" s="5" t="s">
        <v>40</v>
      </c>
      <c r="R6772" s="5" t="s">
        <v>1522</v>
      </c>
      <c r="S6772" s="5" t="s">
        <v>1523</v>
      </c>
      <c r="T6772" s="5" t="s">
        <v>42</v>
      </c>
      <c r="U6772" s="2">
        <v>2.3260000000000001</v>
      </c>
      <c r="V6772" s="2">
        <v>1.8540000000000001</v>
      </c>
      <c r="W6772" s="2">
        <v>1.0999999999999999E-2</v>
      </c>
      <c r="X6772" s="2">
        <v>82.9</v>
      </c>
      <c r="Y6772" s="2">
        <v>7.6</v>
      </c>
      <c r="Z6772" s="2">
        <v>16.7</v>
      </c>
      <c r="AA6772" s="5"/>
      <c r="AB6772" s="5" t="s">
        <v>43</v>
      </c>
      <c r="AC6772" s="5" t="s">
        <v>44</v>
      </c>
      <c r="AD6772" s="2"/>
      <c r="AE6772" s="1"/>
    </row>
    <row r="6773" spans="1:31" ht="14.45">
      <c r="A6773" s="11"/>
      <c r="B6773" s="20"/>
      <c r="C6773" s="2" t="s">
        <v>20791</v>
      </c>
      <c r="D6773" s="14" t="s">
        <v>20792</v>
      </c>
      <c r="E6773" s="2" t="s">
        <v>20793</v>
      </c>
      <c r="F6773" s="2" t="s">
        <v>7589</v>
      </c>
      <c r="G6773" s="8">
        <v>247</v>
      </c>
      <c r="H6773" s="5">
        <v>6</v>
      </c>
      <c r="I6773" s="5" t="s">
        <v>1518</v>
      </c>
      <c r="J6773" s="5" t="s">
        <v>1519</v>
      </c>
      <c r="K6773" s="2" t="s">
        <v>1520</v>
      </c>
      <c r="L6773" s="5" t="s">
        <v>1519</v>
      </c>
      <c r="M6773" s="2" t="s">
        <v>1520</v>
      </c>
      <c r="N6773" s="5" t="s">
        <v>1521</v>
      </c>
      <c r="O6773" s="5" t="s">
        <v>38</v>
      </c>
      <c r="P6773" s="5" t="s">
        <v>39</v>
      </c>
      <c r="Q6773" s="5" t="s">
        <v>40</v>
      </c>
      <c r="R6773" s="5" t="s">
        <v>1522</v>
      </c>
      <c r="S6773" s="5" t="s">
        <v>1523</v>
      </c>
      <c r="T6773" s="5" t="s">
        <v>42</v>
      </c>
      <c r="U6773" s="2">
        <v>2.3879999999999999</v>
      </c>
      <c r="V6773" s="2">
        <v>1.9159999999999999</v>
      </c>
      <c r="W6773" s="2">
        <v>1.0999999999999999E-2</v>
      </c>
      <c r="X6773" s="2">
        <v>82.9</v>
      </c>
      <c r="Y6773" s="2">
        <v>7.6</v>
      </c>
      <c r="Z6773" s="2">
        <v>16.7</v>
      </c>
      <c r="AA6773" s="5"/>
      <c r="AB6773" s="5" t="s">
        <v>43</v>
      </c>
      <c r="AC6773" s="5" t="s">
        <v>44</v>
      </c>
      <c r="AD6773" s="2"/>
      <c r="AE6773" s="1"/>
    </row>
    <row r="6774" spans="1:31" ht="14.45">
      <c r="A6774" s="11"/>
      <c r="B6774" s="20"/>
      <c r="C6774" s="2" t="s">
        <v>20794</v>
      </c>
      <c r="D6774" s="14" t="s">
        <v>20795</v>
      </c>
      <c r="E6774" s="2" t="s">
        <v>20796</v>
      </c>
      <c r="F6774" s="2" t="s">
        <v>7597</v>
      </c>
      <c r="G6774" s="8">
        <v>247</v>
      </c>
      <c r="H6774" s="5">
        <v>6</v>
      </c>
      <c r="I6774" s="5" t="s">
        <v>1518</v>
      </c>
      <c r="J6774" s="5" t="s">
        <v>1519</v>
      </c>
      <c r="K6774" s="2" t="s">
        <v>1520</v>
      </c>
      <c r="L6774" s="5" t="s">
        <v>1519</v>
      </c>
      <c r="M6774" s="2" t="s">
        <v>1520</v>
      </c>
      <c r="N6774" s="5" t="s">
        <v>1521</v>
      </c>
      <c r="O6774" s="5" t="s">
        <v>38</v>
      </c>
      <c r="P6774" s="5" t="s">
        <v>39</v>
      </c>
      <c r="Q6774" s="5" t="s">
        <v>40</v>
      </c>
      <c r="R6774" s="5" t="s">
        <v>1522</v>
      </c>
      <c r="S6774" s="5" t="s">
        <v>1523</v>
      </c>
      <c r="T6774" s="5" t="s">
        <v>42</v>
      </c>
      <c r="U6774" s="2">
        <v>2.4</v>
      </c>
      <c r="V6774" s="2">
        <v>1.9279999999999999</v>
      </c>
      <c r="W6774" s="2">
        <v>1.0999999999999999E-2</v>
      </c>
      <c r="X6774" s="2">
        <v>82.9</v>
      </c>
      <c r="Y6774" s="2">
        <v>7.6</v>
      </c>
      <c r="Z6774" s="2">
        <v>16.7</v>
      </c>
      <c r="AA6774" s="5"/>
      <c r="AB6774" s="5" t="s">
        <v>43</v>
      </c>
      <c r="AC6774" s="5" t="s">
        <v>44</v>
      </c>
      <c r="AD6774" s="2"/>
      <c r="AE6774" s="1"/>
    </row>
    <row r="6775" spans="1:31" ht="14.45">
      <c r="A6775" s="11"/>
      <c r="B6775" s="20"/>
      <c r="C6775" s="2" t="s">
        <v>20797</v>
      </c>
      <c r="D6775" s="14" t="s">
        <v>20798</v>
      </c>
      <c r="E6775" s="2" t="s">
        <v>20799</v>
      </c>
      <c r="F6775" s="2" t="s">
        <v>16014</v>
      </c>
      <c r="G6775" s="8">
        <v>247</v>
      </c>
      <c r="H6775" s="5">
        <v>6</v>
      </c>
      <c r="I6775" s="5" t="s">
        <v>1518</v>
      </c>
      <c r="J6775" s="5" t="s">
        <v>1519</v>
      </c>
      <c r="K6775" s="2" t="s">
        <v>1520</v>
      </c>
      <c r="L6775" s="5" t="s">
        <v>1519</v>
      </c>
      <c r="M6775" s="2" t="s">
        <v>1520</v>
      </c>
      <c r="N6775" s="5" t="s">
        <v>1521</v>
      </c>
      <c r="O6775" s="5" t="s">
        <v>38</v>
      </c>
      <c r="P6775" s="5" t="s">
        <v>39</v>
      </c>
      <c r="Q6775" s="5" t="s">
        <v>40</v>
      </c>
      <c r="R6775" s="5" t="s">
        <v>1522</v>
      </c>
      <c r="S6775" s="5" t="s">
        <v>1523</v>
      </c>
      <c r="T6775" s="5" t="s">
        <v>42</v>
      </c>
      <c r="U6775" s="2">
        <v>2.3380000000000001</v>
      </c>
      <c r="V6775" s="2">
        <v>1.8660000000000001</v>
      </c>
      <c r="W6775" s="2">
        <v>1.0999999999999999E-2</v>
      </c>
      <c r="X6775" s="2">
        <v>82.9</v>
      </c>
      <c r="Y6775" s="2">
        <v>7.6</v>
      </c>
      <c r="Z6775" s="2">
        <v>16.7</v>
      </c>
      <c r="AA6775" s="5"/>
      <c r="AB6775" s="5" t="s">
        <v>43</v>
      </c>
      <c r="AC6775" s="5" t="s">
        <v>44</v>
      </c>
      <c r="AD6775" s="2"/>
      <c r="AE6775" s="1"/>
    </row>
    <row r="6776" spans="1:31" ht="14.45">
      <c r="A6776" s="11"/>
      <c r="B6776" s="20"/>
      <c r="C6776" s="2" t="s">
        <v>20800</v>
      </c>
      <c r="D6776" s="14" t="s">
        <v>20801</v>
      </c>
      <c r="E6776" s="2" t="s">
        <v>20802</v>
      </c>
      <c r="F6776" s="2" t="s">
        <v>7615</v>
      </c>
      <c r="G6776" s="8">
        <v>247</v>
      </c>
      <c r="H6776" s="5">
        <v>6</v>
      </c>
      <c r="I6776" s="5" t="s">
        <v>1518</v>
      </c>
      <c r="J6776" s="5" t="s">
        <v>1519</v>
      </c>
      <c r="K6776" s="2" t="s">
        <v>1520</v>
      </c>
      <c r="L6776" s="5" t="s">
        <v>1519</v>
      </c>
      <c r="M6776" s="2" t="s">
        <v>1520</v>
      </c>
      <c r="N6776" s="5" t="s">
        <v>1521</v>
      </c>
      <c r="O6776" s="5" t="s">
        <v>38</v>
      </c>
      <c r="P6776" s="5" t="s">
        <v>39</v>
      </c>
      <c r="Q6776" s="5" t="s">
        <v>40</v>
      </c>
      <c r="R6776" s="5" t="s">
        <v>1522</v>
      </c>
      <c r="S6776" s="5" t="s">
        <v>1523</v>
      </c>
      <c r="T6776" s="5" t="s">
        <v>42</v>
      </c>
      <c r="U6776" s="2">
        <v>2.3260000000000001</v>
      </c>
      <c r="V6776" s="2">
        <v>1.8540000000000001</v>
      </c>
      <c r="W6776" s="2">
        <v>1.0999999999999999E-2</v>
      </c>
      <c r="X6776" s="2">
        <v>82.9</v>
      </c>
      <c r="Y6776" s="2">
        <v>7.6</v>
      </c>
      <c r="Z6776" s="2">
        <v>16.7</v>
      </c>
      <c r="AA6776" s="5"/>
      <c r="AB6776" s="5" t="s">
        <v>43</v>
      </c>
      <c r="AC6776" s="5" t="s">
        <v>44</v>
      </c>
      <c r="AD6776" s="2"/>
      <c r="AE6776" s="1"/>
    </row>
    <row r="6777" spans="1:31" ht="14.45">
      <c r="A6777" s="11"/>
      <c r="B6777" s="20"/>
      <c r="C6777" s="2" t="s">
        <v>20803</v>
      </c>
      <c r="D6777" s="14" t="s">
        <v>20804</v>
      </c>
      <c r="E6777" s="2" t="s">
        <v>20805</v>
      </c>
      <c r="F6777" s="2" t="s">
        <v>7619</v>
      </c>
      <c r="G6777" s="8">
        <v>247</v>
      </c>
      <c r="H6777" s="5">
        <v>6</v>
      </c>
      <c r="I6777" s="5" t="s">
        <v>1518</v>
      </c>
      <c r="J6777" s="5" t="s">
        <v>1519</v>
      </c>
      <c r="K6777" s="2" t="s">
        <v>1520</v>
      </c>
      <c r="L6777" s="5" t="s">
        <v>1519</v>
      </c>
      <c r="M6777" s="2" t="s">
        <v>1520</v>
      </c>
      <c r="N6777" s="5" t="s">
        <v>1521</v>
      </c>
      <c r="O6777" s="5" t="s">
        <v>38</v>
      </c>
      <c r="P6777" s="5" t="s">
        <v>39</v>
      </c>
      <c r="Q6777" s="5" t="s">
        <v>40</v>
      </c>
      <c r="R6777" s="5" t="s">
        <v>1522</v>
      </c>
      <c r="S6777" s="5" t="s">
        <v>1523</v>
      </c>
      <c r="T6777" s="5" t="s">
        <v>42</v>
      </c>
      <c r="U6777" s="2">
        <v>2.3879999999999999</v>
      </c>
      <c r="V6777" s="2">
        <v>1.9159999999999999</v>
      </c>
      <c r="W6777" s="2">
        <v>1.0999999999999999E-2</v>
      </c>
      <c r="X6777" s="2">
        <v>82.9</v>
      </c>
      <c r="Y6777" s="2">
        <v>7.6</v>
      </c>
      <c r="Z6777" s="2">
        <v>16.7</v>
      </c>
      <c r="AA6777" s="5"/>
      <c r="AB6777" s="5" t="s">
        <v>43</v>
      </c>
      <c r="AC6777" s="5" t="s">
        <v>44</v>
      </c>
      <c r="AD6777" s="2"/>
      <c r="AE6777" s="1"/>
    </row>
    <row r="6778" spans="1:31" ht="14.45">
      <c r="A6778" s="11"/>
      <c r="B6778" s="20"/>
      <c r="C6778" s="2" t="s">
        <v>20806</v>
      </c>
      <c r="D6778" s="14" t="s">
        <v>20807</v>
      </c>
      <c r="E6778" s="2" t="s">
        <v>20808</v>
      </c>
      <c r="F6778" s="2" t="s">
        <v>16029</v>
      </c>
      <c r="G6778" s="8">
        <v>247</v>
      </c>
      <c r="H6778" s="5">
        <v>11</v>
      </c>
      <c r="I6778" s="5" t="s">
        <v>1518</v>
      </c>
      <c r="J6778" s="5" t="s">
        <v>1519</v>
      </c>
      <c r="K6778" s="2" t="s">
        <v>1520</v>
      </c>
      <c r="L6778" s="5" t="s">
        <v>1519</v>
      </c>
      <c r="M6778" s="2" t="s">
        <v>1520</v>
      </c>
      <c r="N6778" s="5" t="s">
        <v>1521</v>
      </c>
      <c r="O6778" s="5" t="s">
        <v>38</v>
      </c>
      <c r="P6778" s="5" t="s">
        <v>39</v>
      </c>
      <c r="Q6778" s="5" t="s">
        <v>40</v>
      </c>
      <c r="R6778" s="5" t="s">
        <v>1522</v>
      </c>
      <c r="S6778" s="5" t="s">
        <v>1523</v>
      </c>
      <c r="T6778" s="5" t="s">
        <v>42</v>
      </c>
      <c r="U6778" s="2">
        <v>2.3159999999999998</v>
      </c>
      <c r="V6778" s="2">
        <v>1.8440000000000001</v>
      </c>
      <c r="W6778" s="2">
        <v>1.0999999999999999E-2</v>
      </c>
      <c r="X6778" s="2">
        <v>82.9</v>
      </c>
      <c r="Y6778" s="2">
        <v>7.6</v>
      </c>
      <c r="Z6778" s="2">
        <v>16.7</v>
      </c>
      <c r="AA6778" s="5"/>
      <c r="AB6778" s="5" t="s">
        <v>43</v>
      </c>
      <c r="AC6778" s="5" t="s">
        <v>44</v>
      </c>
      <c r="AD6778" s="2"/>
      <c r="AE6778" s="1"/>
    </row>
    <row r="6779" spans="1:31" ht="14.45">
      <c r="A6779" s="11"/>
      <c r="B6779" s="20"/>
      <c r="C6779" s="2" t="s">
        <v>20809</v>
      </c>
      <c r="D6779" s="14" t="s">
        <v>20810</v>
      </c>
      <c r="E6779" s="2" t="s">
        <v>20811</v>
      </c>
      <c r="F6779" s="2" t="s">
        <v>16033</v>
      </c>
      <c r="G6779" s="8">
        <v>247</v>
      </c>
      <c r="H6779" s="5">
        <v>11</v>
      </c>
      <c r="I6779" s="5" t="s">
        <v>1518</v>
      </c>
      <c r="J6779" s="5" t="s">
        <v>1519</v>
      </c>
      <c r="K6779" s="2" t="s">
        <v>1520</v>
      </c>
      <c r="L6779" s="5" t="s">
        <v>1519</v>
      </c>
      <c r="M6779" s="2" t="s">
        <v>1520</v>
      </c>
      <c r="N6779" s="5" t="s">
        <v>1521</v>
      </c>
      <c r="O6779" s="5" t="s">
        <v>38</v>
      </c>
      <c r="P6779" s="5" t="s">
        <v>39</v>
      </c>
      <c r="Q6779" s="5" t="s">
        <v>40</v>
      </c>
      <c r="R6779" s="5" t="s">
        <v>1522</v>
      </c>
      <c r="S6779" s="5" t="s">
        <v>1523</v>
      </c>
      <c r="T6779" s="5" t="s">
        <v>42</v>
      </c>
      <c r="U6779" s="2">
        <v>2.3780000000000001</v>
      </c>
      <c r="V6779" s="2">
        <v>1.9059999999999999</v>
      </c>
      <c r="W6779" s="2">
        <v>1.0999999999999999E-2</v>
      </c>
      <c r="X6779" s="2">
        <v>82.9</v>
      </c>
      <c r="Y6779" s="2">
        <v>7.6</v>
      </c>
      <c r="Z6779" s="2">
        <v>16.7</v>
      </c>
      <c r="AA6779" s="5"/>
      <c r="AB6779" s="5" t="s">
        <v>43</v>
      </c>
      <c r="AC6779" s="5" t="s">
        <v>44</v>
      </c>
      <c r="AD6779" s="2"/>
      <c r="AE6779" s="1"/>
    </row>
    <row r="6780" spans="1:31" ht="14.45">
      <c r="A6780" s="11"/>
      <c r="B6780" s="20"/>
      <c r="C6780" s="2" t="s">
        <v>20812</v>
      </c>
      <c r="D6780" s="14" t="s">
        <v>20813</v>
      </c>
      <c r="E6780" s="2" t="s">
        <v>20814</v>
      </c>
      <c r="F6780" s="2" t="s">
        <v>7396</v>
      </c>
      <c r="G6780" s="8">
        <v>243</v>
      </c>
      <c r="H6780" s="5">
        <v>6</v>
      </c>
      <c r="I6780" s="5" t="s">
        <v>1518</v>
      </c>
      <c r="J6780" s="5" t="s">
        <v>1519</v>
      </c>
      <c r="K6780" s="2" t="s">
        <v>1520</v>
      </c>
      <c r="L6780" s="5" t="s">
        <v>1519</v>
      </c>
      <c r="M6780" s="2" t="s">
        <v>1520</v>
      </c>
      <c r="N6780" s="5" t="s">
        <v>1521</v>
      </c>
      <c r="O6780" s="5" t="s">
        <v>38</v>
      </c>
      <c r="P6780" s="5" t="s">
        <v>39</v>
      </c>
      <c r="Q6780" s="5" t="s">
        <v>40</v>
      </c>
      <c r="R6780" s="5" t="s">
        <v>1522</v>
      </c>
      <c r="S6780" s="5" t="s">
        <v>1523</v>
      </c>
      <c r="T6780" s="5" t="s">
        <v>42</v>
      </c>
      <c r="U6780" s="2">
        <v>2.5739999999999998</v>
      </c>
      <c r="V6780" s="2">
        <v>2.0230000000000001</v>
      </c>
      <c r="W6780" s="2">
        <v>1.2999999999999999E-2</v>
      </c>
      <c r="X6780" s="2">
        <v>99.1</v>
      </c>
      <c r="Y6780" s="2">
        <v>7.6</v>
      </c>
      <c r="Z6780" s="2">
        <v>16.7</v>
      </c>
      <c r="AA6780" s="5"/>
      <c r="AB6780" s="5" t="s">
        <v>43</v>
      </c>
      <c r="AC6780" s="5" t="s">
        <v>44</v>
      </c>
      <c r="AD6780" s="2"/>
      <c r="AE6780" s="1"/>
    </row>
    <row r="6781" spans="1:31" ht="14.45">
      <c r="A6781" s="11"/>
      <c r="B6781" s="20"/>
      <c r="C6781" s="2" t="s">
        <v>20815</v>
      </c>
      <c r="D6781" s="14" t="s">
        <v>20816</v>
      </c>
      <c r="E6781" s="2" t="s">
        <v>20817</v>
      </c>
      <c r="F6781" s="2" t="s">
        <v>7507</v>
      </c>
      <c r="G6781" s="8">
        <v>243</v>
      </c>
      <c r="H6781" s="5">
        <v>6</v>
      </c>
      <c r="I6781" s="5" t="s">
        <v>1518</v>
      </c>
      <c r="J6781" s="5" t="s">
        <v>1519</v>
      </c>
      <c r="K6781" s="2" t="s">
        <v>1520</v>
      </c>
      <c r="L6781" s="5" t="s">
        <v>1519</v>
      </c>
      <c r="M6781" s="2" t="s">
        <v>1520</v>
      </c>
      <c r="N6781" s="5" t="s">
        <v>1521</v>
      </c>
      <c r="O6781" s="5" t="s">
        <v>38</v>
      </c>
      <c r="P6781" s="5" t="s">
        <v>39</v>
      </c>
      <c r="Q6781" s="5" t="s">
        <v>40</v>
      </c>
      <c r="R6781" s="5" t="s">
        <v>1522</v>
      </c>
      <c r="S6781" s="5" t="s">
        <v>1523</v>
      </c>
      <c r="T6781" s="5" t="s">
        <v>42</v>
      </c>
      <c r="U6781" s="2">
        <v>2.6469999999999998</v>
      </c>
      <c r="V6781" s="2">
        <v>2.0960000000000001</v>
      </c>
      <c r="W6781" s="2">
        <v>1.2999999999999999E-2</v>
      </c>
      <c r="X6781" s="2">
        <v>99.1</v>
      </c>
      <c r="Y6781" s="2">
        <v>7.6</v>
      </c>
      <c r="Z6781" s="2">
        <v>16.7</v>
      </c>
      <c r="AA6781" s="5"/>
      <c r="AB6781" s="5" t="s">
        <v>43</v>
      </c>
      <c r="AC6781" s="5" t="s">
        <v>44</v>
      </c>
      <c r="AD6781" s="2"/>
      <c r="AE6781" s="1"/>
    </row>
    <row r="6782" spans="1:31" ht="14.45">
      <c r="A6782" s="11"/>
      <c r="B6782" s="20"/>
      <c r="C6782" s="2" t="s">
        <v>20818</v>
      </c>
      <c r="D6782" s="14" t="s">
        <v>20819</v>
      </c>
      <c r="E6782" s="2" t="s">
        <v>20820</v>
      </c>
      <c r="F6782" s="2" t="s">
        <v>7204</v>
      </c>
      <c r="G6782" s="8">
        <v>243</v>
      </c>
      <c r="H6782" s="5">
        <v>6</v>
      </c>
      <c r="I6782" s="5" t="s">
        <v>1518</v>
      </c>
      <c r="J6782" s="5" t="s">
        <v>1519</v>
      </c>
      <c r="K6782" s="2" t="s">
        <v>1520</v>
      </c>
      <c r="L6782" s="5" t="s">
        <v>1519</v>
      </c>
      <c r="M6782" s="2" t="s">
        <v>1520</v>
      </c>
      <c r="N6782" s="5" t="s">
        <v>1521</v>
      </c>
      <c r="O6782" s="5" t="s">
        <v>38</v>
      </c>
      <c r="P6782" s="5" t="s">
        <v>39</v>
      </c>
      <c r="Q6782" s="5" t="s">
        <v>40</v>
      </c>
      <c r="R6782" s="5" t="s">
        <v>1522</v>
      </c>
      <c r="S6782" s="5" t="s">
        <v>1523</v>
      </c>
      <c r="T6782" s="5" t="s">
        <v>42</v>
      </c>
      <c r="U6782" s="2">
        <v>2.5790000000000002</v>
      </c>
      <c r="V6782" s="2">
        <v>2.028</v>
      </c>
      <c r="W6782" s="2">
        <v>1.2999999999999999E-2</v>
      </c>
      <c r="X6782" s="2">
        <v>99.1</v>
      </c>
      <c r="Y6782" s="2">
        <v>7.6</v>
      </c>
      <c r="Z6782" s="2">
        <v>16.7</v>
      </c>
      <c r="AA6782" s="5"/>
      <c r="AB6782" s="5" t="s">
        <v>43</v>
      </c>
      <c r="AC6782" s="5" t="s">
        <v>44</v>
      </c>
      <c r="AD6782" s="2"/>
      <c r="AE6782" s="1"/>
    </row>
    <row r="6783" spans="1:31" ht="14.45">
      <c r="A6783" s="11"/>
      <c r="B6783" s="20"/>
      <c r="C6783" s="2" t="s">
        <v>20821</v>
      </c>
      <c r="D6783" s="14" t="s">
        <v>20822</v>
      </c>
      <c r="E6783" s="2" t="s">
        <v>20823</v>
      </c>
      <c r="F6783" s="2" t="s">
        <v>7514</v>
      </c>
      <c r="G6783" s="8">
        <v>243</v>
      </c>
      <c r="H6783" s="5">
        <v>6</v>
      </c>
      <c r="I6783" s="5" t="s">
        <v>1518</v>
      </c>
      <c r="J6783" s="5" t="s">
        <v>1519</v>
      </c>
      <c r="K6783" s="2" t="s">
        <v>1520</v>
      </c>
      <c r="L6783" s="5" t="s">
        <v>1519</v>
      </c>
      <c r="M6783" s="2" t="s">
        <v>1520</v>
      </c>
      <c r="N6783" s="5" t="s">
        <v>1521</v>
      </c>
      <c r="O6783" s="5" t="s">
        <v>38</v>
      </c>
      <c r="P6783" s="5" t="s">
        <v>39</v>
      </c>
      <c r="Q6783" s="5" t="s">
        <v>40</v>
      </c>
      <c r="R6783" s="5" t="s">
        <v>1522</v>
      </c>
      <c r="S6783" s="5" t="s">
        <v>1523</v>
      </c>
      <c r="T6783" s="5" t="s">
        <v>42</v>
      </c>
      <c r="U6783" s="2">
        <v>2.6520000000000001</v>
      </c>
      <c r="V6783" s="2">
        <v>2.101</v>
      </c>
      <c r="W6783" s="2">
        <v>1.2999999999999999E-2</v>
      </c>
      <c r="X6783" s="2">
        <v>99.1</v>
      </c>
      <c r="Y6783" s="2">
        <v>7.6</v>
      </c>
      <c r="Z6783" s="2">
        <v>16.7</v>
      </c>
      <c r="AA6783" s="5"/>
      <c r="AB6783" s="5" t="s">
        <v>43</v>
      </c>
      <c r="AC6783" s="5" t="s">
        <v>44</v>
      </c>
      <c r="AD6783" s="2"/>
      <c r="AE6783" s="1"/>
    </row>
    <row r="6784" spans="1:31" ht="14.45">
      <c r="A6784" s="11"/>
      <c r="B6784" s="20"/>
      <c r="C6784" s="2" t="s">
        <v>20824</v>
      </c>
      <c r="D6784" s="14" t="s">
        <v>20825</v>
      </c>
      <c r="E6784" s="2" t="s">
        <v>20826</v>
      </c>
      <c r="F6784" s="2" t="s">
        <v>7208</v>
      </c>
      <c r="G6784" s="8">
        <v>243</v>
      </c>
      <c r="H6784" s="5">
        <v>6</v>
      </c>
      <c r="I6784" s="5" t="s">
        <v>1518</v>
      </c>
      <c r="J6784" s="5" t="s">
        <v>1519</v>
      </c>
      <c r="K6784" s="2" t="s">
        <v>1520</v>
      </c>
      <c r="L6784" s="5" t="s">
        <v>1519</v>
      </c>
      <c r="M6784" s="2" t="s">
        <v>1520</v>
      </c>
      <c r="N6784" s="5" t="s">
        <v>1521</v>
      </c>
      <c r="O6784" s="5" t="s">
        <v>38</v>
      </c>
      <c r="P6784" s="5" t="s">
        <v>39</v>
      </c>
      <c r="Q6784" s="5" t="s">
        <v>40</v>
      </c>
      <c r="R6784" s="5" t="s">
        <v>1522</v>
      </c>
      <c r="S6784" s="5" t="s">
        <v>1523</v>
      </c>
      <c r="T6784" s="5" t="s">
        <v>42</v>
      </c>
      <c r="U6784" s="2">
        <v>2.5790000000000002</v>
      </c>
      <c r="V6784" s="2">
        <v>2.028</v>
      </c>
      <c r="W6784" s="2">
        <v>1.2999999999999999E-2</v>
      </c>
      <c r="X6784" s="2">
        <v>99.1</v>
      </c>
      <c r="Y6784" s="2">
        <v>7.6</v>
      </c>
      <c r="Z6784" s="2">
        <v>16.7</v>
      </c>
      <c r="AA6784" s="5"/>
      <c r="AB6784" s="5" t="s">
        <v>43</v>
      </c>
      <c r="AC6784" s="5" t="s">
        <v>44</v>
      </c>
      <c r="AD6784" s="2"/>
      <c r="AE6784" s="1"/>
    </row>
    <row r="6785" spans="1:31" ht="14.45">
      <c r="A6785" s="11"/>
      <c r="B6785" s="20"/>
      <c r="C6785" s="2" t="s">
        <v>20827</v>
      </c>
      <c r="D6785" s="14" t="s">
        <v>20828</v>
      </c>
      <c r="E6785" s="2" t="s">
        <v>20829</v>
      </c>
      <c r="F6785" s="2" t="s">
        <v>7521</v>
      </c>
      <c r="G6785" s="8">
        <v>243</v>
      </c>
      <c r="H6785" s="5">
        <v>6</v>
      </c>
      <c r="I6785" s="5" t="s">
        <v>1518</v>
      </c>
      <c r="J6785" s="5" t="s">
        <v>1519</v>
      </c>
      <c r="K6785" s="2" t="s">
        <v>1520</v>
      </c>
      <c r="L6785" s="5" t="s">
        <v>1519</v>
      </c>
      <c r="M6785" s="2" t="s">
        <v>1520</v>
      </c>
      <c r="N6785" s="5" t="s">
        <v>1521</v>
      </c>
      <c r="O6785" s="5" t="s">
        <v>38</v>
      </c>
      <c r="P6785" s="5" t="s">
        <v>39</v>
      </c>
      <c r="Q6785" s="5" t="s">
        <v>40</v>
      </c>
      <c r="R6785" s="5" t="s">
        <v>1522</v>
      </c>
      <c r="S6785" s="5" t="s">
        <v>1523</v>
      </c>
      <c r="T6785" s="5" t="s">
        <v>42</v>
      </c>
      <c r="U6785" s="2">
        <v>2.6520000000000001</v>
      </c>
      <c r="V6785" s="2">
        <v>2.101</v>
      </c>
      <c r="W6785" s="2">
        <v>1.2999999999999999E-2</v>
      </c>
      <c r="X6785" s="2">
        <v>99.1</v>
      </c>
      <c r="Y6785" s="2">
        <v>7.6</v>
      </c>
      <c r="Z6785" s="2">
        <v>16.7</v>
      </c>
      <c r="AA6785" s="5"/>
      <c r="AB6785" s="5" t="s">
        <v>43</v>
      </c>
      <c r="AC6785" s="5" t="s">
        <v>44</v>
      </c>
      <c r="AD6785" s="2"/>
      <c r="AE6785" s="1"/>
    </row>
    <row r="6786" spans="1:31" ht="14.45">
      <c r="A6786" s="11"/>
      <c r="B6786" s="20"/>
      <c r="C6786" s="2" t="s">
        <v>20830</v>
      </c>
      <c r="D6786" s="14" t="s">
        <v>20831</v>
      </c>
      <c r="E6786" s="2" t="s">
        <v>20832</v>
      </c>
      <c r="F6786" s="2" t="s">
        <v>7212</v>
      </c>
      <c r="G6786" s="8">
        <v>243</v>
      </c>
      <c r="H6786" s="5">
        <v>6</v>
      </c>
      <c r="I6786" s="5" t="s">
        <v>1518</v>
      </c>
      <c r="J6786" s="5" t="s">
        <v>1519</v>
      </c>
      <c r="K6786" s="2" t="s">
        <v>1520</v>
      </c>
      <c r="L6786" s="5" t="s">
        <v>1519</v>
      </c>
      <c r="M6786" s="2" t="s">
        <v>1520</v>
      </c>
      <c r="N6786" s="5" t="s">
        <v>1521</v>
      </c>
      <c r="O6786" s="5" t="s">
        <v>38</v>
      </c>
      <c r="P6786" s="5" t="s">
        <v>39</v>
      </c>
      <c r="Q6786" s="5" t="s">
        <v>40</v>
      </c>
      <c r="R6786" s="5" t="s">
        <v>1522</v>
      </c>
      <c r="S6786" s="5" t="s">
        <v>1523</v>
      </c>
      <c r="T6786" s="5" t="s">
        <v>42</v>
      </c>
      <c r="U6786" s="2">
        <v>2.5649999999999999</v>
      </c>
      <c r="V6786" s="2">
        <v>2.0139999999999998</v>
      </c>
      <c r="W6786" s="2">
        <v>1.2999999999999999E-2</v>
      </c>
      <c r="X6786" s="2">
        <v>99.1</v>
      </c>
      <c r="Y6786" s="2">
        <v>7.6</v>
      </c>
      <c r="Z6786" s="2">
        <v>16.7</v>
      </c>
      <c r="AA6786" s="5"/>
      <c r="AB6786" s="5" t="s">
        <v>43</v>
      </c>
      <c r="AC6786" s="5" t="s">
        <v>44</v>
      </c>
      <c r="AD6786" s="2"/>
      <c r="AE6786" s="1"/>
    </row>
    <row r="6787" spans="1:31" ht="14.45">
      <c r="A6787" s="11"/>
      <c r="B6787" s="20"/>
      <c r="C6787" s="2" t="s">
        <v>20833</v>
      </c>
      <c r="D6787" s="14" t="s">
        <v>20834</v>
      </c>
      <c r="E6787" s="2" t="s">
        <v>20835</v>
      </c>
      <c r="F6787" s="2" t="s">
        <v>7528</v>
      </c>
      <c r="G6787" s="8">
        <v>243</v>
      </c>
      <c r="H6787" s="5">
        <v>6</v>
      </c>
      <c r="I6787" s="5" t="s">
        <v>1518</v>
      </c>
      <c r="J6787" s="5" t="s">
        <v>1519</v>
      </c>
      <c r="K6787" s="2" t="s">
        <v>1520</v>
      </c>
      <c r="L6787" s="5" t="s">
        <v>1519</v>
      </c>
      <c r="M6787" s="2" t="s">
        <v>1520</v>
      </c>
      <c r="N6787" s="5" t="s">
        <v>1521</v>
      </c>
      <c r="O6787" s="5" t="s">
        <v>38</v>
      </c>
      <c r="P6787" s="5" t="s">
        <v>39</v>
      </c>
      <c r="Q6787" s="5" t="s">
        <v>40</v>
      </c>
      <c r="R6787" s="5" t="s">
        <v>1522</v>
      </c>
      <c r="S6787" s="5" t="s">
        <v>1523</v>
      </c>
      <c r="T6787" s="5" t="s">
        <v>42</v>
      </c>
      <c r="U6787" s="2">
        <v>2.6379999999999999</v>
      </c>
      <c r="V6787" s="2">
        <v>2.0870000000000002</v>
      </c>
      <c r="W6787" s="2">
        <v>1.2999999999999999E-2</v>
      </c>
      <c r="X6787" s="2">
        <v>99.1</v>
      </c>
      <c r="Y6787" s="2">
        <v>7.6</v>
      </c>
      <c r="Z6787" s="2">
        <v>16.7</v>
      </c>
      <c r="AA6787" s="5"/>
      <c r="AB6787" s="5" t="s">
        <v>43</v>
      </c>
      <c r="AC6787" s="5" t="s">
        <v>44</v>
      </c>
      <c r="AD6787" s="2"/>
      <c r="AE6787" s="1"/>
    </row>
    <row r="6788" spans="1:31" ht="14.45">
      <c r="A6788" s="11"/>
      <c r="B6788" s="20"/>
      <c r="C6788" s="2" t="s">
        <v>20836</v>
      </c>
      <c r="D6788" s="14" t="s">
        <v>20837</v>
      </c>
      <c r="E6788" s="2" t="s">
        <v>20838</v>
      </c>
      <c r="F6788" s="2" t="s">
        <v>7406</v>
      </c>
      <c r="G6788" s="8">
        <v>259</v>
      </c>
      <c r="H6788" s="5">
        <v>6</v>
      </c>
      <c r="I6788" s="5" t="s">
        <v>1518</v>
      </c>
      <c r="J6788" s="5" t="s">
        <v>1519</v>
      </c>
      <c r="K6788" s="2" t="s">
        <v>1520</v>
      </c>
      <c r="L6788" s="5" t="s">
        <v>1519</v>
      </c>
      <c r="M6788" s="2" t="s">
        <v>1520</v>
      </c>
      <c r="N6788" s="5" t="s">
        <v>1521</v>
      </c>
      <c r="O6788" s="5" t="s">
        <v>38</v>
      </c>
      <c r="P6788" s="5" t="s">
        <v>39</v>
      </c>
      <c r="Q6788" s="5" t="s">
        <v>40</v>
      </c>
      <c r="R6788" s="5" t="s">
        <v>1522</v>
      </c>
      <c r="S6788" s="5" t="s">
        <v>1523</v>
      </c>
      <c r="T6788" s="5" t="s">
        <v>42</v>
      </c>
      <c r="U6788" s="2">
        <v>2.5649999999999999</v>
      </c>
      <c r="V6788" s="2">
        <v>2.0139999999999998</v>
      </c>
      <c r="W6788" s="2">
        <v>1.2999999999999999E-2</v>
      </c>
      <c r="X6788" s="2">
        <v>99.1</v>
      </c>
      <c r="Y6788" s="2">
        <v>7.6</v>
      </c>
      <c r="Z6788" s="2">
        <v>16.7</v>
      </c>
      <c r="AA6788" s="5"/>
      <c r="AB6788" s="5" t="s">
        <v>43</v>
      </c>
      <c r="AC6788" s="5" t="s">
        <v>44</v>
      </c>
      <c r="AD6788" s="2"/>
      <c r="AE6788" s="1"/>
    </row>
    <row r="6789" spans="1:31" ht="14.45">
      <c r="A6789" s="11"/>
      <c r="B6789" s="20"/>
      <c r="C6789" s="2" t="s">
        <v>20839</v>
      </c>
      <c r="D6789" s="14" t="s">
        <v>20840</v>
      </c>
      <c r="E6789" s="2" t="s">
        <v>20841</v>
      </c>
      <c r="F6789" s="2" t="s">
        <v>7535</v>
      </c>
      <c r="G6789" s="8">
        <v>259</v>
      </c>
      <c r="H6789" s="5">
        <v>6</v>
      </c>
      <c r="I6789" s="5" t="s">
        <v>1518</v>
      </c>
      <c r="J6789" s="5" t="s">
        <v>1519</v>
      </c>
      <c r="K6789" s="2" t="s">
        <v>1520</v>
      </c>
      <c r="L6789" s="5" t="s">
        <v>1519</v>
      </c>
      <c r="M6789" s="2" t="s">
        <v>1520</v>
      </c>
      <c r="N6789" s="5" t="s">
        <v>1521</v>
      </c>
      <c r="O6789" s="5" t="s">
        <v>38</v>
      </c>
      <c r="P6789" s="5" t="s">
        <v>39</v>
      </c>
      <c r="Q6789" s="5" t="s">
        <v>40</v>
      </c>
      <c r="R6789" s="5" t="s">
        <v>1522</v>
      </c>
      <c r="S6789" s="5" t="s">
        <v>1523</v>
      </c>
      <c r="T6789" s="5" t="s">
        <v>42</v>
      </c>
      <c r="U6789" s="2">
        <v>2.6379999999999999</v>
      </c>
      <c r="V6789" s="2">
        <v>2.0870000000000002</v>
      </c>
      <c r="W6789" s="2">
        <v>1.2999999999999999E-2</v>
      </c>
      <c r="X6789" s="2">
        <v>99.1</v>
      </c>
      <c r="Y6789" s="2">
        <v>7.6</v>
      </c>
      <c r="Z6789" s="2">
        <v>16.7</v>
      </c>
      <c r="AA6789" s="5"/>
      <c r="AB6789" s="5" t="s">
        <v>43</v>
      </c>
      <c r="AC6789" s="5" t="s">
        <v>44</v>
      </c>
      <c r="AD6789" s="2"/>
      <c r="AE6789" s="1"/>
    </row>
    <row r="6790" spans="1:31" ht="14.45">
      <c r="A6790" s="11"/>
      <c r="B6790" s="20"/>
      <c r="C6790" s="2" t="s">
        <v>20842</v>
      </c>
      <c r="D6790" s="14" t="s">
        <v>20843</v>
      </c>
      <c r="E6790" s="2" t="s">
        <v>20844</v>
      </c>
      <c r="F6790" s="2" t="s">
        <v>7539</v>
      </c>
      <c r="G6790" s="8">
        <v>259</v>
      </c>
      <c r="H6790" s="5">
        <v>6</v>
      </c>
      <c r="I6790" s="5" t="s">
        <v>1518</v>
      </c>
      <c r="J6790" s="5" t="s">
        <v>1519</v>
      </c>
      <c r="K6790" s="2" t="s">
        <v>1520</v>
      </c>
      <c r="L6790" s="5" t="s">
        <v>1519</v>
      </c>
      <c r="M6790" s="2" t="s">
        <v>1520</v>
      </c>
      <c r="N6790" s="5" t="s">
        <v>1521</v>
      </c>
      <c r="O6790" s="5" t="s">
        <v>38</v>
      </c>
      <c r="P6790" s="5" t="s">
        <v>39</v>
      </c>
      <c r="Q6790" s="5" t="s">
        <v>40</v>
      </c>
      <c r="R6790" s="5" t="s">
        <v>1522</v>
      </c>
      <c r="S6790" s="5" t="s">
        <v>1523</v>
      </c>
      <c r="T6790" s="5" t="s">
        <v>42</v>
      </c>
      <c r="U6790" s="2">
        <v>2.5790000000000002</v>
      </c>
      <c r="V6790" s="2">
        <v>2.028</v>
      </c>
      <c r="W6790" s="2">
        <v>1.2999999999999999E-2</v>
      </c>
      <c r="X6790" s="2">
        <v>99.1</v>
      </c>
      <c r="Y6790" s="2">
        <v>7.6</v>
      </c>
      <c r="Z6790" s="2">
        <v>16.7</v>
      </c>
      <c r="AA6790" s="5"/>
      <c r="AB6790" s="5" t="s">
        <v>43</v>
      </c>
      <c r="AC6790" s="5" t="s">
        <v>44</v>
      </c>
      <c r="AD6790" s="2"/>
      <c r="AE6790" s="1"/>
    </row>
    <row r="6791" spans="1:31" ht="14.45">
      <c r="A6791" s="11"/>
      <c r="B6791" s="20"/>
      <c r="C6791" s="2" t="s">
        <v>20845</v>
      </c>
      <c r="D6791" s="14" t="s">
        <v>20846</v>
      </c>
      <c r="E6791" s="2" t="s">
        <v>20847</v>
      </c>
      <c r="F6791" s="2" t="s">
        <v>7543</v>
      </c>
      <c r="G6791" s="8">
        <v>259</v>
      </c>
      <c r="H6791" s="5">
        <v>6</v>
      </c>
      <c r="I6791" s="5" t="s">
        <v>1518</v>
      </c>
      <c r="J6791" s="5" t="s">
        <v>1519</v>
      </c>
      <c r="K6791" s="2" t="s">
        <v>1520</v>
      </c>
      <c r="L6791" s="5" t="s">
        <v>1519</v>
      </c>
      <c r="M6791" s="2" t="s">
        <v>1520</v>
      </c>
      <c r="N6791" s="5" t="s">
        <v>1521</v>
      </c>
      <c r="O6791" s="5" t="s">
        <v>38</v>
      </c>
      <c r="P6791" s="5" t="s">
        <v>39</v>
      </c>
      <c r="Q6791" s="5" t="s">
        <v>40</v>
      </c>
      <c r="R6791" s="5" t="s">
        <v>1522</v>
      </c>
      <c r="S6791" s="5" t="s">
        <v>1523</v>
      </c>
      <c r="T6791" s="5" t="s">
        <v>42</v>
      </c>
      <c r="U6791" s="2">
        <v>2.6520000000000001</v>
      </c>
      <c r="V6791" s="2">
        <v>2.101</v>
      </c>
      <c r="W6791" s="2">
        <v>1.2999999999999999E-2</v>
      </c>
      <c r="X6791" s="2">
        <v>99.1</v>
      </c>
      <c r="Y6791" s="2">
        <v>7.6</v>
      </c>
      <c r="Z6791" s="2">
        <v>16.7</v>
      </c>
      <c r="AA6791" s="5"/>
      <c r="AB6791" s="5" t="s">
        <v>43</v>
      </c>
      <c r="AC6791" s="5" t="s">
        <v>44</v>
      </c>
      <c r="AD6791" s="2"/>
      <c r="AE6791" s="1"/>
    </row>
    <row r="6792" spans="1:31" ht="14.45">
      <c r="A6792" s="11"/>
      <c r="B6792" s="20"/>
      <c r="C6792" s="2" t="s">
        <v>20848</v>
      </c>
      <c r="D6792" s="14" t="s">
        <v>20849</v>
      </c>
      <c r="E6792" s="2" t="s">
        <v>20850</v>
      </c>
      <c r="F6792" s="2" t="s">
        <v>7547</v>
      </c>
      <c r="G6792" s="8">
        <v>259</v>
      </c>
      <c r="H6792" s="5">
        <v>6</v>
      </c>
      <c r="I6792" s="5" t="s">
        <v>1518</v>
      </c>
      <c r="J6792" s="5" t="s">
        <v>1519</v>
      </c>
      <c r="K6792" s="2" t="s">
        <v>1520</v>
      </c>
      <c r="L6792" s="5" t="s">
        <v>1519</v>
      </c>
      <c r="M6792" s="2" t="s">
        <v>1520</v>
      </c>
      <c r="N6792" s="5" t="s">
        <v>1521</v>
      </c>
      <c r="O6792" s="5" t="s">
        <v>38</v>
      </c>
      <c r="P6792" s="5" t="s">
        <v>39</v>
      </c>
      <c r="Q6792" s="5" t="s">
        <v>40</v>
      </c>
      <c r="R6792" s="5" t="s">
        <v>1522</v>
      </c>
      <c r="S6792" s="5" t="s">
        <v>1523</v>
      </c>
      <c r="T6792" s="5" t="s">
        <v>42</v>
      </c>
      <c r="U6792" s="2">
        <v>2.5649999999999999</v>
      </c>
      <c r="V6792" s="2">
        <v>2.0139999999999998</v>
      </c>
      <c r="W6792" s="2">
        <v>1.2999999999999999E-2</v>
      </c>
      <c r="X6792" s="2">
        <v>99.1</v>
      </c>
      <c r="Y6792" s="2">
        <v>7.6</v>
      </c>
      <c r="Z6792" s="2">
        <v>16.7</v>
      </c>
      <c r="AA6792" s="5"/>
      <c r="AB6792" s="5" t="s">
        <v>43</v>
      </c>
      <c r="AC6792" s="5" t="s">
        <v>44</v>
      </c>
      <c r="AD6792" s="2"/>
      <c r="AE6792" s="1"/>
    </row>
    <row r="6793" spans="1:31" ht="14.45">
      <c r="A6793" s="11"/>
      <c r="B6793" s="20"/>
      <c r="C6793" s="2" t="s">
        <v>20851</v>
      </c>
      <c r="D6793" s="14" t="s">
        <v>20852</v>
      </c>
      <c r="E6793" s="2" t="s">
        <v>20853</v>
      </c>
      <c r="F6793" s="2" t="s">
        <v>7555</v>
      </c>
      <c r="G6793" s="8">
        <v>259</v>
      </c>
      <c r="H6793" s="5">
        <v>6</v>
      </c>
      <c r="I6793" s="5" t="s">
        <v>1518</v>
      </c>
      <c r="J6793" s="5" t="s">
        <v>1519</v>
      </c>
      <c r="K6793" s="2" t="s">
        <v>1520</v>
      </c>
      <c r="L6793" s="5" t="s">
        <v>1519</v>
      </c>
      <c r="M6793" s="2" t="s">
        <v>1520</v>
      </c>
      <c r="N6793" s="5" t="s">
        <v>1521</v>
      </c>
      <c r="O6793" s="5" t="s">
        <v>38</v>
      </c>
      <c r="P6793" s="5" t="s">
        <v>39</v>
      </c>
      <c r="Q6793" s="5" t="s">
        <v>40</v>
      </c>
      <c r="R6793" s="5" t="s">
        <v>1522</v>
      </c>
      <c r="S6793" s="5" t="s">
        <v>1523</v>
      </c>
      <c r="T6793" s="5" t="s">
        <v>42</v>
      </c>
      <c r="U6793" s="2">
        <v>2.5649999999999999</v>
      </c>
      <c r="V6793" s="2">
        <v>2.0139999999999998</v>
      </c>
      <c r="W6793" s="2">
        <v>1.2999999999999999E-2</v>
      </c>
      <c r="X6793" s="2">
        <v>99.1</v>
      </c>
      <c r="Y6793" s="2">
        <v>7.6</v>
      </c>
      <c r="Z6793" s="2">
        <v>16.7</v>
      </c>
      <c r="AA6793" s="5"/>
      <c r="AB6793" s="5" t="s">
        <v>43</v>
      </c>
      <c r="AC6793" s="5" t="s">
        <v>44</v>
      </c>
      <c r="AD6793" s="2"/>
      <c r="AE6793" s="1"/>
    </row>
    <row r="6794" spans="1:31" ht="14.45">
      <c r="A6794" s="11"/>
      <c r="B6794" s="20"/>
      <c r="C6794" s="2" t="s">
        <v>20854</v>
      </c>
      <c r="D6794" s="14" t="s">
        <v>20855</v>
      </c>
      <c r="E6794" s="2" t="s">
        <v>20856</v>
      </c>
      <c r="F6794" s="2" t="s">
        <v>7559</v>
      </c>
      <c r="G6794" s="8">
        <v>259</v>
      </c>
      <c r="H6794" s="5">
        <v>6</v>
      </c>
      <c r="I6794" s="5" t="s">
        <v>1518</v>
      </c>
      <c r="J6794" s="5" t="s">
        <v>1519</v>
      </c>
      <c r="K6794" s="2" t="s">
        <v>1520</v>
      </c>
      <c r="L6794" s="5" t="s">
        <v>1519</v>
      </c>
      <c r="M6794" s="2" t="s">
        <v>1520</v>
      </c>
      <c r="N6794" s="5" t="s">
        <v>1521</v>
      </c>
      <c r="O6794" s="5" t="s">
        <v>38</v>
      </c>
      <c r="P6794" s="5" t="s">
        <v>39</v>
      </c>
      <c r="Q6794" s="5" t="s">
        <v>40</v>
      </c>
      <c r="R6794" s="5" t="s">
        <v>1522</v>
      </c>
      <c r="S6794" s="5" t="s">
        <v>1523</v>
      </c>
      <c r="T6794" s="5" t="s">
        <v>42</v>
      </c>
      <c r="U6794" s="2">
        <v>2.6379999999999999</v>
      </c>
      <c r="V6794" s="2">
        <v>2.0870000000000002</v>
      </c>
      <c r="W6794" s="2">
        <v>1.2999999999999999E-2</v>
      </c>
      <c r="X6794" s="2">
        <v>99.1</v>
      </c>
      <c r="Y6794" s="2">
        <v>7.6</v>
      </c>
      <c r="Z6794" s="2">
        <v>16.7</v>
      </c>
      <c r="AA6794" s="5"/>
      <c r="AB6794" s="5" t="s">
        <v>43</v>
      </c>
      <c r="AC6794" s="5" t="s">
        <v>44</v>
      </c>
      <c r="AD6794" s="2"/>
      <c r="AE6794" s="1"/>
    </row>
    <row r="6795" spans="1:31" ht="14.45">
      <c r="A6795" s="11"/>
      <c r="B6795" s="20"/>
      <c r="C6795" s="2" t="s">
        <v>20857</v>
      </c>
      <c r="D6795" s="14" t="s">
        <v>20858</v>
      </c>
      <c r="E6795" s="2" t="s">
        <v>20859</v>
      </c>
      <c r="F6795" s="2" t="s">
        <v>7563</v>
      </c>
      <c r="G6795" s="8">
        <v>259</v>
      </c>
      <c r="H6795" s="5">
        <v>6</v>
      </c>
      <c r="I6795" s="5" t="s">
        <v>1518</v>
      </c>
      <c r="J6795" s="5" t="s">
        <v>1519</v>
      </c>
      <c r="K6795" s="2" t="s">
        <v>1520</v>
      </c>
      <c r="L6795" s="5" t="s">
        <v>1519</v>
      </c>
      <c r="M6795" s="2" t="s">
        <v>1520</v>
      </c>
      <c r="N6795" s="5" t="s">
        <v>1521</v>
      </c>
      <c r="O6795" s="5" t="s">
        <v>38</v>
      </c>
      <c r="P6795" s="5" t="s">
        <v>39</v>
      </c>
      <c r="Q6795" s="5" t="s">
        <v>40</v>
      </c>
      <c r="R6795" s="5" t="s">
        <v>1522</v>
      </c>
      <c r="S6795" s="5" t="s">
        <v>1523</v>
      </c>
      <c r="T6795" s="5" t="s">
        <v>42</v>
      </c>
      <c r="U6795" s="2">
        <v>2.5790000000000002</v>
      </c>
      <c r="V6795" s="2">
        <v>2.028</v>
      </c>
      <c r="W6795" s="2">
        <v>1.2999999999999999E-2</v>
      </c>
      <c r="X6795" s="2">
        <v>99.1</v>
      </c>
      <c r="Y6795" s="2">
        <v>7.6</v>
      </c>
      <c r="Z6795" s="2">
        <v>16.7</v>
      </c>
      <c r="AA6795" s="5"/>
      <c r="AB6795" s="5" t="s">
        <v>43</v>
      </c>
      <c r="AC6795" s="5" t="s">
        <v>44</v>
      </c>
      <c r="AD6795" s="2"/>
      <c r="AE6795" s="1"/>
    </row>
    <row r="6796" spans="1:31" ht="14.45">
      <c r="A6796" s="11"/>
      <c r="B6796" s="20"/>
      <c r="C6796" s="2" t="s">
        <v>20860</v>
      </c>
      <c r="D6796" s="14" t="s">
        <v>20861</v>
      </c>
      <c r="E6796" s="2" t="s">
        <v>20862</v>
      </c>
      <c r="F6796" s="2" t="s">
        <v>7567</v>
      </c>
      <c r="G6796" s="8">
        <v>259</v>
      </c>
      <c r="H6796" s="5">
        <v>6</v>
      </c>
      <c r="I6796" s="5" t="s">
        <v>1518</v>
      </c>
      <c r="J6796" s="5" t="s">
        <v>1519</v>
      </c>
      <c r="K6796" s="2" t="s">
        <v>1520</v>
      </c>
      <c r="L6796" s="5" t="s">
        <v>1519</v>
      </c>
      <c r="M6796" s="2" t="s">
        <v>1520</v>
      </c>
      <c r="N6796" s="5" t="s">
        <v>1521</v>
      </c>
      <c r="O6796" s="5" t="s">
        <v>38</v>
      </c>
      <c r="P6796" s="5" t="s">
        <v>39</v>
      </c>
      <c r="Q6796" s="5" t="s">
        <v>40</v>
      </c>
      <c r="R6796" s="5" t="s">
        <v>1522</v>
      </c>
      <c r="S6796" s="5" t="s">
        <v>1523</v>
      </c>
      <c r="T6796" s="5" t="s">
        <v>42</v>
      </c>
      <c r="U6796" s="2">
        <v>2.6520000000000001</v>
      </c>
      <c r="V6796" s="2">
        <v>2.101</v>
      </c>
      <c r="W6796" s="2">
        <v>1.2999999999999999E-2</v>
      </c>
      <c r="X6796" s="2">
        <v>99.1</v>
      </c>
      <c r="Y6796" s="2">
        <v>7.6</v>
      </c>
      <c r="Z6796" s="2">
        <v>16.7</v>
      </c>
      <c r="AA6796" s="5"/>
      <c r="AB6796" s="5" t="s">
        <v>43</v>
      </c>
      <c r="AC6796" s="5" t="s">
        <v>44</v>
      </c>
      <c r="AD6796" s="2"/>
      <c r="AE6796" s="1"/>
    </row>
    <row r="6797" spans="1:31" ht="14.45">
      <c r="A6797" s="11"/>
      <c r="B6797" s="20"/>
      <c r="C6797" s="2" t="s">
        <v>20863</v>
      </c>
      <c r="D6797" s="14" t="s">
        <v>20864</v>
      </c>
      <c r="E6797" s="2" t="s">
        <v>20865</v>
      </c>
      <c r="F6797" s="2" t="s">
        <v>16079</v>
      </c>
      <c r="G6797" s="8">
        <v>259</v>
      </c>
      <c r="H6797" s="5">
        <v>6</v>
      </c>
      <c r="I6797" s="5" t="s">
        <v>1518</v>
      </c>
      <c r="J6797" s="5" t="s">
        <v>1519</v>
      </c>
      <c r="K6797" s="2" t="s">
        <v>1520</v>
      </c>
      <c r="L6797" s="5" t="s">
        <v>1519</v>
      </c>
      <c r="M6797" s="2" t="s">
        <v>1520</v>
      </c>
      <c r="N6797" s="5" t="s">
        <v>1521</v>
      </c>
      <c r="O6797" s="5" t="s">
        <v>38</v>
      </c>
      <c r="P6797" s="5" t="s">
        <v>39</v>
      </c>
      <c r="Q6797" s="5" t="s">
        <v>40</v>
      </c>
      <c r="R6797" s="5" t="s">
        <v>1522</v>
      </c>
      <c r="S6797" s="5" t="s">
        <v>1523</v>
      </c>
      <c r="T6797" s="5" t="s">
        <v>42</v>
      </c>
      <c r="U6797" s="2">
        <v>2.5790000000000002</v>
      </c>
      <c r="V6797" s="2">
        <v>2.028</v>
      </c>
      <c r="W6797" s="2">
        <v>1.2999999999999999E-2</v>
      </c>
      <c r="X6797" s="2">
        <v>99.1</v>
      </c>
      <c r="Y6797" s="2">
        <v>7.6</v>
      </c>
      <c r="Z6797" s="2">
        <v>16.7</v>
      </c>
      <c r="AA6797" s="5"/>
      <c r="AB6797" s="5" t="s">
        <v>43</v>
      </c>
      <c r="AC6797" s="5" t="s">
        <v>44</v>
      </c>
      <c r="AD6797" s="2"/>
      <c r="AE6797" s="1"/>
    </row>
    <row r="6798" spans="1:31" ht="14.45">
      <c r="A6798" s="11"/>
      <c r="B6798" s="20"/>
      <c r="C6798" s="2" t="s">
        <v>20866</v>
      </c>
      <c r="D6798" s="14" t="s">
        <v>20867</v>
      </c>
      <c r="E6798" s="2" t="s">
        <v>20868</v>
      </c>
      <c r="F6798" s="2" t="s">
        <v>16194</v>
      </c>
      <c r="G6798" s="8">
        <v>259</v>
      </c>
      <c r="H6798" s="5">
        <v>6</v>
      </c>
      <c r="I6798" s="5" t="s">
        <v>1518</v>
      </c>
      <c r="J6798" s="5" t="s">
        <v>1519</v>
      </c>
      <c r="K6798" s="2" t="s">
        <v>1520</v>
      </c>
      <c r="L6798" s="5" t="s">
        <v>1519</v>
      </c>
      <c r="M6798" s="2" t="s">
        <v>1520</v>
      </c>
      <c r="N6798" s="5" t="s">
        <v>1521</v>
      </c>
      <c r="O6798" s="5" t="s">
        <v>38</v>
      </c>
      <c r="P6798" s="5" t="s">
        <v>39</v>
      </c>
      <c r="Q6798" s="5" t="s">
        <v>40</v>
      </c>
      <c r="R6798" s="5" t="s">
        <v>1522</v>
      </c>
      <c r="S6798" s="5" t="s">
        <v>1523</v>
      </c>
      <c r="T6798" s="5" t="s">
        <v>42</v>
      </c>
      <c r="U6798" s="2">
        <v>2.6520000000000001</v>
      </c>
      <c r="V6798" s="2">
        <v>2.101</v>
      </c>
      <c r="W6798" s="2">
        <v>1.2999999999999999E-2</v>
      </c>
      <c r="X6798" s="2">
        <v>99.1</v>
      </c>
      <c r="Y6798" s="2">
        <v>7.6</v>
      </c>
      <c r="Z6798" s="2">
        <v>16.7</v>
      </c>
      <c r="AA6798" s="5"/>
      <c r="AB6798" s="5" t="s">
        <v>43</v>
      </c>
      <c r="AC6798" s="5" t="s">
        <v>44</v>
      </c>
      <c r="AD6798" s="2"/>
      <c r="AE6798" s="1"/>
    </row>
    <row r="6799" spans="1:31" ht="14.45">
      <c r="A6799" s="11"/>
      <c r="B6799" s="20"/>
      <c r="C6799" s="2" t="s">
        <v>20869</v>
      </c>
      <c r="D6799" s="14" t="s">
        <v>20870</v>
      </c>
      <c r="E6799" s="2" t="s">
        <v>20871</v>
      </c>
      <c r="F6799" s="2" t="s">
        <v>7449</v>
      </c>
      <c r="G6799" s="8">
        <v>259</v>
      </c>
      <c r="H6799" s="5">
        <v>6</v>
      </c>
      <c r="I6799" s="5" t="s">
        <v>1518</v>
      </c>
      <c r="J6799" s="5" t="s">
        <v>1519</v>
      </c>
      <c r="K6799" s="2" t="s">
        <v>1520</v>
      </c>
      <c r="L6799" s="5" t="s">
        <v>1519</v>
      </c>
      <c r="M6799" s="2" t="s">
        <v>1520</v>
      </c>
      <c r="N6799" s="5" t="s">
        <v>1521</v>
      </c>
      <c r="O6799" s="5" t="s">
        <v>38</v>
      </c>
      <c r="P6799" s="5" t="s">
        <v>39</v>
      </c>
      <c r="Q6799" s="5" t="s">
        <v>40</v>
      </c>
      <c r="R6799" s="5" t="s">
        <v>1522</v>
      </c>
      <c r="S6799" s="5" t="s">
        <v>1523</v>
      </c>
      <c r="T6799" s="5" t="s">
        <v>42</v>
      </c>
      <c r="U6799" s="2">
        <v>2.5790000000000002</v>
      </c>
      <c r="V6799" s="2">
        <v>2.028</v>
      </c>
      <c r="W6799" s="2">
        <v>1.2999999999999999E-2</v>
      </c>
      <c r="X6799" s="2">
        <v>99.1</v>
      </c>
      <c r="Y6799" s="2">
        <v>7.6</v>
      </c>
      <c r="Z6799" s="2">
        <v>16.7</v>
      </c>
      <c r="AA6799" s="5"/>
      <c r="AB6799" s="5" t="s">
        <v>43</v>
      </c>
      <c r="AC6799" s="5" t="s">
        <v>44</v>
      </c>
      <c r="AD6799" s="2"/>
      <c r="AE6799" s="1"/>
    </row>
    <row r="6800" spans="1:31" ht="14.45">
      <c r="A6800" s="11"/>
      <c r="B6800" s="20"/>
      <c r="C6800" s="2" t="s">
        <v>20872</v>
      </c>
      <c r="D6800" s="14" t="s">
        <v>20873</v>
      </c>
      <c r="E6800" s="2" t="s">
        <v>20874</v>
      </c>
      <c r="F6800" s="2" t="s">
        <v>7581</v>
      </c>
      <c r="G6800" s="8">
        <v>259</v>
      </c>
      <c r="H6800" s="5">
        <v>6</v>
      </c>
      <c r="I6800" s="5" t="s">
        <v>1518</v>
      </c>
      <c r="J6800" s="5" t="s">
        <v>1519</v>
      </c>
      <c r="K6800" s="2" t="s">
        <v>1520</v>
      </c>
      <c r="L6800" s="5" t="s">
        <v>1519</v>
      </c>
      <c r="M6800" s="2" t="s">
        <v>1520</v>
      </c>
      <c r="N6800" s="5" t="s">
        <v>1521</v>
      </c>
      <c r="O6800" s="5" t="s">
        <v>38</v>
      </c>
      <c r="P6800" s="5" t="s">
        <v>39</v>
      </c>
      <c r="Q6800" s="5" t="s">
        <v>40</v>
      </c>
      <c r="R6800" s="5" t="s">
        <v>1522</v>
      </c>
      <c r="S6800" s="5" t="s">
        <v>1523</v>
      </c>
      <c r="T6800" s="5" t="s">
        <v>42</v>
      </c>
      <c r="U6800" s="2">
        <v>2.6520000000000001</v>
      </c>
      <c r="V6800" s="2">
        <v>2.101</v>
      </c>
      <c r="W6800" s="2">
        <v>1.2999999999999999E-2</v>
      </c>
      <c r="X6800" s="2">
        <v>99.1</v>
      </c>
      <c r="Y6800" s="2">
        <v>7.6</v>
      </c>
      <c r="Z6800" s="2">
        <v>16.7</v>
      </c>
      <c r="AA6800" s="5"/>
      <c r="AB6800" s="5" t="s">
        <v>43</v>
      </c>
      <c r="AC6800" s="5" t="s">
        <v>44</v>
      </c>
      <c r="AD6800" s="2"/>
      <c r="AE6800" s="1"/>
    </row>
    <row r="6801" spans="1:31" ht="14.45">
      <c r="A6801" s="11"/>
      <c r="B6801" s="20"/>
      <c r="C6801" s="2" t="s">
        <v>20875</v>
      </c>
      <c r="D6801" s="14" t="s">
        <v>20876</v>
      </c>
      <c r="E6801" s="2" t="s">
        <v>20877</v>
      </c>
      <c r="F6801" s="2" t="s">
        <v>7585</v>
      </c>
      <c r="G6801" s="8">
        <v>259</v>
      </c>
      <c r="H6801" s="5">
        <v>6</v>
      </c>
      <c r="I6801" s="5" t="s">
        <v>1518</v>
      </c>
      <c r="J6801" s="5" t="s">
        <v>1519</v>
      </c>
      <c r="K6801" s="2" t="s">
        <v>1520</v>
      </c>
      <c r="L6801" s="5" t="s">
        <v>1519</v>
      </c>
      <c r="M6801" s="2" t="s">
        <v>1520</v>
      </c>
      <c r="N6801" s="5" t="s">
        <v>1521</v>
      </c>
      <c r="O6801" s="5" t="s">
        <v>38</v>
      </c>
      <c r="P6801" s="5" t="s">
        <v>39</v>
      </c>
      <c r="Q6801" s="5" t="s">
        <v>40</v>
      </c>
      <c r="R6801" s="5" t="s">
        <v>1522</v>
      </c>
      <c r="S6801" s="5" t="s">
        <v>1523</v>
      </c>
      <c r="T6801" s="5" t="s">
        <v>42</v>
      </c>
      <c r="U6801" s="2">
        <v>2.5649999999999999</v>
      </c>
      <c r="V6801" s="2">
        <v>2.0139999999999998</v>
      </c>
      <c r="W6801" s="2">
        <v>1.2999999999999999E-2</v>
      </c>
      <c r="X6801" s="2">
        <v>99.1</v>
      </c>
      <c r="Y6801" s="2">
        <v>7.6</v>
      </c>
      <c r="Z6801" s="2">
        <v>16.7</v>
      </c>
      <c r="AA6801" s="5"/>
      <c r="AB6801" s="5" t="s">
        <v>43</v>
      </c>
      <c r="AC6801" s="5" t="s">
        <v>44</v>
      </c>
      <c r="AD6801" s="2"/>
      <c r="AE6801" s="1"/>
    </row>
    <row r="6802" spans="1:31" ht="14.45">
      <c r="A6802" s="11"/>
      <c r="B6802" s="20"/>
      <c r="C6802" s="2" t="s">
        <v>20878</v>
      </c>
      <c r="D6802" s="14" t="s">
        <v>20879</v>
      </c>
      <c r="E6802" s="2" t="s">
        <v>20880</v>
      </c>
      <c r="F6802" s="2" t="s">
        <v>7589</v>
      </c>
      <c r="G6802" s="8">
        <v>259</v>
      </c>
      <c r="H6802" s="5">
        <v>6</v>
      </c>
      <c r="I6802" s="5" t="s">
        <v>1518</v>
      </c>
      <c r="J6802" s="5" t="s">
        <v>1519</v>
      </c>
      <c r="K6802" s="2" t="s">
        <v>1520</v>
      </c>
      <c r="L6802" s="5" t="s">
        <v>1519</v>
      </c>
      <c r="M6802" s="2" t="s">
        <v>1520</v>
      </c>
      <c r="N6802" s="5" t="s">
        <v>1521</v>
      </c>
      <c r="O6802" s="5" t="s">
        <v>38</v>
      </c>
      <c r="P6802" s="5" t="s">
        <v>39</v>
      </c>
      <c r="Q6802" s="5" t="s">
        <v>40</v>
      </c>
      <c r="R6802" s="5" t="s">
        <v>1522</v>
      </c>
      <c r="S6802" s="5" t="s">
        <v>1523</v>
      </c>
      <c r="T6802" s="5" t="s">
        <v>42</v>
      </c>
      <c r="U6802" s="2">
        <v>2.6379999999999999</v>
      </c>
      <c r="V6802" s="2">
        <v>2.0870000000000002</v>
      </c>
      <c r="W6802" s="2">
        <v>1.2999999999999999E-2</v>
      </c>
      <c r="X6802" s="2">
        <v>99.1</v>
      </c>
      <c r="Y6802" s="2">
        <v>7.6</v>
      </c>
      <c r="Z6802" s="2">
        <v>16.7</v>
      </c>
      <c r="AA6802" s="5"/>
      <c r="AB6802" s="5" t="s">
        <v>43</v>
      </c>
      <c r="AC6802" s="5" t="s">
        <v>44</v>
      </c>
      <c r="AD6802" s="2"/>
      <c r="AE6802" s="1"/>
    </row>
    <row r="6803" spans="1:31" ht="14.45">
      <c r="A6803" s="11"/>
      <c r="B6803" s="20"/>
      <c r="C6803" s="2" t="s">
        <v>20881</v>
      </c>
      <c r="D6803" s="14" t="s">
        <v>20882</v>
      </c>
      <c r="E6803" s="2" t="s">
        <v>20883</v>
      </c>
      <c r="F6803" s="2" t="s">
        <v>7593</v>
      </c>
      <c r="G6803" s="8">
        <v>259</v>
      </c>
      <c r="H6803" s="5">
        <v>6</v>
      </c>
      <c r="I6803" s="5" t="s">
        <v>1518</v>
      </c>
      <c r="J6803" s="5" t="s">
        <v>1519</v>
      </c>
      <c r="K6803" s="2" t="s">
        <v>1520</v>
      </c>
      <c r="L6803" s="5" t="s">
        <v>1519</v>
      </c>
      <c r="M6803" s="2" t="s">
        <v>1520</v>
      </c>
      <c r="N6803" s="5" t="s">
        <v>1521</v>
      </c>
      <c r="O6803" s="5" t="s">
        <v>38</v>
      </c>
      <c r="P6803" s="5" t="s">
        <v>39</v>
      </c>
      <c r="Q6803" s="5" t="s">
        <v>40</v>
      </c>
      <c r="R6803" s="5" t="s">
        <v>1522</v>
      </c>
      <c r="S6803" s="5" t="s">
        <v>1523</v>
      </c>
      <c r="T6803" s="5" t="s">
        <v>42</v>
      </c>
      <c r="U6803" s="2">
        <v>2.5790000000000002</v>
      </c>
      <c r="V6803" s="2">
        <v>2.028</v>
      </c>
      <c r="W6803" s="2">
        <v>1.2999999999999999E-2</v>
      </c>
      <c r="X6803" s="2">
        <v>99.1</v>
      </c>
      <c r="Y6803" s="2">
        <v>7.6</v>
      </c>
      <c r="Z6803" s="2">
        <v>16.7</v>
      </c>
      <c r="AA6803" s="5"/>
      <c r="AB6803" s="5" t="s">
        <v>43</v>
      </c>
      <c r="AC6803" s="5" t="s">
        <v>44</v>
      </c>
      <c r="AD6803" s="2"/>
      <c r="AE6803" s="1"/>
    </row>
    <row r="6804" spans="1:31" ht="14.45">
      <c r="A6804" s="11"/>
      <c r="B6804" s="20"/>
      <c r="C6804" s="2" t="s">
        <v>20884</v>
      </c>
      <c r="D6804" s="14" t="s">
        <v>20885</v>
      </c>
      <c r="E6804" s="2" t="s">
        <v>20886</v>
      </c>
      <c r="F6804" s="2" t="s">
        <v>16014</v>
      </c>
      <c r="G6804" s="8">
        <v>259</v>
      </c>
      <c r="H6804" s="5">
        <v>6</v>
      </c>
      <c r="I6804" s="5" t="s">
        <v>1518</v>
      </c>
      <c r="J6804" s="5" t="s">
        <v>1519</v>
      </c>
      <c r="K6804" s="2" t="s">
        <v>1520</v>
      </c>
      <c r="L6804" s="5" t="s">
        <v>1519</v>
      </c>
      <c r="M6804" s="2" t="s">
        <v>1520</v>
      </c>
      <c r="N6804" s="5" t="s">
        <v>1521</v>
      </c>
      <c r="O6804" s="5" t="s">
        <v>38</v>
      </c>
      <c r="P6804" s="5" t="s">
        <v>39</v>
      </c>
      <c r="Q6804" s="5" t="s">
        <v>40</v>
      </c>
      <c r="R6804" s="5" t="s">
        <v>1522</v>
      </c>
      <c r="S6804" s="5" t="s">
        <v>1523</v>
      </c>
      <c r="T6804" s="5" t="s">
        <v>42</v>
      </c>
      <c r="U6804" s="2">
        <v>2.5790000000000002</v>
      </c>
      <c r="V6804" s="2">
        <v>2.028</v>
      </c>
      <c r="W6804" s="2">
        <v>1.2999999999999999E-2</v>
      </c>
      <c r="X6804" s="2">
        <v>99.1</v>
      </c>
      <c r="Y6804" s="2">
        <v>7.6</v>
      </c>
      <c r="Z6804" s="2">
        <v>16.7</v>
      </c>
      <c r="AA6804" s="5"/>
      <c r="AB6804" s="5" t="s">
        <v>43</v>
      </c>
      <c r="AC6804" s="5" t="s">
        <v>44</v>
      </c>
      <c r="AD6804" s="2"/>
      <c r="AE6804" s="1"/>
    </row>
    <row r="6805" spans="1:31" ht="14.45">
      <c r="A6805" s="11"/>
      <c r="B6805" s="20"/>
      <c r="C6805" s="2" t="s">
        <v>20887</v>
      </c>
      <c r="D6805" s="14" t="s">
        <v>20888</v>
      </c>
      <c r="E6805" s="2" t="s">
        <v>20889</v>
      </c>
      <c r="F6805" s="2" t="s">
        <v>16219</v>
      </c>
      <c r="G6805" s="8">
        <v>259</v>
      </c>
      <c r="H6805" s="5">
        <v>6</v>
      </c>
      <c r="I6805" s="5" t="s">
        <v>1518</v>
      </c>
      <c r="J6805" s="5" t="s">
        <v>1519</v>
      </c>
      <c r="K6805" s="2" t="s">
        <v>1520</v>
      </c>
      <c r="L6805" s="5" t="s">
        <v>1519</v>
      </c>
      <c r="M6805" s="2" t="s">
        <v>1520</v>
      </c>
      <c r="N6805" s="5" t="s">
        <v>1521</v>
      </c>
      <c r="O6805" s="5" t="s">
        <v>38</v>
      </c>
      <c r="P6805" s="5" t="s">
        <v>39</v>
      </c>
      <c r="Q6805" s="5" t="s">
        <v>40</v>
      </c>
      <c r="R6805" s="5" t="s">
        <v>1522</v>
      </c>
      <c r="S6805" s="5" t="s">
        <v>1523</v>
      </c>
      <c r="T6805" s="5" t="s">
        <v>42</v>
      </c>
      <c r="U6805" s="2">
        <v>2.6520000000000001</v>
      </c>
      <c r="V6805" s="2">
        <v>2.101</v>
      </c>
      <c r="W6805" s="2">
        <v>1.2999999999999999E-2</v>
      </c>
      <c r="X6805" s="2">
        <v>99.1</v>
      </c>
      <c r="Y6805" s="2">
        <v>7.6</v>
      </c>
      <c r="Z6805" s="2">
        <v>16.7</v>
      </c>
      <c r="AA6805" s="5"/>
      <c r="AB6805" s="5" t="s">
        <v>43</v>
      </c>
      <c r="AC6805" s="5" t="s">
        <v>44</v>
      </c>
      <c r="AD6805" s="2"/>
      <c r="AE6805" s="1"/>
    </row>
    <row r="6806" spans="1:31" ht="14.45">
      <c r="A6806" s="11"/>
      <c r="B6806" s="20"/>
      <c r="C6806" s="2" t="s">
        <v>20890</v>
      </c>
      <c r="D6806" s="14" t="s">
        <v>20891</v>
      </c>
      <c r="E6806" s="2" t="s">
        <v>20892</v>
      </c>
      <c r="F6806" s="2" t="s">
        <v>16018</v>
      </c>
      <c r="G6806" s="8">
        <v>259</v>
      </c>
      <c r="H6806" s="5">
        <v>6</v>
      </c>
      <c r="I6806" s="5" t="s">
        <v>1518</v>
      </c>
      <c r="J6806" s="5" t="s">
        <v>1519</v>
      </c>
      <c r="K6806" s="2" t="s">
        <v>1520</v>
      </c>
      <c r="L6806" s="5" t="s">
        <v>1519</v>
      </c>
      <c r="M6806" s="2" t="s">
        <v>1520</v>
      </c>
      <c r="N6806" s="5" t="s">
        <v>1521</v>
      </c>
      <c r="O6806" s="5" t="s">
        <v>38</v>
      </c>
      <c r="P6806" s="5" t="s">
        <v>39</v>
      </c>
      <c r="Q6806" s="5" t="s">
        <v>40</v>
      </c>
      <c r="R6806" s="5" t="s">
        <v>1522</v>
      </c>
      <c r="S6806" s="5" t="s">
        <v>1523</v>
      </c>
      <c r="T6806" s="5" t="s">
        <v>42</v>
      </c>
      <c r="U6806" s="2">
        <v>2.5790000000000002</v>
      </c>
      <c r="V6806" s="2">
        <v>2.028</v>
      </c>
      <c r="W6806" s="2">
        <v>1.2999999999999999E-2</v>
      </c>
      <c r="X6806" s="2">
        <v>99.1</v>
      </c>
      <c r="Y6806" s="2">
        <v>7.6</v>
      </c>
      <c r="Z6806" s="2">
        <v>16.7</v>
      </c>
      <c r="AA6806" s="5"/>
      <c r="AB6806" s="5" t="s">
        <v>43</v>
      </c>
      <c r="AC6806" s="5" t="s">
        <v>44</v>
      </c>
      <c r="AD6806" s="2"/>
      <c r="AE6806" s="1"/>
    </row>
    <row r="6807" spans="1:31" ht="14.45">
      <c r="A6807" s="11"/>
      <c r="B6807" s="20"/>
      <c r="C6807" s="2" t="s">
        <v>20893</v>
      </c>
      <c r="D6807" s="14" t="s">
        <v>20894</v>
      </c>
      <c r="E6807" s="2" t="s">
        <v>20895</v>
      </c>
      <c r="F6807" s="2" t="s">
        <v>16022</v>
      </c>
      <c r="G6807" s="8">
        <v>259</v>
      </c>
      <c r="H6807" s="5">
        <v>6</v>
      </c>
      <c r="I6807" s="5" t="s">
        <v>1518</v>
      </c>
      <c r="J6807" s="5" t="s">
        <v>1519</v>
      </c>
      <c r="K6807" s="2" t="s">
        <v>1520</v>
      </c>
      <c r="L6807" s="5" t="s">
        <v>1519</v>
      </c>
      <c r="M6807" s="2" t="s">
        <v>1520</v>
      </c>
      <c r="N6807" s="5" t="s">
        <v>1521</v>
      </c>
      <c r="O6807" s="5" t="s">
        <v>38</v>
      </c>
      <c r="P6807" s="5" t="s">
        <v>39</v>
      </c>
      <c r="Q6807" s="5" t="s">
        <v>40</v>
      </c>
      <c r="R6807" s="5" t="s">
        <v>1522</v>
      </c>
      <c r="S6807" s="5" t="s">
        <v>1523</v>
      </c>
      <c r="T6807" s="5" t="s">
        <v>42</v>
      </c>
      <c r="U6807" s="2">
        <v>2.6520000000000001</v>
      </c>
      <c r="V6807" s="2">
        <v>2.101</v>
      </c>
      <c r="W6807" s="2">
        <v>1.2999999999999999E-2</v>
      </c>
      <c r="X6807" s="2">
        <v>99.1</v>
      </c>
      <c r="Y6807" s="2">
        <v>7.6</v>
      </c>
      <c r="Z6807" s="2">
        <v>16.7</v>
      </c>
      <c r="AA6807" s="5"/>
      <c r="AB6807" s="5" t="s">
        <v>43</v>
      </c>
      <c r="AC6807" s="5" t="s">
        <v>44</v>
      </c>
      <c r="AD6807" s="2"/>
      <c r="AE6807" s="1"/>
    </row>
    <row r="6808" spans="1:31" ht="14.45">
      <c r="A6808" s="11"/>
      <c r="B6808" s="20"/>
      <c r="C6808" s="2" t="s">
        <v>20896</v>
      </c>
      <c r="D6808" s="14" t="s">
        <v>20897</v>
      </c>
      <c r="E6808" s="2" t="s">
        <v>20898</v>
      </c>
      <c r="F6808" s="2" t="s">
        <v>7615</v>
      </c>
      <c r="G6808" s="8">
        <v>259</v>
      </c>
      <c r="H6808" s="5">
        <v>6</v>
      </c>
      <c r="I6808" s="5" t="s">
        <v>1518</v>
      </c>
      <c r="J6808" s="5" t="s">
        <v>1519</v>
      </c>
      <c r="K6808" s="2" t="s">
        <v>1520</v>
      </c>
      <c r="L6808" s="5" t="s">
        <v>1519</v>
      </c>
      <c r="M6808" s="2" t="s">
        <v>1520</v>
      </c>
      <c r="N6808" s="5" t="s">
        <v>1521</v>
      </c>
      <c r="O6808" s="5" t="s">
        <v>38</v>
      </c>
      <c r="P6808" s="5" t="s">
        <v>39</v>
      </c>
      <c r="Q6808" s="5" t="s">
        <v>40</v>
      </c>
      <c r="R6808" s="5" t="s">
        <v>1522</v>
      </c>
      <c r="S6808" s="5" t="s">
        <v>1523</v>
      </c>
      <c r="T6808" s="5" t="s">
        <v>42</v>
      </c>
      <c r="U6808" s="2">
        <v>2.5649999999999999</v>
      </c>
      <c r="V6808" s="2">
        <v>2.0139999999999998</v>
      </c>
      <c r="W6808" s="2">
        <v>1.2999999999999999E-2</v>
      </c>
      <c r="X6808" s="2">
        <v>99.1</v>
      </c>
      <c r="Y6808" s="2">
        <v>7.6</v>
      </c>
      <c r="Z6808" s="2">
        <v>16.7</v>
      </c>
      <c r="AA6808" s="5"/>
      <c r="AB6808" s="5" t="s">
        <v>43</v>
      </c>
      <c r="AC6808" s="5" t="s">
        <v>44</v>
      </c>
      <c r="AD6808" s="2"/>
      <c r="AE6808" s="1"/>
    </row>
    <row r="6809" spans="1:31" ht="14.45">
      <c r="A6809" s="11"/>
      <c r="B6809" s="20"/>
      <c r="C6809" s="2" t="s">
        <v>20899</v>
      </c>
      <c r="D6809" s="14" t="s">
        <v>20900</v>
      </c>
      <c r="E6809" s="2" t="s">
        <v>20901</v>
      </c>
      <c r="F6809" s="2" t="s">
        <v>7619</v>
      </c>
      <c r="G6809" s="8">
        <v>259</v>
      </c>
      <c r="H6809" s="5">
        <v>6</v>
      </c>
      <c r="I6809" s="5" t="s">
        <v>1518</v>
      </c>
      <c r="J6809" s="5" t="s">
        <v>1519</v>
      </c>
      <c r="K6809" s="2" t="s">
        <v>1520</v>
      </c>
      <c r="L6809" s="5" t="s">
        <v>1519</v>
      </c>
      <c r="M6809" s="2" t="s">
        <v>1520</v>
      </c>
      <c r="N6809" s="5" t="s">
        <v>1521</v>
      </c>
      <c r="O6809" s="5" t="s">
        <v>38</v>
      </c>
      <c r="P6809" s="5" t="s">
        <v>39</v>
      </c>
      <c r="Q6809" s="5" t="s">
        <v>40</v>
      </c>
      <c r="R6809" s="5" t="s">
        <v>1522</v>
      </c>
      <c r="S6809" s="5" t="s">
        <v>1523</v>
      </c>
      <c r="T6809" s="5" t="s">
        <v>42</v>
      </c>
      <c r="U6809" s="2">
        <v>2.6379999999999999</v>
      </c>
      <c r="V6809" s="2">
        <v>2.0870000000000002</v>
      </c>
      <c r="W6809" s="2">
        <v>1.2999999999999999E-2</v>
      </c>
      <c r="X6809" s="2">
        <v>99.1</v>
      </c>
      <c r="Y6809" s="2">
        <v>7.6</v>
      </c>
      <c r="Z6809" s="2">
        <v>16.7</v>
      </c>
      <c r="AA6809" s="5"/>
      <c r="AB6809" s="5" t="s">
        <v>43</v>
      </c>
      <c r="AC6809" s="5" t="s">
        <v>44</v>
      </c>
      <c r="AD6809" s="2"/>
      <c r="AE6809" s="1"/>
    </row>
    <row r="6810" spans="1:31" ht="14.45">
      <c r="A6810" s="11"/>
      <c r="B6810" s="20"/>
      <c r="C6810" s="2" t="s">
        <v>20902</v>
      </c>
      <c r="D6810" s="14" t="s">
        <v>20903</v>
      </c>
      <c r="E6810" s="2" t="s">
        <v>20904</v>
      </c>
      <c r="F6810" s="2" t="s">
        <v>16029</v>
      </c>
      <c r="G6810" s="8">
        <v>259</v>
      </c>
      <c r="H6810" s="5">
        <v>11</v>
      </c>
      <c r="I6810" s="5" t="s">
        <v>1518</v>
      </c>
      <c r="J6810" s="5" t="s">
        <v>1519</v>
      </c>
      <c r="K6810" s="2" t="s">
        <v>1520</v>
      </c>
      <c r="L6810" s="5" t="s">
        <v>1519</v>
      </c>
      <c r="M6810" s="2" t="s">
        <v>1520</v>
      </c>
      <c r="N6810" s="5" t="s">
        <v>1521</v>
      </c>
      <c r="O6810" s="5" t="s">
        <v>38</v>
      </c>
      <c r="P6810" s="5" t="s">
        <v>39</v>
      </c>
      <c r="Q6810" s="5" t="s">
        <v>40</v>
      </c>
      <c r="R6810" s="5" t="s">
        <v>1522</v>
      </c>
      <c r="S6810" s="5" t="s">
        <v>1523</v>
      </c>
      <c r="T6810" s="5" t="s">
        <v>42</v>
      </c>
      <c r="U6810" s="2">
        <v>2.5569999999999999</v>
      </c>
      <c r="V6810" s="2">
        <v>2.0059999999999998</v>
      </c>
      <c r="W6810" s="2">
        <v>1.2999999999999999E-2</v>
      </c>
      <c r="X6810" s="2">
        <v>99.1</v>
      </c>
      <c r="Y6810" s="2">
        <v>7.6</v>
      </c>
      <c r="Z6810" s="2">
        <v>16.7</v>
      </c>
      <c r="AA6810" s="5"/>
      <c r="AB6810" s="5" t="s">
        <v>43</v>
      </c>
      <c r="AC6810" s="5" t="s">
        <v>44</v>
      </c>
      <c r="AD6810" s="2"/>
      <c r="AE6810" s="1"/>
    </row>
    <row r="6811" spans="1:31" ht="14.45">
      <c r="A6811" s="11"/>
      <c r="B6811" s="20"/>
      <c r="C6811" s="2" t="s">
        <v>20905</v>
      </c>
      <c r="D6811" s="14" t="s">
        <v>20906</v>
      </c>
      <c r="E6811" s="2" t="s">
        <v>20907</v>
      </c>
      <c r="F6811" s="2" t="s">
        <v>16033</v>
      </c>
      <c r="G6811" s="8">
        <v>259</v>
      </c>
      <c r="H6811" s="5">
        <v>11</v>
      </c>
      <c r="I6811" s="5" t="s">
        <v>1518</v>
      </c>
      <c r="J6811" s="5" t="s">
        <v>1519</v>
      </c>
      <c r="K6811" s="2" t="s">
        <v>1520</v>
      </c>
      <c r="L6811" s="5" t="s">
        <v>1519</v>
      </c>
      <c r="M6811" s="2" t="s">
        <v>1520</v>
      </c>
      <c r="N6811" s="5" t="s">
        <v>1521</v>
      </c>
      <c r="O6811" s="5" t="s">
        <v>38</v>
      </c>
      <c r="P6811" s="5" t="s">
        <v>39</v>
      </c>
      <c r="Q6811" s="5" t="s">
        <v>40</v>
      </c>
      <c r="R6811" s="5" t="s">
        <v>1522</v>
      </c>
      <c r="S6811" s="5" t="s">
        <v>1523</v>
      </c>
      <c r="T6811" s="5" t="s">
        <v>42</v>
      </c>
      <c r="U6811" s="2">
        <v>2.63</v>
      </c>
      <c r="V6811" s="2">
        <v>2.0790000000000002</v>
      </c>
      <c r="W6811" s="2">
        <v>1.2999999999999999E-2</v>
      </c>
      <c r="X6811" s="2">
        <v>99.1</v>
      </c>
      <c r="Y6811" s="2">
        <v>7.6</v>
      </c>
      <c r="Z6811" s="2">
        <v>16.7</v>
      </c>
      <c r="AA6811" s="5"/>
      <c r="AB6811" s="5" t="s">
        <v>43</v>
      </c>
      <c r="AC6811" s="5" t="s">
        <v>44</v>
      </c>
      <c r="AD6811" s="2"/>
      <c r="AE6811" s="1"/>
    </row>
    <row r="6812" spans="1:31" ht="14.45">
      <c r="A6812" s="11"/>
      <c r="B6812" s="20"/>
      <c r="C6812" s="2" t="s">
        <v>20908</v>
      </c>
      <c r="D6812" s="14" t="s">
        <v>20909</v>
      </c>
      <c r="E6812" s="2" t="s">
        <v>20910</v>
      </c>
      <c r="F6812" s="2" t="s">
        <v>7396</v>
      </c>
      <c r="G6812" s="8">
        <v>246</v>
      </c>
      <c r="H6812" s="5">
        <v>6</v>
      </c>
      <c r="I6812" s="5" t="s">
        <v>1518</v>
      </c>
      <c r="J6812" s="5" t="s">
        <v>1519</v>
      </c>
      <c r="K6812" s="2" t="s">
        <v>1520</v>
      </c>
      <c r="L6812" s="5" t="s">
        <v>1519</v>
      </c>
      <c r="M6812" s="2" t="s">
        <v>1520</v>
      </c>
      <c r="N6812" s="5" t="s">
        <v>1521</v>
      </c>
      <c r="O6812" s="5" t="s">
        <v>38</v>
      </c>
      <c r="P6812" s="5" t="s">
        <v>39</v>
      </c>
      <c r="Q6812" s="5" t="s">
        <v>40</v>
      </c>
      <c r="R6812" s="5" t="s">
        <v>1522</v>
      </c>
      <c r="S6812" s="5" t="s">
        <v>1523</v>
      </c>
      <c r="T6812" s="5" t="s">
        <v>42</v>
      </c>
      <c r="U6812" s="2">
        <v>2.7370000000000001</v>
      </c>
      <c r="V6812" s="2">
        <v>2.1859999999999999</v>
      </c>
      <c r="W6812" s="2">
        <v>1.4999999999999999E-2</v>
      </c>
      <c r="X6812" s="2">
        <v>118.9</v>
      </c>
      <c r="Y6812" s="2">
        <v>7.6</v>
      </c>
      <c r="Z6812" s="2">
        <v>16.7</v>
      </c>
      <c r="AA6812" s="5"/>
      <c r="AB6812" s="5" t="s">
        <v>43</v>
      </c>
      <c r="AC6812" s="5" t="s">
        <v>44</v>
      </c>
      <c r="AD6812" s="2"/>
      <c r="AE6812" s="1"/>
    </row>
    <row r="6813" spans="1:31" ht="14.45">
      <c r="A6813" s="11"/>
      <c r="B6813" s="20"/>
      <c r="C6813" s="2" t="s">
        <v>20911</v>
      </c>
      <c r="D6813" s="14" t="s">
        <v>20912</v>
      </c>
      <c r="E6813" s="2" t="s">
        <v>20913</v>
      </c>
      <c r="F6813" s="2" t="s">
        <v>7507</v>
      </c>
      <c r="G6813" s="8">
        <v>246</v>
      </c>
      <c r="H6813" s="5">
        <v>6</v>
      </c>
      <c r="I6813" s="5" t="s">
        <v>1518</v>
      </c>
      <c r="J6813" s="5" t="s">
        <v>1519</v>
      </c>
      <c r="K6813" s="2" t="s">
        <v>1520</v>
      </c>
      <c r="L6813" s="5" t="s">
        <v>1519</v>
      </c>
      <c r="M6813" s="2" t="s">
        <v>1520</v>
      </c>
      <c r="N6813" s="5" t="s">
        <v>1521</v>
      </c>
      <c r="O6813" s="5" t="s">
        <v>38</v>
      </c>
      <c r="P6813" s="5" t="s">
        <v>39</v>
      </c>
      <c r="Q6813" s="5" t="s">
        <v>40</v>
      </c>
      <c r="R6813" s="5" t="s">
        <v>1522</v>
      </c>
      <c r="S6813" s="5" t="s">
        <v>1523</v>
      </c>
      <c r="T6813" s="5" t="s">
        <v>42</v>
      </c>
      <c r="U6813" s="2">
        <v>2.8239999999999998</v>
      </c>
      <c r="V6813" s="2">
        <v>2.2730000000000001</v>
      </c>
      <c r="W6813" s="2">
        <v>1.4999999999999999E-2</v>
      </c>
      <c r="X6813" s="2">
        <v>118.9</v>
      </c>
      <c r="Y6813" s="2">
        <v>7.6</v>
      </c>
      <c r="Z6813" s="2">
        <v>16.7</v>
      </c>
      <c r="AA6813" s="5"/>
      <c r="AB6813" s="5" t="s">
        <v>43</v>
      </c>
      <c r="AC6813" s="5" t="s">
        <v>44</v>
      </c>
      <c r="AD6813" s="2"/>
      <c r="AE6813" s="1"/>
    </row>
    <row r="6814" spans="1:31" ht="14.45">
      <c r="A6814" s="11"/>
      <c r="B6814" s="20"/>
      <c r="C6814" s="2" t="s">
        <v>20914</v>
      </c>
      <c r="D6814" s="14" t="s">
        <v>20915</v>
      </c>
      <c r="E6814" s="2" t="s">
        <v>20916</v>
      </c>
      <c r="F6814" s="2" t="s">
        <v>7204</v>
      </c>
      <c r="G6814" s="8">
        <v>246</v>
      </c>
      <c r="H6814" s="5">
        <v>6</v>
      </c>
      <c r="I6814" s="5" t="s">
        <v>1518</v>
      </c>
      <c r="J6814" s="5" t="s">
        <v>1519</v>
      </c>
      <c r="K6814" s="2" t="s">
        <v>1520</v>
      </c>
      <c r="L6814" s="5" t="s">
        <v>1519</v>
      </c>
      <c r="M6814" s="2" t="s">
        <v>1520</v>
      </c>
      <c r="N6814" s="5" t="s">
        <v>1521</v>
      </c>
      <c r="O6814" s="5" t="s">
        <v>38</v>
      </c>
      <c r="P6814" s="5" t="s">
        <v>39</v>
      </c>
      <c r="Q6814" s="5" t="s">
        <v>40</v>
      </c>
      <c r="R6814" s="5" t="s">
        <v>1522</v>
      </c>
      <c r="S6814" s="5" t="s">
        <v>1523</v>
      </c>
      <c r="T6814" s="5" t="s">
        <v>42</v>
      </c>
      <c r="U6814" s="2">
        <v>2.7429999999999999</v>
      </c>
      <c r="V6814" s="2">
        <v>2.1920000000000002</v>
      </c>
      <c r="W6814" s="2">
        <v>1.4999999999999999E-2</v>
      </c>
      <c r="X6814" s="2">
        <v>118.9</v>
      </c>
      <c r="Y6814" s="2">
        <v>7.6</v>
      </c>
      <c r="Z6814" s="2">
        <v>16.7</v>
      </c>
      <c r="AA6814" s="5"/>
      <c r="AB6814" s="5" t="s">
        <v>43</v>
      </c>
      <c r="AC6814" s="5" t="s">
        <v>44</v>
      </c>
      <c r="AD6814" s="2"/>
      <c r="AE6814" s="1"/>
    </row>
    <row r="6815" spans="1:31" ht="14.45">
      <c r="A6815" s="11"/>
      <c r="B6815" s="20"/>
      <c r="C6815" s="2" t="s">
        <v>20917</v>
      </c>
      <c r="D6815" s="14" t="s">
        <v>20918</v>
      </c>
      <c r="E6815" s="2" t="s">
        <v>20919</v>
      </c>
      <c r="F6815" s="2" t="s">
        <v>7514</v>
      </c>
      <c r="G6815" s="8">
        <v>246</v>
      </c>
      <c r="H6815" s="5">
        <v>6</v>
      </c>
      <c r="I6815" s="5" t="s">
        <v>1518</v>
      </c>
      <c r="J6815" s="5" t="s">
        <v>1519</v>
      </c>
      <c r="K6815" s="2" t="s">
        <v>1520</v>
      </c>
      <c r="L6815" s="5" t="s">
        <v>1519</v>
      </c>
      <c r="M6815" s="2" t="s">
        <v>1520</v>
      </c>
      <c r="N6815" s="5" t="s">
        <v>1521</v>
      </c>
      <c r="O6815" s="5" t="s">
        <v>38</v>
      </c>
      <c r="P6815" s="5" t="s">
        <v>39</v>
      </c>
      <c r="Q6815" s="5" t="s">
        <v>40</v>
      </c>
      <c r="R6815" s="5" t="s">
        <v>1522</v>
      </c>
      <c r="S6815" s="5" t="s">
        <v>1523</v>
      </c>
      <c r="T6815" s="5" t="s">
        <v>42</v>
      </c>
      <c r="U6815" s="2">
        <v>2.83</v>
      </c>
      <c r="V6815" s="2">
        <v>2.2789999999999999</v>
      </c>
      <c r="W6815" s="2">
        <v>1.4999999999999999E-2</v>
      </c>
      <c r="X6815" s="2">
        <v>118.9</v>
      </c>
      <c r="Y6815" s="2">
        <v>7.6</v>
      </c>
      <c r="Z6815" s="2">
        <v>16.7</v>
      </c>
      <c r="AA6815" s="5"/>
      <c r="AB6815" s="5" t="s">
        <v>43</v>
      </c>
      <c r="AC6815" s="5" t="s">
        <v>44</v>
      </c>
      <c r="AD6815" s="2"/>
      <c r="AE6815" s="1"/>
    </row>
    <row r="6816" spans="1:31" ht="14.45">
      <c r="A6816" s="11"/>
      <c r="B6816" s="20"/>
      <c r="C6816" s="2" t="s">
        <v>20920</v>
      </c>
      <c r="D6816" s="14" t="s">
        <v>20921</v>
      </c>
      <c r="E6816" s="2" t="s">
        <v>20922</v>
      </c>
      <c r="F6816" s="2" t="s">
        <v>7208</v>
      </c>
      <c r="G6816" s="8">
        <v>246</v>
      </c>
      <c r="H6816" s="5">
        <v>6</v>
      </c>
      <c r="I6816" s="5" t="s">
        <v>1518</v>
      </c>
      <c r="J6816" s="5" t="s">
        <v>1519</v>
      </c>
      <c r="K6816" s="2" t="s">
        <v>1520</v>
      </c>
      <c r="L6816" s="5" t="s">
        <v>1519</v>
      </c>
      <c r="M6816" s="2" t="s">
        <v>1520</v>
      </c>
      <c r="N6816" s="5" t="s">
        <v>1521</v>
      </c>
      <c r="O6816" s="5" t="s">
        <v>38</v>
      </c>
      <c r="P6816" s="5" t="s">
        <v>39</v>
      </c>
      <c r="Q6816" s="5" t="s">
        <v>40</v>
      </c>
      <c r="R6816" s="5" t="s">
        <v>1522</v>
      </c>
      <c r="S6816" s="5" t="s">
        <v>1523</v>
      </c>
      <c r="T6816" s="5" t="s">
        <v>42</v>
      </c>
      <c r="U6816" s="2">
        <v>2.7429999999999999</v>
      </c>
      <c r="V6816" s="2">
        <v>2.1920000000000002</v>
      </c>
      <c r="W6816" s="2">
        <v>1.4999999999999999E-2</v>
      </c>
      <c r="X6816" s="2">
        <v>118.9</v>
      </c>
      <c r="Y6816" s="2">
        <v>7.6</v>
      </c>
      <c r="Z6816" s="2">
        <v>16.7</v>
      </c>
      <c r="AA6816" s="5"/>
      <c r="AB6816" s="5" t="s">
        <v>43</v>
      </c>
      <c r="AC6816" s="5" t="s">
        <v>44</v>
      </c>
      <c r="AD6816" s="2"/>
      <c r="AE6816" s="1"/>
    </row>
    <row r="6817" spans="1:31" ht="14.45">
      <c r="A6817" s="11"/>
      <c r="B6817" s="20"/>
      <c r="C6817" s="2" t="s">
        <v>20923</v>
      </c>
      <c r="D6817" s="14" t="s">
        <v>20924</v>
      </c>
      <c r="E6817" s="2" t="s">
        <v>20925</v>
      </c>
      <c r="F6817" s="2" t="s">
        <v>7521</v>
      </c>
      <c r="G6817" s="8">
        <v>246</v>
      </c>
      <c r="H6817" s="5">
        <v>6</v>
      </c>
      <c r="I6817" s="5" t="s">
        <v>1518</v>
      </c>
      <c r="J6817" s="5" t="s">
        <v>1519</v>
      </c>
      <c r="K6817" s="2" t="s">
        <v>1520</v>
      </c>
      <c r="L6817" s="5" t="s">
        <v>1519</v>
      </c>
      <c r="M6817" s="2" t="s">
        <v>1520</v>
      </c>
      <c r="N6817" s="5" t="s">
        <v>1521</v>
      </c>
      <c r="O6817" s="5" t="s">
        <v>38</v>
      </c>
      <c r="P6817" s="5" t="s">
        <v>39</v>
      </c>
      <c r="Q6817" s="5" t="s">
        <v>40</v>
      </c>
      <c r="R6817" s="5" t="s">
        <v>1522</v>
      </c>
      <c r="S6817" s="5" t="s">
        <v>1523</v>
      </c>
      <c r="T6817" s="5" t="s">
        <v>42</v>
      </c>
      <c r="U6817" s="2">
        <v>2.83</v>
      </c>
      <c r="V6817" s="2">
        <v>2.2789999999999999</v>
      </c>
      <c r="W6817" s="2">
        <v>1.4999999999999999E-2</v>
      </c>
      <c r="X6817" s="2">
        <v>118.9</v>
      </c>
      <c r="Y6817" s="2">
        <v>7.6</v>
      </c>
      <c r="Z6817" s="2">
        <v>16.7</v>
      </c>
      <c r="AA6817" s="5"/>
      <c r="AB6817" s="5" t="s">
        <v>43</v>
      </c>
      <c r="AC6817" s="5" t="s">
        <v>44</v>
      </c>
      <c r="AD6817" s="2"/>
      <c r="AE6817" s="1"/>
    </row>
    <row r="6818" spans="1:31" ht="14.45">
      <c r="A6818" s="11"/>
      <c r="B6818" s="20"/>
      <c r="C6818" s="2" t="s">
        <v>20926</v>
      </c>
      <c r="D6818" s="14" t="s">
        <v>20927</v>
      </c>
      <c r="E6818" s="2" t="s">
        <v>20928</v>
      </c>
      <c r="F6818" s="2" t="s">
        <v>7212</v>
      </c>
      <c r="G6818" s="8">
        <v>246</v>
      </c>
      <c r="H6818" s="5">
        <v>6</v>
      </c>
      <c r="I6818" s="5" t="s">
        <v>1518</v>
      </c>
      <c r="J6818" s="5" t="s">
        <v>1519</v>
      </c>
      <c r="K6818" s="2" t="s">
        <v>1520</v>
      </c>
      <c r="L6818" s="5" t="s">
        <v>1519</v>
      </c>
      <c r="M6818" s="2" t="s">
        <v>1520</v>
      </c>
      <c r="N6818" s="5" t="s">
        <v>1521</v>
      </c>
      <c r="O6818" s="5" t="s">
        <v>38</v>
      </c>
      <c r="P6818" s="5" t="s">
        <v>39</v>
      </c>
      <c r="Q6818" s="5" t="s">
        <v>40</v>
      </c>
      <c r="R6818" s="5" t="s">
        <v>1522</v>
      </c>
      <c r="S6818" s="5" t="s">
        <v>1523</v>
      </c>
      <c r="T6818" s="5" t="s">
        <v>42</v>
      </c>
      <c r="U6818" s="2">
        <v>2.726</v>
      </c>
      <c r="V6818" s="2">
        <v>2.1749999999999998</v>
      </c>
      <c r="W6818" s="2">
        <v>1.4999999999999999E-2</v>
      </c>
      <c r="X6818" s="2">
        <v>118.9</v>
      </c>
      <c r="Y6818" s="2">
        <v>7.6</v>
      </c>
      <c r="Z6818" s="2">
        <v>16.7</v>
      </c>
      <c r="AA6818" s="5"/>
      <c r="AB6818" s="5" t="s">
        <v>43</v>
      </c>
      <c r="AC6818" s="5" t="s">
        <v>44</v>
      </c>
      <c r="AD6818" s="2"/>
      <c r="AE6818" s="1"/>
    </row>
    <row r="6819" spans="1:31" ht="14.45">
      <c r="A6819" s="11"/>
      <c r="B6819" s="20"/>
      <c r="C6819" s="2" t="s">
        <v>20929</v>
      </c>
      <c r="D6819" s="14" t="s">
        <v>20930</v>
      </c>
      <c r="E6819" s="2" t="s">
        <v>20931</v>
      </c>
      <c r="F6819" s="2" t="s">
        <v>7528</v>
      </c>
      <c r="G6819" s="8">
        <v>246</v>
      </c>
      <c r="H6819" s="5">
        <v>6</v>
      </c>
      <c r="I6819" s="5" t="s">
        <v>1518</v>
      </c>
      <c r="J6819" s="5" t="s">
        <v>1519</v>
      </c>
      <c r="K6819" s="2" t="s">
        <v>1520</v>
      </c>
      <c r="L6819" s="5" t="s">
        <v>1519</v>
      </c>
      <c r="M6819" s="2" t="s">
        <v>1520</v>
      </c>
      <c r="N6819" s="5" t="s">
        <v>1521</v>
      </c>
      <c r="O6819" s="5" t="s">
        <v>38</v>
      </c>
      <c r="P6819" s="5" t="s">
        <v>39</v>
      </c>
      <c r="Q6819" s="5" t="s">
        <v>40</v>
      </c>
      <c r="R6819" s="5" t="s">
        <v>1522</v>
      </c>
      <c r="S6819" s="5" t="s">
        <v>1523</v>
      </c>
      <c r="T6819" s="5" t="s">
        <v>42</v>
      </c>
      <c r="U6819" s="2">
        <v>2.8130000000000002</v>
      </c>
      <c r="V6819" s="2">
        <v>2.262</v>
      </c>
      <c r="W6819" s="2">
        <v>1.4999999999999999E-2</v>
      </c>
      <c r="X6819" s="2">
        <v>118.9</v>
      </c>
      <c r="Y6819" s="2">
        <v>7.6</v>
      </c>
      <c r="Z6819" s="2">
        <v>16.7</v>
      </c>
      <c r="AA6819" s="5"/>
      <c r="AB6819" s="5" t="s">
        <v>43</v>
      </c>
      <c r="AC6819" s="5" t="s">
        <v>44</v>
      </c>
      <c r="AD6819" s="2"/>
      <c r="AE6819" s="1"/>
    </row>
    <row r="6820" spans="1:31" ht="14.45">
      <c r="A6820" s="11"/>
      <c r="B6820" s="20"/>
      <c r="C6820" s="2" t="s">
        <v>20932</v>
      </c>
      <c r="D6820" s="14" t="s">
        <v>20933</v>
      </c>
      <c r="E6820" s="2" t="s">
        <v>20934</v>
      </c>
      <c r="F6820" s="2" t="s">
        <v>7535</v>
      </c>
      <c r="G6820" s="8">
        <v>263</v>
      </c>
      <c r="H6820" s="5">
        <v>6</v>
      </c>
      <c r="I6820" s="5" t="s">
        <v>1518</v>
      </c>
      <c r="J6820" s="5" t="s">
        <v>1519</v>
      </c>
      <c r="K6820" s="2" t="s">
        <v>1520</v>
      </c>
      <c r="L6820" s="5" t="s">
        <v>1519</v>
      </c>
      <c r="M6820" s="2" t="s">
        <v>1520</v>
      </c>
      <c r="N6820" s="5" t="s">
        <v>1521</v>
      </c>
      <c r="O6820" s="5" t="s">
        <v>38</v>
      </c>
      <c r="P6820" s="5" t="s">
        <v>39</v>
      </c>
      <c r="Q6820" s="5" t="s">
        <v>40</v>
      </c>
      <c r="R6820" s="5" t="s">
        <v>1522</v>
      </c>
      <c r="S6820" s="5" t="s">
        <v>1523</v>
      </c>
      <c r="T6820" s="5" t="s">
        <v>42</v>
      </c>
      <c r="U6820" s="2">
        <v>2.8130000000000002</v>
      </c>
      <c r="V6820" s="2">
        <v>2.262</v>
      </c>
      <c r="W6820" s="2">
        <v>1.4999999999999999E-2</v>
      </c>
      <c r="X6820" s="2">
        <v>118.9</v>
      </c>
      <c r="Y6820" s="2">
        <v>7.6</v>
      </c>
      <c r="Z6820" s="2">
        <v>16.7</v>
      </c>
      <c r="AA6820" s="5"/>
      <c r="AB6820" s="5" t="s">
        <v>43</v>
      </c>
      <c r="AC6820" s="5" t="s">
        <v>44</v>
      </c>
      <c r="AD6820" s="2"/>
      <c r="AE6820" s="1"/>
    </row>
    <row r="6821" spans="1:31" ht="14.45">
      <c r="A6821" s="11"/>
      <c r="B6821" s="20"/>
      <c r="C6821" s="2" t="s">
        <v>20935</v>
      </c>
      <c r="D6821" s="14" t="s">
        <v>20936</v>
      </c>
      <c r="E6821" s="2" t="s">
        <v>20937</v>
      </c>
      <c r="F6821" s="2" t="s">
        <v>7539</v>
      </c>
      <c r="G6821" s="8">
        <v>263</v>
      </c>
      <c r="H6821" s="5">
        <v>6</v>
      </c>
      <c r="I6821" s="5" t="s">
        <v>1518</v>
      </c>
      <c r="J6821" s="5" t="s">
        <v>1519</v>
      </c>
      <c r="K6821" s="2" t="s">
        <v>1520</v>
      </c>
      <c r="L6821" s="5" t="s">
        <v>1519</v>
      </c>
      <c r="M6821" s="2" t="s">
        <v>1520</v>
      </c>
      <c r="N6821" s="5" t="s">
        <v>1521</v>
      </c>
      <c r="O6821" s="5" t="s">
        <v>38</v>
      </c>
      <c r="P6821" s="5" t="s">
        <v>39</v>
      </c>
      <c r="Q6821" s="5" t="s">
        <v>40</v>
      </c>
      <c r="R6821" s="5" t="s">
        <v>1522</v>
      </c>
      <c r="S6821" s="5" t="s">
        <v>1523</v>
      </c>
      <c r="T6821" s="5" t="s">
        <v>42</v>
      </c>
      <c r="U6821" s="2">
        <v>2.7429999999999999</v>
      </c>
      <c r="V6821" s="2">
        <v>2.1920000000000002</v>
      </c>
      <c r="W6821" s="2">
        <v>1.4999999999999999E-2</v>
      </c>
      <c r="X6821" s="2">
        <v>118.9</v>
      </c>
      <c r="Y6821" s="2">
        <v>7.6</v>
      </c>
      <c r="Z6821" s="2">
        <v>16.7</v>
      </c>
      <c r="AA6821" s="5"/>
      <c r="AB6821" s="5" t="s">
        <v>43</v>
      </c>
      <c r="AC6821" s="5" t="s">
        <v>44</v>
      </c>
      <c r="AD6821" s="2"/>
      <c r="AE6821" s="1"/>
    </row>
    <row r="6822" spans="1:31" ht="14.45">
      <c r="A6822" s="11"/>
      <c r="B6822" s="20"/>
      <c r="C6822" s="2" t="s">
        <v>20938</v>
      </c>
      <c r="D6822" s="14" t="s">
        <v>20939</v>
      </c>
      <c r="E6822" s="2" t="s">
        <v>20940</v>
      </c>
      <c r="F6822" s="2" t="s">
        <v>7543</v>
      </c>
      <c r="G6822" s="8">
        <v>263</v>
      </c>
      <c r="H6822" s="5">
        <v>6</v>
      </c>
      <c r="I6822" s="5" t="s">
        <v>1518</v>
      </c>
      <c r="J6822" s="5" t="s">
        <v>1519</v>
      </c>
      <c r="K6822" s="2" t="s">
        <v>1520</v>
      </c>
      <c r="L6822" s="5" t="s">
        <v>1519</v>
      </c>
      <c r="M6822" s="2" t="s">
        <v>1520</v>
      </c>
      <c r="N6822" s="5" t="s">
        <v>1521</v>
      </c>
      <c r="O6822" s="5" t="s">
        <v>38</v>
      </c>
      <c r="P6822" s="5" t="s">
        <v>39</v>
      </c>
      <c r="Q6822" s="5" t="s">
        <v>40</v>
      </c>
      <c r="R6822" s="5" t="s">
        <v>1522</v>
      </c>
      <c r="S6822" s="5" t="s">
        <v>1523</v>
      </c>
      <c r="T6822" s="5" t="s">
        <v>42</v>
      </c>
      <c r="U6822" s="2">
        <v>2.83</v>
      </c>
      <c r="V6822" s="2">
        <v>2.2789999999999999</v>
      </c>
      <c r="W6822" s="2">
        <v>1.4999999999999999E-2</v>
      </c>
      <c r="X6822" s="2">
        <v>118.9</v>
      </c>
      <c r="Y6822" s="2">
        <v>7.6</v>
      </c>
      <c r="Z6822" s="2">
        <v>16.7</v>
      </c>
      <c r="AA6822" s="5"/>
      <c r="AB6822" s="5" t="s">
        <v>43</v>
      </c>
      <c r="AC6822" s="5" t="s">
        <v>44</v>
      </c>
      <c r="AD6822" s="2"/>
      <c r="AE6822" s="1"/>
    </row>
    <row r="6823" spans="1:31" ht="14.45">
      <c r="A6823" s="11"/>
      <c r="B6823" s="20"/>
      <c r="C6823" s="2" t="s">
        <v>20941</v>
      </c>
      <c r="D6823" s="14" t="s">
        <v>20942</v>
      </c>
      <c r="E6823" s="2" t="s">
        <v>20943</v>
      </c>
      <c r="F6823" s="2" t="s">
        <v>7581</v>
      </c>
      <c r="G6823" s="8">
        <v>263</v>
      </c>
      <c r="H6823" s="5">
        <v>6</v>
      </c>
      <c r="I6823" s="5" t="s">
        <v>1518</v>
      </c>
      <c r="J6823" s="5" t="s">
        <v>1519</v>
      </c>
      <c r="K6823" s="2" t="s">
        <v>1520</v>
      </c>
      <c r="L6823" s="5" t="s">
        <v>1519</v>
      </c>
      <c r="M6823" s="2" t="s">
        <v>1520</v>
      </c>
      <c r="N6823" s="5" t="s">
        <v>1521</v>
      </c>
      <c r="O6823" s="5" t="s">
        <v>38</v>
      </c>
      <c r="P6823" s="5" t="s">
        <v>39</v>
      </c>
      <c r="Q6823" s="5" t="s">
        <v>40</v>
      </c>
      <c r="R6823" s="5" t="s">
        <v>1522</v>
      </c>
      <c r="S6823" s="5" t="s">
        <v>1523</v>
      </c>
      <c r="T6823" s="5" t="s">
        <v>42</v>
      </c>
      <c r="U6823" s="2">
        <v>2.83</v>
      </c>
      <c r="V6823" s="2">
        <v>2.2789999999999999</v>
      </c>
      <c r="W6823" s="2">
        <v>1.4999999999999999E-2</v>
      </c>
      <c r="X6823" s="2">
        <v>118.9</v>
      </c>
      <c r="Y6823" s="2">
        <v>7.6</v>
      </c>
      <c r="Z6823" s="2">
        <v>16.7</v>
      </c>
      <c r="AA6823" s="5"/>
      <c r="AB6823" s="5" t="s">
        <v>43</v>
      </c>
      <c r="AC6823" s="5" t="s">
        <v>44</v>
      </c>
      <c r="AD6823" s="2"/>
      <c r="AE6823" s="1"/>
    </row>
    <row r="6824" spans="1:31" ht="14.45">
      <c r="A6824" s="11"/>
      <c r="B6824" s="20"/>
      <c r="C6824" s="2" t="s">
        <v>20944</v>
      </c>
      <c r="D6824" s="14" t="s">
        <v>20945</v>
      </c>
      <c r="E6824" s="2" t="s">
        <v>20946</v>
      </c>
      <c r="F6824" s="2" t="s">
        <v>7585</v>
      </c>
      <c r="G6824" s="8">
        <v>263</v>
      </c>
      <c r="H6824" s="5">
        <v>6</v>
      </c>
      <c r="I6824" s="5" t="s">
        <v>1518</v>
      </c>
      <c r="J6824" s="5" t="s">
        <v>1519</v>
      </c>
      <c r="K6824" s="2" t="s">
        <v>1520</v>
      </c>
      <c r="L6824" s="5" t="s">
        <v>1519</v>
      </c>
      <c r="M6824" s="2" t="s">
        <v>1520</v>
      </c>
      <c r="N6824" s="5" t="s">
        <v>1521</v>
      </c>
      <c r="O6824" s="5" t="s">
        <v>38</v>
      </c>
      <c r="P6824" s="5" t="s">
        <v>39</v>
      </c>
      <c r="Q6824" s="5" t="s">
        <v>40</v>
      </c>
      <c r="R6824" s="5" t="s">
        <v>1522</v>
      </c>
      <c r="S6824" s="5" t="s">
        <v>1523</v>
      </c>
      <c r="T6824" s="5" t="s">
        <v>42</v>
      </c>
      <c r="U6824" s="2">
        <v>2.726</v>
      </c>
      <c r="V6824" s="2">
        <v>2.1749999999999998</v>
      </c>
      <c r="W6824" s="2">
        <v>1.4999999999999999E-2</v>
      </c>
      <c r="X6824" s="2">
        <v>118.9</v>
      </c>
      <c r="Y6824" s="2">
        <v>7.6</v>
      </c>
      <c r="Z6824" s="2">
        <v>16.7</v>
      </c>
      <c r="AA6824" s="5"/>
      <c r="AB6824" s="5" t="s">
        <v>43</v>
      </c>
      <c r="AC6824" s="5" t="s">
        <v>44</v>
      </c>
      <c r="AD6824" s="2"/>
      <c r="AE6824" s="1"/>
    </row>
    <row r="6825" spans="1:31" ht="14.45">
      <c r="A6825" s="11"/>
      <c r="B6825" s="20"/>
      <c r="C6825" s="2" t="s">
        <v>20947</v>
      </c>
      <c r="D6825" s="14" t="s">
        <v>20948</v>
      </c>
      <c r="E6825" s="2" t="s">
        <v>20949</v>
      </c>
      <c r="F6825" s="2" t="s">
        <v>16014</v>
      </c>
      <c r="G6825" s="8">
        <v>263</v>
      </c>
      <c r="H6825" s="5">
        <v>6</v>
      </c>
      <c r="I6825" s="5" t="s">
        <v>1518</v>
      </c>
      <c r="J6825" s="5" t="s">
        <v>1519</v>
      </c>
      <c r="K6825" s="2" t="s">
        <v>1520</v>
      </c>
      <c r="L6825" s="5" t="s">
        <v>1519</v>
      </c>
      <c r="M6825" s="2" t="s">
        <v>1520</v>
      </c>
      <c r="N6825" s="5" t="s">
        <v>1521</v>
      </c>
      <c r="O6825" s="5" t="s">
        <v>38</v>
      </c>
      <c r="P6825" s="5" t="s">
        <v>39</v>
      </c>
      <c r="Q6825" s="5" t="s">
        <v>40</v>
      </c>
      <c r="R6825" s="5" t="s">
        <v>1522</v>
      </c>
      <c r="S6825" s="5" t="s">
        <v>1523</v>
      </c>
      <c r="T6825" s="5" t="s">
        <v>42</v>
      </c>
      <c r="U6825" s="2">
        <v>2.7429999999999999</v>
      </c>
      <c r="V6825" s="2">
        <v>2.1920000000000002</v>
      </c>
      <c r="W6825" s="2">
        <v>1.4999999999999999E-2</v>
      </c>
      <c r="X6825" s="2">
        <v>118.9</v>
      </c>
      <c r="Y6825" s="2">
        <v>7.6</v>
      </c>
      <c r="Z6825" s="2">
        <v>16.7</v>
      </c>
      <c r="AA6825" s="5"/>
      <c r="AB6825" s="5" t="s">
        <v>43</v>
      </c>
      <c r="AC6825" s="5" t="s">
        <v>44</v>
      </c>
      <c r="AD6825" s="2"/>
      <c r="AE6825" s="1"/>
    </row>
    <row r="6826" spans="1:31" ht="14.45">
      <c r="A6826" s="11"/>
      <c r="B6826" s="20"/>
      <c r="C6826" s="2" t="s">
        <v>20950</v>
      </c>
      <c r="D6826" s="14" t="s">
        <v>20951</v>
      </c>
      <c r="E6826" s="2" t="s">
        <v>20952</v>
      </c>
      <c r="F6826" s="2" t="s">
        <v>16022</v>
      </c>
      <c r="G6826" s="8">
        <v>263</v>
      </c>
      <c r="H6826" s="5">
        <v>6</v>
      </c>
      <c r="I6826" s="5" t="s">
        <v>1518</v>
      </c>
      <c r="J6826" s="5" t="s">
        <v>1519</v>
      </c>
      <c r="K6826" s="2" t="s">
        <v>1520</v>
      </c>
      <c r="L6826" s="5" t="s">
        <v>1519</v>
      </c>
      <c r="M6826" s="2" t="s">
        <v>1520</v>
      </c>
      <c r="N6826" s="5" t="s">
        <v>1521</v>
      </c>
      <c r="O6826" s="5" t="s">
        <v>38</v>
      </c>
      <c r="P6826" s="5" t="s">
        <v>39</v>
      </c>
      <c r="Q6826" s="5" t="s">
        <v>40</v>
      </c>
      <c r="R6826" s="5" t="s">
        <v>1522</v>
      </c>
      <c r="S6826" s="5" t="s">
        <v>1523</v>
      </c>
      <c r="T6826" s="5" t="s">
        <v>42</v>
      </c>
      <c r="U6826" s="2">
        <v>2.83</v>
      </c>
      <c r="V6826" s="2">
        <v>2.2789999999999999</v>
      </c>
      <c r="W6826" s="2">
        <v>1.4999999999999999E-2</v>
      </c>
      <c r="X6826" s="2">
        <v>118.9</v>
      </c>
      <c r="Y6826" s="2">
        <v>7.6</v>
      </c>
      <c r="Z6826" s="2">
        <v>16.7</v>
      </c>
      <c r="AA6826" s="5"/>
      <c r="AB6826" s="5" t="s">
        <v>43</v>
      </c>
      <c r="AC6826" s="5" t="s">
        <v>44</v>
      </c>
      <c r="AD6826" s="2"/>
      <c r="AE6826" s="1"/>
    </row>
    <row r="6827" spans="1:31" ht="14.45">
      <c r="A6827" s="11"/>
      <c r="B6827" s="20"/>
      <c r="C6827" s="2" t="s">
        <v>20953</v>
      </c>
      <c r="D6827" s="14" t="s">
        <v>20954</v>
      </c>
      <c r="E6827" s="2" t="s">
        <v>20955</v>
      </c>
      <c r="F6827" s="2" t="s">
        <v>7615</v>
      </c>
      <c r="G6827" s="8">
        <v>263</v>
      </c>
      <c r="H6827" s="5">
        <v>6</v>
      </c>
      <c r="I6827" s="5" t="s">
        <v>1518</v>
      </c>
      <c r="J6827" s="5" t="s">
        <v>1519</v>
      </c>
      <c r="K6827" s="2" t="s">
        <v>1520</v>
      </c>
      <c r="L6827" s="5" t="s">
        <v>1519</v>
      </c>
      <c r="M6827" s="2" t="s">
        <v>1520</v>
      </c>
      <c r="N6827" s="5" t="s">
        <v>1521</v>
      </c>
      <c r="O6827" s="5" t="s">
        <v>38</v>
      </c>
      <c r="P6827" s="5" t="s">
        <v>39</v>
      </c>
      <c r="Q6827" s="5" t="s">
        <v>40</v>
      </c>
      <c r="R6827" s="5" t="s">
        <v>1522</v>
      </c>
      <c r="S6827" s="5" t="s">
        <v>1523</v>
      </c>
      <c r="T6827" s="5" t="s">
        <v>42</v>
      </c>
      <c r="U6827" s="2">
        <v>2.726</v>
      </c>
      <c r="V6827" s="2">
        <v>2.1749999999999998</v>
      </c>
      <c r="W6827" s="2">
        <v>1.4999999999999999E-2</v>
      </c>
      <c r="X6827" s="2">
        <v>118.9</v>
      </c>
      <c r="Y6827" s="2">
        <v>7.6</v>
      </c>
      <c r="Z6827" s="2">
        <v>16.7</v>
      </c>
      <c r="AA6827" s="5"/>
      <c r="AB6827" s="5" t="s">
        <v>43</v>
      </c>
      <c r="AC6827" s="5" t="s">
        <v>44</v>
      </c>
      <c r="AD6827" s="2"/>
      <c r="AE6827" s="1"/>
    </row>
    <row r="6828" spans="1:31" ht="14.45">
      <c r="A6828" s="11"/>
      <c r="B6828" s="20"/>
      <c r="C6828" s="2" t="s">
        <v>20956</v>
      </c>
      <c r="D6828" s="14" t="s">
        <v>20957</v>
      </c>
      <c r="E6828" s="2" t="s">
        <v>20958</v>
      </c>
      <c r="F6828" s="2" t="s">
        <v>7619</v>
      </c>
      <c r="G6828" s="8">
        <v>263</v>
      </c>
      <c r="H6828" s="5">
        <v>6</v>
      </c>
      <c r="I6828" s="5" t="s">
        <v>1518</v>
      </c>
      <c r="J6828" s="5" t="s">
        <v>1519</v>
      </c>
      <c r="K6828" s="2" t="s">
        <v>1520</v>
      </c>
      <c r="L6828" s="5" t="s">
        <v>1519</v>
      </c>
      <c r="M6828" s="2" t="s">
        <v>1520</v>
      </c>
      <c r="N6828" s="5" t="s">
        <v>1521</v>
      </c>
      <c r="O6828" s="5" t="s">
        <v>38</v>
      </c>
      <c r="P6828" s="5" t="s">
        <v>39</v>
      </c>
      <c r="Q6828" s="5" t="s">
        <v>40</v>
      </c>
      <c r="R6828" s="5" t="s">
        <v>1522</v>
      </c>
      <c r="S6828" s="5" t="s">
        <v>1523</v>
      </c>
      <c r="T6828" s="5" t="s">
        <v>42</v>
      </c>
      <c r="U6828" s="2">
        <v>2.8130000000000002</v>
      </c>
      <c r="V6828" s="2">
        <v>2.262</v>
      </c>
      <c r="W6828" s="2">
        <v>1.4999999999999999E-2</v>
      </c>
      <c r="X6828" s="2">
        <v>118.9</v>
      </c>
      <c r="Y6828" s="2">
        <v>7.6</v>
      </c>
      <c r="Z6828" s="2">
        <v>16.7</v>
      </c>
      <c r="AA6828" s="5"/>
      <c r="AB6828" s="5" t="s">
        <v>43</v>
      </c>
      <c r="AC6828" s="5" t="s">
        <v>44</v>
      </c>
      <c r="AD6828" s="2"/>
      <c r="AE6828" s="1"/>
    </row>
    <row r="6829" spans="1:31" ht="14.45">
      <c r="A6829" s="11"/>
      <c r="B6829" s="20"/>
      <c r="C6829" s="2" t="s">
        <v>20959</v>
      </c>
      <c r="D6829" s="14" t="s">
        <v>20960</v>
      </c>
      <c r="E6829" s="2" t="s">
        <v>20961</v>
      </c>
      <c r="F6829" s="2" t="s">
        <v>16029</v>
      </c>
      <c r="G6829" s="8">
        <v>263</v>
      </c>
      <c r="H6829" s="5">
        <v>11</v>
      </c>
      <c r="I6829" s="5" t="s">
        <v>1518</v>
      </c>
      <c r="J6829" s="5" t="s">
        <v>1519</v>
      </c>
      <c r="K6829" s="2" t="s">
        <v>1520</v>
      </c>
      <c r="L6829" s="5" t="s">
        <v>1519</v>
      </c>
      <c r="M6829" s="2" t="s">
        <v>1520</v>
      </c>
      <c r="N6829" s="5" t="s">
        <v>1521</v>
      </c>
      <c r="O6829" s="5" t="s">
        <v>38</v>
      </c>
      <c r="P6829" s="5" t="s">
        <v>39</v>
      </c>
      <c r="Q6829" s="5" t="s">
        <v>40</v>
      </c>
      <c r="R6829" s="5" t="s">
        <v>1522</v>
      </c>
      <c r="S6829" s="5" t="s">
        <v>1523</v>
      </c>
      <c r="T6829" s="5" t="s">
        <v>42</v>
      </c>
      <c r="U6829" s="2">
        <v>2.7210000000000001</v>
      </c>
      <c r="V6829" s="2">
        <v>2.17</v>
      </c>
      <c r="W6829" s="2">
        <v>1.4999999999999999E-2</v>
      </c>
      <c r="X6829" s="2">
        <v>118.9</v>
      </c>
      <c r="Y6829" s="2">
        <v>7.6</v>
      </c>
      <c r="Z6829" s="2">
        <v>16.7</v>
      </c>
      <c r="AA6829" s="5"/>
      <c r="AB6829" s="5" t="s">
        <v>43</v>
      </c>
      <c r="AC6829" s="5" t="s">
        <v>44</v>
      </c>
      <c r="AD6829" s="2"/>
      <c r="AE6829" s="1"/>
    </row>
    <row r="6830" spans="1:31" ht="14.45">
      <c r="A6830" s="11"/>
      <c r="B6830" s="20"/>
      <c r="C6830" s="2" t="s">
        <v>20962</v>
      </c>
      <c r="D6830" s="14" t="s">
        <v>20963</v>
      </c>
      <c r="E6830" s="2" t="s">
        <v>20964</v>
      </c>
      <c r="F6830" s="2" t="s">
        <v>16033</v>
      </c>
      <c r="G6830" s="8">
        <v>263</v>
      </c>
      <c r="H6830" s="5">
        <v>11</v>
      </c>
      <c r="I6830" s="5" t="s">
        <v>1518</v>
      </c>
      <c r="J6830" s="5" t="s">
        <v>1519</v>
      </c>
      <c r="K6830" s="2" t="s">
        <v>1520</v>
      </c>
      <c r="L6830" s="5" t="s">
        <v>1519</v>
      </c>
      <c r="M6830" s="2" t="s">
        <v>1520</v>
      </c>
      <c r="N6830" s="5" t="s">
        <v>1521</v>
      </c>
      <c r="O6830" s="5" t="s">
        <v>38</v>
      </c>
      <c r="P6830" s="5" t="s">
        <v>39</v>
      </c>
      <c r="Q6830" s="5" t="s">
        <v>40</v>
      </c>
      <c r="R6830" s="5" t="s">
        <v>1522</v>
      </c>
      <c r="S6830" s="5" t="s">
        <v>1523</v>
      </c>
      <c r="T6830" s="5" t="s">
        <v>42</v>
      </c>
      <c r="U6830" s="2">
        <v>2.8079999999999998</v>
      </c>
      <c r="V6830" s="2">
        <v>2.2570000000000001</v>
      </c>
      <c r="W6830" s="2">
        <v>1.4999999999999999E-2</v>
      </c>
      <c r="X6830" s="2">
        <v>118.9</v>
      </c>
      <c r="Y6830" s="2">
        <v>7.6</v>
      </c>
      <c r="Z6830" s="2">
        <v>16.7</v>
      </c>
      <c r="AA6830" s="5"/>
      <c r="AB6830" s="5" t="s">
        <v>43</v>
      </c>
      <c r="AC6830" s="5" t="s">
        <v>44</v>
      </c>
      <c r="AD6830" s="2"/>
      <c r="AE6830" s="1"/>
    </row>
    <row r="6831" spans="1:31" ht="14.45">
      <c r="A6831" s="11"/>
      <c r="B6831" s="20"/>
      <c r="C6831" s="2" t="s">
        <v>20965</v>
      </c>
      <c r="D6831" s="14" t="s">
        <v>20966</v>
      </c>
      <c r="E6831" s="2" t="s">
        <v>20967</v>
      </c>
      <c r="F6831" s="2" t="s">
        <v>7396</v>
      </c>
      <c r="G6831" s="8">
        <v>232</v>
      </c>
      <c r="H6831" s="5">
        <v>6</v>
      </c>
      <c r="I6831" s="5" t="s">
        <v>1518</v>
      </c>
      <c r="J6831" s="5" t="s">
        <v>1519</v>
      </c>
      <c r="K6831" s="2" t="s">
        <v>1520</v>
      </c>
      <c r="L6831" s="5" t="s">
        <v>1519</v>
      </c>
      <c r="M6831" s="2" t="s">
        <v>1520</v>
      </c>
      <c r="N6831" s="5" t="s">
        <v>1521</v>
      </c>
      <c r="O6831" s="5" t="s">
        <v>38</v>
      </c>
      <c r="P6831" s="5" t="s">
        <v>39</v>
      </c>
      <c r="Q6831" s="5" t="s">
        <v>40</v>
      </c>
      <c r="R6831" s="5" t="s">
        <v>1522</v>
      </c>
      <c r="S6831" s="5" t="s">
        <v>1523</v>
      </c>
      <c r="T6831" s="5" t="s">
        <v>42</v>
      </c>
      <c r="U6831" s="2">
        <v>2.3690000000000002</v>
      </c>
      <c r="V6831" s="2">
        <v>1.899</v>
      </c>
      <c r="W6831" s="2">
        <v>1.0999999999999999E-2</v>
      </c>
      <c r="X6831" s="2">
        <v>82.9</v>
      </c>
      <c r="Y6831" s="2">
        <v>7.6</v>
      </c>
      <c r="Z6831" s="2">
        <v>16.7</v>
      </c>
      <c r="AA6831" s="5"/>
      <c r="AB6831" s="5" t="s">
        <v>43</v>
      </c>
      <c r="AC6831" s="5" t="s">
        <v>44</v>
      </c>
      <c r="AD6831" s="2"/>
      <c r="AE6831" s="1"/>
    </row>
    <row r="6832" spans="1:31" ht="14.45">
      <c r="A6832" s="11"/>
      <c r="B6832" s="20"/>
      <c r="C6832" s="2" t="s">
        <v>20968</v>
      </c>
      <c r="D6832" s="14" t="s">
        <v>20969</v>
      </c>
      <c r="E6832" s="2" t="s">
        <v>20970</v>
      </c>
      <c r="F6832" s="2" t="s">
        <v>7507</v>
      </c>
      <c r="G6832" s="8">
        <v>232</v>
      </c>
      <c r="H6832" s="5">
        <v>6</v>
      </c>
      <c r="I6832" s="5" t="s">
        <v>1518</v>
      </c>
      <c r="J6832" s="5" t="s">
        <v>1519</v>
      </c>
      <c r="K6832" s="2" t="s">
        <v>1520</v>
      </c>
      <c r="L6832" s="5" t="s">
        <v>1519</v>
      </c>
      <c r="M6832" s="2" t="s">
        <v>1520</v>
      </c>
      <c r="N6832" s="5" t="s">
        <v>1521</v>
      </c>
      <c r="O6832" s="5" t="s">
        <v>38</v>
      </c>
      <c r="P6832" s="5" t="s">
        <v>39</v>
      </c>
      <c r="Q6832" s="5" t="s">
        <v>40</v>
      </c>
      <c r="R6832" s="5" t="s">
        <v>1522</v>
      </c>
      <c r="S6832" s="5" t="s">
        <v>1523</v>
      </c>
      <c r="T6832" s="5" t="s">
        <v>42</v>
      </c>
      <c r="U6832" s="2">
        <v>2.4350000000000001</v>
      </c>
      <c r="V6832" s="2">
        <v>1.9650000000000001</v>
      </c>
      <c r="W6832" s="2">
        <v>1.0999999999999999E-2</v>
      </c>
      <c r="X6832" s="2">
        <v>82.9</v>
      </c>
      <c r="Y6832" s="2">
        <v>7.6</v>
      </c>
      <c r="Z6832" s="2">
        <v>16.7</v>
      </c>
      <c r="AA6832" s="5"/>
      <c r="AB6832" s="5" t="s">
        <v>43</v>
      </c>
      <c r="AC6832" s="5" t="s">
        <v>44</v>
      </c>
      <c r="AD6832" s="2"/>
      <c r="AE6832" s="1"/>
    </row>
    <row r="6833" spans="1:31" ht="14.45">
      <c r="A6833" s="11"/>
      <c r="B6833" s="20"/>
      <c r="C6833" s="2" t="s">
        <v>20971</v>
      </c>
      <c r="D6833" s="14" t="s">
        <v>20972</v>
      </c>
      <c r="E6833" s="2" t="s">
        <v>20973</v>
      </c>
      <c r="F6833" s="2" t="s">
        <v>7204</v>
      </c>
      <c r="G6833" s="8">
        <v>232</v>
      </c>
      <c r="H6833" s="5">
        <v>6</v>
      </c>
      <c r="I6833" s="5" t="s">
        <v>1518</v>
      </c>
      <c r="J6833" s="5" t="s">
        <v>1519</v>
      </c>
      <c r="K6833" s="2" t="s">
        <v>1520</v>
      </c>
      <c r="L6833" s="5" t="s">
        <v>1519</v>
      </c>
      <c r="M6833" s="2" t="s">
        <v>1520</v>
      </c>
      <c r="N6833" s="5" t="s">
        <v>1521</v>
      </c>
      <c r="O6833" s="5" t="s">
        <v>38</v>
      </c>
      <c r="P6833" s="5" t="s">
        <v>39</v>
      </c>
      <c r="Q6833" s="5" t="s">
        <v>40</v>
      </c>
      <c r="R6833" s="5" t="s">
        <v>1522</v>
      </c>
      <c r="S6833" s="5" t="s">
        <v>1523</v>
      </c>
      <c r="T6833" s="5" t="s">
        <v>42</v>
      </c>
      <c r="U6833" s="2">
        <v>2.3730000000000002</v>
      </c>
      <c r="V6833" s="2">
        <v>1.903</v>
      </c>
      <c r="W6833" s="2">
        <v>1.0999999999999999E-2</v>
      </c>
      <c r="X6833" s="2">
        <v>82.9</v>
      </c>
      <c r="Y6833" s="2">
        <v>7.6</v>
      </c>
      <c r="Z6833" s="2">
        <v>16.7</v>
      </c>
      <c r="AA6833" s="5"/>
      <c r="AB6833" s="5" t="s">
        <v>43</v>
      </c>
      <c r="AC6833" s="5" t="s">
        <v>44</v>
      </c>
      <c r="AD6833" s="2"/>
      <c r="AE6833" s="1"/>
    </row>
    <row r="6834" spans="1:31" ht="14.45">
      <c r="A6834" s="11"/>
      <c r="B6834" s="20"/>
      <c r="C6834" s="2" t="s">
        <v>20974</v>
      </c>
      <c r="D6834" s="14" t="s">
        <v>20975</v>
      </c>
      <c r="E6834" s="2" t="s">
        <v>20976</v>
      </c>
      <c r="F6834" s="2" t="s">
        <v>7514</v>
      </c>
      <c r="G6834" s="8">
        <v>232</v>
      </c>
      <c r="H6834" s="5">
        <v>6</v>
      </c>
      <c r="I6834" s="5" t="s">
        <v>1518</v>
      </c>
      <c r="J6834" s="5" t="s">
        <v>1519</v>
      </c>
      <c r="K6834" s="2" t="s">
        <v>1520</v>
      </c>
      <c r="L6834" s="5" t="s">
        <v>1519</v>
      </c>
      <c r="M6834" s="2" t="s">
        <v>1520</v>
      </c>
      <c r="N6834" s="5" t="s">
        <v>1521</v>
      </c>
      <c r="O6834" s="5" t="s">
        <v>38</v>
      </c>
      <c r="P6834" s="5" t="s">
        <v>39</v>
      </c>
      <c r="Q6834" s="5" t="s">
        <v>40</v>
      </c>
      <c r="R6834" s="5" t="s">
        <v>1522</v>
      </c>
      <c r="S6834" s="5" t="s">
        <v>1523</v>
      </c>
      <c r="T6834" s="5" t="s">
        <v>42</v>
      </c>
      <c r="U6834" s="2">
        <v>2.4390000000000001</v>
      </c>
      <c r="V6834" s="2">
        <v>1.9690000000000001</v>
      </c>
      <c r="W6834" s="2">
        <v>1.0999999999999999E-2</v>
      </c>
      <c r="X6834" s="2">
        <v>82.9</v>
      </c>
      <c r="Y6834" s="2">
        <v>7.6</v>
      </c>
      <c r="Z6834" s="2">
        <v>16.7</v>
      </c>
      <c r="AA6834" s="5"/>
      <c r="AB6834" s="5" t="s">
        <v>43</v>
      </c>
      <c r="AC6834" s="5" t="s">
        <v>44</v>
      </c>
      <c r="AD6834" s="2"/>
      <c r="AE6834" s="1"/>
    </row>
    <row r="6835" spans="1:31" ht="14.45">
      <c r="A6835" s="11"/>
      <c r="B6835" s="20"/>
      <c r="C6835" s="2" t="s">
        <v>20977</v>
      </c>
      <c r="D6835" s="14" t="s">
        <v>20978</v>
      </c>
      <c r="E6835" s="2" t="s">
        <v>20979</v>
      </c>
      <c r="F6835" s="2" t="s">
        <v>7208</v>
      </c>
      <c r="G6835" s="8">
        <v>232</v>
      </c>
      <c r="H6835" s="5">
        <v>6</v>
      </c>
      <c r="I6835" s="5" t="s">
        <v>1518</v>
      </c>
      <c r="J6835" s="5" t="s">
        <v>1519</v>
      </c>
      <c r="K6835" s="2" t="s">
        <v>1520</v>
      </c>
      <c r="L6835" s="5" t="s">
        <v>1519</v>
      </c>
      <c r="M6835" s="2" t="s">
        <v>1520</v>
      </c>
      <c r="N6835" s="5" t="s">
        <v>1521</v>
      </c>
      <c r="O6835" s="5" t="s">
        <v>38</v>
      </c>
      <c r="P6835" s="5" t="s">
        <v>39</v>
      </c>
      <c r="Q6835" s="5" t="s">
        <v>40</v>
      </c>
      <c r="R6835" s="5" t="s">
        <v>1522</v>
      </c>
      <c r="S6835" s="5" t="s">
        <v>1523</v>
      </c>
      <c r="T6835" s="5" t="s">
        <v>42</v>
      </c>
      <c r="U6835" s="2">
        <v>2.3730000000000002</v>
      </c>
      <c r="V6835" s="2">
        <v>1.903</v>
      </c>
      <c r="W6835" s="2">
        <v>1.0999999999999999E-2</v>
      </c>
      <c r="X6835" s="2">
        <v>82.9</v>
      </c>
      <c r="Y6835" s="2">
        <v>7.6</v>
      </c>
      <c r="Z6835" s="2">
        <v>16.7</v>
      </c>
      <c r="AA6835" s="5"/>
      <c r="AB6835" s="5" t="s">
        <v>43</v>
      </c>
      <c r="AC6835" s="5" t="s">
        <v>44</v>
      </c>
      <c r="AD6835" s="2"/>
      <c r="AE6835" s="1"/>
    </row>
    <row r="6836" spans="1:31" ht="14.45">
      <c r="A6836" s="11"/>
      <c r="B6836" s="20"/>
      <c r="C6836" s="2" t="s">
        <v>20980</v>
      </c>
      <c r="D6836" s="14" t="s">
        <v>20981</v>
      </c>
      <c r="E6836" s="2" t="s">
        <v>20982</v>
      </c>
      <c r="F6836" s="2" t="s">
        <v>7521</v>
      </c>
      <c r="G6836" s="8">
        <v>232</v>
      </c>
      <c r="H6836" s="5">
        <v>6</v>
      </c>
      <c r="I6836" s="5" t="s">
        <v>1518</v>
      </c>
      <c r="J6836" s="5" t="s">
        <v>1519</v>
      </c>
      <c r="K6836" s="2" t="s">
        <v>1520</v>
      </c>
      <c r="L6836" s="5" t="s">
        <v>1519</v>
      </c>
      <c r="M6836" s="2" t="s">
        <v>1520</v>
      </c>
      <c r="N6836" s="5" t="s">
        <v>1521</v>
      </c>
      <c r="O6836" s="5" t="s">
        <v>38</v>
      </c>
      <c r="P6836" s="5" t="s">
        <v>39</v>
      </c>
      <c r="Q6836" s="5" t="s">
        <v>40</v>
      </c>
      <c r="R6836" s="5" t="s">
        <v>1522</v>
      </c>
      <c r="S6836" s="5" t="s">
        <v>1523</v>
      </c>
      <c r="T6836" s="5" t="s">
        <v>42</v>
      </c>
      <c r="U6836" s="2">
        <v>2.4390000000000001</v>
      </c>
      <c r="V6836" s="2">
        <v>1.9690000000000001</v>
      </c>
      <c r="W6836" s="2">
        <v>1.0999999999999999E-2</v>
      </c>
      <c r="X6836" s="2">
        <v>82.9</v>
      </c>
      <c r="Y6836" s="2">
        <v>7.6</v>
      </c>
      <c r="Z6836" s="2">
        <v>16.7</v>
      </c>
      <c r="AA6836" s="5"/>
      <c r="AB6836" s="5" t="s">
        <v>43</v>
      </c>
      <c r="AC6836" s="5" t="s">
        <v>44</v>
      </c>
      <c r="AD6836" s="2"/>
      <c r="AE6836" s="1"/>
    </row>
    <row r="6837" spans="1:31" ht="14.45">
      <c r="A6837" s="11"/>
      <c r="B6837" s="20"/>
      <c r="C6837" s="2" t="s">
        <v>20983</v>
      </c>
      <c r="D6837" s="14" t="s">
        <v>20984</v>
      </c>
      <c r="E6837" s="2" t="s">
        <v>20985</v>
      </c>
      <c r="F6837" s="2" t="s">
        <v>7212</v>
      </c>
      <c r="G6837" s="8">
        <v>232</v>
      </c>
      <c r="H6837" s="5">
        <v>6</v>
      </c>
      <c r="I6837" s="5" t="s">
        <v>1518</v>
      </c>
      <c r="J6837" s="5" t="s">
        <v>1519</v>
      </c>
      <c r="K6837" s="2" t="s">
        <v>1520</v>
      </c>
      <c r="L6837" s="5" t="s">
        <v>1519</v>
      </c>
      <c r="M6837" s="2" t="s">
        <v>1520</v>
      </c>
      <c r="N6837" s="5" t="s">
        <v>1521</v>
      </c>
      <c r="O6837" s="5" t="s">
        <v>38</v>
      </c>
      <c r="P6837" s="5" t="s">
        <v>39</v>
      </c>
      <c r="Q6837" s="5" t="s">
        <v>40</v>
      </c>
      <c r="R6837" s="5" t="s">
        <v>1522</v>
      </c>
      <c r="S6837" s="5" t="s">
        <v>1523</v>
      </c>
      <c r="T6837" s="5" t="s">
        <v>42</v>
      </c>
      <c r="U6837" s="2">
        <v>2.3610000000000002</v>
      </c>
      <c r="V6837" s="2">
        <v>1.891</v>
      </c>
      <c r="W6837" s="2">
        <v>1.0999999999999999E-2</v>
      </c>
      <c r="X6837" s="2">
        <v>82.9</v>
      </c>
      <c r="Y6837" s="2">
        <v>7.6</v>
      </c>
      <c r="Z6837" s="2">
        <v>16.7</v>
      </c>
      <c r="AA6837" s="5"/>
      <c r="AB6837" s="5" t="s">
        <v>43</v>
      </c>
      <c r="AC6837" s="5" t="s">
        <v>44</v>
      </c>
      <c r="AD6837" s="2"/>
      <c r="AE6837" s="1"/>
    </row>
    <row r="6838" spans="1:31" ht="14.45">
      <c r="A6838" s="11"/>
      <c r="B6838" s="20"/>
      <c r="C6838" s="2" t="s">
        <v>20986</v>
      </c>
      <c r="D6838" s="14" t="s">
        <v>20987</v>
      </c>
      <c r="E6838" s="2" t="s">
        <v>20988</v>
      </c>
      <c r="F6838" s="2" t="s">
        <v>7528</v>
      </c>
      <c r="G6838" s="8">
        <v>232</v>
      </c>
      <c r="H6838" s="5">
        <v>6</v>
      </c>
      <c r="I6838" s="5" t="s">
        <v>1518</v>
      </c>
      <c r="J6838" s="5" t="s">
        <v>1519</v>
      </c>
      <c r="K6838" s="2" t="s">
        <v>1520</v>
      </c>
      <c r="L6838" s="5" t="s">
        <v>1519</v>
      </c>
      <c r="M6838" s="2" t="s">
        <v>1520</v>
      </c>
      <c r="N6838" s="5" t="s">
        <v>1521</v>
      </c>
      <c r="O6838" s="5" t="s">
        <v>38</v>
      </c>
      <c r="P6838" s="5" t="s">
        <v>39</v>
      </c>
      <c r="Q6838" s="5" t="s">
        <v>40</v>
      </c>
      <c r="R6838" s="5" t="s">
        <v>1522</v>
      </c>
      <c r="S6838" s="5" t="s">
        <v>1523</v>
      </c>
      <c r="T6838" s="5" t="s">
        <v>42</v>
      </c>
      <c r="U6838" s="2">
        <v>2.427</v>
      </c>
      <c r="V6838" s="2">
        <v>1.9570000000000001</v>
      </c>
      <c r="W6838" s="2">
        <v>1.0999999999999999E-2</v>
      </c>
      <c r="X6838" s="2">
        <v>82.9</v>
      </c>
      <c r="Y6838" s="2">
        <v>7.6</v>
      </c>
      <c r="Z6838" s="2">
        <v>16.7</v>
      </c>
      <c r="AA6838" s="5"/>
      <c r="AB6838" s="5" t="s">
        <v>43</v>
      </c>
      <c r="AC6838" s="5" t="s">
        <v>44</v>
      </c>
      <c r="AD6838" s="2"/>
      <c r="AE6838" s="1"/>
    </row>
    <row r="6839" spans="1:31" ht="14.45">
      <c r="A6839" s="11"/>
      <c r="B6839" s="20"/>
      <c r="C6839" s="2" t="s">
        <v>20989</v>
      </c>
      <c r="D6839" s="14" t="s">
        <v>20990</v>
      </c>
      <c r="E6839" s="2" t="s">
        <v>20991</v>
      </c>
      <c r="F6839" s="2" t="s">
        <v>7406</v>
      </c>
      <c r="G6839" s="8">
        <v>247</v>
      </c>
      <c r="H6839" s="5">
        <v>6</v>
      </c>
      <c r="I6839" s="5" t="s">
        <v>1518</v>
      </c>
      <c r="J6839" s="5" t="s">
        <v>1519</v>
      </c>
      <c r="K6839" s="2" t="s">
        <v>1520</v>
      </c>
      <c r="L6839" s="5" t="s">
        <v>1519</v>
      </c>
      <c r="M6839" s="2" t="s">
        <v>1520</v>
      </c>
      <c r="N6839" s="5" t="s">
        <v>1521</v>
      </c>
      <c r="O6839" s="5" t="s">
        <v>38</v>
      </c>
      <c r="P6839" s="5" t="s">
        <v>39</v>
      </c>
      <c r="Q6839" s="5" t="s">
        <v>40</v>
      </c>
      <c r="R6839" s="5" t="s">
        <v>1522</v>
      </c>
      <c r="S6839" s="5" t="s">
        <v>1523</v>
      </c>
      <c r="T6839" s="5" t="s">
        <v>42</v>
      </c>
      <c r="U6839" s="2">
        <v>2.3610000000000002</v>
      </c>
      <c r="V6839" s="2">
        <v>1.891</v>
      </c>
      <c r="W6839" s="2">
        <v>1.0999999999999999E-2</v>
      </c>
      <c r="X6839" s="2">
        <v>82.9</v>
      </c>
      <c r="Y6839" s="2">
        <v>7.6</v>
      </c>
      <c r="Z6839" s="2">
        <v>16.7</v>
      </c>
      <c r="AA6839" s="5"/>
      <c r="AB6839" s="5" t="s">
        <v>43</v>
      </c>
      <c r="AC6839" s="5" t="s">
        <v>44</v>
      </c>
      <c r="AD6839" s="2"/>
      <c r="AE6839" s="1"/>
    </row>
    <row r="6840" spans="1:31" ht="14.45">
      <c r="A6840" s="11"/>
      <c r="B6840" s="20"/>
      <c r="C6840" s="2" t="s">
        <v>20992</v>
      </c>
      <c r="D6840" s="14" t="s">
        <v>20993</v>
      </c>
      <c r="E6840" s="2" t="s">
        <v>20994</v>
      </c>
      <c r="F6840" s="2" t="s">
        <v>7535</v>
      </c>
      <c r="G6840" s="8">
        <v>247</v>
      </c>
      <c r="H6840" s="5">
        <v>6</v>
      </c>
      <c r="I6840" s="5" t="s">
        <v>1518</v>
      </c>
      <c r="J6840" s="5" t="s">
        <v>1519</v>
      </c>
      <c r="K6840" s="2" t="s">
        <v>1520</v>
      </c>
      <c r="L6840" s="5" t="s">
        <v>1519</v>
      </c>
      <c r="M6840" s="2" t="s">
        <v>1520</v>
      </c>
      <c r="N6840" s="5" t="s">
        <v>1521</v>
      </c>
      <c r="O6840" s="5" t="s">
        <v>38</v>
      </c>
      <c r="P6840" s="5" t="s">
        <v>39</v>
      </c>
      <c r="Q6840" s="5" t="s">
        <v>40</v>
      </c>
      <c r="R6840" s="5" t="s">
        <v>1522</v>
      </c>
      <c r="S6840" s="5" t="s">
        <v>1523</v>
      </c>
      <c r="T6840" s="5" t="s">
        <v>42</v>
      </c>
      <c r="U6840" s="2">
        <v>2.427</v>
      </c>
      <c r="V6840" s="2">
        <v>1.9570000000000001</v>
      </c>
      <c r="W6840" s="2">
        <v>1.0999999999999999E-2</v>
      </c>
      <c r="X6840" s="2">
        <v>82.9</v>
      </c>
      <c r="Y6840" s="2">
        <v>7.6</v>
      </c>
      <c r="Z6840" s="2">
        <v>16.7</v>
      </c>
      <c r="AA6840" s="5"/>
      <c r="AB6840" s="5" t="s">
        <v>43</v>
      </c>
      <c r="AC6840" s="5" t="s">
        <v>44</v>
      </c>
      <c r="AD6840" s="2"/>
      <c r="AE6840" s="1"/>
    </row>
    <row r="6841" spans="1:31" ht="14.45">
      <c r="A6841" s="11"/>
      <c r="B6841" s="20"/>
      <c r="C6841" s="2" t="s">
        <v>20995</v>
      </c>
      <c r="D6841" s="14" t="s">
        <v>20996</v>
      </c>
      <c r="E6841" s="2" t="s">
        <v>20997</v>
      </c>
      <c r="F6841" s="2" t="s">
        <v>7539</v>
      </c>
      <c r="G6841" s="8">
        <v>247</v>
      </c>
      <c r="H6841" s="5">
        <v>6</v>
      </c>
      <c r="I6841" s="5" t="s">
        <v>1518</v>
      </c>
      <c r="J6841" s="5" t="s">
        <v>1519</v>
      </c>
      <c r="K6841" s="2" t="s">
        <v>1520</v>
      </c>
      <c r="L6841" s="5" t="s">
        <v>1519</v>
      </c>
      <c r="M6841" s="2" t="s">
        <v>1520</v>
      </c>
      <c r="N6841" s="5" t="s">
        <v>1521</v>
      </c>
      <c r="O6841" s="5" t="s">
        <v>38</v>
      </c>
      <c r="P6841" s="5" t="s">
        <v>39</v>
      </c>
      <c r="Q6841" s="5" t="s">
        <v>40</v>
      </c>
      <c r="R6841" s="5" t="s">
        <v>1522</v>
      </c>
      <c r="S6841" s="5" t="s">
        <v>1523</v>
      </c>
      <c r="T6841" s="5" t="s">
        <v>42</v>
      </c>
      <c r="U6841" s="2">
        <v>2.3730000000000002</v>
      </c>
      <c r="V6841" s="2">
        <v>1.903</v>
      </c>
      <c r="W6841" s="2">
        <v>1.0999999999999999E-2</v>
      </c>
      <c r="X6841" s="2">
        <v>82.9</v>
      </c>
      <c r="Y6841" s="2">
        <v>7.6</v>
      </c>
      <c r="Z6841" s="2">
        <v>16.7</v>
      </c>
      <c r="AA6841" s="5"/>
      <c r="AB6841" s="5" t="s">
        <v>43</v>
      </c>
      <c r="AC6841" s="5" t="s">
        <v>44</v>
      </c>
      <c r="AD6841" s="2"/>
      <c r="AE6841" s="1"/>
    </row>
    <row r="6842" spans="1:31" ht="14.45">
      <c r="A6842" s="11"/>
      <c r="B6842" s="20"/>
      <c r="C6842" s="2" t="s">
        <v>20998</v>
      </c>
      <c r="D6842" s="14" t="s">
        <v>20999</v>
      </c>
      <c r="E6842" s="2" t="s">
        <v>21000</v>
      </c>
      <c r="F6842" s="2" t="s">
        <v>7543</v>
      </c>
      <c r="G6842" s="8">
        <v>247</v>
      </c>
      <c r="H6842" s="5">
        <v>6</v>
      </c>
      <c r="I6842" s="5" t="s">
        <v>1518</v>
      </c>
      <c r="J6842" s="5" t="s">
        <v>1519</v>
      </c>
      <c r="K6842" s="2" t="s">
        <v>1520</v>
      </c>
      <c r="L6842" s="5" t="s">
        <v>1519</v>
      </c>
      <c r="M6842" s="2" t="s">
        <v>1520</v>
      </c>
      <c r="N6842" s="5" t="s">
        <v>1521</v>
      </c>
      <c r="O6842" s="5" t="s">
        <v>38</v>
      </c>
      <c r="P6842" s="5" t="s">
        <v>39</v>
      </c>
      <c r="Q6842" s="5" t="s">
        <v>40</v>
      </c>
      <c r="R6842" s="5" t="s">
        <v>1522</v>
      </c>
      <c r="S6842" s="5" t="s">
        <v>1523</v>
      </c>
      <c r="T6842" s="5" t="s">
        <v>42</v>
      </c>
      <c r="U6842" s="2">
        <v>2.4390000000000001</v>
      </c>
      <c r="V6842" s="2">
        <v>1.9690000000000001</v>
      </c>
      <c r="W6842" s="2">
        <v>1.0999999999999999E-2</v>
      </c>
      <c r="X6842" s="2">
        <v>82.9</v>
      </c>
      <c r="Y6842" s="2">
        <v>7.6</v>
      </c>
      <c r="Z6842" s="2">
        <v>16.7</v>
      </c>
      <c r="AA6842" s="5"/>
      <c r="AB6842" s="5" t="s">
        <v>43</v>
      </c>
      <c r="AC6842" s="5" t="s">
        <v>44</v>
      </c>
      <c r="AD6842" s="2"/>
      <c r="AE6842" s="1"/>
    </row>
    <row r="6843" spans="1:31" ht="14.45">
      <c r="A6843" s="11"/>
      <c r="B6843" s="20"/>
      <c r="C6843" s="2" t="s">
        <v>21001</v>
      </c>
      <c r="D6843" s="14" t="s">
        <v>21002</v>
      </c>
      <c r="E6843" s="2" t="s">
        <v>21003</v>
      </c>
      <c r="F6843" s="2" t="s">
        <v>7547</v>
      </c>
      <c r="G6843" s="8">
        <v>247</v>
      </c>
      <c r="H6843" s="5">
        <v>6</v>
      </c>
      <c r="I6843" s="5" t="s">
        <v>1518</v>
      </c>
      <c r="J6843" s="5" t="s">
        <v>1519</v>
      </c>
      <c r="K6843" s="2" t="s">
        <v>1520</v>
      </c>
      <c r="L6843" s="5" t="s">
        <v>1519</v>
      </c>
      <c r="M6843" s="2" t="s">
        <v>1520</v>
      </c>
      <c r="N6843" s="5" t="s">
        <v>1521</v>
      </c>
      <c r="O6843" s="5" t="s">
        <v>38</v>
      </c>
      <c r="P6843" s="5" t="s">
        <v>39</v>
      </c>
      <c r="Q6843" s="5" t="s">
        <v>40</v>
      </c>
      <c r="R6843" s="5" t="s">
        <v>1522</v>
      </c>
      <c r="S6843" s="5" t="s">
        <v>1523</v>
      </c>
      <c r="T6843" s="5" t="s">
        <v>42</v>
      </c>
      <c r="U6843" s="2">
        <v>2.3610000000000002</v>
      </c>
      <c r="V6843" s="2">
        <v>1.891</v>
      </c>
      <c r="W6843" s="2">
        <v>1.0999999999999999E-2</v>
      </c>
      <c r="X6843" s="2">
        <v>82.9</v>
      </c>
      <c r="Y6843" s="2">
        <v>7.6</v>
      </c>
      <c r="Z6843" s="2">
        <v>16.7</v>
      </c>
      <c r="AA6843" s="5"/>
      <c r="AB6843" s="5" t="s">
        <v>43</v>
      </c>
      <c r="AC6843" s="5" t="s">
        <v>44</v>
      </c>
      <c r="AD6843" s="2"/>
      <c r="AE6843" s="1"/>
    </row>
    <row r="6844" spans="1:31" ht="14.45">
      <c r="A6844" s="11"/>
      <c r="B6844" s="20"/>
      <c r="C6844" s="2" t="s">
        <v>21004</v>
      </c>
      <c r="D6844" s="14" t="s">
        <v>21005</v>
      </c>
      <c r="E6844" s="2" t="s">
        <v>21006</v>
      </c>
      <c r="F6844" s="2" t="s">
        <v>7555</v>
      </c>
      <c r="G6844" s="8">
        <v>247</v>
      </c>
      <c r="H6844" s="5">
        <v>6</v>
      </c>
      <c r="I6844" s="5" t="s">
        <v>1518</v>
      </c>
      <c r="J6844" s="5" t="s">
        <v>1519</v>
      </c>
      <c r="K6844" s="2" t="s">
        <v>1520</v>
      </c>
      <c r="L6844" s="5" t="s">
        <v>1519</v>
      </c>
      <c r="M6844" s="2" t="s">
        <v>1520</v>
      </c>
      <c r="N6844" s="5" t="s">
        <v>1521</v>
      </c>
      <c r="O6844" s="5" t="s">
        <v>38</v>
      </c>
      <c r="P6844" s="5" t="s">
        <v>39</v>
      </c>
      <c r="Q6844" s="5" t="s">
        <v>40</v>
      </c>
      <c r="R6844" s="5" t="s">
        <v>1522</v>
      </c>
      <c r="S6844" s="5" t="s">
        <v>1523</v>
      </c>
      <c r="T6844" s="5" t="s">
        <v>42</v>
      </c>
      <c r="U6844" s="2">
        <v>2.3610000000000002</v>
      </c>
      <c r="V6844" s="2">
        <v>1.891</v>
      </c>
      <c r="W6844" s="2">
        <v>1.0999999999999999E-2</v>
      </c>
      <c r="X6844" s="2">
        <v>82.9</v>
      </c>
      <c r="Y6844" s="2">
        <v>7.6</v>
      </c>
      <c r="Z6844" s="2">
        <v>16.7</v>
      </c>
      <c r="AA6844" s="5"/>
      <c r="AB6844" s="5" t="s">
        <v>43</v>
      </c>
      <c r="AC6844" s="5" t="s">
        <v>44</v>
      </c>
      <c r="AD6844" s="2"/>
      <c r="AE6844" s="1"/>
    </row>
    <row r="6845" spans="1:31" ht="14.45">
      <c r="A6845" s="11"/>
      <c r="B6845" s="20"/>
      <c r="C6845" s="2" t="s">
        <v>21007</v>
      </c>
      <c r="D6845" s="14" t="s">
        <v>21008</v>
      </c>
      <c r="E6845" s="2" t="s">
        <v>21009</v>
      </c>
      <c r="F6845" s="2" t="s">
        <v>7559</v>
      </c>
      <c r="G6845" s="8">
        <v>247</v>
      </c>
      <c r="H6845" s="5">
        <v>6</v>
      </c>
      <c r="I6845" s="5" t="s">
        <v>1518</v>
      </c>
      <c r="J6845" s="5" t="s">
        <v>1519</v>
      </c>
      <c r="K6845" s="2" t="s">
        <v>1520</v>
      </c>
      <c r="L6845" s="5" t="s">
        <v>1519</v>
      </c>
      <c r="M6845" s="2" t="s">
        <v>1520</v>
      </c>
      <c r="N6845" s="5" t="s">
        <v>1521</v>
      </c>
      <c r="O6845" s="5" t="s">
        <v>38</v>
      </c>
      <c r="P6845" s="5" t="s">
        <v>39</v>
      </c>
      <c r="Q6845" s="5" t="s">
        <v>40</v>
      </c>
      <c r="R6845" s="5" t="s">
        <v>1522</v>
      </c>
      <c r="S6845" s="5" t="s">
        <v>1523</v>
      </c>
      <c r="T6845" s="5" t="s">
        <v>42</v>
      </c>
      <c r="U6845" s="2">
        <v>2.427</v>
      </c>
      <c r="V6845" s="2">
        <v>1.9570000000000001</v>
      </c>
      <c r="W6845" s="2">
        <v>1.0999999999999999E-2</v>
      </c>
      <c r="X6845" s="2">
        <v>82.9</v>
      </c>
      <c r="Y6845" s="2">
        <v>7.6</v>
      </c>
      <c r="Z6845" s="2">
        <v>16.7</v>
      </c>
      <c r="AA6845" s="5"/>
      <c r="AB6845" s="5" t="s">
        <v>43</v>
      </c>
      <c r="AC6845" s="5" t="s">
        <v>44</v>
      </c>
      <c r="AD6845" s="2"/>
      <c r="AE6845" s="1"/>
    </row>
    <row r="6846" spans="1:31" ht="14.45">
      <c r="A6846" s="11"/>
      <c r="B6846" s="20"/>
      <c r="C6846" s="2" t="s">
        <v>21010</v>
      </c>
      <c r="D6846" s="14" t="s">
        <v>21011</v>
      </c>
      <c r="E6846" s="2" t="s">
        <v>21012</v>
      </c>
      <c r="F6846" s="2" t="s">
        <v>7563</v>
      </c>
      <c r="G6846" s="8">
        <v>247</v>
      </c>
      <c r="H6846" s="5">
        <v>6</v>
      </c>
      <c r="I6846" s="5" t="s">
        <v>1518</v>
      </c>
      <c r="J6846" s="5" t="s">
        <v>1519</v>
      </c>
      <c r="K6846" s="2" t="s">
        <v>1520</v>
      </c>
      <c r="L6846" s="5" t="s">
        <v>1519</v>
      </c>
      <c r="M6846" s="2" t="s">
        <v>1520</v>
      </c>
      <c r="N6846" s="5" t="s">
        <v>1521</v>
      </c>
      <c r="O6846" s="5" t="s">
        <v>38</v>
      </c>
      <c r="P6846" s="5" t="s">
        <v>39</v>
      </c>
      <c r="Q6846" s="5" t="s">
        <v>40</v>
      </c>
      <c r="R6846" s="5" t="s">
        <v>1522</v>
      </c>
      <c r="S6846" s="5" t="s">
        <v>1523</v>
      </c>
      <c r="T6846" s="5" t="s">
        <v>42</v>
      </c>
      <c r="U6846" s="2">
        <v>2.3730000000000002</v>
      </c>
      <c r="V6846" s="2">
        <v>1.903</v>
      </c>
      <c r="W6846" s="2">
        <v>1.0999999999999999E-2</v>
      </c>
      <c r="X6846" s="2">
        <v>82.9</v>
      </c>
      <c r="Y6846" s="2">
        <v>7.6</v>
      </c>
      <c r="Z6846" s="2">
        <v>16.7</v>
      </c>
      <c r="AA6846" s="5"/>
      <c r="AB6846" s="5" t="s">
        <v>43</v>
      </c>
      <c r="AC6846" s="5" t="s">
        <v>44</v>
      </c>
      <c r="AD6846" s="2"/>
      <c r="AE6846" s="1"/>
    </row>
    <row r="6847" spans="1:31" ht="14.45">
      <c r="A6847" s="11"/>
      <c r="B6847" s="20"/>
      <c r="C6847" s="2" t="s">
        <v>21013</v>
      </c>
      <c r="D6847" s="14" t="s">
        <v>21014</v>
      </c>
      <c r="E6847" s="2" t="s">
        <v>21015</v>
      </c>
      <c r="F6847" s="2" t="s">
        <v>7567</v>
      </c>
      <c r="G6847" s="8">
        <v>247</v>
      </c>
      <c r="H6847" s="5">
        <v>6</v>
      </c>
      <c r="I6847" s="5" t="s">
        <v>1518</v>
      </c>
      <c r="J6847" s="5" t="s">
        <v>1519</v>
      </c>
      <c r="K6847" s="2" t="s">
        <v>1520</v>
      </c>
      <c r="L6847" s="5" t="s">
        <v>1519</v>
      </c>
      <c r="M6847" s="2" t="s">
        <v>1520</v>
      </c>
      <c r="N6847" s="5" t="s">
        <v>1521</v>
      </c>
      <c r="O6847" s="5" t="s">
        <v>38</v>
      </c>
      <c r="P6847" s="5" t="s">
        <v>39</v>
      </c>
      <c r="Q6847" s="5" t="s">
        <v>40</v>
      </c>
      <c r="R6847" s="5" t="s">
        <v>1522</v>
      </c>
      <c r="S6847" s="5" t="s">
        <v>1523</v>
      </c>
      <c r="T6847" s="5" t="s">
        <v>42</v>
      </c>
      <c r="U6847" s="2">
        <v>2.4390000000000001</v>
      </c>
      <c r="V6847" s="2">
        <v>1.9690000000000001</v>
      </c>
      <c r="W6847" s="2">
        <v>1.0999999999999999E-2</v>
      </c>
      <c r="X6847" s="2">
        <v>82.9</v>
      </c>
      <c r="Y6847" s="2">
        <v>7.6</v>
      </c>
      <c r="Z6847" s="2">
        <v>16.7</v>
      </c>
      <c r="AA6847" s="5"/>
      <c r="AB6847" s="5" t="s">
        <v>43</v>
      </c>
      <c r="AC6847" s="5" t="s">
        <v>44</v>
      </c>
      <c r="AD6847" s="2"/>
      <c r="AE6847" s="1"/>
    </row>
    <row r="6848" spans="1:31" ht="14.45">
      <c r="A6848" s="11"/>
      <c r="B6848" s="20"/>
      <c r="C6848" s="2" t="s">
        <v>21016</v>
      </c>
      <c r="D6848" s="14" t="s">
        <v>21017</v>
      </c>
      <c r="E6848" s="2" t="s">
        <v>21018</v>
      </c>
      <c r="F6848" s="2" t="s">
        <v>16079</v>
      </c>
      <c r="G6848" s="8">
        <v>247</v>
      </c>
      <c r="H6848" s="5">
        <v>6</v>
      </c>
      <c r="I6848" s="5" t="s">
        <v>1518</v>
      </c>
      <c r="J6848" s="5" t="s">
        <v>1519</v>
      </c>
      <c r="K6848" s="2" t="s">
        <v>1520</v>
      </c>
      <c r="L6848" s="5" t="s">
        <v>1519</v>
      </c>
      <c r="M6848" s="2" t="s">
        <v>1520</v>
      </c>
      <c r="N6848" s="5" t="s">
        <v>1521</v>
      </c>
      <c r="O6848" s="5" t="s">
        <v>38</v>
      </c>
      <c r="P6848" s="5" t="s">
        <v>39</v>
      </c>
      <c r="Q6848" s="5" t="s">
        <v>40</v>
      </c>
      <c r="R6848" s="5" t="s">
        <v>1522</v>
      </c>
      <c r="S6848" s="5" t="s">
        <v>1523</v>
      </c>
      <c r="T6848" s="5" t="s">
        <v>42</v>
      </c>
      <c r="U6848" s="2">
        <v>2.3730000000000002</v>
      </c>
      <c r="V6848" s="2">
        <v>1.903</v>
      </c>
      <c r="W6848" s="2">
        <v>1.0999999999999999E-2</v>
      </c>
      <c r="X6848" s="2">
        <v>82.9</v>
      </c>
      <c r="Y6848" s="2">
        <v>7.6</v>
      </c>
      <c r="Z6848" s="2">
        <v>16.7</v>
      </c>
      <c r="AA6848" s="5"/>
      <c r="AB6848" s="5" t="s">
        <v>43</v>
      </c>
      <c r="AC6848" s="5" t="s">
        <v>44</v>
      </c>
      <c r="AD6848" s="2"/>
      <c r="AE6848" s="1"/>
    </row>
    <row r="6849" spans="1:31" ht="14.45">
      <c r="A6849" s="11"/>
      <c r="B6849" s="20"/>
      <c r="C6849" s="2" t="s">
        <v>21019</v>
      </c>
      <c r="D6849" s="14" t="s">
        <v>21020</v>
      </c>
      <c r="E6849" s="2" t="s">
        <v>21021</v>
      </c>
      <c r="F6849" s="2" t="s">
        <v>16194</v>
      </c>
      <c r="G6849" s="8">
        <v>247</v>
      </c>
      <c r="H6849" s="5">
        <v>6</v>
      </c>
      <c r="I6849" s="5" t="s">
        <v>1518</v>
      </c>
      <c r="J6849" s="5" t="s">
        <v>1519</v>
      </c>
      <c r="K6849" s="2" t="s">
        <v>1520</v>
      </c>
      <c r="L6849" s="5" t="s">
        <v>1519</v>
      </c>
      <c r="M6849" s="2" t="s">
        <v>1520</v>
      </c>
      <c r="N6849" s="5" t="s">
        <v>1521</v>
      </c>
      <c r="O6849" s="5" t="s">
        <v>38</v>
      </c>
      <c r="P6849" s="5" t="s">
        <v>39</v>
      </c>
      <c r="Q6849" s="5" t="s">
        <v>40</v>
      </c>
      <c r="R6849" s="5" t="s">
        <v>1522</v>
      </c>
      <c r="S6849" s="5" t="s">
        <v>1523</v>
      </c>
      <c r="T6849" s="5" t="s">
        <v>42</v>
      </c>
      <c r="U6849" s="2">
        <v>2.4390000000000001</v>
      </c>
      <c r="V6849" s="2">
        <v>1.9690000000000001</v>
      </c>
      <c r="W6849" s="2">
        <v>1.0999999999999999E-2</v>
      </c>
      <c r="X6849" s="2">
        <v>82.9</v>
      </c>
      <c r="Y6849" s="2">
        <v>7.6</v>
      </c>
      <c r="Z6849" s="2">
        <v>16.7</v>
      </c>
      <c r="AA6849" s="5"/>
      <c r="AB6849" s="5" t="s">
        <v>43</v>
      </c>
      <c r="AC6849" s="5" t="s">
        <v>44</v>
      </c>
      <c r="AD6849" s="2"/>
      <c r="AE6849" s="1"/>
    </row>
    <row r="6850" spans="1:31" ht="14.45">
      <c r="A6850" s="11"/>
      <c r="B6850" s="20"/>
      <c r="C6850" s="2" t="s">
        <v>21022</v>
      </c>
      <c r="D6850" s="14" t="s">
        <v>21023</v>
      </c>
      <c r="E6850" s="2" t="s">
        <v>21024</v>
      </c>
      <c r="F6850" s="2" t="s">
        <v>7449</v>
      </c>
      <c r="G6850" s="8">
        <v>247</v>
      </c>
      <c r="H6850" s="5">
        <v>6</v>
      </c>
      <c r="I6850" s="5" t="s">
        <v>1518</v>
      </c>
      <c r="J6850" s="5" t="s">
        <v>1519</v>
      </c>
      <c r="K6850" s="2" t="s">
        <v>1520</v>
      </c>
      <c r="L6850" s="5" t="s">
        <v>1519</v>
      </c>
      <c r="M6850" s="2" t="s">
        <v>1520</v>
      </c>
      <c r="N6850" s="5" t="s">
        <v>1521</v>
      </c>
      <c r="O6850" s="5" t="s">
        <v>38</v>
      </c>
      <c r="P6850" s="5" t="s">
        <v>39</v>
      </c>
      <c r="Q6850" s="5" t="s">
        <v>40</v>
      </c>
      <c r="R6850" s="5" t="s">
        <v>1522</v>
      </c>
      <c r="S6850" s="5" t="s">
        <v>1523</v>
      </c>
      <c r="T6850" s="5" t="s">
        <v>42</v>
      </c>
      <c r="U6850" s="2">
        <v>2.3730000000000002</v>
      </c>
      <c r="V6850" s="2">
        <v>1.903</v>
      </c>
      <c r="W6850" s="2">
        <v>1.0999999999999999E-2</v>
      </c>
      <c r="X6850" s="2">
        <v>82.9</v>
      </c>
      <c r="Y6850" s="2">
        <v>7.6</v>
      </c>
      <c r="Z6850" s="2">
        <v>16.7</v>
      </c>
      <c r="AA6850" s="5"/>
      <c r="AB6850" s="5" t="s">
        <v>43</v>
      </c>
      <c r="AC6850" s="5" t="s">
        <v>44</v>
      </c>
      <c r="AD6850" s="2"/>
      <c r="AE6850" s="1"/>
    </row>
    <row r="6851" spans="1:31" ht="14.45">
      <c r="A6851" s="11"/>
      <c r="B6851" s="20"/>
      <c r="C6851" s="2" t="s">
        <v>21025</v>
      </c>
      <c r="D6851" s="14" t="s">
        <v>21026</v>
      </c>
      <c r="E6851" s="2" t="s">
        <v>21027</v>
      </c>
      <c r="F6851" s="2" t="s">
        <v>7581</v>
      </c>
      <c r="G6851" s="8">
        <v>247</v>
      </c>
      <c r="H6851" s="5">
        <v>6</v>
      </c>
      <c r="I6851" s="5" t="s">
        <v>1518</v>
      </c>
      <c r="J6851" s="5" t="s">
        <v>1519</v>
      </c>
      <c r="K6851" s="2" t="s">
        <v>1520</v>
      </c>
      <c r="L6851" s="5" t="s">
        <v>1519</v>
      </c>
      <c r="M6851" s="2" t="s">
        <v>1520</v>
      </c>
      <c r="N6851" s="5" t="s">
        <v>1521</v>
      </c>
      <c r="O6851" s="5" t="s">
        <v>38</v>
      </c>
      <c r="P6851" s="5" t="s">
        <v>39</v>
      </c>
      <c r="Q6851" s="5" t="s">
        <v>40</v>
      </c>
      <c r="R6851" s="5" t="s">
        <v>1522</v>
      </c>
      <c r="S6851" s="5" t="s">
        <v>1523</v>
      </c>
      <c r="T6851" s="5" t="s">
        <v>42</v>
      </c>
      <c r="U6851" s="2">
        <v>2.4390000000000001</v>
      </c>
      <c r="V6851" s="2">
        <v>1.9690000000000001</v>
      </c>
      <c r="W6851" s="2">
        <v>1.0999999999999999E-2</v>
      </c>
      <c r="X6851" s="2">
        <v>82.9</v>
      </c>
      <c r="Y6851" s="2">
        <v>7.6</v>
      </c>
      <c r="Z6851" s="2">
        <v>16.7</v>
      </c>
      <c r="AA6851" s="5"/>
      <c r="AB6851" s="5" t="s">
        <v>43</v>
      </c>
      <c r="AC6851" s="5" t="s">
        <v>44</v>
      </c>
      <c r="AD6851" s="2"/>
      <c r="AE6851" s="1"/>
    </row>
    <row r="6852" spans="1:31" ht="14.45">
      <c r="A6852" s="11"/>
      <c r="B6852" s="20"/>
      <c r="C6852" s="2" t="s">
        <v>21028</v>
      </c>
      <c r="D6852" s="14" t="s">
        <v>21029</v>
      </c>
      <c r="E6852" s="2" t="s">
        <v>21030</v>
      </c>
      <c r="F6852" s="2" t="s">
        <v>7585</v>
      </c>
      <c r="G6852" s="8">
        <v>247</v>
      </c>
      <c r="H6852" s="5">
        <v>6</v>
      </c>
      <c r="I6852" s="5" t="s">
        <v>1518</v>
      </c>
      <c r="J6852" s="5" t="s">
        <v>1519</v>
      </c>
      <c r="K6852" s="2" t="s">
        <v>1520</v>
      </c>
      <c r="L6852" s="5" t="s">
        <v>1519</v>
      </c>
      <c r="M6852" s="2" t="s">
        <v>1520</v>
      </c>
      <c r="N6852" s="5" t="s">
        <v>1521</v>
      </c>
      <c r="O6852" s="5" t="s">
        <v>38</v>
      </c>
      <c r="P6852" s="5" t="s">
        <v>39</v>
      </c>
      <c r="Q6852" s="5" t="s">
        <v>40</v>
      </c>
      <c r="R6852" s="5" t="s">
        <v>1522</v>
      </c>
      <c r="S6852" s="5" t="s">
        <v>1523</v>
      </c>
      <c r="T6852" s="5" t="s">
        <v>42</v>
      </c>
      <c r="U6852" s="2">
        <v>2.3610000000000002</v>
      </c>
      <c r="V6852" s="2">
        <v>1.891</v>
      </c>
      <c r="W6852" s="2">
        <v>1.0999999999999999E-2</v>
      </c>
      <c r="X6852" s="2">
        <v>82.9</v>
      </c>
      <c r="Y6852" s="2">
        <v>7.6</v>
      </c>
      <c r="Z6852" s="2">
        <v>16.7</v>
      </c>
      <c r="AA6852" s="5"/>
      <c r="AB6852" s="5" t="s">
        <v>43</v>
      </c>
      <c r="AC6852" s="5" t="s">
        <v>44</v>
      </c>
      <c r="AD6852" s="2"/>
      <c r="AE6852" s="1"/>
    </row>
    <row r="6853" spans="1:31" ht="14.45">
      <c r="A6853" s="11"/>
      <c r="B6853" s="20"/>
      <c r="C6853" s="2" t="s">
        <v>21031</v>
      </c>
      <c r="D6853" s="14" t="s">
        <v>21032</v>
      </c>
      <c r="E6853" s="2" t="s">
        <v>21033</v>
      </c>
      <c r="F6853" s="2" t="s">
        <v>7589</v>
      </c>
      <c r="G6853" s="8">
        <v>247</v>
      </c>
      <c r="H6853" s="5">
        <v>6</v>
      </c>
      <c r="I6853" s="5" t="s">
        <v>1518</v>
      </c>
      <c r="J6853" s="5" t="s">
        <v>1519</v>
      </c>
      <c r="K6853" s="2" t="s">
        <v>1520</v>
      </c>
      <c r="L6853" s="5" t="s">
        <v>1519</v>
      </c>
      <c r="M6853" s="2" t="s">
        <v>1520</v>
      </c>
      <c r="N6853" s="5" t="s">
        <v>1521</v>
      </c>
      <c r="O6853" s="5" t="s">
        <v>38</v>
      </c>
      <c r="P6853" s="5" t="s">
        <v>39</v>
      </c>
      <c r="Q6853" s="5" t="s">
        <v>40</v>
      </c>
      <c r="R6853" s="5" t="s">
        <v>1522</v>
      </c>
      <c r="S6853" s="5" t="s">
        <v>1523</v>
      </c>
      <c r="T6853" s="5" t="s">
        <v>42</v>
      </c>
      <c r="U6853" s="2">
        <v>2.427</v>
      </c>
      <c r="V6853" s="2">
        <v>1.9570000000000001</v>
      </c>
      <c r="W6853" s="2">
        <v>1.0999999999999999E-2</v>
      </c>
      <c r="X6853" s="2">
        <v>82.9</v>
      </c>
      <c r="Y6853" s="2">
        <v>7.6</v>
      </c>
      <c r="Z6853" s="2">
        <v>16.7</v>
      </c>
      <c r="AA6853" s="5"/>
      <c r="AB6853" s="5" t="s">
        <v>43</v>
      </c>
      <c r="AC6853" s="5" t="s">
        <v>44</v>
      </c>
      <c r="AD6853" s="2"/>
      <c r="AE6853" s="1"/>
    </row>
    <row r="6854" spans="1:31" ht="14.45">
      <c r="A6854" s="11"/>
      <c r="B6854" s="20"/>
      <c r="C6854" s="2" t="s">
        <v>21034</v>
      </c>
      <c r="D6854" s="14" t="s">
        <v>21035</v>
      </c>
      <c r="E6854" s="2" t="s">
        <v>21036</v>
      </c>
      <c r="F6854" s="2" t="s">
        <v>7597</v>
      </c>
      <c r="G6854" s="8">
        <v>247</v>
      </c>
      <c r="H6854" s="5">
        <v>6</v>
      </c>
      <c r="I6854" s="5" t="s">
        <v>1518</v>
      </c>
      <c r="J6854" s="5" t="s">
        <v>1519</v>
      </c>
      <c r="K6854" s="2" t="s">
        <v>1520</v>
      </c>
      <c r="L6854" s="5" t="s">
        <v>1519</v>
      </c>
      <c r="M6854" s="2" t="s">
        <v>1520</v>
      </c>
      <c r="N6854" s="5" t="s">
        <v>1521</v>
      </c>
      <c r="O6854" s="5" t="s">
        <v>38</v>
      </c>
      <c r="P6854" s="5" t="s">
        <v>39</v>
      </c>
      <c r="Q6854" s="5" t="s">
        <v>40</v>
      </c>
      <c r="R6854" s="5" t="s">
        <v>1522</v>
      </c>
      <c r="S6854" s="5" t="s">
        <v>1523</v>
      </c>
      <c r="T6854" s="5" t="s">
        <v>42</v>
      </c>
      <c r="U6854" s="2">
        <v>2.4390000000000001</v>
      </c>
      <c r="V6854" s="2">
        <v>1.9690000000000001</v>
      </c>
      <c r="W6854" s="2">
        <v>1.0999999999999999E-2</v>
      </c>
      <c r="X6854" s="2">
        <v>82.9</v>
      </c>
      <c r="Y6854" s="2">
        <v>7.6</v>
      </c>
      <c r="Z6854" s="2">
        <v>16.7</v>
      </c>
      <c r="AA6854" s="5"/>
      <c r="AB6854" s="5" t="s">
        <v>43</v>
      </c>
      <c r="AC6854" s="5" t="s">
        <v>44</v>
      </c>
      <c r="AD6854" s="2"/>
      <c r="AE6854" s="1"/>
    </row>
    <row r="6855" spans="1:31" ht="14.45">
      <c r="A6855" s="11"/>
      <c r="B6855" s="20"/>
      <c r="C6855" s="2" t="s">
        <v>21037</v>
      </c>
      <c r="D6855" s="14" t="s">
        <v>21038</v>
      </c>
      <c r="E6855" s="2" t="s">
        <v>21039</v>
      </c>
      <c r="F6855" s="2" t="s">
        <v>16014</v>
      </c>
      <c r="G6855" s="8">
        <v>247</v>
      </c>
      <c r="H6855" s="5">
        <v>6</v>
      </c>
      <c r="I6855" s="5" t="s">
        <v>1518</v>
      </c>
      <c r="J6855" s="5" t="s">
        <v>1519</v>
      </c>
      <c r="K6855" s="2" t="s">
        <v>1520</v>
      </c>
      <c r="L6855" s="5" t="s">
        <v>1519</v>
      </c>
      <c r="M6855" s="2" t="s">
        <v>1520</v>
      </c>
      <c r="N6855" s="5" t="s">
        <v>1521</v>
      </c>
      <c r="O6855" s="5" t="s">
        <v>38</v>
      </c>
      <c r="P6855" s="5" t="s">
        <v>39</v>
      </c>
      <c r="Q6855" s="5" t="s">
        <v>40</v>
      </c>
      <c r="R6855" s="5" t="s">
        <v>1522</v>
      </c>
      <c r="S6855" s="5" t="s">
        <v>1523</v>
      </c>
      <c r="T6855" s="5" t="s">
        <v>42</v>
      </c>
      <c r="U6855" s="2">
        <v>2.3730000000000002</v>
      </c>
      <c r="V6855" s="2">
        <v>1.903</v>
      </c>
      <c r="W6855" s="2">
        <v>1.0999999999999999E-2</v>
      </c>
      <c r="X6855" s="2">
        <v>82.9</v>
      </c>
      <c r="Y6855" s="2">
        <v>7.6</v>
      </c>
      <c r="Z6855" s="2">
        <v>16.7</v>
      </c>
      <c r="AA6855" s="5"/>
      <c r="AB6855" s="5" t="s">
        <v>43</v>
      </c>
      <c r="AC6855" s="5" t="s">
        <v>44</v>
      </c>
      <c r="AD6855" s="2"/>
      <c r="AE6855" s="1"/>
    </row>
    <row r="6856" spans="1:31" ht="14.45">
      <c r="A6856" s="11"/>
      <c r="B6856" s="20"/>
      <c r="C6856" s="2" t="s">
        <v>21040</v>
      </c>
      <c r="D6856" s="14" t="s">
        <v>21041</v>
      </c>
      <c r="E6856" s="2" t="s">
        <v>21042</v>
      </c>
      <c r="F6856" s="2" t="s">
        <v>16219</v>
      </c>
      <c r="G6856" s="8">
        <v>247</v>
      </c>
      <c r="H6856" s="5">
        <v>6</v>
      </c>
      <c r="I6856" s="5" t="s">
        <v>1518</v>
      </c>
      <c r="J6856" s="5" t="s">
        <v>1519</v>
      </c>
      <c r="K6856" s="2" t="s">
        <v>1520</v>
      </c>
      <c r="L6856" s="5" t="s">
        <v>1519</v>
      </c>
      <c r="M6856" s="2" t="s">
        <v>1520</v>
      </c>
      <c r="N6856" s="5" t="s">
        <v>1521</v>
      </c>
      <c r="O6856" s="5" t="s">
        <v>38</v>
      </c>
      <c r="P6856" s="5" t="s">
        <v>39</v>
      </c>
      <c r="Q6856" s="5" t="s">
        <v>40</v>
      </c>
      <c r="R6856" s="5" t="s">
        <v>1522</v>
      </c>
      <c r="S6856" s="5" t="s">
        <v>1523</v>
      </c>
      <c r="T6856" s="5" t="s">
        <v>42</v>
      </c>
      <c r="U6856" s="2">
        <v>2.4390000000000001</v>
      </c>
      <c r="V6856" s="2">
        <v>1.9690000000000001</v>
      </c>
      <c r="W6856" s="2">
        <v>1.0999999999999999E-2</v>
      </c>
      <c r="X6856" s="2">
        <v>82.9</v>
      </c>
      <c r="Y6856" s="2">
        <v>7.6</v>
      </c>
      <c r="Z6856" s="2">
        <v>16.7</v>
      </c>
      <c r="AA6856" s="5"/>
      <c r="AB6856" s="5" t="s">
        <v>43</v>
      </c>
      <c r="AC6856" s="5" t="s">
        <v>44</v>
      </c>
      <c r="AD6856" s="2"/>
      <c r="AE6856" s="1"/>
    </row>
    <row r="6857" spans="1:31" ht="14.45">
      <c r="A6857" s="11"/>
      <c r="B6857" s="20"/>
      <c r="C6857" s="2" t="s">
        <v>21043</v>
      </c>
      <c r="D6857" s="14" t="s">
        <v>21044</v>
      </c>
      <c r="E6857" s="2" t="s">
        <v>21045</v>
      </c>
      <c r="F6857" s="2" t="s">
        <v>16018</v>
      </c>
      <c r="G6857" s="8">
        <v>247</v>
      </c>
      <c r="H6857" s="5">
        <v>6</v>
      </c>
      <c r="I6857" s="5" t="s">
        <v>1518</v>
      </c>
      <c r="J6857" s="5" t="s">
        <v>1519</v>
      </c>
      <c r="K6857" s="2" t="s">
        <v>1520</v>
      </c>
      <c r="L6857" s="5" t="s">
        <v>1519</v>
      </c>
      <c r="M6857" s="2" t="s">
        <v>1520</v>
      </c>
      <c r="N6857" s="5" t="s">
        <v>1521</v>
      </c>
      <c r="O6857" s="5" t="s">
        <v>38</v>
      </c>
      <c r="P6857" s="5" t="s">
        <v>39</v>
      </c>
      <c r="Q6857" s="5" t="s">
        <v>40</v>
      </c>
      <c r="R6857" s="5" t="s">
        <v>1522</v>
      </c>
      <c r="S6857" s="5" t="s">
        <v>1523</v>
      </c>
      <c r="T6857" s="5" t="s">
        <v>42</v>
      </c>
      <c r="U6857" s="2">
        <v>2.3730000000000002</v>
      </c>
      <c r="V6857" s="2">
        <v>1.903</v>
      </c>
      <c r="W6857" s="2">
        <v>1.0999999999999999E-2</v>
      </c>
      <c r="X6857" s="2">
        <v>82.9</v>
      </c>
      <c r="Y6857" s="2">
        <v>7.6</v>
      </c>
      <c r="Z6857" s="2">
        <v>16.7</v>
      </c>
      <c r="AA6857" s="5"/>
      <c r="AB6857" s="5" t="s">
        <v>43</v>
      </c>
      <c r="AC6857" s="5" t="s">
        <v>44</v>
      </c>
      <c r="AD6857" s="2"/>
      <c r="AE6857" s="1"/>
    </row>
    <row r="6858" spans="1:31" ht="14.45">
      <c r="A6858" s="11"/>
      <c r="B6858" s="20"/>
      <c r="C6858" s="2" t="s">
        <v>21046</v>
      </c>
      <c r="D6858" s="14" t="s">
        <v>21047</v>
      </c>
      <c r="E6858" s="2" t="s">
        <v>21048</v>
      </c>
      <c r="F6858" s="2" t="s">
        <v>16022</v>
      </c>
      <c r="G6858" s="8">
        <v>247</v>
      </c>
      <c r="H6858" s="5">
        <v>6</v>
      </c>
      <c r="I6858" s="5" t="s">
        <v>1518</v>
      </c>
      <c r="J6858" s="5" t="s">
        <v>1519</v>
      </c>
      <c r="K6858" s="2" t="s">
        <v>1520</v>
      </c>
      <c r="L6858" s="5" t="s">
        <v>1519</v>
      </c>
      <c r="M6858" s="2" t="s">
        <v>1520</v>
      </c>
      <c r="N6858" s="5" t="s">
        <v>1521</v>
      </c>
      <c r="O6858" s="5" t="s">
        <v>38</v>
      </c>
      <c r="P6858" s="5" t="s">
        <v>39</v>
      </c>
      <c r="Q6858" s="5" t="s">
        <v>40</v>
      </c>
      <c r="R6858" s="5" t="s">
        <v>1522</v>
      </c>
      <c r="S6858" s="5" t="s">
        <v>1523</v>
      </c>
      <c r="T6858" s="5" t="s">
        <v>42</v>
      </c>
      <c r="U6858" s="2">
        <v>2.4390000000000001</v>
      </c>
      <c r="V6858" s="2">
        <v>1.9690000000000001</v>
      </c>
      <c r="W6858" s="2">
        <v>1.0999999999999999E-2</v>
      </c>
      <c r="X6858" s="2">
        <v>82.9</v>
      </c>
      <c r="Y6858" s="2">
        <v>7.6</v>
      </c>
      <c r="Z6858" s="2">
        <v>16.7</v>
      </c>
      <c r="AA6858" s="5"/>
      <c r="AB6858" s="5" t="s">
        <v>43</v>
      </c>
      <c r="AC6858" s="5" t="s">
        <v>44</v>
      </c>
      <c r="AD6858" s="2"/>
      <c r="AE6858" s="1"/>
    </row>
    <row r="6859" spans="1:31" ht="14.45">
      <c r="A6859" s="11"/>
      <c r="B6859" s="20"/>
      <c r="C6859" s="2" t="s">
        <v>21049</v>
      </c>
      <c r="D6859" s="14" t="s">
        <v>21050</v>
      </c>
      <c r="E6859" s="2" t="s">
        <v>21051</v>
      </c>
      <c r="F6859" s="2" t="s">
        <v>7615</v>
      </c>
      <c r="G6859" s="8">
        <v>247</v>
      </c>
      <c r="H6859" s="5">
        <v>6</v>
      </c>
      <c r="I6859" s="5" t="s">
        <v>1518</v>
      </c>
      <c r="J6859" s="5" t="s">
        <v>1519</v>
      </c>
      <c r="K6859" s="2" t="s">
        <v>1520</v>
      </c>
      <c r="L6859" s="5" t="s">
        <v>1519</v>
      </c>
      <c r="M6859" s="2" t="s">
        <v>1520</v>
      </c>
      <c r="N6859" s="5" t="s">
        <v>1521</v>
      </c>
      <c r="O6859" s="5" t="s">
        <v>38</v>
      </c>
      <c r="P6859" s="5" t="s">
        <v>39</v>
      </c>
      <c r="Q6859" s="5" t="s">
        <v>40</v>
      </c>
      <c r="R6859" s="5" t="s">
        <v>1522</v>
      </c>
      <c r="S6859" s="5" t="s">
        <v>1523</v>
      </c>
      <c r="T6859" s="5" t="s">
        <v>42</v>
      </c>
      <c r="U6859" s="2">
        <v>2.3610000000000002</v>
      </c>
      <c r="V6859" s="2">
        <v>1.891</v>
      </c>
      <c r="W6859" s="2">
        <v>1.0999999999999999E-2</v>
      </c>
      <c r="X6859" s="2">
        <v>82.9</v>
      </c>
      <c r="Y6859" s="2">
        <v>7.6</v>
      </c>
      <c r="Z6859" s="2">
        <v>16.7</v>
      </c>
      <c r="AA6859" s="5"/>
      <c r="AB6859" s="5" t="s">
        <v>43</v>
      </c>
      <c r="AC6859" s="5" t="s">
        <v>44</v>
      </c>
      <c r="AD6859" s="2"/>
      <c r="AE6859" s="1"/>
    </row>
    <row r="6860" spans="1:31" ht="14.45">
      <c r="A6860" s="11"/>
      <c r="B6860" s="20"/>
      <c r="C6860" s="2" t="s">
        <v>21052</v>
      </c>
      <c r="D6860" s="14" t="s">
        <v>21053</v>
      </c>
      <c r="E6860" s="2" t="s">
        <v>21054</v>
      </c>
      <c r="F6860" s="2" t="s">
        <v>7619</v>
      </c>
      <c r="G6860" s="8">
        <v>247</v>
      </c>
      <c r="H6860" s="5">
        <v>6</v>
      </c>
      <c r="I6860" s="5" t="s">
        <v>1518</v>
      </c>
      <c r="J6860" s="5" t="s">
        <v>1519</v>
      </c>
      <c r="K6860" s="2" t="s">
        <v>1520</v>
      </c>
      <c r="L6860" s="5" t="s">
        <v>1519</v>
      </c>
      <c r="M6860" s="2" t="s">
        <v>1520</v>
      </c>
      <c r="N6860" s="5" t="s">
        <v>1521</v>
      </c>
      <c r="O6860" s="5" t="s">
        <v>38</v>
      </c>
      <c r="P6860" s="5" t="s">
        <v>39</v>
      </c>
      <c r="Q6860" s="5" t="s">
        <v>40</v>
      </c>
      <c r="R6860" s="5" t="s">
        <v>1522</v>
      </c>
      <c r="S6860" s="5" t="s">
        <v>1523</v>
      </c>
      <c r="T6860" s="5" t="s">
        <v>42</v>
      </c>
      <c r="U6860" s="2">
        <v>2.427</v>
      </c>
      <c r="V6860" s="2">
        <v>1.9570000000000001</v>
      </c>
      <c r="W6860" s="2">
        <v>1.0999999999999999E-2</v>
      </c>
      <c r="X6860" s="2">
        <v>82.9</v>
      </c>
      <c r="Y6860" s="2">
        <v>7.6</v>
      </c>
      <c r="Z6860" s="2">
        <v>16.7</v>
      </c>
      <c r="AA6860" s="5"/>
      <c r="AB6860" s="5" t="s">
        <v>43</v>
      </c>
      <c r="AC6860" s="5" t="s">
        <v>44</v>
      </c>
      <c r="AD6860" s="2"/>
      <c r="AE6860" s="1"/>
    </row>
    <row r="6861" spans="1:31" ht="14.45">
      <c r="A6861" s="11"/>
      <c r="B6861" s="20"/>
      <c r="C6861" s="2" t="s">
        <v>21055</v>
      </c>
      <c r="D6861" s="14" t="s">
        <v>21056</v>
      </c>
      <c r="E6861" s="2" t="s">
        <v>21057</v>
      </c>
      <c r="F6861" s="2" t="s">
        <v>16029</v>
      </c>
      <c r="G6861" s="8">
        <v>247</v>
      </c>
      <c r="H6861" s="5">
        <v>11</v>
      </c>
      <c r="I6861" s="5" t="s">
        <v>1518</v>
      </c>
      <c r="J6861" s="5" t="s">
        <v>1519</v>
      </c>
      <c r="K6861" s="2" t="s">
        <v>1520</v>
      </c>
      <c r="L6861" s="5" t="s">
        <v>1519</v>
      </c>
      <c r="M6861" s="2" t="s">
        <v>1520</v>
      </c>
      <c r="N6861" s="5" t="s">
        <v>1521</v>
      </c>
      <c r="O6861" s="5" t="s">
        <v>38</v>
      </c>
      <c r="P6861" s="5" t="s">
        <v>39</v>
      </c>
      <c r="Q6861" s="5" t="s">
        <v>40</v>
      </c>
      <c r="R6861" s="5" t="s">
        <v>1522</v>
      </c>
      <c r="S6861" s="5" t="s">
        <v>1523</v>
      </c>
      <c r="T6861" s="5" t="s">
        <v>42</v>
      </c>
      <c r="U6861" s="2">
        <v>2.351</v>
      </c>
      <c r="V6861" s="2">
        <v>1.881</v>
      </c>
      <c r="W6861" s="2">
        <v>1.0999999999999999E-2</v>
      </c>
      <c r="X6861" s="2">
        <v>82.9</v>
      </c>
      <c r="Y6861" s="2">
        <v>7.6</v>
      </c>
      <c r="Z6861" s="2">
        <v>16.7</v>
      </c>
      <c r="AA6861" s="5"/>
      <c r="AB6861" s="5" t="s">
        <v>43</v>
      </c>
      <c r="AC6861" s="5" t="s">
        <v>44</v>
      </c>
      <c r="AD6861" s="2"/>
      <c r="AE6861" s="1"/>
    </row>
    <row r="6862" spans="1:31" ht="14.45">
      <c r="A6862" s="11"/>
      <c r="B6862" s="20"/>
      <c r="C6862" s="2" t="s">
        <v>21058</v>
      </c>
      <c r="D6862" s="14" t="s">
        <v>21059</v>
      </c>
      <c r="E6862" s="2" t="s">
        <v>21060</v>
      </c>
      <c r="F6862" s="2" t="s">
        <v>16033</v>
      </c>
      <c r="G6862" s="8">
        <v>247</v>
      </c>
      <c r="H6862" s="5">
        <v>11</v>
      </c>
      <c r="I6862" s="5" t="s">
        <v>1518</v>
      </c>
      <c r="J6862" s="5" t="s">
        <v>1519</v>
      </c>
      <c r="K6862" s="2" t="s">
        <v>1520</v>
      </c>
      <c r="L6862" s="5" t="s">
        <v>1519</v>
      </c>
      <c r="M6862" s="2" t="s">
        <v>1520</v>
      </c>
      <c r="N6862" s="5" t="s">
        <v>1521</v>
      </c>
      <c r="O6862" s="5" t="s">
        <v>38</v>
      </c>
      <c r="P6862" s="5" t="s">
        <v>39</v>
      </c>
      <c r="Q6862" s="5" t="s">
        <v>40</v>
      </c>
      <c r="R6862" s="5" t="s">
        <v>1522</v>
      </c>
      <c r="S6862" s="5" t="s">
        <v>1523</v>
      </c>
      <c r="T6862" s="5" t="s">
        <v>42</v>
      </c>
      <c r="U6862" s="2">
        <v>2.4169999999999998</v>
      </c>
      <c r="V6862" s="2">
        <v>1.9470000000000001</v>
      </c>
      <c r="W6862" s="2">
        <v>1.0999999999999999E-2</v>
      </c>
      <c r="X6862" s="2">
        <v>82.9</v>
      </c>
      <c r="Y6862" s="2">
        <v>7.6</v>
      </c>
      <c r="Z6862" s="2">
        <v>16.7</v>
      </c>
      <c r="AA6862" s="5"/>
      <c r="AB6862" s="5" t="s">
        <v>43</v>
      </c>
      <c r="AC6862" s="5" t="s">
        <v>44</v>
      </c>
      <c r="AD6862" s="2"/>
      <c r="AE6862" s="1"/>
    </row>
    <row r="6863" spans="1:31" ht="14.45">
      <c r="A6863" s="11"/>
      <c r="B6863" s="20"/>
      <c r="C6863" s="2" t="s">
        <v>21061</v>
      </c>
      <c r="D6863" s="14" t="s">
        <v>21062</v>
      </c>
      <c r="E6863" s="2" t="s">
        <v>21063</v>
      </c>
      <c r="F6863" s="2" t="s">
        <v>7396</v>
      </c>
      <c r="G6863" s="8">
        <v>243</v>
      </c>
      <c r="H6863" s="5">
        <v>6</v>
      </c>
      <c r="I6863" s="5" t="s">
        <v>1518</v>
      </c>
      <c r="J6863" s="5" t="s">
        <v>1519</v>
      </c>
      <c r="K6863" s="2" t="s">
        <v>1520</v>
      </c>
      <c r="L6863" s="5" t="s">
        <v>1519</v>
      </c>
      <c r="M6863" s="2" t="s">
        <v>1520</v>
      </c>
      <c r="N6863" s="5" t="s">
        <v>1521</v>
      </c>
      <c r="O6863" s="5" t="s">
        <v>38</v>
      </c>
      <c r="P6863" s="5" t="s">
        <v>39</v>
      </c>
      <c r="Q6863" s="5" t="s">
        <v>40</v>
      </c>
      <c r="R6863" s="5" t="s">
        <v>1522</v>
      </c>
      <c r="S6863" s="5" t="s">
        <v>1523</v>
      </c>
      <c r="T6863" s="5" t="s">
        <v>42</v>
      </c>
      <c r="U6863" s="2">
        <v>2.617</v>
      </c>
      <c r="V6863" s="2">
        <v>2.06</v>
      </c>
      <c r="W6863" s="2">
        <v>1.4999999999999999E-2</v>
      </c>
      <c r="X6863" s="2">
        <v>118.9</v>
      </c>
      <c r="Y6863" s="2">
        <v>7.6</v>
      </c>
      <c r="Z6863" s="2">
        <v>16.7</v>
      </c>
      <c r="AA6863" s="5"/>
      <c r="AB6863" s="5" t="s">
        <v>43</v>
      </c>
      <c r="AC6863" s="5" t="s">
        <v>44</v>
      </c>
      <c r="AD6863" s="2"/>
      <c r="AE6863" s="1"/>
    </row>
    <row r="6864" spans="1:31" ht="14.45">
      <c r="A6864" s="11"/>
      <c r="B6864" s="20"/>
      <c r="C6864" s="2" t="s">
        <v>21064</v>
      </c>
      <c r="D6864" s="14" t="s">
        <v>21065</v>
      </c>
      <c r="E6864" s="2" t="s">
        <v>21066</v>
      </c>
      <c r="F6864" s="2" t="s">
        <v>7507</v>
      </c>
      <c r="G6864" s="8">
        <v>243</v>
      </c>
      <c r="H6864" s="5">
        <v>6</v>
      </c>
      <c r="I6864" s="5" t="s">
        <v>1518</v>
      </c>
      <c r="J6864" s="5" t="s">
        <v>1519</v>
      </c>
      <c r="K6864" s="2" t="s">
        <v>1520</v>
      </c>
      <c r="L6864" s="5" t="s">
        <v>1519</v>
      </c>
      <c r="M6864" s="2" t="s">
        <v>1520</v>
      </c>
      <c r="N6864" s="5" t="s">
        <v>1521</v>
      </c>
      <c r="O6864" s="5" t="s">
        <v>38</v>
      </c>
      <c r="P6864" s="5" t="s">
        <v>39</v>
      </c>
      <c r="Q6864" s="5" t="s">
        <v>40</v>
      </c>
      <c r="R6864" s="5" t="s">
        <v>1522</v>
      </c>
      <c r="S6864" s="5" t="s">
        <v>1523</v>
      </c>
      <c r="T6864" s="5" t="s">
        <v>42</v>
      </c>
      <c r="U6864" s="2">
        <v>2.694</v>
      </c>
      <c r="V6864" s="2">
        <v>2.137</v>
      </c>
      <c r="W6864" s="2">
        <v>1.4999999999999999E-2</v>
      </c>
      <c r="X6864" s="2">
        <v>118.9</v>
      </c>
      <c r="Y6864" s="2">
        <v>7.6</v>
      </c>
      <c r="Z6864" s="2">
        <v>16.7</v>
      </c>
      <c r="AA6864" s="5"/>
      <c r="AB6864" s="5" t="s">
        <v>43</v>
      </c>
      <c r="AC6864" s="5" t="s">
        <v>44</v>
      </c>
      <c r="AD6864" s="2"/>
      <c r="AE6864" s="1"/>
    </row>
    <row r="6865" spans="1:31" ht="14.45">
      <c r="A6865" s="11"/>
      <c r="B6865" s="20"/>
      <c r="C6865" s="2" t="s">
        <v>21067</v>
      </c>
      <c r="D6865" s="14" t="s">
        <v>21068</v>
      </c>
      <c r="E6865" s="2" t="s">
        <v>21069</v>
      </c>
      <c r="F6865" s="2" t="s">
        <v>7204</v>
      </c>
      <c r="G6865" s="8">
        <v>243</v>
      </c>
      <c r="H6865" s="5">
        <v>6</v>
      </c>
      <c r="I6865" s="5" t="s">
        <v>1518</v>
      </c>
      <c r="J6865" s="5" t="s">
        <v>1519</v>
      </c>
      <c r="K6865" s="2" t="s">
        <v>1520</v>
      </c>
      <c r="L6865" s="5" t="s">
        <v>1519</v>
      </c>
      <c r="M6865" s="2" t="s">
        <v>1520</v>
      </c>
      <c r="N6865" s="5" t="s">
        <v>1521</v>
      </c>
      <c r="O6865" s="5" t="s">
        <v>38</v>
      </c>
      <c r="P6865" s="5" t="s">
        <v>39</v>
      </c>
      <c r="Q6865" s="5" t="s">
        <v>40</v>
      </c>
      <c r="R6865" s="5" t="s">
        <v>1522</v>
      </c>
      <c r="S6865" s="5" t="s">
        <v>1523</v>
      </c>
      <c r="T6865" s="5" t="s">
        <v>42</v>
      </c>
      <c r="U6865" s="2">
        <v>2.6219999999999999</v>
      </c>
      <c r="V6865" s="2">
        <v>2.0649999999999999</v>
      </c>
      <c r="W6865" s="2">
        <v>1.4999999999999999E-2</v>
      </c>
      <c r="X6865" s="2">
        <v>118.9</v>
      </c>
      <c r="Y6865" s="2">
        <v>7.6</v>
      </c>
      <c r="Z6865" s="2">
        <v>16.7</v>
      </c>
      <c r="AA6865" s="5"/>
      <c r="AB6865" s="5" t="s">
        <v>43</v>
      </c>
      <c r="AC6865" s="5" t="s">
        <v>44</v>
      </c>
      <c r="AD6865" s="2"/>
      <c r="AE6865" s="1"/>
    </row>
    <row r="6866" spans="1:31" ht="14.45">
      <c r="A6866" s="11"/>
      <c r="B6866" s="20"/>
      <c r="C6866" s="2" t="s">
        <v>21070</v>
      </c>
      <c r="D6866" s="14" t="s">
        <v>21071</v>
      </c>
      <c r="E6866" s="2" t="s">
        <v>21072</v>
      </c>
      <c r="F6866" s="2" t="s">
        <v>7514</v>
      </c>
      <c r="G6866" s="8">
        <v>243</v>
      </c>
      <c r="H6866" s="5">
        <v>6</v>
      </c>
      <c r="I6866" s="5" t="s">
        <v>1518</v>
      </c>
      <c r="J6866" s="5" t="s">
        <v>1519</v>
      </c>
      <c r="K6866" s="2" t="s">
        <v>1520</v>
      </c>
      <c r="L6866" s="5" t="s">
        <v>1519</v>
      </c>
      <c r="M6866" s="2" t="s">
        <v>1520</v>
      </c>
      <c r="N6866" s="5" t="s">
        <v>1521</v>
      </c>
      <c r="O6866" s="5" t="s">
        <v>38</v>
      </c>
      <c r="P6866" s="5" t="s">
        <v>39</v>
      </c>
      <c r="Q6866" s="5" t="s">
        <v>40</v>
      </c>
      <c r="R6866" s="5" t="s">
        <v>1522</v>
      </c>
      <c r="S6866" s="5" t="s">
        <v>1523</v>
      </c>
      <c r="T6866" s="5" t="s">
        <v>42</v>
      </c>
      <c r="U6866" s="2">
        <v>2.6989999999999998</v>
      </c>
      <c r="V6866" s="2">
        <v>2.1419999999999999</v>
      </c>
      <c r="W6866" s="2">
        <v>1.4999999999999999E-2</v>
      </c>
      <c r="X6866" s="2">
        <v>118.9</v>
      </c>
      <c r="Y6866" s="2">
        <v>7.6</v>
      </c>
      <c r="Z6866" s="2">
        <v>16.7</v>
      </c>
      <c r="AA6866" s="5"/>
      <c r="AB6866" s="5" t="s">
        <v>43</v>
      </c>
      <c r="AC6866" s="5" t="s">
        <v>44</v>
      </c>
      <c r="AD6866" s="2"/>
      <c r="AE6866" s="1"/>
    </row>
    <row r="6867" spans="1:31" ht="14.45">
      <c r="A6867" s="11"/>
      <c r="B6867" s="20"/>
      <c r="C6867" s="2" t="s">
        <v>21073</v>
      </c>
      <c r="D6867" s="14" t="s">
        <v>21074</v>
      </c>
      <c r="E6867" s="2" t="s">
        <v>21075</v>
      </c>
      <c r="F6867" s="2" t="s">
        <v>7208</v>
      </c>
      <c r="G6867" s="8">
        <v>243</v>
      </c>
      <c r="H6867" s="5">
        <v>6</v>
      </c>
      <c r="I6867" s="5" t="s">
        <v>1518</v>
      </c>
      <c r="J6867" s="5" t="s">
        <v>1519</v>
      </c>
      <c r="K6867" s="2" t="s">
        <v>1520</v>
      </c>
      <c r="L6867" s="5" t="s">
        <v>1519</v>
      </c>
      <c r="M6867" s="2" t="s">
        <v>1520</v>
      </c>
      <c r="N6867" s="5" t="s">
        <v>1521</v>
      </c>
      <c r="O6867" s="5" t="s">
        <v>38</v>
      </c>
      <c r="P6867" s="5" t="s">
        <v>39</v>
      </c>
      <c r="Q6867" s="5" t="s">
        <v>40</v>
      </c>
      <c r="R6867" s="5" t="s">
        <v>1522</v>
      </c>
      <c r="S6867" s="5" t="s">
        <v>1523</v>
      </c>
      <c r="T6867" s="5" t="s">
        <v>42</v>
      </c>
      <c r="U6867" s="2">
        <v>2.6219999999999999</v>
      </c>
      <c r="V6867" s="2">
        <v>2.0649999999999999</v>
      </c>
      <c r="W6867" s="2">
        <v>1.4999999999999999E-2</v>
      </c>
      <c r="X6867" s="2">
        <v>118.9</v>
      </c>
      <c r="Y6867" s="2">
        <v>7.6</v>
      </c>
      <c r="Z6867" s="2">
        <v>16.7</v>
      </c>
      <c r="AA6867" s="5"/>
      <c r="AB6867" s="5" t="s">
        <v>43</v>
      </c>
      <c r="AC6867" s="5" t="s">
        <v>44</v>
      </c>
      <c r="AD6867" s="2"/>
      <c r="AE6867" s="1"/>
    </row>
    <row r="6868" spans="1:31" ht="14.45">
      <c r="A6868" s="11"/>
      <c r="B6868" s="20"/>
      <c r="C6868" s="2" t="s">
        <v>21076</v>
      </c>
      <c r="D6868" s="14" t="s">
        <v>21077</v>
      </c>
      <c r="E6868" s="2" t="s">
        <v>21078</v>
      </c>
      <c r="F6868" s="2" t="s">
        <v>7521</v>
      </c>
      <c r="G6868" s="8">
        <v>243</v>
      </c>
      <c r="H6868" s="5">
        <v>6</v>
      </c>
      <c r="I6868" s="5" t="s">
        <v>1518</v>
      </c>
      <c r="J6868" s="5" t="s">
        <v>1519</v>
      </c>
      <c r="K6868" s="2" t="s">
        <v>1520</v>
      </c>
      <c r="L6868" s="5" t="s">
        <v>1519</v>
      </c>
      <c r="M6868" s="2" t="s">
        <v>1520</v>
      </c>
      <c r="N6868" s="5" t="s">
        <v>1521</v>
      </c>
      <c r="O6868" s="5" t="s">
        <v>38</v>
      </c>
      <c r="P6868" s="5" t="s">
        <v>39</v>
      </c>
      <c r="Q6868" s="5" t="s">
        <v>40</v>
      </c>
      <c r="R6868" s="5" t="s">
        <v>1522</v>
      </c>
      <c r="S6868" s="5" t="s">
        <v>1523</v>
      </c>
      <c r="T6868" s="5" t="s">
        <v>42</v>
      </c>
      <c r="U6868" s="2">
        <v>2.6989999999999998</v>
      </c>
      <c r="V6868" s="2">
        <v>2.1419999999999999</v>
      </c>
      <c r="W6868" s="2">
        <v>1.4999999999999999E-2</v>
      </c>
      <c r="X6868" s="2">
        <v>118.9</v>
      </c>
      <c r="Y6868" s="2">
        <v>7.6</v>
      </c>
      <c r="Z6868" s="2">
        <v>16.7</v>
      </c>
      <c r="AA6868" s="5"/>
      <c r="AB6868" s="5" t="s">
        <v>43</v>
      </c>
      <c r="AC6868" s="5" t="s">
        <v>44</v>
      </c>
      <c r="AD6868" s="2"/>
      <c r="AE6868" s="1"/>
    </row>
    <row r="6869" spans="1:31" ht="14.45">
      <c r="A6869" s="11"/>
      <c r="B6869" s="20"/>
      <c r="C6869" s="2" t="s">
        <v>21079</v>
      </c>
      <c r="D6869" s="14" t="s">
        <v>21080</v>
      </c>
      <c r="E6869" s="2" t="s">
        <v>21081</v>
      </c>
      <c r="F6869" s="2" t="s">
        <v>7212</v>
      </c>
      <c r="G6869" s="8">
        <v>243</v>
      </c>
      <c r="H6869" s="5">
        <v>6</v>
      </c>
      <c r="I6869" s="5" t="s">
        <v>1518</v>
      </c>
      <c r="J6869" s="5" t="s">
        <v>1519</v>
      </c>
      <c r="K6869" s="2" t="s">
        <v>1520</v>
      </c>
      <c r="L6869" s="5" t="s">
        <v>1519</v>
      </c>
      <c r="M6869" s="2" t="s">
        <v>1520</v>
      </c>
      <c r="N6869" s="5" t="s">
        <v>1521</v>
      </c>
      <c r="O6869" s="5" t="s">
        <v>38</v>
      </c>
      <c r="P6869" s="5" t="s">
        <v>39</v>
      </c>
      <c r="Q6869" s="5" t="s">
        <v>40</v>
      </c>
      <c r="R6869" s="5" t="s">
        <v>1522</v>
      </c>
      <c r="S6869" s="5" t="s">
        <v>1523</v>
      </c>
      <c r="T6869" s="5" t="s">
        <v>42</v>
      </c>
      <c r="U6869" s="2">
        <v>2.6070000000000002</v>
      </c>
      <c r="V6869" s="2">
        <v>2.0499999999999998</v>
      </c>
      <c r="W6869" s="2">
        <v>1.4999999999999999E-2</v>
      </c>
      <c r="X6869" s="2">
        <v>118.9</v>
      </c>
      <c r="Y6869" s="2">
        <v>7.6</v>
      </c>
      <c r="Z6869" s="2">
        <v>16.7</v>
      </c>
      <c r="AA6869" s="5"/>
      <c r="AB6869" s="5" t="s">
        <v>43</v>
      </c>
      <c r="AC6869" s="5" t="s">
        <v>44</v>
      </c>
      <c r="AD6869" s="2"/>
      <c r="AE6869" s="1"/>
    </row>
    <row r="6870" spans="1:31" ht="14.45">
      <c r="A6870" s="11"/>
      <c r="B6870" s="20"/>
      <c r="C6870" s="2" t="s">
        <v>21082</v>
      </c>
      <c r="D6870" s="14" t="s">
        <v>21083</v>
      </c>
      <c r="E6870" s="2" t="s">
        <v>21084</v>
      </c>
      <c r="F6870" s="2" t="s">
        <v>7528</v>
      </c>
      <c r="G6870" s="8">
        <v>243</v>
      </c>
      <c r="H6870" s="5">
        <v>6</v>
      </c>
      <c r="I6870" s="5" t="s">
        <v>1518</v>
      </c>
      <c r="J6870" s="5" t="s">
        <v>1519</v>
      </c>
      <c r="K6870" s="2" t="s">
        <v>1520</v>
      </c>
      <c r="L6870" s="5" t="s">
        <v>1519</v>
      </c>
      <c r="M6870" s="2" t="s">
        <v>1520</v>
      </c>
      <c r="N6870" s="5" t="s">
        <v>1521</v>
      </c>
      <c r="O6870" s="5" t="s">
        <v>38</v>
      </c>
      <c r="P6870" s="5" t="s">
        <v>39</v>
      </c>
      <c r="Q6870" s="5" t="s">
        <v>40</v>
      </c>
      <c r="R6870" s="5" t="s">
        <v>1522</v>
      </c>
      <c r="S6870" s="5" t="s">
        <v>1523</v>
      </c>
      <c r="T6870" s="5" t="s">
        <v>42</v>
      </c>
      <c r="U6870" s="2">
        <v>2.6840000000000002</v>
      </c>
      <c r="V6870" s="2">
        <v>2.1269999999999998</v>
      </c>
      <c r="W6870" s="2">
        <v>1.4999999999999999E-2</v>
      </c>
      <c r="X6870" s="2">
        <v>118.9</v>
      </c>
      <c r="Y6870" s="2">
        <v>7.6</v>
      </c>
      <c r="Z6870" s="2">
        <v>16.7</v>
      </c>
      <c r="AA6870" s="5"/>
      <c r="AB6870" s="5" t="s">
        <v>43</v>
      </c>
      <c r="AC6870" s="5" t="s">
        <v>44</v>
      </c>
      <c r="AD6870" s="2"/>
      <c r="AE6870" s="1"/>
    </row>
    <row r="6871" spans="1:31" ht="14.45">
      <c r="A6871" s="11"/>
      <c r="B6871" s="20"/>
      <c r="C6871" s="2" t="s">
        <v>21085</v>
      </c>
      <c r="D6871" s="14" t="s">
        <v>21086</v>
      </c>
      <c r="E6871" s="2" t="s">
        <v>21087</v>
      </c>
      <c r="F6871" s="2" t="s">
        <v>7406</v>
      </c>
      <c r="G6871" s="8">
        <v>259</v>
      </c>
      <c r="H6871" s="5">
        <v>6</v>
      </c>
      <c r="I6871" s="5" t="s">
        <v>1518</v>
      </c>
      <c r="J6871" s="5" t="s">
        <v>1519</v>
      </c>
      <c r="K6871" s="2" t="s">
        <v>1520</v>
      </c>
      <c r="L6871" s="5" t="s">
        <v>1519</v>
      </c>
      <c r="M6871" s="2" t="s">
        <v>1520</v>
      </c>
      <c r="N6871" s="5" t="s">
        <v>1521</v>
      </c>
      <c r="O6871" s="5" t="s">
        <v>38</v>
      </c>
      <c r="P6871" s="5" t="s">
        <v>39</v>
      </c>
      <c r="Q6871" s="5" t="s">
        <v>40</v>
      </c>
      <c r="R6871" s="5" t="s">
        <v>1522</v>
      </c>
      <c r="S6871" s="5" t="s">
        <v>1523</v>
      </c>
      <c r="T6871" s="5" t="s">
        <v>42</v>
      </c>
      <c r="U6871" s="2">
        <v>2.6070000000000002</v>
      </c>
      <c r="V6871" s="2">
        <v>2.0499999999999998</v>
      </c>
      <c r="W6871" s="2">
        <v>1.4999999999999999E-2</v>
      </c>
      <c r="X6871" s="2">
        <v>118.9</v>
      </c>
      <c r="Y6871" s="2">
        <v>7.6</v>
      </c>
      <c r="Z6871" s="2">
        <v>16.7</v>
      </c>
      <c r="AA6871" s="5"/>
      <c r="AB6871" s="5" t="s">
        <v>43</v>
      </c>
      <c r="AC6871" s="5" t="s">
        <v>44</v>
      </c>
      <c r="AD6871" s="2"/>
      <c r="AE6871" s="1"/>
    </row>
    <row r="6872" spans="1:31" ht="14.45">
      <c r="A6872" s="11"/>
      <c r="B6872" s="20"/>
      <c r="C6872" s="2" t="s">
        <v>21088</v>
      </c>
      <c r="D6872" s="14" t="s">
        <v>21089</v>
      </c>
      <c r="E6872" s="2" t="s">
        <v>21090</v>
      </c>
      <c r="F6872" s="2" t="s">
        <v>7535</v>
      </c>
      <c r="G6872" s="8">
        <v>259</v>
      </c>
      <c r="H6872" s="5">
        <v>6</v>
      </c>
      <c r="I6872" s="5" t="s">
        <v>1518</v>
      </c>
      <c r="J6872" s="5" t="s">
        <v>1519</v>
      </c>
      <c r="K6872" s="2" t="s">
        <v>1520</v>
      </c>
      <c r="L6872" s="5" t="s">
        <v>1519</v>
      </c>
      <c r="M6872" s="2" t="s">
        <v>1520</v>
      </c>
      <c r="N6872" s="5" t="s">
        <v>1521</v>
      </c>
      <c r="O6872" s="5" t="s">
        <v>38</v>
      </c>
      <c r="P6872" s="5" t="s">
        <v>39</v>
      </c>
      <c r="Q6872" s="5" t="s">
        <v>40</v>
      </c>
      <c r="R6872" s="5" t="s">
        <v>1522</v>
      </c>
      <c r="S6872" s="5" t="s">
        <v>1523</v>
      </c>
      <c r="T6872" s="5" t="s">
        <v>42</v>
      </c>
      <c r="U6872" s="2">
        <v>2.6840000000000002</v>
      </c>
      <c r="V6872" s="2">
        <v>2.1269999999999998</v>
      </c>
      <c r="W6872" s="2">
        <v>1.4999999999999999E-2</v>
      </c>
      <c r="X6872" s="2">
        <v>118.9</v>
      </c>
      <c r="Y6872" s="2">
        <v>7.6</v>
      </c>
      <c r="Z6872" s="2">
        <v>16.7</v>
      </c>
      <c r="AA6872" s="5"/>
      <c r="AB6872" s="5" t="s">
        <v>43</v>
      </c>
      <c r="AC6872" s="5" t="s">
        <v>44</v>
      </c>
      <c r="AD6872" s="2"/>
      <c r="AE6872" s="1"/>
    </row>
    <row r="6873" spans="1:31" ht="14.45">
      <c r="A6873" s="11"/>
      <c r="B6873" s="20"/>
      <c r="C6873" s="2" t="s">
        <v>21091</v>
      </c>
      <c r="D6873" s="14" t="s">
        <v>21092</v>
      </c>
      <c r="E6873" s="2" t="s">
        <v>21093</v>
      </c>
      <c r="F6873" s="2" t="s">
        <v>7539</v>
      </c>
      <c r="G6873" s="8">
        <v>259</v>
      </c>
      <c r="H6873" s="5">
        <v>6</v>
      </c>
      <c r="I6873" s="5" t="s">
        <v>1518</v>
      </c>
      <c r="J6873" s="5" t="s">
        <v>1519</v>
      </c>
      <c r="K6873" s="2" t="s">
        <v>1520</v>
      </c>
      <c r="L6873" s="5" t="s">
        <v>1519</v>
      </c>
      <c r="M6873" s="2" t="s">
        <v>1520</v>
      </c>
      <c r="N6873" s="5" t="s">
        <v>1521</v>
      </c>
      <c r="O6873" s="5" t="s">
        <v>38</v>
      </c>
      <c r="P6873" s="5" t="s">
        <v>39</v>
      </c>
      <c r="Q6873" s="5" t="s">
        <v>40</v>
      </c>
      <c r="R6873" s="5" t="s">
        <v>1522</v>
      </c>
      <c r="S6873" s="5" t="s">
        <v>1523</v>
      </c>
      <c r="T6873" s="5" t="s">
        <v>42</v>
      </c>
      <c r="U6873" s="2">
        <v>2.6219999999999999</v>
      </c>
      <c r="V6873" s="2">
        <v>2.0649999999999999</v>
      </c>
      <c r="W6873" s="2">
        <v>1.4999999999999999E-2</v>
      </c>
      <c r="X6873" s="2">
        <v>118.9</v>
      </c>
      <c r="Y6873" s="2">
        <v>7.6</v>
      </c>
      <c r="Z6873" s="2">
        <v>16.7</v>
      </c>
      <c r="AA6873" s="5"/>
      <c r="AB6873" s="5" t="s">
        <v>43</v>
      </c>
      <c r="AC6873" s="5" t="s">
        <v>44</v>
      </c>
      <c r="AD6873" s="2"/>
      <c r="AE6873" s="1"/>
    </row>
    <row r="6874" spans="1:31" ht="14.45">
      <c r="A6874" s="11"/>
      <c r="B6874" s="20"/>
      <c r="C6874" s="2" t="s">
        <v>21094</v>
      </c>
      <c r="D6874" s="14" t="s">
        <v>21095</v>
      </c>
      <c r="E6874" s="2" t="s">
        <v>21096</v>
      </c>
      <c r="F6874" s="2" t="s">
        <v>7543</v>
      </c>
      <c r="G6874" s="8">
        <v>259</v>
      </c>
      <c r="H6874" s="5">
        <v>6</v>
      </c>
      <c r="I6874" s="5" t="s">
        <v>1518</v>
      </c>
      <c r="J6874" s="5" t="s">
        <v>1519</v>
      </c>
      <c r="K6874" s="2" t="s">
        <v>1520</v>
      </c>
      <c r="L6874" s="5" t="s">
        <v>1519</v>
      </c>
      <c r="M6874" s="2" t="s">
        <v>1520</v>
      </c>
      <c r="N6874" s="5" t="s">
        <v>1521</v>
      </c>
      <c r="O6874" s="5" t="s">
        <v>38</v>
      </c>
      <c r="P6874" s="5" t="s">
        <v>39</v>
      </c>
      <c r="Q6874" s="5" t="s">
        <v>40</v>
      </c>
      <c r="R6874" s="5" t="s">
        <v>1522</v>
      </c>
      <c r="S6874" s="5" t="s">
        <v>1523</v>
      </c>
      <c r="T6874" s="5" t="s">
        <v>42</v>
      </c>
      <c r="U6874" s="2">
        <v>2.6989999999999998</v>
      </c>
      <c r="V6874" s="2">
        <v>2.1419999999999999</v>
      </c>
      <c r="W6874" s="2">
        <v>1.4999999999999999E-2</v>
      </c>
      <c r="X6874" s="2">
        <v>118.9</v>
      </c>
      <c r="Y6874" s="2">
        <v>7.6</v>
      </c>
      <c r="Z6874" s="2">
        <v>16.7</v>
      </c>
      <c r="AA6874" s="5"/>
      <c r="AB6874" s="5" t="s">
        <v>43</v>
      </c>
      <c r="AC6874" s="5" t="s">
        <v>44</v>
      </c>
      <c r="AD6874" s="2"/>
      <c r="AE6874" s="1"/>
    </row>
    <row r="6875" spans="1:31" ht="14.45">
      <c r="A6875" s="11"/>
      <c r="B6875" s="20"/>
      <c r="C6875" s="2" t="s">
        <v>21097</v>
      </c>
      <c r="D6875" s="14" t="s">
        <v>21098</v>
      </c>
      <c r="E6875" s="2" t="s">
        <v>21099</v>
      </c>
      <c r="F6875" s="2" t="s">
        <v>7547</v>
      </c>
      <c r="G6875" s="8">
        <v>259</v>
      </c>
      <c r="H6875" s="5">
        <v>6</v>
      </c>
      <c r="I6875" s="5" t="s">
        <v>1518</v>
      </c>
      <c r="J6875" s="5" t="s">
        <v>1519</v>
      </c>
      <c r="K6875" s="2" t="s">
        <v>1520</v>
      </c>
      <c r="L6875" s="5" t="s">
        <v>1519</v>
      </c>
      <c r="M6875" s="2" t="s">
        <v>1520</v>
      </c>
      <c r="N6875" s="5" t="s">
        <v>1521</v>
      </c>
      <c r="O6875" s="5" t="s">
        <v>38</v>
      </c>
      <c r="P6875" s="5" t="s">
        <v>39</v>
      </c>
      <c r="Q6875" s="5" t="s">
        <v>40</v>
      </c>
      <c r="R6875" s="5" t="s">
        <v>1522</v>
      </c>
      <c r="S6875" s="5" t="s">
        <v>1523</v>
      </c>
      <c r="T6875" s="5" t="s">
        <v>42</v>
      </c>
      <c r="U6875" s="2">
        <v>2.6070000000000002</v>
      </c>
      <c r="V6875" s="2">
        <v>2.0499999999999998</v>
      </c>
      <c r="W6875" s="2">
        <v>1.4999999999999999E-2</v>
      </c>
      <c r="X6875" s="2">
        <v>118.9</v>
      </c>
      <c r="Y6875" s="2">
        <v>7.6</v>
      </c>
      <c r="Z6875" s="2">
        <v>16.7</v>
      </c>
      <c r="AA6875" s="5"/>
      <c r="AB6875" s="5" t="s">
        <v>43</v>
      </c>
      <c r="AC6875" s="5" t="s">
        <v>44</v>
      </c>
      <c r="AD6875" s="2"/>
      <c r="AE6875" s="1"/>
    </row>
    <row r="6876" spans="1:31" ht="14.45">
      <c r="A6876" s="11"/>
      <c r="B6876" s="20"/>
      <c r="C6876" s="2" t="s">
        <v>21100</v>
      </c>
      <c r="D6876" s="14" t="s">
        <v>21101</v>
      </c>
      <c r="E6876" s="2" t="s">
        <v>21102</v>
      </c>
      <c r="F6876" s="2" t="s">
        <v>7551</v>
      </c>
      <c r="G6876" s="8">
        <v>259</v>
      </c>
      <c r="H6876" s="5">
        <v>6</v>
      </c>
      <c r="I6876" s="5" t="s">
        <v>1518</v>
      </c>
      <c r="J6876" s="5" t="s">
        <v>1519</v>
      </c>
      <c r="K6876" s="2" t="s">
        <v>1520</v>
      </c>
      <c r="L6876" s="5" t="s">
        <v>1519</v>
      </c>
      <c r="M6876" s="2" t="s">
        <v>1520</v>
      </c>
      <c r="N6876" s="5" t="s">
        <v>1521</v>
      </c>
      <c r="O6876" s="5" t="s">
        <v>38</v>
      </c>
      <c r="P6876" s="5" t="s">
        <v>39</v>
      </c>
      <c r="Q6876" s="5" t="s">
        <v>40</v>
      </c>
      <c r="R6876" s="5" t="s">
        <v>1522</v>
      </c>
      <c r="S6876" s="5" t="s">
        <v>1523</v>
      </c>
      <c r="T6876" s="5" t="s">
        <v>42</v>
      </c>
      <c r="U6876" s="2">
        <v>2.6840000000000002</v>
      </c>
      <c r="V6876" s="2">
        <v>2.1269999999999998</v>
      </c>
      <c r="W6876" s="2">
        <v>1.4999999999999999E-2</v>
      </c>
      <c r="X6876" s="2">
        <v>118.9</v>
      </c>
      <c r="Y6876" s="2">
        <v>7.6</v>
      </c>
      <c r="Z6876" s="2">
        <v>16.7</v>
      </c>
      <c r="AA6876" s="5"/>
      <c r="AB6876" s="5" t="s">
        <v>43</v>
      </c>
      <c r="AC6876" s="5" t="s">
        <v>44</v>
      </c>
      <c r="AD6876" s="2"/>
      <c r="AE6876" s="1"/>
    </row>
    <row r="6877" spans="1:31" ht="14.45">
      <c r="A6877" s="11"/>
      <c r="B6877" s="20"/>
      <c r="C6877" s="2" t="s">
        <v>21103</v>
      </c>
      <c r="D6877" s="14" t="s">
        <v>21104</v>
      </c>
      <c r="E6877" s="2" t="s">
        <v>21105</v>
      </c>
      <c r="F6877" s="2" t="s">
        <v>7555</v>
      </c>
      <c r="G6877" s="8">
        <v>259</v>
      </c>
      <c r="H6877" s="5">
        <v>6</v>
      </c>
      <c r="I6877" s="5" t="s">
        <v>1518</v>
      </c>
      <c r="J6877" s="5" t="s">
        <v>1519</v>
      </c>
      <c r="K6877" s="2" t="s">
        <v>1520</v>
      </c>
      <c r="L6877" s="5" t="s">
        <v>1519</v>
      </c>
      <c r="M6877" s="2" t="s">
        <v>1520</v>
      </c>
      <c r="N6877" s="5" t="s">
        <v>1521</v>
      </c>
      <c r="O6877" s="5" t="s">
        <v>38</v>
      </c>
      <c r="P6877" s="5" t="s">
        <v>39</v>
      </c>
      <c r="Q6877" s="5" t="s">
        <v>40</v>
      </c>
      <c r="R6877" s="5" t="s">
        <v>1522</v>
      </c>
      <c r="S6877" s="5" t="s">
        <v>1523</v>
      </c>
      <c r="T6877" s="5" t="s">
        <v>42</v>
      </c>
      <c r="U6877" s="2">
        <v>2.6070000000000002</v>
      </c>
      <c r="V6877" s="2">
        <v>2.0499999999999998</v>
      </c>
      <c r="W6877" s="2">
        <v>1.4999999999999999E-2</v>
      </c>
      <c r="X6877" s="2">
        <v>118.9</v>
      </c>
      <c r="Y6877" s="2">
        <v>7.6</v>
      </c>
      <c r="Z6877" s="2">
        <v>16.7</v>
      </c>
      <c r="AA6877" s="5"/>
      <c r="AB6877" s="5" t="s">
        <v>43</v>
      </c>
      <c r="AC6877" s="5" t="s">
        <v>44</v>
      </c>
      <c r="AD6877" s="2"/>
      <c r="AE6877" s="1"/>
    </row>
    <row r="6878" spans="1:31" ht="14.45">
      <c r="A6878" s="11"/>
      <c r="B6878" s="20"/>
      <c r="C6878" s="2" t="s">
        <v>21106</v>
      </c>
      <c r="D6878" s="14" t="s">
        <v>21107</v>
      </c>
      <c r="E6878" s="2" t="s">
        <v>21108</v>
      </c>
      <c r="F6878" s="2" t="s">
        <v>7559</v>
      </c>
      <c r="G6878" s="8">
        <v>259</v>
      </c>
      <c r="H6878" s="5">
        <v>6</v>
      </c>
      <c r="I6878" s="5" t="s">
        <v>1518</v>
      </c>
      <c r="J6878" s="5" t="s">
        <v>1519</v>
      </c>
      <c r="K6878" s="2" t="s">
        <v>1520</v>
      </c>
      <c r="L6878" s="5" t="s">
        <v>1519</v>
      </c>
      <c r="M6878" s="2" t="s">
        <v>1520</v>
      </c>
      <c r="N6878" s="5" t="s">
        <v>1521</v>
      </c>
      <c r="O6878" s="5" t="s">
        <v>38</v>
      </c>
      <c r="P6878" s="5" t="s">
        <v>39</v>
      </c>
      <c r="Q6878" s="5" t="s">
        <v>40</v>
      </c>
      <c r="R6878" s="5" t="s">
        <v>1522</v>
      </c>
      <c r="S6878" s="5" t="s">
        <v>1523</v>
      </c>
      <c r="T6878" s="5" t="s">
        <v>42</v>
      </c>
      <c r="U6878" s="2">
        <v>2.6840000000000002</v>
      </c>
      <c r="V6878" s="2">
        <v>2.1269999999999998</v>
      </c>
      <c r="W6878" s="2">
        <v>1.4999999999999999E-2</v>
      </c>
      <c r="X6878" s="2">
        <v>118.9</v>
      </c>
      <c r="Y6878" s="2">
        <v>7.6</v>
      </c>
      <c r="Z6878" s="2">
        <v>16.7</v>
      </c>
      <c r="AA6878" s="5"/>
      <c r="AB6878" s="5" t="s">
        <v>43</v>
      </c>
      <c r="AC6878" s="5" t="s">
        <v>44</v>
      </c>
      <c r="AD6878" s="2"/>
      <c r="AE6878" s="1"/>
    </row>
    <row r="6879" spans="1:31" ht="14.45">
      <c r="A6879" s="11"/>
      <c r="B6879" s="20"/>
      <c r="C6879" s="2" t="s">
        <v>21109</v>
      </c>
      <c r="D6879" s="14" t="s">
        <v>21110</v>
      </c>
      <c r="E6879" s="2" t="s">
        <v>21111</v>
      </c>
      <c r="F6879" s="2" t="s">
        <v>7563</v>
      </c>
      <c r="G6879" s="8">
        <v>259</v>
      </c>
      <c r="H6879" s="5">
        <v>6</v>
      </c>
      <c r="I6879" s="5" t="s">
        <v>1518</v>
      </c>
      <c r="J6879" s="5" t="s">
        <v>1519</v>
      </c>
      <c r="K6879" s="2" t="s">
        <v>1520</v>
      </c>
      <c r="L6879" s="5" t="s">
        <v>1519</v>
      </c>
      <c r="M6879" s="2" t="s">
        <v>1520</v>
      </c>
      <c r="N6879" s="5" t="s">
        <v>1521</v>
      </c>
      <c r="O6879" s="5" t="s">
        <v>38</v>
      </c>
      <c r="P6879" s="5" t="s">
        <v>39</v>
      </c>
      <c r="Q6879" s="5" t="s">
        <v>40</v>
      </c>
      <c r="R6879" s="5" t="s">
        <v>1522</v>
      </c>
      <c r="S6879" s="5" t="s">
        <v>1523</v>
      </c>
      <c r="T6879" s="5" t="s">
        <v>42</v>
      </c>
      <c r="U6879" s="2">
        <v>2.6219999999999999</v>
      </c>
      <c r="V6879" s="2">
        <v>2.0649999999999999</v>
      </c>
      <c r="W6879" s="2">
        <v>1.4999999999999999E-2</v>
      </c>
      <c r="X6879" s="2">
        <v>118.9</v>
      </c>
      <c r="Y6879" s="2">
        <v>7.6</v>
      </c>
      <c r="Z6879" s="2">
        <v>16.7</v>
      </c>
      <c r="AA6879" s="5"/>
      <c r="AB6879" s="5" t="s">
        <v>43</v>
      </c>
      <c r="AC6879" s="5" t="s">
        <v>44</v>
      </c>
      <c r="AD6879" s="2"/>
      <c r="AE6879" s="1"/>
    </row>
    <row r="6880" spans="1:31" ht="14.45">
      <c r="A6880" s="11"/>
      <c r="B6880" s="20"/>
      <c r="C6880" s="2" t="s">
        <v>21112</v>
      </c>
      <c r="D6880" s="14" t="s">
        <v>21113</v>
      </c>
      <c r="E6880" s="2" t="s">
        <v>21114</v>
      </c>
      <c r="F6880" s="2" t="s">
        <v>7567</v>
      </c>
      <c r="G6880" s="8">
        <v>259</v>
      </c>
      <c r="H6880" s="5">
        <v>6</v>
      </c>
      <c r="I6880" s="5" t="s">
        <v>1518</v>
      </c>
      <c r="J6880" s="5" t="s">
        <v>1519</v>
      </c>
      <c r="K6880" s="2" t="s">
        <v>1520</v>
      </c>
      <c r="L6880" s="5" t="s">
        <v>1519</v>
      </c>
      <c r="M6880" s="2" t="s">
        <v>1520</v>
      </c>
      <c r="N6880" s="5" t="s">
        <v>1521</v>
      </c>
      <c r="O6880" s="5" t="s">
        <v>38</v>
      </c>
      <c r="P6880" s="5" t="s">
        <v>39</v>
      </c>
      <c r="Q6880" s="5" t="s">
        <v>40</v>
      </c>
      <c r="R6880" s="5" t="s">
        <v>1522</v>
      </c>
      <c r="S6880" s="5" t="s">
        <v>1523</v>
      </c>
      <c r="T6880" s="5" t="s">
        <v>42</v>
      </c>
      <c r="U6880" s="2">
        <v>2.6989999999999998</v>
      </c>
      <c r="V6880" s="2">
        <v>2.1419999999999999</v>
      </c>
      <c r="W6880" s="2">
        <v>1.4999999999999999E-2</v>
      </c>
      <c r="X6880" s="2">
        <v>118.9</v>
      </c>
      <c r="Y6880" s="2">
        <v>7.6</v>
      </c>
      <c r="Z6880" s="2">
        <v>16.7</v>
      </c>
      <c r="AA6880" s="5"/>
      <c r="AB6880" s="5" t="s">
        <v>43</v>
      </c>
      <c r="AC6880" s="5" t="s">
        <v>44</v>
      </c>
      <c r="AD6880" s="2"/>
      <c r="AE6880" s="1"/>
    </row>
    <row r="6881" spans="1:31" ht="14.45">
      <c r="A6881" s="11"/>
      <c r="B6881" s="20"/>
      <c r="C6881" s="2" t="s">
        <v>21115</v>
      </c>
      <c r="D6881" s="14" t="s">
        <v>21116</v>
      </c>
      <c r="E6881" s="2" t="s">
        <v>21117</v>
      </c>
      <c r="F6881" s="2" t="s">
        <v>16079</v>
      </c>
      <c r="G6881" s="8">
        <v>259</v>
      </c>
      <c r="H6881" s="5">
        <v>6</v>
      </c>
      <c r="I6881" s="5" t="s">
        <v>1518</v>
      </c>
      <c r="J6881" s="5" t="s">
        <v>1519</v>
      </c>
      <c r="K6881" s="2" t="s">
        <v>1520</v>
      </c>
      <c r="L6881" s="5" t="s">
        <v>1519</v>
      </c>
      <c r="M6881" s="2" t="s">
        <v>1520</v>
      </c>
      <c r="N6881" s="5" t="s">
        <v>1521</v>
      </c>
      <c r="O6881" s="5" t="s">
        <v>38</v>
      </c>
      <c r="P6881" s="5" t="s">
        <v>39</v>
      </c>
      <c r="Q6881" s="5" t="s">
        <v>40</v>
      </c>
      <c r="R6881" s="5" t="s">
        <v>1522</v>
      </c>
      <c r="S6881" s="5" t="s">
        <v>1523</v>
      </c>
      <c r="T6881" s="5" t="s">
        <v>42</v>
      </c>
      <c r="U6881" s="2">
        <v>2.6219999999999999</v>
      </c>
      <c r="V6881" s="2">
        <v>2.0649999999999999</v>
      </c>
      <c r="W6881" s="2">
        <v>1.4999999999999999E-2</v>
      </c>
      <c r="X6881" s="2">
        <v>118.9</v>
      </c>
      <c r="Y6881" s="2">
        <v>7.6</v>
      </c>
      <c r="Z6881" s="2">
        <v>16.7</v>
      </c>
      <c r="AA6881" s="5"/>
      <c r="AB6881" s="5" t="s">
        <v>43</v>
      </c>
      <c r="AC6881" s="5" t="s">
        <v>44</v>
      </c>
      <c r="AD6881" s="2"/>
      <c r="AE6881" s="1"/>
    </row>
    <row r="6882" spans="1:31" ht="14.45">
      <c r="A6882" s="11"/>
      <c r="B6882" s="20"/>
      <c r="C6882" s="2" t="s">
        <v>21118</v>
      </c>
      <c r="D6882" s="14" t="s">
        <v>21119</v>
      </c>
      <c r="E6882" s="2" t="s">
        <v>21120</v>
      </c>
      <c r="F6882" s="2" t="s">
        <v>16194</v>
      </c>
      <c r="G6882" s="8">
        <v>259</v>
      </c>
      <c r="H6882" s="5">
        <v>6</v>
      </c>
      <c r="I6882" s="5" t="s">
        <v>1518</v>
      </c>
      <c r="J6882" s="5" t="s">
        <v>1519</v>
      </c>
      <c r="K6882" s="2" t="s">
        <v>1520</v>
      </c>
      <c r="L6882" s="5" t="s">
        <v>1519</v>
      </c>
      <c r="M6882" s="2" t="s">
        <v>1520</v>
      </c>
      <c r="N6882" s="5" t="s">
        <v>1521</v>
      </c>
      <c r="O6882" s="5" t="s">
        <v>38</v>
      </c>
      <c r="P6882" s="5" t="s">
        <v>39</v>
      </c>
      <c r="Q6882" s="5" t="s">
        <v>40</v>
      </c>
      <c r="R6882" s="5" t="s">
        <v>1522</v>
      </c>
      <c r="S6882" s="5" t="s">
        <v>1523</v>
      </c>
      <c r="T6882" s="5" t="s">
        <v>42</v>
      </c>
      <c r="U6882" s="2">
        <v>2.6989999999999998</v>
      </c>
      <c r="V6882" s="2">
        <v>2.1419999999999999</v>
      </c>
      <c r="W6882" s="2">
        <v>1.4999999999999999E-2</v>
      </c>
      <c r="X6882" s="2">
        <v>118.9</v>
      </c>
      <c r="Y6882" s="2">
        <v>7.6</v>
      </c>
      <c r="Z6882" s="2">
        <v>16.7</v>
      </c>
      <c r="AA6882" s="5"/>
      <c r="AB6882" s="5" t="s">
        <v>43</v>
      </c>
      <c r="AC6882" s="5" t="s">
        <v>44</v>
      </c>
      <c r="AD6882" s="2"/>
      <c r="AE6882" s="1"/>
    </row>
    <row r="6883" spans="1:31" ht="14.45">
      <c r="A6883" s="11"/>
      <c r="B6883" s="20"/>
      <c r="C6883" s="2" t="s">
        <v>21121</v>
      </c>
      <c r="D6883" s="14" t="s">
        <v>21122</v>
      </c>
      <c r="E6883" s="2" t="s">
        <v>21123</v>
      </c>
      <c r="F6883" s="2" t="s">
        <v>7449</v>
      </c>
      <c r="G6883" s="8">
        <v>259</v>
      </c>
      <c r="H6883" s="5">
        <v>6</v>
      </c>
      <c r="I6883" s="5" t="s">
        <v>1518</v>
      </c>
      <c r="J6883" s="5" t="s">
        <v>1519</v>
      </c>
      <c r="K6883" s="2" t="s">
        <v>1520</v>
      </c>
      <c r="L6883" s="5" t="s">
        <v>1519</v>
      </c>
      <c r="M6883" s="2" t="s">
        <v>1520</v>
      </c>
      <c r="N6883" s="5" t="s">
        <v>1521</v>
      </c>
      <c r="O6883" s="5" t="s">
        <v>38</v>
      </c>
      <c r="P6883" s="5" t="s">
        <v>39</v>
      </c>
      <c r="Q6883" s="5" t="s">
        <v>40</v>
      </c>
      <c r="R6883" s="5" t="s">
        <v>1522</v>
      </c>
      <c r="S6883" s="5" t="s">
        <v>1523</v>
      </c>
      <c r="T6883" s="5" t="s">
        <v>42</v>
      </c>
      <c r="U6883" s="2">
        <v>2.6219999999999999</v>
      </c>
      <c r="V6883" s="2">
        <v>2.0649999999999999</v>
      </c>
      <c r="W6883" s="2">
        <v>1.4999999999999999E-2</v>
      </c>
      <c r="X6883" s="2">
        <v>118.9</v>
      </c>
      <c r="Y6883" s="2">
        <v>7.6</v>
      </c>
      <c r="Z6883" s="2">
        <v>16.7</v>
      </c>
      <c r="AA6883" s="5"/>
      <c r="AB6883" s="5" t="s">
        <v>43</v>
      </c>
      <c r="AC6883" s="5" t="s">
        <v>44</v>
      </c>
      <c r="AD6883" s="2"/>
      <c r="AE6883" s="1"/>
    </row>
    <row r="6884" spans="1:31" ht="14.45">
      <c r="A6884" s="11"/>
      <c r="B6884" s="20"/>
      <c r="C6884" s="2" t="s">
        <v>21124</v>
      </c>
      <c r="D6884" s="14" t="s">
        <v>21125</v>
      </c>
      <c r="E6884" s="2" t="s">
        <v>21126</v>
      </c>
      <c r="F6884" s="2" t="s">
        <v>7581</v>
      </c>
      <c r="G6884" s="8">
        <v>259</v>
      </c>
      <c r="H6884" s="5">
        <v>6</v>
      </c>
      <c r="I6884" s="5" t="s">
        <v>1518</v>
      </c>
      <c r="J6884" s="5" t="s">
        <v>1519</v>
      </c>
      <c r="K6884" s="2" t="s">
        <v>1520</v>
      </c>
      <c r="L6884" s="5" t="s">
        <v>1519</v>
      </c>
      <c r="M6884" s="2" t="s">
        <v>1520</v>
      </c>
      <c r="N6884" s="5" t="s">
        <v>1521</v>
      </c>
      <c r="O6884" s="5" t="s">
        <v>38</v>
      </c>
      <c r="P6884" s="5" t="s">
        <v>39</v>
      </c>
      <c r="Q6884" s="5" t="s">
        <v>40</v>
      </c>
      <c r="R6884" s="5" t="s">
        <v>1522</v>
      </c>
      <c r="S6884" s="5" t="s">
        <v>1523</v>
      </c>
      <c r="T6884" s="5" t="s">
        <v>42</v>
      </c>
      <c r="U6884" s="2">
        <v>2.6989999999999998</v>
      </c>
      <c r="V6884" s="2">
        <v>2.1419999999999999</v>
      </c>
      <c r="W6884" s="2">
        <v>1.4999999999999999E-2</v>
      </c>
      <c r="X6884" s="2">
        <v>118.9</v>
      </c>
      <c r="Y6884" s="2">
        <v>7.6</v>
      </c>
      <c r="Z6884" s="2">
        <v>16.7</v>
      </c>
      <c r="AA6884" s="5"/>
      <c r="AB6884" s="5" t="s">
        <v>43</v>
      </c>
      <c r="AC6884" s="5" t="s">
        <v>44</v>
      </c>
      <c r="AD6884" s="2"/>
      <c r="AE6884" s="1"/>
    </row>
    <row r="6885" spans="1:31" ht="14.45">
      <c r="A6885" s="11"/>
      <c r="B6885" s="20"/>
      <c r="C6885" s="2" t="s">
        <v>21127</v>
      </c>
      <c r="D6885" s="14" t="s">
        <v>21128</v>
      </c>
      <c r="E6885" s="2" t="s">
        <v>21129</v>
      </c>
      <c r="F6885" s="2" t="s">
        <v>7585</v>
      </c>
      <c r="G6885" s="8">
        <v>259</v>
      </c>
      <c r="H6885" s="5">
        <v>6</v>
      </c>
      <c r="I6885" s="5" t="s">
        <v>1518</v>
      </c>
      <c r="J6885" s="5" t="s">
        <v>1519</v>
      </c>
      <c r="K6885" s="2" t="s">
        <v>1520</v>
      </c>
      <c r="L6885" s="5" t="s">
        <v>1519</v>
      </c>
      <c r="M6885" s="2" t="s">
        <v>1520</v>
      </c>
      <c r="N6885" s="5" t="s">
        <v>1521</v>
      </c>
      <c r="O6885" s="5" t="s">
        <v>38</v>
      </c>
      <c r="P6885" s="5" t="s">
        <v>39</v>
      </c>
      <c r="Q6885" s="5" t="s">
        <v>40</v>
      </c>
      <c r="R6885" s="5" t="s">
        <v>1522</v>
      </c>
      <c r="S6885" s="5" t="s">
        <v>1523</v>
      </c>
      <c r="T6885" s="5" t="s">
        <v>42</v>
      </c>
      <c r="U6885" s="2">
        <v>2.6070000000000002</v>
      </c>
      <c r="V6885" s="2">
        <v>2.0499999999999998</v>
      </c>
      <c r="W6885" s="2">
        <v>1.4999999999999999E-2</v>
      </c>
      <c r="X6885" s="2">
        <v>118.9</v>
      </c>
      <c r="Y6885" s="2">
        <v>7.6</v>
      </c>
      <c r="Z6885" s="2">
        <v>16.7</v>
      </c>
      <c r="AA6885" s="5"/>
      <c r="AB6885" s="5" t="s">
        <v>43</v>
      </c>
      <c r="AC6885" s="5" t="s">
        <v>44</v>
      </c>
      <c r="AD6885" s="2"/>
      <c r="AE6885" s="1"/>
    </row>
    <row r="6886" spans="1:31" ht="14.45">
      <c r="A6886" s="11"/>
      <c r="B6886" s="20"/>
      <c r="C6886" s="2" t="s">
        <v>21130</v>
      </c>
      <c r="D6886" s="14" t="s">
        <v>21131</v>
      </c>
      <c r="E6886" s="2" t="s">
        <v>21132</v>
      </c>
      <c r="F6886" s="2" t="s">
        <v>7589</v>
      </c>
      <c r="G6886" s="8">
        <v>259</v>
      </c>
      <c r="H6886" s="5">
        <v>6</v>
      </c>
      <c r="I6886" s="5" t="s">
        <v>1518</v>
      </c>
      <c r="J6886" s="5" t="s">
        <v>1519</v>
      </c>
      <c r="K6886" s="2" t="s">
        <v>1520</v>
      </c>
      <c r="L6886" s="5" t="s">
        <v>1519</v>
      </c>
      <c r="M6886" s="2" t="s">
        <v>1520</v>
      </c>
      <c r="N6886" s="5" t="s">
        <v>1521</v>
      </c>
      <c r="O6886" s="5" t="s">
        <v>38</v>
      </c>
      <c r="P6886" s="5" t="s">
        <v>39</v>
      </c>
      <c r="Q6886" s="5" t="s">
        <v>40</v>
      </c>
      <c r="R6886" s="5" t="s">
        <v>1522</v>
      </c>
      <c r="S6886" s="5" t="s">
        <v>1523</v>
      </c>
      <c r="T6886" s="5" t="s">
        <v>42</v>
      </c>
      <c r="U6886" s="2">
        <v>2.6840000000000002</v>
      </c>
      <c r="V6886" s="2">
        <v>2.1269999999999998</v>
      </c>
      <c r="W6886" s="2">
        <v>1.4999999999999999E-2</v>
      </c>
      <c r="X6886" s="2">
        <v>118.9</v>
      </c>
      <c r="Y6886" s="2">
        <v>7.6</v>
      </c>
      <c r="Z6886" s="2">
        <v>16.7</v>
      </c>
      <c r="AA6886" s="5"/>
      <c r="AB6886" s="5" t="s">
        <v>43</v>
      </c>
      <c r="AC6886" s="5" t="s">
        <v>44</v>
      </c>
      <c r="AD6886" s="2"/>
      <c r="AE6886" s="1"/>
    </row>
    <row r="6887" spans="1:31" ht="14.45">
      <c r="A6887" s="11"/>
      <c r="B6887" s="20"/>
      <c r="C6887" s="2" t="s">
        <v>21133</v>
      </c>
      <c r="D6887" s="14" t="s">
        <v>21134</v>
      </c>
      <c r="E6887" s="2" t="s">
        <v>21135</v>
      </c>
      <c r="F6887" s="2" t="s">
        <v>7593</v>
      </c>
      <c r="G6887" s="8">
        <v>259</v>
      </c>
      <c r="H6887" s="5">
        <v>6</v>
      </c>
      <c r="I6887" s="5" t="s">
        <v>1518</v>
      </c>
      <c r="J6887" s="5" t="s">
        <v>1519</v>
      </c>
      <c r="K6887" s="2" t="s">
        <v>1520</v>
      </c>
      <c r="L6887" s="5" t="s">
        <v>1519</v>
      </c>
      <c r="M6887" s="2" t="s">
        <v>1520</v>
      </c>
      <c r="N6887" s="5" t="s">
        <v>1521</v>
      </c>
      <c r="O6887" s="5" t="s">
        <v>38</v>
      </c>
      <c r="P6887" s="5" t="s">
        <v>39</v>
      </c>
      <c r="Q6887" s="5" t="s">
        <v>40</v>
      </c>
      <c r="R6887" s="5" t="s">
        <v>1522</v>
      </c>
      <c r="S6887" s="5" t="s">
        <v>1523</v>
      </c>
      <c r="T6887" s="5" t="s">
        <v>42</v>
      </c>
      <c r="U6887" s="2">
        <v>2.6219999999999999</v>
      </c>
      <c r="V6887" s="2">
        <v>2.0649999999999999</v>
      </c>
      <c r="W6887" s="2">
        <v>1.4999999999999999E-2</v>
      </c>
      <c r="X6887" s="2">
        <v>118.9</v>
      </c>
      <c r="Y6887" s="2">
        <v>7.6</v>
      </c>
      <c r="Z6887" s="2">
        <v>16.7</v>
      </c>
      <c r="AA6887" s="5"/>
      <c r="AB6887" s="5" t="s">
        <v>43</v>
      </c>
      <c r="AC6887" s="5" t="s">
        <v>44</v>
      </c>
      <c r="AD6887" s="2"/>
      <c r="AE6887" s="1"/>
    </row>
    <row r="6888" spans="1:31" ht="14.45">
      <c r="A6888" s="11"/>
      <c r="B6888" s="20"/>
      <c r="C6888" s="2" t="s">
        <v>21136</v>
      </c>
      <c r="D6888" s="14" t="s">
        <v>21137</v>
      </c>
      <c r="E6888" s="2" t="s">
        <v>21138</v>
      </c>
      <c r="F6888" s="2" t="s">
        <v>7597</v>
      </c>
      <c r="G6888" s="8">
        <v>259</v>
      </c>
      <c r="H6888" s="5">
        <v>6</v>
      </c>
      <c r="I6888" s="5" t="s">
        <v>1518</v>
      </c>
      <c r="J6888" s="5" t="s">
        <v>1519</v>
      </c>
      <c r="K6888" s="2" t="s">
        <v>1520</v>
      </c>
      <c r="L6888" s="5" t="s">
        <v>1519</v>
      </c>
      <c r="M6888" s="2" t="s">
        <v>1520</v>
      </c>
      <c r="N6888" s="5" t="s">
        <v>1521</v>
      </c>
      <c r="O6888" s="5" t="s">
        <v>38</v>
      </c>
      <c r="P6888" s="5" t="s">
        <v>39</v>
      </c>
      <c r="Q6888" s="5" t="s">
        <v>40</v>
      </c>
      <c r="R6888" s="5" t="s">
        <v>1522</v>
      </c>
      <c r="S6888" s="5" t="s">
        <v>1523</v>
      </c>
      <c r="T6888" s="5" t="s">
        <v>42</v>
      </c>
      <c r="U6888" s="2">
        <v>2.6989999999999998</v>
      </c>
      <c r="V6888" s="2">
        <v>2.1419999999999999</v>
      </c>
      <c r="W6888" s="2">
        <v>1.4999999999999999E-2</v>
      </c>
      <c r="X6888" s="2">
        <v>118.9</v>
      </c>
      <c r="Y6888" s="2">
        <v>7.6</v>
      </c>
      <c r="Z6888" s="2">
        <v>16.7</v>
      </c>
      <c r="AA6888" s="5"/>
      <c r="AB6888" s="5" t="s">
        <v>43</v>
      </c>
      <c r="AC6888" s="5" t="s">
        <v>44</v>
      </c>
      <c r="AD6888" s="2"/>
      <c r="AE6888" s="1"/>
    </row>
    <row r="6889" spans="1:31" ht="14.45">
      <c r="A6889" s="11"/>
      <c r="B6889" s="20"/>
      <c r="C6889" s="2" t="s">
        <v>21139</v>
      </c>
      <c r="D6889" s="14" t="s">
        <v>21140</v>
      </c>
      <c r="E6889" s="2" t="s">
        <v>21141</v>
      </c>
      <c r="F6889" s="2" t="s">
        <v>16014</v>
      </c>
      <c r="G6889" s="8">
        <v>259</v>
      </c>
      <c r="H6889" s="5">
        <v>6</v>
      </c>
      <c r="I6889" s="5" t="s">
        <v>1518</v>
      </c>
      <c r="J6889" s="5" t="s">
        <v>1519</v>
      </c>
      <c r="K6889" s="2" t="s">
        <v>1520</v>
      </c>
      <c r="L6889" s="5" t="s">
        <v>1519</v>
      </c>
      <c r="M6889" s="2" t="s">
        <v>1520</v>
      </c>
      <c r="N6889" s="5" t="s">
        <v>1521</v>
      </c>
      <c r="O6889" s="5" t="s">
        <v>38</v>
      </c>
      <c r="P6889" s="5" t="s">
        <v>39</v>
      </c>
      <c r="Q6889" s="5" t="s">
        <v>40</v>
      </c>
      <c r="R6889" s="5" t="s">
        <v>1522</v>
      </c>
      <c r="S6889" s="5" t="s">
        <v>1523</v>
      </c>
      <c r="T6889" s="5" t="s">
        <v>42</v>
      </c>
      <c r="U6889" s="2">
        <v>2.6219999999999999</v>
      </c>
      <c r="V6889" s="2">
        <v>2.0649999999999999</v>
      </c>
      <c r="W6889" s="2">
        <v>1.4999999999999999E-2</v>
      </c>
      <c r="X6889" s="2">
        <v>118.9</v>
      </c>
      <c r="Y6889" s="2">
        <v>7.6</v>
      </c>
      <c r="Z6889" s="2">
        <v>16.7</v>
      </c>
      <c r="AA6889" s="5"/>
      <c r="AB6889" s="5" t="s">
        <v>43</v>
      </c>
      <c r="AC6889" s="5" t="s">
        <v>44</v>
      </c>
      <c r="AD6889" s="2"/>
      <c r="AE6889" s="1"/>
    </row>
    <row r="6890" spans="1:31" ht="14.45">
      <c r="A6890" s="11"/>
      <c r="B6890" s="20"/>
      <c r="C6890" s="2" t="s">
        <v>21142</v>
      </c>
      <c r="D6890" s="14" t="s">
        <v>21143</v>
      </c>
      <c r="E6890" s="2" t="s">
        <v>21144</v>
      </c>
      <c r="F6890" s="2" t="s">
        <v>16219</v>
      </c>
      <c r="G6890" s="8">
        <v>259</v>
      </c>
      <c r="H6890" s="5">
        <v>6</v>
      </c>
      <c r="I6890" s="5" t="s">
        <v>1518</v>
      </c>
      <c r="J6890" s="5" t="s">
        <v>1519</v>
      </c>
      <c r="K6890" s="2" t="s">
        <v>1520</v>
      </c>
      <c r="L6890" s="5" t="s">
        <v>1519</v>
      </c>
      <c r="M6890" s="2" t="s">
        <v>1520</v>
      </c>
      <c r="N6890" s="5" t="s">
        <v>1521</v>
      </c>
      <c r="O6890" s="5" t="s">
        <v>38</v>
      </c>
      <c r="P6890" s="5" t="s">
        <v>39</v>
      </c>
      <c r="Q6890" s="5" t="s">
        <v>40</v>
      </c>
      <c r="R6890" s="5" t="s">
        <v>1522</v>
      </c>
      <c r="S6890" s="5" t="s">
        <v>1523</v>
      </c>
      <c r="T6890" s="5" t="s">
        <v>42</v>
      </c>
      <c r="U6890" s="2">
        <v>2.6989999999999998</v>
      </c>
      <c r="V6890" s="2">
        <v>2.1419999999999999</v>
      </c>
      <c r="W6890" s="2">
        <v>1.4999999999999999E-2</v>
      </c>
      <c r="X6890" s="2">
        <v>118.9</v>
      </c>
      <c r="Y6890" s="2">
        <v>7.6</v>
      </c>
      <c r="Z6890" s="2">
        <v>16.7</v>
      </c>
      <c r="AA6890" s="5"/>
      <c r="AB6890" s="5" t="s">
        <v>43</v>
      </c>
      <c r="AC6890" s="5" t="s">
        <v>44</v>
      </c>
      <c r="AD6890" s="2"/>
      <c r="AE6890" s="1"/>
    </row>
    <row r="6891" spans="1:31" ht="14.45">
      <c r="A6891" s="11"/>
      <c r="B6891" s="20"/>
      <c r="C6891" s="2" t="s">
        <v>21145</v>
      </c>
      <c r="D6891" s="14" t="s">
        <v>21146</v>
      </c>
      <c r="E6891" s="2" t="s">
        <v>21147</v>
      </c>
      <c r="F6891" s="2" t="s">
        <v>16018</v>
      </c>
      <c r="G6891" s="8">
        <v>259</v>
      </c>
      <c r="H6891" s="5">
        <v>6</v>
      </c>
      <c r="I6891" s="5" t="s">
        <v>1518</v>
      </c>
      <c r="J6891" s="5" t="s">
        <v>1519</v>
      </c>
      <c r="K6891" s="2" t="s">
        <v>1520</v>
      </c>
      <c r="L6891" s="5" t="s">
        <v>1519</v>
      </c>
      <c r="M6891" s="2" t="s">
        <v>1520</v>
      </c>
      <c r="N6891" s="5" t="s">
        <v>1521</v>
      </c>
      <c r="O6891" s="5" t="s">
        <v>38</v>
      </c>
      <c r="P6891" s="5" t="s">
        <v>39</v>
      </c>
      <c r="Q6891" s="5" t="s">
        <v>40</v>
      </c>
      <c r="R6891" s="5" t="s">
        <v>1522</v>
      </c>
      <c r="S6891" s="5" t="s">
        <v>1523</v>
      </c>
      <c r="T6891" s="5" t="s">
        <v>42</v>
      </c>
      <c r="U6891" s="2">
        <v>2.6219999999999999</v>
      </c>
      <c r="V6891" s="2">
        <v>2.0649999999999999</v>
      </c>
      <c r="W6891" s="2">
        <v>1.4999999999999999E-2</v>
      </c>
      <c r="X6891" s="2">
        <v>118.9</v>
      </c>
      <c r="Y6891" s="2">
        <v>7.6</v>
      </c>
      <c r="Z6891" s="2">
        <v>16.7</v>
      </c>
      <c r="AA6891" s="5"/>
      <c r="AB6891" s="5" t="s">
        <v>43</v>
      </c>
      <c r="AC6891" s="5" t="s">
        <v>44</v>
      </c>
      <c r="AD6891" s="2"/>
      <c r="AE6891" s="1"/>
    </row>
    <row r="6892" spans="1:31" ht="14.45">
      <c r="A6892" s="11"/>
      <c r="B6892" s="20"/>
      <c r="C6892" s="2" t="s">
        <v>21148</v>
      </c>
      <c r="D6892" s="14" t="s">
        <v>21149</v>
      </c>
      <c r="E6892" s="2" t="s">
        <v>21150</v>
      </c>
      <c r="F6892" s="2" t="s">
        <v>16022</v>
      </c>
      <c r="G6892" s="8">
        <v>259</v>
      </c>
      <c r="H6892" s="5">
        <v>6</v>
      </c>
      <c r="I6892" s="5" t="s">
        <v>1518</v>
      </c>
      <c r="J6892" s="5" t="s">
        <v>1519</v>
      </c>
      <c r="K6892" s="2" t="s">
        <v>1520</v>
      </c>
      <c r="L6892" s="5" t="s">
        <v>1519</v>
      </c>
      <c r="M6892" s="2" t="s">
        <v>1520</v>
      </c>
      <c r="N6892" s="5" t="s">
        <v>1521</v>
      </c>
      <c r="O6892" s="5" t="s">
        <v>38</v>
      </c>
      <c r="P6892" s="5" t="s">
        <v>39</v>
      </c>
      <c r="Q6892" s="5" t="s">
        <v>40</v>
      </c>
      <c r="R6892" s="5" t="s">
        <v>1522</v>
      </c>
      <c r="S6892" s="5" t="s">
        <v>1523</v>
      </c>
      <c r="T6892" s="5" t="s">
        <v>42</v>
      </c>
      <c r="U6892" s="2">
        <v>2.6989999999999998</v>
      </c>
      <c r="V6892" s="2">
        <v>2.1419999999999999</v>
      </c>
      <c r="W6892" s="2">
        <v>1.4999999999999999E-2</v>
      </c>
      <c r="X6892" s="2">
        <v>118.9</v>
      </c>
      <c r="Y6892" s="2">
        <v>7.6</v>
      </c>
      <c r="Z6892" s="2">
        <v>16.7</v>
      </c>
      <c r="AA6892" s="5"/>
      <c r="AB6892" s="5" t="s">
        <v>43</v>
      </c>
      <c r="AC6892" s="5" t="s">
        <v>44</v>
      </c>
      <c r="AD6892" s="2"/>
      <c r="AE6892" s="1"/>
    </row>
    <row r="6893" spans="1:31" ht="14.45">
      <c r="A6893" s="11"/>
      <c r="B6893" s="20"/>
      <c r="C6893" s="2" t="s">
        <v>21151</v>
      </c>
      <c r="D6893" s="14" t="s">
        <v>21152</v>
      </c>
      <c r="E6893" s="2" t="s">
        <v>21153</v>
      </c>
      <c r="F6893" s="2" t="s">
        <v>7615</v>
      </c>
      <c r="G6893" s="8">
        <v>259</v>
      </c>
      <c r="H6893" s="5">
        <v>6</v>
      </c>
      <c r="I6893" s="5" t="s">
        <v>1518</v>
      </c>
      <c r="J6893" s="5" t="s">
        <v>1519</v>
      </c>
      <c r="K6893" s="2" t="s">
        <v>1520</v>
      </c>
      <c r="L6893" s="5" t="s">
        <v>1519</v>
      </c>
      <c r="M6893" s="2" t="s">
        <v>1520</v>
      </c>
      <c r="N6893" s="5" t="s">
        <v>1521</v>
      </c>
      <c r="O6893" s="5" t="s">
        <v>38</v>
      </c>
      <c r="P6893" s="5" t="s">
        <v>39</v>
      </c>
      <c r="Q6893" s="5" t="s">
        <v>40</v>
      </c>
      <c r="R6893" s="5" t="s">
        <v>1522</v>
      </c>
      <c r="S6893" s="5" t="s">
        <v>1523</v>
      </c>
      <c r="T6893" s="5" t="s">
        <v>42</v>
      </c>
      <c r="U6893" s="2">
        <v>2.6070000000000002</v>
      </c>
      <c r="V6893" s="2">
        <v>2.0499999999999998</v>
      </c>
      <c r="W6893" s="2">
        <v>1.4999999999999999E-2</v>
      </c>
      <c r="X6893" s="2">
        <v>118.9</v>
      </c>
      <c r="Y6893" s="2">
        <v>7.6</v>
      </c>
      <c r="Z6893" s="2">
        <v>16.7</v>
      </c>
      <c r="AA6893" s="5"/>
      <c r="AB6893" s="5" t="s">
        <v>43</v>
      </c>
      <c r="AC6893" s="5" t="s">
        <v>44</v>
      </c>
      <c r="AD6893" s="2"/>
      <c r="AE6893" s="1"/>
    </row>
    <row r="6894" spans="1:31" ht="14.45">
      <c r="A6894" s="11"/>
      <c r="B6894" s="20"/>
      <c r="C6894" s="2" t="s">
        <v>21154</v>
      </c>
      <c r="D6894" s="14" t="s">
        <v>21155</v>
      </c>
      <c r="E6894" s="2" t="s">
        <v>21156</v>
      </c>
      <c r="F6894" s="2" t="s">
        <v>7619</v>
      </c>
      <c r="G6894" s="8">
        <v>259</v>
      </c>
      <c r="H6894" s="5">
        <v>6</v>
      </c>
      <c r="I6894" s="5" t="s">
        <v>1518</v>
      </c>
      <c r="J6894" s="5" t="s">
        <v>1519</v>
      </c>
      <c r="K6894" s="2" t="s">
        <v>1520</v>
      </c>
      <c r="L6894" s="5" t="s">
        <v>1519</v>
      </c>
      <c r="M6894" s="2" t="s">
        <v>1520</v>
      </c>
      <c r="N6894" s="5" t="s">
        <v>1521</v>
      </c>
      <c r="O6894" s="5" t="s">
        <v>38</v>
      </c>
      <c r="P6894" s="5" t="s">
        <v>39</v>
      </c>
      <c r="Q6894" s="5" t="s">
        <v>40</v>
      </c>
      <c r="R6894" s="5" t="s">
        <v>1522</v>
      </c>
      <c r="S6894" s="5" t="s">
        <v>1523</v>
      </c>
      <c r="T6894" s="5" t="s">
        <v>42</v>
      </c>
      <c r="U6894" s="2">
        <v>2.6840000000000002</v>
      </c>
      <c r="V6894" s="2">
        <v>2.1269999999999998</v>
      </c>
      <c r="W6894" s="2">
        <v>1.4999999999999999E-2</v>
      </c>
      <c r="X6894" s="2">
        <v>118.9</v>
      </c>
      <c r="Y6894" s="2">
        <v>7.6</v>
      </c>
      <c r="Z6894" s="2">
        <v>16.7</v>
      </c>
      <c r="AA6894" s="5"/>
      <c r="AB6894" s="5" t="s">
        <v>43</v>
      </c>
      <c r="AC6894" s="5" t="s">
        <v>44</v>
      </c>
      <c r="AD6894" s="2"/>
      <c r="AE6894" s="1"/>
    </row>
    <row r="6895" spans="1:31" ht="14.45">
      <c r="A6895" s="11"/>
      <c r="B6895" s="20"/>
      <c r="C6895" s="2" t="s">
        <v>21157</v>
      </c>
      <c r="D6895" s="14" t="s">
        <v>21158</v>
      </c>
      <c r="E6895" s="2" t="s">
        <v>21159</v>
      </c>
      <c r="F6895" s="2" t="s">
        <v>16029</v>
      </c>
      <c r="G6895" s="8">
        <v>259</v>
      </c>
      <c r="H6895" s="5">
        <v>11</v>
      </c>
      <c r="I6895" s="5" t="s">
        <v>1518</v>
      </c>
      <c r="J6895" s="5" t="s">
        <v>1519</v>
      </c>
      <c r="K6895" s="2" t="s">
        <v>1520</v>
      </c>
      <c r="L6895" s="5" t="s">
        <v>1519</v>
      </c>
      <c r="M6895" s="2" t="s">
        <v>1520</v>
      </c>
      <c r="N6895" s="5" t="s">
        <v>1521</v>
      </c>
      <c r="O6895" s="5" t="s">
        <v>38</v>
      </c>
      <c r="P6895" s="5" t="s">
        <v>39</v>
      </c>
      <c r="Q6895" s="5" t="s">
        <v>40</v>
      </c>
      <c r="R6895" s="5" t="s">
        <v>1522</v>
      </c>
      <c r="S6895" s="5" t="s">
        <v>1523</v>
      </c>
      <c r="T6895" s="5" t="s">
        <v>42</v>
      </c>
      <c r="U6895" s="2">
        <v>2.6</v>
      </c>
      <c r="V6895" s="2">
        <v>2.0430000000000001</v>
      </c>
      <c r="W6895" s="2">
        <v>1.4999999999999999E-2</v>
      </c>
      <c r="X6895" s="2">
        <v>118.9</v>
      </c>
      <c r="Y6895" s="2">
        <v>7.6</v>
      </c>
      <c r="Z6895" s="2">
        <v>16.7</v>
      </c>
      <c r="AA6895" s="5"/>
      <c r="AB6895" s="5" t="s">
        <v>43</v>
      </c>
      <c r="AC6895" s="5" t="s">
        <v>44</v>
      </c>
      <c r="AD6895" s="2"/>
      <c r="AE6895" s="1"/>
    </row>
    <row r="6896" spans="1:31" ht="14.45">
      <c r="A6896" s="11"/>
      <c r="B6896" s="20"/>
      <c r="C6896" s="2" t="s">
        <v>21160</v>
      </c>
      <c r="D6896" s="14" t="s">
        <v>21161</v>
      </c>
      <c r="E6896" s="2" t="s">
        <v>21162</v>
      </c>
      <c r="F6896" s="2" t="s">
        <v>16033</v>
      </c>
      <c r="G6896" s="8">
        <v>259</v>
      </c>
      <c r="H6896" s="5">
        <v>11</v>
      </c>
      <c r="I6896" s="5" t="s">
        <v>1518</v>
      </c>
      <c r="J6896" s="5" t="s">
        <v>1519</v>
      </c>
      <c r="K6896" s="2" t="s">
        <v>1520</v>
      </c>
      <c r="L6896" s="5" t="s">
        <v>1519</v>
      </c>
      <c r="M6896" s="2" t="s">
        <v>1520</v>
      </c>
      <c r="N6896" s="5" t="s">
        <v>1521</v>
      </c>
      <c r="O6896" s="5" t="s">
        <v>38</v>
      </c>
      <c r="P6896" s="5" t="s">
        <v>39</v>
      </c>
      <c r="Q6896" s="5" t="s">
        <v>40</v>
      </c>
      <c r="R6896" s="5" t="s">
        <v>1522</v>
      </c>
      <c r="S6896" s="5" t="s">
        <v>1523</v>
      </c>
      <c r="T6896" s="5" t="s">
        <v>42</v>
      </c>
      <c r="U6896" s="2">
        <v>2.677</v>
      </c>
      <c r="V6896" s="2">
        <v>2.12</v>
      </c>
      <c r="W6896" s="2">
        <v>1.4999999999999999E-2</v>
      </c>
      <c r="X6896" s="2">
        <v>118.9</v>
      </c>
      <c r="Y6896" s="2">
        <v>7.6</v>
      </c>
      <c r="Z6896" s="2">
        <v>16.7</v>
      </c>
      <c r="AA6896" s="5"/>
      <c r="AB6896" s="5" t="s">
        <v>43</v>
      </c>
      <c r="AC6896" s="5" t="s">
        <v>44</v>
      </c>
      <c r="AD6896" s="2"/>
      <c r="AE6896" s="1"/>
    </row>
    <row r="6897" spans="1:31" ht="14.45">
      <c r="A6897" s="11"/>
      <c r="B6897" s="20"/>
      <c r="C6897" s="2" t="s">
        <v>21163</v>
      </c>
      <c r="D6897" s="14" t="s">
        <v>21164</v>
      </c>
      <c r="E6897" s="2" t="s">
        <v>21165</v>
      </c>
      <c r="F6897" s="2" t="s">
        <v>7396</v>
      </c>
      <c r="G6897" s="8">
        <v>246</v>
      </c>
      <c r="H6897" s="5">
        <v>6</v>
      </c>
      <c r="I6897" s="5" t="s">
        <v>1518</v>
      </c>
      <c r="J6897" s="5" t="s">
        <v>1519</v>
      </c>
      <c r="K6897" s="2" t="s">
        <v>1520</v>
      </c>
      <c r="L6897" s="5" t="s">
        <v>1519</v>
      </c>
      <c r="M6897" s="2" t="s">
        <v>1520</v>
      </c>
      <c r="N6897" s="5" t="s">
        <v>1521</v>
      </c>
      <c r="O6897" s="5" t="s">
        <v>38</v>
      </c>
      <c r="P6897" s="5" t="s">
        <v>39</v>
      </c>
      <c r="Q6897" s="5" t="s">
        <v>40</v>
      </c>
      <c r="R6897" s="5" t="s">
        <v>1522</v>
      </c>
      <c r="S6897" s="5" t="s">
        <v>1523</v>
      </c>
      <c r="T6897" s="5" t="s">
        <v>42</v>
      </c>
      <c r="U6897" s="2">
        <v>2.867</v>
      </c>
      <c r="V6897" s="2">
        <v>2.2360000000000002</v>
      </c>
      <c r="W6897" s="2">
        <v>1.7999999999999999E-2</v>
      </c>
      <c r="X6897" s="2">
        <v>139.1</v>
      </c>
      <c r="Y6897" s="2">
        <v>7.6</v>
      </c>
      <c r="Z6897" s="2">
        <v>16.7</v>
      </c>
      <c r="AA6897" s="5"/>
      <c r="AB6897" s="5" t="s">
        <v>43</v>
      </c>
      <c r="AC6897" s="5" t="s">
        <v>44</v>
      </c>
      <c r="AD6897" s="2"/>
      <c r="AE6897" s="1"/>
    </row>
    <row r="6898" spans="1:31" ht="14.45">
      <c r="A6898" s="11"/>
      <c r="B6898" s="20"/>
      <c r="C6898" s="2" t="s">
        <v>21166</v>
      </c>
      <c r="D6898" s="14" t="s">
        <v>21167</v>
      </c>
      <c r="E6898" s="2" t="s">
        <v>21168</v>
      </c>
      <c r="F6898" s="2" t="s">
        <v>7507</v>
      </c>
      <c r="G6898" s="8">
        <v>246</v>
      </c>
      <c r="H6898" s="5">
        <v>6</v>
      </c>
      <c r="I6898" s="5" t="s">
        <v>1518</v>
      </c>
      <c r="J6898" s="5" t="s">
        <v>1519</v>
      </c>
      <c r="K6898" s="2" t="s">
        <v>1520</v>
      </c>
      <c r="L6898" s="5" t="s">
        <v>1519</v>
      </c>
      <c r="M6898" s="2" t="s">
        <v>1520</v>
      </c>
      <c r="N6898" s="5" t="s">
        <v>1521</v>
      </c>
      <c r="O6898" s="5" t="s">
        <v>38</v>
      </c>
      <c r="P6898" s="5" t="s">
        <v>39</v>
      </c>
      <c r="Q6898" s="5" t="s">
        <v>40</v>
      </c>
      <c r="R6898" s="5" t="s">
        <v>1522</v>
      </c>
      <c r="S6898" s="5" t="s">
        <v>1523</v>
      </c>
      <c r="T6898" s="5" t="s">
        <v>42</v>
      </c>
      <c r="U6898" s="2">
        <v>2.956</v>
      </c>
      <c r="V6898" s="2">
        <v>2.3250000000000002</v>
      </c>
      <c r="W6898" s="2">
        <v>1.7999999999999999E-2</v>
      </c>
      <c r="X6898" s="2">
        <v>139.1</v>
      </c>
      <c r="Y6898" s="2">
        <v>7.6</v>
      </c>
      <c r="Z6898" s="2">
        <v>16.7</v>
      </c>
      <c r="AA6898" s="5"/>
      <c r="AB6898" s="5" t="s">
        <v>43</v>
      </c>
      <c r="AC6898" s="5" t="s">
        <v>44</v>
      </c>
      <c r="AD6898" s="2"/>
      <c r="AE6898" s="1"/>
    </row>
    <row r="6899" spans="1:31" ht="14.45">
      <c r="A6899" s="11"/>
      <c r="B6899" s="20"/>
      <c r="C6899" s="2" t="s">
        <v>21169</v>
      </c>
      <c r="D6899" s="14" t="s">
        <v>21170</v>
      </c>
      <c r="E6899" s="2" t="s">
        <v>21171</v>
      </c>
      <c r="F6899" s="2" t="s">
        <v>7204</v>
      </c>
      <c r="G6899" s="8">
        <v>246</v>
      </c>
      <c r="H6899" s="5">
        <v>6</v>
      </c>
      <c r="I6899" s="5" t="s">
        <v>1518</v>
      </c>
      <c r="J6899" s="5" t="s">
        <v>1519</v>
      </c>
      <c r="K6899" s="2" t="s">
        <v>1520</v>
      </c>
      <c r="L6899" s="5" t="s">
        <v>1519</v>
      </c>
      <c r="M6899" s="2" t="s">
        <v>1520</v>
      </c>
      <c r="N6899" s="5" t="s">
        <v>1521</v>
      </c>
      <c r="O6899" s="5" t="s">
        <v>38</v>
      </c>
      <c r="P6899" s="5" t="s">
        <v>39</v>
      </c>
      <c r="Q6899" s="5" t="s">
        <v>40</v>
      </c>
      <c r="R6899" s="5" t="s">
        <v>1522</v>
      </c>
      <c r="S6899" s="5" t="s">
        <v>1523</v>
      </c>
      <c r="T6899" s="5" t="s">
        <v>42</v>
      </c>
      <c r="U6899" s="2">
        <v>2.8730000000000002</v>
      </c>
      <c r="V6899" s="2">
        <v>2.242</v>
      </c>
      <c r="W6899" s="2">
        <v>1.7999999999999999E-2</v>
      </c>
      <c r="X6899" s="2">
        <v>139.1</v>
      </c>
      <c r="Y6899" s="2">
        <v>7.6</v>
      </c>
      <c r="Z6899" s="2">
        <v>16.7</v>
      </c>
      <c r="AA6899" s="5"/>
      <c r="AB6899" s="5" t="s">
        <v>43</v>
      </c>
      <c r="AC6899" s="5" t="s">
        <v>44</v>
      </c>
      <c r="AD6899" s="2"/>
      <c r="AE6899" s="1"/>
    </row>
    <row r="6900" spans="1:31" ht="14.45">
      <c r="A6900" s="11"/>
      <c r="B6900" s="20"/>
      <c r="C6900" s="2" t="s">
        <v>21172</v>
      </c>
      <c r="D6900" s="14" t="s">
        <v>21173</v>
      </c>
      <c r="E6900" s="2" t="s">
        <v>21174</v>
      </c>
      <c r="F6900" s="2" t="s">
        <v>7514</v>
      </c>
      <c r="G6900" s="8">
        <v>246</v>
      </c>
      <c r="H6900" s="5">
        <v>6</v>
      </c>
      <c r="I6900" s="5" t="s">
        <v>1518</v>
      </c>
      <c r="J6900" s="5" t="s">
        <v>1519</v>
      </c>
      <c r="K6900" s="2" t="s">
        <v>1520</v>
      </c>
      <c r="L6900" s="5" t="s">
        <v>1519</v>
      </c>
      <c r="M6900" s="2" t="s">
        <v>1520</v>
      </c>
      <c r="N6900" s="5" t="s">
        <v>1521</v>
      </c>
      <c r="O6900" s="5" t="s">
        <v>38</v>
      </c>
      <c r="P6900" s="5" t="s">
        <v>39</v>
      </c>
      <c r="Q6900" s="5" t="s">
        <v>40</v>
      </c>
      <c r="R6900" s="5" t="s">
        <v>1522</v>
      </c>
      <c r="S6900" s="5" t="s">
        <v>1523</v>
      </c>
      <c r="T6900" s="5" t="s">
        <v>42</v>
      </c>
      <c r="U6900" s="2">
        <v>2.9620000000000002</v>
      </c>
      <c r="V6900" s="2">
        <v>2.331</v>
      </c>
      <c r="W6900" s="2">
        <v>1.7999999999999999E-2</v>
      </c>
      <c r="X6900" s="2">
        <v>139.1</v>
      </c>
      <c r="Y6900" s="2">
        <v>7.6</v>
      </c>
      <c r="Z6900" s="2">
        <v>16.7</v>
      </c>
      <c r="AA6900" s="5"/>
      <c r="AB6900" s="5" t="s">
        <v>43</v>
      </c>
      <c r="AC6900" s="5" t="s">
        <v>44</v>
      </c>
      <c r="AD6900" s="2"/>
      <c r="AE6900" s="1"/>
    </row>
    <row r="6901" spans="1:31" ht="14.45">
      <c r="A6901" s="11"/>
      <c r="B6901" s="20"/>
      <c r="C6901" s="2" t="s">
        <v>21175</v>
      </c>
      <c r="D6901" s="14" t="s">
        <v>21176</v>
      </c>
      <c r="E6901" s="2" t="s">
        <v>21177</v>
      </c>
      <c r="F6901" s="2" t="s">
        <v>7208</v>
      </c>
      <c r="G6901" s="8">
        <v>246</v>
      </c>
      <c r="H6901" s="5">
        <v>6</v>
      </c>
      <c r="I6901" s="5" t="s">
        <v>1518</v>
      </c>
      <c r="J6901" s="5" t="s">
        <v>1519</v>
      </c>
      <c r="K6901" s="2" t="s">
        <v>1520</v>
      </c>
      <c r="L6901" s="5" t="s">
        <v>1519</v>
      </c>
      <c r="M6901" s="2" t="s">
        <v>1520</v>
      </c>
      <c r="N6901" s="5" t="s">
        <v>1521</v>
      </c>
      <c r="O6901" s="5" t="s">
        <v>38</v>
      </c>
      <c r="P6901" s="5" t="s">
        <v>39</v>
      </c>
      <c r="Q6901" s="5" t="s">
        <v>40</v>
      </c>
      <c r="R6901" s="5" t="s">
        <v>1522</v>
      </c>
      <c r="S6901" s="5" t="s">
        <v>1523</v>
      </c>
      <c r="T6901" s="5" t="s">
        <v>42</v>
      </c>
      <c r="U6901" s="2">
        <v>2.8730000000000002</v>
      </c>
      <c r="V6901" s="2">
        <v>2.242</v>
      </c>
      <c r="W6901" s="2">
        <v>1.7999999999999999E-2</v>
      </c>
      <c r="X6901" s="2">
        <v>139.1</v>
      </c>
      <c r="Y6901" s="2">
        <v>7.6</v>
      </c>
      <c r="Z6901" s="2">
        <v>16.7</v>
      </c>
      <c r="AA6901" s="5"/>
      <c r="AB6901" s="5" t="s">
        <v>43</v>
      </c>
      <c r="AC6901" s="5" t="s">
        <v>44</v>
      </c>
      <c r="AD6901" s="2"/>
      <c r="AE6901" s="1"/>
    </row>
    <row r="6902" spans="1:31" ht="14.45">
      <c r="A6902" s="11"/>
      <c r="B6902" s="20"/>
      <c r="C6902" s="2" t="s">
        <v>21178</v>
      </c>
      <c r="D6902" s="14" t="s">
        <v>21179</v>
      </c>
      <c r="E6902" s="2" t="s">
        <v>21180</v>
      </c>
      <c r="F6902" s="2" t="s">
        <v>7521</v>
      </c>
      <c r="G6902" s="8">
        <v>246</v>
      </c>
      <c r="H6902" s="5">
        <v>6</v>
      </c>
      <c r="I6902" s="5" t="s">
        <v>1518</v>
      </c>
      <c r="J6902" s="5" t="s">
        <v>1519</v>
      </c>
      <c r="K6902" s="2" t="s">
        <v>1520</v>
      </c>
      <c r="L6902" s="5" t="s">
        <v>1519</v>
      </c>
      <c r="M6902" s="2" t="s">
        <v>1520</v>
      </c>
      <c r="N6902" s="5" t="s">
        <v>1521</v>
      </c>
      <c r="O6902" s="5" t="s">
        <v>38</v>
      </c>
      <c r="P6902" s="5" t="s">
        <v>39</v>
      </c>
      <c r="Q6902" s="5" t="s">
        <v>40</v>
      </c>
      <c r="R6902" s="5" t="s">
        <v>1522</v>
      </c>
      <c r="S6902" s="5" t="s">
        <v>1523</v>
      </c>
      <c r="T6902" s="5" t="s">
        <v>42</v>
      </c>
      <c r="U6902" s="2">
        <v>2.9620000000000002</v>
      </c>
      <c r="V6902" s="2">
        <v>2.331</v>
      </c>
      <c r="W6902" s="2">
        <v>1.7999999999999999E-2</v>
      </c>
      <c r="X6902" s="2">
        <v>139.1</v>
      </c>
      <c r="Y6902" s="2">
        <v>7.6</v>
      </c>
      <c r="Z6902" s="2">
        <v>16.7</v>
      </c>
      <c r="AA6902" s="5"/>
      <c r="AB6902" s="5" t="s">
        <v>43</v>
      </c>
      <c r="AC6902" s="5" t="s">
        <v>44</v>
      </c>
      <c r="AD6902" s="2"/>
      <c r="AE6902" s="1"/>
    </row>
    <row r="6903" spans="1:31" ht="14.45">
      <c r="A6903" s="11"/>
      <c r="B6903" s="20"/>
      <c r="C6903" s="2" t="s">
        <v>21181</v>
      </c>
      <c r="D6903" s="14" t="s">
        <v>21182</v>
      </c>
      <c r="E6903" s="2" t="s">
        <v>21183</v>
      </c>
      <c r="F6903" s="2" t="s">
        <v>7212</v>
      </c>
      <c r="G6903" s="8">
        <v>246</v>
      </c>
      <c r="H6903" s="5">
        <v>6</v>
      </c>
      <c r="I6903" s="5" t="s">
        <v>1518</v>
      </c>
      <c r="J6903" s="5" t="s">
        <v>1519</v>
      </c>
      <c r="K6903" s="2" t="s">
        <v>1520</v>
      </c>
      <c r="L6903" s="5" t="s">
        <v>1519</v>
      </c>
      <c r="M6903" s="2" t="s">
        <v>1520</v>
      </c>
      <c r="N6903" s="5" t="s">
        <v>1521</v>
      </c>
      <c r="O6903" s="5" t="s">
        <v>38</v>
      </c>
      <c r="P6903" s="5" t="s">
        <v>39</v>
      </c>
      <c r="Q6903" s="5" t="s">
        <v>40</v>
      </c>
      <c r="R6903" s="5" t="s">
        <v>1522</v>
      </c>
      <c r="S6903" s="5" t="s">
        <v>1523</v>
      </c>
      <c r="T6903" s="5" t="s">
        <v>42</v>
      </c>
      <c r="U6903" s="2">
        <v>2.855</v>
      </c>
      <c r="V6903" s="2">
        <v>2.2240000000000002</v>
      </c>
      <c r="W6903" s="2">
        <v>1.7999999999999999E-2</v>
      </c>
      <c r="X6903" s="2">
        <v>139.1</v>
      </c>
      <c r="Y6903" s="2">
        <v>7.6</v>
      </c>
      <c r="Z6903" s="2">
        <v>16.7</v>
      </c>
      <c r="AA6903" s="5"/>
      <c r="AB6903" s="5" t="s">
        <v>43</v>
      </c>
      <c r="AC6903" s="5" t="s">
        <v>44</v>
      </c>
      <c r="AD6903" s="2"/>
      <c r="AE6903" s="1"/>
    </row>
    <row r="6904" spans="1:31" ht="14.45">
      <c r="A6904" s="11"/>
      <c r="B6904" s="20"/>
      <c r="C6904" s="2" t="s">
        <v>21184</v>
      </c>
      <c r="D6904" s="14" t="s">
        <v>21185</v>
      </c>
      <c r="E6904" s="2" t="s">
        <v>21186</v>
      </c>
      <c r="F6904" s="2" t="s">
        <v>7528</v>
      </c>
      <c r="G6904" s="8">
        <v>246</v>
      </c>
      <c r="H6904" s="5">
        <v>6</v>
      </c>
      <c r="I6904" s="5" t="s">
        <v>1518</v>
      </c>
      <c r="J6904" s="5" t="s">
        <v>1519</v>
      </c>
      <c r="K6904" s="2" t="s">
        <v>1520</v>
      </c>
      <c r="L6904" s="5" t="s">
        <v>1519</v>
      </c>
      <c r="M6904" s="2" t="s">
        <v>1520</v>
      </c>
      <c r="N6904" s="5" t="s">
        <v>1521</v>
      </c>
      <c r="O6904" s="5" t="s">
        <v>38</v>
      </c>
      <c r="P6904" s="5" t="s">
        <v>39</v>
      </c>
      <c r="Q6904" s="5" t="s">
        <v>40</v>
      </c>
      <c r="R6904" s="5" t="s">
        <v>1522</v>
      </c>
      <c r="S6904" s="5" t="s">
        <v>1523</v>
      </c>
      <c r="T6904" s="5" t="s">
        <v>42</v>
      </c>
      <c r="U6904" s="2">
        <v>2.944</v>
      </c>
      <c r="V6904" s="2">
        <v>2.3130000000000002</v>
      </c>
      <c r="W6904" s="2">
        <v>1.7999999999999999E-2</v>
      </c>
      <c r="X6904" s="2">
        <v>139.1</v>
      </c>
      <c r="Y6904" s="2">
        <v>7.6</v>
      </c>
      <c r="Z6904" s="2">
        <v>16.7</v>
      </c>
      <c r="AA6904" s="5"/>
      <c r="AB6904" s="5" t="s">
        <v>43</v>
      </c>
      <c r="AC6904" s="5" t="s">
        <v>44</v>
      </c>
      <c r="AD6904" s="2"/>
      <c r="AE6904" s="1"/>
    </row>
    <row r="6905" spans="1:31" ht="14.45">
      <c r="A6905" s="11"/>
      <c r="B6905" s="20"/>
      <c r="C6905" s="2" t="s">
        <v>21187</v>
      </c>
      <c r="D6905" s="14" t="s">
        <v>21188</v>
      </c>
      <c r="E6905" s="2" t="s">
        <v>21189</v>
      </c>
      <c r="F6905" s="2" t="s">
        <v>7406</v>
      </c>
      <c r="G6905" s="8">
        <v>263</v>
      </c>
      <c r="H6905" s="5">
        <v>6</v>
      </c>
      <c r="I6905" s="5" t="s">
        <v>1518</v>
      </c>
      <c r="J6905" s="5" t="s">
        <v>1519</v>
      </c>
      <c r="K6905" s="2" t="s">
        <v>1520</v>
      </c>
      <c r="L6905" s="5" t="s">
        <v>1519</v>
      </c>
      <c r="M6905" s="2" t="s">
        <v>1520</v>
      </c>
      <c r="N6905" s="5" t="s">
        <v>1521</v>
      </c>
      <c r="O6905" s="5" t="s">
        <v>38</v>
      </c>
      <c r="P6905" s="5" t="s">
        <v>39</v>
      </c>
      <c r="Q6905" s="5" t="s">
        <v>40</v>
      </c>
      <c r="R6905" s="5" t="s">
        <v>1522</v>
      </c>
      <c r="S6905" s="5" t="s">
        <v>1523</v>
      </c>
      <c r="T6905" s="5" t="s">
        <v>42</v>
      </c>
      <c r="U6905" s="2">
        <v>2.855</v>
      </c>
      <c r="V6905" s="2">
        <v>2.2240000000000002</v>
      </c>
      <c r="W6905" s="2">
        <v>1.7999999999999999E-2</v>
      </c>
      <c r="X6905" s="2">
        <v>139.1</v>
      </c>
      <c r="Y6905" s="2">
        <v>7.6</v>
      </c>
      <c r="Z6905" s="2">
        <v>16.7</v>
      </c>
      <c r="AA6905" s="5"/>
      <c r="AB6905" s="5" t="s">
        <v>43</v>
      </c>
      <c r="AC6905" s="5" t="s">
        <v>44</v>
      </c>
      <c r="AD6905" s="2"/>
      <c r="AE6905" s="1"/>
    </row>
    <row r="6906" spans="1:31" ht="14.45">
      <c r="A6906" s="11"/>
      <c r="B6906" s="20"/>
      <c r="C6906" s="2" t="s">
        <v>21190</v>
      </c>
      <c r="D6906" s="14" t="s">
        <v>21191</v>
      </c>
      <c r="E6906" s="2" t="s">
        <v>21192</v>
      </c>
      <c r="F6906" s="2" t="s">
        <v>7535</v>
      </c>
      <c r="G6906" s="8">
        <v>263</v>
      </c>
      <c r="H6906" s="5">
        <v>6</v>
      </c>
      <c r="I6906" s="5" t="s">
        <v>1518</v>
      </c>
      <c r="J6906" s="5" t="s">
        <v>1519</v>
      </c>
      <c r="K6906" s="2" t="s">
        <v>1520</v>
      </c>
      <c r="L6906" s="5" t="s">
        <v>1519</v>
      </c>
      <c r="M6906" s="2" t="s">
        <v>1520</v>
      </c>
      <c r="N6906" s="5" t="s">
        <v>1521</v>
      </c>
      <c r="O6906" s="5" t="s">
        <v>38</v>
      </c>
      <c r="P6906" s="5" t="s">
        <v>39</v>
      </c>
      <c r="Q6906" s="5" t="s">
        <v>40</v>
      </c>
      <c r="R6906" s="5" t="s">
        <v>1522</v>
      </c>
      <c r="S6906" s="5" t="s">
        <v>1523</v>
      </c>
      <c r="T6906" s="5" t="s">
        <v>42</v>
      </c>
      <c r="U6906" s="2">
        <v>2.944</v>
      </c>
      <c r="V6906" s="2">
        <v>2.3130000000000002</v>
      </c>
      <c r="W6906" s="2">
        <v>1.7999999999999999E-2</v>
      </c>
      <c r="X6906" s="2">
        <v>139.1</v>
      </c>
      <c r="Y6906" s="2">
        <v>7.6</v>
      </c>
      <c r="Z6906" s="2">
        <v>16.7</v>
      </c>
      <c r="AA6906" s="5"/>
      <c r="AB6906" s="5" t="s">
        <v>43</v>
      </c>
      <c r="AC6906" s="5" t="s">
        <v>44</v>
      </c>
      <c r="AD6906" s="2"/>
      <c r="AE6906" s="1"/>
    </row>
    <row r="6907" spans="1:31" ht="14.45">
      <c r="A6907" s="11"/>
      <c r="B6907" s="20"/>
      <c r="C6907" s="2" t="s">
        <v>21193</v>
      </c>
      <c r="D6907" s="14" t="s">
        <v>21194</v>
      </c>
      <c r="E6907" s="2" t="s">
        <v>21195</v>
      </c>
      <c r="F6907" s="2" t="s">
        <v>7539</v>
      </c>
      <c r="G6907" s="8">
        <v>263</v>
      </c>
      <c r="H6907" s="5">
        <v>6</v>
      </c>
      <c r="I6907" s="5" t="s">
        <v>1518</v>
      </c>
      <c r="J6907" s="5" t="s">
        <v>1519</v>
      </c>
      <c r="K6907" s="2" t="s">
        <v>1520</v>
      </c>
      <c r="L6907" s="5" t="s">
        <v>1519</v>
      </c>
      <c r="M6907" s="2" t="s">
        <v>1520</v>
      </c>
      <c r="N6907" s="5" t="s">
        <v>1521</v>
      </c>
      <c r="O6907" s="5" t="s">
        <v>38</v>
      </c>
      <c r="P6907" s="5" t="s">
        <v>39</v>
      </c>
      <c r="Q6907" s="5" t="s">
        <v>40</v>
      </c>
      <c r="R6907" s="5" t="s">
        <v>1522</v>
      </c>
      <c r="S6907" s="5" t="s">
        <v>1523</v>
      </c>
      <c r="T6907" s="5" t="s">
        <v>42</v>
      </c>
      <c r="U6907" s="2">
        <v>2.8730000000000002</v>
      </c>
      <c r="V6907" s="2">
        <v>2.242</v>
      </c>
      <c r="W6907" s="2">
        <v>1.7999999999999999E-2</v>
      </c>
      <c r="X6907" s="2">
        <v>139.1</v>
      </c>
      <c r="Y6907" s="2">
        <v>7.6</v>
      </c>
      <c r="Z6907" s="2">
        <v>16.7</v>
      </c>
      <c r="AA6907" s="5"/>
      <c r="AB6907" s="5" t="s">
        <v>43</v>
      </c>
      <c r="AC6907" s="5" t="s">
        <v>44</v>
      </c>
      <c r="AD6907" s="2"/>
      <c r="AE6907" s="1"/>
    </row>
    <row r="6908" spans="1:31" ht="14.45">
      <c r="A6908" s="11"/>
      <c r="B6908" s="20"/>
      <c r="C6908" s="2" t="s">
        <v>21196</v>
      </c>
      <c r="D6908" s="14" t="s">
        <v>21197</v>
      </c>
      <c r="E6908" s="2" t="s">
        <v>21198</v>
      </c>
      <c r="F6908" s="2" t="s">
        <v>7543</v>
      </c>
      <c r="G6908" s="8">
        <v>263</v>
      </c>
      <c r="H6908" s="5">
        <v>6</v>
      </c>
      <c r="I6908" s="5" t="s">
        <v>1518</v>
      </c>
      <c r="J6908" s="5" t="s">
        <v>1519</v>
      </c>
      <c r="K6908" s="2" t="s">
        <v>1520</v>
      </c>
      <c r="L6908" s="5" t="s">
        <v>1519</v>
      </c>
      <c r="M6908" s="2" t="s">
        <v>1520</v>
      </c>
      <c r="N6908" s="5" t="s">
        <v>1521</v>
      </c>
      <c r="O6908" s="5" t="s">
        <v>38</v>
      </c>
      <c r="P6908" s="5" t="s">
        <v>39</v>
      </c>
      <c r="Q6908" s="5" t="s">
        <v>40</v>
      </c>
      <c r="R6908" s="5" t="s">
        <v>1522</v>
      </c>
      <c r="S6908" s="5" t="s">
        <v>1523</v>
      </c>
      <c r="T6908" s="5" t="s">
        <v>42</v>
      </c>
      <c r="U6908" s="2">
        <v>2.9620000000000002</v>
      </c>
      <c r="V6908" s="2">
        <v>2.331</v>
      </c>
      <c r="W6908" s="2">
        <v>1.7999999999999999E-2</v>
      </c>
      <c r="X6908" s="2">
        <v>139.1</v>
      </c>
      <c r="Y6908" s="2">
        <v>7.6</v>
      </c>
      <c r="Z6908" s="2">
        <v>16.7</v>
      </c>
      <c r="AA6908" s="5"/>
      <c r="AB6908" s="5" t="s">
        <v>43</v>
      </c>
      <c r="AC6908" s="5" t="s">
        <v>44</v>
      </c>
      <c r="AD6908" s="2"/>
      <c r="AE6908" s="1"/>
    </row>
    <row r="6909" spans="1:31" ht="14.45">
      <c r="A6909" s="11"/>
      <c r="B6909" s="20"/>
      <c r="C6909" s="2" t="s">
        <v>21199</v>
      </c>
      <c r="D6909" s="14" t="s">
        <v>21200</v>
      </c>
      <c r="E6909" s="2" t="s">
        <v>21201</v>
      </c>
      <c r="F6909" s="2" t="s">
        <v>7547</v>
      </c>
      <c r="G6909" s="8">
        <v>263</v>
      </c>
      <c r="H6909" s="5">
        <v>6</v>
      </c>
      <c r="I6909" s="5" t="s">
        <v>1518</v>
      </c>
      <c r="J6909" s="5" t="s">
        <v>1519</v>
      </c>
      <c r="K6909" s="2" t="s">
        <v>1520</v>
      </c>
      <c r="L6909" s="5" t="s">
        <v>1519</v>
      </c>
      <c r="M6909" s="2" t="s">
        <v>1520</v>
      </c>
      <c r="N6909" s="5" t="s">
        <v>1521</v>
      </c>
      <c r="O6909" s="5" t="s">
        <v>38</v>
      </c>
      <c r="P6909" s="5" t="s">
        <v>39</v>
      </c>
      <c r="Q6909" s="5" t="s">
        <v>40</v>
      </c>
      <c r="R6909" s="5" t="s">
        <v>1522</v>
      </c>
      <c r="S6909" s="5" t="s">
        <v>1523</v>
      </c>
      <c r="T6909" s="5" t="s">
        <v>42</v>
      </c>
      <c r="U6909" s="2">
        <v>2.855</v>
      </c>
      <c r="V6909" s="2">
        <v>2.2240000000000002</v>
      </c>
      <c r="W6909" s="2">
        <v>1.7999999999999999E-2</v>
      </c>
      <c r="X6909" s="2">
        <v>139.1</v>
      </c>
      <c r="Y6909" s="2">
        <v>7.6</v>
      </c>
      <c r="Z6909" s="2">
        <v>16.7</v>
      </c>
      <c r="AA6909" s="5"/>
      <c r="AB6909" s="5" t="s">
        <v>43</v>
      </c>
      <c r="AC6909" s="5" t="s">
        <v>44</v>
      </c>
      <c r="AD6909" s="2"/>
      <c r="AE6909" s="1"/>
    </row>
    <row r="6910" spans="1:31" ht="14.45">
      <c r="A6910" s="11"/>
      <c r="B6910" s="20"/>
      <c r="C6910" s="2" t="s">
        <v>21202</v>
      </c>
      <c r="D6910" s="14" t="s">
        <v>21203</v>
      </c>
      <c r="E6910" s="2" t="s">
        <v>21204</v>
      </c>
      <c r="F6910" s="2" t="s">
        <v>7551</v>
      </c>
      <c r="G6910" s="8">
        <v>263</v>
      </c>
      <c r="H6910" s="5">
        <v>6</v>
      </c>
      <c r="I6910" s="5" t="s">
        <v>1518</v>
      </c>
      <c r="J6910" s="5" t="s">
        <v>1519</v>
      </c>
      <c r="K6910" s="2" t="s">
        <v>1520</v>
      </c>
      <c r="L6910" s="5" t="s">
        <v>1519</v>
      </c>
      <c r="M6910" s="2" t="s">
        <v>1520</v>
      </c>
      <c r="N6910" s="5" t="s">
        <v>1521</v>
      </c>
      <c r="O6910" s="5" t="s">
        <v>38</v>
      </c>
      <c r="P6910" s="5" t="s">
        <v>39</v>
      </c>
      <c r="Q6910" s="5" t="s">
        <v>40</v>
      </c>
      <c r="R6910" s="5" t="s">
        <v>1522</v>
      </c>
      <c r="S6910" s="5" t="s">
        <v>1523</v>
      </c>
      <c r="T6910" s="5" t="s">
        <v>42</v>
      </c>
      <c r="U6910" s="2">
        <v>2.944</v>
      </c>
      <c r="V6910" s="2">
        <v>2.3130000000000002</v>
      </c>
      <c r="W6910" s="2">
        <v>1.7999999999999999E-2</v>
      </c>
      <c r="X6910" s="2">
        <v>139.1</v>
      </c>
      <c r="Y6910" s="2">
        <v>7.6</v>
      </c>
      <c r="Z6910" s="2">
        <v>16.7</v>
      </c>
      <c r="AA6910" s="5"/>
      <c r="AB6910" s="5" t="s">
        <v>43</v>
      </c>
      <c r="AC6910" s="5" t="s">
        <v>44</v>
      </c>
      <c r="AD6910" s="2"/>
      <c r="AE6910" s="1"/>
    </row>
    <row r="6911" spans="1:31" ht="14.45">
      <c r="A6911" s="11"/>
      <c r="B6911" s="20"/>
      <c r="C6911" s="2" t="s">
        <v>21205</v>
      </c>
      <c r="D6911" s="14" t="s">
        <v>21206</v>
      </c>
      <c r="E6911" s="2" t="s">
        <v>21207</v>
      </c>
      <c r="F6911" s="2" t="s">
        <v>7555</v>
      </c>
      <c r="G6911" s="8">
        <v>263</v>
      </c>
      <c r="H6911" s="5">
        <v>6</v>
      </c>
      <c r="I6911" s="5" t="s">
        <v>1518</v>
      </c>
      <c r="J6911" s="5" t="s">
        <v>1519</v>
      </c>
      <c r="K6911" s="2" t="s">
        <v>1520</v>
      </c>
      <c r="L6911" s="5" t="s">
        <v>1519</v>
      </c>
      <c r="M6911" s="2" t="s">
        <v>1520</v>
      </c>
      <c r="N6911" s="5" t="s">
        <v>1521</v>
      </c>
      <c r="O6911" s="5" t="s">
        <v>38</v>
      </c>
      <c r="P6911" s="5" t="s">
        <v>39</v>
      </c>
      <c r="Q6911" s="5" t="s">
        <v>40</v>
      </c>
      <c r="R6911" s="5" t="s">
        <v>1522</v>
      </c>
      <c r="S6911" s="5" t="s">
        <v>1523</v>
      </c>
      <c r="T6911" s="5" t="s">
        <v>42</v>
      </c>
      <c r="U6911" s="2">
        <v>2.855</v>
      </c>
      <c r="V6911" s="2">
        <v>2.2240000000000002</v>
      </c>
      <c r="W6911" s="2">
        <v>1.7999999999999999E-2</v>
      </c>
      <c r="X6911" s="2">
        <v>139.1</v>
      </c>
      <c r="Y6911" s="2">
        <v>7.6</v>
      </c>
      <c r="Z6911" s="2">
        <v>16.7</v>
      </c>
      <c r="AA6911" s="5"/>
      <c r="AB6911" s="5" t="s">
        <v>43</v>
      </c>
      <c r="AC6911" s="5" t="s">
        <v>44</v>
      </c>
      <c r="AD6911" s="2"/>
      <c r="AE6911" s="1"/>
    </row>
    <row r="6912" spans="1:31" ht="14.45">
      <c r="A6912" s="11"/>
      <c r="B6912" s="20"/>
      <c r="C6912" s="2" t="s">
        <v>21208</v>
      </c>
      <c r="D6912" s="14" t="s">
        <v>21209</v>
      </c>
      <c r="E6912" s="2" t="s">
        <v>21210</v>
      </c>
      <c r="F6912" s="2" t="s">
        <v>7559</v>
      </c>
      <c r="G6912" s="8">
        <v>263</v>
      </c>
      <c r="H6912" s="5">
        <v>6</v>
      </c>
      <c r="I6912" s="5" t="s">
        <v>1518</v>
      </c>
      <c r="J6912" s="5" t="s">
        <v>1519</v>
      </c>
      <c r="K6912" s="2" t="s">
        <v>1520</v>
      </c>
      <c r="L6912" s="5" t="s">
        <v>1519</v>
      </c>
      <c r="M6912" s="2" t="s">
        <v>1520</v>
      </c>
      <c r="N6912" s="5" t="s">
        <v>1521</v>
      </c>
      <c r="O6912" s="5" t="s">
        <v>38</v>
      </c>
      <c r="P6912" s="5" t="s">
        <v>39</v>
      </c>
      <c r="Q6912" s="5" t="s">
        <v>40</v>
      </c>
      <c r="R6912" s="5" t="s">
        <v>1522</v>
      </c>
      <c r="S6912" s="5" t="s">
        <v>1523</v>
      </c>
      <c r="T6912" s="5" t="s">
        <v>42</v>
      </c>
      <c r="U6912" s="2">
        <v>2.944</v>
      </c>
      <c r="V6912" s="2">
        <v>2.3130000000000002</v>
      </c>
      <c r="W6912" s="2">
        <v>1.7999999999999999E-2</v>
      </c>
      <c r="X6912" s="2">
        <v>139.1</v>
      </c>
      <c r="Y6912" s="2">
        <v>7.6</v>
      </c>
      <c r="Z6912" s="2">
        <v>16.7</v>
      </c>
      <c r="AA6912" s="5"/>
      <c r="AB6912" s="5" t="s">
        <v>43</v>
      </c>
      <c r="AC6912" s="5" t="s">
        <v>44</v>
      </c>
      <c r="AD6912" s="2"/>
      <c r="AE6912" s="1"/>
    </row>
    <row r="6913" spans="1:31" ht="14.45">
      <c r="A6913" s="11"/>
      <c r="B6913" s="20"/>
      <c r="C6913" s="2" t="s">
        <v>21211</v>
      </c>
      <c r="D6913" s="14" t="s">
        <v>21212</v>
      </c>
      <c r="E6913" s="2" t="s">
        <v>21213</v>
      </c>
      <c r="F6913" s="2" t="s">
        <v>7563</v>
      </c>
      <c r="G6913" s="8">
        <v>263</v>
      </c>
      <c r="H6913" s="5">
        <v>6</v>
      </c>
      <c r="I6913" s="5" t="s">
        <v>1518</v>
      </c>
      <c r="J6913" s="5" t="s">
        <v>1519</v>
      </c>
      <c r="K6913" s="2" t="s">
        <v>1520</v>
      </c>
      <c r="L6913" s="5" t="s">
        <v>1519</v>
      </c>
      <c r="M6913" s="2" t="s">
        <v>1520</v>
      </c>
      <c r="N6913" s="5" t="s">
        <v>1521</v>
      </c>
      <c r="O6913" s="5" t="s">
        <v>38</v>
      </c>
      <c r="P6913" s="5" t="s">
        <v>39</v>
      </c>
      <c r="Q6913" s="5" t="s">
        <v>40</v>
      </c>
      <c r="R6913" s="5" t="s">
        <v>1522</v>
      </c>
      <c r="S6913" s="5" t="s">
        <v>1523</v>
      </c>
      <c r="T6913" s="5" t="s">
        <v>42</v>
      </c>
      <c r="U6913" s="2">
        <v>2.8730000000000002</v>
      </c>
      <c r="V6913" s="2">
        <v>2.242</v>
      </c>
      <c r="W6913" s="2">
        <v>1.7999999999999999E-2</v>
      </c>
      <c r="X6913" s="2">
        <v>139.1</v>
      </c>
      <c r="Y6913" s="2">
        <v>7.6</v>
      </c>
      <c r="Z6913" s="2">
        <v>16.7</v>
      </c>
      <c r="AA6913" s="5"/>
      <c r="AB6913" s="5" t="s">
        <v>43</v>
      </c>
      <c r="AC6913" s="5" t="s">
        <v>44</v>
      </c>
      <c r="AD6913" s="2"/>
      <c r="AE6913" s="1"/>
    </row>
    <row r="6914" spans="1:31" ht="14.45">
      <c r="A6914" s="11"/>
      <c r="B6914" s="20"/>
      <c r="C6914" s="2" t="s">
        <v>21214</v>
      </c>
      <c r="D6914" s="14" t="s">
        <v>21215</v>
      </c>
      <c r="E6914" s="2" t="s">
        <v>21216</v>
      </c>
      <c r="F6914" s="2" t="s">
        <v>7567</v>
      </c>
      <c r="G6914" s="8">
        <v>263</v>
      </c>
      <c r="H6914" s="5">
        <v>6</v>
      </c>
      <c r="I6914" s="5" t="s">
        <v>1518</v>
      </c>
      <c r="J6914" s="5" t="s">
        <v>1519</v>
      </c>
      <c r="K6914" s="2" t="s">
        <v>1520</v>
      </c>
      <c r="L6914" s="5" t="s">
        <v>1519</v>
      </c>
      <c r="M6914" s="2" t="s">
        <v>1520</v>
      </c>
      <c r="N6914" s="5" t="s">
        <v>1521</v>
      </c>
      <c r="O6914" s="5" t="s">
        <v>38</v>
      </c>
      <c r="P6914" s="5" t="s">
        <v>39</v>
      </c>
      <c r="Q6914" s="5" t="s">
        <v>40</v>
      </c>
      <c r="R6914" s="5" t="s">
        <v>1522</v>
      </c>
      <c r="S6914" s="5" t="s">
        <v>1523</v>
      </c>
      <c r="T6914" s="5" t="s">
        <v>42</v>
      </c>
      <c r="U6914" s="2">
        <v>2.9620000000000002</v>
      </c>
      <c r="V6914" s="2">
        <v>2.331</v>
      </c>
      <c r="W6914" s="2">
        <v>1.7999999999999999E-2</v>
      </c>
      <c r="X6914" s="2">
        <v>139.1</v>
      </c>
      <c r="Y6914" s="2">
        <v>7.6</v>
      </c>
      <c r="Z6914" s="2">
        <v>16.7</v>
      </c>
      <c r="AA6914" s="5"/>
      <c r="AB6914" s="5" t="s">
        <v>43</v>
      </c>
      <c r="AC6914" s="5" t="s">
        <v>44</v>
      </c>
      <c r="AD6914" s="2"/>
      <c r="AE6914" s="1"/>
    </row>
    <row r="6915" spans="1:31" ht="14.45">
      <c r="A6915" s="11"/>
      <c r="B6915" s="20"/>
      <c r="C6915" s="2" t="s">
        <v>21217</v>
      </c>
      <c r="D6915" s="14" t="s">
        <v>21218</v>
      </c>
      <c r="E6915" s="2" t="s">
        <v>21219</v>
      </c>
      <c r="F6915" s="2" t="s">
        <v>16079</v>
      </c>
      <c r="G6915" s="8">
        <v>263</v>
      </c>
      <c r="H6915" s="5">
        <v>6</v>
      </c>
      <c r="I6915" s="5" t="s">
        <v>1518</v>
      </c>
      <c r="J6915" s="5" t="s">
        <v>1519</v>
      </c>
      <c r="K6915" s="2" t="s">
        <v>1520</v>
      </c>
      <c r="L6915" s="5" t="s">
        <v>1519</v>
      </c>
      <c r="M6915" s="2" t="s">
        <v>1520</v>
      </c>
      <c r="N6915" s="5" t="s">
        <v>1521</v>
      </c>
      <c r="O6915" s="5" t="s">
        <v>38</v>
      </c>
      <c r="P6915" s="5" t="s">
        <v>39</v>
      </c>
      <c r="Q6915" s="5" t="s">
        <v>40</v>
      </c>
      <c r="R6915" s="5" t="s">
        <v>1522</v>
      </c>
      <c r="S6915" s="5" t="s">
        <v>1523</v>
      </c>
      <c r="T6915" s="5" t="s">
        <v>42</v>
      </c>
      <c r="U6915" s="2">
        <v>2.8730000000000002</v>
      </c>
      <c r="V6915" s="2">
        <v>2.242</v>
      </c>
      <c r="W6915" s="2">
        <v>1.7999999999999999E-2</v>
      </c>
      <c r="X6915" s="2">
        <v>139.1</v>
      </c>
      <c r="Y6915" s="2">
        <v>7.6</v>
      </c>
      <c r="Z6915" s="2">
        <v>16.7</v>
      </c>
      <c r="AA6915" s="5"/>
      <c r="AB6915" s="5" t="s">
        <v>43</v>
      </c>
      <c r="AC6915" s="5" t="s">
        <v>44</v>
      </c>
      <c r="AD6915" s="2"/>
      <c r="AE6915" s="1"/>
    </row>
    <row r="6916" spans="1:31" ht="14.45">
      <c r="A6916" s="11"/>
      <c r="B6916" s="20"/>
      <c r="C6916" s="2" t="s">
        <v>21220</v>
      </c>
      <c r="D6916" s="14" t="s">
        <v>21221</v>
      </c>
      <c r="E6916" s="2" t="s">
        <v>21222</v>
      </c>
      <c r="F6916" s="2" t="s">
        <v>16194</v>
      </c>
      <c r="G6916" s="8">
        <v>263</v>
      </c>
      <c r="H6916" s="5">
        <v>6</v>
      </c>
      <c r="I6916" s="5" t="s">
        <v>1518</v>
      </c>
      <c r="J6916" s="5" t="s">
        <v>1519</v>
      </c>
      <c r="K6916" s="2" t="s">
        <v>1520</v>
      </c>
      <c r="L6916" s="5" t="s">
        <v>1519</v>
      </c>
      <c r="M6916" s="2" t="s">
        <v>1520</v>
      </c>
      <c r="N6916" s="5" t="s">
        <v>1521</v>
      </c>
      <c r="O6916" s="5" t="s">
        <v>38</v>
      </c>
      <c r="P6916" s="5" t="s">
        <v>39</v>
      </c>
      <c r="Q6916" s="5" t="s">
        <v>40</v>
      </c>
      <c r="R6916" s="5" t="s">
        <v>1522</v>
      </c>
      <c r="S6916" s="5" t="s">
        <v>1523</v>
      </c>
      <c r="T6916" s="5" t="s">
        <v>42</v>
      </c>
      <c r="U6916" s="2">
        <v>2.9620000000000002</v>
      </c>
      <c r="V6916" s="2">
        <v>2.331</v>
      </c>
      <c r="W6916" s="2">
        <v>1.7999999999999999E-2</v>
      </c>
      <c r="X6916" s="2">
        <v>139.1</v>
      </c>
      <c r="Y6916" s="2">
        <v>7.6</v>
      </c>
      <c r="Z6916" s="2">
        <v>16.7</v>
      </c>
      <c r="AA6916" s="5"/>
      <c r="AB6916" s="5" t="s">
        <v>43</v>
      </c>
      <c r="AC6916" s="5" t="s">
        <v>44</v>
      </c>
      <c r="AD6916" s="2"/>
      <c r="AE6916" s="1"/>
    </row>
    <row r="6917" spans="1:31" ht="14.45">
      <c r="A6917" s="11"/>
      <c r="B6917" s="20"/>
      <c r="C6917" s="2" t="s">
        <v>21223</v>
      </c>
      <c r="D6917" s="14" t="s">
        <v>21224</v>
      </c>
      <c r="E6917" s="2" t="s">
        <v>21225</v>
      </c>
      <c r="F6917" s="2" t="s">
        <v>7449</v>
      </c>
      <c r="G6917" s="8">
        <v>263</v>
      </c>
      <c r="H6917" s="5">
        <v>6</v>
      </c>
      <c r="I6917" s="5" t="s">
        <v>1518</v>
      </c>
      <c r="J6917" s="5" t="s">
        <v>1519</v>
      </c>
      <c r="K6917" s="2" t="s">
        <v>1520</v>
      </c>
      <c r="L6917" s="5" t="s">
        <v>1519</v>
      </c>
      <c r="M6917" s="2" t="s">
        <v>1520</v>
      </c>
      <c r="N6917" s="5" t="s">
        <v>1521</v>
      </c>
      <c r="O6917" s="5" t="s">
        <v>38</v>
      </c>
      <c r="P6917" s="5" t="s">
        <v>39</v>
      </c>
      <c r="Q6917" s="5" t="s">
        <v>40</v>
      </c>
      <c r="R6917" s="5" t="s">
        <v>1522</v>
      </c>
      <c r="S6917" s="5" t="s">
        <v>1523</v>
      </c>
      <c r="T6917" s="5" t="s">
        <v>42</v>
      </c>
      <c r="U6917" s="2">
        <v>2.8730000000000002</v>
      </c>
      <c r="V6917" s="2">
        <v>2.242</v>
      </c>
      <c r="W6917" s="2">
        <v>1.7999999999999999E-2</v>
      </c>
      <c r="X6917" s="2">
        <v>139.1</v>
      </c>
      <c r="Y6917" s="2">
        <v>7.6</v>
      </c>
      <c r="Z6917" s="2">
        <v>16.7</v>
      </c>
      <c r="AA6917" s="5"/>
      <c r="AB6917" s="5" t="s">
        <v>43</v>
      </c>
      <c r="AC6917" s="5" t="s">
        <v>44</v>
      </c>
      <c r="AD6917" s="2"/>
      <c r="AE6917" s="1"/>
    </row>
    <row r="6918" spans="1:31" ht="14.45">
      <c r="A6918" s="11"/>
      <c r="B6918" s="20"/>
      <c r="C6918" s="2" t="s">
        <v>21226</v>
      </c>
      <c r="D6918" s="14" t="s">
        <v>21227</v>
      </c>
      <c r="E6918" s="2" t="s">
        <v>21228</v>
      </c>
      <c r="F6918" s="2" t="s">
        <v>7581</v>
      </c>
      <c r="G6918" s="8">
        <v>263</v>
      </c>
      <c r="H6918" s="5">
        <v>6</v>
      </c>
      <c r="I6918" s="5" t="s">
        <v>1518</v>
      </c>
      <c r="J6918" s="5" t="s">
        <v>1519</v>
      </c>
      <c r="K6918" s="2" t="s">
        <v>1520</v>
      </c>
      <c r="L6918" s="5" t="s">
        <v>1519</v>
      </c>
      <c r="M6918" s="2" t="s">
        <v>1520</v>
      </c>
      <c r="N6918" s="5" t="s">
        <v>1521</v>
      </c>
      <c r="O6918" s="5" t="s">
        <v>38</v>
      </c>
      <c r="P6918" s="5" t="s">
        <v>39</v>
      </c>
      <c r="Q6918" s="5" t="s">
        <v>40</v>
      </c>
      <c r="R6918" s="5" t="s">
        <v>1522</v>
      </c>
      <c r="S6918" s="5" t="s">
        <v>1523</v>
      </c>
      <c r="T6918" s="5" t="s">
        <v>42</v>
      </c>
      <c r="U6918" s="2">
        <v>2.9620000000000002</v>
      </c>
      <c r="V6918" s="2">
        <v>2.331</v>
      </c>
      <c r="W6918" s="2">
        <v>1.7999999999999999E-2</v>
      </c>
      <c r="X6918" s="2">
        <v>139.1</v>
      </c>
      <c r="Y6918" s="2">
        <v>7.6</v>
      </c>
      <c r="Z6918" s="2">
        <v>16.7</v>
      </c>
      <c r="AA6918" s="5"/>
      <c r="AB6918" s="5" t="s">
        <v>43</v>
      </c>
      <c r="AC6918" s="5" t="s">
        <v>44</v>
      </c>
      <c r="AD6918" s="2"/>
      <c r="AE6918" s="1"/>
    </row>
    <row r="6919" spans="1:31" ht="14.45">
      <c r="A6919" s="11"/>
      <c r="B6919" s="20"/>
      <c r="C6919" s="2" t="s">
        <v>21229</v>
      </c>
      <c r="D6919" s="14" t="s">
        <v>21230</v>
      </c>
      <c r="E6919" s="2" t="s">
        <v>21231</v>
      </c>
      <c r="F6919" s="2" t="s">
        <v>7585</v>
      </c>
      <c r="G6919" s="8">
        <v>263</v>
      </c>
      <c r="H6919" s="5">
        <v>6</v>
      </c>
      <c r="I6919" s="5" t="s">
        <v>1518</v>
      </c>
      <c r="J6919" s="5" t="s">
        <v>1519</v>
      </c>
      <c r="K6919" s="2" t="s">
        <v>1520</v>
      </c>
      <c r="L6919" s="5" t="s">
        <v>1519</v>
      </c>
      <c r="M6919" s="2" t="s">
        <v>1520</v>
      </c>
      <c r="N6919" s="5" t="s">
        <v>1521</v>
      </c>
      <c r="O6919" s="5" t="s">
        <v>38</v>
      </c>
      <c r="P6919" s="5" t="s">
        <v>39</v>
      </c>
      <c r="Q6919" s="5" t="s">
        <v>40</v>
      </c>
      <c r="R6919" s="5" t="s">
        <v>1522</v>
      </c>
      <c r="S6919" s="5" t="s">
        <v>1523</v>
      </c>
      <c r="T6919" s="5" t="s">
        <v>42</v>
      </c>
      <c r="U6919" s="2">
        <v>2.855</v>
      </c>
      <c r="V6919" s="2">
        <v>2.2240000000000002</v>
      </c>
      <c r="W6919" s="2">
        <v>1.7999999999999999E-2</v>
      </c>
      <c r="X6919" s="2">
        <v>139.1</v>
      </c>
      <c r="Y6919" s="2">
        <v>7.6</v>
      </c>
      <c r="Z6919" s="2">
        <v>16.7</v>
      </c>
      <c r="AA6919" s="5"/>
      <c r="AB6919" s="5" t="s">
        <v>43</v>
      </c>
      <c r="AC6919" s="5" t="s">
        <v>44</v>
      </c>
      <c r="AD6919" s="2"/>
      <c r="AE6919" s="1"/>
    </row>
    <row r="6920" spans="1:31" ht="14.45">
      <c r="A6920" s="11"/>
      <c r="B6920" s="20"/>
      <c r="C6920" s="2" t="s">
        <v>21232</v>
      </c>
      <c r="D6920" s="14" t="s">
        <v>21233</v>
      </c>
      <c r="E6920" s="2" t="s">
        <v>21234</v>
      </c>
      <c r="F6920" s="2" t="s">
        <v>7589</v>
      </c>
      <c r="G6920" s="8">
        <v>263</v>
      </c>
      <c r="H6920" s="5">
        <v>6</v>
      </c>
      <c r="I6920" s="5" t="s">
        <v>1518</v>
      </c>
      <c r="J6920" s="5" t="s">
        <v>1519</v>
      </c>
      <c r="K6920" s="2" t="s">
        <v>1520</v>
      </c>
      <c r="L6920" s="5" t="s">
        <v>1519</v>
      </c>
      <c r="M6920" s="2" t="s">
        <v>1520</v>
      </c>
      <c r="N6920" s="5" t="s">
        <v>1521</v>
      </c>
      <c r="O6920" s="5" t="s">
        <v>38</v>
      </c>
      <c r="P6920" s="5" t="s">
        <v>39</v>
      </c>
      <c r="Q6920" s="5" t="s">
        <v>40</v>
      </c>
      <c r="R6920" s="5" t="s">
        <v>1522</v>
      </c>
      <c r="S6920" s="5" t="s">
        <v>1523</v>
      </c>
      <c r="T6920" s="5" t="s">
        <v>42</v>
      </c>
      <c r="U6920" s="2">
        <v>2.944</v>
      </c>
      <c r="V6920" s="2">
        <v>2.3130000000000002</v>
      </c>
      <c r="W6920" s="2">
        <v>1.7999999999999999E-2</v>
      </c>
      <c r="X6920" s="2">
        <v>139.1</v>
      </c>
      <c r="Y6920" s="2">
        <v>7.6</v>
      </c>
      <c r="Z6920" s="2">
        <v>16.7</v>
      </c>
      <c r="AA6920" s="5"/>
      <c r="AB6920" s="5" t="s">
        <v>43</v>
      </c>
      <c r="AC6920" s="5" t="s">
        <v>44</v>
      </c>
      <c r="AD6920" s="2"/>
      <c r="AE6920" s="1"/>
    </row>
    <row r="6921" spans="1:31" ht="14.45">
      <c r="A6921" s="11"/>
      <c r="B6921" s="20"/>
      <c r="C6921" s="2" t="s">
        <v>21235</v>
      </c>
      <c r="D6921" s="14" t="s">
        <v>21236</v>
      </c>
      <c r="E6921" s="2" t="s">
        <v>21237</v>
      </c>
      <c r="F6921" s="2" t="s">
        <v>7593</v>
      </c>
      <c r="G6921" s="8">
        <v>263</v>
      </c>
      <c r="H6921" s="5">
        <v>6</v>
      </c>
      <c r="I6921" s="5" t="s">
        <v>1518</v>
      </c>
      <c r="J6921" s="5" t="s">
        <v>1519</v>
      </c>
      <c r="K6921" s="2" t="s">
        <v>1520</v>
      </c>
      <c r="L6921" s="5" t="s">
        <v>1519</v>
      </c>
      <c r="M6921" s="2" t="s">
        <v>1520</v>
      </c>
      <c r="N6921" s="5" t="s">
        <v>1521</v>
      </c>
      <c r="O6921" s="5" t="s">
        <v>38</v>
      </c>
      <c r="P6921" s="5" t="s">
        <v>39</v>
      </c>
      <c r="Q6921" s="5" t="s">
        <v>40</v>
      </c>
      <c r="R6921" s="5" t="s">
        <v>1522</v>
      </c>
      <c r="S6921" s="5" t="s">
        <v>1523</v>
      </c>
      <c r="T6921" s="5" t="s">
        <v>42</v>
      </c>
      <c r="U6921" s="2">
        <v>2.8730000000000002</v>
      </c>
      <c r="V6921" s="2">
        <v>2.242</v>
      </c>
      <c r="W6921" s="2">
        <v>1.7999999999999999E-2</v>
      </c>
      <c r="X6921" s="2">
        <v>139.1</v>
      </c>
      <c r="Y6921" s="2">
        <v>7.6</v>
      </c>
      <c r="Z6921" s="2">
        <v>16.7</v>
      </c>
      <c r="AA6921" s="5"/>
      <c r="AB6921" s="5" t="s">
        <v>43</v>
      </c>
      <c r="AC6921" s="5" t="s">
        <v>44</v>
      </c>
      <c r="AD6921" s="2"/>
      <c r="AE6921" s="1"/>
    </row>
    <row r="6922" spans="1:31" ht="14.45">
      <c r="A6922" s="11"/>
      <c r="B6922" s="20"/>
      <c r="C6922" s="2" t="s">
        <v>21238</v>
      </c>
      <c r="D6922" s="14" t="s">
        <v>21239</v>
      </c>
      <c r="E6922" s="2" t="s">
        <v>21240</v>
      </c>
      <c r="F6922" s="2" t="s">
        <v>7597</v>
      </c>
      <c r="G6922" s="8">
        <v>263</v>
      </c>
      <c r="H6922" s="5">
        <v>6</v>
      </c>
      <c r="I6922" s="5" t="s">
        <v>1518</v>
      </c>
      <c r="J6922" s="5" t="s">
        <v>1519</v>
      </c>
      <c r="K6922" s="2" t="s">
        <v>1520</v>
      </c>
      <c r="L6922" s="5" t="s">
        <v>1519</v>
      </c>
      <c r="M6922" s="2" t="s">
        <v>1520</v>
      </c>
      <c r="N6922" s="5" t="s">
        <v>1521</v>
      </c>
      <c r="O6922" s="5" t="s">
        <v>38</v>
      </c>
      <c r="P6922" s="5" t="s">
        <v>39</v>
      </c>
      <c r="Q6922" s="5" t="s">
        <v>40</v>
      </c>
      <c r="R6922" s="5" t="s">
        <v>1522</v>
      </c>
      <c r="S6922" s="5" t="s">
        <v>1523</v>
      </c>
      <c r="T6922" s="5" t="s">
        <v>42</v>
      </c>
      <c r="U6922" s="2">
        <v>2.9620000000000002</v>
      </c>
      <c r="V6922" s="2">
        <v>2.331</v>
      </c>
      <c r="W6922" s="2">
        <v>1.7999999999999999E-2</v>
      </c>
      <c r="X6922" s="2">
        <v>139.1</v>
      </c>
      <c r="Y6922" s="2">
        <v>7.6</v>
      </c>
      <c r="Z6922" s="2">
        <v>16.7</v>
      </c>
      <c r="AA6922" s="5"/>
      <c r="AB6922" s="5" t="s">
        <v>43</v>
      </c>
      <c r="AC6922" s="5" t="s">
        <v>44</v>
      </c>
      <c r="AD6922" s="2"/>
      <c r="AE6922" s="1"/>
    </row>
    <row r="6923" spans="1:31" ht="14.45">
      <c r="A6923" s="11"/>
      <c r="B6923" s="20"/>
      <c r="C6923" s="2" t="s">
        <v>21241</v>
      </c>
      <c r="D6923" s="14" t="s">
        <v>21242</v>
      </c>
      <c r="E6923" s="2" t="s">
        <v>21243</v>
      </c>
      <c r="F6923" s="2" t="s">
        <v>16014</v>
      </c>
      <c r="G6923" s="8">
        <v>263</v>
      </c>
      <c r="H6923" s="5">
        <v>6</v>
      </c>
      <c r="I6923" s="5" t="s">
        <v>1518</v>
      </c>
      <c r="J6923" s="5" t="s">
        <v>1519</v>
      </c>
      <c r="K6923" s="2" t="s">
        <v>1520</v>
      </c>
      <c r="L6923" s="5" t="s">
        <v>1519</v>
      </c>
      <c r="M6923" s="2" t="s">
        <v>1520</v>
      </c>
      <c r="N6923" s="5" t="s">
        <v>1521</v>
      </c>
      <c r="O6923" s="5" t="s">
        <v>38</v>
      </c>
      <c r="P6923" s="5" t="s">
        <v>39</v>
      </c>
      <c r="Q6923" s="5" t="s">
        <v>40</v>
      </c>
      <c r="R6923" s="5" t="s">
        <v>1522</v>
      </c>
      <c r="S6923" s="5" t="s">
        <v>1523</v>
      </c>
      <c r="T6923" s="5" t="s">
        <v>42</v>
      </c>
      <c r="U6923" s="2">
        <v>2.8730000000000002</v>
      </c>
      <c r="V6923" s="2">
        <v>2.242</v>
      </c>
      <c r="W6923" s="2">
        <v>1.7999999999999999E-2</v>
      </c>
      <c r="X6923" s="2">
        <v>139.1</v>
      </c>
      <c r="Y6923" s="2">
        <v>7.6</v>
      </c>
      <c r="Z6923" s="2">
        <v>16.7</v>
      </c>
      <c r="AA6923" s="5"/>
      <c r="AB6923" s="5" t="s">
        <v>43</v>
      </c>
      <c r="AC6923" s="5" t="s">
        <v>44</v>
      </c>
      <c r="AD6923" s="2"/>
      <c r="AE6923" s="1"/>
    </row>
    <row r="6924" spans="1:31" ht="14.45">
      <c r="A6924" s="11"/>
      <c r="B6924" s="20"/>
      <c r="C6924" s="2" t="s">
        <v>21244</v>
      </c>
      <c r="D6924" s="14" t="s">
        <v>21245</v>
      </c>
      <c r="E6924" s="2" t="s">
        <v>21246</v>
      </c>
      <c r="F6924" s="2" t="s">
        <v>16219</v>
      </c>
      <c r="G6924" s="8">
        <v>263</v>
      </c>
      <c r="H6924" s="5">
        <v>6</v>
      </c>
      <c r="I6924" s="5" t="s">
        <v>1518</v>
      </c>
      <c r="J6924" s="5" t="s">
        <v>1519</v>
      </c>
      <c r="K6924" s="2" t="s">
        <v>1520</v>
      </c>
      <c r="L6924" s="5" t="s">
        <v>1519</v>
      </c>
      <c r="M6924" s="2" t="s">
        <v>1520</v>
      </c>
      <c r="N6924" s="5" t="s">
        <v>1521</v>
      </c>
      <c r="O6924" s="5" t="s">
        <v>38</v>
      </c>
      <c r="P6924" s="5" t="s">
        <v>39</v>
      </c>
      <c r="Q6924" s="5" t="s">
        <v>40</v>
      </c>
      <c r="R6924" s="5" t="s">
        <v>1522</v>
      </c>
      <c r="S6924" s="5" t="s">
        <v>1523</v>
      </c>
      <c r="T6924" s="5" t="s">
        <v>42</v>
      </c>
      <c r="U6924" s="2">
        <v>2.9620000000000002</v>
      </c>
      <c r="V6924" s="2">
        <v>2.331</v>
      </c>
      <c r="W6924" s="2">
        <v>1.7999999999999999E-2</v>
      </c>
      <c r="X6924" s="2">
        <v>139.1</v>
      </c>
      <c r="Y6924" s="2">
        <v>7.6</v>
      </c>
      <c r="Z6924" s="2">
        <v>16.7</v>
      </c>
      <c r="AA6924" s="5"/>
      <c r="AB6924" s="5" t="s">
        <v>43</v>
      </c>
      <c r="AC6924" s="5" t="s">
        <v>44</v>
      </c>
      <c r="AD6924" s="2"/>
      <c r="AE6924" s="1"/>
    </row>
    <row r="6925" spans="1:31" ht="14.45">
      <c r="A6925" s="11"/>
      <c r="B6925" s="20"/>
      <c r="C6925" s="2" t="s">
        <v>21247</v>
      </c>
      <c r="D6925" s="14" t="s">
        <v>21248</v>
      </c>
      <c r="E6925" s="2" t="s">
        <v>21249</v>
      </c>
      <c r="F6925" s="2" t="s">
        <v>16018</v>
      </c>
      <c r="G6925" s="8">
        <v>263</v>
      </c>
      <c r="H6925" s="5">
        <v>6</v>
      </c>
      <c r="I6925" s="5" t="s">
        <v>1518</v>
      </c>
      <c r="J6925" s="5" t="s">
        <v>1519</v>
      </c>
      <c r="K6925" s="2" t="s">
        <v>1520</v>
      </c>
      <c r="L6925" s="5" t="s">
        <v>1519</v>
      </c>
      <c r="M6925" s="2" t="s">
        <v>1520</v>
      </c>
      <c r="N6925" s="5" t="s">
        <v>1521</v>
      </c>
      <c r="O6925" s="5" t="s">
        <v>38</v>
      </c>
      <c r="P6925" s="5" t="s">
        <v>39</v>
      </c>
      <c r="Q6925" s="5" t="s">
        <v>40</v>
      </c>
      <c r="R6925" s="5" t="s">
        <v>1522</v>
      </c>
      <c r="S6925" s="5" t="s">
        <v>1523</v>
      </c>
      <c r="T6925" s="5" t="s">
        <v>42</v>
      </c>
      <c r="U6925" s="2">
        <v>2.8730000000000002</v>
      </c>
      <c r="V6925" s="2">
        <v>2.242</v>
      </c>
      <c r="W6925" s="2">
        <v>1.7999999999999999E-2</v>
      </c>
      <c r="X6925" s="2">
        <v>139.1</v>
      </c>
      <c r="Y6925" s="2">
        <v>7.6</v>
      </c>
      <c r="Z6925" s="2">
        <v>16.7</v>
      </c>
      <c r="AA6925" s="5"/>
      <c r="AB6925" s="5" t="s">
        <v>43</v>
      </c>
      <c r="AC6925" s="5" t="s">
        <v>44</v>
      </c>
      <c r="AD6925" s="2"/>
      <c r="AE6925" s="1"/>
    </row>
    <row r="6926" spans="1:31" ht="14.45">
      <c r="A6926" s="11"/>
      <c r="B6926" s="20"/>
      <c r="C6926" s="2" t="s">
        <v>21250</v>
      </c>
      <c r="D6926" s="14" t="s">
        <v>21251</v>
      </c>
      <c r="E6926" s="2" t="s">
        <v>21252</v>
      </c>
      <c r="F6926" s="2" t="s">
        <v>16022</v>
      </c>
      <c r="G6926" s="8">
        <v>263</v>
      </c>
      <c r="H6926" s="5">
        <v>6</v>
      </c>
      <c r="I6926" s="5" t="s">
        <v>1518</v>
      </c>
      <c r="J6926" s="5" t="s">
        <v>1519</v>
      </c>
      <c r="K6926" s="2" t="s">
        <v>1520</v>
      </c>
      <c r="L6926" s="5" t="s">
        <v>1519</v>
      </c>
      <c r="M6926" s="2" t="s">
        <v>1520</v>
      </c>
      <c r="N6926" s="5" t="s">
        <v>1521</v>
      </c>
      <c r="O6926" s="5" t="s">
        <v>38</v>
      </c>
      <c r="P6926" s="5" t="s">
        <v>39</v>
      </c>
      <c r="Q6926" s="5" t="s">
        <v>40</v>
      </c>
      <c r="R6926" s="5" t="s">
        <v>1522</v>
      </c>
      <c r="S6926" s="5" t="s">
        <v>1523</v>
      </c>
      <c r="T6926" s="5" t="s">
        <v>42</v>
      </c>
      <c r="U6926" s="2">
        <v>2.9620000000000002</v>
      </c>
      <c r="V6926" s="2">
        <v>2.331</v>
      </c>
      <c r="W6926" s="2">
        <v>1.7999999999999999E-2</v>
      </c>
      <c r="X6926" s="2">
        <v>139.1</v>
      </c>
      <c r="Y6926" s="2">
        <v>7.6</v>
      </c>
      <c r="Z6926" s="2">
        <v>16.7</v>
      </c>
      <c r="AA6926" s="5"/>
      <c r="AB6926" s="5" t="s">
        <v>43</v>
      </c>
      <c r="AC6926" s="5" t="s">
        <v>44</v>
      </c>
      <c r="AD6926" s="2"/>
      <c r="AE6926" s="1"/>
    </row>
    <row r="6927" spans="1:31" ht="14.45">
      <c r="A6927" s="11"/>
      <c r="B6927" s="20"/>
      <c r="C6927" s="2" t="s">
        <v>21253</v>
      </c>
      <c r="D6927" s="14" t="s">
        <v>21254</v>
      </c>
      <c r="E6927" s="2" t="s">
        <v>21255</v>
      </c>
      <c r="F6927" s="2" t="s">
        <v>7615</v>
      </c>
      <c r="G6927" s="8">
        <v>263</v>
      </c>
      <c r="H6927" s="5">
        <v>6</v>
      </c>
      <c r="I6927" s="5" t="s">
        <v>1518</v>
      </c>
      <c r="J6927" s="5" t="s">
        <v>1519</v>
      </c>
      <c r="K6927" s="2" t="s">
        <v>1520</v>
      </c>
      <c r="L6927" s="5" t="s">
        <v>1519</v>
      </c>
      <c r="M6927" s="2" t="s">
        <v>1520</v>
      </c>
      <c r="N6927" s="5" t="s">
        <v>1521</v>
      </c>
      <c r="O6927" s="5" t="s">
        <v>38</v>
      </c>
      <c r="P6927" s="5" t="s">
        <v>39</v>
      </c>
      <c r="Q6927" s="5" t="s">
        <v>40</v>
      </c>
      <c r="R6927" s="5" t="s">
        <v>1522</v>
      </c>
      <c r="S6927" s="5" t="s">
        <v>1523</v>
      </c>
      <c r="T6927" s="5" t="s">
        <v>42</v>
      </c>
      <c r="U6927" s="2">
        <v>2.855</v>
      </c>
      <c r="V6927" s="2">
        <v>2.2240000000000002</v>
      </c>
      <c r="W6927" s="2">
        <v>1.7999999999999999E-2</v>
      </c>
      <c r="X6927" s="2">
        <v>139.1</v>
      </c>
      <c r="Y6927" s="2">
        <v>7.6</v>
      </c>
      <c r="Z6927" s="2">
        <v>16.7</v>
      </c>
      <c r="AA6927" s="5"/>
      <c r="AB6927" s="5" t="s">
        <v>43</v>
      </c>
      <c r="AC6927" s="5" t="s">
        <v>44</v>
      </c>
      <c r="AD6927" s="2"/>
      <c r="AE6927" s="1"/>
    </row>
    <row r="6928" spans="1:31" ht="14.45">
      <c r="A6928" s="11"/>
      <c r="B6928" s="20"/>
      <c r="C6928" s="2" t="s">
        <v>21256</v>
      </c>
      <c r="D6928" s="14" t="s">
        <v>21257</v>
      </c>
      <c r="E6928" s="2" t="s">
        <v>21258</v>
      </c>
      <c r="F6928" s="2" t="s">
        <v>7619</v>
      </c>
      <c r="G6928" s="8">
        <v>263</v>
      </c>
      <c r="H6928" s="5">
        <v>6</v>
      </c>
      <c r="I6928" s="5" t="s">
        <v>1518</v>
      </c>
      <c r="J6928" s="5" t="s">
        <v>1519</v>
      </c>
      <c r="K6928" s="2" t="s">
        <v>1520</v>
      </c>
      <c r="L6928" s="5" t="s">
        <v>1519</v>
      </c>
      <c r="M6928" s="2" t="s">
        <v>1520</v>
      </c>
      <c r="N6928" s="5" t="s">
        <v>1521</v>
      </c>
      <c r="O6928" s="5" t="s">
        <v>38</v>
      </c>
      <c r="P6928" s="5" t="s">
        <v>39</v>
      </c>
      <c r="Q6928" s="5" t="s">
        <v>40</v>
      </c>
      <c r="R6928" s="5" t="s">
        <v>1522</v>
      </c>
      <c r="S6928" s="5" t="s">
        <v>1523</v>
      </c>
      <c r="T6928" s="5" t="s">
        <v>42</v>
      </c>
      <c r="U6928" s="2">
        <v>2.944</v>
      </c>
      <c r="V6928" s="2">
        <v>2.3130000000000002</v>
      </c>
      <c r="W6928" s="2">
        <v>1.7999999999999999E-2</v>
      </c>
      <c r="X6928" s="2">
        <v>139.1</v>
      </c>
      <c r="Y6928" s="2">
        <v>7.6</v>
      </c>
      <c r="Z6928" s="2">
        <v>16.7</v>
      </c>
      <c r="AA6928" s="5"/>
      <c r="AB6928" s="5" t="s">
        <v>43</v>
      </c>
      <c r="AC6928" s="5" t="s">
        <v>44</v>
      </c>
      <c r="AD6928" s="2"/>
      <c r="AE6928" s="1"/>
    </row>
    <row r="6929" spans="1:31" ht="14.45">
      <c r="A6929" s="11"/>
      <c r="B6929" s="20"/>
      <c r="C6929" s="2" t="s">
        <v>21259</v>
      </c>
      <c r="D6929" s="14" t="s">
        <v>21260</v>
      </c>
      <c r="E6929" s="2" t="s">
        <v>21261</v>
      </c>
      <c r="F6929" s="2" t="s">
        <v>16029</v>
      </c>
      <c r="G6929" s="8">
        <v>263</v>
      </c>
      <c r="H6929" s="5">
        <v>11</v>
      </c>
      <c r="I6929" s="5" t="s">
        <v>1518</v>
      </c>
      <c r="J6929" s="5" t="s">
        <v>1519</v>
      </c>
      <c r="K6929" s="2" t="s">
        <v>1520</v>
      </c>
      <c r="L6929" s="5" t="s">
        <v>1519</v>
      </c>
      <c r="M6929" s="2" t="s">
        <v>1520</v>
      </c>
      <c r="N6929" s="5" t="s">
        <v>1521</v>
      </c>
      <c r="O6929" s="5" t="s">
        <v>38</v>
      </c>
      <c r="P6929" s="5" t="s">
        <v>39</v>
      </c>
      <c r="Q6929" s="5" t="s">
        <v>40</v>
      </c>
      <c r="R6929" s="5" t="s">
        <v>1522</v>
      </c>
      <c r="S6929" s="5" t="s">
        <v>1523</v>
      </c>
      <c r="T6929" s="5" t="s">
        <v>42</v>
      </c>
      <c r="U6929" s="2">
        <v>2.851</v>
      </c>
      <c r="V6929" s="2">
        <v>2.2200000000000002</v>
      </c>
      <c r="W6929" s="2">
        <v>1.7999999999999999E-2</v>
      </c>
      <c r="X6929" s="2">
        <v>139.1</v>
      </c>
      <c r="Y6929" s="2">
        <v>7.6</v>
      </c>
      <c r="Z6929" s="2">
        <v>16.7</v>
      </c>
      <c r="AA6929" s="5"/>
      <c r="AB6929" s="5" t="s">
        <v>43</v>
      </c>
      <c r="AC6929" s="5" t="s">
        <v>44</v>
      </c>
      <c r="AD6929" s="2"/>
      <c r="AE6929" s="1"/>
    </row>
    <row r="6930" spans="1:31" ht="14.45">
      <c r="A6930" s="11"/>
      <c r="B6930" s="20"/>
      <c r="C6930" s="2" t="s">
        <v>21262</v>
      </c>
      <c r="D6930" s="14" t="s">
        <v>21263</v>
      </c>
      <c r="E6930" s="2" t="s">
        <v>21264</v>
      </c>
      <c r="F6930" s="2" t="s">
        <v>16033</v>
      </c>
      <c r="G6930" s="8">
        <v>263</v>
      </c>
      <c r="H6930" s="5">
        <v>11</v>
      </c>
      <c r="I6930" s="5" t="s">
        <v>1518</v>
      </c>
      <c r="J6930" s="5" t="s">
        <v>1519</v>
      </c>
      <c r="K6930" s="2" t="s">
        <v>1520</v>
      </c>
      <c r="L6930" s="5" t="s">
        <v>1519</v>
      </c>
      <c r="M6930" s="2" t="s">
        <v>1520</v>
      </c>
      <c r="N6930" s="5" t="s">
        <v>1521</v>
      </c>
      <c r="O6930" s="5" t="s">
        <v>38</v>
      </c>
      <c r="P6930" s="5" t="s">
        <v>39</v>
      </c>
      <c r="Q6930" s="5" t="s">
        <v>40</v>
      </c>
      <c r="R6930" s="5" t="s">
        <v>1522</v>
      </c>
      <c r="S6930" s="5" t="s">
        <v>1523</v>
      </c>
      <c r="T6930" s="5" t="s">
        <v>42</v>
      </c>
      <c r="U6930" s="2">
        <v>2.94</v>
      </c>
      <c r="V6930" s="2">
        <v>2.3090000000000002</v>
      </c>
      <c r="W6930" s="2">
        <v>1.7999999999999999E-2</v>
      </c>
      <c r="X6930" s="2">
        <v>139.1</v>
      </c>
      <c r="Y6930" s="2">
        <v>7.6</v>
      </c>
      <c r="Z6930" s="2">
        <v>16.7</v>
      </c>
      <c r="AA6930" s="5"/>
      <c r="AB6930" s="5" t="s">
        <v>43</v>
      </c>
      <c r="AC6930" s="5" t="s">
        <v>44</v>
      </c>
      <c r="AD6930" s="2"/>
      <c r="AE6930" s="1"/>
    </row>
    <row r="6931" spans="1:31" ht="14.45">
      <c r="A6931" s="11"/>
      <c r="B6931" s="20"/>
      <c r="C6931" s="2" t="s">
        <v>21265</v>
      </c>
      <c r="D6931" s="14" t="s">
        <v>21266</v>
      </c>
      <c r="E6931" s="2" t="s">
        <v>21267</v>
      </c>
      <c r="F6931" s="2" t="s">
        <v>7396</v>
      </c>
      <c r="G6931" s="8">
        <v>237</v>
      </c>
      <c r="H6931" s="5">
        <v>6</v>
      </c>
      <c r="I6931" s="5" t="s">
        <v>1518</v>
      </c>
      <c r="J6931" s="5" t="s">
        <v>1519</v>
      </c>
      <c r="K6931" s="2" t="s">
        <v>1520</v>
      </c>
      <c r="L6931" s="5" t="s">
        <v>1519</v>
      </c>
      <c r="M6931" s="2" t="s">
        <v>1520</v>
      </c>
      <c r="N6931" s="5" t="s">
        <v>1521</v>
      </c>
      <c r="O6931" s="5" t="s">
        <v>38</v>
      </c>
      <c r="P6931" s="5" t="s">
        <v>39</v>
      </c>
      <c r="Q6931" s="5" t="s">
        <v>40</v>
      </c>
      <c r="R6931" s="5" t="s">
        <v>1522</v>
      </c>
      <c r="S6931" s="5" t="s">
        <v>1523</v>
      </c>
      <c r="T6931" s="5" t="s">
        <v>42</v>
      </c>
      <c r="U6931" s="2">
        <v>2.5830000000000002</v>
      </c>
      <c r="V6931" s="2">
        <v>2.0369999999999999</v>
      </c>
      <c r="W6931" s="2">
        <v>1.2999999999999999E-2</v>
      </c>
      <c r="X6931" s="2">
        <v>99.1</v>
      </c>
      <c r="Y6931" s="2">
        <v>7.6</v>
      </c>
      <c r="Z6931" s="2">
        <v>16.7</v>
      </c>
      <c r="AA6931" s="5"/>
      <c r="AB6931" s="5" t="s">
        <v>43</v>
      </c>
      <c r="AC6931" s="5" t="s">
        <v>44</v>
      </c>
      <c r="AD6931" s="2"/>
      <c r="AE6931" s="1"/>
    </row>
    <row r="6932" spans="1:31" ht="14.45">
      <c r="A6932" s="11"/>
      <c r="B6932" s="20"/>
      <c r="C6932" s="2" t="s">
        <v>21268</v>
      </c>
      <c r="D6932" s="14" t="s">
        <v>21269</v>
      </c>
      <c r="E6932" s="2" t="s">
        <v>21270</v>
      </c>
      <c r="F6932" s="2" t="s">
        <v>7507</v>
      </c>
      <c r="G6932" s="8">
        <v>237</v>
      </c>
      <c r="H6932" s="5">
        <v>6</v>
      </c>
      <c r="I6932" s="5" t="s">
        <v>1518</v>
      </c>
      <c r="J6932" s="5" t="s">
        <v>1519</v>
      </c>
      <c r="K6932" s="2" t="s">
        <v>1520</v>
      </c>
      <c r="L6932" s="5" t="s">
        <v>1519</v>
      </c>
      <c r="M6932" s="2" t="s">
        <v>1520</v>
      </c>
      <c r="N6932" s="5" t="s">
        <v>1521</v>
      </c>
      <c r="O6932" s="5" t="s">
        <v>38</v>
      </c>
      <c r="P6932" s="5" t="s">
        <v>39</v>
      </c>
      <c r="Q6932" s="5" t="s">
        <v>40</v>
      </c>
      <c r="R6932" s="5" t="s">
        <v>1522</v>
      </c>
      <c r="S6932" s="5" t="s">
        <v>1523</v>
      </c>
      <c r="T6932" s="5" t="s">
        <v>42</v>
      </c>
      <c r="U6932" s="2">
        <v>2.65</v>
      </c>
      <c r="V6932" s="2">
        <v>2.1040000000000001</v>
      </c>
      <c r="W6932" s="2">
        <v>1.2999999999999999E-2</v>
      </c>
      <c r="X6932" s="2">
        <v>99.1</v>
      </c>
      <c r="Y6932" s="2">
        <v>7.6</v>
      </c>
      <c r="Z6932" s="2">
        <v>16.7</v>
      </c>
      <c r="AA6932" s="5"/>
      <c r="AB6932" s="5" t="s">
        <v>43</v>
      </c>
      <c r="AC6932" s="5" t="s">
        <v>44</v>
      </c>
      <c r="AD6932" s="2"/>
      <c r="AE6932" s="1"/>
    </row>
    <row r="6933" spans="1:31" ht="14.45">
      <c r="A6933" s="11"/>
      <c r="B6933" s="20"/>
      <c r="C6933" s="2" t="s">
        <v>21271</v>
      </c>
      <c r="D6933" s="14" t="s">
        <v>21272</v>
      </c>
      <c r="E6933" s="2" t="s">
        <v>21273</v>
      </c>
      <c r="F6933" s="2" t="s">
        <v>7204</v>
      </c>
      <c r="G6933" s="8">
        <v>237</v>
      </c>
      <c r="H6933" s="5">
        <v>6</v>
      </c>
      <c r="I6933" s="5" t="s">
        <v>1518</v>
      </c>
      <c r="J6933" s="5" t="s">
        <v>1519</v>
      </c>
      <c r="K6933" s="2" t="s">
        <v>1520</v>
      </c>
      <c r="L6933" s="5" t="s">
        <v>1519</v>
      </c>
      <c r="M6933" s="2" t="s">
        <v>1520</v>
      </c>
      <c r="N6933" s="5" t="s">
        <v>1521</v>
      </c>
      <c r="O6933" s="5" t="s">
        <v>38</v>
      </c>
      <c r="P6933" s="5" t="s">
        <v>39</v>
      </c>
      <c r="Q6933" s="5" t="s">
        <v>40</v>
      </c>
      <c r="R6933" s="5" t="s">
        <v>1522</v>
      </c>
      <c r="S6933" s="5" t="s">
        <v>1523</v>
      </c>
      <c r="T6933" s="5" t="s">
        <v>42</v>
      </c>
      <c r="U6933" s="2">
        <v>2.5880000000000001</v>
      </c>
      <c r="V6933" s="2">
        <v>2.0419999999999998</v>
      </c>
      <c r="W6933" s="2">
        <v>1.2999999999999999E-2</v>
      </c>
      <c r="X6933" s="2">
        <v>99.1</v>
      </c>
      <c r="Y6933" s="2">
        <v>7.6</v>
      </c>
      <c r="Z6933" s="2">
        <v>16.7</v>
      </c>
      <c r="AA6933" s="5"/>
      <c r="AB6933" s="5" t="s">
        <v>43</v>
      </c>
      <c r="AC6933" s="5" t="s">
        <v>44</v>
      </c>
      <c r="AD6933" s="2"/>
      <c r="AE6933" s="1"/>
    </row>
    <row r="6934" spans="1:31" ht="14.45">
      <c r="A6934" s="11"/>
      <c r="B6934" s="20"/>
      <c r="C6934" s="2" t="s">
        <v>21274</v>
      </c>
      <c r="D6934" s="14" t="s">
        <v>21275</v>
      </c>
      <c r="E6934" s="2" t="s">
        <v>21276</v>
      </c>
      <c r="F6934" s="2" t="s">
        <v>7514</v>
      </c>
      <c r="G6934" s="8">
        <v>237</v>
      </c>
      <c r="H6934" s="5">
        <v>6</v>
      </c>
      <c r="I6934" s="5" t="s">
        <v>1518</v>
      </c>
      <c r="J6934" s="5" t="s">
        <v>1519</v>
      </c>
      <c r="K6934" s="2" t="s">
        <v>1520</v>
      </c>
      <c r="L6934" s="5" t="s">
        <v>1519</v>
      </c>
      <c r="M6934" s="2" t="s">
        <v>1520</v>
      </c>
      <c r="N6934" s="5" t="s">
        <v>1521</v>
      </c>
      <c r="O6934" s="5" t="s">
        <v>38</v>
      </c>
      <c r="P6934" s="5" t="s">
        <v>39</v>
      </c>
      <c r="Q6934" s="5" t="s">
        <v>40</v>
      </c>
      <c r="R6934" s="5" t="s">
        <v>1522</v>
      </c>
      <c r="S6934" s="5" t="s">
        <v>1523</v>
      </c>
      <c r="T6934" s="5" t="s">
        <v>42</v>
      </c>
      <c r="U6934" s="2">
        <v>2.6549999999999998</v>
      </c>
      <c r="V6934" s="2">
        <v>2.109</v>
      </c>
      <c r="W6934" s="2">
        <v>1.2999999999999999E-2</v>
      </c>
      <c r="X6934" s="2">
        <v>99.1</v>
      </c>
      <c r="Y6934" s="2">
        <v>7.6</v>
      </c>
      <c r="Z6934" s="2">
        <v>16.7</v>
      </c>
      <c r="AA6934" s="5"/>
      <c r="AB6934" s="5" t="s">
        <v>43</v>
      </c>
      <c r="AC6934" s="5" t="s">
        <v>44</v>
      </c>
      <c r="AD6934" s="2"/>
      <c r="AE6934" s="1"/>
    </row>
    <row r="6935" spans="1:31" ht="14.45">
      <c r="A6935" s="11"/>
      <c r="B6935" s="20"/>
      <c r="C6935" s="2" t="s">
        <v>21277</v>
      </c>
      <c r="D6935" s="14" t="s">
        <v>21278</v>
      </c>
      <c r="E6935" s="2" t="s">
        <v>21279</v>
      </c>
      <c r="F6935" s="2" t="s">
        <v>7208</v>
      </c>
      <c r="G6935" s="8">
        <v>237</v>
      </c>
      <c r="H6935" s="5">
        <v>6</v>
      </c>
      <c r="I6935" s="5" t="s">
        <v>1518</v>
      </c>
      <c r="J6935" s="5" t="s">
        <v>1519</v>
      </c>
      <c r="K6935" s="2" t="s">
        <v>1520</v>
      </c>
      <c r="L6935" s="5" t="s">
        <v>1519</v>
      </c>
      <c r="M6935" s="2" t="s">
        <v>1520</v>
      </c>
      <c r="N6935" s="5" t="s">
        <v>1521</v>
      </c>
      <c r="O6935" s="5" t="s">
        <v>38</v>
      </c>
      <c r="P6935" s="5" t="s">
        <v>39</v>
      </c>
      <c r="Q6935" s="5" t="s">
        <v>40</v>
      </c>
      <c r="R6935" s="5" t="s">
        <v>1522</v>
      </c>
      <c r="S6935" s="5" t="s">
        <v>1523</v>
      </c>
      <c r="T6935" s="5" t="s">
        <v>42</v>
      </c>
      <c r="U6935" s="2">
        <v>2.5880000000000001</v>
      </c>
      <c r="V6935" s="2">
        <v>2.0419999999999998</v>
      </c>
      <c r="W6935" s="2">
        <v>1.2999999999999999E-2</v>
      </c>
      <c r="X6935" s="2">
        <v>99.1</v>
      </c>
      <c r="Y6935" s="2">
        <v>7.6</v>
      </c>
      <c r="Z6935" s="2">
        <v>16.7</v>
      </c>
      <c r="AA6935" s="5"/>
      <c r="AB6935" s="5" t="s">
        <v>43</v>
      </c>
      <c r="AC6935" s="5" t="s">
        <v>44</v>
      </c>
      <c r="AD6935" s="2"/>
      <c r="AE6935" s="1"/>
    </row>
    <row r="6936" spans="1:31" ht="14.45">
      <c r="A6936" s="11"/>
      <c r="B6936" s="20"/>
      <c r="C6936" s="2" t="s">
        <v>21280</v>
      </c>
      <c r="D6936" s="14" t="s">
        <v>21281</v>
      </c>
      <c r="E6936" s="2" t="s">
        <v>21282</v>
      </c>
      <c r="F6936" s="2" t="s">
        <v>7521</v>
      </c>
      <c r="G6936" s="8">
        <v>237</v>
      </c>
      <c r="H6936" s="5">
        <v>6</v>
      </c>
      <c r="I6936" s="5" t="s">
        <v>1518</v>
      </c>
      <c r="J6936" s="5" t="s">
        <v>1519</v>
      </c>
      <c r="K6936" s="2" t="s">
        <v>1520</v>
      </c>
      <c r="L6936" s="5" t="s">
        <v>1519</v>
      </c>
      <c r="M6936" s="2" t="s">
        <v>1520</v>
      </c>
      <c r="N6936" s="5" t="s">
        <v>1521</v>
      </c>
      <c r="O6936" s="5" t="s">
        <v>38</v>
      </c>
      <c r="P6936" s="5" t="s">
        <v>39</v>
      </c>
      <c r="Q6936" s="5" t="s">
        <v>40</v>
      </c>
      <c r="R6936" s="5" t="s">
        <v>1522</v>
      </c>
      <c r="S6936" s="5" t="s">
        <v>1523</v>
      </c>
      <c r="T6936" s="5" t="s">
        <v>42</v>
      </c>
      <c r="U6936" s="2">
        <v>2.6549999999999998</v>
      </c>
      <c r="V6936" s="2">
        <v>2.109</v>
      </c>
      <c r="W6936" s="2">
        <v>1.2999999999999999E-2</v>
      </c>
      <c r="X6936" s="2">
        <v>99.1</v>
      </c>
      <c r="Y6936" s="2">
        <v>7.6</v>
      </c>
      <c r="Z6936" s="2">
        <v>16.7</v>
      </c>
      <c r="AA6936" s="5"/>
      <c r="AB6936" s="5" t="s">
        <v>43</v>
      </c>
      <c r="AC6936" s="5" t="s">
        <v>44</v>
      </c>
      <c r="AD6936" s="2"/>
      <c r="AE6936" s="1"/>
    </row>
    <row r="6937" spans="1:31" ht="14.45">
      <c r="A6937" s="11"/>
      <c r="B6937" s="20"/>
      <c r="C6937" s="2" t="s">
        <v>21283</v>
      </c>
      <c r="D6937" s="14" t="s">
        <v>21284</v>
      </c>
      <c r="E6937" s="2" t="s">
        <v>21285</v>
      </c>
      <c r="F6937" s="2" t="s">
        <v>7212</v>
      </c>
      <c r="G6937" s="8">
        <v>237</v>
      </c>
      <c r="H6937" s="5">
        <v>6</v>
      </c>
      <c r="I6937" s="5" t="s">
        <v>1518</v>
      </c>
      <c r="J6937" s="5" t="s">
        <v>1519</v>
      </c>
      <c r="K6937" s="2" t="s">
        <v>1520</v>
      </c>
      <c r="L6937" s="5" t="s">
        <v>1519</v>
      </c>
      <c r="M6937" s="2" t="s">
        <v>1520</v>
      </c>
      <c r="N6937" s="5" t="s">
        <v>1521</v>
      </c>
      <c r="O6937" s="5" t="s">
        <v>38</v>
      </c>
      <c r="P6937" s="5" t="s">
        <v>39</v>
      </c>
      <c r="Q6937" s="5" t="s">
        <v>40</v>
      </c>
      <c r="R6937" s="5" t="s">
        <v>1522</v>
      </c>
      <c r="S6937" s="5" t="s">
        <v>1523</v>
      </c>
      <c r="T6937" s="5" t="s">
        <v>42</v>
      </c>
      <c r="U6937" s="2">
        <v>2.573</v>
      </c>
      <c r="V6937" s="2">
        <v>2.0270000000000001</v>
      </c>
      <c r="W6937" s="2">
        <v>1.2999999999999999E-2</v>
      </c>
      <c r="X6937" s="2">
        <v>99.1</v>
      </c>
      <c r="Y6937" s="2">
        <v>7.6</v>
      </c>
      <c r="Z6937" s="2">
        <v>16.7</v>
      </c>
      <c r="AA6937" s="5"/>
      <c r="AB6937" s="5" t="s">
        <v>43</v>
      </c>
      <c r="AC6937" s="5" t="s">
        <v>44</v>
      </c>
      <c r="AD6937" s="2"/>
      <c r="AE6937" s="1"/>
    </row>
    <row r="6938" spans="1:31" ht="14.45">
      <c r="A6938" s="11"/>
      <c r="B6938" s="20"/>
      <c r="C6938" s="2" t="s">
        <v>21286</v>
      </c>
      <c r="D6938" s="14" t="s">
        <v>21287</v>
      </c>
      <c r="E6938" s="2" t="s">
        <v>21288</v>
      </c>
      <c r="F6938" s="2" t="s">
        <v>7528</v>
      </c>
      <c r="G6938" s="8">
        <v>237</v>
      </c>
      <c r="H6938" s="5">
        <v>6</v>
      </c>
      <c r="I6938" s="5" t="s">
        <v>1518</v>
      </c>
      <c r="J6938" s="5" t="s">
        <v>1519</v>
      </c>
      <c r="K6938" s="2" t="s">
        <v>1520</v>
      </c>
      <c r="L6938" s="5" t="s">
        <v>1519</v>
      </c>
      <c r="M6938" s="2" t="s">
        <v>1520</v>
      </c>
      <c r="N6938" s="5" t="s">
        <v>1521</v>
      </c>
      <c r="O6938" s="5" t="s">
        <v>38</v>
      </c>
      <c r="P6938" s="5" t="s">
        <v>39</v>
      </c>
      <c r="Q6938" s="5" t="s">
        <v>40</v>
      </c>
      <c r="R6938" s="5" t="s">
        <v>1522</v>
      </c>
      <c r="S6938" s="5" t="s">
        <v>1523</v>
      </c>
      <c r="T6938" s="5" t="s">
        <v>42</v>
      </c>
      <c r="U6938" s="2">
        <v>2.64</v>
      </c>
      <c r="V6938" s="2">
        <v>2.0939999999999999</v>
      </c>
      <c r="W6938" s="2">
        <v>1.2999999999999999E-2</v>
      </c>
      <c r="X6938" s="2">
        <v>99.1</v>
      </c>
      <c r="Y6938" s="2">
        <v>7.6</v>
      </c>
      <c r="Z6938" s="2">
        <v>16.7</v>
      </c>
      <c r="AA6938" s="5"/>
      <c r="AB6938" s="5" t="s">
        <v>43</v>
      </c>
      <c r="AC6938" s="5" t="s">
        <v>44</v>
      </c>
      <c r="AD6938" s="2"/>
      <c r="AE6938" s="1"/>
    </row>
    <row r="6939" spans="1:31" ht="14.45">
      <c r="A6939" s="11"/>
      <c r="B6939" s="20"/>
      <c r="C6939" s="2" t="s">
        <v>21289</v>
      </c>
      <c r="D6939" s="14" t="s">
        <v>21290</v>
      </c>
      <c r="E6939" s="2" t="s">
        <v>21291</v>
      </c>
      <c r="F6939" s="2" t="s">
        <v>7406</v>
      </c>
      <c r="G6939" s="8">
        <v>253</v>
      </c>
      <c r="H6939" s="5">
        <v>6</v>
      </c>
      <c r="I6939" s="5" t="s">
        <v>1518</v>
      </c>
      <c r="J6939" s="5" t="s">
        <v>1519</v>
      </c>
      <c r="K6939" s="2" t="s">
        <v>1520</v>
      </c>
      <c r="L6939" s="5" t="s">
        <v>1519</v>
      </c>
      <c r="M6939" s="2" t="s">
        <v>1520</v>
      </c>
      <c r="N6939" s="5" t="s">
        <v>1521</v>
      </c>
      <c r="O6939" s="5" t="s">
        <v>38</v>
      </c>
      <c r="P6939" s="5" t="s">
        <v>39</v>
      </c>
      <c r="Q6939" s="5" t="s">
        <v>40</v>
      </c>
      <c r="R6939" s="5" t="s">
        <v>1522</v>
      </c>
      <c r="S6939" s="5" t="s">
        <v>1523</v>
      </c>
      <c r="T6939" s="5" t="s">
        <v>42</v>
      </c>
      <c r="U6939" s="2">
        <v>2.573</v>
      </c>
      <c r="V6939" s="2">
        <v>2.0270000000000001</v>
      </c>
      <c r="W6939" s="2">
        <v>1.2999999999999999E-2</v>
      </c>
      <c r="X6939" s="2">
        <v>99.1</v>
      </c>
      <c r="Y6939" s="2">
        <v>7.6</v>
      </c>
      <c r="Z6939" s="2">
        <v>16.7</v>
      </c>
      <c r="AA6939" s="5"/>
      <c r="AB6939" s="5" t="s">
        <v>43</v>
      </c>
      <c r="AC6939" s="5" t="s">
        <v>44</v>
      </c>
      <c r="AD6939" s="2"/>
      <c r="AE6939" s="1"/>
    </row>
    <row r="6940" spans="1:31" ht="14.45">
      <c r="A6940" s="11"/>
      <c r="B6940" s="20"/>
      <c r="C6940" s="2" t="s">
        <v>21292</v>
      </c>
      <c r="D6940" s="14" t="s">
        <v>21293</v>
      </c>
      <c r="E6940" s="2" t="s">
        <v>21294</v>
      </c>
      <c r="F6940" s="2" t="s">
        <v>7535</v>
      </c>
      <c r="G6940" s="8">
        <v>253</v>
      </c>
      <c r="H6940" s="5">
        <v>6</v>
      </c>
      <c r="I6940" s="5" t="s">
        <v>1518</v>
      </c>
      <c r="J6940" s="5" t="s">
        <v>1519</v>
      </c>
      <c r="K6940" s="2" t="s">
        <v>1520</v>
      </c>
      <c r="L6940" s="5" t="s">
        <v>1519</v>
      </c>
      <c r="M6940" s="2" t="s">
        <v>1520</v>
      </c>
      <c r="N6940" s="5" t="s">
        <v>1521</v>
      </c>
      <c r="O6940" s="5" t="s">
        <v>38</v>
      </c>
      <c r="P6940" s="5" t="s">
        <v>39</v>
      </c>
      <c r="Q6940" s="5" t="s">
        <v>40</v>
      </c>
      <c r="R6940" s="5" t="s">
        <v>1522</v>
      </c>
      <c r="S6940" s="5" t="s">
        <v>1523</v>
      </c>
      <c r="T6940" s="5" t="s">
        <v>42</v>
      </c>
      <c r="U6940" s="2">
        <v>2.64</v>
      </c>
      <c r="V6940" s="2">
        <v>2.0939999999999999</v>
      </c>
      <c r="W6940" s="2">
        <v>1.2999999999999999E-2</v>
      </c>
      <c r="X6940" s="2">
        <v>99.1</v>
      </c>
      <c r="Y6940" s="2">
        <v>7.6</v>
      </c>
      <c r="Z6940" s="2">
        <v>16.7</v>
      </c>
      <c r="AA6940" s="5"/>
      <c r="AB6940" s="5" t="s">
        <v>43</v>
      </c>
      <c r="AC6940" s="5" t="s">
        <v>44</v>
      </c>
      <c r="AD6940" s="2"/>
      <c r="AE6940" s="1"/>
    </row>
    <row r="6941" spans="1:31" ht="14.45">
      <c r="A6941" s="11"/>
      <c r="B6941" s="20"/>
      <c r="C6941" s="2" t="s">
        <v>21295</v>
      </c>
      <c r="D6941" s="14" t="s">
        <v>21296</v>
      </c>
      <c r="E6941" s="2" t="s">
        <v>21297</v>
      </c>
      <c r="F6941" s="2" t="s">
        <v>7539</v>
      </c>
      <c r="G6941" s="8">
        <v>253</v>
      </c>
      <c r="H6941" s="5">
        <v>6</v>
      </c>
      <c r="I6941" s="5" t="s">
        <v>1518</v>
      </c>
      <c r="J6941" s="5" t="s">
        <v>1519</v>
      </c>
      <c r="K6941" s="2" t="s">
        <v>1520</v>
      </c>
      <c r="L6941" s="5" t="s">
        <v>1519</v>
      </c>
      <c r="M6941" s="2" t="s">
        <v>1520</v>
      </c>
      <c r="N6941" s="5" t="s">
        <v>1521</v>
      </c>
      <c r="O6941" s="5" t="s">
        <v>38</v>
      </c>
      <c r="P6941" s="5" t="s">
        <v>39</v>
      </c>
      <c r="Q6941" s="5" t="s">
        <v>40</v>
      </c>
      <c r="R6941" s="5" t="s">
        <v>1522</v>
      </c>
      <c r="S6941" s="5" t="s">
        <v>1523</v>
      </c>
      <c r="T6941" s="5" t="s">
        <v>42</v>
      </c>
      <c r="U6941" s="2">
        <v>2.5880000000000001</v>
      </c>
      <c r="V6941" s="2">
        <v>2.0419999999999998</v>
      </c>
      <c r="W6941" s="2">
        <v>1.2999999999999999E-2</v>
      </c>
      <c r="X6941" s="2">
        <v>99.1</v>
      </c>
      <c r="Y6941" s="2">
        <v>7.6</v>
      </c>
      <c r="Z6941" s="2">
        <v>16.7</v>
      </c>
      <c r="AA6941" s="5"/>
      <c r="AB6941" s="5" t="s">
        <v>43</v>
      </c>
      <c r="AC6941" s="5" t="s">
        <v>44</v>
      </c>
      <c r="AD6941" s="2"/>
      <c r="AE6941" s="1"/>
    </row>
    <row r="6942" spans="1:31" ht="14.45">
      <c r="A6942" s="11"/>
      <c r="B6942" s="20"/>
      <c r="C6942" s="2" t="s">
        <v>21298</v>
      </c>
      <c r="D6942" s="14" t="s">
        <v>21299</v>
      </c>
      <c r="E6942" s="2" t="s">
        <v>21300</v>
      </c>
      <c r="F6942" s="2" t="s">
        <v>7543</v>
      </c>
      <c r="G6942" s="8">
        <v>253</v>
      </c>
      <c r="H6942" s="5">
        <v>6</v>
      </c>
      <c r="I6942" s="5" t="s">
        <v>1518</v>
      </c>
      <c r="J6942" s="5" t="s">
        <v>1519</v>
      </c>
      <c r="K6942" s="2" t="s">
        <v>1520</v>
      </c>
      <c r="L6942" s="5" t="s">
        <v>1519</v>
      </c>
      <c r="M6942" s="2" t="s">
        <v>1520</v>
      </c>
      <c r="N6942" s="5" t="s">
        <v>1521</v>
      </c>
      <c r="O6942" s="5" t="s">
        <v>38</v>
      </c>
      <c r="P6942" s="5" t="s">
        <v>39</v>
      </c>
      <c r="Q6942" s="5" t="s">
        <v>40</v>
      </c>
      <c r="R6942" s="5" t="s">
        <v>1522</v>
      </c>
      <c r="S6942" s="5" t="s">
        <v>1523</v>
      </c>
      <c r="T6942" s="5" t="s">
        <v>42</v>
      </c>
      <c r="U6942" s="2">
        <v>2.6549999999999998</v>
      </c>
      <c r="V6942" s="2">
        <v>2.109</v>
      </c>
      <c r="W6942" s="2">
        <v>1.2999999999999999E-2</v>
      </c>
      <c r="X6942" s="2">
        <v>99.1</v>
      </c>
      <c r="Y6942" s="2">
        <v>7.6</v>
      </c>
      <c r="Z6942" s="2">
        <v>16.7</v>
      </c>
      <c r="AA6942" s="5"/>
      <c r="AB6942" s="5" t="s">
        <v>43</v>
      </c>
      <c r="AC6942" s="5" t="s">
        <v>44</v>
      </c>
      <c r="AD6942" s="2"/>
      <c r="AE6942" s="1"/>
    </row>
    <row r="6943" spans="1:31" ht="14.45">
      <c r="A6943" s="11"/>
      <c r="B6943" s="20"/>
      <c r="C6943" s="2" t="s">
        <v>21301</v>
      </c>
      <c r="D6943" s="14" t="s">
        <v>21302</v>
      </c>
      <c r="E6943" s="2" t="s">
        <v>21303</v>
      </c>
      <c r="F6943" s="2" t="s">
        <v>7547</v>
      </c>
      <c r="G6943" s="8">
        <v>253</v>
      </c>
      <c r="H6943" s="5">
        <v>6</v>
      </c>
      <c r="I6943" s="5" t="s">
        <v>1518</v>
      </c>
      <c r="J6943" s="5" t="s">
        <v>1519</v>
      </c>
      <c r="K6943" s="2" t="s">
        <v>1520</v>
      </c>
      <c r="L6943" s="5" t="s">
        <v>1519</v>
      </c>
      <c r="M6943" s="2" t="s">
        <v>1520</v>
      </c>
      <c r="N6943" s="5" t="s">
        <v>1521</v>
      </c>
      <c r="O6943" s="5" t="s">
        <v>38</v>
      </c>
      <c r="P6943" s="5" t="s">
        <v>39</v>
      </c>
      <c r="Q6943" s="5" t="s">
        <v>40</v>
      </c>
      <c r="R6943" s="5" t="s">
        <v>1522</v>
      </c>
      <c r="S6943" s="5" t="s">
        <v>1523</v>
      </c>
      <c r="T6943" s="5" t="s">
        <v>42</v>
      </c>
      <c r="U6943" s="2">
        <v>2.573</v>
      </c>
      <c r="V6943" s="2">
        <v>2.0270000000000001</v>
      </c>
      <c r="W6943" s="2">
        <v>1.2999999999999999E-2</v>
      </c>
      <c r="X6943" s="2">
        <v>99.1</v>
      </c>
      <c r="Y6943" s="2">
        <v>7.6</v>
      </c>
      <c r="Z6943" s="2">
        <v>16.7</v>
      </c>
      <c r="AA6943" s="5"/>
      <c r="AB6943" s="5" t="s">
        <v>43</v>
      </c>
      <c r="AC6943" s="5" t="s">
        <v>44</v>
      </c>
      <c r="AD6943" s="2"/>
      <c r="AE6943" s="1"/>
    </row>
    <row r="6944" spans="1:31" ht="14.45">
      <c r="A6944" s="11"/>
      <c r="B6944" s="20"/>
      <c r="C6944" s="2" t="s">
        <v>21304</v>
      </c>
      <c r="D6944" s="14" t="s">
        <v>21305</v>
      </c>
      <c r="E6944" s="2" t="s">
        <v>21306</v>
      </c>
      <c r="F6944" s="2" t="s">
        <v>7551</v>
      </c>
      <c r="G6944" s="8">
        <v>253</v>
      </c>
      <c r="H6944" s="5">
        <v>6</v>
      </c>
      <c r="I6944" s="5" t="s">
        <v>1518</v>
      </c>
      <c r="J6944" s="5" t="s">
        <v>1519</v>
      </c>
      <c r="K6944" s="2" t="s">
        <v>1520</v>
      </c>
      <c r="L6944" s="5" t="s">
        <v>1519</v>
      </c>
      <c r="M6944" s="2" t="s">
        <v>1520</v>
      </c>
      <c r="N6944" s="5" t="s">
        <v>1521</v>
      </c>
      <c r="O6944" s="5" t="s">
        <v>38</v>
      </c>
      <c r="P6944" s="5" t="s">
        <v>39</v>
      </c>
      <c r="Q6944" s="5" t="s">
        <v>40</v>
      </c>
      <c r="R6944" s="5" t="s">
        <v>1522</v>
      </c>
      <c r="S6944" s="5" t="s">
        <v>1523</v>
      </c>
      <c r="T6944" s="5" t="s">
        <v>42</v>
      </c>
      <c r="U6944" s="2">
        <v>2.64</v>
      </c>
      <c r="V6944" s="2">
        <v>2.0939999999999999</v>
      </c>
      <c r="W6944" s="2">
        <v>1.2999999999999999E-2</v>
      </c>
      <c r="X6944" s="2">
        <v>99.1</v>
      </c>
      <c r="Y6944" s="2">
        <v>7.6</v>
      </c>
      <c r="Z6944" s="2">
        <v>16.7</v>
      </c>
      <c r="AA6944" s="5"/>
      <c r="AB6944" s="5" t="s">
        <v>43</v>
      </c>
      <c r="AC6944" s="5" t="s">
        <v>44</v>
      </c>
      <c r="AD6944" s="2"/>
      <c r="AE6944" s="1"/>
    </row>
    <row r="6945" spans="1:31" ht="14.45">
      <c r="A6945" s="11"/>
      <c r="B6945" s="20"/>
      <c r="C6945" s="2" t="s">
        <v>21307</v>
      </c>
      <c r="D6945" s="14" t="s">
        <v>21308</v>
      </c>
      <c r="E6945" s="2" t="s">
        <v>21309</v>
      </c>
      <c r="F6945" s="2" t="s">
        <v>7555</v>
      </c>
      <c r="G6945" s="8">
        <v>253</v>
      </c>
      <c r="H6945" s="5">
        <v>6</v>
      </c>
      <c r="I6945" s="5" t="s">
        <v>1518</v>
      </c>
      <c r="J6945" s="5" t="s">
        <v>1519</v>
      </c>
      <c r="K6945" s="2" t="s">
        <v>1520</v>
      </c>
      <c r="L6945" s="5" t="s">
        <v>1519</v>
      </c>
      <c r="M6945" s="2" t="s">
        <v>1520</v>
      </c>
      <c r="N6945" s="5" t="s">
        <v>1521</v>
      </c>
      <c r="O6945" s="5" t="s">
        <v>38</v>
      </c>
      <c r="P6945" s="5" t="s">
        <v>39</v>
      </c>
      <c r="Q6945" s="5" t="s">
        <v>40</v>
      </c>
      <c r="R6945" s="5" t="s">
        <v>1522</v>
      </c>
      <c r="S6945" s="5" t="s">
        <v>1523</v>
      </c>
      <c r="T6945" s="5" t="s">
        <v>42</v>
      </c>
      <c r="U6945" s="2">
        <v>2.573</v>
      </c>
      <c r="V6945" s="2">
        <v>2.0270000000000001</v>
      </c>
      <c r="W6945" s="2">
        <v>1.2999999999999999E-2</v>
      </c>
      <c r="X6945" s="2">
        <v>99.1</v>
      </c>
      <c r="Y6945" s="2">
        <v>7.6</v>
      </c>
      <c r="Z6945" s="2">
        <v>16.7</v>
      </c>
      <c r="AA6945" s="5"/>
      <c r="AB6945" s="5" t="s">
        <v>43</v>
      </c>
      <c r="AC6945" s="5" t="s">
        <v>44</v>
      </c>
      <c r="AD6945" s="2"/>
      <c r="AE6945" s="1"/>
    </row>
    <row r="6946" spans="1:31" ht="14.45">
      <c r="A6946" s="11"/>
      <c r="B6946" s="20"/>
      <c r="C6946" s="2" t="s">
        <v>21310</v>
      </c>
      <c r="D6946" s="14" t="s">
        <v>21311</v>
      </c>
      <c r="E6946" s="2" t="s">
        <v>21312</v>
      </c>
      <c r="F6946" s="2" t="s">
        <v>7559</v>
      </c>
      <c r="G6946" s="8">
        <v>253</v>
      </c>
      <c r="H6946" s="5">
        <v>6</v>
      </c>
      <c r="I6946" s="5" t="s">
        <v>1518</v>
      </c>
      <c r="J6946" s="5" t="s">
        <v>1519</v>
      </c>
      <c r="K6946" s="2" t="s">
        <v>1520</v>
      </c>
      <c r="L6946" s="5" t="s">
        <v>1519</v>
      </c>
      <c r="M6946" s="2" t="s">
        <v>1520</v>
      </c>
      <c r="N6946" s="5" t="s">
        <v>1521</v>
      </c>
      <c r="O6946" s="5" t="s">
        <v>38</v>
      </c>
      <c r="P6946" s="5" t="s">
        <v>39</v>
      </c>
      <c r="Q6946" s="5" t="s">
        <v>40</v>
      </c>
      <c r="R6946" s="5" t="s">
        <v>1522</v>
      </c>
      <c r="S6946" s="5" t="s">
        <v>1523</v>
      </c>
      <c r="T6946" s="5" t="s">
        <v>42</v>
      </c>
      <c r="U6946" s="2">
        <v>2.64</v>
      </c>
      <c r="V6946" s="2">
        <v>2.0939999999999999</v>
      </c>
      <c r="W6946" s="2">
        <v>1.2999999999999999E-2</v>
      </c>
      <c r="X6946" s="2">
        <v>99.1</v>
      </c>
      <c r="Y6946" s="2">
        <v>7.6</v>
      </c>
      <c r="Z6946" s="2">
        <v>16.7</v>
      </c>
      <c r="AA6946" s="5"/>
      <c r="AB6946" s="5" t="s">
        <v>43</v>
      </c>
      <c r="AC6946" s="5" t="s">
        <v>44</v>
      </c>
      <c r="AD6946" s="2"/>
      <c r="AE6946" s="1"/>
    </row>
    <row r="6947" spans="1:31" ht="14.45">
      <c r="A6947" s="11"/>
      <c r="B6947" s="20"/>
      <c r="C6947" s="2" t="s">
        <v>21313</v>
      </c>
      <c r="D6947" s="14" t="s">
        <v>21314</v>
      </c>
      <c r="E6947" s="2" t="s">
        <v>21315</v>
      </c>
      <c r="F6947" s="2" t="s">
        <v>7563</v>
      </c>
      <c r="G6947" s="8">
        <v>253</v>
      </c>
      <c r="H6947" s="5">
        <v>6</v>
      </c>
      <c r="I6947" s="5" t="s">
        <v>1518</v>
      </c>
      <c r="J6947" s="5" t="s">
        <v>1519</v>
      </c>
      <c r="K6947" s="2" t="s">
        <v>1520</v>
      </c>
      <c r="L6947" s="5" t="s">
        <v>1519</v>
      </c>
      <c r="M6947" s="2" t="s">
        <v>1520</v>
      </c>
      <c r="N6947" s="5" t="s">
        <v>1521</v>
      </c>
      <c r="O6947" s="5" t="s">
        <v>38</v>
      </c>
      <c r="P6947" s="5" t="s">
        <v>39</v>
      </c>
      <c r="Q6947" s="5" t="s">
        <v>40</v>
      </c>
      <c r="R6947" s="5" t="s">
        <v>1522</v>
      </c>
      <c r="S6947" s="5" t="s">
        <v>1523</v>
      </c>
      <c r="T6947" s="5" t="s">
        <v>42</v>
      </c>
      <c r="U6947" s="2">
        <v>2.5880000000000001</v>
      </c>
      <c r="V6947" s="2">
        <v>2.0419999999999998</v>
      </c>
      <c r="W6947" s="2">
        <v>1.2999999999999999E-2</v>
      </c>
      <c r="X6947" s="2">
        <v>99.1</v>
      </c>
      <c r="Y6947" s="2">
        <v>7.6</v>
      </c>
      <c r="Z6947" s="2">
        <v>16.7</v>
      </c>
      <c r="AA6947" s="5"/>
      <c r="AB6947" s="5" t="s">
        <v>43</v>
      </c>
      <c r="AC6947" s="5" t="s">
        <v>44</v>
      </c>
      <c r="AD6947" s="2"/>
      <c r="AE6947" s="1"/>
    </row>
    <row r="6948" spans="1:31" ht="14.45">
      <c r="A6948" s="11"/>
      <c r="B6948" s="20"/>
      <c r="C6948" s="2" t="s">
        <v>21316</v>
      </c>
      <c r="D6948" s="14" t="s">
        <v>21317</v>
      </c>
      <c r="E6948" s="2" t="s">
        <v>21318</v>
      </c>
      <c r="F6948" s="2" t="s">
        <v>7567</v>
      </c>
      <c r="G6948" s="8">
        <v>253</v>
      </c>
      <c r="H6948" s="5">
        <v>6</v>
      </c>
      <c r="I6948" s="5" t="s">
        <v>1518</v>
      </c>
      <c r="J6948" s="5" t="s">
        <v>1519</v>
      </c>
      <c r="K6948" s="2" t="s">
        <v>1520</v>
      </c>
      <c r="L6948" s="5" t="s">
        <v>1519</v>
      </c>
      <c r="M6948" s="2" t="s">
        <v>1520</v>
      </c>
      <c r="N6948" s="5" t="s">
        <v>1521</v>
      </c>
      <c r="O6948" s="5" t="s">
        <v>38</v>
      </c>
      <c r="P6948" s="5" t="s">
        <v>39</v>
      </c>
      <c r="Q6948" s="5" t="s">
        <v>40</v>
      </c>
      <c r="R6948" s="5" t="s">
        <v>1522</v>
      </c>
      <c r="S6948" s="5" t="s">
        <v>1523</v>
      </c>
      <c r="T6948" s="5" t="s">
        <v>42</v>
      </c>
      <c r="U6948" s="2">
        <v>2.6549999999999998</v>
      </c>
      <c r="V6948" s="2">
        <v>2.109</v>
      </c>
      <c r="W6948" s="2">
        <v>1.2999999999999999E-2</v>
      </c>
      <c r="X6948" s="2">
        <v>99.1</v>
      </c>
      <c r="Y6948" s="2">
        <v>7.6</v>
      </c>
      <c r="Z6948" s="2">
        <v>16.7</v>
      </c>
      <c r="AA6948" s="5"/>
      <c r="AB6948" s="5" t="s">
        <v>43</v>
      </c>
      <c r="AC6948" s="5" t="s">
        <v>44</v>
      </c>
      <c r="AD6948" s="2"/>
      <c r="AE6948" s="1"/>
    </row>
    <row r="6949" spans="1:31" ht="14.45">
      <c r="A6949" s="11"/>
      <c r="B6949" s="20"/>
      <c r="C6949" s="2" t="s">
        <v>21319</v>
      </c>
      <c r="D6949" s="14" t="s">
        <v>21320</v>
      </c>
      <c r="E6949" s="2" t="s">
        <v>21321</v>
      </c>
      <c r="F6949" s="2" t="s">
        <v>16079</v>
      </c>
      <c r="G6949" s="8">
        <v>253</v>
      </c>
      <c r="H6949" s="5">
        <v>6</v>
      </c>
      <c r="I6949" s="5" t="s">
        <v>1518</v>
      </c>
      <c r="J6949" s="5" t="s">
        <v>1519</v>
      </c>
      <c r="K6949" s="2" t="s">
        <v>1520</v>
      </c>
      <c r="L6949" s="5" t="s">
        <v>1519</v>
      </c>
      <c r="M6949" s="2" t="s">
        <v>1520</v>
      </c>
      <c r="N6949" s="5" t="s">
        <v>1521</v>
      </c>
      <c r="O6949" s="5" t="s">
        <v>38</v>
      </c>
      <c r="P6949" s="5" t="s">
        <v>39</v>
      </c>
      <c r="Q6949" s="5" t="s">
        <v>40</v>
      </c>
      <c r="R6949" s="5" t="s">
        <v>1522</v>
      </c>
      <c r="S6949" s="5" t="s">
        <v>1523</v>
      </c>
      <c r="T6949" s="5" t="s">
        <v>42</v>
      </c>
      <c r="U6949" s="2">
        <v>2.5880000000000001</v>
      </c>
      <c r="V6949" s="2">
        <v>2.0419999999999998</v>
      </c>
      <c r="W6949" s="2">
        <v>1.2999999999999999E-2</v>
      </c>
      <c r="X6949" s="2">
        <v>99.1</v>
      </c>
      <c r="Y6949" s="2">
        <v>7.6</v>
      </c>
      <c r="Z6949" s="2">
        <v>16.7</v>
      </c>
      <c r="AA6949" s="5"/>
      <c r="AB6949" s="5" t="s">
        <v>43</v>
      </c>
      <c r="AC6949" s="5" t="s">
        <v>44</v>
      </c>
      <c r="AD6949" s="2"/>
      <c r="AE6949" s="1"/>
    </row>
    <row r="6950" spans="1:31" ht="14.45">
      <c r="A6950" s="11"/>
      <c r="B6950" s="20"/>
      <c r="C6950" s="2" t="s">
        <v>21322</v>
      </c>
      <c r="D6950" s="14" t="s">
        <v>21323</v>
      </c>
      <c r="E6950" s="2" t="s">
        <v>21324</v>
      </c>
      <c r="F6950" s="2" t="s">
        <v>16194</v>
      </c>
      <c r="G6950" s="8">
        <v>253</v>
      </c>
      <c r="H6950" s="5">
        <v>6</v>
      </c>
      <c r="I6950" s="5" t="s">
        <v>1518</v>
      </c>
      <c r="J6950" s="5" t="s">
        <v>1519</v>
      </c>
      <c r="K6950" s="2" t="s">
        <v>1520</v>
      </c>
      <c r="L6950" s="5" t="s">
        <v>1519</v>
      </c>
      <c r="M6950" s="2" t="s">
        <v>1520</v>
      </c>
      <c r="N6950" s="5" t="s">
        <v>1521</v>
      </c>
      <c r="O6950" s="5" t="s">
        <v>38</v>
      </c>
      <c r="P6950" s="5" t="s">
        <v>39</v>
      </c>
      <c r="Q6950" s="5" t="s">
        <v>40</v>
      </c>
      <c r="R6950" s="5" t="s">
        <v>1522</v>
      </c>
      <c r="S6950" s="5" t="s">
        <v>1523</v>
      </c>
      <c r="T6950" s="5" t="s">
        <v>42</v>
      </c>
      <c r="U6950" s="2">
        <v>2.6549999999999998</v>
      </c>
      <c r="V6950" s="2">
        <v>2.109</v>
      </c>
      <c r="W6950" s="2">
        <v>1.2999999999999999E-2</v>
      </c>
      <c r="X6950" s="2">
        <v>99.1</v>
      </c>
      <c r="Y6950" s="2">
        <v>7.6</v>
      </c>
      <c r="Z6950" s="2">
        <v>16.7</v>
      </c>
      <c r="AA6950" s="5"/>
      <c r="AB6950" s="5" t="s">
        <v>43</v>
      </c>
      <c r="AC6950" s="5" t="s">
        <v>44</v>
      </c>
      <c r="AD6950" s="2"/>
      <c r="AE6950" s="1"/>
    </row>
    <row r="6951" spans="1:31" ht="14.45">
      <c r="A6951" s="11"/>
      <c r="B6951" s="20"/>
      <c r="C6951" s="2" t="s">
        <v>21325</v>
      </c>
      <c r="D6951" s="14" t="s">
        <v>21326</v>
      </c>
      <c r="E6951" s="2" t="s">
        <v>21327</v>
      </c>
      <c r="F6951" s="2" t="s">
        <v>7449</v>
      </c>
      <c r="G6951" s="8">
        <v>253</v>
      </c>
      <c r="H6951" s="5">
        <v>6</v>
      </c>
      <c r="I6951" s="5" t="s">
        <v>1518</v>
      </c>
      <c r="J6951" s="5" t="s">
        <v>1519</v>
      </c>
      <c r="K6951" s="2" t="s">
        <v>1520</v>
      </c>
      <c r="L6951" s="5" t="s">
        <v>1519</v>
      </c>
      <c r="M6951" s="2" t="s">
        <v>1520</v>
      </c>
      <c r="N6951" s="5" t="s">
        <v>1521</v>
      </c>
      <c r="O6951" s="5" t="s">
        <v>38</v>
      </c>
      <c r="P6951" s="5" t="s">
        <v>39</v>
      </c>
      <c r="Q6951" s="5" t="s">
        <v>40</v>
      </c>
      <c r="R6951" s="5" t="s">
        <v>1522</v>
      </c>
      <c r="S6951" s="5" t="s">
        <v>1523</v>
      </c>
      <c r="T6951" s="5" t="s">
        <v>42</v>
      </c>
      <c r="U6951" s="2">
        <v>2.5880000000000001</v>
      </c>
      <c r="V6951" s="2">
        <v>2.0419999999999998</v>
      </c>
      <c r="W6951" s="2">
        <v>1.2999999999999999E-2</v>
      </c>
      <c r="X6951" s="2">
        <v>99.1</v>
      </c>
      <c r="Y6951" s="2">
        <v>7.6</v>
      </c>
      <c r="Z6951" s="2">
        <v>16.7</v>
      </c>
      <c r="AA6951" s="5"/>
      <c r="AB6951" s="5" t="s">
        <v>43</v>
      </c>
      <c r="AC6951" s="5" t="s">
        <v>44</v>
      </c>
      <c r="AD6951" s="2"/>
      <c r="AE6951" s="1"/>
    </row>
    <row r="6952" spans="1:31" ht="14.45">
      <c r="A6952" s="11"/>
      <c r="B6952" s="20"/>
      <c r="C6952" s="2" t="s">
        <v>21328</v>
      </c>
      <c r="D6952" s="14" t="s">
        <v>21329</v>
      </c>
      <c r="E6952" s="2" t="s">
        <v>21330</v>
      </c>
      <c r="F6952" s="2" t="s">
        <v>7581</v>
      </c>
      <c r="G6952" s="8">
        <v>253</v>
      </c>
      <c r="H6952" s="5">
        <v>6</v>
      </c>
      <c r="I6952" s="5" t="s">
        <v>1518</v>
      </c>
      <c r="J6952" s="5" t="s">
        <v>1519</v>
      </c>
      <c r="K6952" s="2" t="s">
        <v>1520</v>
      </c>
      <c r="L6952" s="5" t="s">
        <v>1519</v>
      </c>
      <c r="M6952" s="2" t="s">
        <v>1520</v>
      </c>
      <c r="N6952" s="5" t="s">
        <v>1521</v>
      </c>
      <c r="O6952" s="5" t="s">
        <v>38</v>
      </c>
      <c r="P6952" s="5" t="s">
        <v>39</v>
      </c>
      <c r="Q6952" s="5" t="s">
        <v>40</v>
      </c>
      <c r="R6952" s="5" t="s">
        <v>1522</v>
      </c>
      <c r="S6952" s="5" t="s">
        <v>1523</v>
      </c>
      <c r="T6952" s="5" t="s">
        <v>42</v>
      </c>
      <c r="U6952" s="2">
        <v>2.6549999999999998</v>
      </c>
      <c r="V6952" s="2">
        <v>2.109</v>
      </c>
      <c r="W6952" s="2">
        <v>1.2999999999999999E-2</v>
      </c>
      <c r="X6952" s="2">
        <v>99.1</v>
      </c>
      <c r="Y6952" s="2">
        <v>7.6</v>
      </c>
      <c r="Z6952" s="2">
        <v>16.7</v>
      </c>
      <c r="AA6952" s="5"/>
      <c r="AB6952" s="5" t="s">
        <v>43</v>
      </c>
      <c r="AC6952" s="5" t="s">
        <v>44</v>
      </c>
      <c r="AD6952" s="2"/>
      <c r="AE6952" s="1"/>
    </row>
    <row r="6953" spans="1:31" ht="14.45">
      <c r="A6953" s="11"/>
      <c r="B6953" s="20"/>
      <c r="C6953" s="2" t="s">
        <v>21331</v>
      </c>
      <c r="D6953" s="14" t="s">
        <v>21332</v>
      </c>
      <c r="E6953" s="2" t="s">
        <v>21333</v>
      </c>
      <c r="F6953" s="2" t="s">
        <v>7585</v>
      </c>
      <c r="G6953" s="8">
        <v>253</v>
      </c>
      <c r="H6953" s="5">
        <v>6</v>
      </c>
      <c r="I6953" s="5" t="s">
        <v>1518</v>
      </c>
      <c r="J6953" s="5" t="s">
        <v>1519</v>
      </c>
      <c r="K6953" s="2" t="s">
        <v>1520</v>
      </c>
      <c r="L6953" s="5" t="s">
        <v>1519</v>
      </c>
      <c r="M6953" s="2" t="s">
        <v>1520</v>
      </c>
      <c r="N6953" s="5" t="s">
        <v>1521</v>
      </c>
      <c r="O6953" s="5" t="s">
        <v>38</v>
      </c>
      <c r="P6953" s="5" t="s">
        <v>39</v>
      </c>
      <c r="Q6953" s="5" t="s">
        <v>40</v>
      </c>
      <c r="R6953" s="5" t="s">
        <v>1522</v>
      </c>
      <c r="S6953" s="5" t="s">
        <v>1523</v>
      </c>
      <c r="T6953" s="5" t="s">
        <v>42</v>
      </c>
      <c r="U6953" s="2">
        <v>2.573</v>
      </c>
      <c r="V6953" s="2">
        <v>2.0270000000000001</v>
      </c>
      <c r="W6953" s="2">
        <v>1.2999999999999999E-2</v>
      </c>
      <c r="X6953" s="2">
        <v>99.1</v>
      </c>
      <c r="Y6953" s="2">
        <v>7.6</v>
      </c>
      <c r="Z6953" s="2">
        <v>16.7</v>
      </c>
      <c r="AA6953" s="5"/>
      <c r="AB6953" s="5" t="s">
        <v>43</v>
      </c>
      <c r="AC6953" s="5" t="s">
        <v>44</v>
      </c>
      <c r="AD6953" s="2"/>
      <c r="AE6953" s="1"/>
    </row>
    <row r="6954" spans="1:31" ht="14.45">
      <c r="A6954" s="11"/>
      <c r="B6954" s="20"/>
      <c r="C6954" s="2" t="s">
        <v>21334</v>
      </c>
      <c r="D6954" s="14" t="s">
        <v>21335</v>
      </c>
      <c r="E6954" s="2" t="s">
        <v>21336</v>
      </c>
      <c r="F6954" s="2" t="s">
        <v>7589</v>
      </c>
      <c r="G6954" s="8">
        <v>253</v>
      </c>
      <c r="H6954" s="5">
        <v>6</v>
      </c>
      <c r="I6954" s="5" t="s">
        <v>1518</v>
      </c>
      <c r="J6954" s="5" t="s">
        <v>1519</v>
      </c>
      <c r="K6954" s="2" t="s">
        <v>1520</v>
      </c>
      <c r="L6954" s="5" t="s">
        <v>1519</v>
      </c>
      <c r="M6954" s="2" t="s">
        <v>1520</v>
      </c>
      <c r="N6954" s="5" t="s">
        <v>1521</v>
      </c>
      <c r="O6954" s="5" t="s">
        <v>38</v>
      </c>
      <c r="P6954" s="5" t="s">
        <v>39</v>
      </c>
      <c r="Q6954" s="5" t="s">
        <v>40</v>
      </c>
      <c r="R6954" s="5" t="s">
        <v>1522</v>
      </c>
      <c r="S6954" s="5" t="s">
        <v>1523</v>
      </c>
      <c r="T6954" s="5" t="s">
        <v>42</v>
      </c>
      <c r="U6954" s="2">
        <v>2.64</v>
      </c>
      <c r="V6954" s="2">
        <v>2.0939999999999999</v>
      </c>
      <c r="W6954" s="2">
        <v>1.2999999999999999E-2</v>
      </c>
      <c r="X6954" s="2">
        <v>99.1</v>
      </c>
      <c r="Y6954" s="2">
        <v>7.6</v>
      </c>
      <c r="Z6954" s="2">
        <v>16.7</v>
      </c>
      <c r="AA6954" s="5"/>
      <c r="AB6954" s="5" t="s">
        <v>43</v>
      </c>
      <c r="AC6954" s="5" t="s">
        <v>44</v>
      </c>
      <c r="AD6954" s="2"/>
      <c r="AE6954" s="1"/>
    </row>
    <row r="6955" spans="1:31" ht="14.45">
      <c r="A6955" s="11"/>
      <c r="B6955" s="20"/>
      <c r="C6955" s="2" t="s">
        <v>21337</v>
      </c>
      <c r="D6955" s="14" t="s">
        <v>21338</v>
      </c>
      <c r="E6955" s="2" t="s">
        <v>21339</v>
      </c>
      <c r="F6955" s="2" t="s">
        <v>7593</v>
      </c>
      <c r="G6955" s="8">
        <v>253</v>
      </c>
      <c r="H6955" s="5">
        <v>6</v>
      </c>
      <c r="I6955" s="5" t="s">
        <v>1518</v>
      </c>
      <c r="J6955" s="5" t="s">
        <v>1519</v>
      </c>
      <c r="K6955" s="2" t="s">
        <v>1520</v>
      </c>
      <c r="L6955" s="5" t="s">
        <v>1519</v>
      </c>
      <c r="M6955" s="2" t="s">
        <v>1520</v>
      </c>
      <c r="N6955" s="5" t="s">
        <v>1521</v>
      </c>
      <c r="O6955" s="5" t="s">
        <v>38</v>
      </c>
      <c r="P6955" s="5" t="s">
        <v>39</v>
      </c>
      <c r="Q6955" s="5" t="s">
        <v>40</v>
      </c>
      <c r="R6955" s="5" t="s">
        <v>1522</v>
      </c>
      <c r="S6955" s="5" t="s">
        <v>1523</v>
      </c>
      <c r="T6955" s="5" t="s">
        <v>42</v>
      </c>
      <c r="U6955" s="2">
        <v>2.5880000000000001</v>
      </c>
      <c r="V6955" s="2">
        <v>2.0419999999999998</v>
      </c>
      <c r="W6955" s="2">
        <v>1.2999999999999999E-2</v>
      </c>
      <c r="X6955" s="2">
        <v>99.1</v>
      </c>
      <c r="Y6955" s="2">
        <v>7.6</v>
      </c>
      <c r="Z6955" s="2">
        <v>16.7</v>
      </c>
      <c r="AA6955" s="5"/>
      <c r="AB6955" s="5" t="s">
        <v>43</v>
      </c>
      <c r="AC6955" s="5" t="s">
        <v>44</v>
      </c>
      <c r="AD6955" s="2"/>
      <c r="AE6955" s="1"/>
    </row>
    <row r="6956" spans="1:31" ht="14.45">
      <c r="A6956" s="11"/>
      <c r="B6956" s="20"/>
      <c r="C6956" s="2" t="s">
        <v>21340</v>
      </c>
      <c r="D6956" s="14" t="s">
        <v>21341</v>
      </c>
      <c r="E6956" s="2" t="s">
        <v>21342</v>
      </c>
      <c r="F6956" s="2" t="s">
        <v>7597</v>
      </c>
      <c r="G6956" s="8">
        <v>253</v>
      </c>
      <c r="H6956" s="5">
        <v>6</v>
      </c>
      <c r="I6956" s="5" t="s">
        <v>1518</v>
      </c>
      <c r="J6956" s="5" t="s">
        <v>1519</v>
      </c>
      <c r="K6956" s="2" t="s">
        <v>1520</v>
      </c>
      <c r="L6956" s="5" t="s">
        <v>1519</v>
      </c>
      <c r="M6956" s="2" t="s">
        <v>1520</v>
      </c>
      <c r="N6956" s="5" t="s">
        <v>1521</v>
      </c>
      <c r="O6956" s="5" t="s">
        <v>38</v>
      </c>
      <c r="P6956" s="5" t="s">
        <v>39</v>
      </c>
      <c r="Q6956" s="5" t="s">
        <v>40</v>
      </c>
      <c r="R6956" s="5" t="s">
        <v>1522</v>
      </c>
      <c r="S6956" s="5" t="s">
        <v>1523</v>
      </c>
      <c r="T6956" s="5" t="s">
        <v>42</v>
      </c>
      <c r="U6956" s="2">
        <v>2.6549999999999998</v>
      </c>
      <c r="V6956" s="2">
        <v>2.109</v>
      </c>
      <c r="W6956" s="2">
        <v>1.2999999999999999E-2</v>
      </c>
      <c r="X6956" s="2">
        <v>99.1</v>
      </c>
      <c r="Y6956" s="2">
        <v>7.6</v>
      </c>
      <c r="Z6956" s="2">
        <v>16.7</v>
      </c>
      <c r="AA6956" s="5"/>
      <c r="AB6956" s="5" t="s">
        <v>43</v>
      </c>
      <c r="AC6956" s="5" t="s">
        <v>44</v>
      </c>
      <c r="AD6956" s="2"/>
      <c r="AE6956" s="1"/>
    </row>
    <row r="6957" spans="1:31" ht="14.45">
      <c r="A6957" s="11"/>
      <c r="B6957" s="20"/>
      <c r="C6957" s="2" t="s">
        <v>21343</v>
      </c>
      <c r="D6957" s="14" t="s">
        <v>21344</v>
      </c>
      <c r="E6957" s="2" t="s">
        <v>21345</v>
      </c>
      <c r="F6957" s="2" t="s">
        <v>16014</v>
      </c>
      <c r="G6957" s="8">
        <v>253</v>
      </c>
      <c r="H6957" s="5">
        <v>6</v>
      </c>
      <c r="I6957" s="5" t="s">
        <v>1518</v>
      </c>
      <c r="J6957" s="5" t="s">
        <v>1519</v>
      </c>
      <c r="K6957" s="2" t="s">
        <v>1520</v>
      </c>
      <c r="L6957" s="5" t="s">
        <v>1519</v>
      </c>
      <c r="M6957" s="2" t="s">
        <v>1520</v>
      </c>
      <c r="N6957" s="5" t="s">
        <v>1521</v>
      </c>
      <c r="O6957" s="5" t="s">
        <v>38</v>
      </c>
      <c r="P6957" s="5" t="s">
        <v>39</v>
      </c>
      <c r="Q6957" s="5" t="s">
        <v>40</v>
      </c>
      <c r="R6957" s="5" t="s">
        <v>1522</v>
      </c>
      <c r="S6957" s="5" t="s">
        <v>1523</v>
      </c>
      <c r="T6957" s="5" t="s">
        <v>42</v>
      </c>
      <c r="U6957" s="2">
        <v>2.5880000000000001</v>
      </c>
      <c r="V6957" s="2">
        <v>2.0419999999999998</v>
      </c>
      <c r="W6957" s="2">
        <v>1.2999999999999999E-2</v>
      </c>
      <c r="X6957" s="2">
        <v>99.1</v>
      </c>
      <c r="Y6957" s="2">
        <v>7.6</v>
      </c>
      <c r="Z6957" s="2">
        <v>16.7</v>
      </c>
      <c r="AA6957" s="5"/>
      <c r="AB6957" s="5" t="s">
        <v>43</v>
      </c>
      <c r="AC6957" s="5" t="s">
        <v>44</v>
      </c>
      <c r="AD6957" s="2"/>
      <c r="AE6957" s="1"/>
    </row>
    <row r="6958" spans="1:31" ht="14.45">
      <c r="A6958" s="11"/>
      <c r="B6958" s="20"/>
      <c r="C6958" s="2" t="s">
        <v>21346</v>
      </c>
      <c r="D6958" s="14" t="s">
        <v>21347</v>
      </c>
      <c r="E6958" s="2" t="s">
        <v>21348</v>
      </c>
      <c r="F6958" s="2" t="s">
        <v>16219</v>
      </c>
      <c r="G6958" s="8">
        <v>253</v>
      </c>
      <c r="H6958" s="5">
        <v>6</v>
      </c>
      <c r="I6958" s="5" t="s">
        <v>1518</v>
      </c>
      <c r="J6958" s="5" t="s">
        <v>1519</v>
      </c>
      <c r="K6958" s="2" t="s">
        <v>1520</v>
      </c>
      <c r="L6958" s="5" t="s">
        <v>1519</v>
      </c>
      <c r="M6958" s="2" t="s">
        <v>1520</v>
      </c>
      <c r="N6958" s="5" t="s">
        <v>1521</v>
      </c>
      <c r="O6958" s="5" t="s">
        <v>38</v>
      </c>
      <c r="P6958" s="5" t="s">
        <v>39</v>
      </c>
      <c r="Q6958" s="5" t="s">
        <v>40</v>
      </c>
      <c r="R6958" s="5" t="s">
        <v>1522</v>
      </c>
      <c r="S6958" s="5" t="s">
        <v>1523</v>
      </c>
      <c r="T6958" s="5" t="s">
        <v>42</v>
      </c>
      <c r="U6958" s="2">
        <v>2.6549999999999998</v>
      </c>
      <c r="V6958" s="2">
        <v>2.109</v>
      </c>
      <c r="W6958" s="2">
        <v>1.2999999999999999E-2</v>
      </c>
      <c r="X6958" s="2">
        <v>99.1</v>
      </c>
      <c r="Y6958" s="2">
        <v>7.6</v>
      </c>
      <c r="Z6958" s="2">
        <v>16.7</v>
      </c>
      <c r="AA6958" s="5"/>
      <c r="AB6958" s="5" t="s">
        <v>43</v>
      </c>
      <c r="AC6958" s="5" t="s">
        <v>44</v>
      </c>
      <c r="AD6958" s="2"/>
      <c r="AE6958" s="1"/>
    </row>
    <row r="6959" spans="1:31" ht="14.45">
      <c r="A6959" s="11"/>
      <c r="B6959" s="20"/>
      <c r="C6959" s="2" t="s">
        <v>21349</v>
      </c>
      <c r="D6959" s="14" t="s">
        <v>21350</v>
      </c>
      <c r="E6959" s="2" t="s">
        <v>21351</v>
      </c>
      <c r="F6959" s="2" t="s">
        <v>16018</v>
      </c>
      <c r="G6959" s="8">
        <v>253</v>
      </c>
      <c r="H6959" s="5">
        <v>6</v>
      </c>
      <c r="I6959" s="5" t="s">
        <v>1518</v>
      </c>
      <c r="J6959" s="5" t="s">
        <v>1519</v>
      </c>
      <c r="K6959" s="2" t="s">
        <v>1520</v>
      </c>
      <c r="L6959" s="5" t="s">
        <v>1519</v>
      </c>
      <c r="M6959" s="2" t="s">
        <v>1520</v>
      </c>
      <c r="N6959" s="5" t="s">
        <v>1521</v>
      </c>
      <c r="O6959" s="5" t="s">
        <v>38</v>
      </c>
      <c r="P6959" s="5" t="s">
        <v>39</v>
      </c>
      <c r="Q6959" s="5" t="s">
        <v>40</v>
      </c>
      <c r="R6959" s="5" t="s">
        <v>1522</v>
      </c>
      <c r="S6959" s="5" t="s">
        <v>1523</v>
      </c>
      <c r="T6959" s="5" t="s">
        <v>42</v>
      </c>
      <c r="U6959" s="2">
        <v>2.5880000000000001</v>
      </c>
      <c r="V6959" s="2">
        <v>2.0419999999999998</v>
      </c>
      <c r="W6959" s="2">
        <v>1.2999999999999999E-2</v>
      </c>
      <c r="X6959" s="2">
        <v>99.1</v>
      </c>
      <c r="Y6959" s="2">
        <v>7.6</v>
      </c>
      <c r="Z6959" s="2">
        <v>16.7</v>
      </c>
      <c r="AA6959" s="5"/>
      <c r="AB6959" s="5" t="s">
        <v>43</v>
      </c>
      <c r="AC6959" s="5" t="s">
        <v>44</v>
      </c>
      <c r="AD6959" s="2"/>
      <c r="AE6959" s="1"/>
    </row>
    <row r="6960" spans="1:31" ht="14.45">
      <c r="A6960" s="11"/>
      <c r="B6960" s="20"/>
      <c r="C6960" s="2" t="s">
        <v>21352</v>
      </c>
      <c r="D6960" s="14" t="s">
        <v>21353</v>
      </c>
      <c r="E6960" s="2" t="s">
        <v>21354</v>
      </c>
      <c r="F6960" s="2" t="s">
        <v>16022</v>
      </c>
      <c r="G6960" s="8">
        <v>253</v>
      </c>
      <c r="H6960" s="5">
        <v>6</v>
      </c>
      <c r="I6960" s="5" t="s">
        <v>1518</v>
      </c>
      <c r="J6960" s="5" t="s">
        <v>1519</v>
      </c>
      <c r="K6960" s="2" t="s">
        <v>1520</v>
      </c>
      <c r="L6960" s="5" t="s">
        <v>1519</v>
      </c>
      <c r="M6960" s="2" t="s">
        <v>1520</v>
      </c>
      <c r="N6960" s="5" t="s">
        <v>1521</v>
      </c>
      <c r="O6960" s="5" t="s">
        <v>38</v>
      </c>
      <c r="P6960" s="5" t="s">
        <v>39</v>
      </c>
      <c r="Q6960" s="5" t="s">
        <v>40</v>
      </c>
      <c r="R6960" s="5" t="s">
        <v>1522</v>
      </c>
      <c r="S6960" s="5" t="s">
        <v>1523</v>
      </c>
      <c r="T6960" s="5" t="s">
        <v>42</v>
      </c>
      <c r="U6960" s="2">
        <v>2.6549999999999998</v>
      </c>
      <c r="V6960" s="2">
        <v>2.109</v>
      </c>
      <c r="W6960" s="2">
        <v>1.2999999999999999E-2</v>
      </c>
      <c r="X6960" s="2">
        <v>99.1</v>
      </c>
      <c r="Y6960" s="2">
        <v>7.6</v>
      </c>
      <c r="Z6960" s="2">
        <v>16.7</v>
      </c>
      <c r="AA6960" s="5"/>
      <c r="AB6960" s="5" t="s">
        <v>43</v>
      </c>
      <c r="AC6960" s="5" t="s">
        <v>44</v>
      </c>
      <c r="AD6960" s="2"/>
      <c r="AE6960" s="1"/>
    </row>
    <row r="6961" spans="1:31" ht="14.45">
      <c r="A6961" s="11"/>
      <c r="B6961" s="20"/>
      <c r="C6961" s="2" t="s">
        <v>21355</v>
      </c>
      <c r="D6961" s="14" t="s">
        <v>21356</v>
      </c>
      <c r="E6961" s="2" t="s">
        <v>21357</v>
      </c>
      <c r="F6961" s="2" t="s">
        <v>7615</v>
      </c>
      <c r="G6961" s="8">
        <v>253</v>
      </c>
      <c r="H6961" s="5">
        <v>6</v>
      </c>
      <c r="I6961" s="5" t="s">
        <v>1518</v>
      </c>
      <c r="J6961" s="5" t="s">
        <v>1519</v>
      </c>
      <c r="K6961" s="2" t="s">
        <v>1520</v>
      </c>
      <c r="L6961" s="5" t="s">
        <v>1519</v>
      </c>
      <c r="M6961" s="2" t="s">
        <v>1520</v>
      </c>
      <c r="N6961" s="5" t="s">
        <v>1521</v>
      </c>
      <c r="O6961" s="5" t="s">
        <v>38</v>
      </c>
      <c r="P6961" s="5" t="s">
        <v>39</v>
      </c>
      <c r="Q6961" s="5" t="s">
        <v>40</v>
      </c>
      <c r="R6961" s="5" t="s">
        <v>1522</v>
      </c>
      <c r="S6961" s="5" t="s">
        <v>1523</v>
      </c>
      <c r="T6961" s="5" t="s">
        <v>42</v>
      </c>
      <c r="U6961" s="2">
        <v>2.573</v>
      </c>
      <c r="V6961" s="2">
        <v>2.0270000000000001</v>
      </c>
      <c r="W6961" s="2">
        <v>1.2999999999999999E-2</v>
      </c>
      <c r="X6961" s="2">
        <v>99.1</v>
      </c>
      <c r="Y6961" s="2">
        <v>7.6</v>
      </c>
      <c r="Z6961" s="2">
        <v>16.7</v>
      </c>
      <c r="AA6961" s="5"/>
      <c r="AB6961" s="5" t="s">
        <v>43</v>
      </c>
      <c r="AC6961" s="5" t="s">
        <v>44</v>
      </c>
      <c r="AD6961" s="2"/>
      <c r="AE6961" s="1"/>
    </row>
    <row r="6962" spans="1:31" ht="14.45">
      <c r="A6962" s="11"/>
      <c r="B6962" s="20"/>
      <c r="C6962" s="2" t="s">
        <v>21358</v>
      </c>
      <c r="D6962" s="14" t="s">
        <v>21359</v>
      </c>
      <c r="E6962" s="2" t="s">
        <v>21360</v>
      </c>
      <c r="F6962" s="2" t="s">
        <v>7619</v>
      </c>
      <c r="G6962" s="8">
        <v>253</v>
      </c>
      <c r="H6962" s="5">
        <v>6</v>
      </c>
      <c r="I6962" s="5" t="s">
        <v>1518</v>
      </c>
      <c r="J6962" s="5" t="s">
        <v>1519</v>
      </c>
      <c r="K6962" s="2" t="s">
        <v>1520</v>
      </c>
      <c r="L6962" s="5" t="s">
        <v>1519</v>
      </c>
      <c r="M6962" s="2" t="s">
        <v>1520</v>
      </c>
      <c r="N6962" s="5" t="s">
        <v>1521</v>
      </c>
      <c r="O6962" s="5" t="s">
        <v>38</v>
      </c>
      <c r="P6962" s="5" t="s">
        <v>39</v>
      </c>
      <c r="Q6962" s="5" t="s">
        <v>40</v>
      </c>
      <c r="R6962" s="5" t="s">
        <v>1522</v>
      </c>
      <c r="S6962" s="5" t="s">
        <v>1523</v>
      </c>
      <c r="T6962" s="5" t="s">
        <v>42</v>
      </c>
      <c r="U6962" s="2">
        <v>2.64</v>
      </c>
      <c r="V6962" s="2">
        <v>2.0939999999999999</v>
      </c>
      <c r="W6962" s="2">
        <v>1.2999999999999999E-2</v>
      </c>
      <c r="X6962" s="2">
        <v>99.1</v>
      </c>
      <c r="Y6962" s="2">
        <v>7.6</v>
      </c>
      <c r="Z6962" s="2">
        <v>16.7</v>
      </c>
      <c r="AA6962" s="5"/>
      <c r="AB6962" s="5" t="s">
        <v>43</v>
      </c>
      <c r="AC6962" s="5" t="s">
        <v>44</v>
      </c>
      <c r="AD6962" s="2"/>
      <c r="AE6962" s="1"/>
    </row>
    <row r="6963" spans="1:31" ht="14.45">
      <c r="A6963" s="11"/>
      <c r="B6963" s="20"/>
      <c r="C6963" s="2" t="s">
        <v>21361</v>
      </c>
      <c r="D6963" s="14" t="s">
        <v>21362</v>
      </c>
      <c r="E6963" s="2" t="s">
        <v>21363</v>
      </c>
      <c r="F6963" s="2" t="s">
        <v>16029</v>
      </c>
      <c r="G6963" s="8">
        <v>253</v>
      </c>
      <c r="H6963" s="5">
        <v>11</v>
      </c>
      <c r="I6963" s="5" t="s">
        <v>1518</v>
      </c>
      <c r="J6963" s="5" t="s">
        <v>1519</v>
      </c>
      <c r="K6963" s="2" t="s">
        <v>1520</v>
      </c>
      <c r="L6963" s="5" t="s">
        <v>1519</v>
      </c>
      <c r="M6963" s="2" t="s">
        <v>1520</v>
      </c>
      <c r="N6963" s="5" t="s">
        <v>1521</v>
      </c>
      <c r="O6963" s="5" t="s">
        <v>38</v>
      </c>
      <c r="P6963" s="5" t="s">
        <v>39</v>
      </c>
      <c r="Q6963" s="5" t="s">
        <v>40</v>
      </c>
      <c r="R6963" s="5" t="s">
        <v>1522</v>
      </c>
      <c r="S6963" s="5" t="s">
        <v>1523</v>
      </c>
      <c r="T6963" s="5" t="s">
        <v>42</v>
      </c>
      <c r="U6963" s="2">
        <v>2.5920000000000001</v>
      </c>
      <c r="V6963" s="2">
        <v>2.0459999999999998</v>
      </c>
      <c r="W6963" s="2">
        <v>1.2999999999999999E-2</v>
      </c>
      <c r="X6963" s="2">
        <v>99.1</v>
      </c>
      <c r="Y6963" s="2">
        <v>7.6</v>
      </c>
      <c r="Z6963" s="2">
        <v>16.7</v>
      </c>
      <c r="AA6963" s="5"/>
      <c r="AB6963" s="5" t="s">
        <v>43</v>
      </c>
      <c r="AC6963" s="5" t="s">
        <v>44</v>
      </c>
      <c r="AD6963" s="2"/>
      <c r="AE6963" s="1"/>
    </row>
    <row r="6964" spans="1:31" ht="14.45">
      <c r="A6964" s="11"/>
      <c r="B6964" s="20"/>
      <c r="C6964" s="2" t="s">
        <v>21364</v>
      </c>
      <c r="D6964" s="14" t="s">
        <v>21365</v>
      </c>
      <c r="E6964" s="2" t="s">
        <v>21366</v>
      </c>
      <c r="F6964" s="2" t="s">
        <v>16033</v>
      </c>
      <c r="G6964" s="8">
        <v>253</v>
      </c>
      <c r="H6964" s="5">
        <v>11</v>
      </c>
      <c r="I6964" s="5" t="s">
        <v>1518</v>
      </c>
      <c r="J6964" s="5" t="s">
        <v>1519</v>
      </c>
      <c r="K6964" s="2" t="s">
        <v>1520</v>
      </c>
      <c r="L6964" s="5" t="s">
        <v>1519</v>
      </c>
      <c r="M6964" s="2" t="s">
        <v>1520</v>
      </c>
      <c r="N6964" s="5" t="s">
        <v>1521</v>
      </c>
      <c r="O6964" s="5" t="s">
        <v>38</v>
      </c>
      <c r="P6964" s="5" t="s">
        <v>39</v>
      </c>
      <c r="Q6964" s="5" t="s">
        <v>40</v>
      </c>
      <c r="R6964" s="5" t="s">
        <v>1522</v>
      </c>
      <c r="S6964" s="5" t="s">
        <v>1523</v>
      </c>
      <c r="T6964" s="5" t="s">
        <v>42</v>
      </c>
      <c r="U6964" s="2">
        <v>2.6589999999999998</v>
      </c>
      <c r="V6964" s="2">
        <v>2.113</v>
      </c>
      <c r="W6964" s="2">
        <v>1.2999999999999999E-2</v>
      </c>
      <c r="X6964" s="2">
        <v>99.1</v>
      </c>
      <c r="Y6964" s="2">
        <v>7.6</v>
      </c>
      <c r="Z6964" s="2">
        <v>16.7</v>
      </c>
      <c r="AA6964" s="5"/>
      <c r="AB6964" s="5" t="s">
        <v>43</v>
      </c>
      <c r="AC6964" s="5" t="s">
        <v>44</v>
      </c>
      <c r="AD6964" s="2"/>
      <c r="AE6964" s="1"/>
    </row>
    <row r="6965" spans="1:31" ht="14.45">
      <c r="A6965" s="11"/>
      <c r="B6965" s="20"/>
      <c r="C6965" s="2" t="s">
        <v>21367</v>
      </c>
      <c r="D6965" s="14" t="s">
        <v>21368</v>
      </c>
      <c r="E6965" s="2" t="s">
        <v>21369</v>
      </c>
      <c r="F6965" s="2" t="s">
        <v>7396</v>
      </c>
      <c r="G6965" s="8">
        <v>246</v>
      </c>
      <c r="H6965" s="5">
        <v>6</v>
      </c>
      <c r="I6965" s="5" t="s">
        <v>1518</v>
      </c>
      <c r="J6965" s="5" t="s">
        <v>1519</v>
      </c>
      <c r="K6965" s="2" t="s">
        <v>1520</v>
      </c>
      <c r="L6965" s="5" t="s">
        <v>1519</v>
      </c>
      <c r="M6965" s="2" t="s">
        <v>1520</v>
      </c>
      <c r="N6965" s="5" t="s">
        <v>1521</v>
      </c>
      <c r="O6965" s="5" t="s">
        <v>38</v>
      </c>
      <c r="P6965" s="5" t="s">
        <v>39</v>
      </c>
      <c r="Q6965" s="5" t="s">
        <v>40</v>
      </c>
      <c r="R6965" s="5" t="s">
        <v>1522</v>
      </c>
      <c r="S6965" s="5" t="s">
        <v>1523</v>
      </c>
      <c r="T6965" s="5" t="s">
        <v>42</v>
      </c>
      <c r="U6965" s="2">
        <v>2.74</v>
      </c>
      <c r="V6965" s="2">
        <v>2.2029999999999998</v>
      </c>
      <c r="W6965" s="2">
        <v>1.2999999999999999E-2</v>
      </c>
      <c r="X6965" s="2">
        <v>99.1</v>
      </c>
      <c r="Y6965" s="2">
        <v>7.6</v>
      </c>
      <c r="Z6965" s="2">
        <v>16.7</v>
      </c>
      <c r="AA6965" s="5"/>
      <c r="AB6965" s="5" t="s">
        <v>43</v>
      </c>
      <c r="AC6965" s="5" t="s">
        <v>44</v>
      </c>
      <c r="AD6965" s="2"/>
      <c r="AE6965" s="1"/>
    </row>
    <row r="6966" spans="1:31" ht="14.45">
      <c r="A6966" s="11"/>
      <c r="B6966" s="20"/>
      <c r="C6966" s="2" t="s">
        <v>21370</v>
      </c>
      <c r="D6966" s="14" t="s">
        <v>21371</v>
      </c>
      <c r="E6966" s="2" t="s">
        <v>21372</v>
      </c>
      <c r="F6966" s="2" t="s">
        <v>7507</v>
      </c>
      <c r="G6966" s="8">
        <v>246</v>
      </c>
      <c r="H6966" s="5">
        <v>6</v>
      </c>
      <c r="I6966" s="5" t="s">
        <v>1518</v>
      </c>
      <c r="J6966" s="5" t="s">
        <v>1519</v>
      </c>
      <c r="K6966" s="2" t="s">
        <v>1520</v>
      </c>
      <c r="L6966" s="5" t="s">
        <v>1519</v>
      </c>
      <c r="M6966" s="2" t="s">
        <v>1520</v>
      </c>
      <c r="N6966" s="5" t="s">
        <v>1521</v>
      </c>
      <c r="O6966" s="5" t="s">
        <v>38</v>
      </c>
      <c r="P6966" s="5" t="s">
        <v>39</v>
      </c>
      <c r="Q6966" s="5" t="s">
        <v>40</v>
      </c>
      <c r="R6966" s="5" t="s">
        <v>1522</v>
      </c>
      <c r="S6966" s="5" t="s">
        <v>1523</v>
      </c>
      <c r="T6966" s="5" t="s">
        <v>42</v>
      </c>
      <c r="U6966" s="2">
        <v>2.8180000000000001</v>
      </c>
      <c r="V6966" s="2">
        <v>2.2810000000000001</v>
      </c>
      <c r="W6966" s="2">
        <v>1.2999999999999999E-2</v>
      </c>
      <c r="X6966" s="2">
        <v>99.1</v>
      </c>
      <c r="Y6966" s="2">
        <v>7.6</v>
      </c>
      <c r="Z6966" s="2">
        <v>16.7</v>
      </c>
      <c r="AA6966" s="5"/>
      <c r="AB6966" s="5" t="s">
        <v>43</v>
      </c>
      <c r="AC6966" s="5" t="s">
        <v>44</v>
      </c>
      <c r="AD6966" s="2"/>
      <c r="AE6966" s="1"/>
    </row>
    <row r="6967" spans="1:31" ht="14.45">
      <c r="A6967" s="11"/>
      <c r="B6967" s="20"/>
      <c r="C6967" s="2" t="s">
        <v>21373</v>
      </c>
      <c r="D6967" s="14" t="s">
        <v>21374</v>
      </c>
      <c r="E6967" s="2" t="s">
        <v>21375</v>
      </c>
      <c r="F6967" s="2" t="s">
        <v>7204</v>
      </c>
      <c r="G6967" s="8">
        <v>246</v>
      </c>
      <c r="H6967" s="5">
        <v>6</v>
      </c>
      <c r="I6967" s="5" t="s">
        <v>1518</v>
      </c>
      <c r="J6967" s="5" t="s">
        <v>1519</v>
      </c>
      <c r="K6967" s="2" t="s">
        <v>1520</v>
      </c>
      <c r="L6967" s="5" t="s">
        <v>1519</v>
      </c>
      <c r="M6967" s="2" t="s">
        <v>1520</v>
      </c>
      <c r="N6967" s="5" t="s">
        <v>1521</v>
      </c>
      <c r="O6967" s="5" t="s">
        <v>38</v>
      </c>
      <c r="P6967" s="5" t="s">
        <v>39</v>
      </c>
      <c r="Q6967" s="5" t="s">
        <v>40</v>
      </c>
      <c r="R6967" s="5" t="s">
        <v>1522</v>
      </c>
      <c r="S6967" s="5" t="s">
        <v>1523</v>
      </c>
      <c r="T6967" s="5" t="s">
        <v>42</v>
      </c>
      <c r="U6967" s="2">
        <v>2.7469999999999999</v>
      </c>
      <c r="V6967" s="2">
        <v>2.21</v>
      </c>
      <c r="W6967" s="2">
        <v>1.2999999999999999E-2</v>
      </c>
      <c r="X6967" s="2">
        <v>99.1</v>
      </c>
      <c r="Y6967" s="2">
        <v>7.6</v>
      </c>
      <c r="Z6967" s="2">
        <v>16.7</v>
      </c>
      <c r="AA6967" s="5"/>
      <c r="AB6967" s="5" t="s">
        <v>43</v>
      </c>
      <c r="AC6967" s="5" t="s">
        <v>44</v>
      </c>
      <c r="AD6967" s="2"/>
      <c r="AE6967" s="1"/>
    </row>
    <row r="6968" spans="1:31" ht="14.45">
      <c r="A6968" s="11"/>
      <c r="B6968" s="20"/>
      <c r="C6968" s="2" t="s">
        <v>21376</v>
      </c>
      <c r="D6968" s="14" t="s">
        <v>21377</v>
      </c>
      <c r="E6968" s="2" t="s">
        <v>21378</v>
      </c>
      <c r="F6968" s="2" t="s">
        <v>7514</v>
      </c>
      <c r="G6968" s="8">
        <v>246</v>
      </c>
      <c r="H6968" s="5">
        <v>6</v>
      </c>
      <c r="I6968" s="5" t="s">
        <v>1518</v>
      </c>
      <c r="J6968" s="5" t="s">
        <v>1519</v>
      </c>
      <c r="K6968" s="2" t="s">
        <v>1520</v>
      </c>
      <c r="L6968" s="5" t="s">
        <v>1519</v>
      </c>
      <c r="M6968" s="2" t="s">
        <v>1520</v>
      </c>
      <c r="N6968" s="5" t="s">
        <v>1521</v>
      </c>
      <c r="O6968" s="5" t="s">
        <v>38</v>
      </c>
      <c r="P6968" s="5" t="s">
        <v>39</v>
      </c>
      <c r="Q6968" s="5" t="s">
        <v>40</v>
      </c>
      <c r="R6968" s="5" t="s">
        <v>1522</v>
      </c>
      <c r="S6968" s="5" t="s">
        <v>1523</v>
      </c>
      <c r="T6968" s="5" t="s">
        <v>42</v>
      </c>
      <c r="U6968" s="2">
        <v>2.8250000000000002</v>
      </c>
      <c r="V6968" s="2">
        <v>2.2879999999999998</v>
      </c>
      <c r="W6968" s="2">
        <v>1.2999999999999999E-2</v>
      </c>
      <c r="X6968" s="2">
        <v>99.1</v>
      </c>
      <c r="Y6968" s="2">
        <v>7.6</v>
      </c>
      <c r="Z6968" s="2">
        <v>16.7</v>
      </c>
      <c r="AA6968" s="5"/>
      <c r="AB6968" s="5" t="s">
        <v>43</v>
      </c>
      <c r="AC6968" s="5" t="s">
        <v>44</v>
      </c>
      <c r="AD6968" s="2"/>
      <c r="AE6968" s="1"/>
    </row>
    <row r="6969" spans="1:31" ht="14.45">
      <c r="A6969" s="11"/>
      <c r="B6969" s="20"/>
      <c r="C6969" s="2" t="s">
        <v>21379</v>
      </c>
      <c r="D6969" s="14" t="s">
        <v>21380</v>
      </c>
      <c r="E6969" s="2" t="s">
        <v>21381</v>
      </c>
      <c r="F6969" s="2" t="s">
        <v>7208</v>
      </c>
      <c r="G6969" s="8">
        <v>246</v>
      </c>
      <c r="H6969" s="5">
        <v>6</v>
      </c>
      <c r="I6969" s="5" t="s">
        <v>1518</v>
      </c>
      <c r="J6969" s="5" t="s">
        <v>1519</v>
      </c>
      <c r="K6969" s="2" t="s">
        <v>1520</v>
      </c>
      <c r="L6969" s="5" t="s">
        <v>1519</v>
      </c>
      <c r="M6969" s="2" t="s">
        <v>1520</v>
      </c>
      <c r="N6969" s="5" t="s">
        <v>1521</v>
      </c>
      <c r="O6969" s="5" t="s">
        <v>38</v>
      </c>
      <c r="P6969" s="5" t="s">
        <v>39</v>
      </c>
      <c r="Q6969" s="5" t="s">
        <v>40</v>
      </c>
      <c r="R6969" s="5" t="s">
        <v>1522</v>
      </c>
      <c r="S6969" s="5" t="s">
        <v>1523</v>
      </c>
      <c r="T6969" s="5" t="s">
        <v>42</v>
      </c>
      <c r="U6969" s="2">
        <v>2.7469999999999999</v>
      </c>
      <c r="V6969" s="2">
        <v>2.21</v>
      </c>
      <c r="W6969" s="2">
        <v>1.2999999999999999E-2</v>
      </c>
      <c r="X6969" s="2">
        <v>99.1</v>
      </c>
      <c r="Y6969" s="2">
        <v>7.6</v>
      </c>
      <c r="Z6969" s="2">
        <v>16.7</v>
      </c>
      <c r="AA6969" s="5"/>
      <c r="AB6969" s="5" t="s">
        <v>43</v>
      </c>
      <c r="AC6969" s="5" t="s">
        <v>44</v>
      </c>
      <c r="AD6969" s="2"/>
      <c r="AE6969" s="1"/>
    </row>
    <row r="6970" spans="1:31" ht="14.45">
      <c r="A6970" s="11"/>
      <c r="B6970" s="20"/>
      <c r="C6970" s="2" t="s">
        <v>21382</v>
      </c>
      <c r="D6970" s="14" t="s">
        <v>21383</v>
      </c>
      <c r="E6970" s="2" t="s">
        <v>21384</v>
      </c>
      <c r="F6970" s="2" t="s">
        <v>7521</v>
      </c>
      <c r="G6970" s="8">
        <v>246</v>
      </c>
      <c r="H6970" s="5">
        <v>6</v>
      </c>
      <c r="I6970" s="5" t="s">
        <v>1518</v>
      </c>
      <c r="J6970" s="5" t="s">
        <v>1519</v>
      </c>
      <c r="K6970" s="2" t="s">
        <v>1520</v>
      </c>
      <c r="L6970" s="5" t="s">
        <v>1519</v>
      </c>
      <c r="M6970" s="2" t="s">
        <v>1520</v>
      </c>
      <c r="N6970" s="5" t="s">
        <v>1521</v>
      </c>
      <c r="O6970" s="5" t="s">
        <v>38</v>
      </c>
      <c r="P6970" s="5" t="s">
        <v>39</v>
      </c>
      <c r="Q6970" s="5" t="s">
        <v>40</v>
      </c>
      <c r="R6970" s="5" t="s">
        <v>1522</v>
      </c>
      <c r="S6970" s="5" t="s">
        <v>1523</v>
      </c>
      <c r="T6970" s="5" t="s">
        <v>42</v>
      </c>
      <c r="U6970" s="2">
        <v>2.8250000000000002</v>
      </c>
      <c r="V6970" s="2">
        <v>2.2879999999999998</v>
      </c>
      <c r="W6970" s="2">
        <v>1.2999999999999999E-2</v>
      </c>
      <c r="X6970" s="2">
        <v>99.1</v>
      </c>
      <c r="Y6970" s="2">
        <v>7.6</v>
      </c>
      <c r="Z6970" s="2">
        <v>16.7</v>
      </c>
      <c r="AA6970" s="5"/>
      <c r="AB6970" s="5" t="s">
        <v>43</v>
      </c>
      <c r="AC6970" s="5" t="s">
        <v>44</v>
      </c>
      <c r="AD6970" s="2"/>
      <c r="AE6970" s="1"/>
    </row>
    <row r="6971" spans="1:31" ht="14.45">
      <c r="A6971" s="11"/>
      <c r="B6971" s="20"/>
      <c r="C6971" s="2" t="s">
        <v>21385</v>
      </c>
      <c r="D6971" s="14" t="s">
        <v>21386</v>
      </c>
      <c r="E6971" s="2" t="s">
        <v>21387</v>
      </c>
      <c r="F6971" s="2" t="s">
        <v>7212</v>
      </c>
      <c r="G6971" s="8">
        <v>246</v>
      </c>
      <c r="H6971" s="5">
        <v>6</v>
      </c>
      <c r="I6971" s="5" t="s">
        <v>1518</v>
      </c>
      <c r="J6971" s="5" t="s">
        <v>1519</v>
      </c>
      <c r="K6971" s="2" t="s">
        <v>1520</v>
      </c>
      <c r="L6971" s="5" t="s">
        <v>1519</v>
      </c>
      <c r="M6971" s="2" t="s">
        <v>1520</v>
      </c>
      <c r="N6971" s="5" t="s">
        <v>1521</v>
      </c>
      <c r="O6971" s="5" t="s">
        <v>38</v>
      </c>
      <c r="P6971" s="5" t="s">
        <v>39</v>
      </c>
      <c r="Q6971" s="5" t="s">
        <v>40</v>
      </c>
      <c r="R6971" s="5" t="s">
        <v>1522</v>
      </c>
      <c r="S6971" s="5" t="s">
        <v>1523</v>
      </c>
      <c r="T6971" s="5" t="s">
        <v>42</v>
      </c>
      <c r="U6971" s="2">
        <v>2.7280000000000002</v>
      </c>
      <c r="V6971" s="2">
        <v>2.1909999999999998</v>
      </c>
      <c r="W6971" s="2">
        <v>1.2999999999999999E-2</v>
      </c>
      <c r="X6971" s="2">
        <v>99.1</v>
      </c>
      <c r="Y6971" s="2">
        <v>7.6</v>
      </c>
      <c r="Z6971" s="2">
        <v>16.7</v>
      </c>
      <c r="AA6971" s="5"/>
      <c r="AB6971" s="5" t="s">
        <v>43</v>
      </c>
      <c r="AC6971" s="5" t="s">
        <v>44</v>
      </c>
      <c r="AD6971" s="2"/>
      <c r="AE6971" s="1"/>
    </row>
    <row r="6972" spans="1:31" ht="14.45">
      <c r="A6972" s="11"/>
      <c r="B6972" s="20"/>
      <c r="C6972" s="2" t="s">
        <v>21388</v>
      </c>
      <c r="D6972" s="14" t="s">
        <v>21389</v>
      </c>
      <c r="E6972" s="2" t="s">
        <v>21390</v>
      </c>
      <c r="F6972" s="2" t="s">
        <v>7528</v>
      </c>
      <c r="G6972" s="8">
        <v>246</v>
      </c>
      <c r="H6972" s="5">
        <v>6</v>
      </c>
      <c r="I6972" s="5" t="s">
        <v>1518</v>
      </c>
      <c r="J6972" s="5" t="s">
        <v>1519</v>
      </c>
      <c r="K6972" s="2" t="s">
        <v>1520</v>
      </c>
      <c r="L6972" s="5" t="s">
        <v>1519</v>
      </c>
      <c r="M6972" s="2" t="s">
        <v>1520</v>
      </c>
      <c r="N6972" s="5" t="s">
        <v>1521</v>
      </c>
      <c r="O6972" s="5" t="s">
        <v>38</v>
      </c>
      <c r="P6972" s="5" t="s">
        <v>39</v>
      </c>
      <c r="Q6972" s="5" t="s">
        <v>40</v>
      </c>
      <c r="R6972" s="5" t="s">
        <v>1522</v>
      </c>
      <c r="S6972" s="5" t="s">
        <v>1523</v>
      </c>
      <c r="T6972" s="5" t="s">
        <v>42</v>
      </c>
      <c r="U6972" s="2">
        <v>2.806</v>
      </c>
      <c r="V6972" s="2">
        <v>2.2690000000000001</v>
      </c>
      <c r="W6972" s="2">
        <v>1.2999999999999999E-2</v>
      </c>
      <c r="X6972" s="2">
        <v>99.1</v>
      </c>
      <c r="Y6972" s="2">
        <v>7.6</v>
      </c>
      <c r="Z6972" s="2">
        <v>16.7</v>
      </c>
      <c r="AA6972" s="5"/>
      <c r="AB6972" s="5" t="s">
        <v>43</v>
      </c>
      <c r="AC6972" s="5" t="s">
        <v>44</v>
      </c>
      <c r="AD6972" s="2"/>
      <c r="AE6972" s="1"/>
    </row>
    <row r="6973" spans="1:31" ht="14.45">
      <c r="A6973" s="11"/>
      <c r="B6973" s="20"/>
      <c r="C6973" s="2" t="s">
        <v>21391</v>
      </c>
      <c r="D6973" s="14" t="s">
        <v>21392</v>
      </c>
      <c r="E6973" s="2" t="s">
        <v>21393</v>
      </c>
      <c r="F6973" s="2" t="s">
        <v>7406</v>
      </c>
      <c r="G6973" s="8">
        <v>263</v>
      </c>
      <c r="H6973" s="5">
        <v>6</v>
      </c>
      <c r="I6973" s="5" t="s">
        <v>1518</v>
      </c>
      <c r="J6973" s="5" t="s">
        <v>1519</v>
      </c>
      <c r="K6973" s="2" t="s">
        <v>1520</v>
      </c>
      <c r="L6973" s="5" t="s">
        <v>1519</v>
      </c>
      <c r="M6973" s="2" t="s">
        <v>1520</v>
      </c>
      <c r="N6973" s="5" t="s">
        <v>1521</v>
      </c>
      <c r="O6973" s="5" t="s">
        <v>38</v>
      </c>
      <c r="P6973" s="5" t="s">
        <v>39</v>
      </c>
      <c r="Q6973" s="5" t="s">
        <v>40</v>
      </c>
      <c r="R6973" s="5" t="s">
        <v>1522</v>
      </c>
      <c r="S6973" s="5" t="s">
        <v>1523</v>
      </c>
      <c r="T6973" s="5" t="s">
        <v>42</v>
      </c>
      <c r="U6973" s="2">
        <v>2.7280000000000002</v>
      </c>
      <c r="V6973" s="2">
        <v>2.1909999999999998</v>
      </c>
      <c r="W6973" s="2">
        <v>1.2999999999999999E-2</v>
      </c>
      <c r="X6973" s="2">
        <v>99.1</v>
      </c>
      <c r="Y6973" s="2">
        <v>7.6</v>
      </c>
      <c r="Z6973" s="2">
        <v>16.7</v>
      </c>
      <c r="AA6973" s="5"/>
      <c r="AB6973" s="5" t="s">
        <v>43</v>
      </c>
      <c r="AC6973" s="5" t="s">
        <v>44</v>
      </c>
      <c r="AD6973" s="2"/>
      <c r="AE6973" s="1"/>
    </row>
    <row r="6974" spans="1:31" ht="14.45">
      <c r="A6974" s="11"/>
      <c r="B6974" s="20"/>
      <c r="C6974" s="2" t="s">
        <v>21394</v>
      </c>
      <c r="D6974" s="14" t="s">
        <v>21395</v>
      </c>
      <c r="E6974" s="2" t="s">
        <v>21396</v>
      </c>
      <c r="F6974" s="2" t="s">
        <v>7535</v>
      </c>
      <c r="G6974" s="8">
        <v>263</v>
      </c>
      <c r="H6974" s="5">
        <v>6</v>
      </c>
      <c r="I6974" s="5" t="s">
        <v>1518</v>
      </c>
      <c r="J6974" s="5" t="s">
        <v>1519</v>
      </c>
      <c r="K6974" s="2" t="s">
        <v>1520</v>
      </c>
      <c r="L6974" s="5" t="s">
        <v>1519</v>
      </c>
      <c r="M6974" s="2" t="s">
        <v>1520</v>
      </c>
      <c r="N6974" s="5" t="s">
        <v>1521</v>
      </c>
      <c r="O6974" s="5" t="s">
        <v>38</v>
      </c>
      <c r="P6974" s="5" t="s">
        <v>39</v>
      </c>
      <c r="Q6974" s="5" t="s">
        <v>40</v>
      </c>
      <c r="R6974" s="5" t="s">
        <v>1522</v>
      </c>
      <c r="S6974" s="5" t="s">
        <v>1523</v>
      </c>
      <c r="T6974" s="5" t="s">
        <v>42</v>
      </c>
      <c r="U6974" s="2">
        <v>2.806</v>
      </c>
      <c r="V6974" s="2">
        <v>2.2690000000000001</v>
      </c>
      <c r="W6974" s="2">
        <v>1.2999999999999999E-2</v>
      </c>
      <c r="X6974" s="2">
        <v>99.1</v>
      </c>
      <c r="Y6974" s="2">
        <v>7.6</v>
      </c>
      <c r="Z6974" s="2">
        <v>16.7</v>
      </c>
      <c r="AA6974" s="5"/>
      <c r="AB6974" s="5" t="s">
        <v>43</v>
      </c>
      <c r="AC6974" s="5" t="s">
        <v>44</v>
      </c>
      <c r="AD6974" s="2"/>
      <c r="AE6974" s="1"/>
    </row>
    <row r="6975" spans="1:31" ht="14.45">
      <c r="A6975" s="11"/>
      <c r="B6975" s="20"/>
      <c r="C6975" s="2" t="s">
        <v>21397</v>
      </c>
      <c r="D6975" s="14" t="s">
        <v>21398</v>
      </c>
      <c r="E6975" s="2" t="s">
        <v>21399</v>
      </c>
      <c r="F6975" s="2" t="s">
        <v>7539</v>
      </c>
      <c r="G6975" s="8">
        <v>263</v>
      </c>
      <c r="H6975" s="5">
        <v>6</v>
      </c>
      <c r="I6975" s="5" t="s">
        <v>1518</v>
      </c>
      <c r="J6975" s="5" t="s">
        <v>1519</v>
      </c>
      <c r="K6975" s="2" t="s">
        <v>1520</v>
      </c>
      <c r="L6975" s="5" t="s">
        <v>1519</v>
      </c>
      <c r="M6975" s="2" t="s">
        <v>1520</v>
      </c>
      <c r="N6975" s="5" t="s">
        <v>1521</v>
      </c>
      <c r="O6975" s="5" t="s">
        <v>38</v>
      </c>
      <c r="P6975" s="5" t="s">
        <v>39</v>
      </c>
      <c r="Q6975" s="5" t="s">
        <v>40</v>
      </c>
      <c r="R6975" s="5" t="s">
        <v>1522</v>
      </c>
      <c r="S6975" s="5" t="s">
        <v>1523</v>
      </c>
      <c r="T6975" s="5" t="s">
        <v>42</v>
      </c>
      <c r="U6975" s="2">
        <v>2.7469999999999999</v>
      </c>
      <c r="V6975" s="2">
        <v>2.21</v>
      </c>
      <c r="W6975" s="2">
        <v>1.2999999999999999E-2</v>
      </c>
      <c r="X6975" s="2">
        <v>99.1</v>
      </c>
      <c r="Y6975" s="2">
        <v>7.6</v>
      </c>
      <c r="Z6975" s="2">
        <v>16.7</v>
      </c>
      <c r="AA6975" s="5"/>
      <c r="AB6975" s="5" t="s">
        <v>43</v>
      </c>
      <c r="AC6975" s="5" t="s">
        <v>44</v>
      </c>
      <c r="AD6975" s="2"/>
      <c r="AE6975" s="1"/>
    </row>
    <row r="6976" spans="1:31" ht="14.45">
      <c r="A6976" s="11"/>
      <c r="B6976" s="20"/>
      <c r="C6976" s="2" t="s">
        <v>21400</v>
      </c>
      <c r="D6976" s="14" t="s">
        <v>21401</v>
      </c>
      <c r="E6976" s="2" t="s">
        <v>21402</v>
      </c>
      <c r="F6976" s="2" t="s">
        <v>7543</v>
      </c>
      <c r="G6976" s="8">
        <v>263</v>
      </c>
      <c r="H6976" s="5">
        <v>6</v>
      </c>
      <c r="I6976" s="5" t="s">
        <v>1518</v>
      </c>
      <c r="J6976" s="5" t="s">
        <v>1519</v>
      </c>
      <c r="K6976" s="2" t="s">
        <v>1520</v>
      </c>
      <c r="L6976" s="5" t="s">
        <v>1519</v>
      </c>
      <c r="M6976" s="2" t="s">
        <v>1520</v>
      </c>
      <c r="N6976" s="5" t="s">
        <v>1521</v>
      </c>
      <c r="O6976" s="5" t="s">
        <v>38</v>
      </c>
      <c r="P6976" s="5" t="s">
        <v>39</v>
      </c>
      <c r="Q6976" s="5" t="s">
        <v>40</v>
      </c>
      <c r="R6976" s="5" t="s">
        <v>1522</v>
      </c>
      <c r="S6976" s="5" t="s">
        <v>1523</v>
      </c>
      <c r="T6976" s="5" t="s">
        <v>42</v>
      </c>
      <c r="U6976" s="2">
        <v>2.8250000000000002</v>
      </c>
      <c r="V6976" s="2">
        <v>2.2879999999999998</v>
      </c>
      <c r="W6976" s="2">
        <v>1.2999999999999999E-2</v>
      </c>
      <c r="X6976" s="2">
        <v>99.1</v>
      </c>
      <c r="Y6976" s="2">
        <v>7.6</v>
      </c>
      <c r="Z6976" s="2">
        <v>16.7</v>
      </c>
      <c r="AA6976" s="5"/>
      <c r="AB6976" s="5" t="s">
        <v>43</v>
      </c>
      <c r="AC6976" s="5" t="s">
        <v>44</v>
      </c>
      <c r="AD6976" s="2"/>
      <c r="AE6976" s="1"/>
    </row>
    <row r="6977" spans="1:31" ht="14.45">
      <c r="A6977" s="11"/>
      <c r="B6977" s="20"/>
      <c r="C6977" s="2" t="s">
        <v>21403</v>
      </c>
      <c r="D6977" s="14" t="s">
        <v>21404</v>
      </c>
      <c r="E6977" s="2" t="s">
        <v>21405</v>
      </c>
      <c r="F6977" s="2" t="s">
        <v>7547</v>
      </c>
      <c r="G6977" s="8">
        <v>263</v>
      </c>
      <c r="H6977" s="5">
        <v>6</v>
      </c>
      <c r="I6977" s="5" t="s">
        <v>1518</v>
      </c>
      <c r="J6977" s="5" t="s">
        <v>1519</v>
      </c>
      <c r="K6977" s="2" t="s">
        <v>1520</v>
      </c>
      <c r="L6977" s="5" t="s">
        <v>1519</v>
      </c>
      <c r="M6977" s="2" t="s">
        <v>1520</v>
      </c>
      <c r="N6977" s="5" t="s">
        <v>1521</v>
      </c>
      <c r="O6977" s="5" t="s">
        <v>38</v>
      </c>
      <c r="P6977" s="5" t="s">
        <v>39</v>
      </c>
      <c r="Q6977" s="5" t="s">
        <v>40</v>
      </c>
      <c r="R6977" s="5" t="s">
        <v>1522</v>
      </c>
      <c r="S6977" s="5" t="s">
        <v>1523</v>
      </c>
      <c r="T6977" s="5" t="s">
        <v>42</v>
      </c>
      <c r="U6977" s="2">
        <v>2.7280000000000002</v>
      </c>
      <c r="V6977" s="2">
        <v>2.1909999999999998</v>
      </c>
      <c r="W6977" s="2">
        <v>1.2999999999999999E-2</v>
      </c>
      <c r="X6977" s="2">
        <v>99.1</v>
      </c>
      <c r="Y6977" s="2">
        <v>7.6</v>
      </c>
      <c r="Z6977" s="2">
        <v>16.7</v>
      </c>
      <c r="AA6977" s="5"/>
      <c r="AB6977" s="5" t="s">
        <v>43</v>
      </c>
      <c r="AC6977" s="5" t="s">
        <v>44</v>
      </c>
      <c r="AD6977" s="2"/>
      <c r="AE6977" s="1"/>
    </row>
    <row r="6978" spans="1:31" ht="14.45">
      <c r="A6978" s="11"/>
      <c r="B6978" s="20"/>
      <c r="C6978" s="2" t="s">
        <v>21406</v>
      </c>
      <c r="D6978" s="14" t="s">
        <v>21407</v>
      </c>
      <c r="E6978" s="2" t="s">
        <v>21408</v>
      </c>
      <c r="F6978" s="2" t="s">
        <v>7551</v>
      </c>
      <c r="G6978" s="8">
        <v>263</v>
      </c>
      <c r="H6978" s="5">
        <v>6</v>
      </c>
      <c r="I6978" s="5" t="s">
        <v>1518</v>
      </c>
      <c r="J6978" s="5" t="s">
        <v>1519</v>
      </c>
      <c r="K6978" s="2" t="s">
        <v>1520</v>
      </c>
      <c r="L6978" s="5" t="s">
        <v>1519</v>
      </c>
      <c r="M6978" s="2" t="s">
        <v>1520</v>
      </c>
      <c r="N6978" s="5" t="s">
        <v>1521</v>
      </c>
      <c r="O6978" s="5" t="s">
        <v>38</v>
      </c>
      <c r="P6978" s="5" t="s">
        <v>39</v>
      </c>
      <c r="Q6978" s="5" t="s">
        <v>40</v>
      </c>
      <c r="R6978" s="5" t="s">
        <v>1522</v>
      </c>
      <c r="S6978" s="5" t="s">
        <v>1523</v>
      </c>
      <c r="T6978" s="5" t="s">
        <v>42</v>
      </c>
      <c r="U6978" s="2">
        <v>2.806</v>
      </c>
      <c r="V6978" s="2">
        <v>2.2690000000000001</v>
      </c>
      <c r="W6978" s="2">
        <v>1.2999999999999999E-2</v>
      </c>
      <c r="X6978" s="2">
        <v>99.1</v>
      </c>
      <c r="Y6978" s="2">
        <v>7.6</v>
      </c>
      <c r="Z6978" s="2">
        <v>16.7</v>
      </c>
      <c r="AA6978" s="5"/>
      <c r="AB6978" s="5" t="s">
        <v>43</v>
      </c>
      <c r="AC6978" s="5" t="s">
        <v>44</v>
      </c>
      <c r="AD6978" s="2"/>
      <c r="AE6978" s="1"/>
    </row>
    <row r="6979" spans="1:31" ht="14.45">
      <c r="A6979" s="11"/>
      <c r="B6979" s="20"/>
      <c r="C6979" s="2" t="s">
        <v>21409</v>
      </c>
      <c r="D6979" s="14" t="s">
        <v>21410</v>
      </c>
      <c r="E6979" s="2" t="s">
        <v>21411</v>
      </c>
      <c r="F6979" s="2" t="s">
        <v>7555</v>
      </c>
      <c r="G6979" s="8">
        <v>263</v>
      </c>
      <c r="H6979" s="5">
        <v>6</v>
      </c>
      <c r="I6979" s="5" t="s">
        <v>1518</v>
      </c>
      <c r="J6979" s="5" t="s">
        <v>1519</v>
      </c>
      <c r="K6979" s="2" t="s">
        <v>1520</v>
      </c>
      <c r="L6979" s="5" t="s">
        <v>1519</v>
      </c>
      <c r="M6979" s="2" t="s">
        <v>1520</v>
      </c>
      <c r="N6979" s="5" t="s">
        <v>1521</v>
      </c>
      <c r="O6979" s="5" t="s">
        <v>38</v>
      </c>
      <c r="P6979" s="5" t="s">
        <v>39</v>
      </c>
      <c r="Q6979" s="5" t="s">
        <v>40</v>
      </c>
      <c r="R6979" s="5" t="s">
        <v>1522</v>
      </c>
      <c r="S6979" s="5" t="s">
        <v>1523</v>
      </c>
      <c r="T6979" s="5" t="s">
        <v>42</v>
      </c>
      <c r="U6979" s="2">
        <v>2.7280000000000002</v>
      </c>
      <c r="V6979" s="2">
        <v>2.1909999999999998</v>
      </c>
      <c r="W6979" s="2">
        <v>1.2999999999999999E-2</v>
      </c>
      <c r="X6979" s="2">
        <v>99.1</v>
      </c>
      <c r="Y6979" s="2">
        <v>7.6</v>
      </c>
      <c r="Z6979" s="2">
        <v>16.7</v>
      </c>
      <c r="AA6979" s="5"/>
      <c r="AB6979" s="5" t="s">
        <v>43</v>
      </c>
      <c r="AC6979" s="5" t="s">
        <v>44</v>
      </c>
      <c r="AD6979" s="2"/>
      <c r="AE6979" s="1"/>
    </row>
    <row r="6980" spans="1:31" ht="14.45">
      <c r="A6980" s="11"/>
      <c r="B6980" s="20"/>
      <c r="C6980" s="2" t="s">
        <v>21412</v>
      </c>
      <c r="D6980" s="14" t="s">
        <v>21413</v>
      </c>
      <c r="E6980" s="2" t="s">
        <v>21414</v>
      </c>
      <c r="F6980" s="2" t="s">
        <v>7559</v>
      </c>
      <c r="G6980" s="8">
        <v>263</v>
      </c>
      <c r="H6980" s="5">
        <v>6</v>
      </c>
      <c r="I6980" s="5" t="s">
        <v>1518</v>
      </c>
      <c r="J6980" s="5" t="s">
        <v>1519</v>
      </c>
      <c r="K6980" s="2" t="s">
        <v>1520</v>
      </c>
      <c r="L6980" s="5" t="s">
        <v>1519</v>
      </c>
      <c r="M6980" s="2" t="s">
        <v>1520</v>
      </c>
      <c r="N6980" s="5" t="s">
        <v>1521</v>
      </c>
      <c r="O6980" s="5" t="s">
        <v>38</v>
      </c>
      <c r="P6980" s="5" t="s">
        <v>39</v>
      </c>
      <c r="Q6980" s="5" t="s">
        <v>40</v>
      </c>
      <c r="R6980" s="5" t="s">
        <v>1522</v>
      </c>
      <c r="S6980" s="5" t="s">
        <v>1523</v>
      </c>
      <c r="T6980" s="5" t="s">
        <v>42</v>
      </c>
      <c r="U6980" s="2">
        <v>2.806</v>
      </c>
      <c r="V6980" s="2">
        <v>2.2690000000000001</v>
      </c>
      <c r="W6980" s="2">
        <v>1.2999999999999999E-2</v>
      </c>
      <c r="X6980" s="2">
        <v>99.1</v>
      </c>
      <c r="Y6980" s="2">
        <v>7.6</v>
      </c>
      <c r="Z6980" s="2">
        <v>16.7</v>
      </c>
      <c r="AA6980" s="5"/>
      <c r="AB6980" s="5" t="s">
        <v>43</v>
      </c>
      <c r="AC6980" s="5" t="s">
        <v>44</v>
      </c>
      <c r="AD6980" s="2"/>
      <c r="AE6980" s="1"/>
    </row>
    <row r="6981" spans="1:31" ht="14.45">
      <c r="A6981" s="11"/>
      <c r="B6981" s="20"/>
      <c r="C6981" s="2" t="s">
        <v>21415</v>
      </c>
      <c r="D6981" s="14" t="s">
        <v>21416</v>
      </c>
      <c r="E6981" s="2" t="s">
        <v>21417</v>
      </c>
      <c r="F6981" s="2" t="s">
        <v>7563</v>
      </c>
      <c r="G6981" s="8">
        <v>263</v>
      </c>
      <c r="H6981" s="5">
        <v>6</v>
      </c>
      <c r="I6981" s="5" t="s">
        <v>1518</v>
      </c>
      <c r="J6981" s="5" t="s">
        <v>1519</v>
      </c>
      <c r="K6981" s="2" t="s">
        <v>1520</v>
      </c>
      <c r="L6981" s="5" t="s">
        <v>1519</v>
      </c>
      <c r="M6981" s="2" t="s">
        <v>1520</v>
      </c>
      <c r="N6981" s="5" t="s">
        <v>1521</v>
      </c>
      <c r="O6981" s="5" t="s">
        <v>38</v>
      </c>
      <c r="P6981" s="5" t="s">
        <v>39</v>
      </c>
      <c r="Q6981" s="5" t="s">
        <v>40</v>
      </c>
      <c r="R6981" s="5" t="s">
        <v>1522</v>
      </c>
      <c r="S6981" s="5" t="s">
        <v>1523</v>
      </c>
      <c r="T6981" s="5" t="s">
        <v>42</v>
      </c>
      <c r="U6981" s="2">
        <v>2.7469999999999999</v>
      </c>
      <c r="V6981" s="2">
        <v>2.21</v>
      </c>
      <c r="W6981" s="2">
        <v>1.2999999999999999E-2</v>
      </c>
      <c r="X6981" s="2">
        <v>99.1</v>
      </c>
      <c r="Y6981" s="2">
        <v>7.6</v>
      </c>
      <c r="Z6981" s="2">
        <v>16.7</v>
      </c>
      <c r="AA6981" s="5"/>
      <c r="AB6981" s="5" t="s">
        <v>43</v>
      </c>
      <c r="AC6981" s="5" t="s">
        <v>44</v>
      </c>
      <c r="AD6981" s="2"/>
      <c r="AE6981" s="1"/>
    </row>
    <row r="6982" spans="1:31" ht="14.45">
      <c r="A6982" s="11"/>
      <c r="B6982" s="20"/>
      <c r="C6982" s="2" t="s">
        <v>21418</v>
      </c>
      <c r="D6982" s="14" t="s">
        <v>21419</v>
      </c>
      <c r="E6982" s="2" t="s">
        <v>21420</v>
      </c>
      <c r="F6982" s="2" t="s">
        <v>7567</v>
      </c>
      <c r="G6982" s="8">
        <v>263</v>
      </c>
      <c r="H6982" s="5">
        <v>6</v>
      </c>
      <c r="I6982" s="5" t="s">
        <v>1518</v>
      </c>
      <c r="J6982" s="5" t="s">
        <v>1519</v>
      </c>
      <c r="K6982" s="2" t="s">
        <v>1520</v>
      </c>
      <c r="L6982" s="5" t="s">
        <v>1519</v>
      </c>
      <c r="M6982" s="2" t="s">
        <v>1520</v>
      </c>
      <c r="N6982" s="5" t="s">
        <v>1521</v>
      </c>
      <c r="O6982" s="5" t="s">
        <v>38</v>
      </c>
      <c r="P6982" s="5" t="s">
        <v>39</v>
      </c>
      <c r="Q6982" s="5" t="s">
        <v>40</v>
      </c>
      <c r="R6982" s="5" t="s">
        <v>1522</v>
      </c>
      <c r="S6982" s="5" t="s">
        <v>1523</v>
      </c>
      <c r="T6982" s="5" t="s">
        <v>42</v>
      </c>
      <c r="U6982" s="2">
        <v>2.8250000000000002</v>
      </c>
      <c r="V6982" s="2">
        <v>2.2879999999999998</v>
      </c>
      <c r="W6982" s="2">
        <v>1.2999999999999999E-2</v>
      </c>
      <c r="X6982" s="2">
        <v>99.1</v>
      </c>
      <c r="Y6982" s="2">
        <v>7.6</v>
      </c>
      <c r="Z6982" s="2">
        <v>16.7</v>
      </c>
      <c r="AA6982" s="5"/>
      <c r="AB6982" s="5" t="s">
        <v>43</v>
      </c>
      <c r="AC6982" s="5" t="s">
        <v>44</v>
      </c>
      <c r="AD6982" s="2"/>
      <c r="AE6982" s="1"/>
    </row>
    <row r="6983" spans="1:31" ht="14.45">
      <c r="A6983" s="11"/>
      <c r="B6983" s="20"/>
      <c r="C6983" s="2" t="s">
        <v>21421</v>
      </c>
      <c r="D6983" s="14" t="s">
        <v>21422</v>
      </c>
      <c r="E6983" s="2" t="s">
        <v>21423</v>
      </c>
      <c r="F6983" s="2" t="s">
        <v>16079</v>
      </c>
      <c r="G6983" s="8">
        <v>263</v>
      </c>
      <c r="H6983" s="5">
        <v>6</v>
      </c>
      <c r="I6983" s="5" t="s">
        <v>1518</v>
      </c>
      <c r="J6983" s="5" t="s">
        <v>1519</v>
      </c>
      <c r="K6983" s="2" t="s">
        <v>1520</v>
      </c>
      <c r="L6983" s="5" t="s">
        <v>1519</v>
      </c>
      <c r="M6983" s="2" t="s">
        <v>1520</v>
      </c>
      <c r="N6983" s="5" t="s">
        <v>1521</v>
      </c>
      <c r="O6983" s="5" t="s">
        <v>38</v>
      </c>
      <c r="P6983" s="5" t="s">
        <v>39</v>
      </c>
      <c r="Q6983" s="5" t="s">
        <v>40</v>
      </c>
      <c r="R6983" s="5" t="s">
        <v>1522</v>
      </c>
      <c r="S6983" s="5" t="s">
        <v>1523</v>
      </c>
      <c r="T6983" s="5" t="s">
        <v>42</v>
      </c>
      <c r="U6983" s="2">
        <v>2.7469999999999999</v>
      </c>
      <c r="V6983" s="2">
        <v>2.21</v>
      </c>
      <c r="W6983" s="2">
        <v>1.2999999999999999E-2</v>
      </c>
      <c r="X6983" s="2">
        <v>99.1</v>
      </c>
      <c r="Y6983" s="2">
        <v>7.6</v>
      </c>
      <c r="Z6983" s="2">
        <v>16.7</v>
      </c>
      <c r="AA6983" s="5"/>
      <c r="AB6983" s="5" t="s">
        <v>43</v>
      </c>
      <c r="AC6983" s="5" t="s">
        <v>44</v>
      </c>
      <c r="AD6983" s="2"/>
      <c r="AE6983" s="1"/>
    </row>
    <row r="6984" spans="1:31" ht="14.45">
      <c r="A6984" s="11"/>
      <c r="B6984" s="20"/>
      <c r="C6984" s="2" t="s">
        <v>21424</v>
      </c>
      <c r="D6984" s="14" t="s">
        <v>21425</v>
      </c>
      <c r="E6984" s="2" t="s">
        <v>21426</v>
      </c>
      <c r="F6984" s="2" t="s">
        <v>16194</v>
      </c>
      <c r="G6984" s="8">
        <v>263</v>
      </c>
      <c r="H6984" s="5">
        <v>6</v>
      </c>
      <c r="I6984" s="5" t="s">
        <v>1518</v>
      </c>
      <c r="J6984" s="5" t="s">
        <v>1519</v>
      </c>
      <c r="K6984" s="2" t="s">
        <v>1520</v>
      </c>
      <c r="L6984" s="5" t="s">
        <v>1519</v>
      </c>
      <c r="M6984" s="2" t="s">
        <v>1520</v>
      </c>
      <c r="N6984" s="5" t="s">
        <v>1521</v>
      </c>
      <c r="O6984" s="5" t="s">
        <v>38</v>
      </c>
      <c r="P6984" s="5" t="s">
        <v>39</v>
      </c>
      <c r="Q6984" s="5" t="s">
        <v>40</v>
      </c>
      <c r="R6984" s="5" t="s">
        <v>1522</v>
      </c>
      <c r="S6984" s="5" t="s">
        <v>1523</v>
      </c>
      <c r="T6984" s="5" t="s">
        <v>42</v>
      </c>
      <c r="U6984" s="2">
        <v>2.8250000000000002</v>
      </c>
      <c r="V6984" s="2">
        <v>2.2879999999999998</v>
      </c>
      <c r="W6984" s="2">
        <v>1.2999999999999999E-2</v>
      </c>
      <c r="X6984" s="2">
        <v>99.1</v>
      </c>
      <c r="Y6984" s="2">
        <v>7.6</v>
      </c>
      <c r="Z6984" s="2">
        <v>16.7</v>
      </c>
      <c r="AA6984" s="5"/>
      <c r="AB6984" s="5" t="s">
        <v>43</v>
      </c>
      <c r="AC6984" s="5" t="s">
        <v>44</v>
      </c>
      <c r="AD6984" s="2"/>
      <c r="AE6984" s="1"/>
    </row>
    <row r="6985" spans="1:31" ht="14.45">
      <c r="A6985" s="11"/>
      <c r="B6985" s="20"/>
      <c r="C6985" s="2" t="s">
        <v>21427</v>
      </c>
      <c r="D6985" s="14" t="s">
        <v>21428</v>
      </c>
      <c r="E6985" s="2" t="s">
        <v>21429</v>
      </c>
      <c r="F6985" s="2" t="s">
        <v>7449</v>
      </c>
      <c r="G6985" s="8">
        <v>263</v>
      </c>
      <c r="H6985" s="5">
        <v>6</v>
      </c>
      <c r="I6985" s="5" t="s">
        <v>1518</v>
      </c>
      <c r="J6985" s="5" t="s">
        <v>1519</v>
      </c>
      <c r="K6985" s="2" t="s">
        <v>1520</v>
      </c>
      <c r="L6985" s="5" t="s">
        <v>1519</v>
      </c>
      <c r="M6985" s="2" t="s">
        <v>1520</v>
      </c>
      <c r="N6985" s="5" t="s">
        <v>1521</v>
      </c>
      <c r="O6985" s="5" t="s">
        <v>38</v>
      </c>
      <c r="P6985" s="5" t="s">
        <v>39</v>
      </c>
      <c r="Q6985" s="5" t="s">
        <v>40</v>
      </c>
      <c r="R6985" s="5" t="s">
        <v>1522</v>
      </c>
      <c r="S6985" s="5" t="s">
        <v>1523</v>
      </c>
      <c r="T6985" s="5" t="s">
        <v>42</v>
      </c>
      <c r="U6985" s="2">
        <v>2.7469999999999999</v>
      </c>
      <c r="V6985" s="2">
        <v>2.21</v>
      </c>
      <c r="W6985" s="2">
        <v>1.2999999999999999E-2</v>
      </c>
      <c r="X6985" s="2">
        <v>99.1</v>
      </c>
      <c r="Y6985" s="2">
        <v>7.6</v>
      </c>
      <c r="Z6985" s="2">
        <v>16.7</v>
      </c>
      <c r="AA6985" s="5"/>
      <c r="AB6985" s="5" t="s">
        <v>43</v>
      </c>
      <c r="AC6985" s="5" t="s">
        <v>44</v>
      </c>
      <c r="AD6985" s="2"/>
      <c r="AE6985" s="1"/>
    </row>
    <row r="6986" spans="1:31" ht="14.45">
      <c r="A6986" s="11"/>
      <c r="B6986" s="20"/>
      <c r="C6986" s="2" t="s">
        <v>21430</v>
      </c>
      <c r="D6986" s="14" t="s">
        <v>21431</v>
      </c>
      <c r="E6986" s="2" t="s">
        <v>21432</v>
      </c>
      <c r="F6986" s="2" t="s">
        <v>7581</v>
      </c>
      <c r="G6986" s="8">
        <v>263</v>
      </c>
      <c r="H6986" s="5">
        <v>6</v>
      </c>
      <c r="I6986" s="5" t="s">
        <v>1518</v>
      </c>
      <c r="J6986" s="5" t="s">
        <v>1519</v>
      </c>
      <c r="K6986" s="2" t="s">
        <v>1520</v>
      </c>
      <c r="L6986" s="5" t="s">
        <v>1519</v>
      </c>
      <c r="M6986" s="2" t="s">
        <v>1520</v>
      </c>
      <c r="N6986" s="5" t="s">
        <v>1521</v>
      </c>
      <c r="O6986" s="5" t="s">
        <v>38</v>
      </c>
      <c r="P6986" s="5" t="s">
        <v>39</v>
      </c>
      <c r="Q6986" s="5" t="s">
        <v>40</v>
      </c>
      <c r="R6986" s="5" t="s">
        <v>1522</v>
      </c>
      <c r="S6986" s="5" t="s">
        <v>1523</v>
      </c>
      <c r="T6986" s="5" t="s">
        <v>42</v>
      </c>
      <c r="U6986" s="2">
        <v>2.8250000000000002</v>
      </c>
      <c r="V6986" s="2">
        <v>2.2879999999999998</v>
      </c>
      <c r="W6986" s="2">
        <v>1.2999999999999999E-2</v>
      </c>
      <c r="X6986" s="2">
        <v>99.1</v>
      </c>
      <c r="Y6986" s="2">
        <v>7.6</v>
      </c>
      <c r="Z6986" s="2">
        <v>16.7</v>
      </c>
      <c r="AA6986" s="5"/>
      <c r="AB6986" s="5" t="s">
        <v>43</v>
      </c>
      <c r="AC6986" s="5" t="s">
        <v>44</v>
      </c>
      <c r="AD6986" s="2"/>
      <c r="AE6986" s="1"/>
    </row>
    <row r="6987" spans="1:31" ht="14.45">
      <c r="A6987" s="11"/>
      <c r="B6987" s="20"/>
      <c r="C6987" s="2" t="s">
        <v>21433</v>
      </c>
      <c r="D6987" s="14" t="s">
        <v>21434</v>
      </c>
      <c r="E6987" s="2" t="s">
        <v>21435</v>
      </c>
      <c r="F6987" s="2" t="s">
        <v>7585</v>
      </c>
      <c r="G6987" s="8">
        <v>263</v>
      </c>
      <c r="H6987" s="5">
        <v>6</v>
      </c>
      <c r="I6987" s="5" t="s">
        <v>1518</v>
      </c>
      <c r="J6987" s="5" t="s">
        <v>1519</v>
      </c>
      <c r="K6987" s="2" t="s">
        <v>1520</v>
      </c>
      <c r="L6987" s="5" t="s">
        <v>1519</v>
      </c>
      <c r="M6987" s="2" t="s">
        <v>1520</v>
      </c>
      <c r="N6987" s="5" t="s">
        <v>1521</v>
      </c>
      <c r="O6987" s="5" t="s">
        <v>38</v>
      </c>
      <c r="P6987" s="5" t="s">
        <v>39</v>
      </c>
      <c r="Q6987" s="5" t="s">
        <v>40</v>
      </c>
      <c r="R6987" s="5" t="s">
        <v>1522</v>
      </c>
      <c r="S6987" s="5" t="s">
        <v>1523</v>
      </c>
      <c r="T6987" s="5" t="s">
        <v>42</v>
      </c>
      <c r="U6987" s="2">
        <v>2.7280000000000002</v>
      </c>
      <c r="V6987" s="2">
        <v>2.1909999999999998</v>
      </c>
      <c r="W6987" s="2">
        <v>1.2999999999999999E-2</v>
      </c>
      <c r="X6987" s="2">
        <v>99.1</v>
      </c>
      <c r="Y6987" s="2">
        <v>7.6</v>
      </c>
      <c r="Z6987" s="2">
        <v>16.7</v>
      </c>
      <c r="AA6987" s="5"/>
      <c r="AB6987" s="5" t="s">
        <v>43</v>
      </c>
      <c r="AC6987" s="5" t="s">
        <v>44</v>
      </c>
      <c r="AD6987" s="2"/>
      <c r="AE6987" s="1"/>
    </row>
    <row r="6988" spans="1:31" ht="14.45">
      <c r="A6988" s="11"/>
      <c r="B6988" s="20"/>
      <c r="C6988" s="2" t="s">
        <v>21436</v>
      </c>
      <c r="D6988" s="14" t="s">
        <v>21437</v>
      </c>
      <c r="E6988" s="2" t="s">
        <v>21438</v>
      </c>
      <c r="F6988" s="2" t="s">
        <v>7589</v>
      </c>
      <c r="G6988" s="8">
        <v>263</v>
      </c>
      <c r="H6988" s="5">
        <v>6</v>
      </c>
      <c r="I6988" s="5" t="s">
        <v>1518</v>
      </c>
      <c r="J6988" s="5" t="s">
        <v>1519</v>
      </c>
      <c r="K6988" s="2" t="s">
        <v>1520</v>
      </c>
      <c r="L6988" s="5" t="s">
        <v>1519</v>
      </c>
      <c r="M6988" s="2" t="s">
        <v>1520</v>
      </c>
      <c r="N6988" s="5" t="s">
        <v>1521</v>
      </c>
      <c r="O6988" s="5" t="s">
        <v>38</v>
      </c>
      <c r="P6988" s="5" t="s">
        <v>39</v>
      </c>
      <c r="Q6988" s="5" t="s">
        <v>40</v>
      </c>
      <c r="R6988" s="5" t="s">
        <v>1522</v>
      </c>
      <c r="S6988" s="5" t="s">
        <v>1523</v>
      </c>
      <c r="T6988" s="5" t="s">
        <v>42</v>
      </c>
      <c r="U6988" s="2">
        <v>2.806</v>
      </c>
      <c r="V6988" s="2">
        <v>2.2690000000000001</v>
      </c>
      <c r="W6988" s="2">
        <v>1.2999999999999999E-2</v>
      </c>
      <c r="X6988" s="2">
        <v>99.1</v>
      </c>
      <c r="Y6988" s="2">
        <v>7.6</v>
      </c>
      <c r="Z6988" s="2">
        <v>16.7</v>
      </c>
      <c r="AA6988" s="5"/>
      <c r="AB6988" s="5" t="s">
        <v>43</v>
      </c>
      <c r="AC6988" s="5" t="s">
        <v>44</v>
      </c>
      <c r="AD6988" s="2"/>
      <c r="AE6988" s="1"/>
    </row>
    <row r="6989" spans="1:31" ht="14.45">
      <c r="A6989" s="11"/>
      <c r="B6989" s="20"/>
      <c r="C6989" s="2" t="s">
        <v>21439</v>
      </c>
      <c r="D6989" s="14" t="s">
        <v>21440</v>
      </c>
      <c r="E6989" s="2" t="s">
        <v>21441</v>
      </c>
      <c r="F6989" s="2" t="s">
        <v>7593</v>
      </c>
      <c r="G6989" s="8">
        <v>263</v>
      </c>
      <c r="H6989" s="5">
        <v>6</v>
      </c>
      <c r="I6989" s="5" t="s">
        <v>1518</v>
      </c>
      <c r="J6989" s="5" t="s">
        <v>1519</v>
      </c>
      <c r="K6989" s="2" t="s">
        <v>1520</v>
      </c>
      <c r="L6989" s="5" t="s">
        <v>1519</v>
      </c>
      <c r="M6989" s="2" t="s">
        <v>1520</v>
      </c>
      <c r="N6989" s="5" t="s">
        <v>1521</v>
      </c>
      <c r="O6989" s="5" t="s">
        <v>38</v>
      </c>
      <c r="P6989" s="5" t="s">
        <v>39</v>
      </c>
      <c r="Q6989" s="5" t="s">
        <v>40</v>
      </c>
      <c r="R6989" s="5" t="s">
        <v>1522</v>
      </c>
      <c r="S6989" s="5" t="s">
        <v>1523</v>
      </c>
      <c r="T6989" s="5" t="s">
        <v>42</v>
      </c>
      <c r="U6989" s="2">
        <v>2.7469999999999999</v>
      </c>
      <c r="V6989" s="2">
        <v>2.21</v>
      </c>
      <c r="W6989" s="2">
        <v>1.2999999999999999E-2</v>
      </c>
      <c r="X6989" s="2">
        <v>99.1</v>
      </c>
      <c r="Y6989" s="2">
        <v>7.6</v>
      </c>
      <c r="Z6989" s="2">
        <v>16.7</v>
      </c>
      <c r="AA6989" s="5"/>
      <c r="AB6989" s="5" t="s">
        <v>43</v>
      </c>
      <c r="AC6989" s="5" t="s">
        <v>44</v>
      </c>
      <c r="AD6989" s="2"/>
      <c r="AE6989" s="1"/>
    </row>
    <row r="6990" spans="1:31" ht="14.45">
      <c r="A6990" s="11"/>
      <c r="B6990" s="20"/>
      <c r="C6990" s="2" t="s">
        <v>21442</v>
      </c>
      <c r="D6990" s="14" t="s">
        <v>21443</v>
      </c>
      <c r="E6990" s="2" t="s">
        <v>21444</v>
      </c>
      <c r="F6990" s="2" t="s">
        <v>7597</v>
      </c>
      <c r="G6990" s="8">
        <v>263</v>
      </c>
      <c r="H6990" s="5">
        <v>6</v>
      </c>
      <c r="I6990" s="5" t="s">
        <v>1518</v>
      </c>
      <c r="J6990" s="5" t="s">
        <v>1519</v>
      </c>
      <c r="K6990" s="2" t="s">
        <v>1520</v>
      </c>
      <c r="L6990" s="5" t="s">
        <v>1519</v>
      </c>
      <c r="M6990" s="2" t="s">
        <v>1520</v>
      </c>
      <c r="N6990" s="5" t="s">
        <v>1521</v>
      </c>
      <c r="O6990" s="5" t="s">
        <v>38</v>
      </c>
      <c r="P6990" s="5" t="s">
        <v>39</v>
      </c>
      <c r="Q6990" s="5" t="s">
        <v>40</v>
      </c>
      <c r="R6990" s="5" t="s">
        <v>1522</v>
      </c>
      <c r="S6990" s="5" t="s">
        <v>1523</v>
      </c>
      <c r="T6990" s="5" t="s">
        <v>42</v>
      </c>
      <c r="U6990" s="2">
        <v>2.8250000000000002</v>
      </c>
      <c r="V6990" s="2">
        <v>2.2879999999999998</v>
      </c>
      <c r="W6990" s="2">
        <v>1.2999999999999999E-2</v>
      </c>
      <c r="X6990" s="2">
        <v>99.1</v>
      </c>
      <c r="Y6990" s="2">
        <v>7.6</v>
      </c>
      <c r="Z6990" s="2">
        <v>16.7</v>
      </c>
      <c r="AA6990" s="5"/>
      <c r="AB6990" s="5" t="s">
        <v>43</v>
      </c>
      <c r="AC6990" s="5" t="s">
        <v>44</v>
      </c>
      <c r="AD6990" s="2"/>
      <c r="AE6990" s="1"/>
    </row>
    <row r="6991" spans="1:31" ht="14.45">
      <c r="A6991" s="11"/>
      <c r="B6991" s="20"/>
      <c r="C6991" s="2" t="s">
        <v>21445</v>
      </c>
      <c r="D6991" s="14" t="s">
        <v>21446</v>
      </c>
      <c r="E6991" s="2" t="s">
        <v>21447</v>
      </c>
      <c r="F6991" s="2" t="s">
        <v>16014</v>
      </c>
      <c r="G6991" s="8">
        <v>263</v>
      </c>
      <c r="H6991" s="5">
        <v>6</v>
      </c>
      <c r="I6991" s="5" t="s">
        <v>1518</v>
      </c>
      <c r="J6991" s="5" t="s">
        <v>1519</v>
      </c>
      <c r="K6991" s="2" t="s">
        <v>1520</v>
      </c>
      <c r="L6991" s="5" t="s">
        <v>1519</v>
      </c>
      <c r="M6991" s="2" t="s">
        <v>1520</v>
      </c>
      <c r="N6991" s="5" t="s">
        <v>1521</v>
      </c>
      <c r="O6991" s="5" t="s">
        <v>38</v>
      </c>
      <c r="P6991" s="5" t="s">
        <v>39</v>
      </c>
      <c r="Q6991" s="5" t="s">
        <v>40</v>
      </c>
      <c r="R6991" s="5" t="s">
        <v>1522</v>
      </c>
      <c r="S6991" s="5" t="s">
        <v>1523</v>
      </c>
      <c r="T6991" s="5" t="s">
        <v>42</v>
      </c>
      <c r="U6991" s="2">
        <v>2.7469999999999999</v>
      </c>
      <c r="V6991" s="2">
        <v>2.21</v>
      </c>
      <c r="W6991" s="2">
        <v>1.2999999999999999E-2</v>
      </c>
      <c r="X6991" s="2">
        <v>99.1</v>
      </c>
      <c r="Y6991" s="2">
        <v>7.6</v>
      </c>
      <c r="Z6991" s="2">
        <v>16.7</v>
      </c>
      <c r="AA6991" s="5"/>
      <c r="AB6991" s="5" t="s">
        <v>43</v>
      </c>
      <c r="AC6991" s="5" t="s">
        <v>44</v>
      </c>
      <c r="AD6991" s="2"/>
      <c r="AE6991" s="1"/>
    </row>
    <row r="6992" spans="1:31" ht="14.45">
      <c r="A6992" s="11"/>
      <c r="B6992" s="20"/>
      <c r="C6992" s="2" t="s">
        <v>21448</v>
      </c>
      <c r="D6992" s="14" t="s">
        <v>21449</v>
      </c>
      <c r="E6992" s="2" t="s">
        <v>21450</v>
      </c>
      <c r="F6992" s="2" t="s">
        <v>16219</v>
      </c>
      <c r="G6992" s="8">
        <v>263</v>
      </c>
      <c r="H6992" s="5">
        <v>6</v>
      </c>
      <c r="I6992" s="5" t="s">
        <v>1518</v>
      </c>
      <c r="J6992" s="5" t="s">
        <v>1519</v>
      </c>
      <c r="K6992" s="2" t="s">
        <v>1520</v>
      </c>
      <c r="L6992" s="5" t="s">
        <v>1519</v>
      </c>
      <c r="M6992" s="2" t="s">
        <v>1520</v>
      </c>
      <c r="N6992" s="5" t="s">
        <v>1521</v>
      </c>
      <c r="O6992" s="5" t="s">
        <v>38</v>
      </c>
      <c r="P6992" s="5" t="s">
        <v>39</v>
      </c>
      <c r="Q6992" s="5" t="s">
        <v>40</v>
      </c>
      <c r="R6992" s="5" t="s">
        <v>1522</v>
      </c>
      <c r="S6992" s="5" t="s">
        <v>1523</v>
      </c>
      <c r="T6992" s="5" t="s">
        <v>42</v>
      </c>
      <c r="U6992" s="2">
        <v>2.8250000000000002</v>
      </c>
      <c r="V6992" s="2">
        <v>2.2879999999999998</v>
      </c>
      <c r="W6992" s="2">
        <v>1.2999999999999999E-2</v>
      </c>
      <c r="X6992" s="2">
        <v>99.1</v>
      </c>
      <c r="Y6992" s="2">
        <v>7.6</v>
      </c>
      <c r="Z6992" s="2">
        <v>16.7</v>
      </c>
      <c r="AA6992" s="5"/>
      <c r="AB6992" s="5" t="s">
        <v>43</v>
      </c>
      <c r="AC6992" s="5" t="s">
        <v>44</v>
      </c>
      <c r="AD6992" s="2"/>
      <c r="AE6992" s="1"/>
    </row>
    <row r="6993" spans="1:31" ht="14.45">
      <c r="A6993" s="11"/>
      <c r="B6993" s="20"/>
      <c r="C6993" s="2" t="s">
        <v>21451</v>
      </c>
      <c r="D6993" s="14" t="s">
        <v>21452</v>
      </c>
      <c r="E6993" s="2" t="s">
        <v>21453</v>
      </c>
      <c r="F6993" s="2" t="s">
        <v>16018</v>
      </c>
      <c r="G6993" s="8">
        <v>263</v>
      </c>
      <c r="H6993" s="5">
        <v>6</v>
      </c>
      <c r="I6993" s="5" t="s">
        <v>1518</v>
      </c>
      <c r="J6993" s="5" t="s">
        <v>1519</v>
      </c>
      <c r="K6993" s="2" t="s">
        <v>1520</v>
      </c>
      <c r="L6993" s="5" t="s">
        <v>1519</v>
      </c>
      <c r="M6993" s="2" t="s">
        <v>1520</v>
      </c>
      <c r="N6993" s="5" t="s">
        <v>1521</v>
      </c>
      <c r="O6993" s="5" t="s">
        <v>38</v>
      </c>
      <c r="P6993" s="5" t="s">
        <v>39</v>
      </c>
      <c r="Q6993" s="5" t="s">
        <v>40</v>
      </c>
      <c r="R6993" s="5" t="s">
        <v>1522</v>
      </c>
      <c r="S6993" s="5" t="s">
        <v>1523</v>
      </c>
      <c r="T6993" s="5" t="s">
        <v>42</v>
      </c>
      <c r="U6993" s="2">
        <v>2.7469999999999999</v>
      </c>
      <c r="V6993" s="2">
        <v>2.21</v>
      </c>
      <c r="W6993" s="2">
        <v>1.2999999999999999E-2</v>
      </c>
      <c r="X6993" s="2">
        <v>99.1</v>
      </c>
      <c r="Y6993" s="2">
        <v>7.6</v>
      </c>
      <c r="Z6993" s="2">
        <v>16.7</v>
      </c>
      <c r="AA6993" s="5"/>
      <c r="AB6993" s="5" t="s">
        <v>43</v>
      </c>
      <c r="AC6993" s="5" t="s">
        <v>44</v>
      </c>
      <c r="AD6993" s="2"/>
      <c r="AE6993" s="1"/>
    </row>
    <row r="6994" spans="1:31" ht="14.45">
      <c r="A6994" s="11"/>
      <c r="B6994" s="20"/>
      <c r="C6994" s="2" t="s">
        <v>21454</v>
      </c>
      <c r="D6994" s="14" t="s">
        <v>21455</v>
      </c>
      <c r="E6994" s="2" t="s">
        <v>21456</v>
      </c>
      <c r="F6994" s="2" t="s">
        <v>16022</v>
      </c>
      <c r="G6994" s="8">
        <v>263</v>
      </c>
      <c r="H6994" s="5">
        <v>6</v>
      </c>
      <c r="I6994" s="5" t="s">
        <v>1518</v>
      </c>
      <c r="J6994" s="5" t="s">
        <v>1519</v>
      </c>
      <c r="K6994" s="2" t="s">
        <v>1520</v>
      </c>
      <c r="L6994" s="5" t="s">
        <v>1519</v>
      </c>
      <c r="M6994" s="2" t="s">
        <v>1520</v>
      </c>
      <c r="N6994" s="5" t="s">
        <v>1521</v>
      </c>
      <c r="O6994" s="5" t="s">
        <v>38</v>
      </c>
      <c r="P6994" s="5" t="s">
        <v>39</v>
      </c>
      <c r="Q6994" s="5" t="s">
        <v>40</v>
      </c>
      <c r="R6994" s="5" t="s">
        <v>1522</v>
      </c>
      <c r="S6994" s="5" t="s">
        <v>1523</v>
      </c>
      <c r="T6994" s="5" t="s">
        <v>42</v>
      </c>
      <c r="U6994" s="2">
        <v>2.8250000000000002</v>
      </c>
      <c r="V6994" s="2">
        <v>2.2879999999999998</v>
      </c>
      <c r="W6994" s="2">
        <v>1.2999999999999999E-2</v>
      </c>
      <c r="X6994" s="2">
        <v>99.1</v>
      </c>
      <c r="Y6994" s="2">
        <v>7.6</v>
      </c>
      <c r="Z6994" s="2">
        <v>16.7</v>
      </c>
      <c r="AA6994" s="5"/>
      <c r="AB6994" s="5" t="s">
        <v>43</v>
      </c>
      <c r="AC6994" s="5" t="s">
        <v>44</v>
      </c>
      <c r="AD6994" s="2"/>
      <c r="AE6994" s="1"/>
    </row>
    <row r="6995" spans="1:31" ht="14.45">
      <c r="A6995" s="11"/>
      <c r="B6995" s="20"/>
      <c r="C6995" s="2" t="s">
        <v>21457</v>
      </c>
      <c r="D6995" s="14" t="s">
        <v>21458</v>
      </c>
      <c r="E6995" s="2" t="s">
        <v>21459</v>
      </c>
      <c r="F6995" s="2" t="s">
        <v>7615</v>
      </c>
      <c r="G6995" s="8">
        <v>263</v>
      </c>
      <c r="H6995" s="5">
        <v>6</v>
      </c>
      <c r="I6995" s="5" t="s">
        <v>1518</v>
      </c>
      <c r="J6995" s="5" t="s">
        <v>1519</v>
      </c>
      <c r="K6995" s="2" t="s">
        <v>1520</v>
      </c>
      <c r="L6995" s="5" t="s">
        <v>1519</v>
      </c>
      <c r="M6995" s="2" t="s">
        <v>1520</v>
      </c>
      <c r="N6995" s="5" t="s">
        <v>1521</v>
      </c>
      <c r="O6995" s="5" t="s">
        <v>38</v>
      </c>
      <c r="P6995" s="5" t="s">
        <v>39</v>
      </c>
      <c r="Q6995" s="5" t="s">
        <v>40</v>
      </c>
      <c r="R6995" s="5" t="s">
        <v>1522</v>
      </c>
      <c r="S6995" s="5" t="s">
        <v>1523</v>
      </c>
      <c r="T6995" s="5" t="s">
        <v>42</v>
      </c>
      <c r="U6995" s="2">
        <v>2.7280000000000002</v>
      </c>
      <c r="V6995" s="2">
        <v>2.1909999999999998</v>
      </c>
      <c r="W6995" s="2">
        <v>1.2999999999999999E-2</v>
      </c>
      <c r="X6995" s="2">
        <v>99.1</v>
      </c>
      <c r="Y6995" s="2">
        <v>7.6</v>
      </c>
      <c r="Z6995" s="2">
        <v>16.7</v>
      </c>
      <c r="AA6995" s="5"/>
      <c r="AB6995" s="5" t="s">
        <v>43</v>
      </c>
      <c r="AC6995" s="5" t="s">
        <v>44</v>
      </c>
      <c r="AD6995" s="2"/>
      <c r="AE6995" s="1"/>
    </row>
    <row r="6996" spans="1:31" ht="14.45">
      <c r="A6996" s="11"/>
      <c r="B6996" s="20"/>
      <c r="C6996" s="2" t="s">
        <v>21460</v>
      </c>
      <c r="D6996" s="14" t="s">
        <v>21461</v>
      </c>
      <c r="E6996" s="2" t="s">
        <v>21462</v>
      </c>
      <c r="F6996" s="2" t="s">
        <v>7619</v>
      </c>
      <c r="G6996" s="8">
        <v>263</v>
      </c>
      <c r="H6996" s="5">
        <v>6</v>
      </c>
      <c r="I6996" s="5" t="s">
        <v>1518</v>
      </c>
      <c r="J6996" s="5" t="s">
        <v>1519</v>
      </c>
      <c r="K6996" s="2" t="s">
        <v>1520</v>
      </c>
      <c r="L6996" s="5" t="s">
        <v>1519</v>
      </c>
      <c r="M6996" s="2" t="s">
        <v>1520</v>
      </c>
      <c r="N6996" s="5" t="s">
        <v>1521</v>
      </c>
      <c r="O6996" s="5" t="s">
        <v>38</v>
      </c>
      <c r="P6996" s="5" t="s">
        <v>39</v>
      </c>
      <c r="Q6996" s="5" t="s">
        <v>40</v>
      </c>
      <c r="R6996" s="5" t="s">
        <v>1522</v>
      </c>
      <c r="S6996" s="5" t="s">
        <v>1523</v>
      </c>
      <c r="T6996" s="5" t="s">
        <v>42</v>
      </c>
      <c r="U6996" s="2">
        <v>2.806</v>
      </c>
      <c r="V6996" s="2">
        <v>2.2690000000000001</v>
      </c>
      <c r="W6996" s="2">
        <v>1.2999999999999999E-2</v>
      </c>
      <c r="X6996" s="2">
        <v>99.1</v>
      </c>
      <c r="Y6996" s="2">
        <v>7.6</v>
      </c>
      <c r="Z6996" s="2">
        <v>16.7</v>
      </c>
      <c r="AA6996" s="5"/>
      <c r="AB6996" s="5" t="s">
        <v>43</v>
      </c>
      <c r="AC6996" s="5" t="s">
        <v>44</v>
      </c>
      <c r="AD6996" s="2"/>
      <c r="AE6996" s="1"/>
    </row>
    <row r="6997" spans="1:31" ht="14.45">
      <c r="A6997" s="11"/>
      <c r="B6997" s="20"/>
      <c r="C6997" s="2" t="s">
        <v>21463</v>
      </c>
      <c r="D6997" s="14" t="s">
        <v>21464</v>
      </c>
      <c r="E6997" s="2" t="s">
        <v>21465</v>
      </c>
      <c r="F6997" s="2" t="s">
        <v>16029</v>
      </c>
      <c r="G6997" s="8">
        <v>263</v>
      </c>
      <c r="H6997" s="5">
        <v>11</v>
      </c>
      <c r="I6997" s="5" t="s">
        <v>1518</v>
      </c>
      <c r="J6997" s="5" t="s">
        <v>1519</v>
      </c>
      <c r="K6997" s="2" t="s">
        <v>1520</v>
      </c>
      <c r="L6997" s="5" t="s">
        <v>1519</v>
      </c>
      <c r="M6997" s="2" t="s">
        <v>1520</v>
      </c>
      <c r="N6997" s="5" t="s">
        <v>1521</v>
      </c>
      <c r="O6997" s="5" t="s">
        <v>38</v>
      </c>
      <c r="P6997" s="5" t="s">
        <v>39</v>
      </c>
      <c r="Q6997" s="5" t="s">
        <v>40</v>
      </c>
      <c r="R6997" s="5" t="s">
        <v>1522</v>
      </c>
      <c r="S6997" s="5" t="s">
        <v>1523</v>
      </c>
      <c r="T6997" s="5" t="s">
        <v>42</v>
      </c>
      <c r="U6997" s="2">
        <v>2.7509999999999999</v>
      </c>
      <c r="V6997" s="2">
        <v>2.214</v>
      </c>
      <c r="W6997" s="2">
        <v>1.2999999999999999E-2</v>
      </c>
      <c r="X6997" s="2">
        <v>99.1</v>
      </c>
      <c r="Y6997" s="2">
        <v>7.6</v>
      </c>
      <c r="Z6997" s="2">
        <v>16.7</v>
      </c>
      <c r="AA6997" s="5"/>
      <c r="AB6997" s="5" t="s">
        <v>43</v>
      </c>
      <c r="AC6997" s="5" t="s">
        <v>44</v>
      </c>
      <c r="AD6997" s="2"/>
      <c r="AE6997" s="1"/>
    </row>
    <row r="6998" spans="1:31" ht="14.45">
      <c r="A6998" s="11"/>
      <c r="B6998" s="20"/>
      <c r="C6998" s="2" t="s">
        <v>21466</v>
      </c>
      <c r="D6998" s="14" t="s">
        <v>21467</v>
      </c>
      <c r="E6998" s="2" t="s">
        <v>21468</v>
      </c>
      <c r="F6998" s="2" t="s">
        <v>16033</v>
      </c>
      <c r="G6998" s="8">
        <v>263</v>
      </c>
      <c r="H6998" s="5">
        <v>11</v>
      </c>
      <c r="I6998" s="5" t="s">
        <v>1518</v>
      </c>
      <c r="J6998" s="5" t="s">
        <v>1519</v>
      </c>
      <c r="K6998" s="2" t="s">
        <v>1520</v>
      </c>
      <c r="L6998" s="5" t="s">
        <v>1519</v>
      </c>
      <c r="M6998" s="2" t="s">
        <v>1520</v>
      </c>
      <c r="N6998" s="5" t="s">
        <v>1521</v>
      </c>
      <c r="O6998" s="5" t="s">
        <v>38</v>
      </c>
      <c r="P6998" s="5" t="s">
        <v>39</v>
      </c>
      <c r="Q6998" s="5" t="s">
        <v>40</v>
      </c>
      <c r="R6998" s="5" t="s">
        <v>1522</v>
      </c>
      <c r="S6998" s="5" t="s">
        <v>1523</v>
      </c>
      <c r="T6998" s="5" t="s">
        <v>42</v>
      </c>
      <c r="U6998" s="2">
        <v>2.8290000000000002</v>
      </c>
      <c r="V6998" s="2">
        <v>2.2919999999999998</v>
      </c>
      <c r="W6998" s="2">
        <v>1.2999999999999999E-2</v>
      </c>
      <c r="X6998" s="2">
        <v>99.1</v>
      </c>
      <c r="Y6998" s="2">
        <v>7.6</v>
      </c>
      <c r="Z6998" s="2">
        <v>16.7</v>
      </c>
      <c r="AA6998" s="5"/>
      <c r="AB6998" s="5" t="s">
        <v>43</v>
      </c>
      <c r="AC6998" s="5" t="s">
        <v>44</v>
      </c>
      <c r="AD6998" s="2"/>
      <c r="AE6998" s="1"/>
    </row>
    <row r="6999" spans="1:31" ht="14.45">
      <c r="A6999" s="11"/>
      <c r="B6999" s="20"/>
      <c r="C6999" s="2" t="s">
        <v>21469</v>
      </c>
      <c r="D6999" s="14" t="s">
        <v>21470</v>
      </c>
      <c r="E6999" s="2" t="s">
        <v>21471</v>
      </c>
      <c r="F6999" s="2" t="s">
        <v>7396</v>
      </c>
      <c r="G6999" s="8">
        <v>249</v>
      </c>
      <c r="H6999" s="5">
        <v>6</v>
      </c>
      <c r="I6999" s="5" t="s">
        <v>1518</v>
      </c>
      <c r="J6999" s="5" t="s">
        <v>1519</v>
      </c>
      <c r="K6999" s="2" t="s">
        <v>1520</v>
      </c>
      <c r="L6999" s="5" t="s">
        <v>1519</v>
      </c>
      <c r="M6999" s="2" t="s">
        <v>1520</v>
      </c>
      <c r="N6999" s="5" t="s">
        <v>1521</v>
      </c>
      <c r="O6999" s="5" t="s">
        <v>38</v>
      </c>
      <c r="P6999" s="5" t="s">
        <v>39</v>
      </c>
      <c r="Q6999" s="5" t="s">
        <v>40</v>
      </c>
      <c r="R6999" s="5" t="s">
        <v>1522</v>
      </c>
      <c r="S6999" s="5" t="s">
        <v>1523</v>
      </c>
      <c r="T6999" s="5" t="s">
        <v>42</v>
      </c>
      <c r="U6999" s="2">
        <v>2.91</v>
      </c>
      <c r="V6999" s="2">
        <v>2.3730000000000002</v>
      </c>
      <c r="W6999" s="2">
        <v>1.4999999999999999E-2</v>
      </c>
      <c r="X6999" s="2">
        <v>118.9</v>
      </c>
      <c r="Y6999" s="2">
        <v>7.6</v>
      </c>
      <c r="Z6999" s="2">
        <v>16.7</v>
      </c>
      <c r="AA6999" s="5"/>
      <c r="AB6999" s="5" t="s">
        <v>43</v>
      </c>
      <c r="AC6999" s="5" t="s">
        <v>44</v>
      </c>
      <c r="AD6999" s="2"/>
      <c r="AE6999" s="1"/>
    </row>
    <row r="7000" spans="1:31" ht="14.45">
      <c r="A7000" s="11"/>
      <c r="B7000" s="20"/>
      <c r="C7000" s="2" t="s">
        <v>21472</v>
      </c>
      <c r="D7000" s="14" t="s">
        <v>21473</v>
      </c>
      <c r="E7000" s="2" t="s">
        <v>21474</v>
      </c>
      <c r="F7000" s="2" t="s">
        <v>7507</v>
      </c>
      <c r="G7000" s="8">
        <v>249</v>
      </c>
      <c r="H7000" s="5">
        <v>6</v>
      </c>
      <c r="I7000" s="5" t="s">
        <v>1518</v>
      </c>
      <c r="J7000" s="5" t="s">
        <v>1519</v>
      </c>
      <c r="K7000" s="2" t="s">
        <v>1520</v>
      </c>
      <c r="L7000" s="5" t="s">
        <v>1519</v>
      </c>
      <c r="M7000" s="2" t="s">
        <v>1520</v>
      </c>
      <c r="N7000" s="5" t="s">
        <v>1521</v>
      </c>
      <c r="O7000" s="5" t="s">
        <v>38</v>
      </c>
      <c r="P7000" s="5" t="s">
        <v>39</v>
      </c>
      <c r="Q7000" s="5" t="s">
        <v>40</v>
      </c>
      <c r="R7000" s="5" t="s">
        <v>1522</v>
      </c>
      <c r="S7000" s="5" t="s">
        <v>1523</v>
      </c>
      <c r="T7000" s="5" t="s">
        <v>42</v>
      </c>
      <c r="U7000" s="2">
        <v>3.0019999999999998</v>
      </c>
      <c r="V7000" s="2">
        <v>2.4649999999999999</v>
      </c>
      <c r="W7000" s="2">
        <v>1.4999999999999999E-2</v>
      </c>
      <c r="X7000" s="2">
        <v>118.9</v>
      </c>
      <c r="Y7000" s="2">
        <v>7.6</v>
      </c>
      <c r="Z7000" s="2">
        <v>16.7</v>
      </c>
      <c r="AA7000" s="5"/>
      <c r="AB7000" s="5" t="s">
        <v>43</v>
      </c>
      <c r="AC7000" s="5" t="s">
        <v>44</v>
      </c>
      <c r="AD7000" s="2"/>
      <c r="AE7000" s="1"/>
    </row>
    <row r="7001" spans="1:31" ht="14.45">
      <c r="A7001" s="11"/>
      <c r="B7001" s="20"/>
      <c r="C7001" s="2" t="s">
        <v>21475</v>
      </c>
      <c r="D7001" s="14" t="s">
        <v>21476</v>
      </c>
      <c r="E7001" s="2" t="s">
        <v>21477</v>
      </c>
      <c r="F7001" s="2" t="s">
        <v>7204</v>
      </c>
      <c r="G7001" s="8">
        <v>249</v>
      </c>
      <c r="H7001" s="5">
        <v>6</v>
      </c>
      <c r="I7001" s="5" t="s">
        <v>1518</v>
      </c>
      <c r="J7001" s="5" t="s">
        <v>1519</v>
      </c>
      <c r="K7001" s="2" t="s">
        <v>1520</v>
      </c>
      <c r="L7001" s="5" t="s">
        <v>1519</v>
      </c>
      <c r="M7001" s="2" t="s">
        <v>1520</v>
      </c>
      <c r="N7001" s="5" t="s">
        <v>1521</v>
      </c>
      <c r="O7001" s="5" t="s">
        <v>38</v>
      </c>
      <c r="P7001" s="5" t="s">
        <v>39</v>
      </c>
      <c r="Q7001" s="5" t="s">
        <v>40</v>
      </c>
      <c r="R7001" s="5" t="s">
        <v>1522</v>
      </c>
      <c r="S7001" s="5" t="s">
        <v>1523</v>
      </c>
      <c r="T7001" s="5" t="s">
        <v>42</v>
      </c>
      <c r="U7001" s="2">
        <v>2.9169999999999998</v>
      </c>
      <c r="V7001" s="2">
        <v>2.38</v>
      </c>
      <c r="W7001" s="2">
        <v>1.4999999999999999E-2</v>
      </c>
      <c r="X7001" s="2">
        <v>118.9</v>
      </c>
      <c r="Y7001" s="2">
        <v>7.6</v>
      </c>
      <c r="Z7001" s="2">
        <v>16.7</v>
      </c>
      <c r="AA7001" s="5"/>
      <c r="AB7001" s="5" t="s">
        <v>43</v>
      </c>
      <c r="AC7001" s="5" t="s">
        <v>44</v>
      </c>
      <c r="AD7001" s="2"/>
      <c r="AE7001" s="1"/>
    </row>
    <row r="7002" spans="1:31" ht="14.45">
      <c r="A7002" s="11"/>
      <c r="B7002" s="20"/>
      <c r="C7002" s="2" t="s">
        <v>21478</v>
      </c>
      <c r="D7002" s="14" t="s">
        <v>21479</v>
      </c>
      <c r="E7002" s="2" t="s">
        <v>21480</v>
      </c>
      <c r="F7002" s="2" t="s">
        <v>7514</v>
      </c>
      <c r="G7002" s="8">
        <v>249</v>
      </c>
      <c r="H7002" s="5">
        <v>6</v>
      </c>
      <c r="I7002" s="5" t="s">
        <v>1518</v>
      </c>
      <c r="J7002" s="5" t="s">
        <v>1519</v>
      </c>
      <c r="K7002" s="2" t="s">
        <v>1520</v>
      </c>
      <c r="L7002" s="5" t="s">
        <v>1519</v>
      </c>
      <c r="M7002" s="2" t="s">
        <v>1520</v>
      </c>
      <c r="N7002" s="5" t="s">
        <v>1521</v>
      </c>
      <c r="O7002" s="5" t="s">
        <v>38</v>
      </c>
      <c r="P7002" s="5" t="s">
        <v>39</v>
      </c>
      <c r="Q7002" s="5" t="s">
        <v>40</v>
      </c>
      <c r="R7002" s="5" t="s">
        <v>1522</v>
      </c>
      <c r="S7002" s="5" t="s">
        <v>1523</v>
      </c>
      <c r="T7002" s="5" t="s">
        <v>42</v>
      </c>
      <c r="U7002" s="2">
        <v>3.0089999999999999</v>
      </c>
      <c r="V7002" s="2">
        <v>2.472</v>
      </c>
      <c r="W7002" s="2">
        <v>1.4999999999999999E-2</v>
      </c>
      <c r="X7002" s="2">
        <v>118.9</v>
      </c>
      <c r="Y7002" s="2">
        <v>7.6</v>
      </c>
      <c r="Z7002" s="2">
        <v>16.7</v>
      </c>
      <c r="AA7002" s="5"/>
      <c r="AB7002" s="5" t="s">
        <v>43</v>
      </c>
      <c r="AC7002" s="5" t="s">
        <v>44</v>
      </c>
      <c r="AD7002" s="2"/>
      <c r="AE7002" s="1"/>
    </row>
    <row r="7003" spans="1:31" ht="14.45">
      <c r="A7003" s="11"/>
      <c r="B7003" s="20"/>
      <c r="C7003" s="2" t="s">
        <v>21481</v>
      </c>
      <c r="D7003" s="14" t="s">
        <v>21482</v>
      </c>
      <c r="E7003" s="2" t="s">
        <v>21483</v>
      </c>
      <c r="F7003" s="2" t="s">
        <v>7208</v>
      </c>
      <c r="G7003" s="8">
        <v>249</v>
      </c>
      <c r="H7003" s="5">
        <v>6</v>
      </c>
      <c r="I7003" s="5" t="s">
        <v>1518</v>
      </c>
      <c r="J7003" s="5" t="s">
        <v>1519</v>
      </c>
      <c r="K7003" s="2" t="s">
        <v>1520</v>
      </c>
      <c r="L7003" s="5" t="s">
        <v>1519</v>
      </c>
      <c r="M7003" s="2" t="s">
        <v>1520</v>
      </c>
      <c r="N7003" s="5" t="s">
        <v>1521</v>
      </c>
      <c r="O7003" s="5" t="s">
        <v>38</v>
      </c>
      <c r="P7003" s="5" t="s">
        <v>39</v>
      </c>
      <c r="Q7003" s="5" t="s">
        <v>40</v>
      </c>
      <c r="R7003" s="5" t="s">
        <v>1522</v>
      </c>
      <c r="S7003" s="5" t="s">
        <v>1523</v>
      </c>
      <c r="T7003" s="5" t="s">
        <v>42</v>
      </c>
      <c r="U7003" s="2">
        <v>2.9169999999999998</v>
      </c>
      <c r="V7003" s="2">
        <v>2.38</v>
      </c>
      <c r="W7003" s="2">
        <v>1.4999999999999999E-2</v>
      </c>
      <c r="X7003" s="2">
        <v>118.9</v>
      </c>
      <c r="Y7003" s="2">
        <v>7.6</v>
      </c>
      <c r="Z7003" s="2">
        <v>16.7</v>
      </c>
      <c r="AA7003" s="5"/>
      <c r="AB7003" s="5" t="s">
        <v>43</v>
      </c>
      <c r="AC7003" s="5" t="s">
        <v>44</v>
      </c>
      <c r="AD7003" s="2"/>
      <c r="AE7003" s="1"/>
    </row>
    <row r="7004" spans="1:31" ht="14.45">
      <c r="A7004" s="11"/>
      <c r="B7004" s="20"/>
      <c r="C7004" s="2" t="s">
        <v>21484</v>
      </c>
      <c r="D7004" s="14" t="s">
        <v>21485</v>
      </c>
      <c r="E7004" s="2" t="s">
        <v>21486</v>
      </c>
      <c r="F7004" s="2" t="s">
        <v>7521</v>
      </c>
      <c r="G7004" s="8">
        <v>249</v>
      </c>
      <c r="H7004" s="5">
        <v>6</v>
      </c>
      <c r="I7004" s="5" t="s">
        <v>1518</v>
      </c>
      <c r="J7004" s="5" t="s">
        <v>1519</v>
      </c>
      <c r="K7004" s="2" t="s">
        <v>1520</v>
      </c>
      <c r="L7004" s="5" t="s">
        <v>1519</v>
      </c>
      <c r="M7004" s="2" t="s">
        <v>1520</v>
      </c>
      <c r="N7004" s="5" t="s">
        <v>1521</v>
      </c>
      <c r="O7004" s="5" t="s">
        <v>38</v>
      </c>
      <c r="P7004" s="5" t="s">
        <v>39</v>
      </c>
      <c r="Q7004" s="5" t="s">
        <v>40</v>
      </c>
      <c r="R7004" s="5" t="s">
        <v>1522</v>
      </c>
      <c r="S7004" s="5" t="s">
        <v>1523</v>
      </c>
      <c r="T7004" s="5" t="s">
        <v>42</v>
      </c>
      <c r="U7004" s="2">
        <v>3.0089999999999999</v>
      </c>
      <c r="V7004" s="2">
        <v>2.472</v>
      </c>
      <c r="W7004" s="2">
        <v>1.4999999999999999E-2</v>
      </c>
      <c r="X7004" s="2">
        <v>118.9</v>
      </c>
      <c r="Y7004" s="2">
        <v>7.6</v>
      </c>
      <c r="Z7004" s="2">
        <v>16.7</v>
      </c>
      <c r="AA7004" s="5"/>
      <c r="AB7004" s="5" t="s">
        <v>43</v>
      </c>
      <c r="AC7004" s="5" t="s">
        <v>44</v>
      </c>
      <c r="AD7004" s="2"/>
      <c r="AE7004" s="1"/>
    </row>
    <row r="7005" spans="1:31" ht="14.45">
      <c r="A7005" s="11"/>
      <c r="B7005" s="20"/>
      <c r="C7005" s="2" t="s">
        <v>21487</v>
      </c>
      <c r="D7005" s="14" t="s">
        <v>21488</v>
      </c>
      <c r="E7005" s="2" t="s">
        <v>21489</v>
      </c>
      <c r="F7005" s="2" t="s">
        <v>7212</v>
      </c>
      <c r="G7005" s="8">
        <v>249</v>
      </c>
      <c r="H7005" s="5">
        <v>6</v>
      </c>
      <c r="I7005" s="5" t="s">
        <v>1518</v>
      </c>
      <c r="J7005" s="5" t="s">
        <v>1519</v>
      </c>
      <c r="K7005" s="2" t="s">
        <v>1520</v>
      </c>
      <c r="L7005" s="5" t="s">
        <v>1519</v>
      </c>
      <c r="M7005" s="2" t="s">
        <v>1520</v>
      </c>
      <c r="N7005" s="5" t="s">
        <v>1521</v>
      </c>
      <c r="O7005" s="5" t="s">
        <v>38</v>
      </c>
      <c r="P7005" s="5" t="s">
        <v>39</v>
      </c>
      <c r="Q7005" s="5" t="s">
        <v>40</v>
      </c>
      <c r="R7005" s="5" t="s">
        <v>1522</v>
      </c>
      <c r="S7005" s="5" t="s">
        <v>1523</v>
      </c>
      <c r="T7005" s="5" t="s">
        <v>42</v>
      </c>
      <c r="U7005" s="2">
        <v>2.895</v>
      </c>
      <c r="V7005" s="2">
        <v>2.3580000000000001</v>
      </c>
      <c r="W7005" s="2">
        <v>1.4999999999999999E-2</v>
      </c>
      <c r="X7005" s="2">
        <v>118.9</v>
      </c>
      <c r="Y7005" s="2">
        <v>7.6</v>
      </c>
      <c r="Z7005" s="2">
        <v>16.7</v>
      </c>
      <c r="AA7005" s="5"/>
      <c r="AB7005" s="5" t="s">
        <v>43</v>
      </c>
      <c r="AC7005" s="5" t="s">
        <v>44</v>
      </c>
      <c r="AD7005" s="2"/>
      <c r="AE7005" s="1"/>
    </row>
    <row r="7006" spans="1:31" ht="14.45">
      <c r="A7006" s="11"/>
      <c r="B7006" s="20"/>
      <c r="C7006" s="2" t="s">
        <v>21490</v>
      </c>
      <c r="D7006" s="14" t="s">
        <v>21491</v>
      </c>
      <c r="E7006" s="2" t="s">
        <v>21492</v>
      </c>
      <c r="F7006" s="2" t="s">
        <v>7528</v>
      </c>
      <c r="G7006" s="8">
        <v>249</v>
      </c>
      <c r="H7006" s="5">
        <v>6</v>
      </c>
      <c r="I7006" s="5" t="s">
        <v>1518</v>
      </c>
      <c r="J7006" s="5" t="s">
        <v>1519</v>
      </c>
      <c r="K7006" s="2" t="s">
        <v>1520</v>
      </c>
      <c r="L7006" s="5" t="s">
        <v>1519</v>
      </c>
      <c r="M7006" s="2" t="s">
        <v>1520</v>
      </c>
      <c r="N7006" s="5" t="s">
        <v>1521</v>
      </c>
      <c r="O7006" s="5" t="s">
        <v>38</v>
      </c>
      <c r="P7006" s="5" t="s">
        <v>39</v>
      </c>
      <c r="Q7006" s="5" t="s">
        <v>40</v>
      </c>
      <c r="R7006" s="5" t="s">
        <v>1522</v>
      </c>
      <c r="S7006" s="5" t="s">
        <v>1523</v>
      </c>
      <c r="T7006" s="5" t="s">
        <v>42</v>
      </c>
      <c r="U7006" s="2">
        <v>2.9870000000000001</v>
      </c>
      <c r="V7006" s="2">
        <v>2.4500000000000002</v>
      </c>
      <c r="W7006" s="2">
        <v>1.4999999999999999E-2</v>
      </c>
      <c r="X7006" s="2">
        <v>118.9</v>
      </c>
      <c r="Y7006" s="2">
        <v>7.6</v>
      </c>
      <c r="Z7006" s="2">
        <v>16.7</v>
      </c>
      <c r="AA7006" s="5"/>
      <c r="AB7006" s="5" t="s">
        <v>43</v>
      </c>
      <c r="AC7006" s="5" t="s">
        <v>44</v>
      </c>
      <c r="AD7006" s="2"/>
      <c r="AE7006" s="1"/>
    </row>
    <row r="7007" spans="1:31" ht="14.45">
      <c r="A7007" s="11"/>
      <c r="B7007" s="20"/>
      <c r="C7007" s="2" t="s">
        <v>21493</v>
      </c>
      <c r="D7007" s="14" t="s">
        <v>21494</v>
      </c>
      <c r="E7007" s="2" t="s">
        <v>21495</v>
      </c>
      <c r="F7007" s="2" t="s">
        <v>7406</v>
      </c>
      <c r="G7007" s="8">
        <v>267</v>
      </c>
      <c r="H7007" s="5">
        <v>6</v>
      </c>
      <c r="I7007" s="5" t="s">
        <v>1518</v>
      </c>
      <c r="J7007" s="5" t="s">
        <v>1519</v>
      </c>
      <c r="K7007" s="2" t="s">
        <v>1520</v>
      </c>
      <c r="L7007" s="5" t="s">
        <v>1519</v>
      </c>
      <c r="M7007" s="2" t="s">
        <v>1520</v>
      </c>
      <c r="N7007" s="5" t="s">
        <v>1521</v>
      </c>
      <c r="O7007" s="5" t="s">
        <v>38</v>
      </c>
      <c r="P7007" s="5" t="s">
        <v>39</v>
      </c>
      <c r="Q7007" s="5" t="s">
        <v>40</v>
      </c>
      <c r="R7007" s="5" t="s">
        <v>1522</v>
      </c>
      <c r="S7007" s="5" t="s">
        <v>1523</v>
      </c>
      <c r="T7007" s="5" t="s">
        <v>42</v>
      </c>
      <c r="U7007" s="2">
        <v>2.895</v>
      </c>
      <c r="V7007" s="2">
        <v>2.3580000000000001</v>
      </c>
      <c r="W7007" s="2">
        <v>1.4999999999999999E-2</v>
      </c>
      <c r="X7007" s="2">
        <v>118.9</v>
      </c>
      <c r="Y7007" s="2">
        <v>7.6</v>
      </c>
      <c r="Z7007" s="2">
        <v>16.7</v>
      </c>
      <c r="AA7007" s="5"/>
      <c r="AB7007" s="5" t="s">
        <v>43</v>
      </c>
      <c r="AC7007" s="5" t="s">
        <v>44</v>
      </c>
      <c r="AD7007" s="2"/>
      <c r="AE7007" s="1"/>
    </row>
    <row r="7008" spans="1:31" ht="14.45">
      <c r="A7008" s="11"/>
      <c r="B7008" s="20"/>
      <c r="C7008" s="2" t="s">
        <v>21496</v>
      </c>
      <c r="D7008" s="14" t="s">
        <v>21497</v>
      </c>
      <c r="E7008" s="2" t="s">
        <v>21498</v>
      </c>
      <c r="F7008" s="2" t="s">
        <v>7535</v>
      </c>
      <c r="G7008" s="8">
        <v>267</v>
      </c>
      <c r="H7008" s="5">
        <v>6</v>
      </c>
      <c r="I7008" s="5" t="s">
        <v>1518</v>
      </c>
      <c r="J7008" s="5" t="s">
        <v>1519</v>
      </c>
      <c r="K7008" s="2" t="s">
        <v>1520</v>
      </c>
      <c r="L7008" s="5" t="s">
        <v>1519</v>
      </c>
      <c r="M7008" s="2" t="s">
        <v>1520</v>
      </c>
      <c r="N7008" s="5" t="s">
        <v>1521</v>
      </c>
      <c r="O7008" s="5" t="s">
        <v>38</v>
      </c>
      <c r="P7008" s="5" t="s">
        <v>39</v>
      </c>
      <c r="Q7008" s="5" t="s">
        <v>40</v>
      </c>
      <c r="R7008" s="5" t="s">
        <v>1522</v>
      </c>
      <c r="S7008" s="5" t="s">
        <v>1523</v>
      </c>
      <c r="T7008" s="5" t="s">
        <v>42</v>
      </c>
      <c r="U7008" s="2">
        <v>2.9870000000000001</v>
      </c>
      <c r="V7008" s="2">
        <v>2.4500000000000002</v>
      </c>
      <c r="W7008" s="2">
        <v>1.4999999999999999E-2</v>
      </c>
      <c r="X7008" s="2">
        <v>118.9</v>
      </c>
      <c r="Y7008" s="2">
        <v>7.6</v>
      </c>
      <c r="Z7008" s="2">
        <v>16.7</v>
      </c>
      <c r="AA7008" s="5"/>
      <c r="AB7008" s="5" t="s">
        <v>43</v>
      </c>
      <c r="AC7008" s="5" t="s">
        <v>44</v>
      </c>
      <c r="AD7008" s="2"/>
      <c r="AE7008" s="1"/>
    </row>
    <row r="7009" spans="1:31" ht="14.45">
      <c r="A7009" s="11"/>
      <c r="B7009" s="20"/>
      <c r="C7009" s="2" t="s">
        <v>21499</v>
      </c>
      <c r="D7009" s="14" t="s">
        <v>21500</v>
      </c>
      <c r="E7009" s="2" t="s">
        <v>21501</v>
      </c>
      <c r="F7009" s="2" t="s">
        <v>7539</v>
      </c>
      <c r="G7009" s="8">
        <v>267</v>
      </c>
      <c r="H7009" s="5">
        <v>6</v>
      </c>
      <c r="I7009" s="5" t="s">
        <v>1518</v>
      </c>
      <c r="J7009" s="5" t="s">
        <v>1519</v>
      </c>
      <c r="K7009" s="2" t="s">
        <v>1520</v>
      </c>
      <c r="L7009" s="5" t="s">
        <v>1519</v>
      </c>
      <c r="M7009" s="2" t="s">
        <v>1520</v>
      </c>
      <c r="N7009" s="5" t="s">
        <v>1521</v>
      </c>
      <c r="O7009" s="5" t="s">
        <v>38</v>
      </c>
      <c r="P7009" s="5" t="s">
        <v>39</v>
      </c>
      <c r="Q7009" s="5" t="s">
        <v>40</v>
      </c>
      <c r="R7009" s="5" t="s">
        <v>1522</v>
      </c>
      <c r="S7009" s="5" t="s">
        <v>1523</v>
      </c>
      <c r="T7009" s="5" t="s">
        <v>42</v>
      </c>
      <c r="U7009" s="2">
        <v>2.9169999999999998</v>
      </c>
      <c r="V7009" s="2">
        <v>2.38</v>
      </c>
      <c r="W7009" s="2">
        <v>1.4999999999999999E-2</v>
      </c>
      <c r="X7009" s="2">
        <v>118.9</v>
      </c>
      <c r="Y7009" s="2">
        <v>7.6</v>
      </c>
      <c r="Z7009" s="2">
        <v>16.7</v>
      </c>
      <c r="AA7009" s="5"/>
      <c r="AB7009" s="5" t="s">
        <v>43</v>
      </c>
      <c r="AC7009" s="5" t="s">
        <v>44</v>
      </c>
      <c r="AD7009" s="2"/>
      <c r="AE7009" s="1"/>
    </row>
    <row r="7010" spans="1:31" ht="14.45">
      <c r="A7010" s="11"/>
      <c r="B7010" s="20"/>
      <c r="C7010" s="2" t="s">
        <v>21502</v>
      </c>
      <c r="D7010" s="14" t="s">
        <v>21503</v>
      </c>
      <c r="E7010" s="2" t="s">
        <v>21504</v>
      </c>
      <c r="F7010" s="2" t="s">
        <v>7543</v>
      </c>
      <c r="G7010" s="8">
        <v>267</v>
      </c>
      <c r="H7010" s="5">
        <v>6</v>
      </c>
      <c r="I7010" s="5" t="s">
        <v>1518</v>
      </c>
      <c r="J7010" s="5" t="s">
        <v>1519</v>
      </c>
      <c r="K7010" s="2" t="s">
        <v>1520</v>
      </c>
      <c r="L7010" s="5" t="s">
        <v>1519</v>
      </c>
      <c r="M7010" s="2" t="s">
        <v>1520</v>
      </c>
      <c r="N7010" s="5" t="s">
        <v>1521</v>
      </c>
      <c r="O7010" s="5" t="s">
        <v>38</v>
      </c>
      <c r="P7010" s="5" t="s">
        <v>39</v>
      </c>
      <c r="Q7010" s="5" t="s">
        <v>40</v>
      </c>
      <c r="R7010" s="5" t="s">
        <v>1522</v>
      </c>
      <c r="S7010" s="5" t="s">
        <v>1523</v>
      </c>
      <c r="T7010" s="5" t="s">
        <v>42</v>
      </c>
      <c r="U7010" s="2">
        <v>3.0089999999999999</v>
      </c>
      <c r="V7010" s="2">
        <v>2.472</v>
      </c>
      <c r="W7010" s="2">
        <v>1.4999999999999999E-2</v>
      </c>
      <c r="X7010" s="2">
        <v>118.9</v>
      </c>
      <c r="Y7010" s="2">
        <v>7.6</v>
      </c>
      <c r="Z7010" s="2">
        <v>16.7</v>
      </c>
      <c r="AA7010" s="5"/>
      <c r="AB7010" s="5" t="s">
        <v>43</v>
      </c>
      <c r="AC7010" s="5" t="s">
        <v>44</v>
      </c>
      <c r="AD7010" s="2"/>
      <c r="AE7010" s="1"/>
    </row>
    <row r="7011" spans="1:31" ht="14.45">
      <c r="A7011" s="11"/>
      <c r="B7011" s="20"/>
      <c r="C7011" s="2" t="s">
        <v>21505</v>
      </c>
      <c r="D7011" s="14" t="s">
        <v>21506</v>
      </c>
      <c r="E7011" s="2" t="s">
        <v>21507</v>
      </c>
      <c r="F7011" s="2" t="s">
        <v>7547</v>
      </c>
      <c r="G7011" s="8">
        <v>267</v>
      </c>
      <c r="H7011" s="5">
        <v>6</v>
      </c>
      <c r="I7011" s="5" t="s">
        <v>1518</v>
      </c>
      <c r="J7011" s="5" t="s">
        <v>1519</v>
      </c>
      <c r="K7011" s="2" t="s">
        <v>1520</v>
      </c>
      <c r="L7011" s="5" t="s">
        <v>1519</v>
      </c>
      <c r="M7011" s="2" t="s">
        <v>1520</v>
      </c>
      <c r="N7011" s="5" t="s">
        <v>1521</v>
      </c>
      <c r="O7011" s="5" t="s">
        <v>38</v>
      </c>
      <c r="P7011" s="5" t="s">
        <v>39</v>
      </c>
      <c r="Q7011" s="5" t="s">
        <v>40</v>
      </c>
      <c r="R7011" s="5" t="s">
        <v>1522</v>
      </c>
      <c r="S7011" s="5" t="s">
        <v>1523</v>
      </c>
      <c r="T7011" s="5" t="s">
        <v>42</v>
      </c>
      <c r="U7011" s="2">
        <v>2.895</v>
      </c>
      <c r="V7011" s="2">
        <v>2.3580000000000001</v>
      </c>
      <c r="W7011" s="2">
        <v>1.4999999999999999E-2</v>
      </c>
      <c r="X7011" s="2">
        <v>118.9</v>
      </c>
      <c r="Y7011" s="2">
        <v>7.6</v>
      </c>
      <c r="Z7011" s="2">
        <v>16.7</v>
      </c>
      <c r="AA7011" s="5"/>
      <c r="AB7011" s="5" t="s">
        <v>43</v>
      </c>
      <c r="AC7011" s="5" t="s">
        <v>44</v>
      </c>
      <c r="AD7011" s="2"/>
      <c r="AE7011" s="1"/>
    </row>
    <row r="7012" spans="1:31" ht="14.45">
      <c r="A7012" s="11"/>
      <c r="B7012" s="20"/>
      <c r="C7012" s="2" t="s">
        <v>21508</v>
      </c>
      <c r="D7012" s="14" t="s">
        <v>21509</v>
      </c>
      <c r="E7012" s="2" t="s">
        <v>21510</v>
      </c>
      <c r="F7012" s="2" t="s">
        <v>7551</v>
      </c>
      <c r="G7012" s="8">
        <v>267</v>
      </c>
      <c r="H7012" s="5">
        <v>6</v>
      </c>
      <c r="I7012" s="5" t="s">
        <v>1518</v>
      </c>
      <c r="J7012" s="5" t="s">
        <v>1519</v>
      </c>
      <c r="K7012" s="2" t="s">
        <v>1520</v>
      </c>
      <c r="L7012" s="5" t="s">
        <v>1519</v>
      </c>
      <c r="M7012" s="2" t="s">
        <v>1520</v>
      </c>
      <c r="N7012" s="5" t="s">
        <v>1521</v>
      </c>
      <c r="O7012" s="5" t="s">
        <v>38</v>
      </c>
      <c r="P7012" s="5" t="s">
        <v>39</v>
      </c>
      <c r="Q7012" s="5" t="s">
        <v>40</v>
      </c>
      <c r="R7012" s="5" t="s">
        <v>1522</v>
      </c>
      <c r="S7012" s="5" t="s">
        <v>1523</v>
      </c>
      <c r="T7012" s="5" t="s">
        <v>42</v>
      </c>
      <c r="U7012" s="2">
        <v>2.9870000000000001</v>
      </c>
      <c r="V7012" s="2">
        <v>2.4500000000000002</v>
      </c>
      <c r="W7012" s="2">
        <v>1.4999999999999999E-2</v>
      </c>
      <c r="X7012" s="2">
        <v>118.9</v>
      </c>
      <c r="Y7012" s="2">
        <v>7.6</v>
      </c>
      <c r="Z7012" s="2">
        <v>16.7</v>
      </c>
      <c r="AA7012" s="5"/>
      <c r="AB7012" s="5" t="s">
        <v>43</v>
      </c>
      <c r="AC7012" s="5" t="s">
        <v>44</v>
      </c>
      <c r="AD7012" s="2"/>
      <c r="AE7012" s="1"/>
    </row>
    <row r="7013" spans="1:31" ht="14.45">
      <c r="A7013" s="11"/>
      <c r="B7013" s="20"/>
      <c r="C7013" s="2" t="s">
        <v>21511</v>
      </c>
      <c r="D7013" s="14" t="s">
        <v>21512</v>
      </c>
      <c r="E7013" s="2" t="s">
        <v>21513</v>
      </c>
      <c r="F7013" s="2" t="s">
        <v>7555</v>
      </c>
      <c r="G7013" s="8">
        <v>267</v>
      </c>
      <c r="H7013" s="5">
        <v>6</v>
      </c>
      <c r="I7013" s="5" t="s">
        <v>1518</v>
      </c>
      <c r="J7013" s="5" t="s">
        <v>1519</v>
      </c>
      <c r="K7013" s="2" t="s">
        <v>1520</v>
      </c>
      <c r="L7013" s="5" t="s">
        <v>1519</v>
      </c>
      <c r="M7013" s="2" t="s">
        <v>1520</v>
      </c>
      <c r="N7013" s="5" t="s">
        <v>1521</v>
      </c>
      <c r="O7013" s="5" t="s">
        <v>38</v>
      </c>
      <c r="P7013" s="5" t="s">
        <v>39</v>
      </c>
      <c r="Q7013" s="5" t="s">
        <v>40</v>
      </c>
      <c r="R7013" s="5" t="s">
        <v>1522</v>
      </c>
      <c r="S7013" s="5" t="s">
        <v>1523</v>
      </c>
      <c r="T7013" s="5" t="s">
        <v>42</v>
      </c>
      <c r="U7013" s="2">
        <v>2.895</v>
      </c>
      <c r="V7013" s="2">
        <v>2.3580000000000001</v>
      </c>
      <c r="W7013" s="2">
        <v>1.4999999999999999E-2</v>
      </c>
      <c r="X7013" s="2">
        <v>118.9</v>
      </c>
      <c r="Y7013" s="2">
        <v>7.6</v>
      </c>
      <c r="Z7013" s="2">
        <v>16.7</v>
      </c>
      <c r="AA7013" s="5"/>
      <c r="AB7013" s="5" t="s">
        <v>43</v>
      </c>
      <c r="AC7013" s="5" t="s">
        <v>44</v>
      </c>
      <c r="AD7013" s="2"/>
      <c r="AE7013" s="1"/>
    </row>
    <row r="7014" spans="1:31" ht="14.45">
      <c r="A7014" s="11"/>
      <c r="B7014" s="20"/>
      <c r="C7014" s="2" t="s">
        <v>21514</v>
      </c>
      <c r="D7014" s="14" t="s">
        <v>21515</v>
      </c>
      <c r="E7014" s="2" t="s">
        <v>21516</v>
      </c>
      <c r="F7014" s="2" t="s">
        <v>7559</v>
      </c>
      <c r="G7014" s="8">
        <v>267</v>
      </c>
      <c r="H7014" s="5">
        <v>6</v>
      </c>
      <c r="I7014" s="5" t="s">
        <v>1518</v>
      </c>
      <c r="J7014" s="5" t="s">
        <v>1519</v>
      </c>
      <c r="K7014" s="2" t="s">
        <v>1520</v>
      </c>
      <c r="L7014" s="5" t="s">
        <v>1519</v>
      </c>
      <c r="M7014" s="2" t="s">
        <v>1520</v>
      </c>
      <c r="N7014" s="5" t="s">
        <v>1521</v>
      </c>
      <c r="O7014" s="5" t="s">
        <v>38</v>
      </c>
      <c r="P7014" s="5" t="s">
        <v>39</v>
      </c>
      <c r="Q7014" s="5" t="s">
        <v>40</v>
      </c>
      <c r="R7014" s="5" t="s">
        <v>1522</v>
      </c>
      <c r="S7014" s="5" t="s">
        <v>1523</v>
      </c>
      <c r="T7014" s="5" t="s">
        <v>42</v>
      </c>
      <c r="U7014" s="2">
        <v>2.9870000000000001</v>
      </c>
      <c r="V7014" s="2">
        <v>2.4500000000000002</v>
      </c>
      <c r="W7014" s="2">
        <v>1.4999999999999999E-2</v>
      </c>
      <c r="X7014" s="2">
        <v>118.9</v>
      </c>
      <c r="Y7014" s="2">
        <v>7.6</v>
      </c>
      <c r="Z7014" s="2">
        <v>16.7</v>
      </c>
      <c r="AA7014" s="5"/>
      <c r="AB7014" s="5" t="s">
        <v>43</v>
      </c>
      <c r="AC7014" s="5" t="s">
        <v>44</v>
      </c>
      <c r="AD7014" s="2"/>
      <c r="AE7014" s="1"/>
    </row>
    <row r="7015" spans="1:31" ht="14.45">
      <c r="A7015" s="11"/>
      <c r="B7015" s="20"/>
      <c r="C7015" s="2" t="s">
        <v>21517</v>
      </c>
      <c r="D7015" s="14" t="s">
        <v>21518</v>
      </c>
      <c r="E7015" s="2" t="s">
        <v>21519</v>
      </c>
      <c r="F7015" s="2" t="s">
        <v>7563</v>
      </c>
      <c r="G7015" s="8">
        <v>267</v>
      </c>
      <c r="H7015" s="5">
        <v>6</v>
      </c>
      <c r="I7015" s="5" t="s">
        <v>1518</v>
      </c>
      <c r="J7015" s="5" t="s">
        <v>1519</v>
      </c>
      <c r="K7015" s="2" t="s">
        <v>1520</v>
      </c>
      <c r="L7015" s="5" t="s">
        <v>1519</v>
      </c>
      <c r="M7015" s="2" t="s">
        <v>1520</v>
      </c>
      <c r="N7015" s="5" t="s">
        <v>1521</v>
      </c>
      <c r="O7015" s="5" t="s">
        <v>38</v>
      </c>
      <c r="P7015" s="5" t="s">
        <v>39</v>
      </c>
      <c r="Q7015" s="5" t="s">
        <v>40</v>
      </c>
      <c r="R7015" s="5" t="s">
        <v>1522</v>
      </c>
      <c r="S7015" s="5" t="s">
        <v>1523</v>
      </c>
      <c r="T7015" s="5" t="s">
        <v>42</v>
      </c>
      <c r="U7015" s="2">
        <v>2.9169999999999998</v>
      </c>
      <c r="V7015" s="2">
        <v>2.38</v>
      </c>
      <c r="W7015" s="2">
        <v>1.4999999999999999E-2</v>
      </c>
      <c r="X7015" s="2">
        <v>118.9</v>
      </c>
      <c r="Y7015" s="2">
        <v>7.6</v>
      </c>
      <c r="Z7015" s="2">
        <v>16.7</v>
      </c>
      <c r="AA7015" s="5"/>
      <c r="AB7015" s="5" t="s">
        <v>43</v>
      </c>
      <c r="AC7015" s="5" t="s">
        <v>44</v>
      </c>
      <c r="AD7015" s="2"/>
      <c r="AE7015" s="1"/>
    </row>
    <row r="7016" spans="1:31" ht="14.45">
      <c r="A7016" s="11"/>
      <c r="B7016" s="20"/>
      <c r="C7016" s="2" t="s">
        <v>21520</v>
      </c>
      <c r="D7016" s="14" t="s">
        <v>21521</v>
      </c>
      <c r="E7016" s="2" t="s">
        <v>21522</v>
      </c>
      <c r="F7016" s="2" t="s">
        <v>7567</v>
      </c>
      <c r="G7016" s="8">
        <v>267</v>
      </c>
      <c r="H7016" s="5">
        <v>6</v>
      </c>
      <c r="I7016" s="5" t="s">
        <v>1518</v>
      </c>
      <c r="J7016" s="5" t="s">
        <v>1519</v>
      </c>
      <c r="K7016" s="2" t="s">
        <v>1520</v>
      </c>
      <c r="L7016" s="5" t="s">
        <v>1519</v>
      </c>
      <c r="M7016" s="2" t="s">
        <v>1520</v>
      </c>
      <c r="N7016" s="5" t="s">
        <v>1521</v>
      </c>
      <c r="O7016" s="5" t="s">
        <v>38</v>
      </c>
      <c r="P7016" s="5" t="s">
        <v>39</v>
      </c>
      <c r="Q7016" s="5" t="s">
        <v>40</v>
      </c>
      <c r="R7016" s="5" t="s">
        <v>1522</v>
      </c>
      <c r="S7016" s="5" t="s">
        <v>1523</v>
      </c>
      <c r="T7016" s="5" t="s">
        <v>42</v>
      </c>
      <c r="U7016" s="2">
        <v>3.0089999999999999</v>
      </c>
      <c r="V7016" s="2">
        <v>2.472</v>
      </c>
      <c r="W7016" s="2">
        <v>1.4999999999999999E-2</v>
      </c>
      <c r="X7016" s="2">
        <v>118.9</v>
      </c>
      <c r="Y7016" s="2">
        <v>7.6</v>
      </c>
      <c r="Z7016" s="2">
        <v>16.7</v>
      </c>
      <c r="AA7016" s="5"/>
      <c r="AB7016" s="5" t="s">
        <v>43</v>
      </c>
      <c r="AC7016" s="5" t="s">
        <v>44</v>
      </c>
      <c r="AD7016" s="2"/>
      <c r="AE7016" s="1"/>
    </row>
    <row r="7017" spans="1:31" ht="14.45">
      <c r="A7017" s="11"/>
      <c r="B7017" s="20"/>
      <c r="C7017" s="2" t="s">
        <v>21523</v>
      </c>
      <c r="D7017" s="14" t="s">
        <v>21524</v>
      </c>
      <c r="E7017" s="2" t="s">
        <v>21525</v>
      </c>
      <c r="F7017" s="2" t="s">
        <v>16079</v>
      </c>
      <c r="G7017" s="8">
        <v>267</v>
      </c>
      <c r="H7017" s="5">
        <v>6</v>
      </c>
      <c r="I7017" s="5" t="s">
        <v>1518</v>
      </c>
      <c r="J7017" s="5" t="s">
        <v>1519</v>
      </c>
      <c r="K7017" s="2" t="s">
        <v>1520</v>
      </c>
      <c r="L7017" s="5" t="s">
        <v>1519</v>
      </c>
      <c r="M7017" s="2" t="s">
        <v>1520</v>
      </c>
      <c r="N7017" s="5" t="s">
        <v>1521</v>
      </c>
      <c r="O7017" s="5" t="s">
        <v>38</v>
      </c>
      <c r="P7017" s="5" t="s">
        <v>39</v>
      </c>
      <c r="Q7017" s="5" t="s">
        <v>40</v>
      </c>
      <c r="R7017" s="5" t="s">
        <v>1522</v>
      </c>
      <c r="S7017" s="5" t="s">
        <v>1523</v>
      </c>
      <c r="T7017" s="5" t="s">
        <v>42</v>
      </c>
      <c r="U7017" s="2">
        <v>2.9169999999999998</v>
      </c>
      <c r="V7017" s="2">
        <v>2.38</v>
      </c>
      <c r="W7017" s="2">
        <v>1.4999999999999999E-2</v>
      </c>
      <c r="X7017" s="2">
        <v>118.9</v>
      </c>
      <c r="Y7017" s="2">
        <v>7.6</v>
      </c>
      <c r="Z7017" s="2">
        <v>16.7</v>
      </c>
      <c r="AA7017" s="5"/>
      <c r="AB7017" s="5" t="s">
        <v>43</v>
      </c>
      <c r="AC7017" s="5" t="s">
        <v>44</v>
      </c>
      <c r="AD7017" s="2"/>
      <c r="AE7017" s="1"/>
    </row>
    <row r="7018" spans="1:31" ht="14.45">
      <c r="A7018" s="11"/>
      <c r="B7018" s="20"/>
      <c r="C7018" s="2" t="s">
        <v>21526</v>
      </c>
      <c r="D7018" s="14" t="s">
        <v>21527</v>
      </c>
      <c r="E7018" s="2" t="s">
        <v>21528</v>
      </c>
      <c r="F7018" s="2" t="s">
        <v>16194</v>
      </c>
      <c r="G7018" s="8">
        <v>267</v>
      </c>
      <c r="H7018" s="5">
        <v>6</v>
      </c>
      <c r="I7018" s="5" t="s">
        <v>1518</v>
      </c>
      <c r="J7018" s="5" t="s">
        <v>1519</v>
      </c>
      <c r="K7018" s="2" t="s">
        <v>1520</v>
      </c>
      <c r="L7018" s="5" t="s">
        <v>1519</v>
      </c>
      <c r="M7018" s="2" t="s">
        <v>1520</v>
      </c>
      <c r="N7018" s="5" t="s">
        <v>1521</v>
      </c>
      <c r="O7018" s="5" t="s">
        <v>38</v>
      </c>
      <c r="P7018" s="5" t="s">
        <v>39</v>
      </c>
      <c r="Q7018" s="5" t="s">
        <v>40</v>
      </c>
      <c r="R7018" s="5" t="s">
        <v>1522</v>
      </c>
      <c r="S7018" s="5" t="s">
        <v>1523</v>
      </c>
      <c r="T7018" s="5" t="s">
        <v>42</v>
      </c>
      <c r="U7018" s="2">
        <v>3.0089999999999999</v>
      </c>
      <c r="V7018" s="2">
        <v>2.472</v>
      </c>
      <c r="W7018" s="2">
        <v>1.4999999999999999E-2</v>
      </c>
      <c r="X7018" s="2">
        <v>118.9</v>
      </c>
      <c r="Y7018" s="2">
        <v>7.6</v>
      </c>
      <c r="Z7018" s="2">
        <v>16.7</v>
      </c>
      <c r="AA7018" s="5"/>
      <c r="AB7018" s="5" t="s">
        <v>43</v>
      </c>
      <c r="AC7018" s="5" t="s">
        <v>44</v>
      </c>
      <c r="AD7018" s="2"/>
      <c r="AE7018" s="1"/>
    </row>
    <row r="7019" spans="1:31" ht="14.45">
      <c r="A7019" s="11"/>
      <c r="B7019" s="20"/>
      <c r="C7019" s="2" t="s">
        <v>21529</v>
      </c>
      <c r="D7019" s="14" t="s">
        <v>21530</v>
      </c>
      <c r="E7019" s="2" t="s">
        <v>21531</v>
      </c>
      <c r="F7019" s="2" t="s">
        <v>7449</v>
      </c>
      <c r="G7019" s="8">
        <v>267</v>
      </c>
      <c r="H7019" s="5">
        <v>6</v>
      </c>
      <c r="I7019" s="5" t="s">
        <v>1518</v>
      </c>
      <c r="J7019" s="5" t="s">
        <v>1519</v>
      </c>
      <c r="K7019" s="2" t="s">
        <v>1520</v>
      </c>
      <c r="L7019" s="5" t="s">
        <v>1519</v>
      </c>
      <c r="M7019" s="2" t="s">
        <v>1520</v>
      </c>
      <c r="N7019" s="5" t="s">
        <v>1521</v>
      </c>
      <c r="O7019" s="5" t="s">
        <v>38</v>
      </c>
      <c r="P7019" s="5" t="s">
        <v>39</v>
      </c>
      <c r="Q7019" s="5" t="s">
        <v>40</v>
      </c>
      <c r="R7019" s="5" t="s">
        <v>1522</v>
      </c>
      <c r="S7019" s="5" t="s">
        <v>1523</v>
      </c>
      <c r="T7019" s="5" t="s">
        <v>42</v>
      </c>
      <c r="U7019" s="2">
        <v>2.9169999999999998</v>
      </c>
      <c r="V7019" s="2">
        <v>2.38</v>
      </c>
      <c r="W7019" s="2">
        <v>1.4999999999999999E-2</v>
      </c>
      <c r="X7019" s="2">
        <v>118.9</v>
      </c>
      <c r="Y7019" s="2">
        <v>7.6</v>
      </c>
      <c r="Z7019" s="2">
        <v>16.7</v>
      </c>
      <c r="AA7019" s="5"/>
      <c r="AB7019" s="5" t="s">
        <v>43</v>
      </c>
      <c r="AC7019" s="5" t="s">
        <v>44</v>
      </c>
      <c r="AD7019" s="2"/>
      <c r="AE7019" s="1"/>
    </row>
    <row r="7020" spans="1:31" ht="14.45">
      <c r="A7020" s="11"/>
      <c r="B7020" s="20"/>
      <c r="C7020" s="2" t="s">
        <v>21532</v>
      </c>
      <c r="D7020" s="14" t="s">
        <v>21533</v>
      </c>
      <c r="E7020" s="2" t="s">
        <v>21534</v>
      </c>
      <c r="F7020" s="2" t="s">
        <v>7581</v>
      </c>
      <c r="G7020" s="8">
        <v>267</v>
      </c>
      <c r="H7020" s="5">
        <v>6</v>
      </c>
      <c r="I7020" s="5" t="s">
        <v>1518</v>
      </c>
      <c r="J7020" s="5" t="s">
        <v>1519</v>
      </c>
      <c r="K7020" s="2" t="s">
        <v>1520</v>
      </c>
      <c r="L7020" s="5" t="s">
        <v>1519</v>
      </c>
      <c r="M7020" s="2" t="s">
        <v>1520</v>
      </c>
      <c r="N7020" s="5" t="s">
        <v>1521</v>
      </c>
      <c r="O7020" s="5" t="s">
        <v>38</v>
      </c>
      <c r="P7020" s="5" t="s">
        <v>39</v>
      </c>
      <c r="Q7020" s="5" t="s">
        <v>40</v>
      </c>
      <c r="R7020" s="5" t="s">
        <v>1522</v>
      </c>
      <c r="S7020" s="5" t="s">
        <v>1523</v>
      </c>
      <c r="T7020" s="5" t="s">
        <v>42</v>
      </c>
      <c r="U7020" s="2">
        <v>3.0089999999999999</v>
      </c>
      <c r="V7020" s="2">
        <v>2.472</v>
      </c>
      <c r="W7020" s="2">
        <v>1.4999999999999999E-2</v>
      </c>
      <c r="X7020" s="2">
        <v>118.9</v>
      </c>
      <c r="Y7020" s="2">
        <v>7.6</v>
      </c>
      <c r="Z7020" s="2">
        <v>16.7</v>
      </c>
      <c r="AA7020" s="5"/>
      <c r="AB7020" s="5" t="s">
        <v>43</v>
      </c>
      <c r="AC7020" s="5" t="s">
        <v>44</v>
      </c>
      <c r="AD7020" s="2"/>
      <c r="AE7020" s="1"/>
    </row>
    <row r="7021" spans="1:31" ht="14.45">
      <c r="A7021" s="11"/>
      <c r="B7021" s="20"/>
      <c r="C7021" s="2" t="s">
        <v>21535</v>
      </c>
      <c r="D7021" s="14" t="s">
        <v>21536</v>
      </c>
      <c r="E7021" s="2" t="s">
        <v>21537</v>
      </c>
      <c r="F7021" s="2" t="s">
        <v>7585</v>
      </c>
      <c r="G7021" s="8">
        <v>267</v>
      </c>
      <c r="H7021" s="5">
        <v>6</v>
      </c>
      <c r="I7021" s="5" t="s">
        <v>1518</v>
      </c>
      <c r="J7021" s="5" t="s">
        <v>1519</v>
      </c>
      <c r="K7021" s="2" t="s">
        <v>1520</v>
      </c>
      <c r="L7021" s="5" t="s">
        <v>1519</v>
      </c>
      <c r="M7021" s="2" t="s">
        <v>1520</v>
      </c>
      <c r="N7021" s="5" t="s">
        <v>1521</v>
      </c>
      <c r="O7021" s="5" t="s">
        <v>38</v>
      </c>
      <c r="P7021" s="5" t="s">
        <v>39</v>
      </c>
      <c r="Q7021" s="5" t="s">
        <v>40</v>
      </c>
      <c r="R7021" s="5" t="s">
        <v>1522</v>
      </c>
      <c r="S7021" s="5" t="s">
        <v>1523</v>
      </c>
      <c r="T7021" s="5" t="s">
        <v>42</v>
      </c>
      <c r="U7021" s="2">
        <v>2.895</v>
      </c>
      <c r="V7021" s="2">
        <v>2.3580000000000001</v>
      </c>
      <c r="W7021" s="2">
        <v>1.4999999999999999E-2</v>
      </c>
      <c r="X7021" s="2">
        <v>118.9</v>
      </c>
      <c r="Y7021" s="2">
        <v>7.6</v>
      </c>
      <c r="Z7021" s="2">
        <v>16.7</v>
      </c>
      <c r="AA7021" s="5"/>
      <c r="AB7021" s="5" t="s">
        <v>43</v>
      </c>
      <c r="AC7021" s="5" t="s">
        <v>44</v>
      </c>
      <c r="AD7021" s="2"/>
      <c r="AE7021" s="1"/>
    </row>
    <row r="7022" spans="1:31" ht="14.45">
      <c r="A7022" s="11"/>
      <c r="B7022" s="20"/>
      <c r="C7022" s="2" t="s">
        <v>21538</v>
      </c>
      <c r="D7022" s="14" t="s">
        <v>21539</v>
      </c>
      <c r="E7022" s="2" t="s">
        <v>21540</v>
      </c>
      <c r="F7022" s="2" t="s">
        <v>7589</v>
      </c>
      <c r="G7022" s="8">
        <v>267</v>
      </c>
      <c r="H7022" s="5">
        <v>6</v>
      </c>
      <c r="I7022" s="5" t="s">
        <v>1518</v>
      </c>
      <c r="J7022" s="5" t="s">
        <v>1519</v>
      </c>
      <c r="K7022" s="2" t="s">
        <v>1520</v>
      </c>
      <c r="L7022" s="5" t="s">
        <v>1519</v>
      </c>
      <c r="M7022" s="2" t="s">
        <v>1520</v>
      </c>
      <c r="N7022" s="5" t="s">
        <v>1521</v>
      </c>
      <c r="O7022" s="5" t="s">
        <v>38</v>
      </c>
      <c r="P7022" s="5" t="s">
        <v>39</v>
      </c>
      <c r="Q7022" s="5" t="s">
        <v>40</v>
      </c>
      <c r="R7022" s="5" t="s">
        <v>1522</v>
      </c>
      <c r="S7022" s="5" t="s">
        <v>1523</v>
      </c>
      <c r="T7022" s="5" t="s">
        <v>42</v>
      </c>
      <c r="U7022" s="2">
        <v>2.9870000000000001</v>
      </c>
      <c r="V7022" s="2">
        <v>2.4500000000000002</v>
      </c>
      <c r="W7022" s="2">
        <v>1.4999999999999999E-2</v>
      </c>
      <c r="X7022" s="2">
        <v>118.9</v>
      </c>
      <c r="Y7022" s="2">
        <v>7.6</v>
      </c>
      <c r="Z7022" s="2">
        <v>16.7</v>
      </c>
      <c r="AA7022" s="5"/>
      <c r="AB7022" s="5" t="s">
        <v>43</v>
      </c>
      <c r="AC7022" s="5" t="s">
        <v>44</v>
      </c>
      <c r="AD7022" s="2"/>
      <c r="AE7022" s="1"/>
    </row>
    <row r="7023" spans="1:31" ht="14.45">
      <c r="A7023" s="11"/>
      <c r="B7023" s="20"/>
      <c r="C7023" s="2" t="s">
        <v>21541</v>
      </c>
      <c r="D7023" s="14" t="s">
        <v>21542</v>
      </c>
      <c r="E7023" s="2" t="s">
        <v>21543</v>
      </c>
      <c r="F7023" s="2" t="s">
        <v>7593</v>
      </c>
      <c r="G7023" s="8">
        <v>267</v>
      </c>
      <c r="H7023" s="5">
        <v>6</v>
      </c>
      <c r="I7023" s="5" t="s">
        <v>1518</v>
      </c>
      <c r="J7023" s="5" t="s">
        <v>1519</v>
      </c>
      <c r="K7023" s="2" t="s">
        <v>1520</v>
      </c>
      <c r="L7023" s="5" t="s">
        <v>1519</v>
      </c>
      <c r="M7023" s="2" t="s">
        <v>1520</v>
      </c>
      <c r="N7023" s="5" t="s">
        <v>1521</v>
      </c>
      <c r="O7023" s="5" t="s">
        <v>38</v>
      </c>
      <c r="P7023" s="5" t="s">
        <v>39</v>
      </c>
      <c r="Q7023" s="5" t="s">
        <v>40</v>
      </c>
      <c r="R7023" s="5" t="s">
        <v>1522</v>
      </c>
      <c r="S7023" s="5" t="s">
        <v>1523</v>
      </c>
      <c r="T7023" s="5" t="s">
        <v>42</v>
      </c>
      <c r="U7023" s="2">
        <v>2.9169999999999998</v>
      </c>
      <c r="V7023" s="2">
        <v>2.38</v>
      </c>
      <c r="W7023" s="2">
        <v>1.4999999999999999E-2</v>
      </c>
      <c r="X7023" s="2">
        <v>118.9</v>
      </c>
      <c r="Y7023" s="2">
        <v>7.6</v>
      </c>
      <c r="Z7023" s="2">
        <v>16.7</v>
      </c>
      <c r="AA7023" s="5"/>
      <c r="AB7023" s="5" t="s">
        <v>43</v>
      </c>
      <c r="AC7023" s="5" t="s">
        <v>44</v>
      </c>
      <c r="AD7023" s="2"/>
      <c r="AE7023" s="1"/>
    </row>
    <row r="7024" spans="1:31" ht="14.45">
      <c r="A7024" s="11"/>
      <c r="B7024" s="20"/>
      <c r="C7024" s="2" t="s">
        <v>21544</v>
      </c>
      <c r="D7024" s="14" t="s">
        <v>21545</v>
      </c>
      <c r="E7024" s="2" t="s">
        <v>21546</v>
      </c>
      <c r="F7024" s="2" t="s">
        <v>7597</v>
      </c>
      <c r="G7024" s="8">
        <v>267</v>
      </c>
      <c r="H7024" s="5">
        <v>6</v>
      </c>
      <c r="I7024" s="5" t="s">
        <v>1518</v>
      </c>
      <c r="J7024" s="5" t="s">
        <v>1519</v>
      </c>
      <c r="K7024" s="2" t="s">
        <v>1520</v>
      </c>
      <c r="L7024" s="5" t="s">
        <v>1519</v>
      </c>
      <c r="M7024" s="2" t="s">
        <v>1520</v>
      </c>
      <c r="N7024" s="5" t="s">
        <v>1521</v>
      </c>
      <c r="O7024" s="5" t="s">
        <v>38</v>
      </c>
      <c r="P7024" s="5" t="s">
        <v>39</v>
      </c>
      <c r="Q7024" s="5" t="s">
        <v>40</v>
      </c>
      <c r="R7024" s="5" t="s">
        <v>1522</v>
      </c>
      <c r="S7024" s="5" t="s">
        <v>1523</v>
      </c>
      <c r="T7024" s="5" t="s">
        <v>42</v>
      </c>
      <c r="U7024" s="2">
        <v>3.0089999999999999</v>
      </c>
      <c r="V7024" s="2">
        <v>2.472</v>
      </c>
      <c r="W7024" s="2">
        <v>1.4999999999999999E-2</v>
      </c>
      <c r="X7024" s="2">
        <v>118.9</v>
      </c>
      <c r="Y7024" s="2">
        <v>7.6</v>
      </c>
      <c r="Z7024" s="2">
        <v>16.7</v>
      </c>
      <c r="AA7024" s="5"/>
      <c r="AB7024" s="5" t="s">
        <v>43</v>
      </c>
      <c r="AC7024" s="5" t="s">
        <v>44</v>
      </c>
      <c r="AD7024" s="2"/>
      <c r="AE7024" s="1"/>
    </row>
    <row r="7025" spans="1:31" ht="14.45">
      <c r="A7025" s="11"/>
      <c r="B7025" s="20"/>
      <c r="C7025" s="2" t="s">
        <v>21547</v>
      </c>
      <c r="D7025" s="14" t="s">
        <v>21548</v>
      </c>
      <c r="E7025" s="2" t="s">
        <v>21549</v>
      </c>
      <c r="F7025" s="2" t="s">
        <v>16014</v>
      </c>
      <c r="G7025" s="8">
        <v>267</v>
      </c>
      <c r="H7025" s="5">
        <v>6</v>
      </c>
      <c r="I7025" s="5" t="s">
        <v>1518</v>
      </c>
      <c r="J7025" s="5" t="s">
        <v>1519</v>
      </c>
      <c r="K7025" s="2" t="s">
        <v>1520</v>
      </c>
      <c r="L7025" s="5" t="s">
        <v>1519</v>
      </c>
      <c r="M7025" s="2" t="s">
        <v>1520</v>
      </c>
      <c r="N7025" s="5" t="s">
        <v>1521</v>
      </c>
      <c r="O7025" s="5" t="s">
        <v>38</v>
      </c>
      <c r="P7025" s="5" t="s">
        <v>39</v>
      </c>
      <c r="Q7025" s="5" t="s">
        <v>40</v>
      </c>
      <c r="R7025" s="5" t="s">
        <v>1522</v>
      </c>
      <c r="S7025" s="5" t="s">
        <v>1523</v>
      </c>
      <c r="T7025" s="5" t="s">
        <v>42</v>
      </c>
      <c r="U7025" s="2">
        <v>2.9169999999999998</v>
      </c>
      <c r="V7025" s="2">
        <v>2.38</v>
      </c>
      <c r="W7025" s="2">
        <v>1.4999999999999999E-2</v>
      </c>
      <c r="X7025" s="2">
        <v>118.9</v>
      </c>
      <c r="Y7025" s="2">
        <v>7.6</v>
      </c>
      <c r="Z7025" s="2">
        <v>16.7</v>
      </c>
      <c r="AA7025" s="5"/>
      <c r="AB7025" s="5" t="s">
        <v>43</v>
      </c>
      <c r="AC7025" s="5" t="s">
        <v>44</v>
      </c>
      <c r="AD7025" s="2"/>
      <c r="AE7025" s="1"/>
    </row>
    <row r="7026" spans="1:31" ht="14.45">
      <c r="A7026" s="11"/>
      <c r="B7026" s="20"/>
      <c r="C7026" s="2" t="s">
        <v>21550</v>
      </c>
      <c r="D7026" s="14" t="s">
        <v>21551</v>
      </c>
      <c r="E7026" s="2" t="s">
        <v>21552</v>
      </c>
      <c r="F7026" s="2" t="s">
        <v>16219</v>
      </c>
      <c r="G7026" s="8">
        <v>267</v>
      </c>
      <c r="H7026" s="5">
        <v>6</v>
      </c>
      <c r="I7026" s="5" t="s">
        <v>1518</v>
      </c>
      <c r="J7026" s="5" t="s">
        <v>1519</v>
      </c>
      <c r="K7026" s="2" t="s">
        <v>1520</v>
      </c>
      <c r="L7026" s="5" t="s">
        <v>1519</v>
      </c>
      <c r="M7026" s="2" t="s">
        <v>1520</v>
      </c>
      <c r="N7026" s="5" t="s">
        <v>1521</v>
      </c>
      <c r="O7026" s="5" t="s">
        <v>38</v>
      </c>
      <c r="P7026" s="5" t="s">
        <v>39</v>
      </c>
      <c r="Q7026" s="5" t="s">
        <v>40</v>
      </c>
      <c r="R7026" s="5" t="s">
        <v>1522</v>
      </c>
      <c r="S7026" s="5" t="s">
        <v>1523</v>
      </c>
      <c r="T7026" s="5" t="s">
        <v>42</v>
      </c>
      <c r="U7026" s="2">
        <v>3.0089999999999999</v>
      </c>
      <c r="V7026" s="2">
        <v>2.472</v>
      </c>
      <c r="W7026" s="2">
        <v>1.4999999999999999E-2</v>
      </c>
      <c r="X7026" s="2">
        <v>118.9</v>
      </c>
      <c r="Y7026" s="2">
        <v>7.6</v>
      </c>
      <c r="Z7026" s="2">
        <v>16.7</v>
      </c>
      <c r="AA7026" s="5"/>
      <c r="AB7026" s="5" t="s">
        <v>43</v>
      </c>
      <c r="AC7026" s="5" t="s">
        <v>44</v>
      </c>
      <c r="AD7026" s="2"/>
      <c r="AE7026" s="1"/>
    </row>
    <row r="7027" spans="1:31" ht="14.45">
      <c r="A7027" s="11"/>
      <c r="B7027" s="20"/>
      <c r="C7027" s="2" t="s">
        <v>21553</v>
      </c>
      <c r="D7027" s="14" t="s">
        <v>21554</v>
      </c>
      <c r="E7027" s="2" t="s">
        <v>21555</v>
      </c>
      <c r="F7027" s="2" t="s">
        <v>16018</v>
      </c>
      <c r="G7027" s="8">
        <v>267</v>
      </c>
      <c r="H7027" s="5">
        <v>6</v>
      </c>
      <c r="I7027" s="5" t="s">
        <v>1518</v>
      </c>
      <c r="J7027" s="5" t="s">
        <v>1519</v>
      </c>
      <c r="K7027" s="2" t="s">
        <v>1520</v>
      </c>
      <c r="L7027" s="5" t="s">
        <v>1519</v>
      </c>
      <c r="M7027" s="2" t="s">
        <v>1520</v>
      </c>
      <c r="N7027" s="5" t="s">
        <v>1521</v>
      </c>
      <c r="O7027" s="5" t="s">
        <v>38</v>
      </c>
      <c r="P7027" s="5" t="s">
        <v>39</v>
      </c>
      <c r="Q7027" s="5" t="s">
        <v>40</v>
      </c>
      <c r="R7027" s="5" t="s">
        <v>1522</v>
      </c>
      <c r="S7027" s="5" t="s">
        <v>1523</v>
      </c>
      <c r="T7027" s="5" t="s">
        <v>42</v>
      </c>
      <c r="U7027" s="2">
        <v>2.9169999999999998</v>
      </c>
      <c r="V7027" s="2">
        <v>2.38</v>
      </c>
      <c r="W7027" s="2">
        <v>1.4999999999999999E-2</v>
      </c>
      <c r="X7027" s="2">
        <v>118.9</v>
      </c>
      <c r="Y7027" s="2">
        <v>7.6</v>
      </c>
      <c r="Z7027" s="2">
        <v>16.7</v>
      </c>
      <c r="AA7027" s="5"/>
      <c r="AB7027" s="5" t="s">
        <v>43</v>
      </c>
      <c r="AC7027" s="5" t="s">
        <v>44</v>
      </c>
      <c r="AD7027" s="2"/>
      <c r="AE7027" s="1"/>
    </row>
    <row r="7028" spans="1:31" ht="14.45">
      <c r="A7028" s="11"/>
      <c r="B7028" s="20"/>
      <c r="C7028" s="2" t="s">
        <v>21556</v>
      </c>
      <c r="D7028" s="14" t="s">
        <v>21557</v>
      </c>
      <c r="E7028" s="2" t="s">
        <v>21558</v>
      </c>
      <c r="F7028" s="2" t="s">
        <v>16022</v>
      </c>
      <c r="G7028" s="8">
        <v>267</v>
      </c>
      <c r="H7028" s="5">
        <v>6</v>
      </c>
      <c r="I7028" s="5" t="s">
        <v>1518</v>
      </c>
      <c r="J7028" s="5" t="s">
        <v>1519</v>
      </c>
      <c r="K7028" s="2" t="s">
        <v>1520</v>
      </c>
      <c r="L7028" s="5" t="s">
        <v>1519</v>
      </c>
      <c r="M7028" s="2" t="s">
        <v>1520</v>
      </c>
      <c r="N7028" s="5" t="s">
        <v>1521</v>
      </c>
      <c r="O7028" s="5" t="s">
        <v>38</v>
      </c>
      <c r="P7028" s="5" t="s">
        <v>39</v>
      </c>
      <c r="Q7028" s="5" t="s">
        <v>40</v>
      </c>
      <c r="R7028" s="5" t="s">
        <v>1522</v>
      </c>
      <c r="S7028" s="5" t="s">
        <v>1523</v>
      </c>
      <c r="T7028" s="5" t="s">
        <v>42</v>
      </c>
      <c r="U7028" s="2">
        <v>3.0089999999999999</v>
      </c>
      <c r="V7028" s="2">
        <v>2.472</v>
      </c>
      <c r="W7028" s="2">
        <v>1.4999999999999999E-2</v>
      </c>
      <c r="X7028" s="2">
        <v>118.9</v>
      </c>
      <c r="Y7028" s="2">
        <v>7.6</v>
      </c>
      <c r="Z7028" s="2">
        <v>16.7</v>
      </c>
      <c r="AA7028" s="5"/>
      <c r="AB7028" s="5" t="s">
        <v>43</v>
      </c>
      <c r="AC7028" s="5" t="s">
        <v>44</v>
      </c>
      <c r="AD7028" s="2"/>
      <c r="AE7028" s="1"/>
    </row>
    <row r="7029" spans="1:31" ht="14.45">
      <c r="A7029" s="11"/>
      <c r="B7029" s="20"/>
      <c r="C7029" s="2" t="s">
        <v>21559</v>
      </c>
      <c r="D7029" s="14" t="s">
        <v>21560</v>
      </c>
      <c r="E7029" s="2" t="s">
        <v>21561</v>
      </c>
      <c r="F7029" s="2" t="s">
        <v>7615</v>
      </c>
      <c r="G7029" s="8">
        <v>267</v>
      </c>
      <c r="H7029" s="5">
        <v>6</v>
      </c>
      <c r="I7029" s="5" t="s">
        <v>1518</v>
      </c>
      <c r="J7029" s="5" t="s">
        <v>1519</v>
      </c>
      <c r="K7029" s="2" t="s">
        <v>1520</v>
      </c>
      <c r="L7029" s="5" t="s">
        <v>1519</v>
      </c>
      <c r="M7029" s="2" t="s">
        <v>1520</v>
      </c>
      <c r="N7029" s="5" t="s">
        <v>1521</v>
      </c>
      <c r="O7029" s="5" t="s">
        <v>38</v>
      </c>
      <c r="P7029" s="5" t="s">
        <v>39</v>
      </c>
      <c r="Q7029" s="5" t="s">
        <v>40</v>
      </c>
      <c r="R7029" s="5" t="s">
        <v>1522</v>
      </c>
      <c r="S7029" s="5" t="s">
        <v>1523</v>
      </c>
      <c r="T7029" s="5" t="s">
        <v>42</v>
      </c>
      <c r="U7029" s="2">
        <v>2.895</v>
      </c>
      <c r="V7029" s="2">
        <v>2.3580000000000001</v>
      </c>
      <c r="W7029" s="2">
        <v>1.4999999999999999E-2</v>
      </c>
      <c r="X7029" s="2">
        <v>118.9</v>
      </c>
      <c r="Y7029" s="2">
        <v>7.6</v>
      </c>
      <c r="Z7029" s="2">
        <v>16.7</v>
      </c>
      <c r="AA7029" s="5"/>
      <c r="AB7029" s="5" t="s">
        <v>43</v>
      </c>
      <c r="AC7029" s="5" t="s">
        <v>44</v>
      </c>
      <c r="AD7029" s="2"/>
      <c r="AE7029" s="1"/>
    </row>
    <row r="7030" spans="1:31" ht="14.45">
      <c r="A7030" s="11"/>
      <c r="B7030" s="20"/>
      <c r="C7030" s="2" t="s">
        <v>21562</v>
      </c>
      <c r="D7030" s="14" t="s">
        <v>21563</v>
      </c>
      <c r="E7030" s="2" t="s">
        <v>21564</v>
      </c>
      <c r="F7030" s="2" t="s">
        <v>7619</v>
      </c>
      <c r="G7030" s="8">
        <v>267</v>
      </c>
      <c r="H7030" s="5">
        <v>6</v>
      </c>
      <c r="I7030" s="5" t="s">
        <v>1518</v>
      </c>
      <c r="J7030" s="5" t="s">
        <v>1519</v>
      </c>
      <c r="K7030" s="2" t="s">
        <v>1520</v>
      </c>
      <c r="L7030" s="5" t="s">
        <v>1519</v>
      </c>
      <c r="M7030" s="2" t="s">
        <v>1520</v>
      </c>
      <c r="N7030" s="5" t="s">
        <v>1521</v>
      </c>
      <c r="O7030" s="5" t="s">
        <v>38</v>
      </c>
      <c r="P7030" s="5" t="s">
        <v>39</v>
      </c>
      <c r="Q7030" s="5" t="s">
        <v>40</v>
      </c>
      <c r="R7030" s="5" t="s">
        <v>1522</v>
      </c>
      <c r="S7030" s="5" t="s">
        <v>1523</v>
      </c>
      <c r="T7030" s="5" t="s">
        <v>42</v>
      </c>
      <c r="U7030" s="2">
        <v>2.9870000000000001</v>
      </c>
      <c r="V7030" s="2">
        <v>2.4500000000000002</v>
      </c>
      <c r="W7030" s="2">
        <v>1.4999999999999999E-2</v>
      </c>
      <c r="X7030" s="2">
        <v>118.9</v>
      </c>
      <c r="Y7030" s="2">
        <v>7.6</v>
      </c>
      <c r="Z7030" s="2">
        <v>16.7</v>
      </c>
      <c r="AA7030" s="5"/>
      <c r="AB7030" s="5" t="s">
        <v>43</v>
      </c>
      <c r="AC7030" s="5" t="s">
        <v>44</v>
      </c>
      <c r="AD7030" s="2"/>
      <c r="AE7030" s="1"/>
    </row>
    <row r="7031" spans="1:31" ht="14.45">
      <c r="A7031" s="11"/>
      <c r="B7031" s="20"/>
      <c r="C7031" s="2" t="s">
        <v>21565</v>
      </c>
      <c r="D7031" s="14" t="s">
        <v>21566</v>
      </c>
      <c r="E7031" s="2" t="s">
        <v>21567</v>
      </c>
      <c r="F7031" s="2" t="s">
        <v>16029</v>
      </c>
      <c r="G7031" s="8">
        <v>267</v>
      </c>
      <c r="H7031" s="5">
        <v>11</v>
      </c>
      <c r="I7031" s="5" t="s">
        <v>1518</v>
      </c>
      <c r="J7031" s="5" t="s">
        <v>1519</v>
      </c>
      <c r="K7031" s="2" t="s">
        <v>1520</v>
      </c>
      <c r="L7031" s="5" t="s">
        <v>1519</v>
      </c>
      <c r="M7031" s="2" t="s">
        <v>1520</v>
      </c>
      <c r="N7031" s="5" t="s">
        <v>1521</v>
      </c>
      <c r="O7031" s="5" t="s">
        <v>38</v>
      </c>
      <c r="P7031" s="5" t="s">
        <v>39</v>
      </c>
      <c r="Q7031" s="5" t="s">
        <v>40</v>
      </c>
      <c r="R7031" s="5" t="s">
        <v>1522</v>
      </c>
      <c r="S7031" s="5" t="s">
        <v>1523</v>
      </c>
      <c r="T7031" s="5" t="s">
        <v>42</v>
      </c>
      <c r="U7031" s="2">
        <v>2.9209999999999998</v>
      </c>
      <c r="V7031" s="2">
        <v>2.3839999999999999</v>
      </c>
      <c r="W7031" s="2">
        <v>1.4999999999999999E-2</v>
      </c>
      <c r="X7031" s="2">
        <v>118.9</v>
      </c>
      <c r="Y7031" s="2">
        <v>7.6</v>
      </c>
      <c r="Z7031" s="2">
        <v>16.7</v>
      </c>
      <c r="AA7031" s="5"/>
      <c r="AB7031" s="5" t="s">
        <v>43</v>
      </c>
      <c r="AC7031" s="5" t="s">
        <v>44</v>
      </c>
      <c r="AD7031" s="2"/>
      <c r="AE7031" s="1"/>
    </row>
    <row r="7032" spans="1:31" ht="14.45">
      <c r="A7032" s="11"/>
      <c r="B7032" s="20"/>
      <c r="C7032" s="2" t="s">
        <v>21568</v>
      </c>
      <c r="D7032" s="14" t="s">
        <v>21569</v>
      </c>
      <c r="E7032" s="2" t="s">
        <v>21570</v>
      </c>
      <c r="F7032" s="2" t="s">
        <v>16033</v>
      </c>
      <c r="G7032" s="8">
        <v>267</v>
      </c>
      <c r="H7032" s="5">
        <v>11</v>
      </c>
      <c r="I7032" s="5" t="s">
        <v>1518</v>
      </c>
      <c r="J7032" s="5" t="s">
        <v>1519</v>
      </c>
      <c r="K7032" s="2" t="s">
        <v>1520</v>
      </c>
      <c r="L7032" s="5" t="s">
        <v>1519</v>
      </c>
      <c r="M7032" s="2" t="s">
        <v>1520</v>
      </c>
      <c r="N7032" s="5" t="s">
        <v>1521</v>
      </c>
      <c r="O7032" s="5" t="s">
        <v>38</v>
      </c>
      <c r="P7032" s="5" t="s">
        <v>39</v>
      </c>
      <c r="Q7032" s="5" t="s">
        <v>40</v>
      </c>
      <c r="R7032" s="5" t="s">
        <v>1522</v>
      </c>
      <c r="S7032" s="5" t="s">
        <v>1523</v>
      </c>
      <c r="T7032" s="5" t="s">
        <v>42</v>
      </c>
      <c r="U7032" s="2">
        <v>3.0129999999999999</v>
      </c>
      <c r="V7032" s="2">
        <v>2.476</v>
      </c>
      <c r="W7032" s="2">
        <v>1.4999999999999999E-2</v>
      </c>
      <c r="X7032" s="2">
        <v>118.9</v>
      </c>
      <c r="Y7032" s="2">
        <v>7.6</v>
      </c>
      <c r="Z7032" s="2">
        <v>16.7</v>
      </c>
      <c r="AA7032" s="5"/>
      <c r="AB7032" s="5" t="s">
        <v>43</v>
      </c>
      <c r="AC7032" s="5" t="s">
        <v>44</v>
      </c>
      <c r="AD7032" s="2"/>
      <c r="AE7032" s="1"/>
    </row>
    <row r="7033" spans="1:31" ht="14.45">
      <c r="A7033" s="11"/>
      <c r="B7033" s="20"/>
      <c r="C7033" s="2" t="s">
        <v>21571</v>
      </c>
      <c r="D7033" s="14" t="s">
        <v>21572</v>
      </c>
      <c r="E7033" s="2" t="s">
        <v>21573</v>
      </c>
      <c r="F7033" s="2" t="s">
        <v>7396</v>
      </c>
      <c r="G7033" s="8">
        <v>256</v>
      </c>
      <c r="H7033" s="5">
        <v>6</v>
      </c>
      <c r="I7033" s="5" t="s">
        <v>1518</v>
      </c>
      <c r="J7033" s="5" t="s">
        <v>1519</v>
      </c>
      <c r="K7033" s="2" t="s">
        <v>1520</v>
      </c>
      <c r="L7033" s="5" t="s">
        <v>1519</v>
      </c>
      <c r="M7033" s="2" t="s">
        <v>1520</v>
      </c>
      <c r="N7033" s="5" t="s">
        <v>1521</v>
      </c>
      <c r="O7033" s="5" t="s">
        <v>38</v>
      </c>
      <c r="P7033" s="5" t="s">
        <v>39</v>
      </c>
      <c r="Q7033" s="5" t="s">
        <v>40</v>
      </c>
      <c r="R7033" s="5" t="s">
        <v>1522</v>
      </c>
      <c r="S7033" s="5" t="s">
        <v>1523</v>
      </c>
      <c r="T7033" s="5" t="s">
        <v>42</v>
      </c>
      <c r="U7033" s="2">
        <v>3.1560000000000001</v>
      </c>
      <c r="V7033" s="2">
        <v>2.5430000000000001</v>
      </c>
      <c r="W7033" s="2">
        <v>1.7999999999999999E-2</v>
      </c>
      <c r="X7033" s="2">
        <v>139.1</v>
      </c>
      <c r="Y7033" s="2">
        <v>7.6</v>
      </c>
      <c r="Z7033" s="2">
        <v>16.7</v>
      </c>
      <c r="AA7033" s="5"/>
      <c r="AB7033" s="5" t="s">
        <v>43</v>
      </c>
      <c r="AC7033" s="5" t="s">
        <v>44</v>
      </c>
      <c r="AD7033" s="2"/>
      <c r="AE7033" s="1"/>
    </row>
    <row r="7034" spans="1:31" ht="14.45">
      <c r="A7034" s="11"/>
      <c r="B7034" s="20"/>
      <c r="C7034" s="2" t="s">
        <v>21574</v>
      </c>
      <c r="D7034" s="14" t="s">
        <v>21575</v>
      </c>
      <c r="E7034" s="2" t="s">
        <v>21576</v>
      </c>
      <c r="F7034" s="2" t="s">
        <v>7507</v>
      </c>
      <c r="G7034" s="8">
        <v>256</v>
      </c>
      <c r="H7034" s="5">
        <v>6</v>
      </c>
      <c r="I7034" s="5" t="s">
        <v>1518</v>
      </c>
      <c r="J7034" s="5" t="s">
        <v>1519</v>
      </c>
      <c r="K7034" s="2" t="s">
        <v>1520</v>
      </c>
      <c r="L7034" s="5" t="s">
        <v>1519</v>
      </c>
      <c r="M7034" s="2" t="s">
        <v>1520</v>
      </c>
      <c r="N7034" s="5" t="s">
        <v>1521</v>
      </c>
      <c r="O7034" s="5" t="s">
        <v>38</v>
      </c>
      <c r="P7034" s="5" t="s">
        <v>39</v>
      </c>
      <c r="Q7034" s="5" t="s">
        <v>40</v>
      </c>
      <c r="R7034" s="5" t="s">
        <v>1522</v>
      </c>
      <c r="S7034" s="5" t="s">
        <v>1523</v>
      </c>
      <c r="T7034" s="5" t="s">
        <v>42</v>
      </c>
      <c r="U7034" s="2">
        <v>3.258</v>
      </c>
      <c r="V7034" s="2">
        <v>2.645</v>
      </c>
      <c r="W7034" s="2">
        <v>1.7999999999999999E-2</v>
      </c>
      <c r="X7034" s="2">
        <v>139.1</v>
      </c>
      <c r="Y7034" s="2">
        <v>7.6</v>
      </c>
      <c r="Z7034" s="2">
        <v>16.7</v>
      </c>
      <c r="AA7034" s="5"/>
      <c r="AB7034" s="5" t="s">
        <v>43</v>
      </c>
      <c r="AC7034" s="5" t="s">
        <v>44</v>
      </c>
      <c r="AD7034" s="2"/>
      <c r="AE7034" s="1"/>
    </row>
    <row r="7035" spans="1:31" ht="14.45">
      <c r="A7035" s="11"/>
      <c r="B7035" s="20"/>
      <c r="C7035" s="2" t="s">
        <v>21577</v>
      </c>
      <c r="D7035" s="14" t="s">
        <v>21578</v>
      </c>
      <c r="E7035" s="2" t="s">
        <v>21579</v>
      </c>
      <c r="F7035" s="2" t="s">
        <v>7204</v>
      </c>
      <c r="G7035" s="8">
        <v>256</v>
      </c>
      <c r="H7035" s="5">
        <v>6</v>
      </c>
      <c r="I7035" s="5" t="s">
        <v>1518</v>
      </c>
      <c r="J7035" s="5" t="s">
        <v>1519</v>
      </c>
      <c r="K7035" s="2" t="s">
        <v>1520</v>
      </c>
      <c r="L7035" s="5" t="s">
        <v>1519</v>
      </c>
      <c r="M7035" s="2" t="s">
        <v>1520</v>
      </c>
      <c r="N7035" s="5" t="s">
        <v>1521</v>
      </c>
      <c r="O7035" s="5" t="s">
        <v>38</v>
      </c>
      <c r="P7035" s="5" t="s">
        <v>39</v>
      </c>
      <c r="Q7035" s="5" t="s">
        <v>40</v>
      </c>
      <c r="R7035" s="5" t="s">
        <v>1522</v>
      </c>
      <c r="S7035" s="5" t="s">
        <v>1523</v>
      </c>
      <c r="T7035" s="5" t="s">
        <v>42</v>
      </c>
      <c r="U7035" s="2">
        <v>3.165</v>
      </c>
      <c r="V7035" s="2">
        <v>2.552</v>
      </c>
      <c r="W7035" s="2">
        <v>1.7999999999999999E-2</v>
      </c>
      <c r="X7035" s="2">
        <v>139.1</v>
      </c>
      <c r="Y7035" s="2">
        <v>7.6</v>
      </c>
      <c r="Z7035" s="2">
        <v>16.7</v>
      </c>
      <c r="AA7035" s="5"/>
      <c r="AB7035" s="5" t="s">
        <v>43</v>
      </c>
      <c r="AC7035" s="5" t="s">
        <v>44</v>
      </c>
      <c r="AD7035" s="2"/>
      <c r="AE7035" s="1"/>
    </row>
    <row r="7036" spans="1:31" ht="14.45">
      <c r="A7036" s="11"/>
      <c r="B7036" s="20"/>
      <c r="C7036" s="2" t="s">
        <v>21580</v>
      </c>
      <c r="D7036" s="14" t="s">
        <v>21581</v>
      </c>
      <c r="E7036" s="2" t="s">
        <v>21582</v>
      </c>
      <c r="F7036" s="2" t="s">
        <v>7514</v>
      </c>
      <c r="G7036" s="8">
        <v>256</v>
      </c>
      <c r="H7036" s="5">
        <v>6</v>
      </c>
      <c r="I7036" s="5" t="s">
        <v>1518</v>
      </c>
      <c r="J7036" s="5" t="s">
        <v>1519</v>
      </c>
      <c r="K7036" s="2" t="s">
        <v>1520</v>
      </c>
      <c r="L7036" s="5" t="s">
        <v>1519</v>
      </c>
      <c r="M7036" s="2" t="s">
        <v>1520</v>
      </c>
      <c r="N7036" s="5" t="s">
        <v>1521</v>
      </c>
      <c r="O7036" s="5" t="s">
        <v>38</v>
      </c>
      <c r="P7036" s="5" t="s">
        <v>39</v>
      </c>
      <c r="Q7036" s="5" t="s">
        <v>40</v>
      </c>
      <c r="R7036" s="5" t="s">
        <v>1522</v>
      </c>
      <c r="S7036" s="5" t="s">
        <v>1523</v>
      </c>
      <c r="T7036" s="5" t="s">
        <v>42</v>
      </c>
      <c r="U7036" s="2">
        <v>3.2669999999999999</v>
      </c>
      <c r="V7036" s="2">
        <v>2.6539999999999999</v>
      </c>
      <c r="W7036" s="2">
        <v>1.7999999999999999E-2</v>
      </c>
      <c r="X7036" s="2">
        <v>139.1</v>
      </c>
      <c r="Y7036" s="2">
        <v>7.6</v>
      </c>
      <c r="Z7036" s="2">
        <v>16.7</v>
      </c>
      <c r="AA7036" s="5"/>
      <c r="AB7036" s="5" t="s">
        <v>43</v>
      </c>
      <c r="AC7036" s="5" t="s">
        <v>44</v>
      </c>
      <c r="AD7036" s="2"/>
      <c r="AE7036" s="1"/>
    </row>
    <row r="7037" spans="1:31" ht="14.45">
      <c r="A7037" s="11"/>
      <c r="B7037" s="20"/>
      <c r="C7037" s="2" t="s">
        <v>21583</v>
      </c>
      <c r="D7037" s="14" t="s">
        <v>21584</v>
      </c>
      <c r="E7037" s="2" t="s">
        <v>21585</v>
      </c>
      <c r="F7037" s="2" t="s">
        <v>7208</v>
      </c>
      <c r="G7037" s="8">
        <v>256</v>
      </c>
      <c r="H7037" s="5">
        <v>6</v>
      </c>
      <c r="I7037" s="5" t="s">
        <v>1518</v>
      </c>
      <c r="J7037" s="5" t="s">
        <v>1519</v>
      </c>
      <c r="K7037" s="2" t="s">
        <v>1520</v>
      </c>
      <c r="L7037" s="5" t="s">
        <v>1519</v>
      </c>
      <c r="M7037" s="2" t="s">
        <v>1520</v>
      </c>
      <c r="N7037" s="5" t="s">
        <v>1521</v>
      </c>
      <c r="O7037" s="5" t="s">
        <v>38</v>
      </c>
      <c r="P7037" s="5" t="s">
        <v>39</v>
      </c>
      <c r="Q7037" s="5" t="s">
        <v>40</v>
      </c>
      <c r="R7037" s="5" t="s">
        <v>1522</v>
      </c>
      <c r="S7037" s="5" t="s">
        <v>1523</v>
      </c>
      <c r="T7037" s="5" t="s">
        <v>42</v>
      </c>
      <c r="U7037" s="2">
        <v>3.165</v>
      </c>
      <c r="V7037" s="2">
        <v>2.552</v>
      </c>
      <c r="W7037" s="2">
        <v>1.7999999999999999E-2</v>
      </c>
      <c r="X7037" s="2">
        <v>139.1</v>
      </c>
      <c r="Y7037" s="2">
        <v>7.6</v>
      </c>
      <c r="Z7037" s="2">
        <v>16.7</v>
      </c>
      <c r="AA7037" s="5"/>
      <c r="AB7037" s="5" t="s">
        <v>43</v>
      </c>
      <c r="AC7037" s="5" t="s">
        <v>44</v>
      </c>
      <c r="AD7037" s="2"/>
      <c r="AE7037" s="1"/>
    </row>
    <row r="7038" spans="1:31" ht="14.45">
      <c r="A7038" s="11"/>
      <c r="B7038" s="20"/>
      <c r="C7038" s="2" t="s">
        <v>21586</v>
      </c>
      <c r="D7038" s="14" t="s">
        <v>21587</v>
      </c>
      <c r="E7038" s="2" t="s">
        <v>21588</v>
      </c>
      <c r="F7038" s="2" t="s">
        <v>7521</v>
      </c>
      <c r="G7038" s="8">
        <v>256</v>
      </c>
      <c r="H7038" s="5">
        <v>6</v>
      </c>
      <c r="I7038" s="5" t="s">
        <v>1518</v>
      </c>
      <c r="J7038" s="5" t="s">
        <v>1519</v>
      </c>
      <c r="K7038" s="2" t="s">
        <v>1520</v>
      </c>
      <c r="L7038" s="5" t="s">
        <v>1519</v>
      </c>
      <c r="M7038" s="2" t="s">
        <v>1520</v>
      </c>
      <c r="N7038" s="5" t="s">
        <v>1521</v>
      </c>
      <c r="O7038" s="5" t="s">
        <v>38</v>
      </c>
      <c r="P7038" s="5" t="s">
        <v>39</v>
      </c>
      <c r="Q7038" s="5" t="s">
        <v>40</v>
      </c>
      <c r="R7038" s="5" t="s">
        <v>1522</v>
      </c>
      <c r="S7038" s="5" t="s">
        <v>1523</v>
      </c>
      <c r="T7038" s="5" t="s">
        <v>42</v>
      </c>
      <c r="U7038" s="2">
        <v>3.2669999999999999</v>
      </c>
      <c r="V7038" s="2">
        <v>2.6539999999999999</v>
      </c>
      <c r="W7038" s="2">
        <v>1.7999999999999999E-2</v>
      </c>
      <c r="X7038" s="2">
        <v>139.1</v>
      </c>
      <c r="Y7038" s="2">
        <v>7.6</v>
      </c>
      <c r="Z7038" s="2">
        <v>16.7</v>
      </c>
      <c r="AA7038" s="5"/>
      <c r="AB7038" s="5" t="s">
        <v>43</v>
      </c>
      <c r="AC7038" s="5" t="s">
        <v>44</v>
      </c>
      <c r="AD7038" s="2"/>
      <c r="AE7038" s="1"/>
    </row>
    <row r="7039" spans="1:31" ht="14.45">
      <c r="A7039" s="11"/>
      <c r="B7039" s="20"/>
      <c r="C7039" s="2" t="s">
        <v>21589</v>
      </c>
      <c r="D7039" s="14" t="s">
        <v>21590</v>
      </c>
      <c r="E7039" s="2" t="s">
        <v>21591</v>
      </c>
      <c r="F7039" s="2" t="s">
        <v>7212</v>
      </c>
      <c r="G7039" s="8">
        <v>256</v>
      </c>
      <c r="H7039" s="5">
        <v>6</v>
      </c>
      <c r="I7039" s="5" t="s">
        <v>1518</v>
      </c>
      <c r="J7039" s="5" t="s">
        <v>1519</v>
      </c>
      <c r="K7039" s="2" t="s">
        <v>1520</v>
      </c>
      <c r="L7039" s="5" t="s">
        <v>1519</v>
      </c>
      <c r="M7039" s="2" t="s">
        <v>1520</v>
      </c>
      <c r="N7039" s="5" t="s">
        <v>1521</v>
      </c>
      <c r="O7039" s="5" t="s">
        <v>38</v>
      </c>
      <c r="P7039" s="5" t="s">
        <v>39</v>
      </c>
      <c r="Q7039" s="5" t="s">
        <v>40</v>
      </c>
      <c r="R7039" s="5" t="s">
        <v>1522</v>
      </c>
      <c r="S7039" s="5" t="s">
        <v>1523</v>
      </c>
      <c r="T7039" s="5" t="s">
        <v>42</v>
      </c>
      <c r="U7039" s="2">
        <v>3.1389999999999998</v>
      </c>
      <c r="V7039" s="2">
        <v>2.5259999999999998</v>
      </c>
      <c r="W7039" s="2">
        <v>1.7999999999999999E-2</v>
      </c>
      <c r="X7039" s="2">
        <v>139.1</v>
      </c>
      <c r="Y7039" s="2">
        <v>7.6</v>
      </c>
      <c r="Z7039" s="2">
        <v>16.7</v>
      </c>
      <c r="AA7039" s="5"/>
      <c r="AB7039" s="5" t="s">
        <v>43</v>
      </c>
      <c r="AC7039" s="5" t="s">
        <v>44</v>
      </c>
      <c r="AD7039" s="2"/>
      <c r="AE7039" s="1"/>
    </row>
    <row r="7040" spans="1:31" ht="14.45">
      <c r="A7040" s="11"/>
      <c r="B7040" s="20"/>
      <c r="C7040" s="2" t="s">
        <v>21592</v>
      </c>
      <c r="D7040" s="14" t="s">
        <v>21593</v>
      </c>
      <c r="E7040" s="2" t="s">
        <v>21594</v>
      </c>
      <c r="F7040" s="2" t="s">
        <v>7528</v>
      </c>
      <c r="G7040" s="8">
        <v>256</v>
      </c>
      <c r="H7040" s="5">
        <v>6</v>
      </c>
      <c r="I7040" s="5" t="s">
        <v>1518</v>
      </c>
      <c r="J7040" s="5" t="s">
        <v>1519</v>
      </c>
      <c r="K7040" s="2" t="s">
        <v>1520</v>
      </c>
      <c r="L7040" s="5" t="s">
        <v>1519</v>
      </c>
      <c r="M7040" s="2" t="s">
        <v>1520</v>
      </c>
      <c r="N7040" s="5" t="s">
        <v>1521</v>
      </c>
      <c r="O7040" s="5" t="s">
        <v>38</v>
      </c>
      <c r="P7040" s="5" t="s">
        <v>39</v>
      </c>
      <c r="Q7040" s="5" t="s">
        <v>40</v>
      </c>
      <c r="R7040" s="5" t="s">
        <v>1522</v>
      </c>
      <c r="S7040" s="5" t="s">
        <v>1523</v>
      </c>
      <c r="T7040" s="5" t="s">
        <v>42</v>
      </c>
      <c r="U7040" s="2">
        <v>3.2410000000000001</v>
      </c>
      <c r="V7040" s="2">
        <v>2.6280000000000001</v>
      </c>
      <c r="W7040" s="2">
        <v>1.7999999999999999E-2</v>
      </c>
      <c r="X7040" s="2">
        <v>139.1</v>
      </c>
      <c r="Y7040" s="2">
        <v>7.6</v>
      </c>
      <c r="Z7040" s="2">
        <v>16.7</v>
      </c>
      <c r="AA7040" s="5"/>
      <c r="AB7040" s="5" t="s">
        <v>43</v>
      </c>
      <c r="AC7040" s="5" t="s">
        <v>44</v>
      </c>
      <c r="AD7040" s="2"/>
      <c r="AE7040" s="1"/>
    </row>
    <row r="7041" spans="1:31" ht="14.45">
      <c r="A7041" s="11"/>
      <c r="B7041" s="20"/>
      <c r="C7041" s="2" t="s">
        <v>21595</v>
      </c>
      <c r="D7041" s="14" t="s">
        <v>21596</v>
      </c>
      <c r="E7041" s="2" t="s">
        <v>21597</v>
      </c>
      <c r="F7041" s="2" t="s">
        <v>7406</v>
      </c>
      <c r="G7041" s="8">
        <v>275</v>
      </c>
      <c r="H7041" s="5">
        <v>6</v>
      </c>
      <c r="I7041" s="5" t="s">
        <v>1518</v>
      </c>
      <c r="J7041" s="5" t="s">
        <v>1519</v>
      </c>
      <c r="K7041" s="2" t="s">
        <v>1520</v>
      </c>
      <c r="L7041" s="5" t="s">
        <v>1519</v>
      </c>
      <c r="M7041" s="2" t="s">
        <v>1520</v>
      </c>
      <c r="N7041" s="5" t="s">
        <v>1521</v>
      </c>
      <c r="O7041" s="5" t="s">
        <v>38</v>
      </c>
      <c r="P7041" s="5" t="s">
        <v>39</v>
      </c>
      <c r="Q7041" s="5" t="s">
        <v>40</v>
      </c>
      <c r="R7041" s="5" t="s">
        <v>1522</v>
      </c>
      <c r="S7041" s="5" t="s">
        <v>1523</v>
      </c>
      <c r="T7041" s="5" t="s">
        <v>42</v>
      </c>
      <c r="U7041" s="2">
        <v>3.1389999999999998</v>
      </c>
      <c r="V7041" s="2">
        <v>2.5259999999999998</v>
      </c>
      <c r="W7041" s="2">
        <v>1.7999999999999999E-2</v>
      </c>
      <c r="X7041" s="2">
        <v>139.1</v>
      </c>
      <c r="Y7041" s="2">
        <v>7.6</v>
      </c>
      <c r="Z7041" s="2">
        <v>16.7</v>
      </c>
      <c r="AA7041" s="5"/>
      <c r="AB7041" s="5" t="s">
        <v>43</v>
      </c>
      <c r="AC7041" s="5" t="s">
        <v>44</v>
      </c>
      <c r="AD7041" s="2"/>
      <c r="AE7041" s="1"/>
    </row>
    <row r="7042" spans="1:31" ht="14.45">
      <c r="A7042" s="11"/>
      <c r="B7042" s="20"/>
      <c r="C7042" s="2" t="s">
        <v>21598</v>
      </c>
      <c r="D7042" s="14" t="s">
        <v>21599</v>
      </c>
      <c r="E7042" s="2" t="s">
        <v>21600</v>
      </c>
      <c r="F7042" s="2" t="s">
        <v>7535</v>
      </c>
      <c r="G7042" s="8">
        <v>275</v>
      </c>
      <c r="H7042" s="5">
        <v>6</v>
      </c>
      <c r="I7042" s="5" t="s">
        <v>1518</v>
      </c>
      <c r="J7042" s="5" t="s">
        <v>1519</v>
      </c>
      <c r="K7042" s="2" t="s">
        <v>1520</v>
      </c>
      <c r="L7042" s="5" t="s">
        <v>1519</v>
      </c>
      <c r="M7042" s="2" t="s">
        <v>1520</v>
      </c>
      <c r="N7042" s="5" t="s">
        <v>1521</v>
      </c>
      <c r="O7042" s="5" t="s">
        <v>38</v>
      </c>
      <c r="P7042" s="5" t="s">
        <v>39</v>
      </c>
      <c r="Q7042" s="5" t="s">
        <v>40</v>
      </c>
      <c r="R7042" s="5" t="s">
        <v>1522</v>
      </c>
      <c r="S7042" s="5" t="s">
        <v>1523</v>
      </c>
      <c r="T7042" s="5" t="s">
        <v>42</v>
      </c>
      <c r="U7042" s="2">
        <v>3.2410000000000001</v>
      </c>
      <c r="V7042" s="2">
        <v>2.6280000000000001</v>
      </c>
      <c r="W7042" s="2">
        <v>1.7999999999999999E-2</v>
      </c>
      <c r="X7042" s="2">
        <v>139.1</v>
      </c>
      <c r="Y7042" s="2">
        <v>7.6</v>
      </c>
      <c r="Z7042" s="2">
        <v>16.7</v>
      </c>
      <c r="AA7042" s="5"/>
      <c r="AB7042" s="5" t="s">
        <v>43</v>
      </c>
      <c r="AC7042" s="5" t="s">
        <v>44</v>
      </c>
      <c r="AD7042" s="2"/>
      <c r="AE7042" s="1"/>
    </row>
    <row r="7043" spans="1:31" ht="14.45">
      <c r="A7043" s="11"/>
      <c r="B7043" s="20"/>
      <c r="C7043" s="2" t="s">
        <v>21601</v>
      </c>
      <c r="D7043" s="14" t="s">
        <v>21602</v>
      </c>
      <c r="E7043" s="2" t="s">
        <v>21603</v>
      </c>
      <c r="F7043" s="2" t="s">
        <v>7539</v>
      </c>
      <c r="G7043" s="8">
        <v>275</v>
      </c>
      <c r="H7043" s="5">
        <v>6</v>
      </c>
      <c r="I7043" s="5" t="s">
        <v>1518</v>
      </c>
      <c r="J7043" s="5" t="s">
        <v>1519</v>
      </c>
      <c r="K7043" s="2" t="s">
        <v>1520</v>
      </c>
      <c r="L7043" s="5" t="s">
        <v>1519</v>
      </c>
      <c r="M7043" s="2" t="s">
        <v>1520</v>
      </c>
      <c r="N7043" s="5" t="s">
        <v>1521</v>
      </c>
      <c r="O7043" s="5" t="s">
        <v>38</v>
      </c>
      <c r="P7043" s="5" t="s">
        <v>39</v>
      </c>
      <c r="Q7043" s="5" t="s">
        <v>40</v>
      </c>
      <c r="R7043" s="5" t="s">
        <v>1522</v>
      </c>
      <c r="S7043" s="5" t="s">
        <v>1523</v>
      </c>
      <c r="T7043" s="5" t="s">
        <v>42</v>
      </c>
      <c r="U7043" s="2">
        <v>3.165</v>
      </c>
      <c r="V7043" s="2">
        <v>2.552</v>
      </c>
      <c r="W7043" s="2">
        <v>1.7999999999999999E-2</v>
      </c>
      <c r="X7043" s="2">
        <v>139.1</v>
      </c>
      <c r="Y7043" s="2">
        <v>7.6</v>
      </c>
      <c r="Z7043" s="2">
        <v>16.7</v>
      </c>
      <c r="AA7043" s="5"/>
      <c r="AB7043" s="5" t="s">
        <v>43</v>
      </c>
      <c r="AC7043" s="5" t="s">
        <v>44</v>
      </c>
      <c r="AD7043" s="2"/>
      <c r="AE7043" s="1"/>
    </row>
    <row r="7044" spans="1:31" ht="14.45">
      <c r="A7044" s="11"/>
      <c r="B7044" s="20"/>
      <c r="C7044" s="2" t="s">
        <v>21604</v>
      </c>
      <c r="D7044" s="14" t="s">
        <v>21605</v>
      </c>
      <c r="E7044" s="2" t="s">
        <v>21606</v>
      </c>
      <c r="F7044" s="2" t="s">
        <v>7543</v>
      </c>
      <c r="G7044" s="8">
        <v>275</v>
      </c>
      <c r="H7044" s="5">
        <v>6</v>
      </c>
      <c r="I7044" s="5" t="s">
        <v>1518</v>
      </c>
      <c r="J7044" s="5" t="s">
        <v>1519</v>
      </c>
      <c r="K7044" s="2" t="s">
        <v>1520</v>
      </c>
      <c r="L7044" s="5" t="s">
        <v>1519</v>
      </c>
      <c r="M7044" s="2" t="s">
        <v>1520</v>
      </c>
      <c r="N7044" s="5" t="s">
        <v>1521</v>
      </c>
      <c r="O7044" s="5" t="s">
        <v>38</v>
      </c>
      <c r="P7044" s="5" t="s">
        <v>39</v>
      </c>
      <c r="Q7044" s="5" t="s">
        <v>40</v>
      </c>
      <c r="R7044" s="5" t="s">
        <v>1522</v>
      </c>
      <c r="S7044" s="5" t="s">
        <v>1523</v>
      </c>
      <c r="T7044" s="5" t="s">
        <v>42</v>
      </c>
      <c r="U7044" s="2">
        <v>3.2669999999999999</v>
      </c>
      <c r="V7044" s="2">
        <v>2.6539999999999999</v>
      </c>
      <c r="W7044" s="2">
        <v>1.7999999999999999E-2</v>
      </c>
      <c r="X7044" s="2">
        <v>139.1</v>
      </c>
      <c r="Y7044" s="2">
        <v>7.6</v>
      </c>
      <c r="Z7044" s="2">
        <v>16.7</v>
      </c>
      <c r="AA7044" s="5"/>
      <c r="AB7044" s="5" t="s">
        <v>43</v>
      </c>
      <c r="AC7044" s="5" t="s">
        <v>44</v>
      </c>
      <c r="AD7044" s="2"/>
      <c r="AE7044" s="1"/>
    </row>
    <row r="7045" spans="1:31" ht="14.45">
      <c r="A7045" s="11"/>
      <c r="B7045" s="20"/>
      <c r="C7045" s="2" t="s">
        <v>21607</v>
      </c>
      <c r="D7045" s="14" t="s">
        <v>21608</v>
      </c>
      <c r="E7045" s="2" t="s">
        <v>21609</v>
      </c>
      <c r="F7045" s="2" t="s">
        <v>7547</v>
      </c>
      <c r="G7045" s="8">
        <v>275</v>
      </c>
      <c r="H7045" s="5">
        <v>6</v>
      </c>
      <c r="I7045" s="5" t="s">
        <v>1518</v>
      </c>
      <c r="J7045" s="5" t="s">
        <v>1519</v>
      </c>
      <c r="K7045" s="2" t="s">
        <v>1520</v>
      </c>
      <c r="L7045" s="5" t="s">
        <v>1519</v>
      </c>
      <c r="M7045" s="2" t="s">
        <v>1520</v>
      </c>
      <c r="N7045" s="5" t="s">
        <v>1521</v>
      </c>
      <c r="O7045" s="5" t="s">
        <v>38</v>
      </c>
      <c r="P7045" s="5" t="s">
        <v>39</v>
      </c>
      <c r="Q7045" s="5" t="s">
        <v>40</v>
      </c>
      <c r="R7045" s="5" t="s">
        <v>1522</v>
      </c>
      <c r="S7045" s="5" t="s">
        <v>1523</v>
      </c>
      <c r="T7045" s="5" t="s">
        <v>42</v>
      </c>
      <c r="U7045" s="2">
        <v>3.1389999999999998</v>
      </c>
      <c r="V7045" s="2">
        <v>2.5259999999999998</v>
      </c>
      <c r="W7045" s="2">
        <v>1.7999999999999999E-2</v>
      </c>
      <c r="X7045" s="2">
        <v>139.1</v>
      </c>
      <c r="Y7045" s="2">
        <v>7.6</v>
      </c>
      <c r="Z7045" s="2">
        <v>16.7</v>
      </c>
      <c r="AA7045" s="5"/>
      <c r="AB7045" s="5" t="s">
        <v>43</v>
      </c>
      <c r="AC7045" s="5" t="s">
        <v>44</v>
      </c>
      <c r="AD7045" s="2"/>
      <c r="AE7045" s="1"/>
    </row>
    <row r="7046" spans="1:31" ht="14.45">
      <c r="A7046" s="11"/>
      <c r="B7046" s="20"/>
      <c r="C7046" s="2" t="s">
        <v>21610</v>
      </c>
      <c r="D7046" s="14" t="s">
        <v>21611</v>
      </c>
      <c r="E7046" s="2" t="s">
        <v>21612</v>
      </c>
      <c r="F7046" s="2" t="s">
        <v>7551</v>
      </c>
      <c r="G7046" s="8">
        <v>275</v>
      </c>
      <c r="H7046" s="5">
        <v>6</v>
      </c>
      <c r="I7046" s="5" t="s">
        <v>1518</v>
      </c>
      <c r="J7046" s="5" t="s">
        <v>1519</v>
      </c>
      <c r="K7046" s="2" t="s">
        <v>1520</v>
      </c>
      <c r="L7046" s="5" t="s">
        <v>1519</v>
      </c>
      <c r="M7046" s="2" t="s">
        <v>1520</v>
      </c>
      <c r="N7046" s="5" t="s">
        <v>1521</v>
      </c>
      <c r="O7046" s="5" t="s">
        <v>38</v>
      </c>
      <c r="P7046" s="5" t="s">
        <v>39</v>
      </c>
      <c r="Q7046" s="5" t="s">
        <v>40</v>
      </c>
      <c r="R7046" s="5" t="s">
        <v>1522</v>
      </c>
      <c r="S7046" s="5" t="s">
        <v>1523</v>
      </c>
      <c r="T7046" s="5" t="s">
        <v>42</v>
      </c>
      <c r="U7046" s="2">
        <v>3.2410000000000001</v>
      </c>
      <c r="V7046" s="2">
        <v>2.6280000000000001</v>
      </c>
      <c r="W7046" s="2">
        <v>1.7999999999999999E-2</v>
      </c>
      <c r="X7046" s="2">
        <v>139.1</v>
      </c>
      <c r="Y7046" s="2">
        <v>7.6</v>
      </c>
      <c r="Z7046" s="2">
        <v>16.7</v>
      </c>
      <c r="AA7046" s="5"/>
      <c r="AB7046" s="5" t="s">
        <v>43</v>
      </c>
      <c r="AC7046" s="5" t="s">
        <v>44</v>
      </c>
      <c r="AD7046" s="2"/>
      <c r="AE7046" s="1"/>
    </row>
    <row r="7047" spans="1:31" ht="14.45">
      <c r="A7047" s="11"/>
      <c r="B7047" s="20"/>
      <c r="C7047" s="2" t="s">
        <v>21613</v>
      </c>
      <c r="D7047" s="14" t="s">
        <v>21614</v>
      </c>
      <c r="E7047" s="2" t="s">
        <v>21615</v>
      </c>
      <c r="F7047" s="2" t="s">
        <v>7555</v>
      </c>
      <c r="G7047" s="8">
        <v>275</v>
      </c>
      <c r="H7047" s="5">
        <v>6</v>
      </c>
      <c r="I7047" s="5" t="s">
        <v>1518</v>
      </c>
      <c r="J7047" s="5" t="s">
        <v>1519</v>
      </c>
      <c r="K7047" s="2" t="s">
        <v>1520</v>
      </c>
      <c r="L7047" s="5" t="s">
        <v>1519</v>
      </c>
      <c r="M7047" s="2" t="s">
        <v>1520</v>
      </c>
      <c r="N7047" s="5" t="s">
        <v>1521</v>
      </c>
      <c r="O7047" s="5" t="s">
        <v>38</v>
      </c>
      <c r="P7047" s="5" t="s">
        <v>39</v>
      </c>
      <c r="Q7047" s="5" t="s">
        <v>40</v>
      </c>
      <c r="R7047" s="5" t="s">
        <v>1522</v>
      </c>
      <c r="S7047" s="5" t="s">
        <v>1523</v>
      </c>
      <c r="T7047" s="5" t="s">
        <v>42</v>
      </c>
      <c r="U7047" s="2">
        <v>3.1389999999999998</v>
      </c>
      <c r="V7047" s="2">
        <v>2.5259999999999998</v>
      </c>
      <c r="W7047" s="2">
        <v>1.7999999999999999E-2</v>
      </c>
      <c r="X7047" s="2">
        <v>139.1</v>
      </c>
      <c r="Y7047" s="2">
        <v>7.6</v>
      </c>
      <c r="Z7047" s="2">
        <v>16.7</v>
      </c>
      <c r="AA7047" s="5"/>
      <c r="AB7047" s="5" t="s">
        <v>43</v>
      </c>
      <c r="AC7047" s="5" t="s">
        <v>44</v>
      </c>
      <c r="AD7047" s="2"/>
      <c r="AE7047" s="1"/>
    </row>
    <row r="7048" spans="1:31" ht="14.45">
      <c r="A7048" s="11"/>
      <c r="B7048" s="20"/>
      <c r="C7048" s="2" t="s">
        <v>21616</v>
      </c>
      <c r="D7048" s="14" t="s">
        <v>21617</v>
      </c>
      <c r="E7048" s="2" t="s">
        <v>21618</v>
      </c>
      <c r="F7048" s="2" t="s">
        <v>7563</v>
      </c>
      <c r="G7048" s="8">
        <v>275</v>
      </c>
      <c r="H7048" s="5">
        <v>6</v>
      </c>
      <c r="I7048" s="5" t="s">
        <v>1518</v>
      </c>
      <c r="J7048" s="5" t="s">
        <v>1519</v>
      </c>
      <c r="K7048" s="2" t="s">
        <v>1520</v>
      </c>
      <c r="L7048" s="5" t="s">
        <v>1519</v>
      </c>
      <c r="M7048" s="2" t="s">
        <v>1520</v>
      </c>
      <c r="N7048" s="5" t="s">
        <v>1521</v>
      </c>
      <c r="O7048" s="5" t="s">
        <v>38</v>
      </c>
      <c r="P7048" s="5" t="s">
        <v>39</v>
      </c>
      <c r="Q7048" s="5" t="s">
        <v>40</v>
      </c>
      <c r="R7048" s="5" t="s">
        <v>1522</v>
      </c>
      <c r="S7048" s="5" t="s">
        <v>1523</v>
      </c>
      <c r="T7048" s="5" t="s">
        <v>42</v>
      </c>
      <c r="U7048" s="2">
        <v>3.165</v>
      </c>
      <c r="V7048" s="2">
        <v>2.552</v>
      </c>
      <c r="W7048" s="2">
        <v>1.7999999999999999E-2</v>
      </c>
      <c r="X7048" s="2">
        <v>139.1</v>
      </c>
      <c r="Y7048" s="2">
        <v>7.6</v>
      </c>
      <c r="Z7048" s="2">
        <v>16.7</v>
      </c>
      <c r="AA7048" s="5"/>
      <c r="AB7048" s="5" t="s">
        <v>43</v>
      </c>
      <c r="AC7048" s="5" t="s">
        <v>44</v>
      </c>
      <c r="AD7048" s="2"/>
      <c r="AE7048" s="1"/>
    </row>
    <row r="7049" spans="1:31" ht="14.45">
      <c r="A7049" s="11"/>
      <c r="B7049" s="20"/>
      <c r="C7049" s="2" t="s">
        <v>21619</v>
      </c>
      <c r="D7049" s="14" t="s">
        <v>21620</v>
      </c>
      <c r="E7049" s="2" t="s">
        <v>21621</v>
      </c>
      <c r="F7049" s="2" t="s">
        <v>7567</v>
      </c>
      <c r="G7049" s="8">
        <v>275</v>
      </c>
      <c r="H7049" s="5">
        <v>6</v>
      </c>
      <c r="I7049" s="5" t="s">
        <v>1518</v>
      </c>
      <c r="J7049" s="5" t="s">
        <v>1519</v>
      </c>
      <c r="K7049" s="2" t="s">
        <v>1520</v>
      </c>
      <c r="L7049" s="5" t="s">
        <v>1519</v>
      </c>
      <c r="M7049" s="2" t="s">
        <v>1520</v>
      </c>
      <c r="N7049" s="5" t="s">
        <v>1521</v>
      </c>
      <c r="O7049" s="5" t="s">
        <v>38</v>
      </c>
      <c r="P7049" s="5" t="s">
        <v>39</v>
      </c>
      <c r="Q7049" s="5" t="s">
        <v>40</v>
      </c>
      <c r="R7049" s="5" t="s">
        <v>1522</v>
      </c>
      <c r="S7049" s="5" t="s">
        <v>1523</v>
      </c>
      <c r="T7049" s="5" t="s">
        <v>42</v>
      </c>
      <c r="U7049" s="2">
        <v>3.2669999999999999</v>
      </c>
      <c r="V7049" s="2">
        <v>2.6539999999999999</v>
      </c>
      <c r="W7049" s="2">
        <v>1.7999999999999999E-2</v>
      </c>
      <c r="X7049" s="2">
        <v>139.1</v>
      </c>
      <c r="Y7049" s="2">
        <v>7.6</v>
      </c>
      <c r="Z7049" s="2">
        <v>16.7</v>
      </c>
      <c r="AA7049" s="5"/>
      <c r="AB7049" s="5" t="s">
        <v>43</v>
      </c>
      <c r="AC7049" s="5" t="s">
        <v>44</v>
      </c>
      <c r="AD7049" s="2"/>
      <c r="AE7049" s="1"/>
    </row>
    <row r="7050" spans="1:31" ht="14.45">
      <c r="A7050" s="11"/>
      <c r="B7050" s="20"/>
      <c r="C7050" s="2" t="s">
        <v>21622</v>
      </c>
      <c r="D7050" s="14" t="s">
        <v>21623</v>
      </c>
      <c r="E7050" s="2" t="s">
        <v>21624</v>
      </c>
      <c r="F7050" s="2" t="s">
        <v>7449</v>
      </c>
      <c r="G7050" s="8">
        <v>275</v>
      </c>
      <c r="H7050" s="5">
        <v>6</v>
      </c>
      <c r="I7050" s="5" t="s">
        <v>1518</v>
      </c>
      <c r="J7050" s="5" t="s">
        <v>1519</v>
      </c>
      <c r="K7050" s="2" t="s">
        <v>1520</v>
      </c>
      <c r="L7050" s="5" t="s">
        <v>1519</v>
      </c>
      <c r="M7050" s="2" t="s">
        <v>1520</v>
      </c>
      <c r="N7050" s="5" t="s">
        <v>1521</v>
      </c>
      <c r="O7050" s="5" t="s">
        <v>38</v>
      </c>
      <c r="P7050" s="5" t="s">
        <v>39</v>
      </c>
      <c r="Q7050" s="5" t="s">
        <v>40</v>
      </c>
      <c r="R7050" s="5" t="s">
        <v>1522</v>
      </c>
      <c r="S7050" s="5" t="s">
        <v>1523</v>
      </c>
      <c r="T7050" s="5" t="s">
        <v>42</v>
      </c>
      <c r="U7050" s="2">
        <v>3.165</v>
      </c>
      <c r="V7050" s="2">
        <v>2.552</v>
      </c>
      <c r="W7050" s="2">
        <v>1.7999999999999999E-2</v>
      </c>
      <c r="X7050" s="2">
        <v>139.1</v>
      </c>
      <c r="Y7050" s="2">
        <v>7.6</v>
      </c>
      <c r="Z7050" s="2">
        <v>16.7</v>
      </c>
      <c r="AA7050" s="5"/>
      <c r="AB7050" s="5" t="s">
        <v>43</v>
      </c>
      <c r="AC7050" s="5" t="s">
        <v>44</v>
      </c>
      <c r="AD7050" s="2"/>
      <c r="AE7050" s="1"/>
    </row>
    <row r="7051" spans="1:31" ht="14.45">
      <c r="A7051" s="11"/>
      <c r="B7051" s="20"/>
      <c r="C7051" s="2" t="s">
        <v>21625</v>
      </c>
      <c r="D7051" s="14" t="s">
        <v>21626</v>
      </c>
      <c r="E7051" s="2" t="s">
        <v>21627</v>
      </c>
      <c r="F7051" s="2" t="s">
        <v>7581</v>
      </c>
      <c r="G7051" s="8">
        <v>275</v>
      </c>
      <c r="H7051" s="5">
        <v>6</v>
      </c>
      <c r="I7051" s="5" t="s">
        <v>1518</v>
      </c>
      <c r="J7051" s="5" t="s">
        <v>1519</v>
      </c>
      <c r="K7051" s="2" t="s">
        <v>1520</v>
      </c>
      <c r="L7051" s="5" t="s">
        <v>1519</v>
      </c>
      <c r="M7051" s="2" t="s">
        <v>1520</v>
      </c>
      <c r="N7051" s="5" t="s">
        <v>1521</v>
      </c>
      <c r="O7051" s="5" t="s">
        <v>38</v>
      </c>
      <c r="P7051" s="5" t="s">
        <v>39</v>
      </c>
      <c r="Q7051" s="5" t="s">
        <v>40</v>
      </c>
      <c r="R7051" s="5" t="s">
        <v>1522</v>
      </c>
      <c r="S7051" s="5" t="s">
        <v>1523</v>
      </c>
      <c r="T7051" s="5" t="s">
        <v>42</v>
      </c>
      <c r="U7051" s="2">
        <v>3.2669999999999999</v>
      </c>
      <c r="V7051" s="2">
        <v>2.6539999999999999</v>
      </c>
      <c r="W7051" s="2">
        <v>1.7999999999999999E-2</v>
      </c>
      <c r="X7051" s="2">
        <v>139.1</v>
      </c>
      <c r="Y7051" s="2">
        <v>7.6</v>
      </c>
      <c r="Z7051" s="2">
        <v>16.7</v>
      </c>
      <c r="AA7051" s="5"/>
      <c r="AB7051" s="5" t="s">
        <v>43</v>
      </c>
      <c r="AC7051" s="5" t="s">
        <v>44</v>
      </c>
      <c r="AD7051" s="2"/>
      <c r="AE7051" s="1"/>
    </row>
    <row r="7052" spans="1:31" ht="14.45">
      <c r="A7052" s="11"/>
      <c r="B7052" s="20"/>
      <c r="C7052" s="2" t="s">
        <v>21628</v>
      </c>
      <c r="D7052" s="14" t="s">
        <v>21629</v>
      </c>
      <c r="E7052" s="2" t="s">
        <v>21630</v>
      </c>
      <c r="F7052" s="2" t="s">
        <v>7589</v>
      </c>
      <c r="G7052" s="8">
        <v>275</v>
      </c>
      <c r="H7052" s="5">
        <v>6</v>
      </c>
      <c r="I7052" s="5" t="s">
        <v>1518</v>
      </c>
      <c r="J7052" s="5" t="s">
        <v>1519</v>
      </c>
      <c r="K7052" s="2" t="s">
        <v>1520</v>
      </c>
      <c r="L7052" s="5" t="s">
        <v>1519</v>
      </c>
      <c r="M7052" s="2" t="s">
        <v>1520</v>
      </c>
      <c r="N7052" s="5" t="s">
        <v>1521</v>
      </c>
      <c r="O7052" s="5" t="s">
        <v>38</v>
      </c>
      <c r="P7052" s="5" t="s">
        <v>39</v>
      </c>
      <c r="Q7052" s="5" t="s">
        <v>40</v>
      </c>
      <c r="R7052" s="5" t="s">
        <v>1522</v>
      </c>
      <c r="S7052" s="5" t="s">
        <v>1523</v>
      </c>
      <c r="T7052" s="5" t="s">
        <v>42</v>
      </c>
      <c r="U7052" s="2">
        <v>3.2410000000000001</v>
      </c>
      <c r="V7052" s="2">
        <v>2.6280000000000001</v>
      </c>
      <c r="W7052" s="2">
        <v>1.7999999999999999E-2</v>
      </c>
      <c r="X7052" s="2">
        <v>139.1</v>
      </c>
      <c r="Y7052" s="2">
        <v>7.6</v>
      </c>
      <c r="Z7052" s="2">
        <v>16.7</v>
      </c>
      <c r="AA7052" s="5"/>
      <c r="AB7052" s="5" t="s">
        <v>43</v>
      </c>
      <c r="AC7052" s="5" t="s">
        <v>44</v>
      </c>
      <c r="AD7052" s="2"/>
      <c r="AE7052" s="1"/>
    </row>
    <row r="7053" spans="1:31" ht="14.45">
      <c r="A7053" s="11"/>
      <c r="B7053" s="20"/>
      <c r="C7053" s="2" t="s">
        <v>21631</v>
      </c>
      <c r="D7053" s="14" t="s">
        <v>21632</v>
      </c>
      <c r="E7053" s="2" t="s">
        <v>21633</v>
      </c>
      <c r="F7053" s="2" t="s">
        <v>7597</v>
      </c>
      <c r="G7053" s="8">
        <v>275</v>
      </c>
      <c r="H7053" s="5">
        <v>6</v>
      </c>
      <c r="I7053" s="5" t="s">
        <v>1518</v>
      </c>
      <c r="J7053" s="5" t="s">
        <v>1519</v>
      </c>
      <c r="K7053" s="2" t="s">
        <v>1520</v>
      </c>
      <c r="L7053" s="5" t="s">
        <v>1519</v>
      </c>
      <c r="M7053" s="2" t="s">
        <v>1520</v>
      </c>
      <c r="N7053" s="5" t="s">
        <v>1521</v>
      </c>
      <c r="O7053" s="5" t="s">
        <v>38</v>
      </c>
      <c r="P7053" s="5" t="s">
        <v>39</v>
      </c>
      <c r="Q7053" s="5" t="s">
        <v>40</v>
      </c>
      <c r="R7053" s="5" t="s">
        <v>1522</v>
      </c>
      <c r="S7053" s="5" t="s">
        <v>1523</v>
      </c>
      <c r="T7053" s="5" t="s">
        <v>42</v>
      </c>
      <c r="U7053" s="2">
        <v>3.2669999999999999</v>
      </c>
      <c r="V7053" s="2">
        <v>2.6539999999999999</v>
      </c>
      <c r="W7053" s="2">
        <v>1.7999999999999999E-2</v>
      </c>
      <c r="X7053" s="2">
        <v>139.1</v>
      </c>
      <c r="Y7053" s="2">
        <v>7.6</v>
      </c>
      <c r="Z7053" s="2">
        <v>16.7</v>
      </c>
      <c r="AA7053" s="5"/>
      <c r="AB7053" s="5" t="s">
        <v>43</v>
      </c>
      <c r="AC7053" s="5" t="s">
        <v>44</v>
      </c>
      <c r="AD7053" s="2"/>
      <c r="AE7053" s="1"/>
    </row>
    <row r="7054" spans="1:31" ht="14.45">
      <c r="A7054" s="11"/>
      <c r="B7054" s="20"/>
      <c r="C7054" s="2" t="s">
        <v>21634</v>
      </c>
      <c r="D7054" s="14" t="s">
        <v>21635</v>
      </c>
      <c r="E7054" s="2" t="s">
        <v>21636</v>
      </c>
      <c r="F7054" s="2" t="s">
        <v>16014</v>
      </c>
      <c r="G7054" s="8">
        <v>275</v>
      </c>
      <c r="H7054" s="5">
        <v>6</v>
      </c>
      <c r="I7054" s="5" t="s">
        <v>1518</v>
      </c>
      <c r="J7054" s="5" t="s">
        <v>1519</v>
      </c>
      <c r="K7054" s="2" t="s">
        <v>1520</v>
      </c>
      <c r="L7054" s="5" t="s">
        <v>1519</v>
      </c>
      <c r="M7054" s="2" t="s">
        <v>1520</v>
      </c>
      <c r="N7054" s="5" t="s">
        <v>1521</v>
      </c>
      <c r="O7054" s="5" t="s">
        <v>38</v>
      </c>
      <c r="P7054" s="5" t="s">
        <v>39</v>
      </c>
      <c r="Q7054" s="5" t="s">
        <v>40</v>
      </c>
      <c r="R7054" s="5" t="s">
        <v>1522</v>
      </c>
      <c r="S7054" s="5" t="s">
        <v>1523</v>
      </c>
      <c r="T7054" s="5" t="s">
        <v>42</v>
      </c>
      <c r="U7054" s="2">
        <v>3.165</v>
      </c>
      <c r="V7054" s="2">
        <v>2.552</v>
      </c>
      <c r="W7054" s="2">
        <v>1.7999999999999999E-2</v>
      </c>
      <c r="X7054" s="2">
        <v>139.1</v>
      </c>
      <c r="Y7054" s="2">
        <v>7.6</v>
      </c>
      <c r="Z7054" s="2">
        <v>16.7</v>
      </c>
      <c r="AA7054" s="5"/>
      <c r="AB7054" s="5" t="s">
        <v>43</v>
      </c>
      <c r="AC7054" s="5" t="s">
        <v>44</v>
      </c>
      <c r="AD7054" s="2"/>
      <c r="AE7054" s="1"/>
    </row>
    <row r="7055" spans="1:31" ht="14.45">
      <c r="A7055" s="11"/>
      <c r="B7055" s="20"/>
      <c r="C7055" s="2" t="s">
        <v>21637</v>
      </c>
      <c r="D7055" s="14" t="s">
        <v>21638</v>
      </c>
      <c r="E7055" s="2" t="s">
        <v>21639</v>
      </c>
      <c r="F7055" s="2" t="s">
        <v>16018</v>
      </c>
      <c r="G7055" s="8">
        <v>275</v>
      </c>
      <c r="H7055" s="5">
        <v>6</v>
      </c>
      <c r="I7055" s="5" t="s">
        <v>1518</v>
      </c>
      <c r="J7055" s="5" t="s">
        <v>1519</v>
      </c>
      <c r="K7055" s="2" t="s">
        <v>1520</v>
      </c>
      <c r="L7055" s="5" t="s">
        <v>1519</v>
      </c>
      <c r="M7055" s="2" t="s">
        <v>1520</v>
      </c>
      <c r="N7055" s="5" t="s">
        <v>1521</v>
      </c>
      <c r="O7055" s="5" t="s">
        <v>38</v>
      </c>
      <c r="P7055" s="5" t="s">
        <v>39</v>
      </c>
      <c r="Q7055" s="5" t="s">
        <v>40</v>
      </c>
      <c r="R7055" s="5" t="s">
        <v>1522</v>
      </c>
      <c r="S7055" s="5" t="s">
        <v>1523</v>
      </c>
      <c r="T7055" s="5" t="s">
        <v>42</v>
      </c>
      <c r="U7055" s="2">
        <v>3.165</v>
      </c>
      <c r="V7055" s="2">
        <v>2.552</v>
      </c>
      <c r="W7055" s="2">
        <v>1.7999999999999999E-2</v>
      </c>
      <c r="X7055" s="2">
        <v>139.1</v>
      </c>
      <c r="Y7055" s="2">
        <v>7.6</v>
      </c>
      <c r="Z7055" s="2">
        <v>16.7</v>
      </c>
      <c r="AA7055" s="5"/>
      <c r="AB7055" s="5" t="s">
        <v>43</v>
      </c>
      <c r="AC7055" s="5" t="s">
        <v>44</v>
      </c>
      <c r="AD7055" s="2"/>
      <c r="AE7055" s="1"/>
    </row>
    <row r="7056" spans="1:31" ht="14.45">
      <c r="A7056" s="11"/>
      <c r="B7056" s="20"/>
      <c r="C7056" s="2" t="s">
        <v>21640</v>
      </c>
      <c r="D7056" s="14" t="s">
        <v>21641</v>
      </c>
      <c r="E7056" s="2" t="s">
        <v>21642</v>
      </c>
      <c r="F7056" s="2" t="s">
        <v>16022</v>
      </c>
      <c r="G7056" s="8">
        <v>275</v>
      </c>
      <c r="H7056" s="5">
        <v>6</v>
      </c>
      <c r="I7056" s="5" t="s">
        <v>1518</v>
      </c>
      <c r="J7056" s="5" t="s">
        <v>1519</v>
      </c>
      <c r="K7056" s="2" t="s">
        <v>1520</v>
      </c>
      <c r="L7056" s="5" t="s">
        <v>1519</v>
      </c>
      <c r="M7056" s="2" t="s">
        <v>1520</v>
      </c>
      <c r="N7056" s="5" t="s">
        <v>1521</v>
      </c>
      <c r="O7056" s="5" t="s">
        <v>38</v>
      </c>
      <c r="P7056" s="5" t="s">
        <v>39</v>
      </c>
      <c r="Q7056" s="5" t="s">
        <v>40</v>
      </c>
      <c r="R7056" s="5" t="s">
        <v>1522</v>
      </c>
      <c r="S7056" s="5" t="s">
        <v>1523</v>
      </c>
      <c r="T7056" s="5" t="s">
        <v>42</v>
      </c>
      <c r="U7056" s="2">
        <v>3.2669999999999999</v>
      </c>
      <c r="V7056" s="2">
        <v>2.6539999999999999</v>
      </c>
      <c r="W7056" s="2">
        <v>1.7999999999999999E-2</v>
      </c>
      <c r="X7056" s="2">
        <v>139.1</v>
      </c>
      <c r="Y7056" s="2">
        <v>7.6</v>
      </c>
      <c r="Z7056" s="2">
        <v>16.7</v>
      </c>
      <c r="AA7056" s="5"/>
      <c r="AB7056" s="5" t="s">
        <v>43</v>
      </c>
      <c r="AC7056" s="5" t="s">
        <v>44</v>
      </c>
      <c r="AD7056" s="2"/>
      <c r="AE7056" s="1"/>
    </row>
    <row r="7057" spans="1:31" ht="14.45">
      <c r="A7057" s="11"/>
      <c r="B7057" s="20"/>
      <c r="C7057" s="2" t="s">
        <v>21643</v>
      </c>
      <c r="D7057" s="14" t="s">
        <v>21644</v>
      </c>
      <c r="E7057" s="2" t="s">
        <v>21645</v>
      </c>
      <c r="F7057" s="2" t="s">
        <v>7615</v>
      </c>
      <c r="G7057" s="8">
        <v>275</v>
      </c>
      <c r="H7057" s="5">
        <v>6</v>
      </c>
      <c r="I7057" s="5" t="s">
        <v>1518</v>
      </c>
      <c r="J7057" s="5" t="s">
        <v>1519</v>
      </c>
      <c r="K7057" s="2" t="s">
        <v>1520</v>
      </c>
      <c r="L7057" s="5" t="s">
        <v>1519</v>
      </c>
      <c r="M7057" s="2" t="s">
        <v>1520</v>
      </c>
      <c r="N7057" s="5" t="s">
        <v>1521</v>
      </c>
      <c r="O7057" s="5" t="s">
        <v>38</v>
      </c>
      <c r="P7057" s="5" t="s">
        <v>39</v>
      </c>
      <c r="Q7057" s="5" t="s">
        <v>40</v>
      </c>
      <c r="R7057" s="5" t="s">
        <v>1522</v>
      </c>
      <c r="S7057" s="5" t="s">
        <v>1523</v>
      </c>
      <c r="T7057" s="5" t="s">
        <v>42</v>
      </c>
      <c r="U7057" s="2">
        <v>3.1389999999999998</v>
      </c>
      <c r="V7057" s="2">
        <v>2.5259999999999998</v>
      </c>
      <c r="W7057" s="2">
        <v>1.7999999999999999E-2</v>
      </c>
      <c r="X7057" s="2">
        <v>139.1</v>
      </c>
      <c r="Y7057" s="2">
        <v>7.6</v>
      </c>
      <c r="Z7057" s="2">
        <v>16.7</v>
      </c>
      <c r="AA7057" s="5"/>
      <c r="AB7057" s="5" t="s">
        <v>43</v>
      </c>
      <c r="AC7057" s="5" t="s">
        <v>44</v>
      </c>
      <c r="AD7057" s="2"/>
      <c r="AE7057" s="1"/>
    </row>
    <row r="7058" spans="1:31" ht="14.45">
      <c r="A7058" s="11"/>
      <c r="B7058" s="20"/>
      <c r="C7058" s="2" t="s">
        <v>21646</v>
      </c>
      <c r="D7058" s="14" t="s">
        <v>21647</v>
      </c>
      <c r="E7058" s="2" t="s">
        <v>21648</v>
      </c>
      <c r="F7058" s="2" t="s">
        <v>7619</v>
      </c>
      <c r="G7058" s="8">
        <v>275</v>
      </c>
      <c r="H7058" s="5">
        <v>6</v>
      </c>
      <c r="I7058" s="5" t="s">
        <v>1518</v>
      </c>
      <c r="J7058" s="5" t="s">
        <v>1519</v>
      </c>
      <c r="K7058" s="2" t="s">
        <v>1520</v>
      </c>
      <c r="L7058" s="5" t="s">
        <v>1519</v>
      </c>
      <c r="M7058" s="2" t="s">
        <v>1520</v>
      </c>
      <c r="N7058" s="5" t="s">
        <v>1521</v>
      </c>
      <c r="O7058" s="5" t="s">
        <v>38</v>
      </c>
      <c r="P7058" s="5" t="s">
        <v>39</v>
      </c>
      <c r="Q7058" s="5" t="s">
        <v>40</v>
      </c>
      <c r="R7058" s="5" t="s">
        <v>1522</v>
      </c>
      <c r="S7058" s="5" t="s">
        <v>1523</v>
      </c>
      <c r="T7058" s="5" t="s">
        <v>42</v>
      </c>
      <c r="U7058" s="2">
        <v>3.2410000000000001</v>
      </c>
      <c r="V7058" s="2">
        <v>2.6280000000000001</v>
      </c>
      <c r="W7058" s="2">
        <v>1.7999999999999999E-2</v>
      </c>
      <c r="X7058" s="2">
        <v>139.1</v>
      </c>
      <c r="Y7058" s="2">
        <v>7.6</v>
      </c>
      <c r="Z7058" s="2">
        <v>16.7</v>
      </c>
      <c r="AA7058" s="5"/>
      <c r="AB7058" s="5" t="s">
        <v>43</v>
      </c>
      <c r="AC7058" s="5" t="s">
        <v>44</v>
      </c>
      <c r="AD7058" s="2"/>
      <c r="AE7058" s="1"/>
    </row>
    <row r="7059" spans="1:31" ht="14.45">
      <c r="A7059" s="11"/>
      <c r="B7059" s="20"/>
      <c r="C7059" s="2" t="s">
        <v>21649</v>
      </c>
      <c r="D7059" s="14" t="s">
        <v>21650</v>
      </c>
      <c r="E7059" s="2" t="s">
        <v>21651</v>
      </c>
      <c r="F7059" s="2" t="s">
        <v>16029</v>
      </c>
      <c r="G7059" s="8">
        <v>275</v>
      </c>
      <c r="H7059" s="5">
        <v>11</v>
      </c>
      <c r="I7059" s="5" t="s">
        <v>1518</v>
      </c>
      <c r="J7059" s="5" t="s">
        <v>1519</v>
      </c>
      <c r="K7059" s="2" t="s">
        <v>1520</v>
      </c>
      <c r="L7059" s="5" t="s">
        <v>1519</v>
      </c>
      <c r="M7059" s="2" t="s">
        <v>1520</v>
      </c>
      <c r="N7059" s="5" t="s">
        <v>1521</v>
      </c>
      <c r="O7059" s="5" t="s">
        <v>38</v>
      </c>
      <c r="P7059" s="5" t="s">
        <v>39</v>
      </c>
      <c r="Q7059" s="5" t="s">
        <v>40</v>
      </c>
      <c r="R7059" s="5" t="s">
        <v>1522</v>
      </c>
      <c r="S7059" s="5" t="s">
        <v>1523</v>
      </c>
      <c r="T7059" s="5" t="s">
        <v>42</v>
      </c>
      <c r="U7059" s="2">
        <v>3.169</v>
      </c>
      <c r="V7059" s="2">
        <v>2.556</v>
      </c>
      <c r="W7059" s="2">
        <v>1.7999999999999999E-2</v>
      </c>
      <c r="X7059" s="2">
        <v>139.1</v>
      </c>
      <c r="Y7059" s="2">
        <v>7.6</v>
      </c>
      <c r="Z7059" s="2">
        <v>16.7</v>
      </c>
      <c r="AA7059" s="5"/>
      <c r="AB7059" s="5" t="s">
        <v>43</v>
      </c>
      <c r="AC7059" s="5" t="s">
        <v>44</v>
      </c>
      <c r="AD7059" s="2"/>
      <c r="AE7059" s="1"/>
    </row>
    <row r="7060" spans="1:31" ht="14.45">
      <c r="A7060" s="11"/>
      <c r="B7060" s="20"/>
      <c r="C7060" s="2" t="s">
        <v>21652</v>
      </c>
      <c r="D7060" s="14" t="s">
        <v>21653</v>
      </c>
      <c r="E7060" s="2" t="s">
        <v>21654</v>
      </c>
      <c r="F7060" s="2" t="s">
        <v>16033</v>
      </c>
      <c r="G7060" s="8">
        <v>275</v>
      </c>
      <c r="H7060" s="5">
        <v>11</v>
      </c>
      <c r="I7060" s="5" t="s">
        <v>1518</v>
      </c>
      <c r="J7060" s="5" t="s">
        <v>1519</v>
      </c>
      <c r="K7060" s="2" t="s">
        <v>1520</v>
      </c>
      <c r="L7060" s="5" t="s">
        <v>1519</v>
      </c>
      <c r="M7060" s="2" t="s">
        <v>1520</v>
      </c>
      <c r="N7060" s="5" t="s">
        <v>1521</v>
      </c>
      <c r="O7060" s="5" t="s">
        <v>38</v>
      </c>
      <c r="P7060" s="5" t="s">
        <v>39</v>
      </c>
      <c r="Q7060" s="5" t="s">
        <v>40</v>
      </c>
      <c r="R7060" s="5" t="s">
        <v>1522</v>
      </c>
      <c r="S7060" s="5" t="s">
        <v>1523</v>
      </c>
      <c r="T7060" s="5" t="s">
        <v>42</v>
      </c>
      <c r="U7060" s="2">
        <v>3.2709999999999999</v>
      </c>
      <c r="V7060" s="2">
        <v>2.6579999999999999</v>
      </c>
      <c r="W7060" s="2">
        <v>1.7999999999999999E-2</v>
      </c>
      <c r="X7060" s="2">
        <v>139.1</v>
      </c>
      <c r="Y7060" s="2">
        <v>7.6</v>
      </c>
      <c r="Z7060" s="2">
        <v>16.7</v>
      </c>
      <c r="AA7060" s="5"/>
      <c r="AB7060" s="5" t="s">
        <v>43</v>
      </c>
      <c r="AC7060" s="5" t="s">
        <v>44</v>
      </c>
      <c r="AD7060" s="2"/>
      <c r="AE7060" s="1"/>
    </row>
    <row r="7061" spans="1:31" ht="14.45">
      <c r="A7061" s="11"/>
      <c r="B7061" s="20"/>
      <c r="C7061" s="2" t="s">
        <v>21655</v>
      </c>
      <c r="D7061" s="14" t="s">
        <v>21656</v>
      </c>
      <c r="E7061" s="2" t="s">
        <v>21657</v>
      </c>
      <c r="F7061" s="2" t="s">
        <v>7396</v>
      </c>
      <c r="G7061" s="8">
        <v>237</v>
      </c>
      <c r="H7061" s="5">
        <v>6</v>
      </c>
      <c r="I7061" s="5" t="s">
        <v>1518</v>
      </c>
      <c r="J7061" s="5" t="s">
        <v>1519</v>
      </c>
      <c r="K7061" s="2" t="s">
        <v>1520</v>
      </c>
      <c r="L7061" s="5" t="s">
        <v>1519</v>
      </c>
      <c r="M7061" s="2" t="s">
        <v>1520</v>
      </c>
      <c r="N7061" s="5" t="s">
        <v>1521</v>
      </c>
      <c r="O7061" s="5" t="s">
        <v>38</v>
      </c>
      <c r="P7061" s="5" t="s">
        <v>39</v>
      </c>
      <c r="Q7061" s="5" t="s">
        <v>40</v>
      </c>
      <c r="R7061" s="5" t="s">
        <v>1522</v>
      </c>
      <c r="S7061" s="5" t="s">
        <v>1523</v>
      </c>
      <c r="T7061" s="5" t="s">
        <v>42</v>
      </c>
      <c r="U7061" s="2">
        <v>2.3130000000000002</v>
      </c>
      <c r="V7061" s="2">
        <v>1.7529999999999999</v>
      </c>
      <c r="W7061" s="2">
        <v>1.2999999999999999E-2</v>
      </c>
      <c r="X7061" s="2">
        <v>99.1</v>
      </c>
      <c r="Y7061" s="2">
        <v>7.6</v>
      </c>
      <c r="Z7061" s="2">
        <v>16.7</v>
      </c>
      <c r="AA7061" s="5"/>
      <c r="AB7061" s="5" t="s">
        <v>43</v>
      </c>
      <c r="AC7061" s="5" t="s">
        <v>44</v>
      </c>
      <c r="AD7061" s="2"/>
      <c r="AE7061" s="1"/>
    </row>
    <row r="7062" spans="1:31" ht="14.45">
      <c r="A7062" s="11"/>
      <c r="B7062" s="20"/>
      <c r="C7062" s="2" t="s">
        <v>21658</v>
      </c>
      <c r="D7062" s="14" t="s">
        <v>21659</v>
      </c>
      <c r="E7062" s="2" t="s">
        <v>21660</v>
      </c>
      <c r="F7062" s="2" t="s">
        <v>7507</v>
      </c>
      <c r="G7062" s="8">
        <v>237</v>
      </c>
      <c r="H7062" s="5">
        <v>6</v>
      </c>
      <c r="I7062" s="5" t="s">
        <v>1518</v>
      </c>
      <c r="J7062" s="5" t="s">
        <v>1519</v>
      </c>
      <c r="K7062" s="2" t="s">
        <v>1520</v>
      </c>
      <c r="L7062" s="5" t="s">
        <v>1519</v>
      </c>
      <c r="M7062" s="2" t="s">
        <v>1520</v>
      </c>
      <c r="N7062" s="5" t="s">
        <v>1521</v>
      </c>
      <c r="O7062" s="5" t="s">
        <v>38</v>
      </c>
      <c r="P7062" s="5" t="s">
        <v>39</v>
      </c>
      <c r="Q7062" s="5" t="s">
        <v>40</v>
      </c>
      <c r="R7062" s="5" t="s">
        <v>1522</v>
      </c>
      <c r="S7062" s="5" t="s">
        <v>1523</v>
      </c>
      <c r="T7062" s="5" t="s">
        <v>42</v>
      </c>
      <c r="U7062" s="2">
        <v>2.3610000000000002</v>
      </c>
      <c r="V7062" s="2">
        <v>1.8009999999999999</v>
      </c>
      <c r="W7062" s="2">
        <v>1.2999999999999999E-2</v>
      </c>
      <c r="X7062" s="2">
        <v>99.1</v>
      </c>
      <c r="Y7062" s="2">
        <v>7.6</v>
      </c>
      <c r="Z7062" s="2">
        <v>16.7</v>
      </c>
      <c r="AA7062" s="5"/>
      <c r="AB7062" s="5" t="s">
        <v>43</v>
      </c>
      <c r="AC7062" s="5" t="s">
        <v>44</v>
      </c>
      <c r="AD7062" s="2"/>
      <c r="AE7062" s="1"/>
    </row>
    <row r="7063" spans="1:31" ht="14.45">
      <c r="A7063" s="11"/>
      <c r="B7063" s="20"/>
      <c r="C7063" s="2" t="s">
        <v>21661</v>
      </c>
      <c r="D7063" s="14" t="s">
        <v>21662</v>
      </c>
      <c r="E7063" s="2" t="s">
        <v>21663</v>
      </c>
      <c r="F7063" s="2" t="s">
        <v>7204</v>
      </c>
      <c r="G7063" s="8">
        <v>237</v>
      </c>
      <c r="H7063" s="5">
        <v>6</v>
      </c>
      <c r="I7063" s="5" t="s">
        <v>1518</v>
      </c>
      <c r="J7063" s="5" t="s">
        <v>1519</v>
      </c>
      <c r="K7063" s="2" t="s">
        <v>1520</v>
      </c>
      <c r="L7063" s="5" t="s">
        <v>1519</v>
      </c>
      <c r="M7063" s="2" t="s">
        <v>1520</v>
      </c>
      <c r="N7063" s="5" t="s">
        <v>1521</v>
      </c>
      <c r="O7063" s="5" t="s">
        <v>38</v>
      </c>
      <c r="P7063" s="5" t="s">
        <v>39</v>
      </c>
      <c r="Q7063" s="5" t="s">
        <v>40</v>
      </c>
      <c r="R7063" s="5" t="s">
        <v>1522</v>
      </c>
      <c r="S7063" s="5" t="s">
        <v>1523</v>
      </c>
      <c r="T7063" s="5" t="s">
        <v>42</v>
      </c>
      <c r="U7063" s="2">
        <v>2.3159999999999998</v>
      </c>
      <c r="V7063" s="2">
        <v>1.756</v>
      </c>
      <c r="W7063" s="2">
        <v>1.2999999999999999E-2</v>
      </c>
      <c r="X7063" s="2">
        <v>99.1</v>
      </c>
      <c r="Y7063" s="2">
        <v>7.6</v>
      </c>
      <c r="Z7063" s="2">
        <v>16.7</v>
      </c>
      <c r="AA7063" s="5"/>
      <c r="AB7063" s="5" t="s">
        <v>43</v>
      </c>
      <c r="AC7063" s="5" t="s">
        <v>44</v>
      </c>
      <c r="AD7063" s="2"/>
      <c r="AE7063" s="1"/>
    </row>
    <row r="7064" spans="1:31" ht="14.45">
      <c r="A7064" s="11"/>
      <c r="B7064" s="20"/>
      <c r="C7064" s="2" t="s">
        <v>21664</v>
      </c>
      <c r="D7064" s="14" t="s">
        <v>21665</v>
      </c>
      <c r="E7064" s="2" t="s">
        <v>21666</v>
      </c>
      <c r="F7064" s="2" t="s">
        <v>7514</v>
      </c>
      <c r="G7064" s="8">
        <v>237</v>
      </c>
      <c r="H7064" s="5">
        <v>6</v>
      </c>
      <c r="I7064" s="5" t="s">
        <v>1518</v>
      </c>
      <c r="J7064" s="5" t="s">
        <v>1519</v>
      </c>
      <c r="K7064" s="2" t="s">
        <v>1520</v>
      </c>
      <c r="L7064" s="5" t="s">
        <v>1519</v>
      </c>
      <c r="M7064" s="2" t="s">
        <v>1520</v>
      </c>
      <c r="N7064" s="5" t="s">
        <v>1521</v>
      </c>
      <c r="O7064" s="5" t="s">
        <v>38</v>
      </c>
      <c r="P7064" s="5" t="s">
        <v>39</v>
      </c>
      <c r="Q7064" s="5" t="s">
        <v>40</v>
      </c>
      <c r="R7064" s="5" t="s">
        <v>1522</v>
      </c>
      <c r="S7064" s="5" t="s">
        <v>1523</v>
      </c>
      <c r="T7064" s="5" t="s">
        <v>42</v>
      </c>
      <c r="U7064" s="2">
        <v>2.3639999999999999</v>
      </c>
      <c r="V7064" s="2">
        <v>1.804</v>
      </c>
      <c r="W7064" s="2">
        <v>1.2999999999999999E-2</v>
      </c>
      <c r="X7064" s="2">
        <v>99.1</v>
      </c>
      <c r="Y7064" s="2">
        <v>7.6</v>
      </c>
      <c r="Z7064" s="2">
        <v>16.7</v>
      </c>
      <c r="AA7064" s="5"/>
      <c r="AB7064" s="5" t="s">
        <v>43</v>
      </c>
      <c r="AC7064" s="5" t="s">
        <v>44</v>
      </c>
      <c r="AD7064" s="2"/>
      <c r="AE7064" s="1"/>
    </row>
    <row r="7065" spans="1:31" ht="14.45">
      <c r="A7065" s="11"/>
      <c r="B7065" s="20"/>
      <c r="C7065" s="2" t="s">
        <v>21667</v>
      </c>
      <c r="D7065" s="14" t="s">
        <v>21668</v>
      </c>
      <c r="E7065" s="2" t="s">
        <v>21669</v>
      </c>
      <c r="F7065" s="2" t="s">
        <v>7208</v>
      </c>
      <c r="G7065" s="8">
        <v>237</v>
      </c>
      <c r="H7065" s="5">
        <v>6</v>
      </c>
      <c r="I7065" s="5" t="s">
        <v>1518</v>
      </c>
      <c r="J7065" s="5" t="s">
        <v>1519</v>
      </c>
      <c r="K7065" s="2" t="s">
        <v>1520</v>
      </c>
      <c r="L7065" s="5" t="s">
        <v>1519</v>
      </c>
      <c r="M7065" s="2" t="s">
        <v>1520</v>
      </c>
      <c r="N7065" s="5" t="s">
        <v>1521</v>
      </c>
      <c r="O7065" s="5" t="s">
        <v>38</v>
      </c>
      <c r="P7065" s="5" t="s">
        <v>39</v>
      </c>
      <c r="Q7065" s="5" t="s">
        <v>40</v>
      </c>
      <c r="R7065" s="5" t="s">
        <v>1522</v>
      </c>
      <c r="S7065" s="5" t="s">
        <v>1523</v>
      </c>
      <c r="T7065" s="5" t="s">
        <v>42</v>
      </c>
      <c r="U7065" s="2">
        <v>2.3159999999999998</v>
      </c>
      <c r="V7065" s="2">
        <v>1.756</v>
      </c>
      <c r="W7065" s="2">
        <v>1.2999999999999999E-2</v>
      </c>
      <c r="X7065" s="2">
        <v>99.1</v>
      </c>
      <c r="Y7065" s="2">
        <v>7.6</v>
      </c>
      <c r="Z7065" s="2">
        <v>16.7</v>
      </c>
      <c r="AA7065" s="5"/>
      <c r="AB7065" s="5" t="s">
        <v>43</v>
      </c>
      <c r="AC7065" s="5" t="s">
        <v>44</v>
      </c>
      <c r="AD7065" s="2"/>
      <c r="AE7065" s="1"/>
    </row>
    <row r="7066" spans="1:31" ht="14.45">
      <c r="A7066" s="11"/>
      <c r="B7066" s="20"/>
      <c r="C7066" s="2" t="s">
        <v>21670</v>
      </c>
      <c r="D7066" s="14" t="s">
        <v>21671</v>
      </c>
      <c r="E7066" s="2" t="s">
        <v>21672</v>
      </c>
      <c r="F7066" s="2" t="s">
        <v>7521</v>
      </c>
      <c r="G7066" s="8">
        <v>237</v>
      </c>
      <c r="H7066" s="5">
        <v>6</v>
      </c>
      <c r="I7066" s="5" t="s">
        <v>1518</v>
      </c>
      <c r="J7066" s="5" t="s">
        <v>1519</v>
      </c>
      <c r="K7066" s="2" t="s">
        <v>1520</v>
      </c>
      <c r="L7066" s="5" t="s">
        <v>1519</v>
      </c>
      <c r="M7066" s="2" t="s">
        <v>1520</v>
      </c>
      <c r="N7066" s="5" t="s">
        <v>1521</v>
      </c>
      <c r="O7066" s="5" t="s">
        <v>38</v>
      </c>
      <c r="P7066" s="5" t="s">
        <v>39</v>
      </c>
      <c r="Q7066" s="5" t="s">
        <v>40</v>
      </c>
      <c r="R7066" s="5" t="s">
        <v>1522</v>
      </c>
      <c r="S7066" s="5" t="s">
        <v>1523</v>
      </c>
      <c r="T7066" s="5" t="s">
        <v>42</v>
      </c>
      <c r="U7066" s="2">
        <v>2.3639999999999999</v>
      </c>
      <c r="V7066" s="2">
        <v>1.804</v>
      </c>
      <c r="W7066" s="2">
        <v>1.2999999999999999E-2</v>
      </c>
      <c r="X7066" s="2">
        <v>99.1</v>
      </c>
      <c r="Y7066" s="2">
        <v>7.6</v>
      </c>
      <c r="Z7066" s="2">
        <v>16.7</v>
      </c>
      <c r="AA7066" s="5"/>
      <c r="AB7066" s="5" t="s">
        <v>43</v>
      </c>
      <c r="AC7066" s="5" t="s">
        <v>44</v>
      </c>
      <c r="AD7066" s="2"/>
      <c r="AE7066" s="1"/>
    </row>
    <row r="7067" spans="1:31" ht="14.45">
      <c r="A7067" s="11"/>
      <c r="B7067" s="20"/>
      <c r="C7067" s="2" t="s">
        <v>21673</v>
      </c>
      <c r="D7067" s="14" t="s">
        <v>21674</v>
      </c>
      <c r="E7067" s="2" t="s">
        <v>21675</v>
      </c>
      <c r="F7067" s="2" t="s">
        <v>7212</v>
      </c>
      <c r="G7067" s="8">
        <v>237</v>
      </c>
      <c r="H7067" s="5">
        <v>6</v>
      </c>
      <c r="I7067" s="5" t="s">
        <v>1518</v>
      </c>
      <c r="J7067" s="5" t="s">
        <v>1519</v>
      </c>
      <c r="K7067" s="2" t="s">
        <v>1520</v>
      </c>
      <c r="L7067" s="5" t="s">
        <v>1519</v>
      </c>
      <c r="M7067" s="2" t="s">
        <v>1520</v>
      </c>
      <c r="N7067" s="5" t="s">
        <v>1521</v>
      </c>
      <c r="O7067" s="5" t="s">
        <v>38</v>
      </c>
      <c r="P7067" s="5" t="s">
        <v>39</v>
      </c>
      <c r="Q7067" s="5" t="s">
        <v>40</v>
      </c>
      <c r="R7067" s="5" t="s">
        <v>1522</v>
      </c>
      <c r="S7067" s="5" t="s">
        <v>1523</v>
      </c>
      <c r="T7067" s="5" t="s">
        <v>42</v>
      </c>
      <c r="U7067" s="2">
        <v>2.3069999999999999</v>
      </c>
      <c r="V7067" s="2">
        <v>1.7470000000000001</v>
      </c>
      <c r="W7067" s="2">
        <v>1.2999999999999999E-2</v>
      </c>
      <c r="X7067" s="2">
        <v>99.1</v>
      </c>
      <c r="Y7067" s="2">
        <v>7.6</v>
      </c>
      <c r="Z7067" s="2">
        <v>16.7</v>
      </c>
      <c r="AA7067" s="5"/>
      <c r="AB7067" s="5" t="s">
        <v>43</v>
      </c>
      <c r="AC7067" s="5" t="s">
        <v>44</v>
      </c>
      <c r="AD7067" s="2"/>
      <c r="AE7067" s="1"/>
    </row>
    <row r="7068" spans="1:31" ht="14.45">
      <c r="A7068" s="11"/>
      <c r="B7068" s="20"/>
      <c r="C7068" s="2" t="s">
        <v>21676</v>
      </c>
      <c r="D7068" s="14" t="s">
        <v>21677</v>
      </c>
      <c r="E7068" s="2" t="s">
        <v>21678</v>
      </c>
      <c r="F7068" s="2" t="s">
        <v>7528</v>
      </c>
      <c r="G7068" s="8">
        <v>237</v>
      </c>
      <c r="H7068" s="5">
        <v>6</v>
      </c>
      <c r="I7068" s="5" t="s">
        <v>1518</v>
      </c>
      <c r="J7068" s="5" t="s">
        <v>1519</v>
      </c>
      <c r="K7068" s="2" t="s">
        <v>1520</v>
      </c>
      <c r="L7068" s="5" t="s">
        <v>1519</v>
      </c>
      <c r="M7068" s="2" t="s">
        <v>1520</v>
      </c>
      <c r="N7068" s="5" t="s">
        <v>1521</v>
      </c>
      <c r="O7068" s="5" t="s">
        <v>38</v>
      </c>
      <c r="P7068" s="5" t="s">
        <v>39</v>
      </c>
      <c r="Q7068" s="5" t="s">
        <v>40</v>
      </c>
      <c r="R7068" s="5" t="s">
        <v>1522</v>
      </c>
      <c r="S7068" s="5" t="s">
        <v>1523</v>
      </c>
      <c r="T7068" s="5" t="s">
        <v>42</v>
      </c>
      <c r="U7068" s="2">
        <v>2.355</v>
      </c>
      <c r="V7068" s="2">
        <v>1.7949999999999999</v>
      </c>
      <c r="W7068" s="2">
        <v>1.2999999999999999E-2</v>
      </c>
      <c r="X7068" s="2">
        <v>99.1</v>
      </c>
      <c r="Y7068" s="2">
        <v>7.6</v>
      </c>
      <c r="Z7068" s="2">
        <v>16.7</v>
      </c>
      <c r="AA7068" s="5"/>
      <c r="AB7068" s="5" t="s">
        <v>43</v>
      </c>
      <c r="AC7068" s="5" t="s">
        <v>44</v>
      </c>
      <c r="AD7068" s="2"/>
      <c r="AE7068" s="1"/>
    </row>
    <row r="7069" spans="1:31" ht="14.45">
      <c r="A7069" s="11"/>
      <c r="B7069" s="20"/>
      <c r="C7069" s="2" t="s">
        <v>21679</v>
      </c>
      <c r="D7069" s="14" t="s">
        <v>21680</v>
      </c>
      <c r="E7069" s="2" t="s">
        <v>21681</v>
      </c>
      <c r="F7069" s="2" t="s">
        <v>7539</v>
      </c>
      <c r="G7069" s="8">
        <v>253</v>
      </c>
      <c r="H7069" s="5">
        <v>6</v>
      </c>
      <c r="I7069" s="5" t="s">
        <v>1518</v>
      </c>
      <c r="J7069" s="5" t="s">
        <v>1519</v>
      </c>
      <c r="K7069" s="2" t="s">
        <v>1520</v>
      </c>
      <c r="L7069" s="5" t="s">
        <v>1519</v>
      </c>
      <c r="M7069" s="2" t="s">
        <v>1520</v>
      </c>
      <c r="N7069" s="5" t="s">
        <v>1521</v>
      </c>
      <c r="O7069" s="5" t="s">
        <v>38</v>
      </c>
      <c r="P7069" s="5" t="s">
        <v>39</v>
      </c>
      <c r="Q7069" s="5" t="s">
        <v>40</v>
      </c>
      <c r="R7069" s="5" t="s">
        <v>1522</v>
      </c>
      <c r="S7069" s="5" t="s">
        <v>1523</v>
      </c>
      <c r="T7069" s="5" t="s">
        <v>42</v>
      </c>
      <c r="U7069" s="2">
        <v>2.3159999999999998</v>
      </c>
      <c r="V7069" s="2">
        <v>1.756</v>
      </c>
      <c r="W7069" s="2">
        <v>1.2999999999999999E-2</v>
      </c>
      <c r="X7069" s="2">
        <v>99.1</v>
      </c>
      <c r="Y7069" s="2">
        <v>7.6</v>
      </c>
      <c r="Z7069" s="2">
        <v>16.7</v>
      </c>
      <c r="AA7069" s="5"/>
      <c r="AB7069" s="5" t="s">
        <v>43</v>
      </c>
      <c r="AC7069" s="5" t="s">
        <v>44</v>
      </c>
      <c r="AD7069" s="2"/>
      <c r="AE7069" s="1"/>
    </row>
    <row r="7070" spans="1:31" ht="14.45">
      <c r="A7070" s="11"/>
      <c r="B7070" s="20"/>
      <c r="C7070" s="2" t="s">
        <v>21682</v>
      </c>
      <c r="D7070" s="14" t="s">
        <v>21683</v>
      </c>
      <c r="E7070" s="2" t="s">
        <v>21684</v>
      </c>
      <c r="F7070" s="2" t="s">
        <v>7543</v>
      </c>
      <c r="G7070" s="8">
        <v>253</v>
      </c>
      <c r="H7070" s="5">
        <v>6</v>
      </c>
      <c r="I7070" s="5" t="s">
        <v>1518</v>
      </c>
      <c r="J7070" s="5" t="s">
        <v>1519</v>
      </c>
      <c r="K7070" s="2" t="s">
        <v>1520</v>
      </c>
      <c r="L7070" s="5" t="s">
        <v>1519</v>
      </c>
      <c r="M7070" s="2" t="s">
        <v>1520</v>
      </c>
      <c r="N7070" s="5" t="s">
        <v>1521</v>
      </c>
      <c r="O7070" s="5" t="s">
        <v>38</v>
      </c>
      <c r="P7070" s="5" t="s">
        <v>39</v>
      </c>
      <c r="Q7070" s="5" t="s">
        <v>40</v>
      </c>
      <c r="R7070" s="5" t="s">
        <v>1522</v>
      </c>
      <c r="S7070" s="5" t="s">
        <v>1523</v>
      </c>
      <c r="T7070" s="5" t="s">
        <v>42</v>
      </c>
      <c r="U7070" s="2">
        <v>2.3639999999999999</v>
      </c>
      <c r="V7070" s="2">
        <v>1.804</v>
      </c>
      <c r="W7070" s="2">
        <v>1.2999999999999999E-2</v>
      </c>
      <c r="X7070" s="2">
        <v>99.1</v>
      </c>
      <c r="Y7070" s="2">
        <v>7.6</v>
      </c>
      <c r="Z7070" s="2">
        <v>16.7</v>
      </c>
      <c r="AA7070" s="5"/>
      <c r="AB7070" s="5" t="s">
        <v>43</v>
      </c>
      <c r="AC7070" s="5" t="s">
        <v>44</v>
      </c>
      <c r="AD7070" s="2"/>
      <c r="AE7070" s="1"/>
    </row>
    <row r="7071" spans="1:31" ht="14.45">
      <c r="A7071" s="11"/>
      <c r="B7071" s="20"/>
      <c r="C7071" s="2" t="s">
        <v>21685</v>
      </c>
      <c r="D7071" s="14" t="s">
        <v>21686</v>
      </c>
      <c r="E7071" s="2" t="s">
        <v>21687</v>
      </c>
      <c r="F7071" s="2" t="s">
        <v>7547</v>
      </c>
      <c r="G7071" s="8">
        <v>253</v>
      </c>
      <c r="H7071" s="5">
        <v>6</v>
      </c>
      <c r="I7071" s="5" t="s">
        <v>1518</v>
      </c>
      <c r="J7071" s="5" t="s">
        <v>1519</v>
      </c>
      <c r="K7071" s="2" t="s">
        <v>1520</v>
      </c>
      <c r="L7071" s="5" t="s">
        <v>1519</v>
      </c>
      <c r="M7071" s="2" t="s">
        <v>1520</v>
      </c>
      <c r="N7071" s="5" t="s">
        <v>1521</v>
      </c>
      <c r="O7071" s="5" t="s">
        <v>38</v>
      </c>
      <c r="P7071" s="5" t="s">
        <v>39</v>
      </c>
      <c r="Q7071" s="5" t="s">
        <v>40</v>
      </c>
      <c r="R7071" s="5" t="s">
        <v>1522</v>
      </c>
      <c r="S7071" s="5" t="s">
        <v>1523</v>
      </c>
      <c r="T7071" s="5" t="s">
        <v>42</v>
      </c>
      <c r="U7071" s="2">
        <v>2.3069999999999999</v>
      </c>
      <c r="V7071" s="2">
        <v>1.7470000000000001</v>
      </c>
      <c r="W7071" s="2">
        <v>1.2999999999999999E-2</v>
      </c>
      <c r="X7071" s="2">
        <v>99.1</v>
      </c>
      <c r="Y7071" s="2">
        <v>7.6</v>
      </c>
      <c r="Z7071" s="2">
        <v>16.7</v>
      </c>
      <c r="AA7071" s="5"/>
      <c r="AB7071" s="5" t="s">
        <v>43</v>
      </c>
      <c r="AC7071" s="5" t="s">
        <v>44</v>
      </c>
      <c r="AD7071" s="2"/>
      <c r="AE7071" s="1"/>
    </row>
    <row r="7072" spans="1:31" ht="14.45">
      <c r="A7072" s="11"/>
      <c r="B7072" s="20"/>
      <c r="C7072" s="2" t="s">
        <v>21688</v>
      </c>
      <c r="D7072" s="14" t="s">
        <v>21689</v>
      </c>
      <c r="E7072" s="2" t="s">
        <v>21690</v>
      </c>
      <c r="F7072" s="2" t="s">
        <v>7563</v>
      </c>
      <c r="G7072" s="8">
        <v>253</v>
      </c>
      <c r="H7072" s="5">
        <v>6</v>
      </c>
      <c r="I7072" s="5" t="s">
        <v>1518</v>
      </c>
      <c r="J7072" s="5" t="s">
        <v>1519</v>
      </c>
      <c r="K7072" s="2" t="s">
        <v>1520</v>
      </c>
      <c r="L7072" s="5" t="s">
        <v>1519</v>
      </c>
      <c r="M7072" s="2" t="s">
        <v>1520</v>
      </c>
      <c r="N7072" s="5" t="s">
        <v>1521</v>
      </c>
      <c r="O7072" s="5" t="s">
        <v>38</v>
      </c>
      <c r="P7072" s="5" t="s">
        <v>39</v>
      </c>
      <c r="Q7072" s="5" t="s">
        <v>40</v>
      </c>
      <c r="R7072" s="5" t="s">
        <v>1522</v>
      </c>
      <c r="S7072" s="5" t="s">
        <v>1523</v>
      </c>
      <c r="T7072" s="5" t="s">
        <v>42</v>
      </c>
      <c r="U7072" s="2">
        <v>2.3159999999999998</v>
      </c>
      <c r="V7072" s="2">
        <v>1.756</v>
      </c>
      <c r="W7072" s="2">
        <v>1.2999999999999999E-2</v>
      </c>
      <c r="X7072" s="2">
        <v>99.1</v>
      </c>
      <c r="Y7072" s="2">
        <v>7.6</v>
      </c>
      <c r="Z7072" s="2">
        <v>16.7</v>
      </c>
      <c r="AA7072" s="5"/>
      <c r="AB7072" s="5" t="s">
        <v>43</v>
      </c>
      <c r="AC7072" s="5" t="s">
        <v>44</v>
      </c>
      <c r="AD7072" s="2"/>
      <c r="AE7072" s="1"/>
    </row>
    <row r="7073" spans="1:31" ht="14.45">
      <c r="A7073" s="11"/>
      <c r="B7073" s="20"/>
      <c r="C7073" s="2" t="s">
        <v>21691</v>
      </c>
      <c r="D7073" s="14" t="s">
        <v>21692</v>
      </c>
      <c r="E7073" s="2" t="s">
        <v>21693</v>
      </c>
      <c r="F7073" s="2" t="s">
        <v>7581</v>
      </c>
      <c r="G7073" s="8">
        <v>253</v>
      </c>
      <c r="H7073" s="5">
        <v>6</v>
      </c>
      <c r="I7073" s="5" t="s">
        <v>1518</v>
      </c>
      <c r="J7073" s="5" t="s">
        <v>1519</v>
      </c>
      <c r="K7073" s="2" t="s">
        <v>1520</v>
      </c>
      <c r="L7073" s="5" t="s">
        <v>1519</v>
      </c>
      <c r="M7073" s="2" t="s">
        <v>1520</v>
      </c>
      <c r="N7073" s="5" t="s">
        <v>1521</v>
      </c>
      <c r="O7073" s="5" t="s">
        <v>38</v>
      </c>
      <c r="P7073" s="5" t="s">
        <v>39</v>
      </c>
      <c r="Q7073" s="5" t="s">
        <v>40</v>
      </c>
      <c r="R7073" s="5" t="s">
        <v>1522</v>
      </c>
      <c r="S7073" s="5" t="s">
        <v>1523</v>
      </c>
      <c r="T7073" s="5" t="s">
        <v>42</v>
      </c>
      <c r="U7073" s="2">
        <v>2.3639999999999999</v>
      </c>
      <c r="V7073" s="2">
        <v>1.804</v>
      </c>
      <c r="W7073" s="2">
        <v>1.2999999999999999E-2</v>
      </c>
      <c r="X7073" s="2">
        <v>99.1</v>
      </c>
      <c r="Y7073" s="2">
        <v>7.6</v>
      </c>
      <c r="Z7073" s="2">
        <v>16.7</v>
      </c>
      <c r="AA7073" s="5"/>
      <c r="AB7073" s="5" t="s">
        <v>43</v>
      </c>
      <c r="AC7073" s="5" t="s">
        <v>44</v>
      </c>
      <c r="AD7073" s="2"/>
      <c r="AE7073" s="1"/>
    </row>
    <row r="7074" spans="1:31" ht="14.45">
      <c r="A7074" s="11"/>
      <c r="B7074" s="20"/>
      <c r="C7074" s="2" t="s">
        <v>21694</v>
      </c>
      <c r="D7074" s="14" t="s">
        <v>21695</v>
      </c>
      <c r="E7074" s="2" t="s">
        <v>21696</v>
      </c>
      <c r="F7074" s="2" t="s">
        <v>16029</v>
      </c>
      <c r="G7074" s="8">
        <v>253</v>
      </c>
      <c r="H7074" s="5">
        <v>11</v>
      </c>
      <c r="I7074" s="5" t="s">
        <v>1518</v>
      </c>
      <c r="J7074" s="5" t="s">
        <v>1519</v>
      </c>
      <c r="K7074" s="2" t="s">
        <v>1520</v>
      </c>
      <c r="L7074" s="5" t="s">
        <v>1519</v>
      </c>
      <c r="M7074" s="2" t="s">
        <v>1520</v>
      </c>
      <c r="N7074" s="5" t="s">
        <v>1521</v>
      </c>
      <c r="O7074" s="5" t="s">
        <v>38</v>
      </c>
      <c r="P7074" s="5" t="s">
        <v>39</v>
      </c>
      <c r="Q7074" s="5" t="s">
        <v>40</v>
      </c>
      <c r="R7074" s="5" t="s">
        <v>1522</v>
      </c>
      <c r="S7074" s="5" t="s">
        <v>1523</v>
      </c>
      <c r="T7074" s="5" t="s">
        <v>42</v>
      </c>
      <c r="U7074" s="2">
        <v>2.3199999999999998</v>
      </c>
      <c r="V7074" s="2">
        <v>1.76</v>
      </c>
      <c r="W7074" s="2">
        <v>1.2999999999999999E-2</v>
      </c>
      <c r="X7074" s="2">
        <v>99.1</v>
      </c>
      <c r="Y7074" s="2">
        <v>7.6</v>
      </c>
      <c r="Z7074" s="2">
        <v>16.7</v>
      </c>
      <c r="AA7074" s="5"/>
      <c r="AB7074" s="5" t="s">
        <v>43</v>
      </c>
      <c r="AC7074" s="5" t="s">
        <v>44</v>
      </c>
      <c r="AD7074" s="2"/>
      <c r="AE7074" s="1"/>
    </row>
    <row r="7075" spans="1:31" ht="14.45">
      <c r="A7075" s="11"/>
      <c r="B7075" s="20"/>
      <c r="C7075" s="2" t="s">
        <v>21697</v>
      </c>
      <c r="D7075" s="14" t="s">
        <v>21698</v>
      </c>
      <c r="E7075" s="2" t="s">
        <v>21699</v>
      </c>
      <c r="F7075" s="2" t="s">
        <v>16033</v>
      </c>
      <c r="G7075" s="8">
        <v>253</v>
      </c>
      <c r="H7075" s="5">
        <v>11</v>
      </c>
      <c r="I7075" s="5" t="s">
        <v>1518</v>
      </c>
      <c r="J7075" s="5" t="s">
        <v>1519</v>
      </c>
      <c r="K7075" s="2" t="s">
        <v>1520</v>
      </c>
      <c r="L7075" s="5" t="s">
        <v>1519</v>
      </c>
      <c r="M7075" s="2" t="s">
        <v>1520</v>
      </c>
      <c r="N7075" s="5" t="s">
        <v>1521</v>
      </c>
      <c r="O7075" s="5" t="s">
        <v>38</v>
      </c>
      <c r="P7075" s="5" t="s">
        <v>39</v>
      </c>
      <c r="Q7075" s="5" t="s">
        <v>40</v>
      </c>
      <c r="R7075" s="5" t="s">
        <v>1522</v>
      </c>
      <c r="S7075" s="5" t="s">
        <v>1523</v>
      </c>
      <c r="T7075" s="5" t="s">
        <v>42</v>
      </c>
      <c r="U7075" s="2">
        <v>2.3679999999999999</v>
      </c>
      <c r="V7075" s="2">
        <v>1.8080000000000001</v>
      </c>
      <c r="W7075" s="2">
        <v>1.2999999999999999E-2</v>
      </c>
      <c r="X7075" s="2">
        <v>99.1</v>
      </c>
      <c r="Y7075" s="2">
        <v>7.6</v>
      </c>
      <c r="Z7075" s="2">
        <v>16.7</v>
      </c>
      <c r="AA7075" s="5"/>
      <c r="AB7075" s="5" t="s">
        <v>43</v>
      </c>
      <c r="AC7075" s="5" t="s">
        <v>44</v>
      </c>
      <c r="AD7075" s="2"/>
      <c r="AE7075" s="1"/>
    </row>
    <row r="7076" spans="1:31" ht="14.45">
      <c r="A7076" s="11"/>
      <c r="B7076" s="20"/>
      <c r="C7076" s="2" t="s">
        <v>21700</v>
      </c>
      <c r="D7076" s="14" t="s">
        <v>21701</v>
      </c>
      <c r="E7076" s="2" t="s">
        <v>21702</v>
      </c>
      <c r="F7076" s="2" t="s">
        <v>7396</v>
      </c>
      <c r="G7076" s="8">
        <v>237</v>
      </c>
      <c r="H7076" s="5">
        <v>6</v>
      </c>
      <c r="I7076" s="5" t="s">
        <v>1518</v>
      </c>
      <c r="J7076" s="5" t="s">
        <v>1519</v>
      </c>
      <c r="K7076" s="2" t="s">
        <v>1520</v>
      </c>
      <c r="L7076" s="5" t="s">
        <v>1519</v>
      </c>
      <c r="M7076" s="2" t="s">
        <v>1520</v>
      </c>
      <c r="N7076" s="5" t="s">
        <v>1521</v>
      </c>
      <c r="O7076" s="5" t="s">
        <v>38</v>
      </c>
      <c r="P7076" s="5" t="s">
        <v>39</v>
      </c>
      <c r="Q7076" s="5" t="s">
        <v>40</v>
      </c>
      <c r="R7076" s="5" t="s">
        <v>1522</v>
      </c>
      <c r="S7076" s="5" t="s">
        <v>1523</v>
      </c>
      <c r="T7076" s="5" t="s">
        <v>42</v>
      </c>
      <c r="U7076" s="2">
        <v>2.6179999999999999</v>
      </c>
      <c r="V7076" s="2">
        <v>2.0750000000000002</v>
      </c>
      <c r="W7076" s="2">
        <v>1.2999999999999999E-2</v>
      </c>
      <c r="X7076" s="2">
        <v>99.1</v>
      </c>
      <c r="Y7076" s="2">
        <v>7.6</v>
      </c>
      <c r="Z7076" s="2">
        <v>16.7</v>
      </c>
      <c r="AA7076" s="5"/>
      <c r="AB7076" s="5" t="s">
        <v>43</v>
      </c>
      <c r="AC7076" s="5" t="s">
        <v>44</v>
      </c>
      <c r="AD7076" s="2"/>
      <c r="AE7076" s="1"/>
    </row>
    <row r="7077" spans="1:31" ht="14.45">
      <c r="A7077" s="11"/>
      <c r="B7077" s="20"/>
      <c r="C7077" s="2" t="s">
        <v>21703</v>
      </c>
      <c r="D7077" s="14" t="s">
        <v>21704</v>
      </c>
      <c r="E7077" s="2" t="s">
        <v>21705</v>
      </c>
      <c r="F7077" s="2" t="s">
        <v>7507</v>
      </c>
      <c r="G7077" s="8">
        <v>237</v>
      </c>
      <c r="H7077" s="5">
        <v>6</v>
      </c>
      <c r="I7077" s="5" t="s">
        <v>1518</v>
      </c>
      <c r="J7077" s="5" t="s">
        <v>1519</v>
      </c>
      <c r="K7077" s="2" t="s">
        <v>1520</v>
      </c>
      <c r="L7077" s="5" t="s">
        <v>1519</v>
      </c>
      <c r="M7077" s="2" t="s">
        <v>1520</v>
      </c>
      <c r="N7077" s="5" t="s">
        <v>1521</v>
      </c>
      <c r="O7077" s="5" t="s">
        <v>38</v>
      </c>
      <c r="P7077" s="5" t="s">
        <v>39</v>
      </c>
      <c r="Q7077" s="5" t="s">
        <v>40</v>
      </c>
      <c r="R7077" s="5" t="s">
        <v>1522</v>
      </c>
      <c r="S7077" s="5" t="s">
        <v>1523</v>
      </c>
      <c r="T7077" s="5" t="s">
        <v>42</v>
      </c>
      <c r="U7077" s="2">
        <v>2.6890000000000001</v>
      </c>
      <c r="V7077" s="2">
        <v>2.1459999999999999</v>
      </c>
      <c r="W7077" s="2">
        <v>1.2999999999999999E-2</v>
      </c>
      <c r="X7077" s="2">
        <v>99.1</v>
      </c>
      <c r="Y7077" s="2">
        <v>7.6</v>
      </c>
      <c r="Z7077" s="2">
        <v>16.7</v>
      </c>
      <c r="AA7077" s="5"/>
      <c r="AB7077" s="5" t="s">
        <v>43</v>
      </c>
      <c r="AC7077" s="5" t="s">
        <v>44</v>
      </c>
      <c r="AD7077" s="2"/>
      <c r="AE7077" s="1"/>
    </row>
    <row r="7078" spans="1:31" ht="14.45">
      <c r="A7078" s="11"/>
      <c r="B7078" s="20"/>
      <c r="C7078" s="2" t="s">
        <v>21706</v>
      </c>
      <c r="D7078" s="14" t="s">
        <v>21707</v>
      </c>
      <c r="E7078" s="2" t="s">
        <v>21708</v>
      </c>
      <c r="F7078" s="2" t="s">
        <v>7204</v>
      </c>
      <c r="G7078" s="8">
        <v>237</v>
      </c>
      <c r="H7078" s="5">
        <v>6</v>
      </c>
      <c r="I7078" s="5" t="s">
        <v>1518</v>
      </c>
      <c r="J7078" s="5" t="s">
        <v>1519</v>
      </c>
      <c r="K7078" s="2" t="s">
        <v>1520</v>
      </c>
      <c r="L7078" s="5" t="s">
        <v>1519</v>
      </c>
      <c r="M7078" s="2" t="s">
        <v>1520</v>
      </c>
      <c r="N7078" s="5" t="s">
        <v>1521</v>
      </c>
      <c r="O7078" s="5" t="s">
        <v>38</v>
      </c>
      <c r="P7078" s="5" t="s">
        <v>39</v>
      </c>
      <c r="Q7078" s="5" t="s">
        <v>40</v>
      </c>
      <c r="R7078" s="5" t="s">
        <v>1522</v>
      </c>
      <c r="S7078" s="5" t="s">
        <v>1523</v>
      </c>
      <c r="T7078" s="5" t="s">
        <v>42</v>
      </c>
      <c r="U7078" s="2">
        <v>2.6240000000000001</v>
      </c>
      <c r="V7078" s="2">
        <v>2.081</v>
      </c>
      <c r="W7078" s="2">
        <v>1.2999999999999999E-2</v>
      </c>
      <c r="X7078" s="2">
        <v>99.1</v>
      </c>
      <c r="Y7078" s="2">
        <v>7.6</v>
      </c>
      <c r="Z7078" s="2">
        <v>16.7</v>
      </c>
      <c r="AA7078" s="5"/>
      <c r="AB7078" s="5" t="s">
        <v>43</v>
      </c>
      <c r="AC7078" s="5" t="s">
        <v>44</v>
      </c>
      <c r="AD7078" s="2"/>
      <c r="AE7078" s="1"/>
    </row>
    <row r="7079" spans="1:31" ht="14.45">
      <c r="A7079" s="11"/>
      <c r="B7079" s="20"/>
      <c r="C7079" s="2" t="s">
        <v>21709</v>
      </c>
      <c r="D7079" s="14" t="s">
        <v>21710</v>
      </c>
      <c r="E7079" s="2" t="s">
        <v>21711</v>
      </c>
      <c r="F7079" s="2" t="s">
        <v>7514</v>
      </c>
      <c r="G7079" s="8">
        <v>237</v>
      </c>
      <c r="H7079" s="5">
        <v>6</v>
      </c>
      <c r="I7079" s="5" t="s">
        <v>1518</v>
      </c>
      <c r="J7079" s="5" t="s">
        <v>1519</v>
      </c>
      <c r="K7079" s="2" t="s">
        <v>1520</v>
      </c>
      <c r="L7079" s="5" t="s">
        <v>1519</v>
      </c>
      <c r="M7079" s="2" t="s">
        <v>1520</v>
      </c>
      <c r="N7079" s="5" t="s">
        <v>1521</v>
      </c>
      <c r="O7079" s="5" t="s">
        <v>38</v>
      </c>
      <c r="P7079" s="5" t="s">
        <v>39</v>
      </c>
      <c r="Q7079" s="5" t="s">
        <v>40</v>
      </c>
      <c r="R7079" s="5" t="s">
        <v>1522</v>
      </c>
      <c r="S7079" s="5" t="s">
        <v>1523</v>
      </c>
      <c r="T7079" s="5" t="s">
        <v>42</v>
      </c>
      <c r="U7079" s="2">
        <v>2.6949999999999998</v>
      </c>
      <c r="V7079" s="2">
        <v>2.1520000000000001</v>
      </c>
      <c r="W7079" s="2">
        <v>1.2999999999999999E-2</v>
      </c>
      <c r="X7079" s="2">
        <v>99.1</v>
      </c>
      <c r="Y7079" s="2">
        <v>7.6</v>
      </c>
      <c r="Z7079" s="2">
        <v>16.7</v>
      </c>
      <c r="AA7079" s="5"/>
      <c r="AB7079" s="5" t="s">
        <v>43</v>
      </c>
      <c r="AC7079" s="5" t="s">
        <v>44</v>
      </c>
      <c r="AD7079" s="2"/>
      <c r="AE7079" s="1"/>
    </row>
    <row r="7080" spans="1:31" ht="14.45">
      <c r="A7080" s="11"/>
      <c r="B7080" s="20"/>
      <c r="C7080" s="2" t="s">
        <v>21712</v>
      </c>
      <c r="D7080" s="14" t="s">
        <v>21713</v>
      </c>
      <c r="E7080" s="2" t="s">
        <v>21714</v>
      </c>
      <c r="F7080" s="2" t="s">
        <v>7208</v>
      </c>
      <c r="G7080" s="8">
        <v>237</v>
      </c>
      <c r="H7080" s="5">
        <v>6</v>
      </c>
      <c r="I7080" s="5" t="s">
        <v>1518</v>
      </c>
      <c r="J7080" s="5" t="s">
        <v>1519</v>
      </c>
      <c r="K7080" s="2" t="s">
        <v>1520</v>
      </c>
      <c r="L7080" s="5" t="s">
        <v>1519</v>
      </c>
      <c r="M7080" s="2" t="s">
        <v>1520</v>
      </c>
      <c r="N7080" s="5" t="s">
        <v>1521</v>
      </c>
      <c r="O7080" s="5" t="s">
        <v>38</v>
      </c>
      <c r="P7080" s="5" t="s">
        <v>39</v>
      </c>
      <c r="Q7080" s="5" t="s">
        <v>40</v>
      </c>
      <c r="R7080" s="5" t="s">
        <v>1522</v>
      </c>
      <c r="S7080" s="5" t="s">
        <v>1523</v>
      </c>
      <c r="T7080" s="5" t="s">
        <v>42</v>
      </c>
      <c r="U7080" s="2">
        <v>2.6240000000000001</v>
      </c>
      <c r="V7080" s="2">
        <v>2.081</v>
      </c>
      <c r="W7080" s="2">
        <v>1.2999999999999999E-2</v>
      </c>
      <c r="X7080" s="2">
        <v>99.1</v>
      </c>
      <c r="Y7080" s="2">
        <v>7.6</v>
      </c>
      <c r="Z7080" s="2">
        <v>16.7</v>
      </c>
      <c r="AA7080" s="5"/>
      <c r="AB7080" s="5" t="s">
        <v>43</v>
      </c>
      <c r="AC7080" s="5" t="s">
        <v>44</v>
      </c>
      <c r="AD7080" s="2"/>
      <c r="AE7080" s="1"/>
    </row>
    <row r="7081" spans="1:31" ht="14.45">
      <c r="A7081" s="11"/>
      <c r="B7081" s="20"/>
      <c r="C7081" s="2" t="s">
        <v>21715</v>
      </c>
      <c r="D7081" s="14" t="s">
        <v>21716</v>
      </c>
      <c r="E7081" s="2" t="s">
        <v>21717</v>
      </c>
      <c r="F7081" s="2" t="s">
        <v>7521</v>
      </c>
      <c r="G7081" s="8">
        <v>237</v>
      </c>
      <c r="H7081" s="5">
        <v>6</v>
      </c>
      <c r="I7081" s="5" t="s">
        <v>1518</v>
      </c>
      <c r="J7081" s="5" t="s">
        <v>1519</v>
      </c>
      <c r="K7081" s="2" t="s">
        <v>1520</v>
      </c>
      <c r="L7081" s="5" t="s">
        <v>1519</v>
      </c>
      <c r="M7081" s="2" t="s">
        <v>1520</v>
      </c>
      <c r="N7081" s="5" t="s">
        <v>1521</v>
      </c>
      <c r="O7081" s="5" t="s">
        <v>38</v>
      </c>
      <c r="P7081" s="5" t="s">
        <v>39</v>
      </c>
      <c r="Q7081" s="5" t="s">
        <v>40</v>
      </c>
      <c r="R7081" s="5" t="s">
        <v>1522</v>
      </c>
      <c r="S7081" s="5" t="s">
        <v>1523</v>
      </c>
      <c r="T7081" s="5" t="s">
        <v>42</v>
      </c>
      <c r="U7081" s="2">
        <v>2.6949999999999998</v>
      </c>
      <c r="V7081" s="2">
        <v>2.1520000000000001</v>
      </c>
      <c r="W7081" s="2">
        <v>1.2999999999999999E-2</v>
      </c>
      <c r="X7081" s="2">
        <v>99.1</v>
      </c>
      <c r="Y7081" s="2">
        <v>7.6</v>
      </c>
      <c r="Z7081" s="2">
        <v>16.7</v>
      </c>
      <c r="AA7081" s="5"/>
      <c r="AB7081" s="5" t="s">
        <v>43</v>
      </c>
      <c r="AC7081" s="5" t="s">
        <v>44</v>
      </c>
      <c r="AD7081" s="2"/>
      <c r="AE7081" s="1"/>
    </row>
    <row r="7082" spans="1:31" ht="14.45">
      <c r="A7082" s="11"/>
      <c r="B7082" s="20"/>
      <c r="C7082" s="2" t="s">
        <v>21718</v>
      </c>
      <c r="D7082" s="14" t="s">
        <v>21719</v>
      </c>
      <c r="E7082" s="2" t="s">
        <v>21720</v>
      </c>
      <c r="F7082" s="2" t="s">
        <v>7212</v>
      </c>
      <c r="G7082" s="8">
        <v>237</v>
      </c>
      <c r="H7082" s="5">
        <v>6</v>
      </c>
      <c r="I7082" s="5" t="s">
        <v>1518</v>
      </c>
      <c r="J7082" s="5" t="s">
        <v>1519</v>
      </c>
      <c r="K7082" s="2" t="s">
        <v>1520</v>
      </c>
      <c r="L7082" s="5" t="s">
        <v>1519</v>
      </c>
      <c r="M7082" s="2" t="s">
        <v>1520</v>
      </c>
      <c r="N7082" s="5" t="s">
        <v>1521</v>
      </c>
      <c r="O7082" s="5" t="s">
        <v>38</v>
      </c>
      <c r="P7082" s="5" t="s">
        <v>39</v>
      </c>
      <c r="Q7082" s="5" t="s">
        <v>40</v>
      </c>
      <c r="R7082" s="5" t="s">
        <v>1522</v>
      </c>
      <c r="S7082" s="5" t="s">
        <v>1523</v>
      </c>
      <c r="T7082" s="5" t="s">
        <v>42</v>
      </c>
      <c r="U7082" s="2">
        <v>2.6080000000000001</v>
      </c>
      <c r="V7082" s="2">
        <v>2.0649999999999999</v>
      </c>
      <c r="W7082" s="2">
        <v>1.2999999999999999E-2</v>
      </c>
      <c r="X7082" s="2">
        <v>99.1</v>
      </c>
      <c r="Y7082" s="2">
        <v>7.6</v>
      </c>
      <c r="Z7082" s="2">
        <v>16.7</v>
      </c>
      <c r="AA7082" s="5"/>
      <c r="AB7082" s="5" t="s">
        <v>43</v>
      </c>
      <c r="AC7082" s="5" t="s">
        <v>44</v>
      </c>
      <c r="AD7082" s="2"/>
      <c r="AE7082" s="1"/>
    </row>
    <row r="7083" spans="1:31" ht="14.45">
      <c r="A7083" s="11"/>
      <c r="B7083" s="20"/>
      <c r="C7083" s="2" t="s">
        <v>21721</v>
      </c>
      <c r="D7083" s="14" t="s">
        <v>21722</v>
      </c>
      <c r="E7083" s="2" t="s">
        <v>21723</v>
      </c>
      <c r="F7083" s="2" t="s">
        <v>7528</v>
      </c>
      <c r="G7083" s="8">
        <v>237</v>
      </c>
      <c r="H7083" s="5">
        <v>6</v>
      </c>
      <c r="I7083" s="5" t="s">
        <v>1518</v>
      </c>
      <c r="J7083" s="5" t="s">
        <v>1519</v>
      </c>
      <c r="K7083" s="2" t="s">
        <v>1520</v>
      </c>
      <c r="L7083" s="5" t="s">
        <v>1519</v>
      </c>
      <c r="M7083" s="2" t="s">
        <v>1520</v>
      </c>
      <c r="N7083" s="5" t="s">
        <v>1521</v>
      </c>
      <c r="O7083" s="5" t="s">
        <v>38</v>
      </c>
      <c r="P7083" s="5" t="s">
        <v>39</v>
      </c>
      <c r="Q7083" s="5" t="s">
        <v>40</v>
      </c>
      <c r="R7083" s="5" t="s">
        <v>1522</v>
      </c>
      <c r="S7083" s="5" t="s">
        <v>1523</v>
      </c>
      <c r="T7083" s="5" t="s">
        <v>42</v>
      </c>
      <c r="U7083" s="2">
        <v>2.6789999999999998</v>
      </c>
      <c r="V7083" s="2">
        <v>2.1360000000000001</v>
      </c>
      <c r="W7083" s="2">
        <v>1.2999999999999999E-2</v>
      </c>
      <c r="X7083" s="2">
        <v>99.1</v>
      </c>
      <c r="Y7083" s="2">
        <v>7.6</v>
      </c>
      <c r="Z7083" s="2">
        <v>16.7</v>
      </c>
      <c r="AA7083" s="5"/>
      <c r="AB7083" s="5" t="s">
        <v>43</v>
      </c>
      <c r="AC7083" s="5" t="s">
        <v>44</v>
      </c>
      <c r="AD7083" s="2"/>
      <c r="AE7083" s="1"/>
    </row>
    <row r="7084" spans="1:31" ht="14.45">
      <c r="A7084" s="11"/>
      <c r="B7084" s="20"/>
      <c r="C7084" s="2" t="s">
        <v>21724</v>
      </c>
      <c r="D7084" s="14" t="s">
        <v>21725</v>
      </c>
      <c r="E7084" s="2" t="s">
        <v>21726</v>
      </c>
      <c r="F7084" s="2" t="s">
        <v>7406</v>
      </c>
      <c r="G7084" s="8">
        <v>253</v>
      </c>
      <c r="H7084" s="5">
        <v>6</v>
      </c>
      <c r="I7084" s="5" t="s">
        <v>1518</v>
      </c>
      <c r="J7084" s="5" t="s">
        <v>1519</v>
      </c>
      <c r="K7084" s="2" t="s">
        <v>1520</v>
      </c>
      <c r="L7084" s="5" t="s">
        <v>1519</v>
      </c>
      <c r="M7084" s="2" t="s">
        <v>1520</v>
      </c>
      <c r="N7084" s="5" t="s">
        <v>1521</v>
      </c>
      <c r="O7084" s="5" t="s">
        <v>38</v>
      </c>
      <c r="P7084" s="5" t="s">
        <v>39</v>
      </c>
      <c r="Q7084" s="5" t="s">
        <v>40</v>
      </c>
      <c r="R7084" s="5" t="s">
        <v>1522</v>
      </c>
      <c r="S7084" s="5" t="s">
        <v>1523</v>
      </c>
      <c r="T7084" s="5" t="s">
        <v>42</v>
      </c>
      <c r="U7084" s="2">
        <v>2.6080000000000001</v>
      </c>
      <c r="V7084" s="2">
        <v>2.0649999999999999</v>
      </c>
      <c r="W7084" s="2">
        <v>1.2999999999999999E-2</v>
      </c>
      <c r="X7084" s="2">
        <v>99.1</v>
      </c>
      <c r="Y7084" s="2">
        <v>7.6</v>
      </c>
      <c r="Z7084" s="2">
        <v>16.7</v>
      </c>
      <c r="AA7084" s="5"/>
      <c r="AB7084" s="5" t="s">
        <v>43</v>
      </c>
      <c r="AC7084" s="5" t="s">
        <v>44</v>
      </c>
      <c r="AD7084" s="2"/>
      <c r="AE7084" s="1"/>
    </row>
    <row r="7085" spans="1:31" ht="14.45">
      <c r="A7085" s="11"/>
      <c r="B7085" s="20"/>
      <c r="C7085" s="2" t="s">
        <v>21727</v>
      </c>
      <c r="D7085" s="14" t="s">
        <v>21728</v>
      </c>
      <c r="E7085" s="2" t="s">
        <v>21729</v>
      </c>
      <c r="F7085" s="2" t="s">
        <v>7535</v>
      </c>
      <c r="G7085" s="8">
        <v>253</v>
      </c>
      <c r="H7085" s="5">
        <v>6</v>
      </c>
      <c r="I7085" s="5" t="s">
        <v>1518</v>
      </c>
      <c r="J7085" s="5" t="s">
        <v>1519</v>
      </c>
      <c r="K7085" s="2" t="s">
        <v>1520</v>
      </c>
      <c r="L7085" s="5" t="s">
        <v>1519</v>
      </c>
      <c r="M7085" s="2" t="s">
        <v>1520</v>
      </c>
      <c r="N7085" s="5" t="s">
        <v>1521</v>
      </c>
      <c r="O7085" s="5" t="s">
        <v>38</v>
      </c>
      <c r="P7085" s="5" t="s">
        <v>39</v>
      </c>
      <c r="Q7085" s="5" t="s">
        <v>40</v>
      </c>
      <c r="R7085" s="5" t="s">
        <v>1522</v>
      </c>
      <c r="S7085" s="5" t="s">
        <v>1523</v>
      </c>
      <c r="T7085" s="5" t="s">
        <v>42</v>
      </c>
      <c r="U7085" s="2">
        <v>2.6789999999999998</v>
      </c>
      <c r="V7085" s="2">
        <v>2.1360000000000001</v>
      </c>
      <c r="W7085" s="2">
        <v>1.2999999999999999E-2</v>
      </c>
      <c r="X7085" s="2">
        <v>99.1</v>
      </c>
      <c r="Y7085" s="2">
        <v>7.6</v>
      </c>
      <c r="Z7085" s="2">
        <v>16.7</v>
      </c>
      <c r="AA7085" s="5"/>
      <c r="AB7085" s="5" t="s">
        <v>43</v>
      </c>
      <c r="AC7085" s="5" t="s">
        <v>44</v>
      </c>
      <c r="AD7085" s="2"/>
      <c r="AE7085" s="1"/>
    </row>
    <row r="7086" spans="1:31" ht="14.45">
      <c r="A7086" s="11"/>
      <c r="B7086" s="20"/>
      <c r="C7086" s="2" t="s">
        <v>21730</v>
      </c>
      <c r="D7086" s="14" t="s">
        <v>21731</v>
      </c>
      <c r="E7086" s="2" t="s">
        <v>21732</v>
      </c>
      <c r="F7086" s="2" t="s">
        <v>7539</v>
      </c>
      <c r="G7086" s="8">
        <v>253</v>
      </c>
      <c r="H7086" s="5">
        <v>6</v>
      </c>
      <c r="I7086" s="5" t="s">
        <v>1518</v>
      </c>
      <c r="J7086" s="5" t="s">
        <v>1519</v>
      </c>
      <c r="K7086" s="2" t="s">
        <v>1520</v>
      </c>
      <c r="L7086" s="5" t="s">
        <v>1519</v>
      </c>
      <c r="M7086" s="2" t="s">
        <v>1520</v>
      </c>
      <c r="N7086" s="5" t="s">
        <v>1521</v>
      </c>
      <c r="O7086" s="5" t="s">
        <v>38</v>
      </c>
      <c r="P7086" s="5" t="s">
        <v>39</v>
      </c>
      <c r="Q7086" s="5" t="s">
        <v>40</v>
      </c>
      <c r="R7086" s="5" t="s">
        <v>1522</v>
      </c>
      <c r="S7086" s="5" t="s">
        <v>1523</v>
      </c>
      <c r="T7086" s="5" t="s">
        <v>42</v>
      </c>
      <c r="U7086" s="2">
        <v>2.6240000000000001</v>
      </c>
      <c r="V7086" s="2">
        <v>2.081</v>
      </c>
      <c r="W7086" s="2">
        <v>1.2999999999999999E-2</v>
      </c>
      <c r="X7086" s="2">
        <v>99.1</v>
      </c>
      <c r="Y7086" s="2">
        <v>7.6</v>
      </c>
      <c r="Z7086" s="2">
        <v>16.7</v>
      </c>
      <c r="AA7086" s="5"/>
      <c r="AB7086" s="5" t="s">
        <v>43</v>
      </c>
      <c r="AC7086" s="5" t="s">
        <v>44</v>
      </c>
      <c r="AD7086" s="2"/>
      <c r="AE7086" s="1"/>
    </row>
    <row r="7087" spans="1:31" ht="14.45">
      <c r="A7087" s="11"/>
      <c r="B7087" s="20"/>
      <c r="C7087" s="2" t="s">
        <v>21733</v>
      </c>
      <c r="D7087" s="14" t="s">
        <v>21734</v>
      </c>
      <c r="E7087" s="2" t="s">
        <v>21735</v>
      </c>
      <c r="F7087" s="2" t="s">
        <v>7543</v>
      </c>
      <c r="G7087" s="8">
        <v>253</v>
      </c>
      <c r="H7087" s="5">
        <v>6</v>
      </c>
      <c r="I7087" s="5" t="s">
        <v>1518</v>
      </c>
      <c r="J7087" s="5" t="s">
        <v>1519</v>
      </c>
      <c r="K7087" s="2" t="s">
        <v>1520</v>
      </c>
      <c r="L7087" s="5" t="s">
        <v>1519</v>
      </c>
      <c r="M7087" s="2" t="s">
        <v>1520</v>
      </c>
      <c r="N7087" s="5" t="s">
        <v>1521</v>
      </c>
      <c r="O7087" s="5" t="s">
        <v>38</v>
      </c>
      <c r="P7087" s="5" t="s">
        <v>39</v>
      </c>
      <c r="Q7087" s="5" t="s">
        <v>40</v>
      </c>
      <c r="R7087" s="5" t="s">
        <v>1522</v>
      </c>
      <c r="S7087" s="5" t="s">
        <v>1523</v>
      </c>
      <c r="T7087" s="5" t="s">
        <v>42</v>
      </c>
      <c r="U7087" s="2">
        <v>2.6949999999999998</v>
      </c>
      <c r="V7087" s="2">
        <v>2.1520000000000001</v>
      </c>
      <c r="W7087" s="2">
        <v>1.2999999999999999E-2</v>
      </c>
      <c r="X7087" s="2">
        <v>99.1</v>
      </c>
      <c r="Y7087" s="2">
        <v>7.6</v>
      </c>
      <c r="Z7087" s="2">
        <v>16.7</v>
      </c>
      <c r="AA7087" s="5"/>
      <c r="AB7087" s="5" t="s">
        <v>43</v>
      </c>
      <c r="AC7087" s="5" t="s">
        <v>44</v>
      </c>
      <c r="AD7087" s="2"/>
      <c r="AE7087" s="1"/>
    </row>
    <row r="7088" spans="1:31" ht="14.45">
      <c r="A7088" s="11"/>
      <c r="B7088" s="20"/>
      <c r="C7088" s="2" t="s">
        <v>21736</v>
      </c>
      <c r="D7088" s="14" t="s">
        <v>21737</v>
      </c>
      <c r="E7088" s="2" t="s">
        <v>21738</v>
      </c>
      <c r="F7088" s="2" t="s">
        <v>7547</v>
      </c>
      <c r="G7088" s="8">
        <v>253</v>
      </c>
      <c r="H7088" s="5">
        <v>6</v>
      </c>
      <c r="I7088" s="5" t="s">
        <v>1518</v>
      </c>
      <c r="J7088" s="5" t="s">
        <v>1519</v>
      </c>
      <c r="K7088" s="2" t="s">
        <v>1520</v>
      </c>
      <c r="L7088" s="5" t="s">
        <v>1519</v>
      </c>
      <c r="M7088" s="2" t="s">
        <v>1520</v>
      </c>
      <c r="N7088" s="5" t="s">
        <v>1521</v>
      </c>
      <c r="O7088" s="5" t="s">
        <v>38</v>
      </c>
      <c r="P7088" s="5" t="s">
        <v>39</v>
      </c>
      <c r="Q7088" s="5" t="s">
        <v>40</v>
      </c>
      <c r="R7088" s="5" t="s">
        <v>1522</v>
      </c>
      <c r="S7088" s="5" t="s">
        <v>1523</v>
      </c>
      <c r="T7088" s="5" t="s">
        <v>42</v>
      </c>
      <c r="U7088" s="2">
        <v>2.6080000000000001</v>
      </c>
      <c r="V7088" s="2">
        <v>2.0649999999999999</v>
      </c>
      <c r="W7088" s="2">
        <v>1.2999999999999999E-2</v>
      </c>
      <c r="X7088" s="2">
        <v>99.1</v>
      </c>
      <c r="Y7088" s="2">
        <v>7.6</v>
      </c>
      <c r="Z7088" s="2">
        <v>16.7</v>
      </c>
      <c r="AA7088" s="5"/>
      <c r="AB7088" s="5" t="s">
        <v>43</v>
      </c>
      <c r="AC7088" s="5" t="s">
        <v>44</v>
      </c>
      <c r="AD7088" s="2"/>
      <c r="AE7088" s="1"/>
    </row>
    <row r="7089" spans="1:31" ht="14.45">
      <c r="A7089" s="11"/>
      <c r="B7089" s="20"/>
      <c r="C7089" s="2" t="s">
        <v>21739</v>
      </c>
      <c r="D7089" s="14" t="s">
        <v>21740</v>
      </c>
      <c r="E7089" s="2" t="s">
        <v>21741</v>
      </c>
      <c r="F7089" s="2" t="s">
        <v>7551</v>
      </c>
      <c r="G7089" s="8">
        <v>253</v>
      </c>
      <c r="H7089" s="5">
        <v>6</v>
      </c>
      <c r="I7089" s="5" t="s">
        <v>1518</v>
      </c>
      <c r="J7089" s="5" t="s">
        <v>1519</v>
      </c>
      <c r="K7089" s="2" t="s">
        <v>1520</v>
      </c>
      <c r="L7089" s="5" t="s">
        <v>1519</v>
      </c>
      <c r="M7089" s="2" t="s">
        <v>1520</v>
      </c>
      <c r="N7089" s="5" t="s">
        <v>1521</v>
      </c>
      <c r="O7089" s="5" t="s">
        <v>38</v>
      </c>
      <c r="P7089" s="5" t="s">
        <v>39</v>
      </c>
      <c r="Q7089" s="5" t="s">
        <v>40</v>
      </c>
      <c r="R7089" s="5" t="s">
        <v>1522</v>
      </c>
      <c r="S7089" s="5" t="s">
        <v>1523</v>
      </c>
      <c r="T7089" s="5" t="s">
        <v>42</v>
      </c>
      <c r="U7089" s="2">
        <v>2.6789999999999998</v>
      </c>
      <c r="V7089" s="2">
        <v>2.1360000000000001</v>
      </c>
      <c r="W7089" s="2">
        <v>1.2999999999999999E-2</v>
      </c>
      <c r="X7089" s="2">
        <v>99.1</v>
      </c>
      <c r="Y7089" s="2">
        <v>7.6</v>
      </c>
      <c r="Z7089" s="2">
        <v>16.7</v>
      </c>
      <c r="AA7089" s="5"/>
      <c r="AB7089" s="5" t="s">
        <v>43</v>
      </c>
      <c r="AC7089" s="5" t="s">
        <v>44</v>
      </c>
      <c r="AD7089" s="2"/>
      <c r="AE7089" s="1"/>
    </row>
    <row r="7090" spans="1:31" ht="14.45">
      <c r="A7090" s="11"/>
      <c r="B7090" s="20"/>
      <c r="C7090" s="2" t="s">
        <v>21742</v>
      </c>
      <c r="D7090" s="14" t="s">
        <v>21743</v>
      </c>
      <c r="E7090" s="2" t="s">
        <v>21744</v>
      </c>
      <c r="F7090" s="2" t="s">
        <v>7555</v>
      </c>
      <c r="G7090" s="8">
        <v>253</v>
      </c>
      <c r="H7090" s="5">
        <v>6</v>
      </c>
      <c r="I7090" s="5" t="s">
        <v>1518</v>
      </c>
      <c r="J7090" s="5" t="s">
        <v>1519</v>
      </c>
      <c r="K7090" s="2" t="s">
        <v>1520</v>
      </c>
      <c r="L7090" s="5" t="s">
        <v>1519</v>
      </c>
      <c r="M7090" s="2" t="s">
        <v>1520</v>
      </c>
      <c r="N7090" s="5" t="s">
        <v>1521</v>
      </c>
      <c r="O7090" s="5" t="s">
        <v>38</v>
      </c>
      <c r="P7090" s="5" t="s">
        <v>39</v>
      </c>
      <c r="Q7090" s="5" t="s">
        <v>40</v>
      </c>
      <c r="R7090" s="5" t="s">
        <v>1522</v>
      </c>
      <c r="S7090" s="5" t="s">
        <v>1523</v>
      </c>
      <c r="T7090" s="5" t="s">
        <v>42</v>
      </c>
      <c r="U7090" s="2">
        <v>2.6080000000000001</v>
      </c>
      <c r="V7090" s="2">
        <v>2.0649999999999999</v>
      </c>
      <c r="W7090" s="2">
        <v>1.2999999999999999E-2</v>
      </c>
      <c r="X7090" s="2">
        <v>99.1</v>
      </c>
      <c r="Y7090" s="2">
        <v>7.6</v>
      </c>
      <c r="Z7090" s="2">
        <v>16.7</v>
      </c>
      <c r="AA7090" s="5"/>
      <c r="AB7090" s="5" t="s">
        <v>43</v>
      </c>
      <c r="AC7090" s="5" t="s">
        <v>44</v>
      </c>
      <c r="AD7090" s="2"/>
      <c r="AE7090" s="1"/>
    </row>
    <row r="7091" spans="1:31" ht="14.45">
      <c r="A7091" s="11"/>
      <c r="B7091" s="20"/>
      <c r="C7091" s="2" t="s">
        <v>21745</v>
      </c>
      <c r="D7091" s="14" t="s">
        <v>21746</v>
      </c>
      <c r="E7091" s="2" t="s">
        <v>21747</v>
      </c>
      <c r="F7091" s="2" t="s">
        <v>7559</v>
      </c>
      <c r="G7091" s="8">
        <v>253</v>
      </c>
      <c r="H7091" s="5">
        <v>6</v>
      </c>
      <c r="I7091" s="5" t="s">
        <v>1518</v>
      </c>
      <c r="J7091" s="5" t="s">
        <v>1519</v>
      </c>
      <c r="K7091" s="2" t="s">
        <v>1520</v>
      </c>
      <c r="L7091" s="5" t="s">
        <v>1519</v>
      </c>
      <c r="M7091" s="2" t="s">
        <v>1520</v>
      </c>
      <c r="N7091" s="5" t="s">
        <v>1521</v>
      </c>
      <c r="O7091" s="5" t="s">
        <v>38</v>
      </c>
      <c r="P7091" s="5" t="s">
        <v>39</v>
      </c>
      <c r="Q7091" s="5" t="s">
        <v>40</v>
      </c>
      <c r="R7091" s="5" t="s">
        <v>1522</v>
      </c>
      <c r="S7091" s="5" t="s">
        <v>1523</v>
      </c>
      <c r="T7091" s="5" t="s">
        <v>42</v>
      </c>
      <c r="U7091" s="2">
        <v>2.6789999999999998</v>
      </c>
      <c r="V7091" s="2">
        <v>2.1360000000000001</v>
      </c>
      <c r="W7091" s="2">
        <v>1.2999999999999999E-2</v>
      </c>
      <c r="X7091" s="2">
        <v>99.1</v>
      </c>
      <c r="Y7091" s="2">
        <v>7.6</v>
      </c>
      <c r="Z7091" s="2">
        <v>16.7</v>
      </c>
      <c r="AA7091" s="5"/>
      <c r="AB7091" s="5" t="s">
        <v>43</v>
      </c>
      <c r="AC7091" s="5" t="s">
        <v>44</v>
      </c>
      <c r="AD7091" s="2"/>
      <c r="AE7091" s="1"/>
    </row>
    <row r="7092" spans="1:31" ht="14.45">
      <c r="A7092" s="11"/>
      <c r="B7092" s="20"/>
      <c r="C7092" s="2" t="s">
        <v>21748</v>
      </c>
      <c r="D7092" s="14" t="s">
        <v>21749</v>
      </c>
      <c r="E7092" s="2" t="s">
        <v>21750</v>
      </c>
      <c r="F7092" s="2" t="s">
        <v>7563</v>
      </c>
      <c r="G7092" s="8">
        <v>253</v>
      </c>
      <c r="H7092" s="5">
        <v>6</v>
      </c>
      <c r="I7092" s="5" t="s">
        <v>1518</v>
      </c>
      <c r="J7092" s="5" t="s">
        <v>1519</v>
      </c>
      <c r="K7092" s="2" t="s">
        <v>1520</v>
      </c>
      <c r="L7092" s="5" t="s">
        <v>1519</v>
      </c>
      <c r="M7092" s="2" t="s">
        <v>1520</v>
      </c>
      <c r="N7092" s="5" t="s">
        <v>1521</v>
      </c>
      <c r="O7092" s="5" t="s">
        <v>38</v>
      </c>
      <c r="P7092" s="5" t="s">
        <v>39</v>
      </c>
      <c r="Q7092" s="5" t="s">
        <v>40</v>
      </c>
      <c r="R7092" s="5" t="s">
        <v>1522</v>
      </c>
      <c r="S7092" s="5" t="s">
        <v>1523</v>
      </c>
      <c r="T7092" s="5" t="s">
        <v>42</v>
      </c>
      <c r="U7092" s="2">
        <v>2.6240000000000001</v>
      </c>
      <c r="V7092" s="2">
        <v>2.081</v>
      </c>
      <c r="W7092" s="2">
        <v>1.2999999999999999E-2</v>
      </c>
      <c r="X7092" s="2">
        <v>99.1</v>
      </c>
      <c r="Y7092" s="2">
        <v>7.6</v>
      </c>
      <c r="Z7092" s="2">
        <v>16.7</v>
      </c>
      <c r="AA7092" s="5"/>
      <c r="AB7092" s="5" t="s">
        <v>43</v>
      </c>
      <c r="AC7092" s="5" t="s">
        <v>44</v>
      </c>
      <c r="AD7092" s="2"/>
      <c r="AE7092" s="1"/>
    </row>
    <row r="7093" spans="1:31" ht="14.45">
      <c r="A7093" s="11"/>
      <c r="B7093" s="20"/>
      <c r="C7093" s="2" t="s">
        <v>21751</v>
      </c>
      <c r="D7093" s="14" t="s">
        <v>21752</v>
      </c>
      <c r="E7093" s="2" t="s">
        <v>21753</v>
      </c>
      <c r="F7093" s="2" t="s">
        <v>7567</v>
      </c>
      <c r="G7093" s="8">
        <v>253</v>
      </c>
      <c r="H7093" s="5">
        <v>6</v>
      </c>
      <c r="I7093" s="5" t="s">
        <v>1518</v>
      </c>
      <c r="J7093" s="5" t="s">
        <v>1519</v>
      </c>
      <c r="K7093" s="2" t="s">
        <v>1520</v>
      </c>
      <c r="L7093" s="5" t="s">
        <v>1519</v>
      </c>
      <c r="M7093" s="2" t="s">
        <v>1520</v>
      </c>
      <c r="N7093" s="5" t="s">
        <v>1521</v>
      </c>
      <c r="O7093" s="5" t="s">
        <v>38</v>
      </c>
      <c r="P7093" s="5" t="s">
        <v>39</v>
      </c>
      <c r="Q7093" s="5" t="s">
        <v>40</v>
      </c>
      <c r="R7093" s="5" t="s">
        <v>1522</v>
      </c>
      <c r="S7093" s="5" t="s">
        <v>1523</v>
      </c>
      <c r="T7093" s="5" t="s">
        <v>42</v>
      </c>
      <c r="U7093" s="2">
        <v>2.6949999999999998</v>
      </c>
      <c r="V7093" s="2">
        <v>2.1520000000000001</v>
      </c>
      <c r="W7093" s="2">
        <v>1.2999999999999999E-2</v>
      </c>
      <c r="X7093" s="2">
        <v>99.1</v>
      </c>
      <c r="Y7093" s="2">
        <v>7.6</v>
      </c>
      <c r="Z7093" s="2">
        <v>16.7</v>
      </c>
      <c r="AA7093" s="5"/>
      <c r="AB7093" s="5" t="s">
        <v>43</v>
      </c>
      <c r="AC7093" s="5" t="s">
        <v>44</v>
      </c>
      <c r="AD7093" s="2"/>
      <c r="AE7093" s="1"/>
    </row>
    <row r="7094" spans="1:31" ht="14.45">
      <c r="A7094" s="11"/>
      <c r="B7094" s="20"/>
      <c r="C7094" s="2" t="s">
        <v>21754</v>
      </c>
      <c r="D7094" s="14" t="s">
        <v>21755</v>
      </c>
      <c r="E7094" s="2" t="s">
        <v>21756</v>
      </c>
      <c r="F7094" s="2" t="s">
        <v>16079</v>
      </c>
      <c r="G7094" s="8">
        <v>253</v>
      </c>
      <c r="H7094" s="5">
        <v>6</v>
      </c>
      <c r="I7094" s="5" t="s">
        <v>1518</v>
      </c>
      <c r="J7094" s="5" t="s">
        <v>1519</v>
      </c>
      <c r="K7094" s="2" t="s">
        <v>1520</v>
      </c>
      <c r="L7094" s="5" t="s">
        <v>1519</v>
      </c>
      <c r="M7094" s="2" t="s">
        <v>1520</v>
      </c>
      <c r="N7094" s="5" t="s">
        <v>1521</v>
      </c>
      <c r="O7094" s="5" t="s">
        <v>38</v>
      </c>
      <c r="P7094" s="5" t="s">
        <v>39</v>
      </c>
      <c r="Q7094" s="5" t="s">
        <v>40</v>
      </c>
      <c r="R7094" s="5" t="s">
        <v>1522</v>
      </c>
      <c r="S7094" s="5" t="s">
        <v>1523</v>
      </c>
      <c r="T7094" s="5" t="s">
        <v>42</v>
      </c>
      <c r="U7094" s="2">
        <v>2.6240000000000001</v>
      </c>
      <c r="V7094" s="2">
        <v>2.081</v>
      </c>
      <c r="W7094" s="2">
        <v>1.2999999999999999E-2</v>
      </c>
      <c r="X7094" s="2">
        <v>99.1</v>
      </c>
      <c r="Y7094" s="2">
        <v>7.6</v>
      </c>
      <c r="Z7094" s="2">
        <v>16.7</v>
      </c>
      <c r="AA7094" s="5"/>
      <c r="AB7094" s="5" t="s">
        <v>43</v>
      </c>
      <c r="AC7094" s="5" t="s">
        <v>44</v>
      </c>
      <c r="AD7094" s="2"/>
      <c r="AE7094" s="1"/>
    </row>
    <row r="7095" spans="1:31" ht="14.45">
      <c r="A7095" s="11"/>
      <c r="B7095" s="20"/>
      <c r="C7095" s="2" t="s">
        <v>21757</v>
      </c>
      <c r="D7095" s="14" t="s">
        <v>21758</v>
      </c>
      <c r="E7095" s="2" t="s">
        <v>21759</v>
      </c>
      <c r="F7095" s="2" t="s">
        <v>16194</v>
      </c>
      <c r="G7095" s="8">
        <v>253</v>
      </c>
      <c r="H7095" s="5">
        <v>6</v>
      </c>
      <c r="I7095" s="5" t="s">
        <v>1518</v>
      </c>
      <c r="J7095" s="5" t="s">
        <v>1519</v>
      </c>
      <c r="K7095" s="2" t="s">
        <v>1520</v>
      </c>
      <c r="L7095" s="5" t="s">
        <v>1519</v>
      </c>
      <c r="M7095" s="2" t="s">
        <v>1520</v>
      </c>
      <c r="N7095" s="5" t="s">
        <v>1521</v>
      </c>
      <c r="O7095" s="5" t="s">
        <v>38</v>
      </c>
      <c r="P7095" s="5" t="s">
        <v>39</v>
      </c>
      <c r="Q7095" s="5" t="s">
        <v>40</v>
      </c>
      <c r="R7095" s="5" t="s">
        <v>1522</v>
      </c>
      <c r="S7095" s="5" t="s">
        <v>1523</v>
      </c>
      <c r="T7095" s="5" t="s">
        <v>42</v>
      </c>
      <c r="U7095" s="2">
        <v>2.6949999999999998</v>
      </c>
      <c r="V7095" s="2">
        <v>2.1520000000000001</v>
      </c>
      <c r="W7095" s="2">
        <v>1.2999999999999999E-2</v>
      </c>
      <c r="X7095" s="2">
        <v>99.1</v>
      </c>
      <c r="Y7095" s="2">
        <v>7.6</v>
      </c>
      <c r="Z7095" s="2">
        <v>16.7</v>
      </c>
      <c r="AA7095" s="5"/>
      <c r="AB7095" s="5" t="s">
        <v>43</v>
      </c>
      <c r="AC7095" s="5" t="s">
        <v>44</v>
      </c>
      <c r="AD7095" s="2"/>
      <c r="AE7095" s="1"/>
    </row>
    <row r="7096" spans="1:31" ht="14.45">
      <c r="A7096" s="11"/>
      <c r="B7096" s="20"/>
      <c r="C7096" s="2" t="s">
        <v>21760</v>
      </c>
      <c r="D7096" s="14" t="s">
        <v>21761</v>
      </c>
      <c r="E7096" s="2" t="s">
        <v>21762</v>
      </c>
      <c r="F7096" s="2" t="s">
        <v>7449</v>
      </c>
      <c r="G7096" s="8">
        <v>253</v>
      </c>
      <c r="H7096" s="5">
        <v>6</v>
      </c>
      <c r="I7096" s="5" t="s">
        <v>1518</v>
      </c>
      <c r="J7096" s="5" t="s">
        <v>1519</v>
      </c>
      <c r="K7096" s="2" t="s">
        <v>1520</v>
      </c>
      <c r="L7096" s="5" t="s">
        <v>1519</v>
      </c>
      <c r="M7096" s="2" t="s">
        <v>1520</v>
      </c>
      <c r="N7096" s="5" t="s">
        <v>1521</v>
      </c>
      <c r="O7096" s="5" t="s">
        <v>38</v>
      </c>
      <c r="P7096" s="5" t="s">
        <v>39</v>
      </c>
      <c r="Q7096" s="5" t="s">
        <v>40</v>
      </c>
      <c r="R7096" s="5" t="s">
        <v>1522</v>
      </c>
      <c r="S7096" s="5" t="s">
        <v>1523</v>
      </c>
      <c r="T7096" s="5" t="s">
        <v>42</v>
      </c>
      <c r="U7096" s="2">
        <v>2.6240000000000001</v>
      </c>
      <c r="V7096" s="2">
        <v>2.081</v>
      </c>
      <c r="W7096" s="2">
        <v>1.2999999999999999E-2</v>
      </c>
      <c r="X7096" s="2">
        <v>99.1</v>
      </c>
      <c r="Y7096" s="2">
        <v>7.6</v>
      </c>
      <c r="Z7096" s="2">
        <v>16.7</v>
      </c>
      <c r="AA7096" s="5"/>
      <c r="AB7096" s="5" t="s">
        <v>43</v>
      </c>
      <c r="AC7096" s="5" t="s">
        <v>44</v>
      </c>
      <c r="AD7096" s="2"/>
      <c r="AE7096" s="1"/>
    </row>
    <row r="7097" spans="1:31" ht="14.45">
      <c r="A7097" s="11"/>
      <c r="B7097" s="20"/>
      <c r="C7097" s="2" t="s">
        <v>21763</v>
      </c>
      <c r="D7097" s="14" t="s">
        <v>21764</v>
      </c>
      <c r="E7097" s="2" t="s">
        <v>21765</v>
      </c>
      <c r="F7097" s="2" t="s">
        <v>7581</v>
      </c>
      <c r="G7097" s="8">
        <v>253</v>
      </c>
      <c r="H7097" s="5">
        <v>6</v>
      </c>
      <c r="I7097" s="5" t="s">
        <v>1518</v>
      </c>
      <c r="J7097" s="5" t="s">
        <v>1519</v>
      </c>
      <c r="K7097" s="2" t="s">
        <v>1520</v>
      </c>
      <c r="L7097" s="5" t="s">
        <v>1519</v>
      </c>
      <c r="M7097" s="2" t="s">
        <v>1520</v>
      </c>
      <c r="N7097" s="5" t="s">
        <v>1521</v>
      </c>
      <c r="O7097" s="5" t="s">
        <v>38</v>
      </c>
      <c r="P7097" s="5" t="s">
        <v>39</v>
      </c>
      <c r="Q7097" s="5" t="s">
        <v>40</v>
      </c>
      <c r="R7097" s="5" t="s">
        <v>1522</v>
      </c>
      <c r="S7097" s="5" t="s">
        <v>1523</v>
      </c>
      <c r="T7097" s="5" t="s">
        <v>42</v>
      </c>
      <c r="U7097" s="2">
        <v>2.6949999999999998</v>
      </c>
      <c r="V7097" s="2">
        <v>2.1520000000000001</v>
      </c>
      <c r="W7097" s="2">
        <v>1.2999999999999999E-2</v>
      </c>
      <c r="X7097" s="2">
        <v>99.1</v>
      </c>
      <c r="Y7097" s="2">
        <v>7.6</v>
      </c>
      <c r="Z7097" s="2">
        <v>16.7</v>
      </c>
      <c r="AA7097" s="5"/>
      <c r="AB7097" s="5" t="s">
        <v>43</v>
      </c>
      <c r="AC7097" s="5" t="s">
        <v>44</v>
      </c>
      <c r="AD7097" s="2"/>
      <c r="AE7097" s="1"/>
    </row>
    <row r="7098" spans="1:31" ht="14.45">
      <c r="A7098" s="11"/>
      <c r="B7098" s="20"/>
      <c r="C7098" s="2" t="s">
        <v>21766</v>
      </c>
      <c r="D7098" s="14" t="s">
        <v>21767</v>
      </c>
      <c r="E7098" s="2" t="s">
        <v>21768</v>
      </c>
      <c r="F7098" s="2" t="s">
        <v>7585</v>
      </c>
      <c r="G7098" s="8">
        <v>253</v>
      </c>
      <c r="H7098" s="5">
        <v>6</v>
      </c>
      <c r="I7098" s="5" t="s">
        <v>1518</v>
      </c>
      <c r="J7098" s="5" t="s">
        <v>1519</v>
      </c>
      <c r="K7098" s="2" t="s">
        <v>1520</v>
      </c>
      <c r="L7098" s="5" t="s">
        <v>1519</v>
      </c>
      <c r="M7098" s="2" t="s">
        <v>1520</v>
      </c>
      <c r="N7098" s="5" t="s">
        <v>1521</v>
      </c>
      <c r="O7098" s="5" t="s">
        <v>38</v>
      </c>
      <c r="P7098" s="5" t="s">
        <v>39</v>
      </c>
      <c r="Q7098" s="5" t="s">
        <v>40</v>
      </c>
      <c r="R7098" s="5" t="s">
        <v>1522</v>
      </c>
      <c r="S7098" s="5" t="s">
        <v>1523</v>
      </c>
      <c r="T7098" s="5" t="s">
        <v>42</v>
      </c>
      <c r="U7098" s="2">
        <v>2.6080000000000001</v>
      </c>
      <c r="V7098" s="2">
        <v>2.0649999999999999</v>
      </c>
      <c r="W7098" s="2">
        <v>1.2999999999999999E-2</v>
      </c>
      <c r="X7098" s="2">
        <v>99.1</v>
      </c>
      <c r="Y7098" s="2">
        <v>7.6</v>
      </c>
      <c r="Z7098" s="2">
        <v>16.7</v>
      </c>
      <c r="AA7098" s="5"/>
      <c r="AB7098" s="5" t="s">
        <v>43</v>
      </c>
      <c r="AC7098" s="5" t="s">
        <v>44</v>
      </c>
      <c r="AD7098" s="2"/>
      <c r="AE7098" s="1"/>
    </row>
    <row r="7099" spans="1:31" ht="14.45">
      <c r="A7099" s="11"/>
      <c r="B7099" s="20"/>
      <c r="C7099" s="2" t="s">
        <v>21769</v>
      </c>
      <c r="D7099" s="14" t="s">
        <v>21770</v>
      </c>
      <c r="E7099" s="2" t="s">
        <v>21771</v>
      </c>
      <c r="F7099" s="2" t="s">
        <v>7589</v>
      </c>
      <c r="G7099" s="8">
        <v>253</v>
      </c>
      <c r="H7099" s="5">
        <v>6</v>
      </c>
      <c r="I7099" s="5" t="s">
        <v>1518</v>
      </c>
      <c r="J7099" s="5" t="s">
        <v>1519</v>
      </c>
      <c r="K7099" s="2" t="s">
        <v>1520</v>
      </c>
      <c r="L7099" s="5" t="s">
        <v>1519</v>
      </c>
      <c r="M7099" s="2" t="s">
        <v>1520</v>
      </c>
      <c r="N7099" s="5" t="s">
        <v>1521</v>
      </c>
      <c r="O7099" s="5" t="s">
        <v>38</v>
      </c>
      <c r="P7099" s="5" t="s">
        <v>39</v>
      </c>
      <c r="Q7099" s="5" t="s">
        <v>40</v>
      </c>
      <c r="R7099" s="5" t="s">
        <v>1522</v>
      </c>
      <c r="S7099" s="5" t="s">
        <v>1523</v>
      </c>
      <c r="T7099" s="5" t="s">
        <v>42</v>
      </c>
      <c r="U7099" s="2">
        <v>2.6789999999999998</v>
      </c>
      <c r="V7099" s="2">
        <v>2.1360000000000001</v>
      </c>
      <c r="W7099" s="2">
        <v>1.2999999999999999E-2</v>
      </c>
      <c r="X7099" s="2">
        <v>99.1</v>
      </c>
      <c r="Y7099" s="2">
        <v>7.6</v>
      </c>
      <c r="Z7099" s="2">
        <v>16.7</v>
      </c>
      <c r="AA7099" s="5"/>
      <c r="AB7099" s="5" t="s">
        <v>43</v>
      </c>
      <c r="AC7099" s="5" t="s">
        <v>44</v>
      </c>
      <c r="AD7099" s="2"/>
      <c r="AE7099" s="1"/>
    </row>
    <row r="7100" spans="1:31" ht="14.45">
      <c r="A7100" s="11"/>
      <c r="B7100" s="20"/>
      <c r="C7100" s="2" t="s">
        <v>21772</v>
      </c>
      <c r="D7100" s="14" t="s">
        <v>21773</v>
      </c>
      <c r="E7100" s="2" t="s">
        <v>21774</v>
      </c>
      <c r="F7100" s="2" t="s">
        <v>7593</v>
      </c>
      <c r="G7100" s="8">
        <v>253</v>
      </c>
      <c r="H7100" s="5">
        <v>6</v>
      </c>
      <c r="I7100" s="5" t="s">
        <v>1518</v>
      </c>
      <c r="J7100" s="5" t="s">
        <v>1519</v>
      </c>
      <c r="K7100" s="2" t="s">
        <v>1520</v>
      </c>
      <c r="L7100" s="5" t="s">
        <v>1519</v>
      </c>
      <c r="M7100" s="2" t="s">
        <v>1520</v>
      </c>
      <c r="N7100" s="5" t="s">
        <v>1521</v>
      </c>
      <c r="O7100" s="5" t="s">
        <v>38</v>
      </c>
      <c r="P7100" s="5" t="s">
        <v>39</v>
      </c>
      <c r="Q7100" s="5" t="s">
        <v>40</v>
      </c>
      <c r="R7100" s="5" t="s">
        <v>1522</v>
      </c>
      <c r="S7100" s="5" t="s">
        <v>1523</v>
      </c>
      <c r="T7100" s="5" t="s">
        <v>42</v>
      </c>
      <c r="U7100" s="2">
        <v>2.6240000000000001</v>
      </c>
      <c r="V7100" s="2">
        <v>2.081</v>
      </c>
      <c r="W7100" s="2">
        <v>1.2999999999999999E-2</v>
      </c>
      <c r="X7100" s="2">
        <v>99.1</v>
      </c>
      <c r="Y7100" s="2">
        <v>7.6</v>
      </c>
      <c r="Z7100" s="2">
        <v>16.7</v>
      </c>
      <c r="AA7100" s="5"/>
      <c r="AB7100" s="5" t="s">
        <v>43</v>
      </c>
      <c r="AC7100" s="5" t="s">
        <v>44</v>
      </c>
      <c r="AD7100" s="2"/>
      <c r="AE7100" s="1"/>
    </row>
    <row r="7101" spans="1:31" ht="14.45">
      <c r="A7101" s="11"/>
      <c r="B7101" s="20"/>
      <c r="C7101" s="2" t="s">
        <v>21775</v>
      </c>
      <c r="D7101" s="14" t="s">
        <v>21776</v>
      </c>
      <c r="E7101" s="2" t="s">
        <v>21777</v>
      </c>
      <c r="F7101" s="2" t="s">
        <v>7597</v>
      </c>
      <c r="G7101" s="8">
        <v>253</v>
      </c>
      <c r="H7101" s="5">
        <v>6</v>
      </c>
      <c r="I7101" s="5" t="s">
        <v>1518</v>
      </c>
      <c r="J7101" s="5" t="s">
        <v>1519</v>
      </c>
      <c r="K7101" s="2" t="s">
        <v>1520</v>
      </c>
      <c r="L7101" s="5" t="s">
        <v>1519</v>
      </c>
      <c r="M7101" s="2" t="s">
        <v>1520</v>
      </c>
      <c r="N7101" s="5" t="s">
        <v>1521</v>
      </c>
      <c r="O7101" s="5" t="s">
        <v>38</v>
      </c>
      <c r="P7101" s="5" t="s">
        <v>39</v>
      </c>
      <c r="Q7101" s="5" t="s">
        <v>40</v>
      </c>
      <c r="R7101" s="5" t="s">
        <v>1522</v>
      </c>
      <c r="S7101" s="5" t="s">
        <v>1523</v>
      </c>
      <c r="T7101" s="5" t="s">
        <v>42</v>
      </c>
      <c r="U7101" s="2">
        <v>2.6949999999999998</v>
      </c>
      <c r="V7101" s="2">
        <v>2.1520000000000001</v>
      </c>
      <c r="W7101" s="2">
        <v>1.2999999999999999E-2</v>
      </c>
      <c r="X7101" s="2">
        <v>99.1</v>
      </c>
      <c r="Y7101" s="2">
        <v>7.6</v>
      </c>
      <c r="Z7101" s="2">
        <v>16.7</v>
      </c>
      <c r="AA7101" s="5"/>
      <c r="AB7101" s="5" t="s">
        <v>43</v>
      </c>
      <c r="AC7101" s="5" t="s">
        <v>44</v>
      </c>
      <c r="AD7101" s="2"/>
      <c r="AE7101" s="1"/>
    </row>
    <row r="7102" spans="1:31" ht="14.45">
      <c r="A7102" s="11"/>
      <c r="B7102" s="20"/>
      <c r="C7102" s="2" t="s">
        <v>21778</v>
      </c>
      <c r="D7102" s="14" t="s">
        <v>21779</v>
      </c>
      <c r="E7102" s="2" t="s">
        <v>21780</v>
      </c>
      <c r="F7102" s="2" t="s">
        <v>16014</v>
      </c>
      <c r="G7102" s="8">
        <v>253</v>
      </c>
      <c r="H7102" s="5">
        <v>6</v>
      </c>
      <c r="I7102" s="5" t="s">
        <v>1518</v>
      </c>
      <c r="J7102" s="5" t="s">
        <v>1519</v>
      </c>
      <c r="K7102" s="2" t="s">
        <v>1520</v>
      </c>
      <c r="L7102" s="5" t="s">
        <v>1519</v>
      </c>
      <c r="M7102" s="2" t="s">
        <v>1520</v>
      </c>
      <c r="N7102" s="5" t="s">
        <v>1521</v>
      </c>
      <c r="O7102" s="5" t="s">
        <v>38</v>
      </c>
      <c r="P7102" s="5" t="s">
        <v>39</v>
      </c>
      <c r="Q7102" s="5" t="s">
        <v>40</v>
      </c>
      <c r="R7102" s="5" t="s">
        <v>1522</v>
      </c>
      <c r="S7102" s="5" t="s">
        <v>1523</v>
      </c>
      <c r="T7102" s="5" t="s">
        <v>42</v>
      </c>
      <c r="U7102" s="2">
        <v>2.6240000000000001</v>
      </c>
      <c r="V7102" s="2">
        <v>2.081</v>
      </c>
      <c r="W7102" s="2">
        <v>1.2999999999999999E-2</v>
      </c>
      <c r="X7102" s="2">
        <v>99.1</v>
      </c>
      <c r="Y7102" s="2">
        <v>7.6</v>
      </c>
      <c r="Z7102" s="2">
        <v>16.7</v>
      </c>
      <c r="AA7102" s="5"/>
      <c r="AB7102" s="5" t="s">
        <v>43</v>
      </c>
      <c r="AC7102" s="5" t="s">
        <v>44</v>
      </c>
      <c r="AD7102" s="2"/>
      <c r="AE7102" s="1"/>
    </row>
    <row r="7103" spans="1:31" ht="14.45">
      <c r="A7103" s="11"/>
      <c r="B7103" s="20"/>
      <c r="C7103" s="2" t="s">
        <v>21781</v>
      </c>
      <c r="D7103" s="14" t="s">
        <v>21782</v>
      </c>
      <c r="E7103" s="2" t="s">
        <v>21783</v>
      </c>
      <c r="F7103" s="2" t="s">
        <v>16219</v>
      </c>
      <c r="G7103" s="8">
        <v>253</v>
      </c>
      <c r="H7103" s="5">
        <v>6</v>
      </c>
      <c r="I7103" s="5" t="s">
        <v>1518</v>
      </c>
      <c r="J7103" s="5" t="s">
        <v>1519</v>
      </c>
      <c r="K7103" s="2" t="s">
        <v>1520</v>
      </c>
      <c r="L7103" s="5" t="s">
        <v>1519</v>
      </c>
      <c r="M7103" s="2" t="s">
        <v>1520</v>
      </c>
      <c r="N7103" s="5" t="s">
        <v>1521</v>
      </c>
      <c r="O7103" s="5" t="s">
        <v>38</v>
      </c>
      <c r="P7103" s="5" t="s">
        <v>39</v>
      </c>
      <c r="Q7103" s="5" t="s">
        <v>40</v>
      </c>
      <c r="R7103" s="5" t="s">
        <v>1522</v>
      </c>
      <c r="S7103" s="5" t="s">
        <v>1523</v>
      </c>
      <c r="T7103" s="5" t="s">
        <v>42</v>
      </c>
      <c r="U7103" s="2">
        <v>2.6949999999999998</v>
      </c>
      <c r="V7103" s="2">
        <v>2.1520000000000001</v>
      </c>
      <c r="W7103" s="2">
        <v>1.2999999999999999E-2</v>
      </c>
      <c r="X7103" s="2">
        <v>99.1</v>
      </c>
      <c r="Y7103" s="2">
        <v>7.6</v>
      </c>
      <c r="Z7103" s="2">
        <v>16.7</v>
      </c>
      <c r="AA7103" s="5"/>
      <c r="AB7103" s="5" t="s">
        <v>43</v>
      </c>
      <c r="AC7103" s="5" t="s">
        <v>44</v>
      </c>
      <c r="AD7103" s="2"/>
      <c r="AE7103" s="1"/>
    </row>
    <row r="7104" spans="1:31" ht="14.45">
      <c r="A7104" s="11"/>
      <c r="B7104" s="20"/>
      <c r="C7104" s="2" t="s">
        <v>21784</v>
      </c>
      <c r="D7104" s="14" t="s">
        <v>21785</v>
      </c>
      <c r="E7104" s="2" t="s">
        <v>21786</v>
      </c>
      <c r="F7104" s="2" t="s">
        <v>16018</v>
      </c>
      <c r="G7104" s="8">
        <v>253</v>
      </c>
      <c r="H7104" s="5">
        <v>6</v>
      </c>
      <c r="I7104" s="5" t="s">
        <v>1518</v>
      </c>
      <c r="J7104" s="5" t="s">
        <v>1519</v>
      </c>
      <c r="K7104" s="2" t="s">
        <v>1520</v>
      </c>
      <c r="L7104" s="5" t="s">
        <v>1519</v>
      </c>
      <c r="M7104" s="2" t="s">
        <v>1520</v>
      </c>
      <c r="N7104" s="5" t="s">
        <v>1521</v>
      </c>
      <c r="O7104" s="5" t="s">
        <v>38</v>
      </c>
      <c r="P7104" s="5" t="s">
        <v>39</v>
      </c>
      <c r="Q7104" s="5" t="s">
        <v>40</v>
      </c>
      <c r="R7104" s="5" t="s">
        <v>1522</v>
      </c>
      <c r="S7104" s="5" t="s">
        <v>1523</v>
      </c>
      <c r="T7104" s="5" t="s">
        <v>42</v>
      </c>
      <c r="U7104" s="2">
        <v>2.6240000000000001</v>
      </c>
      <c r="V7104" s="2">
        <v>2.081</v>
      </c>
      <c r="W7104" s="2">
        <v>1.2999999999999999E-2</v>
      </c>
      <c r="X7104" s="2">
        <v>99.1</v>
      </c>
      <c r="Y7104" s="2">
        <v>7.6</v>
      </c>
      <c r="Z7104" s="2">
        <v>16.7</v>
      </c>
      <c r="AA7104" s="5"/>
      <c r="AB7104" s="5" t="s">
        <v>43</v>
      </c>
      <c r="AC7104" s="5" t="s">
        <v>44</v>
      </c>
      <c r="AD7104" s="2"/>
      <c r="AE7104" s="1"/>
    </row>
    <row r="7105" spans="1:31" ht="14.45">
      <c r="A7105" s="11"/>
      <c r="B7105" s="20"/>
      <c r="C7105" s="2" t="s">
        <v>21787</v>
      </c>
      <c r="D7105" s="14" t="s">
        <v>21788</v>
      </c>
      <c r="E7105" s="2" t="s">
        <v>21789</v>
      </c>
      <c r="F7105" s="2" t="s">
        <v>16022</v>
      </c>
      <c r="G7105" s="8">
        <v>253</v>
      </c>
      <c r="H7105" s="5">
        <v>6</v>
      </c>
      <c r="I7105" s="5" t="s">
        <v>1518</v>
      </c>
      <c r="J7105" s="5" t="s">
        <v>1519</v>
      </c>
      <c r="K7105" s="2" t="s">
        <v>1520</v>
      </c>
      <c r="L7105" s="5" t="s">
        <v>1519</v>
      </c>
      <c r="M7105" s="2" t="s">
        <v>1520</v>
      </c>
      <c r="N7105" s="5" t="s">
        <v>1521</v>
      </c>
      <c r="O7105" s="5" t="s">
        <v>38</v>
      </c>
      <c r="P7105" s="5" t="s">
        <v>39</v>
      </c>
      <c r="Q7105" s="5" t="s">
        <v>40</v>
      </c>
      <c r="R7105" s="5" t="s">
        <v>1522</v>
      </c>
      <c r="S7105" s="5" t="s">
        <v>1523</v>
      </c>
      <c r="T7105" s="5" t="s">
        <v>42</v>
      </c>
      <c r="U7105" s="2">
        <v>2.6949999999999998</v>
      </c>
      <c r="V7105" s="2">
        <v>2.1520000000000001</v>
      </c>
      <c r="W7105" s="2">
        <v>1.2999999999999999E-2</v>
      </c>
      <c r="X7105" s="2">
        <v>99.1</v>
      </c>
      <c r="Y7105" s="2">
        <v>7.6</v>
      </c>
      <c r="Z7105" s="2">
        <v>16.7</v>
      </c>
      <c r="AA7105" s="5"/>
      <c r="AB7105" s="5" t="s">
        <v>43</v>
      </c>
      <c r="AC7105" s="5" t="s">
        <v>44</v>
      </c>
      <c r="AD7105" s="2"/>
      <c r="AE7105" s="1"/>
    </row>
    <row r="7106" spans="1:31" ht="14.45">
      <c r="A7106" s="11"/>
      <c r="B7106" s="20"/>
      <c r="C7106" s="2" t="s">
        <v>21790</v>
      </c>
      <c r="D7106" s="14" t="s">
        <v>21791</v>
      </c>
      <c r="E7106" s="2" t="s">
        <v>21792</v>
      </c>
      <c r="F7106" s="2" t="s">
        <v>7615</v>
      </c>
      <c r="G7106" s="8">
        <v>253</v>
      </c>
      <c r="H7106" s="5">
        <v>6</v>
      </c>
      <c r="I7106" s="5" t="s">
        <v>1518</v>
      </c>
      <c r="J7106" s="5" t="s">
        <v>1519</v>
      </c>
      <c r="K7106" s="2" t="s">
        <v>1520</v>
      </c>
      <c r="L7106" s="5" t="s">
        <v>1519</v>
      </c>
      <c r="M7106" s="2" t="s">
        <v>1520</v>
      </c>
      <c r="N7106" s="5" t="s">
        <v>1521</v>
      </c>
      <c r="O7106" s="5" t="s">
        <v>38</v>
      </c>
      <c r="P7106" s="5" t="s">
        <v>39</v>
      </c>
      <c r="Q7106" s="5" t="s">
        <v>40</v>
      </c>
      <c r="R7106" s="5" t="s">
        <v>1522</v>
      </c>
      <c r="S7106" s="5" t="s">
        <v>1523</v>
      </c>
      <c r="T7106" s="5" t="s">
        <v>42</v>
      </c>
      <c r="U7106" s="2">
        <v>2.6080000000000001</v>
      </c>
      <c r="V7106" s="2">
        <v>2.0649999999999999</v>
      </c>
      <c r="W7106" s="2">
        <v>1.2999999999999999E-2</v>
      </c>
      <c r="X7106" s="2">
        <v>99.1</v>
      </c>
      <c r="Y7106" s="2">
        <v>7.6</v>
      </c>
      <c r="Z7106" s="2">
        <v>16.7</v>
      </c>
      <c r="AA7106" s="5"/>
      <c r="AB7106" s="5" t="s">
        <v>43</v>
      </c>
      <c r="AC7106" s="5" t="s">
        <v>44</v>
      </c>
      <c r="AD7106" s="2"/>
      <c r="AE7106" s="1"/>
    </row>
    <row r="7107" spans="1:31" ht="14.45">
      <c r="A7107" s="11"/>
      <c r="B7107" s="20"/>
      <c r="C7107" s="2" t="s">
        <v>21793</v>
      </c>
      <c r="D7107" s="14" t="s">
        <v>21794</v>
      </c>
      <c r="E7107" s="2" t="s">
        <v>21795</v>
      </c>
      <c r="F7107" s="2" t="s">
        <v>7619</v>
      </c>
      <c r="G7107" s="8">
        <v>253</v>
      </c>
      <c r="H7107" s="5">
        <v>6</v>
      </c>
      <c r="I7107" s="5" t="s">
        <v>1518</v>
      </c>
      <c r="J7107" s="5" t="s">
        <v>1519</v>
      </c>
      <c r="K7107" s="2" t="s">
        <v>1520</v>
      </c>
      <c r="L7107" s="5" t="s">
        <v>1519</v>
      </c>
      <c r="M7107" s="2" t="s">
        <v>1520</v>
      </c>
      <c r="N7107" s="5" t="s">
        <v>1521</v>
      </c>
      <c r="O7107" s="5" t="s">
        <v>38</v>
      </c>
      <c r="P7107" s="5" t="s">
        <v>39</v>
      </c>
      <c r="Q7107" s="5" t="s">
        <v>40</v>
      </c>
      <c r="R7107" s="5" t="s">
        <v>1522</v>
      </c>
      <c r="S7107" s="5" t="s">
        <v>1523</v>
      </c>
      <c r="T7107" s="5" t="s">
        <v>42</v>
      </c>
      <c r="U7107" s="2">
        <v>2.6789999999999998</v>
      </c>
      <c r="V7107" s="2">
        <v>2.1360000000000001</v>
      </c>
      <c r="W7107" s="2">
        <v>1.2999999999999999E-2</v>
      </c>
      <c r="X7107" s="2">
        <v>99.1</v>
      </c>
      <c r="Y7107" s="2">
        <v>7.6</v>
      </c>
      <c r="Z7107" s="2">
        <v>16.7</v>
      </c>
      <c r="AA7107" s="5"/>
      <c r="AB7107" s="5" t="s">
        <v>43</v>
      </c>
      <c r="AC7107" s="5" t="s">
        <v>44</v>
      </c>
      <c r="AD7107" s="2"/>
      <c r="AE7107" s="1"/>
    </row>
    <row r="7108" spans="1:31" ht="14.45">
      <c r="A7108" s="11"/>
      <c r="B7108" s="20"/>
      <c r="C7108" s="2" t="s">
        <v>21796</v>
      </c>
      <c r="D7108" s="14" t="s">
        <v>21797</v>
      </c>
      <c r="E7108" s="2" t="s">
        <v>21798</v>
      </c>
      <c r="F7108" s="2" t="s">
        <v>16029</v>
      </c>
      <c r="G7108" s="8">
        <v>253</v>
      </c>
      <c r="H7108" s="5">
        <v>11</v>
      </c>
      <c r="I7108" s="5" t="s">
        <v>1518</v>
      </c>
      <c r="J7108" s="5" t="s">
        <v>1519</v>
      </c>
      <c r="K7108" s="2" t="s">
        <v>1520</v>
      </c>
      <c r="L7108" s="5" t="s">
        <v>1519</v>
      </c>
      <c r="M7108" s="2" t="s">
        <v>1520</v>
      </c>
      <c r="N7108" s="5" t="s">
        <v>1521</v>
      </c>
      <c r="O7108" s="5" t="s">
        <v>38</v>
      </c>
      <c r="P7108" s="5" t="s">
        <v>39</v>
      </c>
      <c r="Q7108" s="5" t="s">
        <v>40</v>
      </c>
      <c r="R7108" s="5" t="s">
        <v>1522</v>
      </c>
      <c r="S7108" s="5" t="s">
        <v>1523</v>
      </c>
      <c r="T7108" s="5" t="s">
        <v>42</v>
      </c>
      <c r="U7108" s="2">
        <v>2.6280000000000001</v>
      </c>
      <c r="V7108" s="2">
        <v>2.085</v>
      </c>
      <c r="W7108" s="2">
        <v>1.2999999999999999E-2</v>
      </c>
      <c r="X7108" s="2">
        <v>99.1</v>
      </c>
      <c r="Y7108" s="2">
        <v>7.6</v>
      </c>
      <c r="Z7108" s="2">
        <v>16.7</v>
      </c>
      <c r="AA7108" s="5"/>
      <c r="AB7108" s="5" t="s">
        <v>43</v>
      </c>
      <c r="AC7108" s="5" t="s">
        <v>44</v>
      </c>
      <c r="AD7108" s="2"/>
      <c r="AE7108" s="1"/>
    </row>
    <row r="7109" spans="1:31" ht="14.45">
      <c r="A7109" s="11"/>
      <c r="B7109" s="20"/>
      <c r="C7109" s="2" t="s">
        <v>21799</v>
      </c>
      <c r="D7109" s="14" t="s">
        <v>21800</v>
      </c>
      <c r="E7109" s="2" t="s">
        <v>21801</v>
      </c>
      <c r="F7109" s="2" t="s">
        <v>16033</v>
      </c>
      <c r="G7109" s="8">
        <v>253</v>
      </c>
      <c r="H7109" s="5">
        <v>11</v>
      </c>
      <c r="I7109" s="5" t="s">
        <v>1518</v>
      </c>
      <c r="J7109" s="5" t="s">
        <v>1519</v>
      </c>
      <c r="K7109" s="2" t="s">
        <v>1520</v>
      </c>
      <c r="L7109" s="5" t="s">
        <v>1519</v>
      </c>
      <c r="M7109" s="2" t="s">
        <v>1520</v>
      </c>
      <c r="N7109" s="5" t="s">
        <v>1521</v>
      </c>
      <c r="O7109" s="5" t="s">
        <v>38</v>
      </c>
      <c r="P7109" s="5" t="s">
        <v>39</v>
      </c>
      <c r="Q7109" s="5" t="s">
        <v>40</v>
      </c>
      <c r="R7109" s="5" t="s">
        <v>1522</v>
      </c>
      <c r="S7109" s="5" t="s">
        <v>1523</v>
      </c>
      <c r="T7109" s="5" t="s">
        <v>42</v>
      </c>
      <c r="U7109" s="2">
        <v>2.6989999999999998</v>
      </c>
      <c r="V7109" s="2">
        <v>2.1560000000000001</v>
      </c>
      <c r="W7109" s="2">
        <v>1.2999999999999999E-2</v>
      </c>
      <c r="X7109" s="2">
        <v>99.1</v>
      </c>
      <c r="Y7109" s="2">
        <v>7.6</v>
      </c>
      <c r="Z7109" s="2">
        <v>16.7</v>
      </c>
      <c r="AA7109" s="5"/>
      <c r="AB7109" s="5" t="s">
        <v>43</v>
      </c>
      <c r="AC7109" s="5" t="s">
        <v>44</v>
      </c>
      <c r="AD7109" s="2"/>
      <c r="AE7109" s="1"/>
    </row>
    <row r="7110" spans="1:31" ht="14.45">
      <c r="A7110" s="11"/>
      <c r="B7110" s="20"/>
      <c r="C7110" s="2" t="s">
        <v>21802</v>
      </c>
      <c r="D7110" s="14" t="s">
        <v>21803</v>
      </c>
      <c r="E7110" s="2" t="s">
        <v>21804</v>
      </c>
      <c r="F7110" s="2" t="s">
        <v>7396</v>
      </c>
      <c r="G7110" s="8">
        <v>246</v>
      </c>
      <c r="H7110" s="5">
        <v>6</v>
      </c>
      <c r="I7110" s="5" t="s">
        <v>1518</v>
      </c>
      <c r="J7110" s="5" t="s">
        <v>1519</v>
      </c>
      <c r="K7110" s="2" t="s">
        <v>1520</v>
      </c>
      <c r="L7110" s="5" t="s">
        <v>1519</v>
      </c>
      <c r="M7110" s="2" t="s">
        <v>1520</v>
      </c>
      <c r="N7110" s="5" t="s">
        <v>1521</v>
      </c>
      <c r="O7110" s="5" t="s">
        <v>38</v>
      </c>
      <c r="P7110" s="5" t="s">
        <v>39</v>
      </c>
      <c r="Q7110" s="5" t="s">
        <v>40</v>
      </c>
      <c r="R7110" s="5" t="s">
        <v>1522</v>
      </c>
      <c r="S7110" s="5" t="s">
        <v>1523</v>
      </c>
      <c r="T7110" s="5" t="s">
        <v>42</v>
      </c>
      <c r="U7110" s="2">
        <v>2.7850000000000001</v>
      </c>
      <c r="V7110" s="2">
        <v>2.242</v>
      </c>
      <c r="W7110" s="2">
        <v>1.4999999999999999E-2</v>
      </c>
      <c r="X7110" s="2">
        <v>118.9</v>
      </c>
      <c r="Y7110" s="2">
        <v>7.6</v>
      </c>
      <c r="Z7110" s="2">
        <v>16.7</v>
      </c>
      <c r="AA7110" s="5"/>
      <c r="AB7110" s="5" t="s">
        <v>43</v>
      </c>
      <c r="AC7110" s="5" t="s">
        <v>44</v>
      </c>
      <c r="AD7110" s="2"/>
      <c r="AE7110" s="1"/>
    </row>
    <row r="7111" spans="1:31" ht="14.45">
      <c r="A7111" s="11"/>
      <c r="B7111" s="20"/>
      <c r="C7111" s="2" t="s">
        <v>21805</v>
      </c>
      <c r="D7111" s="14" t="s">
        <v>21806</v>
      </c>
      <c r="E7111" s="2" t="s">
        <v>21807</v>
      </c>
      <c r="F7111" s="2" t="s">
        <v>7507</v>
      </c>
      <c r="G7111" s="8">
        <v>246</v>
      </c>
      <c r="H7111" s="5">
        <v>6</v>
      </c>
      <c r="I7111" s="5" t="s">
        <v>1518</v>
      </c>
      <c r="J7111" s="5" t="s">
        <v>1519</v>
      </c>
      <c r="K7111" s="2" t="s">
        <v>1520</v>
      </c>
      <c r="L7111" s="5" t="s">
        <v>1519</v>
      </c>
      <c r="M7111" s="2" t="s">
        <v>1520</v>
      </c>
      <c r="N7111" s="5" t="s">
        <v>1521</v>
      </c>
      <c r="O7111" s="5" t="s">
        <v>38</v>
      </c>
      <c r="P7111" s="5" t="s">
        <v>39</v>
      </c>
      <c r="Q7111" s="5" t="s">
        <v>40</v>
      </c>
      <c r="R7111" s="5" t="s">
        <v>1522</v>
      </c>
      <c r="S7111" s="5" t="s">
        <v>1523</v>
      </c>
      <c r="T7111" s="5" t="s">
        <v>42</v>
      </c>
      <c r="U7111" s="2">
        <v>2.867</v>
      </c>
      <c r="V7111" s="2">
        <v>2.3239999999999998</v>
      </c>
      <c r="W7111" s="2">
        <v>1.4999999999999999E-2</v>
      </c>
      <c r="X7111" s="2">
        <v>118.9</v>
      </c>
      <c r="Y7111" s="2">
        <v>7.6</v>
      </c>
      <c r="Z7111" s="2">
        <v>16.7</v>
      </c>
      <c r="AA7111" s="5"/>
      <c r="AB7111" s="5" t="s">
        <v>43</v>
      </c>
      <c r="AC7111" s="5" t="s">
        <v>44</v>
      </c>
      <c r="AD7111" s="2"/>
      <c r="AE7111" s="1"/>
    </row>
    <row r="7112" spans="1:31" ht="14.45">
      <c r="A7112" s="11"/>
      <c r="B7112" s="20"/>
      <c r="C7112" s="2" t="s">
        <v>21808</v>
      </c>
      <c r="D7112" s="14" t="s">
        <v>21809</v>
      </c>
      <c r="E7112" s="2" t="s">
        <v>21810</v>
      </c>
      <c r="F7112" s="2" t="s">
        <v>7204</v>
      </c>
      <c r="G7112" s="8">
        <v>246</v>
      </c>
      <c r="H7112" s="5">
        <v>6</v>
      </c>
      <c r="I7112" s="5" t="s">
        <v>1518</v>
      </c>
      <c r="J7112" s="5" t="s">
        <v>1519</v>
      </c>
      <c r="K7112" s="2" t="s">
        <v>1520</v>
      </c>
      <c r="L7112" s="5" t="s">
        <v>1519</v>
      </c>
      <c r="M7112" s="2" t="s">
        <v>1520</v>
      </c>
      <c r="N7112" s="5" t="s">
        <v>1521</v>
      </c>
      <c r="O7112" s="5" t="s">
        <v>38</v>
      </c>
      <c r="P7112" s="5" t="s">
        <v>39</v>
      </c>
      <c r="Q7112" s="5" t="s">
        <v>40</v>
      </c>
      <c r="R7112" s="5" t="s">
        <v>1522</v>
      </c>
      <c r="S7112" s="5" t="s">
        <v>1523</v>
      </c>
      <c r="T7112" s="5" t="s">
        <v>42</v>
      </c>
      <c r="U7112" s="2">
        <v>2.7909999999999999</v>
      </c>
      <c r="V7112" s="2">
        <v>2.2480000000000002</v>
      </c>
      <c r="W7112" s="2">
        <v>1.4999999999999999E-2</v>
      </c>
      <c r="X7112" s="2">
        <v>118.9</v>
      </c>
      <c r="Y7112" s="2">
        <v>7.6</v>
      </c>
      <c r="Z7112" s="2">
        <v>16.7</v>
      </c>
      <c r="AA7112" s="5"/>
      <c r="AB7112" s="5" t="s">
        <v>43</v>
      </c>
      <c r="AC7112" s="5" t="s">
        <v>44</v>
      </c>
      <c r="AD7112" s="2"/>
      <c r="AE7112" s="1"/>
    </row>
    <row r="7113" spans="1:31" ht="14.45">
      <c r="A7113" s="11"/>
      <c r="B7113" s="20"/>
      <c r="C7113" s="2" t="s">
        <v>21811</v>
      </c>
      <c r="D7113" s="14" t="s">
        <v>21812</v>
      </c>
      <c r="E7113" s="2" t="s">
        <v>21813</v>
      </c>
      <c r="F7113" s="2" t="s">
        <v>7514</v>
      </c>
      <c r="G7113" s="8">
        <v>246</v>
      </c>
      <c r="H7113" s="5">
        <v>6</v>
      </c>
      <c r="I7113" s="5" t="s">
        <v>1518</v>
      </c>
      <c r="J7113" s="5" t="s">
        <v>1519</v>
      </c>
      <c r="K7113" s="2" t="s">
        <v>1520</v>
      </c>
      <c r="L7113" s="5" t="s">
        <v>1519</v>
      </c>
      <c r="M7113" s="2" t="s">
        <v>1520</v>
      </c>
      <c r="N7113" s="5" t="s">
        <v>1521</v>
      </c>
      <c r="O7113" s="5" t="s">
        <v>38</v>
      </c>
      <c r="P7113" s="5" t="s">
        <v>39</v>
      </c>
      <c r="Q7113" s="5" t="s">
        <v>40</v>
      </c>
      <c r="R7113" s="5" t="s">
        <v>1522</v>
      </c>
      <c r="S7113" s="5" t="s">
        <v>1523</v>
      </c>
      <c r="T7113" s="5" t="s">
        <v>42</v>
      </c>
      <c r="U7113" s="2">
        <v>2.8730000000000002</v>
      </c>
      <c r="V7113" s="2">
        <v>2.33</v>
      </c>
      <c r="W7113" s="2">
        <v>1.4999999999999999E-2</v>
      </c>
      <c r="X7113" s="2">
        <v>118.9</v>
      </c>
      <c r="Y7113" s="2">
        <v>7.6</v>
      </c>
      <c r="Z7113" s="2">
        <v>16.7</v>
      </c>
      <c r="AA7113" s="5"/>
      <c r="AB7113" s="5" t="s">
        <v>43</v>
      </c>
      <c r="AC7113" s="5" t="s">
        <v>44</v>
      </c>
      <c r="AD7113" s="2"/>
      <c r="AE7113" s="1"/>
    </row>
    <row r="7114" spans="1:31" ht="14.45">
      <c r="A7114" s="11"/>
      <c r="B7114" s="20"/>
      <c r="C7114" s="2" t="s">
        <v>21814</v>
      </c>
      <c r="D7114" s="14" t="s">
        <v>21815</v>
      </c>
      <c r="E7114" s="2" t="s">
        <v>21816</v>
      </c>
      <c r="F7114" s="2" t="s">
        <v>7208</v>
      </c>
      <c r="G7114" s="8">
        <v>246</v>
      </c>
      <c r="H7114" s="5">
        <v>6</v>
      </c>
      <c r="I7114" s="5" t="s">
        <v>1518</v>
      </c>
      <c r="J7114" s="5" t="s">
        <v>1519</v>
      </c>
      <c r="K7114" s="2" t="s">
        <v>1520</v>
      </c>
      <c r="L7114" s="5" t="s">
        <v>1519</v>
      </c>
      <c r="M7114" s="2" t="s">
        <v>1520</v>
      </c>
      <c r="N7114" s="5" t="s">
        <v>1521</v>
      </c>
      <c r="O7114" s="5" t="s">
        <v>38</v>
      </c>
      <c r="P7114" s="5" t="s">
        <v>39</v>
      </c>
      <c r="Q7114" s="5" t="s">
        <v>40</v>
      </c>
      <c r="R7114" s="5" t="s">
        <v>1522</v>
      </c>
      <c r="S7114" s="5" t="s">
        <v>1523</v>
      </c>
      <c r="T7114" s="5" t="s">
        <v>42</v>
      </c>
      <c r="U7114" s="2">
        <v>2.7909999999999999</v>
      </c>
      <c r="V7114" s="2">
        <v>2.2480000000000002</v>
      </c>
      <c r="W7114" s="2">
        <v>1.4999999999999999E-2</v>
      </c>
      <c r="X7114" s="2">
        <v>118.9</v>
      </c>
      <c r="Y7114" s="2">
        <v>7.6</v>
      </c>
      <c r="Z7114" s="2">
        <v>16.7</v>
      </c>
      <c r="AA7114" s="5"/>
      <c r="AB7114" s="5" t="s">
        <v>43</v>
      </c>
      <c r="AC7114" s="5" t="s">
        <v>44</v>
      </c>
      <c r="AD7114" s="2"/>
      <c r="AE7114" s="1"/>
    </row>
    <row r="7115" spans="1:31" ht="14.45">
      <c r="A7115" s="11"/>
      <c r="B7115" s="20"/>
      <c r="C7115" s="2" t="s">
        <v>21817</v>
      </c>
      <c r="D7115" s="14" t="s">
        <v>21818</v>
      </c>
      <c r="E7115" s="2" t="s">
        <v>21819</v>
      </c>
      <c r="F7115" s="2" t="s">
        <v>7521</v>
      </c>
      <c r="G7115" s="8">
        <v>246</v>
      </c>
      <c r="H7115" s="5">
        <v>6</v>
      </c>
      <c r="I7115" s="5" t="s">
        <v>1518</v>
      </c>
      <c r="J7115" s="5" t="s">
        <v>1519</v>
      </c>
      <c r="K7115" s="2" t="s">
        <v>1520</v>
      </c>
      <c r="L7115" s="5" t="s">
        <v>1519</v>
      </c>
      <c r="M7115" s="2" t="s">
        <v>1520</v>
      </c>
      <c r="N7115" s="5" t="s">
        <v>1521</v>
      </c>
      <c r="O7115" s="5" t="s">
        <v>38</v>
      </c>
      <c r="P7115" s="5" t="s">
        <v>39</v>
      </c>
      <c r="Q7115" s="5" t="s">
        <v>40</v>
      </c>
      <c r="R7115" s="5" t="s">
        <v>1522</v>
      </c>
      <c r="S7115" s="5" t="s">
        <v>1523</v>
      </c>
      <c r="T7115" s="5" t="s">
        <v>42</v>
      </c>
      <c r="U7115" s="2">
        <v>2.8730000000000002</v>
      </c>
      <c r="V7115" s="2">
        <v>2.33</v>
      </c>
      <c r="W7115" s="2">
        <v>1.4999999999999999E-2</v>
      </c>
      <c r="X7115" s="2">
        <v>118.9</v>
      </c>
      <c r="Y7115" s="2">
        <v>7.6</v>
      </c>
      <c r="Z7115" s="2">
        <v>16.7</v>
      </c>
      <c r="AA7115" s="5"/>
      <c r="AB7115" s="5" t="s">
        <v>43</v>
      </c>
      <c r="AC7115" s="5" t="s">
        <v>44</v>
      </c>
      <c r="AD7115" s="2"/>
      <c r="AE7115" s="1"/>
    </row>
    <row r="7116" spans="1:31" ht="14.45">
      <c r="A7116" s="11"/>
      <c r="B7116" s="20"/>
      <c r="C7116" s="2" t="s">
        <v>21820</v>
      </c>
      <c r="D7116" s="14" t="s">
        <v>21821</v>
      </c>
      <c r="E7116" s="2" t="s">
        <v>21822</v>
      </c>
      <c r="F7116" s="2" t="s">
        <v>7212</v>
      </c>
      <c r="G7116" s="8">
        <v>246</v>
      </c>
      <c r="H7116" s="5">
        <v>6</v>
      </c>
      <c r="I7116" s="5" t="s">
        <v>1518</v>
      </c>
      <c r="J7116" s="5" t="s">
        <v>1519</v>
      </c>
      <c r="K7116" s="2" t="s">
        <v>1520</v>
      </c>
      <c r="L7116" s="5" t="s">
        <v>1519</v>
      </c>
      <c r="M7116" s="2" t="s">
        <v>1520</v>
      </c>
      <c r="N7116" s="5" t="s">
        <v>1521</v>
      </c>
      <c r="O7116" s="5" t="s">
        <v>38</v>
      </c>
      <c r="P7116" s="5" t="s">
        <v>39</v>
      </c>
      <c r="Q7116" s="5" t="s">
        <v>40</v>
      </c>
      <c r="R7116" s="5" t="s">
        <v>1522</v>
      </c>
      <c r="S7116" s="5" t="s">
        <v>1523</v>
      </c>
      <c r="T7116" s="5" t="s">
        <v>42</v>
      </c>
      <c r="U7116" s="2">
        <v>2.7719999999999998</v>
      </c>
      <c r="V7116" s="2">
        <v>2.2290000000000001</v>
      </c>
      <c r="W7116" s="2">
        <v>1.4999999999999999E-2</v>
      </c>
      <c r="X7116" s="2">
        <v>118.9</v>
      </c>
      <c r="Y7116" s="2">
        <v>7.6</v>
      </c>
      <c r="Z7116" s="2">
        <v>16.7</v>
      </c>
      <c r="AA7116" s="5"/>
      <c r="AB7116" s="5" t="s">
        <v>43</v>
      </c>
      <c r="AC7116" s="5" t="s">
        <v>44</v>
      </c>
      <c r="AD7116" s="2"/>
      <c r="AE7116" s="1"/>
    </row>
    <row r="7117" spans="1:31" ht="14.45">
      <c r="A7117" s="11"/>
      <c r="B7117" s="20"/>
      <c r="C7117" s="2" t="s">
        <v>21823</v>
      </c>
      <c r="D7117" s="14" t="s">
        <v>21824</v>
      </c>
      <c r="E7117" s="2" t="s">
        <v>21825</v>
      </c>
      <c r="F7117" s="2" t="s">
        <v>7528</v>
      </c>
      <c r="G7117" s="8">
        <v>246</v>
      </c>
      <c r="H7117" s="5">
        <v>6</v>
      </c>
      <c r="I7117" s="5" t="s">
        <v>1518</v>
      </c>
      <c r="J7117" s="5" t="s">
        <v>1519</v>
      </c>
      <c r="K7117" s="2" t="s">
        <v>1520</v>
      </c>
      <c r="L7117" s="5" t="s">
        <v>1519</v>
      </c>
      <c r="M7117" s="2" t="s">
        <v>1520</v>
      </c>
      <c r="N7117" s="5" t="s">
        <v>1521</v>
      </c>
      <c r="O7117" s="5" t="s">
        <v>38</v>
      </c>
      <c r="P7117" s="5" t="s">
        <v>39</v>
      </c>
      <c r="Q7117" s="5" t="s">
        <v>40</v>
      </c>
      <c r="R7117" s="5" t="s">
        <v>1522</v>
      </c>
      <c r="S7117" s="5" t="s">
        <v>1523</v>
      </c>
      <c r="T7117" s="5" t="s">
        <v>42</v>
      </c>
      <c r="U7117" s="2">
        <v>2.8540000000000001</v>
      </c>
      <c r="V7117" s="2">
        <v>2.3109999999999999</v>
      </c>
      <c r="W7117" s="2">
        <v>1.4999999999999999E-2</v>
      </c>
      <c r="X7117" s="2">
        <v>118.9</v>
      </c>
      <c r="Y7117" s="2">
        <v>7.6</v>
      </c>
      <c r="Z7117" s="2">
        <v>16.7</v>
      </c>
      <c r="AA7117" s="5"/>
      <c r="AB7117" s="5" t="s">
        <v>43</v>
      </c>
      <c r="AC7117" s="5" t="s">
        <v>44</v>
      </c>
      <c r="AD7117" s="2"/>
      <c r="AE7117" s="1"/>
    </row>
    <row r="7118" spans="1:31" ht="14.45">
      <c r="A7118" s="11"/>
      <c r="B7118" s="20"/>
      <c r="C7118" s="2" t="s">
        <v>21826</v>
      </c>
      <c r="D7118" s="14" t="s">
        <v>21827</v>
      </c>
      <c r="E7118" s="2" t="s">
        <v>21828</v>
      </c>
      <c r="F7118" s="2" t="s">
        <v>7406</v>
      </c>
      <c r="G7118" s="8">
        <v>263</v>
      </c>
      <c r="H7118" s="5">
        <v>6</v>
      </c>
      <c r="I7118" s="5" t="s">
        <v>1518</v>
      </c>
      <c r="J7118" s="5" t="s">
        <v>1519</v>
      </c>
      <c r="K7118" s="2" t="s">
        <v>1520</v>
      </c>
      <c r="L7118" s="5" t="s">
        <v>1519</v>
      </c>
      <c r="M7118" s="2" t="s">
        <v>1520</v>
      </c>
      <c r="N7118" s="5" t="s">
        <v>1521</v>
      </c>
      <c r="O7118" s="5" t="s">
        <v>38</v>
      </c>
      <c r="P7118" s="5" t="s">
        <v>39</v>
      </c>
      <c r="Q7118" s="5" t="s">
        <v>40</v>
      </c>
      <c r="R7118" s="5" t="s">
        <v>1522</v>
      </c>
      <c r="S7118" s="5" t="s">
        <v>1523</v>
      </c>
      <c r="T7118" s="5" t="s">
        <v>42</v>
      </c>
      <c r="U7118" s="2">
        <v>2.7719999999999998</v>
      </c>
      <c r="V7118" s="2">
        <v>2.2290000000000001</v>
      </c>
      <c r="W7118" s="2">
        <v>1.4999999999999999E-2</v>
      </c>
      <c r="X7118" s="2">
        <v>118.9</v>
      </c>
      <c r="Y7118" s="2">
        <v>7.6</v>
      </c>
      <c r="Z7118" s="2">
        <v>16.7</v>
      </c>
      <c r="AA7118" s="5"/>
      <c r="AB7118" s="5" t="s">
        <v>43</v>
      </c>
      <c r="AC7118" s="5" t="s">
        <v>44</v>
      </c>
      <c r="AD7118" s="2"/>
      <c r="AE7118" s="1"/>
    </row>
    <row r="7119" spans="1:31" ht="14.45">
      <c r="A7119" s="11"/>
      <c r="B7119" s="20"/>
      <c r="C7119" s="2" t="s">
        <v>21829</v>
      </c>
      <c r="D7119" s="14" t="s">
        <v>21830</v>
      </c>
      <c r="E7119" s="2" t="s">
        <v>21831</v>
      </c>
      <c r="F7119" s="2" t="s">
        <v>7535</v>
      </c>
      <c r="G7119" s="8">
        <v>263</v>
      </c>
      <c r="H7119" s="5">
        <v>6</v>
      </c>
      <c r="I7119" s="5" t="s">
        <v>1518</v>
      </c>
      <c r="J7119" s="5" t="s">
        <v>1519</v>
      </c>
      <c r="K7119" s="2" t="s">
        <v>1520</v>
      </c>
      <c r="L7119" s="5" t="s">
        <v>1519</v>
      </c>
      <c r="M7119" s="2" t="s">
        <v>1520</v>
      </c>
      <c r="N7119" s="5" t="s">
        <v>1521</v>
      </c>
      <c r="O7119" s="5" t="s">
        <v>38</v>
      </c>
      <c r="P7119" s="5" t="s">
        <v>39</v>
      </c>
      <c r="Q7119" s="5" t="s">
        <v>40</v>
      </c>
      <c r="R7119" s="5" t="s">
        <v>1522</v>
      </c>
      <c r="S7119" s="5" t="s">
        <v>1523</v>
      </c>
      <c r="T7119" s="5" t="s">
        <v>42</v>
      </c>
      <c r="U7119" s="2">
        <v>2.8540000000000001</v>
      </c>
      <c r="V7119" s="2">
        <v>2.3109999999999999</v>
      </c>
      <c r="W7119" s="2">
        <v>1.4999999999999999E-2</v>
      </c>
      <c r="X7119" s="2">
        <v>118.9</v>
      </c>
      <c r="Y7119" s="2">
        <v>7.6</v>
      </c>
      <c r="Z7119" s="2">
        <v>16.7</v>
      </c>
      <c r="AA7119" s="5"/>
      <c r="AB7119" s="5" t="s">
        <v>43</v>
      </c>
      <c r="AC7119" s="5" t="s">
        <v>44</v>
      </c>
      <c r="AD7119" s="2"/>
      <c r="AE7119" s="1"/>
    </row>
    <row r="7120" spans="1:31" ht="14.45">
      <c r="A7120" s="11"/>
      <c r="B7120" s="20"/>
      <c r="C7120" s="2" t="s">
        <v>21832</v>
      </c>
      <c r="D7120" s="14" t="s">
        <v>21833</v>
      </c>
      <c r="E7120" s="2" t="s">
        <v>21834</v>
      </c>
      <c r="F7120" s="2" t="s">
        <v>7539</v>
      </c>
      <c r="G7120" s="8">
        <v>263</v>
      </c>
      <c r="H7120" s="5">
        <v>6</v>
      </c>
      <c r="I7120" s="5" t="s">
        <v>1518</v>
      </c>
      <c r="J7120" s="5" t="s">
        <v>1519</v>
      </c>
      <c r="K7120" s="2" t="s">
        <v>1520</v>
      </c>
      <c r="L7120" s="5" t="s">
        <v>1519</v>
      </c>
      <c r="M7120" s="2" t="s">
        <v>1520</v>
      </c>
      <c r="N7120" s="5" t="s">
        <v>1521</v>
      </c>
      <c r="O7120" s="5" t="s">
        <v>38</v>
      </c>
      <c r="P7120" s="5" t="s">
        <v>39</v>
      </c>
      <c r="Q7120" s="5" t="s">
        <v>40</v>
      </c>
      <c r="R7120" s="5" t="s">
        <v>1522</v>
      </c>
      <c r="S7120" s="5" t="s">
        <v>1523</v>
      </c>
      <c r="T7120" s="5" t="s">
        <v>42</v>
      </c>
      <c r="U7120" s="2">
        <v>2.7909999999999999</v>
      </c>
      <c r="V7120" s="2">
        <v>2.2480000000000002</v>
      </c>
      <c r="W7120" s="2">
        <v>1.4999999999999999E-2</v>
      </c>
      <c r="X7120" s="2">
        <v>118.9</v>
      </c>
      <c r="Y7120" s="2">
        <v>7.6</v>
      </c>
      <c r="Z7120" s="2">
        <v>16.7</v>
      </c>
      <c r="AA7120" s="5"/>
      <c r="AB7120" s="5" t="s">
        <v>43</v>
      </c>
      <c r="AC7120" s="5" t="s">
        <v>44</v>
      </c>
      <c r="AD7120" s="2"/>
      <c r="AE7120" s="1"/>
    </row>
    <row r="7121" spans="1:31" ht="14.45">
      <c r="A7121" s="11"/>
      <c r="B7121" s="20"/>
      <c r="C7121" s="2" t="s">
        <v>21835</v>
      </c>
      <c r="D7121" s="14" t="s">
        <v>21836</v>
      </c>
      <c r="E7121" s="2" t="s">
        <v>21837</v>
      </c>
      <c r="F7121" s="2" t="s">
        <v>7543</v>
      </c>
      <c r="G7121" s="8">
        <v>263</v>
      </c>
      <c r="H7121" s="5">
        <v>6</v>
      </c>
      <c r="I7121" s="5" t="s">
        <v>1518</v>
      </c>
      <c r="J7121" s="5" t="s">
        <v>1519</v>
      </c>
      <c r="K7121" s="2" t="s">
        <v>1520</v>
      </c>
      <c r="L7121" s="5" t="s">
        <v>1519</v>
      </c>
      <c r="M7121" s="2" t="s">
        <v>1520</v>
      </c>
      <c r="N7121" s="5" t="s">
        <v>1521</v>
      </c>
      <c r="O7121" s="5" t="s">
        <v>38</v>
      </c>
      <c r="P7121" s="5" t="s">
        <v>39</v>
      </c>
      <c r="Q7121" s="5" t="s">
        <v>40</v>
      </c>
      <c r="R7121" s="5" t="s">
        <v>1522</v>
      </c>
      <c r="S7121" s="5" t="s">
        <v>1523</v>
      </c>
      <c r="T7121" s="5" t="s">
        <v>42</v>
      </c>
      <c r="U7121" s="2">
        <v>2.8730000000000002</v>
      </c>
      <c r="V7121" s="2">
        <v>2.33</v>
      </c>
      <c r="W7121" s="2">
        <v>1.4999999999999999E-2</v>
      </c>
      <c r="X7121" s="2">
        <v>118.9</v>
      </c>
      <c r="Y7121" s="2">
        <v>7.6</v>
      </c>
      <c r="Z7121" s="2">
        <v>16.7</v>
      </c>
      <c r="AA7121" s="5"/>
      <c r="AB7121" s="5" t="s">
        <v>43</v>
      </c>
      <c r="AC7121" s="5" t="s">
        <v>44</v>
      </c>
      <c r="AD7121" s="2"/>
      <c r="AE7121" s="1"/>
    </row>
    <row r="7122" spans="1:31" ht="14.45">
      <c r="A7122" s="11"/>
      <c r="B7122" s="20"/>
      <c r="C7122" s="2" t="s">
        <v>21838</v>
      </c>
      <c r="D7122" s="14" t="s">
        <v>21839</v>
      </c>
      <c r="E7122" s="2" t="s">
        <v>21840</v>
      </c>
      <c r="F7122" s="2" t="s">
        <v>7547</v>
      </c>
      <c r="G7122" s="8">
        <v>263</v>
      </c>
      <c r="H7122" s="5">
        <v>6</v>
      </c>
      <c r="I7122" s="5" t="s">
        <v>1518</v>
      </c>
      <c r="J7122" s="5" t="s">
        <v>1519</v>
      </c>
      <c r="K7122" s="2" t="s">
        <v>1520</v>
      </c>
      <c r="L7122" s="5" t="s">
        <v>1519</v>
      </c>
      <c r="M7122" s="2" t="s">
        <v>1520</v>
      </c>
      <c r="N7122" s="5" t="s">
        <v>1521</v>
      </c>
      <c r="O7122" s="5" t="s">
        <v>38</v>
      </c>
      <c r="P7122" s="5" t="s">
        <v>39</v>
      </c>
      <c r="Q7122" s="5" t="s">
        <v>40</v>
      </c>
      <c r="R7122" s="5" t="s">
        <v>1522</v>
      </c>
      <c r="S7122" s="5" t="s">
        <v>1523</v>
      </c>
      <c r="T7122" s="5" t="s">
        <v>42</v>
      </c>
      <c r="U7122" s="2">
        <v>2.7719999999999998</v>
      </c>
      <c r="V7122" s="2">
        <v>2.2290000000000001</v>
      </c>
      <c r="W7122" s="2">
        <v>1.4999999999999999E-2</v>
      </c>
      <c r="X7122" s="2">
        <v>118.9</v>
      </c>
      <c r="Y7122" s="2">
        <v>7.6</v>
      </c>
      <c r="Z7122" s="2">
        <v>16.7</v>
      </c>
      <c r="AA7122" s="5"/>
      <c r="AB7122" s="5" t="s">
        <v>43</v>
      </c>
      <c r="AC7122" s="5" t="s">
        <v>44</v>
      </c>
      <c r="AD7122" s="2"/>
      <c r="AE7122" s="1"/>
    </row>
    <row r="7123" spans="1:31" ht="14.45">
      <c r="A7123" s="11"/>
      <c r="B7123" s="20"/>
      <c r="C7123" s="2" t="s">
        <v>21841</v>
      </c>
      <c r="D7123" s="14" t="s">
        <v>21842</v>
      </c>
      <c r="E7123" s="2" t="s">
        <v>21843</v>
      </c>
      <c r="F7123" s="2" t="s">
        <v>7551</v>
      </c>
      <c r="G7123" s="8">
        <v>263</v>
      </c>
      <c r="H7123" s="5">
        <v>6</v>
      </c>
      <c r="I7123" s="5" t="s">
        <v>1518</v>
      </c>
      <c r="J7123" s="5" t="s">
        <v>1519</v>
      </c>
      <c r="K7123" s="2" t="s">
        <v>1520</v>
      </c>
      <c r="L7123" s="5" t="s">
        <v>1519</v>
      </c>
      <c r="M7123" s="2" t="s">
        <v>1520</v>
      </c>
      <c r="N7123" s="5" t="s">
        <v>1521</v>
      </c>
      <c r="O7123" s="5" t="s">
        <v>38</v>
      </c>
      <c r="P7123" s="5" t="s">
        <v>39</v>
      </c>
      <c r="Q7123" s="5" t="s">
        <v>40</v>
      </c>
      <c r="R7123" s="5" t="s">
        <v>1522</v>
      </c>
      <c r="S7123" s="5" t="s">
        <v>1523</v>
      </c>
      <c r="T7123" s="5" t="s">
        <v>42</v>
      </c>
      <c r="U7123" s="2">
        <v>2.8540000000000001</v>
      </c>
      <c r="V7123" s="2">
        <v>2.3109999999999999</v>
      </c>
      <c r="W7123" s="2">
        <v>1.4999999999999999E-2</v>
      </c>
      <c r="X7123" s="2">
        <v>118.9</v>
      </c>
      <c r="Y7123" s="2">
        <v>7.6</v>
      </c>
      <c r="Z7123" s="2">
        <v>16.7</v>
      </c>
      <c r="AA7123" s="5"/>
      <c r="AB7123" s="5" t="s">
        <v>43</v>
      </c>
      <c r="AC7123" s="5" t="s">
        <v>44</v>
      </c>
      <c r="AD7123" s="2"/>
      <c r="AE7123" s="1"/>
    </row>
    <row r="7124" spans="1:31" ht="14.45">
      <c r="A7124" s="11"/>
      <c r="B7124" s="20"/>
      <c r="C7124" s="2" t="s">
        <v>21844</v>
      </c>
      <c r="D7124" s="14" t="s">
        <v>21845</v>
      </c>
      <c r="E7124" s="2" t="s">
        <v>21846</v>
      </c>
      <c r="F7124" s="2" t="s">
        <v>7555</v>
      </c>
      <c r="G7124" s="8">
        <v>263</v>
      </c>
      <c r="H7124" s="5">
        <v>6</v>
      </c>
      <c r="I7124" s="5" t="s">
        <v>1518</v>
      </c>
      <c r="J7124" s="5" t="s">
        <v>1519</v>
      </c>
      <c r="K7124" s="2" t="s">
        <v>1520</v>
      </c>
      <c r="L7124" s="5" t="s">
        <v>1519</v>
      </c>
      <c r="M7124" s="2" t="s">
        <v>1520</v>
      </c>
      <c r="N7124" s="5" t="s">
        <v>1521</v>
      </c>
      <c r="O7124" s="5" t="s">
        <v>38</v>
      </c>
      <c r="P7124" s="5" t="s">
        <v>39</v>
      </c>
      <c r="Q7124" s="5" t="s">
        <v>40</v>
      </c>
      <c r="R7124" s="5" t="s">
        <v>1522</v>
      </c>
      <c r="S7124" s="5" t="s">
        <v>1523</v>
      </c>
      <c r="T7124" s="5" t="s">
        <v>42</v>
      </c>
      <c r="U7124" s="2">
        <v>2.7719999999999998</v>
      </c>
      <c r="V7124" s="2">
        <v>2.2290000000000001</v>
      </c>
      <c r="W7124" s="2">
        <v>1.4999999999999999E-2</v>
      </c>
      <c r="X7124" s="2">
        <v>118.9</v>
      </c>
      <c r="Y7124" s="2">
        <v>7.6</v>
      </c>
      <c r="Z7124" s="2">
        <v>16.7</v>
      </c>
      <c r="AA7124" s="5"/>
      <c r="AB7124" s="5" t="s">
        <v>43</v>
      </c>
      <c r="AC7124" s="5" t="s">
        <v>44</v>
      </c>
      <c r="AD7124" s="2"/>
      <c r="AE7124" s="1"/>
    </row>
    <row r="7125" spans="1:31" ht="14.45">
      <c r="A7125" s="11"/>
      <c r="B7125" s="20"/>
      <c r="C7125" s="2" t="s">
        <v>21847</v>
      </c>
      <c r="D7125" s="14" t="s">
        <v>21848</v>
      </c>
      <c r="E7125" s="2" t="s">
        <v>21849</v>
      </c>
      <c r="F7125" s="2" t="s">
        <v>7559</v>
      </c>
      <c r="G7125" s="8">
        <v>263</v>
      </c>
      <c r="H7125" s="5">
        <v>6</v>
      </c>
      <c r="I7125" s="5" t="s">
        <v>1518</v>
      </c>
      <c r="J7125" s="5" t="s">
        <v>1519</v>
      </c>
      <c r="K7125" s="2" t="s">
        <v>1520</v>
      </c>
      <c r="L7125" s="5" t="s">
        <v>1519</v>
      </c>
      <c r="M7125" s="2" t="s">
        <v>1520</v>
      </c>
      <c r="N7125" s="5" t="s">
        <v>1521</v>
      </c>
      <c r="O7125" s="5" t="s">
        <v>38</v>
      </c>
      <c r="P7125" s="5" t="s">
        <v>39</v>
      </c>
      <c r="Q7125" s="5" t="s">
        <v>40</v>
      </c>
      <c r="R7125" s="5" t="s">
        <v>1522</v>
      </c>
      <c r="S7125" s="5" t="s">
        <v>1523</v>
      </c>
      <c r="T7125" s="5" t="s">
        <v>42</v>
      </c>
      <c r="U7125" s="2">
        <v>2.8540000000000001</v>
      </c>
      <c r="V7125" s="2">
        <v>2.3109999999999999</v>
      </c>
      <c r="W7125" s="2">
        <v>1.4999999999999999E-2</v>
      </c>
      <c r="X7125" s="2">
        <v>118.9</v>
      </c>
      <c r="Y7125" s="2">
        <v>7.6</v>
      </c>
      <c r="Z7125" s="2">
        <v>16.7</v>
      </c>
      <c r="AA7125" s="5"/>
      <c r="AB7125" s="5" t="s">
        <v>43</v>
      </c>
      <c r="AC7125" s="5" t="s">
        <v>44</v>
      </c>
      <c r="AD7125" s="2"/>
      <c r="AE7125" s="1"/>
    </row>
    <row r="7126" spans="1:31" ht="14.45">
      <c r="A7126" s="11"/>
      <c r="B7126" s="20"/>
      <c r="C7126" s="2" t="s">
        <v>21850</v>
      </c>
      <c r="D7126" s="14" t="s">
        <v>21851</v>
      </c>
      <c r="E7126" s="2" t="s">
        <v>21852</v>
      </c>
      <c r="F7126" s="2" t="s">
        <v>7563</v>
      </c>
      <c r="G7126" s="8">
        <v>263</v>
      </c>
      <c r="H7126" s="5">
        <v>6</v>
      </c>
      <c r="I7126" s="5" t="s">
        <v>1518</v>
      </c>
      <c r="J7126" s="5" t="s">
        <v>1519</v>
      </c>
      <c r="K7126" s="2" t="s">
        <v>1520</v>
      </c>
      <c r="L7126" s="5" t="s">
        <v>1519</v>
      </c>
      <c r="M7126" s="2" t="s">
        <v>1520</v>
      </c>
      <c r="N7126" s="5" t="s">
        <v>1521</v>
      </c>
      <c r="O7126" s="5" t="s">
        <v>38</v>
      </c>
      <c r="P7126" s="5" t="s">
        <v>39</v>
      </c>
      <c r="Q7126" s="5" t="s">
        <v>40</v>
      </c>
      <c r="R7126" s="5" t="s">
        <v>1522</v>
      </c>
      <c r="S7126" s="5" t="s">
        <v>1523</v>
      </c>
      <c r="T7126" s="5" t="s">
        <v>42</v>
      </c>
      <c r="U7126" s="2">
        <v>2.7909999999999999</v>
      </c>
      <c r="V7126" s="2">
        <v>2.2480000000000002</v>
      </c>
      <c r="W7126" s="2">
        <v>1.4999999999999999E-2</v>
      </c>
      <c r="X7126" s="2">
        <v>118.9</v>
      </c>
      <c r="Y7126" s="2">
        <v>7.6</v>
      </c>
      <c r="Z7126" s="2">
        <v>16.7</v>
      </c>
      <c r="AA7126" s="5"/>
      <c r="AB7126" s="5" t="s">
        <v>43</v>
      </c>
      <c r="AC7126" s="5" t="s">
        <v>44</v>
      </c>
      <c r="AD7126" s="2"/>
      <c r="AE7126" s="1"/>
    </row>
    <row r="7127" spans="1:31" ht="14.45">
      <c r="A7127" s="11"/>
      <c r="B7127" s="20"/>
      <c r="C7127" s="2" t="s">
        <v>21853</v>
      </c>
      <c r="D7127" s="14" t="s">
        <v>21854</v>
      </c>
      <c r="E7127" s="2" t="s">
        <v>21855</v>
      </c>
      <c r="F7127" s="2" t="s">
        <v>7567</v>
      </c>
      <c r="G7127" s="8">
        <v>263</v>
      </c>
      <c r="H7127" s="5">
        <v>6</v>
      </c>
      <c r="I7127" s="5" t="s">
        <v>1518</v>
      </c>
      <c r="J7127" s="5" t="s">
        <v>1519</v>
      </c>
      <c r="K7127" s="2" t="s">
        <v>1520</v>
      </c>
      <c r="L7127" s="5" t="s">
        <v>1519</v>
      </c>
      <c r="M7127" s="2" t="s">
        <v>1520</v>
      </c>
      <c r="N7127" s="5" t="s">
        <v>1521</v>
      </c>
      <c r="O7127" s="5" t="s">
        <v>38</v>
      </c>
      <c r="P7127" s="5" t="s">
        <v>39</v>
      </c>
      <c r="Q7127" s="5" t="s">
        <v>40</v>
      </c>
      <c r="R7127" s="5" t="s">
        <v>1522</v>
      </c>
      <c r="S7127" s="5" t="s">
        <v>1523</v>
      </c>
      <c r="T7127" s="5" t="s">
        <v>42</v>
      </c>
      <c r="U7127" s="2">
        <v>2.8730000000000002</v>
      </c>
      <c r="V7127" s="2">
        <v>2.33</v>
      </c>
      <c r="W7127" s="2">
        <v>1.4999999999999999E-2</v>
      </c>
      <c r="X7127" s="2">
        <v>118.9</v>
      </c>
      <c r="Y7127" s="2">
        <v>7.6</v>
      </c>
      <c r="Z7127" s="2">
        <v>16.7</v>
      </c>
      <c r="AA7127" s="5"/>
      <c r="AB7127" s="5" t="s">
        <v>43</v>
      </c>
      <c r="AC7127" s="5" t="s">
        <v>44</v>
      </c>
      <c r="AD7127" s="2"/>
      <c r="AE7127" s="1"/>
    </row>
    <row r="7128" spans="1:31" ht="14.45">
      <c r="A7128" s="11"/>
      <c r="B7128" s="20"/>
      <c r="C7128" s="2" t="s">
        <v>21856</v>
      </c>
      <c r="D7128" s="14" t="s">
        <v>21857</v>
      </c>
      <c r="E7128" s="2" t="s">
        <v>21858</v>
      </c>
      <c r="F7128" s="2" t="s">
        <v>16079</v>
      </c>
      <c r="G7128" s="8">
        <v>263</v>
      </c>
      <c r="H7128" s="5">
        <v>6</v>
      </c>
      <c r="I7128" s="5" t="s">
        <v>1518</v>
      </c>
      <c r="J7128" s="5" t="s">
        <v>1519</v>
      </c>
      <c r="K7128" s="2" t="s">
        <v>1520</v>
      </c>
      <c r="L7128" s="5" t="s">
        <v>1519</v>
      </c>
      <c r="M7128" s="2" t="s">
        <v>1520</v>
      </c>
      <c r="N7128" s="5" t="s">
        <v>1521</v>
      </c>
      <c r="O7128" s="5" t="s">
        <v>38</v>
      </c>
      <c r="P7128" s="5" t="s">
        <v>39</v>
      </c>
      <c r="Q7128" s="5" t="s">
        <v>40</v>
      </c>
      <c r="R7128" s="5" t="s">
        <v>1522</v>
      </c>
      <c r="S7128" s="5" t="s">
        <v>1523</v>
      </c>
      <c r="T7128" s="5" t="s">
        <v>42</v>
      </c>
      <c r="U7128" s="2">
        <v>2.7909999999999999</v>
      </c>
      <c r="V7128" s="2">
        <v>2.2480000000000002</v>
      </c>
      <c r="W7128" s="2">
        <v>1.4999999999999999E-2</v>
      </c>
      <c r="X7128" s="2">
        <v>118.9</v>
      </c>
      <c r="Y7128" s="2">
        <v>7.6</v>
      </c>
      <c r="Z7128" s="2">
        <v>16.7</v>
      </c>
      <c r="AA7128" s="5"/>
      <c r="AB7128" s="5" t="s">
        <v>43</v>
      </c>
      <c r="AC7128" s="5" t="s">
        <v>44</v>
      </c>
      <c r="AD7128" s="2"/>
      <c r="AE7128" s="1"/>
    </row>
    <row r="7129" spans="1:31" ht="14.45">
      <c r="A7129" s="11"/>
      <c r="B7129" s="20"/>
      <c r="C7129" s="2" t="s">
        <v>21859</v>
      </c>
      <c r="D7129" s="14" t="s">
        <v>21860</v>
      </c>
      <c r="E7129" s="2" t="s">
        <v>21861</v>
      </c>
      <c r="F7129" s="2" t="s">
        <v>16194</v>
      </c>
      <c r="G7129" s="8">
        <v>263</v>
      </c>
      <c r="H7129" s="5">
        <v>6</v>
      </c>
      <c r="I7129" s="5" t="s">
        <v>1518</v>
      </c>
      <c r="J7129" s="5" t="s">
        <v>1519</v>
      </c>
      <c r="K7129" s="2" t="s">
        <v>1520</v>
      </c>
      <c r="L7129" s="5" t="s">
        <v>1519</v>
      </c>
      <c r="M7129" s="2" t="s">
        <v>1520</v>
      </c>
      <c r="N7129" s="5" t="s">
        <v>1521</v>
      </c>
      <c r="O7129" s="5" t="s">
        <v>38</v>
      </c>
      <c r="P7129" s="5" t="s">
        <v>39</v>
      </c>
      <c r="Q7129" s="5" t="s">
        <v>40</v>
      </c>
      <c r="R7129" s="5" t="s">
        <v>1522</v>
      </c>
      <c r="S7129" s="5" t="s">
        <v>1523</v>
      </c>
      <c r="T7129" s="5" t="s">
        <v>42</v>
      </c>
      <c r="U7129" s="2">
        <v>2.8730000000000002</v>
      </c>
      <c r="V7129" s="2">
        <v>2.33</v>
      </c>
      <c r="W7129" s="2">
        <v>1.4999999999999999E-2</v>
      </c>
      <c r="X7129" s="2">
        <v>118.9</v>
      </c>
      <c r="Y7129" s="2">
        <v>7.6</v>
      </c>
      <c r="Z7129" s="2">
        <v>16.7</v>
      </c>
      <c r="AA7129" s="5"/>
      <c r="AB7129" s="5" t="s">
        <v>43</v>
      </c>
      <c r="AC7129" s="5" t="s">
        <v>44</v>
      </c>
      <c r="AD7129" s="2"/>
      <c r="AE7129" s="1"/>
    </row>
    <row r="7130" spans="1:31" ht="14.45">
      <c r="A7130" s="11"/>
      <c r="B7130" s="20"/>
      <c r="C7130" s="2" t="s">
        <v>21862</v>
      </c>
      <c r="D7130" s="14" t="s">
        <v>21863</v>
      </c>
      <c r="E7130" s="2" t="s">
        <v>21864</v>
      </c>
      <c r="F7130" s="2" t="s">
        <v>7449</v>
      </c>
      <c r="G7130" s="8">
        <v>263</v>
      </c>
      <c r="H7130" s="5">
        <v>6</v>
      </c>
      <c r="I7130" s="5" t="s">
        <v>1518</v>
      </c>
      <c r="J7130" s="5" t="s">
        <v>1519</v>
      </c>
      <c r="K7130" s="2" t="s">
        <v>1520</v>
      </c>
      <c r="L7130" s="5" t="s">
        <v>1519</v>
      </c>
      <c r="M7130" s="2" t="s">
        <v>1520</v>
      </c>
      <c r="N7130" s="5" t="s">
        <v>1521</v>
      </c>
      <c r="O7130" s="5" t="s">
        <v>38</v>
      </c>
      <c r="P7130" s="5" t="s">
        <v>39</v>
      </c>
      <c r="Q7130" s="5" t="s">
        <v>40</v>
      </c>
      <c r="R7130" s="5" t="s">
        <v>1522</v>
      </c>
      <c r="S7130" s="5" t="s">
        <v>1523</v>
      </c>
      <c r="T7130" s="5" t="s">
        <v>42</v>
      </c>
      <c r="U7130" s="2">
        <v>2.7909999999999999</v>
      </c>
      <c r="V7130" s="2">
        <v>2.2480000000000002</v>
      </c>
      <c r="W7130" s="2">
        <v>1.4999999999999999E-2</v>
      </c>
      <c r="X7130" s="2">
        <v>118.9</v>
      </c>
      <c r="Y7130" s="2">
        <v>7.6</v>
      </c>
      <c r="Z7130" s="2">
        <v>16.7</v>
      </c>
      <c r="AA7130" s="5"/>
      <c r="AB7130" s="5" t="s">
        <v>43</v>
      </c>
      <c r="AC7130" s="5" t="s">
        <v>44</v>
      </c>
      <c r="AD7130" s="2"/>
      <c r="AE7130" s="1"/>
    </row>
    <row r="7131" spans="1:31" ht="14.45">
      <c r="A7131" s="11"/>
      <c r="B7131" s="20"/>
      <c r="C7131" s="2" t="s">
        <v>21865</v>
      </c>
      <c r="D7131" s="14" t="s">
        <v>21866</v>
      </c>
      <c r="E7131" s="2" t="s">
        <v>21867</v>
      </c>
      <c r="F7131" s="2" t="s">
        <v>7581</v>
      </c>
      <c r="G7131" s="8">
        <v>263</v>
      </c>
      <c r="H7131" s="5">
        <v>6</v>
      </c>
      <c r="I7131" s="5" t="s">
        <v>1518</v>
      </c>
      <c r="J7131" s="5" t="s">
        <v>1519</v>
      </c>
      <c r="K7131" s="2" t="s">
        <v>1520</v>
      </c>
      <c r="L7131" s="5" t="s">
        <v>1519</v>
      </c>
      <c r="M7131" s="2" t="s">
        <v>1520</v>
      </c>
      <c r="N7131" s="5" t="s">
        <v>1521</v>
      </c>
      <c r="O7131" s="5" t="s">
        <v>38</v>
      </c>
      <c r="P7131" s="5" t="s">
        <v>39</v>
      </c>
      <c r="Q7131" s="5" t="s">
        <v>40</v>
      </c>
      <c r="R7131" s="5" t="s">
        <v>1522</v>
      </c>
      <c r="S7131" s="5" t="s">
        <v>1523</v>
      </c>
      <c r="T7131" s="5" t="s">
        <v>42</v>
      </c>
      <c r="U7131" s="2">
        <v>2.8730000000000002</v>
      </c>
      <c r="V7131" s="2">
        <v>2.33</v>
      </c>
      <c r="W7131" s="2">
        <v>1.4999999999999999E-2</v>
      </c>
      <c r="X7131" s="2">
        <v>118.9</v>
      </c>
      <c r="Y7131" s="2">
        <v>7.6</v>
      </c>
      <c r="Z7131" s="2">
        <v>16.7</v>
      </c>
      <c r="AA7131" s="5"/>
      <c r="AB7131" s="5" t="s">
        <v>43</v>
      </c>
      <c r="AC7131" s="5" t="s">
        <v>44</v>
      </c>
      <c r="AD7131" s="2"/>
      <c r="AE7131" s="1"/>
    </row>
    <row r="7132" spans="1:31" ht="14.45">
      <c r="A7132" s="11"/>
      <c r="B7132" s="20"/>
      <c r="C7132" s="2" t="s">
        <v>21868</v>
      </c>
      <c r="D7132" s="14" t="s">
        <v>21869</v>
      </c>
      <c r="E7132" s="2" t="s">
        <v>21870</v>
      </c>
      <c r="F7132" s="2" t="s">
        <v>7585</v>
      </c>
      <c r="G7132" s="8">
        <v>263</v>
      </c>
      <c r="H7132" s="5">
        <v>6</v>
      </c>
      <c r="I7132" s="5" t="s">
        <v>1518</v>
      </c>
      <c r="J7132" s="5" t="s">
        <v>1519</v>
      </c>
      <c r="K7132" s="2" t="s">
        <v>1520</v>
      </c>
      <c r="L7132" s="5" t="s">
        <v>1519</v>
      </c>
      <c r="M7132" s="2" t="s">
        <v>1520</v>
      </c>
      <c r="N7132" s="5" t="s">
        <v>1521</v>
      </c>
      <c r="O7132" s="5" t="s">
        <v>38</v>
      </c>
      <c r="P7132" s="5" t="s">
        <v>39</v>
      </c>
      <c r="Q7132" s="5" t="s">
        <v>40</v>
      </c>
      <c r="R7132" s="5" t="s">
        <v>1522</v>
      </c>
      <c r="S7132" s="5" t="s">
        <v>1523</v>
      </c>
      <c r="T7132" s="5" t="s">
        <v>42</v>
      </c>
      <c r="U7132" s="2">
        <v>2.7719999999999998</v>
      </c>
      <c r="V7132" s="2">
        <v>2.2290000000000001</v>
      </c>
      <c r="W7132" s="2">
        <v>1.4999999999999999E-2</v>
      </c>
      <c r="X7132" s="2">
        <v>118.9</v>
      </c>
      <c r="Y7132" s="2">
        <v>7.6</v>
      </c>
      <c r="Z7132" s="2">
        <v>16.7</v>
      </c>
      <c r="AA7132" s="5"/>
      <c r="AB7132" s="5" t="s">
        <v>43</v>
      </c>
      <c r="AC7132" s="5" t="s">
        <v>44</v>
      </c>
      <c r="AD7132" s="2"/>
      <c r="AE7132" s="1"/>
    </row>
    <row r="7133" spans="1:31" ht="14.45">
      <c r="A7133" s="11"/>
      <c r="B7133" s="20"/>
      <c r="C7133" s="2" t="s">
        <v>21871</v>
      </c>
      <c r="D7133" s="14" t="s">
        <v>21872</v>
      </c>
      <c r="E7133" s="2" t="s">
        <v>21873</v>
      </c>
      <c r="F7133" s="2" t="s">
        <v>7589</v>
      </c>
      <c r="G7133" s="8">
        <v>263</v>
      </c>
      <c r="H7133" s="5">
        <v>6</v>
      </c>
      <c r="I7133" s="5" t="s">
        <v>1518</v>
      </c>
      <c r="J7133" s="5" t="s">
        <v>1519</v>
      </c>
      <c r="K7133" s="2" t="s">
        <v>1520</v>
      </c>
      <c r="L7133" s="5" t="s">
        <v>1519</v>
      </c>
      <c r="M7133" s="2" t="s">
        <v>1520</v>
      </c>
      <c r="N7133" s="5" t="s">
        <v>1521</v>
      </c>
      <c r="O7133" s="5" t="s">
        <v>38</v>
      </c>
      <c r="P7133" s="5" t="s">
        <v>39</v>
      </c>
      <c r="Q7133" s="5" t="s">
        <v>40</v>
      </c>
      <c r="R7133" s="5" t="s">
        <v>1522</v>
      </c>
      <c r="S7133" s="5" t="s">
        <v>1523</v>
      </c>
      <c r="T7133" s="5" t="s">
        <v>42</v>
      </c>
      <c r="U7133" s="2">
        <v>2.8540000000000001</v>
      </c>
      <c r="V7133" s="2">
        <v>2.3109999999999999</v>
      </c>
      <c r="W7133" s="2">
        <v>1.4999999999999999E-2</v>
      </c>
      <c r="X7133" s="2">
        <v>118.9</v>
      </c>
      <c r="Y7133" s="2">
        <v>7.6</v>
      </c>
      <c r="Z7133" s="2">
        <v>16.7</v>
      </c>
      <c r="AA7133" s="5"/>
      <c r="AB7133" s="5" t="s">
        <v>43</v>
      </c>
      <c r="AC7133" s="5" t="s">
        <v>44</v>
      </c>
      <c r="AD7133" s="2"/>
      <c r="AE7133" s="1"/>
    </row>
    <row r="7134" spans="1:31" ht="14.45">
      <c r="A7134" s="11"/>
      <c r="B7134" s="20"/>
      <c r="C7134" s="2" t="s">
        <v>21874</v>
      </c>
      <c r="D7134" s="14" t="s">
        <v>21875</v>
      </c>
      <c r="E7134" s="2" t="s">
        <v>21876</v>
      </c>
      <c r="F7134" s="2" t="s">
        <v>7593</v>
      </c>
      <c r="G7134" s="8">
        <v>263</v>
      </c>
      <c r="H7134" s="5">
        <v>6</v>
      </c>
      <c r="I7134" s="5" t="s">
        <v>1518</v>
      </c>
      <c r="J7134" s="5" t="s">
        <v>1519</v>
      </c>
      <c r="K7134" s="2" t="s">
        <v>1520</v>
      </c>
      <c r="L7134" s="5" t="s">
        <v>1519</v>
      </c>
      <c r="M7134" s="2" t="s">
        <v>1520</v>
      </c>
      <c r="N7134" s="5" t="s">
        <v>1521</v>
      </c>
      <c r="O7134" s="5" t="s">
        <v>38</v>
      </c>
      <c r="P7134" s="5" t="s">
        <v>39</v>
      </c>
      <c r="Q7134" s="5" t="s">
        <v>40</v>
      </c>
      <c r="R7134" s="5" t="s">
        <v>1522</v>
      </c>
      <c r="S7134" s="5" t="s">
        <v>1523</v>
      </c>
      <c r="T7134" s="5" t="s">
        <v>42</v>
      </c>
      <c r="U7134" s="2">
        <v>2.7909999999999999</v>
      </c>
      <c r="V7134" s="2">
        <v>2.2480000000000002</v>
      </c>
      <c r="W7134" s="2">
        <v>1.4999999999999999E-2</v>
      </c>
      <c r="X7134" s="2">
        <v>118.9</v>
      </c>
      <c r="Y7134" s="2">
        <v>7.6</v>
      </c>
      <c r="Z7134" s="2">
        <v>16.7</v>
      </c>
      <c r="AA7134" s="5"/>
      <c r="AB7134" s="5" t="s">
        <v>43</v>
      </c>
      <c r="AC7134" s="5" t="s">
        <v>44</v>
      </c>
      <c r="AD7134" s="2"/>
      <c r="AE7134" s="1"/>
    </row>
    <row r="7135" spans="1:31" ht="14.45">
      <c r="A7135" s="11"/>
      <c r="B7135" s="20"/>
      <c r="C7135" s="2" t="s">
        <v>21877</v>
      </c>
      <c r="D7135" s="14" t="s">
        <v>21878</v>
      </c>
      <c r="E7135" s="2" t="s">
        <v>21879</v>
      </c>
      <c r="F7135" s="2" t="s">
        <v>7597</v>
      </c>
      <c r="G7135" s="8">
        <v>263</v>
      </c>
      <c r="H7135" s="5">
        <v>6</v>
      </c>
      <c r="I7135" s="5" t="s">
        <v>1518</v>
      </c>
      <c r="J7135" s="5" t="s">
        <v>1519</v>
      </c>
      <c r="K7135" s="2" t="s">
        <v>1520</v>
      </c>
      <c r="L7135" s="5" t="s">
        <v>1519</v>
      </c>
      <c r="M7135" s="2" t="s">
        <v>1520</v>
      </c>
      <c r="N7135" s="5" t="s">
        <v>1521</v>
      </c>
      <c r="O7135" s="5" t="s">
        <v>38</v>
      </c>
      <c r="P7135" s="5" t="s">
        <v>39</v>
      </c>
      <c r="Q7135" s="5" t="s">
        <v>40</v>
      </c>
      <c r="R7135" s="5" t="s">
        <v>1522</v>
      </c>
      <c r="S7135" s="5" t="s">
        <v>1523</v>
      </c>
      <c r="T7135" s="5" t="s">
        <v>42</v>
      </c>
      <c r="U7135" s="2">
        <v>2.8730000000000002</v>
      </c>
      <c r="V7135" s="2">
        <v>2.33</v>
      </c>
      <c r="W7135" s="2">
        <v>1.4999999999999999E-2</v>
      </c>
      <c r="X7135" s="2">
        <v>118.9</v>
      </c>
      <c r="Y7135" s="2">
        <v>7.6</v>
      </c>
      <c r="Z7135" s="2">
        <v>16.7</v>
      </c>
      <c r="AA7135" s="5"/>
      <c r="AB7135" s="5" t="s">
        <v>43</v>
      </c>
      <c r="AC7135" s="5" t="s">
        <v>44</v>
      </c>
      <c r="AD7135" s="2"/>
      <c r="AE7135" s="1"/>
    </row>
    <row r="7136" spans="1:31" ht="14.45">
      <c r="A7136" s="11"/>
      <c r="B7136" s="20"/>
      <c r="C7136" s="2" t="s">
        <v>21880</v>
      </c>
      <c r="D7136" s="14" t="s">
        <v>21881</v>
      </c>
      <c r="E7136" s="2" t="s">
        <v>21882</v>
      </c>
      <c r="F7136" s="2" t="s">
        <v>16014</v>
      </c>
      <c r="G7136" s="8">
        <v>263</v>
      </c>
      <c r="H7136" s="5">
        <v>6</v>
      </c>
      <c r="I7136" s="5" t="s">
        <v>1518</v>
      </c>
      <c r="J7136" s="5" t="s">
        <v>1519</v>
      </c>
      <c r="K7136" s="2" t="s">
        <v>1520</v>
      </c>
      <c r="L7136" s="5" t="s">
        <v>1519</v>
      </c>
      <c r="M7136" s="2" t="s">
        <v>1520</v>
      </c>
      <c r="N7136" s="5" t="s">
        <v>1521</v>
      </c>
      <c r="O7136" s="5" t="s">
        <v>38</v>
      </c>
      <c r="P7136" s="5" t="s">
        <v>39</v>
      </c>
      <c r="Q7136" s="5" t="s">
        <v>40</v>
      </c>
      <c r="R7136" s="5" t="s">
        <v>1522</v>
      </c>
      <c r="S7136" s="5" t="s">
        <v>1523</v>
      </c>
      <c r="T7136" s="5" t="s">
        <v>42</v>
      </c>
      <c r="U7136" s="2">
        <v>2.7909999999999999</v>
      </c>
      <c r="V7136" s="2">
        <v>2.2480000000000002</v>
      </c>
      <c r="W7136" s="2">
        <v>1.4999999999999999E-2</v>
      </c>
      <c r="X7136" s="2">
        <v>118.9</v>
      </c>
      <c r="Y7136" s="2">
        <v>7.6</v>
      </c>
      <c r="Z7136" s="2">
        <v>16.7</v>
      </c>
      <c r="AA7136" s="5"/>
      <c r="AB7136" s="5" t="s">
        <v>43</v>
      </c>
      <c r="AC7136" s="5" t="s">
        <v>44</v>
      </c>
      <c r="AD7136" s="2"/>
      <c r="AE7136" s="1"/>
    </row>
    <row r="7137" spans="1:31" ht="14.45">
      <c r="A7137" s="11"/>
      <c r="B7137" s="20"/>
      <c r="C7137" s="2" t="s">
        <v>21883</v>
      </c>
      <c r="D7137" s="14" t="s">
        <v>21884</v>
      </c>
      <c r="E7137" s="2" t="s">
        <v>21885</v>
      </c>
      <c r="F7137" s="2" t="s">
        <v>16219</v>
      </c>
      <c r="G7137" s="8">
        <v>263</v>
      </c>
      <c r="H7137" s="5">
        <v>6</v>
      </c>
      <c r="I7137" s="5" t="s">
        <v>1518</v>
      </c>
      <c r="J7137" s="5" t="s">
        <v>1519</v>
      </c>
      <c r="K7137" s="2" t="s">
        <v>1520</v>
      </c>
      <c r="L7137" s="5" t="s">
        <v>1519</v>
      </c>
      <c r="M7137" s="2" t="s">
        <v>1520</v>
      </c>
      <c r="N7137" s="5" t="s">
        <v>1521</v>
      </c>
      <c r="O7137" s="5" t="s">
        <v>38</v>
      </c>
      <c r="P7137" s="5" t="s">
        <v>39</v>
      </c>
      <c r="Q7137" s="5" t="s">
        <v>40</v>
      </c>
      <c r="R7137" s="5" t="s">
        <v>1522</v>
      </c>
      <c r="S7137" s="5" t="s">
        <v>1523</v>
      </c>
      <c r="T7137" s="5" t="s">
        <v>42</v>
      </c>
      <c r="U7137" s="2">
        <v>2.8730000000000002</v>
      </c>
      <c r="V7137" s="2">
        <v>2.33</v>
      </c>
      <c r="W7137" s="2">
        <v>1.4999999999999999E-2</v>
      </c>
      <c r="X7137" s="2">
        <v>118.9</v>
      </c>
      <c r="Y7137" s="2">
        <v>7.6</v>
      </c>
      <c r="Z7137" s="2">
        <v>16.7</v>
      </c>
      <c r="AA7137" s="5"/>
      <c r="AB7137" s="5" t="s">
        <v>43</v>
      </c>
      <c r="AC7137" s="5" t="s">
        <v>44</v>
      </c>
      <c r="AD7137" s="2"/>
      <c r="AE7137" s="1"/>
    </row>
    <row r="7138" spans="1:31" ht="14.45">
      <c r="A7138" s="11"/>
      <c r="B7138" s="20"/>
      <c r="C7138" s="2" t="s">
        <v>21886</v>
      </c>
      <c r="D7138" s="14" t="s">
        <v>21887</v>
      </c>
      <c r="E7138" s="2" t="s">
        <v>21888</v>
      </c>
      <c r="F7138" s="2" t="s">
        <v>16018</v>
      </c>
      <c r="G7138" s="8">
        <v>263</v>
      </c>
      <c r="H7138" s="5">
        <v>6</v>
      </c>
      <c r="I7138" s="5" t="s">
        <v>1518</v>
      </c>
      <c r="J7138" s="5" t="s">
        <v>1519</v>
      </c>
      <c r="K7138" s="2" t="s">
        <v>1520</v>
      </c>
      <c r="L7138" s="5" t="s">
        <v>1519</v>
      </c>
      <c r="M7138" s="2" t="s">
        <v>1520</v>
      </c>
      <c r="N7138" s="5" t="s">
        <v>1521</v>
      </c>
      <c r="O7138" s="5" t="s">
        <v>38</v>
      </c>
      <c r="P7138" s="5" t="s">
        <v>39</v>
      </c>
      <c r="Q7138" s="5" t="s">
        <v>40</v>
      </c>
      <c r="R7138" s="5" t="s">
        <v>1522</v>
      </c>
      <c r="S7138" s="5" t="s">
        <v>1523</v>
      </c>
      <c r="T7138" s="5" t="s">
        <v>42</v>
      </c>
      <c r="U7138" s="2">
        <v>2.7909999999999999</v>
      </c>
      <c r="V7138" s="2">
        <v>2.2480000000000002</v>
      </c>
      <c r="W7138" s="2">
        <v>1.4999999999999999E-2</v>
      </c>
      <c r="X7138" s="2">
        <v>118.9</v>
      </c>
      <c r="Y7138" s="2">
        <v>7.6</v>
      </c>
      <c r="Z7138" s="2">
        <v>16.7</v>
      </c>
      <c r="AA7138" s="5"/>
      <c r="AB7138" s="5" t="s">
        <v>43</v>
      </c>
      <c r="AC7138" s="5" t="s">
        <v>44</v>
      </c>
      <c r="AD7138" s="2"/>
      <c r="AE7138" s="1"/>
    </row>
    <row r="7139" spans="1:31" ht="14.45">
      <c r="A7139" s="11"/>
      <c r="B7139" s="20"/>
      <c r="C7139" s="2" t="s">
        <v>21889</v>
      </c>
      <c r="D7139" s="14" t="s">
        <v>21890</v>
      </c>
      <c r="E7139" s="2" t="s">
        <v>21891</v>
      </c>
      <c r="F7139" s="2" t="s">
        <v>16022</v>
      </c>
      <c r="G7139" s="8">
        <v>263</v>
      </c>
      <c r="H7139" s="5">
        <v>6</v>
      </c>
      <c r="I7139" s="5" t="s">
        <v>1518</v>
      </c>
      <c r="J7139" s="5" t="s">
        <v>1519</v>
      </c>
      <c r="K7139" s="2" t="s">
        <v>1520</v>
      </c>
      <c r="L7139" s="5" t="s">
        <v>1519</v>
      </c>
      <c r="M7139" s="2" t="s">
        <v>1520</v>
      </c>
      <c r="N7139" s="5" t="s">
        <v>1521</v>
      </c>
      <c r="O7139" s="5" t="s">
        <v>38</v>
      </c>
      <c r="P7139" s="5" t="s">
        <v>39</v>
      </c>
      <c r="Q7139" s="5" t="s">
        <v>40</v>
      </c>
      <c r="R7139" s="5" t="s">
        <v>1522</v>
      </c>
      <c r="S7139" s="5" t="s">
        <v>1523</v>
      </c>
      <c r="T7139" s="5" t="s">
        <v>42</v>
      </c>
      <c r="U7139" s="2">
        <v>2.8730000000000002</v>
      </c>
      <c r="V7139" s="2">
        <v>2.33</v>
      </c>
      <c r="W7139" s="2">
        <v>1.4999999999999999E-2</v>
      </c>
      <c r="X7139" s="2">
        <v>118.9</v>
      </c>
      <c r="Y7139" s="2">
        <v>7.6</v>
      </c>
      <c r="Z7139" s="2">
        <v>16.7</v>
      </c>
      <c r="AA7139" s="5"/>
      <c r="AB7139" s="5" t="s">
        <v>43</v>
      </c>
      <c r="AC7139" s="5" t="s">
        <v>44</v>
      </c>
      <c r="AD7139" s="2"/>
      <c r="AE7139" s="1"/>
    </row>
    <row r="7140" spans="1:31" ht="14.45">
      <c r="A7140" s="11"/>
      <c r="B7140" s="20"/>
      <c r="C7140" s="2" t="s">
        <v>21892</v>
      </c>
      <c r="D7140" s="14" t="s">
        <v>21893</v>
      </c>
      <c r="E7140" s="2" t="s">
        <v>21894</v>
      </c>
      <c r="F7140" s="2" t="s">
        <v>7615</v>
      </c>
      <c r="G7140" s="8">
        <v>263</v>
      </c>
      <c r="H7140" s="5">
        <v>6</v>
      </c>
      <c r="I7140" s="5" t="s">
        <v>1518</v>
      </c>
      <c r="J7140" s="5" t="s">
        <v>1519</v>
      </c>
      <c r="K7140" s="2" t="s">
        <v>1520</v>
      </c>
      <c r="L7140" s="5" t="s">
        <v>1519</v>
      </c>
      <c r="M7140" s="2" t="s">
        <v>1520</v>
      </c>
      <c r="N7140" s="5" t="s">
        <v>1521</v>
      </c>
      <c r="O7140" s="5" t="s">
        <v>38</v>
      </c>
      <c r="P7140" s="5" t="s">
        <v>39</v>
      </c>
      <c r="Q7140" s="5" t="s">
        <v>40</v>
      </c>
      <c r="R7140" s="5" t="s">
        <v>1522</v>
      </c>
      <c r="S7140" s="5" t="s">
        <v>1523</v>
      </c>
      <c r="T7140" s="5" t="s">
        <v>42</v>
      </c>
      <c r="U7140" s="2">
        <v>2.7719999999999998</v>
      </c>
      <c r="V7140" s="2">
        <v>2.2290000000000001</v>
      </c>
      <c r="W7140" s="2">
        <v>1.4999999999999999E-2</v>
      </c>
      <c r="X7140" s="2">
        <v>118.9</v>
      </c>
      <c r="Y7140" s="2">
        <v>7.6</v>
      </c>
      <c r="Z7140" s="2">
        <v>16.7</v>
      </c>
      <c r="AA7140" s="5"/>
      <c r="AB7140" s="5" t="s">
        <v>43</v>
      </c>
      <c r="AC7140" s="5" t="s">
        <v>44</v>
      </c>
      <c r="AD7140" s="2"/>
      <c r="AE7140" s="1"/>
    </row>
    <row r="7141" spans="1:31" ht="14.45">
      <c r="A7141" s="11"/>
      <c r="B7141" s="20"/>
      <c r="C7141" s="2" t="s">
        <v>21895</v>
      </c>
      <c r="D7141" s="14" t="s">
        <v>21896</v>
      </c>
      <c r="E7141" s="2" t="s">
        <v>21897</v>
      </c>
      <c r="F7141" s="2" t="s">
        <v>7619</v>
      </c>
      <c r="G7141" s="8">
        <v>263</v>
      </c>
      <c r="H7141" s="5">
        <v>6</v>
      </c>
      <c r="I7141" s="5" t="s">
        <v>1518</v>
      </c>
      <c r="J7141" s="5" t="s">
        <v>1519</v>
      </c>
      <c r="K7141" s="2" t="s">
        <v>1520</v>
      </c>
      <c r="L7141" s="5" t="s">
        <v>1519</v>
      </c>
      <c r="M7141" s="2" t="s">
        <v>1520</v>
      </c>
      <c r="N7141" s="5" t="s">
        <v>1521</v>
      </c>
      <c r="O7141" s="5" t="s">
        <v>38</v>
      </c>
      <c r="P7141" s="5" t="s">
        <v>39</v>
      </c>
      <c r="Q7141" s="5" t="s">
        <v>40</v>
      </c>
      <c r="R7141" s="5" t="s">
        <v>1522</v>
      </c>
      <c r="S7141" s="5" t="s">
        <v>1523</v>
      </c>
      <c r="T7141" s="5" t="s">
        <v>42</v>
      </c>
      <c r="U7141" s="2">
        <v>2.8540000000000001</v>
      </c>
      <c r="V7141" s="2">
        <v>2.3109999999999999</v>
      </c>
      <c r="W7141" s="2">
        <v>1.4999999999999999E-2</v>
      </c>
      <c r="X7141" s="2">
        <v>118.9</v>
      </c>
      <c r="Y7141" s="2">
        <v>7.6</v>
      </c>
      <c r="Z7141" s="2">
        <v>16.7</v>
      </c>
      <c r="AA7141" s="5"/>
      <c r="AB7141" s="5" t="s">
        <v>43</v>
      </c>
      <c r="AC7141" s="5" t="s">
        <v>44</v>
      </c>
      <c r="AD7141" s="2"/>
      <c r="AE7141" s="1"/>
    </row>
    <row r="7142" spans="1:31" ht="14.45">
      <c r="A7142" s="11"/>
      <c r="B7142" s="20"/>
      <c r="C7142" s="2" t="s">
        <v>21898</v>
      </c>
      <c r="D7142" s="14" t="s">
        <v>21899</v>
      </c>
      <c r="E7142" s="2" t="s">
        <v>21900</v>
      </c>
      <c r="F7142" s="2" t="s">
        <v>16029</v>
      </c>
      <c r="G7142" s="8">
        <v>263</v>
      </c>
      <c r="H7142" s="5">
        <v>11</v>
      </c>
      <c r="I7142" s="5" t="s">
        <v>1518</v>
      </c>
      <c r="J7142" s="5" t="s">
        <v>1519</v>
      </c>
      <c r="K7142" s="2" t="s">
        <v>1520</v>
      </c>
      <c r="L7142" s="5" t="s">
        <v>1519</v>
      </c>
      <c r="M7142" s="2" t="s">
        <v>1520</v>
      </c>
      <c r="N7142" s="5" t="s">
        <v>1521</v>
      </c>
      <c r="O7142" s="5" t="s">
        <v>38</v>
      </c>
      <c r="P7142" s="5" t="s">
        <v>39</v>
      </c>
      <c r="Q7142" s="5" t="s">
        <v>40</v>
      </c>
      <c r="R7142" s="5" t="s">
        <v>1522</v>
      </c>
      <c r="S7142" s="5" t="s">
        <v>1523</v>
      </c>
      <c r="T7142" s="5" t="s">
        <v>42</v>
      </c>
      <c r="U7142" s="2">
        <v>2.7949999999999999</v>
      </c>
      <c r="V7142" s="2">
        <v>2.2519999999999998</v>
      </c>
      <c r="W7142" s="2">
        <v>1.4999999999999999E-2</v>
      </c>
      <c r="X7142" s="2">
        <v>118.9</v>
      </c>
      <c r="Y7142" s="2">
        <v>7.6</v>
      </c>
      <c r="Z7142" s="2">
        <v>16.7</v>
      </c>
      <c r="AA7142" s="5"/>
      <c r="AB7142" s="5" t="s">
        <v>43</v>
      </c>
      <c r="AC7142" s="5" t="s">
        <v>44</v>
      </c>
      <c r="AD7142" s="2"/>
      <c r="AE7142" s="1"/>
    </row>
    <row r="7143" spans="1:31" ht="14.45">
      <c r="A7143" s="11"/>
      <c r="B7143" s="20"/>
      <c r="C7143" s="2" t="s">
        <v>21901</v>
      </c>
      <c r="D7143" s="14" t="s">
        <v>21902</v>
      </c>
      <c r="E7143" s="2" t="s">
        <v>21903</v>
      </c>
      <c r="F7143" s="2" t="s">
        <v>16033</v>
      </c>
      <c r="G7143" s="8">
        <v>263</v>
      </c>
      <c r="H7143" s="5">
        <v>11</v>
      </c>
      <c r="I7143" s="5" t="s">
        <v>1518</v>
      </c>
      <c r="J7143" s="5" t="s">
        <v>1519</v>
      </c>
      <c r="K7143" s="2" t="s">
        <v>1520</v>
      </c>
      <c r="L7143" s="5" t="s">
        <v>1519</v>
      </c>
      <c r="M7143" s="2" t="s">
        <v>1520</v>
      </c>
      <c r="N7143" s="5" t="s">
        <v>1521</v>
      </c>
      <c r="O7143" s="5" t="s">
        <v>38</v>
      </c>
      <c r="P7143" s="5" t="s">
        <v>39</v>
      </c>
      <c r="Q7143" s="5" t="s">
        <v>40</v>
      </c>
      <c r="R7143" s="5" t="s">
        <v>1522</v>
      </c>
      <c r="S7143" s="5" t="s">
        <v>1523</v>
      </c>
      <c r="T7143" s="5" t="s">
        <v>42</v>
      </c>
      <c r="U7143" s="2">
        <v>2.8769999999999998</v>
      </c>
      <c r="V7143" s="2">
        <v>2.3340000000000001</v>
      </c>
      <c r="W7143" s="2">
        <v>1.4999999999999999E-2</v>
      </c>
      <c r="X7143" s="2">
        <v>118.9</v>
      </c>
      <c r="Y7143" s="2">
        <v>7.6</v>
      </c>
      <c r="Z7143" s="2">
        <v>16.7</v>
      </c>
      <c r="AA7143" s="5"/>
      <c r="AB7143" s="5" t="s">
        <v>43</v>
      </c>
      <c r="AC7143" s="5" t="s">
        <v>44</v>
      </c>
      <c r="AD7143" s="2"/>
      <c r="AE7143" s="1"/>
    </row>
    <row r="7144" spans="1:31" ht="14.45">
      <c r="A7144" s="11"/>
      <c r="B7144" s="20"/>
      <c r="C7144" s="2" t="s">
        <v>21904</v>
      </c>
      <c r="D7144" s="14" t="s">
        <v>21905</v>
      </c>
      <c r="E7144" s="2" t="s">
        <v>21906</v>
      </c>
      <c r="F7144" s="2" t="s">
        <v>7396</v>
      </c>
      <c r="G7144" s="8">
        <v>249</v>
      </c>
      <c r="H7144" s="5">
        <v>6</v>
      </c>
      <c r="I7144" s="5" t="s">
        <v>1518</v>
      </c>
      <c r="J7144" s="5" t="s">
        <v>1519</v>
      </c>
      <c r="K7144" s="2" t="s">
        <v>1520</v>
      </c>
      <c r="L7144" s="5" t="s">
        <v>1519</v>
      </c>
      <c r="M7144" s="2" t="s">
        <v>1520</v>
      </c>
      <c r="N7144" s="5" t="s">
        <v>1521</v>
      </c>
      <c r="O7144" s="5" t="s">
        <v>38</v>
      </c>
      <c r="P7144" s="5" t="s">
        <v>39</v>
      </c>
      <c r="Q7144" s="5" t="s">
        <v>40</v>
      </c>
      <c r="R7144" s="5" t="s">
        <v>1522</v>
      </c>
      <c r="S7144" s="5" t="s">
        <v>1523</v>
      </c>
      <c r="T7144" s="5" t="s">
        <v>42</v>
      </c>
      <c r="U7144" s="2">
        <v>3.0409999999999999</v>
      </c>
      <c r="V7144" s="2">
        <v>2.4239999999999999</v>
      </c>
      <c r="W7144" s="2">
        <v>1.7999999999999999E-2</v>
      </c>
      <c r="X7144" s="2">
        <v>139.1</v>
      </c>
      <c r="Y7144" s="2">
        <v>7.6</v>
      </c>
      <c r="Z7144" s="2">
        <v>16.7</v>
      </c>
      <c r="AA7144" s="5"/>
      <c r="AB7144" s="5" t="s">
        <v>43</v>
      </c>
      <c r="AC7144" s="5" t="s">
        <v>44</v>
      </c>
      <c r="AD7144" s="2"/>
      <c r="AE7144" s="1"/>
    </row>
    <row r="7145" spans="1:31" ht="14.45">
      <c r="A7145" s="11"/>
      <c r="B7145" s="20"/>
      <c r="C7145" s="2" t="s">
        <v>21907</v>
      </c>
      <c r="D7145" s="14" t="s">
        <v>21908</v>
      </c>
      <c r="E7145" s="2" t="s">
        <v>21909</v>
      </c>
      <c r="F7145" s="2" t="s">
        <v>7507</v>
      </c>
      <c r="G7145" s="8">
        <v>249</v>
      </c>
      <c r="H7145" s="5">
        <v>6</v>
      </c>
      <c r="I7145" s="5" t="s">
        <v>1518</v>
      </c>
      <c r="J7145" s="5" t="s">
        <v>1519</v>
      </c>
      <c r="K7145" s="2" t="s">
        <v>1520</v>
      </c>
      <c r="L7145" s="5" t="s">
        <v>1519</v>
      </c>
      <c r="M7145" s="2" t="s">
        <v>1520</v>
      </c>
      <c r="N7145" s="5" t="s">
        <v>1521</v>
      </c>
      <c r="O7145" s="5" t="s">
        <v>38</v>
      </c>
      <c r="P7145" s="5" t="s">
        <v>39</v>
      </c>
      <c r="Q7145" s="5" t="s">
        <v>40</v>
      </c>
      <c r="R7145" s="5" t="s">
        <v>1522</v>
      </c>
      <c r="S7145" s="5" t="s">
        <v>1523</v>
      </c>
      <c r="T7145" s="5" t="s">
        <v>42</v>
      </c>
      <c r="U7145" s="2">
        <v>3.1349999999999998</v>
      </c>
      <c r="V7145" s="2">
        <v>2.5179999999999998</v>
      </c>
      <c r="W7145" s="2">
        <v>1.7999999999999999E-2</v>
      </c>
      <c r="X7145" s="2">
        <v>139.1</v>
      </c>
      <c r="Y7145" s="2">
        <v>7.6</v>
      </c>
      <c r="Z7145" s="2">
        <v>16.7</v>
      </c>
      <c r="AA7145" s="5"/>
      <c r="AB7145" s="5" t="s">
        <v>43</v>
      </c>
      <c r="AC7145" s="5" t="s">
        <v>44</v>
      </c>
      <c r="AD7145" s="2"/>
      <c r="AE7145" s="1"/>
    </row>
    <row r="7146" spans="1:31" ht="14.45">
      <c r="A7146" s="11"/>
      <c r="B7146" s="20"/>
      <c r="C7146" s="2" t="s">
        <v>21910</v>
      </c>
      <c r="D7146" s="14" t="s">
        <v>21911</v>
      </c>
      <c r="E7146" s="2" t="s">
        <v>21912</v>
      </c>
      <c r="F7146" s="2" t="s">
        <v>7204</v>
      </c>
      <c r="G7146" s="8">
        <v>249</v>
      </c>
      <c r="H7146" s="5">
        <v>6</v>
      </c>
      <c r="I7146" s="5" t="s">
        <v>1518</v>
      </c>
      <c r="J7146" s="5" t="s">
        <v>1519</v>
      </c>
      <c r="K7146" s="2" t="s">
        <v>1520</v>
      </c>
      <c r="L7146" s="5" t="s">
        <v>1519</v>
      </c>
      <c r="M7146" s="2" t="s">
        <v>1520</v>
      </c>
      <c r="N7146" s="5" t="s">
        <v>1521</v>
      </c>
      <c r="O7146" s="5" t="s">
        <v>38</v>
      </c>
      <c r="P7146" s="5" t="s">
        <v>39</v>
      </c>
      <c r="Q7146" s="5" t="s">
        <v>40</v>
      </c>
      <c r="R7146" s="5" t="s">
        <v>1522</v>
      </c>
      <c r="S7146" s="5" t="s">
        <v>1523</v>
      </c>
      <c r="T7146" s="5" t="s">
        <v>42</v>
      </c>
      <c r="U7146" s="2">
        <v>3.0489999999999999</v>
      </c>
      <c r="V7146" s="2">
        <v>2.4319999999999999</v>
      </c>
      <c r="W7146" s="2">
        <v>1.7999999999999999E-2</v>
      </c>
      <c r="X7146" s="2">
        <v>139.1</v>
      </c>
      <c r="Y7146" s="2">
        <v>7.6</v>
      </c>
      <c r="Z7146" s="2">
        <v>16.7</v>
      </c>
      <c r="AA7146" s="5"/>
      <c r="AB7146" s="5" t="s">
        <v>43</v>
      </c>
      <c r="AC7146" s="5" t="s">
        <v>44</v>
      </c>
      <c r="AD7146" s="2"/>
      <c r="AE7146" s="1"/>
    </row>
    <row r="7147" spans="1:31" ht="14.45">
      <c r="A7147" s="11"/>
      <c r="B7147" s="20"/>
      <c r="C7147" s="2" t="s">
        <v>21913</v>
      </c>
      <c r="D7147" s="14" t="s">
        <v>21914</v>
      </c>
      <c r="E7147" s="2" t="s">
        <v>21915</v>
      </c>
      <c r="F7147" s="2" t="s">
        <v>7514</v>
      </c>
      <c r="G7147" s="8">
        <v>249</v>
      </c>
      <c r="H7147" s="5">
        <v>6</v>
      </c>
      <c r="I7147" s="5" t="s">
        <v>1518</v>
      </c>
      <c r="J7147" s="5" t="s">
        <v>1519</v>
      </c>
      <c r="K7147" s="2" t="s">
        <v>1520</v>
      </c>
      <c r="L7147" s="5" t="s">
        <v>1519</v>
      </c>
      <c r="M7147" s="2" t="s">
        <v>1520</v>
      </c>
      <c r="N7147" s="5" t="s">
        <v>1521</v>
      </c>
      <c r="O7147" s="5" t="s">
        <v>38</v>
      </c>
      <c r="P7147" s="5" t="s">
        <v>39</v>
      </c>
      <c r="Q7147" s="5" t="s">
        <v>40</v>
      </c>
      <c r="R7147" s="5" t="s">
        <v>1522</v>
      </c>
      <c r="S7147" s="5" t="s">
        <v>1523</v>
      </c>
      <c r="T7147" s="5" t="s">
        <v>42</v>
      </c>
      <c r="U7147" s="2">
        <v>3.1429999999999998</v>
      </c>
      <c r="V7147" s="2">
        <v>2.5259999999999998</v>
      </c>
      <c r="W7147" s="2">
        <v>1.7999999999999999E-2</v>
      </c>
      <c r="X7147" s="2">
        <v>139.1</v>
      </c>
      <c r="Y7147" s="2">
        <v>7.6</v>
      </c>
      <c r="Z7147" s="2">
        <v>16.7</v>
      </c>
      <c r="AA7147" s="5"/>
      <c r="AB7147" s="5" t="s">
        <v>43</v>
      </c>
      <c r="AC7147" s="5" t="s">
        <v>44</v>
      </c>
      <c r="AD7147" s="2"/>
      <c r="AE7147" s="1"/>
    </row>
    <row r="7148" spans="1:31" ht="14.45">
      <c r="A7148" s="11"/>
      <c r="B7148" s="20"/>
      <c r="C7148" s="2" t="s">
        <v>21916</v>
      </c>
      <c r="D7148" s="14" t="s">
        <v>21917</v>
      </c>
      <c r="E7148" s="2" t="s">
        <v>21918</v>
      </c>
      <c r="F7148" s="2" t="s">
        <v>7208</v>
      </c>
      <c r="G7148" s="8">
        <v>249</v>
      </c>
      <c r="H7148" s="5">
        <v>6</v>
      </c>
      <c r="I7148" s="5" t="s">
        <v>1518</v>
      </c>
      <c r="J7148" s="5" t="s">
        <v>1519</v>
      </c>
      <c r="K7148" s="2" t="s">
        <v>1520</v>
      </c>
      <c r="L7148" s="5" t="s">
        <v>1519</v>
      </c>
      <c r="M7148" s="2" t="s">
        <v>1520</v>
      </c>
      <c r="N7148" s="5" t="s">
        <v>1521</v>
      </c>
      <c r="O7148" s="5" t="s">
        <v>38</v>
      </c>
      <c r="P7148" s="5" t="s">
        <v>39</v>
      </c>
      <c r="Q7148" s="5" t="s">
        <v>40</v>
      </c>
      <c r="R7148" s="5" t="s">
        <v>1522</v>
      </c>
      <c r="S7148" s="5" t="s">
        <v>1523</v>
      </c>
      <c r="T7148" s="5" t="s">
        <v>42</v>
      </c>
      <c r="U7148" s="2">
        <v>3.0489999999999999</v>
      </c>
      <c r="V7148" s="2">
        <v>2.4319999999999999</v>
      </c>
      <c r="W7148" s="2">
        <v>1.7999999999999999E-2</v>
      </c>
      <c r="X7148" s="2">
        <v>139.1</v>
      </c>
      <c r="Y7148" s="2">
        <v>7.6</v>
      </c>
      <c r="Z7148" s="2">
        <v>16.7</v>
      </c>
      <c r="AA7148" s="5"/>
      <c r="AB7148" s="5" t="s">
        <v>43</v>
      </c>
      <c r="AC7148" s="5" t="s">
        <v>44</v>
      </c>
      <c r="AD7148" s="2"/>
      <c r="AE7148" s="1"/>
    </row>
    <row r="7149" spans="1:31" ht="14.45">
      <c r="A7149" s="11"/>
      <c r="B7149" s="20"/>
      <c r="C7149" s="2" t="s">
        <v>21919</v>
      </c>
      <c r="D7149" s="14" t="s">
        <v>21920</v>
      </c>
      <c r="E7149" s="2" t="s">
        <v>21921</v>
      </c>
      <c r="F7149" s="2" t="s">
        <v>7521</v>
      </c>
      <c r="G7149" s="8">
        <v>249</v>
      </c>
      <c r="H7149" s="5">
        <v>6</v>
      </c>
      <c r="I7149" s="5" t="s">
        <v>1518</v>
      </c>
      <c r="J7149" s="5" t="s">
        <v>1519</v>
      </c>
      <c r="K7149" s="2" t="s">
        <v>1520</v>
      </c>
      <c r="L7149" s="5" t="s">
        <v>1519</v>
      </c>
      <c r="M7149" s="2" t="s">
        <v>1520</v>
      </c>
      <c r="N7149" s="5" t="s">
        <v>1521</v>
      </c>
      <c r="O7149" s="5" t="s">
        <v>38</v>
      </c>
      <c r="P7149" s="5" t="s">
        <v>39</v>
      </c>
      <c r="Q7149" s="5" t="s">
        <v>40</v>
      </c>
      <c r="R7149" s="5" t="s">
        <v>1522</v>
      </c>
      <c r="S7149" s="5" t="s">
        <v>1523</v>
      </c>
      <c r="T7149" s="5" t="s">
        <v>42</v>
      </c>
      <c r="U7149" s="2">
        <v>3.1429999999999998</v>
      </c>
      <c r="V7149" s="2">
        <v>2.5259999999999998</v>
      </c>
      <c r="W7149" s="2">
        <v>1.7999999999999999E-2</v>
      </c>
      <c r="X7149" s="2">
        <v>139.1</v>
      </c>
      <c r="Y7149" s="2">
        <v>7.6</v>
      </c>
      <c r="Z7149" s="2">
        <v>16.7</v>
      </c>
      <c r="AA7149" s="5"/>
      <c r="AB7149" s="5" t="s">
        <v>43</v>
      </c>
      <c r="AC7149" s="5" t="s">
        <v>44</v>
      </c>
      <c r="AD7149" s="2"/>
      <c r="AE7149" s="1"/>
    </row>
    <row r="7150" spans="1:31" ht="14.45">
      <c r="A7150" s="11"/>
      <c r="B7150" s="20"/>
      <c r="C7150" s="2" t="s">
        <v>21922</v>
      </c>
      <c r="D7150" s="14" t="s">
        <v>21923</v>
      </c>
      <c r="E7150" s="2" t="s">
        <v>21924</v>
      </c>
      <c r="F7150" s="2" t="s">
        <v>7212</v>
      </c>
      <c r="G7150" s="8">
        <v>249</v>
      </c>
      <c r="H7150" s="5">
        <v>6</v>
      </c>
      <c r="I7150" s="5" t="s">
        <v>1518</v>
      </c>
      <c r="J7150" s="5" t="s">
        <v>1519</v>
      </c>
      <c r="K7150" s="2" t="s">
        <v>1520</v>
      </c>
      <c r="L7150" s="5" t="s">
        <v>1519</v>
      </c>
      <c r="M7150" s="2" t="s">
        <v>1520</v>
      </c>
      <c r="N7150" s="5" t="s">
        <v>1521</v>
      </c>
      <c r="O7150" s="5" t="s">
        <v>38</v>
      </c>
      <c r="P7150" s="5" t="s">
        <v>39</v>
      </c>
      <c r="Q7150" s="5" t="s">
        <v>40</v>
      </c>
      <c r="R7150" s="5" t="s">
        <v>1522</v>
      </c>
      <c r="S7150" s="5" t="s">
        <v>1523</v>
      </c>
      <c r="T7150" s="5" t="s">
        <v>42</v>
      </c>
      <c r="U7150" s="2">
        <v>3.0259999999999998</v>
      </c>
      <c r="V7150" s="2">
        <v>2.4089999999999998</v>
      </c>
      <c r="W7150" s="2">
        <v>1.7999999999999999E-2</v>
      </c>
      <c r="X7150" s="2">
        <v>139.1</v>
      </c>
      <c r="Y7150" s="2">
        <v>7.6</v>
      </c>
      <c r="Z7150" s="2">
        <v>16.7</v>
      </c>
      <c r="AA7150" s="5"/>
      <c r="AB7150" s="5" t="s">
        <v>43</v>
      </c>
      <c r="AC7150" s="5" t="s">
        <v>44</v>
      </c>
      <c r="AD7150" s="2"/>
      <c r="AE7150" s="1"/>
    </row>
    <row r="7151" spans="1:31" ht="14.45">
      <c r="A7151" s="11"/>
      <c r="B7151" s="20"/>
      <c r="C7151" s="2" t="s">
        <v>21925</v>
      </c>
      <c r="D7151" s="14" t="s">
        <v>21926</v>
      </c>
      <c r="E7151" s="2" t="s">
        <v>21927</v>
      </c>
      <c r="F7151" s="2" t="s">
        <v>7528</v>
      </c>
      <c r="G7151" s="8">
        <v>249</v>
      </c>
      <c r="H7151" s="5">
        <v>6</v>
      </c>
      <c r="I7151" s="5" t="s">
        <v>1518</v>
      </c>
      <c r="J7151" s="5" t="s">
        <v>1519</v>
      </c>
      <c r="K7151" s="2" t="s">
        <v>1520</v>
      </c>
      <c r="L7151" s="5" t="s">
        <v>1519</v>
      </c>
      <c r="M7151" s="2" t="s">
        <v>1520</v>
      </c>
      <c r="N7151" s="5" t="s">
        <v>1521</v>
      </c>
      <c r="O7151" s="5" t="s">
        <v>38</v>
      </c>
      <c r="P7151" s="5" t="s">
        <v>39</v>
      </c>
      <c r="Q7151" s="5" t="s">
        <v>40</v>
      </c>
      <c r="R7151" s="5" t="s">
        <v>1522</v>
      </c>
      <c r="S7151" s="5" t="s">
        <v>1523</v>
      </c>
      <c r="T7151" s="5" t="s">
        <v>42</v>
      </c>
      <c r="U7151" s="2">
        <v>3.12</v>
      </c>
      <c r="V7151" s="2">
        <v>2.5030000000000001</v>
      </c>
      <c r="W7151" s="2">
        <v>1.7999999999999999E-2</v>
      </c>
      <c r="X7151" s="2">
        <v>139.1</v>
      </c>
      <c r="Y7151" s="2">
        <v>7.6</v>
      </c>
      <c r="Z7151" s="2">
        <v>16.7</v>
      </c>
      <c r="AA7151" s="5"/>
      <c r="AB7151" s="5" t="s">
        <v>43</v>
      </c>
      <c r="AC7151" s="5" t="s">
        <v>44</v>
      </c>
      <c r="AD7151" s="2"/>
      <c r="AE7151" s="1"/>
    </row>
    <row r="7152" spans="1:31" ht="14.45">
      <c r="A7152" s="11"/>
      <c r="B7152" s="20"/>
      <c r="C7152" s="2" t="s">
        <v>21928</v>
      </c>
      <c r="D7152" s="14" t="s">
        <v>21929</v>
      </c>
      <c r="E7152" s="2" t="s">
        <v>21930</v>
      </c>
      <c r="F7152" s="2" t="s">
        <v>7406</v>
      </c>
      <c r="G7152" s="8">
        <v>267</v>
      </c>
      <c r="H7152" s="5">
        <v>6</v>
      </c>
      <c r="I7152" s="5" t="s">
        <v>1518</v>
      </c>
      <c r="J7152" s="5" t="s">
        <v>1519</v>
      </c>
      <c r="K7152" s="2" t="s">
        <v>1520</v>
      </c>
      <c r="L7152" s="5" t="s">
        <v>1519</v>
      </c>
      <c r="M7152" s="2" t="s">
        <v>1520</v>
      </c>
      <c r="N7152" s="5" t="s">
        <v>1521</v>
      </c>
      <c r="O7152" s="5" t="s">
        <v>38</v>
      </c>
      <c r="P7152" s="5" t="s">
        <v>39</v>
      </c>
      <c r="Q7152" s="5" t="s">
        <v>40</v>
      </c>
      <c r="R7152" s="5" t="s">
        <v>1522</v>
      </c>
      <c r="S7152" s="5" t="s">
        <v>1523</v>
      </c>
      <c r="T7152" s="5" t="s">
        <v>42</v>
      </c>
      <c r="U7152" s="2">
        <v>3.0259999999999998</v>
      </c>
      <c r="V7152" s="2">
        <v>2.4089999999999998</v>
      </c>
      <c r="W7152" s="2">
        <v>1.7999999999999999E-2</v>
      </c>
      <c r="X7152" s="2">
        <v>139.1</v>
      </c>
      <c r="Y7152" s="2">
        <v>7.6</v>
      </c>
      <c r="Z7152" s="2">
        <v>16.7</v>
      </c>
      <c r="AA7152" s="5"/>
      <c r="AB7152" s="5" t="s">
        <v>43</v>
      </c>
      <c r="AC7152" s="5" t="s">
        <v>44</v>
      </c>
      <c r="AD7152" s="2"/>
      <c r="AE7152" s="1"/>
    </row>
    <row r="7153" spans="1:31" ht="14.45">
      <c r="A7153" s="11"/>
      <c r="B7153" s="20"/>
      <c r="C7153" s="2" t="s">
        <v>21931</v>
      </c>
      <c r="D7153" s="14" t="s">
        <v>21932</v>
      </c>
      <c r="E7153" s="2" t="s">
        <v>21933</v>
      </c>
      <c r="F7153" s="2" t="s">
        <v>7535</v>
      </c>
      <c r="G7153" s="8">
        <v>267</v>
      </c>
      <c r="H7153" s="5">
        <v>6</v>
      </c>
      <c r="I7153" s="5" t="s">
        <v>1518</v>
      </c>
      <c r="J7153" s="5" t="s">
        <v>1519</v>
      </c>
      <c r="K7153" s="2" t="s">
        <v>1520</v>
      </c>
      <c r="L7153" s="5" t="s">
        <v>1519</v>
      </c>
      <c r="M7153" s="2" t="s">
        <v>1520</v>
      </c>
      <c r="N7153" s="5" t="s">
        <v>1521</v>
      </c>
      <c r="O7153" s="5" t="s">
        <v>38</v>
      </c>
      <c r="P7153" s="5" t="s">
        <v>39</v>
      </c>
      <c r="Q7153" s="5" t="s">
        <v>40</v>
      </c>
      <c r="R7153" s="5" t="s">
        <v>1522</v>
      </c>
      <c r="S7153" s="5" t="s">
        <v>1523</v>
      </c>
      <c r="T7153" s="5" t="s">
        <v>42</v>
      </c>
      <c r="U7153" s="2">
        <v>3.12</v>
      </c>
      <c r="V7153" s="2">
        <v>2.5030000000000001</v>
      </c>
      <c r="W7153" s="2">
        <v>1.7999999999999999E-2</v>
      </c>
      <c r="X7153" s="2">
        <v>139.1</v>
      </c>
      <c r="Y7153" s="2">
        <v>7.6</v>
      </c>
      <c r="Z7153" s="2">
        <v>16.7</v>
      </c>
      <c r="AA7153" s="5"/>
      <c r="AB7153" s="5" t="s">
        <v>43</v>
      </c>
      <c r="AC7153" s="5" t="s">
        <v>44</v>
      </c>
      <c r="AD7153" s="2"/>
      <c r="AE7153" s="1"/>
    </row>
    <row r="7154" spans="1:31" ht="14.45">
      <c r="A7154" s="11"/>
      <c r="B7154" s="20"/>
      <c r="C7154" s="2" t="s">
        <v>21934</v>
      </c>
      <c r="D7154" s="14" t="s">
        <v>21935</v>
      </c>
      <c r="E7154" s="2" t="s">
        <v>21936</v>
      </c>
      <c r="F7154" s="2" t="s">
        <v>7539</v>
      </c>
      <c r="G7154" s="8">
        <v>267</v>
      </c>
      <c r="H7154" s="5">
        <v>6</v>
      </c>
      <c r="I7154" s="5" t="s">
        <v>1518</v>
      </c>
      <c r="J7154" s="5" t="s">
        <v>1519</v>
      </c>
      <c r="K7154" s="2" t="s">
        <v>1520</v>
      </c>
      <c r="L7154" s="5" t="s">
        <v>1519</v>
      </c>
      <c r="M7154" s="2" t="s">
        <v>1520</v>
      </c>
      <c r="N7154" s="5" t="s">
        <v>1521</v>
      </c>
      <c r="O7154" s="5" t="s">
        <v>38</v>
      </c>
      <c r="P7154" s="5" t="s">
        <v>39</v>
      </c>
      <c r="Q7154" s="5" t="s">
        <v>40</v>
      </c>
      <c r="R7154" s="5" t="s">
        <v>1522</v>
      </c>
      <c r="S7154" s="5" t="s">
        <v>1523</v>
      </c>
      <c r="T7154" s="5" t="s">
        <v>42</v>
      </c>
      <c r="U7154" s="2">
        <v>3.0489999999999999</v>
      </c>
      <c r="V7154" s="2">
        <v>2.4319999999999999</v>
      </c>
      <c r="W7154" s="2">
        <v>1.7999999999999999E-2</v>
      </c>
      <c r="X7154" s="2">
        <v>139.1</v>
      </c>
      <c r="Y7154" s="2">
        <v>7.6</v>
      </c>
      <c r="Z7154" s="2">
        <v>16.7</v>
      </c>
      <c r="AA7154" s="5"/>
      <c r="AB7154" s="5" t="s">
        <v>43</v>
      </c>
      <c r="AC7154" s="5" t="s">
        <v>44</v>
      </c>
      <c r="AD7154" s="2"/>
      <c r="AE7154" s="1"/>
    </row>
    <row r="7155" spans="1:31" ht="14.45">
      <c r="A7155" s="11"/>
      <c r="B7155" s="20"/>
      <c r="C7155" s="2" t="s">
        <v>21937</v>
      </c>
      <c r="D7155" s="14" t="s">
        <v>21938</v>
      </c>
      <c r="E7155" s="2" t="s">
        <v>21939</v>
      </c>
      <c r="F7155" s="2" t="s">
        <v>7543</v>
      </c>
      <c r="G7155" s="8">
        <v>267</v>
      </c>
      <c r="H7155" s="5">
        <v>6</v>
      </c>
      <c r="I7155" s="5" t="s">
        <v>1518</v>
      </c>
      <c r="J7155" s="5" t="s">
        <v>1519</v>
      </c>
      <c r="K7155" s="2" t="s">
        <v>1520</v>
      </c>
      <c r="L7155" s="5" t="s">
        <v>1519</v>
      </c>
      <c r="M7155" s="2" t="s">
        <v>1520</v>
      </c>
      <c r="N7155" s="5" t="s">
        <v>1521</v>
      </c>
      <c r="O7155" s="5" t="s">
        <v>38</v>
      </c>
      <c r="P7155" s="5" t="s">
        <v>39</v>
      </c>
      <c r="Q7155" s="5" t="s">
        <v>40</v>
      </c>
      <c r="R7155" s="5" t="s">
        <v>1522</v>
      </c>
      <c r="S7155" s="5" t="s">
        <v>1523</v>
      </c>
      <c r="T7155" s="5" t="s">
        <v>42</v>
      </c>
      <c r="U7155" s="2">
        <v>3.1429999999999998</v>
      </c>
      <c r="V7155" s="2">
        <v>2.5259999999999998</v>
      </c>
      <c r="W7155" s="2">
        <v>1.7999999999999999E-2</v>
      </c>
      <c r="X7155" s="2">
        <v>139.1</v>
      </c>
      <c r="Y7155" s="2">
        <v>7.6</v>
      </c>
      <c r="Z7155" s="2">
        <v>16.7</v>
      </c>
      <c r="AA7155" s="5"/>
      <c r="AB7155" s="5" t="s">
        <v>43</v>
      </c>
      <c r="AC7155" s="5" t="s">
        <v>44</v>
      </c>
      <c r="AD7155" s="2"/>
      <c r="AE7155" s="1"/>
    </row>
    <row r="7156" spans="1:31" ht="14.45">
      <c r="A7156" s="11"/>
      <c r="B7156" s="20"/>
      <c r="C7156" s="2" t="s">
        <v>21940</v>
      </c>
      <c r="D7156" s="14" t="s">
        <v>21941</v>
      </c>
      <c r="E7156" s="2" t="s">
        <v>21942</v>
      </c>
      <c r="F7156" s="2" t="s">
        <v>7547</v>
      </c>
      <c r="G7156" s="8">
        <v>267</v>
      </c>
      <c r="H7156" s="5">
        <v>6</v>
      </c>
      <c r="I7156" s="5" t="s">
        <v>1518</v>
      </c>
      <c r="J7156" s="5" t="s">
        <v>1519</v>
      </c>
      <c r="K7156" s="2" t="s">
        <v>1520</v>
      </c>
      <c r="L7156" s="5" t="s">
        <v>1519</v>
      </c>
      <c r="M7156" s="2" t="s">
        <v>1520</v>
      </c>
      <c r="N7156" s="5" t="s">
        <v>1521</v>
      </c>
      <c r="O7156" s="5" t="s">
        <v>38</v>
      </c>
      <c r="P7156" s="5" t="s">
        <v>39</v>
      </c>
      <c r="Q7156" s="5" t="s">
        <v>40</v>
      </c>
      <c r="R7156" s="5" t="s">
        <v>1522</v>
      </c>
      <c r="S7156" s="5" t="s">
        <v>1523</v>
      </c>
      <c r="T7156" s="5" t="s">
        <v>42</v>
      </c>
      <c r="U7156" s="2">
        <v>3.0259999999999998</v>
      </c>
      <c r="V7156" s="2">
        <v>2.4089999999999998</v>
      </c>
      <c r="W7156" s="2">
        <v>1.7999999999999999E-2</v>
      </c>
      <c r="X7156" s="2">
        <v>139.1</v>
      </c>
      <c r="Y7156" s="2">
        <v>7.6</v>
      </c>
      <c r="Z7156" s="2">
        <v>16.7</v>
      </c>
      <c r="AA7156" s="5"/>
      <c r="AB7156" s="5" t="s">
        <v>43</v>
      </c>
      <c r="AC7156" s="5" t="s">
        <v>44</v>
      </c>
      <c r="AD7156" s="2"/>
      <c r="AE7156" s="1"/>
    </row>
    <row r="7157" spans="1:31" ht="14.45">
      <c r="A7157" s="11"/>
      <c r="B7157" s="20"/>
      <c r="C7157" s="2" t="s">
        <v>21943</v>
      </c>
      <c r="D7157" s="14" t="s">
        <v>21944</v>
      </c>
      <c r="E7157" s="2" t="s">
        <v>21945</v>
      </c>
      <c r="F7157" s="2" t="s">
        <v>7551</v>
      </c>
      <c r="G7157" s="8">
        <v>267</v>
      </c>
      <c r="H7157" s="5">
        <v>6</v>
      </c>
      <c r="I7157" s="5" t="s">
        <v>1518</v>
      </c>
      <c r="J7157" s="5" t="s">
        <v>1519</v>
      </c>
      <c r="K7157" s="2" t="s">
        <v>1520</v>
      </c>
      <c r="L7157" s="5" t="s">
        <v>1519</v>
      </c>
      <c r="M7157" s="2" t="s">
        <v>1520</v>
      </c>
      <c r="N7157" s="5" t="s">
        <v>1521</v>
      </c>
      <c r="O7157" s="5" t="s">
        <v>38</v>
      </c>
      <c r="P7157" s="5" t="s">
        <v>39</v>
      </c>
      <c r="Q7157" s="5" t="s">
        <v>40</v>
      </c>
      <c r="R7157" s="5" t="s">
        <v>1522</v>
      </c>
      <c r="S7157" s="5" t="s">
        <v>1523</v>
      </c>
      <c r="T7157" s="5" t="s">
        <v>42</v>
      </c>
      <c r="U7157" s="2">
        <v>3.12</v>
      </c>
      <c r="V7157" s="2">
        <v>2.5030000000000001</v>
      </c>
      <c r="W7157" s="2">
        <v>1.7999999999999999E-2</v>
      </c>
      <c r="X7157" s="2">
        <v>139.1</v>
      </c>
      <c r="Y7157" s="2">
        <v>7.6</v>
      </c>
      <c r="Z7157" s="2">
        <v>16.7</v>
      </c>
      <c r="AA7157" s="5"/>
      <c r="AB7157" s="5" t="s">
        <v>43</v>
      </c>
      <c r="AC7157" s="5" t="s">
        <v>44</v>
      </c>
      <c r="AD7157" s="2"/>
      <c r="AE7157" s="1"/>
    </row>
    <row r="7158" spans="1:31" ht="14.45">
      <c r="A7158" s="11"/>
      <c r="B7158" s="20"/>
      <c r="C7158" s="2" t="s">
        <v>21946</v>
      </c>
      <c r="D7158" s="14" t="s">
        <v>21947</v>
      </c>
      <c r="E7158" s="2" t="s">
        <v>21948</v>
      </c>
      <c r="F7158" s="2" t="s">
        <v>7555</v>
      </c>
      <c r="G7158" s="8">
        <v>267</v>
      </c>
      <c r="H7158" s="5">
        <v>6</v>
      </c>
      <c r="I7158" s="5" t="s">
        <v>1518</v>
      </c>
      <c r="J7158" s="5" t="s">
        <v>1519</v>
      </c>
      <c r="K7158" s="2" t="s">
        <v>1520</v>
      </c>
      <c r="L7158" s="5" t="s">
        <v>1519</v>
      </c>
      <c r="M7158" s="2" t="s">
        <v>1520</v>
      </c>
      <c r="N7158" s="5" t="s">
        <v>1521</v>
      </c>
      <c r="O7158" s="5" t="s">
        <v>38</v>
      </c>
      <c r="P7158" s="5" t="s">
        <v>39</v>
      </c>
      <c r="Q7158" s="5" t="s">
        <v>40</v>
      </c>
      <c r="R7158" s="5" t="s">
        <v>1522</v>
      </c>
      <c r="S7158" s="5" t="s">
        <v>1523</v>
      </c>
      <c r="T7158" s="5" t="s">
        <v>42</v>
      </c>
      <c r="U7158" s="2">
        <v>3.0259999999999998</v>
      </c>
      <c r="V7158" s="2">
        <v>2.4089999999999998</v>
      </c>
      <c r="W7158" s="2">
        <v>1.7999999999999999E-2</v>
      </c>
      <c r="X7158" s="2">
        <v>139.1</v>
      </c>
      <c r="Y7158" s="2">
        <v>7.6</v>
      </c>
      <c r="Z7158" s="2">
        <v>16.7</v>
      </c>
      <c r="AA7158" s="5"/>
      <c r="AB7158" s="5" t="s">
        <v>43</v>
      </c>
      <c r="AC7158" s="5" t="s">
        <v>44</v>
      </c>
      <c r="AD7158" s="2"/>
      <c r="AE7158" s="1"/>
    </row>
    <row r="7159" spans="1:31" ht="14.45">
      <c r="A7159" s="11"/>
      <c r="B7159" s="20"/>
      <c r="C7159" s="2" t="s">
        <v>21949</v>
      </c>
      <c r="D7159" s="14" t="s">
        <v>21950</v>
      </c>
      <c r="E7159" s="2" t="s">
        <v>21951</v>
      </c>
      <c r="F7159" s="2" t="s">
        <v>7559</v>
      </c>
      <c r="G7159" s="8">
        <v>267</v>
      </c>
      <c r="H7159" s="5">
        <v>6</v>
      </c>
      <c r="I7159" s="5" t="s">
        <v>1518</v>
      </c>
      <c r="J7159" s="5" t="s">
        <v>1519</v>
      </c>
      <c r="K7159" s="2" t="s">
        <v>1520</v>
      </c>
      <c r="L7159" s="5" t="s">
        <v>1519</v>
      </c>
      <c r="M7159" s="2" t="s">
        <v>1520</v>
      </c>
      <c r="N7159" s="5" t="s">
        <v>1521</v>
      </c>
      <c r="O7159" s="5" t="s">
        <v>38</v>
      </c>
      <c r="P7159" s="5" t="s">
        <v>39</v>
      </c>
      <c r="Q7159" s="5" t="s">
        <v>40</v>
      </c>
      <c r="R7159" s="5" t="s">
        <v>1522</v>
      </c>
      <c r="S7159" s="5" t="s">
        <v>1523</v>
      </c>
      <c r="T7159" s="5" t="s">
        <v>42</v>
      </c>
      <c r="U7159" s="2">
        <v>3.12</v>
      </c>
      <c r="V7159" s="2">
        <v>2.5030000000000001</v>
      </c>
      <c r="W7159" s="2">
        <v>1.7999999999999999E-2</v>
      </c>
      <c r="X7159" s="2">
        <v>139.1</v>
      </c>
      <c r="Y7159" s="2">
        <v>7.6</v>
      </c>
      <c r="Z7159" s="2">
        <v>16.7</v>
      </c>
      <c r="AA7159" s="5"/>
      <c r="AB7159" s="5" t="s">
        <v>43</v>
      </c>
      <c r="AC7159" s="5" t="s">
        <v>44</v>
      </c>
      <c r="AD7159" s="2"/>
      <c r="AE7159" s="1"/>
    </row>
    <row r="7160" spans="1:31" ht="14.45">
      <c r="A7160" s="11"/>
      <c r="B7160" s="20"/>
      <c r="C7160" s="2" t="s">
        <v>21952</v>
      </c>
      <c r="D7160" s="14" t="s">
        <v>21953</v>
      </c>
      <c r="E7160" s="2" t="s">
        <v>21954</v>
      </c>
      <c r="F7160" s="2" t="s">
        <v>7563</v>
      </c>
      <c r="G7160" s="8">
        <v>267</v>
      </c>
      <c r="H7160" s="5">
        <v>6</v>
      </c>
      <c r="I7160" s="5" t="s">
        <v>1518</v>
      </c>
      <c r="J7160" s="5" t="s">
        <v>1519</v>
      </c>
      <c r="K7160" s="2" t="s">
        <v>1520</v>
      </c>
      <c r="L7160" s="5" t="s">
        <v>1519</v>
      </c>
      <c r="M7160" s="2" t="s">
        <v>1520</v>
      </c>
      <c r="N7160" s="5" t="s">
        <v>1521</v>
      </c>
      <c r="O7160" s="5" t="s">
        <v>38</v>
      </c>
      <c r="P7160" s="5" t="s">
        <v>39</v>
      </c>
      <c r="Q7160" s="5" t="s">
        <v>40</v>
      </c>
      <c r="R7160" s="5" t="s">
        <v>1522</v>
      </c>
      <c r="S7160" s="5" t="s">
        <v>1523</v>
      </c>
      <c r="T7160" s="5" t="s">
        <v>42</v>
      </c>
      <c r="U7160" s="2">
        <v>3.0489999999999999</v>
      </c>
      <c r="V7160" s="2">
        <v>2.4319999999999999</v>
      </c>
      <c r="W7160" s="2">
        <v>1.7999999999999999E-2</v>
      </c>
      <c r="X7160" s="2">
        <v>139.1</v>
      </c>
      <c r="Y7160" s="2">
        <v>7.6</v>
      </c>
      <c r="Z7160" s="2">
        <v>16.7</v>
      </c>
      <c r="AA7160" s="5"/>
      <c r="AB7160" s="5" t="s">
        <v>43</v>
      </c>
      <c r="AC7160" s="5" t="s">
        <v>44</v>
      </c>
      <c r="AD7160" s="2"/>
      <c r="AE7160" s="1"/>
    </row>
    <row r="7161" spans="1:31" ht="14.45">
      <c r="A7161" s="11"/>
      <c r="B7161" s="20"/>
      <c r="C7161" s="2" t="s">
        <v>21955</v>
      </c>
      <c r="D7161" s="14" t="s">
        <v>21956</v>
      </c>
      <c r="E7161" s="2" t="s">
        <v>21957</v>
      </c>
      <c r="F7161" s="2" t="s">
        <v>7567</v>
      </c>
      <c r="G7161" s="8">
        <v>267</v>
      </c>
      <c r="H7161" s="5">
        <v>6</v>
      </c>
      <c r="I7161" s="5" t="s">
        <v>1518</v>
      </c>
      <c r="J7161" s="5" t="s">
        <v>1519</v>
      </c>
      <c r="K7161" s="2" t="s">
        <v>1520</v>
      </c>
      <c r="L7161" s="5" t="s">
        <v>1519</v>
      </c>
      <c r="M7161" s="2" t="s">
        <v>1520</v>
      </c>
      <c r="N7161" s="5" t="s">
        <v>1521</v>
      </c>
      <c r="O7161" s="5" t="s">
        <v>38</v>
      </c>
      <c r="P7161" s="5" t="s">
        <v>39</v>
      </c>
      <c r="Q7161" s="5" t="s">
        <v>40</v>
      </c>
      <c r="R7161" s="5" t="s">
        <v>1522</v>
      </c>
      <c r="S7161" s="5" t="s">
        <v>1523</v>
      </c>
      <c r="T7161" s="5" t="s">
        <v>42</v>
      </c>
      <c r="U7161" s="2">
        <v>3.1429999999999998</v>
      </c>
      <c r="V7161" s="2">
        <v>2.5259999999999998</v>
      </c>
      <c r="W7161" s="2">
        <v>1.7999999999999999E-2</v>
      </c>
      <c r="X7161" s="2">
        <v>139.1</v>
      </c>
      <c r="Y7161" s="2">
        <v>7.6</v>
      </c>
      <c r="Z7161" s="2">
        <v>16.7</v>
      </c>
      <c r="AA7161" s="5"/>
      <c r="AB7161" s="5" t="s">
        <v>43</v>
      </c>
      <c r="AC7161" s="5" t="s">
        <v>44</v>
      </c>
      <c r="AD7161" s="2"/>
      <c r="AE7161" s="1"/>
    </row>
    <row r="7162" spans="1:31" ht="14.45">
      <c r="A7162" s="11"/>
      <c r="B7162" s="20"/>
      <c r="C7162" s="2" t="s">
        <v>21958</v>
      </c>
      <c r="D7162" s="14" t="s">
        <v>21959</v>
      </c>
      <c r="E7162" s="2" t="s">
        <v>21960</v>
      </c>
      <c r="F7162" s="2" t="s">
        <v>16079</v>
      </c>
      <c r="G7162" s="8">
        <v>267</v>
      </c>
      <c r="H7162" s="5">
        <v>6</v>
      </c>
      <c r="I7162" s="5" t="s">
        <v>1518</v>
      </c>
      <c r="J7162" s="5" t="s">
        <v>1519</v>
      </c>
      <c r="K7162" s="2" t="s">
        <v>1520</v>
      </c>
      <c r="L7162" s="5" t="s">
        <v>1519</v>
      </c>
      <c r="M7162" s="2" t="s">
        <v>1520</v>
      </c>
      <c r="N7162" s="5" t="s">
        <v>1521</v>
      </c>
      <c r="O7162" s="5" t="s">
        <v>38</v>
      </c>
      <c r="P7162" s="5" t="s">
        <v>39</v>
      </c>
      <c r="Q7162" s="5" t="s">
        <v>40</v>
      </c>
      <c r="R7162" s="5" t="s">
        <v>1522</v>
      </c>
      <c r="S7162" s="5" t="s">
        <v>1523</v>
      </c>
      <c r="T7162" s="5" t="s">
        <v>42</v>
      </c>
      <c r="U7162" s="2">
        <v>3.0489999999999999</v>
      </c>
      <c r="V7162" s="2">
        <v>2.4319999999999999</v>
      </c>
      <c r="W7162" s="2">
        <v>1.7999999999999999E-2</v>
      </c>
      <c r="X7162" s="2">
        <v>139.1</v>
      </c>
      <c r="Y7162" s="2">
        <v>7.6</v>
      </c>
      <c r="Z7162" s="2">
        <v>16.7</v>
      </c>
      <c r="AA7162" s="5"/>
      <c r="AB7162" s="5" t="s">
        <v>43</v>
      </c>
      <c r="AC7162" s="5" t="s">
        <v>44</v>
      </c>
      <c r="AD7162" s="2"/>
      <c r="AE7162" s="1"/>
    </row>
    <row r="7163" spans="1:31" ht="14.45">
      <c r="A7163" s="11"/>
      <c r="B7163" s="20"/>
      <c r="C7163" s="2" t="s">
        <v>21961</v>
      </c>
      <c r="D7163" s="14" t="s">
        <v>21962</v>
      </c>
      <c r="E7163" s="2" t="s">
        <v>21963</v>
      </c>
      <c r="F7163" s="2" t="s">
        <v>16194</v>
      </c>
      <c r="G7163" s="8">
        <v>267</v>
      </c>
      <c r="H7163" s="5">
        <v>6</v>
      </c>
      <c r="I7163" s="5" t="s">
        <v>1518</v>
      </c>
      <c r="J7163" s="5" t="s">
        <v>1519</v>
      </c>
      <c r="K7163" s="2" t="s">
        <v>1520</v>
      </c>
      <c r="L7163" s="5" t="s">
        <v>1519</v>
      </c>
      <c r="M7163" s="2" t="s">
        <v>1520</v>
      </c>
      <c r="N7163" s="5" t="s">
        <v>1521</v>
      </c>
      <c r="O7163" s="5" t="s">
        <v>38</v>
      </c>
      <c r="P7163" s="5" t="s">
        <v>39</v>
      </c>
      <c r="Q7163" s="5" t="s">
        <v>40</v>
      </c>
      <c r="R7163" s="5" t="s">
        <v>1522</v>
      </c>
      <c r="S7163" s="5" t="s">
        <v>1523</v>
      </c>
      <c r="T7163" s="5" t="s">
        <v>42</v>
      </c>
      <c r="U7163" s="2">
        <v>3.1429999999999998</v>
      </c>
      <c r="V7163" s="2">
        <v>2.5259999999999998</v>
      </c>
      <c r="W7163" s="2">
        <v>1.7999999999999999E-2</v>
      </c>
      <c r="X7163" s="2">
        <v>139.1</v>
      </c>
      <c r="Y7163" s="2">
        <v>7.6</v>
      </c>
      <c r="Z7163" s="2">
        <v>16.7</v>
      </c>
      <c r="AA7163" s="5"/>
      <c r="AB7163" s="5" t="s">
        <v>43</v>
      </c>
      <c r="AC7163" s="5" t="s">
        <v>44</v>
      </c>
      <c r="AD7163" s="2"/>
      <c r="AE7163" s="1"/>
    </row>
    <row r="7164" spans="1:31" ht="14.45">
      <c r="A7164" s="11"/>
      <c r="B7164" s="20"/>
      <c r="C7164" s="2" t="s">
        <v>21964</v>
      </c>
      <c r="D7164" s="14" t="s">
        <v>21965</v>
      </c>
      <c r="E7164" s="2" t="s">
        <v>21966</v>
      </c>
      <c r="F7164" s="2" t="s">
        <v>7449</v>
      </c>
      <c r="G7164" s="8">
        <v>267</v>
      </c>
      <c r="H7164" s="5">
        <v>6</v>
      </c>
      <c r="I7164" s="5" t="s">
        <v>1518</v>
      </c>
      <c r="J7164" s="5" t="s">
        <v>1519</v>
      </c>
      <c r="K7164" s="2" t="s">
        <v>1520</v>
      </c>
      <c r="L7164" s="5" t="s">
        <v>1519</v>
      </c>
      <c r="M7164" s="2" t="s">
        <v>1520</v>
      </c>
      <c r="N7164" s="5" t="s">
        <v>1521</v>
      </c>
      <c r="O7164" s="5" t="s">
        <v>38</v>
      </c>
      <c r="P7164" s="5" t="s">
        <v>39</v>
      </c>
      <c r="Q7164" s="5" t="s">
        <v>40</v>
      </c>
      <c r="R7164" s="5" t="s">
        <v>1522</v>
      </c>
      <c r="S7164" s="5" t="s">
        <v>1523</v>
      </c>
      <c r="T7164" s="5" t="s">
        <v>42</v>
      </c>
      <c r="U7164" s="2">
        <v>3.0489999999999999</v>
      </c>
      <c r="V7164" s="2">
        <v>2.4319999999999999</v>
      </c>
      <c r="W7164" s="2">
        <v>1.7999999999999999E-2</v>
      </c>
      <c r="X7164" s="2">
        <v>139.1</v>
      </c>
      <c r="Y7164" s="2">
        <v>7.6</v>
      </c>
      <c r="Z7164" s="2">
        <v>16.7</v>
      </c>
      <c r="AA7164" s="5"/>
      <c r="AB7164" s="5" t="s">
        <v>43</v>
      </c>
      <c r="AC7164" s="5" t="s">
        <v>44</v>
      </c>
      <c r="AD7164" s="2"/>
      <c r="AE7164" s="1"/>
    </row>
    <row r="7165" spans="1:31" ht="14.45">
      <c r="A7165" s="11"/>
      <c r="B7165" s="20"/>
      <c r="C7165" s="2" t="s">
        <v>21967</v>
      </c>
      <c r="D7165" s="14" t="s">
        <v>21968</v>
      </c>
      <c r="E7165" s="2" t="s">
        <v>21969</v>
      </c>
      <c r="F7165" s="2" t="s">
        <v>7581</v>
      </c>
      <c r="G7165" s="8">
        <v>267</v>
      </c>
      <c r="H7165" s="5">
        <v>6</v>
      </c>
      <c r="I7165" s="5" t="s">
        <v>1518</v>
      </c>
      <c r="J7165" s="5" t="s">
        <v>1519</v>
      </c>
      <c r="K7165" s="2" t="s">
        <v>1520</v>
      </c>
      <c r="L7165" s="5" t="s">
        <v>1519</v>
      </c>
      <c r="M7165" s="2" t="s">
        <v>1520</v>
      </c>
      <c r="N7165" s="5" t="s">
        <v>1521</v>
      </c>
      <c r="O7165" s="5" t="s">
        <v>38</v>
      </c>
      <c r="P7165" s="5" t="s">
        <v>39</v>
      </c>
      <c r="Q7165" s="5" t="s">
        <v>40</v>
      </c>
      <c r="R7165" s="5" t="s">
        <v>1522</v>
      </c>
      <c r="S7165" s="5" t="s">
        <v>1523</v>
      </c>
      <c r="T7165" s="5" t="s">
        <v>42</v>
      </c>
      <c r="U7165" s="2">
        <v>3.1429999999999998</v>
      </c>
      <c r="V7165" s="2">
        <v>2.5259999999999998</v>
      </c>
      <c r="W7165" s="2">
        <v>1.7999999999999999E-2</v>
      </c>
      <c r="X7165" s="2">
        <v>139.1</v>
      </c>
      <c r="Y7165" s="2">
        <v>7.6</v>
      </c>
      <c r="Z7165" s="2">
        <v>16.7</v>
      </c>
      <c r="AA7165" s="5"/>
      <c r="AB7165" s="5" t="s">
        <v>43</v>
      </c>
      <c r="AC7165" s="5" t="s">
        <v>44</v>
      </c>
      <c r="AD7165" s="2"/>
      <c r="AE7165" s="1"/>
    </row>
    <row r="7166" spans="1:31" ht="14.45">
      <c r="A7166" s="11"/>
      <c r="B7166" s="20"/>
      <c r="C7166" s="2" t="s">
        <v>21970</v>
      </c>
      <c r="D7166" s="14" t="s">
        <v>21971</v>
      </c>
      <c r="E7166" s="2" t="s">
        <v>21972</v>
      </c>
      <c r="F7166" s="2" t="s">
        <v>7585</v>
      </c>
      <c r="G7166" s="8">
        <v>267</v>
      </c>
      <c r="H7166" s="5">
        <v>6</v>
      </c>
      <c r="I7166" s="5" t="s">
        <v>1518</v>
      </c>
      <c r="J7166" s="5" t="s">
        <v>1519</v>
      </c>
      <c r="K7166" s="2" t="s">
        <v>1520</v>
      </c>
      <c r="L7166" s="5" t="s">
        <v>1519</v>
      </c>
      <c r="M7166" s="2" t="s">
        <v>1520</v>
      </c>
      <c r="N7166" s="5" t="s">
        <v>1521</v>
      </c>
      <c r="O7166" s="5" t="s">
        <v>38</v>
      </c>
      <c r="P7166" s="5" t="s">
        <v>39</v>
      </c>
      <c r="Q7166" s="5" t="s">
        <v>40</v>
      </c>
      <c r="R7166" s="5" t="s">
        <v>1522</v>
      </c>
      <c r="S7166" s="5" t="s">
        <v>1523</v>
      </c>
      <c r="T7166" s="5" t="s">
        <v>42</v>
      </c>
      <c r="U7166" s="2">
        <v>3.0259999999999998</v>
      </c>
      <c r="V7166" s="2">
        <v>2.4089999999999998</v>
      </c>
      <c r="W7166" s="2">
        <v>1.7999999999999999E-2</v>
      </c>
      <c r="X7166" s="2">
        <v>139.1</v>
      </c>
      <c r="Y7166" s="2">
        <v>7.6</v>
      </c>
      <c r="Z7166" s="2">
        <v>16.7</v>
      </c>
      <c r="AA7166" s="5"/>
      <c r="AB7166" s="5" t="s">
        <v>43</v>
      </c>
      <c r="AC7166" s="5" t="s">
        <v>44</v>
      </c>
      <c r="AD7166" s="2"/>
      <c r="AE7166" s="1"/>
    </row>
    <row r="7167" spans="1:31" ht="14.45">
      <c r="A7167" s="11"/>
      <c r="B7167" s="20"/>
      <c r="C7167" s="2" t="s">
        <v>21973</v>
      </c>
      <c r="D7167" s="14" t="s">
        <v>21974</v>
      </c>
      <c r="E7167" s="2" t="s">
        <v>21975</v>
      </c>
      <c r="F7167" s="2" t="s">
        <v>7589</v>
      </c>
      <c r="G7167" s="8">
        <v>267</v>
      </c>
      <c r="H7167" s="5">
        <v>6</v>
      </c>
      <c r="I7167" s="5" t="s">
        <v>1518</v>
      </c>
      <c r="J7167" s="5" t="s">
        <v>1519</v>
      </c>
      <c r="K7167" s="2" t="s">
        <v>1520</v>
      </c>
      <c r="L7167" s="5" t="s">
        <v>1519</v>
      </c>
      <c r="M7167" s="2" t="s">
        <v>1520</v>
      </c>
      <c r="N7167" s="5" t="s">
        <v>1521</v>
      </c>
      <c r="O7167" s="5" t="s">
        <v>38</v>
      </c>
      <c r="P7167" s="5" t="s">
        <v>39</v>
      </c>
      <c r="Q7167" s="5" t="s">
        <v>40</v>
      </c>
      <c r="R7167" s="5" t="s">
        <v>1522</v>
      </c>
      <c r="S7167" s="5" t="s">
        <v>1523</v>
      </c>
      <c r="T7167" s="5" t="s">
        <v>42</v>
      </c>
      <c r="U7167" s="2">
        <v>3.12</v>
      </c>
      <c r="V7167" s="2">
        <v>2.5030000000000001</v>
      </c>
      <c r="W7167" s="2">
        <v>1.7999999999999999E-2</v>
      </c>
      <c r="X7167" s="2">
        <v>139.1</v>
      </c>
      <c r="Y7167" s="2">
        <v>7.6</v>
      </c>
      <c r="Z7167" s="2">
        <v>16.7</v>
      </c>
      <c r="AA7167" s="5"/>
      <c r="AB7167" s="5" t="s">
        <v>43</v>
      </c>
      <c r="AC7167" s="5" t="s">
        <v>44</v>
      </c>
      <c r="AD7167" s="2"/>
      <c r="AE7167" s="1"/>
    </row>
    <row r="7168" spans="1:31" ht="14.45">
      <c r="A7168" s="11"/>
      <c r="B7168" s="20"/>
      <c r="C7168" s="2" t="s">
        <v>21976</v>
      </c>
      <c r="D7168" s="14" t="s">
        <v>21977</v>
      </c>
      <c r="E7168" s="2" t="s">
        <v>21978</v>
      </c>
      <c r="F7168" s="2" t="s">
        <v>7593</v>
      </c>
      <c r="G7168" s="8">
        <v>267</v>
      </c>
      <c r="H7168" s="5">
        <v>6</v>
      </c>
      <c r="I7168" s="5" t="s">
        <v>1518</v>
      </c>
      <c r="J7168" s="5" t="s">
        <v>1519</v>
      </c>
      <c r="K7168" s="2" t="s">
        <v>1520</v>
      </c>
      <c r="L7168" s="5" t="s">
        <v>1519</v>
      </c>
      <c r="M7168" s="2" t="s">
        <v>1520</v>
      </c>
      <c r="N7168" s="5" t="s">
        <v>1521</v>
      </c>
      <c r="O7168" s="5" t="s">
        <v>38</v>
      </c>
      <c r="P7168" s="5" t="s">
        <v>39</v>
      </c>
      <c r="Q7168" s="5" t="s">
        <v>40</v>
      </c>
      <c r="R7168" s="5" t="s">
        <v>1522</v>
      </c>
      <c r="S7168" s="5" t="s">
        <v>1523</v>
      </c>
      <c r="T7168" s="5" t="s">
        <v>42</v>
      </c>
      <c r="U7168" s="2">
        <v>3.0489999999999999</v>
      </c>
      <c r="V7168" s="2">
        <v>2.4319999999999999</v>
      </c>
      <c r="W7168" s="2">
        <v>1.7999999999999999E-2</v>
      </c>
      <c r="X7168" s="2">
        <v>139.1</v>
      </c>
      <c r="Y7168" s="2">
        <v>7.6</v>
      </c>
      <c r="Z7168" s="2">
        <v>16.7</v>
      </c>
      <c r="AA7168" s="5"/>
      <c r="AB7168" s="5" t="s">
        <v>43</v>
      </c>
      <c r="AC7168" s="5" t="s">
        <v>44</v>
      </c>
      <c r="AD7168" s="2"/>
      <c r="AE7168" s="1"/>
    </row>
    <row r="7169" spans="1:31" ht="14.45">
      <c r="A7169" s="11"/>
      <c r="B7169" s="20"/>
      <c r="C7169" s="2" t="s">
        <v>21979</v>
      </c>
      <c r="D7169" s="14" t="s">
        <v>21980</v>
      </c>
      <c r="E7169" s="2" t="s">
        <v>21981</v>
      </c>
      <c r="F7169" s="2" t="s">
        <v>7597</v>
      </c>
      <c r="G7169" s="8">
        <v>267</v>
      </c>
      <c r="H7169" s="5">
        <v>6</v>
      </c>
      <c r="I7169" s="5" t="s">
        <v>1518</v>
      </c>
      <c r="J7169" s="5" t="s">
        <v>1519</v>
      </c>
      <c r="K7169" s="2" t="s">
        <v>1520</v>
      </c>
      <c r="L7169" s="5" t="s">
        <v>1519</v>
      </c>
      <c r="M7169" s="2" t="s">
        <v>1520</v>
      </c>
      <c r="N7169" s="5" t="s">
        <v>1521</v>
      </c>
      <c r="O7169" s="5" t="s">
        <v>38</v>
      </c>
      <c r="P7169" s="5" t="s">
        <v>39</v>
      </c>
      <c r="Q7169" s="5" t="s">
        <v>40</v>
      </c>
      <c r="R7169" s="5" t="s">
        <v>1522</v>
      </c>
      <c r="S7169" s="5" t="s">
        <v>1523</v>
      </c>
      <c r="T7169" s="5" t="s">
        <v>42</v>
      </c>
      <c r="U7169" s="2">
        <v>3.1429999999999998</v>
      </c>
      <c r="V7169" s="2">
        <v>2.5259999999999998</v>
      </c>
      <c r="W7169" s="2">
        <v>1.7999999999999999E-2</v>
      </c>
      <c r="X7169" s="2">
        <v>139.1</v>
      </c>
      <c r="Y7169" s="2">
        <v>7.6</v>
      </c>
      <c r="Z7169" s="2">
        <v>16.7</v>
      </c>
      <c r="AA7169" s="5"/>
      <c r="AB7169" s="5" t="s">
        <v>43</v>
      </c>
      <c r="AC7169" s="5" t="s">
        <v>44</v>
      </c>
      <c r="AD7169" s="2"/>
      <c r="AE7169" s="1"/>
    </row>
    <row r="7170" spans="1:31" ht="14.45">
      <c r="A7170" s="11"/>
      <c r="B7170" s="20"/>
      <c r="C7170" s="2" t="s">
        <v>21982</v>
      </c>
      <c r="D7170" s="14" t="s">
        <v>21983</v>
      </c>
      <c r="E7170" s="2" t="s">
        <v>21984</v>
      </c>
      <c r="F7170" s="2" t="s">
        <v>16014</v>
      </c>
      <c r="G7170" s="8">
        <v>267</v>
      </c>
      <c r="H7170" s="5">
        <v>6</v>
      </c>
      <c r="I7170" s="5" t="s">
        <v>1518</v>
      </c>
      <c r="J7170" s="5" t="s">
        <v>1519</v>
      </c>
      <c r="K7170" s="2" t="s">
        <v>1520</v>
      </c>
      <c r="L7170" s="5" t="s">
        <v>1519</v>
      </c>
      <c r="M7170" s="2" t="s">
        <v>1520</v>
      </c>
      <c r="N7170" s="5" t="s">
        <v>1521</v>
      </c>
      <c r="O7170" s="5" t="s">
        <v>38</v>
      </c>
      <c r="P7170" s="5" t="s">
        <v>39</v>
      </c>
      <c r="Q7170" s="5" t="s">
        <v>40</v>
      </c>
      <c r="R7170" s="5" t="s">
        <v>1522</v>
      </c>
      <c r="S7170" s="5" t="s">
        <v>1523</v>
      </c>
      <c r="T7170" s="5" t="s">
        <v>42</v>
      </c>
      <c r="U7170" s="2">
        <v>3.0489999999999999</v>
      </c>
      <c r="V7170" s="2">
        <v>2.4319999999999999</v>
      </c>
      <c r="W7170" s="2">
        <v>1.7999999999999999E-2</v>
      </c>
      <c r="X7170" s="2">
        <v>139.1</v>
      </c>
      <c r="Y7170" s="2">
        <v>7.6</v>
      </c>
      <c r="Z7170" s="2">
        <v>16.7</v>
      </c>
      <c r="AA7170" s="5"/>
      <c r="AB7170" s="5" t="s">
        <v>43</v>
      </c>
      <c r="AC7170" s="5" t="s">
        <v>44</v>
      </c>
      <c r="AD7170" s="2"/>
      <c r="AE7170" s="1"/>
    </row>
    <row r="7171" spans="1:31" ht="14.45">
      <c r="A7171" s="11"/>
      <c r="B7171" s="20"/>
      <c r="C7171" s="2" t="s">
        <v>21985</v>
      </c>
      <c r="D7171" s="14" t="s">
        <v>21986</v>
      </c>
      <c r="E7171" s="2" t="s">
        <v>21987</v>
      </c>
      <c r="F7171" s="2" t="s">
        <v>16219</v>
      </c>
      <c r="G7171" s="8">
        <v>267</v>
      </c>
      <c r="H7171" s="5">
        <v>6</v>
      </c>
      <c r="I7171" s="5" t="s">
        <v>1518</v>
      </c>
      <c r="J7171" s="5" t="s">
        <v>1519</v>
      </c>
      <c r="K7171" s="2" t="s">
        <v>1520</v>
      </c>
      <c r="L7171" s="5" t="s">
        <v>1519</v>
      </c>
      <c r="M7171" s="2" t="s">
        <v>1520</v>
      </c>
      <c r="N7171" s="5" t="s">
        <v>1521</v>
      </c>
      <c r="O7171" s="5" t="s">
        <v>38</v>
      </c>
      <c r="P7171" s="5" t="s">
        <v>39</v>
      </c>
      <c r="Q7171" s="5" t="s">
        <v>40</v>
      </c>
      <c r="R7171" s="5" t="s">
        <v>1522</v>
      </c>
      <c r="S7171" s="5" t="s">
        <v>1523</v>
      </c>
      <c r="T7171" s="5" t="s">
        <v>42</v>
      </c>
      <c r="U7171" s="2">
        <v>3.1429999999999998</v>
      </c>
      <c r="V7171" s="2">
        <v>2.5259999999999998</v>
      </c>
      <c r="W7171" s="2">
        <v>1.7999999999999999E-2</v>
      </c>
      <c r="X7171" s="2">
        <v>139.1</v>
      </c>
      <c r="Y7171" s="2">
        <v>7.6</v>
      </c>
      <c r="Z7171" s="2">
        <v>16.7</v>
      </c>
      <c r="AA7171" s="5"/>
      <c r="AB7171" s="5" t="s">
        <v>43</v>
      </c>
      <c r="AC7171" s="5" t="s">
        <v>44</v>
      </c>
      <c r="AD7171" s="2"/>
      <c r="AE7171" s="1"/>
    </row>
    <row r="7172" spans="1:31" ht="14.45">
      <c r="A7172" s="11"/>
      <c r="B7172" s="20"/>
      <c r="C7172" s="2" t="s">
        <v>21988</v>
      </c>
      <c r="D7172" s="14" t="s">
        <v>21989</v>
      </c>
      <c r="E7172" s="2" t="s">
        <v>21990</v>
      </c>
      <c r="F7172" s="2" t="s">
        <v>16018</v>
      </c>
      <c r="G7172" s="8">
        <v>267</v>
      </c>
      <c r="H7172" s="5">
        <v>6</v>
      </c>
      <c r="I7172" s="5" t="s">
        <v>1518</v>
      </c>
      <c r="J7172" s="5" t="s">
        <v>1519</v>
      </c>
      <c r="K7172" s="2" t="s">
        <v>1520</v>
      </c>
      <c r="L7172" s="5" t="s">
        <v>1519</v>
      </c>
      <c r="M7172" s="2" t="s">
        <v>1520</v>
      </c>
      <c r="N7172" s="5" t="s">
        <v>1521</v>
      </c>
      <c r="O7172" s="5" t="s">
        <v>38</v>
      </c>
      <c r="P7172" s="5" t="s">
        <v>39</v>
      </c>
      <c r="Q7172" s="5" t="s">
        <v>40</v>
      </c>
      <c r="R7172" s="5" t="s">
        <v>1522</v>
      </c>
      <c r="S7172" s="5" t="s">
        <v>1523</v>
      </c>
      <c r="T7172" s="5" t="s">
        <v>42</v>
      </c>
      <c r="U7172" s="2">
        <v>3.0489999999999999</v>
      </c>
      <c r="V7172" s="2">
        <v>2.4319999999999999</v>
      </c>
      <c r="W7172" s="2">
        <v>1.7999999999999999E-2</v>
      </c>
      <c r="X7172" s="2">
        <v>139.1</v>
      </c>
      <c r="Y7172" s="2">
        <v>7.6</v>
      </c>
      <c r="Z7172" s="2">
        <v>16.7</v>
      </c>
      <c r="AA7172" s="5"/>
      <c r="AB7172" s="5" t="s">
        <v>43</v>
      </c>
      <c r="AC7172" s="5" t="s">
        <v>44</v>
      </c>
      <c r="AD7172" s="2"/>
      <c r="AE7172" s="1"/>
    </row>
    <row r="7173" spans="1:31" ht="14.45">
      <c r="A7173" s="11"/>
      <c r="B7173" s="20"/>
      <c r="C7173" s="2" t="s">
        <v>21991</v>
      </c>
      <c r="D7173" s="14" t="s">
        <v>21992</v>
      </c>
      <c r="E7173" s="2" t="s">
        <v>21993</v>
      </c>
      <c r="F7173" s="2" t="s">
        <v>16022</v>
      </c>
      <c r="G7173" s="8">
        <v>267</v>
      </c>
      <c r="H7173" s="5">
        <v>6</v>
      </c>
      <c r="I7173" s="5" t="s">
        <v>1518</v>
      </c>
      <c r="J7173" s="5" t="s">
        <v>1519</v>
      </c>
      <c r="K7173" s="2" t="s">
        <v>1520</v>
      </c>
      <c r="L7173" s="5" t="s">
        <v>1519</v>
      </c>
      <c r="M7173" s="2" t="s">
        <v>1520</v>
      </c>
      <c r="N7173" s="5" t="s">
        <v>1521</v>
      </c>
      <c r="O7173" s="5" t="s">
        <v>38</v>
      </c>
      <c r="P7173" s="5" t="s">
        <v>39</v>
      </c>
      <c r="Q7173" s="5" t="s">
        <v>40</v>
      </c>
      <c r="R7173" s="5" t="s">
        <v>1522</v>
      </c>
      <c r="S7173" s="5" t="s">
        <v>1523</v>
      </c>
      <c r="T7173" s="5" t="s">
        <v>42</v>
      </c>
      <c r="U7173" s="2">
        <v>3.1429999999999998</v>
      </c>
      <c r="V7173" s="2">
        <v>2.5259999999999998</v>
      </c>
      <c r="W7173" s="2">
        <v>1.7999999999999999E-2</v>
      </c>
      <c r="X7173" s="2">
        <v>139.1</v>
      </c>
      <c r="Y7173" s="2">
        <v>7.6</v>
      </c>
      <c r="Z7173" s="2">
        <v>16.7</v>
      </c>
      <c r="AA7173" s="5"/>
      <c r="AB7173" s="5" t="s">
        <v>43</v>
      </c>
      <c r="AC7173" s="5" t="s">
        <v>44</v>
      </c>
      <c r="AD7173" s="2"/>
      <c r="AE7173" s="1"/>
    </row>
    <row r="7174" spans="1:31" ht="14.45">
      <c r="A7174" s="11"/>
      <c r="B7174" s="20"/>
      <c r="C7174" s="2" t="s">
        <v>21994</v>
      </c>
      <c r="D7174" s="14" t="s">
        <v>21995</v>
      </c>
      <c r="E7174" s="2" t="s">
        <v>21996</v>
      </c>
      <c r="F7174" s="2" t="s">
        <v>7615</v>
      </c>
      <c r="G7174" s="8">
        <v>267</v>
      </c>
      <c r="H7174" s="5">
        <v>6</v>
      </c>
      <c r="I7174" s="5" t="s">
        <v>1518</v>
      </c>
      <c r="J7174" s="5" t="s">
        <v>1519</v>
      </c>
      <c r="K7174" s="2" t="s">
        <v>1520</v>
      </c>
      <c r="L7174" s="5" t="s">
        <v>1519</v>
      </c>
      <c r="M7174" s="2" t="s">
        <v>1520</v>
      </c>
      <c r="N7174" s="5" t="s">
        <v>1521</v>
      </c>
      <c r="O7174" s="5" t="s">
        <v>38</v>
      </c>
      <c r="P7174" s="5" t="s">
        <v>39</v>
      </c>
      <c r="Q7174" s="5" t="s">
        <v>40</v>
      </c>
      <c r="R7174" s="5" t="s">
        <v>1522</v>
      </c>
      <c r="S7174" s="5" t="s">
        <v>1523</v>
      </c>
      <c r="T7174" s="5" t="s">
        <v>42</v>
      </c>
      <c r="U7174" s="2">
        <v>3.0259999999999998</v>
      </c>
      <c r="V7174" s="2">
        <v>2.4089999999999998</v>
      </c>
      <c r="W7174" s="2">
        <v>1.7999999999999999E-2</v>
      </c>
      <c r="X7174" s="2">
        <v>139.1</v>
      </c>
      <c r="Y7174" s="2">
        <v>7.6</v>
      </c>
      <c r="Z7174" s="2">
        <v>16.7</v>
      </c>
      <c r="AA7174" s="5"/>
      <c r="AB7174" s="5" t="s">
        <v>43</v>
      </c>
      <c r="AC7174" s="5" t="s">
        <v>44</v>
      </c>
      <c r="AD7174" s="2"/>
      <c r="AE7174" s="1"/>
    </row>
    <row r="7175" spans="1:31" ht="14.45">
      <c r="A7175" s="11"/>
      <c r="B7175" s="20"/>
      <c r="C7175" s="2" t="s">
        <v>21997</v>
      </c>
      <c r="D7175" s="14" t="s">
        <v>21998</v>
      </c>
      <c r="E7175" s="2" t="s">
        <v>21999</v>
      </c>
      <c r="F7175" s="2" t="s">
        <v>7619</v>
      </c>
      <c r="G7175" s="8">
        <v>267</v>
      </c>
      <c r="H7175" s="5">
        <v>6</v>
      </c>
      <c r="I7175" s="5" t="s">
        <v>1518</v>
      </c>
      <c r="J7175" s="5" t="s">
        <v>1519</v>
      </c>
      <c r="K7175" s="2" t="s">
        <v>1520</v>
      </c>
      <c r="L7175" s="5" t="s">
        <v>1519</v>
      </c>
      <c r="M7175" s="2" t="s">
        <v>1520</v>
      </c>
      <c r="N7175" s="5" t="s">
        <v>1521</v>
      </c>
      <c r="O7175" s="5" t="s">
        <v>38</v>
      </c>
      <c r="P7175" s="5" t="s">
        <v>39</v>
      </c>
      <c r="Q7175" s="5" t="s">
        <v>40</v>
      </c>
      <c r="R7175" s="5" t="s">
        <v>1522</v>
      </c>
      <c r="S7175" s="5" t="s">
        <v>1523</v>
      </c>
      <c r="T7175" s="5" t="s">
        <v>42</v>
      </c>
      <c r="U7175" s="2">
        <v>3.12</v>
      </c>
      <c r="V7175" s="2">
        <v>2.5030000000000001</v>
      </c>
      <c r="W7175" s="2">
        <v>1.7999999999999999E-2</v>
      </c>
      <c r="X7175" s="2">
        <v>139.1</v>
      </c>
      <c r="Y7175" s="2">
        <v>7.6</v>
      </c>
      <c r="Z7175" s="2">
        <v>16.7</v>
      </c>
      <c r="AA7175" s="5"/>
      <c r="AB7175" s="5" t="s">
        <v>43</v>
      </c>
      <c r="AC7175" s="5" t="s">
        <v>44</v>
      </c>
      <c r="AD7175" s="2"/>
      <c r="AE7175" s="1"/>
    </row>
    <row r="7176" spans="1:31" ht="14.45">
      <c r="A7176" s="11"/>
      <c r="B7176" s="20"/>
      <c r="C7176" s="2" t="s">
        <v>22000</v>
      </c>
      <c r="D7176" s="14" t="s">
        <v>22001</v>
      </c>
      <c r="E7176" s="2" t="s">
        <v>22002</v>
      </c>
      <c r="F7176" s="2" t="s">
        <v>16029</v>
      </c>
      <c r="G7176" s="8">
        <v>267</v>
      </c>
      <c r="H7176" s="5">
        <v>11</v>
      </c>
      <c r="I7176" s="5" t="s">
        <v>1518</v>
      </c>
      <c r="J7176" s="5" t="s">
        <v>1519</v>
      </c>
      <c r="K7176" s="2" t="s">
        <v>1520</v>
      </c>
      <c r="L7176" s="5" t="s">
        <v>1519</v>
      </c>
      <c r="M7176" s="2" t="s">
        <v>1520</v>
      </c>
      <c r="N7176" s="5" t="s">
        <v>1521</v>
      </c>
      <c r="O7176" s="5" t="s">
        <v>38</v>
      </c>
      <c r="P7176" s="5" t="s">
        <v>39</v>
      </c>
      <c r="Q7176" s="5" t="s">
        <v>40</v>
      </c>
      <c r="R7176" s="5" t="s">
        <v>1522</v>
      </c>
      <c r="S7176" s="5" t="s">
        <v>1523</v>
      </c>
      <c r="T7176" s="5" t="s">
        <v>42</v>
      </c>
      <c r="U7176" s="2">
        <v>3.0529999999999999</v>
      </c>
      <c r="V7176" s="2">
        <v>2.4359999999999999</v>
      </c>
      <c r="W7176" s="2">
        <v>1.7999999999999999E-2</v>
      </c>
      <c r="X7176" s="2">
        <v>139.1</v>
      </c>
      <c r="Y7176" s="2">
        <v>7.6</v>
      </c>
      <c r="Z7176" s="2">
        <v>16.7</v>
      </c>
      <c r="AA7176" s="5"/>
      <c r="AB7176" s="5" t="s">
        <v>43</v>
      </c>
      <c r="AC7176" s="5" t="s">
        <v>44</v>
      </c>
      <c r="AD7176" s="2"/>
      <c r="AE7176" s="1"/>
    </row>
    <row r="7177" spans="1:31" ht="14.45">
      <c r="A7177" s="11"/>
      <c r="B7177" s="20"/>
      <c r="C7177" s="2" t="s">
        <v>22003</v>
      </c>
      <c r="D7177" s="14" t="s">
        <v>22004</v>
      </c>
      <c r="E7177" s="2" t="s">
        <v>22005</v>
      </c>
      <c r="F7177" s="2" t="s">
        <v>16033</v>
      </c>
      <c r="G7177" s="8">
        <v>267</v>
      </c>
      <c r="H7177" s="5">
        <v>11</v>
      </c>
      <c r="I7177" s="5" t="s">
        <v>1518</v>
      </c>
      <c r="J7177" s="5" t="s">
        <v>1519</v>
      </c>
      <c r="K7177" s="2" t="s">
        <v>1520</v>
      </c>
      <c r="L7177" s="5" t="s">
        <v>1519</v>
      </c>
      <c r="M7177" s="2" t="s">
        <v>1520</v>
      </c>
      <c r="N7177" s="5" t="s">
        <v>1521</v>
      </c>
      <c r="O7177" s="5" t="s">
        <v>38</v>
      </c>
      <c r="P7177" s="5" t="s">
        <v>39</v>
      </c>
      <c r="Q7177" s="5" t="s">
        <v>40</v>
      </c>
      <c r="R7177" s="5" t="s">
        <v>1522</v>
      </c>
      <c r="S7177" s="5" t="s">
        <v>1523</v>
      </c>
      <c r="T7177" s="5" t="s">
        <v>42</v>
      </c>
      <c r="U7177" s="2">
        <v>3.1469999999999998</v>
      </c>
      <c r="V7177" s="2">
        <v>2.5299999999999998</v>
      </c>
      <c r="W7177" s="2">
        <v>1.7999999999999999E-2</v>
      </c>
      <c r="X7177" s="2">
        <v>139.1</v>
      </c>
      <c r="Y7177" s="2">
        <v>7.6</v>
      </c>
      <c r="Z7177" s="2">
        <v>16.7</v>
      </c>
      <c r="AA7177" s="5"/>
      <c r="AB7177" s="5" t="s">
        <v>43</v>
      </c>
      <c r="AC7177" s="5" t="s">
        <v>44</v>
      </c>
      <c r="AD7177" s="2"/>
      <c r="AE7177" s="1"/>
    </row>
    <row r="7178" spans="1:31" ht="14.45">
      <c r="A7178" s="11"/>
      <c r="B7178" s="20"/>
      <c r="C7178" s="2" t="s">
        <v>22006</v>
      </c>
      <c r="D7178" s="14" t="s">
        <v>22007</v>
      </c>
      <c r="E7178" s="2" t="s">
        <v>22008</v>
      </c>
      <c r="F7178" s="2" t="s">
        <v>7396</v>
      </c>
      <c r="G7178" s="8">
        <v>256</v>
      </c>
      <c r="H7178" s="5">
        <v>6</v>
      </c>
      <c r="I7178" s="5" t="s">
        <v>1518</v>
      </c>
      <c r="J7178" s="5" t="s">
        <v>1519</v>
      </c>
      <c r="K7178" s="2" t="s">
        <v>1520</v>
      </c>
      <c r="L7178" s="5" t="s">
        <v>1519</v>
      </c>
      <c r="M7178" s="2" t="s">
        <v>1520</v>
      </c>
      <c r="N7178" s="5" t="s">
        <v>1521</v>
      </c>
      <c r="O7178" s="5" t="s">
        <v>38</v>
      </c>
      <c r="P7178" s="5" t="s">
        <v>39</v>
      </c>
      <c r="Q7178" s="5" t="s">
        <v>40</v>
      </c>
      <c r="R7178" s="5" t="s">
        <v>1522</v>
      </c>
      <c r="S7178" s="5" t="s">
        <v>1523</v>
      </c>
      <c r="T7178" s="5" t="s">
        <v>42</v>
      </c>
      <c r="U7178" s="2">
        <v>3.2930000000000001</v>
      </c>
      <c r="V7178" s="2">
        <v>2.593</v>
      </c>
      <c r="W7178" s="2">
        <v>0.02</v>
      </c>
      <c r="X7178" s="2">
        <v>159.1</v>
      </c>
      <c r="Y7178" s="2">
        <v>7.6</v>
      </c>
      <c r="Z7178" s="2">
        <v>16.7</v>
      </c>
      <c r="AA7178" s="5"/>
      <c r="AB7178" s="5" t="s">
        <v>43</v>
      </c>
      <c r="AC7178" s="5" t="s">
        <v>44</v>
      </c>
      <c r="AD7178" s="2"/>
      <c r="AE7178" s="1"/>
    </row>
    <row r="7179" spans="1:31" ht="14.45">
      <c r="A7179" s="11"/>
      <c r="B7179" s="20"/>
      <c r="C7179" s="2" t="s">
        <v>22009</v>
      </c>
      <c r="D7179" s="14" t="s">
        <v>22010</v>
      </c>
      <c r="E7179" s="2" t="s">
        <v>22011</v>
      </c>
      <c r="F7179" s="2" t="s">
        <v>7507</v>
      </c>
      <c r="G7179" s="8">
        <v>256</v>
      </c>
      <c r="H7179" s="5">
        <v>6</v>
      </c>
      <c r="I7179" s="5" t="s">
        <v>1518</v>
      </c>
      <c r="J7179" s="5" t="s">
        <v>1519</v>
      </c>
      <c r="K7179" s="2" t="s">
        <v>1520</v>
      </c>
      <c r="L7179" s="5" t="s">
        <v>1519</v>
      </c>
      <c r="M7179" s="2" t="s">
        <v>1520</v>
      </c>
      <c r="N7179" s="5" t="s">
        <v>1521</v>
      </c>
      <c r="O7179" s="5" t="s">
        <v>38</v>
      </c>
      <c r="P7179" s="5" t="s">
        <v>39</v>
      </c>
      <c r="Q7179" s="5" t="s">
        <v>40</v>
      </c>
      <c r="R7179" s="5" t="s">
        <v>1522</v>
      </c>
      <c r="S7179" s="5" t="s">
        <v>1523</v>
      </c>
      <c r="T7179" s="5" t="s">
        <v>42</v>
      </c>
      <c r="U7179" s="2">
        <v>3.399</v>
      </c>
      <c r="V7179" s="2">
        <v>2.6989999999999998</v>
      </c>
      <c r="W7179" s="2">
        <v>0.02</v>
      </c>
      <c r="X7179" s="2">
        <v>159.1</v>
      </c>
      <c r="Y7179" s="2">
        <v>7.6</v>
      </c>
      <c r="Z7179" s="2">
        <v>16.7</v>
      </c>
      <c r="AA7179" s="5"/>
      <c r="AB7179" s="5" t="s">
        <v>43</v>
      </c>
      <c r="AC7179" s="5" t="s">
        <v>44</v>
      </c>
      <c r="AD7179" s="2"/>
      <c r="AE7179" s="1"/>
    </row>
    <row r="7180" spans="1:31" ht="14.45">
      <c r="A7180" s="11"/>
      <c r="B7180" s="20"/>
      <c r="C7180" s="2" t="s">
        <v>22012</v>
      </c>
      <c r="D7180" s="14" t="s">
        <v>22013</v>
      </c>
      <c r="E7180" s="2" t="s">
        <v>22014</v>
      </c>
      <c r="F7180" s="2" t="s">
        <v>7204</v>
      </c>
      <c r="G7180" s="8">
        <v>256</v>
      </c>
      <c r="H7180" s="5">
        <v>6</v>
      </c>
      <c r="I7180" s="5" t="s">
        <v>1518</v>
      </c>
      <c r="J7180" s="5" t="s">
        <v>1519</v>
      </c>
      <c r="K7180" s="2" t="s">
        <v>1520</v>
      </c>
      <c r="L7180" s="5" t="s">
        <v>1519</v>
      </c>
      <c r="M7180" s="2" t="s">
        <v>1520</v>
      </c>
      <c r="N7180" s="5" t="s">
        <v>1521</v>
      </c>
      <c r="O7180" s="5" t="s">
        <v>38</v>
      </c>
      <c r="P7180" s="5" t="s">
        <v>39</v>
      </c>
      <c r="Q7180" s="5" t="s">
        <v>40</v>
      </c>
      <c r="R7180" s="5" t="s">
        <v>1522</v>
      </c>
      <c r="S7180" s="5" t="s">
        <v>1523</v>
      </c>
      <c r="T7180" s="5" t="s">
        <v>42</v>
      </c>
      <c r="U7180" s="2">
        <v>3.3010000000000002</v>
      </c>
      <c r="V7180" s="2">
        <v>2.601</v>
      </c>
      <c r="W7180" s="2">
        <v>0.02</v>
      </c>
      <c r="X7180" s="2">
        <v>159.1</v>
      </c>
      <c r="Y7180" s="2">
        <v>7.6</v>
      </c>
      <c r="Z7180" s="2">
        <v>16.7</v>
      </c>
      <c r="AA7180" s="5"/>
      <c r="AB7180" s="5" t="s">
        <v>43</v>
      </c>
      <c r="AC7180" s="5" t="s">
        <v>44</v>
      </c>
      <c r="AD7180" s="2"/>
      <c r="AE7180" s="1"/>
    </row>
    <row r="7181" spans="1:31" ht="14.45">
      <c r="A7181" s="11"/>
      <c r="B7181" s="20"/>
      <c r="C7181" s="2" t="s">
        <v>22015</v>
      </c>
      <c r="D7181" s="14" t="s">
        <v>22016</v>
      </c>
      <c r="E7181" s="2" t="s">
        <v>22017</v>
      </c>
      <c r="F7181" s="2" t="s">
        <v>7514</v>
      </c>
      <c r="G7181" s="8">
        <v>256</v>
      </c>
      <c r="H7181" s="5">
        <v>6</v>
      </c>
      <c r="I7181" s="5" t="s">
        <v>1518</v>
      </c>
      <c r="J7181" s="5" t="s">
        <v>1519</v>
      </c>
      <c r="K7181" s="2" t="s">
        <v>1520</v>
      </c>
      <c r="L7181" s="5" t="s">
        <v>1519</v>
      </c>
      <c r="M7181" s="2" t="s">
        <v>1520</v>
      </c>
      <c r="N7181" s="5" t="s">
        <v>1521</v>
      </c>
      <c r="O7181" s="5" t="s">
        <v>38</v>
      </c>
      <c r="P7181" s="5" t="s">
        <v>39</v>
      </c>
      <c r="Q7181" s="5" t="s">
        <v>40</v>
      </c>
      <c r="R7181" s="5" t="s">
        <v>1522</v>
      </c>
      <c r="S7181" s="5" t="s">
        <v>1523</v>
      </c>
      <c r="T7181" s="5" t="s">
        <v>42</v>
      </c>
      <c r="U7181" s="2">
        <v>3.407</v>
      </c>
      <c r="V7181" s="2">
        <v>2.7069999999999999</v>
      </c>
      <c r="W7181" s="2">
        <v>0.02</v>
      </c>
      <c r="X7181" s="2">
        <v>159.1</v>
      </c>
      <c r="Y7181" s="2">
        <v>7.6</v>
      </c>
      <c r="Z7181" s="2">
        <v>16.7</v>
      </c>
      <c r="AA7181" s="5"/>
      <c r="AB7181" s="5" t="s">
        <v>43</v>
      </c>
      <c r="AC7181" s="5" t="s">
        <v>44</v>
      </c>
      <c r="AD7181" s="2"/>
      <c r="AE7181" s="1"/>
    </row>
    <row r="7182" spans="1:31" ht="14.45">
      <c r="A7182" s="11"/>
      <c r="B7182" s="20"/>
      <c r="C7182" s="2" t="s">
        <v>22018</v>
      </c>
      <c r="D7182" s="14" t="s">
        <v>22019</v>
      </c>
      <c r="E7182" s="2" t="s">
        <v>22020</v>
      </c>
      <c r="F7182" s="2" t="s">
        <v>7208</v>
      </c>
      <c r="G7182" s="8">
        <v>256</v>
      </c>
      <c r="H7182" s="5">
        <v>6</v>
      </c>
      <c r="I7182" s="5" t="s">
        <v>1518</v>
      </c>
      <c r="J7182" s="5" t="s">
        <v>1519</v>
      </c>
      <c r="K7182" s="2" t="s">
        <v>1520</v>
      </c>
      <c r="L7182" s="5" t="s">
        <v>1519</v>
      </c>
      <c r="M7182" s="2" t="s">
        <v>1520</v>
      </c>
      <c r="N7182" s="5" t="s">
        <v>1521</v>
      </c>
      <c r="O7182" s="5" t="s">
        <v>38</v>
      </c>
      <c r="P7182" s="5" t="s">
        <v>39</v>
      </c>
      <c r="Q7182" s="5" t="s">
        <v>40</v>
      </c>
      <c r="R7182" s="5" t="s">
        <v>1522</v>
      </c>
      <c r="S7182" s="5" t="s">
        <v>1523</v>
      </c>
      <c r="T7182" s="5" t="s">
        <v>42</v>
      </c>
      <c r="U7182" s="2">
        <v>3.3010000000000002</v>
      </c>
      <c r="V7182" s="2">
        <v>2.601</v>
      </c>
      <c r="W7182" s="2">
        <v>0.02</v>
      </c>
      <c r="X7182" s="2">
        <v>159.1</v>
      </c>
      <c r="Y7182" s="2">
        <v>7.6</v>
      </c>
      <c r="Z7182" s="2">
        <v>16.7</v>
      </c>
      <c r="AA7182" s="5"/>
      <c r="AB7182" s="5" t="s">
        <v>43</v>
      </c>
      <c r="AC7182" s="5" t="s">
        <v>44</v>
      </c>
      <c r="AD7182" s="2"/>
      <c r="AE7182" s="1"/>
    </row>
    <row r="7183" spans="1:31" ht="14.45">
      <c r="A7183" s="11"/>
      <c r="B7183" s="20"/>
      <c r="C7183" s="2" t="s">
        <v>22021</v>
      </c>
      <c r="D7183" s="14" t="s">
        <v>22022</v>
      </c>
      <c r="E7183" s="2" t="s">
        <v>22023</v>
      </c>
      <c r="F7183" s="2" t="s">
        <v>7521</v>
      </c>
      <c r="G7183" s="8">
        <v>256</v>
      </c>
      <c r="H7183" s="5">
        <v>6</v>
      </c>
      <c r="I7183" s="5" t="s">
        <v>1518</v>
      </c>
      <c r="J7183" s="5" t="s">
        <v>1519</v>
      </c>
      <c r="K7183" s="2" t="s">
        <v>1520</v>
      </c>
      <c r="L7183" s="5" t="s">
        <v>1519</v>
      </c>
      <c r="M7183" s="2" t="s">
        <v>1520</v>
      </c>
      <c r="N7183" s="5" t="s">
        <v>1521</v>
      </c>
      <c r="O7183" s="5" t="s">
        <v>38</v>
      </c>
      <c r="P7183" s="5" t="s">
        <v>39</v>
      </c>
      <c r="Q7183" s="5" t="s">
        <v>40</v>
      </c>
      <c r="R7183" s="5" t="s">
        <v>1522</v>
      </c>
      <c r="S7183" s="5" t="s">
        <v>1523</v>
      </c>
      <c r="T7183" s="5" t="s">
        <v>42</v>
      </c>
      <c r="U7183" s="2">
        <v>3.407</v>
      </c>
      <c r="V7183" s="2">
        <v>2.7069999999999999</v>
      </c>
      <c r="W7183" s="2">
        <v>0.02</v>
      </c>
      <c r="X7183" s="2">
        <v>159.1</v>
      </c>
      <c r="Y7183" s="2">
        <v>7.6</v>
      </c>
      <c r="Z7183" s="2">
        <v>16.7</v>
      </c>
      <c r="AA7183" s="5"/>
      <c r="AB7183" s="5" t="s">
        <v>43</v>
      </c>
      <c r="AC7183" s="5" t="s">
        <v>44</v>
      </c>
      <c r="AD7183" s="2"/>
      <c r="AE7183" s="1"/>
    </row>
    <row r="7184" spans="1:31" ht="14.45">
      <c r="A7184" s="11"/>
      <c r="B7184" s="20"/>
      <c r="C7184" s="2" t="s">
        <v>22024</v>
      </c>
      <c r="D7184" s="14" t="s">
        <v>22025</v>
      </c>
      <c r="E7184" s="2" t="s">
        <v>22026</v>
      </c>
      <c r="F7184" s="2" t="s">
        <v>7212</v>
      </c>
      <c r="G7184" s="8">
        <v>256</v>
      </c>
      <c r="H7184" s="5">
        <v>6</v>
      </c>
      <c r="I7184" s="5" t="s">
        <v>1518</v>
      </c>
      <c r="J7184" s="5" t="s">
        <v>1519</v>
      </c>
      <c r="K7184" s="2" t="s">
        <v>1520</v>
      </c>
      <c r="L7184" s="5" t="s">
        <v>1519</v>
      </c>
      <c r="M7184" s="2" t="s">
        <v>1520</v>
      </c>
      <c r="N7184" s="5" t="s">
        <v>1521</v>
      </c>
      <c r="O7184" s="5" t="s">
        <v>38</v>
      </c>
      <c r="P7184" s="5" t="s">
        <v>39</v>
      </c>
      <c r="Q7184" s="5" t="s">
        <v>40</v>
      </c>
      <c r="R7184" s="5" t="s">
        <v>1522</v>
      </c>
      <c r="S7184" s="5" t="s">
        <v>1523</v>
      </c>
      <c r="T7184" s="5" t="s">
        <v>42</v>
      </c>
      <c r="U7184" s="2">
        <v>3.2749999999999999</v>
      </c>
      <c r="V7184" s="2">
        <v>2.5750000000000002</v>
      </c>
      <c r="W7184" s="2">
        <v>0.02</v>
      </c>
      <c r="X7184" s="2">
        <v>159.1</v>
      </c>
      <c r="Y7184" s="2">
        <v>7.6</v>
      </c>
      <c r="Z7184" s="2">
        <v>16.7</v>
      </c>
      <c r="AA7184" s="5"/>
      <c r="AB7184" s="5" t="s">
        <v>43</v>
      </c>
      <c r="AC7184" s="5" t="s">
        <v>44</v>
      </c>
      <c r="AD7184" s="2"/>
      <c r="AE7184" s="1"/>
    </row>
    <row r="7185" spans="1:31" ht="14.45">
      <c r="A7185" s="11"/>
      <c r="B7185" s="20"/>
      <c r="C7185" s="2" t="s">
        <v>22027</v>
      </c>
      <c r="D7185" s="14" t="s">
        <v>22028</v>
      </c>
      <c r="E7185" s="2" t="s">
        <v>22029</v>
      </c>
      <c r="F7185" s="2" t="s">
        <v>7528</v>
      </c>
      <c r="G7185" s="8">
        <v>256</v>
      </c>
      <c r="H7185" s="5">
        <v>6</v>
      </c>
      <c r="I7185" s="5" t="s">
        <v>1518</v>
      </c>
      <c r="J7185" s="5" t="s">
        <v>1519</v>
      </c>
      <c r="K7185" s="2" t="s">
        <v>1520</v>
      </c>
      <c r="L7185" s="5" t="s">
        <v>1519</v>
      </c>
      <c r="M7185" s="2" t="s">
        <v>1520</v>
      </c>
      <c r="N7185" s="5" t="s">
        <v>1521</v>
      </c>
      <c r="O7185" s="5" t="s">
        <v>38</v>
      </c>
      <c r="P7185" s="5" t="s">
        <v>39</v>
      </c>
      <c r="Q7185" s="5" t="s">
        <v>40</v>
      </c>
      <c r="R7185" s="5" t="s">
        <v>1522</v>
      </c>
      <c r="S7185" s="5" t="s">
        <v>1523</v>
      </c>
      <c r="T7185" s="5" t="s">
        <v>42</v>
      </c>
      <c r="U7185" s="2">
        <v>3.3809999999999998</v>
      </c>
      <c r="V7185" s="2">
        <v>2.681</v>
      </c>
      <c r="W7185" s="2">
        <v>0.02</v>
      </c>
      <c r="X7185" s="2">
        <v>159.1</v>
      </c>
      <c r="Y7185" s="2">
        <v>7.6</v>
      </c>
      <c r="Z7185" s="2">
        <v>16.7</v>
      </c>
      <c r="AA7185" s="5"/>
      <c r="AB7185" s="5" t="s">
        <v>43</v>
      </c>
      <c r="AC7185" s="5" t="s">
        <v>44</v>
      </c>
      <c r="AD7185" s="2"/>
      <c r="AE7185" s="1"/>
    </row>
    <row r="7186" spans="1:31" ht="14.45">
      <c r="A7186" s="11"/>
      <c r="B7186" s="20"/>
      <c r="C7186" s="2" t="s">
        <v>22030</v>
      </c>
      <c r="D7186" s="14" t="s">
        <v>22031</v>
      </c>
      <c r="E7186" s="2" t="s">
        <v>22032</v>
      </c>
      <c r="F7186" s="2" t="s">
        <v>7406</v>
      </c>
      <c r="G7186" s="8">
        <v>275</v>
      </c>
      <c r="H7186" s="5">
        <v>6</v>
      </c>
      <c r="I7186" s="5" t="s">
        <v>1518</v>
      </c>
      <c r="J7186" s="5" t="s">
        <v>1519</v>
      </c>
      <c r="K7186" s="2" t="s">
        <v>1520</v>
      </c>
      <c r="L7186" s="5" t="s">
        <v>1519</v>
      </c>
      <c r="M7186" s="2" t="s">
        <v>1520</v>
      </c>
      <c r="N7186" s="5" t="s">
        <v>1521</v>
      </c>
      <c r="O7186" s="5" t="s">
        <v>38</v>
      </c>
      <c r="P7186" s="5" t="s">
        <v>39</v>
      </c>
      <c r="Q7186" s="5" t="s">
        <v>40</v>
      </c>
      <c r="R7186" s="5" t="s">
        <v>1522</v>
      </c>
      <c r="S7186" s="5" t="s">
        <v>1523</v>
      </c>
      <c r="T7186" s="5" t="s">
        <v>42</v>
      </c>
      <c r="U7186" s="2">
        <v>3.2749999999999999</v>
      </c>
      <c r="V7186" s="2">
        <v>2.5750000000000002</v>
      </c>
      <c r="W7186" s="2">
        <v>0.02</v>
      </c>
      <c r="X7186" s="2">
        <v>159.1</v>
      </c>
      <c r="Y7186" s="2">
        <v>7.6</v>
      </c>
      <c r="Z7186" s="2">
        <v>16.7</v>
      </c>
      <c r="AA7186" s="5"/>
      <c r="AB7186" s="5" t="s">
        <v>43</v>
      </c>
      <c r="AC7186" s="5" t="s">
        <v>44</v>
      </c>
      <c r="AD7186" s="2"/>
      <c r="AE7186" s="1"/>
    </row>
    <row r="7187" spans="1:31" ht="14.45">
      <c r="A7187" s="11"/>
      <c r="B7187" s="20"/>
      <c r="C7187" s="2" t="s">
        <v>22033</v>
      </c>
      <c r="D7187" s="14" t="s">
        <v>22034</v>
      </c>
      <c r="E7187" s="2" t="s">
        <v>22035</v>
      </c>
      <c r="F7187" s="2" t="s">
        <v>7535</v>
      </c>
      <c r="G7187" s="8">
        <v>275</v>
      </c>
      <c r="H7187" s="5">
        <v>6</v>
      </c>
      <c r="I7187" s="5" t="s">
        <v>1518</v>
      </c>
      <c r="J7187" s="5" t="s">
        <v>1519</v>
      </c>
      <c r="K7187" s="2" t="s">
        <v>1520</v>
      </c>
      <c r="L7187" s="5" t="s">
        <v>1519</v>
      </c>
      <c r="M7187" s="2" t="s">
        <v>1520</v>
      </c>
      <c r="N7187" s="5" t="s">
        <v>1521</v>
      </c>
      <c r="O7187" s="5" t="s">
        <v>38</v>
      </c>
      <c r="P7187" s="5" t="s">
        <v>39</v>
      </c>
      <c r="Q7187" s="5" t="s">
        <v>40</v>
      </c>
      <c r="R7187" s="5" t="s">
        <v>1522</v>
      </c>
      <c r="S7187" s="5" t="s">
        <v>1523</v>
      </c>
      <c r="T7187" s="5" t="s">
        <v>42</v>
      </c>
      <c r="U7187" s="2">
        <v>3.3809999999999998</v>
      </c>
      <c r="V7187" s="2">
        <v>2.681</v>
      </c>
      <c r="W7187" s="2">
        <v>0.02</v>
      </c>
      <c r="X7187" s="2">
        <v>159.1</v>
      </c>
      <c r="Y7187" s="2">
        <v>7.6</v>
      </c>
      <c r="Z7187" s="2">
        <v>16.7</v>
      </c>
      <c r="AA7187" s="5"/>
      <c r="AB7187" s="5" t="s">
        <v>43</v>
      </c>
      <c r="AC7187" s="5" t="s">
        <v>44</v>
      </c>
      <c r="AD7187" s="2"/>
      <c r="AE7187" s="1"/>
    </row>
    <row r="7188" spans="1:31" ht="14.45">
      <c r="A7188" s="11"/>
      <c r="B7188" s="20"/>
      <c r="C7188" s="2" t="s">
        <v>22036</v>
      </c>
      <c r="D7188" s="14" t="s">
        <v>22037</v>
      </c>
      <c r="E7188" s="2" t="s">
        <v>22038</v>
      </c>
      <c r="F7188" s="2" t="s">
        <v>7539</v>
      </c>
      <c r="G7188" s="8">
        <v>275</v>
      </c>
      <c r="H7188" s="5">
        <v>6</v>
      </c>
      <c r="I7188" s="5" t="s">
        <v>1518</v>
      </c>
      <c r="J7188" s="5" t="s">
        <v>1519</v>
      </c>
      <c r="K7188" s="2" t="s">
        <v>1520</v>
      </c>
      <c r="L7188" s="5" t="s">
        <v>1519</v>
      </c>
      <c r="M7188" s="2" t="s">
        <v>1520</v>
      </c>
      <c r="N7188" s="5" t="s">
        <v>1521</v>
      </c>
      <c r="O7188" s="5" t="s">
        <v>38</v>
      </c>
      <c r="P7188" s="5" t="s">
        <v>39</v>
      </c>
      <c r="Q7188" s="5" t="s">
        <v>40</v>
      </c>
      <c r="R7188" s="5" t="s">
        <v>1522</v>
      </c>
      <c r="S7188" s="5" t="s">
        <v>1523</v>
      </c>
      <c r="T7188" s="5" t="s">
        <v>42</v>
      </c>
      <c r="U7188" s="2">
        <v>3.3010000000000002</v>
      </c>
      <c r="V7188" s="2">
        <v>2.601</v>
      </c>
      <c r="W7188" s="2">
        <v>0.02</v>
      </c>
      <c r="X7188" s="2">
        <v>159.1</v>
      </c>
      <c r="Y7188" s="2">
        <v>7.6</v>
      </c>
      <c r="Z7188" s="2">
        <v>16.7</v>
      </c>
      <c r="AA7188" s="5"/>
      <c r="AB7188" s="5" t="s">
        <v>43</v>
      </c>
      <c r="AC7188" s="5" t="s">
        <v>44</v>
      </c>
      <c r="AD7188" s="2"/>
      <c r="AE7188" s="1"/>
    </row>
    <row r="7189" spans="1:31" ht="14.45">
      <c r="A7189" s="11"/>
      <c r="B7189" s="20"/>
      <c r="C7189" s="2" t="s">
        <v>22039</v>
      </c>
      <c r="D7189" s="14" t="s">
        <v>22040</v>
      </c>
      <c r="E7189" s="2" t="s">
        <v>22041</v>
      </c>
      <c r="F7189" s="2" t="s">
        <v>7543</v>
      </c>
      <c r="G7189" s="8">
        <v>275</v>
      </c>
      <c r="H7189" s="5">
        <v>6</v>
      </c>
      <c r="I7189" s="5" t="s">
        <v>1518</v>
      </c>
      <c r="J7189" s="5" t="s">
        <v>1519</v>
      </c>
      <c r="K7189" s="2" t="s">
        <v>1520</v>
      </c>
      <c r="L7189" s="5" t="s">
        <v>1519</v>
      </c>
      <c r="M7189" s="2" t="s">
        <v>1520</v>
      </c>
      <c r="N7189" s="5" t="s">
        <v>1521</v>
      </c>
      <c r="O7189" s="5" t="s">
        <v>38</v>
      </c>
      <c r="P7189" s="5" t="s">
        <v>39</v>
      </c>
      <c r="Q7189" s="5" t="s">
        <v>40</v>
      </c>
      <c r="R7189" s="5" t="s">
        <v>1522</v>
      </c>
      <c r="S7189" s="5" t="s">
        <v>1523</v>
      </c>
      <c r="T7189" s="5" t="s">
        <v>42</v>
      </c>
      <c r="U7189" s="2">
        <v>3.407</v>
      </c>
      <c r="V7189" s="2">
        <v>2.7069999999999999</v>
      </c>
      <c r="W7189" s="2">
        <v>0.02</v>
      </c>
      <c r="X7189" s="2">
        <v>159.1</v>
      </c>
      <c r="Y7189" s="2">
        <v>7.6</v>
      </c>
      <c r="Z7189" s="2">
        <v>16.7</v>
      </c>
      <c r="AA7189" s="5"/>
      <c r="AB7189" s="5" t="s">
        <v>43</v>
      </c>
      <c r="AC7189" s="5" t="s">
        <v>44</v>
      </c>
      <c r="AD7189" s="2"/>
      <c r="AE7189" s="1"/>
    </row>
    <row r="7190" spans="1:31" ht="14.45">
      <c r="A7190" s="11"/>
      <c r="B7190" s="20"/>
      <c r="C7190" s="2" t="s">
        <v>22042</v>
      </c>
      <c r="D7190" s="14" t="s">
        <v>22043</v>
      </c>
      <c r="E7190" s="2" t="s">
        <v>22044</v>
      </c>
      <c r="F7190" s="2" t="s">
        <v>7547</v>
      </c>
      <c r="G7190" s="8">
        <v>275</v>
      </c>
      <c r="H7190" s="5">
        <v>6</v>
      </c>
      <c r="I7190" s="5" t="s">
        <v>1518</v>
      </c>
      <c r="J7190" s="5" t="s">
        <v>1519</v>
      </c>
      <c r="K7190" s="2" t="s">
        <v>1520</v>
      </c>
      <c r="L7190" s="5" t="s">
        <v>1519</v>
      </c>
      <c r="M7190" s="2" t="s">
        <v>1520</v>
      </c>
      <c r="N7190" s="5" t="s">
        <v>1521</v>
      </c>
      <c r="O7190" s="5" t="s">
        <v>38</v>
      </c>
      <c r="P7190" s="5" t="s">
        <v>39</v>
      </c>
      <c r="Q7190" s="5" t="s">
        <v>40</v>
      </c>
      <c r="R7190" s="5" t="s">
        <v>1522</v>
      </c>
      <c r="S7190" s="5" t="s">
        <v>1523</v>
      </c>
      <c r="T7190" s="5" t="s">
        <v>42</v>
      </c>
      <c r="U7190" s="2">
        <v>3.2749999999999999</v>
      </c>
      <c r="V7190" s="2">
        <v>2.5750000000000002</v>
      </c>
      <c r="W7190" s="2">
        <v>0.02</v>
      </c>
      <c r="X7190" s="2">
        <v>159.1</v>
      </c>
      <c r="Y7190" s="2">
        <v>7.6</v>
      </c>
      <c r="Z7190" s="2">
        <v>16.7</v>
      </c>
      <c r="AA7190" s="5"/>
      <c r="AB7190" s="5" t="s">
        <v>43</v>
      </c>
      <c r="AC7190" s="5" t="s">
        <v>44</v>
      </c>
      <c r="AD7190" s="2"/>
      <c r="AE7190" s="1"/>
    </row>
    <row r="7191" spans="1:31" ht="14.45">
      <c r="A7191" s="11"/>
      <c r="B7191" s="20"/>
      <c r="C7191" s="2" t="s">
        <v>22045</v>
      </c>
      <c r="D7191" s="14" t="s">
        <v>22046</v>
      </c>
      <c r="E7191" s="2" t="s">
        <v>22047</v>
      </c>
      <c r="F7191" s="2" t="s">
        <v>7551</v>
      </c>
      <c r="G7191" s="8">
        <v>275</v>
      </c>
      <c r="H7191" s="5">
        <v>6</v>
      </c>
      <c r="I7191" s="5" t="s">
        <v>1518</v>
      </c>
      <c r="J7191" s="5" t="s">
        <v>1519</v>
      </c>
      <c r="K7191" s="2" t="s">
        <v>1520</v>
      </c>
      <c r="L7191" s="5" t="s">
        <v>1519</v>
      </c>
      <c r="M7191" s="2" t="s">
        <v>1520</v>
      </c>
      <c r="N7191" s="5" t="s">
        <v>1521</v>
      </c>
      <c r="O7191" s="5" t="s">
        <v>38</v>
      </c>
      <c r="P7191" s="5" t="s">
        <v>39</v>
      </c>
      <c r="Q7191" s="5" t="s">
        <v>40</v>
      </c>
      <c r="R7191" s="5" t="s">
        <v>1522</v>
      </c>
      <c r="S7191" s="5" t="s">
        <v>1523</v>
      </c>
      <c r="T7191" s="5" t="s">
        <v>42</v>
      </c>
      <c r="U7191" s="2">
        <v>3.3809999999999998</v>
      </c>
      <c r="V7191" s="2">
        <v>2.681</v>
      </c>
      <c r="W7191" s="2">
        <v>0.02</v>
      </c>
      <c r="X7191" s="2">
        <v>159.1</v>
      </c>
      <c r="Y7191" s="2">
        <v>7.6</v>
      </c>
      <c r="Z7191" s="2">
        <v>16.7</v>
      </c>
      <c r="AA7191" s="5"/>
      <c r="AB7191" s="5" t="s">
        <v>43</v>
      </c>
      <c r="AC7191" s="5" t="s">
        <v>44</v>
      </c>
      <c r="AD7191" s="2"/>
      <c r="AE7191" s="1"/>
    </row>
    <row r="7192" spans="1:31" ht="14.45">
      <c r="A7192" s="11"/>
      <c r="B7192" s="20"/>
      <c r="C7192" s="2" t="s">
        <v>22048</v>
      </c>
      <c r="D7192" s="14" t="s">
        <v>22049</v>
      </c>
      <c r="E7192" s="2" t="s">
        <v>22050</v>
      </c>
      <c r="F7192" s="2" t="s">
        <v>7555</v>
      </c>
      <c r="G7192" s="8">
        <v>275</v>
      </c>
      <c r="H7192" s="5">
        <v>6</v>
      </c>
      <c r="I7192" s="5" t="s">
        <v>1518</v>
      </c>
      <c r="J7192" s="5" t="s">
        <v>1519</v>
      </c>
      <c r="K7192" s="2" t="s">
        <v>1520</v>
      </c>
      <c r="L7192" s="5" t="s">
        <v>1519</v>
      </c>
      <c r="M7192" s="2" t="s">
        <v>1520</v>
      </c>
      <c r="N7192" s="5" t="s">
        <v>1521</v>
      </c>
      <c r="O7192" s="5" t="s">
        <v>38</v>
      </c>
      <c r="P7192" s="5" t="s">
        <v>39</v>
      </c>
      <c r="Q7192" s="5" t="s">
        <v>40</v>
      </c>
      <c r="R7192" s="5" t="s">
        <v>1522</v>
      </c>
      <c r="S7192" s="5" t="s">
        <v>1523</v>
      </c>
      <c r="T7192" s="5" t="s">
        <v>42</v>
      </c>
      <c r="U7192" s="2">
        <v>3.2749999999999999</v>
      </c>
      <c r="V7192" s="2">
        <v>2.5750000000000002</v>
      </c>
      <c r="W7192" s="2">
        <v>0.02</v>
      </c>
      <c r="X7192" s="2">
        <v>159.1</v>
      </c>
      <c r="Y7192" s="2">
        <v>7.6</v>
      </c>
      <c r="Z7192" s="2">
        <v>16.7</v>
      </c>
      <c r="AA7192" s="5"/>
      <c r="AB7192" s="5" t="s">
        <v>43</v>
      </c>
      <c r="AC7192" s="5" t="s">
        <v>44</v>
      </c>
      <c r="AD7192" s="2"/>
      <c r="AE7192" s="1"/>
    </row>
    <row r="7193" spans="1:31" ht="14.45">
      <c r="A7193" s="11"/>
      <c r="B7193" s="20"/>
      <c r="C7193" s="2" t="s">
        <v>22051</v>
      </c>
      <c r="D7193" s="14" t="s">
        <v>22052</v>
      </c>
      <c r="E7193" s="2" t="s">
        <v>22053</v>
      </c>
      <c r="F7193" s="2" t="s">
        <v>7559</v>
      </c>
      <c r="G7193" s="8">
        <v>275</v>
      </c>
      <c r="H7193" s="5">
        <v>6</v>
      </c>
      <c r="I7193" s="5" t="s">
        <v>1518</v>
      </c>
      <c r="J7193" s="5" t="s">
        <v>1519</v>
      </c>
      <c r="K7193" s="2" t="s">
        <v>1520</v>
      </c>
      <c r="L7193" s="5" t="s">
        <v>1519</v>
      </c>
      <c r="M7193" s="2" t="s">
        <v>1520</v>
      </c>
      <c r="N7193" s="5" t="s">
        <v>1521</v>
      </c>
      <c r="O7193" s="5" t="s">
        <v>38</v>
      </c>
      <c r="P7193" s="5" t="s">
        <v>39</v>
      </c>
      <c r="Q7193" s="5" t="s">
        <v>40</v>
      </c>
      <c r="R7193" s="5" t="s">
        <v>1522</v>
      </c>
      <c r="S7193" s="5" t="s">
        <v>1523</v>
      </c>
      <c r="T7193" s="5" t="s">
        <v>42</v>
      </c>
      <c r="U7193" s="2">
        <v>3.3809999999999998</v>
      </c>
      <c r="V7193" s="2">
        <v>2.681</v>
      </c>
      <c r="W7193" s="2">
        <v>0.02</v>
      </c>
      <c r="X7193" s="2">
        <v>159.1</v>
      </c>
      <c r="Y7193" s="2">
        <v>7.6</v>
      </c>
      <c r="Z7193" s="2">
        <v>16.7</v>
      </c>
      <c r="AA7193" s="5"/>
      <c r="AB7193" s="5" t="s">
        <v>43</v>
      </c>
      <c r="AC7193" s="5" t="s">
        <v>44</v>
      </c>
      <c r="AD7193" s="2"/>
      <c r="AE7193" s="1"/>
    </row>
    <row r="7194" spans="1:31" ht="14.45">
      <c r="A7194" s="11"/>
      <c r="B7194" s="20"/>
      <c r="C7194" s="2" t="s">
        <v>22054</v>
      </c>
      <c r="D7194" s="14" t="s">
        <v>22055</v>
      </c>
      <c r="E7194" s="2" t="s">
        <v>22056</v>
      </c>
      <c r="F7194" s="2" t="s">
        <v>7563</v>
      </c>
      <c r="G7194" s="8">
        <v>275</v>
      </c>
      <c r="H7194" s="5">
        <v>6</v>
      </c>
      <c r="I7194" s="5" t="s">
        <v>1518</v>
      </c>
      <c r="J7194" s="5" t="s">
        <v>1519</v>
      </c>
      <c r="K7194" s="2" t="s">
        <v>1520</v>
      </c>
      <c r="L7194" s="5" t="s">
        <v>1519</v>
      </c>
      <c r="M7194" s="2" t="s">
        <v>1520</v>
      </c>
      <c r="N7194" s="5" t="s">
        <v>1521</v>
      </c>
      <c r="O7194" s="5" t="s">
        <v>38</v>
      </c>
      <c r="P7194" s="5" t="s">
        <v>39</v>
      </c>
      <c r="Q7194" s="5" t="s">
        <v>40</v>
      </c>
      <c r="R7194" s="5" t="s">
        <v>1522</v>
      </c>
      <c r="S7194" s="5" t="s">
        <v>1523</v>
      </c>
      <c r="T7194" s="5" t="s">
        <v>42</v>
      </c>
      <c r="U7194" s="2">
        <v>3.3010000000000002</v>
      </c>
      <c r="V7194" s="2">
        <v>2.601</v>
      </c>
      <c r="W7194" s="2">
        <v>0.02</v>
      </c>
      <c r="X7194" s="2">
        <v>159.1</v>
      </c>
      <c r="Y7194" s="2">
        <v>7.6</v>
      </c>
      <c r="Z7194" s="2">
        <v>16.7</v>
      </c>
      <c r="AA7194" s="5"/>
      <c r="AB7194" s="5" t="s">
        <v>43</v>
      </c>
      <c r="AC7194" s="5" t="s">
        <v>44</v>
      </c>
      <c r="AD7194" s="2"/>
      <c r="AE7194" s="1"/>
    </row>
    <row r="7195" spans="1:31" ht="14.45">
      <c r="A7195" s="11"/>
      <c r="B7195" s="20"/>
      <c r="C7195" s="2" t="s">
        <v>22057</v>
      </c>
      <c r="D7195" s="14" t="s">
        <v>22058</v>
      </c>
      <c r="E7195" s="2" t="s">
        <v>22059</v>
      </c>
      <c r="F7195" s="2" t="s">
        <v>7567</v>
      </c>
      <c r="G7195" s="8">
        <v>275</v>
      </c>
      <c r="H7195" s="5">
        <v>6</v>
      </c>
      <c r="I7195" s="5" t="s">
        <v>1518</v>
      </c>
      <c r="J7195" s="5" t="s">
        <v>1519</v>
      </c>
      <c r="K7195" s="2" t="s">
        <v>1520</v>
      </c>
      <c r="L7195" s="5" t="s">
        <v>1519</v>
      </c>
      <c r="M7195" s="2" t="s">
        <v>1520</v>
      </c>
      <c r="N7195" s="5" t="s">
        <v>1521</v>
      </c>
      <c r="O7195" s="5" t="s">
        <v>38</v>
      </c>
      <c r="P7195" s="5" t="s">
        <v>39</v>
      </c>
      <c r="Q7195" s="5" t="s">
        <v>40</v>
      </c>
      <c r="R7195" s="5" t="s">
        <v>1522</v>
      </c>
      <c r="S7195" s="5" t="s">
        <v>1523</v>
      </c>
      <c r="T7195" s="5" t="s">
        <v>42</v>
      </c>
      <c r="U7195" s="2">
        <v>3.407</v>
      </c>
      <c r="V7195" s="2">
        <v>2.7069999999999999</v>
      </c>
      <c r="W7195" s="2">
        <v>0.02</v>
      </c>
      <c r="X7195" s="2">
        <v>159.1</v>
      </c>
      <c r="Y7195" s="2">
        <v>7.6</v>
      </c>
      <c r="Z7195" s="2">
        <v>16.7</v>
      </c>
      <c r="AA7195" s="5"/>
      <c r="AB7195" s="5" t="s">
        <v>43</v>
      </c>
      <c r="AC7195" s="5" t="s">
        <v>44</v>
      </c>
      <c r="AD7195" s="2"/>
      <c r="AE7195" s="1"/>
    </row>
    <row r="7196" spans="1:31" ht="14.45">
      <c r="A7196" s="11"/>
      <c r="B7196" s="20"/>
      <c r="C7196" s="2" t="s">
        <v>22060</v>
      </c>
      <c r="D7196" s="14" t="s">
        <v>22061</v>
      </c>
      <c r="E7196" s="2" t="s">
        <v>22062</v>
      </c>
      <c r="F7196" s="2" t="s">
        <v>16079</v>
      </c>
      <c r="G7196" s="8">
        <v>275</v>
      </c>
      <c r="H7196" s="5">
        <v>6</v>
      </c>
      <c r="I7196" s="5" t="s">
        <v>1518</v>
      </c>
      <c r="J7196" s="5" t="s">
        <v>1519</v>
      </c>
      <c r="K7196" s="2" t="s">
        <v>1520</v>
      </c>
      <c r="L7196" s="5" t="s">
        <v>1519</v>
      </c>
      <c r="M7196" s="2" t="s">
        <v>1520</v>
      </c>
      <c r="N7196" s="5" t="s">
        <v>1521</v>
      </c>
      <c r="O7196" s="5" t="s">
        <v>38</v>
      </c>
      <c r="P7196" s="5" t="s">
        <v>39</v>
      </c>
      <c r="Q7196" s="5" t="s">
        <v>40</v>
      </c>
      <c r="R7196" s="5" t="s">
        <v>1522</v>
      </c>
      <c r="S7196" s="5" t="s">
        <v>1523</v>
      </c>
      <c r="T7196" s="5" t="s">
        <v>42</v>
      </c>
      <c r="U7196" s="2">
        <v>3.3010000000000002</v>
      </c>
      <c r="V7196" s="2">
        <v>2.601</v>
      </c>
      <c r="W7196" s="2">
        <v>0.02</v>
      </c>
      <c r="X7196" s="2">
        <v>159.1</v>
      </c>
      <c r="Y7196" s="2">
        <v>7.6</v>
      </c>
      <c r="Z7196" s="2">
        <v>16.7</v>
      </c>
      <c r="AA7196" s="5"/>
      <c r="AB7196" s="5" t="s">
        <v>43</v>
      </c>
      <c r="AC7196" s="5" t="s">
        <v>44</v>
      </c>
      <c r="AD7196" s="2"/>
      <c r="AE7196" s="1"/>
    </row>
    <row r="7197" spans="1:31" ht="14.45">
      <c r="A7197" s="11"/>
      <c r="B7197" s="20"/>
      <c r="C7197" s="2" t="s">
        <v>22063</v>
      </c>
      <c r="D7197" s="14" t="s">
        <v>22064</v>
      </c>
      <c r="E7197" s="2" t="s">
        <v>22065</v>
      </c>
      <c r="F7197" s="2" t="s">
        <v>16194</v>
      </c>
      <c r="G7197" s="8">
        <v>275</v>
      </c>
      <c r="H7197" s="5">
        <v>6</v>
      </c>
      <c r="I7197" s="5" t="s">
        <v>1518</v>
      </c>
      <c r="J7197" s="5" t="s">
        <v>1519</v>
      </c>
      <c r="K7197" s="2" t="s">
        <v>1520</v>
      </c>
      <c r="L7197" s="5" t="s">
        <v>1519</v>
      </c>
      <c r="M7197" s="2" t="s">
        <v>1520</v>
      </c>
      <c r="N7197" s="5" t="s">
        <v>1521</v>
      </c>
      <c r="O7197" s="5" t="s">
        <v>38</v>
      </c>
      <c r="P7197" s="5" t="s">
        <v>39</v>
      </c>
      <c r="Q7197" s="5" t="s">
        <v>40</v>
      </c>
      <c r="R7197" s="5" t="s">
        <v>1522</v>
      </c>
      <c r="S7197" s="5" t="s">
        <v>1523</v>
      </c>
      <c r="T7197" s="5" t="s">
        <v>42</v>
      </c>
      <c r="U7197" s="2">
        <v>3.407</v>
      </c>
      <c r="V7197" s="2">
        <v>2.7069999999999999</v>
      </c>
      <c r="W7197" s="2">
        <v>0.02</v>
      </c>
      <c r="X7197" s="2">
        <v>159.1</v>
      </c>
      <c r="Y7197" s="2">
        <v>7.6</v>
      </c>
      <c r="Z7197" s="2">
        <v>16.7</v>
      </c>
      <c r="AA7197" s="5"/>
      <c r="AB7197" s="5" t="s">
        <v>43</v>
      </c>
      <c r="AC7197" s="5" t="s">
        <v>44</v>
      </c>
      <c r="AD7197" s="2"/>
      <c r="AE7197" s="1"/>
    </row>
    <row r="7198" spans="1:31" ht="14.45">
      <c r="A7198" s="11"/>
      <c r="B7198" s="20"/>
      <c r="C7198" s="2" t="s">
        <v>22066</v>
      </c>
      <c r="D7198" s="14" t="s">
        <v>22067</v>
      </c>
      <c r="E7198" s="2" t="s">
        <v>22068</v>
      </c>
      <c r="F7198" s="2" t="s">
        <v>7449</v>
      </c>
      <c r="G7198" s="8">
        <v>275</v>
      </c>
      <c r="H7198" s="5">
        <v>6</v>
      </c>
      <c r="I7198" s="5" t="s">
        <v>1518</v>
      </c>
      <c r="J7198" s="5" t="s">
        <v>1519</v>
      </c>
      <c r="K7198" s="2" t="s">
        <v>1520</v>
      </c>
      <c r="L7198" s="5" t="s">
        <v>1519</v>
      </c>
      <c r="M7198" s="2" t="s">
        <v>1520</v>
      </c>
      <c r="N7198" s="5" t="s">
        <v>1521</v>
      </c>
      <c r="O7198" s="5" t="s">
        <v>38</v>
      </c>
      <c r="P7198" s="5" t="s">
        <v>39</v>
      </c>
      <c r="Q7198" s="5" t="s">
        <v>40</v>
      </c>
      <c r="R7198" s="5" t="s">
        <v>1522</v>
      </c>
      <c r="S7198" s="5" t="s">
        <v>1523</v>
      </c>
      <c r="T7198" s="5" t="s">
        <v>42</v>
      </c>
      <c r="U7198" s="2">
        <v>3.3010000000000002</v>
      </c>
      <c r="V7198" s="2">
        <v>2.601</v>
      </c>
      <c r="W7198" s="2">
        <v>0.02</v>
      </c>
      <c r="X7198" s="2">
        <v>159.1</v>
      </c>
      <c r="Y7198" s="2">
        <v>7.6</v>
      </c>
      <c r="Z7198" s="2">
        <v>16.7</v>
      </c>
      <c r="AA7198" s="5"/>
      <c r="AB7198" s="5" t="s">
        <v>43</v>
      </c>
      <c r="AC7198" s="5" t="s">
        <v>44</v>
      </c>
      <c r="AD7198" s="2"/>
      <c r="AE7198" s="1"/>
    </row>
    <row r="7199" spans="1:31" ht="14.45">
      <c r="A7199" s="11"/>
      <c r="B7199" s="20"/>
      <c r="C7199" s="2" t="s">
        <v>22069</v>
      </c>
      <c r="D7199" s="14" t="s">
        <v>22070</v>
      </c>
      <c r="E7199" s="2" t="s">
        <v>22071</v>
      </c>
      <c r="F7199" s="2" t="s">
        <v>7581</v>
      </c>
      <c r="G7199" s="8">
        <v>275</v>
      </c>
      <c r="H7199" s="5">
        <v>6</v>
      </c>
      <c r="I7199" s="5" t="s">
        <v>1518</v>
      </c>
      <c r="J7199" s="5" t="s">
        <v>1519</v>
      </c>
      <c r="K7199" s="2" t="s">
        <v>1520</v>
      </c>
      <c r="L7199" s="5" t="s">
        <v>1519</v>
      </c>
      <c r="M7199" s="2" t="s">
        <v>1520</v>
      </c>
      <c r="N7199" s="5" t="s">
        <v>1521</v>
      </c>
      <c r="O7199" s="5" t="s">
        <v>38</v>
      </c>
      <c r="P7199" s="5" t="s">
        <v>39</v>
      </c>
      <c r="Q7199" s="5" t="s">
        <v>40</v>
      </c>
      <c r="R7199" s="5" t="s">
        <v>1522</v>
      </c>
      <c r="S7199" s="5" t="s">
        <v>1523</v>
      </c>
      <c r="T7199" s="5" t="s">
        <v>42</v>
      </c>
      <c r="U7199" s="2">
        <v>3.407</v>
      </c>
      <c r="V7199" s="2">
        <v>2.7069999999999999</v>
      </c>
      <c r="W7199" s="2">
        <v>0.02</v>
      </c>
      <c r="X7199" s="2">
        <v>159.1</v>
      </c>
      <c r="Y7199" s="2">
        <v>7.6</v>
      </c>
      <c r="Z7199" s="2">
        <v>16.7</v>
      </c>
      <c r="AA7199" s="5"/>
      <c r="AB7199" s="5" t="s">
        <v>43</v>
      </c>
      <c r="AC7199" s="5" t="s">
        <v>44</v>
      </c>
      <c r="AD7199" s="2"/>
      <c r="AE7199" s="1"/>
    </row>
    <row r="7200" spans="1:31" ht="14.45">
      <c r="A7200" s="11"/>
      <c r="B7200" s="20"/>
      <c r="C7200" s="2" t="s">
        <v>22072</v>
      </c>
      <c r="D7200" s="14" t="s">
        <v>22073</v>
      </c>
      <c r="E7200" s="2" t="s">
        <v>22074</v>
      </c>
      <c r="F7200" s="2" t="s">
        <v>7585</v>
      </c>
      <c r="G7200" s="8">
        <v>275</v>
      </c>
      <c r="H7200" s="5">
        <v>6</v>
      </c>
      <c r="I7200" s="5" t="s">
        <v>1518</v>
      </c>
      <c r="J7200" s="5" t="s">
        <v>1519</v>
      </c>
      <c r="K7200" s="2" t="s">
        <v>1520</v>
      </c>
      <c r="L7200" s="5" t="s">
        <v>1519</v>
      </c>
      <c r="M7200" s="2" t="s">
        <v>1520</v>
      </c>
      <c r="N7200" s="5" t="s">
        <v>1521</v>
      </c>
      <c r="O7200" s="5" t="s">
        <v>38</v>
      </c>
      <c r="P7200" s="5" t="s">
        <v>39</v>
      </c>
      <c r="Q7200" s="5" t="s">
        <v>40</v>
      </c>
      <c r="R7200" s="5" t="s">
        <v>1522</v>
      </c>
      <c r="S7200" s="5" t="s">
        <v>1523</v>
      </c>
      <c r="T7200" s="5" t="s">
        <v>42</v>
      </c>
      <c r="U7200" s="2">
        <v>3.2749999999999999</v>
      </c>
      <c r="V7200" s="2">
        <v>2.5750000000000002</v>
      </c>
      <c r="W7200" s="2">
        <v>0.02</v>
      </c>
      <c r="X7200" s="2">
        <v>159.1</v>
      </c>
      <c r="Y7200" s="2">
        <v>7.6</v>
      </c>
      <c r="Z7200" s="2">
        <v>16.7</v>
      </c>
      <c r="AA7200" s="5"/>
      <c r="AB7200" s="5" t="s">
        <v>43</v>
      </c>
      <c r="AC7200" s="5" t="s">
        <v>44</v>
      </c>
      <c r="AD7200" s="2"/>
      <c r="AE7200" s="1"/>
    </row>
    <row r="7201" spans="1:31" ht="14.45">
      <c r="A7201" s="11"/>
      <c r="B7201" s="20"/>
      <c r="C7201" s="2" t="s">
        <v>22075</v>
      </c>
      <c r="D7201" s="14" t="s">
        <v>22076</v>
      </c>
      <c r="E7201" s="2" t="s">
        <v>22077</v>
      </c>
      <c r="F7201" s="2" t="s">
        <v>7589</v>
      </c>
      <c r="G7201" s="8">
        <v>275</v>
      </c>
      <c r="H7201" s="5">
        <v>6</v>
      </c>
      <c r="I7201" s="5" t="s">
        <v>1518</v>
      </c>
      <c r="J7201" s="5" t="s">
        <v>1519</v>
      </c>
      <c r="K7201" s="2" t="s">
        <v>1520</v>
      </c>
      <c r="L7201" s="5" t="s">
        <v>1519</v>
      </c>
      <c r="M7201" s="2" t="s">
        <v>1520</v>
      </c>
      <c r="N7201" s="5" t="s">
        <v>1521</v>
      </c>
      <c r="O7201" s="5" t="s">
        <v>38</v>
      </c>
      <c r="P7201" s="5" t="s">
        <v>39</v>
      </c>
      <c r="Q7201" s="5" t="s">
        <v>40</v>
      </c>
      <c r="R7201" s="5" t="s">
        <v>1522</v>
      </c>
      <c r="S7201" s="5" t="s">
        <v>1523</v>
      </c>
      <c r="T7201" s="5" t="s">
        <v>42</v>
      </c>
      <c r="U7201" s="2">
        <v>3.3809999999999998</v>
      </c>
      <c r="V7201" s="2">
        <v>2.681</v>
      </c>
      <c r="W7201" s="2">
        <v>0.02</v>
      </c>
      <c r="X7201" s="2">
        <v>159.1</v>
      </c>
      <c r="Y7201" s="2">
        <v>7.6</v>
      </c>
      <c r="Z7201" s="2">
        <v>16.7</v>
      </c>
      <c r="AA7201" s="5"/>
      <c r="AB7201" s="5" t="s">
        <v>43</v>
      </c>
      <c r="AC7201" s="5" t="s">
        <v>44</v>
      </c>
      <c r="AD7201" s="2"/>
      <c r="AE7201" s="1"/>
    </row>
    <row r="7202" spans="1:31" ht="14.45">
      <c r="A7202" s="11"/>
      <c r="B7202" s="20"/>
      <c r="C7202" s="2" t="s">
        <v>22078</v>
      </c>
      <c r="D7202" s="14" t="s">
        <v>22079</v>
      </c>
      <c r="E7202" s="2" t="s">
        <v>22080</v>
      </c>
      <c r="F7202" s="2" t="s">
        <v>7597</v>
      </c>
      <c r="G7202" s="8">
        <v>275</v>
      </c>
      <c r="H7202" s="5">
        <v>6</v>
      </c>
      <c r="I7202" s="5" t="s">
        <v>1518</v>
      </c>
      <c r="J7202" s="5" t="s">
        <v>1519</v>
      </c>
      <c r="K7202" s="2" t="s">
        <v>1520</v>
      </c>
      <c r="L7202" s="5" t="s">
        <v>1519</v>
      </c>
      <c r="M7202" s="2" t="s">
        <v>1520</v>
      </c>
      <c r="N7202" s="5" t="s">
        <v>1521</v>
      </c>
      <c r="O7202" s="5" t="s">
        <v>38</v>
      </c>
      <c r="P7202" s="5" t="s">
        <v>39</v>
      </c>
      <c r="Q7202" s="5" t="s">
        <v>40</v>
      </c>
      <c r="R7202" s="5" t="s">
        <v>1522</v>
      </c>
      <c r="S7202" s="5" t="s">
        <v>1523</v>
      </c>
      <c r="T7202" s="5" t="s">
        <v>42</v>
      </c>
      <c r="U7202" s="2">
        <v>3.407</v>
      </c>
      <c r="V7202" s="2">
        <v>2.7069999999999999</v>
      </c>
      <c r="W7202" s="2">
        <v>0.02</v>
      </c>
      <c r="X7202" s="2">
        <v>159.1</v>
      </c>
      <c r="Y7202" s="2">
        <v>7.6</v>
      </c>
      <c r="Z7202" s="2">
        <v>16.7</v>
      </c>
      <c r="AA7202" s="5"/>
      <c r="AB7202" s="5" t="s">
        <v>43</v>
      </c>
      <c r="AC7202" s="5" t="s">
        <v>44</v>
      </c>
      <c r="AD7202" s="2"/>
      <c r="AE7202" s="1"/>
    </row>
    <row r="7203" spans="1:31" ht="14.45">
      <c r="A7203" s="11"/>
      <c r="B7203" s="20"/>
      <c r="C7203" s="2" t="s">
        <v>22081</v>
      </c>
      <c r="D7203" s="14" t="s">
        <v>22082</v>
      </c>
      <c r="E7203" s="2" t="s">
        <v>22083</v>
      </c>
      <c r="F7203" s="2" t="s">
        <v>16014</v>
      </c>
      <c r="G7203" s="8">
        <v>275</v>
      </c>
      <c r="H7203" s="5">
        <v>6</v>
      </c>
      <c r="I7203" s="5" t="s">
        <v>1518</v>
      </c>
      <c r="J7203" s="5" t="s">
        <v>1519</v>
      </c>
      <c r="K7203" s="2" t="s">
        <v>1520</v>
      </c>
      <c r="L7203" s="5" t="s">
        <v>1519</v>
      </c>
      <c r="M7203" s="2" t="s">
        <v>1520</v>
      </c>
      <c r="N7203" s="5" t="s">
        <v>1521</v>
      </c>
      <c r="O7203" s="5" t="s">
        <v>38</v>
      </c>
      <c r="P7203" s="5" t="s">
        <v>39</v>
      </c>
      <c r="Q7203" s="5" t="s">
        <v>40</v>
      </c>
      <c r="R7203" s="5" t="s">
        <v>1522</v>
      </c>
      <c r="S7203" s="5" t="s">
        <v>1523</v>
      </c>
      <c r="T7203" s="5" t="s">
        <v>42</v>
      </c>
      <c r="U7203" s="2">
        <v>3.3010000000000002</v>
      </c>
      <c r="V7203" s="2">
        <v>2.601</v>
      </c>
      <c r="W7203" s="2">
        <v>0.02</v>
      </c>
      <c r="X7203" s="2">
        <v>159.1</v>
      </c>
      <c r="Y7203" s="2">
        <v>7.6</v>
      </c>
      <c r="Z7203" s="2">
        <v>16.7</v>
      </c>
      <c r="AA7203" s="5"/>
      <c r="AB7203" s="5" t="s">
        <v>43</v>
      </c>
      <c r="AC7203" s="5" t="s">
        <v>44</v>
      </c>
      <c r="AD7203" s="2"/>
      <c r="AE7203" s="1"/>
    </row>
    <row r="7204" spans="1:31" ht="14.45">
      <c r="A7204" s="11"/>
      <c r="B7204" s="20"/>
      <c r="C7204" s="2" t="s">
        <v>22084</v>
      </c>
      <c r="D7204" s="14" t="s">
        <v>22085</v>
      </c>
      <c r="E7204" s="2" t="s">
        <v>22086</v>
      </c>
      <c r="F7204" s="2" t="s">
        <v>16219</v>
      </c>
      <c r="G7204" s="8">
        <v>275</v>
      </c>
      <c r="H7204" s="5">
        <v>6</v>
      </c>
      <c r="I7204" s="5" t="s">
        <v>1518</v>
      </c>
      <c r="J7204" s="5" t="s">
        <v>1519</v>
      </c>
      <c r="K7204" s="2" t="s">
        <v>1520</v>
      </c>
      <c r="L7204" s="5" t="s">
        <v>1519</v>
      </c>
      <c r="M7204" s="2" t="s">
        <v>1520</v>
      </c>
      <c r="N7204" s="5" t="s">
        <v>1521</v>
      </c>
      <c r="O7204" s="5" t="s">
        <v>38</v>
      </c>
      <c r="P7204" s="5" t="s">
        <v>39</v>
      </c>
      <c r="Q7204" s="5" t="s">
        <v>40</v>
      </c>
      <c r="R7204" s="5" t="s">
        <v>1522</v>
      </c>
      <c r="S7204" s="5" t="s">
        <v>1523</v>
      </c>
      <c r="T7204" s="5" t="s">
        <v>42</v>
      </c>
      <c r="U7204" s="2">
        <v>3.407</v>
      </c>
      <c r="V7204" s="2">
        <v>2.7069999999999999</v>
      </c>
      <c r="W7204" s="2">
        <v>0.02</v>
      </c>
      <c r="X7204" s="2">
        <v>159.1</v>
      </c>
      <c r="Y7204" s="2">
        <v>7.6</v>
      </c>
      <c r="Z7204" s="2">
        <v>16.7</v>
      </c>
      <c r="AA7204" s="5"/>
      <c r="AB7204" s="5" t="s">
        <v>43</v>
      </c>
      <c r="AC7204" s="5" t="s">
        <v>44</v>
      </c>
      <c r="AD7204" s="2"/>
      <c r="AE7204" s="1"/>
    </row>
    <row r="7205" spans="1:31" ht="14.45">
      <c r="A7205" s="11"/>
      <c r="B7205" s="20"/>
      <c r="C7205" s="2" t="s">
        <v>22087</v>
      </c>
      <c r="D7205" s="14" t="s">
        <v>22088</v>
      </c>
      <c r="E7205" s="2" t="s">
        <v>22089</v>
      </c>
      <c r="F7205" s="2" t="s">
        <v>16018</v>
      </c>
      <c r="G7205" s="8">
        <v>275</v>
      </c>
      <c r="H7205" s="5">
        <v>6</v>
      </c>
      <c r="I7205" s="5" t="s">
        <v>1518</v>
      </c>
      <c r="J7205" s="5" t="s">
        <v>1519</v>
      </c>
      <c r="K7205" s="2" t="s">
        <v>1520</v>
      </c>
      <c r="L7205" s="5" t="s">
        <v>1519</v>
      </c>
      <c r="M7205" s="2" t="s">
        <v>1520</v>
      </c>
      <c r="N7205" s="5" t="s">
        <v>1521</v>
      </c>
      <c r="O7205" s="5" t="s">
        <v>38</v>
      </c>
      <c r="P7205" s="5" t="s">
        <v>39</v>
      </c>
      <c r="Q7205" s="5" t="s">
        <v>40</v>
      </c>
      <c r="R7205" s="5" t="s">
        <v>1522</v>
      </c>
      <c r="S7205" s="5" t="s">
        <v>1523</v>
      </c>
      <c r="T7205" s="5" t="s">
        <v>42</v>
      </c>
      <c r="U7205" s="2">
        <v>3.3010000000000002</v>
      </c>
      <c r="V7205" s="2">
        <v>2.601</v>
      </c>
      <c r="W7205" s="2">
        <v>0.02</v>
      </c>
      <c r="X7205" s="2">
        <v>159.1</v>
      </c>
      <c r="Y7205" s="2">
        <v>7.6</v>
      </c>
      <c r="Z7205" s="2">
        <v>16.7</v>
      </c>
      <c r="AA7205" s="5"/>
      <c r="AB7205" s="5" t="s">
        <v>43</v>
      </c>
      <c r="AC7205" s="5" t="s">
        <v>44</v>
      </c>
      <c r="AD7205" s="2"/>
      <c r="AE7205" s="1"/>
    </row>
    <row r="7206" spans="1:31" ht="14.45">
      <c r="A7206" s="11"/>
      <c r="B7206" s="20"/>
      <c r="C7206" s="2" t="s">
        <v>22090</v>
      </c>
      <c r="D7206" s="14" t="s">
        <v>22091</v>
      </c>
      <c r="E7206" s="2" t="s">
        <v>22092</v>
      </c>
      <c r="F7206" s="2" t="s">
        <v>16022</v>
      </c>
      <c r="G7206" s="8">
        <v>275</v>
      </c>
      <c r="H7206" s="5">
        <v>6</v>
      </c>
      <c r="I7206" s="5" t="s">
        <v>1518</v>
      </c>
      <c r="J7206" s="5" t="s">
        <v>1519</v>
      </c>
      <c r="K7206" s="2" t="s">
        <v>1520</v>
      </c>
      <c r="L7206" s="5" t="s">
        <v>1519</v>
      </c>
      <c r="M7206" s="2" t="s">
        <v>1520</v>
      </c>
      <c r="N7206" s="5" t="s">
        <v>1521</v>
      </c>
      <c r="O7206" s="5" t="s">
        <v>38</v>
      </c>
      <c r="P7206" s="5" t="s">
        <v>39</v>
      </c>
      <c r="Q7206" s="5" t="s">
        <v>40</v>
      </c>
      <c r="R7206" s="5" t="s">
        <v>1522</v>
      </c>
      <c r="S7206" s="5" t="s">
        <v>1523</v>
      </c>
      <c r="T7206" s="5" t="s">
        <v>42</v>
      </c>
      <c r="U7206" s="2">
        <v>3.407</v>
      </c>
      <c r="V7206" s="2">
        <v>2.7069999999999999</v>
      </c>
      <c r="W7206" s="2">
        <v>0.02</v>
      </c>
      <c r="X7206" s="2">
        <v>159.1</v>
      </c>
      <c r="Y7206" s="2">
        <v>7.6</v>
      </c>
      <c r="Z7206" s="2">
        <v>16.7</v>
      </c>
      <c r="AA7206" s="5"/>
      <c r="AB7206" s="5" t="s">
        <v>43</v>
      </c>
      <c r="AC7206" s="5" t="s">
        <v>44</v>
      </c>
      <c r="AD7206" s="2"/>
      <c r="AE7206" s="1"/>
    </row>
    <row r="7207" spans="1:31" ht="14.45">
      <c r="A7207" s="11"/>
      <c r="B7207" s="20"/>
      <c r="C7207" s="2" t="s">
        <v>22093</v>
      </c>
      <c r="D7207" s="14" t="s">
        <v>22094</v>
      </c>
      <c r="E7207" s="2" t="s">
        <v>22095</v>
      </c>
      <c r="F7207" s="2" t="s">
        <v>7615</v>
      </c>
      <c r="G7207" s="8">
        <v>275</v>
      </c>
      <c r="H7207" s="5">
        <v>6</v>
      </c>
      <c r="I7207" s="5" t="s">
        <v>1518</v>
      </c>
      <c r="J7207" s="5" t="s">
        <v>1519</v>
      </c>
      <c r="K7207" s="2" t="s">
        <v>1520</v>
      </c>
      <c r="L7207" s="5" t="s">
        <v>1519</v>
      </c>
      <c r="M7207" s="2" t="s">
        <v>1520</v>
      </c>
      <c r="N7207" s="5" t="s">
        <v>1521</v>
      </c>
      <c r="O7207" s="5" t="s">
        <v>38</v>
      </c>
      <c r="P7207" s="5" t="s">
        <v>39</v>
      </c>
      <c r="Q7207" s="5" t="s">
        <v>40</v>
      </c>
      <c r="R7207" s="5" t="s">
        <v>1522</v>
      </c>
      <c r="S7207" s="5" t="s">
        <v>1523</v>
      </c>
      <c r="T7207" s="5" t="s">
        <v>42</v>
      </c>
      <c r="U7207" s="2">
        <v>3.2749999999999999</v>
      </c>
      <c r="V7207" s="2">
        <v>2.5750000000000002</v>
      </c>
      <c r="W7207" s="2">
        <v>0.02</v>
      </c>
      <c r="X7207" s="2">
        <v>159.1</v>
      </c>
      <c r="Y7207" s="2">
        <v>7.6</v>
      </c>
      <c r="Z7207" s="2">
        <v>16.7</v>
      </c>
      <c r="AA7207" s="5"/>
      <c r="AB7207" s="5" t="s">
        <v>43</v>
      </c>
      <c r="AC7207" s="5" t="s">
        <v>44</v>
      </c>
      <c r="AD7207" s="2"/>
      <c r="AE7207" s="1"/>
    </row>
    <row r="7208" spans="1:31" ht="14.45">
      <c r="A7208" s="11"/>
      <c r="B7208" s="20"/>
      <c r="C7208" s="2" t="s">
        <v>22096</v>
      </c>
      <c r="D7208" s="14" t="s">
        <v>22097</v>
      </c>
      <c r="E7208" s="2" t="s">
        <v>22098</v>
      </c>
      <c r="F7208" s="2" t="s">
        <v>7619</v>
      </c>
      <c r="G7208" s="8">
        <v>275</v>
      </c>
      <c r="H7208" s="5">
        <v>6</v>
      </c>
      <c r="I7208" s="5" t="s">
        <v>1518</v>
      </c>
      <c r="J7208" s="5" t="s">
        <v>1519</v>
      </c>
      <c r="K7208" s="2" t="s">
        <v>1520</v>
      </c>
      <c r="L7208" s="5" t="s">
        <v>1519</v>
      </c>
      <c r="M7208" s="2" t="s">
        <v>1520</v>
      </c>
      <c r="N7208" s="5" t="s">
        <v>1521</v>
      </c>
      <c r="O7208" s="5" t="s">
        <v>38</v>
      </c>
      <c r="P7208" s="5" t="s">
        <v>39</v>
      </c>
      <c r="Q7208" s="5" t="s">
        <v>40</v>
      </c>
      <c r="R7208" s="5" t="s">
        <v>1522</v>
      </c>
      <c r="S7208" s="5" t="s">
        <v>1523</v>
      </c>
      <c r="T7208" s="5" t="s">
        <v>42</v>
      </c>
      <c r="U7208" s="2">
        <v>3.3809999999999998</v>
      </c>
      <c r="V7208" s="2">
        <v>2.681</v>
      </c>
      <c r="W7208" s="2">
        <v>0.02</v>
      </c>
      <c r="X7208" s="2">
        <v>159.1</v>
      </c>
      <c r="Y7208" s="2">
        <v>7.6</v>
      </c>
      <c r="Z7208" s="2">
        <v>16.7</v>
      </c>
      <c r="AA7208" s="5"/>
      <c r="AB7208" s="5" t="s">
        <v>43</v>
      </c>
      <c r="AC7208" s="5" t="s">
        <v>44</v>
      </c>
      <c r="AD7208" s="2"/>
      <c r="AE7208" s="1"/>
    </row>
    <row r="7209" spans="1:31" ht="14.45">
      <c r="A7209" s="11"/>
      <c r="B7209" s="20"/>
      <c r="C7209" s="2" t="s">
        <v>22099</v>
      </c>
      <c r="D7209" s="14" t="s">
        <v>22100</v>
      </c>
      <c r="E7209" s="2" t="s">
        <v>22101</v>
      </c>
      <c r="F7209" s="2" t="s">
        <v>16029</v>
      </c>
      <c r="G7209" s="8">
        <v>275</v>
      </c>
      <c r="H7209" s="5">
        <v>11</v>
      </c>
      <c r="I7209" s="5" t="s">
        <v>1518</v>
      </c>
      <c r="J7209" s="5" t="s">
        <v>1519</v>
      </c>
      <c r="K7209" s="2" t="s">
        <v>1520</v>
      </c>
      <c r="L7209" s="5" t="s">
        <v>1519</v>
      </c>
      <c r="M7209" s="2" t="s">
        <v>1520</v>
      </c>
      <c r="N7209" s="5" t="s">
        <v>1521</v>
      </c>
      <c r="O7209" s="5" t="s">
        <v>38</v>
      </c>
      <c r="P7209" s="5" t="s">
        <v>39</v>
      </c>
      <c r="Q7209" s="5" t="s">
        <v>40</v>
      </c>
      <c r="R7209" s="5" t="s">
        <v>1522</v>
      </c>
      <c r="S7209" s="5" t="s">
        <v>1523</v>
      </c>
      <c r="T7209" s="5" t="s">
        <v>42</v>
      </c>
      <c r="U7209" s="2">
        <v>3.3050000000000002</v>
      </c>
      <c r="V7209" s="2">
        <v>2.605</v>
      </c>
      <c r="W7209" s="2">
        <v>0.02</v>
      </c>
      <c r="X7209" s="2">
        <v>159.1</v>
      </c>
      <c r="Y7209" s="2">
        <v>7.6</v>
      </c>
      <c r="Z7209" s="2">
        <v>16.7</v>
      </c>
      <c r="AA7209" s="5"/>
      <c r="AB7209" s="5" t="s">
        <v>43</v>
      </c>
      <c r="AC7209" s="5" t="s">
        <v>44</v>
      </c>
      <c r="AD7209" s="2"/>
      <c r="AE7209" s="1"/>
    </row>
    <row r="7210" spans="1:31" ht="14.45">
      <c r="A7210" s="11"/>
      <c r="B7210" s="20"/>
      <c r="C7210" s="2" t="s">
        <v>22102</v>
      </c>
      <c r="D7210" s="14" t="s">
        <v>22103</v>
      </c>
      <c r="E7210" s="2" t="s">
        <v>22104</v>
      </c>
      <c r="F7210" s="2" t="s">
        <v>16033</v>
      </c>
      <c r="G7210" s="8">
        <v>275</v>
      </c>
      <c r="H7210" s="5">
        <v>11</v>
      </c>
      <c r="I7210" s="5" t="s">
        <v>1518</v>
      </c>
      <c r="J7210" s="5" t="s">
        <v>1519</v>
      </c>
      <c r="K7210" s="2" t="s">
        <v>1520</v>
      </c>
      <c r="L7210" s="5" t="s">
        <v>1519</v>
      </c>
      <c r="M7210" s="2" t="s">
        <v>1520</v>
      </c>
      <c r="N7210" s="5" t="s">
        <v>1521</v>
      </c>
      <c r="O7210" s="5" t="s">
        <v>38</v>
      </c>
      <c r="P7210" s="5" t="s">
        <v>39</v>
      </c>
      <c r="Q7210" s="5" t="s">
        <v>40</v>
      </c>
      <c r="R7210" s="5" t="s">
        <v>1522</v>
      </c>
      <c r="S7210" s="5" t="s">
        <v>1523</v>
      </c>
      <c r="T7210" s="5" t="s">
        <v>42</v>
      </c>
      <c r="U7210" s="2">
        <v>3.411</v>
      </c>
      <c r="V7210" s="2">
        <v>2.7109999999999999</v>
      </c>
      <c r="W7210" s="2">
        <v>0.02</v>
      </c>
      <c r="X7210" s="2">
        <v>159.1</v>
      </c>
      <c r="Y7210" s="2">
        <v>7.6</v>
      </c>
      <c r="Z7210" s="2">
        <v>16.7</v>
      </c>
      <c r="AA7210" s="5"/>
      <c r="AB7210" s="5" t="s">
        <v>43</v>
      </c>
      <c r="AC7210" s="5" t="s">
        <v>44</v>
      </c>
      <c r="AD7210" s="2"/>
      <c r="AE7210" s="1"/>
    </row>
    <row r="7211" spans="1:31" ht="14.45">
      <c r="A7211" s="11"/>
      <c r="B7211" s="20"/>
      <c r="C7211" s="2" t="s">
        <v>22105</v>
      </c>
      <c r="D7211" s="14" t="s">
        <v>22106</v>
      </c>
      <c r="E7211" s="2" t="s">
        <v>22107</v>
      </c>
      <c r="F7211" s="2" t="s">
        <v>7396</v>
      </c>
      <c r="G7211" s="8">
        <v>267</v>
      </c>
      <c r="H7211" s="5">
        <v>6</v>
      </c>
      <c r="I7211" s="5" t="s">
        <v>1518</v>
      </c>
      <c r="J7211" s="5" t="s">
        <v>1519</v>
      </c>
      <c r="K7211" s="2" t="s">
        <v>1520</v>
      </c>
      <c r="L7211" s="5" t="s">
        <v>1519</v>
      </c>
      <c r="M7211" s="2" t="s">
        <v>1520</v>
      </c>
      <c r="N7211" s="5" t="s">
        <v>1521</v>
      </c>
      <c r="O7211" s="5" t="s">
        <v>38</v>
      </c>
      <c r="P7211" s="5" t="s">
        <v>39</v>
      </c>
      <c r="Q7211" s="5" t="s">
        <v>40</v>
      </c>
      <c r="R7211" s="5" t="s">
        <v>1522</v>
      </c>
      <c r="S7211" s="5" t="s">
        <v>1523</v>
      </c>
      <c r="T7211" s="5" t="s">
        <v>42</v>
      </c>
      <c r="U7211" s="2">
        <v>3.5169999999999999</v>
      </c>
      <c r="V7211" s="2">
        <v>2.7490000000000001</v>
      </c>
      <c r="W7211" s="2">
        <v>2.1000000000000001E-2</v>
      </c>
      <c r="X7211" s="2">
        <v>165.1</v>
      </c>
      <c r="Y7211" s="2">
        <v>7.6</v>
      </c>
      <c r="Z7211" s="2">
        <v>16.7</v>
      </c>
      <c r="AA7211" s="5"/>
      <c r="AB7211" s="5" t="s">
        <v>43</v>
      </c>
      <c r="AC7211" s="5" t="s">
        <v>44</v>
      </c>
      <c r="AD7211" s="2"/>
      <c r="AE7211" s="1"/>
    </row>
    <row r="7212" spans="1:31" ht="14.45">
      <c r="A7212" s="11"/>
      <c r="B7212" s="20"/>
      <c r="C7212" s="2" t="s">
        <v>22108</v>
      </c>
      <c r="D7212" s="14" t="s">
        <v>22109</v>
      </c>
      <c r="E7212" s="2" t="s">
        <v>22110</v>
      </c>
      <c r="F7212" s="2" t="s">
        <v>7507</v>
      </c>
      <c r="G7212" s="8">
        <v>267</v>
      </c>
      <c r="H7212" s="5">
        <v>6</v>
      </c>
      <c r="I7212" s="5" t="s">
        <v>1518</v>
      </c>
      <c r="J7212" s="5" t="s">
        <v>1519</v>
      </c>
      <c r="K7212" s="2" t="s">
        <v>1520</v>
      </c>
      <c r="L7212" s="5" t="s">
        <v>1519</v>
      </c>
      <c r="M7212" s="2" t="s">
        <v>1520</v>
      </c>
      <c r="N7212" s="5" t="s">
        <v>1521</v>
      </c>
      <c r="O7212" s="5" t="s">
        <v>38</v>
      </c>
      <c r="P7212" s="5" t="s">
        <v>39</v>
      </c>
      <c r="Q7212" s="5" t="s">
        <v>40</v>
      </c>
      <c r="R7212" s="5" t="s">
        <v>1522</v>
      </c>
      <c r="S7212" s="5" t="s">
        <v>1523</v>
      </c>
      <c r="T7212" s="5" t="s">
        <v>42</v>
      </c>
      <c r="U7212" s="2">
        <v>3.6339999999999999</v>
      </c>
      <c r="V7212" s="2">
        <v>2.8660000000000001</v>
      </c>
      <c r="W7212" s="2">
        <v>2.1000000000000001E-2</v>
      </c>
      <c r="X7212" s="2">
        <v>165.1</v>
      </c>
      <c r="Y7212" s="2">
        <v>7.6</v>
      </c>
      <c r="Z7212" s="2">
        <v>16.7</v>
      </c>
      <c r="AA7212" s="5"/>
      <c r="AB7212" s="5" t="s">
        <v>43</v>
      </c>
      <c r="AC7212" s="5" t="s">
        <v>44</v>
      </c>
      <c r="AD7212" s="2"/>
      <c r="AE7212" s="1"/>
    </row>
    <row r="7213" spans="1:31" ht="14.45">
      <c r="A7213" s="11"/>
      <c r="B7213" s="20"/>
      <c r="C7213" s="2" t="s">
        <v>22111</v>
      </c>
      <c r="D7213" s="14" t="s">
        <v>22112</v>
      </c>
      <c r="E7213" s="2" t="s">
        <v>22113</v>
      </c>
      <c r="F7213" s="2" t="s">
        <v>7204</v>
      </c>
      <c r="G7213" s="8">
        <v>267</v>
      </c>
      <c r="H7213" s="5">
        <v>6</v>
      </c>
      <c r="I7213" s="5" t="s">
        <v>1518</v>
      </c>
      <c r="J7213" s="5" t="s">
        <v>1519</v>
      </c>
      <c r="K7213" s="2" t="s">
        <v>1520</v>
      </c>
      <c r="L7213" s="5" t="s">
        <v>1519</v>
      </c>
      <c r="M7213" s="2" t="s">
        <v>1520</v>
      </c>
      <c r="N7213" s="5" t="s">
        <v>1521</v>
      </c>
      <c r="O7213" s="5" t="s">
        <v>38</v>
      </c>
      <c r="P7213" s="5" t="s">
        <v>39</v>
      </c>
      <c r="Q7213" s="5" t="s">
        <v>40</v>
      </c>
      <c r="R7213" s="5" t="s">
        <v>1522</v>
      </c>
      <c r="S7213" s="5" t="s">
        <v>1523</v>
      </c>
      <c r="T7213" s="5" t="s">
        <v>42</v>
      </c>
      <c r="U7213" s="2">
        <v>3.5270000000000001</v>
      </c>
      <c r="V7213" s="2">
        <v>2.7589999999999999</v>
      </c>
      <c r="W7213" s="2">
        <v>2.1000000000000001E-2</v>
      </c>
      <c r="X7213" s="2">
        <v>165.1</v>
      </c>
      <c r="Y7213" s="2">
        <v>7.6</v>
      </c>
      <c r="Z7213" s="2">
        <v>16.7</v>
      </c>
      <c r="AA7213" s="5"/>
      <c r="AB7213" s="5" t="s">
        <v>43</v>
      </c>
      <c r="AC7213" s="5" t="s">
        <v>44</v>
      </c>
      <c r="AD7213" s="2"/>
      <c r="AE7213" s="1"/>
    </row>
    <row r="7214" spans="1:31" ht="14.45">
      <c r="A7214" s="11"/>
      <c r="B7214" s="20"/>
      <c r="C7214" s="2" t="s">
        <v>22114</v>
      </c>
      <c r="D7214" s="14" t="s">
        <v>22115</v>
      </c>
      <c r="E7214" s="2" t="s">
        <v>22116</v>
      </c>
      <c r="F7214" s="2" t="s">
        <v>7514</v>
      </c>
      <c r="G7214" s="8">
        <v>267</v>
      </c>
      <c r="H7214" s="5">
        <v>6</v>
      </c>
      <c r="I7214" s="5" t="s">
        <v>1518</v>
      </c>
      <c r="J7214" s="5" t="s">
        <v>1519</v>
      </c>
      <c r="K7214" s="2" t="s">
        <v>1520</v>
      </c>
      <c r="L7214" s="5" t="s">
        <v>1519</v>
      </c>
      <c r="M7214" s="2" t="s">
        <v>1520</v>
      </c>
      <c r="N7214" s="5" t="s">
        <v>1521</v>
      </c>
      <c r="O7214" s="5" t="s">
        <v>38</v>
      </c>
      <c r="P7214" s="5" t="s">
        <v>39</v>
      </c>
      <c r="Q7214" s="5" t="s">
        <v>40</v>
      </c>
      <c r="R7214" s="5" t="s">
        <v>1522</v>
      </c>
      <c r="S7214" s="5" t="s">
        <v>1523</v>
      </c>
      <c r="T7214" s="5" t="s">
        <v>42</v>
      </c>
      <c r="U7214" s="2">
        <v>3.6440000000000001</v>
      </c>
      <c r="V7214" s="2">
        <v>2.8759999999999999</v>
      </c>
      <c r="W7214" s="2">
        <v>2.1000000000000001E-2</v>
      </c>
      <c r="X7214" s="2">
        <v>165.1</v>
      </c>
      <c r="Y7214" s="2">
        <v>7.6</v>
      </c>
      <c r="Z7214" s="2">
        <v>16.7</v>
      </c>
      <c r="AA7214" s="5"/>
      <c r="AB7214" s="5" t="s">
        <v>43</v>
      </c>
      <c r="AC7214" s="5" t="s">
        <v>44</v>
      </c>
      <c r="AD7214" s="2"/>
      <c r="AE7214" s="1"/>
    </row>
    <row r="7215" spans="1:31" ht="14.45">
      <c r="A7215" s="11"/>
      <c r="B7215" s="20"/>
      <c r="C7215" s="2" t="s">
        <v>22117</v>
      </c>
      <c r="D7215" s="14" t="s">
        <v>22118</v>
      </c>
      <c r="E7215" s="2" t="s">
        <v>22119</v>
      </c>
      <c r="F7215" s="2" t="s">
        <v>7208</v>
      </c>
      <c r="G7215" s="8">
        <v>267</v>
      </c>
      <c r="H7215" s="5">
        <v>6</v>
      </c>
      <c r="I7215" s="5" t="s">
        <v>1518</v>
      </c>
      <c r="J7215" s="5" t="s">
        <v>1519</v>
      </c>
      <c r="K7215" s="2" t="s">
        <v>1520</v>
      </c>
      <c r="L7215" s="5" t="s">
        <v>1519</v>
      </c>
      <c r="M7215" s="2" t="s">
        <v>1520</v>
      </c>
      <c r="N7215" s="5" t="s">
        <v>1521</v>
      </c>
      <c r="O7215" s="5" t="s">
        <v>38</v>
      </c>
      <c r="P7215" s="5" t="s">
        <v>39</v>
      </c>
      <c r="Q7215" s="5" t="s">
        <v>40</v>
      </c>
      <c r="R7215" s="5" t="s">
        <v>1522</v>
      </c>
      <c r="S7215" s="5" t="s">
        <v>1523</v>
      </c>
      <c r="T7215" s="5" t="s">
        <v>42</v>
      </c>
      <c r="U7215" s="2">
        <v>3.5270000000000001</v>
      </c>
      <c r="V7215" s="2">
        <v>2.7589999999999999</v>
      </c>
      <c r="W7215" s="2">
        <v>2.1000000000000001E-2</v>
      </c>
      <c r="X7215" s="2">
        <v>165.1</v>
      </c>
      <c r="Y7215" s="2">
        <v>7.6</v>
      </c>
      <c r="Z7215" s="2">
        <v>16.7</v>
      </c>
      <c r="AA7215" s="5"/>
      <c r="AB7215" s="5" t="s">
        <v>43</v>
      </c>
      <c r="AC7215" s="5" t="s">
        <v>44</v>
      </c>
      <c r="AD7215" s="2"/>
      <c r="AE7215" s="1"/>
    </row>
    <row r="7216" spans="1:31" ht="14.45">
      <c r="A7216" s="11"/>
      <c r="B7216" s="20"/>
      <c r="C7216" s="2" t="s">
        <v>22120</v>
      </c>
      <c r="D7216" s="14" t="s">
        <v>22121</v>
      </c>
      <c r="E7216" s="2" t="s">
        <v>22122</v>
      </c>
      <c r="F7216" s="2" t="s">
        <v>7521</v>
      </c>
      <c r="G7216" s="8">
        <v>267</v>
      </c>
      <c r="H7216" s="5">
        <v>6</v>
      </c>
      <c r="I7216" s="5" t="s">
        <v>1518</v>
      </c>
      <c r="J7216" s="5" t="s">
        <v>1519</v>
      </c>
      <c r="K7216" s="2" t="s">
        <v>1520</v>
      </c>
      <c r="L7216" s="5" t="s">
        <v>1519</v>
      </c>
      <c r="M7216" s="2" t="s">
        <v>1520</v>
      </c>
      <c r="N7216" s="5" t="s">
        <v>1521</v>
      </c>
      <c r="O7216" s="5" t="s">
        <v>38</v>
      </c>
      <c r="P7216" s="5" t="s">
        <v>39</v>
      </c>
      <c r="Q7216" s="5" t="s">
        <v>40</v>
      </c>
      <c r="R7216" s="5" t="s">
        <v>1522</v>
      </c>
      <c r="S7216" s="5" t="s">
        <v>1523</v>
      </c>
      <c r="T7216" s="5" t="s">
        <v>42</v>
      </c>
      <c r="U7216" s="2">
        <v>3.6440000000000001</v>
      </c>
      <c r="V7216" s="2">
        <v>2.8759999999999999</v>
      </c>
      <c r="W7216" s="2">
        <v>2.1000000000000001E-2</v>
      </c>
      <c r="X7216" s="2">
        <v>165.1</v>
      </c>
      <c r="Y7216" s="2">
        <v>7.6</v>
      </c>
      <c r="Z7216" s="2">
        <v>16.7</v>
      </c>
      <c r="AA7216" s="5"/>
      <c r="AB7216" s="5" t="s">
        <v>43</v>
      </c>
      <c r="AC7216" s="5" t="s">
        <v>44</v>
      </c>
      <c r="AD7216" s="2"/>
      <c r="AE7216" s="1"/>
    </row>
    <row r="7217" spans="1:31" ht="14.45">
      <c r="A7217" s="11"/>
      <c r="B7217" s="20"/>
      <c r="C7217" s="2" t="s">
        <v>22123</v>
      </c>
      <c r="D7217" s="14" t="s">
        <v>22124</v>
      </c>
      <c r="E7217" s="2" t="s">
        <v>22125</v>
      </c>
      <c r="F7217" s="2" t="s">
        <v>7212</v>
      </c>
      <c r="G7217" s="8">
        <v>267</v>
      </c>
      <c r="H7217" s="5">
        <v>6</v>
      </c>
      <c r="I7217" s="5" t="s">
        <v>1518</v>
      </c>
      <c r="J7217" s="5" t="s">
        <v>1519</v>
      </c>
      <c r="K7217" s="2" t="s">
        <v>1520</v>
      </c>
      <c r="L7217" s="5" t="s">
        <v>1519</v>
      </c>
      <c r="M7217" s="2" t="s">
        <v>1520</v>
      </c>
      <c r="N7217" s="5" t="s">
        <v>1521</v>
      </c>
      <c r="O7217" s="5" t="s">
        <v>38</v>
      </c>
      <c r="P7217" s="5" t="s">
        <v>39</v>
      </c>
      <c r="Q7217" s="5" t="s">
        <v>40</v>
      </c>
      <c r="R7217" s="5" t="s">
        <v>1522</v>
      </c>
      <c r="S7217" s="5" t="s">
        <v>1523</v>
      </c>
      <c r="T7217" s="5" t="s">
        <v>42</v>
      </c>
      <c r="U7217" s="2">
        <v>3.4969999999999999</v>
      </c>
      <c r="V7217" s="2">
        <v>2.7290000000000001</v>
      </c>
      <c r="W7217" s="2">
        <v>2.1000000000000001E-2</v>
      </c>
      <c r="X7217" s="2">
        <v>165.1</v>
      </c>
      <c r="Y7217" s="2">
        <v>7.6</v>
      </c>
      <c r="Z7217" s="2">
        <v>16.7</v>
      </c>
      <c r="AA7217" s="5"/>
      <c r="AB7217" s="5" t="s">
        <v>43</v>
      </c>
      <c r="AC7217" s="5" t="s">
        <v>44</v>
      </c>
      <c r="AD7217" s="2"/>
      <c r="AE7217" s="1"/>
    </row>
    <row r="7218" spans="1:31" ht="14.45">
      <c r="A7218" s="11"/>
      <c r="B7218" s="20"/>
      <c r="C7218" s="2" t="s">
        <v>22126</v>
      </c>
      <c r="D7218" s="14" t="s">
        <v>22127</v>
      </c>
      <c r="E7218" s="2" t="s">
        <v>22128</v>
      </c>
      <c r="F7218" s="2" t="s">
        <v>7528</v>
      </c>
      <c r="G7218" s="8">
        <v>267</v>
      </c>
      <c r="H7218" s="5">
        <v>6</v>
      </c>
      <c r="I7218" s="5" t="s">
        <v>1518</v>
      </c>
      <c r="J7218" s="5" t="s">
        <v>1519</v>
      </c>
      <c r="K7218" s="2" t="s">
        <v>1520</v>
      </c>
      <c r="L7218" s="5" t="s">
        <v>1519</v>
      </c>
      <c r="M7218" s="2" t="s">
        <v>1520</v>
      </c>
      <c r="N7218" s="5" t="s">
        <v>1521</v>
      </c>
      <c r="O7218" s="5" t="s">
        <v>38</v>
      </c>
      <c r="P7218" s="5" t="s">
        <v>39</v>
      </c>
      <c r="Q7218" s="5" t="s">
        <v>40</v>
      </c>
      <c r="R7218" s="5" t="s">
        <v>1522</v>
      </c>
      <c r="S7218" s="5" t="s">
        <v>1523</v>
      </c>
      <c r="T7218" s="5" t="s">
        <v>42</v>
      </c>
      <c r="U7218" s="2">
        <v>3.6139999999999999</v>
      </c>
      <c r="V7218" s="2">
        <v>2.8460000000000001</v>
      </c>
      <c r="W7218" s="2">
        <v>2.1000000000000001E-2</v>
      </c>
      <c r="X7218" s="2">
        <v>165.1</v>
      </c>
      <c r="Y7218" s="2">
        <v>7.6</v>
      </c>
      <c r="Z7218" s="2">
        <v>16.7</v>
      </c>
      <c r="AA7218" s="5"/>
      <c r="AB7218" s="5" t="s">
        <v>43</v>
      </c>
      <c r="AC7218" s="5" t="s">
        <v>44</v>
      </c>
      <c r="AD7218" s="2"/>
      <c r="AE7218" s="1"/>
    </row>
    <row r="7219" spans="1:31" ht="14.45">
      <c r="A7219" s="11"/>
      <c r="B7219" s="20"/>
      <c r="C7219" s="2" t="s">
        <v>22129</v>
      </c>
      <c r="D7219" s="14" t="s">
        <v>22130</v>
      </c>
      <c r="E7219" s="2" t="s">
        <v>22131</v>
      </c>
      <c r="F7219" s="2" t="s">
        <v>7406</v>
      </c>
      <c r="G7219" s="8">
        <v>287</v>
      </c>
      <c r="H7219" s="5">
        <v>6</v>
      </c>
      <c r="I7219" s="5" t="s">
        <v>1518</v>
      </c>
      <c r="J7219" s="5" t="s">
        <v>1519</v>
      </c>
      <c r="K7219" s="2" t="s">
        <v>1520</v>
      </c>
      <c r="L7219" s="5" t="s">
        <v>1519</v>
      </c>
      <c r="M7219" s="2" t="s">
        <v>1520</v>
      </c>
      <c r="N7219" s="5" t="s">
        <v>1521</v>
      </c>
      <c r="O7219" s="5" t="s">
        <v>38</v>
      </c>
      <c r="P7219" s="5" t="s">
        <v>39</v>
      </c>
      <c r="Q7219" s="5" t="s">
        <v>40</v>
      </c>
      <c r="R7219" s="5" t="s">
        <v>1522</v>
      </c>
      <c r="S7219" s="5" t="s">
        <v>1523</v>
      </c>
      <c r="T7219" s="5" t="s">
        <v>42</v>
      </c>
      <c r="U7219" s="2">
        <v>3.4969999999999999</v>
      </c>
      <c r="V7219" s="2">
        <v>2.7290000000000001</v>
      </c>
      <c r="W7219" s="2">
        <v>2.1000000000000001E-2</v>
      </c>
      <c r="X7219" s="2">
        <v>165.1</v>
      </c>
      <c r="Y7219" s="2">
        <v>7.6</v>
      </c>
      <c r="Z7219" s="2">
        <v>16.7</v>
      </c>
      <c r="AA7219" s="5"/>
      <c r="AB7219" s="5" t="s">
        <v>43</v>
      </c>
      <c r="AC7219" s="5" t="s">
        <v>44</v>
      </c>
      <c r="AD7219" s="2"/>
      <c r="AE7219" s="1"/>
    </row>
    <row r="7220" spans="1:31" ht="14.45">
      <c r="A7220" s="11"/>
      <c r="B7220" s="20"/>
      <c r="C7220" s="2" t="s">
        <v>22132</v>
      </c>
      <c r="D7220" s="14" t="s">
        <v>22133</v>
      </c>
      <c r="E7220" s="2" t="s">
        <v>22134</v>
      </c>
      <c r="F7220" s="2" t="s">
        <v>7535</v>
      </c>
      <c r="G7220" s="8">
        <v>287</v>
      </c>
      <c r="H7220" s="5">
        <v>6</v>
      </c>
      <c r="I7220" s="5" t="s">
        <v>1518</v>
      </c>
      <c r="J7220" s="5" t="s">
        <v>1519</v>
      </c>
      <c r="K7220" s="2" t="s">
        <v>1520</v>
      </c>
      <c r="L7220" s="5" t="s">
        <v>1519</v>
      </c>
      <c r="M7220" s="2" t="s">
        <v>1520</v>
      </c>
      <c r="N7220" s="5" t="s">
        <v>1521</v>
      </c>
      <c r="O7220" s="5" t="s">
        <v>38</v>
      </c>
      <c r="P7220" s="5" t="s">
        <v>39</v>
      </c>
      <c r="Q7220" s="5" t="s">
        <v>40</v>
      </c>
      <c r="R7220" s="5" t="s">
        <v>1522</v>
      </c>
      <c r="S7220" s="5" t="s">
        <v>1523</v>
      </c>
      <c r="T7220" s="5" t="s">
        <v>42</v>
      </c>
      <c r="U7220" s="2">
        <v>3.6139999999999999</v>
      </c>
      <c r="V7220" s="2">
        <v>2.8460000000000001</v>
      </c>
      <c r="W7220" s="2">
        <v>2.1000000000000001E-2</v>
      </c>
      <c r="X7220" s="2">
        <v>165.1</v>
      </c>
      <c r="Y7220" s="2">
        <v>7.6</v>
      </c>
      <c r="Z7220" s="2">
        <v>16.7</v>
      </c>
      <c r="AA7220" s="5"/>
      <c r="AB7220" s="5" t="s">
        <v>43</v>
      </c>
      <c r="AC7220" s="5" t="s">
        <v>44</v>
      </c>
      <c r="AD7220" s="2"/>
      <c r="AE7220" s="1"/>
    </row>
    <row r="7221" spans="1:31" ht="14.45">
      <c r="A7221" s="11"/>
      <c r="B7221" s="20"/>
      <c r="C7221" s="2" t="s">
        <v>22135</v>
      </c>
      <c r="D7221" s="14" t="s">
        <v>22136</v>
      </c>
      <c r="E7221" s="2" t="s">
        <v>22137</v>
      </c>
      <c r="F7221" s="2" t="s">
        <v>7543</v>
      </c>
      <c r="G7221" s="8">
        <v>287</v>
      </c>
      <c r="H7221" s="5">
        <v>6</v>
      </c>
      <c r="I7221" s="5" t="s">
        <v>1518</v>
      </c>
      <c r="J7221" s="5" t="s">
        <v>1519</v>
      </c>
      <c r="K7221" s="2" t="s">
        <v>1520</v>
      </c>
      <c r="L7221" s="5" t="s">
        <v>1519</v>
      </c>
      <c r="M7221" s="2" t="s">
        <v>1520</v>
      </c>
      <c r="N7221" s="5" t="s">
        <v>1521</v>
      </c>
      <c r="O7221" s="5" t="s">
        <v>38</v>
      </c>
      <c r="P7221" s="5" t="s">
        <v>39</v>
      </c>
      <c r="Q7221" s="5" t="s">
        <v>40</v>
      </c>
      <c r="R7221" s="5" t="s">
        <v>1522</v>
      </c>
      <c r="S7221" s="5" t="s">
        <v>1523</v>
      </c>
      <c r="T7221" s="5" t="s">
        <v>42</v>
      </c>
      <c r="U7221" s="2">
        <v>3.6440000000000001</v>
      </c>
      <c r="V7221" s="2">
        <v>2.8759999999999999</v>
      </c>
      <c r="W7221" s="2">
        <v>2.1000000000000001E-2</v>
      </c>
      <c r="X7221" s="2">
        <v>165.1</v>
      </c>
      <c r="Y7221" s="2">
        <v>7.6</v>
      </c>
      <c r="Z7221" s="2">
        <v>16.7</v>
      </c>
      <c r="AA7221" s="5"/>
      <c r="AB7221" s="5" t="s">
        <v>43</v>
      </c>
      <c r="AC7221" s="5" t="s">
        <v>44</v>
      </c>
      <c r="AD7221" s="2"/>
      <c r="AE7221" s="1"/>
    </row>
    <row r="7222" spans="1:31" ht="14.45">
      <c r="A7222" s="11"/>
      <c r="B7222" s="20"/>
      <c r="C7222" s="2" t="s">
        <v>22138</v>
      </c>
      <c r="D7222" s="14" t="s">
        <v>22139</v>
      </c>
      <c r="E7222" s="2" t="s">
        <v>22140</v>
      </c>
      <c r="F7222" s="2" t="s">
        <v>7547</v>
      </c>
      <c r="G7222" s="8">
        <v>287</v>
      </c>
      <c r="H7222" s="5">
        <v>6</v>
      </c>
      <c r="I7222" s="5" t="s">
        <v>1518</v>
      </c>
      <c r="J7222" s="5" t="s">
        <v>1519</v>
      </c>
      <c r="K7222" s="2" t="s">
        <v>1520</v>
      </c>
      <c r="L7222" s="5" t="s">
        <v>1519</v>
      </c>
      <c r="M7222" s="2" t="s">
        <v>1520</v>
      </c>
      <c r="N7222" s="5" t="s">
        <v>1521</v>
      </c>
      <c r="O7222" s="5" t="s">
        <v>38</v>
      </c>
      <c r="P7222" s="5" t="s">
        <v>39</v>
      </c>
      <c r="Q7222" s="5" t="s">
        <v>40</v>
      </c>
      <c r="R7222" s="5" t="s">
        <v>1522</v>
      </c>
      <c r="S7222" s="5" t="s">
        <v>1523</v>
      </c>
      <c r="T7222" s="5" t="s">
        <v>42</v>
      </c>
      <c r="U7222" s="2">
        <v>3.4969999999999999</v>
      </c>
      <c r="V7222" s="2">
        <v>2.7290000000000001</v>
      </c>
      <c r="W7222" s="2">
        <v>2.1000000000000001E-2</v>
      </c>
      <c r="X7222" s="2">
        <v>165.1</v>
      </c>
      <c r="Y7222" s="2">
        <v>7.6</v>
      </c>
      <c r="Z7222" s="2">
        <v>16.7</v>
      </c>
      <c r="AA7222" s="5"/>
      <c r="AB7222" s="5" t="s">
        <v>43</v>
      </c>
      <c r="AC7222" s="5" t="s">
        <v>44</v>
      </c>
      <c r="AD7222" s="2"/>
      <c r="AE7222" s="1"/>
    </row>
    <row r="7223" spans="1:31" ht="14.45">
      <c r="A7223" s="11"/>
      <c r="B7223" s="20"/>
      <c r="C7223" s="2" t="s">
        <v>22141</v>
      </c>
      <c r="D7223" s="14" t="s">
        <v>22142</v>
      </c>
      <c r="E7223" s="2" t="s">
        <v>22143</v>
      </c>
      <c r="F7223" s="2" t="s">
        <v>7555</v>
      </c>
      <c r="G7223" s="8">
        <v>287</v>
      </c>
      <c r="H7223" s="5">
        <v>6</v>
      </c>
      <c r="I7223" s="5" t="s">
        <v>1518</v>
      </c>
      <c r="J7223" s="5" t="s">
        <v>1519</v>
      </c>
      <c r="K7223" s="2" t="s">
        <v>1520</v>
      </c>
      <c r="L7223" s="5" t="s">
        <v>1519</v>
      </c>
      <c r="M7223" s="2" t="s">
        <v>1520</v>
      </c>
      <c r="N7223" s="5" t="s">
        <v>1521</v>
      </c>
      <c r="O7223" s="5" t="s">
        <v>38</v>
      </c>
      <c r="P7223" s="5" t="s">
        <v>39</v>
      </c>
      <c r="Q7223" s="5" t="s">
        <v>40</v>
      </c>
      <c r="R7223" s="5" t="s">
        <v>1522</v>
      </c>
      <c r="S7223" s="5" t="s">
        <v>1523</v>
      </c>
      <c r="T7223" s="5" t="s">
        <v>42</v>
      </c>
      <c r="U7223" s="2">
        <v>3.4969999999999999</v>
      </c>
      <c r="V7223" s="2">
        <v>2.7290000000000001</v>
      </c>
      <c r="W7223" s="2">
        <v>2.1000000000000001E-2</v>
      </c>
      <c r="X7223" s="2">
        <v>165.1</v>
      </c>
      <c r="Y7223" s="2">
        <v>7.6</v>
      </c>
      <c r="Z7223" s="2">
        <v>16.7</v>
      </c>
      <c r="AA7223" s="5"/>
      <c r="AB7223" s="5" t="s">
        <v>43</v>
      </c>
      <c r="AC7223" s="5" t="s">
        <v>44</v>
      </c>
      <c r="AD7223" s="2"/>
      <c r="AE7223" s="1"/>
    </row>
    <row r="7224" spans="1:31" ht="14.45">
      <c r="A7224" s="11"/>
      <c r="B7224" s="20"/>
      <c r="C7224" s="2" t="s">
        <v>22144</v>
      </c>
      <c r="D7224" s="14" t="s">
        <v>22145</v>
      </c>
      <c r="E7224" s="2" t="s">
        <v>22146</v>
      </c>
      <c r="F7224" s="2" t="s">
        <v>7563</v>
      </c>
      <c r="G7224" s="8">
        <v>287</v>
      </c>
      <c r="H7224" s="5">
        <v>6</v>
      </c>
      <c r="I7224" s="5" t="s">
        <v>1518</v>
      </c>
      <c r="J7224" s="5" t="s">
        <v>1519</v>
      </c>
      <c r="K7224" s="2" t="s">
        <v>1520</v>
      </c>
      <c r="L7224" s="5" t="s">
        <v>1519</v>
      </c>
      <c r="M7224" s="2" t="s">
        <v>1520</v>
      </c>
      <c r="N7224" s="5" t="s">
        <v>1521</v>
      </c>
      <c r="O7224" s="5" t="s">
        <v>38</v>
      </c>
      <c r="P7224" s="5" t="s">
        <v>39</v>
      </c>
      <c r="Q7224" s="5" t="s">
        <v>40</v>
      </c>
      <c r="R7224" s="5" t="s">
        <v>1522</v>
      </c>
      <c r="S7224" s="5" t="s">
        <v>1523</v>
      </c>
      <c r="T7224" s="5" t="s">
        <v>42</v>
      </c>
      <c r="U7224" s="2">
        <v>3.5270000000000001</v>
      </c>
      <c r="V7224" s="2">
        <v>2.7589999999999999</v>
      </c>
      <c r="W7224" s="2">
        <v>2.1000000000000001E-2</v>
      </c>
      <c r="X7224" s="2">
        <v>165.1</v>
      </c>
      <c r="Y7224" s="2">
        <v>7.6</v>
      </c>
      <c r="Z7224" s="2">
        <v>16.7</v>
      </c>
      <c r="AA7224" s="5"/>
      <c r="AB7224" s="5" t="s">
        <v>43</v>
      </c>
      <c r="AC7224" s="5" t="s">
        <v>44</v>
      </c>
      <c r="AD7224" s="2"/>
      <c r="AE7224" s="1"/>
    </row>
    <row r="7225" spans="1:31" ht="14.45">
      <c r="A7225" s="11"/>
      <c r="B7225" s="20"/>
      <c r="C7225" s="2" t="s">
        <v>22147</v>
      </c>
      <c r="D7225" s="14" t="s">
        <v>22148</v>
      </c>
      <c r="E7225" s="2" t="s">
        <v>22149</v>
      </c>
      <c r="F7225" s="2" t="s">
        <v>7567</v>
      </c>
      <c r="G7225" s="8">
        <v>287</v>
      </c>
      <c r="H7225" s="5">
        <v>6</v>
      </c>
      <c r="I7225" s="5" t="s">
        <v>1518</v>
      </c>
      <c r="J7225" s="5" t="s">
        <v>1519</v>
      </c>
      <c r="K7225" s="2" t="s">
        <v>1520</v>
      </c>
      <c r="L7225" s="5" t="s">
        <v>1519</v>
      </c>
      <c r="M7225" s="2" t="s">
        <v>1520</v>
      </c>
      <c r="N7225" s="5" t="s">
        <v>1521</v>
      </c>
      <c r="O7225" s="5" t="s">
        <v>38</v>
      </c>
      <c r="P7225" s="5" t="s">
        <v>39</v>
      </c>
      <c r="Q7225" s="5" t="s">
        <v>40</v>
      </c>
      <c r="R7225" s="5" t="s">
        <v>1522</v>
      </c>
      <c r="S7225" s="5" t="s">
        <v>1523</v>
      </c>
      <c r="T7225" s="5" t="s">
        <v>42</v>
      </c>
      <c r="U7225" s="2">
        <v>3.6440000000000001</v>
      </c>
      <c r="V7225" s="2">
        <v>2.8759999999999999</v>
      </c>
      <c r="W7225" s="2">
        <v>2.1000000000000001E-2</v>
      </c>
      <c r="X7225" s="2">
        <v>165.1</v>
      </c>
      <c r="Y7225" s="2">
        <v>7.6</v>
      </c>
      <c r="Z7225" s="2">
        <v>16.7</v>
      </c>
      <c r="AA7225" s="5"/>
      <c r="AB7225" s="5" t="s">
        <v>43</v>
      </c>
      <c r="AC7225" s="5" t="s">
        <v>44</v>
      </c>
      <c r="AD7225" s="2"/>
      <c r="AE7225" s="1"/>
    </row>
    <row r="7226" spans="1:31" ht="14.45">
      <c r="A7226" s="11"/>
      <c r="B7226" s="20"/>
      <c r="C7226" s="2" t="s">
        <v>22150</v>
      </c>
      <c r="D7226" s="14" t="s">
        <v>22151</v>
      </c>
      <c r="E7226" s="2" t="s">
        <v>22152</v>
      </c>
      <c r="F7226" s="2" t="s">
        <v>16194</v>
      </c>
      <c r="G7226" s="8">
        <v>287</v>
      </c>
      <c r="H7226" s="5">
        <v>6</v>
      </c>
      <c r="I7226" s="5" t="s">
        <v>1518</v>
      </c>
      <c r="J7226" s="5" t="s">
        <v>1519</v>
      </c>
      <c r="K7226" s="2" t="s">
        <v>1520</v>
      </c>
      <c r="L7226" s="5" t="s">
        <v>1519</v>
      </c>
      <c r="M7226" s="2" t="s">
        <v>1520</v>
      </c>
      <c r="N7226" s="5" t="s">
        <v>1521</v>
      </c>
      <c r="O7226" s="5" t="s">
        <v>38</v>
      </c>
      <c r="P7226" s="5" t="s">
        <v>39</v>
      </c>
      <c r="Q7226" s="5" t="s">
        <v>40</v>
      </c>
      <c r="R7226" s="5" t="s">
        <v>1522</v>
      </c>
      <c r="S7226" s="5" t="s">
        <v>1523</v>
      </c>
      <c r="T7226" s="5" t="s">
        <v>42</v>
      </c>
      <c r="U7226" s="2">
        <v>3.6440000000000001</v>
      </c>
      <c r="V7226" s="2">
        <v>2.8759999999999999</v>
      </c>
      <c r="W7226" s="2">
        <v>2.1000000000000001E-2</v>
      </c>
      <c r="X7226" s="2">
        <v>165.1</v>
      </c>
      <c r="Y7226" s="2">
        <v>7.6</v>
      </c>
      <c r="Z7226" s="2">
        <v>16.7</v>
      </c>
      <c r="AA7226" s="5"/>
      <c r="AB7226" s="5" t="s">
        <v>43</v>
      </c>
      <c r="AC7226" s="5" t="s">
        <v>44</v>
      </c>
      <c r="AD7226" s="2"/>
      <c r="AE7226" s="1"/>
    </row>
    <row r="7227" spans="1:31" ht="14.45">
      <c r="A7227" s="11"/>
      <c r="B7227" s="20"/>
      <c r="C7227" s="2" t="s">
        <v>22153</v>
      </c>
      <c r="D7227" s="14" t="s">
        <v>22154</v>
      </c>
      <c r="E7227" s="2" t="s">
        <v>22155</v>
      </c>
      <c r="F7227" s="2" t="s">
        <v>7589</v>
      </c>
      <c r="G7227" s="8">
        <v>287</v>
      </c>
      <c r="H7227" s="5">
        <v>6</v>
      </c>
      <c r="I7227" s="5" t="s">
        <v>1518</v>
      </c>
      <c r="J7227" s="5" t="s">
        <v>1519</v>
      </c>
      <c r="K7227" s="2" t="s">
        <v>1520</v>
      </c>
      <c r="L7227" s="5" t="s">
        <v>1519</v>
      </c>
      <c r="M7227" s="2" t="s">
        <v>1520</v>
      </c>
      <c r="N7227" s="5" t="s">
        <v>1521</v>
      </c>
      <c r="O7227" s="5" t="s">
        <v>38</v>
      </c>
      <c r="P7227" s="5" t="s">
        <v>39</v>
      </c>
      <c r="Q7227" s="5" t="s">
        <v>40</v>
      </c>
      <c r="R7227" s="5" t="s">
        <v>1522</v>
      </c>
      <c r="S7227" s="5" t="s">
        <v>1523</v>
      </c>
      <c r="T7227" s="5" t="s">
        <v>42</v>
      </c>
      <c r="U7227" s="2">
        <v>3.6139999999999999</v>
      </c>
      <c r="V7227" s="2">
        <v>2.8460000000000001</v>
      </c>
      <c r="W7227" s="2">
        <v>2.1000000000000001E-2</v>
      </c>
      <c r="X7227" s="2">
        <v>165.1</v>
      </c>
      <c r="Y7227" s="2">
        <v>7.6</v>
      </c>
      <c r="Z7227" s="2">
        <v>16.7</v>
      </c>
      <c r="AA7227" s="5"/>
      <c r="AB7227" s="5" t="s">
        <v>43</v>
      </c>
      <c r="AC7227" s="5" t="s">
        <v>44</v>
      </c>
      <c r="AD7227" s="2"/>
      <c r="AE7227" s="1"/>
    </row>
    <row r="7228" spans="1:31" ht="14.45">
      <c r="A7228" s="11"/>
      <c r="B7228" s="20"/>
      <c r="C7228" s="2" t="s">
        <v>22156</v>
      </c>
      <c r="D7228" s="14" t="s">
        <v>22157</v>
      </c>
      <c r="E7228" s="2" t="s">
        <v>22158</v>
      </c>
      <c r="F7228" s="2" t="s">
        <v>7593</v>
      </c>
      <c r="G7228" s="8">
        <v>287</v>
      </c>
      <c r="H7228" s="5">
        <v>6</v>
      </c>
      <c r="I7228" s="5" t="s">
        <v>1518</v>
      </c>
      <c r="J7228" s="5" t="s">
        <v>1519</v>
      </c>
      <c r="K7228" s="2" t="s">
        <v>1520</v>
      </c>
      <c r="L7228" s="5" t="s">
        <v>1519</v>
      </c>
      <c r="M7228" s="2" t="s">
        <v>1520</v>
      </c>
      <c r="N7228" s="5" t="s">
        <v>1521</v>
      </c>
      <c r="O7228" s="5" t="s">
        <v>38</v>
      </c>
      <c r="P7228" s="5" t="s">
        <v>39</v>
      </c>
      <c r="Q7228" s="5" t="s">
        <v>40</v>
      </c>
      <c r="R7228" s="5" t="s">
        <v>1522</v>
      </c>
      <c r="S7228" s="5" t="s">
        <v>1523</v>
      </c>
      <c r="T7228" s="5" t="s">
        <v>42</v>
      </c>
      <c r="U7228" s="2">
        <v>3.5270000000000001</v>
      </c>
      <c r="V7228" s="2">
        <v>2.7589999999999999</v>
      </c>
      <c r="W7228" s="2">
        <v>2.1000000000000001E-2</v>
      </c>
      <c r="X7228" s="2">
        <v>165.1</v>
      </c>
      <c r="Y7228" s="2">
        <v>7.6</v>
      </c>
      <c r="Z7228" s="2">
        <v>16.7</v>
      </c>
      <c r="AA7228" s="5"/>
      <c r="AB7228" s="5" t="s">
        <v>43</v>
      </c>
      <c r="AC7228" s="5" t="s">
        <v>44</v>
      </c>
      <c r="AD7228" s="2"/>
      <c r="AE7228" s="1"/>
    </row>
    <row r="7229" spans="1:31" ht="14.45">
      <c r="A7229" s="11"/>
      <c r="B7229" s="20"/>
      <c r="C7229" s="2" t="s">
        <v>22159</v>
      </c>
      <c r="D7229" s="14" t="s">
        <v>22160</v>
      </c>
      <c r="E7229" s="2" t="s">
        <v>22161</v>
      </c>
      <c r="F7229" s="2" t="s">
        <v>16014</v>
      </c>
      <c r="G7229" s="8">
        <v>287</v>
      </c>
      <c r="H7229" s="5">
        <v>6</v>
      </c>
      <c r="I7229" s="5" t="s">
        <v>1518</v>
      </c>
      <c r="J7229" s="5" t="s">
        <v>1519</v>
      </c>
      <c r="K7229" s="2" t="s">
        <v>1520</v>
      </c>
      <c r="L7229" s="5" t="s">
        <v>1519</v>
      </c>
      <c r="M7229" s="2" t="s">
        <v>1520</v>
      </c>
      <c r="N7229" s="5" t="s">
        <v>1521</v>
      </c>
      <c r="O7229" s="5" t="s">
        <v>38</v>
      </c>
      <c r="P7229" s="5" t="s">
        <v>39</v>
      </c>
      <c r="Q7229" s="5" t="s">
        <v>40</v>
      </c>
      <c r="R7229" s="5" t="s">
        <v>1522</v>
      </c>
      <c r="S7229" s="5" t="s">
        <v>1523</v>
      </c>
      <c r="T7229" s="5" t="s">
        <v>42</v>
      </c>
      <c r="U7229" s="2">
        <v>3.5270000000000001</v>
      </c>
      <c r="V7229" s="2">
        <v>2.7589999999999999</v>
      </c>
      <c r="W7229" s="2">
        <v>2.1000000000000001E-2</v>
      </c>
      <c r="X7229" s="2">
        <v>165.1</v>
      </c>
      <c r="Y7229" s="2">
        <v>7.6</v>
      </c>
      <c r="Z7229" s="2">
        <v>16.7</v>
      </c>
      <c r="AA7229" s="5"/>
      <c r="AB7229" s="5" t="s">
        <v>43</v>
      </c>
      <c r="AC7229" s="5" t="s">
        <v>44</v>
      </c>
      <c r="AD7229" s="2"/>
      <c r="AE7229" s="1"/>
    </row>
    <row r="7230" spans="1:31" ht="14.45">
      <c r="A7230" s="11"/>
      <c r="B7230" s="20"/>
      <c r="C7230" s="2" t="s">
        <v>22162</v>
      </c>
      <c r="D7230" s="14" t="s">
        <v>22163</v>
      </c>
      <c r="E7230" s="2" t="s">
        <v>22164</v>
      </c>
      <c r="F7230" s="2" t="s">
        <v>16219</v>
      </c>
      <c r="G7230" s="8">
        <v>287</v>
      </c>
      <c r="H7230" s="5">
        <v>6</v>
      </c>
      <c r="I7230" s="5" t="s">
        <v>1518</v>
      </c>
      <c r="J7230" s="5" t="s">
        <v>1519</v>
      </c>
      <c r="K7230" s="2" t="s">
        <v>1520</v>
      </c>
      <c r="L7230" s="5" t="s">
        <v>1519</v>
      </c>
      <c r="M7230" s="2" t="s">
        <v>1520</v>
      </c>
      <c r="N7230" s="5" t="s">
        <v>1521</v>
      </c>
      <c r="O7230" s="5" t="s">
        <v>38</v>
      </c>
      <c r="P7230" s="5" t="s">
        <v>39</v>
      </c>
      <c r="Q7230" s="5" t="s">
        <v>40</v>
      </c>
      <c r="R7230" s="5" t="s">
        <v>1522</v>
      </c>
      <c r="S7230" s="5" t="s">
        <v>1523</v>
      </c>
      <c r="T7230" s="5" t="s">
        <v>42</v>
      </c>
      <c r="U7230" s="2">
        <v>3.6440000000000001</v>
      </c>
      <c r="V7230" s="2">
        <v>2.8759999999999999</v>
      </c>
      <c r="W7230" s="2">
        <v>2.1000000000000001E-2</v>
      </c>
      <c r="X7230" s="2">
        <v>165.1</v>
      </c>
      <c r="Y7230" s="2">
        <v>7.6</v>
      </c>
      <c r="Z7230" s="2">
        <v>16.7</v>
      </c>
      <c r="AA7230" s="5"/>
      <c r="AB7230" s="5" t="s">
        <v>43</v>
      </c>
      <c r="AC7230" s="5" t="s">
        <v>44</v>
      </c>
      <c r="AD7230" s="2"/>
      <c r="AE7230" s="1"/>
    </row>
    <row r="7231" spans="1:31" ht="14.45">
      <c r="A7231" s="11"/>
      <c r="B7231" s="20"/>
      <c r="C7231" s="2" t="s">
        <v>22165</v>
      </c>
      <c r="D7231" s="14" t="s">
        <v>22166</v>
      </c>
      <c r="E7231" s="2" t="s">
        <v>22167</v>
      </c>
      <c r="F7231" s="2" t="s">
        <v>16018</v>
      </c>
      <c r="G7231" s="8">
        <v>287</v>
      </c>
      <c r="H7231" s="5">
        <v>6</v>
      </c>
      <c r="I7231" s="5" t="s">
        <v>1518</v>
      </c>
      <c r="J7231" s="5" t="s">
        <v>1519</v>
      </c>
      <c r="K7231" s="2" t="s">
        <v>1520</v>
      </c>
      <c r="L7231" s="5" t="s">
        <v>1519</v>
      </c>
      <c r="M7231" s="2" t="s">
        <v>1520</v>
      </c>
      <c r="N7231" s="5" t="s">
        <v>1521</v>
      </c>
      <c r="O7231" s="5" t="s">
        <v>38</v>
      </c>
      <c r="P7231" s="5" t="s">
        <v>39</v>
      </c>
      <c r="Q7231" s="5" t="s">
        <v>40</v>
      </c>
      <c r="R7231" s="5" t="s">
        <v>1522</v>
      </c>
      <c r="S7231" s="5" t="s">
        <v>1523</v>
      </c>
      <c r="T7231" s="5" t="s">
        <v>42</v>
      </c>
      <c r="U7231" s="2">
        <v>3.5270000000000001</v>
      </c>
      <c r="V7231" s="2">
        <v>2.7589999999999999</v>
      </c>
      <c r="W7231" s="2">
        <v>2.1000000000000001E-2</v>
      </c>
      <c r="X7231" s="2">
        <v>165.1</v>
      </c>
      <c r="Y7231" s="2">
        <v>7.6</v>
      </c>
      <c r="Z7231" s="2">
        <v>16.7</v>
      </c>
      <c r="AA7231" s="5"/>
      <c r="AB7231" s="5" t="s">
        <v>43</v>
      </c>
      <c r="AC7231" s="5" t="s">
        <v>44</v>
      </c>
      <c r="AD7231" s="2"/>
      <c r="AE7231" s="1"/>
    </row>
    <row r="7232" spans="1:31" ht="14.45">
      <c r="A7232" s="11"/>
      <c r="B7232" s="20"/>
      <c r="C7232" s="2" t="s">
        <v>22168</v>
      </c>
      <c r="D7232" s="14" t="s">
        <v>22169</v>
      </c>
      <c r="E7232" s="2" t="s">
        <v>22170</v>
      </c>
      <c r="F7232" s="2" t="s">
        <v>16022</v>
      </c>
      <c r="G7232" s="8">
        <v>287</v>
      </c>
      <c r="H7232" s="5">
        <v>6</v>
      </c>
      <c r="I7232" s="5" t="s">
        <v>1518</v>
      </c>
      <c r="J7232" s="5" t="s">
        <v>1519</v>
      </c>
      <c r="K7232" s="2" t="s">
        <v>1520</v>
      </c>
      <c r="L7232" s="5" t="s">
        <v>1519</v>
      </c>
      <c r="M7232" s="2" t="s">
        <v>1520</v>
      </c>
      <c r="N7232" s="5" t="s">
        <v>1521</v>
      </c>
      <c r="O7232" s="5" t="s">
        <v>38</v>
      </c>
      <c r="P7232" s="5" t="s">
        <v>39</v>
      </c>
      <c r="Q7232" s="5" t="s">
        <v>40</v>
      </c>
      <c r="R7232" s="5" t="s">
        <v>1522</v>
      </c>
      <c r="S7232" s="5" t="s">
        <v>1523</v>
      </c>
      <c r="T7232" s="5" t="s">
        <v>42</v>
      </c>
      <c r="U7232" s="2">
        <v>3.6440000000000001</v>
      </c>
      <c r="V7232" s="2">
        <v>2.8759999999999999</v>
      </c>
      <c r="W7232" s="2">
        <v>2.1000000000000001E-2</v>
      </c>
      <c r="X7232" s="2">
        <v>165.1</v>
      </c>
      <c r="Y7232" s="2">
        <v>7.6</v>
      </c>
      <c r="Z7232" s="2">
        <v>16.7</v>
      </c>
      <c r="AA7232" s="5"/>
      <c r="AB7232" s="5" t="s">
        <v>43</v>
      </c>
      <c r="AC7232" s="5" t="s">
        <v>44</v>
      </c>
      <c r="AD7232" s="2"/>
      <c r="AE7232" s="1"/>
    </row>
    <row r="7233" spans="1:31" ht="14.45">
      <c r="A7233" s="11"/>
      <c r="B7233" s="20"/>
      <c r="C7233" s="2" t="s">
        <v>22171</v>
      </c>
      <c r="D7233" s="14" t="s">
        <v>22172</v>
      </c>
      <c r="E7233" s="2" t="s">
        <v>22173</v>
      </c>
      <c r="F7233" s="2" t="s">
        <v>7615</v>
      </c>
      <c r="G7233" s="8">
        <v>287</v>
      </c>
      <c r="H7233" s="5">
        <v>6</v>
      </c>
      <c r="I7233" s="5" t="s">
        <v>1518</v>
      </c>
      <c r="J7233" s="5" t="s">
        <v>1519</v>
      </c>
      <c r="K7233" s="2" t="s">
        <v>1520</v>
      </c>
      <c r="L7233" s="5" t="s">
        <v>1519</v>
      </c>
      <c r="M7233" s="2" t="s">
        <v>1520</v>
      </c>
      <c r="N7233" s="5" t="s">
        <v>1521</v>
      </c>
      <c r="O7233" s="5" t="s">
        <v>38</v>
      </c>
      <c r="P7233" s="5" t="s">
        <v>39</v>
      </c>
      <c r="Q7233" s="5" t="s">
        <v>40</v>
      </c>
      <c r="R7233" s="5" t="s">
        <v>1522</v>
      </c>
      <c r="S7233" s="5" t="s">
        <v>1523</v>
      </c>
      <c r="T7233" s="5" t="s">
        <v>42</v>
      </c>
      <c r="U7233" s="2">
        <v>3.4969999999999999</v>
      </c>
      <c r="V7233" s="2">
        <v>2.7290000000000001</v>
      </c>
      <c r="W7233" s="2">
        <v>2.1000000000000001E-2</v>
      </c>
      <c r="X7233" s="2">
        <v>165.1</v>
      </c>
      <c r="Y7233" s="2">
        <v>7.6</v>
      </c>
      <c r="Z7233" s="2">
        <v>16.7</v>
      </c>
      <c r="AA7233" s="5"/>
      <c r="AB7233" s="5" t="s">
        <v>43</v>
      </c>
      <c r="AC7233" s="5" t="s">
        <v>44</v>
      </c>
      <c r="AD7233" s="2"/>
      <c r="AE7233" s="1"/>
    </row>
    <row r="7234" spans="1:31" ht="14.45">
      <c r="A7234" s="11"/>
      <c r="B7234" s="20"/>
      <c r="C7234" s="2" t="s">
        <v>22174</v>
      </c>
      <c r="D7234" s="14" t="s">
        <v>22175</v>
      </c>
      <c r="E7234" s="2" t="s">
        <v>22176</v>
      </c>
      <c r="F7234" s="2" t="s">
        <v>7619</v>
      </c>
      <c r="G7234" s="8">
        <v>287</v>
      </c>
      <c r="H7234" s="5">
        <v>6</v>
      </c>
      <c r="I7234" s="5" t="s">
        <v>1518</v>
      </c>
      <c r="J7234" s="5" t="s">
        <v>1519</v>
      </c>
      <c r="K7234" s="2" t="s">
        <v>1520</v>
      </c>
      <c r="L7234" s="5" t="s">
        <v>1519</v>
      </c>
      <c r="M7234" s="2" t="s">
        <v>1520</v>
      </c>
      <c r="N7234" s="5" t="s">
        <v>1521</v>
      </c>
      <c r="O7234" s="5" t="s">
        <v>38</v>
      </c>
      <c r="P7234" s="5" t="s">
        <v>39</v>
      </c>
      <c r="Q7234" s="5" t="s">
        <v>40</v>
      </c>
      <c r="R7234" s="5" t="s">
        <v>1522</v>
      </c>
      <c r="S7234" s="5" t="s">
        <v>1523</v>
      </c>
      <c r="T7234" s="5" t="s">
        <v>42</v>
      </c>
      <c r="U7234" s="2">
        <v>3.6139999999999999</v>
      </c>
      <c r="V7234" s="2">
        <v>2.8460000000000001</v>
      </c>
      <c r="W7234" s="2">
        <v>2.1000000000000001E-2</v>
      </c>
      <c r="X7234" s="2">
        <v>165.1</v>
      </c>
      <c r="Y7234" s="2">
        <v>7.6</v>
      </c>
      <c r="Z7234" s="2">
        <v>16.7</v>
      </c>
      <c r="AA7234" s="5"/>
      <c r="AB7234" s="5" t="s">
        <v>43</v>
      </c>
      <c r="AC7234" s="5" t="s">
        <v>44</v>
      </c>
      <c r="AD7234" s="2"/>
      <c r="AE7234" s="1"/>
    </row>
    <row r="7235" spans="1:31" ht="14.45">
      <c r="A7235" s="11"/>
      <c r="B7235" s="20"/>
      <c r="C7235" s="2" t="s">
        <v>22177</v>
      </c>
      <c r="D7235" s="14" t="s">
        <v>22178</v>
      </c>
      <c r="E7235" s="2" t="s">
        <v>22179</v>
      </c>
      <c r="F7235" s="2" t="s">
        <v>16029</v>
      </c>
      <c r="G7235" s="8">
        <v>287</v>
      </c>
      <c r="H7235" s="5">
        <v>11</v>
      </c>
      <c r="I7235" s="5" t="s">
        <v>1518</v>
      </c>
      <c r="J7235" s="5" t="s">
        <v>1519</v>
      </c>
      <c r="K7235" s="2" t="s">
        <v>1520</v>
      </c>
      <c r="L7235" s="5" t="s">
        <v>1519</v>
      </c>
      <c r="M7235" s="2" t="s">
        <v>1520</v>
      </c>
      <c r="N7235" s="5" t="s">
        <v>1521</v>
      </c>
      <c r="O7235" s="5" t="s">
        <v>38</v>
      </c>
      <c r="P7235" s="5" t="s">
        <v>39</v>
      </c>
      <c r="Q7235" s="5" t="s">
        <v>40</v>
      </c>
      <c r="R7235" s="5" t="s">
        <v>1522</v>
      </c>
      <c r="S7235" s="5" t="s">
        <v>1523</v>
      </c>
      <c r="T7235" s="5" t="s">
        <v>42</v>
      </c>
      <c r="U7235" s="2">
        <v>3.5310000000000001</v>
      </c>
      <c r="V7235" s="2">
        <v>2.7629999999999999</v>
      </c>
      <c r="W7235" s="2">
        <v>2.1000000000000001E-2</v>
      </c>
      <c r="X7235" s="2">
        <v>165.1</v>
      </c>
      <c r="Y7235" s="2">
        <v>7.6</v>
      </c>
      <c r="Z7235" s="2">
        <v>16.7</v>
      </c>
      <c r="AA7235" s="5"/>
      <c r="AB7235" s="5" t="s">
        <v>43</v>
      </c>
      <c r="AC7235" s="5" t="s">
        <v>44</v>
      </c>
      <c r="AD7235" s="2"/>
      <c r="AE7235" s="1"/>
    </row>
    <row r="7236" spans="1:31" ht="14.45">
      <c r="A7236" s="11"/>
      <c r="B7236" s="20"/>
      <c r="C7236" s="2" t="s">
        <v>22180</v>
      </c>
      <c r="D7236" s="14" t="s">
        <v>22181</v>
      </c>
      <c r="E7236" s="2" t="s">
        <v>22182</v>
      </c>
      <c r="F7236" s="2" t="s">
        <v>16033</v>
      </c>
      <c r="G7236" s="8">
        <v>287</v>
      </c>
      <c r="H7236" s="5">
        <v>11</v>
      </c>
      <c r="I7236" s="5" t="s">
        <v>1518</v>
      </c>
      <c r="J7236" s="5" t="s">
        <v>1519</v>
      </c>
      <c r="K7236" s="2" t="s">
        <v>1520</v>
      </c>
      <c r="L7236" s="5" t="s">
        <v>1519</v>
      </c>
      <c r="M7236" s="2" t="s">
        <v>1520</v>
      </c>
      <c r="N7236" s="5" t="s">
        <v>1521</v>
      </c>
      <c r="O7236" s="5" t="s">
        <v>38</v>
      </c>
      <c r="P7236" s="5" t="s">
        <v>39</v>
      </c>
      <c r="Q7236" s="5" t="s">
        <v>40</v>
      </c>
      <c r="R7236" s="5" t="s">
        <v>1522</v>
      </c>
      <c r="S7236" s="5" t="s">
        <v>1523</v>
      </c>
      <c r="T7236" s="5" t="s">
        <v>42</v>
      </c>
      <c r="U7236" s="2">
        <v>3.6480000000000001</v>
      </c>
      <c r="V7236" s="2">
        <v>2.88</v>
      </c>
      <c r="W7236" s="2">
        <v>2.1000000000000001E-2</v>
      </c>
      <c r="X7236" s="2">
        <v>165.1</v>
      </c>
      <c r="Y7236" s="2">
        <v>7.6</v>
      </c>
      <c r="Z7236" s="2">
        <v>16.7</v>
      </c>
      <c r="AA7236" s="5"/>
      <c r="AB7236" s="5" t="s">
        <v>43</v>
      </c>
      <c r="AC7236" s="5" t="s">
        <v>44</v>
      </c>
      <c r="AD7236" s="2"/>
      <c r="AE7236" s="1"/>
    </row>
    <row r="7237" spans="1:31" ht="14.45">
      <c r="A7237" s="11"/>
      <c r="B7237" s="20"/>
      <c r="C7237" s="2" t="s">
        <v>22183</v>
      </c>
      <c r="D7237" s="14" t="s">
        <v>22184</v>
      </c>
      <c r="E7237" s="2" t="s">
        <v>22185</v>
      </c>
      <c r="F7237" s="2" t="s">
        <v>7396</v>
      </c>
      <c r="G7237" s="8">
        <v>254</v>
      </c>
      <c r="H7237" s="5">
        <v>6</v>
      </c>
      <c r="I7237" s="5" t="s">
        <v>1518</v>
      </c>
      <c r="J7237" s="5" t="s">
        <v>1519</v>
      </c>
      <c r="K7237" s="2" t="s">
        <v>1520</v>
      </c>
      <c r="L7237" s="5" t="s">
        <v>1519</v>
      </c>
      <c r="M7237" s="2" t="s">
        <v>1520</v>
      </c>
      <c r="N7237" s="5" t="s">
        <v>1521</v>
      </c>
      <c r="O7237" s="5" t="s">
        <v>38</v>
      </c>
      <c r="P7237" s="5" t="s">
        <v>39</v>
      </c>
      <c r="Q7237" s="5" t="s">
        <v>40</v>
      </c>
      <c r="R7237" s="5" t="s">
        <v>1522</v>
      </c>
      <c r="S7237" s="5" t="s">
        <v>1523</v>
      </c>
      <c r="T7237" s="5" t="s">
        <v>42</v>
      </c>
      <c r="U7237" s="2">
        <v>2.8130000000000002</v>
      </c>
      <c r="V7237" s="2">
        <v>2.278</v>
      </c>
      <c r="W7237" s="2">
        <v>1.4999999999999999E-2</v>
      </c>
      <c r="X7237" s="2">
        <v>118.9</v>
      </c>
      <c r="Y7237" s="2">
        <v>7.6</v>
      </c>
      <c r="Z7237" s="2">
        <v>16.7</v>
      </c>
      <c r="AA7237" s="5"/>
      <c r="AB7237" s="5" t="s">
        <v>43</v>
      </c>
      <c r="AC7237" s="5" t="s">
        <v>44</v>
      </c>
      <c r="AD7237" s="2"/>
      <c r="AE7237" s="1"/>
    </row>
    <row r="7238" spans="1:31" ht="14.45">
      <c r="A7238" s="11"/>
      <c r="B7238" s="20"/>
      <c r="C7238" s="2" t="s">
        <v>22186</v>
      </c>
      <c r="D7238" s="14" t="s">
        <v>22187</v>
      </c>
      <c r="E7238" s="2" t="s">
        <v>22188</v>
      </c>
      <c r="F7238" s="2" t="s">
        <v>7507</v>
      </c>
      <c r="G7238" s="8">
        <v>254</v>
      </c>
      <c r="H7238" s="5">
        <v>6</v>
      </c>
      <c r="I7238" s="5" t="s">
        <v>1518</v>
      </c>
      <c r="J7238" s="5" t="s">
        <v>1519</v>
      </c>
      <c r="K7238" s="2" t="s">
        <v>1520</v>
      </c>
      <c r="L7238" s="5" t="s">
        <v>1519</v>
      </c>
      <c r="M7238" s="2" t="s">
        <v>1520</v>
      </c>
      <c r="N7238" s="5" t="s">
        <v>1521</v>
      </c>
      <c r="O7238" s="5" t="s">
        <v>38</v>
      </c>
      <c r="P7238" s="5" t="s">
        <v>39</v>
      </c>
      <c r="Q7238" s="5" t="s">
        <v>40</v>
      </c>
      <c r="R7238" s="5" t="s">
        <v>1522</v>
      </c>
      <c r="S7238" s="5" t="s">
        <v>1523</v>
      </c>
      <c r="T7238" s="5" t="s">
        <v>42</v>
      </c>
      <c r="U7238" s="2">
        <v>2.8879999999999999</v>
      </c>
      <c r="V7238" s="2">
        <v>2.3530000000000002</v>
      </c>
      <c r="W7238" s="2">
        <v>1.4999999999999999E-2</v>
      </c>
      <c r="X7238" s="2">
        <v>118.9</v>
      </c>
      <c r="Y7238" s="2">
        <v>7.6</v>
      </c>
      <c r="Z7238" s="2">
        <v>16.7</v>
      </c>
      <c r="AA7238" s="5"/>
      <c r="AB7238" s="5" t="s">
        <v>43</v>
      </c>
      <c r="AC7238" s="5" t="s">
        <v>44</v>
      </c>
      <c r="AD7238" s="2"/>
      <c r="AE7238" s="1"/>
    </row>
    <row r="7239" spans="1:31" ht="14.45">
      <c r="A7239" s="11"/>
      <c r="B7239" s="20"/>
      <c r="C7239" s="2" t="s">
        <v>22189</v>
      </c>
      <c r="D7239" s="14" t="s">
        <v>22190</v>
      </c>
      <c r="E7239" s="2" t="s">
        <v>22191</v>
      </c>
      <c r="F7239" s="2" t="s">
        <v>7204</v>
      </c>
      <c r="G7239" s="8">
        <v>254</v>
      </c>
      <c r="H7239" s="5">
        <v>6</v>
      </c>
      <c r="I7239" s="5" t="s">
        <v>1518</v>
      </c>
      <c r="J7239" s="5" t="s">
        <v>1519</v>
      </c>
      <c r="K7239" s="2" t="s">
        <v>1520</v>
      </c>
      <c r="L7239" s="5" t="s">
        <v>1519</v>
      </c>
      <c r="M7239" s="2" t="s">
        <v>1520</v>
      </c>
      <c r="N7239" s="5" t="s">
        <v>1521</v>
      </c>
      <c r="O7239" s="5" t="s">
        <v>38</v>
      </c>
      <c r="P7239" s="5" t="s">
        <v>39</v>
      </c>
      <c r="Q7239" s="5" t="s">
        <v>40</v>
      </c>
      <c r="R7239" s="5" t="s">
        <v>1522</v>
      </c>
      <c r="S7239" s="5" t="s">
        <v>1523</v>
      </c>
      <c r="T7239" s="5" t="s">
        <v>42</v>
      </c>
      <c r="U7239" s="2">
        <v>2.819</v>
      </c>
      <c r="V7239" s="2">
        <v>2.2839999999999998</v>
      </c>
      <c r="W7239" s="2">
        <v>1.4999999999999999E-2</v>
      </c>
      <c r="X7239" s="2">
        <v>118.9</v>
      </c>
      <c r="Y7239" s="2">
        <v>7.6</v>
      </c>
      <c r="Z7239" s="2">
        <v>16.7</v>
      </c>
      <c r="AA7239" s="5"/>
      <c r="AB7239" s="5" t="s">
        <v>43</v>
      </c>
      <c r="AC7239" s="5" t="s">
        <v>44</v>
      </c>
      <c r="AD7239" s="2"/>
      <c r="AE7239" s="1"/>
    </row>
    <row r="7240" spans="1:31" ht="14.45">
      <c r="A7240" s="11"/>
      <c r="B7240" s="20"/>
      <c r="C7240" s="2" t="s">
        <v>22192</v>
      </c>
      <c r="D7240" s="14" t="s">
        <v>22193</v>
      </c>
      <c r="E7240" s="2" t="s">
        <v>22194</v>
      </c>
      <c r="F7240" s="2" t="s">
        <v>7514</v>
      </c>
      <c r="G7240" s="8">
        <v>254</v>
      </c>
      <c r="H7240" s="5">
        <v>6</v>
      </c>
      <c r="I7240" s="5" t="s">
        <v>1518</v>
      </c>
      <c r="J7240" s="5" t="s">
        <v>1519</v>
      </c>
      <c r="K7240" s="2" t="s">
        <v>1520</v>
      </c>
      <c r="L7240" s="5" t="s">
        <v>1519</v>
      </c>
      <c r="M7240" s="2" t="s">
        <v>1520</v>
      </c>
      <c r="N7240" s="5" t="s">
        <v>1521</v>
      </c>
      <c r="O7240" s="5" t="s">
        <v>38</v>
      </c>
      <c r="P7240" s="5" t="s">
        <v>39</v>
      </c>
      <c r="Q7240" s="5" t="s">
        <v>40</v>
      </c>
      <c r="R7240" s="5" t="s">
        <v>1522</v>
      </c>
      <c r="S7240" s="5" t="s">
        <v>1523</v>
      </c>
      <c r="T7240" s="5" t="s">
        <v>42</v>
      </c>
      <c r="U7240" s="2">
        <v>2.8940000000000001</v>
      </c>
      <c r="V7240" s="2">
        <v>2.359</v>
      </c>
      <c r="W7240" s="2">
        <v>1.4999999999999999E-2</v>
      </c>
      <c r="X7240" s="2">
        <v>118.9</v>
      </c>
      <c r="Y7240" s="2">
        <v>7.6</v>
      </c>
      <c r="Z7240" s="2">
        <v>16.7</v>
      </c>
      <c r="AA7240" s="5"/>
      <c r="AB7240" s="5" t="s">
        <v>43</v>
      </c>
      <c r="AC7240" s="5" t="s">
        <v>44</v>
      </c>
      <c r="AD7240" s="2"/>
      <c r="AE7240" s="1"/>
    </row>
    <row r="7241" spans="1:31" ht="14.45">
      <c r="A7241" s="11"/>
      <c r="B7241" s="20"/>
      <c r="C7241" s="2" t="s">
        <v>22195</v>
      </c>
      <c r="D7241" s="14" t="s">
        <v>22196</v>
      </c>
      <c r="E7241" s="2" t="s">
        <v>22197</v>
      </c>
      <c r="F7241" s="2" t="s">
        <v>7208</v>
      </c>
      <c r="G7241" s="8">
        <v>254</v>
      </c>
      <c r="H7241" s="5">
        <v>6</v>
      </c>
      <c r="I7241" s="5" t="s">
        <v>1518</v>
      </c>
      <c r="J7241" s="5" t="s">
        <v>1519</v>
      </c>
      <c r="K7241" s="2" t="s">
        <v>1520</v>
      </c>
      <c r="L7241" s="5" t="s">
        <v>1519</v>
      </c>
      <c r="M7241" s="2" t="s">
        <v>1520</v>
      </c>
      <c r="N7241" s="5" t="s">
        <v>1521</v>
      </c>
      <c r="O7241" s="5" t="s">
        <v>38</v>
      </c>
      <c r="P7241" s="5" t="s">
        <v>39</v>
      </c>
      <c r="Q7241" s="5" t="s">
        <v>40</v>
      </c>
      <c r="R7241" s="5" t="s">
        <v>1522</v>
      </c>
      <c r="S7241" s="5" t="s">
        <v>1523</v>
      </c>
      <c r="T7241" s="5" t="s">
        <v>42</v>
      </c>
      <c r="U7241" s="2">
        <v>2.819</v>
      </c>
      <c r="V7241" s="2">
        <v>2.2839999999999998</v>
      </c>
      <c r="W7241" s="2">
        <v>1.4999999999999999E-2</v>
      </c>
      <c r="X7241" s="2">
        <v>118.9</v>
      </c>
      <c r="Y7241" s="2">
        <v>7.6</v>
      </c>
      <c r="Z7241" s="2">
        <v>16.7</v>
      </c>
      <c r="AA7241" s="5"/>
      <c r="AB7241" s="5" t="s">
        <v>43</v>
      </c>
      <c r="AC7241" s="5" t="s">
        <v>44</v>
      </c>
      <c r="AD7241" s="2"/>
      <c r="AE7241" s="1"/>
    </row>
    <row r="7242" spans="1:31" ht="14.45">
      <c r="A7242" s="11"/>
      <c r="B7242" s="20"/>
      <c r="C7242" s="2" t="s">
        <v>22198</v>
      </c>
      <c r="D7242" s="14" t="s">
        <v>22199</v>
      </c>
      <c r="E7242" s="2" t="s">
        <v>22200</v>
      </c>
      <c r="F7242" s="2" t="s">
        <v>7521</v>
      </c>
      <c r="G7242" s="8">
        <v>254</v>
      </c>
      <c r="H7242" s="5">
        <v>6</v>
      </c>
      <c r="I7242" s="5" t="s">
        <v>1518</v>
      </c>
      <c r="J7242" s="5" t="s">
        <v>1519</v>
      </c>
      <c r="K7242" s="2" t="s">
        <v>1520</v>
      </c>
      <c r="L7242" s="5" t="s">
        <v>1519</v>
      </c>
      <c r="M7242" s="2" t="s">
        <v>1520</v>
      </c>
      <c r="N7242" s="5" t="s">
        <v>1521</v>
      </c>
      <c r="O7242" s="5" t="s">
        <v>38</v>
      </c>
      <c r="P7242" s="5" t="s">
        <v>39</v>
      </c>
      <c r="Q7242" s="5" t="s">
        <v>40</v>
      </c>
      <c r="R7242" s="5" t="s">
        <v>1522</v>
      </c>
      <c r="S7242" s="5" t="s">
        <v>1523</v>
      </c>
      <c r="T7242" s="5" t="s">
        <v>42</v>
      </c>
      <c r="U7242" s="2">
        <v>2.8940000000000001</v>
      </c>
      <c r="V7242" s="2">
        <v>2.359</v>
      </c>
      <c r="W7242" s="2">
        <v>1.4999999999999999E-2</v>
      </c>
      <c r="X7242" s="2">
        <v>118.9</v>
      </c>
      <c r="Y7242" s="2">
        <v>7.6</v>
      </c>
      <c r="Z7242" s="2">
        <v>16.7</v>
      </c>
      <c r="AA7242" s="5"/>
      <c r="AB7242" s="5" t="s">
        <v>43</v>
      </c>
      <c r="AC7242" s="5" t="s">
        <v>44</v>
      </c>
      <c r="AD7242" s="2"/>
      <c r="AE7242" s="1"/>
    </row>
    <row r="7243" spans="1:31" ht="14.45">
      <c r="A7243" s="11"/>
      <c r="B7243" s="20"/>
      <c r="C7243" s="2" t="s">
        <v>22201</v>
      </c>
      <c r="D7243" s="14" t="s">
        <v>22202</v>
      </c>
      <c r="E7243" s="2" t="s">
        <v>22203</v>
      </c>
      <c r="F7243" s="2" t="s">
        <v>7212</v>
      </c>
      <c r="G7243" s="8">
        <v>254</v>
      </c>
      <c r="H7243" s="5">
        <v>6</v>
      </c>
      <c r="I7243" s="5" t="s">
        <v>1518</v>
      </c>
      <c r="J7243" s="5" t="s">
        <v>1519</v>
      </c>
      <c r="K7243" s="2" t="s">
        <v>1520</v>
      </c>
      <c r="L7243" s="5" t="s">
        <v>1519</v>
      </c>
      <c r="M7243" s="2" t="s">
        <v>1520</v>
      </c>
      <c r="N7243" s="5" t="s">
        <v>1521</v>
      </c>
      <c r="O7243" s="5" t="s">
        <v>38</v>
      </c>
      <c r="P7243" s="5" t="s">
        <v>39</v>
      </c>
      <c r="Q7243" s="5" t="s">
        <v>40</v>
      </c>
      <c r="R7243" s="5" t="s">
        <v>1522</v>
      </c>
      <c r="S7243" s="5" t="s">
        <v>1523</v>
      </c>
      <c r="T7243" s="5" t="s">
        <v>42</v>
      </c>
      <c r="U7243" s="2">
        <v>2.8010000000000002</v>
      </c>
      <c r="V7243" s="2">
        <v>2.266</v>
      </c>
      <c r="W7243" s="2">
        <v>1.4999999999999999E-2</v>
      </c>
      <c r="X7243" s="2">
        <v>118.9</v>
      </c>
      <c r="Y7243" s="2">
        <v>7.6</v>
      </c>
      <c r="Z7243" s="2">
        <v>16.7</v>
      </c>
      <c r="AA7243" s="5"/>
      <c r="AB7243" s="5" t="s">
        <v>43</v>
      </c>
      <c r="AC7243" s="5" t="s">
        <v>44</v>
      </c>
      <c r="AD7243" s="2"/>
      <c r="AE7243" s="1"/>
    </row>
    <row r="7244" spans="1:31" ht="14.45">
      <c r="A7244" s="11"/>
      <c r="B7244" s="20"/>
      <c r="C7244" s="2" t="s">
        <v>22204</v>
      </c>
      <c r="D7244" s="14" t="s">
        <v>22205</v>
      </c>
      <c r="E7244" s="2" t="s">
        <v>22206</v>
      </c>
      <c r="F7244" s="2" t="s">
        <v>7528</v>
      </c>
      <c r="G7244" s="8">
        <v>254</v>
      </c>
      <c r="H7244" s="5">
        <v>6</v>
      </c>
      <c r="I7244" s="5" t="s">
        <v>1518</v>
      </c>
      <c r="J7244" s="5" t="s">
        <v>1519</v>
      </c>
      <c r="K7244" s="2" t="s">
        <v>1520</v>
      </c>
      <c r="L7244" s="5" t="s">
        <v>1519</v>
      </c>
      <c r="M7244" s="2" t="s">
        <v>1520</v>
      </c>
      <c r="N7244" s="5" t="s">
        <v>1521</v>
      </c>
      <c r="O7244" s="5" t="s">
        <v>38</v>
      </c>
      <c r="P7244" s="5" t="s">
        <v>39</v>
      </c>
      <c r="Q7244" s="5" t="s">
        <v>40</v>
      </c>
      <c r="R7244" s="5" t="s">
        <v>1522</v>
      </c>
      <c r="S7244" s="5" t="s">
        <v>1523</v>
      </c>
      <c r="T7244" s="5" t="s">
        <v>42</v>
      </c>
      <c r="U7244" s="2">
        <v>2.8759999999999999</v>
      </c>
      <c r="V7244" s="2">
        <v>2.3410000000000002</v>
      </c>
      <c r="W7244" s="2">
        <v>1.4999999999999999E-2</v>
      </c>
      <c r="X7244" s="2">
        <v>118.9</v>
      </c>
      <c r="Y7244" s="2">
        <v>7.6</v>
      </c>
      <c r="Z7244" s="2">
        <v>16.7</v>
      </c>
      <c r="AA7244" s="5"/>
      <c r="AB7244" s="5" t="s">
        <v>43</v>
      </c>
      <c r="AC7244" s="5" t="s">
        <v>44</v>
      </c>
      <c r="AD7244" s="2"/>
      <c r="AE7244" s="1"/>
    </row>
    <row r="7245" spans="1:31" ht="14.45">
      <c r="A7245" s="11"/>
      <c r="B7245" s="20"/>
      <c r="C7245" s="2" t="s">
        <v>22207</v>
      </c>
      <c r="D7245" s="14" t="s">
        <v>22208</v>
      </c>
      <c r="E7245" s="2" t="s">
        <v>22209</v>
      </c>
      <c r="F7245" s="2" t="s">
        <v>7406</v>
      </c>
      <c r="G7245" s="8">
        <v>272</v>
      </c>
      <c r="H7245" s="5">
        <v>6</v>
      </c>
      <c r="I7245" s="5" t="s">
        <v>1518</v>
      </c>
      <c r="J7245" s="5" t="s">
        <v>1519</v>
      </c>
      <c r="K7245" s="2" t="s">
        <v>1520</v>
      </c>
      <c r="L7245" s="5" t="s">
        <v>1519</v>
      </c>
      <c r="M7245" s="2" t="s">
        <v>1520</v>
      </c>
      <c r="N7245" s="5" t="s">
        <v>1521</v>
      </c>
      <c r="O7245" s="5" t="s">
        <v>38</v>
      </c>
      <c r="P7245" s="5" t="s">
        <v>39</v>
      </c>
      <c r="Q7245" s="5" t="s">
        <v>40</v>
      </c>
      <c r="R7245" s="5" t="s">
        <v>1522</v>
      </c>
      <c r="S7245" s="5" t="s">
        <v>1523</v>
      </c>
      <c r="T7245" s="5" t="s">
        <v>42</v>
      </c>
      <c r="U7245" s="2">
        <v>2.8010000000000002</v>
      </c>
      <c r="V7245" s="2">
        <v>2.266</v>
      </c>
      <c r="W7245" s="2">
        <v>1.4999999999999999E-2</v>
      </c>
      <c r="X7245" s="2">
        <v>118.9</v>
      </c>
      <c r="Y7245" s="2">
        <v>7.6</v>
      </c>
      <c r="Z7245" s="2">
        <v>16.7</v>
      </c>
      <c r="AA7245" s="5"/>
      <c r="AB7245" s="5" t="s">
        <v>43</v>
      </c>
      <c r="AC7245" s="5" t="s">
        <v>44</v>
      </c>
      <c r="AD7245" s="2"/>
      <c r="AE7245" s="1"/>
    </row>
    <row r="7246" spans="1:31" ht="14.45">
      <c r="A7246" s="11"/>
      <c r="B7246" s="20"/>
      <c r="C7246" s="2" t="s">
        <v>22210</v>
      </c>
      <c r="D7246" s="14" t="s">
        <v>22211</v>
      </c>
      <c r="E7246" s="2" t="s">
        <v>22212</v>
      </c>
      <c r="F7246" s="2" t="s">
        <v>7535</v>
      </c>
      <c r="G7246" s="8">
        <v>272</v>
      </c>
      <c r="H7246" s="5">
        <v>6</v>
      </c>
      <c r="I7246" s="5" t="s">
        <v>1518</v>
      </c>
      <c r="J7246" s="5" t="s">
        <v>1519</v>
      </c>
      <c r="K7246" s="2" t="s">
        <v>1520</v>
      </c>
      <c r="L7246" s="5" t="s">
        <v>1519</v>
      </c>
      <c r="M7246" s="2" t="s">
        <v>1520</v>
      </c>
      <c r="N7246" s="5" t="s">
        <v>1521</v>
      </c>
      <c r="O7246" s="5" t="s">
        <v>38</v>
      </c>
      <c r="P7246" s="5" t="s">
        <v>39</v>
      </c>
      <c r="Q7246" s="5" t="s">
        <v>40</v>
      </c>
      <c r="R7246" s="5" t="s">
        <v>1522</v>
      </c>
      <c r="S7246" s="5" t="s">
        <v>1523</v>
      </c>
      <c r="T7246" s="5" t="s">
        <v>42</v>
      </c>
      <c r="U7246" s="2">
        <v>2.8759999999999999</v>
      </c>
      <c r="V7246" s="2">
        <v>2.3410000000000002</v>
      </c>
      <c r="W7246" s="2">
        <v>1.4999999999999999E-2</v>
      </c>
      <c r="X7246" s="2">
        <v>118.9</v>
      </c>
      <c r="Y7246" s="2">
        <v>7.6</v>
      </c>
      <c r="Z7246" s="2">
        <v>16.7</v>
      </c>
      <c r="AA7246" s="5"/>
      <c r="AB7246" s="5" t="s">
        <v>43</v>
      </c>
      <c r="AC7246" s="5" t="s">
        <v>44</v>
      </c>
      <c r="AD7246" s="2"/>
      <c r="AE7246" s="1"/>
    </row>
    <row r="7247" spans="1:31" ht="14.45">
      <c r="A7247" s="11"/>
      <c r="B7247" s="20"/>
      <c r="C7247" s="2" t="s">
        <v>22213</v>
      </c>
      <c r="D7247" s="14" t="s">
        <v>22214</v>
      </c>
      <c r="E7247" s="2" t="s">
        <v>22215</v>
      </c>
      <c r="F7247" s="2" t="s">
        <v>7539</v>
      </c>
      <c r="G7247" s="8">
        <v>272</v>
      </c>
      <c r="H7247" s="5">
        <v>6</v>
      </c>
      <c r="I7247" s="5" t="s">
        <v>1518</v>
      </c>
      <c r="J7247" s="5" t="s">
        <v>1519</v>
      </c>
      <c r="K7247" s="2" t="s">
        <v>1520</v>
      </c>
      <c r="L7247" s="5" t="s">
        <v>1519</v>
      </c>
      <c r="M7247" s="2" t="s">
        <v>1520</v>
      </c>
      <c r="N7247" s="5" t="s">
        <v>1521</v>
      </c>
      <c r="O7247" s="5" t="s">
        <v>38</v>
      </c>
      <c r="P7247" s="5" t="s">
        <v>39</v>
      </c>
      <c r="Q7247" s="5" t="s">
        <v>40</v>
      </c>
      <c r="R7247" s="5" t="s">
        <v>1522</v>
      </c>
      <c r="S7247" s="5" t="s">
        <v>1523</v>
      </c>
      <c r="T7247" s="5" t="s">
        <v>42</v>
      </c>
      <c r="U7247" s="2">
        <v>2.819</v>
      </c>
      <c r="V7247" s="2">
        <v>2.2839999999999998</v>
      </c>
      <c r="W7247" s="2">
        <v>1.4999999999999999E-2</v>
      </c>
      <c r="X7247" s="2">
        <v>118.9</v>
      </c>
      <c r="Y7247" s="2">
        <v>7.6</v>
      </c>
      <c r="Z7247" s="2">
        <v>16.7</v>
      </c>
      <c r="AA7247" s="5"/>
      <c r="AB7247" s="5" t="s">
        <v>43</v>
      </c>
      <c r="AC7247" s="5" t="s">
        <v>44</v>
      </c>
      <c r="AD7247" s="2"/>
      <c r="AE7247" s="1"/>
    </row>
    <row r="7248" spans="1:31" ht="14.45">
      <c r="A7248" s="11"/>
      <c r="B7248" s="20"/>
      <c r="C7248" s="2" t="s">
        <v>22216</v>
      </c>
      <c r="D7248" s="14" t="s">
        <v>22217</v>
      </c>
      <c r="E7248" s="2" t="s">
        <v>22218</v>
      </c>
      <c r="F7248" s="2" t="s">
        <v>7543</v>
      </c>
      <c r="G7248" s="8">
        <v>272</v>
      </c>
      <c r="H7248" s="5">
        <v>6</v>
      </c>
      <c r="I7248" s="5" t="s">
        <v>1518</v>
      </c>
      <c r="J7248" s="5" t="s">
        <v>1519</v>
      </c>
      <c r="K7248" s="2" t="s">
        <v>1520</v>
      </c>
      <c r="L7248" s="5" t="s">
        <v>1519</v>
      </c>
      <c r="M7248" s="2" t="s">
        <v>1520</v>
      </c>
      <c r="N7248" s="5" t="s">
        <v>1521</v>
      </c>
      <c r="O7248" s="5" t="s">
        <v>38</v>
      </c>
      <c r="P7248" s="5" t="s">
        <v>39</v>
      </c>
      <c r="Q7248" s="5" t="s">
        <v>40</v>
      </c>
      <c r="R7248" s="5" t="s">
        <v>1522</v>
      </c>
      <c r="S7248" s="5" t="s">
        <v>1523</v>
      </c>
      <c r="T7248" s="5" t="s">
        <v>42</v>
      </c>
      <c r="U7248" s="2">
        <v>2.8940000000000001</v>
      </c>
      <c r="V7248" s="2">
        <v>2.359</v>
      </c>
      <c r="W7248" s="2">
        <v>1.4999999999999999E-2</v>
      </c>
      <c r="X7248" s="2">
        <v>118.9</v>
      </c>
      <c r="Y7248" s="2">
        <v>7.6</v>
      </c>
      <c r="Z7248" s="2">
        <v>16.7</v>
      </c>
      <c r="AA7248" s="5"/>
      <c r="AB7248" s="5" t="s">
        <v>43</v>
      </c>
      <c r="AC7248" s="5" t="s">
        <v>44</v>
      </c>
      <c r="AD7248" s="2"/>
      <c r="AE7248" s="1"/>
    </row>
    <row r="7249" spans="1:31" ht="14.45">
      <c r="A7249" s="11"/>
      <c r="B7249" s="20"/>
      <c r="C7249" s="2" t="s">
        <v>22219</v>
      </c>
      <c r="D7249" s="14" t="s">
        <v>22220</v>
      </c>
      <c r="E7249" s="2" t="s">
        <v>22221</v>
      </c>
      <c r="F7249" s="2" t="s">
        <v>7547</v>
      </c>
      <c r="G7249" s="8">
        <v>272</v>
      </c>
      <c r="H7249" s="5">
        <v>6</v>
      </c>
      <c r="I7249" s="5" t="s">
        <v>1518</v>
      </c>
      <c r="J7249" s="5" t="s">
        <v>1519</v>
      </c>
      <c r="K7249" s="2" t="s">
        <v>1520</v>
      </c>
      <c r="L7249" s="5" t="s">
        <v>1519</v>
      </c>
      <c r="M7249" s="2" t="s">
        <v>1520</v>
      </c>
      <c r="N7249" s="5" t="s">
        <v>1521</v>
      </c>
      <c r="O7249" s="5" t="s">
        <v>38</v>
      </c>
      <c r="P7249" s="5" t="s">
        <v>39</v>
      </c>
      <c r="Q7249" s="5" t="s">
        <v>40</v>
      </c>
      <c r="R7249" s="5" t="s">
        <v>1522</v>
      </c>
      <c r="S7249" s="5" t="s">
        <v>1523</v>
      </c>
      <c r="T7249" s="5" t="s">
        <v>42</v>
      </c>
      <c r="U7249" s="2">
        <v>2.8010000000000002</v>
      </c>
      <c r="V7249" s="2">
        <v>2.266</v>
      </c>
      <c r="W7249" s="2">
        <v>1.4999999999999999E-2</v>
      </c>
      <c r="X7249" s="2">
        <v>118.9</v>
      </c>
      <c r="Y7249" s="2">
        <v>7.6</v>
      </c>
      <c r="Z7249" s="2">
        <v>16.7</v>
      </c>
      <c r="AA7249" s="5"/>
      <c r="AB7249" s="5" t="s">
        <v>43</v>
      </c>
      <c r="AC7249" s="5" t="s">
        <v>44</v>
      </c>
      <c r="AD7249" s="2"/>
      <c r="AE7249" s="1"/>
    </row>
    <row r="7250" spans="1:31" ht="14.45">
      <c r="A7250" s="11"/>
      <c r="B7250" s="20"/>
      <c r="C7250" s="2" t="s">
        <v>22222</v>
      </c>
      <c r="D7250" s="14" t="s">
        <v>22223</v>
      </c>
      <c r="E7250" s="2" t="s">
        <v>22224</v>
      </c>
      <c r="F7250" s="2" t="s">
        <v>7551</v>
      </c>
      <c r="G7250" s="8">
        <v>272</v>
      </c>
      <c r="H7250" s="5">
        <v>6</v>
      </c>
      <c r="I7250" s="5" t="s">
        <v>1518</v>
      </c>
      <c r="J7250" s="5" t="s">
        <v>1519</v>
      </c>
      <c r="K7250" s="2" t="s">
        <v>1520</v>
      </c>
      <c r="L7250" s="5" t="s">
        <v>1519</v>
      </c>
      <c r="M7250" s="2" t="s">
        <v>1520</v>
      </c>
      <c r="N7250" s="5" t="s">
        <v>1521</v>
      </c>
      <c r="O7250" s="5" t="s">
        <v>38</v>
      </c>
      <c r="P7250" s="5" t="s">
        <v>39</v>
      </c>
      <c r="Q7250" s="5" t="s">
        <v>40</v>
      </c>
      <c r="R7250" s="5" t="s">
        <v>1522</v>
      </c>
      <c r="S7250" s="5" t="s">
        <v>1523</v>
      </c>
      <c r="T7250" s="5" t="s">
        <v>42</v>
      </c>
      <c r="U7250" s="2">
        <v>2.8759999999999999</v>
      </c>
      <c r="V7250" s="2">
        <v>2.3410000000000002</v>
      </c>
      <c r="W7250" s="2">
        <v>1.4999999999999999E-2</v>
      </c>
      <c r="X7250" s="2">
        <v>118.9</v>
      </c>
      <c r="Y7250" s="2">
        <v>7.6</v>
      </c>
      <c r="Z7250" s="2">
        <v>16.7</v>
      </c>
      <c r="AA7250" s="5"/>
      <c r="AB7250" s="5" t="s">
        <v>43</v>
      </c>
      <c r="AC7250" s="5" t="s">
        <v>44</v>
      </c>
      <c r="AD7250" s="2"/>
      <c r="AE7250" s="1"/>
    </row>
    <row r="7251" spans="1:31" ht="14.45">
      <c r="A7251" s="11"/>
      <c r="B7251" s="20"/>
      <c r="C7251" s="2" t="s">
        <v>22225</v>
      </c>
      <c r="D7251" s="14" t="s">
        <v>22226</v>
      </c>
      <c r="E7251" s="2" t="s">
        <v>22227</v>
      </c>
      <c r="F7251" s="2" t="s">
        <v>7555</v>
      </c>
      <c r="G7251" s="8">
        <v>272</v>
      </c>
      <c r="H7251" s="5">
        <v>6</v>
      </c>
      <c r="I7251" s="5" t="s">
        <v>1518</v>
      </c>
      <c r="J7251" s="5" t="s">
        <v>1519</v>
      </c>
      <c r="K7251" s="2" t="s">
        <v>1520</v>
      </c>
      <c r="L7251" s="5" t="s">
        <v>1519</v>
      </c>
      <c r="M7251" s="2" t="s">
        <v>1520</v>
      </c>
      <c r="N7251" s="5" t="s">
        <v>1521</v>
      </c>
      <c r="O7251" s="5" t="s">
        <v>38</v>
      </c>
      <c r="P7251" s="5" t="s">
        <v>39</v>
      </c>
      <c r="Q7251" s="5" t="s">
        <v>40</v>
      </c>
      <c r="R7251" s="5" t="s">
        <v>1522</v>
      </c>
      <c r="S7251" s="5" t="s">
        <v>1523</v>
      </c>
      <c r="T7251" s="5" t="s">
        <v>42</v>
      </c>
      <c r="U7251" s="2">
        <v>2.8010000000000002</v>
      </c>
      <c r="V7251" s="2">
        <v>2.266</v>
      </c>
      <c r="W7251" s="2">
        <v>1.4999999999999999E-2</v>
      </c>
      <c r="X7251" s="2">
        <v>118.9</v>
      </c>
      <c r="Y7251" s="2">
        <v>7.6</v>
      </c>
      <c r="Z7251" s="2">
        <v>16.7</v>
      </c>
      <c r="AA7251" s="5"/>
      <c r="AB7251" s="5" t="s">
        <v>43</v>
      </c>
      <c r="AC7251" s="5" t="s">
        <v>44</v>
      </c>
      <c r="AD7251" s="2"/>
      <c r="AE7251" s="1"/>
    </row>
    <row r="7252" spans="1:31" ht="14.45">
      <c r="A7252" s="11"/>
      <c r="B7252" s="20"/>
      <c r="C7252" s="2" t="s">
        <v>22228</v>
      </c>
      <c r="D7252" s="14" t="s">
        <v>22229</v>
      </c>
      <c r="E7252" s="2" t="s">
        <v>22230</v>
      </c>
      <c r="F7252" s="2" t="s">
        <v>7559</v>
      </c>
      <c r="G7252" s="8">
        <v>272</v>
      </c>
      <c r="H7252" s="5">
        <v>6</v>
      </c>
      <c r="I7252" s="5" t="s">
        <v>1518</v>
      </c>
      <c r="J7252" s="5" t="s">
        <v>1519</v>
      </c>
      <c r="K7252" s="2" t="s">
        <v>1520</v>
      </c>
      <c r="L7252" s="5" t="s">
        <v>1519</v>
      </c>
      <c r="M7252" s="2" t="s">
        <v>1520</v>
      </c>
      <c r="N7252" s="5" t="s">
        <v>1521</v>
      </c>
      <c r="O7252" s="5" t="s">
        <v>38</v>
      </c>
      <c r="P7252" s="5" t="s">
        <v>39</v>
      </c>
      <c r="Q7252" s="5" t="s">
        <v>40</v>
      </c>
      <c r="R7252" s="5" t="s">
        <v>1522</v>
      </c>
      <c r="S7252" s="5" t="s">
        <v>1523</v>
      </c>
      <c r="T7252" s="5" t="s">
        <v>42</v>
      </c>
      <c r="U7252" s="2">
        <v>2.8759999999999999</v>
      </c>
      <c r="V7252" s="2">
        <v>2.3410000000000002</v>
      </c>
      <c r="W7252" s="2">
        <v>1.4999999999999999E-2</v>
      </c>
      <c r="X7252" s="2">
        <v>118.9</v>
      </c>
      <c r="Y7252" s="2">
        <v>7.6</v>
      </c>
      <c r="Z7252" s="2">
        <v>16.7</v>
      </c>
      <c r="AA7252" s="5"/>
      <c r="AB7252" s="5" t="s">
        <v>43</v>
      </c>
      <c r="AC7252" s="5" t="s">
        <v>44</v>
      </c>
      <c r="AD7252" s="2"/>
      <c r="AE7252" s="1"/>
    </row>
    <row r="7253" spans="1:31" ht="14.45">
      <c r="A7253" s="11"/>
      <c r="B7253" s="20"/>
      <c r="C7253" s="2" t="s">
        <v>22231</v>
      </c>
      <c r="D7253" s="14" t="s">
        <v>22232</v>
      </c>
      <c r="E7253" s="2" t="s">
        <v>22233</v>
      </c>
      <c r="F7253" s="2" t="s">
        <v>7563</v>
      </c>
      <c r="G7253" s="8">
        <v>272</v>
      </c>
      <c r="H7253" s="5">
        <v>6</v>
      </c>
      <c r="I7253" s="5" t="s">
        <v>1518</v>
      </c>
      <c r="J7253" s="5" t="s">
        <v>1519</v>
      </c>
      <c r="K7253" s="2" t="s">
        <v>1520</v>
      </c>
      <c r="L7253" s="5" t="s">
        <v>1519</v>
      </c>
      <c r="M7253" s="2" t="s">
        <v>1520</v>
      </c>
      <c r="N7253" s="5" t="s">
        <v>1521</v>
      </c>
      <c r="O7253" s="5" t="s">
        <v>38</v>
      </c>
      <c r="P7253" s="5" t="s">
        <v>39</v>
      </c>
      <c r="Q7253" s="5" t="s">
        <v>40</v>
      </c>
      <c r="R7253" s="5" t="s">
        <v>1522</v>
      </c>
      <c r="S7253" s="5" t="s">
        <v>1523</v>
      </c>
      <c r="T7253" s="5" t="s">
        <v>42</v>
      </c>
      <c r="U7253" s="2">
        <v>2.819</v>
      </c>
      <c r="V7253" s="2">
        <v>2.2839999999999998</v>
      </c>
      <c r="W7253" s="2">
        <v>1.4999999999999999E-2</v>
      </c>
      <c r="X7253" s="2">
        <v>118.9</v>
      </c>
      <c r="Y7253" s="2">
        <v>7.6</v>
      </c>
      <c r="Z7253" s="2">
        <v>16.7</v>
      </c>
      <c r="AA7253" s="5"/>
      <c r="AB7253" s="5" t="s">
        <v>43</v>
      </c>
      <c r="AC7253" s="5" t="s">
        <v>44</v>
      </c>
      <c r="AD7253" s="2"/>
      <c r="AE7253" s="1"/>
    </row>
    <row r="7254" spans="1:31" ht="14.45">
      <c r="A7254" s="11"/>
      <c r="B7254" s="20"/>
      <c r="C7254" s="2" t="s">
        <v>22234</v>
      </c>
      <c r="D7254" s="14" t="s">
        <v>22235</v>
      </c>
      <c r="E7254" s="2" t="s">
        <v>22236</v>
      </c>
      <c r="F7254" s="2" t="s">
        <v>7567</v>
      </c>
      <c r="G7254" s="8">
        <v>272</v>
      </c>
      <c r="H7254" s="5">
        <v>6</v>
      </c>
      <c r="I7254" s="5" t="s">
        <v>1518</v>
      </c>
      <c r="J7254" s="5" t="s">
        <v>1519</v>
      </c>
      <c r="K7254" s="2" t="s">
        <v>1520</v>
      </c>
      <c r="L7254" s="5" t="s">
        <v>1519</v>
      </c>
      <c r="M7254" s="2" t="s">
        <v>1520</v>
      </c>
      <c r="N7254" s="5" t="s">
        <v>1521</v>
      </c>
      <c r="O7254" s="5" t="s">
        <v>38</v>
      </c>
      <c r="P7254" s="5" t="s">
        <v>39</v>
      </c>
      <c r="Q7254" s="5" t="s">
        <v>40</v>
      </c>
      <c r="R7254" s="5" t="s">
        <v>1522</v>
      </c>
      <c r="S7254" s="5" t="s">
        <v>1523</v>
      </c>
      <c r="T7254" s="5" t="s">
        <v>42</v>
      </c>
      <c r="U7254" s="2">
        <v>2.8940000000000001</v>
      </c>
      <c r="V7254" s="2">
        <v>2.359</v>
      </c>
      <c r="W7254" s="2">
        <v>1.4999999999999999E-2</v>
      </c>
      <c r="X7254" s="2">
        <v>118.9</v>
      </c>
      <c r="Y7254" s="2">
        <v>7.6</v>
      </c>
      <c r="Z7254" s="2">
        <v>16.7</v>
      </c>
      <c r="AA7254" s="5"/>
      <c r="AB7254" s="5" t="s">
        <v>43</v>
      </c>
      <c r="AC7254" s="5" t="s">
        <v>44</v>
      </c>
      <c r="AD7254" s="2"/>
      <c r="AE7254" s="1"/>
    </row>
    <row r="7255" spans="1:31" ht="14.45">
      <c r="A7255" s="11"/>
      <c r="B7255" s="20"/>
      <c r="C7255" s="2" t="s">
        <v>22237</v>
      </c>
      <c r="D7255" s="14" t="s">
        <v>22238</v>
      </c>
      <c r="E7255" s="2" t="s">
        <v>22239</v>
      </c>
      <c r="F7255" s="2" t="s">
        <v>16194</v>
      </c>
      <c r="G7255" s="8">
        <v>272</v>
      </c>
      <c r="H7255" s="5">
        <v>6</v>
      </c>
      <c r="I7255" s="5" t="s">
        <v>1518</v>
      </c>
      <c r="J7255" s="5" t="s">
        <v>1519</v>
      </c>
      <c r="K7255" s="2" t="s">
        <v>1520</v>
      </c>
      <c r="L7255" s="5" t="s">
        <v>1519</v>
      </c>
      <c r="M7255" s="2" t="s">
        <v>1520</v>
      </c>
      <c r="N7255" s="5" t="s">
        <v>1521</v>
      </c>
      <c r="O7255" s="5" t="s">
        <v>38</v>
      </c>
      <c r="P7255" s="5" t="s">
        <v>39</v>
      </c>
      <c r="Q7255" s="5" t="s">
        <v>40</v>
      </c>
      <c r="R7255" s="5" t="s">
        <v>1522</v>
      </c>
      <c r="S7255" s="5" t="s">
        <v>1523</v>
      </c>
      <c r="T7255" s="5" t="s">
        <v>42</v>
      </c>
      <c r="U7255" s="2">
        <v>2.8940000000000001</v>
      </c>
      <c r="V7255" s="2">
        <v>2.359</v>
      </c>
      <c r="W7255" s="2">
        <v>1.4999999999999999E-2</v>
      </c>
      <c r="X7255" s="2">
        <v>118.9</v>
      </c>
      <c r="Y7255" s="2">
        <v>7.6</v>
      </c>
      <c r="Z7255" s="2">
        <v>16.7</v>
      </c>
      <c r="AA7255" s="5"/>
      <c r="AB7255" s="5" t="s">
        <v>43</v>
      </c>
      <c r="AC7255" s="5" t="s">
        <v>44</v>
      </c>
      <c r="AD7255" s="2"/>
      <c r="AE7255" s="1"/>
    </row>
    <row r="7256" spans="1:31" ht="14.45">
      <c r="A7256" s="11"/>
      <c r="B7256" s="20"/>
      <c r="C7256" s="2" t="s">
        <v>22240</v>
      </c>
      <c r="D7256" s="14" t="s">
        <v>22241</v>
      </c>
      <c r="E7256" s="2" t="s">
        <v>22242</v>
      </c>
      <c r="F7256" s="2" t="s">
        <v>7449</v>
      </c>
      <c r="G7256" s="8">
        <v>272</v>
      </c>
      <c r="H7256" s="5">
        <v>6</v>
      </c>
      <c r="I7256" s="5" t="s">
        <v>1518</v>
      </c>
      <c r="J7256" s="5" t="s">
        <v>1519</v>
      </c>
      <c r="K7256" s="2" t="s">
        <v>1520</v>
      </c>
      <c r="L7256" s="5" t="s">
        <v>1519</v>
      </c>
      <c r="M7256" s="2" t="s">
        <v>1520</v>
      </c>
      <c r="N7256" s="5" t="s">
        <v>1521</v>
      </c>
      <c r="O7256" s="5" t="s">
        <v>38</v>
      </c>
      <c r="P7256" s="5" t="s">
        <v>39</v>
      </c>
      <c r="Q7256" s="5" t="s">
        <v>40</v>
      </c>
      <c r="R7256" s="5" t="s">
        <v>1522</v>
      </c>
      <c r="S7256" s="5" t="s">
        <v>1523</v>
      </c>
      <c r="T7256" s="5" t="s">
        <v>42</v>
      </c>
      <c r="U7256" s="2">
        <v>2.819</v>
      </c>
      <c r="V7256" s="2">
        <v>2.2839999999999998</v>
      </c>
      <c r="W7256" s="2">
        <v>1.4999999999999999E-2</v>
      </c>
      <c r="X7256" s="2">
        <v>118.9</v>
      </c>
      <c r="Y7256" s="2">
        <v>7.6</v>
      </c>
      <c r="Z7256" s="2">
        <v>16.7</v>
      </c>
      <c r="AA7256" s="5"/>
      <c r="AB7256" s="5" t="s">
        <v>43</v>
      </c>
      <c r="AC7256" s="5" t="s">
        <v>44</v>
      </c>
      <c r="AD7256" s="2"/>
      <c r="AE7256" s="1"/>
    </row>
    <row r="7257" spans="1:31" ht="14.45">
      <c r="A7257" s="11"/>
      <c r="B7257" s="20"/>
      <c r="C7257" s="2" t="s">
        <v>22243</v>
      </c>
      <c r="D7257" s="14" t="s">
        <v>22244</v>
      </c>
      <c r="E7257" s="2" t="s">
        <v>22245</v>
      </c>
      <c r="F7257" s="2" t="s">
        <v>7581</v>
      </c>
      <c r="G7257" s="8">
        <v>272</v>
      </c>
      <c r="H7257" s="5">
        <v>6</v>
      </c>
      <c r="I7257" s="5" t="s">
        <v>1518</v>
      </c>
      <c r="J7257" s="5" t="s">
        <v>1519</v>
      </c>
      <c r="K7257" s="2" t="s">
        <v>1520</v>
      </c>
      <c r="L7257" s="5" t="s">
        <v>1519</v>
      </c>
      <c r="M7257" s="2" t="s">
        <v>1520</v>
      </c>
      <c r="N7257" s="5" t="s">
        <v>1521</v>
      </c>
      <c r="O7257" s="5" t="s">
        <v>38</v>
      </c>
      <c r="P7257" s="5" t="s">
        <v>39</v>
      </c>
      <c r="Q7257" s="5" t="s">
        <v>40</v>
      </c>
      <c r="R7257" s="5" t="s">
        <v>1522</v>
      </c>
      <c r="S7257" s="5" t="s">
        <v>1523</v>
      </c>
      <c r="T7257" s="5" t="s">
        <v>42</v>
      </c>
      <c r="U7257" s="2">
        <v>2.8940000000000001</v>
      </c>
      <c r="V7257" s="2">
        <v>2.359</v>
      </c>
      <c r="W7257" s="2">
        <v>1.4999999999999999E-2</v>
      </c>
      <c r="X7257" s="2">
        <v>118.9</v>
      </c>
      <c r="Y7257" s="2">
        <v>7.6</v>
      </c>
      <c r="Z7257" s="2">
        <v>16.7</v>
      </c>
      <c r="AA7257" s="5"/>
      <c r="AB7257" s="5" t="s">
        <v>43</v>
      </c>
      <c r="AC7257" s="5" t="s">
        <v>44</v>
      </c>
      <c r="AD7257" s="2"/>
      <c r="AE7257" s="1"/>
    </row>
    <row r="7258" spans="1:31" ht="14.45">
      <c r="A7258" s="11"/>
      <c r="B7258" s="20"/>
      <c r="C7258" s="2" t="s">
        <v>22246</v>
      </c>
      <c r="D7258" s="14" t="s">
        <v>22247</v>
      </c>
      <c r="E7258" s="2" t="s">
        <v>22248</v>
      </c>
      <c r="F7258" s="2" t="s">
        <v>7585</v>
      </c>
      <c r="G7258" s="8">
        <v>272</v>
      </c>
      <c r="H7258" s="5">
        <v>6</v>
      </c>
      <c r="I7258" s="5" t="s">
        <v>1518</v>
      </c>
      <c r="J7258" s="5" t="s">
        <v>1519</v>
      </c>
      <c r="K7258" s="2" t="s">
        <v>1520</v>
      </c>
      <c r="L7258" s="5" t="s">
        <v>1519</v>
      </c>
      <c r="M7258" s="2" t="s">
        <v>1520</v>
      </c>
      <c r="N7258" s="5" t="s">
        <v>1521</v>
      </c>
      <c r="O7258" s="5" t="s">
        <v>38</v>
      </c>
      <c r="P7258" s="5" t="s">
        <v>39</v>
      </c>
      <c r="Q7258" s="5" t="s">
        <v>40</v>
      </c>
      <c r="R7258" s="5" t="s">
        <v>1522</v>
      </c>
      <c r="S7258" s="5" t="s">
        <v>1523</v>
      </c>
      <c r="T7258" s="5" t="s">
        <v>42</v>
      </c>
      <c r="U7258" s="2">
        <v>2.8010000000000002</v>
      </c>
      <c r="V7258" s="2">
        <v>2.266</v>
      </c>
      <c r="W7258" s="2">
        <v>1.4999999999999999E-2</v>
      </c>
      <c r="X7258" s="2">
        <v>118.9</v>
      </c>
      <c r="Y7258" s="2">
        <v>7.6</v>
      </c>
      <c r="Z7258" s="2">
        <v>16.7</v>
      </c>
      <c r="AA7258" s="5"/>
      <c r="AB7258" s="5" t="s">
        <v>43</v>
      </c>
      <c r="AC7258" s="5" t="s">
        <v>44</v>
      </c>
      <c r="AD7258" s="2"/>
      <c r="AE7258" s="1"/>
    </row>
    <row r="7259" spans="1:31" ht="14.45">
      <c r="A7259" s="11"/>
      <c r="B7259" s="20"/>
      <c r="C7259" s="2" t="s">
        <v>22249</v>
      </c>
      <c r="D7259" s="14" t="s">
        <v>22250</v>
      </c>
      <c r="E7259" s="2" t="s">
        <v>22251</v>
      </c>
      <c r="F7259" s="2" t="s">
        <v>7589</v>
      </c>
      <c r="G7259" s="8">
        <v>272</v>
      </c>
      <c r="H7259" s="5">
        <v>6</v>
      </c>
      <c r="I7259" s="5" t="s">
        <v>1518</v>
      </c>
      <c r="J7259" s="5" t="s">
        <v>1519</v>
      </c>
      <c r="K7259" s="2" t="s">
        <v>1520</v>
      </c>
      <c r="L7259" s="5" t="s">
        <v>1519</v>
      </c>
      <c r="M7259" s="2" t="s">
        <v>1520</v>
      </c>
      <c r="N7259" s="5" t="s">
        <v>1521</v>
      </c>
      <c r="O7259" s="5" t="s">
        <v>38</v>
      </c>
      <c r="P7259" s="5" t="s">
        <v>39</v>
      </c>
      <c r="Q7259" s="5" t="s">
        <v>40</v>
      </c>
      <c r="R7259" s="5" t="s">
        <v>1522</v>
      </c>
      <c r="S7259" s="5" t="s">
        <v>1523</v>
      </c>
      <c r="T7259" s="5" t="s">
        <v>42</v>
      </c>
      <c r="U7259" s="2">
        <v>2.8759999999999999</v>
      </c>
      <c r="V7259" s="2">
        <v>2.3410000000000002</v>
      </c>
      <c r="W7259" s="2">
        <v>1.4999999999999999E-2</v>
      </c>
      <c r="X7259" s="2">
        <v>118.9</v>
      </c>
      <c r="Y7259" s="2">
        <v>7.6</v>
      </c>
      <c r="Z7259" s="2">
        <v>16.7</v>
      </c>
      <c r="AA7259" s="5"/>
      <c r="AB7259" s="5" t="s">
        <v>43</v>
      </c>
      <c r="AC7259" s="5" t="s">
        <v>44</v>
      </c>
      <c r="AD7259" s="2"/>
      <c r="AE7259" s="1"/>
    </row>
    <row r="7260" spans="1:31" ht="14.45">
      <c r="A7260" s="11"/>
      <c r="B7260" s="20"/>
      <c r="C7260" s="2" t="s">
        <v>22252</v>
      </c>
      <c r="D7260" s="14" t="s">
        <v>22253</v>
      </c>
      <c r="E7260" s="2" t="s">
        <v>22254</v>
      </c>
      <c r="F7260" s="2" t="s">
        <v>7593</v>
      </c>
      <c r="G7260" s="8">
        <v>272</v>
      </c>
      <c r="H7260" s="5">
        <v>6</v>
      </c>
      <c r="I7260" s="5" t="s">
        <v>1518</v>
      </c>
      <c r="J7260" s="5" t="s">
        <v>1519</v>
      </c>
      <c r="K7260" s="2" t="s">
        <v>1520</v>
      </c>
      <c r="L7260" s="5" t="s">
        <v>1519</v>
      </c>
      <c r="M7260" s="2" t="s">
        <v>1520</v>
      </c>
      <c r="N7260" s="5" t="s">
        <v>1521</v>
      </c>
      <c r="O7260" s="5" t="s">
        <v>38</v>
      </c>
      <c r="P7260" s="5" t="s">
        <v>39</v>
      </c>
      <c r="Q7260" s="5" t="s">
        <v>40</v>
      </c>
      <c r="R7260" s="5" t="s">
        <v>1522</v>
      </c>
      <c r="S7260" s="5" t="s">
        <v>1523</v>
      </c>
      <c r="T7260" s="5" t="s">
        <v>42</v>
      </c>
      <c r="U7260" s="2">
        <v>2.819</v>
      </c>
      <c r="V7260" s="2">
        <v>2.2839999999999998</v>
      </c>
      <c r="W7260" s="2">
        <v>1.4999999999999999E-2</v>
      </c>
      <c r="X7260" s="2">
        <v>118.9</v>
      </c>
      <c r="Y7260" s="2">
        <v>7.6</v>
      </c>
      <c r="Z7260" s="2">
        <v>16.7</v>
      </c>
      <c r="AA7260" s="5"/>
      <c r="AB7260" s="5" t="s">
        <v>43</v>
      </c>
      <c r="AC7260" s="5" t="s">
        <v>44</v>
      </c>
      <c r="AD7260" s="2"/>
      <c r="AE7260" s="1"/>
    </row>
    <row r="7261" spans="1:31" ht="14.45">
      <c r="A7261" s="11"/>
      <c r="B7261" s="20"/>
      <c r="C7261" s="2" t="s">
        <v>22255</v>
      </c>
      <c r="D7261" s="14" t="s">
        <v>22256</v>
      </c>
      <c r="E7261" s="2" t="s">
        <v>22257</v>
      </c>
      <c r="F7261" s="2" t="s">
        <v>16014</v>
      </c>
      <c r="G7261" s="8">
        <v>272</v>
      </c>
      <c r="H7261" s="5">
        <v>6</v>
      </c>
      <c r="I7261" s="5" t="s">
        <v>1518</v>
      </c>
      <c r="J7261" s="5" t="s">
        <v>1519</v>
      </c>
      <c r="K7261" s="2" t="s">
        <v>1520</v>
      </c>
      <c r="L7261" s="5" t="s">
        <v>1519</v>
      </c>
      <c r="M7261" s="2" t="s">
        <v>1520</v>
      </c>
      <c r="N7261" s="5" t="s">
        <v>1521</v>
      </c>
      <c r="O7261" s="5" t="s">
        <v>38</v>
      </c>
      <c r="P7261" s="5" t="s">
        <v>39</v>
      </c>
      <c r="Q7261" s="5" t="s">
        <v>40</v>
      </c>
      <c r="R7261" s="5" t="s">
        <v>1522</v>
      </c>
      <c r="S7261" s="5" t="s">
        <v>1523</v>
      </c>
      <c r="T7261" s="5" t="s">
        <v>42</v>
      </c>
      <c r="U7261" s="2">
        <v>2.819</v>
      </c>
      <c r="V7261" s="2">
        <v>2.2839999999999998</v>
      </c>
      <c r="W7261" s="2">
        <v>1.4999999999999999E-2</v>
      </c>
      <c r="X7261" s="2">
        <v>118.9</v>
      </c>
      <c r="Y7261" s="2">
        <v>7.6</v>
      </c>
      <c r="Z7261" s="2">
        <v>16.7</v>
      </c>
      <c r="AA7261" s="5"/>
      <c r="AB7261" s="5" t="s">
        <v>43</v>
      </c>
      <c r="AC7261" s="5" t="s">
        <v>44</v>
      </c>
      <c r="AD7261" s="2"/>
      <c r="AE7261" s="1"/>
    </row>
    <row r="7262" spans="1:31" ht="14.45">
      <c r="A7262" s="11"/>
      <c r="B7262" s="20"/>
      <c r="C7262" s="2" t="s">
        <v>22258</v>
      </c>
      <c r="D7262" s="14" t="s">
        <v>22259</v>
      </c>
      <c r="E7262" s="2" t="s">
        <v>22260</v>
      </c>
      <c r="F7262" s="2" t="s">
        <v>16219</v>
      </c>
      <c r="G7262" s="8">
        <v>272</v>
      </c>
      <c r="H7262" s="5">
        <v>6</v>
      </c>
      <c r="I7262" s="5" t="s">
        <v>1518</v>
      </c>
      <c r="J7262" s="5" t="s">
        <v>1519</v>
      </c>
      <c r="K7262" s="2" t="s">
        <v>1520</v>
      </c>
      <c r="L7262" s="5" t="s">
        <v>1519</v>
      </c>
      <c r="M7262" s="2" t="s">
        <v>1520</v>
      </c>
      <c r="N7262" s="5" t="s">
        <v>1521</v>
      </c>
      <c r="O7262" s="5" t="s">
        <v>38</v>
      </c>
      <c r="P7262" s="5" t="s">
        <v>39</v>
      </c>
      <c r="Q7262" s="5" t="s">
        <v>40</v>
      </c>
      <c r="R7262" s="5" t="s">
        <v>1522</v>
      </c>
      <c r="S7262" s="5" t="s">
        <v>1523</v>
      </c>
      <c r="T7262" s="5" t="s">
        <v>42</v>
      </c>
      <c r="U7262" s="2">
        <v>2.8940000000000001</v>
      </c>
      <c r="V7262" s="2">
        <v>2.359</v>
      </c>
      <c r="W7262" s="2">
        <v>1.4999999999999999E-2</v>
      </c>
      <c r="X7262" s="2">
        <v>118.9</v>
      </c>
      <c r="Y7262" s="2">
        <v>7.6</v>
      </c>
      <c r="Z7262" s="2">
        <v>16.7</v>
      </c>
      <c r="AA7262" s="5"/>
      <c r="AB7262" s="5" t="s">
        <v>43</v>
      </c>
      <c r="AC7262" s="5" t="s">
        <v>44</v>
      </c>
      <c r="AD7262" s="2"/>
      <c r="AE7262" s="1"/>
    </row>
    <row r="7263" spans="1:31" ht="14.45">
      <c r="A7263" s="11"/>
      <c r="B7263" s="20"/>
      <c r="C7263" s="2" t="s">
        <v>22261</v>
      </c>
      <c r="D7263" s="14" t="s">
        <v>22262</v>
      </c>
      <c r="E7263" s="2" t="s">
        <v>22263</v>
      </c>
      <c r="F7263" s="2" t="s">
        <v>16018</v>
      </c>
      <c r="G7263" s="8">
        <v>272</v>
      </c>
      <c r="H7263" s="5">
        <v>6</v>
      </c>
      <c r="I7263" s="5" t="s">
        <v>1518</v>
      </c>
      <c r="J7263" s="5" t="s">
        <v>1519</v>
      </c>
      <c r="K7263" s="2" t="s">
        <v>1520</v>
      </c>
      <c r="L7263" s="5" t="s">
        <v>1519</v>
      </c>
      <c r="M7263" s="2" t="s">
        <v>1520</v>
      </c>
      <c r="N7263" s="5" t="s">
        <v>1521</v>
      </c>
      <c r="O7263" s="5" t="s">
        <v>38</v>
      </c>
      <c r="P7263" s="5" t="s">
        <v>39</v>
      </c>
      <c r="Q7263" s="5" t="s">
        <v>40</v>
      </c>
      <c r="R7263" s="5" t="s">
        <v>1522</v>
      </c>
      <c r="S7263" s="5" t="s">
        <v>1523</v>
      </c>
      <c r="T7263" s="5" t="s">
        <v>42</v>
      </c>
      <c r="U7263" s="2">
        <v>2.819</v>
      </c>
      <c r="V7263" s="2">
        <v>2.2839999999999998</v>
      </c>
      <c r="W7263" s="2">
        <v>1.4999999999999999E-2</v>
      </c>
      <c r="X7263" s="2">
        <v>118.9</v>
      </c>
      <c r="Y7263" s="2">
        <v>7.6</v>
      </c>
      <c r="Z7263" s="2">
        <v>16.7</v>
      </c>
      <c r="AA7263" s="5"/>
      <c r="AB7263" s="5" t="s">
        <v>43</v>
      </c>
      <c r="AC7263" s="5" t="s">
        <v>44</v>
      </c>
      <c r="AD7263" s="2"/>
      <c r="AE7263" s="1"/>
    </row>
    <row r="7264" spans="1:31" ht="14.45">
      <c r="A7264" s="11"/>
      <c r="B7264" s="20"/>
      <c r="C7264" s="2" t="s">
        <v>22264</v>
      </c>
      <c r="D7264" s="14" t="s">
        <v>22265</v>
      </c>
      <c r="E7264" s="2" t="s">
        <v>22266</v>
      </c>
      <c r="F7264" s="2" t="s">
        <v>16022</v>
      </c>
      <c r="G7264" s="8">
        <v>272</v>
      </c>
      <c r="H7264" s="5">
        <v>6</v>
      </c>
      <c r="I7264" s="5" t="s">
        <v>1518</v>
      </c>
      <c r="J7264" s="5" t="s">
        <v>1519</v>
      </c>
      <c r="K7264" s="2" t="s">
        <v>1520</v>
      </c>
      <c r="L7264" s="5" t="s">
        <v>1519</v>
      </c>
      <c r="M7264" s="2" t="s">
        <v>1520</v>
      </c>
      <c r="N7264" s="5" t="s">
        <v>1521</v>
      </c>
      <c r="O7264" s="5" t="s">
        <v>38</v>
      </c>
      <c r="P7264" s="5" t="s">
        <v>39</v>
      </c>
      <c r="Q7264" s="5" t="s">
        <v>40</v>
      </c>
      <c r="R7264" s="5" t="s">
        <v>1522</v>
      </c>
      <c r="S7264" s="5" t="s">
        <v>1523</v>
      </c>
      <c r="T7264" s="5" t="s">
        <v>42</v>
      </c>
      <c r="U7264" s="2">
        <v>2.8940000000000001</v>
      </c>
      <c r="V7264" s="2">
        <v>2.359</v>
      </c>
      <c r="W7264" s="2">
        <v>1.4999999999999999E-2</v>
      </c>
      <c r="X7264" s="2">
        <v>118.9</v>
      </c>
      <c r="Y7264" s="2">
        <v>7.6</v>
      </c>
      <c r="Z7264" s="2">
        <v>16.7</v>
      </c>
      <c r="AA7264" s="5"/>
      <c r="AB7264" s="5" t="s">
        <v>43</v>
      </c>
      <c r="AC7264" s="5" t="s">
        <v>44</v>
      </c>
      <c r="AD7264" s="2"/>
      <c r="AE7264" s="1"/>
    </row>
    <row r="7265" spans="1:31" ht="14.45">
      <c r="A7265" s="11"/>
      <c r="B7265" s="20"/>
      <c r="C7265" s="2" t="s">
        <v>22267</v>
      </c>
      <c r="D7265" s="14" t="s">
        <v>22268</v>
      </c>
      <c r="E7265" s="2" t="s">
        <v>22269</v>
      </c>
      <c r="F7265" s="2" t="s">
        <v>7615</v>
      </c>
      <c r="G7265" s="8">
        <v>272</v>
      </c>
      <c r="H7265" s="5">
        <v>6</v>
      </c>
      <c r="I7265" s="5" t="s">
        <v>1518</v>
      </c>
      <c r="J7265" s="5" t="s">
        <v>1519</v>
      </c>
      <c r="K7265" s="2" t="s">
        <v>1520</v>
      </c>
      <c r="L7265" s="5" t="s">
        <v>1519</v>
      </c>
      <c r="M7265" s="2" t="s">
        <v>1520</v>
      </c>
      <c r="N7265" s="5" t="s">
        <v>1521</v>
      </c>
      <c r="O7265" s="5" t="s">
        <v>38</v>
      </c>
      <c r="P7265" s="5" t="s">
        <v>39</v>
      </c>
      <c r="Q7265" s="5" t="s">
        <v>40</v>
      </c>
      <c r="R7265" s="5" t="s">
        <v>1522</v>
      </c>
      <c r="S7265" s="5" t="s">
        <v>1523</v>
      </c>
      <c r="T7265" s="5" t="s">
        <v>42</v>
      </c>
      <c r="U7265" s="2">
        <v>2.8010000000000002</v>
      </c>
      <c r="V7265" s="2">
        <v>2.266</v>
      </c>
      <c r="W7265" s="2">
        <v>1.4999999999999999E-2</v>
      </c>
      <c r="X7265" s="2">
        <v>118.9</v>
      </c>
      <c r="Y7265" s="2">
        <v>7.6</v>
      </c>
      <c r="Z7265" s="2">
        <v>16.7</v>
      </c>
      <c r="AA7265" s="5"/>
      <c r="AB7265" s="5" t="s">
        <v>43</v>
      </c>
      <c r="AC7265" s="5" t="s">
        <v>44</v>
      </c>
      <c r="AD7265" s="2"/>
      <c r="AE7265" s="1"/>
    </row>
    <row r="7266" spans="1:31" ht="14.45">
      <c r="A7266" s="11"/>
      <c r="B7266" s="20"/>
      <c r="C7266" s="2" t="s">
        <v>22270</v>
      </c>
      <c r="D7266" s="14" t="s">
        <v>22271</v>
      </c>
      <c r="E7266" s="2" t="s">
        <v>22272</v>
      </c>
      <c r="F7266" s="2" t="s">
        <v>7619</v>
      </c>
      <c r="G7266" s="8">
        <v>272</v>
      </c>
      <c r="H7266" s="5">
        <v>6</v>
      </c>
      <c r="I7266" s="5" t="s">
        <v>1518</v>
      </c>
      <c r="J7266" s="5" t="s">
        <v>1519</v>
      </c>
      <c r="K7266" s="2" t="s">
        <v>1520</v>
      </c>
      <c r="L7266" s="5" t="s">
        <v>1519</v>
      </c>
      <c r="M7266" s="2" t="s">
        <v>1520</v>
      </c>
      <c r="N7266" s="5" t="s">
        <v>1521</v>
      </c>
      <c r="O7266" s="5" t="s">
        <v>38</v>
      </c>
      <c r="P7266" s="5" t="s">
        <v>39</v>
      </c>
      <c r="Q7266" s="5" t="s">
        <v>40</v>
      </c>
      <c r="R7266" s="5" t="s">
        <v>1522</v>
      </c>
      <c r="S7266" s="5" t="s">
        <v>1523</v>
      </c>
      <c r="T7266" s="5" t="s">
        <v>42</v>
      </c>
      <c r="U7266" s="2">
        <v>2.8759999999999999</v>
      </c>
      <c r="V7266" s="2">
        <v>2.3410000000000002</v>
      </c>
      <c r="W7266" s="2">
        <v>1.4999999999999999E-2</v>
      </c>
      <c r="X7266" s="2">
        <v>118.9</v>
      </c>
      <c r="Y7266" s="2">
        <v>7.6</v>
      </c>
      <c r="Z7266" s="2">
        <v>16.7</v>
      </c>
      <c r="AA7266" s="5"/>
      <c r="AB7266" s="5" t="s">
        <v>43</v>
      </c>
      <c r="AC7266" s="5" t="s">
        <v>44</v>
      </c>
      <c r="AD7266" s="2"/>
      <c r="AE7266" s="1"/>
    </row>
    <row r="7267" spans="1:31" ht="14.45">
      <c r="A7267" s="11"/>
      <c r="B7267" s="20"/>
      <c r="C7267" s="2" t="s">
        <v>22273</v>
      </c>
      <c r="D7267" s="14" t="s">
        <v>22274</v>
      </c>
      <c r="E7267" s="2" t="s">
        <v>22275</v>
      </c>
      <c r="F7267" s="2" t="s">
        <v>16029</v>
      </c>
      <c r="G7267" s="8">
        <v>272</v>
      </c>
      <c r="H7267" s="5">
        <v>11</v>
      </c>
      <c r="I7267" s="5" t="s">
        <v>1518</v>
      </c>
      <c r="J7267" s="5" t="s">
        <v>1519</v>
      </c>
      <c r="K7267" s="2" t="s">
        <v>1520</v>
      </c>
      <c r="L7267" s="5" t="s">
        <v>1519</v>
      </c>
      <c r="M7267" s="2" t="s">
        <v>1520</v>
      </c>
      <c r="N7267" s="5" t="s">
        <v>1521</v>
      </c>
      <c r="O7267" s="5" t="s">
        <v>38</v>
      </c>
      <c r="P7267" s="5" t="s">
        <v>39</v>
      </c>
      <c r="Q7267" s="5" t="s">
        <v>40</v>
      </c>
      <c r="R7267" s="5" t="s">
        <v>1522</v>
      </c>
      <c r="S7267" s="5" t="s">
        <v>1523</v>
      </c>
      <c r="T7267" s="5" t="s">
        <v>42</v>
      </c>
      <c r="U7267" s="2">
        <v>2.8210000000000002</v>
      </c>
      <c r="V7267" s="2">
        <v>2.286</v>
      </c>
      <c r="W7267" s="2">
        <v>1.4999999999999999E-2</v>
      </c>
      <c r="X7267" s="2">
        <v>118.9</v>
      </c>
      <c r="Y7267" s="2">
        <v>7.6</v>
      </c>
      <c r="Z7267" s="2">
        <v>16.7</v>
      </c>
      <c r="AA7267" s="5"/>
      <c r="AB7267" s="5" t="s">
        <v>43</v>
      </c>
      <c r="AC7267" s="5" t="s">
        <v>44</v>
      </c>
      <c r="AD7267" s="2"/>
      <c r="AE7267" s="1"/>
    </row>
    <row r="7268" spans="1:31" ht="14.45">
      <c r="A7268" s="11"/>
      <c r="B7268" s="20"/>
      <c r="C7268" s="2" t="s">
        <v>22276</v>
      </c>
      <c r="D7268" s="14" t="s">
        <v>22277</v>
      </c>
      <c r="E7268" s="2" t="s">
        <v>22278</v>
      </c>
      <c r="F7268" s="2" t="s">
        <v>16033</v>
      </c>
      <c r="G7268" s="8">
        <v>272</v>
      </c>
      <c r="H7268" s="5">
        <v>11</v>
      </c>
      <c r="I7268" s="5" t="s">
        <v>1518</v>
      </c>
      <c r="J7268" s="5" t="s">
        <v>1519</v>
      </c>
      <c r="K7268" s="2" t="s">
        <v>1520</v>
      </c>
      <c r="L7268" s="5" t="s">
        <v>1519</v>
      </c>
      <c r="M7268" s="2" t="s">
        <v>1520</v>
      </c>
      <c r="N7268" s="5" t="s">
        <v>1521</v>
      </c>
      <c r="O7268" s="5" t="s">
        <v>38</v>
      </c>
      <c r="P7268" s="5" t="s">
        <v>39</v>
      </c>
      <c r="Q7268" s="5" t="s">
        <v>40</v>
      </c>
      <c r="R7268" s="5" t="s">
        <v>1522</v>
      </c>
      <c r="S7268" s="5" t="s">
        <v>1523</v>
      </c>
      <c r="T7268" s="5" t="s">
        <v>42</v>
      </c>
      <c r="U7268" s="2">
        <v>2.8959999999999999</v>
      </c>
      <c r="V7268" s="2">
        <v>2.3610000000000002</v>
      </c>
      <c r="W7268" s="2">
        <v>1.4999999999999999E-2</v>
      </c>
      <c r="X7268" s="2">
        <v>118.9</v>
      </c>
      <c r="Y7268" s="2">
        <v>7.6</v>
      </c>
      <c r="Z7268" s="2">
        <v>16.7</v>
      </c>
      <c r="AA7268" s="5"/>
      <c r="AB7268" s="5" t="s">
        <v>43</v>
      </c>
      <c r="AC7268" s="5" t="s">
        <v>44</v>
      </c>
      <c r="AD7268" s="2"/>
      <c r="AE7268" s="1"/>
    </row>
    <row r="7269" spans="1:31" ht="14.45">
      <c r="A7269" s="11"/>
      <c r="B7269" s="20"/>
      <c r="C7269" s="2" t="s">
        <v>22279</v>
      </c>
      <c r="D7269" s="14" t="s">
        <v>22280</v>
      </c>
      <c r="E7269" s="2" t="s">
        <v>22281</v>
      </c>
      <c r="F7269" s="2" t="s">
        <v>7396</v>
      </c>
      <c r="G7269" s="8">
        <v>254</v>
      </c>
      <c r="H7269" s="5">
        <v>6</v>
      </c>
      <c r="I7269" s="5" t="s">
        <v>1518</v>
      </c>
      <c r="J7269" s="5" t="s">
        <v>1519</v>
      </c>
      <c r="K7269" s="2" t="s">
        <v>1520</v>
      </c>
      <c r="L7269" s="5" t="s">
        <v>1519</v>
      </c>
      <c r="M7269" s="2" t="s">
        <v>1520</v>
      </c>
      <c r="N7269" s="5" t="s">
        <v>1521</v>
      </c>
      <c r="O7269" s="5" t="s">
        <v>38</v>
      </c>
      <c r="P7269" s="5" t="s">
        <v>39</v>
      </c>
      <c r="Q7269" s="5" t="s">
        <v>40</v>
      </c>
      <c r="R7269" s="5" t="s">
        <v>1522</v>
      </c>
      <c r="S7269" s="5" t="s">
        <v>1523</v>
      </c>
      <c r="T7269" s="5" t="s">
        <v>42</v>
      </c>
      <c r="U7269" s="2">
        <v>2.98</v>
      </c>
      <c r="V7269" s="2">
        <v>2.4529999999999998</v>
      </c>
      <c r="W7269" s="2">
        <v>1.4999999999999999E-2</v>
      </c>
      <c r="X7269" s="2">
        <v>118.9</v>
      </c>
      <c r="Y7269" s="2">
        <v>7.6</v>
      </c>
      <c r="Z7269" s="2">
        <v>16.7</v>
      </c>
      <c r="AA7269" s="5"/>
      <c r="AB7269" s="5" t="s">
        <v>43</v>
      </c>
      <c r="AC7269" s="5" t="s">
        <v>44</v>
      </c>
      <c r="AD7269" s="2"/>
      <c r="AE7269" s="1"/>
    </row>
    <row r="7270" spans="1:31" ht="14.45">
      <c r="A7270" s="11"/>
      <c r="B7270" s="20"/>
      <c r="C7270" s="2" t="s">
        <v>22282</v>
      </c>
      <c r="D7270" s="14" t="s">
        <v>22283</v>
      </c>
      <c r="E7270" s="2" t="s">
        <v>22284</v>
      </c>
      <c r="F7270" s="2" t="s">
        <v>7507</v>
      </c>
      <c r="G7270" s="8">
        <v>254</v>
      </c>
      <c r="H7270" s="5">
        <v>6</v>
      </c>
      <c r="I7270" s="5" t="s">
        <v>1518</v>
      </c>
      <c r="J7270" s="5" t="s">
        <v>1519</v>
      </c>
      <c r="K7270" s="2" t="s">
        <v>1520</v>
      </c>
      <c r="L7270" s="5" t="s">
        <v>1519</v>
      </c>
      <c r="M7270" s="2" t="s">
        <v>1520</v>
      </c>
      <c r="N7270" s="5" t="s">
        <v>1521</v>
      </c>
      <c r="O7270" s="5" t="s">
        <v>38</v>
      </c>
      <c r="P7270" s="5" t="s">
        <v>39</v>
      </c>
      <c r="Q7270" s="5" t="s">
        <v>40</v>
      </c>
      <c r="R7270" s="5" t="s">
        <v>1522</v>
      </c>
      <c r="S7270" s="5" t="s">
        <v>1523</v>
      </c>
      <c r="T7270" s="5" t="s">
        <v>42</v>
      </c>
      <c r="U7270" s="2">
        <v>3.0659999999999998</v>
      </c>
      <c r="V7270" s="2">
        <v>2.5390000000000001</v>
      </c>
      <c r="W7270" s="2">
        <v>1.4999999999999999E-2</v>
      </c>
      <c r="X7270" s="2">
        <v>118.9</v>
      </c>
      <c r="Y7270" s="2">
        <v>7.6</v>
      </c>
      <c r="Z7270" s="2">
        <v>16.7</v>
      </c>
      <c r="AA7270" s="5"/>
      <c r="AB7270" s="5" t="s">
        <v>43</v>
      </c>
      <c r="AC7270" s="5" t="s">
        <v>44</v>
      </c>
      <c r="AD7270" s="2"/>
      <c r="AE7270" s="1"/>
    </row>
    <row r="7271" spans="1:31" ht="14.45">
      <c r="A7271" s="11"/>
      <c r="B7271" s="20"/>
      <c r="C7271" s="2" t="s">
        <v>22285</v>
      </c>
      <c r="D7271" s="14" t="s">
        <v>22286</v>
      </c>
      <c r="E7271" s="2" t="s">
        <v>22287</v>
      </c>
      <c r="F7271" s="2" t="s">
        <v>7204</v>
      </c>
      <c r="G7271" s="8">
        <v>254</v>
      </c>
      <c r="H7271" s="5">
        <v>6</v>
      </c>
      <c r="I7271" s="5" t="s">
        <v>1518</v>
      </c>
      <c r="J7271" s="5" t="s">
        <v>1519</v>
      </c>
      <c r="K7271" s="2" t="s">
        <v>1520</v>
      </c>
      <c r="L7271" s="5" t="s">
        <v>1519</v>
      </c>
      <c r="M7271" s="2" t="s">
        <v>1520</v>
      </c>
      <c r="N7271" s="5" t="s">
        <v>1521</v>
      </c>
      <c r="O7271" s="5" t="s">
        <v>38</v>
      </c>
      <c r="P7271" s="5" t="s">
        <v>39</v>
      </c>
      <c r="Q7271" s="5" t="s">
        <v>40</v>
      </c>
      <c r="R7271" s="5" t="s">
        <v>1522</v>
      </c>
      <c r="S7271" s="5" t="s">
        <v>1523</v>
      </c>
      <c r="T7271" s="5" t="s">
        <v>42</v>
      </c>
      <c r="U7271" s="2">
        <v>2.9870000000000001</v>
      </c>
      <c r="V7271" s="2">
        <v>2.46</v>
      </c>
      <c r="W7271" s="2">
        <v>1.4999999999999999E-2</v>
      </c>
      <c r="X7271" s="2">
        <v>118.9</v>
      </c>
      <c r="Y7271" s="2">
        <v>7.6</v>
      </c>
      <c r="Z7271" s="2">
        <v>16.7</v>
      </c>
      <c r="AA7271" s="5"/>
      <c r="AB7271" s="5" t="s">
        <v>43</v>
      </c>
      <c r="AC7271" s="5" t="s">
        <v>44</v>
      </c>
      <c r="AD7271" s="2"/>
      <c r="AE7271" s="1"/>
    </row>
    <row r="7272" spans="1:31" ht="14.45">
      <c r="A7272" s="11"/>
      <c r="B7272" s="20"/>
      <c r="C7272" s="2" t="s">
        <v>22288</v>
      </c>
      <c r="D7272" s="14" t="s">
        <v>22289</v>
      </c>
      <c r="E7272" s="2" t="s">
        <v>22290</v>
      </c>
      <c r="F7272" s="2" t="s">
        <v>7514</v>
      </c>
      <c r="G7272" s="8">
        <v>254</v>
      </c>
      <c r="H7272" s="5">
        <v>6</v>
      </c>
      <c r="I7272" s="5" t="s">
        <v>1518</v>
      </c>
      <c r="J7272" s="5" t="s">
        <v>1519</v>
      </c>
      <c r="K7272" s="2" t="s">
        <v>1520</v>
      </c>
      <c r="L7272" s="5" t="s">
        <v>1519</v>
      </c>
      <c r="M7272" s="2" t="s">
        <v>1520</v>
      </c>
      <c r="N7272" s="5" t="s">
        <v>1521</v>
      </c>
      <c r="O7272" s="5" t="s">
        <v>38</v>
      </c>
      <c r="P7272" s="5" t="s">
        <v>39</v>
      </c>
      <c r="Q7272" s="5" t="s">
        <v>40</v>
      </c>
      <c r="R7272" s="5" t="s">
        <v>1522</v>
      </c>
      <c r="S7272" s="5" t="s">
        <v>1523</v>
      </c>
      <c r="T7272" s="5" t="s">
        <v>42</v>
      </c>
      <c r="U7272" s="2">
        <v>3.073</v>
      </c>
      <c r="V7272" s="2">
        <v>2.5459999999999998</v>
      </c>
      <c r="W7272" s="2">
        <v>1.4999999999999999E-2</v>
      </c>
      <c r="X7272" s="2">
        <v>118.9</v>
      </c>
      <c r="Y7272" s="2">
        <v>7.6</v>
      </c>
      <c r="Z7272" s="2">
        <v>16.7</v>
      </c>
      <c r="AA7272" s="5"/>
      <c r="AB7272" s="5" t="s">
        <v>43</v>
      </c>
      <c r="AC7272" s="5" t="s">
        <v>44</v>
      </c>
      <c r="AD7272" s="2"/>
      <c r="AE7272" s="1"/>
    </row>
    <row r="7273" spans="1:31" ht="14.45">
      <c r="A7273" s="11"/>
      <c r="B7273" s="20"/>
      <c r="C7273" s="2" t="s">
        <v>22291</v>
      </c>
      <c r="D7273" s="14" t="s">
        <v>22292</v>
      </c>
      <c r="E7273" s="2" t="s">
        <v>22293</v>
      </c>
      <c r="F7273" s="2" t="s">
        <v>7208</v>
      </c>
      <c r="G7273" s="8">
        <v>254</v>
      </c>
      <c r="H7273" s="5">
        <v>6</v>
      </c>
      <c r="I7273" s="5" t="s">
        <v>1518</v>
      </c>
      <c r="J7273" s="5" t="s">
        <v>1519</v>
      </c>
      <c r="K7273" s="2" t="s">
        <v>1520</v>
      </c>
      <c r="L7273" s="5" t="s">
        <v>1519</v>
      </c>
      <c r="M7273" s="2" t="s">
        <v>1520</v>
      </c>
      <c r="N7273" s="5" t="s">
        <v>1521</v>
      </c>
      <c r="O7273" s="5" t="s">
        <v>38</v>
      </c>
      <c r="P7273" s="5" t="s">
        <v>39</v>
      </c>
      <c r="Q7273" s="5" t="s">
        <v>40</v>
      </c>
      <c r="R7273" s="5" t="s">
        <v>1522</v>
      </c>
      <c r="S7273" s="5" t="s">
        <v>1523</v>
      </c>
      <c r="T7273" s="5" t="s">
        <v>42</v>
      </c>
      <c r="U7273" s="2">
        <v>2.9870000000000001</v>
      </c>
      <c r="V7273" s="2">
        <v>2.46</v>
      </c>
      <c r="W7273" s="2">
        <v>1.4999999999999999E-2</v>
      </c>
      <c r="X7273" s="2">
        <v>118.9</v>
      </c>
      <c r="Y7273" s="2">
        <v>7.6</v>
      </c>
      <c r="Z7273" s="2">
        <v>16.7</v>
      </c>
      <c r="AA7273" s="5"/>
      <c r="AB7273" s="5" t="s">
        <v>43</v>
      </c>
      <c r="AC7273" s="5" t="s">
        <v>44</v>
      </c>
      <c r="AD7273" s="2"/>
      <c r="AE7273" s="1"/>
    </row>
    <row r="7274" spans="1:31" ht="14.45">
      <c r="A7274" s="11"/>
      <c r="B7274" s="20"/>
      <c r="C7274" s="2" t="s">
        <v>22294</v>
      </c>
      <c r="D7274" s="14" t="s">
        <v>22295</v>
      </c>
      <c r="E7274" s="2" t="s">
        <v>22296</v>
      </c>
      <c r="F7274" s="2" t="s">
        <v>7521</v>
      </c>
      <c r="G7274" s="8">
        <v>254</v>
      </c>
      <c r="H7274" s="5">
        <v>6</v>
      </c>
      <c r="I7274" s="5" t="s">
        <v>1518</v>
      </c>
      <c r="J7274" s="5" t="s">
        <v>1519</v>
      </c>
      <c r="K7274" s="2" t="s">
        <v>1520</v>
      </c>
      <c r="L7274" s="5" t="s">
        <v>1519</v>
      </c>
      <c r="M7274" s="2" t="s">
        <v>1520</v>
      </c>
      <c r="N7274" s="5" t="s">
        <v>1521</v>
      </c>
      <c r="O7274" s="5" t="s">
        <v>38</v>
      </c>
      <c r="P7274" s="5" t="s">
        <v>39</v>
      </c>
      <c r="Q7274" s="5" t="s">
        <v>40</v>
      </c>
      <c r="R7274" s="5" t="s">
        <v>1522</v>
      </c>
      <c r="S7274" s="5" t="s">
        <v>1523</v>
      </c>
      <c r="T7274" s="5" t="s">
        <v>42</v>
      </c>
      <c r="U7274" s="2">
        <v>3.073</v>
      </c>
      <c r="V7274" s="2">
        <v>2.5459999999999998</v>
      </c>
      <c r="W7274" s="2">
        <v>1.4999999999999999E-2</v>
      </c>
      <c r="X7274" s="2">
        <v>118.9</v>
      </c>
      <c r="Y7274" s="2">
        <v>7.6</v>
      </c>
      <c r="Z7274" s="2">
        <v>16.7</v>
      </c>
      <c r="AA7274" s="5"/>
      <c r="AB7274" s="5" t="s">
        <v>43</v>
      </c>
      <c r="AC7274" s="5" t="s">
        <v>44</v>
      </c>
      <c r="AD7274" s="2"/>
      <c r="AE7274" s="1"/>
    </row>
    <row r="7275" spans="1:31" ht="14.45">
      <c r="A7275" s="11"/>
      <c r="B7275" s="20"/>
      <c r="C7275" s="2" t="s">
        <v>22297</v>
      </c>
      <c r="D7275" s="14" t="s">
        <v>22298</v>
      </c>
      <c r="E7275" s="2" t="s">
        <v>22299</v>
      </c>
      <c r="F7275" s="2" t="s">
        <v>7212</v>
      </c>
      <c r="G7275" s="8">
        <v>254</v>
      </c>
      <c r="H7275" s="5">
        <v>6</v>
      </c>
      <c r="I7275" s="5" t="s">
        <v>1518</v>
      </c>
      <c r="J7275" s="5" t="s">
        <v>1519</v>
      </c>
      <c r="K7275" s="2" t="s">
        <v>1520</v>
      </c>
      <c r="L7275" s="5" t="s">
        <v>1519</v>
      </c>
      <c r="M7275" s="2" t="s">
        <v>1520</v>
      </c>
      <c r="N7275" s="5" t="s">
        <v>1521</v>
      </c>
      <c r="O7275" s="5" t="s">
        <v>38</v>
      </c>
      <c r="P7275" s="5" t="s">
        <v>39</v>
      </c>
      <c r="Q7275" s="5" t="s">
        <v>40</v>
      </c>
      <c r="R7275" s="5" t="s">
        <v>1522</v>
      </c>
      <c r="S7275" s="5" t="s">
        <v>1523</v>
      </c>
      <c r="T7275" s="5" t="s">
        <v>42</v>
      </c>
      <c r="U7275" s="2">
        <v>2.9649999999999999</v>
      </c>
      <c r="V7275" s="2">
        <v>2.4380000000000002</v>
      </c>
      <c r="W7275" s="2">
        <v>1.4999999999999999E-2</v>
      </c>
      <c r="X7275" s="2">
        <v>118.9</v>
      </c>
      <c r="Y7275" s="2">
        <v>7.6</v>
      </c>
      <c r="Z7275" s="2">
        <v>16.7</v>
      </c>
      <c r="AA7275" s="5"/>
      <c r="AB7275" s="5" t="s">
        <v>43</v>
      </c>
      <c r="AC7275" s="5" t="s">
        <v>44</v>
      </c>
      <c r="AD7275" s="2"/>
      <c r="AE7275" s="1"/>
    </row>
    <row r="7276" spans="1:31" ht="14.45">
      <c r="A7276" s="11"/>
      <c r="B7276" s="20"/>
      <c r="C7276" s="2" t="s">
        <v>22300</v>
      </c>
      <c r="D7276" s="14" t="s">
        <v>22301</v>
      </c>
      <c r="E7276" s="2" t="s">
        <v>22302</v>
      </c>
      <c r="F7276" s="2" t="s">
        <v>7528</v>
      </c>
      <c r="G7276" s="8">
        <v>254</v>
      </c>
      <c r="H7276" s="5">
        <v>6</v>
      </c>
      <c r="I7276" s="5" t="s">
        <v>1518</v>
      </c>
      <c r="J7276" s="5" t="s">
        <v>1519</v>
      </c>
      <c r="K7276" s="2" t="s">
        <v>1520</v>
      </c>
      <c r="L7276" s="5" t="s">
        <v>1519</v>
      </c>
      <c r="M7276" s="2" t="s">
        <v>1520</v>
      </c>
      <c r="N7276" s="5" t="s">
        <v>1521</v>
      </c>
      <c r="O7276" s="5" t="s">
        <v>38</v>
      </c>
      <c r="P7276" s="5" t="s">
        <v>39</v>
      </c>
      <c r="Q7276" s="5" t="s">
        <v>40</v>
      </c>
      <c r="R7276" s="5" t="s">
        <v>1522</v>
      </c>
      <c r="S7276" s="5" t="s">
        <v>1523</v>
      </c>
      <c r="T7276" s="5" t="s">
        <v>42</v>
      </c>
      <c r="U7276" s="2">
        <v>3.0510000000000002</v>
      </c>
      <c r="V7276" s="2">
        <v>2.524</v>
      </c>
      <c r="W7276" s="2">
        <v>1.4999999999999999E-2</v>
      </c>
      <c r="X7276" s="2">
        <v>118.9</v>
      </c>
      <c r="Y7276" s="2">
        <v>7.6</v>
      </c>
      <c r="Z7276" s="2">
        <v>16.7</v>
      </c>
      <c r="AA7276" s="5"/>
      <c r="AB7276" s="5" t="s">
        <v>43</v>
      </c>
      <c r="AC7276" s="5" t="s">
        <v>44</v>
      </c>
      <c r="AD7276" s="2"/>
      <c r="AE7276" s="1"/>
    </row>
    <row r="7277" spans="1:31" ht="14.45">
      <c r="A7277" s="11"/>
      <c r="B7277" s="20"/>
      <c r="C7277" s="2" t="s">
        <v>22303</v>
      </c>
      <c r="D7277" s="14" t="s">
        <v>22304</v>
      </c>
      <c r="E7277" s="2" t="s">
        <v>22305</v>
      </c>
      <c r="F7277" s="2" t="s">
        <v>7406</v>
      </c>
      <c r="G7277" s="8">
        <v>272</v>
      </c>
      <c r="H7277" s="5">
        <v>6</v>
      </c>
      <c r="I7277" s="5" t="s">
        <v>1518</v>
      </c>
      <c r="J7277" s="5" t="s">
        <v>1519</v>
      </c>
      <c r="K7277" s="2" t="s">
        <v>1520</v>
      </c>
      <c r="L7277" s="5" t="s">
        <v>1519</v>
      </c>
      <c r="M7277" s="2" t="s">
        <v>1520</v>
      </c>
      <c r="N7277" s="5" t="s">
        <v>1521</v>
      </c>
      <c r="O7277" s="5" t="s">
        <v>38</v>
      </c>
      <c r="P7277" s="5" t="s">
        <v>39</v>
      </c>
      <c r="Q7277" s="5" t="s">
        <v>40</v>
      </c>
      <c r="R7277" s="5" t="s">
        <v>1522</v>
      </c>
      <c r="S7277" s="5" t="s">
        <v>1523</v>
      </c>
      <c r="T7277" s="5" t="s">
        <v>42</v>
      </c>
      <c r="U7277" s="2">
        <v>2.9649999999999999</v>
      </c>
      <c r="V7277" s="2">
        <v>2.4380000000000002</v>
      </c>
      <c r="W7277" s="2">
        <v>1.4999999999999999E-2</v>
      </c>
      <c r="X7277" s="2">
        <v>118.9</v>
      </c>
      <c r="Y7277" s="2">
        <v>7.6</v>
      </c>
      <c r="Z7277" s="2">
        <v>16.7</v>
      </c>
      <c r="AA7277" s="5"/>
      <c r="AB7277" s="5" t="s">
        <v>43</v>
      </c>
      <c r="AC7277" s="5" t="s">
        <v>44</v>
      </c>
      <c r="AD7277" s="2"/>
      <c r="AE7277" s="1"/>
    </row>
    <row r="7278" spans="1:31" ht="14.45">
      <c r="A7278" s="11"/>
      <c r="B7278" s="20"/>
      <c r="C7278" s="2" t="s">
        <v>22306</v>
      </c>
      <c r="D7278" s="14" t="s">
        <v>22307</v>
      </c>
      <c r="E7278" s="2" t="s">
        <v>22308</v>
      </c>
      <c r="F7278" s="2" t="s">
        <v>7535</v>
      </c>
      <c r="G7278" s="8">
        <v>272</v>
      </c>
      <c r="H7278" s="5">
        <v>6</v>
      </c>
      <c r="I7278" s="5" t="s">
        <v>1518</v>
      </c>
      <c r="J7278" s="5" t="s">
        <v>1519</v>
      </c>
      <c r="K7278" s="2" t="s">
        <v>1520</v>
      </c>
      <c r="L7278" s="5" t="s">
        <v>1519</v>
      </c>
      <c r="M7278" s="2" t="s">
        <v>1520</v>
      </c>
      <c r="N7278" s="5" t="s">
        <v>1521</v>
      </c>
      <c r="O7278" s="5" t="s">
        <v>38</v>
      </c>
      <c r="P7278" s="5" t="s">
        <v>39</v>
      </c>
      <c r="Q7278" s="5" t="s">
        <v>40</v>
      </c>
      <c r="R7278" s="5" t="s">
        <v>1522</v>
      </c>
      <c r="S7278" s="5" t="s">
        <v>1523</v>
      </c>
      <c r="T7278" s="5" t="s">
        <v>42</v>
      </c>
      <c r="U7278" s="2">
        <v>3.0510000000000002</v>
      </c>
      <c r="V7278" s="2">
        <v>2.524</v>
      </c>
      <c r="W7278" s="2">
        <v>1.4999999999999999E-2</v>
      </c>
      <c r="X7278" s="2">
        <v>118.9</v>
      </c>
      <c r="Y7278" s="2">
        <v>7.6</v>
      </c>
      <c r="Z7278" s="2">
        <v>16.7</v>
      </c>
      <c r="AA7278" s="5"/>
      <c r="AB7278" s="5" t="s">
        <v>43</v>
      </c>
      <c r="AC7278" s="5" t="s">
        <v>44</v>
      </c>
      <c r="AD7278" s="2"/>
      <c r="AE7278" s="1"/>
    </row>
    <row r="7279" spans="1:31" ht="14.45">
      <c r="A7279" s="11"/>
      <c r="B7279" s="20"/>
      <c r="C7279" s="2" t="s">
        <v>22309</v>
      </c>
      <c r="D7279" s="14" t="s">
        <v>22310</v>
      </c>
      <c r="E7279" s="2" t="s">
        <v>22311</v>
      </c>
      <c r="F7279" s="2" t="s">
        <v>7539</v>
      </c>
      <c r="G7279" s="8">
        <v>272</v>
      </c>
      <c r="H7279" s="5">
        <v>6</v>
      </c>
      <c r="I7279" s="5" t="s">
        <v>1518</v>
      </c>
      <c r="J7279" s="5" t="s">
        <v>1519</v>
      </c>
      <c r="K7279" s="2" t="s">
        <v>1520</v>
      </c>
      <c r="L7279" s="5" t="s">
        <v>1519</v>
      </c>
      <c r="M7279" s="2" t="s">
        <v>1520</v>
      </c>
      <c r="N7279" s="5" t="s">
        <v>1521</v>
      </c>
      <c r="O7279" s="5" t="s">
        <v>38</v>
      </c>
      <c r="P7279" s="5" t="s">
        <v>39</v>
      </c>
      <c r="Q7279" s="5" t="s">
        <v>40</v>
      </c>
      <c r="R7279" s="5" t="s">
        <v>1522</v>
      </c>
      <c r="S7279" s="5" t="s">
        <v>1523</v>
      </c>
      <c r="T7279" s="5" t="s">
        <v>42</v>
      </c>
      <c r="U7279" s="2">
        <v>2.9870000000000001</v>
      </c>
      <c r="V7279" s="2">
        <v>2.46</v>
      </c>
      <c r="W7279" s="2">
        <v>1.4999999999999999E-2</v>
      </c>
      <c r="X7279" s="2">
        <v>118.9</v>
      </c>
      <c r="Y7279" s="2">
        <v>7.6</v>
      </c>
      <c r="Z7279" s="2">
        <v>16.7</v>
      </c>
      <c r="AA7279" s="5"/>
      <c r="AB7279" s="5" t="s">
        <v>43</v>
      </c>
      <c r="AC7279" s="5" t="s">
        <v>44</v>
      </c>
      <c r="AD7279" s="2"/>
      <c r="AE7279" s="1"/>
    </row>
    <row r="7280" spans="1:31" ht="14.45">
      <c r="A7280" s="11"/>
      <c r="B7280" s="20"/>
      <c r="C7280" s="2" t="s">
        <v>22312</v>
      </c>
      <c r="D7280" s="14" t="s">
        <v>22313</v>
      </c>
      <c r="E7280" s="2" t="s">
        <v>22314</v>
      </c>
      <c r="F7280" s="2" t="s">
        <v>7543</v>
      </c>
      <c r="G7280" s="8">
        <v>272</v>
      </c>
      <c r="H7280" s="5">
        <v>6</v>
      </c>
      <c r="I7280" s="5" t="s">
        <v>1518</v>
      </c>
      <c r="J7280" s="5" t="s">
        <v>1519</v>
      </c>
      <c r="K7280" s="2" t="s">
        <v>1520</v>
      </c>
      <c r="L7280" s="5" t="s">
        <v>1519</v>
      </c>
      <c r="M7280" s="2" t="s">
        <v>1520</v>
      </c>
      <c r="N7280" s="5" t="s">
        <v>1521</v>
      </c>
      <c r="O7280" s="5" t="s">
        <v>38</v>
      </c>
      <c r="P7280" s="5" t="s">
        <v>39</v>
      </c>
      <c r="Q7280" s="5" t="s">
        <v>40</v>
      </c>
      <c r="R7280" s="5" t="s">
        <v>1522</v>
      </c>
      <c r="S7280" s="5" t="s">
        <v>1523</v>
      </c>
      <c r="T7280" s="5" t="s">
        <v>42</v>
      </c>
      <c r="U7280" s="2">
        <v>3.073</v>
      </c>
      <c r="V7280" s="2">
        <v>2.5459999999999998</v>
      </c>
      <c r="W7280" s="2">
        <v>1.4999999999999999E-2</v>
      </c>
      <c r="X7280" s="2">
        <v>118.9</v>
      </c>
      <c r="Y7280" s="2">
        <v>7.6</v>
      </c>
      <c r="Z7280" s="2">
        <v>16.7</v>
      </c>
      <c r="AA7280" s="5"/>
      <c r="AB7280" s="5" t="s">
        <v>43</v>
      </c>
      <c r="AC7280" s="5" t="s">
        <v>44</v>
      </c>
      <c r="AD7280" s="2"/>
      <c r="AE7280" s="1"/>
    </row>
    <row r="7281" spans="1:31" ht="14.45">
      <c r="A7281" s="11"/>
      <c r="B7281" s="20"/>
      <c r="C7281" s="2" t="s">
        <v>22315</v>
      </c>
      <c r="D7281" s="14" t="s">
        <v>22316</v>
      </c>
      <c r="E7281" s="2" t="s">
        <v>22317</v>
      </c>
      <c r="F7281" s="2" t="s">
        <v>7547</v>
      </c>
      <c r="G7281" s="8">
        <v>272</v>
      </c>
      <c r="H7281" s="5">
        <v>6</v>
      </c>
      <c r="I7281" s="5" t="s">
        <v>1518</v>
      </c>
      <c r="J7281" s="5" t="s">
        <v>1519</v>
      </c>
      <c r="K7281" s="2" t="s">
        <v>1520</v>
      </c>
      <c r="L7281" s="5" t="s">
        <v>1519</v>
      </c>
      <c r="M7281" s="2" t="s">
        <v>1520</v>
      </c>
      <c r="N7281" s="5" t="s">
        <v>1521</v>
      </c>
      <c r="O7281" s="5" t="s">
        <v>38</v>
      </c>
      <c r="P7281" s="5" t="s">
        <v>39</v>
      </c>
      <c r="Q7281" s="5" t="s">
        <v>40</v>
      </c>
      <c r="R7281" s="5" t="s">
        <v>1522</v>
      </c>
      <c r="S7281" s="5" t="s">
        <v>1523</v>
      </c>
      <c r="T7281" s="5" t="s">
        <v>42</v>
      </c>
      <c r="U7281" s="2">
        <v>2.9649999999999999</v>
      </c>
      <c r="V7281" s="2">
        <v>2.4380000000000002</v>
      </c>
      <c r="W7281" s="2">
        <v>1.4999999999999999E-2</v>
      </c>
      <c r="X7281" s="2">
        <v>118.9</v>
      </c>
      <c r="Y7281" s="2">
        <v>7.6</v>
      </c>
      <c r="Z7281" s="2">
        <v>16.7</v>
      </c>
      <c r="AA7281" s="5"/>
      <c r="AB7281" s="5" t="s">
        <v>43</v>
      </c>
      <c r="AC7281" s="5" t="s">
        <v>44</v>
      </c>
      <c r="AD7281" s="2"/>
      <c r="AE7281" s="1"/>
    </row>
    <row r="7282" spans="1:31" ht="14.45">
      <c r="A7282" s="11"/>
      <c r="B7282" s="20"/>
      <c r="C7282" s="2" t="s">
        <v>22318</v>
      </c>
      <c r="D7282" s="14" t="s">
        <v>22319</v>
      </c>
      <c r="E7282" s="2" t="s">
        <v>22320</v>
      </c>
      <c r="F7282" s="2" t="s">
        <v>7555</v>
      </c>
      <c r="G7282" s="8">
        <v>272</v>
      </c>
      <c r="H7282" s="5">
        <v>6</v>
      </c>
      <c r="I7282" s="5" t="s">
        <v>1518</v>
      </c>
      <c r="J7282" s="5" t="s">
        <v>1519</v>
      </c>
      <c r="K7282" s="2" t="s">
        <v>1520</v>
      </c>
      <c r="L7282" s="5" t="s">
        <v>1519</v>
      </c>
      <c r="M7282" s="2" t="s">
        <v>1520</v>
      </c>
      <c r="N7282" s="5" t="s">
        <v>1521</v>
      </c>
      <c r="O7282" s="5" t="s">
        <v>38</v>
      </c>
      <c r="P7282" s="5" t="s">
        <v>39</v>
      </c>
      <c r="Q7282" s="5" t="s">
        <v>40</v>
      </c>
      <c r="R7282" s="5" t="s">
        <v>1522</v>
      </c>
      <c r="S7282" s="5" t="s">
        <v>1523</v>
      </c>
      <c r="T7282" s="5" t="s">
        <v>42</v>
      </c>
      <c r="U7282" s="2">
        <v>2.9649999999999999</v>
      </c>
      <c r="V7282" s="2">
        <v>2.4380000000000002</v>
      </c>
      <c r="W7282" s="2">
        <v>1.4999999999999999E-2</v>
      </c>
      <c r="X7282" s="2">
        <v>118.9</v>
      </c>
      <c r="Y7282" s="2">
        <v>7.6</v>
      </c>
      <c r="Z7282" s="2">
        <v>16.7</v>
      </c>
      <c r="AA7282" s="5"/>
      <c r="AB7282" s="5" t="s">
        <v>43</v>
      </c>
      <c r="AC7282" s="5" t="s">
        <v>44</v>
      </c>
      <c r="AD7282" s="2"/>
      <c r="AE7282" s="1"/>
    </row>
    <row r="7283" spans="1:31" ht="14.45">
      <c r="A7283" s="11"/>
      <c r="B7283" s="20"/>
      <c r="C7283" s="2" t="s">
        <v>22321</v>
      </c>
      <c r="D7283" s="14" t="s">
        <v>22322</v>
      </c>
      <c r="E7283" s="2" t="s">
        <v>22323</v>
      </c>
      <c r="F7283" s="2" t="s">
        <v>7559</v>
      </c>
      <c r="G7283" s="8">
        <v>272</v>
      </c>
      <c r="H7283" s="5">
        <v>6</v>
      </c>
      <c r="I7283" s="5" t="s">
        <v>1518</v>
      </c>
      <c r="J7283" s="5" t="s">
        <v>1519</v>
      </c>
      <c r="K7283" s="2" t="s">
        <v>1520</v>
      </c>
      <c r="L7283" s="5" t="s">
        <v>1519</v>
      </c>
      <c r="M7283" s="2" t="s">
        <v>1520</v>
      </c>
      <c r="N7283" s="5" t="s">
        <v>1521</v>
      </c>
      <c r="O7283" s="5" t="s">
        <v>38</v>
      </c>
      <c r="P7283" s="5" t="s">
        <v>39</v>
      </c>
      <c r="Q7283" s="5" t="s">
        <v>40</v>
      </c>
      <c r="R7283" s="5" t="s">
        <v>1522</v>
      </c>
      <c r="S7283" s="5" t="s">
        <v>1523</v>
      </c>
      <c r="T7283" s="5" t="s">
        <v>42</v>
      </c>
      <c r="U7283" s="2">
        <v>3.0510000000000002</v>
      </c>
      <c r="V7283" s="2">
        <v>2.524</v>
      </c>
      <c r="W7283" s="2">
        <v>1.4999999999999999E-2</v>
      </c>
      <c r="X7283" s="2">
        <v>118.9</v>
      </c>
      <c r="Y7283" s="2">
        <v>7.6</v>
      </c>
      <c r="Z7283" s="2">
        <v>16.7</v>
      </c>
      <c r="AA7283" s="5"/>
      <c r="AB7283" s="5" t="s">
        <v>43</v>
      </c>
      <c r="AC7283" s="5" t="s">
        <v>44</v>
      </c>
      <c r="AD7283" s="2"/>
      <c r="AE7283" s="1"/>
    </row>
    <row r="7284" spans="1:31" ht="14.45">
      <c r="A7284" s="11"/>
      <c r="B7284" s="20"/>
      <c r="C7284" s="2" t="s">
        <v>22324</v>
      </c>
      <c r="D7284" s="14" t="s">
        <v>22325</v>
      </c>
      <c r="E7284" s="2" t="s">
        <v>22326</v>
      </c>
      <c r="F7284" s="2" t="s">
        <v>7563</v>
      </c>
      <c r="G7284" s="8">
        <v>272</v>
      </c>
      <c r="H7284" s="5">
        <v>6</v>
      </c>
      <c r="I7284" s="5" t="s">
        <v>1518</v>
      </c>
      <c r="J7284" s="5" t="s">
        <v>1519</v>
      </c>
      <c r="K7284" s="2" t="s">
        <v>1520</v>
      </c>
      <c r="L7284" s="5" t="s">
        <v>1519</v>
      </c>
      <c r="M7284" s="2" t="s">
        <v>1520</v>
      </c>
      <c r="N7284" s="5" t="s">
        <v>1521</v>
      </c>
      <c r="O7284" s="5" t="s">
        <v>38</v>
      </c>
      <c r="P7284" s="5" t="s">
        <v>39</v>
      </c>
      <c r="Q7284" s="5" t="s">
        <v>40</v>
      </c>
      <c r="R7284" s="5" t="s">
        <v>1522</v>
      </c>
      <c r="S7284" s="5" t="s">
        <v>1523</v>
      </c>
      <c r="T7284" s="5" t="s">
        <v>42</v>
      </c>
      <c r="U7284" s="2">
        <v>2.9870000000000001</v>
      </c>
      <c r="V7284" s="2">
        <v>2.46</v>
      </c>
      <c r="W7284" s="2">
        <v>1.4999999999999999E-2</v>
      </c>
      <c r="X7284" s="2">
        <v>118.9</v>
      </c>
      <c r="Y7284" s="2">
        <v>7.6</v>
      </c>
      <c r="Z7284" s="2">
        <v>16.7</v>
      </c>
      <c r="AA7284" s="5"/>
      <c r="AB7284" s="5" t="s">
        <v>43</v>
      </c>
      <c r="AC7284" s="5" t="s">
        <v>44</v>
      </c>
      <c r="AD7284" s="2"/>
      <c r="AE7284" s="1"/>
    </row>
    <row r="7285" spans="1:31" ht="14.45">
      <c r="A7285" s="11"/>
      <c r="B7285" s="20"/>
      <c r="C7285" s="2" t="s">
        <v>22327</v>
      </c>
      <c r="D7285" s="14" t="s">
        <v>22328</v>
      </c>
      <c r="E7285" s="2" t="s">
        <v>22329</v>
      </c>
      <c r="F7285" s="2" t="s">
        <v>7567</v>
      </c>
      <c r="G7285" s="8">
        <v>272</v>
      </c>
      <c r="H7285" s="5">
        <v>6</v>
      </c>
      <c r="I7285" s="5" t="s">
        <v>1518</v>
      </c>
      <c r="J7285" s="5" t="s">
        <v>1519</v>
      </c>
      <c r="K7285" s="2" t="s">
        <v>1520</v>
      </c>
      <c r="L7285" s="5" t="s">
        <v>1519</v>
      </c>
      <c r="M7285" s="2" t="s">
        <v>1520</v>
      </c>
      <c r="N7285" s="5" t="s">
        <v>1521</v>
      </c>
      <c r="O7285" s="5" t="s">
        <v>38</v>
      </c>
      <c r="P7285" s="5" t="s">
        <v>39</v>
      </c>
      <c r="Q7285" s="5" t="s">
        <v>40</v>
      </c>
      <c r="R7285" s="5" t="s">
        <v>1522</v>
      </c>
      <c r="S7285" s="5" t="s">
        <v>1523</v>
      </c>
      <c r="T7285" s="5" t="s">
        <v>42</v>
      </c>
      <c r="U7285" s="2">
        <v>3.073</v>
      </c>
      <c r="V7285" s="2">
        <v>2.5459999999999998</v>
      </c>
      <c r="W7285" s="2">
        <v>1.4999999999999999E-2</v>
      </c>
      <c r="X7285" s="2">
        <v>118.9</v>
      </c>
      <c r="Y7285" s="2">
        <v>7.6</v>
      </c>
      <c r="Z7285" s="2">
        <v>16.7</v>
      </c>
      <c r="AA7285" s="5"/>
      <c r="AB7285" s="5" t="s">
        <v>43</v>
      </c>
      <c r="AC7285" s="5" t="s">
        <v>44</v>
      </c>
      <c r="AD7285" s="2"/>
      <c r="AE7285" s="1"/>
    </row>
    <row r="7286" spans="1:31" ht="14.45">
      <c r="A7286" s="11"/>
      <c r="B7286" s="20"/>
      <c r="C7286" s="2" t="s">
        <v>22330</v>
      </c>
      <c r="D7286" s="14" t="s">
        <v>22331</v>
      </c>
      <c r="E7286" s="2" t="s">
        <v>22332</v>
      </c>
      <c r="F7286" s="2" t="s">
        <v>16079</v>
      </c>
      <c r="G7286" s="8">
        <v>272</v>
      </c>
      <c r="H7286" s="5">
        <v>6</v>
      </c>
      <c r="I7286" s="5" t="s">
        <v>1518</v>
      </c>
      <c r="J7286" s="5" t="s">
        <v>1519</v>
      </c>
      <c r="K7286" s="2" t="s">
        <v>1520</v>
      </c>
      <c r="L7286" s="5" t="s">
        <v>1519</v>
      </c>
      <c r="M7286" s="2" t="s">
        <v>1520</v>
      </c>
      <c r="N7286" s="5" t="s">
        <v>1521</v>
      </c>
      <c r="O7286" s="5" t="s">
        <v>38</v>
      </c>
      <c r="P7286" s="5" t="s">
        <v>39</v>
      </c>
      <c r="Q7286" s="5" t="s">
        <v>40</v>
      </c>
      <c r="R7286" s="5" t="s">
        <v>1522</v>
      </c>
      <c r="S7286" s="5" t="s">
        <v>1523</v>
      </c>
      <c r="T7286" s="5" t="s">
        <v>42</v>
      </c>
      <c r="U7286" s="2">
        <v>2.9870000000000001</v>
      </c>
      <c r="V7286" s="2">
        <v>2.46</v>
      </c>
      <c r="W7286" s="2">
        <v>1.4999999999999999E-2</v>
      </c>
      <c r="X7286" s="2">
        <v>118.9</v>
      </c>
      <c r="Y7286" s="2">
        <v>7.6</v>
      </c>
      <c r="Z7286" s="2">
        <v>16.7</v>
      </c>
      <c r="AA7286" s="5"/>
      <c r="AB7286" s="5" t="s">
        <v>43</v>
      </c>
      <c r="AC7286" s="5" t="s">
        <v>44</v>
      </c>
      <c r="AD7286" s="2"/>
      <c r="AE7286" s="1"/>
    </row>
    <row r="7287" spans="1:31" ht="14.45">
      <c r="A7287" s="11"/>
      <c r="B7287" s="20"/>
      <c r="C7287" s="2" t="s">
        <v>22333</v>
      </c>
      <c r="D7287" s="14" t="s">
        <v>22334</v>
      </c>
      <c r="E7287" s="2" t="s">
        <v>22335</v>
      </c>
      <c r="F7287" s="2" t="s">
        <v>7449</v>
      </c>
      <c r="G7287" s="8">
        <v>272</v>
      </c>
      <c r="H7287" s="5">
        <v>6</v>
      </c>
      <c r="I7287" s="5" t="s">
        <v>1518</v>
      </c>
      <c r="J7287" s="5" t="s">
        <v>1519</v>
      </c>
      <c r="K7287" s="2" t="s">
        <v>1520</v>
      </c>
      <c r="L7287" s="5" t="s">
        <v>1519</v>
      </c>
      <c r="M7287" s="2" t="s">
        <v>1520</v>
      </c>
      <c r="N7287" s="5" t="s">
        <v>1521</v>
      </c>
      <c r="O7287" s="5" t="s">
        <v>38</v>
      </c>
      <c r="P7287" s="5" t="s">
        <v>39</v>
      </c>
      <c r="Q7287" s="5" t="s">
        <v>40</v>
      </c>
      <c r="R7287" s="5" t="s">
        <v>1522</v>
      </c>
      <c r="S7287" s="5" t="s">
        <v>1523</v>
      </c>
      <c r="T7287" s="5" t="s">
        <v>42</v>
      </c>
      <c r="U7287" s="2">
        <v>2.9870000000000001</v>
      </c>
      <c r="V7287" s="2">
        <v>2.46</v>
      </c>
      <c r="W7287" s="2">
        <v>1.4999999999999999E-2</v>
      </c>
      <c r="X7287" s="2">
        <v>118.9</v>
      </c>
      <c r="Y7287" s="2">
        <v>7.6</v>
      </c>
      <c r="Z7287" s="2">
        <v>16.7</v>
      </c>
      <c r="AA7287" s="5"/>
      <c r="AB7287" s="5" t="s">
        <v>43</v>
      </c>
      <c r="AC7287" s="5" t="s">
        <v>44</v>
      </c>
      <c r="AD7287" s="2"/>
      <c r="AE7287" s="1"/>
    </row>
    <row r="7288" spans="1:31" ht="14.45">
      <c r="A7288" s="11"/>
      <c r="B7288" s="20"/>
      <c r="C7288" s="2" t="s">
        <v>22336</v>
      </c>
      <c r="D7288" s="14" t="s">
        <v>22337</v>
      </c>
      <c r="E7288" s="2" t="s">
        <v>22338</v>
      </c>
      <c r="F7288" s="2" t="s">
        <v>7581</v>
      </c>
      <c r="G7288" s="8">
        <v>272</v>
      </c>
      <c r="H7288" s="5">
        <v>6</v>
      </c>
      <c r="I7288" s="5" t="s">
        <v>1518</v>
      </c>
      <c r="J7288" s="5" t="s">
        <v>1519</v>
      </c>
      <c r="K7288" s="2" t="s">
        <v>1520</v>
      </c>
      <c r="L7288" s="5" t="s">
        <v>1519</v>
      </c>
      <c r="M7288" s="2" t="s">
        <v>1520</v>
      </c>
      <c r="N7288" s="5" t="s">
        <v>1521</v>
      </c>
      <c r="O7288" s="5" t="s">
        <v>38</v>
      </c>
      <c r="P7288" s="5" t="s">
        <v>39</v>
      </c>
      <c r="Q7288" s="5" t="s">
        <v>40</v>
      </c>
      <c r="R7288" s="5" t="s">
        <v>1522</v>
      </c>
      <c r="S7288" s="5" t="s">
        <v>1523</v>
      </c>
      <c r="T7288" s="5" t="s">
        <v>42</v>
      </c>
      <c r="U7288" s="2">
        <v>3.073</v>
      </c>
      <c r="V7288" s="2">
        <v>2.5459999999999998</v>
      </c>
      <c r="W7288" s="2">
        <v>1.4999999999999999E-2</v>
      </c>
      <c r="X7288" s="2">
        <v>118.9</v>
      </c>
      <c r="Y7288" s="2">
        <v>7.6</v>
      </c>
      <c r="Z7288" s="2">
        <v>16.7</v>
      </c>
      <c r="AA7288" s="5"/>
      <c r="AB7288" s="5" t="s">
        <v>43</v>
      </c>
      <c r="AC7288" s="5" t="s">
        <v>44</v>
      </c>
      <c r="AD7288" s="2"/>
      <c r="AE7288" s="1"/>
    </row>
    <row r="7289" spans="1:31" ht="14.45">
      <c r="A7289" s="11"/>
      <c r="B7289" s="20"/>
      <c r="C7289" s="2" t="s">
        <v>22339</v>
      </c>
      <c r="D7289" s="14" t="s">
        <v>22340</v>
      </c>
      <c r="E7289" s="2" t="s">
        <v>22341</v>
      </c>
      <c r="F7289" s="2" t="s">
        <v>7585</v>
      </c>
      <c r="G7289" s="8">
        <v>272</v>
      </c>
      <c r="H7289" s="5">
        <v>6</v>
      </c>
      <c r="I7289" s="5" t="s">
        <v>1518</v>
      </c>
      <c r="J7289" s="5" t="s">
        <v>1519</v>
      </c>
      <c r="K7289" s="2" t="s">
        <v>1520</v>
      </c>
      <c r="L7289" s="5" t="s">
        <v>1519</v>
      </c>
      <c r="M7289" s="2" t="s">
        <v>1520</v>
      </c>
      <c r="N7289" s="5" t="s">
        <v>1521</v>
      </c>
      <c r="O7289" s="5" t="s">
        <v>38</v>
      </c>
      <c r="P7289" s="5" t="s">
        <v>39</v>
      </c>
      <c r="Q7289" s="5" t="s">
        <v>40</v>
      </c>
      <c r="R7289" s="5" t="s">
        <v>1522</v>
      </c>
      <c r="S7289" s="5" t="s">
        <v>1523</v>
      </c>
      <c r="T7289" s="5" t="s">
        <v>42</v>
      </c>
      <c r="U7289" s="2">
        <v>2.9649999999999999</v>
      </c>
      <c r="V7289" s="2">
        <v>2.4380000000000002</v>
      </c>
      <c r="W7289" s="2">
        <v>1.4999999999999999E-2</v>
      </c>
      <c r="X7289" s="2">
        <v>118.9</v>
      </c>
      <c r="Y7289" s="2">
        <v>7.6</v>
      </c>
      <c r="Z7289" s="2">
        <v>16.7</v>
      </c>
      <c r="AA7289" s="5"/>
      <c r="AB7289" s="5" t="s">
        <v>43</v>
      </c>
      <c r="AC7289" s="5" t="s">
        <v>44</v>
      </c>
      <c r="AD7289" s="2"/>
      <c r="AE7289" s="1"/>
    </row>
    <row r="7290" spans="1:31" ht="14.45">
      <c r="A7290" s="11"/>
      <c r="B7290" s="20"/>
      <c r="C7290" s="2" t="s">
        <v>22342</v>
      </c>
      <c r="D7290" s="14" t="s">
        <v>22343</v>
      </c>
      <c r="E7290" s="2" t="s">
        <v>22344</v>
      </c>
      <c r="F7290" s="2" t="s">
        <v>7589</v>
      </c>
      <c r="G7290" s="8">
        <v>272</v>
      </c>
      <c r="H7290" s="5">
        <v>6</v>
      </c>
      <c r="I7290" s="5" t="s">
        <v>1518</v>
      </c>
      <c r="J7290" s="5" t="s">
        <v>1519</v>
      </c>
      <c r="K7290" s="2" t="s">
        <v>1520</v>
      </c>
      <c r="L7290" s="5" t="s">
        <v>1519</v>
      </c>
      <c r="M7290" s="2" t="s">
        <v>1520</v>
      </c>
      <c r="N7290" s="5" t="s">
        <v>1521</v>
      </c>
      <c r="O7290" s="5" t="s">
        <v>38</v>
      </c>
      <c r="P7290" s="5" t="s">
        <v>39</v>
      </c>
      <c r="Q7290" s="5" t="s">
        <v>40</v>
      </c>
      <c r="R7290" s="5" t="s">
        <v>1522</v>
      </c>
      <c r="S7290" s="5" t="s">
        <v>1523</v>
      </c>
      <c r="T7290" s="5" t="s">
        <v>42</v>
      </c>
      <c r="U7290" s="2">
        <v>3.0510000000000002</v>
      </c>
      <c r="V7290" s="2">
        <v>2.524</v>
      </c>
      <c r="W7290" s="2">
        <v>1.4999999999999999E-2</v>
      </c>
      <c r="X7290" s="2">
        <v>118.9</v>
      </c>
      <c r="Y7290" s="2">
        <v>7.6</v>
      </c>
      <c r="Z7290" s="2">
        <v>16.7</v>
      </c>
      <c r="AA7290" s="5"/>
      <c r="AB7290" s="5" t="s">
        <v>43</v>
      </c>
      <c r="AC7290" s="5" t="s">
        <v>44</v>
      </c>
      <c r="AD7290" s="2"/>
      <c r="AE7290" s="1"/>
    </row>
    <row r="7291" spans="1:31" ht="14.45">
      <c r="A7291" s="11"/>
      <c r="B7291" s="20"/>
      <c r="C7291" s="2" t="s">
        <v>22345</v>
      </c>
      <c r="D7291" s="14" t="s">
        <v>22346</v>
      </c>
      <c r="E7291" s="2" t="s">
        <v>22347</v>
      </c>
      <c r="F7291" s="2" t="s">
        <v>7593</v>
      </c>
      <c r="G7291" s="8">
        <v>272</v>
      </c>
      <c r="H7291" s="5">
        <v>6</v>
      </c>
      <c r="I7291" s="5" t="s">
        <v>1518</v>
      </c>
      <c r="J7291" s="5" t="s">
        <v>1519</v>
      </c>
      <c r="K7291" s="2" t="s">
        <v>1520</v>
      </c>
      <c r="L7291" s="5" t="s">
        <v>1519</v>
      </c>
      <c r="M7291" s="2" t="s">
        <v>1520</v>
      </c>
      <c r="N7291" s="5" t="s">
        <v>1521</v>
      </c>
      <c r="O7291" s="5" t="s">
        <v>38</v>
      </c>
      <c r="P7291" s="5" t="s">
        <v>39</v>
      </c>
      <c r="Q7291" s="5" t="s">
        <v>40</v>
      </c>
      <c r="R7291" s="5" t="s">
        <v>1522</v>
      </c>
      <c r="S7291" s="5" t="s">
        <v>1523</v>
      </c>
      <c r="T7291" s="5" t="s">
        <v>42</v>
      </c>
      <c r="U7291" s="2">
        <v>2.9870000000000001</v>
      </c>
      <c r="V7291" s="2">
        <v>2.46</v>
      </c>
      <c r="W7291" s="2">
        <v>1.4999999999999999E-2</v>
      </c>
      <c r="X7291" s="2">
        <v>118.9</v>
      </c>
      <c r="Y7291" s="2">
        <v>7.6</v>
      </c>
      <c r="Z7291" s="2">
        <v>16.7</v>
      </c>
      <c r="AA7291" s="5"/>
      <c r="AB7291" s="5" t="s">
        <v>43</v>
      </c>
      <c r="AC7291" s="5" t="s">
        <v>44</v>
      </c>
      <c r="AD7291" s="2"/>
      <c r="AE7291" s="1"/>
    </row>
    <row r="7292" spans="1:31" ht="14.45">
      <c r="A7292" s="11"/>
      <c r="B7292" s="20"/>
      <c r="C7292" s="2" t="s">
        <v>22348</v>
      </c>
      <c r="D7292" s="14" t="s">
        <v>22349</v>
      </c>
      <c r="E7292" s="2" t="s">
        <v>22350</v>
      </c>
      <c r="F7292" s="2" t="s">
        <v>7597</v>
      </c>
      <c r="G7292" s="8">
        <v>272</v>
      </c>
      <c r="H7292" s="5">
        <v>6</v>
      </c>
      <c r="I7292" s="5" t="s">
        <v>1518</v>
      </c>
      <c r="J7292" s="5" t="s">
        <v>1519</v>
      </c>
      <c r="K7292" s="2" t="s">
        <v>1520</v>
      </c>
      <c r="L7292" s="5" t="s">
        <v>1519</v>
      </c>
      <c r="M7292" s="2" t="s">
        <v>1520</v>
      </c>
      <c r="N7292" s="5" t="s">
        <v>1521</v>
      </c>
      <c r="O7292" s="5" t="s">
        <v>38</v>
      </c>
      <c r="P7292" s="5" t="s">
        <v>39</v>
      </c>
      <c r="Q7292" s="5" t="s">
        <v>40</v>
      </c>
      <c r="R7292" s="5" t="s">
        <v>1522</v>
      </c>
      <c r="S7292" s="5" t="s">
        <v>1523</v>
      </c>
      <c r="T7292" s="5" t="s">
        <v>42</v>
      </c>
      <c r="U7292" s="2">
        <v>3.073</v>
      </c>
      <c r="V7292" s="2">
        <v>2.5459999999999998</v>
      </c>
      <c r="W7292" s="2">
        <v>1.4999999999999999E-2</v>
      </c>
      <c r="X7292" s="2">
        <v>118.9</v>
      </c>
      <c r="Y7292" s="2">
        <v>7.6</v>
      </c>
      <c r="Z7292" s="2">
        <v>16.7</v>
      </c>
      <c r="AA7292" s="5"/>
      <c r="AB7292" s="5" t="s">
        <v>43</v>
      </c>
      <c r="AC7292" s="5" t="s">
        <v>44</v>
      </c>
      <c r="AD7292" s="2"/>
      <c r="AE7292" s="1"/>
    </row>
    <row r="7293" spans="1:31" ht="14.45">
      <c r="A7293" s="11"/>
      <c r="B7293" s="20"/>
      <c r="C7293" s="2" t="s">
        <v>22351</v>
      </c>
      <c r="D7293" s="14" t="s">
        <v>22352</v>
      </c>
      <c r="E7293" s="2" t="s">
        <v>22353</v>
      </c>
      <c r="F7293" s="2" t="s">
        <v>16014</v>
      </c>
      <c r="G7293" s="8">
        <v>272</v>
      </c>
      <c r="H7293" s="5">
        <v>6</v>
      </c>
      <c r="I7293" s="5" t="s">
        <v>1518</v>
      </c>
      <c r="J7293" s="5" t="s">
        <v>1519</v>
      </c>
      <c r="K7293" s="2" t="s">
        <v>1520</v>
      </c>
      <c r="L7293" s="5" t="s">
        <v>1519</v>
      </c>
      <c r="M7293" s="2" t="s">
        <v>1520</v>
      </c>
      <c r="N7293" s="5" t="s">
        <v>1521</v>
      </c>
      <c r="O7293" s="5" t="s">
        <v>38</v>
      </c>
      <c r="P7293" s="5" t="s">
        <v>39</v>
      </c>
      <c r="Q7293" s="5" t="s">
        <v>40</v>
      </c>
      <c r="R7293" s="5" t="s">
        <v>1522</v>
      </c>
      <c r="S7293" s="5" t="s">
        <v>1523</v>
      </c>
      <c r="T7293" s="5" t="s">
        <v>42</v>
      </c>
      <c r="U7293" s="2">
        <v>2.9870000000000001</v>
      </c>
      <c r="V7293" s="2">
        <v>2.46</v>
      </c>
      <c r="W7293" s="2">
        <v>1.4999999999999999E-2</v>
      </c>
      <c r="X7293" s="2">
        <v>118.9</v>
      </c>
      <c r="Y7293" s="2">
        <v>7.6</v>
      </c>
      <c r="Z7293" s="2">
        <v>16.7</v>
      </c>
      <c r="AA7293" s="5"/>
      <c r="AB7293" s="5" t="s">
        <v>43</v>
      </c>
      <c r="AC7293" s="5" t="s">
        <v>44</v>
      </c>
      <c r="AD7293" s="2"/>
      <c r="AE7293" s="1"/>
    </row>
    <row r="7294" spans="1:31" ht="14.45">
      <c r="A7294" s="11"/>
      <c r="B7294" s="20"/>
      <c r="C7294" s="2" t="s">
        <v>22354</v>
      </c>
      <c r="D7294" s="14" t="s">
        <v>22355</v>
      </c>
      <c r="E7294" s="2" t="s">
        <v>22356</v>
      </c>
      <c r="F7294" s="2" t="s">
        <v>16219</v>
      </c>
      <c r="G7294" s="8">
        <v>272</v>
      </c>
      <c r="H7294" s="5">
        <v>6</v>
      </c>
      <c r="I7294" s="5" t="s">
        <v>1518</v>
      </c>
      <c r="J7294" s="5" t="s">
        <v>1519</v>
      </c>
      <c r="K7294" s="2" t="s">
        <v>1520</v>
      </c>
      <c r="L7294" s="5" t="s">
        <v>1519</v>
      </c>
      <c r="M7294" s="2" t="s">
        <v>1520</v>
      </c>
      <c r="N7294" s="5" t="s">
        <v>1521</v>
      </c>
      <c r="O7294" s="5" t="s">
        <v>38</v>
      </c>
      <c r="P7294" s="5" t="s">
        <v>39</v>
      </c>
      <c r="Q7294" s="5" t="s">
        <v>40</v>
      </c>
      <c r="R7294" s="5" t="s">
        <v>1522</v>
      </c>
      <c r="S7294" s="5" t="s">
        <v>1523</v>
      </c>
      <c r="T7294" s="5" t="s">
        <v>42</v>
      </c>
      <c r="U7294" s="2">
        <v>3.073</v>
      </c>
      <c r="V7294" s="2">
        <v>2.5459999999999998</v>
      </c>
      <c r="W7294" s="2">
        <v>1.4999999999999999E-2</v>
      </c>
      <c r="X7294" s="2">
        <v>118.9</v>
      </c>
      <c r="Y7294" s="2">
        <v>7.6</v>
      </c>
      <c r="Z7294" s="2">
        <v>16.7</v>
      </c>
      <c r="AA7294" s="5"/>
      <c r="AB7294" s="5" t="s">
        <v>43</v>
      </c>
      <c r="AC7294" s="5" t="s">
        <v>44</v>
      </c>
      <c r="AD7294" s="2"/>
      <c r="AE7294" s="1"/>
    </row>
    <row r="7295" spans="1:31" ht="14.45">
      <c r="A7295" s="11"/>
      <c r="B7295" s="20"/>
      <c r="C7295" s="2" t="s">
        <v>22357</v>
      </c>
      <c r="D7295" s="14" t="s">
        <v>22358</v>
      </c>
      <c r="E7295" s="2" t="s">
        <v>22359</v>
      </c>
      <c r="F7295" s="2" t="s">
        <v>16018</v>
      </c>
      <c r="G7295" s="8">
        <v>272</v>
      </c>
      <c r="H7295" s="5">
        <v>6</v>
      </c>
      <c r="I7295" s="5" t="s">
        <v>1518</v>
      </c>
      <c r="J7295" s="5" t="s">
        <v>1519</v>
      </c>
      <c r="K7295" s="2" t="s">
        <v>1520</v>
      </c>
      <c r="L7295" s="5" t="s">
        <v>1519</v>
      </c>
      <c r="M7295" s="2" t="s">
        <v>1520</v>
      </c>
      <c r="N7295" s="5" t="s">
        <v>1521</v>
      </c>
      <c r="O7295" s="5" t="s">
        <v>38</v>
      </c>
      <c r="P7295" s="5" t="s">
        <v>39</v>
      </c>
      <c r="Q7295" s="5" t="s">
        <v>40</v>
      </c>
      <c r="R7295" s="5" t="s">
        <v>1522</v>
      </c>
      <c r="S7295" s="5" t="s">
        <v>1523</v>
      </c>
      <c r="T7295" s="5" t="s">
        <v>42</v>
      </c>
      <c r="U7295" s="2">
        <v>2.9870000000000001</v>
      </c>
      <c r="V7295" s="2">
        <v>2.46</v>
      </c>
      <c r="W7295" s="2">
        <v>1.4999999999999999E-2</v>
      </c>
      <c r="X7295" s="2">
        <v>118.9</v>
      </c>
      <c r="Y7295" s="2">
        <v>7.6</v>
      </c>
      <c r="Z7295" s="2">
        <v>16.7</v>
      </c>
      <c r="AA7295" s="5"/>
      <c r="AB7295" s="5" t="s">
        <v>43</v>
      </c>
      <c r="AC7295" s="5" t="s">
        <v>44</v>
      </c>
      <c r="AD7295" s="2"/>
      <c r="AE7295" s="1"/>
    </row>
    <row r="7296" spans="1:31" ht="14.45">
      <c r="A7296" s="11"/>
      <c r="B7296" s="20"/>
      <c r="C7296" s="2" t="s">
        <v>22360</v>
      </c>
      <c r="D7296" s="14" t="s">
        <v>22361</v>
      </c>
      <c r="E7296" s="2" t="s">
        <v>22362</v>
      </c>
      <c r="F7296" s="2" t="s">
        <v>16022</v>
      </c>
      <c r="G7296" s="8">
        <v>272</v>
      </c>
      <c r="H7296" s="5">
        <v>6</v>
      </c>
      <c r="I7296" s="5" t="s">
        <v>1518</v>
      </c>
      <c r="J7296" s="5" t="s">
        <v>1519</v>
      </c>
      <c r="K7296" s="2" t="s">
        <v>1520</v>
      </c>
      <c r="L7296" s="5" t="s">
        <v>1519</v>
      </c>
      <c r="M7296" s="2" t="s">
        <v>1520</v>
      </c>
      <c r="N7296" s="5" t="s">
        <v>1521</v>
      </c>
      <c r="O7296" s="5" t="s">
        <v>38</v>
      </c>
      <c r="P7296" s="5" t="s">
        <v>39</v>
      </c>
      <c r="Q7296" s="5" t="s">
        <v>40</v>
      </c>
      <c r="R7296" s="5" t="s">
        <v>1522</v>
      </c>
      <c r="S7296" s="5" t="s">
        <v>1523</v>
      </c>
      <c r="T7296" s="5" t="s">
        <v>42</v>
      </c>
      <c r="U7296" s="2">
        <v>3.073</v>
      </c>
      <c r="V7296" s="2">
        <v>2.5459999999999998</v>
      </c>
      <c r="W7296" s="2">
        <v>1.4999999999999999E-2</v>
      </c>
      <c r="X7296" s="2">
        <v>118.9</v>
      </c>
      <c r="Y7296" s="2">
        <v>7.6</v>
      </c>
      <c r="Z7296" s="2">
        <v>16.7</v>
      </c>
      <c r="AA7296" s="5"/>
      <c r="AB7296" s="5" t="s">
        <v>43</v>
      </c>
      <c r="AC7296" s="5" t="s">
        <v>44</v>
      </c>
      <c r="AD7296" s="2"/>
      <c r="AE7296" s="1"/>
    </row>
    <row r="7297" spans="1:31" ht="14.45">
      <c r="A7297" s="11"/>
      <c r="B7297" s="20"/>
      <c r="C7297" s="2" t="s">
        <v>22363</v>
      </c>
      <c r="D7297" s="14" t="s">
        <v>22364</v>
      </c>
      <c r="E7297" s="2" t="s">
        <v>22365</v>
      </c>
      <c r="F7297" s="2" t="s">
        <v>7615</v>
      </c>
      <c r="G7297" s="8">
        <v>272</v>
      </c>
      <c r="H7297" s="5">
        <v>6</v>
      </c>
      <c r="I7297" s="5" t="s">
        <v>1518</v>
      </c>
      <c r="J7297" s="5" t="s">
        <v>1519</v>
      </c>
      <c r="K7297" s="2" t="s">
        <v>1520</v>
      </c>
      <c r="L7297" s="5" t="s">
        <v>1519</v>
      </c>
      <c r="M7297" s="2" t="s">
        <v>1520</v>
      </c>
      <c r="N7297" s="5" t="s">
        <v>1521</v>
      </c>
      <c r="O7297" s="5" t="s">
        <v>38</v>
      </c>
      <c r="P7297" s="5" t="s">
        <v>39</v>
      </c>
      <c r="Q7297" s="5" t="s">
        <v>40</v>
      </c>
      <c r="R7297" s="5" t="s">
        <v>1522</v>
      </c>
      <c r="S7297" s="5" t="s">
        <v>1523</v>
      </c>
      <c r="T7297" s="5" t="s">
        <v>42</v>
      </c>
      <c r="U7297" s="2">
        <v>2.9649999999999999</v>
      </c>
      <c r="V7297" s="2">
        <v>2.4380000000000002</v>
      </c>
      <c r="W7297" s="2">
        <v>1.4999999999999999E-2</v>
      </c>
      <c r="X7297" s="2">
        <v>118.9</v>
      </c>
      <c r="Y7297" s="2">
        <v>7.6</v>
      </c>
      <c r="Z7297" s="2">
        <v>16.7</v>
      </c>
      <c r="AA7297" s="5"/>
      <c r="AB7297" s="5" t="s">
        <v>43</v>
      </c>
      <c r="AC7297" s="5" t="s">
        <v>44</v>
      </c>
      <c r="AD7297" s="2"/>
      <c r="AE7297" s="1"/>
    </row>
    <row r="7298" spans="1:31" ht="14.45">
      <c r="A7298" s="11"/>
      <c r="B7298" s="20"/>
      <c r="C7298" s="2" t="s">
        <v>22366</v>
      </c>
      <c r="D7298" s="14" t="s">
        <v>22367</v>
      </c>
      <c r="E7298" s="2" t="s">
        <v>22368</v>
      </c>
      <c r="F7298" s="2" t="s">
        <v>7619</v>
      </c>
      <c r="G7298" s="8">
        <v>272</v>
      </c>
      <c r="H7298" s="5">
        <v>6</v>
      </c>
      <c r="I7298" s="5" t="s">
        <v>1518</v>
      </c>
      <c r="J7298" s="5" t="s">
        <v>1519</v>
      </c>
      <c r="K7298" s="2" t="s">
        <v>1520</v>
      </c>
      <c r="L7298" s="5" t="s">
        <v>1519</v>
      </c>
      <c r="M7298" s="2" t="s">
        <v>1520</v>
      </c>
      <c r="N7298" s="5" t="s">
        <v>1521</v>
      </c>
      <c r="O7298" s="5" t="s">
        <v>38</v>
      </c>
      <c r="P7298" s="5" t="s">
        <v>39</v>
      </c>
      <c r="Q7298" s="5" t="s">
        <v>40</v>
      </c>
      <c r="R7298" s="5" t="s">
        <v>1522</v>
      </c>
      <c r="S7298" s="5" t="s">
        <v>1523</v>
      </c>
      <c r="T7298" s="5" t="s">
        <v>42</v>
      </c>
      <c r="U7298" s="2">
        <v>3.0510000000000002</v>
      </c>
      <c r="V7298" s="2">
        <v>2.524</v>
      </c>
      <c r="W7298" s="2">
        <v>1.4999999999999999E-2</v>
      </c>
      <c r="X7298" s="2">
        <v>118.9</v>
      </c>
      <c r="Y7298" s="2">
        <v>7.6</v>
      </c>
      <c r="Z7298" s="2">
        <v>16.7</v>
      </c>
      <c r="AA7298" s="5"/>
      <c r="AB7298" s="5" t="s">
        <v>43</v>
      </c>
      <c r="AC7298" s="5" t="s">
        <v>44</v>
      </c>
      <c r="AD7298" s="2"/>
      <c r="AE7298" s="1"/>
    </row>
    <row r="7299" spans="1:31" ht="14.45">
      <c r="A7299" s="11"/>
      <c r="B7299" s="20"/>
      <c r="C7299" s="2" t="s">
        <v>22369</v>
      </c>
      <c r="D7299" s="14" t="s">
        <v>22370</v>
      </c>
      <c r="E7299" s="2" t="s">
        <v>22371</v>
      </c>
      <c r="F7299" s="2" t="s">
        <v>16029</v>
      </c>
      <c r="G7299" s="8">
        <v>272</v>
      </c>
      <c r="H7299" s="5">
        <v>11</v>
      </c>
      <c r="I7299" s="5" t="s">
        <v>1518</v>
      </c>
      <c r="J7299" s="5" t="s">
        <v>1519</v>
      </c>
      <c r="K7299" s="2" t="s">
        <v>1520</v>
      </c>
      <c r="L7299" s="5" t="s">
        <v>1519</v>
      </c>
      <c r="M7299" s="2" t="s">
        <v>1520</v>
      </c>
      <c r="N7299" s="5" t="s">
        <v>1521</v>
      </c>
      <c r="O7299" s="5" t="s">
        <v>38</v>
      </c>
      <c r="P7299" s="5" t="s">
        <v>39</v>
      </c>
      <c r="Q7299" s="5" t="s">
        <v>40</v>
      </c>
      <c r="R7299" s="5" t="s">
        <v>1522</v>
      </c>
      <c r="S7299" s="5" t="s">
        <v>1523</v>
      </c>
      <c r="T7299" s="5" t="s">
        <v>42</v>
      </c>
      <c r="U7299" s="2">
        <v>2.9889999999999999</v>
      </c>
      <c r="V7299" s="2">
        <v>2.4620000000000002</v>
      </c>
      <c r="W7299" s="2">
        <v>1.4999999999999999E-2</v>
      </c>
      <c r="X7299" s="2">
        <v>118.9</v>
      </c>
      <c r="Y7299" s="2">
        <v>7.6</v>
      </c>
      <c r="Z7299" s="2">
        <v>16.7</v>
      </c>
      <c r="AA7299" s="5"/>
      <c r="AB7299" s="5" t="s">
        <v>43</v>
      </c>
      <c r="AC7299" s="5" t="s">
        <v>44</v>
      </c>
      <c r="AD7299" s="2"/>
      <c r="AE7299" s="1"/>
    </row>
    <row r="7300" spans="1:31" ht="14.45">
      <c r="A7300" s="11"/>
      <c r="B7300" s="20"/>
      <c r="C7300" s="2" t="s">
        <v>22372</v>
      </c>
      <c r="D7300" s="14" t="s">
        <v>22373</v>
      </c>
      <c r="E7300" s="2" t="s">
        <v>22374</v>
      </c>
      <c r="F7300" s="2" t="s">
        <v>16033</v>
      </c>
      <c r="G7300" s="8">
        <v>272</v>
      </c>
      <c r="H7300" s="5">
        <v>11</v>
      </c>
      <c r="I7300" s="5" t="s">
        <v>1518</v>
      </c>
      <c r="J7300" s="5" t="s">
        <v>1519</v>
      </c>
      <c r="K7300" s="2" t="s">
        <v>1520</v>
      </c>
      <c r="L7300" s="5" t="s">
        <v>1519</v>
      </c>
      <c r="M7300" s="2" t="s">
        <v>1520</v>
      </c>
      <c r="N7300" s="5" t="s">
        <v>1521</v>
      </c>
      <c r="O7300" s="5" t="s">
        <v>38</v>
      </c>
      <c r="P7300" s="5" t="s">
        <v>39</v>
      </c>
      <c r="Q7300" s="5" t="s">
        <v>40</v>
      </c>
      <c r="R7300" s="5" t="s">
        <v>1522</v>
      </c>
      <c r="S7300" s="5" t="s">
        <v>1523</v>
      </c>
      <c r="T7300" s="5" t="s">
        <v>42</v>
      </c>
      <c r="U7300" s="2">
        <v>3.0750000000000002</v>
      </c>
      <c r="V7300" s="2">
        <v>2.548</v>
      </c>
      <c r="W7300" s="2">
        <v>1.4999999999999999E-2</v>
      </c>
      <c r="X7300" s="2">
        <v>118.9</v>
      </c>
      <c r="Y7300" s="2">
        <v>7.6</v>
      </c>
      <c r="Z7300" s="2">
        <v>16.7</v>
      </c>
      <c r="AA7300" s="5"/>
      <c r="AB7300" s="5" t="s">
        <v>43</v>
      </c>
      <c r="AC7300" s="5" t="s">
        <v>44</v>
      </c>
      <c r="AD7300" s="2"/>
      <c r="AE7300" s="1"/>
    </row>
    <row r="7301" spans="1:31" ht="14.45">
      <c r="A7301" s="11"/>
      <c r="B7301" s="20"/>
      <c r="C7301" s="2" t="s">
        <v>22375</v>
      </c>
      <c r="D7301" s="14" t="s">
        <v>22376</v>
      </c>
      <c r="E7301" s="2" t="s">
        <v>22377</v>
      </c>
      <c r="F7301" s="2" t="s">
        <v>7396</v>
      </c>
      <c r="G7301" s="8">
        <v>263</v>
      </c>
      <c r="H7301" s="5">
        <v>6</v>
      </c>
      <c r="I7301" s="5" t="s">
        <v>1518</v>
      </c>
      <c r="J7301" s="5" t="s">
        <v>1519</v>
      </c>
      <c r="K7301" s="2" t="s">
        <v>1520</v>
      </c>
      <c r="L7301" s="5" t="s">
        <v>1519</v>
      </c>
      <c r="M7301" s="2" t="s">
        <v>1520</v>
      </c>
      <c r="N7301" s="5" t="s">
        <v>1521</v>
      </c>
      <c r="O7301" s="5" t="s">
        <v>38</v>
      </c>
      <c r="P7301" s="5" t="s">
        <v>39</v>
      </c>
      <c r="Q7301" s="5" t="s">
        <v>40</v>
      </c>
      <c r="R7301" s="5" t="s">
        <v>1522</v>
      </c>
      <c r="S7301" s="5" t="s">
        <v>1523</v>
      </c>
      <c r="T7301" s="5" t="s">
        <v>42</v>
      </c>
      <c r="U7301" s="2">
        <v>3.149</v>
      </c>
      <c r="V7301" s="2">
        <v>2.6309999999999998</v>
      </c>
      <c r="W7301" s="2">
        <v>1.4999999999999999E-2</v>
      </c>
      <c r="X7301" s="2">
        <v>118.9</v>
      </c>
      <c r="Y7301" s="2">
        <v>7.6</v>
      </c>
      <c r="Z7301" s="2">
        <v>16.7</v>
      </c>
      <c r="AA7301" s="5"/>
      <c r="AB7301" s="5" t="s">
        <v>43</v>
      </c>
      <c r="AC7301" s="5" t="s">
        <v>44</v>
      </c>
      <c r="AD7301" s="2"/>
      <c r="AE7301" s="1"/>
    </row>
    <row r="7302" spans="1:31" ht="14.45">
      <c r="A7302" s="11"/>
      <c r="B7302" s="20"/>
      <c r="C7302" s="2" t="s">
        <v>22378</v>
      </c>
      <c r="D7302" s="14" t="s">
        <v>22379</v>
      </c>
      <c r="E7302" s="2" t="s">
        <v>22380</v>
      </c>
      <c r="F7302" s="2" t="s">
        <v>7507</v>
      </c>
      <c r="G7302" s="8">
        <v>263</v>
      </c>
      <c r="H7302" s="5">
        <v>6</v>
      </c>
      <c r="I7302" s="5" t="s">
        <v>1518</v>
      </c>
      <c r="J7302" s="5" t="s">
        <v>1519</v>
      </c>
      <c r="K7302" s="2" t="s">
        <v>1520</v>
      </c>
      <c r="L7302" s="5" t="s">
        <v>1519</v>
      </c>
      <c r="M7302" s="2" t="s">
        <v>1520</v>
      </c>
      <c r="N7302" s="5" t="s">
        <v>1521</v>
      </c>
      <c r="O7302" s="5" t="s">
        <v>38</v>
      </c>
      <c r="P7302" s="5" t="s">
        <v>39</v>
      </c>
      <c r="Q7302" s="5" t="s">
        <v>40</v>
      </c>
      <c r="R7302" s="5" t="s">
        <v>1522</v>
      </c>
      <c r="S7302" s="5" t="s">
        <v>1523</v>
      </c>
      <c r="T7302" s="5" t="s">
        <v>42</v>
      </c>
      <c r="U7302" s="2">
        <v>3.2490000000000001</v>
      </c>
      <c r="V7302" s="2">
        <v>2.7309999999999999</v>
      </c>
      <c r="W7302" s="2">
        <v>1.4999999999999999E-2</v>
      </c>
      <c r="X7302" s="2">
        <v>118.9</v>
      </c>
      <c r="Y7302" s="2">
        <v>7.6</v>
      </c>
      <c r="Z7302" s="2">
        <v>16.7</v>
      </c>
      <c r="AA7302" s="5"/>
      <c r="AB7302" s="5" t="s">
        <v>43</v>
      </c>
      <c r="AC7302" s="5" t="s">
        <v>44</v>
      </c>
      <c r="AD7302" s="2"/>
      <c r="AE7302" s="1"/>
    </row>
    <row r="7303" spans="1:31" ht="14.45">
      <c r="A7303" s="11"/>
      <c r="B7303" s="20"/>
      <c r="C7303" s="2" t="s">
        <v>22381</v>
      </c>
      <c r="D7303" s="14" t="s">
        <v>22382</v>
      </c>
      <c r="E7303" s="2" t="s">
        <v>22383</v>
      </c>
      <c r="F7303" s="2" t="s">
        <v>7204</v>
      </c>
      <c r="G7303" s="8">
        <v>263</v>
      </c>
      <c r="H7303" s="5">
        <v>6</v>
      </c>
      <c r="I7303" s="5" t="s">
        <v>1518</v>
      </c>
      <c r="J7303" s="5" t="s">
        <v>1519</v>
      </c>
      <c r="K7303" s="2" t="s">
        <v>1520</v>
      </c>
      <c r="L7303" s="5" t="s">
        <v>1519</v>
      </c>
      <c r="M7303" s="2" t="s">
        <v>1520</v>
      </c>
      <c r="N7303" s="5" t="s">
        <v>1521</v>
      </c>
      <c r="O7303" s="5" t="s">
        <v>38</v>
      </c>
      <c r="P7303" s="5" t="s">
        <v>39</v>
      </c>
      <c r="Q7303" s="5" t="s">
        <v>40</v>
      </c>
      <c r="R7303" s="5" t="s">
        <v>1522</v>
      </c>
      <c r="S7303" s="5" t="s">
        <v>1523</v>
      </c>
      <c r="T7303" s="5" t="s">
        <v>42</v>
      </c>
      <c r="U7303" s="2">
        <v>3.1579999999999999</v>
      </c>
      <c r="V7303" s="2">
        <v>2.64</v>
      </c>
      <c r="W7303" s="2">
        <v>1.4999999999999999E-2</v>
      </c>
      <c r="X7303" s="2">
        <v>118.9</v>
      </c>
      <c r="Y7303" s="2">
        <v>7.6</v>
      </c>
      <c r="Z7303" s="2">
        <v>16.7</v>
      </c>
      <c r="AA7303" s="5"/>
      <c r="AB7303" s="5" t="s">
        <v>43</v>
      </c>
      <c r="AC7303" s="5" t="s">
        <v>44</v>
      </c>
      <c r="AD7303" s="2"/>
      <c r="AE7303" s="1"/>
    </row>
    <row r="7304" spans="1:31" ht="14.45">
      <c r="A7304" s="11"/>
      <c r="B7304" s="20"/>
      <c r="C7304" s="2" t="s">
        <v>22384</v>
      </c>
      <c r="D7304" s="14" t="s">
        <v>22385</v>
      </c>
      <c r="E7304" s="2" t="s">
        <v>22386</v>
      </c>
      <c r="F7304" s="2" t="s">
        <v>7514</v>
      </c>
      <c r="G7304" s="8">
        <v>263</v>
      </c>
      <c r="H7304" s="5">
        <v>6</v>
      </c>
      <c r="I7304" s="5" t="s">
        <v>1518</v>
      </c>
      <c r="J7304" s="5" t="s">
        <v>1519</v>
      </c>
      <c r="K7304" s="2" t="s">
        <v>1520</v>
      </c>
      <c r="L7304" s="5" t="s">
        <v>1519</v>
      </c>
      <c r="M7304" s="2" t="s">
        <v>1520</v>
      </c>
      <c r="N7304" s="5" t="s">
        <v>1521</v>
      </c>
      <c r="O7304" s="5" t="s">
        <v>38</v>
      </c>
      <c r="P7304" s="5" t="s">
        <v>39</v>
      </c>
      <c r="Q7304" s="5" t="s">
        <v>40</v>
      </c>
      <c r="R7304" s="5" t="s">
        <v>1522</v>
      </c>
      <c r="S7304" s="5" t="s">
        <v>1523</v>
      </c>
      <c r="T7304" s="5" t="s">
        <v>42</v>
      </c>
      <c r="U7304" s="2">
        <v>3.258</v>
      </c>
      <c r="V7304" s="2">
        <v>2.74</v>
      </c>
      <c r="W7304" s="2">
        <v>1.4999999999999999E-2</v>
      </c>
      <c r="X7304" s="2">
        <v>118.9</v>
      </c>
      <c r="Y7304" s="2">
        <v>7.6</v>
      </c>
      <c r="Z7304" s="2">
        <v>16.7</v>
      </c>
      <c r="AA7304" s="5"/>
      <c r="AB7304" s="5" t="s">
        <v>43</v>
      </c>
      <c r="AC7304" s="5" t="s">
        <v>44</v>
      </c>
      <c r="AD7304" s="2"/>
      <c r="AE7304" s="1"/>
    </row>
    <row r="7305" spans="1:31" ht="14.45">
      <c r="A7305" s="11"/>
      <c r="B7305" s="20"/>
      <c r="C7305" s="2" t="s">
        <v>22387</v>
      </c>
      <c r="D7305" s="14" t="s">
        <v>22388</v>
      </c>
      <c r="E7305" s="2" t="s">
        <v>22389</v>
      </c>
      <c r="F7305" s="2" t="s">
        <v>7208</v>
      </c>
      <c r="G7305" s="8">
        <v>263</v>
      </c>
      <c r="H7305" s="5">
        <v>6</v>
      </c>
      <c r="I7305" s="5" t="s">
        <v>1518</v>
      </c>
      <c r="J7305" s="5" t="s">
        <v>1519</v>
      </c>
      <c r="K7305" s="2" t="s">
        <v>1520</v>
      </c>
      <c r="L7305" s="5" t="s">
        <v>1519</v>
      </c>
      <c r="M7305" s="2" t="s">
        <v>1520</v>
      </c>
      <c r="N7305" s="5" t="s">
        <v>1521</v>
      </c>
      <c r="O7305" s="5" t="s">
        <v>38</v>
      </c>
      <c r="P7305" s="5" t="s">
        <v>39</v>
      </c>
      <c r="Q7305" s="5" t="s">
        <v>40</v>
      </c>
      <c r="R7305" s="5" t="s">
        <v>1522</v>
      </c>
      <c r="S7305" s="5" t="s">
        <v>1523</v>
      </c>
      <c r="T7305" s="5" t="s">
        <v>42</v>
      </c>
      <c r="U7305" s="2">
        <v>3.1579999999999999</v>
      </c>
      <c r="V7305" s="2">
        <v>2.64</v>
      </c>
      <c r="W7305" s="2">
        <v>1.4999999999999999E-2</v>
      </c>
      <c r="X7305" s="2">
        <v>118.9</v>
      </c>
      <c r="Y7305" s="2">
        <v>7.6</v>
      </c>
      <c r="Z7305" s="2">
        <v>16.7</v>
      </c>
      <c r="AA7305" s="5"/>
      <c r="AB7305" s="5" t="s">
        <v>43</v>
      </c>
      <c r="AC7305" s="5" t="s">
        <v>44</v>
      </c>
      <c r="AD7305" s="2"/>
      <c r="AE7305" s="1"/>
    </row>
    <row r="7306" spans="1:31" ht="14.45">
      <c r="A7306" s="11"/>
      <c r="B7306" s="20"/>
      <c r="C7306" s="2" t="s">
        <v>22390</v>
      </c>
      <c r="D7306" s="14" t="s">
        <v>22391</v>
      </c>
      <c r="E7306" s="2" t="s">
        <v>22392</v>
      </c>
      <c r="F7306" s="2" t="s">
        <v>7521</v>
      </c>
      <c r="G7306" s="8">
        <v>263</v>
      </c>
      <c r="H7306" s="5">
        <v>6</v>
      </c>
      <c r="I7306" s="5" t="s">
        <v>1518</v>
      </c>
      <c r="J7306" s="5" t="s">
        <v>1519</v>
      </c>
      <c r="K7306" s="2" t="s">
        <v>1520</v>
      </c>
      <c r="L7306" s="5" t="s">
        <v>1519</v>
      </c>
      <c r="M7306" s="2" t="s">
        <v>1520</v>
      </c>
      <c r="N7306" s="5" t="s">
        <v>1521</v>
      </c>
      <c r="O7306" s="5" t="s">
        <v>38</v>
      </c>
      <c r="P7306" s="5" t="s">
        <v>39</v>
      </c>
      <c r="Q7306" s="5" t="s">
        <v>40</v>
      </c>
      <c r="R7306" s="5" t="s">
        <v>1522</v>
      </c>
      <c r="S7306" s="5" t="s">
        <v>1523</v>
      </c>
      <c r="T7306" s="5" t="s">
        <v>42</v>
      </c>
      <c r="U7306" s="2">
        <v>3.258</v>
      </c>
      <c r="V7306" s="2">
        <v>2.74</v>
      </c>
      <c r="W7306" s="2">
        <v>1.4999999999999999E-2</v>
      </c>
      <c r="X7306" s="2">
        <v>118.9</v>
      </c>
      <c r="Y7306" s="2">
        <v>7.6</v>
      </c>
      <c r="Z7306" s="2">
        <v>16.7</v>
      </c>
      <c r="AA7306" s="5"/>
      <c r="AB7306" s="5" t="s">
        <v>43</v>
      </c>
      <c r="AC7306" s="5" t="s">
        <v>44</v>
      </c>
      <c r="AD7306" s="2"/>
      <c r="AE7306" s="1"/>
    </row>
    <row r="7307" spans="1:31" ht="14.45">
      <c r="A7307" s="11"/>
      <c r="B7307" s="20"/>
      <c r="C7307" s="2" t="s">
        <v>22393</v>
      </c>
      <c r="D7307" s="14" t="s">
        <v>22394</v>
      </c>
      <c r="E7307" s="2" t="s">
        <v>22395</v>
      </c>
      <c r="F7307" s="2" t="s">
        <v>7212</v>
      </c>
      <c r="G7307" s="8">
        <v>263</v>
      </c>
      <c r="H7307" s="5">
        <v>6</v>
      </c>
      <c r="I7307" s="5" t="s">
        <v>1518</v>
      </c>
      <c r="J7307" s="5" t="s">
        <v>1519</v>
      </c>
      <c r="K7307" s="2" t="s">
        <v>1520</v>
      </c>
      <c r="L7307" s="5" t="s">
        <v>1519</v>
      </c>
      <c r="M7307" s="2" t="s">
        <v>1520</v>
      </c>
      <c r="N7307" s="5" t="s">
        <v>1521</v>
      </c>
      <c r="O7307" s="5" t="s">
        <v>38</v>
      </c>
      <c r="P7307" s="5" t="s">
        <v>39</v>
      </c>
      <c r="Q7307" s="5" t="s">
        <v>40</v>
      </c>
      <c r="R7307" s="5" t="s">
        <v>1522</v>
      </c>
      <c r="S7307" s="5" t="s">
        <v>1523</v>
      </c>
      <c r="T7307" s="5" t="s">
        <v>42</v>
      </c>
      <c r="U7307" s="2">
        <v>3.1309999999999998</v>
      </c>
      <c r="V7307" s="2">
        <v>2.613</v>
      </c>
      <c r="W7307" s="2">
        <v>1.4999999999999999E-2</v>
      </c>
      <c r="X7307" s="2">
        <v>118.9</v>
      </c>
      <c r="Y7307" s="2">
        <v>7.6</v>
      </c>
      <c r="Z7307" s="2">
        <v>16.7</v>
      </c>
      <c r="AA7307" s="5"/>
      <c r="AB7307" s="5" t="s">
        <v>43</v>
      </c>
      <c r="AC7307" s="5" t="s">
        <v>44</v>
      </c>
      <c r="AD7307" s="2"/>
      <c r="AE7307" s="1"/>
    </row>
    <row r="7308" spans="1:31" ht="14.45">
      <c r="A7308" s="11"/>
      <c r="B7308" s="20"/>
      <c r="C7308" s="2" t="s">
        <v>22396</v>
      </c>
      <c r="D7308" s="14" t="s">
        <v>22397</v>
      </c>
      <c r="E7308" s="2" t="s">
        <v>22398</v>
      </c>
      <c r="F7308" s="2" t="s">
        <v>7528</v>
      </c>
      <c r="G7308" s="8">
        <v>263</v>
      </c>
      <c r="H7308" s="5">
        <v>6</v>
      </c>
      <c r="I7308" s="5" t="s">
        <v>1518</v>
      </c>
      <c r="J7308" s="5" t="s">
        <v>1519</v>
      </c>
      <c r="K7308" s="2" t="s">
        <v>1520</v>
      </c>
      <c r="L7308" s="5" t="s">
        <v>1519</v>
      </c>
      <c r="M7308" s="2" t="s">
        <v>1520</v>
      </c>
      <c r="N7308" s="5" t="s">
        <v>1521</v>
      </c>
      <c r="O7308" s="5" t="s">
        <v>38</v>
      </c>
      <c r="P7308" s="5" t="s">
        <v>39</v>
      </c>
      <c r="Q7308" s="5" t="s">
        <v>40</v>
      </c>
      <c r="R7308" s="5" t="s">
        <v>1522</v>
      </c>
      <c r="S7308" s="5" t="s">
        <v>1523</v>
      </c>
      <c r="T7308" s="5" t="s">
        <v>42</v>
      </c>
      <c r="U7308" s="2">
        <v>3.2309999999999999</v>
      </c>
      <c r="V7308" s="2">
        <v>2.7130000000000001</v>
      </c>
      <c r="W7308" s="2">
        <v>1.4999999999999999E-2</v>
      </c>
      <c r="X7308" s="2">
        <v>118.9</v>
      </c>
      <c r="Y7308" s="2">
        <v>7.6</v>
      </c>
      <c r="Z7308" s="2">
        <v>16.7</v>
      </c>
      <c r="AA7308" s="5"/>
      <c r="AB7308" s="5" t="s">
        <v>43</v>
      </c>
      <c r="AC7308" s="5" t="s">
        <v>44</v>
      </c>
      <c r="AD7308" s="2"/>
      <c r="AE7308" s="1"/>
    </row>
    <row r="7309" spans="1:31" ht="14.45">
      <c r="A7309" s="11"/>
      <c r="B7309" s="20"/>
      <c r="C7309" s="2" t="s">
        <v>22399</v>
      </c>
      <c r="D7309" s="14" t="s">
        <v>22400</v>
      </c>
      <c r="E7309" s="2" t="s">
        <v>22401</v>
      </c>
      <c r="F7309" s="2" t="s">
        <v>7406</v>
      </c>
      <c r="G7309" s="8">
        <v>283</v>
      </c>
      <c r="H7309" s="5">
        <v>6</v>
      </c>
      <c r="I7309" s="5" t="s">
        <v>1518</v>
      </c>
      <c r="J7309" s="5" t="s">
        <v>1519</v>
      </c>
      <c r="K7309" s="2" t="s">
        <v>1520</v>
      </c>
      <c r="L7309" s="5" t="s">
        <v>1519</v>
      </c>
      <c r="M7309" s="2" t="s">
        <v>1520</v>
      </c>
      <c r="N7309" s="5" t="s">
        <v>1521</v>
      </c>
      <c r="O7309" s="5" t="s">
        <v>38</v>
      </c>
      <c r="P7309" s="5" t="s">
        <v>39</v>
      </c>
      <c r="Q7309" s="5" t="s">
        <v>40</v>
      </c>
      <c r="R7309" s="5" t="s">
        <v>1522</v>
      </c>
      <c r="S7309" s="5" t="s">
        <v>1523</v>
      </c>
      <c r="T7309" s="5" t="s">
        <v>42</v>
      </c>
      <c r="U7309" s="2">
        <v>3.1309999999999998</v>
      </c>
      <c r="V7309" s="2">
        <v>2.613</v>
      </c>
      <c r="W7309" s="2">
        <v>1.4999999999999999E-2</v>
      </c>
      <c r="X7309" s="2">
        <v>118.9</v>
      </c>
      <c r="Y7309" s="2">
        <v>7.6</v>
      </c>
      <c r="Z7309" s="2">
        <v>16.7</v>
      </c>
      <c r="AA7309" s="5"/>
      <c r="AB7309" s="5" t="s">
        <v>43</v>
      </c>
      <c r="AC7309" s="5" t="s">
        <v>44</v>
      </c>
      <c r="AD7309" s="2"/>
      <c r="AE7309" s="1"/>
    </row>
    <row r="7310" spans="1:31" ht="14.45">
      <c r="A7310" s="11"/>
      <c r="B7310" s="20"/>
      <c r="C7310" s="2" t="s">
        <v>22402</v>
      </c>
      <c r="D7310" s="14" t="s">
        <v>22403</v>
      </c>
      <c r="E7310" s="2" t="s">
        <v>22404</v>
      </c>
      <c r="F7310" s="2" t="s">
        <v>7535</v>
      </c>
      <c r="G7310" s="8">
        <v>283</v>
      </c>
      <c r="H7310" s="5">
        <v>6</v>
      </c>
      <c r="I7310" s="5" t="s">
        <v>1518</v>
      </c>
      <c r="J7310" s="5" t="s">
        <v>1519</v>
      </c>
      <c r="K7310" s="2" t="s">
        <v>1520</v>
      </c>
      <c r="L7310" s="5" t="s">
        <v>1519</v>
      </c>
      <c r="M7310" s="2" t="s">
        <v>1520</v>
      </c>
      <c r="N7310" s="5" t="s">
        <v>1521</v>
      </c>
      <c r="O7310" s="5" t="s">
        <v>38</v>
      </c>
      <c r="P7310" s="5" t="s">
        <v>39</v>
      </c>
      <c r="Q7310" s="5" t="s">
        <v>40</v>
      </c>
      <c r="R7310" s="5" t="s">
        <v>1522</v>
      </c>
      <c r="S7310" s="5" t="s">
        <v>1523</v>
      </c>
      <c r="T7310" s="5" t="s">
        <v>42</v>
      </c>
      <c r="U7310" s="2">
        <v>3.2309999999999999</v>
      </c>
      <c r="V7310" s="2">
        <v>2.7130000000000001</v>
      </c>
      <c r="W7310" s="2">
        <v>1.4999999999999999E-2</v>
      </c>
      <c r="X7310" s="2">
        <v>118.9</v>
      </c>
      <c r="Y7310" s="2">
        <v>7.6</v>
      </c>
      <c r="Z7310" s="2">
        <v>16.7</v>
      </c>
      <c r="AA7310" s="5"/>
      <c r="AB7310" s="5" t="s">
        <v>43</v>
      </c>
      <c r="AC7310" s="5" t="s">
        <v>44</v>
      </c>
      <c r="AD7310" s="2"/>
      <c r="AE7310" s="1"/>
    </row>
    <row r="7311" spans="1:31" ht="14.45">
      <c r="A7311" s="11"/>
      <c r="B7311" s="20"/>
      <c r="C7311" s="2" t="s">
        <v>22405</v>
      </c>
      <c r="D7311" s="14" t="s">
        <v>22406</v>
      </c>
      <c r="E7311" s="2" t="s">
        <v>22407</v>
      </c>
      <c r="F7311" s="2" t="s">
        <v>7539</v>
      </c>
      <c r="G7311" s="8">
        <v>283</v>
      </c>
      <c r="H7311" s="5">
        <v>6</v>
      </c>
      <c r="I7311" s="5" t="s">
        <v>1518</v>
      </c>
      <c r="J7311" s="5" t="s">
        <v>1519</v>
      </c>
      <c r="K7311" s="2" t="s">
        <v>1520</v>
      </c>
      <c r="L7311" s="5" t="s">
        <v>1519</v>
      </c>
      <c r="M7311" s="2" t="s">
        <v>1520</v>
      </c>
      <c r="N7311" s="5" t="s">
        <v>1521</v>
      </c>
      <c r="O7311" s="5" t="s">
        <v>38</v>
      </c>
      <c r="P7311" s="5" t="s">
        <v>39</v>
      </c>
      <c r="Q7311" s="5" t="s">
        <v>40</v>
      </c>
      <c r="R7311" s="5" t="s">
        <v>1522</v>
      </c>
      <c r="S7311" s="5" t="s">
        <v>1523</v>
      </c>
      <c r="T7311" s="5" t="s">
        <v>42</v>
      </c>
      <c r="U7311" s="2">
        <v>3.1579999999999999</v>
      </c>
      <c r="V7311" s="2">
        <v>2.64</v>
      </c>
      <c r="W7311" s="2">
        <v>1.4999999999999999E-2</v>
      </c>
      <c r="X7311" s="2">
        <v>118.9</v>
      </c>
      <c r="Y7311" s="2">
        <v>7.6</v>
      </c>
      <c r="Z7311" s="2">
        <v>16.7</v>
      </c>
      <c r="AA7311" s="5"/>
      <c r="AB7311" s="5" t="s">
        <v>43</v>
      </c>
      <c r="AC7311" s="5" t="s">
        <v>44</v>
      </c>
      <c r="AD7311" s="2"/>
      <c r="AE7311" s="1"/>
    </row>
    <row r="7312" spans="1:31" ht="14.45">
      <c r="A7312" s="11"/>
      <c r="B7312" s="20"/>
      <c r="C7312" s="2" t="s">
        <v>22408</v>
      </c>
      <c r="D7312" s="14" t="s">
        <v>22409</v>
      </c>
      <c r="E7312" s="2" t="s">
        <v>22410</v>
      </c>
      <c r="F7312" s="2" t="s">
        <v>7543</v>
      </c>
      <c r="G7312" s="8">
        <v>283</v>
      </c>
      <c r="H7312" s="5">
        <v>6</v>
      </c>
      <c r="I7312" s="5" t="s">
        <v>1518</v>
      </c>
      <c r="J7312" s="5" t="s">
        <v>1519</v>
      </c>
      <c r="K7312" s="2" t="s">
        <v>1520</v>
      </c>
      <c r="L7312" s="5" t="s">
        <v>1519</v>
      </c>
      <c r="M7312" s="2" t="s">
        <v>1520</v>
      </c>
      <c r="N7312" s="5" t="s">
        <v>1521</v>
      </c>
      <c r="O7312" s="5" t="s">
        <v>38</v>
      </c>
      <c r="P7312" s="5" t="s">
        <v>39</v>
      </c>
      <c r="Q7312" s="5" t="s">
        <v>40</v>
      </c>
      <c r="R7312" s="5" t="s">
        <v>1522</v>
      </c>
      <c r="S7312" s="5" t="s">
        <v>1523</v>
      </c>
      <c r="T7312" s="5" t="s">
        <v>42</v>
      </c>
      <c r="U7312" s="2">
        <v>3.258</v>
      </c>
      <c r="V7312" s="2">
        <v>2.74</v>
      </c>
      <c r="W7312" s="2">
        <v>1.4999999999999999E-2</v>
      </c>
      <c r="X7312" s="2">
        <v>118.9</v>
      </c>
      <c r="Y7312" s="2">
        <v>7.6</v>
      </c>
      <c r="Z7312" s="2">
        <v>16.7</v>
      </c>
      <c r="AA7312" s="5"/>
      <c r="AB7312" s="5" t="s">
        <v>43</v>
      </c>
      <c r="AC7312" s="5" t="s">
        <v>44</v>
      </c>
      <c r="AD7312" s="2"/>
      <c r="AE7312" s="1"/>
    </row>
    <row r="7313" spans="1:31" ht="14.45">
      <c r="A7313" s="11"/>
      <c r="B7313" s="20"/>
      <c r="C7313" s="2" t="s">
        <v>22411</v>
      </c>
      <c r="D7313" s="14" t="s">
        <v>22412</v>
      </c>
      <c r="E7313" s="2" t="s">
        <v>22413</v>
      </c>
      <c r="F7313" s="2" t="s">
        <v>7547</v>
      </c>
      <c r="G7313" s="8">
        <v>283</v>
      </c>
      <c r="H7313" s="5">
        <v>6</v>
      </c>
      <c r="I7313" s="5" t="s">
        <v>1518</v>
      </c>
      <c r="J7313" s="5" t="s">
        <v>1519</v>
      </c>
      <c r="K7313" s="2" t="s">
        <v>1520</v>
      </c>
      <c r="L7313" s="5" t="s">
        <v>1519</v>
      </c>
      <c r="M7313" s="2" t="s">
        <v>1520</v>
      </c>
      <c r="N7313" s="5" t="s">
        <v>1521</v>
      </c>
      <c r="O7313" s="5" t="s">
        <v>38</v>
      </c>
      <c r="P7313" s="5" t="s">
        <v>39</v>
      </c>
      <c r="Q7313" s="5" t="s">
        <v>40</v>
      </c>
      <c r="R7313" s="5" t="s">
        <v>1522</v>
      </c>
      <c r="S7313" s="5" t="s">
        <v>1523</v>
      </c>
      <c r="T7313" s="5" t="s">
        <v>42</v>
      </c>
      <c r="U7313" s="2">
        <v>3.1309999999999998</v>
      </c>
      <c r="V7313" s="2">
        <v>2.613</v>
      </c>
      <c r="W7313" s="2">
        <v>1.4999999999999999E-2</v>
      </c>
      <c r="X7313" s="2">
        <v>118.9</v>
      </c>
      <c r="Y7313" s="2">
        <v>7.6</v>
      </c>
      <c r="Z7313" s="2">
        <v>16.7</v>
      </c>
      <c r="AA7313" s="5"/>
      <c r="AB7313" s="5" t="s">
        <v>43</v>
      </c>
      <c r="AC7313" s="5" t="s">
        <v>44</v>
      </c>
      <c r="AD7313" s="2"/>
      <c r="AE7313" s="1"/>
    </row>
    <row r="7314" spans="1:31" ht="14.45">
      <c r="A7314" s="11"/>
      <c r="B7314" s="20"/>
      <c r="C7314" s="2" t="s">
        <v>22414</v>
      </c>
      <c r="D7314" s="14" t="s">
        <v>22415</v>
      </c>
      <c r="E7314" s="2" t="s">
        <v>22416</v>
      </c>
      <c r="F7314" s="2" t="s">
        <v>7555</v>
      </c>
      <c r="G7314" s="8">
        <v>283</v>
      </c>
      <c r="H7314" s="5">
        <v>6</v>
      </c>
      <c r="I7314" s="5" t="s">
        <v>1518</v>
      </c>
      <c r="J7314" s="5" t="s">
        <v>1519</v>
      </c>
      <c r="K7314" s="2" t="s">
        <v>1520</v>
      </c>
      <c r="L7314" s="5" t="s">
        <v>1519</v>
      </c>
      <c r="M7314" s="2" t="s">
        <v>1520</v>
      </c>
      <c r="N7314" s="5" t="s">
        <v>1521</v>
      </c>
      <c r="O7314" s="5" t="s">
        <v>38</v>
      </c>
      <c r="P7314" s="5" t="s">
        <v>39</v>
      </c>
      <c r="Q7314" s="5" t="s">
        <v>40</v>
      </c>
      <c r="R7314" s="5" t="s">
        <v>1522</v>
      </c>
      <c r="S7314" s="5" t="s">
        <v>1523</v>
      </c>
      <c r="T7314" s="5" t="s">
        <v>42</v>
      </c>
      <c r="U7314" s="2">
        <v>3.1309999999999998</v>
      </c>
      <c r="V7314" s="2">
        <v>2.613</v>
      </c>
      <c r="W7314" s="2">
        <v>1.4999999999999999E-2</v>
      </c>
      <c r="X7314" s="2">
        <v>118.9</v>
      </c>
      <c r="Y7314" s="2">
        <v>7.6</v>
      </c>
      <c r="Z7314" s="2">
        <v>16.7</v>
      </c>
      <c r="AA7314" s="5"/>
      <c r="AB7314" s="5" t="s">
        <v>43</v>
      </c>
      <c r="AC7314" s="5" t="s">
        <v>44</v>
      </c>
      <c r="AD7314" s="2"/>
      <c r="AE7314" s="1"/>
    </row>
    <row r="7315" spans="1:31" ht="14.45">
      <c r="A7315" s="11"/>
      <c r="B7315" s="20"/>
      <c r="C7315" s="2" t="s">
        <v>22417</v>
      </c>
      <c r="D7315" s="14" t="s">
        <v>22418</v>
      </c>
      <c r="E7315" s="2" t="s">
        <v>22419</v>
      </c>
      <c r="F7315" s="2" t="s">
        <v>7559</v>
      </c>
      <c r="G7315" s="8">
        <v>283</v>
      </c>
      <c r="H7315" s="5">
        <v>6</v>
      </c>
      <c r="I7315" s="5" t="s">
        <v>1518</v>
      </c>
      <c r="J7315" s="5" t="s">
        <v>1519</v>
      </c>
      <c r="K7315" s="2" t="s">
        <v>1520</v>
      </c>
      <c r="L7315" s="5" t="s">
        <v>1519</v>
      </c>
      <c r="M7315" s="2" t="s">
        <v>1520</v>
      </c>
      <c r="N7315" s="5" t="s">
        <v>1521</v>
      </c>
      <c r="O7315" s="5" t="s">
        <v>38</v>
      </c>
      <c r="P7315" s="5" t="s">
        <v>39</v>
      </c>
      <c r="Q7315" s="5" t="s">
        <v>40</v>
      </c>
      <c r="R7315" s="5" t="s">
        <v>1522</v>
      </c>
      <c r="S7315" s="5" t="s">
        <v>1523</v>
      </c>
      <c r="T7315" s="5" t="s">
        <v>42</v>
      </c>
      <c r="U7315" s="2">
        <v>3.2309999999999999</v>
      </c>
      <c r="V7315" s="2">
        <v>2.7130000000000001</v>
      </c>
      <c r="W7315" s="2">
        <v>1.4999999999999999E-2</v>
      </c>
      <c r="X7315" s="2">
        <v>118.9</v>
      </c>
      <c r="Y7315" s="2">
        <v>7.6</v>
      </c>
      <c r="Z7315" s="2">
        <v>16.7</v>
      </c>
      <c r="AA7315" s="5"/>
      <c r="AB7315" s="5" t="s">
        <v>43</v>
      </c>
      <c r="AC7315" s="5" t="s">
        <v>44</v>
      </c>
      <c r="AD7315" s="2"/>
      <c r="AE7315" s="1"/>
    </row>
    <row r="7316" spans="1:31" ht="14.45">
      <c r="A7316" s="11"/>
      <c r="B7316" s="20"/>
      <c r="C7316" s="2" t="s">
        <v>22420</v>
      </c>
      <c r="D7316" s="14" t="s">
        <v>22421</v>
      </c>
      <c r="E7316" s="2" t="s">
        <v>22422</v>
      </c>
      <c r="F7316" s="2" t="s">
        <v>7563</v>
      </c>
      <c r="G7316" s="8">
        <v>283</v>
      </c>
      <c r="H7316" s="5">
        <v>6</v>
      </c>
      <c r="I7316" s="5" t="s">
        <v>1518</v>
      </c>
      <c r="J7316" s="5" t="s">
        <v>1519</v>
      </c>
      <c r="K7316" s="2" t="s">
        <v>1520</v>
      </c>
      <c r="L7316" s="5" t="s">
        <v>1519</v>
      </c>
      <c r="M7316" s="2" t="s">
        <v>1520</v>
      </c>
      <c r="N7316" s="5" t="s">
        <v>1521</v>
      </c>
      <c r="O7316" s="5" t="s">
        <v>38</v>
      </c>
      <c r="P7316" s="5" t="s">
        <v>39</v>
      </c>
      <c r="Q7316" s="5" t="s">
        <v>40</v>
      </c>
      <c r="R7316" s="5" t="s">
        <v>1522</v>
      </c>
      <c r="S7316" s="5" t="s">
        <v>1523</v>
      </c>
      <c r="T7316" s="5" t="s">
        <v>42</v>
      </c>
      <c r="U7316" s="2">
        <v>3.1579999999999999</v>
      </c>
      <c r="V7316" s="2">
        <v>2.64</v>
      </c>
      <c r="W7316" s="2">
        <v>1.4999999999999999E-2</v>
      </c>
      <c r="X7316" s="2">
        <v>118.9</v>
      </c>
      <c r="Y7316" s="2">
        <v>7.6</v>
      </c>
      <c r="Z7316" s="2">
        <v>16.7</v>
      </c>
      <c r="AA7316" s="5"/>
      <c r="AB7316" s="5" t="s">
        <v>43</v>
      </c>
      <c r="AC7316" s="5" t="s">
        <v>44</v>
      </c>
      <c r="AD7316" s="2"/>
      <c r="AE7316" s="1"/>
    </row>
    <row r="7317" spans="1:31" ht="14.45">
      <c r="A7317" s="11"/>
      <c r="B7317" s="20"/>
      <c r="C7317" s="2" t="s">
        <v>22423</v>
      </c>
      <c r="D7317" s="14" t="s">
        <v>22424</v>
      </c>
      <c r="E7317" s="2" t="s">
        <v>22425</v>
      </c>
      <c r="F7317" s="2" t="s">
        <v>7567</v>
      </c>
      <c r="G7317" s="8">
        <v>283</v>
      </c>
      <c r="H7317" s="5">
        <v>6</v>
      </c>
      <c r="I7317" s="5" t="s">
        <v>1518</v>
      </c>
      <c r="J7317" s="5" t="s">
        <v>1519</v>
      </c>
      <c r="K7317" s="2" t="s">
        <v>1520</v>
      </c>
      <c r="L7317" s="5" t="s">
        <v>1519</v>
      </c>
      <c r="M7317" s="2" t="s">
        <v>1520</v>
      </c>
      <c r="N7317" s="5" t="s">
        <v>1521</v>
      </c>
      <c r="O7317" s="5" t="s">
        <v>38</v>
      </c>
      <c r="P7317" s="5" t="s">
        <v>39</v>
      </c>
      <c r="Q7317" s="5" t="s">
        <v>40</v>
      </c>
      <c r="R7317" s="5" t="s">
        <v>1522</v>
      </c>
      <c r="S7317" s="5" t="s">
        <v>1523</v>
      </c>
      <c r="T7317" s="5" t="s">
        <v>42</v>
      </c>
      <c r="U7317" s="2">
        <v>3.258</v>
      </c>
      <c r="V7317" s="2">
        <v>2.74</v>
      </c>
      <c r="W7317" s="2">
        <v>1.4999999999999999E-2</v>
      </c>
      <c r="X7317" s="2">
        <v>118.9</v>
      </c>
      <c r="Y7317" s="2">
        <v>7.6</v>
      </c>
      <c r="Z7317" s="2">
        <v>16.7</v>
      </c>
      <c r="AA7317" s="5"/>
      <c r="AB7317" s="5" t="s">
        <v>43</v>
      </c>
      <c r="AC7317" s="5" t="s">
        <v>44</v>
      </c>
      <c r="AD7317" s="2"/>
      <c r="AE7317" s="1"/>
    </row>
    <row r="7318" spans="1:31" ht="14.45">
      <c r="A7318" s="11"/>
      <c r="B7318" s="20"/>
      <c r="C7318" s="2" t="s">
        <v>22426</v>
      </c>
      <c r="D7318" s="14" t="s">
        <v>22427</v>
      </c>
      <c r="E7318" s="2" t="s">
        <v>22428</v>
      </c>
      <c r="F7318" s="2" t="s">
        <v>16079</v>
      </c>
      <c r="G7318" s="8">
        <v>283</v>
      </c>
      <c r="H7318" s="5">
        <v>6</v>
      </c>
      <c r="I7318" s="5" t="s">
        <v>1518</v>
      </c>
      <c r="J7318" s="5" t="s">
        <v>1519</v>
      </c>
      <c r="K7318" s="2" t="s">
        <v>1520</v>
      </c>
      <c r="L7318" s="5" t="s">
        <v>1519</v>
      </c>
      <c r="M7318" s="2" t="s">
        <v>1520</v>
      </c>
      <c r="N7318" s="5" t="s">
        <v>1521</v>
      </c>
      <c r="O7318" s="5" t="s">
        <v>38</v>
      </c>
      <c r="P7318" s="5" t="s">
        <v>39</v>
      </c>
      <c r="Q7318" s="5" t="s">
        <v>40</v>
      </c>
      <c r="R7318" s="5" t="s">
        <v>1522</v>
      </c>
      <c r="S7318" s="5" t="s">
        <v>1523</v>
      </c>
      <c r="T7318" s="5" t="s">
        <v>42</v>
      </c>
      <c r="U7318" s="2">
        <v>3.1579999999999999</v>
      </c>
      <c r="V7318" s="2">
        <v>2.64</v>
      </c>
      <c r="W7318" s="2">
        <v>1.4999999999999999E-2</v>
      </c>
      <c r="X7318" s="2">
        <v>118.9</v>
      </c>
      <c r="Y7318" s="2">
        <v>7.6</v>
      </c>
      <c r="Z7318" s="2">
        <v>16.7</v>
      </c>
      <c r="AA7318" s="5"/>
      <c r="AB7318" s="5" t="s">
        <v>43</v>
      </c>
      <c r="AC7318" s="5" t="s">
        <v>44</v>
      </c>
      <c r="AD7318" s="2"/>
      <c r="AE7318" s="1"/>
    </row>
    <row r="7319" spans="1:31" ht="14.45">
      <c r="A7319" s="11"/>
      <c r="B7319" s="20"/>
      <c r="C7319" s="2" t="s">
        <v>22429</v>
      </c>
      <c r="D7319" s="14" t="s">
        <v>22430</v>
      </c>
      <c r="E7319" s="2" t="s">
        <v>22431</v>
      </c>
      <c r="F7319" s="2" t="s">
        <v>16194</v>
      </c>
      <c r="G7319" s="8">
        <v>283</v>
      </c>
      <c r="H7319" s="5">
        <v>6</v>
      </c>
      <c r="I7319" s="5" t="s">
        <v>1518</v>
      </c>
      <c r="J7319" s="5" t="s">
        <v>1519</v>
      </c>
      <c r="K7319" s="2" t="s">
        <v>1520</v>
      </c>
      <c r="L7319" s="5" t="s">
        <v>1519</v>
      </c>
      <c r="M7319" s="2" t="s">
        <v>1520</v>
      </c>
      <c r="N7319" s="5" t="s">
        <v>1521</v>
      </c>
      <c r="O7319" s="5" t="s">
        <v>38</v>
      </c>
      <c r="P7319" s="5" t="s">
        <v>39</v>
      </c>
      <c r="Q7319" s="5" t="s">
        <v>40</v>
      </c>
      <c r="R7319" s="5" t="s">
        <v>1522</v>
      </c>
      <c r="S7319" s="5" t="s">
        <v>1523</v>
      </c>
      <c r="T7319" s="5" t="s">
        <v>42</v>
      </c>
      <c r="U7319" s="2">
        <v>3.258</v>
      </c>
      <c r="V7319" s="2">
        <v>2.74</v>
      </c>
      <c r="W7319" s="2">
        <v>1.4999999999999999E-2</v>
      </c>
      <c r="X7319" s="2">
        <v>118.9</v>
      </c>
      <c r="Y7319" s="2">
        <v>7.6</v>
      </c>
      <c r="Z7319" s="2">
        <v>16.7</v>
      </c>
      <c r="AA7319" s="5"/>
      <c r="AB7319" s="5" t="s">
        <v>43</v>
      </c>
      <c r="AC7319" s="5" t="s">
        <v>44</v>
      </c>
      <c r="AD7319" s="2"/>
      <c r="AE7319" s="1"/>
    </row>
    <row r="7320" spans="1:31" ht="14.45">
      <c r="A7320" s="11"/>
      <c r="B7320" s="20"/>
      <c r="C7320" s="2" t="s">
        <v>22432</v>
      </c>
      <c r="D7320" s="14" t="s">
        <v>22433</v>
      </c>
      <c r="E7320" s="2" t="s">
        <v>22434</v>
      </c>
      <c r="F7320" s="2" t="s">
        <v>7449</v>
      </c>
      <c r="G7320" s="8">
        <v>283</v>
      </c>
      <c r="H7320" s="5">
        <v>6</v>
      </c>
      <c r="I7320" s="5" t="s">
        <v>1518</v>
      </c>
      <c r="J7320" s="5" t="s">
        <v>1519</v>
      </c>
      <c r="K7320" s="2" t="s">
        <v>1520</v>
      </c>
      <c r="L7320" s="5" t="s">
        <v>1519</v>
      </c>
      <c r="M7320" s="2" t="s">
        <v>1520</v>
      </c>
      <c r="N7320" s="5" t="s">
        <v>1521</v>
      </c>
      <c r="O7320" s="5" t="s">
        <v>38</v>
      </c>
      <c r="P7320" s="5" t="s">
        <v>39</v>
      </c>
      <c r="Q7320" s="5" t="s">
        <v>40</v>
      </c>
      <c r="R7320" s="5" t="s">
        <v>1522</v>
      </c>
      <c r="S7320" s="5" t="s">
        <v>1523</v>
      </c>
      <c r="T7320" s="5" t="s">
        <v>42</v>
      </c>
      <c r="U7320" s="2">
        <v>3.1579999999999999</v>
      </c>
      <c r="V7320" s="2">
        <v>2.64</v>
      </c>
      <c r="W7320" s="2">
        <v>1.4999999999999999E-2</v>
      </c>
      <c r="X7320" s="2">
        <v>118.9</v>
      </c>
      <c r="Y7320" s="2">
        <v>7.6</v>
      </c>
      <c r="Z7320" s="2">
        <v>16.7</v>
      </c>
      <c r="AA7320" s="5"/>
      <c r="AB7320" s="5" t="s">
        <v>43</v>
      </c>
      <c r="AC7320" s="5" t="s">
        <v>44</v>
      </c>
      <c r="AD7320" s="2"/>
      <c r="AE7320" s="1"/>
    </row>
    <row r="7321" spans="1:31" ht="14.45">
      <c r="A7321" s="11"/>
      <c r="B7321" s="20"/>
      <c r="C7321" s="2" t="s">
        <v>22435</v>
      </c>
      <c r="D7321" s="14" t="s">
        <v>22436</v>
      </c>
      <c r="E7321" s="2" t="s">
        <v>22437</v>
      </c>
      <c r="F7321" s="2" t="s">
        <v>7581</v>
      </c>
      <c r="G7321" s="8">
        <v>283</v>
      </c>
      <c r="H7321" s="5">
        <v>6</v>
      </c>
      <c r="I7321" s="5" t="s">
        <v>1518</v>
      </c>
      <c r="J7321" s="5" t="s">
        <v>1519</v>
      </c>
      <c r="K7321" s="2" t="s">
        <v>1520</v>
      </c>
      <c r="L7321" s="5" t="s">
        <v>1519</v>
      </c>
      <c r="M7321" s="2" t="s">
        <v>1520</v>
      </c>
      <c r="N7321" s="5" t="s">
        <v>1521</v>
      </c>
      <c r="O7321" s="5" t="s">
        <v>38</v>
      </c>
      <c r="P7321" s="5" t="s">
        <v>39</v>
      </c>
      <c r="Q7321" s="5" t="s">
        <v>40</v>
      </c>
      <c r="R7321" s="5" t="s">
        <v>1522</v>
      </c>
      <c r="S7321" s="5" t="s">
        <v>1523</v>
      </c>
      <c r="T7321" s="5" t="s">
        <v>42</v>
      </c>
      <c r="U7321" s="2">
        <v>3.258</v>
      </c>
      <c r="V7321" s="2">
        <v>2.74</v>
      </c>
      <c r="W7321" s="2">
        <v>1.4999999999999999E-2</v>
      </c>
      <c r="X7321" s="2">
        <v>118.9</v>
      </c>
      <c r="Y7321" s="2">
        <v>7.6</v>
      </c>
      <c r="Z7321" s="2">
        <v>16.7</v>
      </c>
      <c r="AA7321" s="5"/>
      <c r="AB7321" s="5" t="s">
        <v>43</v>
      </c>
      <c r="AC7321" s="5" t="s">
        <v>44</v>
      </c>
      <c r="AD7321" s="2"/>
      <c r="AE7321" s="1"/>
    </row>
    <row r="7322" spans="1:31" ht="14.45">
      <c r="A7322" s="11"/>
      <c r="B7322" s="20"/>
      <c r="C7322" s="2" t="s">
        <v>22438</v>
      </c>
      <c r="D7322" s="14" t="s">
        <v>22439</v>
      </c>
      <c r="E7322" s="2" t="s">
        <v>22440</v>
      </c>
      <c r="F7322" s="2" t="s">
        <v>7585</v>
      </c>
      <c r="G7322" s="8">
        <v>283</v>
      </c>
      <c r="H7322" s="5">
        <v>6</v>
      </c>
      <c r="I7322" s="5" t="s">
        <v>1518</v>
      </c>
      <c r="J7322" s="5" t="s">
        <v>1519</v>
      </c>
      <c r="K7322" s="2" t="s">
        <v>1520</v>
      </c>
      <c r="L7322" s="5" t="s">
        <v>1519</v>
      </c>
      <c r="M7322" s="2" t="s">
        <v>1520</v>
      </c>
      <c r="N7322" s="5" t="s">
        <v>1521</v>
      </c>
      <c r="O7322" s="5" t="s">
        <v>38</v>
      </c>
      <c r="P7322" s="5" t="s">
        <v>39</v>
      </c>
      <c r="Q7322" s="5" t="s">
        <v>40</v>
      </c>
      <c r="R7322" s="5" t="s">
        <v>1522</v>
      </c>
      <c r="S7322" s="5" t="s">
        <v>1523</v>
      </c>
      <c r="T7322" s="5" t="s">
        <v>42</v>
      </c>
      <c r="U7322" s="2">
        <v>3.1309999999999998</v>
      </c>
      <c r="V7322" s="2">
        <v>2.613</v>
      </c>
      <c r="W7322" s="2">
        <v>1.4999999999999999E-2</v>
      </c>
      <c r="X7322" s="2">
        <v>118.9</v>
      </c>
      <c r="Y7322" s="2">
        <v>7.6</v>
      </c>
      <c r="Z7322" s="2">
        <v>16.7</v>
      </c>
      <c r="AA7322" s="5"/>
      <c r="AB7322" s="5" t="s">
        <v>43</v>
      </c>
      <c r="AC7322" s="5" t="s">
        <v>44</v>
      </c>
      <c r="AD7322" s="2"/>
      <c r="AE7322" s="1"/>
    </row>
    <row r="7323" spans="1:31" ht="14.45">
      <c r="A7323" s="11"/>
      <c r="B7323" s="20"/>
      <c r="C7323" s="2" t="s">
        <v>22441</v>
      </c>
      <c r="D7323" s="14" t="s">
        <v>22442</v>
      </c>
      <c r="E7323" s="2" t="s">
        <v>22443</v>
      </c>
      <c r="F7323" s="2" t="s">
        <v>7589</v>
      </c>
      <c r="G7323" s="8">
        <v>283</v>
      </c>
      <c r="H7323" s="5">
        <v>6</v>
      </c>
      <c r="I7323" s="5" t="s">
        <v>1518</v>
      </c>
      <c r="J7323" s="5" t="s">
        <v>1519</v>
      </c>
      <c r="K7323" s="2" t="s">
        <v>1520</v>
      </c>
      <c r="L7323" s="5" t="s">
        <v>1519</v>
      </c>
      <c r="M7323" s="2" t="s">
        <v>1520</v>
      </c>
      <c r="N7323" s="5" t="s">
        <v>1521</v>
      </c>
      <c r="O7323" s="5" t="s">
        <v>38</v>
      </c>
      <c r="P7323" s="5" t="s">
        <v>39</v>
      </c>
      <c r="Q7323" s="5" t="s">
        <v>40</v>
      </c>
      <c r="R7323" s="5" t="s">
        <v>1522</v>
      </c>
      <c r="S7323" s="5" t="s">
        <v>1523</v>
      </c>
      <c r="T7323" s="5" t="s">
        <v>42</v>
      </c>
      <c r="U7323" s="2">
        <v>3.2309999999999999</v>
      </c>
      <c r="V7323" s="2">
        <v>2.7130000000000001</v>
      </c>
      <c r="W7323" s="2">
        <v>1.4999999999999999E-2</v>
      </c>
      <c r="X7323" s="2">
        <v>118.9</v>
      </c>
      <c r="Y7323" s="2">
        <v>7.6</v>
      </c>
      <c r="Z7323" s="2">
        <v>16.7</v>
      </c>
      <c r="AA7323" s="5"/>
      <c r="AB7323" s="5" t="s">
        <v>43</v>
      </c>
      <c r="AC7323" s="5" t="s">
        <v>44</v>
      </c>
      <c r="AD7323" s="2"/>
      <c r="AE7323" s="1"/>
    </row>
    <row r="7324" spans="1:31" ht="14.45">
      <c r="A7324" s="11"/>
      <c r="B7324" s="20"/>
      <c r="C7324" s="2" t="s">
        <v>22444</v>
      </c>
      <c r="D7324" s="14" t="s">
        <v>22445</v>
      </c>
      <c r="E7324" s="2" t="s">
        <v>22446</v>
      </c>
      <c r="F7324" s="2" t="s">
        <v>7593</v>
      </c>
      <c r="G7324" s="8">
        <v>283</v>
      </c>
      <c r="H7324" s="5">
        <v>6</v>
      </c>
      <c r="I7324" s="5" t="s">
        <v>1518</v>
      </c>
      <c r="J7324" s="5" t="s">
        <v>1519</v>
      </c>
      <c r="K7324" s="2" t="s">
        <v>1520</v>
      </c>
      <c r="L7324" s="5" t="s">
        <v>1519</v>
      </c>
      <c r="M7324" s="2" t="s">
        <v>1520</v>
      </c>
      <c r="N7324" s="5" t="s">
        <v>1521</v>
      </c>
      <c r="O7324" s="5" t="s">
        <v>38</v>
      </c>
      <c r="P7324" s="5" t="s">
        <v>39</v>
      </c>
      <c r="Q7324" s="5" t="s">
        <v>40</v>
      </c>
      <c r="R7324" s="5" t="s">
        <v>1522</v>
      </c>
      <c r="S7324" s="5" t="s">
        <v>1523</v>
      </c>
      <c r="T7324" s="5" t="s">
        <v>42</v>
      </c>
      <c r="U7324" s="2">
        <v>3.1579999999999999</v>
      </c>
      <c r="V7324" s="2">
        <v>2.64</v>
      </c>
      <c r="W7324" s="2">
        <v>1.4999999999999999E-2</v>
      </c>
      <c r="X7324" s="2">
        <v>118.9</v>
      </c>
      <c r="Y7324" s="2">
        <v>7.6</v>
      </c>
      <c r="Z7324" s="2">
        <v>16.7</v>
      </c>
      <c r="AA7324" s="5"/>
      <c r="AB7324" s="5" t="s">
        <v>43</v>
      </c>
      <c r="AC7324" s="5" t="s">
        <v>44</v>
      </c>
      <c r="AD7324" s="2"/>
      <c r="AE7324" s="1"/>
    </row>
    <row r="7325" spans="1:31" ht="14.45">
      <c r="A7325" s="11"/>
      <c r="B7325" s="20"/>
      <c r="C7325" s="2" t="s">
        <v>22447</v>
      </c>
      <c r="D7325" s="14" t="s">
        <v>22448</v>
      </c>
      <c r="E7325" s="2" t="s">
        <v>22449</v>
      </c>
      <c r="F7325" s="2" t="s">
        <v>16014</v>
      </c>
      <c r="G7325" s="8">
        <v>283</v>
      </c>
      <c r="H7325" s="5">
        <v>6</v>
      </c>
      <c r="I7325" s="5" t="s">
        <v>1518</v>
      </c>
      <c r="J7325" s="5" t="s">
        <v>1519</v>
      </c>
      <c r="K7325" s="2" t="s">
        <v>1520</v>
      </c>
      <c r="L7325" s="5" t="s">
        <v>1519</v>
      </c>
      <c r="M7325" s="2" t="s">
        <v>1520</v>
      </c>
      <c r="N7325" s="5" t="s">
        <v>1521</v>
      </c>
      <c r="O7325" s="5" t="s">
        <v>38</v>
      </c>
      <c r="P7325" s="5" t="s">
        <v>39</v>
      </c>
      <c r="Q7325" s="5" t="s">
        <v>40</v>
      </c>
      <c r="R7325" s="5" t="s">
        <v>1522</v>
      </c>
      <c r="S7325" s="5" t="s">
        <v>1523</v>
      </c>
      <c r="T7325" s="5" t="s">
        <v>42</v>
      </c>
      <c r="U7325" s="2">
        <v>3.1579999999999999</v>
      </c>
      <c r="V7325" s="2">
        <v>2.64</v>
      </c>
      <c r="W7325" s="2">
        <v>1.4999999999999999E-2</v>
      </c>
      <c r="X7325" s="2">
        <v>118.9</v>
      </c>
      <c r="Y7325" s="2">
        <v>7.6</v>
      </c>
      <c r="Z7325" s="2">
        <v>16.7</v>
      </c>
      <c r="AA7325" s="5"/>
      <c r="AB7325" s="5" t="s">
        <v>43</v>
      </c>
      <c r="AC7325" s="5" t="s">
        <v>44</v>
      </c>
      <c r="AD7325" s="2"/>
      <c r="AE7325" s="1"/>
    </row>
    <row r="7326" spans="1:31" ht="14.45">
      <c r="A7326" s="11"/>
      <c r="B7326" s="20"/>
      <c r="C7326" s="2" t="s">
        <v>22450</v>
      </c>
      <c r="D7326" s="14" t="s">
        <v>22451</v>
      </c>
      <c r="E7326" s="2" t="s">
        <v>22452</v>
      </c>
      <c r="F7326" s="2" t="s">
        <v>16219</v>
      </c>
      <c r="G7326" s="8">
        <v>283</v>
      </c>
      <c r="H7326" s="5">
        <v>6</v>
      </c>
      <c r="I7326" s="5" t="s">
        <v>1518</v>
      </c>
      <c r="J7326" s="5" t="s">
        <v>1519</v>
      </c>
      <c r="K7326" s="2" t="s">
        <v>1520</v>
      </c>
      <c r="L7326" s="5" t="s">
        <v>1519</v>
      </c>
      <c r="M7326" s="2" t="s">
        <v>1520</v>
      </c>
      <c r="N7326" s="5" t="s">
        <v>1521</v>
      </c>
      <c r="O7326" s="5" t="s">
        <v>38</v>
      </c>
      <c r="P7326" s="5" t="s">
        <v>39</v>
      </c>
      <c r="Q7326" s="5" t="s">
        <v>40</v>
      </c>
      <c r="R7326" s="5" t="s">
        <v>1522</v>
      </c>
      <c r="S7326" s="5" t="s">
        <v>1523</v>
      </c>
      <c r="T7326" s="5" t="s">
        <v>42</v>
      </c>
      <c r="U7326" s="2">
        <v>3.258</v>
      </c>
      <c r="V7326" s="2">
        <v>2.74</v>
      </c>
      <c r="W7326" s="2">
        <v>1.4999999999999999E-2</v>
      </c>
      <c r="X7326" s="2">
        <v>118.9</v>
      </c>
      <c r="Y7326" s="2">
        <v>7.6</v>
      </c>
      <c r="Z7326" s="2">
        <v>16.7</v>
      </c>
      <c r="AA7326" s="5"/>
      <c r="AB7326" s="5" t="s">
        <v>43</v>
      </c>
      <c r="AC7326" s="5" t="s">
        <v>44</v>
      </c>
      <c r="AD7326" s="2"/>
      <c r="AE7326" s="1"/>
    </row>
    <row r="7327" spans="1:31" ht="14.45">
      <c r="A7327" s="11"/>
      <c r="B7327" s="20"/>
      <c r="C7327" s="2" t="s">
        <v>22453</v>
      </c>
      <c r="D7327" s="14" t="s">
        <v>22454</v>
      </c>
      <c r="E7327" s="2" t="s">
        <v>22455</v>
      </c>
      <c r="F7327" s="2" t="s">
        <v>16018</v>
      </c>
      <c r="G7327" s="8">
        <v>283</v>
      </c>
      <c r="H7327" s="5">
        <v>6</v>
      </c>
      <c r="I7327" s="5" t="s">
        <v>1518</v>
      </c>
      <c r="J7327" s="5" t="s">
        <v>1519</v>
      </c>
      <c r="K7327" s="2" t="s">
        <v>1520</v>
      </c>
      <c r="L7327" s="5" t="s">
        <v>1519</v>
      </c>
      <c r="M7327" s="2" t="s">
        <v>1520</v>
      </c>
      <c r="N7327" s="5" t="s">
        <v>1521</v>
      </c>
      <c r="O7327" s="5" t="s">
        <v>38</v>
      </c>
      <c r="P7327" s="5" t="s">
        <v>39</v>
      </c>
      <c r="Q7327" s="5" t="s">
        <v>40</v>
      </c>
      <c r="R7327" s="5" t="s">
        <v>1522</v>
      </c>
      <c r="S7327" s="5" t="s">
        <v>1523</v>
      </c>
      <c r="T7327" s="5" t="s">
        <v>42</v>
      </c>
      <c r="U7327" s="2">
        <v>3.1579999999999999</v>
      </c>
      <c r="V7327" s="2">
        <v>2.64</v>
      </c>
      <c r="W7327" s="2">
        <v>1.4999999999999999E-2</v>
      </c>
      <c r="X7327" s="2">
        <v>118.9</v>
      </c>
      <c r="Y7327" s="2">
        <v>7.6</v>
      </c>
      <c r="Z7327" s="2">
        <v>16.7</v>
      </c>
      <c r="AA7327" s="5"/>
      <c r="AB7327" s="5" t="s">
        <v>43</v>
      </c>
      <c r="AC7327" s="5" t="s">
        <v>44</v>
      </c>
      <c r="AD7327" s="2"/>
      <c r="AE7327" s="1"/>
    </row>
    <row r="7328" spans="1:31" ht="14.45">
      <c r="A7328" s="11"/>
      <c r="B7328" s="20"/>
      <c r="C7328" s="2" t="s">
        <v>22456</v>
      </c>
      <c r="D7328" s="14" t="s">
        <v>22457</v>
      </c>
      <c r="E7328" s="2" t="s">
        <v>22458</v>
      </c>
      <c r="F7328" s="2" t="s">
        <v>16022</v>
      </c>
      <c r="G7328" s="8">
        <v>283</v>
      </c>
      <c r="H7328" s="5">
        <v>6</v>
      </c>
      <c r="I7328" s="5" t="s">
        <v>1518</v>
      </c>
      <c r="J7328" s="5" t="s">
        <v>1519</v>
      </c>
      <c r="K7328" s="2" t="s">
        <v>1520</v>
      </c>
      <c r="L7328" s="5" t="s">
        <v>1519</v>
      </c>
      <c r="M7328" s="2" t="s">
        <v>1520</v>
      </c>
      <c r="N7328" s="5" t="s">
        <v>1521</v>
      </c>
      <c r="O7328" s="5" t="s">
        <v>38</v>
      </c>
      <c r="P7328" s="5" t="s">
        <v>39</v>
      </c>
      <c r="Q7328" s="5" t="s">
        <v>40</v>
      </c>
      <c r="R7328" s="5" t="s">
        <v>1522</v>
      </c>
      <c r="S7328" s="5" t="s">
        <v>1523</v>
      </c>
      <c r="T7328" s="5" t="s">
        <v>42</v>
      </c>
      <c r="U7328" s="2">
        <v>3.258</v>
      </c>
      <c r="V7328" s="2">
        <v>2.74</v>
      </c>
      <c r="W7328" s="2">
        <v>1.4999999999999999E-2</v>
      </c>
      <c r="X7328" s="2">
        <v>118.9</v>
      </c>
      <c r="Y7328" s="2">
        <v>7.6</v>
      </c>
      <c r="Z7328" s="2">
        <v>16.7</v>
      </c>
      <c r="AA7328" s="5"/>
      <c r="AB7328" s="5" t="s">
        <v>43</v>
      </c>
      <c r="AC7328" s="5" t="s">
        <v>44</v>
      </c>
      <c r="AD7328" s="2"/>
      <c r="AE7328" s="1"/>
    </row>
    <row r="7329" spans="1:31" ht="14.45">
      <c r="A7329" s="11"/>
      <c r="B7329" s="20"/>
      <c r="C7329" s="2" t="s">
        <v>22459</v>
      </c>
      <c r="D7329" s="14" t="s">
        <v>22460</v>
      </c>
      <c r="E7329" s="2" t="s">
        <v>22461</v>
      </c>
      <c r="F7329" s="2" t="s">
        <v>7615</v>
      </c>
      <c r="G7329" s="8">
        <v>283</v>
      </c>
      <c r="H7329" s="5">
        <v>6</v>
      </c>
      <c r="I7329" s="5" t="s">
        <v>1518</v>
      </c>
      <c r="J7329" s="5" t="s">
        <v>1519</v>
      </c>
      <c r="K7329" s="2" t="s">
        <v>1520</v>
      </c>
      <c r="L7329" s="5" t="s">
        <v>1519</v>
      </c>
      <c r="M7329" s="2" t="s">
        <v>1520</v>
      </c>
      <c r="N7329" s="5" t="s">
        <v>1521</v>
      </c>
      <c r="O7329" s="5" t="s">
        <v>38</v>
      </c>
      <c r="P7329" s="5" t="s">
        <v>39</v>
      </c>
      <c r="Q7329" s="5" t="s">
        <v>40</v>
      </c>
      <c r="R7329" s="5" t="s">
        <v>1522</v>
      </c>
      <c r="S7329" s="5" t="s">
        <v>1523</v>
      </c>
      <c r="T7329" s="5" t="s">
        <v>42</v>
      </c>
      <c r="U7329" s="2">
        <v>3.1309999999999998</v>
      </c>
      <c r="V7329" s="2">
        <v>2.613</v>
      </c>
      <c r="W7329" s="2">
        <v>1.4999999999999999E-2</v>
      </c>
      <c r="X7329" s="2">
        <v>118.9</v>
      </c>
      <c r="Y7329" s="2">
        <v>7.6</v>
      </c>
      <c r="Z7329" s="2">
        <v>16.7</v>
      </c>
      <c r="AA7329" s="5"/>
      <c r="AB7329" s="5" t="s">
        <v>43</v>
      </c>
      <c r="AC7329" s="5" t="s">
        <v>44</v>
      </c>
      <c r="AD7329" s="2"/>
      <c r="AE7329" s="1"/>
    </row>
    <row r="7330" spans="1:31" ht="14.45">
      <c r="A7330" s="11"/>
      <c r="B7330" s="20"/>
      <c r="C7330" s="2" t="s">
        <v>22462</v>
      </c>
      <c r="D7330" s="14" t="s">
        <v>22463</v>
      </c>
      <c r="E7330" s="2" t="s">
        <v>22464</v>
      </c>
      <c r="F7330" s="2" t="s">
        <v>7619</v>
      </c>
      <c r="G7330" s="8">
        <v>283</v>
      </c>
      <c r="H7330" s="5">
        <v>6</v>
      </c>
      <c r="I7330" s="5" t="s">
        <v>1518</v>
      </c>
      <c r="J7330" s="5" t="s">
        <v>1519</v>
      </c>
      <c r="K7330" s="2" t="s">
        <v>1520</v>
      </c>
      <c r="L7330" s="5" t="s">
        <v>1519</v>
      </c>
      <c r="M7330" s="2" t="s">
        <v>1520</v>
      </c>
      <c r="N7330" s="5" t="s">
        <v>1521</v>
      </c>
      <c r="O7330" s="5" t="s">
        <v>38</v>
      </c>
      <c r="P7330" s="5" t="s">
        <v>39</v>
      </c>
      <c r="Q7330" s="5" t="s">
        <v>40</v>
      </c>
      <c r="R7330" s="5" t="s">
        <v>1522</v>
      </c>
      <c r="S7330" s="5" t="s">
        <v>1523</v>
      </c>
      <c r="T7330" s="5" t="s">
        <v>42</v>
      </c>
      <c r="U7330" s="2">
        <v>3.2309999999999999</v>
      </c>
      <c r="V7330" s="2">
        <v>2.7130000000000001</v>
      </c>
      <c r="W7330" s="2">
        <v>1.4999999999999999E-2</v>
      </c>
      <c r="X7330" s="2">
        <v>118.9</v>
      </c>
      <c r="Y7330" s="2">
        <v>7.6</v>
      </c>
      <c r="Z7330" s="2">
        <v>16.7</v>
      </c>
      <c r="AA7330" s="5"/>
      <c r="AB7330" s="5" t="s">
        <v>43</v>
      </c>
      <c r="AC7330" s="5" t="s">
        <v>44</v>
      </c>
      <c r="AD7330" s="2"/>
      <c r="AE7330" s="1"/>
    </row>
    <row r="7331" spans="1:31" ht="14.45">
      <c r="A7331" s="11"/>
      <c r="B7331" s="20"/>
      <c r="C7331" s="2" t="s">
        <v>22465</v>
      </c>
      <c r="D7331" s="14" t="s">
        <v>22466</v>
      </c>
      <c r="E7331" s="2" t="s">
        <v>22467</v>
      </c>
      <c r="F7331" s="2" t="s">
        <v>16029</v>
      </c>
      <c r="G7331" s="8">
        <v>283</v>
      </c>
      <c r="H7331" s="5">
        <v>11</v>
      </c>
      <c r="I7331" s="5" t="s">
        <v>1518</v>
      </c>
      <c r="J7331" s="5" t="s">
        <v>1519</v>
      </c>
      <c r="K7331" s="2" t="s">
        <v>1520</v>
      </c>
      <c r="L7331" s="5" t="s">
        <v>1519</v>
      </c>
      <c r="M7331" s="2" t="s">
        <v>1520</v>
      </c>
      <c r="N7331" s="5" t="s">
        <v>1521</v>
      </c>
      <c r="O7331" s="5" t="s">
        <v>38</v>
      </c>
      <c r="P7331" s="5" t="s">
        <v>39</v>
      </c>
      <c r="Q7331" s="5" t="s">
        <v>40</v>
      </c>
      <c r="R7331" s="5" t="s">
        <v>1522</v>
      </c>
      <c r="S7331" s="5" t="s">
        <v>1523</v>
      </c>
      <c r="T7331" s="5" t="s">
        <v>42</v>
      </c>
      <c r="U7331" s="2">
        <v>3.16</v>
      </c>
      <c r="V7331" s="2">
        <v>2.6419999999999999</v>
      </c>
      <c r="W7331" s="2">
        <v>1.4999999999999999E-2</v>
      </c>
      <c r="X7331" s="2">
        <v>118.9</v>
      </c>
      <c r="Y7331" s="2">
        <v>7.6</v>
      </c>
      <c r="Z7331" s="2">
        <v>16.7</v>
      </c>
      <c r="AA7331" s="5"/>
      <c r="AB7331" s="5" t="s">
        <v>43</v>
      </c>
      <c r="AC7331" s="5" t="s">
        <v>44</v>
      </c>
      <c r="AD7331" s="2"/>
      <c r="AE7331" s="1"/>
    </row>
    <row r="7332" spans="1:31" ht="14.45">
      <c r="A7332" s="11"/>
      <c r="B7332" s="20"/>
      <c r="C7332" s="2" t="s">
        <v>22468</v>
      </c>
      <c r="D7332" s="14" t="s">
        <v>22469</v>
      </c>
      <c r="E7332" s="2" t="s">
        <v>22470</v>
      </c>
      <c r="F7332" s="2" t="s">
        <v>16033</v>
      </c>
      <c r="G7332" s="8">
        <v>283</v>
      </c>
      <c r="H7332" s="5">
        <v>11</v>
      </c>
      <c r="I7332" s="5" t="s">
        <v>1518</v>
      </c>
      <c r="J7332" s="5" t="s">
        <v>1519</v>
      </c>
      <c r="K7332" s="2" t="s">
        <v>1520</v>
      </c>
      <c r="L7332" s="5" t="s">
        <v>1519</v>
      </c>
      <c r="M7332" s="2" t="s">
        <v>1520</v>
      </c>
      <c r="N7332" s="5" t="s">
        <v>1521</v>
      </c>
      <c r="O7332" s="5" t="s">
        <v>38</v>
      </c>
      <c r="P7332" s="5" t="s">
        <v>39</v>
      </c>
      <c r="Q7332" s="5" t="s">
        <v>40</v>
      </c>
      <c r="R7332" s="5" t="s">
        <v>1522</v>
      </c>
      <c r="S7332" s="5" t="s">
        <v>1523</v>
      </c>
      <c r="T7332" s="5" t="s">
        <v>42</v>
      </c>
      <c r="U7332" s="2">
        <v>3.26</v>
      </c>
      <c r="V7332" s="2">
        <v>2.742</v>
      </c>
      <c r="W7332" s="2">
        <v>1.4999999999999999E-2</v>
      </c>
      <c r="X7332" s="2">
        <v>118.9</v>
      </c>
      <c r="Y7332" s="2">
        <v>7.6</v>
      </c>
      <c r="Z7332" s="2">
        <v>16.7</v>
      </c>
      <c r="AA7332" s="5"/>
      <c r="AB7332" s="5" t="s">
        <v>43</v>
      </c>
      <c r="AC7332" s="5" t="s">
        <v>44</v>
      </c>
      <c r="AD7332" s="2"/>
      <c r="AE7332" s="1"/>
    </row>
    <row r="7333" spans="1:31" ht="14.45">
      <c r="A7333" s="11"/>
      <c r="B7333" s="20"/>
      <c r="C7333" s="2" t="s">
        <v>22471</v>
      </c>
      <c r="D7333" s="14" t="s">
        <v>22472</v>
      </c>
      <c r="E7333" s="2" t="s">
        <v>22473</v>
      </c>
      <c r="F7333" s="2" t="s">
        <v>7396</v>
      </c>
      <c r="G7333" s="8">
        <v>275</v>
      </c>
      <c r="H7333" s="5">
        <v>6</v>
      </c>
      <c r="I7333" s="5" t="s">
        <v>1518</v>
      </c>
      <c r="J7333" s="5" t="s">
        <v>1519</v>
      </c>
      <c r="K7333" s="2" t="s">
        <v>1520</v>
      </c>
      <c r="L7333" s="5" t="s">
        <v>1519</v>
      </c>
      <c r="M7333" s="2" t="s">
        <v>1520</v>
      </c>
      <c r="N7333" s="5" t="s">
        <v>1521</v>
      </c>
      <c r="O7333" s="5" t="s">
        <v>38</v>
      </c>
      <c r="P7333" s="5" t="s">
        <v>39</v>
      </c>
      <c r="Q7333" s="5" t="s">
        <v>40</v>
      </c>
      <c r="R7333" s="5" t="s">
        <v>1522</v>
      </c>
      <c r="S7333" s="5" t="s">
        <v>1523</v>
      </c>
      <c r="T7333" s="5" t="s">
        <v>42</v>
      </c>
      <c r="U7333" s="2">
        <v>3.4049999999999998</v>
      </c>
      <c r="V7333" s="2">
        <v>2.81</v>
      </c>
      <c r="W7333" s="2">
        <v>1.7999999999999999E-2</v>
      </c>
      <c r="X7333" s="2">
        <v>139.1</v>
      </c>
      <c r="Y7333" s="2">
        <v>7.6</v>
      </c>
      <c r="Z7333" s="2">
        <v>16.7</v>
      </c>
      <c r="AA7333" s="5"/>
      <c r="AB7333" s="5" t="s">
        <v>43</v>
      </c>
      <c r="AC7333" s="5" t="s">
        <v>44</v>
      </c>
      <c r="AD7333" s="2"/>
      <c r="AE7333" s="1"/>
    </row>
    <row r="7334" spans="1:31" ht="14.45">
      <c r="A7334" s="11"/>
      <c r="B7334" s="20"/>
      <c r="C7334" s="2" t="s">
        <v>22474</v>
      </c>
      <c r="D7334" s="14" t="s">
        <v>22475</v>
      </c>
      <c r="E7334" s="2" t="s">
        <v>22476</v>
      </c>
      <c r="F7334" s="2" t="s">
        <v>7507</v>
      </c>
      <c r="G7334" s="8">
        <v>275</v>
      </c>
      <c r="H7334" s="5">
        <v>6</v>
      </c>
      <c r="I7334" s="5" t="s">
        <v>1518</v>
      </c>
      <c r="J7334" s="5" t="s">
        <v>1519</v>
      </c>
      <c r="K7334" s="2" t="s">
        <v>1520</v>
      </c>
      <c r="L7334" s="5" t="s">
        <v>1519</v>
      </c>
      <c r="M7334" s="2" t="s">
        <v>1520</v>
      </c>
      <c r="N7334" s="5" t="s">
        <v>1521</v>
      </c>
      <c r="O7334" s="5" t="s">
        <v>38</v>
      </c>
      <c r="P7334" s="5" t="s">
        <v>39</v>
      </c>
      <c r="Q7334" s="5" t="s">
        <v>40</v>
      </c>
      <c r="R7334" s="5" t="s">
        <v>1522</v>
      </c>
      <c r="S7334" s="5" t="s">
        <v>1523</v>
      </c>
      <c r="T7334" s="5" t="s">
        <v>42</v>
      </c>
      <c r="U7334" s="2">
        <v>3.5150000000000001</v>
      </c>
      <c r="V7334" s="2">
        <v>2.92</v>
      </c>
      <c r="W7334" s="2">
        <v>1.7999999999999999E-2</v>
      </c>
      <c r="X7334" s="2">
        <v>139.1</v>
      </c>
      <c r="Y7334" s="2">
        <v>7.6</v>
      </c>
      <c r="Z7334" s="2">
        <v>16.7</v>
      </c>
      <c r="AA7334" s="5"/>
      <c r="AB7334" s="5" t="s">
        <v>43</v>
      </c>
      <c r="AC7334" s="5" t="s">
        <v>44</v>
      </c>
      <c r="AD7334" s="2"/>
      <c r="AE7334" s="1"/>
    </row>
    <row r="7335" spans="1:31" ht="14.45">
      <c r="A7335" s="11"/>
      <c r="B7335" s="20"/>
      <c r="C7335" s="2" t="s">
        <v>22477</v>
      </c>
      <c r="D7335" s="14" t="s">
        <v>22478</v>
      </c>
      <c r="E7335" s="2" t="s">
        <v>22479</v>
      </c>
      <c r="F7335" s="2" t="s">
        <v>7204</v>
      </c>
      <c r="G7335" s="8">
        <v>275</v>
      </c>
      <c r="H7335" s="5">
        <v>6</v>
      </c>
      <c r="I7335" s="5" t="s">
        <v>1518</v>
      </c>
      <c r="J7335" s="5" t="s">
        <v>1519</v>
      </c>
      <c r="K7335" s="2" t="s">
        <v>1520</v>
      </c>
      <c r="L7335" s="5" t="s">
        <v>1519</v>
      </c>
      <c r="M7335" s="2" t="s">
        <v>1520</v>
      </c>
      <c r="N7335" s="5" t="s">
        <v>1521</v>
      </c>
      <c r="O7335" s="5" t="s">
        <v>38</v>
      </c>
      <c r="P7335" s="5" t="s">
        <v>39</v>
      </c>
      <c r="Q7335" s="5" t="s">
        <v>40</v>
      </c>
      <c r="R7335" s="5" t="s">
        <v>1522</v>
      </c>
      <c r="S7335" s="5" t="s">
        <v>1523</v>
      </c>
      <c r="T7335" s="5" t="s">
        <v>42</v>
      </c>
      <c r="U7335" s="2">
        <v>3.415</v>
      </c>
      <c r="V7335" s="2">
        <v>2.82</v>
      </c>
      <c r="W7335" s="2">
        <v>1.7999999999999999E-2</v>
      </c>
      <c r="X7335" s="2">
        <v>139.1</v>
      </c>
      <c r="Y7335" s="2">
        <v>7.6</v>
      </c>
      <c r="Z7335" s="2">
        <v>16.7</v>
      </c>
      <c r="AA7335" s="5"/>
      <c r="AB7335" s="5" t="s">
        <v>43</v>
      </c>
      <c r="AC7335" s="5" t="s">
        <v>44</v>
      </c>
      <c r="AD7335" s="2"/>
      <c r="AE7335" s="1"/>
    </row>
    <row r="7336" spans="1:31" ht="14.45">
      <c r="A7336" s="11"/>
      <c r="B7336" s="20"/>
      <c r="C7336" s="2" t="s">
        <v>22480</v>
      </c>
      <c r="D7336" s="14" t="s">
        <v>22481</v>
      </c>
      <c r="E7336" s="2" t="s">
        <v>22482</v>
      </c>
      <c r="F7336" s="2" t="s">
        <v>7514</v>
      </c>
      <c r="G7336" s="8">
        <v>275</v>
      </c>
      <c r="H7336" s="5">
        <v>6</v>
      </c>
      <c r="I7336" s="5" t="s">
        <v>1518</v>
      </c>
      <c r="J7336" s="5" t="s">
        <v>1519</v>
      </c>
      <c r="K7336" s="2" t="s">
        <v>1520</v>
      </c>
      <c r="L7336" s="5" t="s">
        <v>1519</v>
      </c>
      <c r="M7336" s="2" t="s">
        <v>1520</v>
      </c>
      <c r="N7336" s="5" t="s">
        <v>1521</v>
      </c>
      <c r="O7336" s="5" t="s">
        <v>38</v>
      </c>
      <c r="P7336" s="5" t="s">
        <v>39</v>
      </c>
      <c r="Q7336" s="5" t="s">
        <v>40</v>
      </c>
      <c r="R7336" s="5" t="s">
        <v>1522</v>
      </c>
      <c r="S7336" s="5" t="s">
        <v>1523</v>
      </c>
      <c r="T7336" s="5" t="s">
        <v>42</v>
      </c>
      <c r="U7336" s="2">
        <v>3.5249999999999999</v>
      </c>
      <c r="V7336" s="2">
        <v>2.93</v>
      </c>
      <c r="W7336" s="2">
        <v>1.7999999999999999E-2</v>
      </c>
      <c r="X7336" s="2">
        <v>139.1</v>
      </c>
      <c r="Y7336" s="2">
        <v>7.6</v>
      </c>
      <c r="Z7336" s="2">
        <v>16.7</v>
      </c>
      <c r="AA7336" s="5"/>
      <c r="AB7336" s="5" t="s">
        <v>43</v>
      </c>
      <c r="AC7336" s="5" t="s">
        <v>44</v>
      </c>
      <c r="AD7336" s="2"/>
      <c r="AE7336" s="1"/>
    </row>
    <row r="7337" spans="1:31" ht="14.45">
      <c r="A7337" s="11"/>
      <c r="B7337" s="20"/>
      <c r="C7337" s="2" t="s">
        <v>22483</v>
      </c>
      <c r="D7337" s="14" t="s">
        <v>22484</v>
      </c>
      <c r="E7337" s="2" t="s">
        <v>22485</v>
      </c>
      <c r="F7337" s="2" t="s">
        <v>7208</v>
      </c>
      <c r="G7337" s="8">
        <v>275</v>
      </c>
      <c r="H7337" s="5">
        <v>6</v>
      </c>
      <c r="I7337" s="5" t="s">
        <v>1518</v>
      </c>
      <c r="J7337" s="5" t="s">
        <v>1519</v>
      </c>
      <c r="K7337" s="2" t="s">
        <v>1520</v>
      </c>
      <c r="L7337" s="5" t="s">
        <v>1519</v>
      </c>
      <c r="M7337" s="2" t="s">
        <v>1520</v>
      </c>
      <c r="N7337" s="5" t="s">
        <v>1521</v>
      </c>
      <c r="O7337" s="5" t="s">
        <v>38</v>
      </c>
      <c r="P7337" s="5" t="s">
        <v>39</v>
      </c>
      <c r="Q7337" s="5" t="s">
        <v>40</v>
      </c>
      <c r="R7337" s="5" t="s">
        <v>1522</v>
      </c>
      <c r="S7337" s="5" t="s">
        <v>1523</v>
      </c>
      <c r="T7337" s="5" t="s">
        <v>42</v>
      </c>
      <c r="U7337" s="2">
        <v>3.415</v>
      </c>
      <c r="V7337" s="2">
        <v>2.82</v>
      </c>
      <c r="W7337" s="2">
        <v>1.7999999999999999E-2</v>
      </c>
      <c r="X7337" s="2">
        <v>139.1</v>
      </c>
      <c r="Y7337" s="2">
        <v>7.6</v>
      </c>
      <c r="Z7337" s="2">
        <v>16.7</v>
      </c>
      <c r="AA7337" s="5"/>
      <c r="AB7337" s="5" t="s">
        <v>43</v>
      </c>
      <c r="AC7337" s="5" t="s">
        <v>44</v>
      </c>
      <c r="AD7337" s="2"/>
      <c r="AE7337" s="1"/>
    </row>
    <row r="7338" spans="1:31" ht="14.45">
      <c r="A7338" s="11"/>
      <c r="B7338" s="20"/>
      <c r="C7338" s="2" t="s">
        <v>22486</v>
      </c>
      <c r="D7338" s="14" t="s">
        <v>22487</v>
      </c>
      <c r="E7338" s="2" t="s">
        <v>22488</v>
      </c>
      <c r="F7338" s="2" t="s">
        <v>7521</v>
      </c>
      <c r="G7338" s="8">
        <v>275</v>
      </c>
      <c r="H7338" s="5">
        <v>6</v>
      </c>
      <c r="I7338" s="5" t="s">
        <v>1518</v>
      </c>
      <c r="J7338" s="5" t="s">
        <v>1519</v>
      </c>
      <c r="K7338" s="2" t="s">
        <v>1520</v>
      </c>
      <c r="L7338" s="5" t="s">
        <v>1519</v>
      </c>
      <c r="M7338" s="2" t="s">
        <v>1520</v>
      </c>
      <c r="N7338" s="5" t="s">
        <v>1521</v>
      </c>
      <c r="O7338" s="5" t="s">
        <v>38</v>
      </c>
      <c r="P7338" s="5" t="s">
        <v>39</v>
      </c>
      <c r="Q7338" s="5" t="s">
        <v>40</v>
      </c>
      <c r="R7338" s="5" t="s">
        <v>1522</v>
      </c>
      <c r="S7338" s="5" t="s">
        <v>1523</v>
      </c>
      <c r="T7338" s="5" t="s">
        <v>42</v>
      </c>
      <c r="U7338" s="2">
        <v>3.5249999999999999</v>
      </c>
      <c r="V7338" s="2">
        <v>2.93</v>
      </c>
      <c r="W7338" s="2">
        <v>1.7999999999999999E-2</v>
      </c>
      <c r="X7338" s="2">
        <v>139.1</v>
      </c>
      <c r="Y7338" s="2">
        <v>7.6</v>
      </c>
      <c r="Z7338" s="2">
        <v>16.7</v>
      </c>
      <c r="AA7338" s="5"/>
      <c r="AB7338" s="5" t="s">
        <v>43</v>
      </c>
      <c r="AC7338" s="5" t="s">
        <v>44</v>
      </c>
      <c r="AD7338" s="2"/>
      <c r="AE7338" s="1"/>
    </row>
    <row r="7339" spans="1:31" ht="14.45">
      <c r="A7339" s="11"/>
      <c r="B7339" s="20"/>
      <c r="C7339" s="2" t="s">
        <v>22489</v>
      </c>
      <c r="D7339" s="14" t="s">
        <v>22490</v>
      </c>
      <c r="E7339" s="2" t="s">
        <v>22491</v>
      </c>
      <c r="F7339" s="2" t="s">
        <v>7212</v>
      </c>
      <c r="G7339" s="8">
        <v>275</v>
      </c>
      <c r="H7339" s="5">
        <v>6</v>
      </c>
      <c r="I7339" s="5" t="s">
        <v>1518</v>
      </c>
      <c r="J7339" s="5" t="s">
        <v>1519</v>
      </c>
      <c r="K7339" s="2" t="s">
        <v>1520</v>
      </c>
      <c r="L7339" s="5" t="s">
        <v>1519</v>
      </c>
      <c r="M7339" s="2" t="s">
        <v>1520</v>
      </c>
      <c r="N7339" s="5" t="s">
        <v>1521</v>
      </c>
      <c r="O7339" s="5" t="s">
        <v>38</v>
      </c>
      <c r="P7339" s="5" t="s">
        <v>39</v>
      </c>
      <c r="Q7339" s="5" t="s">
        <v>40</v>
      </c>
      <c r="R7339" s="5" t="s">
        <v>1522</v>
      </c>
      <c r="S7339" s="5" t="s">
        <v>1523</v>
      </c>
      <c r="T7339" s="5" t="s">
        <v>42</v>
      </c>
      <c r="U7339" s="2">
        <v>3.383</v>
      </c>
      <c r="V7339" s="2">
        <v>2.7879999999999998</v>
      </c>
      <c r="W7339" s="2">
        <v>1.7999999999999999E-2</v>
      </c>
      <c r="X7339" s="2">
        <v>139.1</v>
      </c>
      <c r="Y7339" s="2">
        <v>7.6</v>
      </c>
      <c r="Z7339" s="2">
        <v>16.7</v>
      </c>
      <c r="AA7339" s="5"/>
      <c r="AB7339" s="5" t="s">
        <v>43</v>
      </c>
      <c r="AC7339" s="5" t="s">
        <v>44</v>
      </c>
      <c r="AD7339" s="2"/>
      <c r="AE7339" s="1"/>
    </row>
    <row r="7340" spans="1:31" ht="14.45">
      <c r="A7340" s="11"/>
      <c r="B7340" s="20"/>
      <c r="C7340" s="2" t="s">
        <v>22492</v>
      </c>
      <c r="D7340" s="14" t="s">
        <v>22493</v>
      </c>
      <c r="E7340" s="2" t="s">
        <v>22494</v>
      </c>
      <c r="F7340" s="2" t="s">
        <v>7528</v>
      </c>
      <c r="G7340" s="8">
        <v>275</v>
      </c>
      <c r="H7340" s="5">
        <v>6</v>
      </c>
      <c r="I7340" s="5" t="s">
        <v>1518</v>
      </c>
      <c r="J7340" s="5" t="s">
        <v>1519</v>
      </c>
      <c r="K7340" s="2" t="s">
        <v>1520</v>
      </c>
      <c r="L7340" s="5" t="s">
        <v>1519</v>
      </c>
      <c r="M7340" s="2" t="s">
        <v>1520</v>
      </c>
      <c r="N7340" s="5" t="s">
        <v>1521</v>
      </c>
      <c r="O7340" s="5" t="s">
        <v>38</v>
      </c>
      <c r="P7340" s="5" t="s">
        <v>39</v>
      </c>
      <c r="Q7340" s="5" t="s">
        <v>40</v>
      </c>
      <c r="R7340" s="5" t="s">
        <v>1522</v>
      </c>
      <c r="S7340" s="5" t="s">
        <v>1523</v>
      </c>
      <c r="T7340" s="5" t="s">
        <v>42</v>
      </c>
      <c r="U7340" s="2">
        <v>3.4929999999999999</v>
      </c>
      <c r="V7340" s="2">
        <v>2.8980000000000001</v>
      </c>
      <c r="W7340" s="2">
        <v>1.7999999999999999E-2</v>
      </c>
      <c r="X7340" s="2">
        <v>139.1</v>
      </c>
      <c r="Y7340" s="2">
        <v>7.6</v>
      </c>
      <c r="Z7340" s="2">
        <v>16.7</v>
      </c>
      <c r="AA7340" s="5"/>
      <c r="AB7340" s="5" t="s">
        <v>43</v>
      </c>
      <c r="AC7340" s="5" t="s">
        <v>44</v>
      </c>
      <c r="AD7340" s="2"/>
      <c r="AE7340" s="1"/>
    </row>
    <row r="7341" spans="1:31" ht="14.45">
      <c r="A7341" s="11"/>
      <c r="B7341" s="20"/>
      <c r="C7341" s="2" t="s">
        <v>22495</v>
      </c>
      <c r="D7341" s="14" t="s">
        <v>22496</v>
      </c>
      <c r="E7341" s="2" t="s">
        <v>22497</v>
      </c>
      <c r="F7341" s="2" t="s">
        <v>7406</v>
      </c>
      <c r="G7341" s="8">
        <v>296</v>
      </c>
      <c r="H7341" s="5">
        <v>6</v>
      </c>
      <c r="I7341" s="5" t="s">
        <v>1518</v>
      </c>
      <c r="J7341" s="5" t="s">
        <v>1519</v>
      </c>
      <c r="K7341" s="2" t="s">
        <v>1520</v>
      </c>
      <c r="L7341" s="5" t="s">
        <v>1519</v>
      </c>
      <c r="M7341" s="2" t="s">
        <v>1520</v>
      </c>
      <c r="N7341" s="5" t="s">
        <v>1521</v>
      </c>
      <c r="O7341" s="5" t="s">
        <v>38</v>
      </c>
      <c r="P7341" s="5" t="s">
        <v>39</v>
      </c>
      <c r="Q7341" s="5" t="s">
        <v>40</v>
      </c>
      <c r="R7341" s="5" t="s">
        <v>1522</v>
      </c>
      <c r="S7341" s="5" t="s">
        <v>1523</v>
      </c>
      <c r="T7341" s="5" t="s">
        <v>42</v>
      </c>
      <c r="U7341" s="2">
        <v>3.383</v>
      </c>
      <c r="V7341" s="2">
        <v>2.7879999999999998</v>
      </c>
      <c r="W7341" s="2">
        <v>1.7999999999999999E-2</v>
      </c>
      <c r="X7341" s="2">
        <v>139.1</v>
      </c>
      <c r="Y7341" s="2">
        <v>7.6</v>
      </c>
      <c r="Z7341" s="2">
        <v>16.7</v>
      </c>
      <c r="AA7341" s="5"/>
      <c r="AB7341" s="5" t="s">
        <v>43</v>
      </c>
      <c r="AC7341" s="5" t="s">
        <v>44</v>
      </c>
      <c r="AD7341" s="2"/>
      <c r="AE7341" s="1"/>
    </row>
    <row r="7342" spans="1:31" ht="14.45">
      <c r="A7342" s="11"/>
      <c r="B7342" s="20"/>
      <c r="C7342" s="2" t="s">
        <v>22498</v>
      </c>
      <c r="D7342" s="14" t="s">
        <v>22499</v>
      </c>
      <c r="E7342" s="2" t="s">
        <v>22500</v>
      </c>
      <c r="F7342" s="2" t="s">
        <v>7535</v>
      </c>
      <c r="G7342" s="8">
        <v>296</v>
      </c>
      <c r="H7342" s="5">
        <v>6</v>
      </c>
      <c r="I7342" s="5" t="s">
        <v>1518</v>
      </c>
      <c r="J7342" s="5" t="s">
        <v>1519</v>
      </c>
      <c r="K7342" s="2" t="s">
        <v>1520</v>
      </c>
      <c r="L7342" s="5" t="s">
        <v>1519</v>
      </c>
      <c r="M7342" s="2" t="s">
        <v>1520</v>
      </c>
      <c r="N7342" s="5" t="s">
        <v>1521</v>
      </c>
      <c r="O7342" s="5" t="s">
        <v>38</v>
      </c>
      <c r="P7342" s="5" t="s">
        <v>39</v>
      </c>
      <c r="Q7342" s="5" t="s">
        <v>40</v>
      </c>
      <c r="R7342" s="5" t="s">
        <v>1522</v>
      </c>
      <c r="S7342" s="5" t="s">
        <v>1523</v>
      </c>
      <c r="T7342" s="5" t="s">
        <v>42</v>
      </c>
      <c r="U7342" s="2">
        <v>3.4929999999999999</v>
      </c>
      <c r="V7342" s="2">
        <v>2.8980000000000001</v>
      </c>
      <c r="W7342" s="2">
        <v>1.7999999999999999E-2</v>
      </c>
      <c r="X7342" s="2">
        <v>139.1</v>
      </c>
      <c r="Y7342" s="2">
        <v>7.6</v>
      </c>
      <c r="Z7342" s="2">
        <v>16.7</v>
      </c>
      <c r="AA7342" s="5"/>
      <c r="AB7342" s="5" t="s">
        <v>43</v>
      </c>
      <c r="AC7342" s="5" t="s">
        <v>44</v>
      </c>
      <c r="AD7342" s="2"/>
      <c r="AE7342" s="1"/>
    </row>
    <row r="7343" spans="1:31" ht="14.45">
      <c r="A7343" s="11"/>
      <c r="B7343" s="20"/>
      <c r="C7343" s="2" t="s">
        <v>22501</v>
      </c>
      <c r="D7343" s="14" t="s">
        <v>22502</v>
      </c>
      <c r="E7343" s="2" t="s">
        <v>22503</v>
      </c>
      <c r="F7343" s="2" t="s">
        <v>7539</v>
      </c>
      <c r="G7343" s="8">
        <v>296</v>
      </c>
      <c r="H7343" s="5">
        <v>6</v>
      </c>
      <c r="I7343" s="5" t="s">
        <v>1518</v>
      </c>
      <c r="J7343" s="5" t="s">
        <v>1519</v>
      </c>
      <c r="K7343" s="2" t="s">
        <v>1520</v>
      </c>
      <c r="L7343" s="5" t="s">
        <v>1519</v>
      </c>
      <c r="M7343" s="2" t="s">
        <v>1520</v>
      </c>
      <c r="N7343" s="5" t="s">
        <v>1521</v>
      </c>
      <c r="O7343" s="5" t="s">
        <v>38</v>
      </c>
      <c r="P7343" s="5" t="s">
        <v>39</v>
      </c>
      <c r="Q7343" s="5" t="s">
        <v>40</v>
      </c>
      <c r="R7343" s="5" t="s">
        <v>1522</v>
      </c>
      <c r="S7343" s="5" t="s">
        <v>1523</v>
      </c>
      <c r="T7343" s="5" t="s">
        <v>42</v>
      </c>
      <c r="U7343" s="2">
        <v>3.415</v>
      </c>
      <c r="V7343" s="2">
        <v>2.82</v>
      </c>
      <c r="W7343" s="2">
        <v>1.7999999999999999E-2</v>
      </c>
      <c r="X7343" s="2">
        <v>139.1</v>
      </c>
      <c r="Y7343" s="2">
        <v>7.6</v>
      </c>
      <c r="Z7343" s="2">
        <v>16.7</v>
      </c>
      <c r="AA7343" s="5"/>
      <c r="AB7343" s="5" t="s">
        <v>43</v>
      </c>
      <c r="AC7343" s="5" t="s">
        <v>44</v>
      </c>
      <c r="AD7343" s="2"/>
      <c r="AE7343" s="1"/>
    </row>
    <row r="7344" spans="1:31" ht="14.45">
      <c r="A7344" s="11"/>
      <c r="B7344" s="20"/>
      <c r="C7344" s="2" t="s">
        <v>22504</v>
      </c>
      <c r="D7344" s="14" t="s">
        <v>22505</v>
      </c>
      <c r="E7344" s="2" t="s">
        <v>22506</v>
      </c>
      <c r="F7344" s="2" t="s">
        <v>7543</v>
      </c>
      <c r="G7344" s="8">
        <v>296</v>
      </c>
      <c r="H7344" s="5">
        <v>6</v>
      </c>
      <c r="I7344" s="5" t="s">
        <v>1518</v>
      </c>
      <c r="J7344" s="5" t="s">
        <v>1519</v>
      </c>
      <c r="K7344" s="2" t="s">
        <v>1520</v>
      </c>
      <c r="L7344" s="5" t="s">
        <v>1519</v>
      </c>
      <c r="M7344" s="2" t="s">
        <v>1520</v>
      </c>
      <c r="N7344" s="5" t="s">
        <v>1521</v>
      </c>
      <c r="O7344" s="5" t="s">
        <v>38</v>
      </c>
      <c r="P7344" s="5" t="s">
        <v>39</v>
      </c>
      <c r="Q7344" s="5" t="s">
        <v>40</v>
      </c>
      <c r="R7344" s="5" t="s">
        <v>1522</v>
      </c>
      <c r="S7344" s="5" t="s">
        <v>1523</v>
      </c>
      <c r="T7344" s="5" t="s">
        <v>42</v>
      </c>
      <c r="U7344" s="2">
        <v>3.5249999999999999</v>
      </c>
      <c r="V7344" s="2">
        <v>2.93</v>
      </c>
      <c r="W7344" s="2">
        <v>1.7999999999999999E-2</v>
      </c>
      <c r="X7344" s="2">
        <v>139.1</v>
      </c>
      <c r="Y7344" s="2">
        <v>7.6</v>
      </c>
      <c r="Z7344" s="2">
        <v>16.7</v>
      </c>
      <c r="AA7344" s="5"/>
      <c r="AB7344" s="5" t="s">
        <v>43</v>
      </c>
      <c r="AC7344" s="5" t="s">
        <v>44</v>
      </c>
      <c r="AD7344" s="2"/>
      <c r="AE7344" s="1"/>
    </row>
    <row r="7345" spans="1:31" ht="14.45">
      <c r="A7345" s="11"/>
      <c r="B7345" s="20"/>
      <c r="C7345" s="2" t="s">
        <v>22507</v>
      </c>
      <c r="D7345" s="14" t="s">
        <v>22508</v>
      </c>
      <c r="E7345" s="2" t="s">
        <v>22509</v>
      </c>
      <c r="F7345" s="2" t="s">
        <v>7547</v>
      </c>
      <c r="G7345" s="8">
        <v>296</v>
      </c>
      <c r="H7345" s="5">
        <v>6</v>
      </c>
      <c r="I7345" s="5" t="s">
        <v>1518</v>
      </c>
      <c r="J7345" s="5" t="s">
        <v>1519</v>
      </c>
      <c r="K7345" s="2" t="s">
        <v>1520</v>
      </c>
      <c r="L7345" s="5" t="s">
        <v>1519</v>
      </c>
      <c r="M7345" s="2" t="s">
        <v>1520</v>
      </c>
      <c r="N7345" s="5" t="s">
        <v>1521</v>
      </c>
      <c r="O7345" s="5" t="s">
        <v>38</v>
      </c>
      <c r="P7345" s="5" t="s">
        <v>39</v>
      </c>
      <c r="Q7345" s="5" t="s">
        <v>40</v>
      </c>
      <c r="R7345" s="5" t="s">
        <v>1522</v>
      </c>
      <c r="S7345" s="5" t="s">
        <v>1523</v>
      </c>
      <c r="T7345" s="5" t="s">
        <v>42</v>
      </c>
      <c r="U7345" s="2">
        <v>3.383</v>
      </c>
      <c r="V7345" s="2">
        <v>2.7879999999999998</v>
      </c>
      <c r="W7345" s="2">
        <v>1.7999999999999999E-2</v>
      </c>
      <c r="X7345" s="2">
        <v>139.1</v>
      </c>
      <c r="Y7345" s="2">
        <v>7.6</v>
      </c>
      <c r="Z7345" s="2">
        <v>16.7</v>
      </c>
      <c r="AA7345" s="5"/>
      <c r="AB7345" s="5" t="s">
        <v>43</v>
      </c>
      <c r="AC7345" s="5" t="s">
        <v>44</v>
      </c>
      <c r="AD7345" s="2"/>
      <c r="AE7345" s="1"/>
    </row>
    <row r="7346" spans="1:31" ht="14.45">
      <c r="A7346" s="11"/>
      <c r="B7346" s="20"/>
      <c r="C7346" s="2" t="s">
        <v>22510</v>
      </c>
      <c r="D7346" s="14" t="s">
        <v>22511</v>
      </c>
      <c r="E7346" s="2" t="s">
        <v>22512</v>
      </c>
      <c r="F7346" s="2" t="s">
        <v>7551</v>
      </c>
      <c r="G7346" s="8">
        <v>296</v>
      </c>
      <c r="H7346" s="5">
        <v>6</v>
      </c>
      <c r="I7346" s="5" t="s">
        <v>1518</v>
      </c>
      <c r="J7346" s="5" t="s">
        <v>1519</v>
      </c>
      <c r="K7346" s="2" t="s">
        <v>1520</v>
      </c>
      <c r="L7346" s="5" t="s">
        <v>1519</v>
      </c>
      <c r="M7346" s="2" t="s">
        <v>1520</v>
      </c>
      <c r="N7346" s="5" t="s">
        <v>1521</v>
      </c>
      <c r="O7346" s="5" t="s">
        <v>38</v>
      </c>
      <c r="P7346" s="5" t="s">
        <v>39</v>
      </c>
      <c r="Q7346" s="5" t="s">
        <v>40</v>
      </c>
      <c r="R7346" s="5" t="s">
        <v>1522</v>
      </c>
      <c r="S7346" s="5" t="s">
        <v>1523</v>
      </c>
      <c r="T7346" s="5" t="s">
        <v>42</v>
      </c>
      <c r="U7346" s="2">
        <v>3.4929999999999999</v>
      </c>
      <c r="V7346" s="2">
        <v>2.8980000000000001</v>
      </c>
      <c r="W7346" s="2">
        <v>1.7999999999999999E-2</v>
      </c>
      <c r="X7346" s="2">
        <v>139.1</v>
      </c>
      <c r="Y7346" s="2">
        <v>7.6</v>
      </c>
      <c r="Z7346" s="2">
        <v>16.7</v>
      </c>
      <c r="AA7346" s="5"/>
      <c r="AB7346" s="5" t="s">
        <v>43</v>
      </c>
      <c r="AC7346" s="5" t="s">
        <v>44</v>
      </c>
      <c r="AD7346" s="2"/>
      <c r="AE7346" s="1"/>
    </row>
    <row r="7347" spans="1:31" ht="14.45">
      <c r="A7347" s="11"/>
      <c r="B7347" s="20"/>
      <c r="C7347" s="2" t="s">
        <v>22513</v>
      </c>
      <c r="D7347" s="14" t="s">
        <v>22514</v>
      </c>
      <c r="E7347" s="2" t="s">
        <v>22515</v>
      </c>
      <c r="F7347" s="2" t="s">
        <v>7555</v>
      </c>
      <c r="G7347" s="8">
        <v>296</v>
      </c>
      <c r="H7347" s="5">
        <v>6</v>
      </c>
      <c r="I7347" s="5" t="s">
        <v>1518</v>
      </c>
      <c r="J7347" s="5" t="s">
        <v>1519</v>
      </c>
      <c r="K7347" s="2" t="s">
        <v>1520</v>
      </c>
      <c r="L7347" s="5" t="s">
        <v>1519</v>
      </c>
      <c r="M7347" s="2" t="s">
        <v>1520</v>
      </c>
      <c r="N7347" s="5" t="s">
        <v>1521</v>
      </c>
      <c r="O7347" s="5" t="s">
        <v>38</v>
      </c>
      <c r="P7347" s="5" t="s">
        <v>39</v>
      </c>
      <c r="Q7347" s="5" t="s">
        <v>40</v>
      </c>
      <c r="R7347" s="5" t="s">
        <v>1522</v>
      </c>
      <c r="S7347" s="5" t="s">
        <v>1523</v>
      </c>
      <c r="T7347" s="5" t="s">
        <v>42</v>
      </c>
      <c r="U7347" s="2">
        <v>3.383</v>
      </c>
      <c r="V7347" s="2">
        <v>2.7879999999999998</v>
      </c>
      <c r="W7347" s="2">
        <v>1.7999999999999999E-2</v>
      </c>
      <c r="X7347" s="2">
        <v>139.1</v>
      </c>
      <c r="Y7347" s="2">
        <v>7.6</v>
      </c>
      <c r="Z7347" s="2">
        <v>16.7</v>
      </c>
      <c r="AA7347" s="5"/>
      <c r="AB7347" s="5" t="s">
        <v>43</v>
      </c>
      <c r="AC7347" s="5" t="s">
        <v>44</v>
      </c>
      <c r="AD7347" s="2"/>
      <c r="AE7347" s="1"/>
    </row>
    <row r="7348" spans="1:31" ht="14.45">
      <c r="A7348" s="11"/>
      <c r="B7348" s="20"/>
      <c r="C7348" s="2" t="s">
        <v>22516</v>
      </c>
      <c r="D7348" s="14" t="s">
        <v>22517</v>
      </c>
      <c r="E7348" s="2" t="s">
        <v>22518</v>
      </c>
      <c r="F7348" s="2" t="s">
        <v>7559</v>
      </c>
      <c r="G7348" s="8">
        <v>296</v>
      </c>
      <c r="H7348" s="5">
        <v>6</v>
      </c>
      <c r="I7348" s="5" t="s">
        <v>1518</v>
      </c>
      <c r="J7348" s="5" t="s">
        <v>1519</v>
      </c>
      <c r="K7348" s="2" t="s">
        <v>1520</v>
      </c>
      <c r="L7348" s="5" t="s">
        <v>1519</v>
      </c>
      <c r="M7348" s="2" t="s">
        <v>1520</v>
      </c>
      <c r="N7348" s="5" t="s">
        <v>1521</v>
      </c>
      <c r="O7348" s="5" t="s">
        <v>38</v>
      </c>
      <c r="P7348" s="5" t="s">
        <v>39</v>
      </c>
      <c r="Q7348" s="5" t="s">
        <v>40</v>
      </c>
      <c r="R7348" s="5" t="s">
        <v>1522</v>
      </c>
      <c r="S7348" s="5" t="s">
        <v>1523</v>
      </c>
      <c r="T7348" s="5" t="s">
        <v>42</v>
      </c>
      <c r="U7348" s="2">
        <v>3.4929999999999999</v>
      </c>
      <c r="V7348" s="2">
        <v>2.8980000000000001</v>
      </c>
      <c r="W7348" s="2">
        <v>1.7999999999999999E-2</v>
      </c>
      <c r="X7348" s="2">
        <v>139.1</v>
      </c>
      <c r="Y7348" s="2">
        <v>7.6</v>
      </c>
      <c r="Z7348" s="2">
        <v>16.7</v>
      </c>
      <c r="AA7348" s="5"/>
      <c r="AB7348" s="5" t="s">
        <v>43</v>
      </c>
      <c r="AC7348" s="5" t="s">
        <v>44</v>
      </c>
      <c r="AD7348" s="2"/>
      <c r="AE7348" s="1"/>
    </row>
    <row r="7349" spans="1:31" ht="14.45">
      <c r="A7349" s="11"/>
      <c r="B7349" s="20"/>
      <c r="C7349" s="2" t="s">
        <v>22519</v>
      </c>
      <c r="D7349" s="14" t="s">
        <v>22520</v>
      </c>
      <c r="E7349" s="2" t="s">
        <v>22521</v>
      </c>
      <c r="F7349" s="2" t="s">
        <v>7563</v>
      </c>
      <c r="G7349" s="8">
        <v>296</v>
      </c>
      <c r="H7349" s="5">
        <v>6</v>
      </c>
      <c r="I7349" s="5" t="s">
        <v>1518</v>
      </c>
      <c r="J7349" s="5" t="s">
        <v>1519</v>
      </c>
      <c r="K7349" s="2" t="s">
        <v>1520</v>
      </c>
      <c r="L7349" s="5" t="s">
        <v>1519</v>
      </c>
      <c r="M7349" s="2" t="s">
        <v>1520</v>
      </c>
      <c r="N7349" s="5" t="s">
        <v>1521</v>
      </c>
      <c r="O7349" s="5" t="s">
        <v>38</v>
      </c>
      <c r="P7349" s="5" t="s">
        <v>39</v>
      </c>
      <c r="Q7349" s="5" t="s">
        <v>40</v>
      </c>
      <c r="R7349" s="5" t="s">
        <v>1522</v>
      </c>
      <c r="S7349" s="5" t="s">
        <v>1523</v>
      </c>
      <c r="T7349" s="5" t="s">
        <v>42</v>
      </c>
      <c r="U7349" s="2">
        <v>3.415</v>
      </c>
      <c r="V7349" s="2">
        <v>2.82</v>
      </c>
      <c r="W7349" s="2">
        <v>1.7999999999999999E-2</v>
      </c>
      <c r="X7349" s="2">
        <v>139.1</v>
      </c>
      <c r="Y7349" s="2">
        <v>7.6</v>
      </c>
      <c r="Z7349" s="2">
        <v>16.7</v>
      </c>
      <c r="AA7349" s="5"/>
      <c r="AB7349" s="5" t="s">
        <v>43</v>
      </c>
      <c r="AC7349" s="5" t="s">
        <v>44</v>
      </c>
      <c r="AD7349" s="2"/>
      <c r="AE7349" s="1"/>
    </row>
    <row r="7350" spans="1:31" ht="14.45">
      <c r="A7350" s="11"/>
      <c r="B7350" s="20"/>
      <c r="C7350" s="2" t="s">
        <v>22522</v>
      </c>
      <c r="D7350" s="14" t="s">
        <v>22523</v>
      </c>
      <c r="E7350" s="2" t="s">
        <v>22524</v>
      </c>
      <c r="F7350" s="2" t="s">
        <v>7567</v>
      </c>
      <c r="G7350" s="8">
        <v>296</v>
      </c>
      <c r="H7350" s="5">
        <v>6</v>
      </c>
      <c r="I7350" s="5" t="s">
        <v>1518</v>
      </c>
      <c r="J7350" s="5" t="s">
        <v>1519</v>
      </c>
      <c r="K7350" s="2" t="s">
        <v>1520</v>
      </c>
      <c r="L7350" s="5" t="s">
        <v>1519</v>
      </c>
      <c r="M7350" s="2" t="s">
        <v>1520</v>
      </c>
      <c r="N7350" s="5" t="s">
        <v>1521</v>
      </c>
      <c r="O7350" s="5" t="s">
        <v>38</v>
      </c>
      <c r="P7350" s="5" t="s">
        <v>39</v>
      </c>
      <c r="Q7350" s="5" t="s">
        <v>40</v>
      </c>
      <c r="R7350" s="5" t="s">
        <v>1522</v>
      </c>
      <c r="S7350" s="5" t="s">
        <v>1523</v>
      </c>
      <c r="T7350" s="5" t="s">
        <v>42</v>
      </c>
      <c r="U7350" s="2">
        <v>3.5249999999999999</v>
      </c>
      <c r="V7350" s="2">
        <v>2.93</v>
      </c>
      <c r="W7350" s="2">
        <v>1.7999999999999999E-2</v>
      </c>
      <c r="X7350" s="2">
        <v>139.1</v>
      </c>
      <c r="Y7350" s="2">
        <v>7.6</v>
      </c>
      <c r="Z7350" s="2">
        <v>16.7</v>
      </c>
      <c r="AA7350" s="5"/>
      <c r="AB7350" s="5" t="s">
        <v>43</v>
      </c>
      <c r="AC7350" s="5" t="s">
        <v>44</v>
      </c>
      <c r="AD7350" s="2"/>
      <c r="AE7350" s="1"/>
    </row>
    <row r="7351" spans="1:31" ht="14.45">
      <c r="A7351" s="11"/>
      <c r="B7351" s="20"/>
      <c r="C7351" s="2" t="s">
        <v>22525</v>
      </c>
      <c r="D7351" s="14" t="s">
        <v>22526</v>
      </c>
      <c r="E7351" s="2" t="s">
        <v>22527</v>
      </c>
      <c r="F7351" s="2" t="s">
        <v>16079</v>
      </c>
      <c r="G7351" s="8">
        <v>296</v>
      </c>
      <c r="H7351" s="5">
        <v>6</v>
      </c>
      <c r="I7351" s="5" t="s">
        <v>1518</v>
      </c>
      <c r="J7351" s="5" t="s">
        <v>1519</v>
      </c>
      <c r="K7351" s="2" t="s">
        <v>1520</v>
      </c>
      <c r="L7351" s="5" t="s">
        <v>1519</v>
      </c>
      <c r="M7351" s="2" t="s">
        <v>1520</v>
      </c>
      <c r="N7351" s="5" t="s">
        <v>1521</v>
      </c>
      <c r="O7351" s="5" t="s">
        <v>38</v>
      </c>
      <c r="P7351" s="5" t="s">
        <v>39</v>
      </c>
      <c r="Q7351" s="5" t="s">
        <v>40</v>
      </c>
      <c r="R7351" s="5" t="s">
        <v>1522</v>
      </c>
      <c r="S7351" s="5" t="s">
        <v>1523</v>
      </c>
      <c r="T7351" s="5" t="s">
        <v>42</v>
      </c>
      <c r="U7351" s="2">
        <v>3.415</v>
      </c>
      <c r="V7351" s="2">
        <v>2.82</v>
      </c>
      <c r="W7351" s="2">
        <v>1.7999999999999999E-2</v>
      </c>
      <c r="X7351" s="2">
        <v>139.1</v>
      </c>
      <c r="Y7351" s="2">
        <v>7.6</v>
      </c>
      <c r="Z7351" s="2">
        <v>16.7</v>
      </c>
      <c r="AA7351" s="5"/>
      <c r="AB7351" s="5" t="s">
        <v>43</v>
      </c>
      <c r="AC7351" s="5" t="s">
        <v>44</v>
      </c>
      <c r="AD7351" s="2"/>
      <c r="AE7351" s="1"/>
    </row>
    <row r="7352" spans="1:31" ht="14.45">
      <c r="A7352" s="11"/>
      <c r="B7352" s="20"/>
      <c r="C7352" s="2" t="s">
        <v>22528</v>
      </c>
      <c r="D7352" s="14" t="s">
        <v>22529</v>
      </c>
      <c r="E7352" s="2" t="s">
        <v>22530</v>
      </c>
      <c r="F7352" s="2" t="s">
        <v>7449</v>
      </c>
      <c r="G7352" s="8">
        <v>296</v>
      </c>
      <c r="H7352" s="5">
        <v>6</v>
      </c>
      <c r="I7352" s="5" t="s">
        <v>1518</v>
      </c>
      <c r="J7352" s="5" t="s">
        <v>1519</v>
      </c>
      <c r="K7352" s="2" t="s">
        <v>1520</v>
      </c>
      <c r="L7352" s="5" t="s">
        <v>1519</v>
      </c>
      <c r="M7352" s="2" t="s">
        <v>1520</v>
      </c>
      <c r="N7352" s="5" t="s">
        <v>1521</v>
      </c>
      <c r="O7352" s="5" t="s">
        <v>38</v>
      </c>
      <c r="P7352" s="5" t="s">
        <v>39</v>
      </c>
      <c r="Q7352" s="5" t="s">
        <v>40</v>
      </c>
      <c r="R7352" s="5" t="s">
        <v>1522</v>
      </c>
      <c r="S7352" s="5" t="s">
        <v>1523</v>
      </c>
      <c r="T7352" s="5" t="s">
        <v>42</v>
      </c>
      <c r="U7352" s="2">
        <v>3.415</v>
      </c>
      <c r="V7352" s="2">
        <v>2.82</v>
      </c>
      <c r="W7352" s="2">
        <v>1.7999999999999999E-2</v>
      </c>
      <c r="X7352" s="2">
        <v>139.1</v>
      </c>
      <c r="Y7352" s="2">
        <v>7.6</v>
      </c>
      <c r="Z7352" s="2">
        <v>16.7</v>
      </c>
      <c r="AA7352" s="5"/>
      <c r="AB7352" s="5" t="s">
        <v>43</v>
      </c>
      <c r="AC7352" s="5" t="s">
        <v>44</v>
      </c>
      <c r="AD7352" s="2"/>
      <c r="AE7352" s="1"/>
    </row>
    <row r="7353" spans="1:31" ht="14.45">
      <c r="A7353" s="11"/>
      <c r="B7353" s="20"/>
      <c r="C7353" s="2" t="s">
        <v>22531</v>
      </c>
      <c r="D7353" s="14" t="s">
        <v>22532</v>
      </c>
      <c r="E7353" s="2" t="s">
        <v>22533</v>
      </c>
      <c r="F7353" s="2" t="s">
        <v>7581</v>
      </c>
      <c r="G7353" s="8">
        <v>296</v>
      </c>
      <c r="H7353" s="5">
        <v>6</v>
      </c>
      <c r="I7353" s="5" t="s">
        <v>1518</v>
      </c>
      <c r="J7353" s="5" t="s">
        <v>1519</v>
      </c>
      <c r="K7353" s="2" t="s">
        <v>1520</v>
      </c>
      <c r="L7353" s="5" t="s">
        <v>1519</v>
      </c>
      <c r="M7353" s="2" t="s">
        <v>1520</v>
      </c>
      <c r="N7353" s="5" t="s">
        <v>1521</v>
      </c>
      <c r="O7353" s="5" t="s">
        <v>38</v>
      </c>
      <c r="P7353" s="5" t="s">
        <v>39</v>
      </c>
      <c r="Q7353" s="5" t="s">
        <v>40</v>
      </c>
      <c r="R7353" s="5" t="s">
        <v>1522</v>
      </c>
      <c r="S7353" s="5" t="s">
        <v>1523</v>
      </c>
      <c r="T7353" s="5" t="s">
        <v>42</v>
      </c>
      <c r="U7353" s="2">
        <v>3.5249999999999999</v>
      </c>
      <c r="V7353" s="2">
        <v>2.93</v>
      </c>
      <c r="W7353" s="2">
        <v>1.7999999999999999E-2</v>
      </c>
      <c r="X7353" s="2">
        <v>139.1</v>
      </c>
      <c r="Y7353" s="2">
        <v>7.6</v>
      </c>
      <c r="Z7353" s="2">
        <v>16.7</v>
      </c>
      <c r="AA7353" s="5"/>
      <c r="AB7353" s="5" t="s">
        <v>43</v>
      </c>
      <c r="AC7353" s="5" t="s">
        <v>44</v>
      </c>
      <c r="AD7353" s="2"/>
      <c r="AE7353" s="1"/>
    </row>
    <row r="7354" spans="1:31" ht="14.45">
      <c r="A7354" s="11"/>
      <c r="B7354" s="20"/>
      <c r="C7354" s="2" t="s">
        <v>22534</v>
      </c>
      <c r="D7354" s="14" t="s">
        <v>22535</v>
      </c>
      <c r="E7354" s="2" t="s">
        <v>22536</v>
      </c>
      <c r="F7354" s="2" t="s">
        <v>7585</v>
      </c>
      <c r="G7354" s="8">
        <v>296</v>
      </c>
      <c r="H7354" s="5">
        <v>6</v>
      </c>
      <c r="I7354" s="5" t="s">
        <v>1518</v>
      </c>
      <c r="J7354" s="5" t="s">
        <v>1519</v>
      </c>
      <c r="K7354" s="2" t="s">
        <v>1520</v>
      </c>
      <c r="L7354" s="5" t="s">
        <v>1519</v>
      </c>
      <c r="M7354" s="2" t="s">
        <v>1520</v>
      </c>
      <c r="N7354" s="5" t="s">
        <v>1521</v>
      </c>
      <c r="O7354" s="5" t="s">
        <v>38</v>
      </c>
      <c r="P7354" s="5" t="s">
        <v>39</v>
      </c>
      <c r="Q7354" s="5" t="s">
        <v>40</v>
      </c>
      <c r="R7354" s="5" t="s">
        <v>1522</v>
      </c>
      <c r="S7354" s="5" t="s">
        <v>1523</v>
      </c>
      <c r="T7354" s="5" t="s">
        <v>42</v>
      </c>
      <c r="U7354" s="2">
        <v>3.383</v>
      </c>
      <c r="V7354" s="2">
        <v>2.7879999999999998</v>
      </c>
      <c r="W7354" s="2">
        <v>1.7999999999999999E-2</v>
      </c>
      <c r="X7354" s="2">
        <v>139.1</v>
      </c>
      <c r="Y7354" s="2">
        <v>7.6</v>
      </c>
      <c r="Z7354" s="2">
        <v>16.7</v>
      </c>
      <c r="AA7354" s="5"/>
      <c r="AB7354" s="5" t="s">
        <v>43</v>
      </c>
      <c r="AC7354" s="5" t="s">
        <v>44</v>
      </c>
      <c r="AD7354" s="2"/>
      <c r="AE7354" s="1"/>
    </row>
    <row r="7355" spans="1:31" ht="14.45">
      <c r="A7355" s="11"/>
      <c r="B7355" s="20"/>
      <c r="C7355" s="2" t="s">
        <v>22537</v>
      </c>
      <c r="D7355" s="14" t="s">
        <v>22538</v>
      </c>
      <c r="E7355" s="2" t="s">
        <v>22539</v>
      </c>
      <c r="F7355" s="2" t="s">
        <v>7589</v>
      </c>
      <c r="G7355" s="8">
        <v>296</v>
      </c>
      <c r="H7355" s="5">
        <v>6</v>
      </c>
      <c r="I7355" s="5" t="s">
        <v>1518</v>
      </c>
      <c r="J7355" s="5" t="s">
        <v>1519</v>
      </c>
      <c r="K7355" s="2" t="s">
        <v>1520</v>
      </c>
      <c r="L7355" s="5" t="s">
        <v>1519</v>
      </c>
      <c r="M7355" s="2" t="s">
        <v>1520</v>
      </c>
      <c r="N7355" s="5" t="s">
        <v>1521</v>
      </c>
      <c r="O7355" s="5" t="s">
        <v>38</v>
      </c>
      <c r="P7355" s="5" t="s">
        <v>39</v>
      </c>
      <c r="Q7355" s="5" t="s">
        <v>40</v>
      </c>
      <c r="R7355" s="5" t="s">
        <v>1522</v>
      </c>
      <c r="S7355" s="5" t="s">
        <v>1523</v>
      </c>
      <c r="T7355" s="5" t="s">
        <v>42</v>
      </c>
      <c r="U7355" s="2">
        <v>3.4929999999999999</v>
      </c>
      <c r="V7355" s="2">
        <v>2.8980000000000001</v>
      </c>
      <c r="W7355" s="2">
        <v>1.7999999999999999E-2</v>
      </c>
      <c r="X7355" s="2">
        <v>139.1</v>
      </c>
      <c r="Y7355" s="2">
        <v>7.6</v>
      </c>
      <c r="Z7355" s="2">
        <v>16.7</v>
      </c>
      <c r="AA7355" s="5"/>
      <c r="AB7355" s="5" t="s">
        <v>43</v>
      </c>
      <c r="AC7355" s="5" t="s">
        <v>44</v>
      </c>
      <c r="AD7355" s="2"/>
      <c r="AE7355" s="1"/>
    </row>
    <row r="7356" spans="1:31" ht="14.45">
      <c r="A7356" s="11"/>
      <c r="B7356" s="20"/>
      <c r="C7356" s="2" t="s">
        <v>22540</v>
      </c>
      <c r="D7356" s="14" t="s">
        <v>22541</v>
      </c>
      <c r="E7356" s="2" t="s">
        <v>22542</v>
      </c>
      <c r="F7356" s="2" t="s">
        <v>7593</v>
      </c>
      <c r="G7356" s="8">
        <v>296</v>
      </c>
      <c r="H7356" s="5">
        <v>6</v>
      </c>
      <c r="I7356" s="5" t="s">
        <v>1518</v>
      </c>
      <c r="J7356" s="5" t="s">
        <v>1519</v>
      </c>
      <c r="K7356" s="2" t="s">
        <v>1520</v>
      </c>
      <c r="L7356" s="5" t="s">
        <v>1519</v>
      </c>
      <c r="M7356" s="2" t="s">
        <v>1520</v>
      </c>
      <c r="N7356" s="5" t="s">
        <v>1521</v>
      </c>
      <c r="O7356" s="5" t="s">
        <v>38</v>
      </c>
      <c r="P7356" s="5" t="s">
        <v>39</v>
      </c>
      <c r="Q7356" s="5" t="s">
        <v>40</v>
      </c>
      <c r="R7356" s="5" t="s">
        <v>1522</v>
      </c>
      <c r="S7356" s="5" t="s">
        <v>1523</v>
      </c>
      <c r="T7356" s="5" t="s">
        <v>42</v>
      </c>
      <c r="U7356" s="2">
        <v>3.415</v>
      </c>
      <c r="V7356" s="2">
        <v>2.82</v>
      </c>
      <c r="W7356" s="2">
        <v>1.7999999999999999E-2</v>
      </c>
      <c r="X7356" s="2">
        <v>139.1</v>
      </c>
      <c r="Y7356" s="2">
        <v>7.6</v>
      </c>
      <c r="Z7356" s="2">
        <v>16.7</v>
      </c>
      <c r="AA7356" s="5"/>
      <c r="AB7356" s="5" t="s">
        <v>43</v>
      </c>
      <c r="AC7356" s="5" t="s">
        <v>44</v>
      </c>
      <c r="AD7356" s="2"/>
      <c r="AE7356" s="1"/>
    </row>
    <row r="7357" spans="1:31" ht="14.45">
      <c r="A7357" s="11"/>
      <c r="B7357" s="20"/>
      <c r="C7357" s="2" t="s">
        <v>22543</v>
      </c>
      <c r="D7357" s="14" t="s">
        <v>22544</v>
      </c>
      <c r="E7357" s="2" t="s">
        <v>22545</v>
      </c>
      <c r="F7357" s="2" t="s">
        <v>7597</v>
      </c>
      <c r="G7357" s="8">
        <v>296</v>
      </c>
      <c r="H7357" s="5">
        <v>6</v>
      </c>
      <c r="I7357" s="5" t="s">
        <v>1518</v>
      </c>
      <c r="J7357" s="5" t="s">
        <v>1519</v>
      </c>
      <c r="K7357" s="2" t="s">
        <v>1520</v>
      </c>
      <c r="L7357" s="5" t="s">
        <v>1519</v>
      </c>
      <c r="M7357" s="2" t="s">
        <v>1520</v>
      </c>
      <c r="N7357" s="5" t="s">
        <v>1521</v>
      </c>
      <c r="O7357" s="5" t="s">
        <v>38</v>
      </c>
      <c r="P7357" s="5" t="s">
        <v>39</v>
      </c>
      <c r="Q7357" s="5" t="s">
        <v>40</v>
      </c>
      <c r="R7357" s="5" t="s">
        <v>1522</v>
      </c>
      <c r="S7357" s="5" t="s">
        <v>1523</v>
      </c>
      <c r="T7357" s="5" t="s">
        <v>42</v>
      </c>
      <c r="U7357" s="2">
        <v>3.5249999999999999</v>
      </c>
      <c r="V7357" s="2">
        <v>2.93</v>
      </c>
      <c r="W7357" s="2">
        <v>1.7999999999999999E-2</v>
      </c>
      <c r="X7357" s="2">
        <v>139.1</v>
      </c>
      <c r="Y7357" s="2">
        <v>7.6</v>
      </c>
      <c r="Z7357" s="2">
        <v>16.7</v>
      </c>
      <c r="AA7357" s="5"/>
      <c r="AB7357" s="5" t="s">
        <v>43</v>
      </c>
      <c r="AC7357" s="5" t="s">
        <v>44</v>
      </c>
      <c r="AD7357" s="2"/>
      <c r="AE7357" s="1"/>
    </row>
    <row r="7358" spans="1:31" ht="14.45">
      <c r="A7358" s="11"/>
      <c r="B7358" s="20"/>
      <c r="C7358" s="2" t="s">
        <v>22546</v>
      </c>
      <c r="D7358" s="14" t="s">
        <v>22547</v>
      </c>
      <c r="E7358" s="2" t="s">
        <v>22548</v>
      </c>
      <c r="F7358" s="2" t="s">
        <v>16014</v>
      </c>
      <c r="G7358" s="8">
        <v>296</v>
      </c>
      <c r="H7358" s="5">
        <v>6</v>
      </c>
      <c r="I7358" s="5" t="s">
        <v>1518</v>
      </c>
      <c r="J7358" s="5" t="s">
        <v>1519</v>
      </c>
      <c r="K7358" s="2" t="s">
        <v>1520</v>
      </c>
      <c r="L7358" s="5" t="s">
        <v>1519</v>
      </c>
      <c r="M7358" s="2" t="s">
        <v>1520</v>
      </c>
      <c r="N7358" s="5" t="s">
        <v>1521</v>
      </c>
      <c r="O7358" s="5" t="s">
        <v>38</v>
      </c>
      <c r="P7358" s="5" t="s">
        <v>39</v>
      </c>
      <c r="Q7358" s="5" t="s">
        <v>40</v>
      </c>
      <c r="R7358" s="5" t="s">
        <v>1522</v>
      </c>
      <c r="S7358" s="5" t="s">
        <v>1523</v>
      </c>
      <c r="T7358" s="5" t="s">
        <v>42</v>
      </c>
      <c r="U7358" s="2">
        <v>3.415</v>
      </c>
      <c r="V7358" s="2">
        <v>2.82</v>
      </c>
      <c r="W7358" s="2">
        <v>1.7999999999999999E-2</v>
      </c>
      <c r="X7358" s="2">
        <v>139.1</v>
      </c>
      <c r="Y7358" s="2">
        <v>7.6</v>
      </c>
      <c r="Z7358" s="2">
        <v>16.7</v>
      </c>
      <c r="AA7358" s="5"/>
      <c r="AB7358" s="5" t="s">
        <v>43</v>
      </c>
      <c r="AC7358" s="5" t="s">
        <v>44</v>
      </c>
      <c r="AD7358" s="2"/>
      <c r="AE7358" s="1"/>
    </row>
    <row r="7359" spans="1:31" ht="14.45">
      <c r="A7359" s="11"/>
      <c r="B7359" s="20"/>
      <c r="C7359" s="2" t="s">
        <v>22549</v>
      </c>
      <c r="D7359" s="14" t="s">
        <v>22550</v>
      </c>
      <c r="E7359" s="2" t="s">
        <v>22551</v>
      </c>
      <c r="F7359" s="2" t="s">
        <v>16219</v>
      </c>
      <c r="G7359" s="8">
        <v>296</v>
      </c>
      <c r="H7359" s="5">
        <v>6</v>
      </c>
      <c r="I7359" s="5" t="s">
        <v>1518</v>
      </c>
      <c r="J7359" s="5" t="s">
        <v>1519</v>
      </c>
      <c r="K7359" s="2" t="s">
        <v>1520</v>
      </c>
      <c r="L7359" s="5" t="s">
        <v>1519</v>
      </c>
      <c r="M7359" s="2" t="s">
        <v>1520</v>
      </c>
      <c r="N7359" s="5" t="s">
        <v>1521</v>
      </c>
      <c r="O7359" s="5" t="s">
        <v>38</v>
      </c>
      <c r="P7359" s="5" t="s">
        <v>39</v>
      </c>
      <c r="Q7359" s="5" t="s">
        <v>40</v>
      </c>
      <c r="R7359" s="5" t="s">
        <v>1522</v>
      </c>
      <c r="S7359" s="5" t="s">
        <v>1523</v>
      </c>
      <c r="T7359" s="5" t="s">
        <v>42</v>
      </c>
      <c r="U7359" s="2">
        <v>3.5249999999999999</v>
      </c>
      <c r="V7359" s="2">
        <v>2.93</v>
      </c>
      <c r="W7359" s="2">
        <v>1.7999999999999999E-2</v>
      </c>
      <c r="X7359" s="2">
        <v>139.1</v>
      </c>
      <c r="Y7359" s="2">
        <v>7.6</v>
      </c>
      <c r="Z7359" s="2">
        <v>16.7</v>
      </c>
      <c r="AA7359" s="5"/>
      <c r="AB7359" s="5" t="s">
        <v>43</v>
      </c>
      <c r="AC7359" s="5" t="s">
        <v>44</v>
      </c>
      <c r="AD7359" s="2"/>
      <c r="AE7359" s="1"/>
    </row>
    <row r="7360" spans="1:31" ht="14.45">
      <c r="A7360" s="11"/>
      <c r="B7360" s="20"/>
      <c r="C7360" s="2" t="s">
        <v>22552</v>
      </c>
      <c r="D7360" s="14" t="s">
        <v>22553</v>
      </c>
      <c r="E7360" s="2" t="s">
        <v>22554</v>
      </c>
      <c r="F7360" s="2" t="s">
        <v>16018</v>
      </c>
      <c r="G7360" s="8">
        <v>296</v>
      </c>
      <c r="H7360" s="5">
        <v>6</v>
      </c>
      <c r="I7360" s="5" t="s">
        <v>1518</v>
      </c>
      <c r="J7360" s="5" t="s">
        <v>1519</v>
      </c>
      <c r="K7360" s="2" t="s">
        <v>1520</v>
      </c>
      <c r="L7360" s="5" t="s">
        <v>1519</v>
      </c>
      <c r="M7360" s="2" t="s">
        <v>1520</v>
      </c>
      <c r="N7360" s="5" t="s">
        <v>1521</v>
      </c>
      <c r="O7360" s="5" t="s">
        <v>38</v>
      </c>
      <c r="P7360" s="5" t="s">
        <v>39</v>
      </c>
      <c r="Q7360" s="5" t="s">
        <v>40</v>
      </c>
      <c r="R7360" s="5" t="s">
        <v>1522</v>
      </c>
      <c r="S7360" s="5" t="s">
        <v>1523</v>
      </c>
      <c r="T7360" s="5" t="s">
        <v>42</v>
      </c>
      <c r="U7360" s="2">
        <v>3.415</v>
      </c>
      <c r="V7360" s="2">
        <v>2.82</v>
      </c>
      <c r="W7360" s="2">
        <v>1.7999999999999999E-2</v>
      </c>
      <c r="X7360" s="2">
        <v>139.1</v>
      </c>
      <c r="Y7360" s="2">
        <v>7.6</v>
      </c>
      <c r="Z7360" s="2">
        <v>16.7</v>
      </c>
      <c r="AA7360" s="5"/>
      <c r="AB7360" s="5" t="s">
        <v>43</v>
      </c>
      <c r="AC7360" s="5" t="s">
        <v>44</v>
      </c>
      <c r="AD7360" s="2"/>
      <c r="AE7360" s="1"/>
    </row>
    <row r="7361" spans="1:31" ht="14.45">
      <c r="A7361" s="11"/>
      <c r="B7361" s="20"/>
      <c r="C7361" s="2" t="s">
        <v>22555</v>
      </c>
      <c r="D7361" s="14" t="s">
        <v>22556</v>
      </c>
      <c r="E7361" s="2" t="s">
        <v>22557</v>
      </c>
      <c r="F7361" s="2" t="s">
        <v>16022</v>
      </c>
      <c r="G7361" s="8">
        <v>296</v>
      </c>
      <c r="H7361" s="5">
        <v>6</v>
      </c>
      <c r="I7361" s="5" t="s">
        <v>1518</v>
      </c>
      <c r="J7361" s="5" t="s">
        <v>1519</v>
      </c>
      <c r="K7361" s="2" t="s">
        <v>1520</v>
      </c>
      <c r="L7361" s="5" t="s">
        <v>1519</v>
      </c>
      <c r="M7361" s="2" t="s">
        <v>1520</v>
      </c>
      <c r="N7361" s="5" t="s">
        <v>1521</v>
      </c>
      <c r="O7361" s="5" t="s">
        <v>38</v>
      </c>
      <c r="P7361" s="5" t="s">
        <v>39</v>
      </c>
      <c r="Q7361" s="5" t="s">
        <v>40</v>
      </c>
      <c r="R7361" s="5" t="s">
        <v>1522</v>
      </c>
      <c r="S7361" s="5" t="s">
        <v>1523</v>
      </c>
      <c r="T7361" s="5" t="s">
        <v>42</v>
      </c>
      <c r="U7361" s="2">
        <v>3.5249999999999999</v>
      </c>
      <c r="V7361" s="2">
        <v>2.93</v>
      </c>
      <c r="W7361" s="2">
        <v>1.7999999999999999E-2</v>
      </c>
      <c r="X7361" s="2">
        <v>139.1</v>
      </c>
      <c r="Y7361" s="2">
        <v>7.6</v>
      </c>
      <c r="Z7361" s="2">
        <v>16.7</v>
      </c>
      <c r="AA7361" s="5"/>
      <c r="AB7361" s="5" t="s">
        <v>43</v>
      </c>
      <c r="AC7361" s="5" t="s">
        <v>44</v>
      </c>
      <c r="AD7361" s="2"/>
      <c r="AE7361" s="1"/>
    </row>
    <row r="7362" spans="1:31" ht="14.45">
      <c r="A7362" s="11"/>
      <c r="B7362" s="20"/>
      <c r="C7362" s="2" t="s">
        <v>22558</v>
      </c>
      <c r="D7362" s="14" t="s">
        <v>22559</v>
      </c>
      <c r="E7362" s="2" t="s">
        <v>22560</v>
      </c>
      <c r="F7362" s="2" t="s">
        <v>7615</v>
      </c>
      <c r="G7362" s="8">
        <v>296</v>
      </c>
      <c r="H7362" s="5">
        <v>6</v>
      </c>
      <c r="I7362" s="5" t="s">
        <v>1518</v>
      </c>
      <c r="J7362" s="5" t="s">
        <v>1519</v>
      </c>
      <c r="K7362" s="2" t="s">
        <v>1520</v>
      </c>
      <c r="L7362" s="5" t="s">
        <v>1519</v>
      </c>
      <c r="M7362" s="2" t="s">
        <v>1520</v>
      </c>
      <c r="N7362" s="5" t="s">
        <v>1521</v>
      </c>
      <c r="O7362" s="5" t="s">
        <v>38</v>
      </c>
      <c r="P7362" s="5" t="s">
        <v>39</v>
      </c>
      <c r="Q7362" s="5" t="s">
        <v>40</v>
      </c>
      <c r="R7362" s="5" t="s">
        <v>1522</v>
      </c>
      <c r="S7362" s="5" t="s">
        <v>1523</v>
      </c>
      <c r="T7362" s="5" t="s">
        <v>42</v>
      </c>
      <c r="U7362" s="2">
        <v>3.383</v>
      </c>
      <c r="V7362" s="2">
        <v>2.7879999999999998</v>
      </c>
      <c r="W7362" s="2">
        <v>1.7999999999999999E-2</v>
      </c>
      <c r="X7362" s="2">
        <v>139.1</v>
      </c>
      <c r="Y7362" s="2">
        <v>7.6</v>
      </c>
      <c r="Z7362" s="2">
        <v>16.7</v>
      </c>
      <c r="AA7362" s="5"/>
      <c r="AB7362" s="5" t="s">
        <v>43</v>
      </c>
      <c r="AC7362" s="5" t="s">
        <v>44</v>
      </c>
      <c r="AD7362" s="2"/>
      <c r="AE7362" s="1"/>
    </row>
    <row r="7363" spans="1:31" ht="14.45">
      <c r="A7363" s="11"/>
      <c r="B7363" s="20"/>
      <c r="C7363" s="2" t="s">
        <v>22561</v>
      </c>
      <c r="D7363" s="14" t="s">
        <v>22562</v>
      </c>
      <c r="E7363" s="2" t="s">
        <v>22563</v>
      </c>
      <c r="F7363" s="2" t="s">
        <v>7619</v>
      </c>
      <c r="G7363" s="8">
        <v>296</v>
      </c>
      <c r="H7363" s="5">
        <v>6</v>
      </c>
      <c r="I7363" s="5" t="s">
        <v>1518</v>
      </c>
      <c r="J7363" s="5" t="s">
        <v>1519</v>
      </c>
      <c r="K7363" s="2" t="s">
        <v>1520</v>
      </c>
      <c r="L7363" s="5" t="s">
        <v>1519</v>
      </c>
      <c r="M7363" s="2" t="s">
        <v>1520</v>
      </c>
      <c r="N7363" s="5" t="s">
        <v>1521</v>
      </c>
      <c r="O7363" s="5" t="s">
        <v>38</v>
      </c>
      <c r="P7363" s="5" t="s">
        <v>39</v>
      </c>
      <c r="Q7363" s="5" t="s">
        <v>40</v>
      </c>
      <c r="R7363" s="5" t="s">
        <v>1522</v>
      </c>
      <c r="S7363" s="5" t="s">
        <v>1523</v>
      </c>
      <c r="T7363" s="5" t="s">
        <v>42</v>
      </c>
      <c r="U7363" s="2">
        <v>3.4929999999999999</v>
      </c>
      <c r="V7363" s="2">
        <v>2.8980000000000001</v>
      </c>
      <c r="W7363" s="2">
        <v>1.7999999999999999E-2</v>
      </c>
      <c r="X7363" s="2">
        <v>139.1</v>
      </c>
      <c r="Y7363" s="2">
        <v>7.6</v>
      </c>
      <c r="Z7363" s="2">
        <v>16.7</v>
      </c>
      <c r="AA7363" s="5"/>
      <c r="AB7363" s="5" t="s">
        <v>43</v>
      </c>
      <c r="AC7363" s="5" t="s">
        <v>44</v>
      </c>
      <c r="AD7363" s="2"/>
      <c r="AE7363" s="1"/>
    </row>
    <row r="7364" spans="1:31" ht="14.45">
      <c r="A7364" s="11"/>
      <c r="B7364" s="20"/>
      <c r="C7364" s="2" t="s">
        <v>22564</v>
      </c>
      <c r="D7364" s="14" t="s">
        <v>22565</v>
      </c>
      <c r="E7364" s="2" t="s">
        <v>22566</v>
      </c>
      <c r="F7364" s="2" t="s">
        <v>16029</v>
      </c>
      <c r="G7364" s="8">
        <v>296</v>
      </c>
      <c r="H7364" s="5">
        <v>11</v>
      </c>
      <c r="I7364" s="5" t="s">
        <v>1518</v>
      </c>
      <c r="J7364" s="5" t="s">
        <v>1519</v>
      </c>
      <c r="K7364" s="2" t="s">
        <v>1520</v>
      </c>
      <c r="L7364" s="5" t="s">
        <v>1519</v>
      </c>
      <c r="M7364" s="2" t="s">
        <v>1520</v>
      </c>
      <c r="N7364" s="5" t="s">
        <v>1521</v>
      </c>
      <c r="O7364" s="5" t="s">
        <v>38</v>
      </c>
      <c r="P7364" s="5" t="s">
        <v>39</v>
      </c>
      <c r="Q7364" s="5" t="s">
        <v>40</v>
      </c>
      <c r="R7364" s="5" t="s">
        <v>1522</v>
      </c>
      <c r="S7364" s="5" t="s">
        <v>1523</v>
      </c>
      <c r="T7364" s="5" t="s">
        <v>42</v>
      </c>
      <c r="U7364" s="2">
        <v>3.4169999999999998</v>
      </c>
      <c r="V7364" s="2">
        <v>2.8220000000000001</v>
      </c>
      <c r="W7364" s="2">
        <v>1.7999999999999999E-2</v>
      </c>
      <c r="X7364" s="2">
        <v>139.1</v>
      </c>
      <c r="Y7364" s="2">
        <v>7.6</v>
      </c>
      <c r="Z7364" s="2">
        <v>16.7</v>
      </c>
      <c r="AA7364" s="5"/>
      <c r="AB7364" s="5" t="s">
        <v>43</v>
      </c>
      <c r="AC7364" s="5" t="s">
        <v>44</v>
      </c>
      <c r="AD7364" s="2"/>
      <c r="AE7364" s="1"/>
    </row>
    <row r="7365" spans="1:31" ht="14.45">
      <c r="A7365" s="11"/>
      <c r="B7365" s="20"/>
      <c r="C7365" s="2" t="s">
        <v>22567</v>
      </c>
      <c r="D7365" s="14" t="s">
        <v>22568</v>
      </c>
      <c r="E7365" s="2" t="s">
        <v>22569</v>
      </c>
      <c r="F7365" s="2" t="s">
        <v>16033</v>
      </c>
      <c r="G7365" s="8">
        <v>296</v>
      </c>
      <c r="H7365" s="5">
        <v>11</v>
      </c>
      <c r="I7365" s="5" t="s">
        <v>1518</v>
      </c>
      <c r="J7365" s="5" t="s">
        <v>1519</v>
      </c>
      <c r="K7365" s="2" t="s">
        <v>1520</v>
      </c>
      <c r="L7365" s="5" t="s">
        <v>1519</v>
      </c>
      <c r="M7365" s="2" t="s">
        <v>1520</v>
      </c>
      <c r="N7365" s="5" t="s">
        <v>1521</v>
      </c>
      <c r="O7365" s="5" t="s">
        <v>38</v>
      </c>
      <c r="P7365" s="5" t="s">
        <v>39</v>
      </c>
      <c r="Q7365" s="5" t="s">
        <v>40</v>
      </c>
      <c r="R7365" s="5" t="s">
        <v>1522</v>
      </c>
      <c r="S7365" s="5" t="s">
        <v>1523</v>
      </c>
      <c r="T7365" s="5" t="s">
        <v>42</v>
      </c>
      <c r="U7365" s="2">
        <v>3.5270000000000001</v>
      </c>
      <c r="V7365" s="2">
        <v>2.9319999999999999</v>
      </c>
      <c r="W7365" s="2">
        <v>1.7999999999999999E-2</v>
      </c>
      <c r="X7365" s="2">
        <v>139.1</v>
      </c>
      <c r="Y7365" s="2">
        <v>7.6</v>
      </c>
      <c r="Z7365" s="2">
        <v>16.7</v>
      </c>
      <c r="AA7365" s="5"/>
      <c r="AB7365" s="5" t="s">
        <v>43</v>
      </c>
      <c r="AC7365" s="5" t="s">
        <v>44</v>
      </c>
      <c r="AD7365" s="2"/>
      <c r="AE7365" s="1"/>
    </row>
    <row r="7366" spans="1:31" ht="14.45">
      <c r="A7366" s="11"/>
      <c r="B7366" s="20"/>
      <c r="C7366" s="2" t="s">
        <v>22570</v>
      </c>
      <c r="D7366" s="14" t="s">
        <v>22571</v>
      </c>
      <c r="E7366" s="2" t="s">
        <v>22572</v>
      </c>
      <c r="F7366" s="2" t="s">
        <v>7507</v>
      </c>
      <c r="G7366" s="8">
        <v>254</v>
      </c>
      <c r="H7366" s="5">
        <v>6</v>
      </c>
      <c r="I7366" s="5" t="s">
        <v>1518</v>
      </c>
      <c r="J7366" s="5" t="s">
        <v>1519</v>
      </c>
      <c r="K7366" s="2" t="s">
        <v>1520</v>
      </c>
      <c r="L7366" s="5" t="s">
        <v>1519</v>
      </c>
      <c r="M7366" s="2" t="s">
        <v>1520</v>
      </c>
      <c r="N7366" s="5" t="s">
        <v>1521</v>
      </c>
      <c r="O7366" s="5" t="s">
        <v>38</v>
      </c>
      <c r="P7366" s="5" t="s">
        <v>39</v>
      </c>
      <c r="Q7366" s="5" t="s">
        <v>40</v>
      </c>
      <c r="R7366" s="5" t="s">
        <v>1522</v>
      </c>
      <c r="S7366" s="5" t="s">
        <v>1523</v>
      </c>
      <c r="T7366" s="5" t="s">
        <v>42</v>
      </c>
      <c r="U7366" s="2">
        <v>2.5870000000000002</v>
      </c>
      <c r="V7366" s="2">
        <v>2.0369999999999999</v>
      </c>
      <c r="W7366" s="2">
        <v>1.4999999999999999E-2</v>
      </c>
      <c r="X7366" s="2">
        <v>118.9</v>
      </c>
      <c r="Y7366" s="2">
        <v>7.6</v>
      </c>
      <c r="Z7366" s="2">
        <v>16.7</v>
      </c>
      <c r="AA7366" s="5"/>
      <c r="AB7366" s="5" t="s">
        <v>43</v>
      </c>
      <c r="AC7366" s="5" t="s">
        <v>44</v>
      </c>
      <c r="AD7366" s="2"/>
      <c r="AE7366" s="1"/>
    </row>
    <row r="7367" spans="1:31" ht="14.45">
      <c r="A7367" s="11"/>
      <c r="B7367" s="20"/>
      <c r="C7367" s="2" t="s">
        <v>22573</v>
      </c>
      <c r="D7367" s="14" t="s">
        <v>22574</v>
      </c>
      <c r="E7367" s="2" t="s">
        <v>22575</v>
      </c>
      <c r="F7367" s="2" t="s">
        <v>7204</v>
      </c>
      <c r="G7367" s="8">
        <v>254</v>
      </c>
      <c r="H7367" s="5">
        <v>6</v>
      </c>
      <c r="I7367" s="5" t="s">
        <v>1518</v>
      </c>
      <c r="J7367" s="5" t="s">
        <v>1519</v>
      </c>
      <c r="K7367" s="2" t="s">
        <v>1520</v>
      </c>
      <c r="L7367" s="5" t="s">
        <v>1519</v>
      </c>
      <c r="M7367" s="2" t="s">
        <v>1520</v>
      </c>
      <c r="N7367" s="5" t="s">
        <v>1521</v>
      </c>
      <c r="O7367" s="5" t="s">
        <v>38</v>
      </c>
      <c r="P7367" s="5" t="s">
        <v>39</v>
      </c>
      <c r="Q7367" s="5" t="s">
        <v>40</v>
      </c>
      <c r="R7367" s="5" t="s">
        <v>1522</v>
      </c>
      <c r="S7367" s="5" t="s">
        <v>1523</v>
      </c>
      <c r="T7367" s="5" t="s">
        <v>42</v>
      </c>
      <c r="U7367" s="2">
        <v>2.5350000000000001</v>
      </c>
      <c r="V7367" s="2">
        <v>1.9850000000000001</v>
      </c>
      <c r="W7367" s="2">
        <v>1.4999999999999999E-2</v>
      </c>
      <c r="X7367" s="2">
        <v>118.9</v>
      </c>
      <c r="Y7367" s="2">
        <v>7.6</v>
      </c>
      <c r="Z7367" s="2">
        <v>16.7</v>
      </c>
      <c r="AA7367" s="5"/>
      <c r="AB7367" s="5" t="s">
        <v>43</v>
      </c>
      <c r="AC7367" s="5" t="s">
        <v>44</v>
      </c>
      <c r="AD7367" s="2"/>
      <c r="AE7367" s="1"/>
    </row>
    <row r="7368" spans="1:31" ht="14.45">
      <c r="A7368" s="11"/>
      <c r="B7368" s="20"/>
      <c r="C7368" s="2" t="s">
        <v>22576</v>
      </c>
      <c r="D7368" s="14" t="s">
        <v>22577</v>
      </c>
      <c r="E7368" s="2" t="s">
        <v>22578</v>
      </c>
      <c r="F7368" s="2" t="s">
        <v>7514</v>
      </c>
      <c r="G7368" s="8">
        <v>254</v>
      </c>
      <c r="H7368" s="5">
        <v>6</v>
      </c>
      <c r="I7368" s="5" t="s">
        <v>1518</v>
      </c>
      <c r="J7368" s="5" t="s">
        <v>1519</v>
      </c>
      <c r="K7368" s="2" t="s">
        <v>1520</v>
      </c>
      <c r="L7368" s="5" t="s">
        <v>1519</v>
      </c>
      <c r="M7368" s="2" t="s">
        <v>1520</v>
      </c>
      <c r="N7368" s="5" t="s">
        <v>1521</v>
      </c>
      <c r="O7368" s="5" t="s">
        <v>38</v>
      </c>
      <c r="P7368" s="5" t="s">
        <v>39</v>
      </c>
      <c r="Q7368" s="5" t="s">
        <v>40</v>
      </c>
      <c r="R7368" s="5" t="s">
        <v>1522</v>
      </c>
      <c r="S7368" s="5" t="s">
        <v>1523</v>
      </c>
      <c r="T7368" s="5" t="s">
        <v>42</v>
      </c>
      <c r="U7368" s="2">
        <v>2.5910000000000002</v>
      </c>
      <c r="V7368" s="2">
        <v>2.0409999999999999</v>
      </c>
      <c r="W7368" s="2">
        <v>1.4999999999999999E-2</v>
      </c>
      <c r="X7368" s="2">
        <v>118.9</v>
      </c>
      <c r="Y7368" s="2">
        <v>7.6</v>
      </c>
      <c r="Z7368" s="2">
        <v>16.7</v>
      </c>
      <c r="AA7368" s="5"/>
      <c r="AB7368" s="5" t="s">
        <v>43</v>
      </c>
      <c r="AC7368" s="5" t="s">
        <v>44</v>
      </c>
      <c r="AD7368" s="2"/>
      <c r="AE7368" s="1"/>
    </row>
    <row r="7369" spans="1:31" ht="14.45">
      <c r="A7369" s="11"/>
      <c r="B7369" s="20"/>
      <c r="C7369" s="2" t="s">
        <v>22579</v>
      </c>
      <c r="D7369" s="14" t="s">
        <v>22580</v>
      </c>
      <c r="E7369" s="2" t="s">
        <v>22581</v>
      </c>
      <c r="F7369" s="2" t="s">
        <v>7208</v>
      </c>
      <c r="G7369" s="8">
        <v>254</v>
      </c>
      <c r="H7369" s="5">
        <v>6</v>
      </c>
      <c r="I7369" s="5" t="s">
        <v>1518</v>
      </c>
      <c r="J7369" s="5" t="s">
        <v>1519</v>
      </c>
      <c r="K7369" s="2" t="s">
        <v>1520</v>
      </c>
      <c r="L7369" s="5" t="s">
        <v>1519</v>
      </c>
      <c r="M7369" s="2" t="s">
        <v>1520</v>
      </c>
      <c r="N7369" s="5" t="s">
        <v>1521</v>
      </c>
      <c r="O7369" s="5" t="s">
        <v>38</v>
      </c>
      <c r="P7369" s="5" t="s">
        <v>39</v>
      </c>
      <c r="Q7369" s="5" t="s">
        <v>40</v>
      </c>
      <c r="R7369" s="5" t="s">
        <v>1522</v>
      </c>
      <c r="S7369" s="5" t="s">
        <v>1523</v>
      </c>
      <c r="T7369" s="5" t="s">
        <v>42</v>
      </c>
      <c r="U7369" s="2">
        <v>2.5350000000000001</v>
      </c>
      <c r="V7369" s="2">
        <v>1.9850000000000001</v>
      </c>
      <c r="W7369" s="2">
        <v>1.4999999999999999E-2</v>
      </c>
      <c r="X7369" s="2">
        <v>118.9</v>
      </c>
      <c r="Y7369" s="2">
        <v>7.6</v>
      </c>
      <c r="Z7369" s="2">
        <v>16.7</v>
      </c>
      <c r="AA7369" s="5"/>
      <c r="AB7369" s="5" t="s">
        <v>43</v>
      </c>
      <c r="AC7369" s="5" t="s">
        <v>44</v>
      </c>
      <c r="AD7369" s="2"/>
      <c r="AE7369" s="1"/>
    </row>
    <row r="7370" spans="1:31" ht="14.45">
      <c r="A7370" s="11"/>
      <c r="B7370" s="20"/>
      <c r="C7370" s="2" t="s">
        <v>22582</v>
      </c>
      <c r="D7370" s="14" t="s">
        <v>22583</v>
      </c>
      <c r="E7370" s="2" t="s">
        <v>22584</v>
      </c>
      <c r="F7370" s="2" t="s">
        <v>7521</v>
      </c>
      <c r="G7370" s="8">
        <v>254</v>
      </c>
      <c r="H7370" s="5">
        <v>6</v>
      </c>
      <c r="I7370" s="5" t="s">
        <v>1518</v>
      </c>
      <c r="J7370" s="5" t="s">
        <v>1519</v>
      </c>
      <c r="K7370" s="2" t="s">
        <v>1520</v>
      </c>
      <c r="L7370" s="5" t="s">
        <v>1519</v>
      </c>
      <c r="M7370" s="2" t="s">
        <v>1520</v>
      </c>
      <c r="N7370" s="5" t="s">
        <v>1521</v>
      </c>
      <c r="O7370" s="5" t="s">
        <v>38</v>
      </c>
      <c r="P7370" s="5" t="s">
        <v>39</v>
      </c>
      <c r="Q7370" s="5" t="s">
        <v>40</v>
      </c>
      <c r="R7370" s="5" t="s">
        <v>1522</v>
      </c>
      <c r="S7370" s="5" t="s">
        <v>1523</v>
      </c>
      <c r="T7370" s="5" t="s">
        <v>42</v>
      </c>
      <c r="U7370" s="2">
        <v>2.5910000000000002</v>
      </c>
      <c r="V7370" s="2">
        <v>2.0409999999999999</v>
      </c>
      <c r="W7370" s="2">
        <v>1.4999999999999999E-2</v>
      </c>
      <c r="X7370" s="2">
        <v>118.9</v>
      </c>
      <c r="Y7370" s="2">
        <v>7.6</v>
      </c>
      <c r="Z7370" s="2">
        <v>16.7</v>
      </c>
      <c r="AA7370" s="5"/>
      <c r="AB7370" s="5" t="s">
        <v>43</v>
      </c>
      <c r="AC7370" s="5" t="s">
        <v>44</v>
      </c>
      <c r="AD7370" s="2"/>
      <c r="AE7370" s="1"/>
    </row>
    <row r="7371" spans="1:31" ht="14.45">
      <c r="A7371" s="11"/>
      <c r="B7371" s="20"/>
      <c r="C7371" s="2" t="s">
        <v>22585</v>
      </c>
      <c r="D7371" s="14" t="s">
        <v>22586</v>
      </c>
      <c r="E7371" s="2" t="s">
        <v>22587</v>
      </c>
      <c r="F7371" s="2" t="s">
        <v>7528</v>
      </c>
      <c r="G7371" s="8">
        <v>254</v>
      </c>
      <c r="H7371" s="5">
        <v>6</v>
      </c>
      <c r="I7371" s="5" t="s">
        <v>1518</v>
      </c>
      <c r="J7371" s="5" t="s">
        <v>1519</v>
      </c>
      <c r="K7371" s="2" t="s">
        <v>1520</v>
      </c>
      <c r="L7371" s="5" t="s">
        <v>1519</v>
      </c>
      <c r="M7371" s="2" t="s">
        <v>1520</v>
      </c>
      <c r="N7371" s="5" t="s">
        <v>1521</v>
      </c>
      <c r="O7371" s="5" t="s">
        <v>38</v>
      </c>
      <c r="P7371" s="5" t="s">
        <v>39</v>
      </c>
      <c r="Q7371" s="5" t="s">
        <v>40</v>
      </c>
      <c r="R7371" s="5" t="s">
        <v>1522</v>
      </c>
      <c r="S7371" s="5" t="s">
        <v>1523</v>
      </c>
      <c r="T7371" s="5" t="s">
        <v>42</v>
      </c>
      <c r="U7371" s="2">
        <v>2.58</v>
      </c>
      <c r="V7371" s="2">
        <v>2.0299999999999998</v>
      </c>
      <c r="W7371" s="2">
        <v>1.4999999999999999E-2</v>
      </c>
      <c r="X7371" s="2">
        <v>118.9</v>
      </c>
      <c r="Y7371" s="2">
        <v>7.6</v>
      </c>
      <c r="Z7371" s="2">
        <v>16.7</v>
      </c>
      <c r="AA7371" s="5"/>
      <c r="AB7371" s="5" t="s">
        <v>43</v>
      </c>
      <c r="AC7371" s="5" t="s">
        <v>44</v>
      </c>
      <c r="AD7371" s="2"/>
      <c r="AE7371" s="1"/>
    </row>
    <row r="7372" spans="1:31" ht="14.45">
      <c r="A7372" s="11"/>
      <c r="B7372" s="20"/>
      <c r="C7372" s="2" t="s">
        <v>22588</v>
      </c>
      <c r="D7372" s="14" t="s">
        <v>22589</v>
      </c>
      <c r="E7372" s="2" t="s">
        <v>22590</v>
      </c>
      <c r="F7372" s="2" t="s">
        <v>7539</v>
      </c>
      <c r="G7372" s="8">
        <v>272</v>
      </c>
      <c r="H7372" s="5">
        <v>6</v>
      </c>
      <c r="I7372" s="5" t="s">
        <v>1518</v>
      </c>
      <c r="J7372" s="5" t="s">
        <v>1519</v>
      </c>
      <c r="K7372" s="2" t="s">
        <v>1520</v>
      </c>
      <c r="L7372" s="5" t="s">
        <v>1519</v>
      </c>
      <c r="M7372" s="2" t="s">
        <v>1520</v>
      </c>
      <c r="N7372" s="5" t="s">
        <v>1521</v>
      </c>
      <c r="O7372" s="5" t="s">
        <v>38</v>
      </c>
      <c r="P7372" s="5" t="s">
        <v>39</v>
      </c>
      <c r="Q7372" s="5" t="s">
        <v>40</v>
      </c>
      <c r="R7372" s="5" t="s">
        <v>1522</v>
      </c>
      <c r="S7372" s="5" t="s">
        <v>1523</v>
      </c>
      <c r="T7372" s="5" t="s">
        <v>42</v>
      </c>
      <c r="U7372" s="2">
        <v>2.5350000000000001</v>
      </c>
      <c r="V7372" s="2">
        <v>1.9850000000000001</v>
      </c>
      <c r="W7372" s="2">
        <v>1.4999999999999999E-2</v>
      </c>
      <c r="X7372" s="2">
        <v>118.9</v>
      </c>
      <c r="Y7372" s="2">
        <v>7.6</v>
      </c>
      <c r="Z7372" s="2">
        <v>16.7</v>
      </c>
      <c r="AA7372" s="5"/>
      <c r="AB7372" s="5" t="s">
        <v>43</v>
      </c>
      <c r="AC7372" s="5" t="s">
        <v>44</v>
      </c>
      <c r="AD7372" s="2"/>
      <c r="AE7372" s="1"/>
    </row>
    <row r="7373" spans="1:31" ht="14.45">
      <c r="A7373" s="11"/>
      <c r="B7373" s="20"/>
      <c r="C7373" s="2" t="s">
        <v>22591</v>
      </c>
      <c r="D7373" s="14" t="s">
        <v>22592</v>
      </c>
      <c r="E7373" s="2" t="s">
        <v>22593</v>
      </c>
      <c r="F7373" s="2" t="s">
        <v>7543</v>
      </c>
      <c r="G7373" s="8">
        <v>272</v>
      </c>
      <c r="H7373" s="5">
        <v>6</v>
      </c>
      <c r="I7373" s="5" t="s">
        <v>1518</v>
      </c>
      <c r="J7373" s="5" t="s">
        <v>1519</v>
      </c>
      <c r="K7373" s="2" t="s">
        <v>1520</v>
      </c>
      <c r="L7373" s="5" t="s">
        <v>1519</v>
      </c>
      <c r="M7373" s="2" t="s">
        <v>1520</v>
      </c>
      <c r="N7373" s="5" t="s">
        <v>1521</v>
      </c>
      <c r="O7373" s="5" t="s">
        <v>38</v>
      </c>
      <c r="P7373" s="5" t="s">
        <v>39</v>
      </c>
      <c r="Q7373" s="5" t="s">
        <v>40</v>
      </c>
      <c r="R7373" s="5" t="s">
        <v>1522</v>
      </c>
      <c r="S7373" s="5" t="s">
        <v>1523</v>
      </c>
      <c r="T7373" s="5" t="s">
        <v>42</v>
      </c>
      <c r="U7373" s="2">
        <v>2.5910000000000002</v>
      </c>
      <c r="V7373" s="2">
        <v>2.0409999999999999</v>
      </c>
      <c r="W7373" s="2">
        <v>1.4999999999999999E-2</v>
      </c>
      <c r="X7373" s="2">
        <v>118.9</v>
      </c>
      <c r="Y7373" s="2">
        <v>7.6</v>
      </c>
      <c r="Z7373" s="2">
        <v>16.7</v>
      </c>
      <c r="AA7373" s="5"/>
      <c r="AB7373" s="5" t="s">
        <v>43</v>
      </c>
      <c r="AC7373" s="5" t="s">
        <v>44</v>
      </c>
      <c r="AD7373" s="2"/>
      <c r="AE7373" s="1"/>
    </row>
    <row r="7374" spans="1:31" ht="14.45">
      <c r="A7374" s="11"/>
      <c r="B7374" s="20"/>
      <c r="C7374" s="2" t="s">
        <v>22594</v>
      </c>
      <c r="D7374" s="14" t="s">
        <v>22595</v>
      </c>
      <c r="E7374" s="2" t="s">
        <v>22596</v>
      </c>
      <c r="F7374" s="2" t="s">
        <v>7563</v>
      </c>
      <c r="G7374" s="8">
        <v>272</v>
      </c>
      <c r="H7374" s="5">
        <v>6</v>
      </c>
      <c r="I7374" s="5" t="s">
        <v>1518</v>
      </c>
      <c r="J7374" s="5" t="s">
        <v>1519</v>
      </c>
      <c r="K7374" s="2" t="s">
        <v>1520</v>
      </c>
      <c r="L7374" s="5" t="s">
        <v>1519</v>
      </c>
      <c r="M7374" s="2" t="s">
        <v>1520</v>
      </c>
      <c r="N7374" s="5" t="s">
        <v>1521</v>
      </c>
      <c r="O7374" s="5" t="s">
        <v>38</v>
      </c>
      <c r="P7374" s="5" t="s">
        <v>39</v>
      </c>
      <c r="Q7374" s="5" t="s">
        <v>40</v>
      </c>
      <c r="R7374" s="5" t="s">
        <v>1522</v>
      </c>
      <c r="S7374" s="5" t="s">
        <v>1523</v>
      </c>
      <c r="T7374" s="5" t="s">
        <v>42</v>
      </c>
      <c r="U7374" s="2">
        <v>2.5350000000000001</v>
      </c>
      <c r="V7374" s="2">
        <v>1.9850000000000001</v>
      </c>
      <c r="W7374" s="2">
        <v>1.4999999999999999E-2</v>
      </c>
      <c r="X7374" s="2">
        <v>118.9</v>
      </c>
      <c r="Y7374" s="2">
        <v>7.6</v>
      </c>
      <c r="Z7374" s="2">
        <v>16.7</v>
      </c>
      <c r="AA7374" s="5"/>
      <c r="AB7374" s="5" t="s">
        <v>43</v>
      </c>
      <c r="AC7374" s="5" t="s">
        <v>44</v>
      </c>
      <c r="AD7374" s="2"/>
      <c r="AE7374" s="1"/>
    </row>
    <row r="7375" spans="1:31" ht="14.45">
      <c r="A7375" s="11"/>
      <c r="B7375" s="20"/>
      <c r="C7375" s="2" t="s">
        <v>22597</v>
      </c>
      <c r="D7375" s="14" t="s">
        <v>22598</v>
      </c>
      <c r="E7375" s="2" t="s">
        <v>22599</v>
      </c>
      <c r="F7375" s="2" t="s">
        <v>7619</v>
      </c>
      <c r="G7375" s="8">
        <v>272</v>
      </c>
      <c r="H7375" s="5">
        <v>6</v>
      </c>
      <c r="I7375" s="5" t="s">
        <v>1518</v>
      </c>
      <c r="J7375" s="5" t="s">
        <v>1519</v>
      </c>
      <c r="K7375" s="2" t="s">
        <v>1520</v>
      </c>
      <c r="L7375" s="5" t="s">
        <v>1519</v>
      </c>
      <c r="M7375" s="2" t="s">
        <v>1520</v>
      </c>
      <c r="N7375" s="5" t="s">
        <v>1521</v>
      </c>
      <c r="O7375" s="5" t="s">
        <v>38</v>
      </c>
      <c r="P7375" s="5" t="s">
        <v>39</v>
      </c>
      <c r="Q7375" s="5" t="s">
        <v>40</v>
      </c>
      <c r="R7375" s="5" t="s">
        <v>1522</v>
      </c>
      <c r="S7375" s="5" t="s">
        <v>1523</v>
      </c>
      <c r="T7375" s="5" t="s">
        <v>42</v>
      </c>
      <c r="U7375" s="2">
        <v>2.58</v>
      </c>
      <c r="V7375" s="2">
        <v>2.0299999999999998</v>
      </c>
      <c r="W7375" s="2">
        <v>1.4999999999999999E-2</v>
      </c>
      <c r="X7375" s="2">
        <v>118.9</v>
      </c>
      <c r="Y7375" s="2">
        <v>7.6</v>
      </c>
      <c r="Z7375" s="2">
        <v>16.7</v>
      </c>
      <c r="AA7375" s="5"/>
      <c r="AB7375" s="5" t="s">
        <v>43</v>
      </c>
      <c r="AC7375" s="5" t="s">
        <v>44</v>
      </c>
      <c r="AD7375" s="2"/>
      <c r="AE7375" s="1"/>
    </row>
    <row r="7376" spans="1:31" ht="14.45">
      <c r="A7376" s="11"/>
      <c r="B7376" s="20"/>
      <c r="C7376" s="2" t="s">
        <v>22600</v>
      </c>
      <c r="D7376" s="14" t="s">
        <v>22601</v>
      </c>
      <c r="E7376" s="2" t="s">
        <v>22602</v>
      </c>
      <c r="F7376" s="2" t="s">
        <v>16029</v>
      </c>
      <c r="G7376" s="8">
        <v>272</v>
      </c>
      <c r="H7376" s="5">
        <v>11</v>
      </c>
      <c r="I7376" s="5" t="s">
        <v>1518</v>
      </c>
      <c r="J7376" s="5" t="s">
        <v>1519</v>
      </c>
      <c r="K7376" s="2" t="s">
        <v>1520</v>
      </c>
      <c r="L7376" s="5" t="s">
        <v>1519</v>
      </c>
      <c r="M7376" s="2" t="s">
        <v>1520</v>
      </c>
      <c r="N7376" s="5" t="s">
        <v>1521</v>
      </c>
      <c r="O7376" s="5" t="s">
        <v>38</v>
      </c>
      <c r="P7376" s="5" t="s">
        <v>39</v>
      </c>
      <c r="Q7376" s="5" t="s">
        <v>40</v>
      </c>
      <c r="R7376" s="5" t="s">
        <v>1522</v>
      </c>
      <c r="S7376" s="5" t="s">
        <v>1523</v>
      </c>
      <c r="T7376" s="5" t="s">
        <v>42</v>
      </c>
      <c r="U7376" s="2">
        <v>2.5369999999999999</v>
      </c>
      <c r="V7376" s="2">
        <v>1.9870000000000001</v>
      </c>
      <c r="W7376" s="2">
        <v>1.4999999999999999E-2</v>
      </c>
      <c r="X7376" s="2">
        <v>118.9</v>
      </c>
      <c r="Y7376" s="2">
        <v>7.6</v>
      </c>
      <c r="Z7376" s="2">
        <v>16.7</v>
      </c>
      <c r="AA7376" s="5"/>
      <c r="AB7376" s="5" t="s">
        <v>43</v>
      </c>
      <c r="AC7376" s="5" t="s">
        <v>44</v>
      </c>
      <c r="AD7376" s="2"/>
      <c r="AE7376" s="1"/>
    </row>
    <row r="7377" spans="1:31" ht="14.45">
      <c r="A7377" s="11"/>
      <c r="B7377" s="20"/>
      <c r="C7377" s="2" t="s">
        <v>22603</v>
      </c>
      <c r="D7377" s="14" t="s">
        <v>22604</v>
      </c>
      <c r="E7377" s="2" t="s">
        <v>22605</v>
      </c>
      <c r="F7377" s="2" t="s">
        <v>16033</v>
      </c>
      <c r="G7377" s="8">
        <v>272</v>
      </c>
      <c r="H7377" s="5">
        <v>11</v>
      </c>
      <c r="I7377" s="5" t="s">
        <v>1518</v>
      </c>
      <c r="J7377" s="5" t="s">
        <v>1519</v>
      </c>
      <c r="K7377" s="2" t="s">
        <v>1520</v>
      </c>
      <c r="L7377" s="5" t="s">
        <v>1519</v>
      </c>
      <c r="M7377" s="2" t="s">
        <v>1520</v>
      </c>
      <c r="N7377" s="5" t="s">
        <v>1521</v>
      </c>
      <c r="O7377" s="5" t="s">
        <v>38</v>
      </c>
      <c r="P7377" s="5" t="s">
        <v>39</v>
      </c>
      <c r="Q7377" s="5" t="s">
        <v>40</v>
      </c>
      <c r="R7377" s="5" t="s">
        <v>1522</v>
      </c>
      <c r="S7377" s="5" t="s">
        <v>1523</v>
      </c>
      <c r="T7377" s="5" t="s">
        <v>42</v>
      </c>
      <c r="U7377" s="2">
        <v>2.593</v>
      </c>
      <c r="V7377" s="2">
        <v>2.0430000000000001</v>
      </c>
      <c r="W7377" s="2">
        <v>1.4999999999999999E-2</v>
      </c>
      <c r="X7377" s="2">
        <v>118.9</v>
      </c>
      <c r="Y7377" s="2">
        <v>7.6</v>
      </c>
      <c r="Z7377" s="2">
        <v>16.7</v>
      </c>
      <c r="AA7377" s="5"/>
      <c r="AB7377" s="5" t="s">
        <v>43</v>
      </c>
      <c r="AC7377" s="5" t="s">
        <v>44</v>
      </c>
      <c r="AD7377" s="2"/>
      <c r="AE7377" s="1"/>
    </row>
    <row r="7378" spans="1:31" ht="14.45">
      <c r="A7378" s="11"/>
      <c r="B7378" s="20"/>
      <c r="C7378" s="2" t="s">
        <v>22606</v>
      </c>
      <c r="D7378" s="14" t="s">
        <v>22607</v>
      </c>
      <c r="E7378" s="2" t="s">
        <v>22608</v>
      </c>
      <c r="F7378" s="2" t="s">
        <v>7396</v>
      </c>
      <c r="G7378" s="8">
        <v>254</v>
      </c>
      <c r="H7378" s="5">
        <v>6</v>
      </c>
      <c r="I7378" s="5" t="s">
        <v>1518</v>
      </c>
      <c r="J7378" s="5" t="s">
        <v>1519</v>
      </c>
      <c r="K7378" s="2" t="s">
        <v>1520</v>
      </c>
      <c r="L7378" s="5" t="s">
        <v>1519</v>
      </c>
      <c r="M7378" s="2" t="s">
        <v>1520</v>
      </c>
      <c r="N7378" s="5" t="s">
        <v>1521</v>
      </c>
      <c r="O7378" s="5" t="s">
        <v>38</v>
      </c>
      <c r="P7378" s="5" t="s">
        <v>39</v>
      </c>
      <c r="Q7378" s="5" t="s">
        <v>40</v>
      </c>
      <c r="R7378" s="5" t="s">
        <v>1522</v>
      </c>
      <c r="S7378" s="5" t="s">
        <v>1523</v>
      </c>
      <c r="T7378" s="5" t="s">
        <v>42</v>
      </c>
      <c r="U7378" s="2">
        <v>3.0169999999999999</v>
      </c>
      <c r="V7378" s="2">
        <v>2.4929999999999999</v>
      </c>
      <c r="W7378" s="2">
        <v>1.4999999999999999E-2</v>
      </c>
      <c r="X7378" s="2">
        <v>118.9</v>
      </c>
      <c r="Y7378" s="2">
        <v>7.6</v>
      </c>
      <c r="Z7378" s="2">
        <v>16.7</v>
      </c>
      <c r="AA7378" s="5"/>
      <c r="AB7378" s="5" t="s">
        <v>43</v>
      </c>
      <c r="AC7378" s="5" t="s">
        <v>44</v>
      </c>
      <c r="AD7378" s="2"/>
      <c r="AE7378" s="1"/>
    </row>
    <row r="7379" spans="1:31" ht="14.45">
      <c r="A7379" s="11"/>
      <c r="B7379" s="20"/>
      <c r="C7379" s="2" t="s">
        <v>22609</v>
      </c>
      <c r="D7379" s="14" t="s">
        <v>22610</v>
      </c>
      <c r="E7379" s="2" t="s">
        <v>22611</v>
      </c>
      <c r="F7379" s="2" t="s">
        <v>7507</v>
      </c>
      <c r="G7379" s="8">
        <v>254</v>
      </c>
      <c r="H7379" s="5">
        <v>6</v>
      </c>
      <c r="I7379" s="5" t="s">
        <v>1518</v>
      </c>
      <c r="J7379" s="5" t="s">
        <v>1519</v>
      </c>
      <c r="K7379" s="2" t="s">
        <v>1520</v>
      </c>
      <c r="L7379" s="5" t="s">
        <v>1519</v>
      </c>
      <c r="M7379" s="2" t="s">
        <v>1520</v>
      </c>
      <c r="N7379" s="5" t="s">
        <v>1521</v>
      </c>
      <c r="O7379" s="5" t="s">
        <v>38</v>
      </c>
      <c r="P7379" s="5" t="s">
        <v>39</v>
      </c>
      <c r="Q7379" s="5" t="s">
        <v>40</v>
      </c>
      <c r="R7379" s="5" t="s">
        <v>1522</v>
      </c>
      <c r="S7379" s="5" t="s">
        <v>1523</v>
      </c>
      <c r="T7379" s="5" t="s">
        <v>42</v>
      </c>
      <c r="U7379" s="2">
        <v>3.1070000000000002</v>
      </c>
      <c r="V7379" s="2">
        <v>2.5830000000000002</v>
      </c>
      <c r="W7379" s="2">
        <v>1.4999999999999999E-2</v>
      </c>
      <c r="X7379" s="2">
        <v>118.9</v>
      </c>
      <c r="Y7379" s="2">
        <v>7.6</v>
      </c>
      <c r="Z7379" s="2">
        <v>16.7</v>
      </c>
      <c r="AA7379" s="5"/>
      <c r="AB7379" s="5" t="s">
        <v>43</v>
      </c>
      <c r="AC7379" s="5" t="s">
        <v>44</v>
      </c>
      <c r="AD7379" s="2"/>
      <c r="AE7379" s="1"/>
    </row>
    <row r="7380" spans="1:31" ht="14.45">
      <c r="A7380" s="11"/>
      <c r="B7380" s="20"/>
      <c r="C7380" s="2" t="s">
        <v>22612</v>
      </c>
      <c r="D7380" s="14" t="s">
        <v>22613</v>
      </c>
      <c r="E7380" s="2" t="s">
        <v>22614</v>
      </c>
      <c r="F7380" s="2" t="s">
        <v>7204</v>
      </c>
      <c r="G7380" s="8">
        <v>254</v>
      </c>
      <c r="H7380" s="5">
        <v>6</v>
      </c>
      <c r="I7380" s="5" t="s">
        <v>1518</v>
      </c>
      <c r="J7380" s="5" t="s">
        <v>1519</v>
      </c>
      <c r="K7380" s="2" t="s">
        <v>1520</v>
      </c>
      <c r="L7380" s="5" t="s">
        <v>1519</v>
      </c>
      <c r="M7380" s="2" t="s">
        <v>1520</v>
      </c>
      <c r="N7380" s="5" t="s">
        <v>1521</v>
      </c>
      <c r="O7380" s="5" t="s">
        <v>38</v>
      </c>
      <c r="P7380" s="5" t="s">
        <v>39</v>
      </c>
      <c r="Q7380" s="5" t="s">
        <v>40</v>
      </c>
      <c r="R7380" s="5" t="s">
        <v>1522</v>
      </c>
      <c r="S7380" s="5" t="s">
        <v>1523</v>
      </c>
      <c r="T7380" s="5" t="s">
        <v>42</v>
      </c>
      <c r="U7380" s="2">
        <v>3.0249999999999999</v>
      </c>
      <c r="V7380" s="2">
        <v>2.5009999999999999</v>
      </c>
      <c r="W7380" s="2">
        <v>1.4999999999999999E-2</v>
      </c>
      <c r="X7380" s="2">
        <v>118.9</v>
      </c>
      <c r="Y7380" s="2">
        <v>7.6</v>
      </c>
      <c r="Z7380" s="2">
        <v>16.7</v>
      </c>
      <c r="AA7380" s="5"/>
      <c r="AB7380" s="5" t="s">
        <v>43</v>
      </c>
      <c r="AC7380" s="5" t="s">
        <v>44</v>
      </c>
      <c r="AD7380" s="2"/>
      <c r="AE7380" s="1"/>
    </row>
    <row r="7381" spans="1:31" ht="14.45">
      <c r="A7381" s="11"/>
      <c r="B7381" s="20"/>
      <c r="C7381" s="2" t="s">
        <v>22615</v>
      </c>
      <c r="D7381" s="14" t="s">
        <v>22616</v>
      </c>
      <c r="E7381" s="2" t="s">
        <v>22617</v>
      </c>
      <c r="F7381" s="2" t="s">
        <v>7514</v>
      </c>
      <c r="G7381" s="8">
        <v>254</v>
      </c>
      <c r="H7381" s="5">
        <v>6</v>
      </c>
      <c r="I7381" s="5" t="s">
        <v>1518</v>
      </c>
      <c r="J7381" s="5" t="s">
        <v>1519</v>
      </c>
      <c r="K7381" s="2" t="s">
        <v>1520</v>
      </c>
      <c r="L7381" s="5" t="s">
        <v>1519</v>
      </c>
      <c r="M7381" s="2" t="s">
        <v>1520</v>
      </c>
      <c r="N7381" s="5" t="s">
        <v>1521</v>
      </c>
      <c r="O7381" s="5" t="s">
        <v>38</v>
      </c>
      <c r="P7381" s="5" t="s">
        <v>39</v>
      </c>
      <c r="Q7381" s="5" t="s">
        <v>40</v>
      </c>
      <c r="R7381" s="5" t="s">
        <v>1522</v>
      </c>
      <c r="S7381" s="5" t="s">
        <v>1523</v>
      </c>
      <c r="T7381" s="5" t="s">
        <v>42</v>
      </c>
      <c r="U7381" s="2">
        <v>3.1150000000000002</v>
      </c>
      <c r="V7381" s="2">
        <v>2.5910000000000002</v>
      </c>
      <c r="W7381" s="2">
        <v>1.4999999999999999E-2</v>
      </c>
      <c r="X7381" s="2">
        <v>118.9</v>
      </c>
      <c r="Y7381" s="2">
        <v>7.6</v>
      </c>
      <c r="Z7381" s="2">
        <v>16.7</v>
      </c>
      <c r="AA7381" s="5"/>
      <c r="AB7381" s="5" t="s">
        <v>43</v>
      </c>
      <c r="AC7381" s="5" t="s">
        <v>44</v>
      </c>
      <c r="AD7381" s="2"/>
      <c r="AE7381" s="1"/>
    </row>
    <row r="7382" spans="1:31" ht="14.45">
      <c r="A7382" s="11"/>
      <c r="B7382" s="20"/>
      <c r="C7382" s="2" t="s">
        <v>22618</v>
      </c>
      <c r="D7382" s="14" t="s">
        <v>22619</v>
      </c>
      <c r="E7382" s="2" t="s">
        <v>22620</v>
      </c>
      <c r="F7382" s="2" t="s">
        <v>7208</v>
      </c>
      <c r="G7382" s="8">
        <v>254</v>
      </c>
      <c r="H7382" s="5">
        <v>6</v>
      </c>
      <c r="I7382" s="5" t="s">
        <v>1518</v>
      </c>
      <c r="J7382" s="5" t="s">
        <v>1519</v>
      </c>
      <c r="K7382" s="2" t="s">
        <v>1520</v>
      </c>
      <c r="L7382" s="5" t="s">
        <v>1519</v>
      </c>
      <c r="M7382" s="2" t="s">
        <v>1520</v>
      </c>
      <c r="N7382" s="5" t="s">
        <v>1521</v>
      </c>
      <c r="O7382" s="5" t="s">
        <v>38</v>
      </c>
      <c r="P7382" s="5" t="s">
        <v>39</v>
      </c>
      <c r="Q7382" s="5" t="s">
        <v>40</v>
      </c>
      <c r="R7382" s="5" t="s">
        <v>1522</v>
      </c>
      <c r="S7382" s="5" t="s">
        <v>1523</v>
      </c>
      <c r="T7382" s="5" t="s">
        <v>42</v>
      </c>
      <c r="U7382" s="2">
        <v>3.0249999999999999</v>
      </c>
      <c r="V7382" s="2">
        <v>2.5009999999999999</v>
      </c>
      <c r="W7382" s="2">
        <v>1.4999999999999999E-2</v>
      </c>
      <c r="X7382" s="2">
        <v>118.9</v>
      </c>
      <c r="Y7382" s="2">
        <v>7.6</v>
      </c>
      <c r="Z7382" s="2">
        <v>16.7</v>
      </c>
      <c r="AA7382" s="5"/>
      <c r="AB7382" s="5" t="s">
        <v>43</v>
      </c>
      <c r="AC7382" s="5" t="s">
        <v>44</v>
      </c>
      <c r="AD7382" s="2"/>
      <c r="AE7382" s="1"/>
    </row>
    <row r="7383" spans="1:31" ht="14.45">
      <c r="A7383" s="11"/>
      <c r="B7383" s="20"/>
      <c r="C7383" s="2" t="s">
        <v>22621</v>
      </c>
      <c r="D7383" s="14" t="s">
        <v>22622</v>
      </c>
      <c r="E7383" s="2" t="s">
        <v>22623</v>
      </c>
      <c r="F7383" s="2" t="s">
        <v>7521</v>
      </c>
      <c r="G7383" s="8">
        <v>254</v>
      </c>
      <c r="H7383" s="5">
        <v>6</v>
      </c>
      <c r="I7383" s="5" t="s">
        <v>1518</v>
      </c>
      <c r="J7383" s="5" t="s">
        <v>1519</v>
      </c>
      <c r="K7383" s="2" t="s">
        <v>1520</v>
      </c>
      <c r="L7383" s="5" t="s">
        <v>1519</v>
      </c>
      <c r="M7383" s="2" t="s">
        <v>1520</v>
      </c>
      <c r="N7383" s="5" t="s">
        <v>1521</v>
      </c>
      <c r="O7383" s="5" t="s">
        <v>38</v>
      </c>
      <c r="P7383" s="5" t="s">
        <v>39</v>
      </c>
      <c r="Q7383" s="5" t="s">
        <v>40</v>
      </c>
      <c r="R7383" s="5" t="s">
        <v>1522</v>
      </c>
      <c r="S7383" s="5" t="s">
        <v>1523</v>
      </c>
      <c r="T7383" s="5" t="s">
        <v>42</v>
      </c>
      <c r="U7383" s="2">
        <v>3.1150000000000002</v>
      </c>
      <c r="V7383" s="2">
        <v>2.5910000000000002</v>
      </c>
      <c r="W7383" s="2">
        <v>1.4999999999999999E-2</v>
      </c>
      <c r="X7383" s="2">
        <v>118.9</v>
      </c>
      <c r="Y7383" s="2">
        <v>7.6</v>
      </c>
      <c r="Z7383" s="2">
        <v>16.7</v>
      </c>
      <c r="AA7383" s="5"/>
      <c r="AB7383" s="5" t="s">
        <v>43</v>
      </c>
      <c r="AC7383" s="5" t="s">
        <v>44</v>
      </c>
      <c r="AD7383" s="2"/>
      <c r="AE7383" s="1"/>
    </row>
    <row r="7384" spans="1:31" ht="14.45">
      <c r="A7384" s="11"/>
      <c r="B7384" s="20"/>
      <c r="C7384" s="2" t="s">
        <v>22624</v>
      </c>
      <c r="D7384" s="14" t="s">
        <v>22625</v>
      </c>
      <c r="E7384" s="2" t="s">
        <v>22626</v>
      </c>
      <c r="F7384" s="2" t="s">
        <v>7212</v>
      </c>
      <c r="G7384" s="8">
        <v>254</v>
      </c>
      <c r="H7384" s="5">
        <v>6</v>
      </c>
      <c r="I7384" s="5" t="s">
        <v>1518</v>
      </c>
      <c r="J7384" s="5" t="s">
        <v>1519</v>
      </c>
      <c r="K7384" s="2" t="s">
        <v>1520</v>
      </c>
      <c r="L7384" s="5" t="s">
        <v>1519</v>
      </c>
      <c r="M7384" s="2" t="s">
        <v>1520</v>
      </c>
      <c r="N7384" s="5" t="s">
        <v>1521</v>
      </c>
      <c r="O7384" s="5" t="s">
        <v>38</v>
      </c>
      <c r="P7384" s="5" t="s">
        <v>39</v>
      </c>
      <c r="Q7384" s="5" t="s">
        <v>40</v>
      </c>
      <c r="R7384" s="5" t="s">
        <v>1522</v>
      </c>
      <c r="S7384" s="5" t="s">
        <v>1523</v>
      </c>
      <c r="T7384" s="5" t="s">
        <v>42</v>
      </c>
      <c r="U7384" s="2">
        <v>3.0009999999999999</v>
      </c>
      <c r="V7384" s="2">
        <v>2.4769999999999999</v>
      </c>
      <c r="W7384" s="2">
        <v>1.4999999999999999E-2</v>
      </c>
      <c r="X7384" s="2">
        <v>118.9</v>
      </c>
      <c r="Y7384" s="2">
        <v>7.6</v>
      </c>
      <c r="Z7384" s="2">
        <v>16.7</v>
      </c>
      <c r="AA7384" s="5"/>
      <c r="AB7384" s="5" t="s">
        <v>43</v>
      </c>
      <c r="AC7384" s="5" t="s">
        <v>44</v>
      </c>
      <c r="AD7384" s="2"/>
      <c r="AE7384" s="1"/>
    </row>
    <row r="7385" spans="1:31" ht="14.45">
      <c r="A7385" s="11"/>
      <c r="B7385" s="20"/>
      <c r="C7385" s="2" t="s">
        <v>22627</v>
      </c>
      <c r="D7385" s="14" t="s">
        <v>22628</v>
      </c>
      <c r="E7385" s="2" t="s">
        <v>22629</v>
      </c>
      <c r="F7385" s="2" t="s">
        <v>7528</v>
      </c>
      <c r="G7385" s="8">
        <v>254</v>
      </c>
      <c r="H7385" s="5">
        <v>6</v>
      </c>
      <c r="I7385" s="5" t="s">
        <v>1518</v>
      </c>
      <c r="J7385" s="5" t="s">
        <v>1519</v>
      </c>
      <c r="K7385" s="2" t="s">
        <v>1520</v>
      </c>
      <c r="L7385" s="5" t="s">
        <v>1519</v>
      </c>
      <c r="M7385" s="2" t="s">
        <v>1520</v>
      </c>
      <c r="N7385" s="5" t="s">
        <v>1521</v>
      </c>
      <c r="O7385" s="5" t="s">
        <v>38</v>
      </c>
      <c r="P7385" s="5" t="s">
        <v>39</v>
      </c>
      <c r="Q7385" s="5" t="s">
        <v>40</v>
      </c>
      <c r="R7385" s="5" t="s">
        <v>1522</v>
      </c>
      <c r="S7385" s="5" t="s">
        <v>1523</v>
      </c>
      <c r="T7385" s="5" t="s">
        <v>42</v>
      </c>
      <c r="U7385" s="2">
        <v>3.0910000000000002</v>
      </c>
      <c r="V7385" s="2">
        <v>2.5670000000000002</v>
      </c>
      <c r="W7385" s="2">
        <v>1.4999999999999999E-2</v>
      </c>
      <c r="X7385" s="2">
        <v>118.9</v>
      </c>
      <c r="Y7385" s="2">
        <v>7.6</v>
      </c>
      <c r="Z7385" s="2">
        <v>16.7</v>
      </c>
      <c r="AA7385" s="5"/>
      <c r="AB7385" s="5" t="s">
        <v>43</v>
      </c>
      <c r="AC7385" s="5" t="s">
        <v>44</v>
      </c>
      <c r="AD7385" s="2"/>
      <c r="AE7385" s="1"/>
    </row>
    <row r="7386" spans="1:31" ht="14.45">
      <c r="A7386" s="11"/>
      <c r="B7386" s="20"/>
      <c r="C7386" s="2" t="s">
        <v>22630</v>
      </c>
      <c r="D7386" s="14" t="s">
        <v>22631</v>
      </c>
      <c r="E7386" s="2" t="s">
        <v>22632</v>
      </c>
      <c r="F7386" s="2" t="s">
        <v>7406</v>
      </c>
      <c r="G7386" s="8">
        <v>272</v>
      </c>
      <c r="H7386" s="5">
        <v>6</v>
      </c>
      <c r="I7386" s="5" t="s">
        <v>1518</v>
      </c>
      <c r="J7386" s="5" t="s">
        <v>1519</v>
      </c>
      <c r="K7386" s="2" t="s">
        <v>1520</v>
      </c>
      <c r="L7386" s="5" t="s">
        <v>1519</v>
      </c>
      <c r="M7386" s="2" t="s">
        <v>1520</v>
      </c>
      <c r="N7386" s="5" t="s">
        <v>1521</v>
      </c>
      <c r="O7386" s="5" t="s">
        <v>38</v>
      </c>
      <c r="P7386" s="5" t="s">
        <v>39</v>
      </c>
      <c r="Q7386" s="5" t="s">
        <v>40</v>
      </c>
      <c r="R7386" s="5" t="s">
        <v>1522</v>
      </c>
      <c r="S7386" s="5" t="s">
        <v>1523</v>
      </c>
      <c r="T7386" s="5" t="s">
        <v>42</v>
      </c>
      <c r="U7386" s="2">
        <v>3.0009999999999999</v>
      </c>
      <c r="V7386" s="2">
        <v>2.4769999999999999</v>
      </c>
      <c r="W7386" s="2">
        <v>1.4999999999999999E-2</v>
      </c>
      <c r="X7386" s="2">
        <v>118.9</v>
      </c>
      <c r="Y7386" s="2">
        <v>7.6</v>
      </c>
      <c r="Z7386" s="2">
        <v>16.7</v>
      </c>
      <c r="AA7386" s="5"/>
      <c r="AB7386" s="5" t="s">
        <v>43</v>
      </c>
      <c r="AC7386" s="5" t="s">
        <v>44</v>
      </c>
      <c r="AD7386" s="2"/>
      <c r="AE7386" s="1"/>
    </row>
    <row r="7387" spans="1:31" ht="14.45">
      <c r="A7387" s="11"/>
      <c r="B7387" s="20"/>
      <c r="C7387" s="2" t="s">
        <v>22633</v>
      </c>
      <c r="D7387" s="14" t="s">
        <v>22634</v>
      </c>
      <c r="E7387" s="2" t="s">
        <v>22635</v>
      </c>
      <c r="F7387" s="2" t="s">
        <v>7535</v>
      </c>
      <c r="G7387" s="8">
        <v>272</v>
      </c>
      <c r="H7387" s="5">
        <v>6</v>
      </c>
      <c r="I7387" s="5" t="s">
        <v>1518</v>
      </c>
      <c r="J7387" s="5" t="s">
        <v>1519</v>
      </c>
      <c r="K7387" s="2" t="s">
        <v>1520</v>
      </c>
      <c r="L7387" s="5" t="s">
        <v>1519</v>
      </c>
      <c r="M7387" s="2" t="s">
        <v>1520</v>
      </c>
      <c r="N7387" s="5" t="s">
        <v>1521</v>
      </c>
      <c r="O7387" s="5" t="s">
        <v>38</v>
      </c>
      <c r="P7387" s="5" t="s">
        <v>39</v>
      </c>
      <c r="Q7387" s="5" t="s">
        <v>40</v>
      </c>
      <c r="R7387" s="5" t="s">
        <v>1522</v>
      </c>
      <c r="S7387" s="5" t="s">
        <v>1523</v>
      </c>
      <c r="T7387" s="5" t="s">
        <v>42</v>
      </c>
      <c r="U7387" s="2">
        <v>3.0910000000000002</v>
      </c>
      <c r="V7387" s="2">
        <v>2.5670000000000002</v>
      </c>
      <c r="W7387" s="2">
        <v>1.4999999999999999E-2</v>
      </c>
      <c r="X7387" s="2">
        <v>118.9</v>
      </c>
      <c r="Y7387" s="2">
        <v>7.6</v>
      </c>
      <c r="Z7387" s="2">
        <v>16.7</v>
      </c>
      <c r="AA7387" s="5"/>
      <c r="AB7387" s="5" t="s">
        <v>43</v>
      </c>
      <c r="AC7387" s="5" t="s">
        <v>44</v>
      </c>
      <c r="AD7387" s="2"/>
      <c r="AE7387" s="1"/>
    </row>
    <row r="7388" spans="1:31" ht="14.45">
      <c r="A7388" s="11"/>
      <c r="B7388" s="20"/>
      <c r="C7388" s="2" t="s">
        <v>22636</v>
      </c>
      <c r="D7388" s="14" t="s">
        <v>22637</v>
      </c>
      <c r="E7388" s="2" t="s">
        <v>22638</v>
      </c>
      <c r="F7388" s="2" t="s">
        <v>7539</v>
      </c>
      <c r="G7388" s="8">
        <v>272</v>
      </c>
      <c r="H7388" s="5">
        <v>6</v>
      </c>
      <c r="I7388" s="5" t="s">
        <v>1518</v>
      </c>
      <c r="J7388" s="5" t="s">
        <v>1519</v>
      </c>
      <c r="K7388" s="2" t="s">
        <v>1520</v>
      </c>
      <c r="L7388" s="5" t="s">
        <v>1519</v>
      </c>
      <c r="M7388" s="2" t="s">
        <v>1520</v>
      </c>
      <c r="N7388" s="5" t="s">
        <v>1521</v>
      </c>
      <c r="O7388" s="5" t="s">
        <v>38</v>
      </c>
      <c r="P7388" s="5" t="s">
        <v>39</v>
      </c>
      <c r="Q7388" s="5" t="s">
        <v>40</v>
      </c>
      <c r="R7388" s="5" t="s">
        <v>1522</v>
      </c>
      <c r="S7388" s="5" t="s">
        <v>1523</v>
      </c>
      <c r="T7388" s="5" t="s">
        <v>42</v>
      </c>
      <c r="U7388" s="2">
        <v>3.0249999999999999</v>
      </c>
      <c r="V7388" s="2">
        <v>2.5009999999999999</v>
      </c>
      <c r="W7388" s="2">
        <v>1.4999999999999999E-2</v>
      </c>
      <c r="X7388" s="2">
        <v>118.9</v>
      </c>
      <c r="Y7388" s="2">
        <v>7.6</v>
      </c>
      <c r="Z7388" s="2">
        <v>16.7</v>
      </c>
      <c r="AA7388" s="5"/>
      <c r="AB7388" s="5" t="s">
        <v>43</v>
      </c>
      <c r="AC7388" s="5" t="s">
        <v>44</v>
      </c>
      <c r="AD7388" s="2"/>
      <c r="AE7388" s="1"/>
    </row>
    <row r="7389" spans="1:31" ht="14.45">
      <c r="A7389" s="11"/>
      <c r="B7389" s="20"/>
      <c r="C7389" s="2" t="s">
        <v>22639</v>
      </c>
      <c r="D7389" s="14" t="s">
        <v>22640</v>
      </c>
      <c r="E7389" s="2" t="s">
        <v>22641</v>
      </c>
      <c r="F7389" s="2" t="s">
        <v>7543</v>
      </c>
      <c r="G7389" s="8">
        <v>272</v>
      </c>
      <c r="H7389" s="5">
        <v>6</v>
      </c>
      <c r="I7389" s="5" t="s">
        <v>1518</v>
      </c>
      <c r="J7389" s="5" t="s">
        <v>1519</v>
      </c>
      <c r="K7389" s="2" t="s">
        <v>1520</v>
      </c>
      <c r="L7389" s="5" t="s">
        <v>1519</v>
      </c>
      <c r="M7389" s="2" t="s">
        <v>1520</v>
      </c>
      <c r="N7389" s="5" t="s">
        <v>1521</v>
      </c>
      <c r="O7389" s="5" t="s">
        <v>38</v>
      </c>
      <c r="P7389" s="5" t="s">
        <v>39</v>
      </c>
      <c r="Q7389" s="5" t="s">
        <v>40</v>
      </c>
      <c r="R7389" s="5" t="s">
        <v>1522</v>
      </c>
      <c r="S7389" s="5" t="s">
        <v>1523</v>
      </c>
      <c r="T7389" s="5" t="s">
        <v>42</v>
      </c>
      <c r="U7389" s="2">
        <v>3.1150000000000002</v>
      </c>
      <c r="V7389" s="2">
        <v>2.5910000000000002</v>
      </c>
      <c r="W7389" s="2">
        <v>1.4999999999999999E-2</v>
      </c>
      <c r="X7389" s="2">
        <v>118.9</v>
      </c>
      <c r="Y7389" s="2">
        <v>7.6</v>
      </c>
      <c r="Z7389" s="2">
        <v>16.7</v>
      </c>
      <c r="AA7389" s="5"/>
      <c r="AB7389" s="5" t="s">
        <v>43</v>
      </c>
      <c r="AC7389" s="5" t="s">
        <v>44</v>
      </c>
      <c r="AD7389" s="2"/>
      <c r="AE7389" s="1"/>
    </row>
    <row r="7390" spans="1:31" ht="14.45">
      <c r="A7390" s="11"/>
      <c r="B7390" s="20"/>
      <c r="C7390" s="2" t="s">
        <v>22642</v>
      </c>
      <c r="D7390" s="14" t="s">
        <v>22643</v>
      </c>
      <c r="E7390" s="2" t="s">
        <v>22644</v>
      </c>
      <c r="F7390" s="2" t="s">
        <v>7547</v>
      </c>
      <c r="G7390" s="8">
        <v>272</v>
      </c>
      <c r="H7390" s="5">
        <v>6</v>
      </c>
      <c r="I7390" s="5" t="s">
        <v>1518</v>
      </c>
      <c r="J7390" s="5" t="s">
        <v>1519</v>
      </c>
      <c r="K7390" s="2" t="s">
        <v>1520</v>
      </c>
      <c r="L7390" s="5" t="s">
        <v>1519</v>
      </c>
      <c r="M7390" s="2" t="s">
        <v>1520</v>
      </c>
      <c r="N7390" s="5" t="s">
        <v>1521</v>
      </c>
      <c r="O7390" s="5" t="s">
        <v>38</v>
      </c>
      <c r="P7390" s="5" t="s">
        <v>39</v>
      </c>
      <c r="Q7390" s="5" t="s">
        <v>40</v>
      </c>
      <c r="R7390" s="5" t="s">
        <v>1522</v>
      </c>
      <c r="S7390" s="5" t="s">
        <v>1523</v>
      </c>
      <c r="T7390" s="5" t="s">
        <v>42</v>
      </c>
      <c r="U7390" s="2">
        <v>3.0009999999999999</v>
      </c>
      <c r="V7390" s="2">
        <v>2.4769999999999999</v>
      </c>
      <c r="W7390" s="2">
        <v>1.4999999999999999E-2</v>
      </c>
      <c r="X7390" s="2">
        <v>118.9</v>
      </c>
      <c r="Y7390" s="2">
        <v>7.6</v>
      </c>
      <c r="Z7390" s="2">
        <v>16.7</v>
      </c>
      <c r="AA7390" s="5"/>
      <c r="AB7390" s="5" t="s">
        <v>43</v>
      </c>
      <c r="AC7390" s="5" t="s">
        <v>44</v>
      </c>
      <c r="AD7390" s="2"/>
      <c r="AE7390" s="1"/>
    </row>
    <row r="7391" spans="1:31" ht="14.45">
      <c r="A7391" s="11"/>
      <c r="B7391" s="20"/>
      <c r="C7391" s="2" t="s">
        <v>22645</v>
      </c>
      <c r="D7391" s="14" t="s">
        <v>22646</v>
      </c>
      <c r="E7391" s="2" t="s">
        <v>22647</v>
      </c>
      <c r="F7391" s="2" t="s">
        <v>7551</v>
      </c>
      <c r="G7391" s="8">
        <v>272</v>
      </c>
      <c r="H7391" s="5">
        <v>6</v>
      </c>
      <c r="I7391" s="5" t="s">
        <v>1518</v>
      </c>
      <c r="J7391" s="5" t="s">
        <v>1519</v>
      </c>
      <c r="K7391" s="2" t="s">
        <v>1520</v>
      </c>
      <c r="L7391" s="5" t="s">
        <v>1519</v>
      </c>
      <c r="M7391" s="2" t="s">
        <v>1520</v>
      </c>
      <c r="N7391" s="5" t="s">
        <v>1521</v>
      </c>
      <c r="O7391" s="5" t="s">
        <v>38</v>
      </c>
      <c r="P7391" s="5" t="s">
        <v>39</v>
      </c>
      <c r="Q7391" s="5" t="s">
        <v>40</v>
      </c>
      <c r="R7391" s="5" t="s">
        <v>1522</v>
      </c>
      <c r="S7391" s="5" t="s">
        <v>1523</v>
      </c>
      <c r="T7391" s="5" t="s">
        <v>42</v>
      </c>
      <c r="U7391" s="2">
        <v>3.0910000000000002</v>
      </c>
      <c r="V7391" s="2">
        <v>2.5670000000000002</v>
      </c>
      <c r="W7391" s="2">
        <v>1.4999999999999999E-2</v>
      </c>
      <c r="X7391" s="2">
        <v>118.9</v>
      </c>
      <c r="Y7391" s="2">
        <v>7.6</v>
      </c>
      <c r="Z7391" s="2">
        <v>16.7</v>
      </c>
      <c r="AA7391" s="5"/>
      <c r="AB7391" s="5" t="s">
        <v>43</v>
      </c>
      <c r="AC7391" s="5" t="s">
        <v>44</v>
      </c>
      <c r="AD7391" s="2"/>
      <c r="AE7391" s="1"/>
    </row>
    <row r="7392" spans="1:31" ht="14.45">
      <c r="A7392" s="11"/>
      <c r="B7392" s="20"/>
      <c r="C7392" s="2" t="s">
        <v>22648</v>
      </c>
      <c r="D7392" s="14" t="s">
        <v>22649</v>
      </c>
      <c r="E7392" s="2" t="s">
        <v>22650</v>
      </c>
      <c r="F7392" s="2" t="s">
        <v>7555</v>
      </c>
      <c r="G7392" s="8">
        <v>272</v>
      </c>
      <c r="H7392" s="5">
        <v>6</v>
      </c>
      <c r="I7392" s="5" t="s">
        <v>1518</v>
      </c>
      <c r="J7392" s="5" t="s">
        <v>1519</v>
      </c>
      <c r="K7392" s="2" t="s">
        <v>1520</v>
      </c>
      <c r="L7392" s="5" t="s">
        <v>1519</v>
      </c>
      <c r="M7392" s="2" t="s">
        <v>1520</v>
      </c>
      <c r="N7392" s="5" t="s">
        <v>1521</v>
      </c>
      <c r="O7392" s="5" t="s">
        <v>38</v>
      </c>
      <c r="P7392" s="5" t="s">
        <v>39</v>
      </c>
      <c r="Q7392" s="5" t="s">
        <v>40</v>
      </c>
      <c r="R7392" s="5" t="s">
        <v>1522</v>
      </c>
      <c r="S7392" s="5" t="s">
        <v>1523</v>
      </c>
      <c r="T7392" s="5" t="s">
        <v>42</v>
      </c>
      <c r="U7392" s="2">
        <v>3.0009999999999999</v>
      </c>
      <c r="V7392" s="2">
        <v>2.4769999999999999</v>
      </c>
      <c r="W7392" s="2">
        <v>1.4999999999999999E-2</v>
      </c>
      <c r="X7392" s="2">
        <v>118.9</v>
      </c>
      <c r="Y7392" s="2">
        <v>7.6</v>
      </c>
      <c r="Z7392" s="2">
        <v>16.7</v>
      </c>
      <c r="AA7392" s="5"/>
      <c r="AB7392" s="5" t="s">
        <v>43</v>
      </c>
      <c r="AC7392" s="5" t="s">
        <v>44</v>
      </c>
      <c r="AD7392" s="2"/>
      <c r="AE7392" s="1"/>
    </row>
    <row r="7393" spans="1:31" ht="14.45">
      <c r="A7393" s="11"/>
      <c r="B7393" s="20"/>
      <c r="C7393" s="2" t="s">
        <v>22651</v>
      </c>
      <c r="D7393" s="14" t="s">
        <v>22652</v>
      </c>
      <c r="E7393" s="2" t="s">
        <v>22653</v>
      </c>
      <c r="F7393" s="2" t="s">
        <v>7559</v>
      </c>
      <c r="G7393" s="8">
        <v>272</v>
      </c>
      <c r="H7393" s="5">
        <v>6</v>
      </c>
      <c r="I7393" s="5" t="s">
        <v>1518</v>
      </c>
      <c r="J7393" s="5" t="s">
        <v>1519</v>
      </c>
      <c r="K7393" s="2" t="s">
        <v>1520</v>
      </c>
      <c r="L7393" s="5" t="s">
        <v>1519</v>
      </c>
      <c r="M7393" s="2" t="s">
        <v>1520</v>
      </c>
      <c r="N7393" s="5" t="s">
        <v>1521</v>
      </c>
      <c r="O7393" s="5" t="s">
        <v>38</v>
      </c>
      <c r="P7393" s="5" t="s">
        <v>39</v>
      </c>
      <c r="Q7393" s="5" t="s">
        <v>40</v>
      </c>
      <c r="R7393" s="5" t="s">
        <v>1522</v>
      </c>
      <c r="S7393" s="5" t="s">
        <v>1523</v>
      </c>
      <c r="T7393" s="5" t="s">
        <v>42</v>
      </c>
      <c r="U7393" s="2">
        <v>3.0910000000000002</v>
      </c>
      <c r="V7393" s="2">
        <v>2.5670000000000002</v>
      </c>
      <c r="W7393" s="2">
        <v>1.4999999999999999E-2</v>
      </c>
      <c r="X7393" s="2">
        <v>118.9</v>
      </c>
      <c r="Y7393" s="2">
        <v>7.6</v>
      </c>
      <c r="Z7393" s="2">
        <v>16.7</v>
      </c>
      <c r="AA7393" s="5"/>
      <c r="AB7393" s="5" t="s">
        <v>43</v>
      </c>
      <c r="AC7393" s="5" t="s">
        <v>44</v>
      </c>
      <c r="AD7393" s="2"/>
      <c r="AE7393" s="1"/>
    </row>
    <row r="7394" spans="1:31" ht="14.45">
      <c r="A7394" s="11"/>
      <c r="B7394" s="20"/>
      <c r="C7394" s="2" t="s">
        <v>22654</v>
      </c>
      <c r="D7394" s="14" t="s">
        <v>22655</v>
      </c>
      <c r="E7394" s="2" t="s">
        <v>22656</v>
      </c>
      <c r="F7394" s="2" t="s">
        <v>7563</v>
      </c>
      <c r="G7394" s="8">
        <v>272</v>
      </c>
      <c r="H7394" s="5">
        <v>6</v>
      </c>
      <c r="I7394" s="5" t="s">
        <v>1518</v>
      </c>
      <c r="J7394" s="5" t="s">
        <v>1519</v>
      </c>
      <c r="K7394" s="2" t="s">
        <v>1520</v>
      </c>
      <c r="L7394" s="5" t="s">
        <v>1519</v>
      </c>
      <c r="M7394" s="2" t="s">
        <v>1520</v>
      </c>
      <c r="N7394" s="5" t="s">
        <v>1521</v>
      </c>
      <c r="O7394" s="5" t="s">
        <v>38</v>
      </c>
      <c r="P7394" s="5" t="s">
        <v>39</v>
      </c>
      <c r="Q7394" s="5" t="s">
        <v>40</v>
      </c>
      <c r="R7394" s="5" t="s">
        <v>1522</v>
      </c>
      <c r="S7394" s="5" t="s">
        <v>1523</v>
      </c>
      <c r="T7394" s="5" t="s">
        <v>42</v>
      </c>
      <c r="U7394" s="2">
        <v>3.0249999999999999</v>
      </c>
      <c r="V7394" s="2">
        <v>2.5009999999999999</v>
      </c>
      <c r="W7394" s="2">
        <v>1.4999999999999999E-2</v>
      </c>
      <c r="X7394" s="2">
        <v>118.9</v>
      </c>
      <c r="Y7394" s="2">
        <v>7.6</v>
      </c>
      <c r="Z7394" s="2">
        <v>16.7</v>
      </c>
      <c r="AA7394" s="5"/>
      <c r="AB7394" s="5" t="s">
        <v>43</v>
      </c>
      <c r="AC7394" s="5" t="s">
        <v>44</v>
      </c>
      <c r="AD7394" s="2"/>
      <c r="AE7394" s="1"/>
    </row>
    <row r="7395" spans="1:31" ht="14.45">
      <c r="A7395" s="11"/>
      <c r="B7395" s="20"/>
      <c r="C7395" s="2" t="s">
        <v>22657</v>
      </c>
      <c r="D7395" s="14" t="s">
        <v>22658</v>
      </c>
      <c r="E7395" s="2" t="s">
        <v>22659</v>
      </c>
      <c r="F7395" s="2" t="s">
        <v>7567</v>
      </c>
      <c r="G7395" s="8">
        <v>272</v>
      </c>
      <c r="H7395" s="5">
        <v>6</v>
      </c>
      <c r="I7395" s="5" t="s">
        <v>1518</v>
      </c>
      <c r="J7395" s="5" t="s">
        <v>1519</v>
      </c>
      <c r="K7395" s="2" t="s">
        <v>1520</v>
      </c>
      <c r="L7395" s="5" t="s">
        <v>1519</v>
      </c>
      <c r="M7395" s="2" t="s">
        <v>1520</v>
      </c>
      <c r="N7395" s="5" t="s">
        <v>1521</v>
      </c>
      <c r="O7395" s="5" t="s">
        <v>38</v>
      </c>
      <c r="P7395" s="5" t="s">
        <v>39</v>
      </c>
      <c r="Q7395" s="5" t="s">
        <v>40</v>
      </c>
      <c r="R7395" s="5" t="s">
        <v>1522</v>
      </c>
      <c r="S7395" s="5" t="s">
        <v>1523</v>
      </c>
      <c r="T7395" s="5" t="s">
        <v>42</v>
      </c>
      <c r="U7395" s="2">
        <v>3.1150000000000002</v>
      </c>
      <c r="V7395" s="2">
        <v>2.5910000000000002</v>
      </c>
      <c r="W7395" s="2">
        <v>1.4999999999999999E-2</v>
      </c>
      <c r="X7395" s="2">
        <v>118.9</v>
      </c>
      <c r="Y7395" s="2">
        <v>7.6</v>
      </c>
      <c r="Z7395" s="2">
        <v>16.7</v>
      </c>
      <c r="AA7395" s="5"/>
      <c r="AB7395" s="5" t="s">
        <v>43</v>
      </c>
      <c r="AC7395" s="5" t="s">
        <v>44</v>
      </c>
      <c r="AD7395" s="2"/>
      <c r="AE7395" s="1"/>
    </row>
    <row r="7396" spans="1:31" ht="14.45">
      <c r="A7396" s="11"/>
      <c r="B7396" s="20"/>
      <c r="C7396" s="2" t="s">
        <v>22660</v>
      </c>
      <c r="D7396" s="14" t="s">
        <v>22661</v>
      </c>
      <c r="E7396" s="2" t="s">
        <v>22662</v>
      </c>
      <c r="F7396" s="2" t="s">
        <v>16079</v>
      </c>
      <c r="G7396" s="8">
        <v>272</v>
      </c>
      <c r="H7396" s="5">
        <v>6</v>
      </c>
      <c r="I7396" s="5" t="s">
        <v>1518</v>
      </c>
      <c r="J7396" s="5" t="s">
        <v>1519</v>
      </c>
      <c r="K7396" s="2" t="s">
        <v>1520</v>
      </c>
      <c r="L7396" s="5" t="s">
        <v>1519</v>
      </c>
      <c r="M7396" s="2" t="s">
        <v>1520</v>
      </c>
      <c r="N7396" s="5" t="s">
        <v>1521</v>
      </c>
      <c r="O7396" s="5" t="s">
        <v>38</v>
      </c>
      <c r="P7396" s="5" t="s">
        <v>39</v>
      </c>
      <c r="Q7396" s="5" t="s">
        <v>40</v>
      </c>
      <c r="R7396" s="5" t="s">
        <v>1522</v>
      </c>
      <c r="S7396" s="5" t="s">
        <v>1523</v>
      </c>
      <c r="T7396" s="5" t="s">
        <v>42</v>
      </c>
      <c r="U7396" s="2">
        <v>3.0249999999999999</v>
      </c>
      <c r="V7396" s="2">
        <v>2.5009999999999999</v>
      </c>
      <c r="W7396" s="2">
        <v>1.4999999999999999E-2</v>
      </c>
      <c r="X7396" s="2">
        <v>118.9</v>
      </c>
      <c r="Y7396" s="2">
        <v>7.6</v>
      </c>
      <c r="Z7396" s="2">
        <v>16.7</v>
      </c>
      <c r="AA7396" s="5"/>
      <c r="AB7396" s="5" t="s">
        <v>43</v>
      </c>
      <c r="AC7396" s="5" t="s">
        <v>44</v>
      </c>
      <c r="AD7396" s="2"/>
      <c r="AE7396" s="1"/>
    </row>
    <row r="7397" spans="1:31" ht="14.45">
      <c r="A7397" s="11"/>
      <c r="B7397" s="20"/>
      <c r="C7397" s="2" t="s">
        <v>22663</v>
      </c>
      <c r="D7397" s="14" t="s">
        <v>22664</v>
      </c>
      <c r="E7397" s="2" t="s">
        <v>22665</v>
      </c>
      <c r="F7397" s="2" t="s">
        <v>16194</v>
      </c>
      <c r="G7397" s="8">
        <v>272</v>
      </c>
      <c r="H7397" s="5">
        <v>6</v>
      </c>
      <c r="I7397" s="5" t="s">
        <v>1518</v>
      </c>
      <c r="J7397" s="5" t="s">
        <v>1519</v>
      </c>
      <c r="K7397" s="2" t="s">
        <v>1520</v>
      </c>
      <c r="L7397" s="5" t="s">
        <v>1519</v>
      </c>
      <c r="M7397" s="2" t="s">
        <v>1520</v>
      </c>
      <c r="N7397" s="5" t="s">
        <v>1521</v>
      </c>
      <c r="O7397" s="5" t="s">
        <v>38</v>
      </c>
      <c r="P7397" s="5" t="s">
        <v>39</v>
      </c>
      <c r="Q7397" s="5" t="s">
        <v>40</v>
      </c>
      <c r="R7397" s="5" t="s">
        <v>1522</v>
      </c>
      <c r="S7397" s="5" t="s">
        <v>1523</v>
      </c>
      <c r="T7397" s="5" t="s">
        <v>42</v>
      </c>
      <c r="U7397" s="2">
        <v>3.1150000000000002</v>
      </c>
      <c r="V7397" s="2">
        <v>2.5910000000000002</v>
      </c>
      <c r="W7397" s="2">
        <v>1.4999999999999999E-2</v>
      </c>
      <c r="X7397" s="2">
        <v>118.9</v>
      </c>
      <c r="Y7397" s="2">
        <v>7.6</v>
      </c>
      <c r="Z7397" s="2">
        <v>16.7</v>
      </c>
      <c r="AA7397" s="5"/>
      <c r="AB7397" s="5" t="s">
        <v>43</v>
      </c>
      <c r="AC7397" s="5" t="s">
        <v>44</v>
      </c>
      <c r="AD7397" s="2"/>
      <c r="AE7397" s="1"/>
    </row>
    <row r="7398" spans="1:31" ht="14.45">
      <c r="A7398" s="11"/>
      <c r="B7398" s="20"/>
      <c r="C7398" s="2" t="s">
        <v>22666</v>
      </c>
      <c r="D7398" s="14" t="s">
        <v>22667</v>
      </c>
      <c r="E7398" s="2" t="s">
        <v>22668</v>
      </c>
      <c r="F7398" s="2" t="s">
        <v>7449</v>
      </c>
      <c r="G7398" s="8">
        <v>272</v>
      </c>
      <c r="H7398" s="5">
        <v>6</v>
      </c>
      <c r="I7398" s="5" t="s">
        <v>1518</v>
      </c>
      <c r="J7398" s="5" t="s">
        <v>1519</v>
      </c>
      <c r="K7398" s="2" t="s">
        <v>1520</v>
      </c>
      <c r="L7398" s="5" t="s">
        <v>1519</v>
      </c>
      <c r="M7398" s="2" t="s">
        <v>1520</v>
      </c>
      <c r="N7398" s="5" t="s">
        <v>1521</v>
      </c>
      <c r="O7398" s="5" t="s">
        <v>38</v>
      </c>
      <c r="P7398" s="5" t="s">
        <v>39</v>
      </c>
      <c r="Q7398" s="5" t="s">
        <v>40</v>
      </c>
      <c r="R7398" s="5" t="s">
        <v>1522</v>
      </c>
      <c r="S7398" s="5" t="s">
        <v>1523</v>
      </c>
      <c r="T7398" s="5" t="s">
        <v>42</v>
      </c>
      <c r="U7398" s="2">
        <v>3.0249999999999999</v>
      </c>
      <c r="V7398" s="2">
        <v>2.5009999999999999</v>
      </c>
      <c r="W7398" s="2">
        <v>1.4999999999999999E-2</v>
      </c>
      <c r="X7398" s="2">
        <v>118.9</v>
      </c>
      <c r="Y7398" s="2">
        <v>7.6</v>
      </c>
      <c r="Z7398" s="2">
        <v>16.7</v>
      </c>
      <c r="AA7398" s="5"/>
      <c r="AB7398" s="5" t="s">
        <v>43</v>
      </c>
      <c r="AC7398" s="5" t="s">
        <v>44</v>
      </c>
      <c r="AD7398" s="2"/>
      <c r="AE7398" s="1"/>
    </row>
    <row r="7399" spans="1:31" ht="14.45">
      <c r="A7399" s="11"/>
      <c r="B7399" s="20"/>
      <c r="C7399" s="2" t="s">
        <v>22669</v>
      </c>
      <c r="D7399" s="14" t="s">
        <v>22670</v>
      </c>
      <c r="E7399" s="2" t="s">
        <v>22671</v>
      </c>
      <c r="F7399" s="2" t="s">
        <v>7581</v>
      </c>
      <c r="G7399" s="8">
        <v>272</v>
      </c>
      <c r="H7399" s="5">
        <v>6</v>
      </c>
      <c r="I7399" s="5" t="s">
        <v>1518</v>
      </c>
      <c r="J7399" s="5" t="s">
        <v>1519</v>
      </c>
      <c r="K7399" s="2" t="s">
        <v>1520</v>
      </c>
      <c r="L7399" s="5" t="s">
        <v>1519</v>
      </c>
      <c r="M7399" s="2" t="s">
        <v>1520</v>
      </c>
      <c r="N7399" s="5" t="s">
        <v>1521</v>
      </c>
      <c r="O7399" s="5" t="s">
        <v>38</v>
      </c>
      <c r="P7399" s="5" t="s">
        <v>39</v>
      </c>
      <c r="Q7399" s="5" t="s">
        <v>40</v>
      </c>
      <c r="R7399" s="5" t="s">
        <v>1522</v>
      </c>
      <c r="S7399" s="5" t="s">
        <v>1523</v>
      </c>
      <c r="T7399" s="5" t="s">
        <v>42</v>
      </c>
      <c r="U7399" s="2">
        <v>3.1150000000000002</v>
      </c>
      <c r="V7399" s="2">
        <v>2.5910000000000002</v>
      </c>
      <c r="W7399" s="2">
        <v>1.4999999999999999E-2</v>
      </c>
      <c r="X7399" s="2">
        <v>118.9</v>
      </c>
      <c r="Y7399" s="2">
        <v>7.6</v>
      </c>
      <c r="Z7399" s="2">
        <v>16.7</v>
      </c>
      <c r="AA7399" s="5"/>
      <c r="AB7399" s="5" t="s">
        <v>43</v>
      </c>
      <c r="AC7399" s="5" t="s">
        <v>44</v>
      </c>
      <c r="AD7399" s="2"/>
      <c r="AE7399" s="1"/>
    </row>
    <row r="7400" spans="1:31" ht="14.45">
      <c r="A7400" s="11"/>
      <c r="B7400" s="20"/>
      <c r="C7400" s="2" t="s">
        <v>22672</v>
      </c>
      <c r="D7400" s="14" t="s">
        <v>22673</v>
      </c>
      <c r="E7400" s="2" t="s">
        <v>22674</v>
      </c>
      <c r="F7400" s="2" t="s">
        <v>7585</v>
      </c>
      <c r="G7400" s="8">
        <v>272</v>
      </c>
      <c r="H7400" s="5">
        <v>6</v>
      </c>
      <c r="I7400" s="5" t="s">
        <v>1518</v>
      </c>
      <c r="J7400" s="5" t="s">
        <v>1519</v>
      </c>
      <c r="K7400" s="2" t="s">
        <v>1520</v>
      </c>
      <c r="L7400" s="5" t="s">
        <v>1519</v>
      </c>
      <c r="M7400" s="2" t="s">
        <v>1520</v>
      </c>
      <c r="N7400" s="5" t="s">
        <v>1521</v>
      </c>
      <c r="O7400" s="5" t="s">
        <v>38</v>
      </c>
      <c r="P7400" s="5" t="s">
        <v>39</v>
      </c>
      <c r="Q7400" s="5" t="s">
        <v>40</v>
      </c>
      <c r="R7400" s="5" t="s">
        <v>1522</v>
      </c>
      <c r="S7400" s="5" t="s">
        <v>1523</v>
      </c>
      <c r="T7400" s="5" t="s">
        <v>42</v>
      </c>
      <c r="U7400" s="2">
        <v>3.0009999999999999</v>
      </c>
      <c r="V7400" s="2">
        <v>2.4769999999999999</v>
      </c>
      <c r="W7400" s="2">
        <v>1.4999999999999999E-2</v>
      </c>
      <c r="X7400" s="2">
        <v>118.9</v>
      </c>
      <c r="Y7400" s="2">
        <v>7.6</v>
      </c>
      <c r="Z7400" s="2">
        <v>16.7</v>
      </c>
      <c r="AA7400" s="5"/>
      <c r="AB7400" s="5" t="s">
        <v>43</v>
      </c>
      <c r="AC7400" s="5" t="s">
        <v>44</v>
      </c>
      <c r="AD7400" s="2"/>
      <c r="AE7400" s="1"/>
    </row>
    <row r="7401" spans="1:31" ht="14.45">
      <c r="A7401" s="11"/>
      <c r="B7401" s="20"/>
      <c r="C7401" s="2" t="s">
        <v>22675</v>
      </c>
      <c r="D7401" s="14" t="s">
        <v>22676</v>
      </c>
      <c r="E7401" s="2" t="s">
        <v>22677</v>
      </c>
      <c r="F7401" s="2" t="s">
        <v>7589</v>
      </c>
      <c r="G7401" s="8">
        <v>272</v>
      </c>
      <c r="H7401" s="5">
        <v>6</v>
      </c>
      <c r="I7401" s="5" t="s">
        <v>1518</v>
      </c>
      <c r="J7401" s="5" t="s">
        <v>1519</v>
      </c>
      <c r="K7401" s="2" t="s">
        <v>1520</v>
      </c>
      <c r="L7401" s="5" t="s">
        <v>1519</v>
      </c>
      <c r="M7401" s="2" t="s">
        <v>1520</v>
      </c>
      <c r="N7401" s="5" t="s">
        <v>1521</v>
      </c>
      <c r="O7401" s="5" t="s">
        <v>38</v>
      </c>
      <c r="P7401" s="5" t="s">
        <v>39</v>
      </c>
      <c r="Q7401" s="5" t="s">
        <v>40</v>
      </c>
      <c r="R7401" s="5" t="s">
        <v>1522</v>
      </c>
      <c r="S7401" s="5" t="s">
        <v>1523</v>
      </c>
      <c r="T7401" s="5" t="s">
        <v>42</v>
      </c>
      <c r="U7401" s="2">
        <v>3.0910000000000002</v>
      </c>
      <c r="V7401" s="2">
        <v>2.5670000000000002</v>
      </c>
      <c r="W7401" s="2">
        <v>1.4999999999999999E-2</v>
      </c>
      <c r="X7401" s="2">
        <v>118.9</v>
      </c>
      <c r="Y7401" s="2">
        <v>7.6</v>
      </c>
      <c r="Z7401" s="2">
        <v>16.7</v>
      </c>
      <c r="AA7401" s="5"/>
      <c r="AB7401" s="5" t="s">
        <v>43</v>
      </c>
      <c r="AC7401" s="5" t="s">
        <v>44</v>
      </c>
      <c r="AD7401" s="2"/>
      <c r="AE7401" s="1"/>
    </row>
    <row r="7402" spans="1:31" ht="14.45">
      <c r="A7402" s="11"/>
      <c r="B7402" s="20"/>
      <c r="C7402" s="2" t="s">
        <v>22678</v>
      </c>
      <c r="D7402" s="14" t="s">
        <v>22679</v>
      </c>
      <c r="E7402" s="2" t="s">
        <v>22680</v>
      </c>
      <c r="F7402" s="2" t="s">
        <v>7593</v>
      </c>
      <c r="G7402" s="8">
        <v>272</v>
      </c>
      <c r="H7402" s="5">
        <v>6</v>
      </c>
      <c r="I7402" s="5" t="s">
        <v>1518</v>
      </c>
      <c r="J7402" s="5" t="s">
        <v>1519</v>
      </c>
      <c r="K7402" s="2" t="s">
        <v>1520</v>
      </c>
      <c r="L7402" s="5" t="s">
        <v>1519</v>
      </c>
      <c r="M7402" s="2" t="s">
        <v>1520</v>
      </c>
      <c r="N7402" s="5" t="s">
        <v>1521</v>
      </c>
      <c r="O7402" s="5" t="s">
        <v>38</v>
      </c>
      <c r="P7402" s="5" t="s">
        <v>39</v>
      </c>
      <c r="Q7402" s="5" t="s">
        <v>40</v>
      </c>
      <c r="R7402" s="5" t="s">
        <v>1522</v>
      </c>
      <c r="S7402" s="5" t="s">
        <v>1523</v>
      </c>
      <c r="T7402" s="5" t="s">
        <v>42</v>
      </c>
      <c r="U7402" s="2">
        <v>3.0249999999999999</v>
      </c>
      <c r="V7402" s="2">
        <v>2.5009999999999999</v>
      </c>
      <c r="W7402" s="2">
        <v>1.4999999999999999E-2</v>
      </c>
      <c r="X7402" s="2">
        <v>118.9</v>
      </c>
      <c r="Y7402" s="2">
        <v>7.6</v>
      </c>
      <c r="Z7402" s="2">
        <v>16.7</v>
      </c>
      <c r="AA7402" s="5"/>
      <c r="AB7402" s="5" t="s">
        <v>43</v>
      </c>
      <c r="AC7402" s="5" t="s">
        <v>44</v>
      </c>
      <c r="AD7402" s="2"/>
      <c r="AE7402" s="1"/>
    </row>
    <row r="7403" spans="1:31" ht="14.45">
      <c r="A7403" s="11"/>
      <c r="B7403" s="20"/>
      <c r="C7403" s="2" t="s">
        <v>22681</v>
      </c>
      <c r="D7403" s="14" t="s">
        <v>22682</v>
      </c>
      <c r="E7403" s="2" t="s">
        <v>22683</v>
      </c>
      <c r="F7403" s="2" t="s">
        <v>7597</v>
      </c>
      <c r="G7403" s="8">
        <v>272</v>
      </c>
      <c r="H7403" s="5">
        <v>6</v>
      </c>
      <c r="I7403" s="5" t="s">
        <v>1518</v>
      </c>
      <c r="J7403" s="5" t="s">
        <v>1519</v>
      </c>
      <c r="K7403" s="2" t="s">
        <v>1520</v>
      </c>
      <c r="L7403" s="5" t="s">
        <v>1519</v>
      </c>
      <c r="M7403" s="2" t="s">
        <v>1520</v>
      </c>
      <c r="N7403" s="5" t="s">
        <v>1521</v>
      </c>
      <c r="O7403" s="5" t="s">
        <v>38</v>
      </c>
      <c r="P7403" s="5" t="s">
        <v>39</v>
      </c>
      <c r="Q7403" s="5" t="s">
        <v>40</v>
      </c>
      <c r="R7403" s="5" t="s">
        <v>1522</v>
      </c>
      <c r="S7403" s="5" t="s">
        <v>1523</v>
      </c>
      <c r="T7403" s="5" t="s">
        <v>42</v>
      </c>
      <c r="U7403" s="2">
        <v>3.1150000000000002</v>
      </c>
      <c r="V7403" s="2">
        <v>2.5910000000000002</v>
      </c>
      <c r="W7403" s="2">
        <v>1.4999999999999999E-2</v>
      </c>
      <c r="X7403" s="2">
        <v>118.9</v>
      </c>
      <c r="Y7403" s="2">
        <v>7.6</v>
      </c>
      <c r="Z7403" s="2">
        <v>16.7</v>
      </c>
      <c r="AA7403" s="5"/>
      <c r="AB7403" s="5" t="s">
        <v>43</v>
      </c>
      <c r="AC7403" s="5" t="s">
        <v>44</v>
      </c>
      <c r="AD7403" s="2"/>
      <c r="AE7403" s="1"/>
    </row>
    <row r="7404" spans="1:31" ht="14.45">
      <c r="A7404" s="11"/>
      <c r="B7404" s="20"/>
      <c r="C7404" s="2" t="s">
        <v>22684</v>
      </c>
      <c r="D7404" s="14" t="s">
        <v>22685</v>
      </c>
      <c r="E7404" s="2" t="s">
        <v>22686</v>
      </c>
      <c r="F7404" s="2" t="s">
        <v>16014</v>
      </c>
      <c r="G7404" s="8">
        <v>272</v>
      </c>
      <c r="H7404" s="5">
        <v>6</v>
      </c>
      <c r="I7404" s="5" t="s">
        <v>1518</v>
      </c>
      <c r="J7404" s="5" t="s">
        <v>1519</v>
      </c>
      <c r="K7404" s="2" t="s">
        <v>1520</v>
      </c>
      <c r="L7404" s="5" t="s">
        <v>1519</v>
      </c>
      <c r="M7404" s="2" t="s">
        <v>1520</v>
      </c>
      <c r="N7404" s="5" t="s">
        <v>1521</v>
      </c>
      <c r="O7404" s="5" t="s">
        <v>38</v>
      </c>
      <c r="P7404" s="5" t="s">
        <v>39</v>
      </c>
      <c r="Q7404" s="5" t="s">
        <v>40</v>
      </c>
      <c r="R7404" s="5" t="s">
        <v>1522</v>
      </c>
      <c r="S7404" s="5" t="s">
        <v>1523</v>
      </c>
      <c r="T7404" s="5" t="s">
        <v>42</v>
      </c>
      <c r="U7404" s="2">
        <v>3.0249999999999999</v>
      </c>
      <c r="V7404" s="2">
        <v>2.5009999999999999</v>
      </c>
      <c r="W7404" s="2">
        <v>1.4999999999999999E-2</v>
      </c>
      <c r="X7404" s="2">
        <v>118.9</v>
      </c>
      <c r="Y7404" s="2">
        <v>7.6</v>
      </c>
      <c r="Z7404" s="2">
        <v>16.7</v>
      </c>
      <c r="AA7404" s="5"/>
      <c r="AB7404" s="5" t="s">
        <v>43</v>
      </c>
      <c r="AC7404" s="5" t="s">
        <v>44</v>
      </c>
      <c r="AD7404" s="2"/>
      <c r="AE7404" s="1"/>
    </row>
    <row r="7405" spans="1:31" ht="14.45">
      <c r="A7405" s="11"/>
      <c r="B7405" s="20"/>
      <c r="C7405" s="2" t="s">
        <v>22687</v>
      </c>
      <c r="D7405" s="14" t="s">
        <v>22688</v>
      </c>
      <c r="E7405" s="2" t="s">
        <v>22689</v>
      </c>
      <c r="F7405" s="2" t="s">
        <v>16219</v>
      </c>
      <c r="G7405" s="8">
        <v>272</v>
      </c>
      <c r="H7405" s="5">
        <v>6</v>
      </c>
      <c r="I7405" s="5" t="s">
        <v>1518</v>
      </c>
      <c r="J7405" s="5" t="s">
        <v>1519</v>
      </c>
      <c r="K7405" s="2" t="s">
        <v>1520</v>
      </c>
      <c r="L7405" s="5" t="s">
        <v>1519</v>
      </c>
      <c r="M7405" s="2" t="s">
        <v>1520</v>
      </c>
      <c r="N7405" s="5" t="s">
        <v>1521</v>
      </c>
      <c r="O7405" s="5" t="s">
        <v>38</v>
      </c>
      <c r="P7405" s="5" t="s">
        <v>39</v>
      </c>
      <c r="Q7405" s="5" t="s">
        <v>40</v>
      </c>
      <c r="R7405" s="5" t="s">
        <v>1522</v>
      </c>
      <c r="S7405" s="5" t="s">
        <v>1523</v>
      </c>
      <c r="T7405" s="5" t="s">
        <v>42</v>
      </c>
      <c r="U7405" s="2">
        <v>3.1150000000000002</v>
      </c>
      <c r="V7405" s="2">
        <v>2.5910000000000002</v>
      </c>
      <c r="W7405" s="2">
        <v>1.4999999999999999E-2</v>
      </c>
      <c r="X7405" s="2">
        <v>118.9</v>
      </c>
      <c r="Y7405" s="2">
        <v>7.6</v>
      </c>
      <c r="Z7405" s="2">
        <v>16.7</v>
      </c>
      <c r="AA7405" s="5"/>
      <c r="AB7405" s="5" t="s">
        <v>43</v>
      </c>
      <c r="AC7405" s="5" t="s">
        <v>44</v>
      </c>
      <c r="AD7405" s="2"/>
      <c r="AE7405" s="1"/>
    </row>
    <row r="7406" spans="1:31" ht="14.45">
      <c r="A7406" s="11"/>
      <c r="B7406" s="20"/>
      <c r="C7406" s="2" t="s">
        <v>22690</v>
      </c>
      <c r="D7406" s="14" t="s">
        <v>22691</v>
      </c>
      <c r="E7406" s="2" t="s">
        <v>22692</v>
      </c>
      <c r="F7406" s="2" t="s">
        <v>16018</v>
      </c>
      <c r="G7406" s="8">
        <v>272</v>
      </c>
      <c r="H7406" s="5">
        <v>6</v>
      </c>
      <c r="I7406" s="5" t="s">
        <v>1518</v>
      </c>
      <c r="J7406" s="5" t="s">
        <v>1519</v>
      </c>
      <c r="K7406" s="2" t="s">
        <v>1520</v>
      </c>
      <c r="L7406" s="5" t="s">
        <v>1519</v>
      </c>
      <c r="M7406" s="2" t="s">
        <v>1520</v>
      </c>
      <c r="N7406" s="5" t="s">
        <v>1521</v>
      </c>
      <c r="O7406" s="5" t="s">
        <v>38</v>
      </c>
      <c r="P7406" s="5" t="s">
        <v>39</v>
      </c>
      <c r="Q7406" s="5" t="s">
        <v>40</v>
      </c>
      <c r="R7406" s="5" t="s">
        <v>1522</v>
      </c>
      <c r="S7406" s="5" t="s">
        <v>1523</v>
      </c>
      <c r="T7406" s="5" t="s">
        <v>42</v>
      </c>
      <c r="U7406" s="2">
        <v>3.0249999999999999</v>
      </c>
      <c r="V7406" s="2">
        <v>2.5009999999999999</v>
      </c>
      <c r="W7406" s="2">
        <v>1.4999999999999999E-2</v>
      </c>
      <c r="X7406" s="2">
        <v>118.9</v>
      </c>
      <c r="Y7406" s="2">
        <v>7.6</v>
      </c>
      <c r="Z7406" s="2">
        <v>16.7</v>
      </c>
      <c r="AA7406" s="5"/>
      <c r="AB7406" s="5" t="s">
        <v>43</v>
      </c>
      <c r="AC7406" s="5" t="s">
        <v>44</v>
      </c>
      <c r="AD7406" s="2"/>
      <c r="AE7406" s="1"/>
    </row>
    <row r="7407" spans="1:31" ht="14.45">
      <c r="A7407" s="11"/>
      <c r="B7407" s="20"/>
      <c r="C7407" s="2" t="s">
        <v>22693</v>
      </c>
      <c r="D7407" s="14" t="s">
        <v>22694</v>
      </c>
      <c r="E7407" s="2" t="s">
        <v>22695</v>
      </c>
      <c r="F7407" s="2" t="s">
        <v>16022</v>
      </c>
      <c r="G7407" s="8">
        <v>272</v>
      </c>
      <c r="H7407" s="5">
        <v>6</v>
      </c>
      <c r="I7407" s="5" t="s">
        <v>1518</v>
      </c>
      <c r="J7407" s="5" t="s">
        <v>1519</v>
      </c>
      <c r="K7407" s="2" t="s">
        <v>1520</v>
      </c>
      <c r="L7407" s="5" t="s">
        <v>1519</v>
      </c>
      <c r="M7407" s="2" t="s">
        <v>1520</v>
      </c>
      <c r="N7407" s="5" t="s">
        <v>1521</v>
      </c>
      <c r="O7407" s="5" t="s">
        <v>38</v>
      </c>
      <c r="P7407" s="5" t="s">
        <v>39</v>
      </c>
      <c r="Q7407" s="5" t="s">
        <v>40</v>
      </c>
      <c r="R7407" s="5" t="s">
        <v>1522</v>
      </c>
      <c r="S7407" s="5" t="s">
        <v>1523</v>
      </c>
      <c r="T7407" s="5" t="s">
        <v>42</v>
      </c>
      <c r="U7407" s="2">
        <v>3.1150000000000002</v>
      </c>
      <c r="V7407" s="2">
        <v>2.5910000000000002</v>
      </c>
      <c r="W7407" s="2">
        <v>1.4999999999999999E-2</v>
      </c>
      <c r="X7407" s="2">
        <v>118.9</v>
      </c>
      <c r="Y7407" s="2">
        <v>7.6</v>
      </c>
      <c r="Z7407" s="2">
        <v>16.7</v>
      </c>
      <c r="AA7407" s="5"/>
      <c r="AB7407" s="5" t="s">
        <v>43</v>
      </c>
      <c r="AC7407" s="5" t="s">
        <v>44</v>
      </c>
      <c r="AD7407" s="2"/>
      <c r="AE7407" s="1"/>
    </row>
    <row r="7408" spans="1:31" ht="14.45">
      <c r="A7408" s="11"/>
      <c r="B7408" s="20"/>
      <c r="C7408" s="2" t="s">
        <v>22696</v>
      </c>
      <c r="D7408" s="14" t="s">
        <v>22697</v>
      </c>
      <c r="E7408" s="2" t="s">
        <v>22698</v>
      </c>
      <c r="F7408" s="2" t="s">
        <v>7615</v>
      </c>
      <c r="G7408" s="8">
        <v>272</v>
      </c>
      <c r="H7408" s="5">
        <v>6</v>
      </c>
      <c r="I7408" s="5" t="s">
        <v>1518</v>
      </c>
      <c r="J7408" s="5" t="s">
        <v>1519</v>
      </c>
      <c r="K7408" s="2" t="s">
        <v>1520</v>
      </c>
      <c r="L7408" s="5" t="s">
        <v>1519</v>
      </c>
      <c r="M7408" s="2" t="s">
        <v>1520</v>
      </c>
      <c r="N7408" s="5" t="s">
        <v>1521</v>
      </c>
      <c r="O7408" s="5" t="s">
        <v>38</v>
      </c>
      <c r="P7408" s="5" t="s">
        <v>39</v>
      </c>
      <c r="Q7408" s="5" t="s">
        <v>40</v>
      </c>
      <c r="R7408" s="5" t="s">
        <v>1522</v>
      </c>
      <c r="S7408" s="5" t="s">
        <v>1523</v>
      </c>
      <c r="T7408" s="5" t="s">
        <v>42</v>
      </c>
      <c r="U7408" s="2">
        <v>3.0009999999999999</v>
      </c>
      <c r="V7408" s="2">
        <v>2.4769999999999999</v>
      </c>
      <c r="W7408" s="2">
        <v>1.4999999999999999E-2</v>
      </c>
      <c r="X7408" s="2">
        <v>118.9</v>
      </c>
      <c r="Y7408" s="2">
        <v>7.6</v>
      </c>
      <c r="Z7408" s="2">
        <v>16.7</v>
      </c>
      <c r="AA7408" s="5"/>
      <c r="AB7408" s="5" t="s">
        <v>43</v>
      </c>
      <c r="AC7408" s="5" t="s">
        <v>44</v>
      </c>
      <c r="AD7408" s="2"/>
      <c r="AE7408" s="1"/>
    </row>
    <row r="7409" spans="1:31" ht="14.45">
      <c r="A7409" s="11"/>
      <c r="B7409" s="20"/>
      <c r="C7409" s="2" t="s">
        <v>22699</v>
      </c>
      <c r="D7409" s="14" t="s">
        <v>22700</v>
      </c>
      <c r="E7409" s="2" t="s">
        <v>22701</v>
      </c>
      <c r="F7409" s="2" t="s">
        <v>7619</v>
      </c>
      <c r="G7409" s="8">
        <v>272</v>
      </c>
      <c r="H7409" s="5">
        <v>6</v>
      </c>
      <c r="I7409" s="5" t="s">
        <v>1518</v>
      </c>
      <c r="J7409" s="5" t="s">
        <v>1519</v>
      </c>
      <c r="K7409" s="2" t="s">
        <v>1520</v>
      </c>
      <c r="L7409" s="5" t="s">
        <v>1519</v>
      </c>
      <c r="M7409" s="2" t="s">
        <v>1520</v>
      </c>
      <c r="N7409" s="5" t="s">
        <v>1521</v>
      </c>
      <c r="O7409" s="5" t="s">
        <v>38</v>
      </c>
      <c r="P7409" s="5" t="s">
        <v>39</v>
      </c>
      <c r="Q7409" s="5" t="s">
        <v>40</v>
      </c>
      <c r="R7409" s="5" t="s">
        <v>1522</v>
      </c>
      <c r="S7409" s="5" t="s">
        <v>1523</v>
      </c>
      <c r="T7409" s="5" t="s">
        <v>42</v>
      </c>
      <c r="U7409" s="2">
        <v>3.0910000000000002</v>
      </c>
      <c r="V7409" s="2">
        <v>2.5670000000000002</v>
      </c>
      <c r="W7409" s="2">
        <v>1.4999999999999999E-2</v>
      </c>
      <c r="X7409" s="2">
        <v>118.9</v>
      </c>
      <c r="Y7409" s="2">
        <v>7.6</v>
      </c>
      <c r="Z7409" s="2">
        <v>16.7</v>
      </c>
      <c r="AA7409" s="5"/>
      <c r="AB7409" s="5" t="s">
        <v>43</v>
      </c>
      <c r="AC7409" s="5" t="s">
        <v>44</v>
      </c>
      <c r="AD7409" s="2"/>
      <c r="AE7409" s="1"/>
    </row>
    <row r="7410" spans="1:31" ht="14.45">
      <c r="A7410" s="11"/>
      <c r="B7410" s="20"/>
      <c r="C7410" s="2" t="s">
        <v>22702</v>
      </c>
      <c r="D7410" s="14" t="s">
        <v>22703</v>
      </c>
      <c r="E7410" s="2" t="s">
        <v>22704</v>
      </c>
      <c r="F7410" s="2" t="s">
        <v>16029</v>
      </c>
      <c r="G7410" s="8">
        <v>272</v>
      </c>
      <c r="H7410" s="5">
        <v>11</v>
      </c>
      <c r="I7410" s="5" t="s">
        <v>1518</v>
      </c>
      <c r="J7410" s="5" t="s">
        <v>1519</v>
      </c>
      <c r="K7410" s="2" t="s">
        <v>1520</v>
      </c>
      <c r="L7410" s="5" t="s">
        <v>1519</v>
      </c>
      <c r="M7410" s="2" t="s">
        <v>1520</v>
      </c>
      <c r="N7410" s="5" t="s">
        <v>1521</v>
      </c>
      <c r="O7410" s="5" t="s">
        <v>38</v>
      </c>
      <c r="P7410" s="5" t="s">
        <v>39</v>
      </c>
      <c r="Q7410" s="5" t="s">
        <v>40</v>
      </c>
      <c r="R7410" s="5" t="s">
        <v>1522</v>
      </c>
      <c r="S7410" s="5" t="s">
        <v>1523</v>
      </c>
      <c r="T7410" s="5" t="s">
        <v>42</v>
      </c>
      <c r="U7410" s="2">
        <v>3.0270000000000001</v>
      </c>
      <c r="V7410" s="2">
        <v>2.5030000000000001</v>
      </c>
      <c r="W7410" s="2">
        <v>1.4999999999999999E-2</v>
      </c>
      <c r="X7410" s="2">
        <v>118.9</v>
      </c>
      <c r="Y7410" s="2">
        <v>7.6</v>
      </c>
      <c r="Z7410" s="2">
        <v>16.7</v>
      </c>
      <c r="AA7410" s="5"/>
      <c r="AB7410" s="5" t="s">
        <v>43</v>
      </c>
      <c r="AC7410" s="5" t="s">
        <v>44</v>
      </c>
      <c r="AD7410" s="2"/>
      <c r="AE7410" s="1"/>
    </row>
    <row r="7411" spans="1:31" ht="14.45">
      <c r="A7411" s="11"/>
      <c r="B7411" s="20"/>
      <c r="C7411" s="2" t="s">
        <v>22705</v>
      </c>
      <c r="D7411" s="14" t="s">
        <v>22706</v>
      </c>
      <c r="E7411" s="2" t="s">
        <v>22707</v>
      </c>
      <c r="F7411" s="2" t="s">
        <v>16033</v>
      </c>
      <c r="G7411" s="8">
        <v>272</v>
      </c>
      <c r="H7411" s="5">
        <v>11</v>
      </c>
      <c r="I7411" s="5" t="s">
        <v>1518</v>
      </c>
      <c r="J7411" s="5" t="s">
        <v>1519</v>
      </c>
      <c r="K7411" s="2" t="s">
        <v>1520</v>
      </c>
      <c r="L7411" s="5" t="s">
        <v>1519</v>
      </c>
      <c r="M7411" s="2" t="s">
        <v>1520</v>
      </c>
      <c r="N7411" s="5" t="s">
        <v>1521</v>
      </c>
      <c r="O7411" s="5" t="s">
        <v>38</v>
      </c>
      <c r="P7411" s="5" t="s">
        <v>39</v>
      </c>
      <c r="Q7411" s="5" t="s">
        <v>40</v>
      </c>
      <c r="R7411" s="5" t="s">
        <v>1522</v>
      </c>
      <c r="S7411" s="5" t="s">
        <v>1523</v>
      </c>
      <c r="T7411" s="5" t="s">
        <v>42</v>
      </c>
      <c r="U7411" s="2">
        <v>3.117</v>
      </c>
      <c r="V7411" s="2">
        <v>2.593</v>
      </c>
      <c r="W7411" s="2">
        <v>1.4999999999999999E-2</v>
      </c>
      <c r="X7411" s="2">
        <v>118.9</v>
      </c>
      <c r="Y7411" s="2">
        <v>7.6</v>
      </c>
      <c r="Z7411" s="2">
        <v>16.7</v>
      </c>
      <c r="AA7411" s="5"/>
      <c r="AB7411" s="5" t="s">
        <v>43</v>
      </c>
      <c r="AC7411" s="5" t="s">
        <v>44</v>
      </c>
      <c r="AD7411" s="2"/>
      <c r="AE7411" s="1"/>
    </row>
    <row r="7412" spans="1:31" ht="14.45">
      <c r="A7412" s="11"/>
      <c r="B7412" s="20"/>
      <c r="C7412" s="2" t="s">
        <v>22708</v>
      </c>
      <c r="D7412" s="14" t="s">
        <v>22709</v>
      </c>
      <c r="E7412" s="2" t="s">
        <v>22710</v>
      </c>
      <c r="F7412" s="2" t="s">
        <v>7396</v>
      </c>
      <c r="G7412" s="8">
        <v>263</v>
      </c>
      <c r="H7412" s="5">
        <v>6</v>
      </c>
      <c r="I7412" s="5" t="s">
        <v>1518</v>
      </c>
      <c r="J7412" s="5" t="s">
        <v>1519</v>
      </c>
      <c r="K7412" s="2" t="s">
        <v>1520</v>
      </c>
      <c r="L7412" s="5" t="s">
        <v>1519</v>
      </c>
      <c r="M7412" s="2" t="s">
        <v>1520</v>
      </c>
      <c r="N7412" s="5" t="s">
        <v>1521</v>
      </c>
      <c r="O7412" s="5" t="s">
        <v>38</v>
      </c>
      <c r="P7412" s="5" t="s">
        <v>39</v>
      </c>
      <c r="Q7412" s="5" t="s">
        <v>40</v>
      </c>
      <c r="R7412" s="5" t="s">
        <v>1522</v>
      </c>
      <c r="S7412" s="5" t="s">
        <v>1523</v>
      </c>
      <c r="T7412" s="5" t="s">
        <v>42</v>
      </c>
      <c r="U7412" s="2">
        <v>3.2839999999999998</v>
      </c>
      <c r="V7412" s="2">
        <v>2.6850000000000001</v>
      </c>
      <c r="W7412" s="2">
        <v>1.7999999999999999E-2</v>
      </c>
      <c r="X7412" s="2">
        <v>139.1</v>
      </c>
      <c r="Y7412" s="2">
        <v>7.6</v>
      </c>
      <c r="Z7412" s="2">
        <v>16.7</v>
      </c>
      <c r="AA7412" s="5"/>
      <c r="AB7412" s="5" t="s">
        <v>43</v>
      </c>
      <c r="AC7412" s="5" t="s">
        <v>44</v>
      </c>
      <c r="AD7412" s="2"/>
      <c r="AE7412" s="1"/>
    </row>
    <row r="7413" spans="1:31" ht="14.45">
      <c r="A7413" s="11"/>
      <c r="B7413" s="20"/>
      <c r="C7413" s="2" t="s">
        <v>22711</v>
      </c>
      <c r="D7413" s="14" t="s">
        <v>22712</v>
      </c>
      <c r="E7413" s="2" t="s">
        <v>22713</v>
      </c>
      <c r="F7413" s="2" t="s">
        <v>7507</v>
      </c>
      <c r="G7413" s="8">
        <v>263</v>
      </c>
      <c r="H7413" s="5">
        <v>6</v>
      </c>
      <c r="I7413" s="5" t="s">
        <v>1518</v>
      </c>
      <c r="J7413" s="5" t="s">
        <v>1519</v>
      </c>
      <c r="K7413" s="2" t="s">
        <v>1520</v>
      </c>
      <c r="L7413" s="5" t="s">
        <v>1519</v>
      </c>
      <c r="M7413" s="2" t="s">
        <v>1520</v>
      </c>
      <c r="N7413" s="5" t="s">
        <v>1521</v>
      </c>
      <c r="O7413" s="5" t="s">
        <v>38</v>
      </c>
      <c r="P7413" s="5" t="s">
        <v>39</v>
      </c>
      <c r="Q7413" s="5" t="s">
        <v>40</v>
      </c>
      <c r="R7413" s="5" t="s">
        <v>1522</v>
      </c>
      <c r="S7413" s="5" t="s">
        <v>1523</v>
      </c>
      <c r="T7413" s="5" t="s">
        <v>42</v>
      </c>
      <c r="U7413" s="2">
        <v>3.3860000000000001</v>
      </c>
      <c r="V7413" s="2">
        <v>2.7869999999999999</v>
      </c>
      <c r="W7413" s="2">
        <v>1.7999999999999999E-2</v>
      </c>
      <c r="X7413" s="2">
        <v>139.1</v>
      </c>
      <c r="Y7413" s="2">
        <v>7.6</v>
      </c>
      <c r="Z7413" s="2">
        <v>16.7</v>
      </c>
      <c r="AA7413" s="5"/>
      <c r="AB7413" s="5" t="s">
        <v>43</v>
      </c>
      <c r="AC7413" s="5" t="s">
        <v>44</v>
      </c>
      <c r="AD7413" s="2"/>
      <c r="AE7413" s="1"/>
    </row>
    <row r="7414" spans="1:31" ht="14.45">
      <c r="A7414" s="11"/>
      <c r="B7414" s="20"/>
      <c r="C7414" s="2" t="s">
        <v>22714</v>
      </c>
      <c r="D7414" s="14" t="s">
        <v>22715</v>
      </c>
      <c r="E7414" s="2" t="s">
        <v>22716</v>
      </c>
      <c r="F7414" s="2" t="s">
        <v>7204</v>
      </c>
      <c r="G7414" s="8">
        <v>263</v>
      </c>
      <c r="H7414" s="5">
        <v>6</v>
      </c>
      <c r="I7414" s="5" t="s">
        <v>1518</v>
      </c>
      <c r="J7414" s="5" t="s">
        <v>1519</v>
      </c>
      <c r="K7414" s="2" t="s">
        <v>1520</v>
      </c>
      <c r="L7414" s="5" t="s">
        <v>1519</v>
      </c>
      <c r="M7414" s="2" t="s">
        <v>1520</v>
      </c>
      <c r="N7414" s="5" t="s">
        <v>1521</v>
      </c>
      <c r="O7414" s="5" t="s">
        <v>38</v>
      </c>
      <c r="P7414" s="5" t="s">
        <v>39</v>
      </c>
      <c r="Q7414" s="5" t="s">
        <v>40</v>
      </c>
      <c r="R7414" s="5" t="s">
        <v>1522</v>
      </c>
      <c r="S7414" s="5" t="s">
        <v>1523</v>
      </c>
      <c r="T7414" s="5" t="s">
        <v>42</v>
      </c>
      <c r="U7414" s="2">
        <v>3.2930000000000001</v>
      </c>
      <c r="V7414" s="2">
        <v>2.694</v>
      </c>
      <c r="W7414" s="2">
        <v>1.7999999999999999E-2</v>
      </c>
      <c r="X7414" s="2">
        <v>139.1</v>
      </c>
      <c r="Y7414" s="2">
        <v>7.6</v>
      </c>
      <c r="Z7414" s="2">
        <v>16.7</v>
      </c>
      <c r="AA7414" s="5"/>
      <c r="AB7414" s="5" t="s">
        <v>43</v>
      </c>
      <c r="AC7414" s="5" t="s">
        <v>44</v>
      </c>
      <c r="AD7414" s="2"/>
      <c r="AE7414" s="1"/>
    </row>
    <row r="7415" spans="1:31" ht="14.45">
      <c r="A7415" s="11"/>
      <c r="B7415" s="20"/>
      <c r="C7415" s="2" t="s">
        <v>22717</v>
      </c>
      <c r="D7415" s="14" t="s">
        <v>22718</v>
      </c>
      <c r="E7415" s="2" t="s">
        <v>22719</v>
      </c>
      <c r="F7415" s="2" t="s">
        <v>7514</v>
      </c>
      <c r="G7415" s="8">
        <v>263</v>
      </c>
      <c r="H7415" s="5">
        <v>6</v>
      </c>
      <c r="I7415" s="5" t="s">
        <v>1518</v>
      </c>
      <c r="J7415" s="5" t="s">
        <v>1519</v>
      </c>
      <c r="K7415" s="2" t="s">
        <v>1520</v>
      </c>
      <c r="L7415" s="5" t="s">
        <v>1519</v>
      </c>
      <c r="M7415" s="2" t="s">
        <v>1520</v>
      </c>
      <c r="N7415" s="5" t="s">
        <v>1521</v>
      </c>
      <c r="O7415" s="5" t="s">
        <v>38</v>
      </c>
      <c r="P7415" s="5" t="s">
        <v>39</v>
      </c>
      <c r="Q7415" s="5" t="s">
        <v>40</v>
      </c>
      <c r="R7415" s="5" t="s">
        <v>1522</v>
      </c>
      <c r="S7415" s="5" t="s">
        <v>1523</v>
      </c>
      <c r="T7415" s="5" t="s">
        <v>42</v>
      </c>
      <c r="U7415" s="2">
        <v>3.395</v>
      </c>
      <c r="V7415" s="2">
        <v>2.7959999999999998</v>
      </c>
      <c r="W7415" s="2">
        <v>1.7999999999999999E-2</v>
      </c>
      <c r="X7415" s="2">
        <v>139.1</v>
      </c>
      <c r="Y7415" s="2">
        <v>7.6</v>
      </c>
      <c r="Z7415" s="2">
        <v>16.7</v>
      </c>
      <c r="AA7415" s="5"/>
      <c r="AB7415" s="5" t="s">
        <v>43</v>
      </c>
      <c r="AC7415" s="5" t="s">
        <v>44</v>
      </c>
      <c r="AD7415" s="2"/>
      <c r="AE7415" s="1"/>
    </row>
    <row r="7416" spans="1:31" ht="14.45">
      <c r="A7416" s="11"/>
      <c r="B7416" s="20"/>
      <c r="C7416" s="2" t="s">
        <v>22720</v>
      </c>
      <c r="D7416" s="14" t="s">
        <v>22721</v>
      </c>
      <c r="E7416" s="2" t="s">
        <v>22722</v>
      </c>
      <c r="F7416" s="2" t="s">
        <v>7208</v>
      </c>
      <c r="G7416" s="8">
        <v>263</v>
      </c>
      <c r="H7416" s="5">
        <v>6</v>
      </c>
      <c r="I7416" s="5" t="s">
        <v>1518</v>
      </c>
      <c r="J7416" s="5" t="s">
        <v>1519</v>
      </c>
      <c r="K7416" s="2" t="s">
        <v>1520</v>
      </c>
      <c r="L7416" s="5" t="s">
        <v>1519</v>
      </c>
      <c r="M7416" s="2" t="s">
        <v>1520</v>
      </c>
      <c r="N7416" s="5" t="s">
        <v>1521</v>
      </c>
      <c r="O7416" s="5" t="s">
        <v>38</v>
      </c>
      <c r="P7416" s="5" t="s">
        <v>39</v>
      </c>
      <c r="Q7416" s="5" t="s">
        <v>40</v>
      </c>
      <c r="R7416" s="5" t="s">
        <v>1522</v>
      </c>
      <c r="S7416" s="5" t="s">
        <v>1523</v>
      </c>
      <c r="T7416" s="5" t="s">
        <v>42</v>
      </c>
      <c r="U7416" s="2">
        <v>3.2930000000000001</v>
      </c>
      <c r="V7416" s="2">
        <v>2.694</v>
      </c>
      <c r="W7416" s="2">
        <v>1.7999999999999999E-2</v>
      </c>
      <c r="X7416" s="2">
        <v>139.1</v>
      </c>
      <c r="Y7416" s="2">
        <v>7.6</v>
      </c>
      <c r="Z7416" s="2">
        <v>16.7</v>
      </c>
      <c r="AA7416" s="5"/>
      <c r="AB7416" s="5" t="s">
        <v>43</v>
      </c>
      <c r="AC7416" s="5" t="s">
        <v>44</v>
      </c>
      <c r="AD7416" s="2"/>
      <c r="AE7416" s="1"/>
    </row>
    <row r="7417" spans="1:31" ht="14.45">
      <c r="A7417" s="11"/>
      <c r="B7417" s="20"/>
      <c r="C7417" s="2" t="s">
        <v>22723</v>
      </c>
      <c r="D7417" s="14" t="s">
        <v>22724</v>
      </c>
      <c r="E7417" s="2" t="s">
        <v>22725</v>
      </c>
      <c r="F7417" s="2" t="s">
        <v>7521</v>
      </c>
      <c r="G7417" s="8">
        <v>263</v>
      </c>
      <c r="H7417" s="5">
        <v>6</v>
      </c>
      <c r="I7417" s="5" t="s">
        <v>1518</v>
      </c>
      <c r="J7417" s="5" t="s">
        <v>1519</v>
      </c>
      <c r="K7417" s="2" t="s">
        <v>1520</v>
      </c>
      <c r="L7417" s="5" t="s">
        <v>1519</v>
      </c>
      <c r="M7417" s="2" t="s">
        <v>1520</v>
      </c>
      <c r="N7417" s="5" t="s">
        <v>1521</v>
      </c>
      <c r="O7417" s="5" t="s">
        <v>38</v>
      </c>
      <c r="P7417" s="5" t="s">
        <v>39</v>
      </c>
      <c r="Q7417" s="5" t="s">
        <v>40</v>
      </c>
      <c r="R7417" s="5" t="s">
        <v>1522</v>
      </c>
      <c r="S7417" s="5" t="s">
        <v>1523</v>
      </c>
      <c r="T7417" s="5" t="s">
        <v>42</v>
      </c>
      <c r="U7417" s="2">
        <v>3.395</v>
      </c>
      <c r="V7417" s="2">
        <v>2.7959999999999998</v>
      </c>
      <c r="W7417" s="2">
        <v>1.7999999999999999E-2</v>
      </c>
      <c r="X7417" s="2">
        <v>139.1</v>
      </c>
      <c r="Y7417" s="2">
        <v>7.6</v>
      </c>
      <c r="Z7417" s="2">
        <v>16.7</v>
      </c>
      <c r="AA7417" s="5"/>
      <c r="AB7417" s="5" t="s">
        <v>43</v>
      </c>
      <c r="AC7417" s="5" t="s">
        <v>44</v>
      </c>
      <c r="AD7417" s="2"/>
      <c r="AE7417" s="1"/>
    </row>
    <row r="7418" spans="1:31" ht="14.45">
      <c r="A7418" s="11"/>
      <c r="B7418" s="20"/>
      <c r="C7418" s="2" t="s">
        <v>22726</v>
      </c>
      <c r="D7418" s="14" t="s">
        <v>22727</v>
      </c>
      <c r="E7418" s="2" t="s">
        <v>22728</v>
      </c>
      <c r="F7418" s="2" t="s">
        <v>7212</v>
      </c>
      <c r="G7418" s="8">
        <v>263</v>
      </c>
      <c r="H7418" s="5">
        <v>6</v>
      </c>
      <c r="I7418" s="5" t="s">
        <v>1518</v>
      </c>
      <c r="J7418" s="5" t="s">
        <v>1519</v>
      </c>
      <c r="K7418" s="2" t="s">
        <v>1520</v>
      </c>
      <c r="L7418" s="5" t="s">
        <v>1519</v>
      </c>
      <c r="M7418" s="2" t="s">
        <v>1520</v>
      </c>
      <c r="N7418" s="5" t="s">
        <v>1521</v>
      </c>
      <c r="O7418" s="5" t="s">
        <v>38</v>
      </c>
      <c r="P7418" s="5" t="s">
        <v>39</v>
      </c>
      <c r="Q7418" s="5" t="s">
        <v>40</v>
      </c>
      <c r="R7418" s="5" t="s">
        <v>1522</v>
      </c>
      <c r="S7418" s="5" t="s">
        <v>1523</v>
      </c>
      <c r="T7418" s="5" t="s">
        <v>42</v>
      </c>
      <c r="U7418" s="2">
        <v>3.2639999999999998</v>
      </c>
      <c r="V7418" s="2">
        <v>2.665</v>
      </c>
      <c r="W7418" s="2">
        <v>1.7999999999999999E-2</v>
      </c>
      <c r="X7418" s="2">
        <v>139.1</v>
      </c>
      <c r="Y7418" s="2">
        <v>7.6</v>
      </c>
      <c r="Z7418" s="2">
        <v>16.7</v>
      </c>
      <c r="AA7418" s="5"/>
      <c r="AB7418" s="5" t="s">
        <v>43</v>
      </c>
      <c r="AC7418" s="5" t="s">
        <v>44</v>
      </c>
      <c r="AD7418" s="2"/>
      <c r="AE7418" s="1"/>
    </row>
    <row r="7419" spans="1:31" ht="14.45">
      <c r="A7419" s="11"/>
      <c r="B7419" s="20"/>
      <c r="C7419" s="2" t="s">
        <v>22729</v>
      </c>
      <c r="D7419" s="14" t="s">
        <v>22730</v>
      </c>
      <c r="E7419" s="2" t="s">
        <v>22731</v>
      </c>
      <c r="F7419" s="2" t="s">
        <v>7528</v>
      </c>
      <c r="G7419" s="8">
        <v>263</v>
      </c>
      <c r="H7419" s="5">
        <v>6</v>
      </c>
      <c r="I7419" s="5" t="s">
        <v>1518</v>
      </c>
      <c r="J7419" s="5" t="s">
        <v>1519</v>
      </c>
      <c r="K7419" s="2" t="s">
        <v>1520</v>
      </c>
      <c r="L7419" s="5" t="s">
        <v>1519</v>
      </c>
      <c r="M7419" s="2" t="s">
        <v>1520</v>
      </c>
      <c r="N7419" s="5" t="s">
        <v>1521</v>
      </c>
      <c r="O7419" s="5" t="s">
        <v>38</v>
      </c>
      <c r="P7419" s="5" t="s">
        <v>39</v>
      </c>
      <c r="Q7419" s="5" t="s">
        <v>40</v>
      </c>
      <c r="R7419" s="5" t="s">
        <v>1522</v>
      </c>
      <c r="S7419" s="5" t="s">
        <v>1523</v>
      </c>
      <c r="T7419" s="5" t="s">
        <v>42</v>
      </c>
      <c r="U7419" s="2">
        <v>3.3660000000000001</v>
      </c>
      <c r="V7419" s="2">
        <v>2.7669999999999999</v>
      </c>
      <c r="W7419" s="2">
        <v>1.7999999999999999E-2</v>
      </c>
      <c r="X7419" s="2">
        <v>139.1</v>
      </c>
      <c r="Y7419" s="2">
        <v>7.6</v>
      </c>
      <c r="Z7419" s="2">
        <v>16.7</v>
      </c>
      <c r="AA7419" s="5"/>
      <c r="AB7419" s="5" t="s">
        <v>43</v>
      </c>
      <c r="AC7419" s="5" t="s">
        <v>44</v>
      </c>
      <c r="AD7419" s="2"/>
      <c r="AE7419" s="1"/>
    </row>
    <row r="7420" spans="1:31" ht="14.45">
      <c r="A7420" s="11"/>
      <c r="B7420" s="20"/>
      <c r="C7420" s="2" t="s">
        <v>22732</v>
      </c>
      <c r="D7420" s="14" t="s">
        <v>22733</v>
      </c>
      <c r="E7420" s="2" t="s">
        <v>22734</v>
      </c>
      <c r="F7420" s="2" t="s">
        <v>7406</v>
      </c>
      <c r="G7420" s="8">
        <v>283</v>
      </c>
      <c r="H7420" s="5">
        <v>6</v>
      </c>
      <c r="I7420" s="5" t="s">
        <v>1518</v>
      </c>
      <c r="J7420" s="5" t="s">
        <v>1519</v>
      </c>
      <c r="K7420" s="2" t="s">
        <v>1520</v>
      </c>
      <c r="L7420" s="5" t="s">
        <v>1519</v>
      </c>
      <c r="M7420" s="2" t="s">
        <v>1520</v>
      </c>
      <c r="N7420" s="5" t="s">
        <v>1521</v>
      </c>
      <c r="O7420" s="5" t="s">
        <v>38</v>
      </c>
      <c r="P7420" s="5" t="s">
        <v>39</v>
      </c>
      <c r="Q7420" s="5" t="s">
        <v>40</v>
      </c>
      <c r="R7420" s="5" t="s">
        <v>1522</v>
      </c>
      <c r="S7420" s="5" t="s">
        <v>1523</v>
      </c>
      <c r="T7420" s="5" t="s">
        <v>42</v>
      </c>
      <c r="U7420" s="2">
        <v>3.2639999999999998</v>
      </c>
      <c r="V7420" s="2">
        <v>2.665</v>
      </c>
      <c r="W7420" s="2">
        <v>1.7999999999999999E-2</v>
      </c>
      <c r="X7420" s="2">
        <v>139.1</v>
      </c>
      <c r="Y7420" s="2">
        <v>7.6</v>
      </c>
      <c r="Z7420" s="2">
        <v>16.7</v>
      </c>
      <c r="AA7420" s="5"/>
      <c r="AB7420" s="5" t="s">
        <v>43</v>
      </c>
      <c r="AC7420" s="5" t="s">
        <v>44</v>
      </c>
      <c r="AD7420" s="2"/>
      <c r="AE7420" s="1"/>
    </row>
    <row r="7421" spans="1:31" ht="14.45">
      <c r="A7421" s="11"/>
      <c r="B7421" s="20"/>
      <c r="C7421" s="2" t="s">
        <v>22735</v>
      </c>
      <c r="D7421" s="14" t="s">
        <v>22736</v>
      </c>
      <c r="E7421" s="2" t="s">
        <v>22737</v>
      </c>
      <c r="F7421" s="2" t="s">
        <v>7535</v>
      </c>
      <c r="G7421" s="8">
        <v>283</v>
      </c>
      <c r="H7421" s="5">
        <v>6</v>
      </c>
      <c r="I7421" s="5" t="s">
        <v>1518</v>
      </c>
      <c r="J7421" s="5" t="s">
        <v>1519</v>
      </c>
      <c r="K7421" s="2" t="s">
        <v>1520</v>
      </c>
      <c r="L7421" s="5" t="s">
        <v>1519</v>
      </c>
      <c r="M7421" s="2" t="s">
        <v>1520</v>
      </c>
      <c r="N7421" s="5" t="s">
        <v>1521</v>
      </c>
      <c r="O7421" s="5" t="s">
        <v>38</v>
      </c>
      <c r="P7421" s="5" t="s">
        <v>39</v>
      </c>
      <c r="Q7421" s="5" t="s">
        <v>40</v>
      </c>
      <c r="R7421" s="5" t="s">
        <v>1522</v>
      </c>
      <c r="S7421" s="5" t="s">
        <v>1523</v>
      </c>
      <c r="T7421" s="5" t="s">
        <v>42</v>
      </c>
      <c r="U7421" s="2">
        <v>3.3660000000000001</v>
      </c>
      <c r="V7421" s="2">
        <v>2.7669999999999999</v>
      </c>
      <c r="W7421" s="2">
        <v>1.7999999999999999E-2</v>
      </c>
      <c r="X7421" s="2">
        <v>139.1</v>
      </c>
      <c r="Y7421" s="2">
        <v>7.6</v>
      </c>
      <c r="Z7421" s="2">
        <v>16.7</v>
      </c>
      <c r="AA7421" s="5"/>
      <c r="AB7421" s="5" t="s">
        <v>43</v>
      </c>
      <c r="AC7421" s="5" t="s">
        <v>44</v>
      </c>
      <c r="AD7421" s="2"/>
      <c r="AE7421" s="1"/>
    </row>
    <row r="7422" spans="1:31" ht="14.45">
      <c r="A7422" s="11"/>
      <c r="B7422" s="20"/>
      <c r="C7422" s="2" t="s">
        <v>22738</v>
      </c>
      <c r="D7422" s="14" t="s">
        <v>22739</v>
      </c>
      <c r="E7422" s="2" t="s">
        <v>22740</v>
      </c>
      <c r="F7422" s="2" t="s">
        <v>7539</v>
      </c>
      <c r="G7422" s="8">
        <v>283</v>
      </c>
      <c r="H7422" s="5">
        <v>6</v>
      </c>
      <c r="I7422" s="5" t="s">
        <v>1518</v>
      </c>
      <c r="J7422" s="5" t="s">
        <v>1519</v>
      </c>
      <c r="K7422" s="2" t="s">
        <v>1520</v>
      </c>
      <c r="L7422" s="5" t="s">
        <v>1519</v>
      </c>
      <c r="M7422" s="2" t="s">
        <v>1520</v>
      </c>
      <c r="N7422" s="5" t="s">
        <v>1521</v>
      </c>
      <c r="O7422" s="5" t="s">
        <v>38</v>
      </c>
      <c r="P7422" s="5" t="s">
        <v>39</v>
      </c>
      <c r="Q7422" s="5" t="s">
        <v>40</v>
      </c>
      <c r="R7422" s="5" t="s">
        <v>1522</v>
      </c>
      <c r="S7422" s="5" t="s">
        <v>1523</v>
      </c>
      <c r="T7422" s="5" t="s">
        <v>42</v>
      </c>
      <c r="U7422" s="2">
        <v>3.2930000000000001</v>
      </c>
      <c r="V7422" s="2">
        <v>2.694</v>
      </c>
      <c r="W7422" s="2">
        <v>1.7999999999999999E-2</v>
      </c>
      <c r="X7422" s="2">
        <v>139.1</v>
      </c>
      <c r="Y7422" s="2">
        <v>7.6</v>
      </c>
      <c r="Z7422" s="2">
        <v>16.7</v>
      </c>
      <c r="AA7422" s="5"/>
      <c r="AB7422" s="5" t="s">
        <v>43</v>
      </c>
      <c r="AC7422" s="5" t="s">
        <v>44</v>
      </c>
      <c r="AD7422" s="2"/>
      <c r="AE7422" s="1"/>
    </row>
    <row r="7423" spans="1:31" ht="14.45">
      <c r="A7423" s="11"/>
      <c r="B7423" s="20"/>
      <c r="C7423" s="2" t="s">
        <v>22741</v>
      </c>
      <c r="D7423" s="14" t="s">
        <v>22742</v>
      </c>
      <c r="E7423" s="2" t="s">
        <v>22743</v>
      </c>
      <c r="F7423" s="2" t="s">
        <v>7543</v>
      </c>
      <c r="G7423" s="8">
        <v>283</v>
      </c>
      <c r="H7423" s="5">
        <v>6</v>
      </c>
      <c r="I7423" s="5" t="s">
        <v>1518</v>
      </c>
      <c r="J7423" s="5" t="s">
        <v>1519</v>
      </c>
      <c r="K7423" s="2" t="s">
        <v>1520</v>
      </c>
      <c r="L7423" s="5" t="s">
        <v>1519</v>
      </c>
      <c r="M7423" s="2" t="s">
        <v>1520</v>
      </c>
      <c r="N7423" s="5" t="s">
        <v>1521</v>
      </c>
      <c r="O7423" s="5" t="s">
        <v>38</v>
      </c>
      <c r="P7423" s="5" t="s">
        <v>39</v>
      </c>
      <c r="Q7423" s="5" t="s">
        <v>40</v>
      </c>
      <c r="R7423" s="5" t="s">
        <v>1522</v>
      </c>
      <c r="S7423" s="5" t="s">
        <v>1523</v>
      </c>
      <c r="T7423" s="5" t="s">
        <v>42</v>
      </c>
      <c r="U7423" s="2">
        <v>3.395</v>
      </c>
      <c r="V7423" s="2">
        <v>2.7959999999999998</v>
      </c>
      <c r="W7423" s="2">
        <v>1.7999999999999999E-2</v>
      </c>
      <c r="X7423" s="2">
        <v>139.1</v>
      </c>
      <c r="Y7423" s="2">
        <v>7.6</v>
      </c>
      <c r="Z7423" s="2">
        <v>16.7</v>
      </c>
      <c r="AA7423" s="5"/>
      <c r="AB7423" s="5" t="s">
        <v>43</v>
      </c>
      <c r="AC7423" s="5" t="s">
        <v>44</v>
      </c>
      <c r="AD7423" s="2"/>
      <c r="AE7423" s="1"/>
    </row>
    <row r="7424" spans="1:31" ht="14.45">
      <c r="A7424" s="11"/>
      <c r="B7424" s="20"/>
      <c r="C7424" s="2" t="s">
        <v>22744</v>
      </c>
      <c r="D7424" s="14" t="s">
        <v>22745</v>
      </c>
      <c r="E7424" s="2" t="s">
        <v>22746</v>
      </c>
      <c r="F7424" s="2" t="s">
        <v>7547</v>
      </c>
      <c r="G7424" s="8">
        <v>283</v>
      </c>
      <c r="H7424" s="5">
        <v>6</v>
      </c>
      <c r="I7424" s="5" t="s">
        <v>1518</v>
      </c>
      <c r="J7424" s="5" t="s">
        <v>1519</v>
      </c>
      <c r="K7424" s="2" t="s">
        <v>1520</v>
      </c>
      <c r="L7424" s="5" t="s">
        <v>1519</v>
      </c>
      <c r="M7424" s="2" t="s">
        <v>1520</v>
      </c>
      <c r="N7424" s="5" t="s">
        <v>1521</v>
      </c>
      <c r="O7424" s="5" t="s">
        <v>38</v>
      </c>
      <c r="P7424" s="5" t="s">
        <v>39</v>
      </c>
      <c r="Q7424" s="5" t="s">
        <v>40</v>
      </c>
      <c r="R7424" s="5" t="s">
        <v>1522</v>
      </c>
      <c r="S7424" s="5" t="s">
        <v>1523</v>
      </c>
      <c r="T7424" s="5" t="s">
        <v>42</v>
      </c>
      <c r="U7424" s="2">
        <v>3.2639999999999998</v>
      </c>
      <c r="V7424" s="2">
        <v>2.665</v>
      </c>
      <c r="W7424" s="2">
        <v>1.7999999999999999E-2</v>
      </c>
      <c r="X7424" s="2">
        <v>139.1</v>
      </c>
      <c r="Y7424" s="2">
        <v>7.6</v>
      </c>
      <c r="Z7424" s="2">
        <v>16.7</v>
      </c>
      <c r="AA7424" s="5"/>
      <c r="AB7424" s="5" t="s">
        <v>43</v>
      </c>
      <c r="AC7424" s="5" t="s">
        <v>44</v>
      </c>
      <c r="AD7424" s="2"/>
      <c r="AE7424" s="1"/>
    </row>
    <row r="7425" spans="1:31" ht="14.45">
      <c r="A7425" s="11"/>
      <c r="B7425" s="20"/>
      <c r="C7425" s="2" t="s">
        <v>22747</v>
      </c>
      <c r="D7425" s="14" t="s">
        <v>22748</v>
      </c>
      <c r="E7425" s="2" t="s">
        <v>22749</v>
      </c>
      <c r="F7425" s="2" t="s">
        <v>7551</v>
      </c>
      <c r="G7425" s="8">
        <v>283</v>
      </c>
      <c r="H7425" s="5">
        <v>6</v>
      </c>
      <c r="I7425" s="5" t="s">
        <v>1518</v>
      </c>
      <c r="J7425" s="5" t="s">
        <v>1519</v>
      </c>
      <c r="K7425" s="2" t="s">
        <v>1520</v>
      </c>
      <c r="L7425" s="5" t="s">
        <v>1519</v>
      </c>
      <c r="M7425" s="2" t="s">
        <v>1520</v>
      </c>
      <c r="N7425" s="5" t="s">
        <v>1521</v>
      </c>
      <c r="O7425" s="5" t="s">
        <v>38</v>
      </c>
      <c r="P7425" s="5" t="s">
        <v>39</v>
      </c>
      <c r="Q7425" s="5" t="s">
        <v>40</v>
      </c>
      <c r="R7425" s="5" t="s">
        <v>1522</v>
      </c>
      <c r="S7425" s="5" t="s">
        <v>1523</v>
      </c>
      <c r="T7425" s="5" t="s">
        <v>42</v>
      </c>
      <c r="U7425" s="2">
        <v>3.3660000000000001</v>
      </c>
      <c r="V7425" s="2">
        <v>2.7669999999999999</v>
      </c>
      <c r="W7425" s="2">
        <v>1.7999999999999999E-2</v>
      </c>
      <c r="X7425" s="2">
        <v>139.1</v>
      </c>
      <c r="Y7425" s="2">
        <v>7.6</v>
      </c>
      <c r="Z7425" s="2">
        <v>16.7</v>
      </c>
      <c r="AA7425" s="5"/>
      <c r="AB7425" s="5" t="s">
        <v>43</v>
      </c>
      <c r="AC7425" s="5" t="s">
        <v>44</v>
      </c>
      <c r="AD7425" s="2"/>
      <c r="AE7425" s="1"/>
    </row>
    <row r="7426" spans="1:31" ht="14.45">
      <c r="A7426" s="11"/>
      <c r="B7426" s="20"/>
      <c r="C7426" s="2" t="s">
        <v>22750</v>
      </c>
      <c r="D7426" s="14" t="s">
        <v>22751</v>
      </c>
      <c r="E7426" s="2" t="s">
        <v>22752</v>
      </c>
      <c r="F7426" s="2" t="s">
        <v>7555</v>
      </c>
      <c r="G7426" s="8">
        <v>283</v>
      </c>
      <c r="H7426" s="5">
        <v>6</v>
      </c>
      <c r="I7426" s="5" t="s">
        <v>1518</v>
      </c>
      <c r="J7426" s="5" t="s">
        <v>1519</v>
      </c>
      <c r="K7426" s="2" t="s">
        <v>1520</v>
      </c>
      <c r="L7426" s="5" t="s">
        <v>1519</v>
      </c>
      <c r="M7426" s="2" t="s">
        <v>1520</v>
      </c>
      <c r="N7426" s="5" t="s">
        <v>1521</v>
      </c>
      <c r="O7426" s="5" t="s">
        <v>38</v>
      </c>
      <c r="P7426" s="5" t="s">
        <v>39</v>
      </c>
      <c r="Q7426" s="5" t="s">
        <v>40</v>
      </c>
      <c r="R7426" s="5" t="s">
        <v>1522</v>
      </c>
      <c r="S7426" s="5" t="s">
        <v>1523</v>
      </c>
      <c r="T7426" s="5" t="s">
        <v>42</v>
      </c>
      <c r="U7426" s="2">
        <v>3.2639999999999998</v>
      </c>
      <c r="V7426" s="2">
        <v>2.665</v>
      </c>
      <c r="W7426" s="2">
        <v>1.7999999999999999E-2</v>
      </c>
      <c r="X7426" s="2">
        <v>139.1</v>
      </c>
      <c r="Y7426" s="2">
        <v>7.6</v>
      </c>
      <c r="Z7426" s="2">
        <v>16.7</v>
      </c>
      <c r="AA7426" s="5"/>
      <c r="AB7426" s="5" t="s">
        <v>43</v>
      </c>
      <c r="AC7426" s="5" t="s">
        <v>44</v>
      </c>
      <c r="AD7426" s="2"/>
      <c r="AE7426" s="1"/>
    </row>
    <row r="7427" spans="1:31" ht="14.45">
      <c r="A7427" s="11"/>
      <c r="B7427" s="20"/>
      <c r="C7427" s="2" t="s">
        <v>22753</v>
      </c>
      <c r="D7427" s="14" t="s">
        <v>22754</v>
      </c>
      <c r="E7427" s="2" t="s">
        <v>22755</v>
      </c>
      <c r="F7427" s="2" t="s">
        <v>7559</v>
      </c>
      <c r="G7427" s="8">
        <v>283</v>
      </c>
      <c r="H7427" s="5">
        <v>6</v>
      </c>
      <c r="I7427" s="5" t="s">
        <v>1518</v>
      </c>
      <c r="J7427" s="5" t="s">
        <v>1519</v>
      </c>
      <c r="K7427" s="2" t="s">
        <v>1520</v>
      </c>
      <c r="L7427" s="5" t="s">
        <v>1519</v>
      </c>
      <c r="M7427" s="2" t="s">
        <v>1520</v>
      </c>
      <c r="N7427" s="5" t="s">
        <v>1521</v>
      </c>
      <c r="O7427" s="5" t="s">
        <v>38</v>
      </c>
      <c r="P7427" s="5" t="s">
        <v>39</v>
      </c>
      <c r="Q7427" s="5" t="s">
        <v>40</v>
      </c>
      <c r="R7427" s="5" t="s">
        <v>1522</v>
      </c>
      <c r="S7427" s="5" t="s">
        <v>1523</v>
      </c>
      <c r="T7427" s="5" t="s">
        <v>42</v>
      </c>
      <c r="U7427" s="2">
        <v>3.3660000000000001</v>
      </c>
      <c r="V7427" s="2">
        <v>2.7669999999999999</v>
      </c>
      <c r="W7427" s="2">
        <v>1.7999999999999999E-2</v>
      </c>
      <c r="X7427" s="2">
        <v>139.1</v>
      </c>
      <c r="Y7427" s="2">
        <v>7.6</v>
      </c>
      <c r="Z7427" s="2">
        <v>16.7</v>
      </c>
      <c r="AA7427" s="5"/>
      <c r="AB7427" s="5" t="s">
        <v>43</v>
      </c>
      <c r="AC7427" s="5" t="s">
        <v>44</v>
      </c>
      <c r="AD7427" s="2"/>
      <c r="AE7427" s="1"/>
    </row>
    <row r="7428" spans="1:31" ht="14.45">
      <c r="A7428" s="11"/>
      <c r="B7428" s="20"/>
      <c r="C7428" s="2" t="s">
        <v>22756</v>
      </c>
      <c r="D7428" s="14" t="s">
        <v>22757</v>
      </c>
      <c r="E7428" s="2" t="s">
        <v>22758</v>
      </c>
      <c r="F7428" s="2" t="s">
        <v>7563</v>
      </c>
      <c r="G7428" s="8">
        <v>283</v>
      </c>
      <c r="H7428" s="5">
        <v>6</v>
      </c>
      <c r="I7428" s="5" t="s">
        <v>1518</v>
      </c>
      <c r="J7428" s="5" t="s">
        <v>1519</v>
      </c>
      <c r="K7428" s="2" t="s">
        <v>1520</v>
      </c>
      <c r="L7428" s="5" t="s">
        <v>1519</v>
      </c>
      <c r="M7428" s="2" t="s">
        <v>1520</v>
      </c>
      <c r="N7428" s="5" t="s">
        <v>1521</v>
      </c>
      <c r="O7428" s="5" t="s">
        <v>38</v>
      </c>
      <c r="P7428" s="5" t="s">
        <v>39</v>
      </c>
      <c r="Q7428" s="5" t="s">
        <v>40</v>
      </c>
      <c r="R7428" s="5" t="s">
        <v>1522</v>
      </c>
      <c r="S7428" s="5" t="s">
        <v>1523</v>
      </c>
      <c r="T7428" s="5" t="s">
        <v>42</v>
      </c>
      <c r="U7428" s="2">
        <v>3.2930000000000001</v>
      </c>
      <c r="V7428" s="2">
        <v>2.694</v>
      </c>
      <c r="W7428" s="2">
        <v>1.7999999999999999E-2</v>
      </c>
      <c r="X7428" s="2">
        <v>139.1</v>
      </c>
      <c r="Y7428" s="2">
        <v>7.6</v>
      </c>
      <c r="Z7428" s="2">
        <v>16.7</v>
      </c>
      <c r="AA7428" s="5"/>
      <c r="AB7428" s="5" t="s">
        <v>43</v>
      </c>
      <c r="AC7428" s="5" t="s">
        <v>44</v>
      </c>
      <c r="AD7428" s="2"/>
      <c r="AE7428" s="1"/>
    </row>
    <row r="7429" spans="1:31" ht="14.45">
      <c r="A7429" s="11"/>
      <c r="B7429" s="20"/>
      <c r="C7429" s="2" t="s">
        <v>22759</v>
      </c>
      <c r="D7429" s="14" t="s">
        <v>22760</v>
      </c>
      <c r="E7429" s="2" t="s">
        <v>22761</v>
      </c>
      <c r="F7429" s="2" t="s">
        <v>7567</v>
      </c>
      <c r="G7429" s="8">
        <v>283</v>
      </c>
      <c r="H7429" s="5">
        <v>6</v>
      </c>
      <c r="I7429" s="5" t="s">
        <v>1518</v>
      </c>
      <c r="J7429" s="5" t="s">
        <v>1519</v>
      </c>
      <c r="K7429" s="2" t="s">
        <v>1520</v>
      </c>
      <c r="L7429" s="5" t="s">
        <v>1519</v>
      </c>
      <c r="M7429" s="2" t="s">
        <v>1520</v>
      </c>
      <c r="N7429" s="5" t="s">
        <v>1521</v>
      </c>
      <c r="O7429" s="5" t="s">
        <v>38</v>
      </c>
      <c r="P7429" s="5" t="s">
        <v>39</v>
      </c>
      <c r="Q7429" s="5" t="s">
        <v>40</v>
      </c>
      <c r="R7429" s="5" t="s">
        <v>1522</v>
      </c>
      <c r="S7429" s="5" t="s">
        <v>1523</v>
      </c>
      <c r="T7429" s="5" t="s">
        <v>42</v>
      </c>
      <c r="U7429" s="2">
        <v>3.395</v>
      </c>
      <c r="V7429" s="2">
        <v>2.7959999999999998</v>
      </c>
      <c r="W7429" s="2">
        <v>1.7999999999999999E-2</v>
      </c>
      <c r="X7429" s="2">
        <v>139.1</v>
      </c>
      <c r="Y7429" s="2">
        <v>7.6</v>
      </c>
      <c r="Z7429" s="2">
        <v>16.7</v>
      </c>
      <c r="AA7429" s="5"/>
      <c r="AB7429" s="5" t="s">
        <v>43</v>
      </c>
      <c r="AC7429" s="5" t="s">
        <v>44</v>
      </c>
      <c r="AD7429" s="2"/>
      <c r="AE7429" s="1"/>
    </row>
    <row r="7430" spans="1:31" ht="14.45">
      <c r="A7430" s="11"/>
      <c r="B7430" s="20"/>
      <c r="C7430" s="2" t="s">
        <v>22762</v>
      </c>
      <c r="D7430" s="14" t="s">
        <v>22763</v>
      </c>
      <c r="E7430" s="2" t="s">
        <v>22764</v>
      </c>
      <c r="F7430" s="2" t="s">
        <v>16079</v>
      </c>
      <c r="G7430" s="8">
        <v>283</v>
      </c>
      <c r="H7430" s="5">
        <v>6</v>
      </c>
      <c r="I7430" s="5" t="s">
        <v>1518</v>
      </c>
      <c r="J7430" s="5" t="s">
        <v>1519</v>
      </c>
      <c r="K7430" s="2" t="s">
        <v>1520</v>
      </c>
      <c r="L7430" s="5" t="s">
        <v>1519</v>
      </c>
      <c r="M7430" s="2" t="s">
        <v>1520</v>
      </c>
      <c r="N7430" s="5" t="s">
        <v>1521</v>
      </c>
      <c r="O7430" s="5" t="s">
        <v>38</v>
      </c>
      <c r="P7430" s="5" t="s">
        <v>39</v>
      </c>
      <c r="Q7430" s="5" t="s">
        <v>40</v>
      </c>
      <c r="R7430" s="5" t="s">
        <v>1522</v>
      </c>
      <c r="S7430" s="5" t="s">
        <v>1523</v>
      </c>
      <c r="T7430" s="5" t="s">
        <v>42</v>
      </c>
      <c r="U7430" s="2">
        <v>3.2930000000000001</v>
      </c>
      <c r="V7430" s="2">
        <v>2.694</v>
      </c>
      <c r="W7430" s="2">
        <v>1.7999999999999999E-2</v>
      </c>
      <c r="X7430" s="2">
        <v>139.1</v>
      </c>
      <c r="Y7430" s="2">
        <v>7.6</v>
      </c>
      <c r="Z7430" s="2">
        <v>16.7</v>
      </c>
      <c r="AA7430" s="5"/>
      <c r="AB7430" s="5" t="s">
        <v>43</v>
      </c>
      <c r="AC7430" s="5" t="s">
        <v>44</v>
      </c>
      <c r="AD7430" s="2"/>
      <c r="AE7430" s="1"/>
    </row>
    <row r="7431" spans="1:31" ht="14.45">
      <c r="A7431" s="11"/>
      <c r="B7431" s="20"/>
      <c r="C7431" s="2" t="s">
        <v>22765</v>
      </c>
      <c r="D7431" s="14" t="s">
        <v>22766</v>
      </c>
      <c r="E7431" s="2" t="s">
        <v>22767</v>
      </c>
      <c r="F7431" s="2" t="s">
        <v>16194</v>
      </c>
      <c r="G7431" s="8">
        <v>283</v>
      </c>
      <c r="H7431" s="5">
        <v>6</v>
      </c>
      <c r="I7431" s="5" t="s">
        <v>1518</v>
      </c>
      <c r="J7431" s="5" t="s">
        <v>1519</v>
      </c>
      <c r="K7431" s="2" t="s">
        <v>1520</v>
      </c>
      <c r="L7431" s="5" t="s">
        <v>1519</v>
      </c>
      <c r="M7431" s="2" t="s">
        <v>1520</v>
      </c>
      <c r="N7431" s="5" t="s">
        <v>1521</v>
      </c>
      <c r="O7431" s="5" t="s">
        <v>38</v>
      </c>
      <c r="P7431" s="5" t="s">
        <v>39</v>
      </c>
      <c r="Q7431" s="5" t="s">
        <v>40</v>
      </c>
      <c r="R7431" s="5" t="s">
        <v>1522</v>
      </c>
      <c r="S7431" s="5" t="s">
        <v>1523</v>
      </c>
      <c r="T7431" s="5" t="s">
        <v>42</v>
      </c>
      <c r="U7431" s="2">
        <v>3.395</v>
      </c>
      <c r="V7431" s="2">
        <v>2.7959999999999998</v>
      </c>
      <c r="W7431" s="2">
        <v>1.7999999999999999E-2</v>
      </c>
      <c r="X7431" s="2">
        <v>139.1</v>
      </c>
      <c r="Y7431" s="2">
        <v>7.6</v>
      </c>
      <c r="Z7431" s="2">
        <v>16.7</v>
      </c>
      <c r="AA7431" s="5"/>
      <c r="AB7431" s="5" t="s">
        <v>43</v>
      </c>
      <c r="AC7431" s="5" t="s">
        <v>44</v>
      </c>
      <c r="AD7431" s="2"/>
      <c r="AE7431" s="1"/>
    </row>
    <row r="7432" spans="1:31" ht="14.45">
      <c r="A7432" s="11"/>
      <c r="B7432" s="20"/>
      <c r="C7432" s="2" t="s">
        <v>22768</v>
      </c>
      <c r="D7432" s="14" t="s">
        <v>22769</v>
      </c>
      <c r="E7432" s="2" t="s">
        <v>22770</v>
      </c>
      <c r="F7432" s="2" t="s">
        <v>7449</v>
      </c>
      <c r="G7432" s="8">
        <v>283</v>
      </c>
      <c r="H7432" s="5">
        <v>6</v>
      </c>
      <c r="I7432" s="5" t="s">
        <v>1518</v>
      </c>
      <c r="J7432" s="5" t="s">
        <v>1519</v>
      </c>
      <c r="K7432" s="2" t="s">
        <v>1520</v>
      </c>
      <c r="L7432" s="5" t="s">
        <v>1519</v>
      </c>
      <c r="M7432" s="2" t="s">
        <v>1520</v>
      </c>
      <c r="N7432" s="5" t="s">
        <v>1521</v>
      </c>
      <c r="O7432" s="5" t="s">
        <v>38</v>
      </c>
      <c r="P7432" s="5" t="s">
        <v>39</v>
      </c>
      <c r="Q7432" s="5" t="s">
        <v>40</v>
      </c>
      <c r="R7432" s="5" t="s">
        <v>1522</v>
      </c>
      <c r="S7432" s="5" t="s">
        <v>1523</v>
      </c>
      <c r="T7432" s="5" t="s">
        <v>42</v>
      </c>
      <c r="U7432" s="2">
        <v>3.2930000000000001</v>
      </c>
      <c r="V7432" s="2">
        <v>2.694</v>
      </c>
      <c r="W7432" s="2">
        <v>1.7999999999999999E-2</v>
      </c>
      <c r="X7432" s="2">
        <v>139.1</v>
      </c>
      <c r="Y7432" s="2">
        <v>7.6</v>
      </c>
      <c r="Z7432" s="2">
        <v>16.7</v>
      </c>
      <c r="AA7432" s="5"/>
      <c r="AB7432" s="5" t="s">
        <v>43</v>
      </c>
      <c r="AC7432" s="5" t="s">
        <v>44</v>
      </c>
      <c r="AD7432" s="2"/>
      <c r="AE7432" s="1"/>
    </row>
    <row r="7433" spans="1:31" ht="14.45">
      <c r="A7433" s="11"/>
      <c r="B7433" s="20"/>
      <c r="C7433" s="2" t="s">
        <v>22771</v>
      </c>
      <c r="D7433" s="14" t="s">
        <v>22772</v>
      </c>
      <c r="E7433" s="2" t="s">
        <v>22773</v>
      </c>
      <c r="F7433" s="2" t="s">
        <v>7581</v>
      </c>
      <c r="G7433" s="8">
        <v>283</v>
      </c>
      <c r="H7433" s="5">
        <v>6</v>
      </c>
      <c r="I7433" s="5" t="s">
        <v>1518</v>
      </c>
      <c r="J7433" s="5" t="s">
        <v>1519</v>
      </c>
      <c r="K7433" s="2" t="s">
        <v>1520</v>
      </c>
      <c r="L7433" s="5" t="s">
        <v>1519</v>
      </c>
      <c r="M7433" s="2" t="s">
        <v>1520</v>
      </c>
      <c r="N7433" s="5" t="s">
        <v>1521</v>
      </c>
      <c r="O7433" s="5" t="s">
        <v>38</v>
      </c>
      <c r="P7433" s="5" t="s">
        <v>39</v>
      </c>
      <c r="Q7433" s="5" t="s">
        <v>40</v>
      </c>
      <c r="R7433" s="5" t="s">
        <v>1522</v>
      </c>
      <c r="S7433" s="5" t="s">
        <v>1523</v>
      </c>
      <c r="T7433" s="5" t="s">
        <v>42</v>
      </c>
      <c r="U7433" s="2">
        <v>3.395</v>
      </c>
      <c r="V7433" s="2">
        <v>2.7959999999999998</v>
      </c>
      <c r="W7433" s="2">
        <v>1.7999999999999999E-2</v>
      </c>
      <c r="X7433" s="2">
        <v>139.1</v>
      </c>
      <c r="Y7433" s="2">
        <v>7.6</v>
      </c>
      <c r="Z7433" s="2">
        <v>16.7</v>
      </c>
      <c r="AA7433" s="5"/>
      <c r="AB7433" s="5" t="s">
        <v>43</v>
      </c>
      <c r="AC7433" s="5" t="s">
        <v>44</v>
      </c>
      <c r="AD7433" s="2"/>
      <c r="AE7433" s="1"/>
    </row>
    <row r="7434" spans="1:31" ht="14.45">
      <c r="A7434" s="11"/>
      <c r="B7434" s="20"/>
      <c r="C7434" s="2" t="s">
        <v>22774</v>
      </c>
      <c r="D7434" s="14" t="s">
        <v>22775</v>
      </c>
      <c r="E7434" s="2" t="s">
        <v>22776</v>
      </c>
      <c r="F7434" s="2" t="s">
        <v>7585</v>
      </c>
      <c r="G7434" s="8">
        <v>283</v>
      </c>
      <c r="H7434" s="5">
        <v>6</v>
      </c>
      <c r="I7434" s="5" t="s">
        <v>1518</v>
      </c>
      <c r="J7434" s="5" t="s">
        <v>1519</v>
      </c>
      <c r="K7434" s="2" t="s">
        <v>1520</v>
      </c>
      <c r="L7434" s="5" t="s">
        <v>1519</v>
      </c>
      <c r="M7434" s="2" t="s">
        <v>1520</v>
      </c>
      <c r="N7434" s="5" t="s">
        <v>1521</v>
      </c>
      <c r="O7434" s="5" t="s">
        <v>38</v>
      </c>
      <c r="P7434" s="5" t="s">
        <v>39</v>
      </c>
      <c r="Q7434" s="5" t="s">
        <v>40</v>
      </c>
      <c r="R7434" s="5" t="s">
        <v>1522</v>
      </c>
      <c r="S7434" s="5" t="s">
        <v>1523</v>
      </c>
      <c r="T7434" s="5" t="s">
        <v>42</v>
      </c>
      <c r="U7434" s="2">
        <v>3.2639999999999998</v>
      </c>
      <c r="V7434" s="2">
        <v>2.665</v>
      </c>
      <c r="W7434" s="2">
        <v>1.7999999999999999E-2</v>
      </c>
      <c r="X7434" s="2">
        <v>139.1</v>
      </c>
      <c r="Y7434" s="2">
        <v>7.6</v>
      </c>
      <c r="Z7434" s="2">
        <v>16.7</v>
      </c>
      <c r="AA7434" s="5"/>
      <c r="AB7434" s="5" t="s">
        <v>43</v>
      </c>
      <c r="AC7434" s="5" t="s">
        <v>44</v>
      </c>
      <c r="AD7434" s="2"/>
      <c r="AE7434" s="1"/>
    </row>
    <row r="7435" spans="1:31" ht="14.45">
      <c r="A7435" s="11"/>
      <c r="B7435" s="20"/>
      <c r="C7435" s="2" t="s">
        <v>22777</v>
      </c>
      <c r="D7435" s="14" t="s">
        <v>22778</v>
      </c>
      <c r="E7435" s="2" t="s">
        <v>22779</v>
      </c>
      <c r="F7435" s="2" t="s">
        <v>7589</v>
      </c>
      <c r="G7435" s="8">
        <v>283</v>
      </c>
      <c r="H7435" s="5">
        <v>6</v>
      </c>
      <c r="I7435" s="5" t="s">
        <v>1518</v>
      </c>
      <c r="J7435" s="5" t="s">
        <v>1519</v>
      </c>
      <c r="K7435" s="2" t="s">
        <v>1520</v>
      </c>
      <c r="L7435" s="5" t="s">
        <v>1519</v>
      </c>
      <c r="M7435" s="2" t="s">
        <v>1520</v>
      </c>
      <c r="N7435" s="5" t="s">
        <v>1521</v>
      </c>
      <c r="O7435" s="5" t="s">
        <v>38</v>
      </c>
      <c r="P7435" s="5" t="s">
        <v>39</v>
      </c>
      <c r="Q7435" s="5" t="s">
        <v>40</v>
      </c>
      <c r="R7435" s="5" t="s">
        <v>1522</v>
      </c>
      <c r="S7435" s="5" t="s">
        <v>1523</v>
      </c>
      <c r="T7435" s="5" t="s">
        <v>42</v>
      </c>
      <c r="U7435" s="2">
        <v>3.3660000000000001</v>
      </c>
      <c r="V7435" s="2">
        <v>2.7669999999999999</v>
      </c>
      <c r="W7435" s="2">
        <v>1.7999999999999999E-2</v>
      </c>
      <c r="X7435" s="2">
        <v>139.1</v>
      </c>
      <c r="Y7435" s="2">
        <v>7.6</v>
      </c>
      <c r="Z7435" s="2">
        <v>16.7</v>
      </c>
      <c r="AA7435" s="5"/>
      <c r="AB7435" s="5" t="s">
        <v>43</v>
      </c>
      <c r="AC7435" s="5" t="s">
        <v>44</v>
      </c>
      <c r="AD7435" s="2"/>
      <c r="AE7435" s="1"/>
    </row>
    <row r="7436" spans="1:31" ht="14.45">
      <c r="A7436" s="11"/>
      <c r="B7436" s="20"/>
      <c r="C7436" s="2" t="s">
        <v>22780</v>
      </c>
      <c r="D7436" s="14" t="s">
        <v>22781</v>
      </c>
      <c r="E7436" s="2" t="s">
        <v>22782</v>
      </c>
      <c r="F7436" s="2" t="s">
        <v>7593</v>
      </c>
      <c r="G7436" s="8">
        <v>283</v>
      </c>
      <c r="H7436" s="5">
        <v>6</v>
      </c>
      <c r="I7436" s="5" t="s">
        <v>1518</v>
      </c>
      <c r="J7436" s="5" t="s">
        <v>1519</v>
      </c>
      <c r="K7436" s="2" t="s">
        <v>1520</v>
      </c>
      <c r="L7436" s="5" t="s">
        <v>1519</v>
      </c>
      <c r="M7436" s="2" t="s">
        <v>1520</v>
      </c>
      <c r="N7436" s="5" t="s">
        <v>1521</v>
      </c>
      <c r="O7436" s="5" t="s">
        <v>38</v>
      </c>
      <c r="P7436" s="5" t="s">
        <v>39</v>
      </c>
      <c r="Q7436" s="5" t="s">
        <v>40</v>
      </c>
      <c r="R7436" s="5" t="s">
        <v>1522</v>
      </c>
      <c r="S7436" s="5" t="s">
        <v>1523</v>
      </c>
      <c r="T7436" s="5" t="s">
        <v>42</v>
      </c>
      <c r="U7436" s="2">
        <v>3.2930000000000001</v>
      </c>
      <c r="V7436" s="2">
        <v>2.694</v>
      </c>
      <c r="W7436" s="2">
        <v>1.7999999999999999E-2</v>
      </c>
      <c r="X7436" s="2">
        <v>139.1</v>
      </c>
      <c r="Y7436" s="2">
        <v>7.6</v>
      </c>
      <c r="Z7436" s="2">
        <v>16.7</v>
      </c>
      <c r="AA7436" s="5"/>
      <c r="AB7436" s="5" t="s">
        <v>43</v>
      </c>
      <c r="AC7436" s="5" t="s">
        <v>44</v>
      </c>
      <c r="AD7436" s="2"/>
      <c r="AE7436" s="1"/>
    </row>
    <row r="7437" spans="1:31" ht="14.45">
      <c r="A7437" s="11"/>
      <c r="B7437" s="20"/>
      <c r="C7437" s="2" t="s">
        <v>22783</v>
      </c>
      <c r="D7437" s="14" t="s">
        <v>22784</v>
      </c>
      <c r="E7437" s="2" t="s">
        <v>22785</v>
      </c>
      <c r="F7437" s="2" t="s">
        <v>7597</v>
      </c>
      <c r="G7437" s="8">
        <v>283</v>
      </c>
      <c r="H7437" s="5">
        <v>6</v>
      </c>
      <c r="I7437" s="5" t="s">
        <v>1518</v>
      </c>
      <c r="J7437" s="5" t="s">
        <v>1519</v>
      </c>
      <c r="K7437" s="2" t="s">
        <v>1520</v>
      </c>
      <c r="L7437" s="5" t="s">
        <v>1519</v>
      </c>
      <c r="M7437" s="2" t="s">
        <v>1520</v>
      </c>
      <c r="N7437" s="5" t="s">
        <v>1521</v>
      </c>
      <c r="O7437" s="5" t="s">
        <v>38</v>
      </c>
      <c r="P7437" s="5" t="s">
        <v>39</v>
      </c>
      <c r="Q7437" s="5" t="s">
        <v>40</v>
      </c>
      <c r="R7437" s="5" t="s">
        <v>1522</v>
      </c>
      <c r="S7437" s="5" t="s">
        <v>1523</v>
      </c>
      <c r="T7437" s="5" t="s">
        <v>42</v>
      </c>
      <c r="U7437" s="2">
        <v>3.395</v>
      </c>
      <c r="V7437" s="2">
        <v>2.7959999999999998</v>
      </c>
      <c r="W7437" s="2">
        <v>1.7999999999999999E-2</v>
      </c>
      <c r="X7437" s="2">
        <v>139.1</v>
      </c>
      <c r="Y7437" s="2">
        <v>7.6</v>
      </c>
      <c r="Z7437" s="2">
        <v>16.7</v>
      </c>
      <c r="AA7437" s="5"/>
      <c r="AB7437" s="5" t="s">
        <v>43</v>
      </c>
      <c r="AC7437" s="5" t="s">
        <v>44</v>
      </c>
      <c r="AD7437" s="2"/>
      <c r="AE7437" s="1"/>
    </row>
    <row r="7438" spans="1:31" ht="14.45">
      <c r="A7438" s="11"/>
      <c r="B7438" s="20"/>
      <c r="C7438" s="2" t="s">
        <v>22786</v>
      </c>
      <c r="D7438" s="14" t="s">
        <v>22787</v>
      </c>
      <c r="E7438" s="2" t="s">
        <v>22788</v>
      </c>
      <c r="F7438" s="2" t="s">
        <v>16014</v>
      </c>
      <c r="G7438" s="8">
        <v>283</v>
      </c>
      <c r="H7438" s="5">
        <v>6</v>
      </c>
      <c r="I7438" s="5" t="s">
        <v>1518</v>
      </c>
      <c r="J7438" s="5" t="s">
        <v>1519</v>
      </c>
      <c r="K7438" s="2" t="s">
        <v>1520</v>
      </c>
      <c r="L7438" s="5" t="s">
        <v>1519</v>
      </c>
      <c r="M7438" s="2" t="s">
        <v>1520</v>
      </c>
      <c r="N7438" s="5" t="s">
        <v>1521</v>
      </c>
      <c r="O7438" s="5" t="s">
        <v>38</v>
      </c>
      <c r="P7438" s="5" t="s">
        <v>39</v>
      </c>
      <c r="Q7438" s="5" t="s">
        <v>40</v>
      </c>
      <c r="R7438" s="5" t="s">
        <v>1522</v>
      </c>
      <c r="S7438" s="5" t="s">
        <v>1523</v>
      </c>
      <c r="T7438" s="5" t="s">
        <v>42</v>
      </c>
      <c r="U7438" s="2">
        <v>3.2930000000000001</v>
      </c>
      <c r="V7438" s="2">
        <v>2.694</v>
      </c>
      <c r="W7438" s="2">
        <v>1.7999999999999999E-2</v>
      </c>
      <c r="X7438" s="2">
        <v>139.1</v>
      </c>
      <c r="Y7438" s="2">
        <v>7.6</v>
      </c>
      <c r="Z7438" s="2">
        <v>16.7</v>
      </c>
      <c r="AA7438" s="5"/>
      <c r="AB7438" s="5" t="s">
        <v>43</v>
      </c>
      <c r="AC7438" s="5" t="s">
        <v>44</v>
      </c>
      <c r="AD7438" s="2"/>
      <c r="AE7438" s="1"/>
    </row>
    <row r="7439" spans="1:31" ht="14.45">
      <c r="A7439" s="11"/>
      <c r="B7439" s="20"/>
      <c r="C7439" s="2" t="s">
        <v>22789</v>
      </c>
      <c r="D7439" s="14" t="s">
        <v>22790</v>
      </c>
      <c r="E7439" s="2" t="s">
        <v>22791</v>
      </c>
      <c r="F7439" s="2" t="s">
        <v>16219</v>
      </c>
      <c r="G7439" s="8">
        <v>283</v>
      </c>
      <c r="H7439" s="5">
        <v>6</v>
      </c>
      <c r="I7439" s="5" t="s">
        <v>1518</v>
      </c>
      <c r="J7439" s="5" t="s">
        <v>1519</v>
      </c>
      <c r="K7439" s="2" t="s">
        <v>1520</v>
      </c>
      <c r="L7439" s="5" t="s">
        <v>1519</v>
      </c>
      <c r="M7439" s="2" t="s">
        <v>1520</v>
      </c>
      <c r="N7439" s="5" t="s">
        <v>1521</v>
      </c>
      <c r="O7439" s="5" t="s">
        <v>38</v>
      </c>
      <c r="P7439" s="5" t="s">
        <v>39</v>
      </c>
      <c r="Q7439" s="5" t="s">
        <v>40</v>
      </c>
      <c r="R7439" s="5" t="s">
        <v>1522</v>
      </c>
      <c r="S7439" s="5" t="s">
        <v>1523</v>
      </c>
      <c r="T7439" s="5" t="s">
        <v>42</v>
      </c>
      <c r="U7439" s="2">
        <v>3.395</v>
      </c>
      <c r="V7439" s="2">
        <v>2.7959999999999998</v>
      </c>
      <c r="W7439" s="2">
        <v>1.7999999999999999E-2</v>
      </c>
      <c r="X7439" s="2">
        <v>139.1</v>
      </c>
      <c r="Y7439" s="2">
        <v>7.6</v>
      </c>
      <c r="Z7439" s="2">
        <v>16.7</v>
      </c>
      <c r="AA7439" s="5"/>
      <c r="AB7439" s="5" t="s">
        <v>43</v>
      </c>
      <c r="AC7439" s="5" t="s">
        <v>44</v>
      </c>
      <c r="AD7439" s="2"/>
      <c r="AE7439" s="1"/>
    </row>
    <row r="7440" spans="1:31" ht="14.45">
      <c r="A7440" s="11"/>
      <c r="B7440" s="20"/>
      <c r="C7440" s="2" t="s">
        <v>22792</v>
      </c>
      <c r="D7440" s="14" t="s">
        <v>22793</v>
      </c>
      <c r="E7440" s="2" t="s">
        <v>22794</v>
      </c>
      <c r="F7440" s="2" t="s">
        <v>16018</v>
      </c>
      <c r="G7440" s="8">
        <v>283</v>
      </c>
      <c r="H7440" s="5">
        <v>6</v>
      </c>
      <c r="I7440" s="5" t="s">
        <v>1518</v>
      </c>
      <c r="J7440" s="5" t="s">
        <v>1519</v>
      </c>
      <c r="K7440" s="2" t="s">
        <v>1520</v>
      </c>
      <c r="L7440" s="5" t="s">
        <v>1519</v>
      </c>
      <c r="M7440" s="2" t="s">
        <v>1520</v>
      </c>
      <c r="N7440" s="5" t="s">
        <v>1521</v>
      </c>
      <c r="O7440" s="5" t="s">
        <v>38</v>
      </c>
      <c r="P7440" s="5" t="s">
        <v>39</v>
      </c>
      <c r="Q7440" s="5" t="s">
        <v>40</v>
      </c>
      <c r="R7440" s="5" t="s">
        <v>1522</v>
      </c>
      <c r="S7440" s="5" t="s">
        <v>1523</v>
      </c>
      <c r="T7440" s="5" t="s">
        <v>42</v>
      </c>
      <c r="U7440" s="2">
        <v>3.2930000000000001</v>
      </c>
      <c r="V7440" s="2">
        <v>2.694</v>
      </c>
      <c r="W7440" s="2">
        <v>1.7999999999999999E-2</v>
      </c>
      <c r="X7440" s="2">
        <v>139.1</v>
      </c>
      <c r="Y7440" s="2">
        <v>7.6</v>
      </c>
      <c r="Z7440" s="2">
        <v>16.7</v>
      </c>
      <c r="AA7440" s="5"/>
      <c r="AB7440" s="5" t="s">
        <v>43</v>
      </c>
      <c r="AC7440" s="5" t="s">
        <v>44</v>
      </c>
      <c r="AD7440" s="2"/>
      <c r="AE7440" s="1"/>
    </row>
    <row r="7441" spans="1:31" ht="14.45">
      <c r="A7441" s="11"/>
      <c r="B7441" s="20"/>
      <c r="C7441" s="2" t="s">
        <v>22795</v>
      </c>
      <c r="D7441" s="14" t="s">
        <v>22796</v>
      </c>
      <c r="E7441" s="2" t="s">
        <v>22797</v>
      </c>
      <c r="F7441" s="2" t="s">
        <v>16022</v>
      </c>
      <c r="G7441" s="8">
        <v>283</v>
      </c>
      <c r="H7441" s="5">
        <v>6</v>
      </c>
      <c r="I7441" s="5" t="s">
        <v>1518</v>
      </c>
      <c r="J7441" s="5" t="s">
        <v>1519</v>
      </c>
      <c r="K7441" s="2" t="s">
        <v>1520</v>
      </c>
      <c r="L7441" s="5" t="s">
        <v>1519</v>
      </c>
      <c r="M7441" s="2" t="s">
        <v>1520</v>
      </c>
      <c r="N7441" s="5" t="s">
        <v>1521</v>
      </c>
      <c r="O7441" s="5" t="s">
        <v>38</v>
      </c>
      <c r="P7441" s="5" t="s">
        <v>39</v>
      </c>
      <c r="Q7441" s="5" t="s">
        <v>40</v>
      </c>
      <c r="R7441" s="5" t="s">
        <v>1522</v>
      </c>
      <c r="S7441" s="5" t="s">
        <v>1523</v>
      </c>
      <c r="T7441" s="5" t="s">
        <v>42</v>
      </c>
      <c r="U7441" s="2">
        <v>3.395</v>
      </c>
      <c r="V7441" s="2">
        <v>2.7959999999999998</v>
      </c>
      <c r="W7441" s="2">
        <v>1.7999999999999999E-2</v>
      </c>
      <c r="X7441" s="2">
        <v>139.1</v>
      </c>
      <c r="Y7441" s="2">
        <v>7.6</v>
      </c>
      <c r="Z7441" s="2">
        <v>16.7</v>
      </c>
      <c r="AA7441" s="5"/>
      <c r="AB7441" s="5" t="s">
        <v>43</v>
      </c>
      <c r="AC7441" s="5" t="s">
        <v>44</v>
      </c>
      <c r="AD7441" s="2"/>
      <c r="AE7441" s="1"/>
    </row>
    <row r="7442" spans="1:31" ht="14.45">
      <c r="A7442" s="11"/>
      <c r="B7442" s="20"/>
      <c r="C7442" s="2" t="s">
        <v>22798</v>
      </c>
      <c r="D7442" s="14" t="s">
        <v>22799</v>
      </c>
      <c r="E7442" s="2" t="s">
        <v>22800</v>
      </c>
      <c r="F7442" s="2" t="s">
        <v>7615</v>
      </c>
      <c r="G7442" s="8">
        <v>283</v>
      </c>
      <c r="H7442" s="5">
        <v>6</v>
      </c>
      <c r="I7442" s="5" t="s">
        <v>1518</v>
      </c>
      <c r="J7442" s="5" t="s">
        <v>1519</v>
      </c>
      <c r="K7442" s="2" t="s">
        <v>1520</v>
      </c>
      <c r="L7442" s="5" t="s">
        <v>1519</v>
      </c>
      <c r="M7442" s="2" t="s">
        <v>1520</v>
      </c>
      <c r="N7442" s="5" t="s">
        <v>1521</v>
      </c>
      <c r="O7442" s="5" t="s">
        <v>38</v>
      </c>
      <c r="P7442" s="5" t="s">
        <v>39</v>
      </c>
      <c r="Q7442" s="5" t="s">
        <v>40</v>
      </c>
      <c r="R7442" s="5" t="s">
        <v>1522</v>
      </c>
      <c r="S7442" s="5" t="s">
        <v>1523</v>
      </c>
      <c r="T7442" s="5" t="s">
        <v>42</v>
      </c>
      <c r="U7442" s="2">
        <v>3.2639999999999998</v>
      </c>
      <c r="V7442" s="2">
        <v>2.665</v>
      </c>
      <c r="W7442" s="2">
        <v>1.7999999999999999E-2</v>
      </c>
      <c r="X7442" s="2">
        <v>139.1</v>
      </c>
      <c r="Y7442" s="2">
        <v>7.6</v>
      </c>
      <c r="Z7442" s="2">
        <v>16.7</v>
      </c>
      <c r="AA7442" s="5"/>
      <c r="AB7442" s="5" t="s">
        <v>43</v>
      </c>
      <c r="AC7442" s="5" t="s">
        <v>44</v>
      </c>
      <c r="AD7442" s="2"/>
      <c r="AE7442" s="1"/>
    </row>
    <row r="7443" spans="1:31" ht="14.45">
      <c r="A7443" s="11"/>
      <c r="B7443" s="20"/>
      <c r="C7443" s="2" t="s">
        <v>22801</v>
      </c>
      <c r="D7443" s="14" t="s">
        <v>22802</v>
      </c>
      <c r="E7443" s="2" t="s">
        <v>22803</v>
      </c>
      <c r="F7443" s="2" t="s">
        <v>7619</v>
      </c>
      <c r="G7443" s="8">
        <v>283</v>
      </c>
      <c r="H7443" s="5">
        <v>6</v>
      </c>
      <c r="I7443" s="5" t="s">
        <v>1518</v>
      </c>
      <c r="J7443" s="5" t="s">
        <v>1519</v>
      </c>
      <c r="K7443" s="2" t="s">
        <v>1520</v>
      </c>
      <c r="L7443" s="5" t="s">
        <v>1519</v>
      </c>
      <c r="M7443" s="2" t="s">
        <v>1520</v>
      </c>
      <c r="N7443" s="5" t="s">
        <v>1521</v>
      </c>
      <c r="O7443" s="5" t="s">
        <v>38</v>
      </c>
      <c r="P7443" s="5" t="s">
        <v>39</v>
      </c>
      <c r="Q7443" s="5" t="s">
        <v>40</v>
      </c>
      <c r="R7443" s="5" t="s">
        <v>1522</v>
      </c>
      <c r="S7443" s="5" t="s">
        <v>1523</v>
      </c>
      <c r="T7443" s="5" t="s">
        <v>42</v>
      </c>
      <c r="U7443" s="2">
        <v>3.3660000000000001</v>
      </c>
      <c r="V7443" s="2">
        <v>2.7669999999999999</v>
      </c>
      <c r="W7443" s="2">
        <v>1.7999999999999999E-2</v>
      </c>
      <c r="X7443" s="2">
        <v>139.1</v>
      </c>
      <c r="Y7443" s="2">
        <v>7.6</v>
      </c>
      <c r="Z7443" s="2">
        <v>16.7</v>
      </c>
      <c r="AA7443" s="5"/>
      <c r="AB7443" s="5" t="s">
        <v>43</v>
      </c>
      <c r="AC7443" s="5" t="s">
        <v>44</v>
      </c>
      <c r="AD7443" s="2"/>
      <c r="AE7443" s="1"/>
    </row>
    <row r="7444" spans="1:31" ht="14.45">
      <c r="A7444" s="11"/>
      <c r="B7444" s="20"/>
      <c r="C7444" s="2" t="s">
        <v>22804</v>
      </c>
      <c r="D7444" s="14" t="s">
        <v>22805</v>
      </c>
      <c r="E7444" s="2" t="s">
        <v>22806</v>
      </c>
      <c r="F7444" s="2" t="s">
        <v>16029</v>
      </c>
      <c r="G7444" s="8">
        <v>283</v>
      </c>
      <c r="H7444" s="5">
        <v>11</v>
      </c>
      <c r="I7444" s="5" t="s">
        <v>1518</v>
      </c>
      <c r="J7444" s="5" t="s">
        <v>1519</v>
      </c>
      <c r="K7444" s="2" t="s">
        <v>1520</v>
      </c>
      <c r="L7444" s="5" t="s">
        <v>1519</v>
      </c>
      <c r="M7444" s="2" t="s">
        <v>1520</v>
      </c>
      <c r="N7444" s="5" t="s">
        <v>1521</v>
      </c>
      <c r="O7444" s="5" t="s">
        <v>38</v>
      </c>
      <c r="P7444" s="5" t="s">
        <v>39</v>
      </c>
      <c r="Q7444" s="5" t="s">
        <v>40</v>
      </c>
      <c r="R7444" s="5" t="s">
        <v>1522</v>
      </c>
      <c r="S7444" s="5" t="s">
        <v>1523</v>
      </c>
      <c r="T7444" s="5" t="s">
        <v>42</v>
      </c>
      <c r="U7444" s="2">
        <v>3.2949999999999999</v>
      </c>
      <c r="V7444" s="2">
        <v>2.6960000000000002</v>
      </c>
      <c r="W7444" s="2">
        <v>1.7999999999999999E-2</v>
      </c>
      <c r="X7444" s="2">
        <v>139.1</v>
      </c>
      <c r="Y7444" s="2">
        <v>7.6</v>
      </c>
      <c r="Z7444" s="2">
        <v>16.7</v>
      </c>
      <c r="AA7444" s="5"/>
      <c r="AB7444" s="5" t="s">
        <v>43</v>
      </c>
      <c r="AC7444" s="5" t="s">
        <v>44</v>
      </c>
      <c r="AD7444" s="2"/>
      <c r="AE7444" s="1"/>
    </row>
    <row r="7445" spans="1:31" ht="14.45">
      <c r="A7445" s="11"/>
      <c r="B7445" s="20"/>
      <c r="C7445" s="2" t="s">
        <v>22807</v>
      </c>
      <c r="D7445" s="14" t="s">
        <v>22808</v>
      </c>
      <c r="E7445" s="2" t="s">
        <v>22809</v>
      </c>
      <c r="F7445" s="2" t="s">
        <v>16033</v>
      </c>
      <c r="G7445" s="8">
        <v>283</v>
      </c>
      <c r="H7445" s="5">
        <v>11</v>
      </c>
      <c r="I7445" s="5" t="s">
        <v>1518</v>
      </c>
      <c r="J7445" s="5" t="s">
        <v>1519</v>
      </c>
      <c r="K7445" s="2" t="s">
        <v>1520</v>
      </c>
      <c r="L7445" s="5" t="s">
        <v>1519</v>
      </c>
      <c r="M7445" s="2" t="s">
        <v>1520</v>
      </c>
      <c r="N7445" s="5" t="s">
        <v>1521</v>
      </c>
      <c r="O7445" s="5" t="s">
        <v>38</v>
      </c>
      <c r="P7445" s="5" t="s">
        <v>39</v>
      </c>
      <c r="Q7445" s="5" t="s">
        <v>40</v>
      </c>
      <c r="R7445" s="5" t="s">
        <v>1522</v>
      </c>
      <c r="S7445" s="5" t="s">
        <v>1523</v>
      </c>
      <c r="T7445" s="5" t="s">
        <v>42</v>
      </c>
      <c r="U7445" s="2">
        <v>3.3969999999999998</v>
      </c>
      <c r="V7445" s="2">
        <v>2.798</v>
      </c>
      <c r="W7445" s="2">
        <v>1.7999999999999999E-2</v>
      </c>
      <c r="X7445" s="2">
        <v>139.1</v>
      </c>
      <c r="Y7445" s="2">
        <v>7.6</v>
      </c>
      <c r="Z7445" s="2">
        <v>16.7</v>
      </c>
      <c r="AA7445" s="5"/>
      <c r="AB7445" s="5" t="s">
        <v>43</v>
      </c>
      <c r="AC7445" s="5" t="s">
        <v>44</v>
      </c>
      <c r="AD7445" s="2"/>
      <c r="AE7445" s="1"/>
    </row>
    <row r="7446" spans="1:31" ht="14.45">
      <c r="A7446" s="11"/>
      <c r="B7446" s="20"/>
      <c r="C7446" s="2" t="s">
        <v>22810</v>
      </c>
      <c r="D7446" s="14" t="s">
        <v>22811</v>
      </c>
      <c r="E7446" s="2" t="s">
        <v>22812</v>
      </c>
      <c r="F7446" s="2" t="s">
        <v>7396</v>
      </c>
      <c r="G7446" s="8">
        <v>275</v>
      </c>
      <c r="H7446" s="5">
        <v>6</v>
      </c>
      <c r="I7446" s="5" t="s">
        <v>1518</v>
      </c>
      <c r="J7446" s="5" t="s">
        <v>1519</v>
      </c>
      <c r="K7446" s="2" t="s">
        <v>1520</v>
      </c>
      <c r="L7446" s="5" t="s">
        <v>1519</v>
      </c>
      <c r="M7446" s="2" t="s">
        <v>1520</v>
      </c>
      <c r="N7446" s="5" t="s">
        <v>1521</v>
      </c>
      <c r="O7446" s="5" t="s">
        <v>38</v>
      </c>
      <c r="P7446" s="5" t="s">
        <v>39</v>
      </c>
      <c r="Q7446" s="5" t="s">
        <v>40</v>
      </c>
      <c r="R7446" s="5" t="s">
        <v>1522</v>
      </c>
      <c r="S7446" s="5" t="s">
        <v>1523</v>
      </c>
      <c r="T7446" s="5" t="s">
        <v>42</v>
      </c>
      <c r="U7446" s="2">
        <v>3.5430000000000001</v>
      </c>
      <c r="V7446" s="2">
        <v>2.8610000000000002</v>
      </c>
      <c r="W7446" s="2">
        <v>0.02</v>
      </c>
      <c r="X7446" s="2">
        <v>159.1</v>
      </c>
      <c r="Y7446" s="2">
        <v>7.6</v>
      </c>
      <c r="Z7446" s="2">
        <v>16.7</v>
      </c>
      <c r="AA7446" s="5"/>
      <c r="AB7446" s="5" t="s">
        <v>43</v>
      </c>
      <c r="AC7446" s="5" t="s">
        <v>44</v>
      </c>
      <c r="AD7446" s="2"/>
      <c r="AE7446" s="1"/>
    </row>
    <row r="7447" spans="1:31" ht="14.45">
      <c r="A7447" s="11"/>
      <c r="B7447" s="20"/>
      <c r="C7447" s="2" t="s">
        <v>22813</v>
      </c>
      <c r="D7447" s="14" t="s">
        <v>22814</v>
      </c>
      <c r="E7447" s="2" t="s">
        <v>22815</v>
      </c>
      <c r="F7447" s="2" t="s">
        <v>7507</v>
      </c>
      <c r="G7447" s="8">
        <v>275</v>
      </c>
      <c r="H7447" s="5">
        <v>6</v>
      </c>
      <c r="I7447" s="5" t="s">
        <v>1518</v>
      </c>
      <c r="J7447" s="5" t="s">
        <v>1519</v>
      </c>
      <c r="K7447" s="2" t="s">
        <v>1520</v>
      </c>
      <c r="L7447" s="5" t="s">
        <v>1519</v>
      </c>
      <c r="M7447" s="2" t="s">
        <v>1520</v>
      </c>
      <c r="N7447" s="5" t="s">
        <v>1521</v>
      </c>
      <c r="O7447" s="5" t="s">
        <v>38</v>
      </c>
      <c r="P7447" s="5" t="s">
        <v>39</v>
      </c>
      <c r="Q7447" s="5" t="s">
        <v>40</v>
      </c>
      <c r="R7447" s="5" t="s">
        <v>1522</v>
      </c>
      <c r="S7447" s="5" t="s">
        <v>1523</v>
      </c>
      <c r="T7447" s="5" t="s">
        <v>42</v>
      </c>
      <c r="U7447" s="2">
        <v>3.657</v>
      </c>
      <c r="V7447" s="2">
        <v>2.9750000000000001</v>
      </c>
      <c r="W7447" s="2">
        <v>0.02</v>
      </c>
      <c r="X7447" s="2">
        <v>159.1</v>
      </c>
      <c r="Y7447" s="2">
        <v>7.6</v>
      </c>
      <c r="Z7447" s="2">
        <v>16.7</v>
      </c>
      <c r="AA7447" s="5"/>
      <c r="AB7447" s="5" t="s">
        <v>43</v>
      </c>
      <c r="AC7447" s="5" t="s">
        <v>44</v>
      </c>
      <c r="AD7447" s="2"/>
      <c r="AE7447" s="1"/>
    </row>
    <row r="7448" spans="1:31" ht="14.45">
      <c r="A7448" s="11"/>
      <c r="B7448" s="20"/>
      <c r="C7448" s="2" t="s">
        <v>22816</v>
      </c>
      <c r="D7448" s="14" t="s">
        <v>22817</v>
      </c>
      <c r="E7448" s="2" t="s">
        <v>22818</v>
      </c>
      <c r="F7448" s="2" t="s">
        <v>7204</v>
      </c>
      <c r="G7448" s="8">
        <v>275</v>
      </c>
      <c r="H7448" s="5">
        <v>6</v>
      </c>
      <c r="I7448" s="5" t="s">
        <v>1518</v>
      </c>
      <c r="J7448" s="5" t="s">
        <v>1519</v>
      </c>
      <c r="K7448" s="2" t="s">
        <v>1520</v>
      </c>
      <c r="L7448" s="5" t="s">
        <v>1519</v>
      </c>
      <c r="M7448" s="2" t="s">
        <v>1520</v>
      </c>
      <c r="N7448" s="5" t="s">
        <v>1521</v>
      </c>
      <c r="O7448" s="5" t="s">
        <v>38</v>
      </c>
      <c r="P7448" s="5" t="s">
        <v>39</v>
      </c>
      <c r="Q7448" s="5" t="s">
        <v>40</v>
      </c>
      <c r="R7448" s="5" t="s">
        <v>1522</v>
      </c>
      <c r="S7448" s="5" t="s">
        <v>1523</v>
      </c>
      <c r="T7448" s="5" t="s">
        <v>42</v>
      </c>
      <c r="U7448" s="2">
        <v>3.5539999999999998</v>
      </c>
      <c r="V7448" s="2">
        <v>2.8719999999999999</v>
      </c>
      <c r="W7448" s="2">
        <v>0.02</v>
      </c>
      <c r="X7448" s="2">
        <v>159.1</v>
      </c>
      <c r="Y7448" s="2">
        <v>7.6</v>
      </c>
      <c r="Z7448" s="2">
        <v>16.7</v>
      </c>
      <c r="AA7448" s="5"/>
      <c r="AB7448" s="5" t="s">
        <v>43</v>
      </c>
      <c r="AC7448" s="5" t="s">
        <v>44</v>
      </c>
      <c r="AD7448" s="2"/>
      <c r="AE7448" s="1"/>
    </row>
    <row r="7449" spans="1:31" ht="14.45">
      <c r="A7449" s="11"/>
      <c r="B7449" s="20"/>
      <c r="C7449" s="2" t="s">
        <v>22819</v>
      </c>
      <c r="D7449" s="14" t="s">
        <v>22820</v>
      </c>
      <c r="E7449" s="2" t="s">
        <v>22821</v>
      </c>
      <c r="F7449" s="2" t="s">
        <v>7514</v>
      </c>
      <c r="G7449" s="8">
        <v>275</v>
      </c>
      <c r="H7449" s="5">
        <v>6</v>
      </c>
      <c r="I7449" s="5" t="s">
        <v>1518</v>
      </c>
      <c r="J7449" s="5" t="s">
        <v>1519</v>
      </c>
      <c r="K7449" s="2" t="s">
        <v>1520</v>
      </c>
      <c r="L7449" s="5" t="s">
        <v>1519</v>
      </c>
      <c r="M7449" s="2" t="s">
        <v>1520</v>
      </c>
      <c r="N7449" s="5" t="s">
        <v>1521</v>
      </c>
      <c r="O7449" s="5" t="s">
        <v>38</v>
      </c>
      <c r="P7449" s="5" t="s">
        <v>39</v>
      </c>
      <c r="Q7449" s="5" t="s">
        <v>40</v>
      </c>
      <c r="R7449" s="5" t="s">
        <v>1522</v>
      </c>
      <c r="S7449" s="5" t="s">
        <v>1523</v>
      </c>
      <c r="T7449" s="5" t="s">
        <v>42</v>
      </c>
      <c r="U7449" s="2">
        <v>3.6680000000000001</v>
      </c>
      <c r="V7449" s="2">
        <v>2.9860000000000002</v>
      </c>
      <c r="W7449" s="2">
        <v>0.02</v>
      </c>
      <c r="X7449" s="2">
        <v>159.1</v>
      </c>
      <c r="Y7449" s="2">
        <v>7.6</v>
      </c>
      <c r="Z7449" s="2">
        <v>16.7</v>
      </c>
      <c r="AA7449" s="5"/>
      <c r="AB7449" s="5" t="s">
        <v>43</v>
      </c>
      <c r="AC7449" s="5" t="s">
        <v>44</v>
      </c>
      <c r="AD7449" s="2"/>
      <c r="AE7449" s="1"/>
    </row>
    <row r="7450" spans="1:31" ht="14.45">
      <c r="A7450" s="11"/>
      <c r="B7450" s="20"/>
      <c r="C7450" s="2" t="s">
        <v>22822</v>
      </c>
      <c r="D7450" s="14" t="s">
        <v>22823</v>
      </c>
      <c r="E7450" s="2" t="s">
        <v>22824</v>
      </c>
      <c r="F7450" s="2" t="s">
        <v>7208</v>
      </c>
      <c r="G7450" s="8">
        <v>275</v>
      </c>
      <c r="H7450" s="5">
        <v>6</v>
      </c>
      <c r="I7450" s="5" t="s">
        <v>1518</v>
      </c>
      <c r="J7450" s="5" t="s">
        <v>1519</v>
      </c>
      <c r="K7450" s="2" t="s">
        <v>1520</v>
      </c>
      <c r="L7450" s="5" t="s">
        <v>1519</v>
      </c>
      <c r="M7450" s="2" t="s">
        <v>1520</v>
      </c>
      <c r="N7450" s="5" t="s">
        <v>1521</v>
      </c>
      <c r="O7450" s="5" t="s">
        <v>38</v>
      </c>
      <c r="P7450" s="5" t="s">
        <v>39</v>
      </c>
      <c r="Q7450" s="5" t="s">
        <v>40</v>
      </c>
      <c r="R7450" s="5" t="s">
        <v>1522</v>
      </c>
      <c r="S7450" s="5" t="s">
        <v>1523</v>
      </c>
      <c r="T7450" s="5" t="s">
        <v>42</v>
      </c>
      <c r="U7450" s="2">
        <v>3.5539999999999998</v>
      </c>
      <c r="V7450" s="2">
        <v>2.8719999999999999</v>
      </c>
      <c r="W7450" s="2">
        <v>0.02</v>
      </c>
      <c r="X7450" s="2">
        <v>159.1</v>
      </c>
      <c r="Y7450" s="2">
        <v>7.6</v>
      </c>
      <c r="Z7450" s="2">
        <v>16.7</v>
      </c>
      <c r="AA7450" s="5"/>
      <c r="AB7450" s="5" t="s">
        <v>43</v>
      </c>
      <c r="AC7450" s="5" t="s">
        <v>44</v>
      </c>
      <c r="AD7450" s="2"/>
      <c r="AE7450" s="1"/>
    </row>
    <row r="7451" spans="1:31" ht="14.45">
      <c r="A7451" s="11"/>
      <c r="B7451" s="20"/>
      <c r="C7451" s="2" t="s">
        <v>22825</v>
      </c>
      <c r="D7451" s="14" t="s">
        <v>22826</v>
      </c>
      <c r="E7451" s="2" t="s">
        <v>22827</v>
      </c>
      <c r="F7451" s="2" t="s">
        <v>7521</v>
      </c>
      <c r="G7451" s="8">
        <v>275</v>
      </c>
      <c r="H7451" s="5">
        <v>6</v>
      </c>
      <c r="I7451" s="5" t="s">
        <v>1518</v>
      </c>
      <c r="J7451" s="5" t="s">
        <v>1519</v>
      </c>
      <c r="K7451" s="2" t="s">
        <v>1520</v>
      </c>
      <c r="L7451" s="5" t="s">
        <v>1519</v>
      </c>
      <c r="M7451" s="2" t="s">
        <v>1520</v>
      </c>
      <c r="N7451" s="5" t="s">
        <v>1521</v>
      </c>
      <c r="O7451" s="5" t="s">
        <v>38</v>
      </c>
      <c r="P7451" s="5" t="s">
        <v>39</v>
      </c>
      <c r="Q7451" s="5" t="s">
        <v>40</v>
      </c>
      <c r="R7451" s="5" t="s">
        <v>1522</v>
      </c>
      <c r="S7451" s="5" t="s">
        <v>1523</v>
      </c>
      <c r="T7451" s="5" t="s">
        <v>42</v>
      </c>
      <c r="U7451" s="2">
        <v>3.6680000000000001</v>
      </c>
      <c r="V7451" s="2">
        <v>2.9860000000000002</v>
      </c>
      <c r="W7451" s="2">
        <v>0.02</v>
      </c>
      <c r="X7451" s="2">
        <v>159.1</v>
      </c>
      <c r="Y7451" s="2">
        <v>7.6</v>
      </c>
      <c r="Z7451" s="2">
        <v>16.7</v>
      </c>
      <c r="AA7451" s="5"/>
      <c r="AB7451" s="5" t="s">
        <v>43</v>
      </c>
      <c r="AC7451" s="5" t="s">
        <v>44</v>
      </c>
      <c r="AD7451" s="2"/>
      <c r="AE7451" s="1"/>
    </row>
    <row r="7452" spans="1:31" ht="14.45">
      <c r="A7452" s="11"/>
      <c r="B7452" s="20"/>
      <c r="C7452" s="2" t="s">
        <v>22828</v>
      </c>
      <c r="D7452" s="14" t="s">
        <v>22829</v>
      </c>
      <c r="E7452" s="2" t="s">
        <v>22830</v>
      </c>
      <c r="F7452" s="2" t="s">
        <v>7212</v>
      </c>
      <c r="G7452" s="8">
        <v>275</v>
      </c>
      <c r="H7452" s="5">
        <v>6</v>
      </c>
      <c r="I7452" s="5" t="s">
        <v>1518</v>
      </c>
      <c r="J7452" s="5" t="s">
        <v>1519</v>
      </c>
      <c r="K7452" s="2" t="s">
        <v>1520</v>
      </c>
      <c r="L7452" s="5" t="s">
        <v>1519</v>
      </c>
      <c r="M7452" s="2" t="s">
        <v>1520</v>
      </c>
      <c r="N7452" s="5" t="s">
        <v>1521</v>
      </c>
      <c r="O7452" s="5" t="s">
        <v>38</v>
      </c>
      <c r="P7452" s="5" t="s">
        <v>39</v>
      </c>
      <c r="Q7452" s="5" t="s">
        <v>40</v>
      </c>
      <c r="R7452" s="5" t="s">
        <v>1522</v>
      </c>
      <c r="S7452" s="5" t="s">
        <v>1523</v>
      </c>
      <c r="T7452" s="5" t="s">
        <v>42</v>
      </c>
      <c r="U7452" s="2">
        <v>3.5209999999999999</v>
      </c>
      <c r="V7452" s="2">
        <v>2.839</v>
      </c>
      <c r="W7452" s="2">
        <v>0.02</v>
      </c>
      <c r="X7452" s="2">
        <v>159.1</v>
      </c>
      <c r="Y7452" s="2">
        <v>7.6</v>
      </c>
      <c r="Z7452" s="2">
        <v>16.7</v>
      </c>
      <c r="AA7452" s="5"/>
      <c r="AB7452" s="5" t="s">
        <v>43</v>
      </c>
      <c r="AC7452" s="5" t="s">
        <v>44</v>
      </c>
      <c r="AD7452" s="2"/>
      <c r="AE7452" s="1"/>
    </row>
    <row r="7453" spans="1:31" ht="14.45">
      <c r="A7453" s="11"/>
      <c r="B7453" s="20"/>
      <c r="C7453" s="2" t="s">
        <v>22831</v>
      </c>
      <c r="D7453" s="14" t="s">
        <v>22832</v>
      </c>
      <c r="E7453" s="2" t="s">
        <v>22833</v>
      </c>
      <c r="F7453" s="2" t="s">
        <v>7528</v>
      </c>
      <c r="G7453" s="8">
        <v>275</v>
      </c>
      <c r="H7453" s="5">
        <v>6</v>
      </c>
      <c r="I7453" s="5" t="s">
        <v>1518</v>
      </c>
      <c r="J7453" s="5" t="s">
        <v>1519</v>
      </c>
      <c r="K7453" s="2" t="s">
        <v>1520</v>
      </c>
      <c r="L7453" s="5" t="s">
        <v>1519</v>
      </c>
      <c r="M7453" s="2" t="s">
        <v>1520</v>
      </c>
      <c r="N7453" s="5" t="s">
        <v>1521</v>
      </c>
      <c r="O7453" s="5" t="s">
        <v>38</v>
      </c>
      <c r="P7453" s="5" t="s">
        <v>39</v>
      </c>
      <c r="Q7453" s="5" t="s">
        <v>40</v>
      </c>
      <c r="R7453" s="5" t="s">
        <v>1522</v>
      </c>
      <c r="S7453" s="5" t="s">
        <v>1523</v>
      </c>
      <c r="T7453" s="5" t="s">
        <v>42</v>
      </c>
      <c r="U7453" s="2">
        <v>3.6349999999999998</v>
      </c>
      <c r="V7453" s="2">
        <v>2.9529999999999998</v>
      </c>
      <c r="W7453" s="2">
        <v>0.02</v>
      </c>
      <c r="X7453" s="2">
        <v>159.1</v>
      </c>
      <c r="Y7453" s="2">
        <v>7.6</v>
      </c>
      <c r="Z7453" s="2">
        <v>16.7</v>
      </c>
      <c r="AA7453" s="5"/>
      <c r="AB7453" s="5" t="s">
        <v>43</v>
      </c>
      <c r="AC7453" s="5" t="s">
        <v>44</v>
      </c>
      <c r="AD7453" s="2"/>
      <c r="AE7453" s="1"/>
    </row>
    <row r="7454" spans="1:31" ht="14.45">
      <c r="A7454" s="11"/>
      <c r="B7454" s="20"/>
      <c r="C7454" s="2" t="s">
        <v>22834</v>
      </c>
      <c r="D7454" s="14" t="s">
        <v>22835</v>
      </c>
      <c r="E7454" s="2" t="s">
        <v>22836</v>
      </c>
      <c r="F7454" s="2" t="s">
        <v>7406</v>
      </c>
      <c r="G7454" s="8">
        <v>296</v>
      </c>
      <c r="H7454" s="5">
        <v>6</v>
      </c>
      <c r="I7454" s="5" t="s">
        <v>1518</v>
      </c>
      <c r="J7454" s="5" t="s">
        <v>1519</v>
      </c>
      <c r="K7454" s="2" t="s">
        <v>1520</v>
      </c>
      <c r="L7454" s="5" t="s">
        <v>1519</v>
      </c>
      <c r="M7454" s="2" t="s">
        <v>1520</v>
      </c>
      <c r="N7454" s="5" t="s">
        <v>1521</v>
      </c>
      <c r="O7454" s="5" t="s">
        <v>38</v>
      </c>
      <c r="P7454" s="5" t="s">
        <v>39</v>
      </c>
      <c r="Q7454" s="5" t="s">
        <v>40</v>
      </c>
      <c r="R7454" s="5" t="s">
        <v>1522</v>
      </c>
      <c r="S7454" s="5" t="s">
        <v>1523</v>
      </c>
      <c r="T7454" s="5" t="s">
        <v>42</v>
      </c>
      <c r="U7454" s="2">
        <v>3.5209999999999999</v>
      </c>
      <c r="V7454" s="2">
        <v>2.839</v>
      </c>
      <c r="W7454" s="2">
        <v>0.02</v>
      </c>
      <c r="X7454" s="2">
        <v>159.1</v>
      </c>
      <c r="Y7454" s="2">
        <v>7.6</v>
      </c>
      <c r="Z7454" s="2">
        <v>16.7</v>
      </c>
      <c r="AA7454" s="5"/>
      <c r="AB7454" s="5" t="s">
        <v>43</v>
      </c>
      <c r="AC7454" s="5" t="s">
        <v>44</v>
      </c>
      <c r="AD7454" s="2"/>
      <c r="AE7454" s="1"/>
    </row>
    <row r="7455" spans="1:31" ht="14.45">
      <c r="A7455" s="11"/>
      <c r="B7455" s="20"/>
      <c r="C7455" s="2" t="s">
        <v>22837</v>
      </c>
      <c r="D7455" s="14" t="s">
        <v>22838</v>
      </c>
      <c r="E7455" s="2" t="s">
        <v>22839</v>
      </c>
      <c r="F7455" s="2" t="s">
        <v>7535</v>
      </c>
      <c r="G7455" s="8">
        <v>296</v>
      </c>
      <c r="H7455" s="5">
        <v>6</v>
      </c>
      <c r="I7455" s="5" t="s">
        <v>1518</v>
      </c>
      <c r="J7455" s="5" t="s">
        <v>1519</v>
      </c>
      <c r="K7455" s="2" t="s">
        <v>1520</v>
      </c>
      <c r="L7455" s="5" t="s">
        <v>1519</v>
      </c>
      <c r="M7455" s="2" t="s">
        <v>1520</v>
      </c>
      <c r="N7455" s="5" t="s">
        <v>1521</v>
      </c>
      <c r="O7455" s="5" t="s">
        <v>38</v>
      </c>
      <c r="P7455" s="5" t="s">
        <v>39</v>
      </c>
      <c r="Q7455" s="5" t="s">
        <v>40</v>
      </c>
      <c r="R7455" s="5" t="s">
        <v>1522</v>
      </c>
      <c r="S7455" s="5" t="s">
        <v>1523</v>
      </c>
      <c r="T7455" s="5" t="s">
        <v>42</v>
      </c>
      <c r="U7455" s="2">
        <v>3.6349999999999998</v>
      </c>
      <c r="V7455" s="2">
        <v>2.9529999999999998</v>
      </c>
      <c r="W7455" s="2">
        <v>0.02</v>
      </c>
      <c r="X7455" s="2">
        <v>159.1</v>
      </c>
      <c r="Y7455" s="2">
        <v>7.6</v>
      </c>
      <c r="Z7455" s="2">
        <v>16.7</v>
      </c>
      <c r="AA7455" s="5"/>
      <c r="AB7455" s="5" t="s">
        <v>43</v>
      </c>
      <c r="AC7455" s="5" t="s">
        <v>44</v>
      </c>
      <c r="AD7455" s="2"/>
      <c r="AE7455" s="1"/>
    </row>
    <row r="7456" spans="1:31" ht="14.45">
      <c r="A7456" s="11"/>
      <c r="B7456" s="20"/>
      <c r="C7456" s="2" t="s">
        <v>22840</v>
      </c>
      <c r="D7456" s="14" t="s">
        <v>22841</v>
      </c>
      <c r="E7456" s="2" t="s">
        <v>22842</v>
      </c>
      <c r="F7456" s="2" t="s">
        <v>7539</v>
      </c>
      <c r="G7456" s="8">
        <v>296</v>
      </c>
      <c r="H7456" s="5">
        <v>6</v>
      </c>
      <c r="I7456" s="5" t="s">
        <v>1518</v>
      </c>
      <c r="J7456" s="5" t="s">
        <v>1519</v>
      </c>
      <c r="K7456" s="2" t="s">
        <v>1520</v>
      </c>
      <c r="L7456" s="5" t="s">
        <v>1519</v>
      </c>
      <c r="M7456" s="2" t="s">
        <v>1520</v>
      </c>
      <c r="N7456" s="5" t="s">
        <v>1521</v>
      </c>
      <c r="O7456" s="5" t="s">
        <v>38</v>
      </c>
      <c r="P7456" s="5" t="s">
        <v>39</v>
      </c>
      <c r="Q7456" s="5" t="s">
        <v>40</v>
      </c>
      <c r="R7456" s="5" t="s">
        <v>1522</v>
      </c>
      <c r="S7456" s="5" t="s">
        <v>1523</v>
      </c>
      <c r="T7456" s="5" t="s">
        <v>42</v>
      </c>
      <c r="U7456" s="2">
        <v>3.5539999999999998</v>
      </c>
      <c r="V7456" s="2">
        <v>2.8719999999999999</v>
      </c>
      <c r="W7456" s="2">
        <v>0.02</v>
      </c>
      <c r="X7456" s="2">
        <v>159.1</v>
      </c>
      <c r="Y7456" s="2">
        <v>7.6</v>
      </c>
      <c r="Z7456" s="2">
        <v>16.7</v>
      </c>
      <c r="AA7456" s="5"/>
      <c r="AB7456" s="5" t="s">
        <v>43</v>
      </c>
      <c r="AC7456" s="5" t="s">
        <v>44</v>
      </c>
      <c r="AD7456" s="2"/>
      <c r="AE7456" s="1"/>
    </row>
    <row r="7457" spans="1:31" ht="14.45">
      <c r="A7457" s="11"/>
      <c r="B7457" s="20"/>
      <c r="C7457" s="2" t="s">
        <v>22843</v>
      </c>
      <c r="D7457" s="14" t="s">
        <v>22844</v>
      </c>
      <c r="E7457" s="2" t="s">
        <v>22845</v>
      </c>
      <c r="F7457" s="2" t="s">
        <v>7543</v>
      </c>
      <c r="G7457" s="8">
        <v>296</v>
      </c>
      <c r="H7457" s="5">
        <v>6</v>
      </c>
      <c r="I7457" s="5" t="s">
        <v>1518</v>
      </c>
      <c r="J7457" s="5" t="s">
        <v>1519</v>
      </c>
      <c r="K7457" s="2" t="s">
        <v>1520</v>
      </c>
      <c r="L7457" s="5" t="s">
        <v>1519</v>
      </c>
      <c r="M7457" s="2" t="s">
        <v>1520</v>
      </c>
      <c r="N7457" s="5" t="s">
        <v>1521</v>
      </c>
      <c r="O7457" s="5" t="s">
        <v>38</v>
      </c>
      <c r="P7457" s="5" t="s">
        <v>39</v>
      </c>
      <c r="Q7457" s="5" t="s">
        <v>40</v>
      </c>
      <c r="R7457" s="5" t="s">
        <v>1522</v>
      </c>
      <c r="S7457" s="5" t="s">
        <v>1523</v>
      </c>
      <c r="T7457" s="5" t="s">
        <v>42</v>
      </c>
      <c r="U7457" s="2">
        <v>3.6680000000000001</v>
      </c>
      <c r="V7457" s="2">
        <v>2.9860000000000002</v>
      </c>
      <c r="W7457" s="2">
        <v>0.02</v>
      </c>
      <c r="X7457" s="2">
        <v>159.1</v>
      </c>
      <c r="Y7457" s="2">
        <v>7.6</v>
      </c>
      <c r="Z7457" s="2">
        <v>16.7</v>
      </c>
      <c r="AA7457" s="5"/>
      <c r="AB7457" s="5" t="s">
        <v>43</v>
      </c>
      <c r="AC7457" s="5" t="s">
        <v>44</v>
      </c>
      <c r="AD7457" s="2"/>
      <c r="AE7457" s="1"/>
    </row>
    <row r="7458" spans="1:31" ht="14.45">
      <c r="A7458" s="11"/>
      <c r="B7458" s="20"/>
      <c r="C7458" s="2" t="s">
        <v>22846</v>
      </c>
      <c r="D7458" s="14" t="s">
        <v>22847</v>
      </c>
      <c r="E7458" s="2" t="s">
        <v>22848</v>
      </c>
      <c r="F7458" s="2" t="s">
        <v>7547</v>
      </c>
      <c r="G7458" s="8">
        <v>296</v>
      </c>
      <c r="H7458" s="5">
        <v>6</v>
      </c>
      <c r="I7458" s="5" t="s">
        <v>1518</v>
      </c>
      <c r="J7458" s="5" t="s">
        <v>1519</v>
      </c>
      <c r="K7458" s="2" t="s">
        <v>1520</v>
      </c>
      <c r="L7458" s="5" t="s">
        <v>1519</v>
      </c>
      <c r="M7458" s="2" t="s">
        <v>1520</v>
      </c>
      <c r="N7458" s="5" t="s">
        <v>1521</v>
      </c>
      <c r="O7458" s="5" t="s">
        <v>38</v>
      </c>
      <c r="P7458" s="5" t="s">
        <v>39</v>
      </c>
      <c r="Q7458" s="5" t="s">
        <v>40</v>
      </c>
      <c r="R7458" s="5" t="s">
        <v>1522</v>
      </c>
      <c r="S7458" s="5" t="s">
        <v>1523</v>
      </c>
      <c r="T7458" s="5" t="s">
        <v>42</v>
      </c>
      <c r="U7458" s="2">
        <v>3.5209999999999999</v>
      </c>
      <c r="V7458" s="2">
        <v>2.839</v>
      </c>
      <c r="W7458" s="2">
        <v>0.02</v>
      </c>
      <c r="X7458" s="2">
        <v>159.1</v>
      </c>
      <c r="Y7458" s="2">
        <v>7.6</v>
      </c>
      <c r="Z7458" s="2">
        <v>16.7</v>
      </c>
      <c r="AA7458" s="5"/>
      <c r="AB7458" s="5" t="s">
        <v>43</v>
      </c>
      <c r="AC7458" s="5" t="s">
        <v>44</v>
      </c>
      <c r="AD7458" s="2"/>
      <c r="AE7458" s="1"/>
    </row>
    <row r="7459" spans="1:31" ht="14.45">
      <c r="A7459" s="11"/>
      <c r="B7459" s="20"/>
      <c r="C7459" s="2" t="s">
        <v>22849</v>
      </c>
      <c r="D7459" s="14" t="s">
        <v>22850</v>
      </c>
      <c r="E7459" s="2" t="s">
        <v>22851</v>
      </c>
      <c r="F7459" s="2" t="s">
        <v>7551</v>
      </c>
      <c r="G7459" s="8">
        <v>296</v>
      </c>
      <c r="H7459" s="5">
        <v>6</v>
      </c>
      <c r="I7459" s="5" t="s">
        <v>1518</v>
      </c>
      <c r="J7459" s="5" t="s">
        <v>1519</v>
      </c>
      <c r="K7459" s="2" t="s">
        <v>1520</v>
      </c>
      <c r="L7459" s="5" t="s">
        <v>1519</v>
      </c>
      <c r="M7459" s="2" t="s">
        <v>1520</v>
      </c>
      <c r="N7459" s="5" t="s">
        <v>1521</v>
      </c>
      <c r="O7459" s="5" t="s">
        <v>38</v>
      </c>
      <c r="P7459" s="5" t="s">
        <v>39</v>
      </c>
      <c r="Q7459" s="5" t="s">
        <v>40</v>
      </c>
      <c r="R7459" s="5" t="s">
        <v>1522</v>
      </c>
      <c r="S7459" s="5" t="s">
        <v>1523</v>
      </c>
      <c r="T7459" s="5" t="s">
        <v>42</v>
      </c>
      <c r="U7459" s="2">
        <v>3.6349999999999998</v>
      </c>
      <c r="V7459" s="2">
        <v>2.9529999999999998</v>
      </c>
      <c r="W7459" s="2">
        <v>0.02</v>
      </c>
      <c r="X7459" s="2">
        <v>159.1</v>
      </c>
      <c r="Y7459" s="2">
        <v>7.6</v>
      </c>
      <c r="Z7459" s="2">
        <v>16.7</v>
      </c>
      <c r="AA7459" s="5"/>
      <c r="AB7459" s="5" t="s">
        <v>43</v>
      </c>
      <c r="AC7459" s="5" t="s">
        <v>44</v>
      </c>
      <c r="AD7459" s="2"/>
      <c r="AE7459" s="1"/>
    </row>
    <row r="7460" spans="1:31" ht="14.45">
      <c r="A7460" s="11"/>
      <c r="B7460" s="20"/>
      <c r="C7460" s="2" t="s">
        <v>22852</v>
      </c>
      <c r="D7460" s="14" t="s">
        <v>22853</v>
      </c>
      <c r="E7460" s="2" t="s">
        <v>22854</v>
      </c>
      <c r="F7460" s="2" t="s">
        <v>7555</v>
      </c>
      <c r="G7460" s="8">
        <v>296</v>
      </c>
      <c r="H7460" s="5">
        <v>6</v>
      </c>
      <c r="I7460" s="5" t="s">
        <v>1518</v>
      </c>
      <c r="J7460" s="5" t="s">
        <v>1519</v>
      </c>
      <c r="K7460" s="2" t="s">
        <v>1520</v>
      </c>
      <c r="L7460" s="5" t="s">
        <v>1519</v>
      </c>
      <c r="M7460" s="2" t="s">
        <v>1520</v>
      </c>
      <c r="N7460" s="5" t="s">
        <v>1521</v>
      </c>
      <c r="O7460" s="5" t="s">
        <v>38</v>
      </c>
      <c r="P7460" s="5" t="s">
        <v>39</v>
      </c>
      <c r="Q7460" s="5" t="s">
        <v>40</v>
      </c>
      <c r="R7460" s="5" t="s">
        <v>1522</v>
      </c>
      <c r="S7460" s="5" t="s">
        <v>1523</v>
      </c>
      <c r="T7460" s="5" t="s">
        <v>42</v>
      </c>
      <c r="U7460" s="2">
        <v>3.5209999999999999</v>
      </c>
      <c r="V7460" s="2">
        <v>2.839</v>
      </c>
      <c r="W7460" s="2">
        <v>0.02</v>
      </c>
      <c r="X7460" s="2">
        <v>159.1</v>
      </c>
      <c r="Y7460" s="2">
        <v>7.6</v>
      </c>
      <c r="Z7460" s="2">
        <v>16.7</v>
      </c>
      <c r="AA7460" s="5"/>
      <c r="AB7460" s="5" t="s">
        <v>43</v>
      </c>
      <c r="AC7460" s="5" t="s">
        <v>44</v>
      </c>
      <c r="AD7460" s="2"/>
      <c r="AE7460" s="1"/>
    </row>
    <row r="7461" spans="1:31" ht="14.45">
      <c r="A7461" s="11"/>
      <c r="B7461" s="20"/>
      <c r="C7461" s="2" t="s">
        <v>22855</v>
      </c>
      <c r="D7461" s="14" t="s">
        <v>22856</v>
      </c>
      <c r="E7461" s="2" t="s">
        <v>22857</v>
      </c>
      <c r="F7461" s="2" t="s">
        <v>7559</v>
      </c>
      <c r="G7461" s="8">
        <v>296</v>
      </c>
      <c r="H7461" s="5">
        <v>6</v>
      </c>
      <c r="I7461" s="5" t="s">
        <v>1518</v>
      </c>
      <c r="J7461" s="5" t="s">
        <v>1519</v>
      </c>
      <c r="K7461" s="2" t="s">
        <v>1520</v>
      </c>
      <c r="L7461" s="5" t="s">
        <v>1519</v>
      </c>
      <c r="M7461" s="2" t="s">
        <v>1520</v>
      </c>
      <c r="N7461" s="5" t="s">
        <v>1521</v>
      </c>
      <c r="O7461" s="5" t="s">
        <v>38</v>
      </c>
      <c r="P7461" s="5" t="s">
        <v>39</v>
      </c>
      <c r="Q7461" s="5" t="s">
        <v>40</v>
      </c>
      <c r="R7461" s="5" t="s">
        <v>1522</v>
      </c>
      <c r="S7461" s="5" t="s">
        <v>1523</v>
      </c>
      <c r="T7461" s="5" t="s">
        <v>42</v>
      </c>
      <c r="U7461" s="2">
        <v>3.6349999999999998</v>
      </c>
      <c r="V7461" s="2">
        <v>2.9529999999999998</v>
      </c>
      <c r="W7461" s="2">
        <v>0.02</v>
      </c>
      <c r="X7461" s="2">
        <v>159.1</v>
      </c>
      <c r="Y7461" s="2">
        <v>7.6</v>
      </c>
      <c r="Z7461" s="2">
        <v>16.7</v>
      </c>
      <c r="AA7461" s="5"/>
      <c r="AB7461" s="5" t="s">
        <v>43</v>
      </c>
      <c r="AC7461" s="5" t="s">
        <v>44</v>
      </c>
      <c r="AD7461" s="2"/>
      <c r="AE7461" s="1"/>
    </row>
    <row r="7462" spans="1:31" ht="14.45">
      <c r="A7462" s="11"/>
      <c r="B7462" s="20"/>
      <c r="C7462" s="2" t="s">
        <v>22858</v>
      </c>
      <c r="D7462" s="14" t="s">
        <v>22859</v>
      </c>
      <c r="E7462" s="2" t="s">
        <v>22860</v>
      </c>
      <c r="F7462" s="2" t="s">
        <v>7563</v>
      </c>
      <c r="G7462" s="8">
        <v>296</v>
      </c>
      <c r="H7462" s="5">
        <v>6</v>
      </c>
      <c r="I7462" s="5" t="s">
        <v>1518</v>
      </c>
      <c r="J7462" s="5" t="s">
        <v>1519</v>
      </c>
      <c r="K7462" s="2" t="s">
        <v>1520</v>
      </c>
      <c r="L7462" s="5" t="s">
        <v>1519</v>
      </c>
      <c r="M7462" s="2" t="s">
        <v>1520</v>
      </c>
      <c r="N7462" s="5" t="s">
        <v>1521</v>
      </c>
      <c r="O7462" s="5" t="s">
        <v>38</v>
      </c>
      <c r="P7462" s="5" t="s">
        <v>39</v>
      </c>
      <c r="Q7462" s="5" t="s">
        <v>40</v>
      </c>
      <c r="R7462" s="5" t="s">
        <v>1522</v>
      </c>
      <c r="S7462" s="5" t="s">
        <v>1523</v>
      </c>
      <c r="T7462" s="5" t="s">
        <v>42</v>
      </c>
      <c r="U7462" s="2">
        <v>3.5539999999999998</v>
      </c>
      <c r="V7462" s="2">
        <v>2.8719999999999999</v>
      </c>
      <c r="W7462" s="2">
        <v>0.02</v>
      </c>
      <c r="X7462" s="2">
        <v>159.1</v>
      </c>
      <c r="Y7462" s="2">
        <v>7.6</v>
      </c>
      <c r="Z7462" s="2">
        <v>16.7</v>
      </c>
      <c r="AA7462" s="5"/>
      <c r="AB7462" s="5" t="s">
        <v>43</v>
      </c>
      <c r="AC7462" s="5" t="s">
        <v>44</v>
      </c>
      <c r="AD7462" s="2"/>
      <c r="AE7462" s="1"/>
    </row>
    <row r="7463" spans="1:31" ht="14.45">
      <c r="A7463" s="11"/>
      <c r="B7463" s="20"/>
      <c r="C7463" s="2" t="s">
        <v>22861</v>
      </c>
      <c r="D7463" s="14" t="s">
        <v>22862</v>
      </c>
      <c r="E7463" s="2" t="s">
        <v>22863</v>
      </c>
      <c r="F7463" s="2" t="s">
        <v>7567</v>
      </c>
      <c r="G7463" s="8">
        <v>296</v>
      </c>
      <c r="H7463" s="5">
        <v>6</v>
      </c>
      <c r="I7463" s="5" t="s">
        <v>1518</v>
      </c>
      <c r="J7463" s="5" t="s">
        <v>1519</v>
      </c>
      <c r="K7463" s="2" t="s">
        <v>1520</v>
      </c>
      <c r="L7463" s="5" t="s">
        <v>1519</v>
      </c>
      <c r="M7463" s="2" t="s">
        <v>1520</v>
      </c>
      <c r="N7463" s="5" t="s">
        <v>1521</v>
      </c>
      <c r="O7463" s="5" t="s">
        <v>38</v>
      </c>
      <c r="P7463" s="5" t="s">
        <v>39</v>
      </c>
      <c r="Q7463" s="5" t="s">
        <v>40</v>
      </c>
      <c r="R7463" s="5" t="s">
        <v>1522</v>
      </c>
      <c r="S7463" s="5" t="s">
        <v>1523</v>
      </c>
      <c r="T7463" s="5" t="s">
        <v>42</v>
      </c>
      <c r="U7463" s="2">
        <v>3.6680000000000001</v>
      </c>
      <c r="V7463" s="2">
        <v>2.9860000000000002</v>
      </c>
      <c r="W7463" s="2">
        <v>0.02</v>
      </c>
      <c r="X7463" s="2">
        <v>159.1</v>
      </c>
      <c r="Y7463" s="2">
        <v>7.6</v>
      </c>
      <c r="Z7463" s="2">
        <v>16.7</v>
      </c>
      <c r="AA7463" s="5"/>
      <c r="AB7463" s="5" t="s">
        <v>43</v>
      </c>
      <c r="AC7463" s="5" t="s">
        <v>44</v>
      </c>
      <c r="AD7463" s="2"/>
      <c r="AE7463" s="1"/>
    </row>
    <row r="7464" spans="1:31" ht="14.45">
      <c r="A7464" s="11"/>
      <c r="B7464" s="20"/>
      <c r="C7464" s="2" t="s">
        <v>22864</v>
      </c>
      <c r="D7464" s="14" t="s">
        <v>22865</v>
      </c>
      <c r="E7464" s="2" t="s">
        <v>22866</v>
      </c>
      <c r="F7464" s="2" t="s">
        <v>16079</v>
      </c>
      <c r="G7464" s="8">
        <v>296</v>
      </c>
      <c r="H7464" s="5">
        <v>6</v>
      </c>
      <c r="I7464" s="5" t="s">
        <v>1518</v>
      </c>
      <c r="J7464" s="5" t="s">
        <v>1519</v>
      </c>
      <c r="K7464" s="2" t="s">
        <v>1520</v>
      </c>
      <c r="L7464" s="5" t="s">
        <v>1519</v>
      </c>
      <c r="M7464" s="2" t="s">
        <v>1520</v>
      </c>
      <c r="N7464" s="5" t="s">
        <v>1521</v>
      </c>
      <c r="O7464" s="5" t="s">
        <v>38</v>
      </c>
      <c r="P7464" s="5" t="s">
        <v>39</v>
      </c>
      <c r="Q7464" s="5" t="s">
        <v>40</v>
      </c>
      <c r="R7464" s="5" t="s">
        <v>1522</v>
      </c>
      <c r="S7464" s="5" t="s">
        <v>1523</v>
      </c>
      <c r="T7464" s="5" t="s">
        <v>42</v>
      </c>
      <c r="U7464" s="2">
        <v>3.5539999999999998</v>
      </c>
      <c r="V7464" s="2">
        <v>2.8719999999999999</v>
      </c>
      <c r="W7464" s="2">
        <v>0.02</v>
      </c>
      <c r="X7464" s="2">
        <v>159.1</v>
      </c>
      <c r="Y7464" s="2">
        <v>7.6</v>
      </c>
      <c r="Z7464" s="2">
        <v>16.7</v>
      </c>
      <c r="AA7464" s="5"/>
      <c r="AB7464" s="5" t="s">
        <v>43</v>
      </c>
      <c r="AC7464" s="5" t="s">
        <v>44</v>
      </c>
      <c r="AD7464" s="2"/>
      <c r="AE7464" s="1"/>
    </row>
    <row r="7465" spans="1:31" ht="14.45">
      <c r="A7465" s="11"/>
      <c r="B7465" s="20"/>
      <c r="C7465" s="2" t="s">
        <v>22867</v>
      </c>
      <c r="D7465" s="14" t="s">
        <v>22868</v>
      </c>
      <c r="E7465" s="2" t="s">
        <v>22869</v>
      </c>
      <c r="F7465" s="2" t="s">
        <v>16194</v>
      </c>
      <c r="G7465" s="8">
        <v>296</v>
      </c>
      <c r="H7465" s="5">
        <v>6</v>
      </c>
      <c r="I7465" s="5" t="s">
        <v>1518</v>
      </c>
      <c r="J7465" s="5" t="s">
        <v>1519</v>
      </c>
      <c r="K7465" s="2" t="s">
        <v>1520</v>
      </c>
      <c r="L7465" s="5" t="s">
        <v>1519</v>
      </c>
      <c r="M7465" s="2" t="s">
        <v>1520</v>
      </c>
      <c r="N7465" s="5" t="s">
        <v>1521</v>
      </c>
      <c r="O7465" s="5" t="s">
        <v>38</v>
      </c>
      <c r="P7465" s="5" t="s">
        <v>39</v>
      </c>
      <c r="Q7465" s="5" t="s">
        <v>40</v>
      </c>
      <c r="R7465" s="5" t="s">
        <v>1522</v>
      </c>
      <c r="S7465" s="5" t="s">
        <v>1523</v>
      </c>
      <c r="T7465" s="5" t="s">
        <v>42</v>
      </c>
      <c r="U7465" s="2">
        <v>3.6680000000000001</v>
      </c>
      <c r="V7465" s="2">
        <v>2.9860000000000002</v>
      </c>
      <c r="W7465" s="2">
        <v>0.02</v>
      </c>
      <c r="X7465" s="2">
        <v>159.1</v>
      </c>
      <c r="Y7465" s="2">
        <v>7.6</v>
      </c>
      <c r="Z7465" s="2">
        <v>16.7</v>
      </c>
      <c r="AA7465" s="5"/>
      <c r="AB7465" s="5" t="s">
        <v>43</v>
      </c>
      <c r="AC7465" s="5" t="s">
        <v>44</v>
      </c>
      <c r="AD7465" s="2"/>
      <c r="AE7465" s="1"/>
    </row>
    <row r="7466" spans="1:31" ht="14.45">
      <c r="A7466" s="11"/>
      <c r="B7466" s="20"/>
      <c r="C7466" s="2" t="s">
        <v>22870</v>
      </c>
      <c r="D7466" s="14" t="s">
        <v>22871</v>
      </c>
      <c r="E7466" s="2" t="s">
        <v>22872</v>
      </c>
      <c r="F7466" s="2" t="s">
        <v>7449</v>
      </c>
      <c r="G7466" s="8">
        <v>296</v>
      </c>
      <c r="H7466" s="5">
        <v>6</v>
      </c>
      <c r="I7466" s="5" t="s">
        <v>1518</v>
      </c>
      <c r="J7466" s="5" t="s">
        <v>1519</v>
      </c>
      <c r="K7466" s="2" t="s">
        <v>1520</v>
      </c>
      <c r="L7466" s="5" t="s">
        <v>1519</v>
      </c>
      <c r="M7466" s="2" t="s">
        <v>1520</v>
      </c>
      <c r="N7466" s="5" t="s">
        <v>1521</v>
      </c>
      <c r="O7466" s="5" t="s">
        <v>38</v>
      </c>
      <c r="P7466" s="5" t="s">
        <v>39</v>
      </c>
      <c r="Q7466" s="5" t="s">
        <v>40</v>
      </c>
      <c r="R7466" s="5" t="s">
        <v>1522</v>
      </c>
      <c r="S7466" s="5" t="s">
        <v>1523</v>
      </c>
      <c r="T7466" s="5" t="s">
        <v>42</v>
      </c>
      <c r="U7466" s="2">
        <v>3.5539999999999998</v>
      </c>
      <c r="V7466" s="2">
        <v>2.8719999999999999</v>
      </c>
      <c r="W7466" s="2">
        <v>0.02</v>
      </c>
      <c r="X7466" s="2">
        <v>159.1</v>
      </c>
      <c r="Y7466" s="2">
        <v>7.6</v>
      </c>
      <c r="Z7466" s="2">
        <v>16.7</v>
      </c>
      <c r="AA7466" s="5"/>
      <c r="AB7466" s="5" t="s">
        <v>43</v>
      </c>
      <c r="AC7466" s="5" t="s">
        <v>44</v>
      </c>
      <c r="AD7466" s="2"/>
      <c r="AE7466" s="1"/>
    </row>
    <row r="7467" spans="1:31" ht="14.45">
      <c r="A7467" s="11"/>
      <c r="B7467" s="20"/>
      <c r="C7467" s="2" t="s">
        <v>22873</v>
      </c>
      <c r="D7467" s="14" t="s">
        <v>22874</v>
      </c>
      <c r="E7467" s="2" t="s">
        <v>22875</v>
      </c>
      <c r="F7467" s="2" t="s">
        <v>7581</v>
      </c>
      <c r="G7467" s="8">
        <v>296</v>
      </c>
      <c r="H7467" s="5">
        <v>6</v>
      </c>
      <c r="I7467" s="5" t="s">
        <v>1518</v>
      </c>
      <c r="J7467" s="5" t="s">
        <v>1519</v>
      </c>
      <c r="K7467" s="2" t="s">
        <v>1520</v>
      </c>
      <c r="L7467" s="5" t="s">
        <v>1519</v>
      </c>
      <c r="M7467" s="2" t="s">
        <v>1520</v>
      </c>
      <c r="N7467" s="5" t="s">
        <v>1521</v>
      </c>
      <c r="O7467" s="5" t="s">
        <v>38</v>
      </c>
      <c r="P7467" s="5" t="s">
        <v>39</v>
      </c>
      <c r="Q7467" s="5" t="s">
        <v>40</v>
      </c>
      <c r="R7467" s="5" t="s">
        <v>1522</v>
      </c>
      <c r="S7467" s="5" t="s">
        <v>1523</v>
      </c>
      <c r="T7467" s="5" t="s">
        <v>42</v>
      </c>
      <c r="U7467" s="2">
        <v>3.6680000000000001</v>
      </c>
      <c r="V7467" s="2">
        <v>2.9860000000000002</v>
      </c>
      <c r="W7467" s="2">
        <v>0.02</v>
      </c>
      <c r="X7467" s="2">
        <v>159.1</v>
      </c>
      <c r="Y7467" s="2">
        <v>7.6</v>
      </c>
      <c r="Z7467" s="2">
        <v>16.7</v>
      </c>
      <c r="AA7467" s="5"/>
      <c r="AB7467" s="5" t="s">
        <v>43</v>
      </c>
      <c r="AC7467" s="5" t="s">
        <v>44</v>
      </c>
      <c r="AD7467" s="2"/>
      <c r="AE7467" s="1"/>
    </row>
    <row r="7468" spans="1:31" ht="14.45">
      <c r="A7468" s="11"/>
      <c r="B7468" s="20"/>
      <c r="C7468" s="2" t="s">
        <v>22876</v>
      </c>
      <c r="D7468" s="14" t="s">
        <v>22877</v>
      </c>
      <c r="E7468" s="2" t="s">
        <v>22878</v>
      </c>
      <c r="F7468" s="2" t="s">
        <v>7585</v>
      </c>
      <c r="G7468" s="8">
        <v>296</v>
      </c>
      <c r="H7468" s="5">
        <v>6</v>
      </c>
      <c r="I7468" s="5" t="s">
        <v>1518</v>
      </c>
      <c r="J7468" s="5" t="s">
        <v>1519</v>
      </c>
      <c r="K7468" s="2" t="s">
        <v>1520</v>
      </c>
      <c r="L7468" s="5" t="s">
        <v>1519</v>
      </c>
      <c r="M7468" s="2" t="s">
        <v>1520</v>
      </c>
      <c r="N7468" s="5" t="s">
        <v>1521</v>
      </c>
      <c r="O7468" s="5" t="s">
        <v>38</v>
      </c>
      <c r="P7468" s="5" t="s">
        <v>39</v>
      </c>
      <c r="Q7468" s="5" t="s">
        <v>40</v>
      </c>
      <c r="R7468" s="5" t="s">
        <v>1522</v>
      </c>
      <c r="S7468" s="5" t="s">
        <v>1523</v>
      </c>
      <c r="T7468" s="5" t="s">
        <v>42</v>
      </c>
      <c r="U7468" s="2">
        <v>3.5209999999999999</v>
      </c>
      <c r="V7468" s="2">
        <v>2.839</v>
      </c>
      <c r="W7468" s="2">
        <v>0.02</v>
      </c>
      <c r="X7468" s="2">
        <v>159.1</v>
      </c>
      <c r="Y7468" s="2">
        <v>7.6</v>
      </c>
      <c r="Z7468" s="2">
        <v>16.7</v>
      </c>
      <c r="AA7468" s="5"/>
      <c r="AB7468" s="5" t="s">
        <v>43</v>
      </c>
      <c r="AC7468" s="5" t="s">
        <v>44</v>
      </c>
      <c r="AD7468" s="2"/>
      <c r="AE7468" s="1"/>
    </row>
    <row r="7469" spans="1:31" ht="14.45">
      <c r="A7469" s="11"/>
      <c r="B7469" s="20"/>
      <c r="C7469" s="2" t="s">
        <v>22879</v>
      </c>
      <c r="D7469" s="14" t="s">
        <v>22880</v>
      </c>
      <c r="E7469" s="2" t="s">
        <v>22881</v>
      </c>
      <c r="F7469" s="2" t="s">
        <v>7589</v>
      </c>
      <c r="G7469" s="8">
        <v>296</v>
      </c>
      <c r="H7469" s="5">
        <v>6</v>
      </c>
      <c r="I7469" s="5" t="s">
        <v>1518</v>
      </c>
      <c r="J7469" s="5" t="s">
        <v>1519</v>
      </c>
      <c r="K7469" s="2" t="s">
        <v>1520</v>
      </c>
      <c r="L7469" s="5" t="s">
        <v>1519</v>
      </c>
      <c r="M7469" s="2" t="s">
        <v>1520</v>
      </c>
      <c r="N7469" s="5" t="s">
        <v>1521</v>
      </c>
      <c r="O7469" s="5" t="s">
        <v>38</v>
      </c>
      <c r="P7469" s="5" t="s">
        <v>39</v>
      </c>
      <c r="Q7469" s="5" t="s">
        <v>40</v>
      </c>
      <c r="R7469" s="5" t="s">
        <v>1522</v>
      </c>
      <c r="S7469" s="5" t="s">
        <v>1523</v>
      </c>
      <c r="T7469" s="5" t="s">
        <v>42</v>
      </c>
      <c r="U7469" s="2">
        <v>3.6349999999999998</v>
      </c>
      <c r="V7469" s="2">
        <v>2.9529999999999998</v>
      </c>
      <c r="W7469" s="2">
        <v>0.02</v>
      </c>
      <c r="X7469" s="2">
        <v>159.1</v>
      </c>
      <c r="Y7469" s="2">
        <v>7.6</v>
      </c>
      <c r="Z7469" s="2">
        <v>16.7</v>
      </c>
      <c r="AA7469" s="5"/>
      <c r="AB7469" s="5" t="s">
        <v>43</v>
      </c>
      <c r="AC7469" s="5" t="s">
        <v>44</v>
      </c>
      <c r="AD7469" s="2"/>
      <c r="AE7469" s="1"/>
    </row>
    <row r="7470" spans="1:31" ht="14.45">
      <c r="A7470" s="11"/>
      <c r="B7470" s="20"/>
      <c r="C7470" s="2" t="s">
        <v>22882</v>
      </c>
      <c r="D7470" s="14" t="s">
        <v>22883</v>
      </c>
      <c r="E7470" s="2" t="s">
        <v>22884</v>
      </c>
      <c r="F7470" s="2" t="s">
        <v>7593</v>
      </c>
      <c r="G7470" s="8">
        <v>296</v>
      </c>
      <c r="H7470" s="5">
        <v>6</v>
      </c>
      <c r="I7470" s="5" t="s">
        <v>1518</v>
      </c>
      <c r="J7470" s="5" t="s">
        <v>1519</v>
      </c>
      <c r="K7470" s="2" t="s">
        <v>1520</v>
      </c>
      <c r="L7470" s="5" t="s">
        <v>1519</v>
      </c>
      <c r="M7470" s="2" t="s">
        <v>1520</v>
      </c>
      <c r="N7470" s="5" t="s">
        <v>1521</v>
      </c>
      <c r="O7470" s="5" t="s">
        <v>38</v>
      </c>
      <c r="P7470" s="5" t="s">
        <v>39</v>
      </c>
      <c r="Q7470" s="5" t="s">
        <v>40</v>
      </c>
      <c r="R7470" s="5" t="s">
        <v>1522</v>
      </c>
      <c r="S7470" s="5" t="s">
        <v>1523</v>
      </c>
      <c r="T7470" s="5" t="s">
        <v>42</v>
      </c>
      <c r="U7470" s="2">
        <v>3.5539999999999998</v>
      </c>
      <c r="V7470" s="2">
        <v>2.8719999999999999</v>
      </c>
      <c r="W7470" s="2">
        <v>0.02</v>
      </c>
      <c r="X7470" s="2">
        <v>159.1</v>
      </c>
      <c r="Y7470" s="2">
        <v>7.6</v>
      </c>
      <c r="Z7470" s="2">
        <v>16.7</v>
      </c>
      <c r="AA7470" s="5"/>
      <c r="AB7470" s="5" t="s">
        <v>43</v>
      </c>
      <c r="AC7470" s="5" t="s">
        <v>44</v>
      </c>
      <c r="AD7470" s="2"/>
      <c r="AE7470" s="1"/>
    </row>
    <row r="7471" spans="1:31" ht="14.45">
      <c r="A7471" s="11"/>
      <c r="B7471" s="20"/>
      <c r="C7471" s="2" t="s">
        <v>22885</v>
      </c>
      <c r="D7471" s="14" t="s">
        <v>22886</v>
      </c>
      <c r="E7471" s="2" t="s">
        <v>22887</v>
      </c>
      <c r="F7471" s="2" t="s">
        <v>7597</v>
      </c>
      <c r="G7471" s="8">
        <v>296</v>
      </c>
      <c r="H7471" s="5">
        <v>6</v>
      </c>
      <c r="I7471" s="5" t="s">
        <v>1518</v>
      </c>
      <c r="J7471" s="5" t="s">
        <v>1519</v>
      </c>
      <c r="K7471" s="2" t="s">
        <v>1520</v>
      </c>
      <c r="L7471" s="5" t="s">
        <v>1519</v>
      </c>
      <c r="M7471" s="2" t="s">
        <v>1520</v>
      </c>
      <c r="N7471" s="5" t="s">
        <v>1521</v>
      </c>
      <c r="O7471" s="5" t="s">
        <v>38</v>
      </c>
      <c r="P7471" s="5" t="s">
        <v>39</v>
      </c>
      <c r="Q7471" s="5" t="s">
        <v>40</v>
      </c>
      <c r="R7471" s="5" t="s">
        <v>1522</v>
      </c>
      <c r="S7471" s="5" t="s">
        <v>1523</v>
      </c>
      <c r="T7471" s="5" t="s">
        <v>42</v>
      </c>
      <c r="U7471" s="2">
        <v>3.6680000000000001</v>
      </c>
      <c r="V7471" s="2">
        <v>2.9860000000000002</v>
      </c>
      <c r="W7471" s="2">
        <v>0.02</v>
      </c>
      <c r="X7471" s="2">
        <v>159.1</v>
      </c>
      <c r="Y7471" s="2">
        <v>7.6</v>
      </c>
      <c r="Z7471" s="2">
        <v>16.7</v>
      </c>
      <c r="AA7471" s="5"/>
      <c r="AB7471" s="5" t="s">
        <v>43</v>
      </c>
      <c r="AC7471" s="5" t="s">
        <v>44</v>
      </c>
      <c r="AD7471" s="2"/>
      <c r="AE7471" s="1"/>
    </row>
    <row r="7472" spans="1:31" ht="14.45">
      <c r="A7472" s="11"/>
      <c r="B7472" s="20"/>
      <c r="C7472" s="2" t="s">
        <v>22888</v>
      </c>
      <c r="D7472" s="14" t="s">
        <v>22889</v>
      </c>
      <c r="E7472" s="2" t="s">
        <v>22890</v>
      </c>
      <c r="F7472" s="2" t="s">
        <v>16014</v>
      </c>
      <c r="G7472" s="8">
        <v>296</v>
      </c>
      <c r="H7472" s="5">
        <v>6</v>
      </c>
      <c r="I7472" s="5" t="s">
        <v>1518</v>
      </c>
      <c r="J7472" s="5" t="s">
        <v>1519</v>
      </c>
      <c r="K7472" s="2" t="s">
        <v>1520</v>
      </c>
      <c r="L7472" s="5" t="s">
        <v>1519</v>
      </c>
      <c r="M7472" s="2" t="s">
        <v>1520</v>
      </c>
      <c r="N7472" s="5" t="s">
        <v>1521</v>
      </c>
      <c r="O7472" s="5" t="s">
        <v>38</v>
      </c>
      <c r="P7472" s="5" t="s">
        <v>39</v>
      </c>
      <c r="Q7472" s="5" t="s">
        <v>40</v>
      </c>
      <c r="R7472" s="5" t="s">
        <v>1522</v>
      </c>
      <c r="S7472" s="5" t="s">
        <v>1523</v>
      </c>
      <c r="T7472" s="5" t="s">
        <v>42</v>
      </c>
      <c r="U7472" s="2">
        <v>3.5539999999999998</v>
      </c>
      <c r="V7472" s="2">
        <v>2.8719999999999999</v>
      </c>
      <c r="W7472" s="2">
        <v>0.02</v>
      </c>
      <c r="X7472" s="2">
        <v>159.1</v>
      </c>
      <c r="Y7472" s="2">
        <v>7.6</v>
      </c>
      <c r="Z7472" s="2">
        <v>16.7</v>
      </c>
      <c r="AA7472" s="5"/>
      <c r="AB7472" s="5" t="s">
        <v>43</v>
      </c>
      <c r="AC7472" s="5" t="s">
        <v>44</v>
      </c>
      <c r="AD7472" s="2"/>
      <c r="AE7472" s="1"/>
    </row>
    <row r="7473" spans="1:31" ht="14.45">
      <c r="A7473" s="11"/>
      <c r="B7473" s="20"/>
      <c r="C7473" s="2" t="s">
        <v>22891</v>
      </c>
      <c r="D7473" s="14" t="s">
        <v>22892</v>
      </c>
      <c r="E7473" s="2" t="s">
        <v>22893</v>
      </c>
      <c r="F7473" s="2" t="s">
        <v>16219</v>
      </c>
      <c r="G7473" s="8">
        <v>296</v>
      </c>
      <c r="H7473" s="5">
        <v>6</v>
      </c>
      <c r="I7473" s="5" t="s">
        <v>1518</v>
      </c>
      <c r="J7473" s="5" t="s">
        <v>1519</v>
      </c>
      <c r="K7473" s="2" t="s">
        <v>1520</v>
      </c>
      <c r="L7473" s="5" t="s">
        <v>1519</v>
      </c>
      <c r="M7473" s="2" t="s">
        <v>1520</v>
      </c>
      <c r="N7473" s="5" t="s">
        <v>1521</v>
      </c>
      <c r="O7473" s="5" t="s">
        <v>38</v>
      </c>
      <c r="P7473" s="5" t="s">
        <v>39</v>
      </c>
      <c r="Q7473" s="5" t="s">
        <v>40</v>
      </c>
      <c r="R7473" s="5" t="s">
        <v>1522</v>
      </c>
      <c r="S7473" s="5" t="s">
        <v>1523</v>
      </c>
      <c r="T7473" s="5" t="s">
        <v>42</v>
      </c>
      <c r="U7473" s="2">
        <v>3.6680000000000001</v>
      </c>
      <c r="V7473" s="2">
        <v>2.9860000000000002</v>
      </c>
      <c r="W7473" s="2">
        <v>0.02</v>
      </c>
      <c r="X7473" s="2">
        <v>159.1</v>
      </c>
      <c r="Y7473" s="2">
        <v>7.6</v>
      </c>
      <c r="Z7473" s="2">
        <v>16.7</v>
      </c>
      <c r="AA7473" s="5"/>
      <c r="AB7473" s="5" t="s">
        <v>43</v>
      </c>
      <c r="AC7473" s="5" t="s">
        <v>44</v>
      </c>
      <c r="AD7473" s="2"/>
      <c r="AE7473" s="1"/>
    </row>
    <row r="7474" spans="1:31" ht="14.45">
      <c r="A7474" s="11"/>
      <c r="B7474" s="20"/>
      <c r="C7474" s="2" t="s">
        <v>22894</v>
      </c>
      <c r="D7474" s="14" t="s">
        <v>22895</v>
      </c>
      <c r="E7474" s="2" t="s">
        <v>22896</v>
      </c>
      <c r="F7474" s="2" t="s">
        <v>16018</v>
      </c>
      <c r="G7474" s="8">
        <v>296</v>
      </c>
      <c r="H7474" s="5">
        <v>6</v>
      </c>
      <c r="I7474" s="5" t="s">
        <v>1518</v>
      </c>
      <c r="J7474" s="5" t="s">
        <v>1519</v>
      </c>
      <c r="K7474" s="2" t="s">
        <v>1520</v>
      </c>
      <c r="L7474" s="5" t="s">
        <v>1519</v>
      </c>
      <c r="M7474" s="2" t="s">
        <v>1520</v>
      </c>
      <c r="N7474" s="5" t="s">
        <v>1521</v>
      </c>
      <c r="O7474" s="5" t="s">
        <v>38</v>
      </c>
      <c r="P7474" s="5" t="s">
        <v>39</v>
      </c>
      <c r="Q7474" s="5" t="s">
        <v>40</v>
      </c>
      <c r="R7474" s="5" t="s">
        <v>1522</v>
      </c>
      <c r="S7474" s="5" t="s">
        <v>1523</v>
      </c>
      <c r="T7474" s="5" t="s">
        <v>42</v>
      </c>
      <c r="U7474" s="2">
        <v>3.5539999999999998</v>
      </c>
      <c r="V7474" s="2">
        <v>2.8719999999999999</v>
      </c>
      <c r="W7474" s="2">
        <v>0.02</v>
      </c>
      <c r="X7474" s="2">
        <v>159.1</v>
      </c>
      <c r="Y7474" s="2">
        <v>7.6</v>
      </c>
      <c r="Z7474" s="2">
        <v>16.7</v>
      </c>
      <c r="AA7474" s="5"/>
      <c r="AB7474" s="5" t="s">
        <v>43</v>
      </c>
      <c r="AC7474" s="5" t="s">
        <v>44</v>
      </c>
      <c r="AD7474" s="2"/>
      <c r="AE7474" s="1"/>
    </row>
    <row r="7475" spans="1:31" ht="14.45">
      <c r="A7475" s="11"/>
      <c r="B7475" s="20"/>
      <c r="C7475" s="2" t="s">
        <v>22897</v>
      </c>
      <c r="D7475" s="14" t="s">
        <v>22898</v>
      </c>
      <c r="E7475" s="2" t="s">
        <v>22899</v>
      </c>
      <c r="F7475" s="2" t="s">
        <v>16022</v>
      </c>
      <c r="G7475" s="8">
        <v>296</v>
      </c>
      <c r="H7475" s="5">
        <v>6</v>
      </c>
      <c r="I7475" s="5" t="s">
        <v>1518</v>
      </c>
      <c r="J7475" s="5" t="s">
        <v>1519</v>
      </c>
      <c r="K7475" s="2" t="s">
        <v>1520</v>
      </c>
      <c r="L7475" s="5" t="s">
        <v>1519</v>
      </c>
      <c r="M7475" s="2" t="s">
        <v>1520</v>
      </c>
      <c r="N7475" s="5" t="s">
        <v>1521</v>
      </c>
      <c r="O7475" s="5" t="s">
        <v>38</v>
      </c>
      <c r="P7475" s="5" t="s">
        <v>39</v>
      </c>
      <c r="Q7475" s="5" t="s">
        <v>40</v>
      </c>
      <c r="R7475" s="5" t="s">
        <v>1522</v>
      </c>
      <c r="S7475" s="5" t="s">
        <v>1523</v>
      </c>
      <c r="T7475" s="5" t="s">
        <v>42</v>
      </c>
      <c r="U7475" s="2">
        <v>3.6680000000000001</v>
      </c>
      <c r="V7475" s="2">
        <v>2.9860000000000002</v>
      </c>
      <c r="W7475" s="2">
        <v>0.02</v>
      </c>
      <c r="X7475" s="2">
        <v>159.1</v>
      </c>
      <c r="Y7475" s="2">
        <v>7.6</v>
      </c>
      <c r="Z7475" s="2">
        <v>16.7</v>
      </c>
      <c r="AA7475" s="5"/>
      <c r="AB7475" s="5" t="s">
        <v>43</v>
      </c>
      <c r="AC7475" s="5" t="s">
        <v>44</v>
      </c>
      <c r="AD7475" s="2"/>
      <c r="AE7475" s="1"/>
    </row>
    <row r="7476" spans="1:31" ht="14.45">
      <c r="A7476" s="11"/>
      <c r="B7476" s="20"/>
      <c r="C7476" s="2" t="s">
        <v>22900</v>
      </c>
      <c r="D7476" s="14" t="s">
        <v>22901</v>
      </c>
      <c r="E7476" s="2" t="s">
        <v>22902</v>
      </c>
      <c r="F7476" s="2" t="s">
        <v>7615</v>
      </c>
      <c r="G7476" s="8">
        <v>296</v>
      </c>
      <c r="H7476" s="5">
        <v>6</v>
      </c>
      <c r="I7476" s="5" t="s">
        <v>1518</v>
      </c>
      <c r="J7476" s="5" t="s">
        <v>1519</v>
      </c>
      <c r="K7476" s="2" t="s">
        <v>1520</v>
      </c>
      <c r="L7476" s="5" t="s">
        <v>1519</v>
      </c>
      <c r="M7476" s="2" t="s">
        <v>1520</v>
      </c>
      <c r="N7476" s="5" t="s">
        <v>1521</v>
      </c>
      <c r="O7476" s="5" t="s">
        <v>38</v>
      </c>
      <c r="P7476" s="5" t="s">
        <v>39</v>
      </c>
      <c r="Q7476" s="5" t="s">
        <v>40</v>
      </c>
      <c r="R7476" s="5" t="s">
        <v>1522</v>
      </c>
      <c r="S7476" s="5" t="s">
        <v>1523</v>
      </c>
      <c r="T7476" s="5" t="s">
        <v>42</v>
      </c>
      <c r="U7476" s="2">
        <v>3.5209999999999999</v>
      </c>
      <c r="V7476" s="2">
        <v>2.839</v>
      </c>
      <c r="W7476" s="2">
        <v>0.02</v>
      </c>
      <c r="X7476" s="2">
        <v>159.1</v>
      </c>
      <c r="Y7476" s="2">
        <v>7.6</v>
      </c>
      <c r="Z7476" s="2">
        <v>16.7</v>
      </c>
      <c r="AA7476" s="5"/>
      <c r="AB7476" s="5" t="s">
        <v>43</v>
      </c>
      <c r="AC7476" s="5" t="s">
        <v>44</v>
      </c>
      <c r="AD7476" s="2"/>
      <c r="AE7476" s="1"/>
    </row>
    <row r="7477" spans="1:31" ht="14.45">
      <c r="A7477" s="11"/>
      <c r="B7477" s="20"/>
      <c r="C7477" s="2" t="s">
        <v>22903</v>
      </c>
      <c r="D7477" s="14" t="s">
        <v>22904</v>
      </c>
      <c r="E7477" s="2" t="s">
        <v>22905</v>
      </c>
      <c r="F7477" s="2" t="s">
        <v>7619</v>
      </c>
      <c r="G7477" s="8">
        <v>296</v>
      </c>
      <c r="H7477" s="5">
        <v>6</v>
      </c>
      <c r="I7477" s="5" t="s">
        <v>1518</v>
      </c>
      <c r="J7477" s="5" t="s">
        <v>1519</v>
      </c>
      <c r="K7477" s="2" t="s">
        <v>1520</v>
      </c>
      <c r="L7477" s="5" t="s">
        <v>1519</v>
      </c>
      <c r="M7477" s="2" t="s">
        <v>1520</v>
      </c>
      <c r="N7477" s="5" t="s">
        <v>1521</v>
      </c>
      <c r="O7477" s="5" t="s">
        <v>38</v>
      </c>
      <c r="P7477" s="5" t="s">
        <v>39</v>
      </c>
      <c r="Q7477" s="5" t="s">
        <v>40</v>
      </c>
      <c r="R7477" s="5" t="s">
        <v>1522</v>
      </c>
      <c r="S7477" s="5" t="s">
        <v>1523</v>
      </c>
      <c r="T7477" s="5" t="s">
        <v>42</v>
      </c>
      <c r="U7477" s="2">
        <v>3.6349999999999998</v>
      </c>
      <c r="V7477" s="2">
        <v>2.9529999999999998</v>
      </c>
      <c r="W7477" s="2">
        <v>0.02</v>
      </c>
      <c r="X7477" s="2">
        <v>159.1</v>
      </c>
      <c r="Y7477" s="2">
        <v>7.6</v>
      </c>
      <c r="Z7477" s="2">
        <v>16.7</v>
      </c>
      <c r="AA7477" s="5"/>
      <c r="AB7477" s="5" t="s">
        <v>43</v>
      </c>
      <c r="AC7477" s="5" t="s">
        <v>44</v>
      </c>
      <c r="AD7477" s="2"/>
      <c r="AE7477" s="1"/>
    </row>
    <row r="7478" spans="1:31" ht="14.45">
      <c r="A7478" s="11"/>
      <c r="B7478" s="20"/>
      <c r="C7478" s="2" t="s">
        <v>22906</v>
      </c>
      <c r="D7478" s="14" t="s">
        <v>22907</v>
      </c>
      <c r="E7478" s="2" t="s">
        <v>22908</v>
      </c>
      <c r="F7478" s="2" t="s">
        <v>16029</v>
      </c>
      <c r="G7478" s="8">
        <v>296</v>
      </c>
      <c r="H7478" s="5">
        <v>11</v>
      </c>
      <c r="I7478" s="5" t="s">
        <v>1518</v>
      </c>
      <c r="J7478" s="5" t="s">
        <v>1519</v>
      </c>
      <c r="K7478" s="2" t="s">
        <v>1520</v>
      </c>
      <c r="L7478" s="5" t="s">
        <v>1519</v>
      </c>
      <c r="M7478" s="2" t="s">
        <v>1520</v>
      </c>
      <c r="N7478" s="5" t="s">
        <v>1521</v>
      </c>
      <c r="O7478" s="5" t="s">
        <v>38</v>
      </c>
      <c r="P7478" s="5" t="s">
        <v>39</v>
      </c>
      <c r="Q7478" s="5" t="s">
        <v>40</v>
      </c>
      <c r="R7478" s="5" t="s">
        <v>1522</v>
      </c>
      <c r="S7478" s="5" t="s">
        <v>1523</v>
      </c>
      <c r="T7478" s="5" t="s">
        <v>42</v>
      </c>
      <c r="U7478" s="2">
        <v>3.556</v>
      </c>
      <c r="V7478" s="2">
        <v>2.8740000000000001</v>
      </c>
      <c r="W7478" s="2">
        <v>0.02</v>
      </c>
      <c r="X7478" s="2">
        <v>159.1</v>
      </c>
      <c r="Y7478" s="2">
        <v>7.6</v>
      </c>
      <c r="Z7478" s="2">
        <v>16.7</v>
      </c>
      <c r="AA7478" s="5"/>
      <c r="AB7478" s="5" t="s">
        <v>43</v>
      </c>
      <c r="AC7478" s="5" t="s">
        <v>44</v>
      </c>
      <c r="AD7478" s="2"/>
      <c r="AE7478" s="1"/>
    </row>
    <row r="7479" spans="1:31" ht="14.45">
      <c r="A7479" s="11"/>
      <c r="B7479" s="20"/>
      <c r="C7479" s="2" t="s">
        <v>22909</v>
      </c>
      <c r="D7479" s="14" t="s">
        <v>22910</v>
      </c>
      <c r="E7479" s="2" t="s">
        <v>22911</v>
      </c>
      <c r="F7479" s="2" t="s">
        <v>16033</v>
      </c>
      <c r="G7479" s="8">
        <v>296</v>
      </c>
      <c r="H7479" s="5">
        <v>11</v>
      </c>
      <c r="I7479" s="5" t="s">
        <v>1518</v>
      </c>
      <c r="J7479" s="5" t="s">
        <v>1519</v>
      </c>
      <c r="K7479" s="2" t="s">
        <v>1520</v>
      </c>
      <c r="L7479" s="5" t="s">
        <v>1519</v>
      </c>
      <c r="M7479" s="2" t="s">
        <v>1520</v>
      </c>
      <c r="N7479" s="5" t="s">
        <v>1521</v>
      </c>
      <c r="O7479" s="5" t="s">
        <v>38</v>
      </c>
      <c r="P7479" s="5" t="s">
        <v>39</v>
      </c>
      <c r="Q7479" s="5" t="s">
        <v>40</v>
      </c>
      <c r="R7479" s="5" t="s">
        <v>1522</v>
      </c>
      <c r="S7479" s="5" t="s">
        <v>1523</v>
      </c>
      <c r="T7479" s="5" t="s">
        <v>42</v>
      </c>
      <c r="U7479" s="2">
        <v>3.67</v>
      </c>
      <c r="V7479" s="2">
        <v>2.988</v>
      </c>
      <c r="W7479" s="2">
        <v>0.02</v>
      </c>
      <c r="X7479" s="2">
        <v>159.1</v>
      </c>
      <c r="Y7479" s="2">
        <v>7.6</v>
      </c>
      <c r="Z7479" s="2">
        <v>16.7</v>
      </c>
      <c r="AA7479" s="5"/>
      <c r="AB7479" s="5" t="s">
        <v>43</v>
      </c>
      <c r="AC7479" s="5" t="s">
        <v>44</v>
      </c>
      <c r="AD7479" s="2"/>
      <c r="AE7479" s="1"/>
    </row>
    <row r="7480" spans="1:31" ht="14.45">
      <c r="A7480" s="11"/>
      <c r="B7480" s="20"/>
      <c r="C7480" s="2" t="s">
        <v>22912</v>
      </c>
      <c r="D7480" s="14" t="s">
        <v>22913</v>
      </c>
      <c r="E7480" s="2" t="s">
        <v>22914</v>
      </c>
      <c r="F7480" s="2" t="s">
        <v>7396</v>
      </c>
      <c r="G7480" s="8">
        <v>270</v>
      </c>
      <c r="H7480" s="5">
        <v>6</v>
      </c>
      <c r="I7480" s="5" t="s">
        <v>1518</v>
      </c>
      <c r="J7480" s="5" t="s">
        <v>1519</v>
      </c>
      <c r="K7480" s="2" t="s">
        <v>1520</v>
      </c>
      <c r="L7480" s="5" t="s">
        <v>1519</v>
      </c>
      <c r="M7480" s="2" t="s">
        <v>1520</v>
      </c>
      <c r="N7480" s="5" t="s">
        <v>1521</v>
      </c>
      <c r="O7480" s="5" t="s">
        <v>38</v>
      </c>
      <c r="P7480" s="5" t="s">
        <v>39</v>
      </c>
      <c r="Q7480" s="5" t="s">
        <v>40</v>
      </c>
      <c r="R7480" s="5" t="s">
        <v>1522</v>
      </c>
      <c r="S7480" s="5" t="s">
        <v>1523</v>
      </c>
      <c r="T7480" s="5" t="s">
        <v>42</v>
      </c>
      <c r="U7480" s="2">
        <v>3.165</v>
      </c>
      <c r="V7480" s="2">
        <v>2.5670000000000002</v>
      </c>
      <c r="W7480" s="2">
        <v>1.7999999999999999E-2</v>
      </c>
      <c r="X7480" s="2">
        <v>139.1</v>
      </c>
      <c r="Y7480" s="2">
        <v>7.6</v>
      </c>
      <c r="Z7480" s="2">
        <v>16.7</v>
      </c>
      <c r="AA7480" s="5"/>
      <c r="AB7480" s="5" t="s">
        <v>43</v>
      </c>
      <c r="AC7480" s="5" t="s">
        <v>44</v>
      </c>
      <c r="AD7480" s="2"/>
      <c r="AE7480" s="1"/>
    </row>
    <row r="7481" spans="1:31" ht="14.45">
      <c r="A7481" s="11"/>
      <c r="B7481" s="20"/>
      <c r="C7481" s="2" t="s">
        <v>22915</v>
      </c>
      <c r="D7481" s="14" t="s">
        <v>22916</v>
      </c>
      <c r="E7481" s="2" t="s">
        <v>22917</v>
      </c>
      <c r="F7481" s="2" t="s">
        <v>7507</v>
      </c>
      <c r="G7481" s="8">
        <v>270</v>
      </c>
      <c r="H7481" s="5">
        <v>6</v>
      </c>
      <c r="I7481" s="5" t="s">
        <v>1518</v>
      </c>
      <c r="J7481" s="5" t="s">
        <v>1519</v>
      </c>
      <c r="K7481" s="2" t="s">
        <v>1520</v>
      </c>
      <c r="L7481" s="5" t="s">
        <v>1519</v>
      </c>
      <c r="M7481" s="2" t="s">
        <v>1520</v>
      </c>
      <c r="N7481" s="5" t="s">
        <v>1521</v>
      </c>
      <c r="O7481" s="5" t="s">
        <v>38</v>
      </c>
      <c r="P7481" s="5" t="s">
        <v>39</v>
      </c>
      <c r="Q7481" s="5" t="s">
        <v>40</v>
      </c>
      <c r="R7481" s="5" t="s">
        <v>1522</v>
      </c>
      <c r="S7481" s="5" t="s">
        <v>1523</v>
      </c>
      <c r="T7481" s="5" t="s">
        <v>42</v>
      </c>
      <c r="U7481" s="2">
        <v>3.25</v>
      </c>
      <c r="V7481" s="2">
        <v>2.6520000000000001</v>
      </c>
      <c r="W7481" s="2">
        <v>1.7999999999999999E-2</v>
      </c>
      <c r="X7481" s="2">
        <v>139.1</v>
      </c>
      <c r="Y7481" s="2">
        <v>7.6</v>
      </c>
      <c r="Z7481" s="2">
        <v>16.7</v>
      </c>
      <c r="AA7481" s="5"/>
      <c r="AB7481" s="5" t="s">
        <v>43</v>
      </c>
      <c r="AC7481" s="5" t="s">
        <v>44</v>
      </c>
      <c r="AD7481" s="2"/>
      <c r="AE7481" s="1"/>
    </row>
    <row r="7482" spans="1:31" ht="14.45">
      <c r="A7482" s="11"/>
      <c r="B7482" s="20"/>
      <c r="C7482" s="2" t="s">
        <v>22918</v>
      </c>
      <c r="D7482" s="14" t="s">
        <v>22919</v>
      </c>
      <c r="E7482" s="2" t="s">
        <v>22920</v>
      </c>
      <c r="F7482" s="2" t="s">
        <v>7204</v>
      </c>
      <c r="G7482" s="8">
        <v>270</v>
      </c>
      <c r="H7482" s="5">
        <v>6</v>
      </c>
      <c r="I7482" s="5" t="s">
        <v>1518</v>
      </c>
      <c r="J7482" s="5" t="s">
        <v>1519</v>
      </c>
      <c r="K7482" s="2" t="s">
        <v>1520</v>
      </c>
      <c r="L7482" s="5" t="s">
        <v>1519</v>
      </c>
      <c r="M7482" s="2" t="s">
        <v>1520</v>
      </c>
      <c r="N7482" s="5" t="s">
        <v>1521</v>
      </c>
      <c r="O7482" s="5" t="s">
        <v>38</v>
      </c>
      <c r="P7482" s="5" t="s">
        <v>39</v>
      </c>
      <c r="Q7482" s="5" t="s">
        <v>40</v>
      </c>
      <c r="R7482" s="5" t="s">
        <v>1522</v>
      </c>
      <c r="S7482" s="5" t="s">
        <v>1523</v>
      </c>
      <c r="T7482" s="5" t="s">
        <v>42</v>
      </c>
      <c r="U7482" s="2">
        <v>3.1720000000000002</v>
      </c>
      <c r="V7482" s="2">
        <v>2.5739999999999998</v>
      </c>
      <c r="W7482" s="2">
        <v>1.7999999999999999E-2</v>
      </c>
      <c r="X7482" s="2">
        <v>139.1</v>
      </c>
      <c r="Y7482" s="2">
        <v>7.6</v>
      </c>
      <c r="Z7482" s="2">
        <v>16.7</v>
      </c>
      <c r="AA7482" s="5"/>
      <c r="AB7482" s="5" t="s">
        <v>43</v>
      </c>
      <c r="AC7482" s="5" t="s">
        <v>44</v>
      </c>
      <c r="AD7482" s="2"/>
      <c r="AE7482" s="1"/>
    </row>
    <row r="7483" spans="1:31" ht="14.45">
      <c r="A7483" s="11"/>
      <c r="B7483" s="20"/>
      <c r="C7483" s="2" t="s">
        <v>22921</v>
      </c>
      <c r="D7483" s="14" t="s">
        <v>22922</v>
      </c>
      <c r="E7483" s="2" t="s">
        <v>22923</v>
      </c>
      <c r="F7483" s="2" t="s">
        <v>7514</v>
      </c>
      <c r="G7483" s="8">
        <v>270</v>
      </c>
      <c r="H7483" s="5">
        <v>6</v>
      </c>
      <c r="I7483" s="5" t="s">
        <v>1518</v>
      </c>
      <c r="J7483" s="5" t="s">
        <v>1519</v>
      </c>
      <c r="K7483" s="2" t="s">
        <v>1520</v>
      </c>
      <c r="L7483" s="5" t="s">
        <v>1519</v>
      </c>
      <c r="M7483" s="2" t="s">
        <v>1520</v>
      </c>
      <c r="N7483" s="5" t="s">
        <v>1521</v>
      </c>
      <c r="O7483" s="5" t="s">
        <v>38</v>
      </c>
      <c r="P7483" s="5" t="s">
        <v>39</v>
      </c>
      <c r="Q7483" s="5" t="s">
        <v>40</v>
      </c>
      <c r="R7483" s="5" t="s">
        <v>1522</v>
      </c>
      <c r="S7483" s="5" t="s">
        <v>1523</v>
      </c>
      <c r="T7483" s="5" t="s">
        <v>42</v>
      </c>
      <c r="U7483" s="2">
        <v>3.2570000000000001</v>
      </c>
      <c r="V7483" s="2">
        <v>2.6589999999999998</v>
      </c>
      <c r="W7483" s="2">
        <v>1.7999999999999999E-2</v>
      </c>
      <c r="X7483" s="2">
        <v>139.1</v>
      </c>
      <c r="Y7483" s="2">
        <v>7.6</v>
      </c>
      <c r="Z7483" s="2">
        <v>16.7</v>
      </c>
      <c r="AA7483" s="5"/>
      <c r="AB7483" s="5" t="s">
        <v>43</v>
      </c>
      <c r="AC7483" s="5" t="s">
        <v>44</v>
      </c>
      <c r="AD7483" s="2"/>
      <c r="AE7483" s="1"/>
    </row>
    <row r="7484" spans="1:31" ht="14.45">
      <c r="A7484" s="11"/>
      <c r="B7484" s="20"/>
      <c r="C7484" s="2" t="s">
        <v>22924</v>
      </c>
      <c r="D7484" s="14" t="s">
        <v>22925</v>
      </c>
      <c r="E7484" s="2" t="s">
        <v>22926</v>
      </c>
      <c r="F7484" s="2" t="s">
        <v>7208</v>
      </c>
      <c r="G7484" s="8">
        <v>270</v>
      </c>
      <c r="H7484" s="5">
        <v>6</v>
      </c>
      <c r="I7484" s="5" t="s">
        <v>1518</v>
      </c>
      <c r="J7484" s="5" t="s">
        <v>1519</v>
      </c>
      <c r="K7484" s="2" t="s">
        <v>1520</v>
      </c>
      <c r="L7484" s="5" t="s">
        <v>1519</v>
      </c>
      <c r="M7484" s="2" t="s">
        <v>1520</v>
      </c>
      <c r="N7484" s="5" t="s">
        <v>1521</v>
      </c>
      <c r="O7484" s="5" t="s">
        <v>38</v>
      </c>
      <c r="P7484" s="5" t="s">
        <v>39</v>
      </c>
      <c r="Q7484" s="5" t="s">
        <v>40</v>
      </c>
      <c r="R7484" s="5" t="s">
        <v>1522</v>
      </c>
      <c r="S7484" s="5" t="s">
        <v>1523</v>
      </c>
      <c r="T7484" s="5" t="s">
        <v>42</v>
      </c>
      <c r="U7484" s="2">
        <v>3.1720000000000002</v>
      </c>
      <c r="V7484" s="2">
        <v>2.5739999999999998</v>
      </c>
      <c r="W7484" s="2">
        <v>1.7999999999999999E-2</v>
      </c>
      <c r="X7484" s="2">
        <v>139.1</v>
      </c>
      <c r="Y7484" s="2">
        <v>7.6</v>
      </c>
      <c r="Z7484" s="2">
        <v>16.7</v>
      </c>
      <c r="AA7484" s="5"/>
      <c r="AB7484" s="5" t="s">
        <v>43</v>
      </c>
      <c r="AC7484" s="5" t="s">
        <v>44</v>
      </c>
      <c r="AD7484" s="2"/>
      <c r="AE7484" s="1"/>
    </row>
    <row r="7485" spans="1:31" ht="14.45">
      <c r="A7485" s="11"/>
      <c r="B7485" s="20"/>
      <c r="C7485" s="2" t="s">
        <v>22927</v>
      </c>
      <c r="D7485" s="14" t="s">
        <v>22928</v>
      </c>
      <c r="E7485" s="2" t="s">
        <v>22929</v>
      </c>
      <c r="F7485" s="2" t="s">
        <v>7521</v>
      </c>
      <c r="G7485" s="8">
        <v>270</v>
      </c>
      <c r="H7485" s="5">
        <v>6</v>
      </c>
      <c r="I7485" s="5" t="s">
        <v>1518</v>
      </c>
      <c r="J7485" s="5" t="s">
        <v>1519</v>
      </c>
      <c r="K7485" s="2" t="s">
        <v>1520</v>
      </c>
      <c r="L7485" s="5" t="s">
        <v>1519</v>
      </c>
      <c r="M7485" s="2" t="s">
        <v>1520</v>
      </c>
      <c r="N7485" s="5" t="s">
        <v>1521</v>
      </c>
      <c r="O7485" s="5" t="s">
        <v>38</v>
      </c>
      <c r="P7485" s="5" t="s">
        <v>39</v>
      </c>
      <c r="Q7485" s="5" t="s">
        <v>40</v>
      </c>
      <c r="R7485" s="5" t="s">
        <v>1522</v>
      </c>
      <c r="S7485" s="5" t="s">
        <v>1523</v>
      </c>
      <c r="T7485" s="5" t="s">
        <v>42</v>
      </c>
      <c r="U7485" s="2">
        <v>3.2570000000000001</v>
      </c>
      <c r="V7485" s="2">
        <v>2.6589999999999998</v>
      </c>
      <c r="W7485" s="2">
        <v>1.7999999999999999E-2</v>
      </c>
      <c r="X7485" s="2">
        <v>139.1</v>
      </c>
      <c r="Y7485" s="2">
        <v>7.6</v>
      </c>
      <c r="Z7485" s="2">
        <v>16.7</v>
      </c>
      <c r="AA7485" s="5"/>
      <c r="AB7485" s="5" t="s">
        <v>43</v>
      </c>
      <c r="AC7485" s="5" t="s">
        <v>44</v>
      </c>
      <c r="AD7485" s="2"/>
      <c r="AE7485" s="1"/>
    </row>
    <row r="7486" spans="1:31" ht="14.45">
      <c r="A7486" s="11"/>
      <c r="B7486" s="20"/>
      <c r="C7486" s="2" t="s">
        <v>22930</v>
      </c>
      <c r="D7486" s="14" t="s">
        <v>22931</v>
      </c>
      <c r="E7486" s="2" t="s">
        <v>22932</v>
      </c>
      <c r="F7486" s="2" t="s">
        <v>7212</v>
      </c>
      <c r="G7486" s="8">
        <v>270</v>
      </c>
      <c r="H7486" s="5">
        <v>6</v>
      </c>
      <c r="I7486" s="5" t="s">
        <v>1518</v>
      </c>
      <c r="J7486" s="5" t="s">
        <v>1519</v>
      </c>
      <c r="K7486" s="2" t="s">
        <v>1520</v>
      </c>
      <c r="L7486" s="5" t="s">
        <v>1519</v>
      </c>
      <c r="M7486" s="2" t="s">
        <v>1520</v>
      </c>
      <c r="N7486" s="5" t="s">
        <v>1521</v>
      </c>
      <c r="O7486" s="5" t="s">
        <v>38</v>
      </c>
      <c r="P7486" s="5" t="s">
        <v>39</v>
      </c>
      <c r="Q7486" s="5" t="s">
        <v>40</v>
      </c>
      <c r="R7486" s="5" t="s">
        <v>1522</v>
      </c>
      <c r="S7486" s="5" t="s">
        <v>1523</v>
      </c>
      <c r="T7486" s="5" t="s">
        <v>42</v>
      </c>
      <c r="U7486" s="2">
        <v>3.15</v>
      </c>
      <c r="V7486" s="2">
        <v>2.552</v>
      </c>
      <c r="W7486" s="2">
        <v>1.7999999999999999E-2</v>
      </c>
      <c r="X7486" s="2">
        <v>139.1</v>
      </c>
      <c r="Y7486" s="2">
        <v>7.6</v>
      </c>
      <c r="Z7486" s="2">
        <v>16.7</v>
      </c>
      <c r="AA7486" s="5"/>
      <c r="AB7486" s="5" t="s">
        <v>43</v>
      </c>
      <c r="AC7486" s="5" t="s">
        <v>44</v>
      </c>
      <c r="AD7486" s="2"/>
      <c r="AE7486" s="1"/>
    </row>
    <row r="7487" spans="1:31" ht="14.45">
      <c r="A7487" s="11"/>
      <c r="B7487" s="20"/>
      <c r="C7487" s="2" t="s">
        <v>22933</v>
      </c>
      <c r="D7487" s="14" t="s">
        <v>22934</v>
      </c>
      <c r="E7487" s="2" t="s">
        <v>22935</v>
      </c>
      <c r="F7487" s="2" t="s">
        <v>7528</v>
      </c>
      <c r="G7487" s="8">
        <v>270</v>
      </c>
      <c r="H7487" s="5">
        <v>6</v>
      </c>
      <c r="I7487" s="5" t="s">
        <v>1518</v>
      </c>
      <c r="J7487" s="5" t="s">
        <v>1519</v>
      </c>
      <c r="K7487" s="2" t="s">
        <v>1520</v>
      </c>
      <c r="L7487" s="5" t="s">
        <v>1519</v>
      </c>
      <c r="M7487" s="2" t="s">
        <v>1520</v>
      </c>
      <c r="N7487" s="5" t="s">
        <v>1521</v>
      </c>
      <c r="O7487" s="5" t="s">
        <v>38</v>
      </c>
      <c r="P7487" s="5" t="s">
        <v>39</v>
      </c>
      <c r="Q7487" s="5" t="s">
        <v>40</v>
      </c>
      <c r="R7487" s="5" t="s">
        <v>1522</v>
      </c>
      <c r="S7487" s="5" t="s">
        <v>1523</v>
      </c>
      <c r="T7487" s="5" t="s">
        <v>42</v>
      </c>
      <c r="U7487" s="2">
        <v>3.2349999999999999</v>
      </c>
      <c r="V7487" s="2">
        <v>2.637</v>
      </c>
      <c r="W7487" s="2">
        <v>1.7999999999999999E-2</v>
      </c>
      <c r="X7487" s="2">
        <v>139.1</v>
      </c>
      <c r="Y7487" s="2">
        <v>7.6</v>
      </c>
      <c r="Z7487" s="2">
        <v>16.7</v>
      </c>
      <c r="AA7487" s="5"/>
      <c r="AB7487" s="5" t="s">
        <v>43</v>
      </c>
      <c r="AC7487" s="5" t="s">
        <v>44</v>
      </c>
      <c r="AD7487" s="2"/>
      <c r="AE7487" s="1"/>
    </row>
    <row r="7488" spans="1:31" ht="14.45">
      <c r="A7488" s="11"/>
      <c r="B7488" s="20"/>
      <c r="C7488" s="2" t="s">
        <v>22936</v>
      </c>
      <c r="D7488" s="14" t="s">
        <v>22937</v>
      </c>
      <c r="E7488" s="2" t="s">
        <v>22938</v>
      </c>
      <c r="F7488" s="2" t="s">
        <v>7406</v>
      </c>
      <c r="G7488" s="8">
        <v>291</v>
      </c>
      <c r="H7488" s="5">
        <v>6</v>
      </c>
      <c r="I7488" s="5" t="s">
        <v>1518</v>
      </c>
      <c r="J7488" s="5" t="s">
        <v>1519</v>
      </c>
      <c r="K7488" s="2" t="s">
        <v>1520</v>
      </c>
      <c r="L7488" s="5" t="s">
        <v>1519</v>
      </c>
      <c r="M7488" s="2" t="s">
        <v>1520</v>
      </c>
      <c r="N7488" s="5" t="s">
        <v>1521</v>
      </c>
      <c r="O7488" s="5" t="s">
        <v>38</v>
      </c>
      <c r="P7488" s="5" t="s">
        <v>39</v>
      </c>
      <c r="Q7488" s="5" t="s">
        <v>40</v>
      </c>
      <c r="R7488" s="5" t="s">
        <v>1522</v>
      </c>
      <c r="S7488" s="5" t="s">
        <v>1523</v>
      </c>
      <c r="T7488" s="5" t="s">
        <v>42</v>
      </c>
      <c r="U7488" s="2">
        <v>3.15</v>
      </c>
      <c r="V7488" s="2">
        <v>2.552</v>
      </c>
      <c r="W7488" s="2">
        <v>1.7999999999999999E-2</v>
      </c>
      <c r="X7488" s="2">
        <v>139.1</v>
      </c>
      <c r="Y7488" s="2">
        <v>7.6</v>
      </c>
      <c r="Z7488" s="2">
        <v>16.7</v>
      </c>
      <c r="AA7488" s="5"/>
      <c r="AB7488" s="5" t="s">
        <v>43</v>
      </c>
      <c r="AC7488" s="5" t="s">
        <v>44</v>
      </c>
      <c r="AD7488" s="2"/>
      <c r="AE7488" s="1"/>
    </row>
    <row r="7489" spans="1:31" ht="14.45">
      <c r="A7489" s="11"/>
      <c r="B7489" s="20"/>
      <c r="C7489" s="2" t="s">
        <v>22939</v>
      </c>
      <c r="D7489" s="14" t="s">
        <v>22940</v>
      </c>
      <c r="E7489" s="2" t="s">
        <v>22941</v>
      </c>
      <c r="F7489" s="2" t="s">
        <v>7535</v>
      </c>
      <c r="G7489" s="8">
        <v>291</v>
      </c>
      <c r="H7489" s="5">
        <v>6</v>
      </c>
      <c r="I7489" s="5" t="s">
        <v>1518</v>
      </c>
      <c r="J7489" s="5" t="s">
        <v>1519</v>
      </c>
      <c r="K7489" s="2" t="s">
        <v>1520</v>
      </c>
      <c r="L7489" s="5" t="s">
        <v>1519</v>
      </c>
      <c r="M7489" s="2" t="s">
        <v>1520</v>
      </c>
      <c r="N7489" s="5" t="s">
        <v>1521</v>
      </c>
      <c r="O7489" s="5" t="s">
        <v>38</v>
      </c>
      <c r="P7489" s="5" t="s">
        <v>39</v>
      </c>
      <c r="Q7489" s="5" t="s">
        <v>40</v>
      </c>
      <c r="R7489" s="5" t="s">
        <v>1522</v>
      </c>
      <c r="S7489" s="5" t="s">
        <v>1523</v>
      </c>
      <c r="T7489" s="5" t="s">
        <v>42</v>
      </c>
      <c r="U7489" s="2">
        <v>3.2349999999999999</v>
      </c>
      <c r="V7489" s="2">
        <v>2.637</v>
      </c>
      <c r="W7489" s="2">
        <v>1.7999999999999999E-2</v>
      </c>
      <c r="X7489" s="2">
        <v>139.1</v>
      </c>
      <c r="Y7489" s="2">
        <v>7.6</v>
      </c>
      <c r="Z7489" s="2">
        <v>16.7</v>
      </c>
      <c r="AA7489" s="5"/>
      <c r="AB7489" s="5" t="s">
        <v>43</v>
      </c>
      <c r="AC7489" s="5" t="s">
        <v>44</v>
      </c>
      <c r="AD7489" s="2"/>
      <c r="AE7489" s="1"/>
    </row>
    <row r="7490" spans="1:31" ht="14.45">
      <c r="A7490" s="11"/>
      <c r="B7490" s="20"/>
      <c r="C7490" s="2" t="s">
        <v>22942</v>
      </c>
      <c r="D7490" s="14" t="s">
        <v>22943</v>
      </c>
      <c r="E7490" s="2" t="s">
        <v>22944</v>
      </c>
      <c r="F7490" s="2" t="s">
        <v>7539</v>
      </c>
      <c r="G7490" s="8">
        <v>291</v>
      </c>
      <c r="H7490" s="5">
        <v>6</v>
      </c>
      <c r="I7490" s="5" t="s">
        <v>1518</v>
      </c>
      <c r="J7490" s="5" t="s">
        <v>1519</v>
      </c>
      <c r="K7490" s="2" t="s">
        <v>1520</v>
      </c>
      <c r="L7490" s="5" t="s">
        <v>1519</v>
      </c>
      <c r="M7490" s="2" t="s">
        <v>1520</v>
      </c>
      <c r="N7490" s="5" t="s">
        <v>1521</v>
      </c>
      <c r="O7490" s="5" t="s">
        <v>38</v>
      </c>
      <c r="P7490" s="5" t="s">
        <v>39</v>
      </c>
      <c r="Q7490" s="5" t="s">
        <v>40</v>
      </c>
      <c r="R7490" s="5" t="s">
        <v>1522</v>
      </c>
      <c r="S7490" s="5" t="s">
        <v>1523</v>
      </c>
      <c r="T7490" s="5" t="s">
        <v>42</v>
      </c>
      <c r="U7490" s="2">
        <v>3.1720000000000002</v>
      </c>
      <c r="V7490" s="2">
        <v>2.5739999999999998</v>
      </c>
      <c r="W7490" s="2">
        <v>1.7999999999999999E-2</v>
      </c>
      <c r="X7490" s="2">
        <v>139.1</v>
      </c>
      <c r="Y7490" s="2">
        <v>7.6</v>
      </c>
      <c r="Z7490" s="2">
        <v>16.7</v>
      </c>
      <c r="AA7490" s="5"/>
      <c r="AB7490" s="5" t="s">
        <v>43</v>
      </c>
      <c r="AC7490" s="5" t="s">
        <v>44</v>
      </c>
      <c r="AD7490" s="2"/>
      <c r="AE7490" s="1"/>
    </row>
    <row r="7491" spans="1:31" ht="14.45">
      <c r="A7491" s="11"/>
      <c r="B7491" s="20"/>
      <c r="C7491" s="2" t="s">
        <v>22945</v>
      </c>
      <c r="D7491" s="14" t="s">
        <v>22946</v>
      </c>
      <c r="E7491" s="2" t="s">
        <v>22947</v>
      </c>
      <c r="F7491" s="2" t="s">
        <v>7543</v>
      </c>
      <c r="G7491" s="8">
        <v>291</v>
      </c>
      <c r="H7491" s="5">
        <v>6</v>
      </c>
      <c r="I7491" s="5" t="s">
        <v>1518</v>
      </c>
      <c r="J7491" s="5" t="s">
        <v>1519</v>
      </c>
      <c r="K7491" s="2" t="s">
        <v>1520</v>
      </c>
      <c r="L7491" s="5" t="s">
        <v>1519</v>
      </c>
      <c r="M7491" s="2" t="s">
        <v>1520</v>
      </c>
      <c r="N7491" s="5" t="s">
        <v>1521</v>
      </c>
      <c r="O7491" s="5" t="s">
        <v>38</v>
      </c>
      <c r="P7491" s="5" t="s">
        <v>39</v>
      </c>
      <c r="Q7491" s="5" t="s">
        <v>40</v>
      </c>
      <c r="R7491" s="5" t="s">
        <v>1522</v>
      </c>
      <c r="S7491" s="5" t="s">
        <v>1523</v>
      </c>
      <c r="T7491" s="5" t="s">
        <v>42</v>
      </c>
      <c r="U7491" s="2">
        <v>3.2570000000000001</v>
      </c>
      <c r="V7491" s="2">
        <v>2.6589999999999998</v>
      </c>
      <c r="W7491" s="2">
        <v>1.7999999999999999E-2</v>
      </c>
      <c r="X7491" s="2">
        <v>139.1</v>
      </c>
      <c r="Y7491" s="2">
        <v>7.6</v>
      </c>
      <c r="Z7491" s="2">
        <v>16.7</v>
      </c>
      <c r="AA7491" s="5"/>
      <c r="AB7491" s="5" t="s">
        <v>43</v>
      </c>
      <c r="AC7491" s="5" t="s">
        <v>44</v>
      </c>
      <c r="AD7491" s="2"/>
      <c r="AE7491" s="1"/>
    </row>
    <row r="7492" spans="1:31" ht="14.45">
      <c r="A7492" s="11"/>
      <c r="B7492" s="20"/>
      <c r="C7492" s="2" t="s">
        <v>22948</v>
      </c>
      <c r="D7492" s="14" t="s">
        <v>22949</v>
      </c>
      <c r="E7492" s="2" t="s">
        <v>22950</v>
      </c>
      <c r="F7492" s="2" t="s">
        <v>7551</v>
      </c>
      <c r="G7492" s="8">
        <v>291</v>
      </c>
      <c r="H7492" s="5">
        <v>6</v>
      </c>
      <c r="I7492" s="5" t="s">
        <v>1518</v>
      </c>
      <c r="J7492" s="5" t="s">
        <v>1519</v>
      </c>
      <c r="K7492" s="2" t="s">
        <v>1520</v>
      </c>
      <c r="L7492" s="5" t="s">
        <v>1519</v>
      </c>
      <c r="M7492" s="2" t="s">
        <v>1520</v>
      </c>
      <c r="N7492" s="5" t="s">
        <v>1521</v>
      </c>
      <c r="O7492" s="5" t="s">
        <v>38</v>
      </c>
      <c r="P7492" s="5" t="s">
        <v>39</v>
      </c>
      <c r="Q7492" s="5" t="s">
        <v>40</v>
      </c>
      <c r="R7492" s="5" t="s">
        <v>1522</v>
      </c>
      <c r="S7492" s="5" t="s">
        <v>1523</v>
      </c>
      <c r="T7492" s="5" t="s">
        <v>42</v>
      </c>
      <c r="U7492" s="2">
        <v>3.2349999999999999</v>
      </c>
      <c r="V7492" s="2">
        <v>2.637</v>
      </c>
      <c r="W7492" s="2">
        <v>1.7999999999999999E-2</v>
      </c>
      <c r="X7492" s="2">
        <v>139.1</v>
      </c>
      <c r="Y7492" s="2">
        <v>7.6</v>
      </c>
      <c r="Z7492" s="2">
        <v>16.7</v>
      </c>
      <c r="AA7492" s="5"/>
      <c r="AB7492" s="5" t="s">
        <v>43</v>
      </c>
      <c r="AC7492" s="5" t="s">
        <v>44</v>
      </c>
      <c r="AD7492" s="2"/>
      <c r="AE7492" s="1"/>
    </row>
    <row r="7493" spans="1:31" ht="14.45">
      <c r="A7493" s="11"/>
      <c r="B7493" s="20"/>
      <c r="C7493" s="2" t="s">
        <v>22951</v>
      </c>
      <c r="D7493" s="14" t="s">
        <v>22952</v>
      </c>
      <c r="E7493" s="2" t="s">
        <v>22953</v>
      </c>
      <c r="F7493" s="2" t="s">
        <v>7555</v>
      </c>
      <c r="G7493" s="8">
        <v>291</v>
      </c>
      <c r="H7493" s="5">
        <v>6</v>
      </c>
      <c r="I7493" s="5" t="s">
        <v>1518</v>
      </c>
      <c r="J7493" s="5" t="s">
        <v>1519</v>
      </c>
      <c r="K7493" s="2" t="s">
        <v>1520</v>
      </c>
      <c r="L7493" s="5" t="s">
        <v>1519</v>
      </c>
      <c r="M7493" s="2" t="s">
        <v>1520</v>
      </c>
      <c r="N7493" s="5" t="s">
        <v>1521</v>
      </c>
      <c r="O7493" s="5" t="s">
        <v>38</v>
      </c>
      <c r="P7493" s="5" t="s">
        <v>39</v>
      </c>
      <c r="Q7493" s="5" t="s">
        <v>40</v>
      </c>
      <c r="R7493" s="5" t="s">
        <v>1522</v>
      </c>
      <c r="S7493" s="5" t="s">
        <v>1523</v>
      </c>
      <c r="T7493" s="5" t="s">
        <v>42</v>
      </c>
      <c r="U7493" s="2">
        <v>3.15</v>
      </c>
      <c r="V7493" s="2">
        <v>2.552</v>
      </c>
      <c r="W7493" s="2">
        <v>1.7999999999999999E-2</v>
      </c>
      <c r="X7493" s="2">
        <v>139.1</v>
      </c>
      <c r="Y7493" s="2">
        <v>7.6</v>
      </c>
      <c r="Z7493" s="2">
        <v>16.7</v>
      </c>
      <c r="AA7493" s="5"/>
      <c r="AB7493" s="5" t="s">
        <v>43</v>
      </c>
      <c r="AC7493" s="5" t="s">
        <v>44</v>
      </c>
      <c r="AD7493" s="2"/>
      <c r="AE7493" s="1"/>
    </row>
    <row r="7494" spans="1:31" ht="14.45">
      <c r="A7494" s="11"/>
      <c r="B7494" s="20"/>
      <c r="C7494" s="2" t="s">
        <v>22954</v>
      </c>
      <c r="D7494" s="14" t="s">
        <v>22955</v>
      </c>
      <c r="E7494" s="2" t="s">
        <v>22956</v>
      </c>
      <c r="F7494" s="2" t="s">
        <v>7559</v>
      </c>
      <c r="G7494" s="8">
        <v>291</v>
      </c>
      <c r="H7494" s="5">
        <v>6</v>
      </c>
      <c r="I7494" s="5" t="s">
        <v>1518</v>
      </c>
      <c r="J7494" s="5" t="s">
        <v>1519</v>
      </c>
      <c r="K7494" s="2" t="s">
        <v>1520</v>
      </c>
      <c r="L7494" s="5" t="s">
        <v>1519</v>
      </c>
      <c r="M7494" s="2" t="s">
        <v>1520</v>
      </c>
      <c r="N7494" s="5" t="s">
        <v>1521</v>
      </c>
      <c r="O7494" s="5" t="s">
        <v>38</v>
      </c>
      <c r="P7494" s="5" t="s">
        <v>39</v>
      </c>
      <c r="Q7494" s="5" t="s">
        <v>40</v>
      </c>
      <c r="R7494" s="5" t="s">
        <v>1522</v>
      </c>
      <c r="S7494" s="5" t="s">
        <v>1523</v>
      </c>
      <c r="T7494" s="5" t="s">
        <v>42</v>
      </c>
      <c r="U7494" s="2">
        <v>3.2349999999999999</v>
      </c>
      <c r="V7494" s="2">
        <v>2.637</v>
      </c>
      <c r="W7494" s="2">
        <v>1.7999999999999999E-2</v>
      </c>
      <c r="X7494" s="2">
        <v>139.1</v>
      </c>
      <c r="Y7494" s="2">
        <v>7.6</v>
      </c>
      <c r="Z7494" s="2">
        <v>16.7</v>
      </c>
      <c r="AA7494" s="5"/>
      <c r="AB7494" s="5" t="s">
        <v>43</v>
      </c>
      <c r="AC7494" s="5" t="s">
        <v>44</v>
      </c>
      <c r="AD7494" s="2"/>
      <c r="AE7494" s="1"/>
    </row>
    <row r="7495" spans="1:31" ht="14.45">
      <c r="A7495" s="11"/>
      <c r="B7495" s="20"/>
      <c r="C7495" s="2" t="s">
        <v>22957</v>
      </c>
      <c r="D7495" s="14" t="s">
        <v>22958</v>
      </c>
      <c r="E7495" s="2" t="s">
        <v>22959</v>
      </c>
      <c r="F7495" s="2" t="s">
        <v>7563</v>
      </c>
      <c r="G7495" s="8">
        <v>291</v>
      </c>
      <c r="H7495" s="5">
        <v>6</v>
      </c>
      <c r="I7495" s="5" t="s">
        <v>1518</v>
      </c>
      <c r="J7495" s="5" t="s">
        <v>1519</v>
      </c>
      <c r="K7495" s="2" t="s">
        <v>1520</v>
      </c>
      <c r="L7495" s="5" t="s">
        <v>1519</v>
      </c>
      <c r="M7495" s="2" t="s">
        <v>1520</v>
      </c>
      <c r="N7495" s="5" t="s">
        <v>1521</v>
      </c>
      <c r="O7495" s="5" t="s">
        <v>38</v>
      </c>
      <c r="P7495" s="5" t="s">
        <v>39</v>
      </c>
      <c r="Q7495" s="5" t="s">
        <v>40</v>
      </c>
      <c r="R7495" s="5" t="s">
        <v>1522</v>
      </c>
      <c r="S7495" s="5" t="s">
        <v>1523</v>
      </c>
      <c r="T7495" s="5" t="s">
        <v>42</v>
      </c>
      <c r="U7495" s="2">
        <v>3.1720000000000002</v>
      </c>
      <c r="V7495" s="2">
        <v>2.5739999999999998</v>
      </c>
      <c r="W7495" s="2">
        <v>1.7999999999999999E-2</v>
      </c>
      <c r="X7495" s="2">
        <v>139.1</v>
      </c>
      <c r="Y7495" s="2">
        <v>7.6</v>
      </c>
      <c r="Z7495" s="2">
        <v>16.7</v>
      </c>
      <c r="AA7495" s="5"/>
      <c r="AB7495" s="5" t="s">
        <v>43</v>
      </c>
      <c r="AC7495" s="5" t="s">
        <v>44</v>
      </c>
      <c r="AD7495" s="2"/>
      <c r="AE7495" s="1"/>
    </row>
    <row r="7496" spans="1:31" ht="14.45">
      <c r="A7496" s="11"/>
      <c r="B7496" s="20"/>
      <c r="C7496" s="2" t="s">
        <v>22960</v>
      </c>
      <c r="D7496" s="14" t="s">
        <v>22961</v>
      </c>
      <c r="E7496" s="2" t="s">
        <v>22962</v>
      </c>
      <c r="F7496" s="2" t="s">
        <v>7567</v>
      </c>
      <c r="G7496" s="8">
        <v>291</v>
      </c>
      <c r="H7496" s="5">
        <v>6</v>
      </c>
      <c r="I7496" s="5" t="s">
        <v>1518</v>
      </c>
      <c r="J7496" s="5" t="s">
        <v>1519</v>
      </c>
      <c r="K7496" s="2" t="s">
        <v>1520</v>
      </c>
      <c r="L7496" s="5" t="s">
        <v>1519</v>
      </c>
      <c r="M7496" s="2" t="s">
        <v>1520</v>
      </c>
      <c r="N7496" s="5" t="s">
        <v>1521</v>
      </c>
      <c r="O7496" s="5" t="s">
        <v>38</v>
      </c>
      <c r="P7496" s="5" t="s">
        <v>39</v>
      </c>
      <c r="Q7496" s="5" t="s">
        <v>40</v>
      </c>
      <c r="R7496" s="5" t="s">
        <v>1522</v>
      </c>
      <c r="S7496" s="5" t="s">
        <v>1523</v>
      </c>
      <c r="T7496" s="5" t="s">
        <v>42</v>
      </c>
      <c r="U7496" s="2">
        <v>3.2570000000000001</v>
      </c>
      <c r="V7496" s="2">
        <v>2.6589999999999998</v>
      </c>
      <c r="W7496" s="2">
        <v>1.7999999999999999E-2</v>
      </c>
      <c r="X7496" s="2">
        <v>139.1</v>
      </c>
      <c r="Y7496" s="2">
        <v>7.6</v>
      </c>
      <c r="Z7496" s="2">
        <v>16.7</v>
      </c>
      <c r="AA7496" s="5"/>
      <c r="AB7496" s="5" t="s">
        <v>43</v>
      </c>
      <c r="AC7496" s="5" t="s">
        <v>44</v>
      </c>
      <c r="AD7496" s="2"/>
      <c r="AE7496" s="1"/>
    </row>
    <row r="7497" spans="1:31" ht="14.45">
      <c r="A7497" s="11"/>
      <c r="B7497" s="20"/>
      <c r="C7497" s="2" t="s">
        <v>22963</v>
      </c>
      <c r="D7497" s="14" t="s">
        <v>22964</v>
      </c>
      <c r="E7497" s="2" t="s">
        <v>22965</v>
      </c>
      <c r="F7497" s="2" t="s">
        <v>16079</v>
      </c>
      <c r="G7497" s="8">
        <v>291</v>
      </c>
      <c r="H7497" s="5">
        <v>6</v>
      </c>
      <c r="I7497" s="5" t="s">
        <v>1518</v>
      </c>
      <c r="J7497" s="5" t="s">
        <v>1519</v>
      </c>
      <c r="K7497" s="2" t="s">
        <v>1520</v>
      </c>
      <c r="L7497" s="5" t="s">
        <v>1519</v>
      </c>
      <c r="M7497" s="2" t="s">
        <v>1520</v>
      </c>
      <c r="N7497" s="5" t="s">
        <v>1521</v>
      </c>
      <c r="O7497" s="5" t="s">
        <v>38</v>
      </c>
      <c r="P7497" s="5" t="s">
        <v>39</v>
      </c>
      <c r="Q7497" s="5" t="s">
        <v>40</v>
      </c>
      <c r="R7497" s="5" t="s">
        <v>1522</v>
      </c>
      <c r="S7497" s="5" t="s">
        <v>1523</v>
      </c>
      <c r="T7497" s="5" t="s">
        <v>42</v>
      </c>
      <c r="U7497" s="2">
        <v>3.1720000000000002</v>
      </c>
      <c r="V7497" s="2">
        <v>2.5739999999999998</v>
      </c>
      <c r="W7497" s="2">
        <v>1.7999999999999999E-2</v>
      </c>
      <c r="X7497" s="2">
        <v>139.1</v>
      </c>
      <c r="Y7497" s="2">
        <v>7.6</v>
      </c>
      <c r="Z7497" s="2">
        <v>16.7</v>
      </c>
      <c r="AA7497" s="5"/>
      <c r="AB7497" s="5" t="s">
        <v>43</v>
      </c>
      <c r="AC7497" s="5" t="s">
        <v>44</v>
      </c>
      <c r="AD7497" s="2"/>
      <c r="AE7497" s="1"/>
    </row>
    <row r="7498" spans="1:31" ht="14.45">
      <c r="A7498" s="11"/>
      <c r="B7498" s="20"/>
      <c r="C7498" s="2" t="s">
        <v>22966</v>
      </c>
      <c r="D7498" s="14" t="s">
        <v>22967</v>
      </c>
      <c r="E7498" s="2" t="s">
        <v>22968</v>
      </c>
      <c r="F7498" s="2" t="s">
        <v>7449</v>
      </c>
      <c r="G7498" s="8">
        <v>291</v>
      </c>
      <c r="H7498" s="5">
        <v>6</v>
      </c>
      <c r="I7498" s="5" t="s">
        <v>1518</v>
      </c>
      <c r="J7498" s="5" t="s">
        <v>1519</v>
      </c>
      <c r="K7498" s="2" t="s">
        <v>1520</v>
      </c>
      <c r="L7498" s="5" t="s">
        <v>1519</v>
      </c>
      <c r="M7498" s="2" t="s">
        <v>1520</v>
      </c>
      <c r="N7498" s="5" t="s">
        <v>1521</v>
      </c>
      <c r="O7498" s="5" t="s">
        <v>38</v>
      </c>
      <c r="P7498" s="5" t="s">
        <v>39</v>
      </c>
      <c r="Q7498" s="5" t="s">
        <v>40</v>
      </c>
      <c r="R7498" s="5" t="s">
        <v>1522</v>
      </c>
      <c r="S7498" s="5" t="s">
        <v>1523</v>
      </c>
      <c r="T7498" s="5" t="s">
        <v>42</v>
      </c>
      <c r="U7498" s="2">
        <v>3.1720000000000002</v>
      </c>
      <c r="V7498" s="2">
        <v>2.5739999999999998</v>
      </c>
      <c r="W7498" s="2">
        <v>1.7999999999999999E-2</v>
      </c>
      <c r="X7498" s="2">
        <v>139.1</v>
      </c>
      <c r="Y7498" s="2">
        <v>7.6</v>
      </c>
      <c r="Z7498" s="2">
        <v>16.7</v>
      </c>
      <c r="AA7498" s="5"/>
      <c r="AB7498" s="5" t="s">
        <v>43</v>
      </c>
      <c r="AC7498" s="5" t="s">
        <v>44</v>
      </c>
      <c r="AD7498" s="2"/>
      <c r="AE7498" s="1"/>
    </row>
    <row r="7499" spans="1:31" ht="14.45">
      <c r="A7499" s="11"/>
      <c r="B7499" s="20"/>
      <c r="C7499" s="2" t="s">
        <v>22969</v>
      </c>
      <c r="D7499" s="14" t="s">
        <v>22970</v>
      </c>
      <c r="E7499" s="2" t="s">
        <v>22971</v>
      </c>
      <c r="F7499" s="2" t="s">
        <v>7581</v>
      </c>
      <c r="G7499" s="8">
        <v>291</v>
      </c>
      <c r="H7499" s="5">
        <v>6</v>
      </c>
      <c r="I7499" s="5" t="s">
        <v>1518</v>
      </c>
      <c r="J7499" s="5" t="s">
        <v>1519</v>
      </c>
      <c r="K7499" s="2" t="s">
        <v>1520</v>
      </c>
      <c r="L7499" s="5" t="s">
        <v>1519</v>
      </c>
      <c r="M7499" s="2" t="s">
        <v>1520</v>
      </c>
      <c r="N7499" s="5" t="s">
        <v>1521</v>
      </c>
      <c r="O7499" s="5" t="s">
        <v>38</v>
      </c>
      <c r="P7499" s="5" t="s">
        <v>39</v>
      </c>
      <c r="Q7499" s="5" t="s">
        <v>40</v>
      </c>
      <c r="R7499" s="5" t="s">
        <v>1522</v>
      </c>
      <c r="S7499" s="5" t="s">
        <v>1523</v>
      </c>
      <c r="T7499" s="5" t="s">
        <v>42</v>
      </c>
      <c r="U7499" s="2">
        <v>3.2570000000000001</v>
      </c>
      <c r="V7499" s="2">
        <v>2.6589999999999998</v>
      </c>
      <c r="W7499" s="2">
        <v>1.7999999999999999E-2</v>
      </c>
      <c r="X7499" s="2">
        <v>139.1</v>
      </c>
      <c r="Y7499" s="2">
        <v>7.6</v>
      </c>
      <c r="Z7499" s="2">
        <v>16.7</v>
      </c>
      <c r="AA7499" s="5"/>
      <c r="AB7499" s="5" t="s">
        <v>43</v>
      </c>
      <c r="AC7499" s="5" t="s">
        <v>44</v>
      </c>
      <c r="AD7499" s="2"/>
      <c r="AE7499" s="1"/>
    </row>
    <row r="7500" spans="1:31" ht="14.45">
      <c r="A7500" s="11"/>
      <c r="B7500" s="20"/>
      <c r="C7500" s="2" t="s">
        <v>22972</v>
      </c>
      <c r="D7500" s="14" t="s">
        <v>22973</v>
      </c>
      <c r="E7500" s="2" t="s">
        <v>22974</v>
      </c>
      <c r="F7500" s="2" t="s">
        <v>7585</v>
      </c>
      <c r="G7500" s="8">
        <v>291</v>
      </c>
      <c r="H7500" s="5">
        <v>6</v>
      </c>
      <c r="I7500" s="5" t="s">
        <v>1518</v>
      </c>
      <c r="J7500" s="5" t="s">
        <v>1519</v>
      </c>
      <c r="K7500" s="2" t="s">
        <v>1520</v>
      </c>
      <c r="L7500" s="5" t="s">
        <v>1519</v>
      </c>
      <c r="M7500" s="2" t="s">
        <v>1520</v>
      </c>
      <c r="N7500" s="5" t="s">
        <v>1521</v>
      </c>
      <c r="O7500" s="5" t="s">
        <v>38</v>
      </c>
      <c r="P7500" s="5" t="s">
        <v>39</v>
      </c>
      <c r="Q7500" s="5" t="s">
        <v>40</v>
      </c>
      <c r="R7500" s="5" t="s">
        <v>1522</v>
      </c>
      <c r="S7500" s="5" t="s">
        <v>1523</v>
      </c>
      <c r="T7500" s="5" t="s">
        <v>42</v>
      </c>
      <c r="U7500" s="2">
        <v>3.15</v>
      </c>
      <c r="V7500" s="2">
        <v>2.552</v>
      </c>
      <c r="W7500" s="2">
        <v>1.7999999999999999E-2</v>
      </c>
      <c r="X7500" s="2">
        <v>139.1</v>
      </c>
      <c r="Y7500" s="2">
        <v>7.6</v>
      </c>
      <c r="Z7500" s="2">
        <v>16.7</v>
      </c>
      <c r="AA7500" s="5"/>
      <c r="AB7500" s="5" t="s">
        <v>43</v>
      </c>
      <c r="AC7500" s="5" t="s">
        <v>44</v>
      </c>
      <c r="AD7500" s="2"/>
      <c r="AE7500" s="1"/>
    </row>
    <row r="7501" spans="1:31" ht="14.45">
      <c r="A7501" s="11"/>
      <c r="B7501" s="20"/>
      <c r="C7501" s="2" t="s">
        <v>22975</v>
      </c>
      <c r="D7501" s="14" t="s">
        <v>22976</v>
      </c>
      <c r="E7501" s="2" t="s">
        <v>22977</v>
      </c>
      <c r="F7501" s="2" t="s">
        <v>7589</v>
      </c>
      <c r="G7501" s="8">
        <v>291</v>
      </c>
      <c r="H7501" s="5">
        <v>6</v>
      </c>
      <c r="I7501" s="5" t="s">
        <v>1518</v>
      </c>
      <c r="J7501" s="5" t="s">
        <v>1519</v>
      </c>
      <c r="K7501" s="2" t="s">
        <v>1520</v>
      </c>
      <c r="L7501" s="5" t="s">
        <v>1519</v>
      </c>
      <c r="M7501" s="2" t="s">
        <v>1520</v>
      </c>
      <c r="N7501" s="5" t="s">
        <v>1521</v>
      </c>
      <c r="O7501" s="5" t="s">
        <v>38</v>
      </c>
      <c r="P7501" s="5" t="s">
        <v>39</v>
      </c>
      <c r="Q7501" s="5" t="s">
        <v>40</v>
      </c>
      <c r="R7501" s="5" t="s">
        <v>1522</v>
      </c>
      <c r="S7501" s="5" t="s">
        <v>1523</v>
      </c>
      <c r="T7501" s="5" t="s">
        <v>42</v>
      </c>
      <c r="U7501" s="2">
        <v>3.2349999999999999</v>
      </c>
      <c r="V7501" s="2">
        <v>2.637</v>
      </c>
      <c r="W7501" s="2">
        <v>1.7999999999999999E-2</v>
      </c>
      <c r="X7501" s="2">
        <v>139.1</v>
      </c>
      <c r="Y7501" s="2">
        <v>7.6</v>
      </c>
      <c r="Z7501" s="2">
        <v>16.7</v>
      </c>
      <c r="AA7501" s="5"/>
      <c r="AB7501" s="5" t="s">
        <v>43</v>
      </c>
      <c r="AC7501" s="5" t="s">
        <v>44</v>
      </c>
      <c r="AD7501" s="2"/>
      <c r="AE7501" s="1"/>
    </row>
    <row r="7502" spans="1:31" ht="14.45">
      <c r="A7502" s="11"/>
      <c r="B7502" s="20"/>
      <c r="C7502" s="2" t="s">
        <v>22978</v>
      </c>
      <c r="D7502" s="14" t="s">
        <v>22979</v>
      </c>
      <c r="E7502" s="2" t="s">
        <v>22980</v>
      </c>
      <c r="F7502" s="2" t="s">
        <v>7597</v>
      </c>
      <c r="G7502" s="8">
        <v>291</v>
      </c>
      <c r="H7502" s="5">
        <v>6</v>
      </c>
      <c r="I7502" s="5" t="s">
        <v>1518</v>
      </c>
      <c r="J7502" s="5" t="s">
        <v>1519</v>
      </c>
      <c r="K7502" s="2" t="s">
        <v>1520</v>
      </c>
      <c r="L7502" s="5" t="s">
        <v>1519</v>
      </c>
      <c r="M7502" s="2" t="s">
        <v>1520</v>
      </c>
      <c r="N7502" s="5" t="s">
        <v>1521</v>
      </c>
      <c r="O7502" s="5" t="s">
        <v>38</v>
      </c>
      <c r="P7502" s="5" t="s">
        <v>39</v>
      </c>
      <c r="Q7502" s="5" t="s">
        <v>40</v>
      </c>
      <c r="R7502" s="5" t="s">
        <v>1522</v>
      </c>
      <c r="S7502" s="5" t="s">
        <v>1523</v>
      </c>
      <c r="T7502" s="5" t="s">
        <v>42</v>
      </c>
      <c r="U7502" s="2">
        <v>3.2570000000000001</v>
      </c>
      <c r="V7502" s="2">
        <v>2.6589999999999998</v>
      </c>
      <c r="W7502" s="2">
        <v>1.7999999999999999E-2</v>
      </c>
      <c r="X7502" s="2">
        <v>139.1</v>
      </c>
      <c r="Y7502" s="2">
        <v>7.6</v>
      </c>
      <c r="Z7502" s="2">
        <v>16.7</v>
      </c>
      <c r="AA7502" s="5"/>
      <c r="AB7502" s="5" t="s">
        <v>43</v>
      </c>
      <c r="AC7502" s="5" t="s">
        <v>44</v>
      </c>
      <c r="AD7502" s="2"/>
      <c r="AE7502" s="1"/>
    </row>
    <row r="7503" spans="1:31" ht="14.45">
      <c r="A7503" s="11"/>
      <c r="B7503" s="20"/>
      <c r="C7503" s="2" t="s">
        <v>22981</v>
      </c>
      <c r="D7503" s="14" t="s">
        <v>22982</v>
      </c>
      <c r="E7503" s="2" t="s">
        <v>22983</v>
      </c>
      <c r="F7503" s="2" t="s">
        <v>16014</v>
      </c>
      <c r="G7503" s="8">
        <v>291</v>
      </c>
      <c r="H7503" s="5">
        <v>6</v>
      </c>
      <c r="I7503" s="5" t="s">
        <v>1518</v>
      </c>
      <c r="J7503" s="5" t="s">
        <v>1519</v>
      </c>
      <c r="K7503" s="2" t="s">
        <v>1520</v>
      </c>
      <c r="L7503" s="5" t="s">
        <v>1519</v>
      </c>
      <c r="M7503" s="2" t="s">
        <v>1520</v>
      </c>
      <c r="N7503" s="5" t="s">
        <v>1521</v>
      </c>
      <c r="O7503" s="5" t="s">
        <v>38</v>
      </c>
      <c r="P7503" s="5" t="s">
        <v>39</v>
      </c>
      <c r="Q7503" s="5" t="s">
        <v>40</v>
      </c>
      <c r="R7503" s="5" t="s">
        <v>1522</v>
      </c>
      <c r="S7503" s="5" t="s">
        <v>1523</v>
      </c>
      <c r="T7503" s="5" t="s">
        <v>42</v>
      </c>
      <c r="U7503" s="2">
        <v>3.1720000000000002</v>
      </c>
      <c r="V7503" s="2">
        <v>2.5739999999999998</v>
      </c>
      <c r="W7503" s="2">
        <v>1.7999999999999999E-2</v>
      </c>
      <c r="X7503" s="2">
        <v>139.1</v>
      </c>
      <c r="Y7503" s="2">
        <v>7.6</v>
      </c>
      <c r="Z7503" s="2">
        <v>16.7</v>
      </c>
      <c r="AA7503" s="5"/>
      <c r="AB7503" s="5" t="s">
        <v>43</v>
      </c>
      <c r="AC7503" s="5" t="s">
        <v>44</v>
      </c>
      <c r="AD7503" s="2"/>
      <c r="AE7503" s="1"/>
    </row>
    <row r="7504" spans="1:31" ht="14.45">
      <c r="A7504" s="11"/>
      <c r="B7504" s="20"/>
      <c r="C7504" s="2" t="s">
        <v>22984</v>
      </c>
      <c r="D7504" s="14" t="s">
        <v>22985</v>
      </c>
      <c r="E7504" s="2" t="s">
        <v>22986</v>
      </c>
      <c r="F7504" s="2" t="s">
        <v>16219</v>
      </c>
      <c r="G7504" s="8">
        <v>291</v>
      </c>
      <c r="H7504" s="5">
        <v>6</v>
      </c>
      <c r="I7504" s="5" t="s">
        <v>1518</v>
      </c>
      <c r="J7504" s="5" t="s">
        <v>1519</v>
      </c>
      <c r="K7504" s="2" t="s">
        <v>1520</v>
      </c>
      <c r="L7504" s="5" t="s">
        <v>1519</v>
      </c>
      <c r="M7504" s="2" t="s">
        <v>1520</v>
      </c>
      <c r="N7504" s="5" t="s">
        <v>1521</v>
      </c>
      <c r="O7504" s="5" t="s">
        <v>38</v>
      </c>
      <c r="P7504" s="5" t="s">
        <v>39</v>
      </c>
      <c r="Q7504" s="5" t="s">
        <v>40</v>
      </c>
      <c r="R7504" s="5" t="s">
        <v>1522</v>
      </c>
      <c r="S7504" s="5" t="s">
        <v>1523</v>
      </c>
      <c r="T7504" s="5" t="s">
        <v>42</v>
      </c>
      <c r="U7504" s="2">
        <v>3.2570000000000001</v>
      </c>
      <c r="V7504" s="2">
        <v>2.6589999999999998</v>
      </c>
      <c r="W7504" s="2">
        <v>1.7999999999999999E-2</v>
      </c>
      <c r="X7504" s="2">
        <v>139.1</v>
      </c>
      <c r="Y7504" s="2">
        <v>7.6</v>
      </c>
      <c r="Z7504" s="2">
        <v>16.7</v>
      </c>
      <c r="AA7504" s="5"/>
      <c r="AB7504" s="5" t="s">
        <v>43</v>
      </c>
      <c r="AC7504" s="5" t="s">
        <v>44</v>
      </c>
      <c r="AD7504" s="2"/>
      <c r="AE7504" s="1"/>
    </row>
    <row r="7505" spans="1:31" ht="14.45">
      <c r="A7505" s="11"/>
      <c r="B7505" s="20"/>
      <c r="C7505" s="2" t="s">
        <v>22987</v>
      </c>
      <c r="D7505" s="14" t="s">
        <v>22988</v>
      </c>
      <c r="E7505" s="2" t="s">
        <v>22989</v>
      </c>
      <c r="F7505" s="2" t="s">
        <v>16018</v>
      </c>
      <c r="G7505" s="8">
        <v>291</v>
      </c>
      <c r="H7505" s="5">
        <v>6</v>
      </c>
      <c r="I7505" s="5" t="s">
        <v>1518</v>
      </c>
      <c r="J7505" s="5" t="s">
        <v>1519</v>
      </c>
      <c r="K7505" s="2" t="s">
        <v>1520</v>
      </c>
      <c r="L7505" s="5" t="s">
        <v>1519</v>
      </c>
      <c r="M7505" s="2" t="s">
        <v>1520</v>
      </c>
      <c r="N7505" s="5" t="s">
        <v>1521</v>
      </c>
      <c r="O7505" s="5" t="s">
        <v>38</v>
      </c>
      <c r="P7505" s="5" t="s">
        <v>39</v>
      </c>
      <c r="Q7505" s="5" t="s">
        <v>40</v>
      </c>
      <c r="R7505" s="5" t="s">
        <v>1522</v>
      </c>
      <c r="S7505" s="5" t="s">
        <v>1523</v>
      </c>
      <c r="T7505" s="5" t="s">
        <v>42</v>
      </c>
      <c r="U7505" s="2">
        <v>3.1720000000000002</v>
      </c>
      <c r="V7505" s="2">
        <v>2.5739999999999998</v>
      </c>
      <c r="W7505" s="2">
        <v>1.7999999999999999E-2</v>
      </c>
      <c r="X7505" s="2">
        <v>139.1</v>
      </c>
      <c r="Y7505" s="2">
        <v>7.6</v>
      </c>
      <c r="Z7505" s="2">
        <v>16.7</v>
      </c>
      <c r="AA7505" s="5"/>
      <c r="AB7505" s="5" t="s">
        <v>43</v>
      </c>
      <c r="AC7505" s="5" t="s">
        <v>44</v>
      </c>
      <c r="AD7505" s="2"/>
      <c r="AE7505" s="1"/>
    </row>
    <row r="7506" spans="1:31" ht="14.45">
      <c r="A7506" s="11"/>
      <c r="B7506" s="20"/>
      <c r="C7506" s="2" t="s">
        <v>22990</v>
      </c>
      <c r="D7506" s="14" t="s">
        <v>22991</v>
      </c>
      <c r="E7506" s="2" t="s">
        <v>22992</v>
      </c>
      <c r="F7506" s="2" t="s">
        <v>16022</v>
      </c>
      <c r="G7506" s="8">
        <v>291</v>
      </c>
      <c r="H7506" s="5">
        <v>6</v>
      </c>
      <c r="I7506" s="5" t="s">
        <v>1518</v>
      </c>
      <c r="J7506" s="5" t="s">
        <v>1519</v>
      </c>
      <c r="K7506" s="2" t="s">
        <v>1520</v>
      </c>
      <c r="L7506" s="5" t="s">
        <v>1519</v>
      </c>
      <c r="M7506" s="2" t="s">
        <v>1520</v>
      </c>
      <c r="N7506" s="5" t="s">
        <v>1521</v>
      </c>
      <c r="O7506" s="5" t="s">
        <v>38</v>
      </c>
      <c r="P7506" s="5" t="s">
        <v>39</v>
      </c>
      <c r="Q7506" s="5" t="s">
        <v>40</v>
      </c>
      <c r="R7506" s="5" t="s">
        <v>1522</v>
      </c>
      <c r="S7506" s="5" t="s">
        <v>1523</v>
      </c>
      <c r="T7506" s="5" t="s">
        <v>42</v>
      </c>
      <c r="U7506" s="2">
        <v>3.2570000000000001</v>
      </c>
      <c r="V7506" s="2">
        <v>2.6589999999999998</v>
      </c>
      <c r="W7506" s="2">
        <v>1.7999999999999999E-2</v>
      </c>
      <c r="X7506" s="2">
        <v>139.1</v>
      </c>
      <c r="Y7506" s="2">
        <v>7.6</v>
      </c>
      <c r="Z7506" s="2">
        <v>16.7</v>
      </c>
      <c r="AA7506" s="5"/>
      <c r="AB7506" s="5" t="s">
        <v>43</v>
      </c>
      <c r="AC7506" s="5" t="s">
        <v>44</v>
      </c>
      <c r="AD7506" s="2"/>
      <c r="AE7506" s="1"/>
    </row>
    <row r="7507" spans="1:31" ht="14.45">
      <c r="A7507" s="11"/>
      <c r="B7507" s="20"/>
      <c r="C7507" s="2" t="s">
        <v>22993</v>
      </c>
      <c r="D7507" s="14" t="s">
        <v>22994</v>
      </c>
      <c r="E7507" s="2" t="s">
        <v>22995</v>
      </c>
      <c r="F7507" s="2" t="s">
        <v>7615</v>
      </c>
      <c r="G7507" s="8">
        <v>291</v>
      </c>
      <c r="H7507" s="5">
        <v>6</v>
      </c>
      <c r="I7507" s="5" t="s">
        <v>1518</v>
      </c>
      <c r="J7507" s="5" t="s">
        <v>1519</v>
      </c>
      <c r="K7507" s="2" t="s">
        <v>1520</v>
      </c>
      <c r="L7507" s="5" t="s">
        <v>1519</v>
      </c>
      <c r="M7507" s="2" t="s">
        <v>1520</v>
      </c>
      <c r="N7507" s="5" t="s">
        <v>1521</v>
      </c>
      <c r="O7507" s="5" t="s">
        <v>38</v>
      </c>
      <c r="P7507" s="5" t="s">
        <v>39</v>
      </c>
      <c r="Q7507" s="5" t="s">
        <v>40</v>
      </c>
      <c r="R7507" s="5" t="s">
        <v>1522</v>
      </c>
      <c r="S7507" s="5" t="s">
        <v>1523</v>
      </c>
      <c r="T7507" s="5" t="s">
        <v>42</v>
      </c>
      <c r="U7507" s="2">
        <v>3.15</v>
      </c>
      <c r="V7507" s="2">
        <v>2.552</v>
      </c>
      <c r="W7507" s="2">
        <v>1.7999999999999999E-2</v>
      </c>
      <c r="X7507" s="2">
        <v>139.1</v>
      </c>
      <c r="Y7507" s="2">
        <v>7.6</v>
      </c>
      <c r="Z7507" s="2">
        <v>16.7</v>
      </c>
      <c r="AA7507" s="5"/>
      <c r="AB7507" s="5" t="s">
        <v>43</v>
      </c>
      <c r="AC7507" s="5" t="s">
        <v>44</v>
      </c>
      <c r="AD7507" s="2"/>
      <c r="AE7507" s="1"/>
    </row>
    <row r="7508" spans="1:31" ht="14.45">
      <c r="A7508" s="11"/>
      <c r="B7508" s="20"/>
      <c r="C7508" s="2" t="s">
        <v>22996</v>
      </c>
      <c r="D7508" s="14" t="s">
        <v>22997</v>
      </c>
      <c r="E7508" s="2" t="s">
        <v>22998</v>
      </c>
      <c r="F7508" s="2" t="s">
        <v>7619</v>
      </c>
      <c r="G7508" s="8">
        <v>291</v>
      </c>
      <c r="H7508" s="5">
        <v>6</v>
      </c>
      <c r="I7508" s="5" t="s">
        <v>1518</v>
      </c>
      <c r="J7508" s="5" t="s">
        <v>1519</v>
      </c>
      <c r="K7508" s="2" t="s">
        <v>1520</v>
      </c>
      <c r="L7508" s="5" t="s">
        <v>1519</v>
      </c>
      <c r="M7508" s="2" t="s">
        <v>1520</v>
      </c>
      <c r="N7508" s="5" t="s">
        <v>1521</v>
      </c>
      <c r="O7508" s="5" t="s">
        <v>38</v>
      </c>
      <c r="P7508" s="5" t="s">
        <v>39</v>
      </c>
      <c r="Q7508" s="5" t="s">
        <v>40</v>
      </c>
      <c r="R7508" s="5" t="s">
        <v>1522</v>
      </c>
      <c r="S7508" s="5" t="s">
        <v>1523</v>
      </c>
      <c r="T7508" s="5" t="s">
        <v>42</v>
      </c>
      <c r="U7508" s="2">
        <v>3.2349999999999999</v>
      </c>
      <c r="V7508" s="2">
        <v>2.637</v>
      </c>
      <c r="W7508" s="2">
        <v>1.7999999999999999E-2</v>
      </c>
      <c r="X7508" s="2">
        <v>139.1</v>
      </c>
      <c r="Y7508" s="2">
        <v>7.6</v>
      </c>
      <c r="Z7508" s="2">
        <v>16.7</v>
      </c>
      <c r="AA7508" s="5"/>
      <c r="AB7508" s="5" t="s">
        <v>43</v>
      </c>
      <c r="AC7508" s="5" t="s">
        <v>44</v>
      </c>
      <c r="AD7508" s="2"/>
      <c r="AE7508" s="1"/>
    </row>
    <row r="7509" spans="1:31" ht="14.45">
      <c r="A7509" s="11"/>
      <c r="B7509" s="20"/>
      <c r="C7509" s="2" t="s">
        <v>22999</v>
      </c>
      <c r="D7509" s="14" t="s">
        <v>23000</v>
      </c>
      <c r="E7509" s="2" t="s">
        <v>23001</v>
      </c>
      <c r="F7509" s="2" t="s">
        <v>16029</v>
      </c>
      <c r="G7509" s="8">
        <v>291</v>
      </c>
      <c r="H7509" s="5">
        <v>11</v>
      </c>
      <c r="I7509" s="5" t="s">
        <v>1518</v>
      </c>
      <c r="J7509" s="5" t="s">
        <v>1519</v>
      </c>
      <c r="K7509" s="2" t="s">
        <v>1520</v>
      </c>
      <c r="L7509" s="5" t="s">
        <v>1519</v>
      </c>
      <c r="M7509" s="2" t="s">
        <v>1520</v>
      </c>
      <c r="N7509" s="5" t="s">
        <v>1521</v>
      </c>
      <c r="O7509" s="5" t="s">
        <v>38</v>
      </c>
      <c r="P7509" s="5" t="s">
        <v>39</v>
      </c>
      <c r="Q7509" s="5" t="s">
        <v>40</v>
      </c>
      <c r="R7509" s="5" t="s">
        <v>1522</v>
      </c>
      <c r="S7509" s="5" t="s">
        <v>1523</v>
      </c>
      <c r="T7509" s="5" t="s">
        <v>42</v>
      </c>
      <c r="U7509" s="2">
        <v>3.173</v>
      </c>
      <c r="V7509" s="2">
        <v>2.5750000000000002</v>
      </c>
      <c r="W7509" s="2">
        <v>1.7999999999999999E-2</v>
      </c>
      <c r="X7509" s="2">
        <v>139.1</v>
      </c>
      <c r="Y7509" s="2">
        <v>7.6</v>
      </c>
      <c r="Z7509" s="2">
        <v>16.7</v>
      </c>
      <c r="AA7509" s="5"/>
      <c r="AB7509" s="5" t="s">
        <v>43</v>
      </c>
      <c r="AC7509" s="5" t="s">
        <v>44</v>
      </c>
      <c r="AD7509" s="2"/>
      <c r="AE7509" s="1"/>
    </row>
    <row r="7510" spans="1:31" ht="14.45">
      <c r="A7510" s="11"/>
      <c r="B7510" s="20"/>
      <c r="C7510" s="2" t="s">
        <v>23002</v>
      </c>
      <c r="D7510" s="14" t="s">
        <v>23003</v>
      </c>
      <c r="E7510" s="2" t="s">
        <v>23004</v>
      </c>
      <c r="F7510" s="2" t="s">
        <v>16033</v>
      </c>
      <c r="G7510" s="8">
        <v>291</v>
      </c>
      <c r="H7510" s="5">
        <v>11</v>
      </c>
      <c r="I7510" s="5" t="s">
        <v>1518</v>
      </c>
      <c r="J7510" s="5" t="s">
        <v>1519</v>
      </c>
      <c r="K7510" s="2" t="s">
        <v>1520</v>
      </c>
      <c r="L7510" s="5" t="s">
        <v>1519</v>
      </c>
      <c r="M7510" s="2" t="s">
        <v>1520</v>
      </c>
      <c r="N7510" s="5" t="s">
        <v>1521</v>
      </c>
      <c r="O7510" s="5" t="s">
        <v>38</v>
      </c>
      <c r="P7510" s="5" t="s">
        <v>39</v>
      </c>
      <c r="Q7510" s="5" t="s">
        <v>40</v>
      </c>
      <c r="R7510" s="5" t="s">
        <v>1522</v>
      </c>
      <c r="S7510" s="5" t="s">
        <v>1523</v>
      </c>
      <c r="T7510" s="5" t="s">
        <v>42</v>
      </c>
      <c r="U7510" s="2">
        <v>3.258</v>
      </c>
      <c r="V7510" s="2">
        <v>2.66</v>
      </c>
      <c r="W7510" s="2">
        <v>1.7999999999999999E-2</v>
      </c>
      <c r="X7510" s="2">
        <v>139.1</v>
      </c>
      <c r="Y7510" s="2">
        <v>7.6</v>
      </c>
      <c r="Z7510" s="2">
        <v>16.7</v>
      </c>
      <c r="AA7510" s="5"/>
      <c r="AB7510" s="5" t="s">
        <v>43</v>
      </c>
      <c r="AC7510" s="5" t="s">
        <v>44</v>
      </c>
      <c r="AD7510" s="2"/>
      <c r="AE7510" s="1"/>
    </row>
    <row r="7511" spans="1:31" ht="14.45">
      <c r="A7511" s="11"/>
      <c r="B7511" s="20"/>
      <c r="C7511" s="2" t="s">
        <v>23005</v>
      </c>
      <c r="D7511" s="14" t="s">
        <v>23006</v>
      </c>
      <c r="E7511" s="2" t="s">
        <v>23007</v>
      </c>
      <c r="F7511" s="2" t="s">
        <v>7396</v>
      </c>
      <c r="G7511" s="8">
        <v>270</v>
      </c>
      <c r="H7511" s="5">
        <v>6</v>
      </c>
      <c r="I7511" s="5" t="s">
        <v>1518</v>
      </c>
      <c r="J7511" s="5" t="s">
        <v>1519</v>
      </c>
      <c r="K7511" s="2" t="s">
        <v>1520</v>
      </c>
      <c r="L7511" s="5" t="s">
        <v>1519</v>
      </c>
      <c r="M7511" s="2" t="s">
        <v>1520</v>
      </c>
      <c r="N7511" s="5" t="s">
        <v>1521</v>
      </c>
      <c r="O7511" s="5" t="s">
        <v>38</v>
      </c>
      <c r="P7511" s="5" t="s">
        <v>39</v>
      </c>
      <c r="Q7511" s="5" t="s">
        <v>40</v>
      </c>
      <c r="R7511" s="5" t="s">
        <v>1522</v>
      </c>
      <c r="S7511" s="5" t="s">
        <v>1523</v>
      </c>
      <c r="T7511" s="5" t="s">
        <v>42</v>
      </c>
      <c r="U7511" s="2">
        <v>3.34</v>
      </c>
      <c r="V7511" s="2">
        <v>2.7509999999999999</v>
      </c>
      <c r="W7511" s="2">
        <v>1.7999999999999999E-2</v>
      </c>
      <c r="X7511" s="2">
        <v>139.1</v>
      </c>
      <c r="Y7511" s="2">
        <v>7.6</v>
      </c>
      <c r="Z7511" s="2">
        <v>16.7</v>
      </c>
      <c r="AA7511" s="5"/>
      <c r="AB7511" s="5" t="s">
        <v>43</v>
      </c>
      <c r="AC7511" s="5" t="s">
        <v>44</v>
      </c>
      <c r="AD7511" s="2"/>
      <c r="AE7511" s="1"/>
    </row>
    <row r="7512" spans="1:31" ht="14.45">
      <c r="A7512" s="11"/>
      <c r="B7512" s="20"/>
      <c r="C7512" s="2" t="s">
        <v>23008</v>
      </c>
      <c r="D7512" s="14" t="s">
        <v>23009</v>
      </c>
      <c r="E7512" s="2" t="s">
        <v>23010</v>
      </c>
      <c r="F7512" s="2" t="s">
        <v>7507</v>
      </c>
      <c r="G7512" s="8">
        <v>270</v>
      </c>
      <c r="H7512" s="5">
        <v>6</v>
      </c>
      <c r="I7512" s="5" t="s">
        <v>1518</v>
      </c>
      <c r="J7512" s="5" t="s">
        <v>1519</v>
      </c>
      <c r="K7512" s="2" t="s">
        <v>1520</v>
      </c>
      <c r="L7512" s="5" t="s">
        <v>1519</v>
      </c>
      <c r="M7512" s="2" t="s">
        <v>1520</v>
      </c>
      <c r="N7512" s="5" t="s">
        <v>1521</v>
      </c>
      <c r="O7512" s="5" t="s">
        <v>38</v>
      </c>
      <c r="P7512" s="5" t="s">
        <v>39</v>
      </c>
      <c r="Q7512" s="5" t="s">
        <v>40</v>
      </c>
      <c r="R7512" s="5" t="s">
        <v>1522</v>
      </c>
      <c r="S7512" s="5" t="s">
        <v>1523</v>
      </c>
      <c r="T7512" s="5" t="s">
        <v>42</v>
      </c>
      <c r="U7512" s="2">
        <v>3.4359999999999999</v>
      </c>
      <c r="V7512" s="2">
        <v>2.847</v>
      </c>
      <c r="W7512" s="2">
        <v>1.7999999999999999E-2</v>
      </c>
      <c r="X7512" s="2">
        <v>139.1</v>
      </c>
      <c r="Y7512" s="2">
        <v>7.6</v>
      </c>
      <c r="Z7512" s="2">
        <v>16.7</v>
      </c>
      <c r="AA7512" s="5"/>
      <c r="AB7512" s="5" t="s">
        <v>43</v>
      </c>
      <c r="AC7512" s="5" t="s">
        <v>44</v>
      </c>
      <c r="AD7512" s="2"/>
      <c r="AE7512" s="1"/>
    </row>
    <row r="7513" spans="1:31" ht="14.45">
      <c r="A7513" s="11"/>
      <c r="B7513" s="20"/>
      <c r="C7513" s="2" t="s">
        <v>23011</v>
      </c>
      <c r="D7513" s="14" t="s">
        <v>23012</v>
      </c>
      <c r="E7513" s="2" t="s">
        <v>23013</v>
      </c>
      <c r="F7513" s="2" t="s">
        <v>7204</v>
      </c>
      <c r="G7513" s="8">
        <v>270</v>
      </c>
      <c r="H7513" s="5">
        <v>6</v>
      </c>
      <c r="I7513" s="5" t="s">
        <v>1518</v>
      </c>
      <c r="J7513" s="5" t="s">
        <v>1519</v>
      </c>
      <c r="K7513" s="2" t="s">
        <v>1520</v>
      </c>
      <c r="L7513" s="5" t="s">
        <v>1519</v>
      </c>
      <c r="M7513" s="2" t="s">
        <v>1520</v>
      </c>
      <c r="N7513" s="5" t="s">
        <v>1521</v>
      </c>
      <c r="O7513" s="5" t="s">
        <v>38</v>
      </c>
      <c r="P7513" s="5" t="s">
        <v>39</v>
      </c>
      <c r="Q7513" s="5" t="s">
        <v>40</v>
      </c>
      <c r="R7513" s="5" t="s">
        <v>1522</v>
      </c>
      <c r="S7513" s="5" t="s">
        <v>1523</v>
      </c>
      <c r="T7513" s="5" t="s">
        <v>42</v>
      </c>
      <c r="U7513" s="2">
        <v>3.3490000000000002</v>
      </c>
      <c r="V7513" s="2">
        <v>2.76</v>
      </c>
      <c r="W7513" s="2">
        <v>1.7999999999999999E-2</v>
      </c>
      <c r="X7513" s="2">
        <v>139.1</v>
      </c>
      <c r="Y7513" s="2">
        <v>7.6</v>
      </c>
      <c r="Z7513" s="2">
        <v>16.7</v>
      </c>
      <c r="AA7513" s="5"/>
      <c r="AB7513" s="5" t="s">
        <v>43</v>
      </c>
      <c r="AC7513" s="5" t="s">
        <v>44</v>
      </c>
      <c r="AD7513" s="2"/>
      <c r="AE7513" s="1"/>
    </row>
    <row r="7514" spans="1:31" ht="14.45">
      <c r="A7514" s="11"/>
      <c r="B7514" s="20"/>
      <c r="C7514" s="2" t="s">
        <v>23014</v>
      </c>
      <c r="D7514" s="14" t="s">
        <v>23015</v>
      </c>
      <c r="E7514" s="2" t="s">
        <v>23016</v>
      </c>
      <c r="F7514" s="2" t="s">
        <v>7514</v>
      </c>
      <c r="G7514" s="8">
        <v>270</v>
      </c>
      <c r="H7514" s="5">
        <v>6</v>
      </c>
      <c r="I7514" s="5" t="s">
        <v>1518</v>
      </c>
      <c r="J7514" s="5" t="s">
        <v>1519</v>
      </c>
      <c r="K7514" s="2" t="s">
        <v>1520</v>
      </c>
      <c r="L7514" s="5" t="s">
        <v>1519</v>
      </c>
      <c r="M7514" s="2" t="s">
        <v>1520</v>
      </c>
      <c r="N7514" s="5" t="s">
        <v>1521</v>
      </c>
      <c r="O7514" s="5" t="s">
        <v>38</v>
      </c>
      <c r="P7514" s="5" t="s">
        <v>39</v>
      </c>
      <c r="Q7514" s="5" t="s">
        <v>40</v>
      </c>
      <c r="R7514" s="5" t="s">
        <v>1522</v>
      </c>
      <c r="S7514" s="5" t="s">
        <v>1523</v>
      </c>
      <c r="T7514" s="5" t="s">
        <v>42</v>
      </c>
      <c r="U7514" s="2">
        <v>3.4449999999999998</v>
      </c>
      <c r="V7514" s="2">
        <v>2.8559999999999999</v>
      </c>
      <c r="W7514" s="2">
        <v>1.7999999999999999E-2</v>
      </c>
      <c r="X7514" s="2">
        <v>139.1</v>
      </c>
      <c r="Y7514" s="2">
        <v>7.6</v>
      </c>
      <c r="Z7514" s="2">
        <v>16.7</v>
      </c>
      <c r="AA7514" s="5"/>
      <c r="AB7514" s="5" t="s">
        <v>43</v>
      </c>
      <c r="AC7514" s="5" t="s">
        <v>44</v>
      </c>
      <c r="AD7514" s="2"/>
      <c r="AE7514" s="1"/>
    </row>
    <row r="7515" spans="1:31" ht="14.45">
      <c r="A7515" s="11"/>
      <c r="B7515" s="20"/>
      <c r="C7515" s="2" t="s">
        <v>23017</v>
      </c>
      <c r="D7515" s="14" t="s">
        <v>23018</v>
      </c>
      <c r="E7515" s="2" t="s">
        <v>23019</v>
      </c>
      <c r="F7515" s="2" t="s">
        <v>7208</v>
      </c>
      <c r="G7515" s="8">
        <v>270</v>
      </c>
      <c r="H7515" s="5">
        <v>6</v>
      </c>
      <c r="I7515" s="5" t="s">
        <v>1518</v>
      </c>
      <c r="J7515" s="5" t="s">
        <v>1519</v>
      </c>
      <c r="K7515" s="2" t="s">
        <v>1520</v>
      </c>
      <c r="L7515" s="5" t="s">
        <v>1519</v>
      </c>
      <c r="M7515" s="2" t="s">
        <v>1520</v>
      </c>
      <c r="N7515" s="5" t="s">
        <v>1521</v>
      </c>
      <c r="O7515" s="5" t="s">
        <v>38</v>
      </c>
      <c r="P7515" s="5" t="s">
        <v>39</v>
      </c>
      <c r="Q7515" s="5" t="s">
        <v>40</v>
      </c>
      <c r="R7515" s="5" t="s">
        <v>1522</v>
      </c>
      <c r="S7515" s="5" t="s">
        <v>1523</v>
      </c>
      <c r="T7515" s="5" t="s">
        <v>42</v>
      </c>
      <c r="U7515" s="2">
        <v>3.3490000000000002</v>
      </c>
      <c r="V7515" s="2">
        <v>2.76</v>
      </c>
      <c r="W7515" s="2">
        <v>1.7999999999999999E-2</v>
      </c>
      <c r="X7515" s="2">
        <v>139.1</v>
      </c>
      <c r="Y7515" s="2">
        <v>7.6</v>
      </c>
      <c r="Z7515" s="2">
        <v>16.7</v>
      </c>
      <c r="AA7515" s="5"/>
      <c r="AB7515" s="5" t="s">
        <v>43</v>
      </c>
      <c r="AC7515" s="5" t="s">
        <v>44</v>
      </c>
      <c r="AD7515" s="2"/>
      <c r="AE7515" s="1"/>
    </row>
    <row r="7516" spans="1:31" ht="14.45">
      <c r="A7516" s="11"/>
      <c r="B7516" s="20"/>
      <c r="C7516" s="2" t="s">
        <v>23020</v>
      </c>
      <c r="D7516" s="14" t="s">
        <v>23021</v>
      </c>
      <c r="E7516" s="2" t="s">
        <v>23022</v>
      </c>
      <c r="F7516" s="2" t="s">
        <v>7521</v>
      </c>
      <c r="G7516" s="8">
        <v>270</v>
      </c>
      <c r="H7516" s="5">
        <v>6</v>
      </c>
      <c r="I7516" s="5" t="s">
        <v>1518</v>
      </c>
      <c r="J7516" s="5" t="s">
        <v>1519</v>
      </c>
      <c r="K7516" s="2" t="s">
        <v>1520</v>
      </c>
      <c r="L7516" s="5" t="s">
        <v>1519</v>
      </c>
      <c r="M7516" s="2" t="s">
        <v>1520</v>
      </c>
      <c r="N7516" s="5" t="s">
        <v>1521</v>
      </c>
      <c r="O7516" s="5" t="s">
        <v>38</v>
      </c>
      <c r="P7516" s="5" t="s">
        <v>39</v>
      </c>
      <c r="Q7516" s="5" t="s">
        <v>40</v>
      </c>
      <c r="R7516" s="5" t="s">
        <v>1522</v>
      </c>
      <c r="S7516" s="5" t="s">
        <v>1523</v>
      </c>
      <c r="T7516" s="5" t="s">
        <v>42</v>
      </c>
      <c r="U7516" s="2">
        <v>3.4449999999999998</v>
      </c>
      <c r="V7516" s="2">
        <v>2.8559999999999999</v>
      </c>
      <c r="W7516" s="2">
        <v>1.7999999999999999E-2</v>
      </c>
      <c r="X7516" s="2">
        <v>139.1</v>
      </c>
      <c r="Y7516" s="2">
        <v>7.6</v>
      </c>
      <c r="Z7516" s="2">
        <v>16.7</v>
      </c>
      <c r="AA7516" s="5"/>
      <c r="AB7516" s="5" t="s">
        <v>43</v>
      </c>
      <c r="AC7516" s="5" t="s">
        <v>44</v>
      </c>
      <c r="AD7516" s="2"/>
      <c r="AE7516" s="1"/>
    </row>
    <row r="7517" spans="1:31" ht="14.45">
      <c r="A7517" s="11"/>
      <c r="B7517" s="20"/>
      <c r="C7517" s="2" t="s">
        <v>23023</v>
      </c>
      <c r="D7517" s="14" t="s">
        <v>23024</v>
      </c>
      <c r="E7517" s="2" t="s">
        <v>23025</v>
      </c>
      <c r="F7517" s="2" t="s">
        <v>7212</v>
      </c>
      <c r="G7517" s="8">
        <v>270</v>
      </c>
      <c r="H7517" s="5">
        <v>6</v>
      </c>
      <c r="I7517" s="5" t="s">
        <v>1518</v>
      </c>
      <c r="J7517" s="5" t="s">
        <v>1519</v>
      </c>
      <c r="K7517" s="2" t="s">
        <v>1520</v>
      </c>
      <c r="L7517" s="5" t="s">
        <v>1519</v>
      </c>
      <c r="M7517" s="2" t="s">
        <v>1520</v>
      </c>
      <c r="N7517" s="5" t="s">
        <v>1521</v>
      </c>
      <c r="O7517" s="5" t="s">
        <v>38</v>
      </c>
      <c r="P7517" s="5" t="s">
        <v>39</v>
      </c>
      <c r="Q7517" s="5" t="s">
        <v>40</v>
      </c>
      <c r="R7517" s="5" t="s">
        <v>1522</v>
      </c>
      <c r="S7517" s="5" t="s">
        <v>1523</v>
      </c>
      <c r="T7517" s="5" t="s">
        <v>42</v>
      </c>
      <c r="U7517" s="2">
        <v>3.3210000000000002</v>
      </c>
      <c r="V7517" s="2">
        <v>2.7320000000000002</v>
      </c>
      <c r="W7517" s="2">
        <v>1.7999999999999999E-2</v>
      </c>
      <c r="X7517" s="2">
        <v>139.1</v>
      </c>
      <c r="Y7517" s="2">
        <v>7.6</v>
      </c>
      <c r="Z7517" s="2">
        <v>16.7</v>
      </c>
      <c r="AA7517" s="5"/>
      <c r="AB7517" s="5" t="s">
        <v>43</v>
      </c>
      <c r="AC7517" s="5" t="s">
        <v>44</v>
      </c>
      <c r="AD7517" s="2"/>
      <c r="AE7517" s="1"/>
    </row>
    <row r="7518" spans="1:31" ht="14.45">
      <c r="A7518" s="11"/>
      <c r="B7518" s="20"/>
      <c r="C7518" s="2" t="s">
        <v>23026</v>
      </c>
      <c r="D7518" s="14" t="s">
        <v>23027</v>
      </c>
      <c r="E7518" s="2" t="s">
        <v>23028</v>
      </c>
      <c r="F7518" s="2" t="s">
        <v>7528</v>
      </c>
      <c r="G7518" s="8">
        <v>270</v>
      </c>
      <c r="H7518" s="5">
        <v>6</v>
      </c>
      <c r="I7518" s="5" t="s">
        <v>1518</v>
      </c>
      <c r="J7518" s="5" t="s">
        <v>1519</v>
      </c>
      <c r="K7518" s="2" t="s">
        <v>1520</v>
      </c>
      <c r="L7518" s="5" t="s">
        <v>1519</v>
      </c>
      <c r="M7518" s="2" t="s">
        <v>1520</v>
      </c>
      <c r="N7518" s="5" t="s">
        <v>1521</v>
      </c>
      <c r="O7518" s="5" t="s">
        <v>38</v>
      </c>
      <c r="P7518" s="5" t="s">
        <v>39</v>
      </c>
      <c r="Q7518" s="5" t="s">
        <v>40</v>
      </c>
      <c r="R7518" s="5" t="s">
        <v>1522</v>
      </c>
      <c r="S7518" s="5" t="s">
        <v>1523</v>
      </c>
      <c r="T7518" s="5" t="s">
        <v>42</v>
      </c>
      <c r="U7518" s="2">
        <v>3.4169999999999998</v>
      </c>
      <c r="V7518" s="2">
        <v>2.8279999999999998</v>
      </c>
      <c r="W7518" s="2">
        <v>1.7999999999999999E-2</v>
      </c>
      <c r="X7518" s="2">
        <v>139.1</v>
      </c>
      <c r="Y7518" s="2">
        <v>7.6</v>
      </c>
      <c r="Z7518" s="2">
        <v>16.7</v>
      </c>
      <c r="AA7518" s="5"/>
      <c r="AB7518" s="5" t="s">
        <v>43</v>
      </c>
      <c r="AC7518" s="5" t="s">
        <v>44</v>
      </c>
      <c r="AD7518" s="2"/>
      <c r="AE7518" s="1"/>
    </row>
    <row r="7519" spans="1:31" ht="14.45">
      <c r="A7519" s="11"/>
      <c r="B7519" s="20"/>
      <c r="C7519" s="2" t="s">
        <v>23029</v>
      </c>
      <c r="D7519" s="14" t="s">
        <v>23030</v>
      </c>
      <c r="E7519" s="2" t="s">
        <v>23031</v>
      </c>
      <c r="F7519" s="2" t="s">
        <v>7406</v>
      </c>
      <c r="G7519" s="8">
        <v>291</v>
      </c>
      <c r="H7519" s="5">
        <v>6</v>
      </c>
      <c r="I7519" s="5" t="s">
        <v>1518</v>
      </c>
      <c r="J7519" s="5" t="s">
        <v>1519</v>
      </c>
      <c r="K7519" s="2" t="s">
        <v>1520</v>
      </c>
      <c r="L7519" s="5" t="s">
        <v>1519</v>
      </c>
      <c r="M7519" s="2" t="s">
        <v>1520</v>
      </c>
      <c r="N7519" s="5" t="s">
        <v>1521</v>
      </c>
      <c r="O7519" s="5" t="s">
        <v>38</v>
      </c>
      <c r="P7519" s="5" t="s">
        <v>39</v>
      </c>
      <c r="Q7519" s="5" t="s">
        <v>40</v>
      </c>
      <c r="R7519" s="5" t="s">
        <v>1522</v>
      </c>
      <c r="S7519" s="5" t="s">
        <v>1523</v>
      </c>
      <c r="T7519" s="5" t="s">
        <v>42</v>
      </c>
      <c r="U7519" s="2">
        <v>3.3210000000000002</v>
      </c>
      <c r="V7519" s="2">
        <v>2.7320000000000002</v>
      </c>
      <c r="W7519" s="2">
        <v>1.7999999999999999E-2</v>
      </c>
      <c r="X7519" s="2">
        <v>139.1</v>
      </c>
      <c r="Y7519" s="2">
        <v>7.6</v>
      </c>
      <c r="Z7519" s="2">
        <v>16.7</v>
      </c>
      <c r="AA7519" s="5"/>
      <c r="AB7519" s="5" t="s">
        <v>43</v>
      </c>
      <c r="AC7519" s="5" t="s">
        <v>44</v>
      </c>
      <c r="AD7519" s="2"/>
      <c r="AE7519" s="1"/>
    </row>
    <row r="7520" spans="1:31" ht="14.45">
      <c r="A7520" s="11"/>
      <c r="B7520" s="20"/>
      <c r="C7520" s="2" t="s">
        <v>23032</v>
      </c>
      <c r="D7520" s="14" t="s">
        <v>23033</v>
      </c>
      <c r="E7520" s="2" t="s">
        <v>23034</v>
      </c>
      <c r="F7520" s="2" t="s">
        <v>7535</v>
      </c>
      <c r="G7520" s="8">
        <v>291</v>
      </c>
      <c r="H7520" s="5">
        <v>6</v>
      </c>
      <c r="I7520" s="5" t="s">
        <v>1518</v>
      </c>
      <c r="J7520" s="5" t="s">
        <v>1519</v>
      </c>
      <c r="K7520" s="2" t="s">
        <v>1520</v>
      </c>
      <c r="L7520" s="5" t="s">
        <v>1519</v>
      </c>
      <c r="M7520" s="2" t="s">
        <v>1520</v>
      </c>
      <c r="N7520" s="5" t="s">
        <v>1521</v>
      </c>
      <c r="O7520" s="5" t="s">
        <v>38</v>
      </c>
      <c r="P7520" s="5" t="s">
        <v>39</v>
      </c>
      <c r="Q7520" s="5" t="s">
        <v>40</v>
      </c>
      <c r="R7520" s="5" t="s">
        <v>1522</v>
      </c>
      <c r="S7520" s="5" t="s">
        <v>1523</v>
      </c>
      <c r="T7520" s="5" t="s">
        <v>42</v>
      </c>
      <c r="U7520" s="2">
        <v>3.4169999999999998</v>
      </c>
      <c r="V7520" s="2">
        <v>2.8279999999999998</v>
      </c>
      <c r="W7520" s="2">
        <v>1.7999999999999999E-2</v>
      </c>
      <c r="X7520" s="2">
        <v>139.1</v>
      </c>
      <c r="Y7520" s="2">
        <v>7.6</v>
      </c>
      <c r="Z7520" s="2">
        <v>16.7</v>
      </c>
      <c r="AA7520" s="5"/>
      <c r="AB7520" s="5" t="s">
        <v>43</v>
      </c>
      <c r="AC7520" s="5" t="s">
        <v>44</v>
      </c>
      <c r="AD7520" s="2"/>
      <c r="AE7520" s="1"/>
    </row>
    <row r="7521" spans="1:31" ht="14.45">
      <c r="A7521" s="11"/>
      <c r="B7521" s="20"/>
      <c r="C7521" s="2" t="s">
        <v>23035</v>
      </c>
      <c r="D7521" s="14" t="s">
        <v>23036</v>
      </c>
      <c r="E7521" s="2" t="s">
        <v>23037</v>
      </c>
      <c r="F7521" s="2" t="s">
        <v>7539</v>
      </c>
      <c r="G7521" s="8">
        <v>291</v>
      </c>
      <c r="H7521" s="5">
        <v>6</v>
      </c>
      <c r="I7521" s="5" t="s">
        <v>1518</v>
      </c>
      <c r="J7521" s="5" t="s">
        <v>1519</v>
      </c>
      <c r="K7521" s="2" t="s">
        <v>1520</v>
      </c>
      <c r="L7521" s="5" t="s">
        <v>1519</v>
      </c>
      <c r="M7521" s="2" t="s">
        <v>1520</v>
      </c>
      <c r="N7521" s="5" t="s">
        <v>1521</v>
      </c>
      <c r="O7521" s="5" t="s">
        <v>38</v>
      </c>
      <c r="P7521" s="5" t="s">
        <v>39</v>
      </c>
      <c r="Q7521" s="5" t="s">
        <v>40</v>
      </c>
      <c r="R7521" s="5" t="s">
        <v>1522</v>
      </c>
      <c r="S7521" s="5" t="s">
        <v>1523</v>
      </c>
      <c r="T7521" s="5" t="s">
        <v>42</v>
      </c>
      <c r="U7521" s="2">
        <v>3.3490000000000002</v>
      </c>
      <c r="V7521" s="2">
        <v>2.76</v>
      </c>
      <c r="W7521" s="2">
        <v>1.7999999999999999E-2</v>
      </c>
      <c r="X7521" s="2">
        <v>139.1</v>
      </c>
      <c r="Y7521" s="2">
        <v>7.6</v>
      </c>
      <c r="Z7521" s="2">
        <v>16.7</v>
      </c>
      <c r="AA7521" s="5"/>
      <c r="AB7521" s="5" t="s">
        <v>43</v>
      </c>
      <c r="AC7521" s="5" t="s">
        <v>44</v>
      </c>
      <c r="AD7521" s="2"/>
      <c r="AE7521" s="1"/>
    </row>
    <row r="7522" spans="1:31" ht="14.45">
      <c r="A7522" s="11"/>
      <c r="B7522" s="20"/>
      <c r="C7522" s="2" t="s">
        <v>23038</v>
      </c>
      <c r="D7522" s="14" t="s">
        <v>23039</v>
      </c>
      <c r="E7522" s="2" t="s">
        <v>23040</v>
      </c>
      <c r="F7522" s="2" t="s">
        <v>7543</v>
      </c>
      <c r="G7522" s="8">
        <v>291</v>
      </c>
      <c r="H7522" s="5">
        <v>6</v>
      </c>
      <c r="I7522" s="5" t="s">
        <v>1518</v>
      </c>
      <c r="J7522" s="5" t="s">
        <v>1519</v>
      </c>
      <c r="K7522" s="2" t="s">
        <v>1520</v>
      </c>
      <c r="L7522" s="5" t="s">
        <v>1519</v>
      </c>
      <c r="M7522" s="2" t="s">
        <v>1520</v>
      </c>
      <c r="N7522" s="5" t="s">
        <v>1521</v>
      </c>
      <c r="O7522" s="5" t="s">
        <v>38</v>
      </c>
      <c r="P7522" s="5" t="s">
        <v>39</v>
      </c>
      <c r="Q7522" s="5" t="s">
        <v>40</v>
      </c>
      <c r="R7522" s="5" t="s">
        <v>1522</v>
      </c>
      <c r="S7522" s="5" t="s">
        <v>1523</v>
      </c>
      <c r="T7522" s="5" t="s">
        <v>42</v>
      </c>
      <c r="U7522" s="2">
        <v>3.4449999999999998</v>
      </c>
      <c r="V7522" s="2">
        <v>2.8559999999999999</v>
      </c>
      <c r="W7522" s="2">
        <v>1.7999999999999999E-2</v>
      </c>
      <c r="X7522" s="2">
        <v>139.1</v>
      </c>
      <c r="Y7522" s="2">
        <v>7.6</v>
      </c>
      <c r="Z7522" s="2">
        <v>16.7</v>
      </c>
      <c r="AA7522" s="5"/>
      <c r="AB7522" s="5" t="s">
        <v>43</v>
      </c>
      <c r="AC7522" s="5" t="s">
        <v>44</v>
      </c>
      <c r="AD7522" s="2"/>
      <c r="AE7522" s="1"/>
    </row>
    <row r="7523" spans="1:31" ht="14.45">
      <c r="A7523" s="11"/>
      <c r="B7523" s="20"/>
      <c r="C7523" s="2" t="s">
        <v>23041</v>
      </c>
      <c r="D7523" s="14" t="s">
        <v>23042</v>
      </c>
      <c r="E7523" s="2" t="s">
        <v>23043</v>
      </c>
      <c r="F7523" s="2" t="s">
        <v>7547</v>
      </c>
      <c r="G7523" s="8">
        <v>291</v>
      </c>
      <c r="H7523" s="5">
        <v>6</v>
      </c>
      <c r="I7523" s="5" t="s">
        <v>1518</v>
      </c>
      <c r="J7523" s="5" t="s">
        <v>1519</v>
      </c>
      <c r="K7523" s="2" t="s">
        <v>1520</v>
      </c>
      <c r="L7523" s="5" t="s">
        <v>1519</v>
      </c>
      <c r="M7523" s="2" t="s">
        <v>1520</v>
      </c>
      <c r="N7523" s="5" t="s">
        <v>1521</v>
      </c>
      <c r="O7523" s="5" t="s">
        <v>38</v>
      </c>
      <c r="P7523" s="5" t="s">
        <v>39</v>
      </c>
      <c r="Q7523" s="5" t="s">
        <v>40</v>
      </c>
      <c r="R7523" s="5" t="s">
        <v>1522</v>
      </c>
      <c r="S7523" s="5" t="s">
        <v>1523</v>
      </c>
      <c r="T7523" s="5" t="s">
        <v>42</v>
      </c>
      <c r="U7523" s="2">
        <v>3.3210000000000002</v>
      </c>
      <c r="V7523" s="2">
        <v>2.7320000000000002</v>
      </c>
      <c r="W7523" s="2">
        <v>1.7999999999999999E-2</v>
      </c>
      <c r="X7523" s="2">
        <v>139.1</v>
      </c>
      <c r="Y7523" s="2">
        <v>7.6</v>
      </c>
      <c r="Z7523" s="2">
        <v>16.7</v>
      </c>
      <c r="AA7523" s="5"/>
      <c r="AB7523" s="5" t="s">
        <v>43</v>
      </c>
      <c r="AC7523" s="5" t="s">
        <v>44</v>
      </c>
      <c r="AD7523" s="2"/>
      <c r="AE7523" s="1"/>
    </row>
    <row r="7524" spans="1:31" ht="14.45">
      <c r="A7524" s="11"/>
      <c r="B7524" s="20"/>
      <c r="C7524" s="2" t="s">
        <v>23044</v>
      </c>
      <c r="D7524" s="14" t="s">
        <v>23045</v>
      </c>
      <c r="E7524" s="2" t="s">
        <v>23046</v>
      </c>
      <c r="F7524" s="2" t="s">
        <v>7551</v>
      </c>
      <c r="G7524" s="8">
        <v>291</v>
      </c>
      <c r="H7524" s="5">
        <v>6</v>
      </c>
      <c r="I7524" s="5" t="s">
        <v>1518</v>
      </c>
      <c r="J7524" s="5" t="s">
        <v>1519</v>
      </c>
      <c r="K7524" s="2" t="s">
        <v>1520</v>
      </c>
      <c r="L7524" s="5" t="s">
        <v>1519</v>
      </c>
      <c r="M7524" s="2" t="s">
        <v>1520</v>
      </c>
      <c r="N7524" s="5" t="s">
        <v>1521</v>
      </c>
      <c r="O7524" s="5" t="s">
        <v>38</v>
      </c>
      <c r="P7524" s="5" t="s">
        <v>39</v>
      </c>
      <c r="Q7524" s="5" t="s">
        <v>40</v>
      </c>
      <c r="R7524" s="5" t="s">
        <v>1522</v>
      </c>
      <c r="S7524" s="5" t="s">
        <v>1523</v>
      </c>
      <c r="T7524" s="5" t="s">
        <v>42</v>
      </c>
      <c r="U7524" s="2">
        <v>3.4169999999999998</v>
      </c>
      <c r="V7524" s="2">
        <v>2.8279999999999998</v>
      </c>
      <c r="W7524" s="2">
        <v>1.7999999999999999E-2</v>
      </c>
      <c r="X7524" s="2">
        <v>139.1</v>
      </c>
      <c r="Y7524" s="2">
        <v>7.6</v>
      </c>
      <c r="Z7524" s="2">
        <v>16.7</v>
      </c>
      <c r="AA7524" s="5"/>
      <c r="AB7524" s="5" t="s">
        <v>43</v>
      </c>
      <c r="AC7524" s="5" t="s">
        <v>44</v>
      </c>
      <c r="AD7524" s="2"/>
      <c r="AE7524" s="1"/>
    </row>
    <row r="7525" spans="1:31" ht="14.45">
      <c r="A7525" s="11"/>
      <c r="B7525" s="20"/>
      <c r="C7525" s="2" t="s">
        <v>23047</v>
      </c>
      <c r="D7525" s="14" t="s">
        <v>23048</v>
      </c>
      <c r="E7525" s="2" t="s">
        <v>23049</v>
      </c>
      <c r="F7525" s="2" t="s">
        <v>7555</v>
      </c>
      <c r="G7525" s="8">
        <v>291</v>
      </c>
      <c r="H7525" s="5">
        <v>6</v>
      </c>
      <c r="I7525" s="5" t="s">
        <v>1518</v>
      </c>
      <c r="J7525" s="5" t="s">
        <v>1519</v>
      </c>
      <c r="K7525" s="2" t="s">
        <v>1520</v>
      </c>
      <c r="L7525" s="5" t="s">
        <v>1519</v>
      </c>
      <c r="M7525" s="2" t="s">
        <v>1520</v>
      </c>
      <c r="N7525" s="5" t="s">
        <v>1521</v>
      </c>
      <c r="O7525" s="5" t="s">
        <v>38</v>
      </c>
      <c r="P7525" s="5" t="s">
        <v>39</v>
      </c>
      <c r="Q7525" s="5" t="s">
        <v>40</v>
      </c>
      <c r="R7525" s="5" t="s">
        <v>1522</v>
      </c>
      <c r="S7525" s="5" t="s">
        <v>1523</v>
      </c>
      <c r="T7525" s="5" t="s">
        <v>42</v>
      </c>
      <c r="U7525" s="2">
        <v>3.3210000000000002</v>
      </c>
      <c r="V7525" s="2">
        <v>2.7320000000000002</v>
      </c>
      <c r="W7525" s="2">
        <v>1.7999999999999999E-2</v>
      </c>
      <c r="X7525" s="2">
        <v>139.1</v>
      </c>
      <c r="Y7525" s="2">
        <v>7.6</v>
      </c>
      <c r="Z7525" s="2">
        <v>16.7</v>
      </c>
      <c r="AA7525" s="5"/>
      <c r="AB7525" s="5" t="s">
        <v>43</v>
      </c>
      <c r="AC7525" s="5" t="s">
        <v>44</v>
      </c>
      <c r="AD7525" s="2"/>
      <c r="AE7525" s="1"/>
    </row>
    <row r="7526" spans="1:31" ht="14.45">
      <c r="A7526" s="11"/>
      <c r="B7526" s="20"/>
      <c r="C7526" s="2" t="s">
        <v>23050</v>
      </c>
      <c r="D7526" s="14" t="s">
        <v>23051</v>
      </c>
      <c r="E7526" s="2" t="s">
        <v>23052</v>
      </c>
      <c r="F7526" s="2" t="s">
        <v>7559</v>
      </c>
      <c r="G7526" s="8">
        <v>291</v>
      </c>
      <c r="H7526" s="5">
        <v>6</v>
      </c>
      <c r="I7526" s="5" t="s">
        <v>1518</v>
      </c>
      <c r="J7526" s="5" t="s">
        <v>1519</v>
      </c>
      <c r="K7526" s="2" t="s">
        <v>1520</v>
      </c>
      <c r="L7526" s="5" t="s">
        <v>1519</v>
      </c>
      <c r="M7526" s="2" t="s">
        <v>1520</v>
      </c>
      <c r="N7526" s="5" t="s">
        <v>1521</v>
      </c>
      <c r="O7526" s="5" t="s">
        <v>38</v>
      </c>
      <c r="P7526" s="5" t="s">
        <v>39</v>
      </c>
      <c r="Q7526" s="5" t="s">
        <v>40</v>
      </c>
      <c r="R7526" s="5" t="s">
        <v>1522</v>
      </c>
      <c r="S7526" s="5" t="s">
        <v>1523</v>
      </c>
      <c r="T7526" s="5" t="s">
        <v>42</v>
      </c>
      <c r="U7526" s="2">
        <v>3.4169999999999998</v>
      </c>
      <c r="V7526" s="2">
        <v>2.8279999999999998</v>
      </c>
      <c r="W7526" s="2">
        <v>1.7999999999999999E-2</v>
      </c>
      <c r="X7526" s="2">
        <v>139.1</v>
      </c>
      <c r="Y7526" s="2">
        <v>7.6</v>
      </c>
      <c r="Z7526" s="2">
        <v>16.7</v>
      </c>
      <c r="AA7526" s="5"/>
      <c r="AB7526" s="5" t="s">
        <v>43</v>
      </c>
      <c r="AC7526" s="5" t="s">
        <v>44</v>
      </c>
      <c r="AD7526" s="2"/>
      <c r="AE7526" s="1"/>
    </row>
    <row r="7527" spans="1:31" ht="14.45">
      <c r="A7527" s="11"/>
      <c r="B7527" s="20"/>
      <c r="C7527" s="2" t="s">
        <v>23053</v>
      </c>
      <c r="D7527" s="14" t="s">
        <v>23054</v>
      </c>
      <c r="E7527" s="2" t="s">
        <v>23055</v>
      </c>
      <c r="F7527" s="2" t="s">
        <v>7563</v>
      </c>
      <c r="G7527" s="8">
        <v>291</v>
      </c>
      <c r="H7527" s="5">
        <v>6</v>
      </c>
      <c r="I7527" s="5" t="s">
        <v>1518</v>
      </c>
      <c r="J7527" s="5" t="s">
        <v>1519</v>
      </c>
      <c r="K7527" s="2" t="s">
        <v>1520</v>
      </c>
      <c r="L7527" s="5" t="s">
        <v>1519</v>
      </c>
      <c r="M7527" s="2" t="s">
        <v>1520</v>
      </c>
      <c r="N7527" s="5" t="s">
        <v>1521</v>
      </c>
      <c r="O7527" s="5" t="s">
        <v>38</v>
      </c>
      <c r="P7527" s="5" t="s">
        <v>39</v>
      </c>
      <c r="Q7527" s="5" t="s">
        <v>40</v>
      </c>
      <c r="R7527" s="5" t="s">
        <v>1522</v>
      </c>
      <c r="S7527" s="5" t="s">
        <v>1523</v>
      </c>
      <c r="T7527" s="5" t="s">
        <v>42</v>
      </c>
      <c r="U7527" s="2">
        <v>3.3490000000000002</v>
      </c>
      <c r="V7527" s="2">
        <v>2.76</v>
      </c>
      <c r="W7527" s="2">
        <v>1.7999999999999999E-2</v>
      </c>
      <c r="X7527" s="2">
        <v>139.1</v>
      </c>
      <c r="Y7527" s="2">
        <v>7.6</v>
      </c>
      <c r="Z7527" s="2">
        <v>16.7</v>
      </c>
      <c r="AA7527" s="5"/>
      <c r="AB7527" s="5" t="s">
        <v>43</v>
      </c>
      <c r="AC7527" s="5" t="s">
        <v>44</v>
      </c>
      <c r="AD7527" s="2"/>
      <c r="AE7527" s="1"/>
    </row>
    <row r="7528" spans="1:31" ht="14.45">
      <c r="A7528" s="11"/>
      <c r="B7528" s="20"/>
      <c r="C7528" s="2" t="s">
        <v>23056</v>
      </c>
      <c r="D7528" s="14" t="s">
        <v>23057</v>
      </c>
      <c r="E7528" s="2" t="s">
        <v>23058</v>
      </c>
      <c r="F7528" s="2" t="s">
        <v>7567</v>
      </c>
      <c r="G7528" s="8">
        <v>291</v>
      </c>
      <c r="H7528" s="5">
        <v>6</v>
      </c>
      <c r="I7528" s="5" t="s">
        <v>1518</v>
      </c>
      <c r="J7528" s="5" t="s">
        <v>1519</v>
      </c>
      <c r="K7528" s="2" t="s">
        <v>1520</v>
      </c>
      <c r="L7528" s="5" t="s">
        <v>1519</v>
      </c>
      <c r="M7528" s="2" t="s">
        <v>1520</v>
      </c>
      <c r="N7528" s="5" t="s">
        <v>1521</v>
      </c>
      <c r="O7528" s="5" t="s">
        <v>38</v>
      </c>
      <c r="P7528" s="5" t="s">
        <v>39</v>
      </c>
      <c r="Q7528" s="5" t="s">
        <v>40</v>
      </c>
      <c r="R7528" s="5" t="s">
        <v>1522</v>
      </c>
      <c r="S7528" s="5" t="s">
        <v>1523</v>
      </c>
      <c r="T7528" s="5" t="s">
        <v>42</v>
      </c>
      <c r="U7528" s="2">
        <v>3.4449999999999998</v>
      </c>
      <c r="V7528" s="2">
        <v>2.8559999999999999</v>
      </c>
      <c r="W7528" s="2">
        <v>1.7999999999999999E-2</v>
      </c>
      <c r="X7528" s="2">
        <v>139.1</v>
      </c>
      <c r="Y7528" s="2">
        <v>7.6</v>
      </c>
      <c r="Z7528" s="2">
        <v>16.7</v>
      </c>
      <c r="AA7528" s="5"/>
      <c r="AB7528" s="5" t="s">
        <v>43</v>
      </c>
      <c r="AC7528" s="5" t="s">
        <v>44</v>
      </c>
      <c r="AD7528" s="2"/>
      <c r="AE7528" s="1"/>
    </row>
    <row r="7529" spans="1:31" ht="14.45">
      <c r="A7529" s="11"/>
      <c r="B7529" s="20"/>
      <c r="C7529" s="2" t="s">
        <v>23059</v>
      </c>
      <c r="D7529" s="14" t="s">
        <v>23060</v>
      </c>
      <c r="E7529" s="2" t="s">
        <v>23061</v>
      </c>
      <c r="F7529" s="2" t="s">
        <v>16079</v>
      </c>
      <c r="G7529" s="8">
        <v>291</v>
      </c>
      <c r="H7529" s="5">
        <v>6</v>
      </c>
      <c r="I7529" s="5" t="s">
        <v>1518</v>
      </c>
      <c r="J7529" s="5" t="s">
        <v>1519</v>
      </c>
      <c r="K7529" s="2" t="s">
        <v>1520</v>
      </c>
      <c r="L7529" s="5" t="s">
        <v>1519</v>
      </c>
      <c r="M7529" s="2" t="s">
        <v>1520</v>
      </c>
      <c r="N7529" s="5" t="s">
        <v>1521</v>
      </c>
      <c r="O7529" s="5" t="s">
        <v>38</v>
      </c>
      <c r="P7529" s="5" t="s">
        <v>39</v>
      </c>
      <c r="Q7529" s="5" t="s">
        <v>40</v>
      </c>
      <c r="R7529" s="5" t="s">
        <v>1522</v>
      </c>
      <c r="S7529" s="5" t="s">
        <v>1523</v>
      </c>
      <c r="T7529" s="5" t="s">
        <v>42</v>
      </c>
      <c r="U7529" s="2">
        <v>3.3490000000000002</v>
      </c>
      <c r="V7529" s="2">
        <v>2.76</v>
      </c>
      <c r="W7529" s="2">
        <v>1.7999999999999999E-2</v>
      </c>
      <c r="X7529" s="2">
        <v>139.1</v>
      </c>
      <c r="Y7529" s="2">
        <v>7.6</v>
      </c>
      <c r="Z7529" s="2">
        <v>16.7</v>
      </c>
      <c r="AA7529" s="5"/>
      <c r="AB7529" s="5" t="s">
        <v>43</v>
      </c>
      <c r="AC7529" s="5" t="s">
        <v>44</v>
      </c>
      <c r="AD7529" s="2"/>
      <c r="AE7529" s="1"/>
    </row>
    <row r="7530" spans="1:31" ht="14.45">
      <c r="A7530" s="11"/>
      <c r="B7530" s="20"/>
      <c r="C7530" s="2" t="s">
        <v>23062</v>
      </c>
      <c r="D7530" s="14" t="s">
        <v>23063</v>
      </c>
      <c r="E7530" s="2" t="s">
        <v>23064</v>
      </c>
      <c r="F7530" s="2" t="s">
        <v>16194</v>
      </c>
      <c r="G7530" s="8">
        <v>291</v>
      </c>
      <c r="H7530" s="5">
        <v>6</v>
      </c>
      <c r="I7530" s="5" t="s">
        <v>1518</v>
      </c>
      <c r="J7530" s="5" t="s">
        <v>1519</v>
      </c>
      <c r="K7530" s="2" t="s">
        <v>1520</v>
      </c>
      <c r="L7530" s="5" t="s">
        <v>1519</v>
      </c>
      <c r="M7530" s="2" t="s">
        <v>1520</v>
      </c>
      <c r="N7530" s="5" t="s">
        <v>1521</v>
      </c>
      <c r="O7530" s="5" t="s">
        <v>38</v>
      </c>
      <c r="P7530" s="5" t="s">
        <v>39</v>
      </c>
      <c r="Q7530" s="5" t="s">
        <v>40</v>
      </c>
      <c r="R7530" s="5" t="s">
        <v>1522</v>
      </c>
      <c r="S7530" s="5" t="s">
        <v>1523</v>
      </c>
      <c r="T7530" s="5" t="s">
        <v>42</v>
      </c>
      <c r="U7530" s="2">
        <v>3.4449999999999998</v>
      </c>
      <c r="V7530" s="2">
        <v>2.8559999999999999</v>
      </c>
      <c r="W7530" s="2">
        <v>1.7999999999999999E-2</v>
      </c>
      <c r="X7530" s="2">
        <v>139.1</v>
      </c>
      <c r="Y7530" s="2">
        <v>7.6</v>
      </c>
      <c r="Z7530" s="2">
        <v>16.7</v>
      </c>
      <c r="AA7530" s="5"/>
      <c r="AB7530" s="5" t="s">
        <v>43</v>
      </c>
      <c r="AC7530" s="5" t="s">
        <v>44</v>
      </c>
      <c r="AD7530" s="2"/>
      <c r="AE7530" s="1"/>
    </row>
    <row r="7531" spans="1:31" ht="14.45">
      <c r="A7531" s="11"/>
      <c r="B7531" s="20"/>
      <c r="C7531" s="2" t="s">
        <v>23065</v>
      </c>
      <c r="D7531" s="14" t="s">
        <v>23066</v>
      </c>
      <c r="E7531" s="2" t="s">
        <v>23067</v>
      </c>
      <c r="F7531" s="2" t="s">
        <v>7449</v>
      </c>
      <c r="G7531" s="8">
        <v>291</v>
      </c>
      <c r="H7531" s="5">
        <v>6</v>
      </c>
      <c r="I7531" s="5" t="s">
        <v>1518</v>
      </c>
      <c r="J7531" s="5" t="s">
        <v>1519</v>
      </c>
      <c r="K7531" s="2" t="s">
        <v>1520</v>
      </c>
      <c r="L7531" s="5" t="s">
        <v>1519</v>
      </c>
      <c r="M7531" s="2" t="s">
        <v>1520</v>
      </c>
      <c r="N7531" s="5" t="s">
        <v>1521</v>
      </c>
      <c r="O7531" s="5" t="s">
        <v>38</v>
      </c>
      <c r="P7531" s="5" t="s">
        <v>39</v>
      </c>
      <c r="Q7531" s="5" t="s">
        <v>40</v>
      </c>
      <c r="R7531" s="5" t="s">
        <v>1522</v>
      </c>
      <c r="S7531" s="5" t="s">
        <v>1523</v>
      </c>
      <c r="T7531" s="5" t="s">
        <v>42</v>
      </c>
      <c r="U7531" s="2">
        <v>3.3490000000000002</v>
      </c>
      <c r="V7531" s="2">
        <v>2.76</v>
      </c>
      <c r="W7531" s="2">
        <v>1.7999999999999999E-2</v>
      </c>
      <c r="X7531" s="2">
        <v>139.1</v>
      </c>
      <c r="Y7531" s="2">
        <v>7.6</v>
      </c>
      <c r="Z7531" s="2">
        <v>16.7</v>
      </c>
      <c r="AA7531" s="5"/>
      <c r="AB7531" s="5" t="s">
        <v>43</v>
      </c>
      <c r="AC7531" s="5" t="s">
        <v>44</v>
      </c>
      <c r="AD7531" s="2"/>
      <c r="AE7531" s="1"/>
    </row>
    <row r="7532" spans="1:31" ht="14.45">
      <c r="A7532" s="11"/>
      <c r="B7532" s="20"/>
      <c r="C7532" s="2" t="s">
        <v>23068</v>
      </c>
      <c r="D7532" s="14" t="s">
        <v>23069</v>
      </c>
      <c r="E7532" s="2" t="s">
        <v>23070</v>
      </c>
      <c r="F7532" s="2" t="s">
        <v>7581</v>
      </c>
      <c r="G7532" s="8">
        <v>291</v>
      </c>
      <c r="H7532" s="5">
        <v>6</v>
      </c>
      <c r="I7532" s="5" t="s">
        <v>1518</v>
      </c>
      <c r="J7532" s="5" t="s">
        <v>1519</v>
      </c>
      <c r="K7532" s="2" t="s">
        <v>1520</v>
      </c>
      <c r="L7532" s="5" t="s">
        <v>1519</v>
      </c>
      <c r="M7532" s="2" t="s">
        <v>1520</v>
      </c>
      <c r="N7532" s="5" t="s">
        <v>1521</v>
      </c>
      <c r="O7532" s="5" t="s">
        <v>38</v>
      </c>
      <c r="P7532" s="5" t="s">
        <v>39</v>
      </c>
      <c r="Q7532" s="5" t="s">
        <v>40</v>
      </c>
      <c r="R7532" s="5" t="s">
        <v>1522</v>
      </c>
      <c r="S7532" s="5" t="s">
        <v>1523</v>
      </c>
      <c r="T7532" s="5" t="s">
        <v>42</v>
      </c>
      <c r="U7532" s="2">
        <v>3.4449999999999998</v>
      </c>
      <c r="V7532" s="2">
        <v>2.8559999999999999</v>
      </c>
      <c r="W7532" s="2">
        <v>1.7999999999999999E-2</v>
      </c>
      <c r="X7532" s="2">
        <v>139.1</v>
      </c>
      <c r="Y7532" s="2">
        <v>7.6</v>
      </c>
      <c r="Z7532" s="2">
        <v>16.7</v>
      </c>
      <c r="AA7532" s="5"/>
      <c r="AB7532" s="5" t="s">
        <v>43</v>
      </c>
      <c r="AC7532" s="5" t="s">
        <v>44</v>
      </c>
      <c r="AD7532" s="2"/>
      <c r="AE7532" s="1"/>
    </row>
    <row r="7533" spans="1:31" ht="14.45">
      <c r="A7533" s="11"/>
      <c r="B7533" s="20"/>
      <c r="C7533" s="2" t="s">
        <v>23071</v>
      </c>
      <c r="D7533" s="14" t="s">
        <v>23072</v>
      </c>
      <c r="E7533" s="2" t="s">
        <v>23073</v>
      </c>
      <c r="F7533" s="2" t="s">
        <v>7585</v>
      </c>
      <c r="G7533" s="8">
        <v>291</v>
      </c>
      <c r="H7533" s="5">
        <v>6</v>
      </c>
      <c r="I7533" s="5" t="s">
        <v>1518</v>
      </c>
      <c r="J7533" s="5" t="s">
        <v>1519</v>
      </c>
      <c r="K7533" s="2" t="s">
        <v>1520</v>
      </c>
      <c r="L7533" s="5" t="s">
        <v>1519</v>
      </c>
      <c r="M7533" s="2" t="s">
        <v>1520</v>
      </c>
      <c r="N7533" s="5" t="s">
        <v>1521</v>
      </c>
      <c r="O7533" s="5" t="s">
        <v>38</v>
      </c>
      <c r="P7533" s="5" t="s">
        <v>39</v>
      </c>
      <c r="Q7533" s="5" t="s">
        <v>40</v>
      </c>
      <c r="R7533" s="5" t="s">
        <v>1522</v>
      </c>
      <c r="S7533" s="5" t="s">
        <v>1523</v>
      </c>
      <c r="T7533" s="5" t="s">
        <v>42</v>
      </c>
      <c r="U7533" s="2">
        <v>3.3210000000000002</v>
      </c>
      <c r="V7533" s="2">
        <v>2.7320000000000002</v>
      </c>
      <c r="W7533" s="2">
        <v>1.7999999999999999E-2</v>
      </c>
      <c r="X7533" s="2">
        <v>139.1</v>
      </c>
      <c r="Y7533" s="2">
        <v>7.6</v>
      </c>
      <c r="Z7533" s="2">
        <v>16.7</v>
      </c>
      <c r="AA7533" s="5"/>
      <c r="AB7533" s="5" t="s">
        <v>43</v>
      </c>
      <c r="AC7533" s="5" t="s">
        <v>44</v>
      </c>
      <c r="AD7533" s="2"/>
      <c r="AE7533" s="1"/>
    </row>
    <row r="7534" spans="1:31" ht="14.45">
      <c r="A7534" s="11"/>
      <c r="B7534" s="20"/>
      <c r="C7534" s="2" t="s">
        <v>23074</v>
      </c>
      <c r="D7534" s="14" t="s">
        <v>23075</v>
      </c>
      <c r="E7534" s="2" t="s">
        <v>23076</v>
      </c>
      <c r="F7534" s="2" t="s">
        <v>7589</v>
      </c>
      <c r="G7534" s="8">
        <v>291</v>
      </c>
      <c r="H7534" s="5">
        <v>6</v>
      </c>
      <c r="I7534" s="5" t="s">
        <v>1518</v>
      </c>
      <c r="J7534" s="5" t="s">
        <v>1519</v>
      </c>
      <c r="K7534" s="2" t="s">
        <v>1520</v>
      </c>
      <c r="L7534" s="5" t="s">
        <v>1519</v>
      </c>
      <c r="M7534" s="2" t="s">
        <v>1520</v>
      </c>
      <c r="N7534" s="5" t="s">
        <v>1521</v>
      </c>
      <c r="O7534" s="5" t="s">
        <v>38</v>
      </c>
      <c r="P7534" s="5" t="s">
        <v>39</v>
      </c>
      <c r="Q7534" s="5" t="s">
        <v>40</v>
      </c>
      <c r="R7534" s="5" t="s">
        <v>1522</v>
      </c>
      <c r="S7534" s="5" t="s">
        <v>1523</v>
      </c>
      <c r="T7534" s="5" t="s">
        <v>42</v>
      </c>
      <c r="U7534" s="2">
        <v>3.4169999999999998</v>
      </c>
      <c r="V7534" s="2">
        <v>2.8279999999999998</v>
      </c>
      <c r="W7534" s="2">
        <v>1.7999999999999999E-2</v>
      </c>
      <c r="X7534" s="2">
        <v>139.1</v>
      </c>
      <c r="Y7534" s="2">
        <v>7.6</v>
      </c>
      <c r="Z7534" s="2">
        <v>16.7</v>
      </c>
      <c r="AA7534" s="5"/>
      <c r="AB7534" s="5" t="s">
        <v>43</v>
      </c>
      <c r="AC7534" s="5" t="s">
        <v>44</v>
      </c>
      <c r="AD7534" s="2"/>
      <c r="AE7534" s="1"/>
    </row>
    <row r="7535" spans="1:31" ht="14.45">
      <c r="A7535" s="11"/>
      <c r="B7535" s="20"/>
      <c r="C7535" s="2" t="s">
        <v>23077</v>
      </c>
      <c r="D7535" s="14" t="s">
        <v>23078</v>
      </c>
      <c r="E7535" s="2" t="s">
        <v>23079</v>
      </c>
      <c r="F7535" s="2" t="s">
        <v>7593</v>
      </c>
      <c r="G7535" s="8">
        <v>291</v>
      </c>
      <c r="H7535" s="5">
        <v>6</v>
      </c>
      <c r="I7535" s="5" t="s">
        <v>1518</v>
      </c>
      <c r="J7535" s="5" t="s">
        <v>1519</v>
      </c>
      <c r="K7535" s="2" t="s">
        <v>1520</v>
      </c>
      <c r="L7535" s="5" t="s">
        <v>1519</v>
      </c>
      <c r="M7535" s="2" t="s">
        <v>1520</v>
      </c>
      <c r="N7535" s="5" t="s">
        <v>1521</v>
      </c>
      <c r="O7535" s="5" t="s">
        <v>38</v>
      </c>
      <c r="P7535" s="5" t="s">
        <v>39</v>
      </c>
      <c r="Q7535" s="5" t="s">
        <v>40</v>
      </c>
      <c r="R7535" s="5" t="s">
        <v>1522</v>
      </c>
      <c r="S7535" s="5" t="s">
        <v>1523</v>
      </c>
      <c r="T7535" s="5" t="s">
        <v>42</v>
      </c>
      <c r="U7535" s="2">
        <v>3.3490000000000002</v>
      </c>
      <c r="V7535" s="2">
        <v>2.76</v>
      </c>
      <c r="W7535" s="2">
        <v>1.7999999999999999E-2</v>
      </c>
      <c r="X7535" s="2">
        <v>139.1</v>
      </c>
      <c r="Y7535" s="2">
        <v>7.6</v>
      </c>
      <c r="Z7535" s="2">
        <v>16.7</v>
      </c>
      <c r="AA7535" s="5"/>
      <c r="AB7535" s="5" t="s">
        <v>43</v>
      </c>
      <c r="AC7535" s="5" t="s">
        <v>44</v>
      </c>
      <c r="AD7535" s="2"/>
      <c r="AE7535" s="1"/>
    </row>
    <row r="7536" spans="1:31" ht="14.45">
      <c r="A7536" s="11"/>
      <c r="B7536" s="20"/>
      <c r="C7536" s="2" t="s">
        <v>23080</v>
      </c>
      <c r="D7536" s="14" t="s">
        <v>23081</v>
      </c>
      <c r="E7536" s="2" t="s">
        <v>23082</v>
      </c>
      <c r="F7536" s="2" t="s">
        <v>7597</v>
      </c>
      <c r="G7536" s="8">
        <v>291</v>
      </c>
      <c r="H7536" s="5">
        <v>6</v>
      </c>
      <c r="I7536" s="5" t="s">
        <v>1518</v>
      </c>
      <c r="J7536" s="5" t="s">
        <v>1519</v>
      </c>
      <c r="K7536" s="2" t="s">
        <v>1520</v>
      </c>
      <c r="L7536" s="5" t="s">
        <v>1519</v>
      </c>
      <c r="M7536" s="2" t="s">
        <v>1520</v>
      </c>
      <c r="N7536" s="5" t="s">
        <v>1521</v>
      </c>
      <c r="O7536" s="5" t="s">
        <v>38</v>
      </c>
      <c r="P7536" s="5" t="s">
        <v>39</v>
      </c>
      <c r="Q7536" s="5" t="s">
        <v>40</v>
      </c>
      <c r="R7536" s="5" t="s">
        <v>1522</v>
      </c>
      <c r="S7536" s="5" t="s">
        <v>1523</v>
      </c>
      <c r="T7536" s="5" t="s">
        <v>42</v>
      </c>
      <c r="U7536" s="2">
        <v>3.4449999999999998</v>
      </c>
      <c r="V7536" s="2">
        <v>2.8559999999999999</v>
      </c>
      <c r="W7536" s="2">
        <v>1.7999999999999999E-2</v>
      </c>
      <c r="X7536" s="2">
        <v>139.1</v>
      </c>
      <c r="Y7536" s="2">
        <v>7.6</v>
      </c>
      <c r="Z7536" s="2">
        <v>16.7</v>
      </c>
      <c r="AA7536" s="5"/>
      <c r="AB7536" s="5" t="s">
        <v>43</v>
      </c>
      <c r="AC7536" s="5" t="s">
        <v>44</v>
      </c>
      <c r="AD7536" s="2"/>
      <c r="AE7536" s="1"/>
    </row>
    <row r="7537" spans="1:31" ht="14.45">
      <c r="A7537" s="11"/>
      <c r="B7537" s="20"/>
      <c r="C7537" s="2" t="s">
        <v>23083</v>
      </c>
      <c r="D7537" s="14" t="s">
        <v>23084</v>
      </c>
      <c r="E7537" s="2" t="s">
        <v>23085</v>
      </c>
      <c r="F7537" s="2" t="s">
        <v>16014</v>
      </c>
      <c r="G7537" s="8">
        <v>291</v>
      </c>
      <c r="H7537" s="5">
        <v>6</v>
      </c>
      <c r="I7537" s="5" t="s">
        <v>1518</v>
      </c>
      <c r="J7537" s="5" t="s">
        <v>1519</v>
      </c>
      <c r="K7537" s="2" t="s">
        <v>1520</v>
      </c>
      <c r="L7537" s="5" t="s">
        <v>1519</v>
      </c>
      <c r="M7537" s="2" t="s">
        <v>1520</v>
      </c>
      <c r="N7537" s="5" t="s">
        <v>1521</v>
      </c>
      <c r="O7537" s="5" t="s">
        <v>38</v>
      </c>
      <c r="P7537" s="5" t="s">
        <v>39</v>
      </c>
      <c r="Q7537" s="5" t="s">
        <v>40</v>
      </c>
      <c r="R7537" s="5" t="s">
        <v>1522</v>
      </c>
      <c r="S7537" s="5" t="s">
        <v>1523</v>
      </c>
      <c r="T7537" s="5" t="s">
        <v>42</v>
      </c>
      <c r="U7537" s="2">
        <v>3.3490000000000002</v>
      </c>
      <c r="V7537" s="2">
        <v>2.76</v>
      </c>
      <c r="W7537" s="2">
        <v>1.7999999999999999E-2</v>
      </c>
      <c r="X7537" s="2">
        <v>139.1</v>
      </c>
      <c r="Y7537" s="2">
        <v>7.6</v>
      </c>
      <c r="Z7537" s="2">
        <v>16.7</v>
      </c>
      <c r="AA7537" s="5"/>
      <c r="AB7537" s="5" t="s">
        <v>43</v>
      </c>
      <c r="AC7537" s="5" t="s">
        <v>44</v>
      </c>
      <c r="AD7537" s="2"/>
      <c r="AE7537" s="1"/>
    </row>
    <row r="7538" spans="1:31" ht="14.45">
      <c r="A7538" s="11"/>
      <c r="B7538" s="20"/>
      <c r="C7538" s="2" t="s">
        <v>23086</v>
      </c>
      <c r="D7538" s="14" t="s">
        <v>23087</v>
      </c>
      <c r="E7538" s="2" t="s">
        <v>23088</v>
      </c>
      <c r="F7538" s="2" t="s">
        <v>16219</v>
      </c>
      <c r="G7538" s="8">
        <v>291</v>
      </c>
      <c r="H7538" s="5">
        <v>6</v>
      </c>
      <c r="I7538" s="5" t="s">
        <v>1518</v>
      </c>
      <c r="J7538" s="5" t="s">
        <v>1519</v>
      </c>
      <c r="K7538" s="2" t="s">
        <v>1520</v>
      </c>
      <c r="L7538" s="5" t="s">
        <v>1519</v>
      </c>
      <c r="M7538" s="2" t="s">
        <v>1520</v>
      </c>
      <c r="N7538" s="5" t="s">
        <v>1521</v>
      </c>
      <c r="O7538" s="5" t="s">
        <v>38</v>
      </c>
      <c r="P7538" s="5" t="s">
        <v>39</v>
      </c>
      <c r="Q7538" s="5" t="s">
        <v>40</v>
      </c>
      <c r="R7538" s="5" t="s">
        <v>1522</v>
      </c>
      <c r="S7538" s="5" t="s">
        <v>1523</v>
      </c>
      <c r="T7538" s="5" t="s">
        <v>42</v>
      </c>
      <c r="U7538" s="2">
        <v>3.4449999999999998</v>
      </c>
      <c r="V7538" s="2">
        <v>2.8559999999999999</v>
      </c>
      <c r="W7538" s="2">
        <v>1.7999999999999999E-2</v>
      </c>
      <c r="X7538" s="2">
        <v>139.1</v>
      </c>
      <c r="Y7538" s="2">
        <v>7.6</v>
      </c>
      <c r="Z7538" s="2">
        <v>16.7</v>
      </c>
      <c r="AA7538" s="5"/>
      <c r="AB7538" s="5" t="s">
        <v>43</v>
      </c>
      <c r="AC7538" s="5" t="s">
        <v>44</v>
      </c>
      <c r="AD7538" s="2"/>
      <c r="AE7538" s="1"/>
    </row>
    <row r="7539" spans="1:31" ht="14.45">
      <c r="A7539" s="11"/>
      <c r="B7539" s="20"/>
      <c r="C7539" s="2" t="s">
        <v>23089</v>
      </c>
      <c r="D7539" s="14" t="s">
        <v>23090</v>
      </c>
      <c r="E7539" s="2" t="s">
        <v>23091</v>
      </c>
      <c r="F7539" s="2" t="s">
        <v>16018</v>
      </c>
      <c r="G7539" s="8">
        <v>291</v>
      </c>
      <c r="H7539" s="5">
        <v>6</v>
      </c>
      <c r="I7539" s="5" t="s">
        <v>1518</v>
      </c>
      <c r="J7539" s="5" t="s">
        <v>1519</v>
      </c>
      <c r="K7539" s="2" t="s">
        <v>1520</v>
      </c>
      <c r="L7539" s="5" t="s">
        <v>1519</v>
      </c>
      <c r="M7539" s="2" t="s">
        <v>1520</v>
      </c>
      <c r="N7539" s="5" t="s">
        <v>1521</v>
      </c>
      <c r="O7539" s="5" t="s">
        <v>38</v>
      </c>
      <c r="P7539" s="5" t="s">
        <v>39</v>
      </c>
      <c r="Q7539" s="5" t="s">
        <v>40</v>
      </c>
      <c r="R7539" s="5" t="s">
        <v>1522</v>
      </c>
      <c r="S7539" s="5" t="s">
        <v>1523</v>
      </c>
      <c r="T7539" s="5" t="s">
        <v>42</v>
      </c>
      <c r="U7539" s="2">
        <v>3.3490000000000002</v>
      </c>
      <c r="V7539" s="2">
        <v>2.76</v>
      </c>
      <c r="W7539" s="2">
        <v>1.7999999999999999E-2</v>
      </c>
      <c r="X7539" s="2">
        <v>139.1</v>
      </c>
      <c r="Y7539" s="2">
        <v>7.6</v>
      </c>
      <c r="Z7539" s="2">
        <v>16.7</v>
      </c>
      <c r="AA7539" s="5"/>
      <c r="AB7539" s="5" t="s">
        <v>43</v>
      </c>
      <c r="AC7539" s="5" t="s">
        <v>44</v>
      </c>
      <c r="AD7539" s="2"/>
      <c r="AE7539" s="1"/>
    </row>
    <row r="7540" spans="1:31" ht="14.45">
      <c r="A7540" s="11"/>
      <c r="B7540" s="20"/>
      <c r="C7540" s="2" t="s">
        <v>23092</v>
      </c>
      <c r="D7540" s="14" t="s">
        <v>23093</v>
      </c>
      <c r="E7540" s="2" t="s">
        <v>23094</v>
      </c>
      <c r="F7540" s="2" t="s">
        <v>16022</v>
      </c>
      <c r="G7540" s="8">
        <v>291</v>
      </c>
      <c r="H7540" s="5">
        <v>6</v>
      </c>
      <c r="I7540" s="5" t="s">
        <v>1518</v>
      </c>
      <c r="J7540" s="5" t="s">
        <v>1519</v>
      </c>
      <c r="K7540" s="2" t="s">
        <v>1520</v>
      </c>
      <c r="L7540" s="5" t="s">
        <v>1519</v>
      </c>
      <c r="M7540" s="2" t="s">
        <v>1520</v>
      </c>
      <c r="N7540" s="5" t="s">
        <v>1521</v>
      </c>
      <c r="O7540" s="5" t="s">
        <v>38</v>
      </c>
      <c r="P7540" s="5" t="s">
        <v>39</v>
      </c>
      <c r="Q7540" s="5" t="s">
        <v>40</v>
      </c>
      <c r="R7540" s="5" t="s">
        <v>1522</v>
      </c>
      <c r="S7540" s="5" t="s">
        <v>1523</v>
      </c>
      <c r="T7540" s="5" t="s">
        <v>42</v>
      </c>
      <c r="U7540" s="2">
        <v>3.4449999999999998</v>
      </c>
      <c r="V7540" s="2">
        <v>2.8559999999999999</v>
      </c>
      <c r="W7540" s="2">
        <v>1.7999999999999999E-2</v>
      </c>
      <c r="X7540" s="2">
        <v>139.1</v>
      </c>
      <c r="Y7540" s="2">
        <v>7.6</v>
      </c>
      <c r="Z7540" s="2">
        <v>16.7</v>
      </c>
      <c r="AA7540" s="5"/>
      <c r="AB7540" s="5" t="s">
        <v>43</v>
      </c>
      <c r="AC7540" s="5" t="s">
        <v>44</v>
      </c>
      <c r="AD7540" s="2"/>
      <c r="AE7540" s="1"/>
    </row>
    <row r="7541" spans="1:31" ht="14.45">
      <c r="A7541" s="11"/>
      <c r="B7541" s="20"/>
      <c r="C7541" s="2" t="s">
        <v>23095</v>
      </c>
      <c r="D7541" s="14" t="s">
        <v>23096</v>
      </c>
      <c r="E7541" s="2" t="s">
        <v>23097</v>
      </c>
      <c r="F7541" s="2" t="s">
        <v>7615</v>
      </c>
      <c r="G7541" s="8">
        <v>291</v>
      </c>
      <c r="H7541" s="5">
        <v>6</v>
      </c>
      <c r="I7541" s="5" t="s">
        <v>1518</v>
      </c>
      <c r="J7541" s="5" t="s">
        <v>1519</v>
      </c>
      <c r="K7541" s="2" t="s">
        <v>1520</v>
      </c>
      <c r="L7541" s="5" t="s">
        <v>1519</v>
      </c>
      <c r="M7541" s="2" t="s">
        <v>1520</v>
      </c>
      <c r="N7541" s="5" t="s">
        <v>1521</v>
      </c>
      <c r="O7541" s="5" t="s">
        <v>38</v>
      </c>
      <c r="P7541" s="5" t="s">
        <v>39</v>
      </c>
      <c r="Q7541" s="5" t="s">
        <v>40</v>
      </c>
      <c r="R7541" s="5" t="s">
        <v>1522</v>
      </c>
      <c r="S7541" s="5" t="s">
        <v>1523</v>
      </c>
      <c r="T7541" s="5" t="s">
        <v>42</v>
      </c>
      <c r="U7541" s="2">
        <v>3.3210000000000002</v>
      </c>
      <c r="V7541" s="2">
        <v>2.7320000000000002</v>
      </c>
      <c r="W7541" s="2">
        <v>1.7999999999999999E-2</v>
      </c>
      <c r="X7541" s="2">
        <v>139.1</v>
      </c>
      <c r="Y7541" s="2">
        <v>7.6</v>
      </c>
      <c r="Z7541" s="2">
        <v>16.7</v>
      </c>
      <c r="AA7541" s="5"/>
      <c r="AB7541" s="5" t="s">
        <v>43</v>
      </c>
      <c r="AC7541" s="5" t="s">
        <v>44</v>
      </c>
      <c r="AD7541" s="2"/>
      <c r="AE7541" s="1"/>
    </row>
    <row r="7542" spans="1:31" ht="14.45">
      <c r="A7542" s="11"/>
      <c r="B7542" s="20"/>
      <c r="C7542" s="2" t="s">
        <v>23098</v>
      </c>
      <c r="D7542" s="14" t="s">
        <v>23099</v>
      </c>
      <c r="E7542" s="2" t="s">
        <v>23100</v>
      </c>
      <c r="F7542" s="2" t="s">
        <v>7619</v>
      </c>
      <c r="G7542" s="8">
        <v>291</v>
      </c>
      <c r="H7542" s="5">
        <v>6</v>
      </c>
      <c r="I7542" s="5" t="s">
        <v>1518</v>
      </c>
      <c r="J7542" s="5" t="s">
        <v>1519</v>
      </c>
      <c r="K7542" s="2" t="s">
        <v>1520</v>
      </c>
      <c r="L7542" s="5" t="s">
        <v>1519</v>
      </c>
      <c r="M7542" s="2" t="s">
        <v>1520</v>
      </c>
      <c r="N7542" s="5" t="s">
        <v>1521</v>
      </c>
      <c r="O7542" s="5" t="s">
        <v>38</v>
      </c>
      <c r="P7542" s="5" t="s">
        <v>39</v>
      </c>
      <c r="Q7542" s="5" t="s">
        <v>40</v>
      </c>
      <c r="R7542" s="5" t="s">
        <v>1522</v>
      </c>
      <c r="S7542" s="5" t="s">
        <v>1523</v>
      </c>
      <c r="T7542" s="5" t="s">
        <v>42</v>
      </c>
      <c r="U7542" s="2">
        <v>3.4169999999999998</v>
      </c>
      <c r="V7542" s="2">
        <v>2.8279999999999998</v>
      </c>
      <c r="W7542" s="2">
        <v>1.7999999999999999E-2</v>
      </c>
      <c r="X7542" s="2">
        <v>139.1</v>
      </c>
      <c r="Y7542" s="2">
        <v>7.6</v>
      </c>
      <c r="Z7542" s="2">
        <v>16.7</v>
      </c>
      <c r="AA7542" s="5"/>
      <c r="AB7542" s="5" t="s">
        <v>43</v>
      </c>
      <c r="AC7542" s="5" t="s">
        <v>44</v>
      </c>
      <c r="AD7542" s="2"/>
      <c r="AE7542" s="1"/>
    </row>
    <row r="7543" spans="1:31" ht="14.45">
      <c r="A7543" s="11"/>
      <c r="B7543" s="20"/>
      <c r="C7543" s="2" t="s">
        <v>23101</v>
      </c>
      <c r="D7543" s="14" t="s">
        <v>23102</v>
      </c>
      <c r="E7543" s="2" t="s">
        <v>23103</v>
      </c>
      <c r="F7543" s="2" t="s">
        <v>16029</v>
      </c>
      <c r="G7543" s="8">
        <v>291</v>
      </c>
      <c r="H7543" s="5">
        <v>11</v>
      </c>
      <c r="I7543" s="5" t="s">
        <v>1518</v>
      </c>
      <c r="J7543" s="5" t="s">
        <v>1519</v>
      </c>
      <c r="K7543" s="2" t="s">
        <v>1520</v>
      </c>
      <c r="L7543" s="5" t="s">
        <v>1519</v>
      </c>
      <c r="M7543" s="2" t="s">
        <v>1520</v>
      </c>
      <c r="N7543" s="5" t="s">
        <v>1521</v>
      </c>
      <c r="O7543" s="5" t="s">
        <v>38</v>
      </c>
      <c r="P7543" s="5" t="s">
        <v>39</v>
      </c>
      <c r="Q7543" s="5" t="s">
        <v>40</v>
      </c>
      <c r="R7543" s="5" t="s">
        <v>1522</v>
      </c>
      <c r="S7543" s="5" t="s">
        <v>1523</v>
      </c>
      <c r="T7543" s="5" t="s">
        <v>42</v>
      </c>
      <c r="U7543" s="2">
        <v>3.35</v>
      </c>
      <c r="V7543" s="2">
        <v>2.7610000000000001</v>
      </c>
      <c r="W7543" s="2">
        <v>1.7999999999999999E-2</v>
      </c>
      <c r="X7543" s="2">
        <v>139.1</v>
      </c>
      <c r="Y7543" s="2">
        <v>7.6</v>
      </c>
      <c r="Z7543" s="2">
        <v>16.7</v>
      </c>
      <c r="AA7543" s="5"/>
      <c r="AB7543" s="5" t="s">
        <v>43</v>
      </c>
      <c r="AC7543" s="5" t="s">
        <v>44</v>
      </c>
      <c r="AD7543" s="2"/>
      <c r="AE7543" s="1"/>
    </row>
    <row r="7544" spans="1:31" ht="14.45">
      <c r="A7544" s="11"/>
      <c r="B7544" s="20"/>
      <c r="C7544" s="2" t="s">
        <v>23104</v>
      </c>
      <c r="D7544" s="14" t="s">
        <v>23105</v>
      </c>
      <c r="E7544" s="2" t="s">
        <v>23106</v>
      </c>
      <c r="F7544" s="2" t="s">
        <v>16033</v>
      </c>
      <c r="G7544" s="8">
        <v>291</v>
      </c>
      <c r="H7544" s="5">
        <v>11</v>
      </c>
      <c r="I7544" s="5" t="s">
        <v>1518</v>
      </c>
      <c r="J7544" s="5" t="s">
        <v>1519</v>
      </c>
      <c r="K7544" s="2" t="s">
        <v>1520</v>
      </c>
      <c r="L7544" s="5" t="s">
        <v>1519</v>
      </c>
      <c r="M7544" s="2" t="s">
        <v>1520</v>
      </c>
      <c r="N7544" s="5" t="s">
        <v>1521</v>
      </c>
      <c r="O7544" s="5" t="s">
        <v>38</v>
      </c>
      <c r="P7544" s="5" t="s">
        <v>39</v>
      </c>
      <c r="Q7544" s="5" t="s">
        <v>40</v>
      </c>
      <c r="R7544" s="5" t="s">
        <v>1522</v>
      </c>
      <c r="S7544" s="5" t="s">
        <v>1523</v>
      </c>
      <c r="T7544" s="5" t="s">
        <v>42</v>
      </c>
      <c r="U7544" s="2">
        <v>3.4460000000000002</v>
      </c>
      <c r="V7544" s="2">
        <v>2.8570000000000002</v>
      </c>
      <c r="W7544" s="2">
        <v>1.7999999999999999E-2</v>
      </c>
      <c r="X7544" s="2">
        <v>139.1</v>
      </c>
      <c r="Y7544" s="2">
        <v>7.6</v>
      </c>
      <c r="Z7544" s="2">
        <v>16.7</v>
      </c>
      <c r="AA7544" s="5"/>
      <c r="AB7544" s="5" t="s">
        <v>43</v>
      </c>
      <c r="AC7544" s="5" t="s">
        <v>44</v>
      </c>
      <c r="AD7544" s="2"/>
      <c r="AE7544" s="1"/>
    </row>
    <row r="7545" spans="1:31" ht="14.45">
      <c r="A7545" s="11"/>
      <c r="B7545" s="20"/>
      <c r="C7545" s="2" t="s">
        <v>23107</v>
      </c>
      <c r="D7545" s="14" t="s">
        <v>23108</v>
      </c>
      <c r="E7545" s="2" t="s">
        <v>23109</v>
      </c>
      <c r="F7545" s="2" t="s">
        <v>7396</v>
      </c>
      <c r="G7545" s="8">
        <v>278</v>
      </c>
      <c r="H7545" s="5">
        <v>6</v>
      </c>
      <c r="I7545" s="5" t="s">
        <v>1518</v>
      </c>
      <c r="J7545" s="5" t="s">
        <v>1519</v>
      </c>
      <c r="K7545" s="2" t="s">
        <v>1520</v>
      </c>
      <c r="L7545" s="5" t="s">
        <v>1519</v>
      </c>
      <c r="M7545" s="2" t="s">
        <v>1520</v>
      </c>
      <c r="N7545" s="5" t="s">
        <v>1521</v>
      </c>
      <c r="O7545" s="5" t="s">
        <v>38</v>
      </c>
      <c r="P7545" s="5" t="s">
        <v>39</v>
      </c>
      <c r="Q7545" s="5" t="s">
        <v>40</v>
      </c>
      <c r="R7545" s="5" t="s">
        <v>1522</v>
      </c>
      <c r="S7545" s="5" t="s">
        <v>1523</v>
      </c>
      <c r="T7545" s="5" t="s">
        <v>42</v>
      </c>
      <c r="U7545" s="2">
        <v>3.5190000000000001</v>
      </c>
      <c r="V7545" s="2">
        <v>2.9409999999999998</v>
      </c>
      <c r="W7545" s="2">
        <v>1.7999999999999999E-2</v>
      </c>
      <c r="X7545" s="2">
        <v>139.1</v>
      </c>
      <c r="Y7545" s="2">
        <v>7.6</v>
      </c>
      <c r="Z7545" s="2">
        <v>16.7</v>
      </c>
      <c r="AA7545" s="5"/>
      <c r="AB7545" s="5" t="s">
        <v>43</v>
      </c>
      <c r="AC7545" s="5" t="s">
        <v>44</v>
      </c>
      <c r="AD7545" s="2"/>
      <c r="AE7545" s="1"/>
    </row>
    <row r="7546" spans="1:31" ht="14.45">
      <c r="A7546" s="11"/>
      <c r="B7546" s="20"/>
      <c r="C7546" s="2" t="s">
        <v>23110</v>
      </c>
      <c r="D7546" s="14" t="s">
        <v>23111</v>
      </c>
      <c r="E7546" s="2" t="s">
        <v>23112</v>
      </c>
      <c r="F7546" s="2" t="s">
        <v>7507</v>
      </c>
      <c r="G7546" s="8">
        <v>278</v>
      </c>
      <c r="H7546" s="5">
        <v>6</v>
      </c>
      <c r="I7546" s="5" t="s">
        <v>1518</v>
      </c>
      <c r="J7546" s="5" t="s">
        <v>1519</v>
      </c>
      <c r="K7546" s="2" t="s">
        <v>1520</v>
      </c>
      <c r="L7546" s="5" t="s">
        <v>1519</v>
      </c>
      <c r="M7546" s="2" t="s">
        <v>1520</v>
      </c>
      <c r="N7546" s="5" t="s">
        <v>1521</v>
      </c>
      <c r="O7546" s="5" t="s">
        <v>38</v>
      </c>
      <c r="P7546" s="5" t="s">
        <v>39</v>
      </c>
      <c r="Q7546" s="5" t="s">
        <v>40</v>
      </c>
      <c r="R7546" s="5" t="s">
        <v>1522</v>
      </c>
      <c r="S7546" s="5" t="s">
        <v>1523</v>
      </c>
      <c r="T7546" s="5" t="s">
        <v>42</v>
      </c>
      <c r="U7546" s="2">
        <v>3.629</v>
      </c>
      <c r="V7546" s="2">
        <v>3.0510000000000002</v>
      </c>
      <c r="W7546" s="2">
        <v>1.7999999999999999E-2</v>
      </c>
      <c r="X7546" s="2">
        <v>139.1</v>
      </c>
      <c r="Y7546" s="2">
        <v>7.6</v>
      </c>
      <c r="Z7546" s="2">
        <v>16.7</v>
      </c>
      <c r="AA7546" s="5"/>
      <c r="AB7546" s="5" t="s">
        <v>43</v>
      </c>
      <c r="AC7546" s="5" t="s">
        <v>44</v>
      </c>
      <c r="AD7546" s="2"/>
      <c r="AE7546" s="1"/>
    </row>
    <row r="7547" spans="1:31" ht="14.45">
      <c r="A7547" s="11"/>
      <c r="B7547" s="20"/>
      <c r="C7547" s="2" t="s">
        <v>23113</v>
      </c>
      <c r="D7547" s="14" t="s">
        <v>23114</v>
      </c>
      <c r="E7547" s="2" t="s">
        <v>23115</v>
      </c>
      <c r="F7547" s="2" t="s">
        <v>7204</v>
      </c>
      <c r="G7547" s="8">
        <v>278</v>
      </c>
      <c r="H7547" s="5">
        <v>6</v>
      </c>
      <c r="I7547" s="5" t="s">
        <v>1518</v>
      </c>
      <c r="J7547" s="5" t="s">
        <v>1519</v>
      </c>
      <c r="K7547" s="2" t="s">
        <v>1520</v>
      </c>
      <c r="L7547" s="5" t="s">
        <v>1519</v>
      </c>
      <c r="M7547" s="2" t="s">
        <v>1520</v>
      </c>
      <c r="N7547" s="5" t="s">
        <v>1521</v>
      </c>
      <c r="O7547" s="5" t="s">
        <v>38</v>
      </c>
      <c r="P7547" s="5" t="s">
        <v>39</v>
      </c>
      <c r="Q7547" s="5" t="s">
        <v>40</v>
      </c>
      <c r="R7547" s="5" t="s">
        <v>1522</v>
      </c>
      <c r="S7547" s="5" t="s">
        <v>1523</v>
      </c>
      <c r="T7547" s="5" t="s">
        <v>42</v>
      </c>
      <c r="U7547" s="2">
        <v>3.53</v>
      </c>
      <c r="V7547" s="2">
        <v>2.952</v>
      </c>
      <c r="W7547" s="2">
        <v>1.7999999999999999E-2</v>
      </c>
      <c r="X7547" s="2">
        <v>139.1</v>
      </c>
      <c r="Y7547" s="2">
        <v>7.6</v>
      </c>
      <c r="Z7547" s="2">
        <v>16.7</v>
      </c>
      <c r="AA7547" s="5"/>
      <c r="AB7547" s="5" t="s">
        <v>43</v>
      </c>
      <c r="AC7547" s="5" t="s">
        <v>44</v>
      </c>
      <c r="AD7547" s="2"/>
      <c r="AE7547" s="1"/>
    </row>
    <row r="7548" spans="1:31" ht="14.45">
      <c r="A7548" s="11"/>
      <c r="B7548" s="20"/>
      <c r="C7548" s="2" t="s">
        <v>23116</v>
      </c>
      <c r="D7548" s="14" t="s">
        <v>23117</v>
      </c>
      <c r="E7548" s="2" t="s">
        <v>23118</v>
      </c>
      <c r="F7548" s="2" t="s">
        <v>7514</v>
      </c>
      <c r="G7548" s="8">
        <v>278</v>
      </c>
      <c r="H7548" s="5">
        <v>6</v>
      </c>
      <c r="I7548" s="5" t="s">
        <v>1518</v>
      </c>
      <c r="J7548" s="5" t="s">
        <v>1519</v>
      </c>
      <c r="K7548" s="2" t="s">
        <v>1520</v>
      </c>
      <c r="L7548" s="5" t="s">
        <v>1519</v>
      </c>
      <c r="M7548" s="2" t="s">
        <v>1520</v>
      </c>
      <c r="N7548" s="5" t="s">
        <v>1521</v>
      </c>
      <c r="O7548" s="5" t="s">
        <v>38</v>
      </c>
      <c r="P7548" s="5" t="s">
        <v>39</v>
      </c>
      <c r="Q7548" s="5" t="s">
        <v>40</v>
      </c>
      <c r="R7548" s="5" t="s">
        <v>1522</v>
      </c>
      <c r="S7548" s="5" t="s">
        <v>1523</v>
      </c>
      <c r="T7548" s="5" t="s">
        <v>42</v>
      </c>
      <c r="U7548" s="2">
        <v>3.64</v>
      </c>
      <c r="V7548" s="2">
        <v>3.0619999999999998</v>
      </c>
      <c r="W7548" s="2">
        <v>1.7999999999999999E-2</v>
      </c>
      <c r="X7548" s="2">
        <v>139.1</v>
      </c>
      <c r="Y7548" s="2">
        <v>7.6</v>
      </c>
      <c r="Z7548" s="2">
        <v>16.7</v>
      </c>
      <c r="AA7548" s="5"/>
      <c r="AB7548" s="5" t="s">
        <v>43</v>
      </c>
      <c r="AC7548" s="5" t="s">
        <v>44</v>
      </c>
      <c r="AD7548" s="2"/>
      <c r="AE7548" s="1"/>
    </row>
    <row r="7549" spans="1:31" ht="14.45">
      <c r="A7549" s="11"/>
      <c r="B7549" s="20"/>
      <c r="C7549" s="2" t="s">
        <v>23119</v>
      </c>
      <c r="D7549" s="14" t="s">
        <v>23120</v>
      </c>
      <c r="E7549" s="2" t="s">
        <v>23121</v>
      </c>
      <c r="F7549" s="2" t="s">
        <v>7208</v>
      </c>
      <c r="G7549" s="8">
        <v>278</v>
      </c>
      <c r="H7549" s="5">
        <v>6</v>
      </c>
      <c r="I7549" s="5" t="s">
        <v>1518</v>
      </c>
      <c r="J7549" s="5" t="s">
        <v>1519</v>
      </c>
      <c r="K7549" s="2" t="s">
        <v>1520</v>
      </c>
      <c r="L7549" s="5" t="s">
        <v>1519</v>
      </c>
      <c r="M7549" s="2" t="s">
        <v>1520</v>
      </c>
      <c r="N7549" s="5" t="s">
        <v>1521</v>
      </c>
      <c r="O7549" s="5" t="s">
        <v>38</v>
      </c>
      <c r="P7549" s="5" t="s">
        <v>39</v>
      </c>
      <c r="Q7549" s="5" t="s">
        <v>40</v>
      </c>
      <c r="R7549" s="5" t="s">
        <v>1522</v>
      </c>
      <c r="S7549" s="5" t="s">
        <v>1523</v>
      </c>
      <c r="T7549" s="5" t="s">
        <v>42</v>
      </c>
      <c r="U7549" s="2">
        <v>3.53</v>
      </c>
      <c r="V7549" s="2">
        <v>2.952</v>
      </c>
      <c r="W7549" s="2">
        <v>1.7999999999999999E-2</v>
      </c>
      <c r="X7549" s="2">
        <v>139.1</v>
      </c>
      <c r="Y7549" s="2">
        <v>7.6</v>
      </c>
      <c r="Z7549" s="2">
        <v>16.7</v>
      </c>
      <c r="AA7549" s="5"/>
      <c r="AB7549" s="5" t="s">
        <v>43</v>
      </c>
      <c r="AC7549" s="5" t="s">
        <v>44</v>
      </c>
      <c r="AD7549" s="2"/>
      <c r="AE7549" s="1"/>
    </row>
    <row r="7550" spans="1:31" ht="14.45">
      <c r="A7550" s="11"/>
      <c r="B7550" s="20"/>
      <c r="C7550" s="2" t="s">
        <v>23122</v>
      </c>
      <c r="D7550" s="14" t="s">
        <v>23123</v>
      </c>
      <c r="E7550" s="2" t="s">
        <v>23124</v>
      </c>
      <c r="F7550" s="2" t="s">
        <v>7521</v>
      </c>
      <c r="G7550" s="8">
        <v>278</v>
      </c>
      <c r="H7550" s="5">
        <v>6</v>
      </c>
      <c r="I7550" s="5" t="s">
        <v>1518</v>
      </c>
      <c r="J7550" s="5" t="s">
        <v>1519</v>
      </c>
      <c r="K7550" s="2" t="s">
        <v>1520</v>
      </c>
      <c r="L7550" s="5" t="s">
        <v>1519</v>
      </c>
      <c r="M7550" s="2" t="s">
        <v>1520</v>
      </c>
      <c r="N7550" s="5" t="s">
        <v>1521</v>
      </c>
      <c r="O7550" s="5" t="s">
        <v>38</v>
      </c>
      <c r="P7550" s="5" t="s">
        <v>39</v>
      </c>
      <c r="Q7550" s="5" t="s">
        <v>40</v>
      </c>
      <c r="R7550" s="5" t="s">
        <v>1522</v>
      </c>
      <c r="S7550" s="5" t="s">
        <v>1523</v>
      </c>
      <c r="T7550" s="5" t="s">
        <v>42</v>
      </c>
      <c r="U7550" s="2">
        <v>3.64</v>
      </c>
      <c r="V7550" s="2">
        <v>3.0619999999999998</v>
      </c>
      <c r="W7550" s="2">
        <v>1.7999999999999999E-2</v>
      </c>
      <c r="X7550" s="2">
        <v>139.1</v>
      </c>
      <c r="Y7550" s="2">
        <v>7.6</v>
      </c>
      <c r="Z7550" s="2">
        <v>16.7</v>
      </c>
      <c r="AA7550" s="5"/>
      <c r="AB7550" s="5" t="s">
        <v>43</v>
      </c>
      <c r="AC7550" s="5" t="s">
        <v>44</v>
      </c>
      <c r="AD7550" s="2"/>
      <c r="AE7550" s="1"/>
    </row>
    <row r="7551" spans="1:31" ht="14.45">
      <c r="A7551" s="11"/>
      <c r="B7551" s="20"/>
      <c r="C7551" s="2" t="s">
        <v>23125</v>
      </c>
      <c r="D7551" s="14" t="s">
        <v>23126</v>
      </c>
      <c r="E7551" s="2" t="s">
        <v>23127</v>
      </c>
      <c r="F7551" s="2" t="s">
        <v>7212</v>
      </c>
      <c r="G7551" s="8">
        <v>278</v>
      </c>
      <c r="H7551" s="5">
        <v>6</v>
      </c>
      <c r="I7551" s="5" t="s">
        <v>1518</v>
      </c>
      <c r="J7551" s="5" t="s">
        <v>1519</v>
      </c>
      <c r="K7551" s="2" t="s">
        <v>1520</v>
      </c>
      <c r="L7551" s="5" t="s">
        <v>1519</v>
      </c>
      <c r="M7551" s="2" t="s">
        <v>1520</v>
      </c>
      <c r="N7551" s="5" t="s">
        <v>1521</v>
      </c>
      <c r="O7551" s="5" t="s">
        <v>38</v>
      </c>
      <c r="P7551" s="5" t="s">
        <v>39</v>
      </c>
      <c r="Q7551" s="5" t="s">
        <v>40</v>
      </c>
      <c r="R7551" s="5" t="s">
        <v>1522</v>
      </c>
      <c r="S7551" s="5" t="s">
        <v>1523</v>
      </c>
      <c r="T7551" s="5" t="s">
        <v>42</v>
      </c>
      <c r="U7551" s="2">
        <v>3.4950000000000001</v>
      </c>
      <c r="V7551" s="2">
        <v>2.9169999999999998</v>
      </c>
      <c r="W7551" s="2">
        <v>1.7999999999999999E-2</v>
      </c>
      <c r="X7551" s="2">
        <v>139.1</v>
      </c>
      <c r="Y7551" s="2">
        <v>7.6</v>
      </c>
      <c r="Z7551" s="2">
        <v>16.7</v>
      </c>
      <c r="AA7551" s="5"/>
      <c r="AB7551" s="5" t="s">
        <v>43</v>
      </c>
      <c r="AC7551" s="5" t="s">
        <v>44</v>
      </c>
      <c r="AD7551" s="2"/>
      <c r="AE7551" s="1"/>
    </row>
    <row r="7552" spans="1:31" ht="14.45">
      <c r="A7552" s="11"/>
      <c r="B7552" s="20"/>
      <c r="C7552" s="2" t="s">
        <v>23128</v>
      </c>
      <c r="D7552" s="14" t="s">
        <v>23129</v>
      </c>
      <c r="E7552" s="2" t="s">
        <v>23130</v>
      </c>
      <c r="F7552" s="2" t="s">
        <v>7528</v>
      </c>
      <c r="G7552" s="8">
        <v>278</v>
      </c>
      <c r="H7552" s="5">
        <v>6</v>
      </c>
      <c r="I7552" s="5" t="s">
        <v>1518</v>
      </c>
      <c r="J7552" s="5" t="s">
        <v>1519</v>
      </c>
      <c r="K7552" s="2" t="s">
        <v>1520</v>
      </c>
      <c r="L7552" s="5" t="s">
        <v>1519</v>
      </c>
      <c r="M7552" s="2" t="s">
        <v>1520</v>
      </c>
      <c r="N7552" s="5" t="s">
        <v>1521</v>
      </c>
      <c r="O7552" s="5" t="s">
        <v>38</v>
      </c>
      <c r="P7552" s="5" t="s">
        <v>39</v>
      </c>
      <c r="Q7552" s="5" t="s">
        <v>40</v>
      </c>
      <c r="R7552" s="5" t="s">
        <v>1522</v>
      </c>
      <c r="S7552" s="5" t="s">
        <v>1523</v>
      </c>
      <c r="T7552" s="5" t="s">
        <v>42</v>
      </c>
      <c r="U7552" s="2">
        <v>3.605</v>
      </c>
      <c r="V7552" s="2">
        <v>3.0270000000000001</v>
      </c>
      <c r="W7552" s="2">
        <v>1.7999999999999999E-2</v>
      </c>
      <c r="X7552" s="2">
        <v>139.1</v>
      </c>
      <c r="Y7552" s="2">
        <v>7.6</v>
      </c>
      <c r="Z7552" s="2">
        <v>16.7</v>
      </c>
      <c r="AA7552" s="5"/>
      <c r="AB7552" s="5" t="s">
        <v>43</v>
      </c>
      <c r="AC7552" s="5" t="s">
        <v>44</v>
      </c>
      <c r="AD7552" s="2"/>
      <c r="AE7552" s="1"/>
    </row>
    <row r="7553" spans="1:31" ht="14.45">
      <c r="A7553" s="11"/>
      <c r="B7553" s="20"/>
      <c r="C7553" s="2" t="s">
        <v>23131</v>
      </c>
      <c r="D7553" s="14" t="s">
        <v>23132</v>
      </c>
      <c r="E7553" s="2" t="s">
        <v>23133</v>
      </c>
      <c r="F7553" s="2" t="s">
        <v>7406</v>
      </c>
      <c r="G7553" s="8">
        <v>300</v>
      </c>
      <c r="H7553" s="5">
        <v>6</v>
      </c>
      <c r="I7553" s="5" t="s">
        <v>1518</v>
      </c>
      <c r="J7553" s="5" t="s">
        <v>1519</v>
      </c>
      <c r="K7553" s="2" t="s">
        <v>1520</v>
      </c>
      <c r="L7553" s="5" t="s">
        <v>1519</v>
      </c>
      <c r="M7553" s="2" t="s">
        <v>1520</v>
      </c>
      <c r="N7553" s="5" t="s">
        <v>1521</v>
      </c>
      <c r="O7553" s="5" t="s">
        <v>38</v>
      </c>
      <c r="P7553" s="5" t="s">
        <v>39</v>
      </c>
      <c r="Q7553" s="5" t="s">
        <v>40</v>
      </c>
      <c r="R7553" s="5" t="s">
        <v>1522</v>
      </c>
      <c r="S7553" s="5" t="s">
        <v>1523</v>
      </c>
      <c r="T7553" s="5" t="s">
        <v>42</v>
      </c>
      <c r="U7553" s="2">
        <v>3.4950000000000001</v>
      </c>
      <c r="V7553" s="2">
        <v>2.9169999999999998</v>
      </c>
      <c r="W7553" s="2">
        <v>1.7999999999999999E-2</v>
      </c>
      <c r="X7553" s="2">
        <v>139.1</v>
      </c>
      <c r="Y7553" s="2">
        <v>7.6</v>
      </c>
      <c r="Z7553" s="2">
        <v>16.7</v>
      </c>
      <c r="AA7553" s="5"/>
      <c r="AB7553" s="5" t="s">
        <v>43</v>
      </c>
      <c r="AC7553" s="5" t="s">
        <v>44</v>
      </c>
      <c r="AD7553" s="2"/>
      <c r="AE7553" s="1"/>
    </row>
    <row r="7554" spans="1:31" ht="14.45">
      <c r="A7554" s="11"/>
      <c r="B7554" s="20"/>
      <c r="C7554" s="2" t="s">
        <v>23134</v>
      </c>
      <c r="D7554" s="14" t="s">
        <v>23135</v>
      </c>
      <c r="E7554" s="2" t="s">
        <v>23136</v>
      </c>
      <c r="F7554" s="2" t="s">
        <v>7535</v>
      </c>
      <c r="G7554" s="8">
        <v>300</v>
      </c>
      <c r="H7554" s="5">
        <v>6</v>
      </c>
      <c r="I7554" s="5" t="s">
        <v>1518</v>
      </c>
      <c r="J7554" s="5" t="s">
        <v>1519</v>
      </c>
      <c r="K7554" s="2" t="s">
        <v>1520</v>
      </c>
      <c r="L7554" s="5" t="s">
        <v>1519</v>
      </c>
      <c r="M7554" s="2" t="s">
        <v>1520</v>
      </c>
      <c r="N7554" s="5" t="s">
        <v>1521</v>
      </c>
      <c r="O7554" s="5" t="s">
        <v>38</v>
      </c>
      <c r="P7554" s="5" t="s">
        <v>39</v>
      </c>
      <c r="Q7554" s="5" t="s">
        <v>40</v>
      </c>
      <c r="R7554" s="5" t="s">
        <v>1522</v>
      </c>
      <c r="S7554" s="5" t="s">
        <v>1523</v>
      </c>
      <c r="T7554" s="5" t="s">
        <v>42</v>
      </c>
      <c r="U7554" s="2">
        <v>3.605</v>
      </c>
      <c r="V7554" s="2">
        <v>3.0270000000000001</v>
      </c>
      <c r="W7554" s="2">
        <v>1.7999999999999999E-2</v>
      </c>
      <c r="X7554" s="2">
        <v>139.1</v>
      </c>
      <c r="Y7554" s="2">
        <v>7.6</v>
      </c>
      <c r="Z7554" s="2">
        <v>16.7</v>
      </c>
      <c r="AA7554" s="5"/>
      <c r="AB7554" s="5" t="s">
        <v>43</v>
      </c>
      <c r="AC7554" s="5" t="s">
        <v>44</v>
      </c>
      <c r="AD7554" s="2"/>
      <c r="AE7554" s="1"/>
    </row>
    <row r="7555" spans="1:31" ht="14.45">
      <c r="A7555" s="11"/>
      <c r="B7555" s="20"/>
      <c r="C7555" s="2" t="s">
        <v>23137</v>
      </c>
      <c r="D7555" s="14" t="s">
        <v>23138</v>
      </c>
      <c r="E7555" s="2" t="s">
        <v>23139</v>
      </c>
      <c r="F7555" s="2" t="s">
        <v>7539</v>
      </c>
      <c r="G7555" s="8">
        <v>300</v>
      </c>
      <c r="H7555" s="5">
        <v>6</v>
      </c>
      <c r="I7555" s="5" t="s">
        <v>1518</v>
      </c>
      <c r="J7555" s="5" t="s">
        <v>1519</v>
      </c>
      <c r="K7555" s="2" t="s">
        <v>1520</v>
      </c>
      <c r="L7555" s="5" t="s">
        <v>1519</v>
      </c>
      <c r="M7555" s="2" t="s">
        <v>1520</v>
      </c>
      <c r="N7555" s="5" t="s">
        <v>1521</v>
      </c>
      <c r="O7555" s="5" t="s">
        <v>38</v>
      </c>
      <c r="P7555" s="5" t="s">
        <v>39</v>
      </c>
      <c r="Q7555" s="5" t="s">
        <v>40</v>
      </c>
      <c r="R7555" s="5" t="s">
        <v>1522</v>
      </c>
      <c r="S7555" s="5" t="s">
        <v>1523</v>
      </c>
      <c r="T7555" s="5" t="s">
        <v>42</v>
      </c>
      <c r="U7555" s="2">
        <v>3.53</v>
      </c>
      <c r="V7555" s="2">
        <v>2.952</v>
      </c>
      <c r="W7555" s="2">
        <v>1.7999999999999999E-2</v>
      </c>
      <c r="X7555" s="2">
        <v>139.1</v>
      </c>
      <c r="Y7555" s="2">
        <v>7.6</v>
      </c>
      <c r="Z7555" s="2">
        <v>16.7</v>
      </c>
      <c r="AA7555" s="5"/>
      <c r="AB7555" s="5" t="s">
        <v>43</v>
      </c>
      <c r="AC7555" s="5" t="s">
        <v>44</v>
      </c>
      <c r="AD7555" s="2"/>
      <c r="AE7555" s="1"/>
    </row>
    <row r="7556" spans="1:31" ht="14.45">
      <c r="A7556" s="11"/>
      <c r="B7556" s="20"/>
      <c r="C7556" s="2" t="s">
        <v>23140</v>
      </c>
      <c r="D7556" s="14" t="s">
        <v>23141</v>
      </c>
      <c r="E7556" s="2" t="s">
        <v>23142</v>
      </c>
      <c r="F7556" s="2" t="s">
        <v>7543</v>
      </c>
      <c r="G7556" s="8">
        <v>300</v>
      </c>
      <c r="H7556" s="5">
        <v>6</v>
      </c>
      <c r="I7556" s="5" t="s">
        <v>1518</v>
      </c>
      <c r="J7556" s="5" t="s">
        <v>1519</v>
      </c>
      <c r="K7556" s="2" t="s">
        <v>1520</v>
      </c>
      <c r="L7556" s="5" t="s">
        <v>1519</v>
      </c>
      <c r="M7556" s="2" t="s">
        <v>1520</v>
      </c>
      <c r="N7556" s="5" t="s">
        <v>1521</v>
      </c>
      <c r="O7556" s="5" t="s">
        <v>38</v>
      </c>
      <c r="P7556" s="5" t="s">
        <v>39</v>
      </c>
      <c r="Q7556" s="5" t="s">
        <v>40</v>
      </c>
      <c r="R7556" s="5" t="s">
        <v>1522</v>
      </c>
      <c r="S7556" s="5" t="s">
        <v>1523</v>
      </c>
      <c r="T7556" s="5" t="s">
        <v>42</v>
      </c>
      <c r="U7556" s="2">
        <v>3.64</v>
      </c>
      <c r="V7556" s="2">
        <v>3.0619999999999998</v>
      </c>
      <c r="W7556" s="2">
        <v>1.7999999999999999E-2</v>
      </c>
      <c r="X7556" s="2">
        <v>139.1</v>
      </c>
      <c r="Y7556" s="2">
        <v>7.6</v>
      </c>
      <c r="Z7556" s="2">
        <v>16.7</v>
      </c>
      <c r="AA7556" s="5"/>
      <c r="AB7556" s="5" t="s">
        <v>43</v>
      </c>
      <c r="AC7556" s="5" t="s">
        <v>44</v>
      </c>
      <c r="AD7556" s="2"/>
      <c r="AE7556" s="1"/>
    </row>
    <row r="7557" spans="1:31" ht="14.45">
      <c r="A7557" s="11"/>
      <c r="B7557" s="20"/>
      <c r="C7557" s="2" t="s">
        <v>23143</v>
      </c>
      <c r="D7557" s="14" t="s">
        <v>23144</v>
      </c>
      <c r="E7557" s="2" t="s">
        <v>23145</v>
      </c>
      <c r="F7557" s="2" t="s">
        <v>7547</v>
      </c>
      <c r="G7557" s="8">
        <v>300</v>
      </c>
      <c r="H7557" s="5">
        <v>6</v>
      </c>
      <c r="I7557" s="5" t="s">
        <v>1518</v>
      </c>
      <c r="J7557" s="5" t="s">
        <v>1519</v>
      </c>
      <c r="K7557" s="2" t="s">
        <v>1520</v>
      </c>
      <c r="L7557" s="5" t="s">
        <v>1519</v>
      </c>
      <c r="M7557" s="2" t="s">
        <v>1520</v>
      </c>
      <c r="N7557" s="5" t="s">
        <v>1521</v>
      </c>
      <c r="O7557" s="5" t="s">
        <v>38</v>
      </c>
      <c r="P7557" s="5" t="s">
        <v>39</v>
      </c>
      <c r="Q7557" s="5" t="s">
        <v>40</v>
      </c>
      <c r="R7557" s="5" t="s">
        <v>1522</v>
      </c>
      <c r="S7557" s="5" t="s">
        <v>1523</v>
      </c>
      <c r="T7557" s="5" t="s">
        <v>42</v>
      </c>
      <c r="U7557" s="2">
        <v>3.4950000000000001</v>
      </c>
      <c r="V7557" s="2">
        <v>2.9169999999999998</v>
      </c>
      <c r="W7557" s="2">
        <v>1.7999999999999999E-2</v>
      </c>
      <c r="X7557" s="2">
        <v>139.1</v>
      </c>
      <c r="Y7557" s="2">
        <v>7.6</v>
      </c>
      <c r="Z7557" s="2">
        <v>16.7</v>
      </c>
      <c r="AA7557" s="5"/>
      <c r="AB7557" s="5" t="s">
        <v>43</v>
      </c>
      <c r="AC7557" s="5" t="s">
        <v>44</v>
      </c>
      <c r="AD7557" s="2"/>
      <c r="AE7557" s="1"/>
    </row>
    <row r="7558" spans="1:31" ht="14.45">
      <c r="A7558" s="11"/>
      <c r="B7558" s="20"/>
      <c r="C7558" s="2" t="s">
        <v>23146</v>
      </c>
      <c r="D7558" s="14" t="s">
        <v>23147</v>
      </c>
      <c r="E7558" s="2" t="s">
        <v>23148</v>
      </c>
      <c r="F7558" s="2" t="s">
        <v>7551</v>
      </c>
      <c r="G7558" s="8">
        <v>300</v>
      </c>
      <c r="H7558" s="5">
        <v>6</v>
      </c>
      <c r="I7558" s="5" t="s">
        <v>1518</v>
      </c>
      <c r="J7558" s="5" t="s">
        <v>1519</v>
      </c>
      <c r="K7558" s="2" t="s">
        <v>1520</v>
      </c>
      <c r="L7558" s="5" t="s">
        <v>1519</v>
      </c>
      <c r="M7558" s="2" t="s">
        <v>1520</v>
      </c>
      <c r="N7558" s="5" t="s">
        <v>1521</v>
      </c>
      <c r="O7558" s="5" t="s">
        <v>38</v>
      </c>
      <c r="P7558" s="5" t="s">
        <v>39</v>
      </c>
      <c r="Q7558" s="5" t="s">
        <v>40</v>
      </c>
      <c r="R7558" s="5" t="s">
        <v>1522</v>
      </c>
      <c r="S7558" s="5" t="s">
        <v>1523</v>
      </c>
      <c r="T7558" s="5" t="s">
        <v>42</v>
      </c>
      <c r="U7558" s="2">
        <v>3.605</v>
      </c>
      <c r="V7558" s="2">
        <v>3.0270000000000001</v>
      </c>
      <c r="W7558" s="2">
        <v>1.7999999999999999E-2</v>
      </c>
      <c r="X7558" s="2">
        <v>139.1</v>
      </c>
      <c r="Y7558" s="2">
        <v>7.6</v>
      </c>
      <c r="Z7558" s="2">
        <v>16.7</v>
      </c>
      <c r="AA7558" s="5"/>
      <c r="AB7558" s="5" t="s">
        <v>43</v>
      </c>
      <c r="AC7558" s="5" t="s">
        <v>44</v>
      </c>
      <c r="AD7558" s="2"/>
      <c r="AE7558" s="1"/>
    </row>
    <row r="7559" spans="1:31" ht="14.45">
      <c r="A7559" s="11"/>
      <c r="B7559" s="20"/>
      <c r="C7559" s="2" t="s">
        <v>23149</v>
      </c>
      <c r="D7559" s="14" t="s">
        <v>23150</v>
      </c>
      <c r="E7559" s="2" t="s">
        <v>23151</v>
      </c>
      <c r="F7559" s="2" t="s">
        <v>7555</v>
      </c>
      <c r="G7559" s="8">
        <v>300</v>
      </c>
      <c r="H7559" s="5">
        <v>6</v>
      </c>
      <c r="I7559" s="5" t="s">
        <v>1518</v>
      </c>
      <c r="J7559" s="5" t="s">
        <v>1519</v>
      </c>
      <c r="K7559" s="2" t="s">
        <v>1520</v>
      </c>
      <c r="L7559" s="5" t="s">
        <v>1519</v>
      </c>
      <c r="M7559" s="2" t="s">
        <v>1520</v>
      </c>
      <c r="N7559" s="5" t="s">
        <v>1521</v>
      </c>
      <c r="O7559" s="5" t="s">
        <v>38</v>
      </c>
      <c r="P7559" s="5" t="s">
        <v>39</v>
      </c>
      <c r="Q7559" s="5" t="s">
        <v>40</v>
      </c>
      <c r="R7559" s="5" t="s">
        <v>1522</v>
      </c>
      <c r="S7559" s="5" t="s">
        <v>1523</v>
      </c>
      <c r="T7559" s="5" t="s">
        <v>42</v>
      </c>
      <c r="U7559" s="2">
        <v>3.4950000000000001</v>
      </c>
      <c r="V7559" s="2">
        <v>2.9169999999999998</v>
      </c>
      <c r="W7559" s="2">
        <v>1.7999999999999999E-2</v>
      </c>
      <c r="X7559" s="2">
        <v>139.1</v>
      </c>
      <c r="Y7559" s="2">
        <v>7.6</v>
      </c>
      <c r="Z7559" s="2">
        <v>16.7</v>
      </c>
      <c r="AA7559" s="5"/>
      <c r="AB7559" s="5" t="s">
        <v>43</v>
      </c>
      <c r="AC7559" s="5" t="s">
        <v>44</v>
      </c>
      <c r="AD7559" s="2"/>
      <c r="AE7559" s="1"/>
    </row>
    <row r="7560" spans="1:31" ht="14.45">
      <c r="A7560" s="11"/>
      <c r="B7560" s="20"/>
      <c r="C7560" s="2" t="s">
        <v>23152</v>
      </c>
      <c r="D7560" s="14" t="s">
        <v>23153</v>
      </c>
      <c r="E7560" s="2" t="s">
        <v>23154</v>
      </c>
      <c r="F7560" s="2" t="s">
        <v>7559</v>
      </c>
      <c r="G7560" s="8">
        <v>300</v>
      </c>
      <c r="H7560" s="5">
        <v>6</v>
      </c>
      <c r="I7560" s="5" t="s">
        <v>1518</v>
      </c>
      <c r="J7560" s="5" t="s">
        <v>1519</v>
      </c>
      <c r="K7560" s="2" t="s">
        <v>1520</v>
      </c>
      <c r="L7560" s="5" t="s">
        <v>1519</v>
      </c>
      <c r="M7560" s="2" t="s">
        <v>1520</v>
      </c>
      <c r="N7560" s="5" t="s">
        <v>1521</v>
      </c>
      <c r="O7560" s="5" t="s">
        <v>38</v>
      </c>
      <c r="P7560" s="5" t="s">
        <v>39</v>
      </c>
      <c r="Q7560" s="5" t="s">
        <v>40</v>
      </c>
      <c r="R7560" s="5" t="s">
        <v>1522</v>
      </c>
      <c r="S7560" s="5" t="s">
        <v>1523</v>
      </c>
      <c r="T7560" s="5" t="s">
        <v>42</v>
      </c>
      <c r="U7560" s="2">
        <v>3.605</v>
      </c>
      <c r="V7560" s="2">
        <v>3.0270000000000001</v>
      </c>
      <c r="W7560" s="2">
        <v>1.7999999999999999E-2</v>
      </c>
      <c r="X7560" s="2">
        <v>139.1</v>
      </c>
      <c r="Y7560" s="2">
        <v>7.6</v>
      </c>
      <c r="Z7560" s="2">
        <v>16.7</v>
      </c>
      <c r="AA7560" s="5"/>
      <c r="AB7560" s="5" t="s">
        <v>43</v>
      </c>
      <c r="AC7560" s="5" t="s">
        <v>44</v>
      </c>
      <c r="AD7560" s="2"/>
      <c r="AE7560" s="1"/>
    </row>
    <row r="7561" spans="1:31" ht="14.45">
      <c r="A7561" s="11"/>
      <c r="B7561" s="20"/>
      <c r="C7561" s="2" t="s">
        <v>23155</v>
      </c>
      <c r="D7561" s="14" t="s">
        <v>23156</v>
      </c>
      <c r="E7561" s="2" t="s">
        <v>23157</v>
      </c>
      <c r="F7561" s="2" t="s">
        <v>7563</v>
      </c>
      <c r="G7561" s="8">
        <v>300</v>
      </c>
      <c r="H7561" s="5">
        <v>6</v>
      </c>
      <c r="I7561" s="5" t="s">
        <v>1518</v>
      </c>
      <c r="J7561" s="5" t="s">
        <v>1519</v>
      </c>
      <c r="K7561" s="2" t="s">
        <v>1520</v>
      </c>
      <c r="L7561" s="5" t="s">
        <v>1519</v>
      </c>
      <c r="M7561" s="2" t="s">
        <v>1520</v>
      </c>
      <c r="N7561" s="5" t="s">
        <v>1521</v>
      </c>
      <c r="O7561" s="5" t="s">
        <v>38</v>
      </c>
      <c r="P7561" s="5" t="s">
        <v>39</v>
      </c>
      <c r="Q7561" s="5" t="s">
        <v>40</v>
      </c>
      <c r="R7561" s="5" t="s">
        <v>1522</v>
      </c>
      <c r="S7561" s="5" t="s">
        <v>1523</v>
      </c>
      <c r="T7561" s="5" t="s">
        <v>42</v>
      </c>
      <c r="U7561" s="2">
        <v>3.53</v>
      </c>
      <c r="V7561" s="2">
        <v>2.952</v>
      </c>
      <c r="W7561" s="2">
        <v>1.7999999999999999E-2</v>
      </c>
      <c r="X7561" s="2">
        <v>139.1</v>
      </c>
      <c r="Y7561" s="2">
        <v>7.6</v>
      </c>
      <c r="Z7561" s="2">
        <v>16.7</v>
      </c>
      <c r="AA7561" s="5"/>
      <c r="AB7561" s="5" t="s">
        <v>43</v>
      </c>
      <c r="AC7561" s="5" t="s">
        <v>44</v>
      </c>
      <c r="AD7561" s="2"/>
      <c r="AE7561" s="1"/>
    </row>
    <row r="7562" spans="1:31" ht="14.45">
      <c r="A7562" s="11"/>
      <c r="B7562" s="20"/>
      <c r="C7562" s="2" t="s">
        <v>23158</v>
      </c>
      <c r="D7562" s="14" t="s">
        <v>23159</v>
      </c>
      <c r="E7562" s="2" t="s">
        <v>23160</v>
      </c>
      <c r="F7562" s="2" t="s">
        <v>7567</v>
      </c>
      <c r="G7562" s="8">
        <v>300</v>
      </c>
      <c r="H7562" s="5">
        <v>6</v>
      </c>
      <c r="I7562" s="5" t="s">
        <v>1518</v>
      </c>
      <c r="J7562" s="5" t="s">
        <v>1519</v>
      </c>
      <c r="K7562" s="2" t="s">
        <v>1520</v>
      </c>
      <c r="L7562" s="5" t="s">
        <v>1519</v>
      </c>
      <c r="M7562" s="2" t="s">
        <v>1520</v>
      </c>
      <c r="N7562" s="5" t="s">
        <v>1521</v>
      </c>
      <c r="O7562" s="5" t="s">
        <v>38</v>
      </c>
      <c r="P7562" s="5" t="s">
        <v>39</v>
      </c>
      <c r="Q7562" s="5" t="s">
        <v>40</v>
      </c>
      <c r="R7562" s="5" t="s">
        <v>1522</v>
      </c>
      <c r="S7562" s="5" t="s">
        <v>1523</v>
      </c>
      <c r="T7562" s="5" t="s">
        <v>42</v>
      </c>
      <c r="U7562" s="2">
        <v>3.64</v>
      </c>
      <c r="V7562" s="2">
        <v>3.0619999999999998</v>
      </c>
      <c r="W7562" s="2">
        <v>1.7999999999999999E-2</v>
      </c>
      <c r="X7562" s="2">
        <v>139.1</v>
      </c>
      <c r="Y7562" s="2">
        <v>7.6</v>
      </c>
      <c r="Z7562" s="2">
        <v>16.7</v>
      </c>
      <c r="AA7562" s="5"/>
      <c r="AB7562" s="5" t="s">
        <v>43</v>
      </c>
      <c r="AC7562" s="5" t="s">
        <v>44</v>
      </c>
      <c r="AD7562" s="2"/>
      <c r="AE7562" s="1"/>
    </row>
    <row r="7563" spans="1:31" ht="14.45">
      <c r="A7563" s="11"/>
      <c r="B7563" s="20"/>
      <c r="C7563" s="2" t="s">
        <v>23161</v>
      </c>
      <c r="D7563" s="14" t="s">
        <v>23162</v>
      </c>
      <c r="E7563" s="2" t="s">
        <v>23163</v>
      </c>
      <c r="F7563" s="2" t="s">
        <v>16079</v>
      </c>
      <c r="G7563" s="8">
        <v>300</v>
      </c>
      <c r="H7563" s="5">
        <v>6</v>
      </c>
      <c r="I7563" s="5" t="s">
        <v>1518</v>
      </c>
      <c r="J7563" s="5" t="s">
        <v>1519</v>
      </c>
      <c r="K7563" s="2" t="s">
        <v>1520</v>
      </c>
      <c r="L7563" s="5" t="s">
        <v>1519</v>
      </c>
      <c r="M7563" s="2" t="s">
        <v>1520</v>
      </c>
      <c r="N7563" s="5" t="s">
        <v>1521</v>
      </c>
      <c r="O7563" s="5" t="s">
        <v>38</v>
      </c>
      <c r="P7563" s="5" t="s">
        <v>39</v>
      </c>
      <c r="Q7563" s="5" t="s">
        <v>40</v>
      </c>
      <c r="R7563" s="5" t="s">
        <v>1522</v>
      </c>
      <c r="S7563" s="5" t="s">
        <v>1523</v>
      </c>
      <c r="T7563" s="5" t="s">
        <v>42</v>
      </c>
      <c r="U7563" s="2">
        <v>3.53</v>
      </c>
      <c r="V7563" s="2">
        <v>2.952</v>
      </c>
      <c r="W7563" s="2">
        <v>1.7999999999999999E-2</v>
      </c>
      <c r="X7563" s="2">
        <v>139.1</v>
      </c>
      <c r="Y7563" s="2">
        <v>7.6</v>
      </c>
      <c r="Z7563" s="2">
        <v>16.7</v>
      </c>
      <c r="AA7563" s="5"/>
      <c r="AB7563" s="5" t="s">
        <v>43</v>
      </c>
      <c r="AC7563" s="5" t="s">
        <v>44</v>
      </c>
      <c r="AD7563" s="2"/>
      <c r="AE7563" s="1"/>
    </row>
    <row r="7564" spans="1:31" ht="14.45">
      <c r="A7564" s="11"/>
      <c r="B7564" s="20"/>
      <c r="C7564" s="2" t="s">
        <v>23164</v>
      </c>
      <c r="D7564" s="14" t="s">
        <v>23165</v>
      </c>
      <c r="E7564" s="2" t="s">
        <v>23166</v>
      </c>
      <c r="F7564" s="2" t="s">
        <v>16194</v>
      </c>
      <c r="G7564" s="8">
        <v>300</v>
      </c>
      <c r="H7564" s="5">
        <v>6</v>
      </c>
      <c r="I7564" s="5" t="s">
        <v>1518</v>
      </c>
      <c r="J7564" s="5" t="s">
        <v>1519</v>
      </c>
      <c r="K7564" s="2" t="s">
        <v>1520</v>
      </c>
      <c r="L7564" s="5" t="s">
        <v>1519</v>
      </c>
      <c r="M7564" s="2" t="s">
        <v>1520</v>
      </c>
      <c r="N7564" s="5" t="s">
        <v>1521</v>
      </c>
      <c r="O7564" s="5" t="s">
        <v>38</v>
      </c>
      <c r="P7564" s="5" t="s">
        <v>39</v>
      </c>
      <c r="Q7564" s="5" t="s">
        <v>40</v>
      </c>
      <c r="R7564" s="5" t="s">
        <v>1522</v>
      </c>
      <c r="S7564" s="5" t="s">
        <v>1523</v>
      </c>
      <c r="T7564" s="5" t="s">
        <v>42</v>
      </c>
      <c r="U7564" s="2">
        <v>3.64</v>
      </c>
      <c r="V7564" s="2">
        <v>3.0619999999999998</v>
      </c>
      <c r="W7564" s="2">
        <v>1.7999999999999999E-2</v>
      </c>
      <c r="X7564" s="2">
        <v>139.1</v>
      </c>
      <c r="Y7564" s="2">
        <v>7.6</v>
      </c>
      <c r="Z7564" s="2">
        <v>16.7</v>
      </c>
      <c r="AA7564" s="5"/>
      <c r="AB7564" s="5" t="s">
        <v>43</v>
      </c>
      <c r="AC7564" s="5" t="s">
        <v>44</v>
      </c>
      <c r="AD7564" s="2"/>
      <c r="AE7564" s="1"/>
    </row>
    <row r="7565" spans="1:31" ht="14.45">
      <c r="A7565" s="11"/>
      <c r="B7565" s="20"/>
      <c r="C7565" s="2" t="s">
        <v>23167</v>
      </c>
      <c r="D7565" s="14" t="s">
        <v>23168</v>
      </c>
      <c r="E7565" s="2" t="s">
        <v>23169</v>
      </c>
      <c r="F7565" s="2" t="s">
        <v>7449</v>
      </c>
      <c r="G7565" s="8">
        <v>300</v>
      </c>
      <c r="H7565" s="5">
        <v>6</v>
      </c>
      <c r="I7565" s="5" t="s">
        <v>1518</v>
      </c>
      <c r="J7565" s="5" t="s">
        <v>1519</v>
      </c>
      <c r="K7565" s="2" t="s">
        <v>1520</v>
      </c>
      <c r="L7565" s="5" t="s">
        <v>1519</v>
      </c>
      <c r="M7565" s="2" t="s">
        <v>1520</v>
      </c>
      <c r="N7565" s="5" t="s">
        <v>1521</v>
      </c>
      <c r="O7565" s="5" t="s">
        <v>38</v>
      </c>
      <c r="P7565" s="5" t="s">
        <v>39</v>
      </c>
      <c r="Q7565" s="5" t="s">
        <v>40</v>
      </c>
      <c r="R7565" s="5" t="s">
        <v>1522</v>
      </c>
      <c r="S7565" s="5" t="s">
        <v>1523</v>
      </c>
      <c r="T7565" s="5" t="s">
        <v>42</v>
      </c>
      <c r="U7565" s="2">
        <v>3.53</v>
      </c>
      <c r="V7565" s="2">
        <v>2.952</v>
      </c>
      <c r="W7565" s="2">
        <v>1.7999999999999999E-2</v>
      </c>
      <c r="X7565" s="2">
        <v>139.1</v>
      </c>
      <c r="Y7565" s="2">
        <v>7.6</v>
      </c>
      <c r="Z7565" s="2">
        <v>16.7</v>
      </c>
      <c r="AA7565" s="5"/>
      <c r="AB7565" s="5" t="s">
        <v>43</v>
      </c>
      <c r="AC7565" s="5" t="s">
        <v>44</v>
      </c>
      <c r="AD7565" s="2"/>
      <c r="AE7565" s="1"/>
    </row>
    <row r="7566" spans="1:31" ht="14.45">
      <c r="A7566" s="11"/>
      <c r="B7566" s="20"/>
      <c r="C7566" s="2" t="s">
        <v>23170</v>
      </c>
      <c r="D7566" s="14" t="s">
        <v>23171</v>
      </c>
      <c r="E7566" s="2" t="s">
        <v>23172</v>
      </c>
      <c r="F7566" s="2" t="s">
        <v>7581</v>
      </c>
      <c r="G7566" s="8">
        <v>300</v>
      </c>
      <c r="H7566" s="5">
        <v>6</v>
      </c>
      <c r="I7566" s="5" t="s">
        <v>1518</v>
      </c>
      <c r="J7566" s="5" t="s">
        <v>1519</v>
      </c>
      <c r="K7566" s="2" t="s">
        <v>1520</v>
      </c>
      <c r="L7566" s="5" t="s">
        <v>1519</v>
      </c>
      <c r="M7566" s="2" t="s">
        <v>1520</v>
      </c>
      <c r="N7566" s="5" t="s">
        <v>1521</v>
      </c>
      <c r="O7566" s="5" t="s">
        <v>38</v>
      </c>
      <c r="P7566" s="5" t="s">
        <v>39</v>
      </c>
      <c r="Q7566" s="5" t="s">
        <v>40</v>
      </c>
      <c r="R7566" s="5" t="s">
        <v>1522</v>
      </c>
      <c r="S7566" s="5" t="s">
        <v>1523</v>
      </c>
      <c r="T7566" s="5" t="s">
        <v>42</v>
      </c>
      <c r="U7566" s="2">
        <v>3.64</v>
      </c>
      <c r="V7566" s="2">
        <v>3.0619999999999998</v>
      </c>
      <c r="W7566" s="2">
        <v>1.7999999999999999E-2</v>
      </c>
      <c r="X7566" s="2">
        <v>139.1</v>
      </c>
      <c r="Y7566" s="2">
        <v>7.6</v>
      </c>
      <c r="Z7566" s="2">
        <v>16.7</v>
      </c>
      <c r="AA7566" s="5"/>
      <c r="AB7566" s="5" t="s">
        <v>43</v>
      </c>
      <c r="AC7566" s="5" t="s">
        <v>44</v>
      </c>
      <c r="AD7566" s="2"/>
      <c r="AE7566" s="1"/>
    </row>
    <row r="7567" spans="1:31" ht="14.45">
      <c r="A7567" s="11"/>
      <c r="B7567" s="20"/>
      <c r="C7567" s="2" t="s">
        <v>23173</v>
      </c>
      <c r="D7567" s="14" t="s">
        <v>23174</v>
      </c>
      <c r="E7567" s="2" t="s">
        <v>23175</v>
      </c>
      <c r="F7567" s="2" t="s">
        <v>7585</v>
      </c>
      <c r="G7567" s="8">
        <v>300</v>
      </c>
      <c r="H7567" s="5">
        <v>6</v>
      </c>
      <c r="I7567" s="5" t="s">
        <v>1518</v>
      </c>
      <c r="J7567" s="5" t="s">
        <v>1519</v>
      </c>
      <c r="K7567" s="2" t="s">
        <v>1520</v>
      </c>
      <c r="L7567" s="5" t="s">
        <v>1519</v>
      </c>
      <c r="M7567" s="2" t="s">
        <v>1520</v>
      </c>
      <c r="N7567" s="5" t="s">
        <v>1521</v>
      </c>
      <c r="O7567" s="5" t="s">
        <v>38</v>
      </c>
      <c r="P7567" s="5" t="s">
        <v>39</v>
      </c>
      <c r="Q7567" s="5" t="s">
        <v>40</v>
      </c>
      <c r="R7567" s="5" t="s">
        <v>1522</v>
      </c>
      <c r="S7567" s="5" t="s">
        <v>1523</v>
      </c>
      <c r="T7567" s="5" t="s">
        <v>42</v>
      </c>
      <c r="U7567" s="2">
        <v>3.4950000000000001</v>
      </c>
      <c r="V7567" s="2">
        <v>2.9169999999999998</v>
      </c>
      <c r="W7567" s="2">
        <v>1.7999999999999999E-2</v>
      </c>
      <c r="X7567" s="2">
        <v>139.1</v>
      </c>
      <c r="Y7567" s="2">
        <v>7.6</v>
      </c>
      <c r="Z7567" s="2">
        <v>16.7</v>
      </c>
      <c r="AA7567" s="5"/>
      <c r="AB7567" s="5" t="s">
        <v>43</v>
      </c>
      <c r="AC7567" s="5" t="s">
        <v>44</v>
      </c>
      <c r="AD7567" s="2"/>
      <c r="AE7567" s="1"/>
    </row>
    <row r="7568" spans="1:31" ht="14.45">
      <c r="A7568" s="11"/>
      <c r="B7568" s="20"/>
      <c r="C7568" s="2" t="s">
        <v>23176</v>
      </c>
      <c r="D7568" s="14" t="s">
        <v>23177</v>
      </c>
      <c r="E7568" s="2" t="s">
        <v>23178</v>
      </c>
      <c r="F7568" s="2" t="s">
        <v>7589</v>
      </c>
      <c r="G7568" s="8">
        <v>300</v>
      </c>
      <c r="H7568" s="5">
        <v>6</v>
      </c>
      <c r="I7568" s="5" t="s">
        <v>1518</v>
      </c>
      <c r="J7568" s="5" t="s">
        <v>1519</v>
      </c>
      <c r="K7568" s="2" t="s">
        <v>1520</v>
      </c>
      <c r="L7568" s="5" t="s">
        <v>1519</v>
      </c>
      <c r="M7568" s="2" t="s">
        <v>1520</v>
      </c>
      <c r="N7568" s="5" t="s">
        <v>1521</v>
      </c>
      <c r="O7568" s="5" t="s">
        <v>38</v>
      </c>
      <c r="P7568" s="5" t="s">
        <v>39</v>
      </c>
      <c r="Q7568" s="5" t="s">
        <v>40</v>
      </c>
      <c r="R7568" s="5" t="s">
        <v>1522</v>
      </c>
      <c r="S7568" s="5" t="s">
        <v>1523</v>
      </c>
      <c r="T7568" s="5" t="s">
        <v>42</v>
      </c>
      <c r="U7568" s="2">
        <v>3.605</v>
      </c>
      <c r="V7568" s="2">
        <v>3.0270000000000001</v>
      </c>
      <c r="W7568" s="2">
        <v>1.7999999999999999E-2</v>
      </c>
      <c r="X7568" s="2">
        <v>139.1</v>
      </c>
      <c r="Y7568" s="2">
        <v>7.6</v>
      </c>
      <c r="Z7568" s="2">
        <v>16.7</v>
      </c>
      <c r="AA7568" s="5"/>
      <c r="AB7568" s="5" t="s">
        <v>43</v>
      </c>
      <c r="AC7568" s="5" t="s">
        <v>44</v>
      </c>
      <c r="AD7568" s="2"/>
      <c r="AE7568" s="1"/>
    </row>
    <row r="7569" spans="1:31" ht="14.45">
      <c r="A7569" s="11"/>
      <c r="B7569" s="20"/>
      <c r="C7569" s="2" t="s">
        <v>23179</v>
      </c>
      <c r="D7569" s="14" t="s">
        <v>23180</v>
      </c>
      <c r="E7569" s="2" t="s">
        <v>23181</v>
      </c>
      <c r="F7569" s="2" t="s">
        <v>7593</v>
      </c>
      <c r="G7569" s="8">
        <v>300</v>
      </c>
      <c r="H7569" s="5">
        <v>6</v>
      </c>
      <c r="I7569" s="5" t="s">
        <v>1518</v>
      </c>
      <c r="J7569" s="5" t="s">
        <v>1519</v>
      </c>
      <c r="K7569" s="2" t="s">
        <v>1520</v>
      </c>
      <c r="L7569" s="5" t="s">
        <v>1519</v>
      </c>
      <c r="M7569" s="2" t="s">
        <v>1520</v>
      </c>
      <c r="N7569" s="5" t="s">
        <v>1521</v>
      </c>
      <c r="O7569" s="5" t="s">
        <v>38</v>
      </c>
      <c r="P7569" s="5" t="s">
        <v>39</v>
      </c>
      <c r="Q7569" s="5" t="s">
        <v>40</v>
      </c>
      <c r="R7569" s="5" t="s">
        <v>1522</v>
      </c>
      <c r="S7569" s="5" t="s">
        <v>1523</v>
      </c>
      <c r="T7569" s="5" t="s">
        <v>42</v>
      </c>
      <c r="U7569" s="2">
        <v>3.53</v>
      </c>
      <c r="V7569" s="2">
        <v>2.952</v>
      </c>
      <c r="W7569" s="2">
        <v>1.7999999999999999E-2</v>
      </c>
      <c r="X7569" s="2">
        <v>139.1</v>
      </c>
      <c r="Y7569" s="2">
        <v>7.6</v>
      </c>
      <c r="Z7569" s="2">
        <v>16.7</v>
      </c>
      <c r="AA7569" s="5"/>
      <c r="AB7569" s="5" t="s">
        <v>43</v>
      </c>
      <c r="AC7569" s="5" t="s">
        <v>44</v>
      </c>
      <c r="AD7569" s="2"/>
      <c r="AE7569" s="1"/>
    </row>
    <row r="7570" spans="1:31" ht="14.45">
      <c r="A7570" s="11"/>
      <c r="B7570" s="20"/>
      <c r="C7570" s="2" t="s">
        <v>23182</v>
      </c>
      <c r="D7570" s="14" t="s">
        <v>23183</v>
      </c>
      <c r="E7570" s="2" t="s">
        <v>23184</v>
      </c>
      <c r="F7570" s="2" t="s">
        <v>7597</v>
      </c>
      <c r="G7570" s="8">
        <v>300</v>
      </c>
      <c r="H7570" s="5">
        <v>6</v>
      </c>
      <c r="I7570" s="5" t="s">
        <v>1518</v>
      </c>
      <c r="J7570" s="5" t="s">
        <v>1519</v>
      </c>
      <c r="K7570" s="2" t="s">
        <v>1520</v>
      </c>
      <c r="L7570" s="5" t="s">
        <v>1519</v>
      </c>
      <c r="M7570" s="2" t="s">
        <v>1520</v>
      </c>
      <c r="N7570" s="5" t="s">
        <v>1521</v>
      </c>
      <c r="O7570" s="5" t="s">
        <v>38</v>
      </c>
      <c r="P7570" s="5" t="s">
        <v>39</v>
      </c>
      <c r="Q7570" s="5" t="s">
        <v>40</v>
      </c>
      <c r="R7570" s="5" t="s">
        <v>1522</v>
      </c>
      <c r="S7570" s="5" t="s">
        <v>1523</v>
      </c>
      <c r="T7570" s="5" t="s">
        <v>42</v>
      </c>
      <c r="U7570" s="2">
        <v>3.64</v>
      </c>
      <c r="V7570" s="2">
        <v>3.0619999999999998</v>
      </c>
      <c r="W7570" s="2">
        <v>1.7999999999999999E-2</v>
      </c>
      <c r="X7570" s="2">
        <v>139.1</v>
      </c>
      <c r="Y7570" s="2">
        <v>7.6</v>
      </c>
      <c r="Z7570" s="2">
        <v>16.7</v>
      </c>
      <c r="AA7570" s="5"/>
      <c r="AB7570" s="5" t="s">
        <v>43</v>
      </c>
      <c r="AC7570" s="5" t="s">
        <v>44</v>
      </c>
      <c r="AD7570" s="2"/>
      <c r="AE7570" s="1"/>
    </row>
    <row r="7571" spans="1:31" ht="14.45">
      <c r="A7571" s="11"/>
      <c r="B7571" s="20"/>
      <c r="C7571" s="2" t="s">
        <v>23185</v>
      </c>
      <c r="D7571" s="14" t="s">
        <v>23186</v>
      </c>
      <c r="E7571" s="2" t="s">
        <v>23187</v>
      </c>
      <c r="F7571" s="2" t="s">
        <v>16014</v>
      </c>
      <c r="G7571" s="8">
        <v>300</v>
      </c>
      <c r="H7571" s="5">
        <v>6</v>
      </c>
      <c r="I7571" s="5" t="s">
        <v>1518</v>
      </c>
      <c r="J7571" s="5" t="s">
        <v>1519</v>
      </c>
      <c r="K7571" s="2" t="s">
        <v>1520</v>
      </c>
      <c r="L7571" s="5" t="s">
        <v>1519</v>
      </c>
      <c r="M7571" s="2" t="s">
        <v>1520</v>
      </c>
      <c r="N7571" s="5" t="s">
        <v>1521</v>
      </c>
      <c r="O7571" s="5" t="s">
        <v>38</v>
      </c>
      <c r="P7571" s="5" t="s">
        <v>39</v>
      </c>
      <c r="Q7571" s="5" t="s">
        <v>40</v>
      </c>
      <c r="R7571" s="5" t="s">
        <v>1522</v>
      </c>
      <c r="S7571" s="5" t="s">
        <v>1523</v>
      </c>
      <c r="T7571" s="5" t="s">
        <v>42</v>
      </c>
      <c r="U7571" s="2">
        <v>3.53</v>
      </c>
      <c r="V7571" s="2">
        <v>2.952</v>
      </c>
      <c r="W7571" s="2">
        <v>1.7999999999999999E-2</v>
      </c>
      <c r="X7571" s="2">
        <v>139.1</v>
      </c>
      <c r="Y7571" s="2">
        <v>7.6</v>
      </c>
      <c r="Z7571" s="2">
        <v>16.7</v>
      </c>
      <c r="AA7571" s="5"/>
      <c r="AB7571" s="5" t="s">
        <v>43</v>
      </c>
      <c r="AC7571" s="5" t="s">
        <v>44</v>
      </c>
      <c r="AD7571" s="2"/>
      <c r="AE7571" s="1"/>
    </row>
    <row r="7572" spans="1:31" ht="14.45">
      <c r="A7572" s="11"/>
      <c r="B7572" s="20"/>
      <c r="C7572" s="2" t="s">
        <v>23188</v>
      </c>
      <c r="D7572" s="14" t="s">
        <v>23189</v>
      </c>
      <c r="E7572" s="2" t="s">
        <v>23190</v>
      </c>
      <c r="F7572" s="2" t="s">
        <v>16219</v>
      </c>
      <c r="G7572" s="8">
        <v>300</v>
      </c>
      <c r="H7572" s="5">
        <v>6</v>
      </c>
      <c r="I7572" s="5" t="s">
        <v>1518</v>
      </c>
      <c r="J7572" s="5" t="s">
        <v>1519</v>
      </c>
      <c r="K7572" s="2" t="s">
        <v>1520</v>
      </c>
      <c r="L7572" s="5" t="s">
        <v>1519</v>
      </c>
      <c r="M7572" s="2" t="s">
        <v>1520</v>
      </c>
      <c r="N7572" s="5" t="s">
        <v>1521</v>
      </c>
      <c r="O7572" s="5" t="s">
        <v>38</v>
      </c>
      <c r="P7572" s="5" t="s">
        <v>39</v>
      </c>
      <c r="Q7572" s="5" t="s">
        <v>40</v>
      </c>
      <c r="R7572" s="5" t="s">
        <v>1522</v>
      </c>
      <c r="S7572" s="5" t="s">
        <v>1523</v>
      </c>
      <c r="T7572" s="5" t="s">
        <v>42</v>
      </c>
      <c r="U7572" s="2">
        <v>3.64</v>
      </c>
      <c r="V7572" s="2">
        <v>3.0619999999999998</v>
      </c>
      <c r="W7572" s="2">
        <v>1.7999999999999999E-2</v>
      </c>
      <c r="X7572" s="2">
        <v>139.1</v>
      </c>
      <c r="Y7572" s="2">
        <v>7.6</v>
      </c>
      <c r="Z7572" s="2">
        <v>16.7</v>
      </c>
      <c r="AA7572" s="5"/>
      <c r="AB7572" s="5" t="s">
        <v>43</v>
      </c>
      <c r="AC7572" s="5" t="s">
        <v>44</v>
      </c>
      <c r="AD7572" s="2"/>
      <c r="AE7572" s="1"/>
    </row>
    <row r="7573" spans="1:31" ht="14.45">
      <c r="A7573" s="11"/>
      <c r="B7573" s="20"/>
      <c r="C7573" s="2" t="s">
        <v>23191</v>
      </c>
      <c r="D7573" s="14" t="s">
        <v>23192</v>
      </c>
      <c r="E7573" s="2" t="s">
        <v>23193</v>
      </c>
      <c r="F7573" s="2" t="s">
        <v>16018</v>
      </c>
      <c r="G7573" s="8">
        <v>300</v>
      </c>
      <c r="H7573" s="5">
        <v>6</v>
      </c>
      <c r="I7573" s="5" t="s">
        <v>1518</v>
      </c>
      <c r="J7573" s="5" t="s">
        <v>1519</v>
      </c>
      <c r="K7573" s="2" t="s">
        <v>1520</v>
      </c>
      <c r="L7573" s="5" t="s">
        <v>1519</v>
      </c>
      <c r="M7573" s="2" t="s">
        <v>1520</v>
      </c>
      <c r="N7573" s="5" t="s">
        <v>1521</v>
      </c>
      <c r="O7573" s="5" t="s">
        <v>38</v>
      </c>
      <c r="P7573" s="5" t="s">
        <v>39</v>
      </c>
      <c r="Q7573" s="5" t="s">
        <v>40</v>
      </c>
      <c r="R7573" s="5" t="s">
        <v>1522</v>
      </c>
      <c r="S7573" s="5" t="s">
        <v>1523</v>
      </c>
      <c r="T7573" s="5" t="s">
        <v>42</v>
      </c>
      <c r="U7573" s="2">
        <v>3.53</v>
      </c>
      <c r="V7573" s="2">
        <v>2.952</v>
      </c>
      <c r="W7573" s="2">
        <v>1.7999999999999999E-2</v>
      </c>
      <c r="X7573" s="2">
        <v>139.1</v>
      </c>
      <c r="Y7573" s="2">
        <v>7.6</v>
      </c>
      <c r="Z7573" s="2">
        <v>16.7</v>
      </c>
      <c r="AA7573" s="5"/>
      <c r="AB7573" s="5" t="s">
        <v>43</v>
      </c>
      <c r="AC7573" s="5" t="s">
        <v>44</v>
      </c>
      <c r="AD7573" s="2"/>
      <c r="AE7573" s="1"/>
    </row>
    <row r="7574" spans="1:31" ht="14.45">
      <c r="A7574" s="11"/>
      <c r="B7574" s="20"/>
      <c r="C7574" s="2" t="s">
        <v>23194</v>
      </c>
      <c r="D7574" s="14" t="s">
        <v>23195</v>
      </c>
      <c r="E7574" s="2" t="s">
        <v>23196</v>
      </c>
      <c r="F7574" s="2" t="s">
        <v>16022</v>
      </c>
      <c r="G7574" s="8">
        <v>300</v>
      </c>
      <c r="H7574" s="5">
        <v>6</v>
      </c>
      <c r="I7574" s="5" t="s">
        <v>1518</v>
      </c>
      <c r="J7574" s="5" t="s">
        <v>1519</v>
      </c>
      <c r="K7574" s="2" t="s">
        <v>1520</v>
      </c>
      <c r="L7574" s="5" t="s">
        <v>1519</v>
      </c>
      <c r="M7574" s="2" t="s">
        <v>1520</v>
      </c>
      <c r="N7574" s="5" t="s">
        <v>1521</v>
      </c>
      <c r="O7574" s="5" t="s">
        <v>38</v>
      </c>
      <c r="P7574" s="5" t="s">
        <v>39</v>
      </c>
      <c r="Q7574" s="5" t="s">
        <v>40</v>
      </c>
      <c r="R7574" s="5" t="s">
        <v>1522</v>
      </c>
      <c r="S7574" s="5" t="s">
        <v>1523</v>
      </c>
      <c r="T7574" s="5" t="s">
        <v>42</v>
      </c>
      <c r="U7574" s="2">
        <v>3.64</v>
      </c>
      <c r="V7574" s="2">
        <v>3.0619999999999998</v>
      </c>
      <c r="W7574" s="2">
        <v>1.7999999999999999E-2</v>
      </c>
      <c r="X7574" s="2">
        <v>139.1</v>
      </c>
      <c r="Y7574" s="2">
        <v>7.6</v>
      </c>
      <c r="Z7574" s="2">
        <v>16.7</v>
      </c>
      <c r="AA7574" s="5"/>
      <c r="AB7574" s="5" t="s">
        <v>43</v>
      </c>
      <c r="AC7574" s="5" t="s">
        <v>44</v>
      </c>
      <c r="AD7574" s="2"/>
      <c r="AE7574" s="1"/>
    </row>
    <row r="7575" spans="1:31" ht="14.45">
      <c r="A7575" s="11"/>
      <c r="B7575" s="20"/>
      <c r="C7575" s="2" t="s">
        <v>23197</v>
      </c>
      <c r="D7575" s="14" t="s">
        <v>23198</v>
      </c>
      <c r="E7575" s="2" t="s">
        <v>23199</v>
      </c>
      <c r="F7575" s="2" t="s">
        <v>7615</v>
      </c>
      <c r="G7575" s="8">
        <v>300</v>
      </c>
      <c r="H7575" s="5">
        <v>6</v>
      </c>
      <c r="I7575" s="5" t="s">
        <v>1518</v>
      </c>
      <c r="J7575" s="5" t="s">
        <v>1519</v>
      </c>
      <c r="K7575" s="2" t="s">
        <v>1520</v>
      </c>
      <c r="L7575" s="5" t="s">
        <v>1519</v>
      </c>
      <c r="M7575" s="2" t="s">
        <v>1520</v>
      </c>
      <c r="N7575" s="5" t="s">
        <v>1521</v>
      </c>
      <c r="O7575" s="5" t="s">
        <v>38</v>
      </c>
      <c r="P7575" s="5" t="s">
        <v>39</v>
      </c>
      <c r="Q7575" s="5" t="s">
        <v>40</v>
      </c>
      <c r="R7575" s="5" t="s">
        <v>1522</v>
      </c>
      <c r="S7575" s="5" t="s">
        <v>1523</v>
      </c>
      <c r="T7575" s="5" t="s">
        <v>42</v>
      </c>
      <c r="U7575" s="2">
        <v>3.4950000000000001</v>
      </c>
      <c r="V7575" s="2">
        <v>2.9169999999999998</v>
      </c>
      <c r="W7575" s="2">
        <v>1.7999999999999999E-2</v>
      </c>
      <c r="X7575" s="2">
        <v>139.1</v>
      </c>
      <c r="Y7575" s="2">
        <v>7.6</v>
      </c>
      <c r="Z7575" s="2">
        <v>16.7</v>
      </c>
      <c r="AA7575" s="5"/>
      <c r="AB7575" s="5" t="s">
        <v>43</v>
      </c>
      <c r="AC7575" s="5" t="s">
        <v>44</v>
      </c>
      <c r="AD7575" s="2"/>
      <c r="AE7575" s="1"/>
    </row>
    <row r="7576" spans="1:31" ht="14.45">
      <c r="A7576" s="11"/>
      <c r="B7576" s="20"/>
      <c r="C7576" s="2" t="s">
        <v>23200</v>
      </c>
      <c r="D7576" s="14" t="s">
        <v>23201</v>
      </c>
      <c r="E7576" s="2" t="s">
        <v>23202</v>
      </c>
      <c r="F7576" s="2" t="s">
        <v>7619</v>
      </c>
      <c r="G7576" s="8">
        <v>300</v>
      </c>
      <c r="H7576" s="5">
        <v>6</v>
      </c>
      <c r="I7576" s="5" t="s">
        <v>1518</v>
      </c>
      <c r="J7576" s="5" t="s">
        <v>1519</v>
      </c>
      <c r="K7576" s="2" t="s">
        <v>1520</v>
      </c>
      <c r="L7576" s="5" t="s">
        <v>1519</v>
      </c>
      <c r="M7576" s="2" t="s">
        <v>1520</v>
      </c>
      <c r="N7576" s="5" t="s">
        <v>1521</v>
      </c>
      <c r="O7576" s="5" t="s">
        <v>38</v>
      </c>
      <c r="P7576" s="5" t="s">
        <v>39</v>
      </c>
      <c r="Q7576" s="5" t="s">
        <v>40</v>
      </c>
      <c r="R7576" s="5" t="s">
        <v>1522</v>
      </c>
      <c r="S7576" s="5" t="s">
        <v>1523</v>
      </c>
      <c r="T7576" s="5" t="s">
        <v>42</v>
      </c>
      <c r="U7576" s="2">
        <v>3.605</v>
      </c>
      <c r="V7576" s="2">
        <v>3.0270000000000001</v>
      </c>
      <c r="W7576" s="2">
        <v>1.7999999999999999E-2</v>
      </c>
      <c r="X7576" s="2">
        <v>139.1</v>
      </c>
      <c r="Y7576" s="2">
        <v>7.6</v>
      </c>
      <c r="Z7576" s="2">
        <v>16.7</v>
      </c>
      <c r="AA7576" s="5"/>
      <c r="AB7576" s="5" t="s">
        <v>43</v>
      </c>
      <c r="AC7576" s="5" t="s">
        <v>44</v>
      </c>
      <c r="AD7576" s="2"/>
      <c r="AE7576" s="1"/>
    </row>
    <row r="7577" spans="1:31" ht="14.45">
      <c r="A7577" s="11"/>
      <c r="B7577" s="20"/>
      <c r="C7577" s="2" t="s">
        <v>23203</v>
      </c>
      <c r="D7577" s="14" t="s">
        <v>23204</v>
      </c>
      <c r="E7577" s="2" t="s">
        <v>23205</v>
      </c>
      <c r="F7577" s="2" t="s">
        <v>16029</v>
      </c>
      <c r="G7577" s="8">
        <v>300</v>
      </c>
      <c r="H7577" s="5">
        <v>11</v>
      </c>
      <c r="I7577" s="5" t="s">
        <v>1518</v>
      </c>
      <c r="J7577" s="5" t="s">
        <v>1519</v>
      </c>
      <c r="K7577" s="2" t="s">
        <v>1520</v>
      </c>
      <c r="L7577" s="5" t="s">
        <v>1519</v>
      </c>
      <c r="M7577" s="2" t="s">
        <v>1520</v>
      </c>
      <c r="N7577" s="5" t="s">
        <v>1521</v>
      </c>
      <c r="O7577" s="5" t="s">
        <v>38</v>
      </c>
      <c r="P7577" s="5" t="s">
        <v>39</v>
      </c>
      <c r="Q7577" s="5" t="s">
        <v>40</v>
      </c>
      <c r="R7577" s="5" t="s">
        <v>1522</v>
      </c>
      <c r="S7577" s="5" t="s">
        <v>1523</v>
      </c>
      <c r="T7577" s="5" t="s">
        <v>42</v>
      </c>
      <c r="U7577" s="2">
        <v>3.5310000000000001</v>
      </c>
      <c r="V7577" s="2">
        <v>2.9529999999999998</v>
      </c>
      <c r="W7577" s="2">
        <v>1.7999999999999999E-2</v>
      </c>
      <c r="X7577" s="2">
        <v>139.1</v>
      </c>
      <c r="Y7577" s="2">
        <v>7.6</v>
      </c>
      <c r="Z7577" s="2">
        <v>16.7</v>
      </c>
      <c r="AA7577" s="5"/>
      <c r="AB7577" s="5" t="s">
        <v>43</v>
      </c>
      <c r="AC7577" s="5" t="s">
        <v>44</v>
      </c>
      <c r="AD7577" s="2"/>
      <c r="AE7577" s="1"/>
    </row>
    <row r="7578" spans="1:31" ht="14.45">
      <c r="A7578" s="11"/>
      <c r="B7578" s="20"/>
      <c r="C7578" s="2" t="s">
        <v>23206</v>
      </c>
      <c r="D7578" s="14" t="s">
        <v>23207</v>
      </c>
      <c r="E7578" s="2" t="s">
        <v>23208</v>
      </c>
      <c r="F7578" s="2" t="s">
        <v>16033</v>
      </c>
      <c r="G7578" s="8">
        <v>300</v>
      </c>
      <c r="H7578" s="5">
        <v>11</v>
      </c>
      <c r="I7578" s="5" t="s">
        <v>1518</v>
      </c>
      <c r="J7578" s="5" t="s">
        <v>1519</v>
      </c>
      <c r="K7578" s="2" t="s">
        <v>1520</v>
      </c>
      <c r="L7578" s="5" t="s">
        <v>1519</v>
      </c>
      <c r="M7578" s="2" t="s">
        <v>1520</v>
      </c>
      <c r="N7578" s="5" t="s">
        <v>1521</v>
      </c>
      <c r="O7578" s="5" t="s">
        <v>38</v>
      </c>
      <c r="P7578" s="5" t="s">
        <v>39</v>
      </c>
      <c r="Q7578" s="5" t="s">
        <v>40</v>
      </c>
      <c r="R7578" s="5" t="s">
        <v>1522</v>
      </c>
      <c r="S7578" s="5" t="s">
        <v>1523</v>
      </c>
      <c r="T7578" s="5" t="s">
        <v>42</v>
      </c>
      <c r="U7578" s="2">
        <v>3.641</v>
      </c>
      <c r="V7578" s="2">
        <v>3.0630000000000002</v>
      </c>
      <c r="W7578" s="2">
        <v>1.7999999999999999E-2</v>
      </c>
      <c r="X7578" s="2">
        <v>139.1</v>
      </c>
      <c r="Y7578" s="2">
        <v>7.6</v>
      </c>
      <c r="Z7578" s="2">
        <v>16.7</v>
      </c>
      <c r="AA7578" s="5"/>
      <c r="AB7578" s="5" t="s">
        <v>43</v>
      </c>
      <c r="AC7578" s="5" t="s">
        <v>44</v>
      </c>
      <c r="AD7578" s="2"/>
      <c r="AE7578" s="1"/>
    </row>
    <row r="7579" spans="1:31" ht="14.45">
      <c r="A7579" s="11"/>
      <c r="B7579" s="20"/>
      <c r="C7579" s="2" t="s">
        <v>23209</v>
      </c>
      <c r="D7579" s="14" t="s">
        <v>23210</v>
      </c>
      <c r="E7579" s="2" t="s">
        <v>23211</v>
      </c>
      <c r="F7579" s="2" t="s">
        <v>7396</v>
      </c>
      <c r="G7579" s="8">
        <v>296</v>
      </c>
      <c r="H7579" s="5">
        <v>6</v>
      </c>
      <c r="I7579" s="5" t="s">
        <v>1518</v>
      </c>
      <c r="J7579" s="5" t="s">
        <v>1519</v>
      </c>
      <c r="K7579" s="2" t="s">
        <v>1520</v>
      </c>
      <c r="L7579" s="5" t="s">
        <v>1519</v>
      </c>
      <c r="M7579" s="2" t="s">
        <v>1520</v>
      </c>
      <c r="N7579" s="5" t="s">
        <v>1521</v>
      </c>
      <c r="O7579" s="5" t="s">
        <v>38</v>
      </c>
      <c r="P7579" s="5" t="s">
        <v>39</v>
      </c>
      <c r="Q7579" s="5" t="s">
        <v>40</v>
      </c>
      <c r="R7579" s="5" t="s">
        <v>1522</v>
      </c>
      <c r="S7579" s="5" t="s">
        <v>1523</v>
      </c>
      <c r="T7579" s="5" t="s">
        <v>42</v>
      </c>
      <c r="U7579" s="2">
        <v>3.7010000000000001</v>
      </c>
      <c r="V7579" s="2">
        <v>3.129</v>
      </c>
      <c r="W7579" s="2">
        <v>1.7999999999999999E-2</v>
      </c>
      <c r="X7579" s="2">
        <v>139.1</v>
      </c>
      <c r="Y7579" s="2">
        <v>7.6</v>
      </c>
      <c r="Z7579" s="2">
        <v>16.7</v>
      </c>
      <c r="AA7579" s="5"/>
      <c r="AB7579" s="5" t="s">
        <v>43</v>
      </c>
      <c r="AC7579" s="5" t="s">
        <v>44</v>
      </c>
      <c r="AD7579" s="2"/>
      <c r="AE7579" s="1"/>
    </row>
    <row r="7580" spans="1:31" ht="14.45">
      <c r="A7580" s="11"/>
      <c r="B7580" s="20"/>
      <c r="C7580" s="2" t="s">
        <v>23212</v>
      </c>
      <c r="D7580" s="14" t="s">
        <v>23213</v>
      </c>
      <c r="E7580" s="2" t="s">
        <v>23214</v>
      </c>
      <c r="F7580" s="2" t="s">
        <v>7507</v>
      </c>
      <c r="G7580" s="8">
        <v>296</v>
      </c>
      <c r="H7580" s="5">
        <v>6</v>
      </c>
      <c r="I7580" s="5" t="s">
        <v>1518</v>
      </c>
      <c r="J7580" s="5" t="s">
        <v>1519</v>
      </c>
      <c r="K7580" s="2" t="s">
        <v>1520</v>
      </c>
      <c r="L7580" s="5" t="s">
        <v>1519</v>
      </c>
      <c r="M7580" s="2" t="s">
        <v>1520</v>
      </c>
      <c r="N7580" s="5" t="s">
        <v>1521</v>
      </c>
      <c r="O7580" s="5" t="s">
        <v>38</v>
      </c>
      <c r="P7580" s="5" t="s">
        <v>39</v>
      </c>
      <c r="Q7580" s="5" t="s">
        <v>40</v>
      </c>
      <c r="R7580" s="5" t="s">
        <v>1522</v>
      </c>
      <c r="S7580" s="5" t="s">
        <v>1523</v>
      </c>
      <c r="T7580" s="5" t="s">
        <v>42</v>
      </c>
      <c r="U7580" s="2">
        <v>3.8210000000000002</v>
      </c>
      <c r="V7580" s="2">
        <v>3.2490000000000001</v>
      </c>
      <c r="W7580" s="2">
        <v>1.7999999999999999E-2</v>
      </c>
      <c r="X7580" s="2">
        <v>139.1</v>
      </c>
      <c r="Y7580" s="2">
        <v>7.6</v>
      </c>
      <c r="Z7580" s="2">
        <v>16.7</v>
      </c>
      <c r="AA7580" s="5"/>
      <c r="AB7580" s="5" t="s">
        <v>43</v>
      </c>
      <c r="AC7580" s="5" t="s">
        <v>44</v>
      </c>
      <c r="AD7580" s="2"/>
      <c r="AE7580" s="1"/>
    </row>
    <row r="7581" spans="1:31" ht="14.45">
      <c r="A7581" s="11"/>
      <c r="B7581" s="20"/>
      <c r="C7581" s="2" t="s">
        <v>23215</v>
      </c>
      <c r="D7581" s="14" t="s">
        <v>23216</v>
      </c>
      <c r="E7581" s="2" t="s">
        <v>23217</v>
      </c>
      <c r="F7581" s="2" t="s">
        <v>7204</v>
      </c>
      <c r="G7581" s="8">
        <v>296</v>
      </c>
      <c r="H7581" s="5">
        <v>6</v>
      </c>
      <c r="I7581" s="5" t="s">
        <v>1518</v>
      </c>
      <c r="J7581" s="5" t="s">
        <v>1519</v>
      </c>
      <c r="K7581" s="2" t="s">
        <v>1520</v>
      </c>
      <c r="L7581" s="5" t="s">
        <v>1519</v>
      </c>
      <c r="M7581" s="2" t="s">
        <v>1520</v>
      </c>
      <c r="N7581" s="5" t="s">
        <v>1521</v>
      </c>
      <c r="O7581" s="5" t="s">
        <v>38</v>
      </c>
      <c r="P7581" s="5" t="s">
        <v>39</v>
      </c>
      <c r="Q7581" s="5" t="s">
        <v>40</v>
      </c>
      <c r="R7581" s="5" t="s">
        <v>1522</v>
      </c>
      <c r="S7581" s="5" t="s">
        <v>1523</v>
      </c>
      <c r="T7581" s="5" t="s">
        <v>42</v>
      </c>
      <c r="U7581" s="2">
        <v>3.714</v>
      </c>
      <c r="V7581" s="2">
        <v>3.1419999999999999</v>
      </c>
      <c r="W7581" s="2">
        <v>1.7999999999999999E-2</v>
      </c>
      <c r="X7581" s="2">
        <v>139.1</v>
      </c>
      <c r="Y7581" s="2">
        <v>7.6</v>
      </c>
      <c r="Z7581" s="2">
        <v>16.7</v>
      </c>
      <c r="AA7581" s="5"/>
      <c r="AB7581" s="5" t="s">
        <v>43</v>
      </c>
      <c r="AC7581" s="5" t="s">
        <v>44</v>
      </c>
      <c r="AD7581" s="2"/>
      <c r="AE7581" s="1"/>
    </row>
    <row r="7582" spans="1:31" ht="14.45">
      <c r="A7582" s="11"/>
      <c r="B7582" s="20"/>
      <c r="C7582" s="2" t="s">
        <v>23218</v>
      </c>
      <c r="D7582" s="14" t="s">
        <v>23219</v>
      </c>
      <c r="E7582" s="2" t="s">
        <v>23220</v>
      </c>
      <c r="F7582" s="2" t="s">
        <v>7514</v>
      </c>
      <c r="G7582" s="8">
        <v>296</v>
      </c>
      <c r="H7582" s="5">
        <v>6</v>
      </c>
      <c r="I7582" s="5" t="s">
        <v>1518</v>
      </c>
      <c r="J7582" s="5" t="s">
        <v>1519</v>
      </c>
      <c r="K7582" s="2" t="s">
        <v>1520</v>
      </c>
      <c r="L7582" s="5" t="s">
        <v>1519</v>
      </c>
      <c r="M7582" s="2" t="s">
        <v>1520</v>
      </c>
      <c r="N7582" s="5" t="s">
        <v>1521</v>
      </c>
      <c r="O7582" s="5" t="s">
        <v>38</v>
      </c>
      <c r="P7582" s="5" t="s">
        <v>39</v>
      </c>
      <c r="Q7582" s="5" t="s">
        <v>40</v>
      </c>
      <c r="R7582" s="5" t="s">
        <v>1522</v>
      </c>
      <c r="S7582" s="5" t="s">
        <v>1523</v>
      </c>
      <c r="T7582" s="5" t="s">
        <v>42</v>
      </c>
      <c r="U7582" s="2">
        <v>3.8340000000000001</v>
      </c>
      <c r="V7582" s="2">
        <v>3.262</v>
      </c>
      <c r="W7582" s="2">
        <v>1.7999999999999999E-2</v>
      </c>
      <c r="X7582" s="2">
        <v>139.1</v>
      </c>
      <c r="Y7582" s="2">
        <v>7.6</v>
      </c>
      <c r="Z7582" s="2">
        <v>16.7</v>
      </c>
      <c r="AA7582" s="5"/>
      <c r="AB7582" s="5" t="s">
        <v>43</v>
      </c>
      <c r="AC7582" s="5" t="s">
        <v>44</v>
      </c>
      <c r="AD7582" s="2"/>
      <c r="AE7582" s="1"/>
    </row>
    <row r="7583" spans="1:31" ht="14.45">
      <c r="A7583" s="11"/>
      <c r="B7583" s="20"/>
      <c r="C7583" s="2" t="s">
        <v>23221</v>
      </c>
      <c r="D7583" s="14" t="s">
        <v>23222</v>
      </c>
      <c r="E7583" s="2" t="s">
        <v>23223</v>
      </c>
      <c r="F7583" s="2" t="s">
        <v>7208</v>
      </c>
      <c r="G7583" s="8">
        <v>296</v>
      </c>
      <c r="H7583" s="5">
        <v>6</v>
      </c>
      <c r="I7583" s="5" t="s">
        <v>1518</v>
      </c>
      <c r="J7583" s="5" t="s">
        <v>1519</v>
      </c>
      <c r="K7583" s="2" t="s">
        <v>1520</v>
      </c>
      <c r="L7583" s="5" t="s">
        <v>1519</v>
      </c>
      <c r="M7583" s="2" t="s">
        <v>1520</v>
      </c>
      <c r="N7583" s="5" t="s">
        <v>1521</v>
      </c>
      <c r="O7583" s="5" t="s">
        <v>38</v>
      </c>
      <c r="P7583" s="5" t="s">
        <v>39</v>
      </c>
      <c r="Q7583" s="5" t="s">
        <v>40</v>
      </c>
      <c r="R7583" s="5" t="s">
        <v>1522</v>
      </c>
      <c r="S7583" s="5" t="s">
        <v>1523</v>
      </c>
      <c r="T7583" s="5" t="s">
        <v>42</v>
      </c>
      <c r="U7583" s="2">
        <v>3.714</v>
      </c>
      <c r="V7583" s="2">
        <v>3.1419999999999999</v>
      </c>
      <c r="W7583" s="2">
        <v>1.7999999999999999E-2</v>
      </c>
      <c r="X7583" s="2">
        <v>139.1</v>
      </c>
      <c r="Y7583" s="2">
        <v>7.6</v>
      </c>
      <c r="Z7583" s="2">
        <v>16.7</v>
      </c>
      <c r="AA7583" s="5"/>
      <c r="AB7583" s="5" t="s">
        <v>43</v>
      </c>
      <c r="AC7583" s="5" t="s">
        <v>44</v>
      </c>
      <c r="AD7583" s="2"/>
      <c r="AE7583" s="1"/>
    </row>
    <row r="7584" spans="1:31" ht="14.45">
      <c r="A7584" s="11"/>
      <c r="B7584" s="20"/>
      <c r="C7584" s="2" t="s">
        <v>23224</v>
      </c>
      <c r="D7584" s="14" t="s">
        <v>23225</v>
      </c>
      <c r="E7584" s="2" t="s">
        <v>23226</v>
      </c>
      <c r="F7584" s="2" t="s">
        <v>7521</v>
      </c>
      <c r="G7584" s="8">
        <v>296</v>
      </c>
      <c r="H7584" s="5">
        <v>6</v>
      </c>
      <c r="I7584" s="5" t="s">
        <v>1518</v>
      </c>
      <c r="J7584" s="5" t="s">
        <v>1519</v>
      </c>
      <c r="K7584" s="2" t="s">
        <v>1520</v>
      </c>
      <c r="L7584" s="5" t="s">
        <v>1519</v>
      </c>
      <c r="M7584" s="2" t="s">
        <v>1520</v>
      </c>
      <c r="N7584" s="5" t="s">
        <v>1521</v>
      </c>
      <c r="O7584" s="5" t="s">
        <v>38</v>
      </c>
      <c r="P7584" s="5" t="s">
        <v>39</v>
      </c>
      <c r="Q7584" s="5" t="s">
        <v>40</v>
      </c>
      <c r="R7584" s="5" t="s">
        <v>1522</v>
      </c>
      <c r="S7584" s="5" t="s">
        <v>1523</v>
      </c>
      <c r="T7584" s="5" t="s">
        <v>42</v>
      </c>
      <c r="U7584" s="2">
        <v>3.8340000000000001</v>
      </c>
      <c r="V7584" s="2">
        <v>3.262</v>
      </c>
      <c r="W7584" s="2">
        <v>1.7999999999999999E-2</v>
      </c>
      <c r="X7584" s="2">
        <v>139.1</v>
      </c>
      <c r="Y7584" s="2">
        <v>7.6</v>
      </c>
      <c r="Z7584" s="2">
        <v>16.7</v>
      </c>
      <c r="AA7584" s="5"/>
      <c r="AB7584" s="5" t="s">
        <v>43</v>
      </c>
      <c r="AC7584" s="5" t="s">
        <v>44</v>
      </c>
      <c r="AD7584" s="2"/>
      <c r="AE7584" s="1"/>
    </row>
    <row r="7585" spans="1:31" ht="14.45">
      <c r="A7585" s="11"/>
      <c r="B7585" s="20"/>
      <c r="C7585" s="2" t="s">
        <v>23227</v>
      </c>
      <c r="D7585" s="14" t="s">
        <v>23228</v>
      </c>
      <c r="E7585" s="2" t="s">
        <v>23229</v>
      </c>
      <c r="F7585" s="2" t="s">
        <v>7212</v>
      </c>
      <c r="G7585" s="8">
        <v>296</v>
      </c>
      <c r="H7585" s="5">
        <v>6</v>
      </c>
      <c r="I7585" s="5" t="s">
        <v>1518</v>
      </c>
      <c r="J7585" s="5" t="s">
        <v>1519</v>
      </c>
      <c r="K7585" s="2" t="s">
        <v>1520</v>
      </c>
      <c r="L7585" s="5" t="s">
        <v>1519</v>
      </c>
      <c r="M7585" s="2" t="s">
        <v>1520</v>
      </c>
      <c r="N7585" s="5" t="s">
        <v>1521</v>
      </c>
      <c r="O7585" s="5" t="s">
        <v>38</v>
      </c>
      <c r="P7585" s="5" t="s">
        <v>39</v>
      </c>
      <c r="Q7585" s="5" t="s">
        <v>40</v>
      </c>
      <c r="R7585" s="5" t="s">
        <v>1522</v>
      </c>
      <c r="S7585" s="5" t="s">
        <v>1523</v>
      </c>
      <c r="T7585" s="5" t="s">
        <v>42</v>
      </c>
      <c r="U7585" s="2">
        <v>3.6739999999999999</v>
      </c>
      <c r="V7585" s="2">
        <v>3.1019999999999999</v>
      </c>
      <c r="W7585" s="2">
        <v>1.7999999999999999E-2</v>
      </c>
      <c r="X7585" s="2">
        <v>139.1</v>
      </c>
      <c r="Y7585" s="2">
        <v>7.6</v>
      </c>
      <c r="Z7585" s="2">
        <v>16.7</v>
      </c>
      <c r="AA7585" s="5"/>
      <c r="AB7585" s="5" t="s">
        <v>43</v>
      </c>
      <c r="AC7585" s="5" t="s">
        <v>44</v>
      </c>
      <c r="AD7585" s="2"/>
      <c r="AE7585" s="1"/>
    </row>
    <row r="7586" spans="1:31" ht="14.45">
      <c r="A7586" s="11"/>
      <c r="B7586" s="20"/>
      <c r="C7586" s="2" t="s">
        <v>23230</v>
      </c>
      <c r="D7586" s="14" t="s">
        <v>23231</v>
      </c>
      <c r="E7586" s="2" t="s">
        <v>23232</v>
      </c>
      <c r="F7586" s="2" t="s">
        <v>7528</v>
      </c>
      <c r="G7586" s="8">
        <v>296</v>
      </c>
      <c r="H7586" s="5">
        <v>6</v>
      </c>
      <c r="I7586" s="5" t="s">
        <v>1518</v>
      </c>
      <c r="J7586" s="5" t="s">
        <v>1519</v>
      </c>
      <c r="K7586" s="2" t="s">
        <v>1520</v>
      </c>
      <c r="L7586" s="5" t="s">
        <v>1519</v>
      </c>
      <c r="M7586" s="2" t="s">
        <v>1520</v>
      </c>
      <c r="N7586" s="5" t="s">
        <v>1521</v>
      </c>
      <c r="O7586" s="5" t="s">
        <v>38</v>
      </c>
      <c r="P7586" s="5" t="s">
        <v>39</v>
      </c>
      <c r="Q7586" s="5" t="s">
        <v>40</v>
      </c>
      <c r="R7586" s="5" t="s">
        <v>1522</v>
      </c>
      <c r="S7586" s="5" t="s">
        <v>1523</v>
      </c>
      <c r="T7586" s="5" t="s">
        <v>42</v>
      </c>
      <c r="U7586" s="2">
        <v>3.794</v>
      </c>
      <c r="V7586" s="2">
        <v>3.222</v>
      </c>
      <c r="W7586" s="2">
        <v>1.7999999999999999E-2</v>
      </c>
      <c r="X7586" s="2">
        <v>139.1</v>
      </c>
      <c r="Y7586" s="2">
        <v>7.6</v>
      </c>
      <c r="Z7586" s="2">
        <v>16.7</v>
      </c>
      <c r="AA7586" s="5"/>
      <c r="AB7586" s="5" t="s">
        <v>43</v>
      </c>
      <c r="AC7586" s="5" t="s">
        <v>44</v>
      </c>
      <c r="AD7586" s="2"/>
      <c r="AE7586" s="1"/>
    </row>
    <row r="7587" spans="1:31" ht="14.45">
      <c r="A7587" s="11"/>
      <c r="B7587" s="20"/>
      <c r="C7587" s="2" t="s">
        <v>23233</v>
      </c>
      <c r="D7587" s="14" t="s">
        <v>23234</v>
      </c>
      <c r="E7587" s="2" t="s">
        <v>23235</v>
      </c>
      <c r="F7587" s="2" t="s">
        <v>7406</v>
      </c>
      <c r="G7587" s="8">
        <v>321</v>
      </c>
      <c r="H7587" s="5">
        <v>6</v>
      </c>
      <c r="I7587" s="5" t="s">
        <v>1518</v>
      </c>
      <c r="J7587" s="5" t="s">
        <v>1519</v>
      </c>
      <c r="K7587" s="2" t="s">
        <v>1520</v>
      </c>
      <c r="L7587" s="5" t="s">
        <v>1519</v>
      </c>
      <c r="M7587" s="2" t="s">
        <v>1520</v>
      </c>
      <c r="N7587" s="5" t="s">
        <v>1521</v>
      </c>
      <c r="O7587" s="5" t="s">
        <v>38</v>
      </c>
      <c r="P7587" s="5" t="s">
        <v>39</v>
      </c>
      <c r="Q7587" s="5" t="s">
        <v>40</v>
      </c>
      <c r="R7587" s="5" t="s">
        <v>1522</v>
      </c>
      <c r="S7587" s="5" t="s">
        <v>1523</v>
      </c>
      <c r="T7587" s="5" t="s">
        <v>42</v>
      </c>
      <c r="U7587" s="2">
        <v>3.6739999999999999</v>
      </c>
      <c r="V7587" s="2">
        <v>3.1019999999999999</v>
      </c>
      <c r="W7587" s="2">
        <v>1.7999999999999999E-2</v>
      </c>
      <c r="X7587" s="2">
        <v>139.1</v>
      </c>
      <c r="Y7587" s="2">
        <v>7.6</v>
      </c>
      <c r="Z7587" s="2">
        <v>16.7</v>
      </c>
      <c r="AA7587" s="5"/>
      <c r="AB7587" s="5" t="s">
        <v>43</v>
      </c>
      <c r="AC7587" s="5" t="s">
        <v>44</v>
      </c>
      <c r="AD7587" s="2"/>
      <c r="AE7587" s="1"/>
    </row>
    <row r="7588" spans="1:31" ht="14.45">
      <c r="A7588" s="11"/>
      <c r="B7588" s="20"/>
      <c r="C7588" s="2" t="s">
        <v>23236</v>
      </c>
      <c r="D7588" s="14" t="s">
        <v>23237</v>
      </c>
      <c r="E7588" s="2" t="s">
        <v>23238</v>
      </c>
      <c r="F7588" s="2" t="s">
        <v>7535</v>
      </c>
      <c r="G7588" s="8">
        <v>321</v>
      </c>
      <c r="H7588" s="5">
        <v>6</v>
      </c>
      <c r="I7588" s="5" t="s">
        <v>1518</v>
      </c>
      <c r="J7588" s="5" t="s">
        <v>1519</v>
      </c>
      <c r="K7588" s="2" t="s">
        <v>1520</v>
      </c>
      <c r="L7588" s="5" t="s">
        <v>1519</v>
      </c>
      <c r="M7588" s="2" t="s">
        <v>1520</v>
      </c>
      <c r="N7588" s="5" t="s">
        <v>1521</v>
      </c>
      <c r="O7588" s="5" t="s">
        <v>38</v>
      </c>
      <c r="P7588" s="5" t="s">
        <v>39</v>
      </c>
      <c r="Q7588" s="5" t="s">
        <v>40</v>
      </c>
      <c r="R7588" s="5" t="s">
        <v>1522</v>
      </c>
      <c r="S7588" s="5" t="s">
        <v>1523</v>
      </c>
      <c r="T7588" s="5" t="s">
        <v>42</v>
      </c>
      <c r="U7588" s="2">
        <v>3.794</v>
      </c>
      <c r="V7588" s="2">
        <v>3.222</v>
      </c>
      <c r="W7588" s="2">
        <v>1.7999999999999999E-2</v>
      </c>
      <c r="X7588" s="2">
        <v>139.1</v>
      </c>
      <c r="Y7588" s="2">
        <v>7.6</v>
      </c>
      <c r="Z7588" s="2">
        <v>16.7</v>
      </c>
      <c r="AA7588" s="5"/>
      <c r="AB7588" s="5" t="s">
        <v>43</v>
      </c>
      <c r="AC7588" s="5" t="s">
        <v>44</v>
      </c>
      <c r="AD7588" s="2"/>
      <c r="AE7588" s="1"/>
    </row>
    <row r="7589" spans="1:31" ht="14.45">
      <c r="A7589" s="11"/>
      <c r="B7589" s="20"/>
      <c r="C7589" s="2" t="s">
        <v>23239</v>
      </c>
      <c r="D7589" s="14" t="s">
        <v>23240</v>
      </c>
      <c r="E7589" s="2" t="s">
        <v>23241</v>
      </c>
      <c r="F7589" s="2" t="s">
        <v>7539</v>
      </c>
      <c r="G7589" s="8">
        <v>321</v>
      </c>
      <c r="H7589" s="5">
        <v>6</v>
      </c>
      <c r="I7589" s="5" t="s">
        <v>1518</v>
      </c>
      <c r="J7589" s="5" t="s">
        <v>1519</v>
      </c>
      <c r="K7589" s="2" t="s">
        <v>1520</v>
      </c>
      <c r="L7589" s="5" t="s">
        <v>1519</v>
      </c>
      <c r="M7589" s="2" t="s">
        <v>1520</v>
      </c>
      <c r="N7589" s="5" t="s">
        <v>1521</v>
      </c>
      <c r="O7589" s="5" t="s">
        <v>38</v>
      </c>
      <c r="P7589" s="5" t="s">
        <v>39</v>
      </c>
      <c r="Q7589" s="5" t="s">
        <v>40</v>
      </c>
      <c r="R7589" s="5" t="s">
        <v>1522</v>
      </c>
      <c r="S7589" s="5" t="s">
        <v>1523</v>
      </c>
      <c r="T7589" s="5" t="s">
        <v>42</v>
      </c>
      <c r="U7589" s="2">
        <v>3.714</v>
      </c>
      <c r="V7589" s="2">
        <v>3.1419999999999999</v>
      </c>
      <c r="W7589" s="2">
        <v>1.7999999999999999E-2</v>
      </c>
      <c r="X7589" s="2">
        <v>139.1</v>
      </c>
      <c r="Y7589" s="2">
        <v>7.6</v>
      </c>
      <c r="Z7589" s="2">
        <v>16.7</v>
      </c>
      <c r="AA7589" s="5"/>
      <c r="AB7589" s="5" t="s">
        <v>43</v>
      </c>
      <c r="AC7589" s="5" t="s">
        <v>44</v>
      </c>
      <c r="AD7589" s="2"/>
      <c r="AE7589" s="1"/>
    </row>
    <row r="7590" spans="1:31" ht="14.45">
      <c r="A7590" s="11"/>
      <c r="B7590" s="20"/>
      <c r="C7590" s="2" t="s">
        <v>23242</v>
      </c>
      <c r="D7590" s="14" t="s">
        <v>23243</v>
      </c>
      <c r="E7590" s="2" t="s">
        <v>23244</v>
      </c>
      <c r="F7590" s="2" t="s">
        <v>7543</v>
      </c>
      <c r="G7590" s="8">
        <v>321</v>
      </c>
      <c r="H7590" s="5">
        <v>6</v>
      </c>
      <c r="I7590" s="5" t="s">
        <v>1518</v>
      </c>
      <c r="J7590" s="5" t="s">
        <v>1519</v>
      </c>
      <c r="K7590" s="2" t="s">
        <v>1520</v>
      </c>
      <c r="L7590" s="5" t="s">
        <v>1519</v>
      </c>
      <c r="M7590" s="2" t="s">
        <v>1520</v>
      </c>
      <c r="N7590" s="5" t="s">
        <v>1521</v>
      </c>
      <c r="O7590" s="5" t="s">
        <v>38</v>
      </c>
      <c r="P7590" s="5" t="s">
        <v>39</v>
      </c>
      <c r="Q7590" s="5" t="s">
        <v>40</v>
      </c>
      <c r="R7590" s="5" t="s">
        <v>1522</v>
      </c>
      <c r="S7590" s="5" t="s">
        <v>1523</v>
      </c>
      <c r="T7590" s="5" t="s">
        <v>42</v>
      </c>
      <c r="U7590" s="2">
        <v>3.8340000000000001</v>
      </c>
      <c r="V7590" s="2">
        <v>3.262</v>
      </c>
      <c r="W7590" s="2">
        <v>1.7999999999999999E-2</v>
      </c>
      <c r="X7590" s="2">
        <v>139.1</v>
      </c>
      <c r="Y7590" s="2">
        <v>7.6</v>
      </c>
      <c r="Z7590" s="2">
        <v>16.7</v>
      </c>
      <c r="AA7590" s="5"/>
      <c r="AB7590" s="5" t="s">
        <v>43</v>
      </c>
      <c r="AC7590" s="5" t="s">
        <v>44</v>
      </c>
      <c r="AD7590" s="2"/>
      <c r="AE7590" s="1"/>
    </row>
    <row r="7591" spans="1:31" ht="14.45">
      <c r="A7591" s="11"/>
      <c r="B7591" s="20"/>
      <c r="C7591" s="2" t="s">
        <v>23245</v>
      </c>
      <c r="D7591" s="14" t="s">
        <v>23246</v>
      </c>
      <c r="E7591" s="2" t="s">
        <v>23247</v>
      </c>
      <c r="F7591" s="2" t="s">
        <v>7547</v>
      </c>
      <c r="G7591" s="8">
        <v>321</v>
      </c>
      <c r="H7591" s="5">
        <v>6</v>
      </c>
      <c r="I7591" s="5" t="s">
        <v>1518</v>
      </c>
      <c r="J7591" s="5" t="s">
        <v>1519</v>
      </c>
      <c r="K7591" s="2" t="s">
        <v>1520</v>
      </c>
      <c r="L7591" s="5" t="s">
        <v>1519</v>
      </c>
      <c r="M7591" s="2" t="s">
        <v>1520</v>
      </c>
      <c r="N7591" s="5" t="s">
        <v>1521</v>
      </c>
      <c r="O7591" s="5" t="s">
        <v>38</v>
      </c>
      <c r="P7591" s="5" t="s">
        <v>39</v>
      </c>
      <c r="Q7591" s="5" t="s">
        <v>40</v>
      </c>
      <c r="R7591" s="5" t="s">
        <v>1522</v>
      </c>
      <c r="S7591" s="5" t="s">
        <v>1523</v>
      </c>
      <c r="T7591" s="5" t="s">
        <v>42</v>
      </c>
      <c r="U7591" s="2">
        <v>3.6739999999999999</v>
      </c>
      <c r="V7591" s="2">
        <v>3.1019999999999999</v>
      </c>
      <c r="W7591" s="2">
        <v>1.7999999999999999E-2</v>
      </c>
      <c r="X7591" s="2">
        <v>139.1</v>
      </c>
      <c r="Y7591" s="2">
        <v>7.6</v>
      </c>
      <c r="Z7591" s="2">
        <v>16.7</v>
      </c>
      <c r="AA7591" s="5"/>
      <c r="AB7591" s="5" t="s">
        <v>43</v>
      </c>
      <c r="AC7591" s="5" t="s">
        <v>44</v>
      </c>
      <c r="AD7591" s="2"/>
      <c r="AE7591" s="1"/>
    </row>
    <row r="7592" spans="1:31" ht="14.45">
      <c r="A7592" s="11"/>
      <c r="B7592" s="20"/>
      <c r="C7592" s="2" t="s">
        <v>23248</v>
      </c>
      <c r="D7592" s="14" t="s">
        <v>23249</v>
      </c>
      <c r="E7592" s="2" t="s">
        <v>23250</v>
      </c>
      <c r="F7592" s="2" t="s">
        <v>7563</v>
      </c>
      <c r="G7592" s="8">
        <v>321</v>
      </c>
      <c r="H7592" s="5">
        <v>6</v>
      </c>
      <c r="I7592" s="5" t="s">
        <v>1518</v>
      </c>
      <c r="J7592" s="5" t="s">
        <v>1519</v>
      </c>
      <c r="K7592" s="2" t="s">
        <v>1520</v>
      </c>
      <c r="L7592" s="5" t="s">
        <v>1519</v>
      </c>
      <c r="M7592" s="2" t="s">
        <v>1520</v>
      </c>
      <c r="N7592" s="5" t="s">
        <v>1521</v>
      </c>
      <c r="O7592" s="5" t="s">
        <v>38</v>
      </c>
      <c r="P7592" s="5" t="s">
        <v>39</v>
      </c>
      <c r="Q7592" s="5" t="s">
        <v>40</v>
      </c>
      <c r="R7592" s="5" t="s">
        <v>1522</v>
      </c>
      <c r="S7592" s="5" t="s">
        <v>1523</v>
      </c>
      <c r="T7592" s="5" t="s">
        <v>42</v>
      </c>
      <c r="U7592" s="2">
        <v>3.714</v>
      </c>
      <c r="V7592" s="2">
        <v>3.1419999999999999</v>
      </c>
      <c r="W7592" s="2">
        <v>1.7999999999999999E-2</v>
      </c>
      <c r="X7592" s="2">
        <v>139.1</v>
      </c>
      <c r="Y7592" s="2">
        <v>7.6</v>
      </c>
      <c r="Z7592" s="2">
        <v>16.7</v>
      </c>
      <c r="AA7592" s="5"/>
      <c r="AB7592" s="5" t="s">
        <v>43</v>
      </c>
      <c r="AC7592" s="5" t="s">
        <v>44</v>
      </c>
      <c r="AD7592" s="2"/>
      <c r="AE7592" s="1"/>
    </row>
    <row r="7593" spans="1:31" ht="14.45">
      <c r="A7593" s="11"/>
      <c r="B7593" s="20"/>
      <c r="C7593" s="2" t="s">
        <v>23251</v>
      </c>
      <c r="D7593" s="14" t="s">
        <v>23252</v>
      </c>
      <c r="E7593" s="2" t="s">
        <v>23253</v>
      </c>
      <c r="F7593" s="2" t="s">
        <v>7449</v>
      </c>
      <c r="G7593" s="8">
        <v>321</v>
      </c>
      <c r="H7593" s="5">
        <v>6</v>
      </c>
      <c r="I7593" s="5" t="s">
        <v>1518</v>
      </c>
      <c r="J7593" s="5" t="s">
        <v>1519</v>
      </c>
      <c r="K7593" s="2" t="s">
        <v>1520</v>
      </c>
      <c r="L7593" s="5" t="s">
        <v>1519</v>
      </c>
      <c r="M7593" s="2" t="s">
        <v>1520</v>
      </c>
      <c r="N7593" s="5" t="s">
        <v>1521</v>
      </c>
      <c r="O7593" s="5" t="s">
        <v>38</v>
      </c>
      <c r="P7593" s="5" t="s">
        <v>39</v>
      </c>
      <c r="Q7593" s="5" t="s">
        <v>40</v>
      </c>
      <c r="R7593" s="5" t="s">
        <v>1522</v>
      </c>
      <c r="S7593" s="5" t="s">
        <v>1523</v>
      </c>
      <c r="T7593" s="5" t="s">
        <v>42</v>
      </c>
      <c r="U7593" s="2">
        <v>3.714</v>
      </c>
      <c r="V7593" s="2">
        <v>3.1419999999999999</v>
      </c>
      <c r="W7593" s="2">
        <v>1.7999999999999999E-2</v>
      </c>
      <c r="X7593" s="2">
        <v>139.1</v>
      </c>
      <c r="Y7593" s="2">
        <v>7.6</v>
      </c>
      <c r="Z7593" s="2">
        <v>16.7</v>
      </c>
      <c r="AA7593" s="5"/>
      <c r="AB7593" s="5" t="s">
        <v>43</v>
      </c>
      <c r="AC7593" s="5" t="s">
        <v>44</v>
      </c>
      <c r="AD7593" s="2"/>
      <c r="AE7593" s="1"/>
    </row>
    <row r="7594" spans="1:31" ht="14.45">
      <c r="A7594" s="11"/>
      <c r="B7594" s="20"/>
      <c r="C7594" s="2" t="s">
        <v>23254</v>
      </c>
      <c r="D7594" s="14" t="s">
        <v>23255</v>
      </c>
      <c r="E7594" s="2" t="s">
        <v>23256</v>
      </c>
      <c r="F7594" s="2" t="s">
        <v>7589</v>
      </c>
      <c r="G7594" s="8">
        <v>321</v>
      </c>
      <c r="H7594" s="5">
        <v>6</v>
      </c>
      <c r="I7594" s="5" t="s">
        <v>1518</v>
      </c>
      <c r="J7594" s="5" t="s">
        <v>1519</v>
      </c>
      <c r="K7594" s="2" t="s">
        <v>1520</v>
      </c>
      <c r="L7594" s="5" t="s">
        <v>1519</v>
      </c>
      <c r="M7594" s="2" t="s">
        <v>1520</v>
      </c>
      <c r="N7594" s="5" t="s">
        <v>1521</v>
      </c>
      <c r="O7594" s="5" t="s">
        <v>38</v>
      </c>
      <c r="P7594" s="5" t="s">
        <v>39</v>
      </c>
      <c r="Q7594" s="5" t="s">
        <v>40</v>
      </c>
      <c r="R7594" s="5" t="s">
        <v>1522</v>
      </c>
      <c r="S7594" s="5" t="s">
        <v>1523</v>
      </c>
      <c r="T7594" s="5" t="s">
        <v>42</v>
      </c>
      <c r="U7594" s="2">
        <v>3.794</v>
      </c>
      <c r="V7594" s="2">
        <v>3.222</v>
      </c>
      <c r="W7594" s="2">
        <v>1.7999999999999999E-2</v>
      </c>
      <c r="X7594" s="2">
        <v>139.1</v>
      </c>
      <c r="Y7594" s="2">
        <v>7.6</v>
      </c>
      <c r="Z7594" s="2">
        <v>16.7</v>
      </c>
      <c r="AA7594" s="5"/>
      <c r="AB7594" s="5" t="s">
        <v>43</v>
      </c>
      <c r="AC7594" s="5" t="s">
        <v>44</v>
      </c>
      <c r="AD7594" s="2"/>
      <c r="AE7594" s="1"/>
    </row>
    <row r="7595" spans="1:31" ht="14.45">
      <c r="A7595" s="11"/>
      <c r="B7595" s="20"/>
      <c r="C7595" s="2" t="s">
        <v>23257</v>
      </c>
      <c r="D7595" s="14" t="s">
        <v>23258</v>
      </c>
      <c r="E7595" s="2" t="s">
        <v>23259</v>
      </c>
      <c r="F7595" s="2" t="s">
        <v>7593</v>
      </c>
      <c r="G7595" s="8">
        <v>321</v>
      </c>
      <c r="H7595" s="5">
        <v>6</v>
      </c>
      <c r="I7595" s="5" t="s">
        <v>1518</v>
      </c>
      <c r="J7595" s="5" t="s">
        <v>1519</v>
      </c>
      <c r="K7595" s="2" t="s">
        <v>1520</v>
      </c>
      <c r="L7595" s="5" t="s">
        <v>1519</v>
      </c>
      <c r="M7595" s="2" t="s">
        <v>1520</v>
      </c>
      <c r="N7595" s="5" t="s">
        <v>1521</v>
      </c>
      <c r="O7595" s="5" t="s">
        <v>38</v>
      </c>
      <c r="P7595" s="5" t="s">
        <v>39</v>
      </c>
      <c r="Q7595" s="5" t="s">
        <v>40</v>
      </c>
      <c r="R7595" s="5" t="s">
        <v>1522</v>
      </c>
      <c r="S7595" s="5" t="s">
        <v>1523</v>
      </c>
      <c r="T7595" s="5" t="s">
        <v>42</v>
      </c>
      <c r="U7595" s="2">
        <v>3.714</v>
      </c>
      <c r="V7595" s="2">
        <v>3.1419999999999999</v>
      </c>
      <c r="W7595" s="2">
        <v>1.7999999999999999E-2</v>
      </c>
      <c r="X7595" s="2">
        <v>139.1</v>
      </c>
      <c r="Y7595" s="2">
        <v>7.6</v>
      </c>
      <c r="Z7595" s="2">
        <v>16.7</v>
      </c>
      <c r="AA7595" s="5"/>
      <c r="AB7595" s="5" t="s">
        <v>43</v>
      </c>
      <c r="AC7595" s="5" t="s">
        <v>44</v>
      </c>
      <c r="AD7595" s="2"/>
      <c r="AE7595" s="1"/>
    </row>
    <row r="7596" spans="1:31" ht="14.45">
      <c r="A7596" s="11"/>
      <c r="B7596" s="20"/>
      <c r="C7596" s="2" t="s">
        <v>23260</v>
      </c>
      <c r="D7596" s="14" t="s">
        <v>23261</v>
      </c>
      <c r="E7596" s="2" t="s">
        <v>23262</v>
      </c>
      <c r="F7596" s="2" t="s">
        <v>7597</v>
      </c>
      <c r="G7596" s="8">
        <v>321</v>
      </c>
      <c r="H7596" s="5">
        <v>6</v>
      </c>
      <c r="I7596" s="5" t="s">
        <v>1518</v>
      </c>
      <c r="J7596" s="5" t="s">
        <v>1519</v>
      </c>
      <c r="K7596" s="2" t="s">
        <v>1520</v>
      </c>
      <c r="L7596" s="5" t="s">
        <v>1519</v>
      </c>
      <c r="M7596" s="2" t="s">
        <v>1520</v>
      </c>
      <c r="N7596" s="5" t="s">
        <v>1521</v>
      </c>
      <c r="O7596" s="5" t="s">
        <v>38</v>
      </c>
      <c r="P7596" s="5" t="s">
        <v>39</v>
      </c>
      <c r="Q7596" s="5" t="s">
        <v>40</v>
      </c>
      <c r="R7596" s="5" t="s">
        <v>1522</v>
      </c>
      <c r="S7596" s="5" t="s">
        <v>1523</v>
      </c>
      <c r="T7596" s="5" t="s">
        <v>42</v>
      </c>
      <c r="U7596" s="2">
        <v>3.8340000000000001</v>
      </c>
      <c r="V7596" s="2">
        <v>3.262</v>
      </c>
      <c r="W7596" s="2">
        <v>1.7999999999999999E-2</v>
      </c>
      <c r="X7596" s="2">
        <v>139.1</v>
      </c>
      <c r="Y7596" s="2">
        <v>7.6</v>
      </c>
      <c r="Z7596" s="2">
        <v>16.7</v>
      </c>
      <c r="AA7596" s="5"/>
      <c r="AB7596" s="5" t="s">
        <v>43</v>
      </c>
      <c r="AC7596" s="5" t="s">
        <v>44</v>
      </c>
      <c r="AD7596" s="2"/>
      <c r="AE7596" s="1"/>
    </row>
    <row r="7597" spans="1:31" ht="14.45">
      <c r="A7597" s="11"/>
      <c r="B7597" s="20"/>
      <c r="C7597" s="2" t="s">
        <v>23263</v>
      </c>
      <c r="D7597" s="14" t="s">
        <v>23264</v>
      </c>
      <c r="E7597" s="2" t="s">
        <v>23265</v>
      </c>
      <c r="F7597" s="2" t="s">
        <v>16014</v>
      </c>
      <c r="G7597" s="8">
        <v>321</v>
      </c>
      <c r="H7597" s="5">
        <v>6</v>
      </c>
      <c r="I7597" s="5" t="s">
        <v>1518</v>
      </c>
      <c r="J7597" s="5" t="s">
        <v>1519</v>
      </c>
      <c r="K7597" s="2" t="s">
        <v>1520</v>
      </c>
      <c r="L7597" s="5" t="s">
        <v>1519</v>
      </c>
      <c r="M7597" s="2" t="s">
        <v>1520</v>
      </c>
      <c r="N7597" s="5" t="s">
        <v>1521</v>
      </c>
      <c r="O7597" s="5" t="s">
        <v>38</v>
      </c>
      <c r="P7597" s="5" t="s">
        <v>39</v>
      </c>
      <c r="Q7597" s="5" t="s">
        <v>40</v>
      </c>
      <c r="R7597" s="5" t="s">
        <v>1522</v>
      </c>
      <c r="S7597" s="5" t="s">
        <v>1523</v>
      </c>
      <c r="T7597" s="5" t="s">
        <v>42</v>
      </c>
      <c r="U7597" s="2">
        <v>3.714</v>
      </c>
      <c r="V7597" s="2">
        <v>3.1419999999999999</v>
      </c>
      <c r="W7597" s="2">
        <v>1.7999999999999999E-2</v>
      </c>
      <c r="X7597" s="2">
        <v>139.1</v>
      </c>
      <c r="Y7597" s="2">
        <v>7.6</v>
      </c>
      <c r="Z7597" s="2">
        <v>16.7</v>
      </c>
      <c r="AA7597" s="5"/>
      <c r="AB7597" s="5" t="s">
        <v>43</v>
      </c>
      <c r="AC7597" s="5" t="s">
        <v>44</v>
      </c>
      <c r="AD7597" s="2"/>
      <c r="AE7597" s="1"/>
    </row>
    <row r="7598" spans="1:31" ht="14.45">
      <c r="A7598" s="11"/>
      <c r="B7598" s="20"/>
      <c r="C7598" s="2" t="s">
        <v>23266</v>
      </c>
      <c r="D7598" s="14" t="s">
        <v>23267</v>
      </c>
      <c r="E7598" s="2" t="s">
        <v>23268</v>
      </c>
      <c r="F7598" s="2" t="s">
        <v>16018</v>
      </c>
      <c r="G7598" s="8">
        <v>321</v>
      </c>
      <c r="H7598" s="5">
        <v>6</v>
      </c>
      <c r="I7598" s="5" t="s">
        <v>1518</v>
      </c>
      <c r="J7598" s="5" t="s">
        <v>1519</v>
      </c>
      <c r="K7598" s="2" t="s">
        <v>1520</v>
      </c>
      <c r="L7598" s="5" t="s">
        <v>1519</v>
      </c>
      <c r="M7598" s="2" t="s">
        <v>1520</v>
      </c>
      <c r="N7598" s="5" t="s">
        <v>1521</v>
      </c>
      <c r="O7598" s="5" t="s">
        <v>38</v>
      </c>
      <c r="P7598" s="5" t="s">
        <v>39</v>
      </c>
      <c r="Q7598" s="5" t="s">
        <v>40</v>
      </c>
      <c r="R7598" s="5" t="s">
        <v>1522</v>
      </c>
      <c r="S7598" s="5" t="s">
        <v>1523</v>
      </c>
      <c r="T7598" s="5" t="s">
        <v>42</v>
      </c>
      <c r="U7598" s="2">
        <v>3.714</v>
      </c>
      <c r="V7598" s="2">
        <v>3.1419999999999999</v>
      </c>
      <c r="W7598" s="2">
        <v>1.7999999999999999E-2</v>
      </c>
      <c r="X7598" s="2">
        <v>139.1</v>
      </c>
      <c r="Y7598" s="2">
        <v>7.6</v>
      </c>
      <c r="Z7598" s="2">
        <v>16.7</v>
      </c>
      <c r="AA7598" s="5"/>
      <c r="AB7598" s="5" t="s">
        <v>43</v>
      </c>
      <c r="AC7598" s="5" t="s">
        <v>44</v>
      </c>
      <c r="AD7598" s="2"/>
      <c r="AE7598" s="1"/>
    </row>
    <row r="7599" spans="1:31" ht="14.45">
      <c r="A7599" s="11"/>
      <c r="B7599" s="20"/>
      <c r="C7599" s="2" t="s">
        <v>23269</v>
      </c>
      <c r="D7599" s="14" t="s">
        <v>23270</v>
      </c>
      <c r="E7599" s="2" t="s">
        <v>23271</v>
      </c>
      <c r="F7599" s="2" t="s">
        <v>16022</v>
      </c>
      <c r="G7599" s="8">
        <v>321</v>
      </c>
      <c r="H7599" s="5">
        <v>6</v>
      </c>
      <c r="I7599" s="5" t="s">
        <v>1518</v>
      </c>
      <c r="J7599" s="5" t="s">
        <v>1519</v>
      </c>
      <c r="K7599" s="2" t="s">
        <v>1520</v>
      </c>
      <c r="L7599" s="5" t="s">
        <v>1519</v>
      </c>
      <c r="M7599" s="2" t="s">
        <v>1520</v>
      </c>
      <c r="N7599" s="5" t="s">
        <v>1521</v>
      </c>
      <c r="O7599" s="5" t="s">
        <v>38</v>
      </c>
      <c r="P7599" s="5" t="s">
        <v>39</v>
      </c>
      <c r="Q7599" s="5" t="s">
        <v>40</v>
      </c>
      <c r="R7599" s="5" t="s">
        <v>1522</v>
      </c>
      <c r="S7599" s="5" t="s">
        <v>1523</v>
      </c>
      <c r="T7599" s="5" t="s">
        <v>42</v>
      </c>
      <c r="U7599" s="2">
        <v>3.8340000000000001</v>
      </c>
      <c r="V7599" s="2">
        <v>3.262</v>
      </c>
      <c r="W7599" s="2">
        <v>1.7999999999999999E-2</v>
      </c>
      <c r="X7599" s="2">
        <v>139.1</v>
      </c>
      <c r="Y7599" s="2">
        <v>7.6</v>
      </c>
      <c r="Z7599" s="2">
        <v>16.7</v>
      </c>
      <c r="AA7599" s="5"/>
      <c r="AB7599" s="5" t="s">
        <v>43</v>
      </c>
      <c r="AC7599" s="5" t="s">
        <v>44</v>
      </c>
      <c r="AD7599" s="2"/>
      <c r="AE7599" s="1"/>
    </row>
    <row r="7600" spans="1:31" ht="14.45">
      <c r="A7600" s="11"/>
      <c r="B7600" s="20"/>
      <c r="C7600" s="2" t="s">
        <v>23272</v>
      </c>
      <c r="D7600" s="14" t="s">
        <v>23273</v>
      </c>
      <c r="E7600" s="2" t="s">
        <v>23274</v>
      </c>
      <c r="F7600" s="2" t="s">
        <v>7615</v>
      </c>
      <c r="G7600" s="8">
        <v>321</v>
      </c>
      <c r="H7600" s="5">
        <v>6</v>
      </c>
      <c r="I7600" s="5" t="s">
        <v>1518</v>
      </c>
      <c r="J7600" s="5" t="s">
        <v>1519</v>
      </c>
      <c r="K7600" s="2" t="s">
        <v>1520</v>
      </c>
      <c r="L7600" s="5" t="s">
        <v>1519</v>
      </c>
      <c r="M7600" s="2" t="s">
        <v>1520</v>
      </c>
      <c r="N7600" s="5" t="s">
        <v>1521</v>
      </c>
      <c r="O7600" s="5" t="s">
        <v>38</v>
      </c>
      <c r="P7600" s="5" t="s">
        <v>39</v>
      </c>
      <c r="Q7600" s="5" t="s">
        <v>40</v>
      </c>
      <c r="R7600" s="5" t="s">
        <v>1522</v>
      </c>
      <c r="S7600" s="5" t="s">
        <v>1523</v>
      </c>
      <c r="T7600" s="5" t="s">
        <v>42</v>
      </c>
      <c r="U7600" s="2">
        <v>3.6739999999999999</v>
      </c>
      <c r="V7600" s="2">
        <v>3.1019999999999999</v>
      </c>
      <c r="W7600" s="2">
        <v>1.7999999999999999E-2</v>
      </c>
      <c r="X7600" s="2">
        <v>139.1</v>
      </c>
      <c r="Y7600" s="2">
        <v>7.6</v>
      </c>
      <c r="Z7600" s="2">
        <v>16.7</v>
      </c>
      <c r="AA7600" s="5"/>
      <c r="AB7600" s="5" t="s">
        <v>43</v>
      </c>
      <c r="AC7600" s="5" t="s">
        <v>44</v>
      </c>
      <c r="AD7600" s="2"/>
      <c r="AE7600" s="1"/>
    </row>
    <row r="7601" spans="1:31" ht="14.45">
      <c r="A7601" s="11"/>
      <c r="B7601" s="20"/>
      <c r="C7601" s="2" t="s">
        <v>23275</v>
      </c>
      <c r="D7601" s="14" t="s">
        <v>23276</v>
      </c>
      <c r="E7601" s="2" t="s">
        <v>23277</v>
      </c>
      <c r="F7601" s="2" t="s">
        <v>7619</v>
      </c>
      <c r="G7601" s="8">
        <v>321</v>
      </c>
      <c r="H7601" s="5">
        <v>6</v>
      </c>
      <c r="I7601" s="5" t="s">
        <v>1518</v>
      </c>
      <c r="J7601" s="5" t="s">
        <v>1519</v>
      </c>
      <c r="K7601" s="2" t="s">
        <v>1520</v>
      </c>
      <c r="L7601" s="5" t="s">
        <v>1519</v>
      </c>
      <c r="M7601" s="2" t="s">
        <v>1520</v>
      </c>
      <c r="N7601" s="5" t="s">
        <v>1521</v>
      </c>
      <c r="O7601" s="5" t="s">
        <v>38</v>
      </c>
      <c r="P7601" s="5" t="s">
        <v>39</v>
      </c>
      <c r="Q7601" s="5" t="s">
        <v>40</v>
      </c>
      <c r="R7601" s="5" t="s">
        <v>1522</v>
      </c>
      <c r="S7601" s="5" t="s">
        <v>1523</v>
      </c>
      <c r="T7601" s="5" t="s">
        <v>42</v>
      </c>
      <c r="U7601" s="2">
        <v>3.794</v>
      </c>
      <c r="V7601" s="2">
        <v>3.222</v>
      </c>
      <c r="W7601" s="2">
        <v>1.7999999999999999E-2</v>
      </c>
      <c r="X7601" s="2">
        <v>139.1</v>
      </c>
      <c r="Y7601" s="2">
        <v>7.6</v>
      </c>
      <c r="Z7601" s="2">
        <v>16.7</v>
      </c>
      <c r="AA7601" s="5"/>
      <c r="AB7601" s="5" t="s">
        <v>43</v>
      </c>
      <c r="AC7601" s="5" t="s">
        <v>44</v>
      </c>
      <c r="AD7601" s="2"/>
      <c r="AE7601" s="1"/>
    </row>
    <row r="7602" spans="1:31" ht="14.45">
      <c r="A7602" s="11"/>
      <c r="B7602" s="20"/>
      <c r="C7602" s="2" t="s">
        <v>23278</v>
      </c>
      <c r="D7602" s="14" t="s">
        <v>23279</v>
      </c>
      <c r="E7602" s="2" t="s">
        <v>23280</v>
      </c>
      <c r="F7602" s="2" t="s">
        <v>16029</v>
      </c>
      <c r="G7602" s="8">
        <v>321</v>
      </c>
      <c r="H7602" s="5">
        <v>11</v>
      </c>
      <c r="I7602" s="5" t="s">
        <v>1518</v>
      </c>
      <c r="J7602" s="5" t="s">
        <v>1519</v>
      </c>
      <c r="K7602" s="2" t="s">
        <v>1520</v>
      </c>
      <c r="L7602" s="5" t="s">
        <v>1519</v>
      </c>
      <c r="M7602" s="2" t="s">
        <v>1520</v>
      </c>
      <c r="N7602" s="5" t="s">
        <v>1521</v>
      </c>
      <c r="O7602" s="5" t="s">
        <v>38</v>
      </c>
      <c r="P7602" s="5" t="s">
        <v>39</v>
      </c>
      <c r="Q7602" s="5" t="s">
        <v>40</v>
      </c>
      <c r="R7602" s="5" t="s">
        <v>1522</v>
      </c>
      <c r="S7602" s="5" t="s">
        <v>1523</v>
      </c>
      <c r="T7602" s="5" t="s">
        <v>42</v>
      </c>
      <c r="U7602" s="2">
        <v>3.7149999999999999</v>
      </c>
      <c r="V7602" s="2">
        <v>3.1429999999999998</v>
      </c>
      <c r="W7602" s="2">
        <v>1.7999999999999999E-2</v>
      </c>
      <c r="X7602" s="2">
        <v>139.1</v>
      </c>
      <c r="Y7602" s="2">
        <v>7.6</v>
      </c>
      <c r="Z7602" s="2">
        <v>16.7</v>
      </c>
      <c r="AA7602" s="5"/>
      <c r="AB7602" s="5" t="s">
        <v>43</v>
      </c>
      <c r="AC7602" s="5" t="s">
        <v>44</v>
      </c>
      <c r="AD7602" s="2"/>
      <c r="AE7602" s="1"/>
    </row>
    <row r="7603" spans="1:31" ht="14.45">
      <c r="A7603" s="11"/>
      <c r="B7603" s="20"/>
      <c r="C7603" s="2" t="s">
        <v>23281</v>
      </c>
      <c r="D7603" s="14" t="s">
        <v>23282</v>
      </c>
      <c r="E7603" s="2" t="s">
        <v>23283</v>
      </c>
      <c r="F7603" s="2" t="s">
        <v>16033</v>
      </c>
      <c r="G7603" s="8">
        <v>321</v>
      </c>
      <c r="H7603" s="5">
        <v>11</v>
      </c>
      <c r="I7603" s="5" t="s">
        <v>1518</v>
      </c>
      <c r="J7603" s="5" t="s">
        <v>1519</v>
      </c>
      <c r="K7603" s="2" t="s">
        <v>1520</v>
      </c>
      <c r="L7603" s="5" t="s">
        <v>1519</v>
      </c>
      <c r="M7603" s="2" t="s">
        <v>1520</v>
      </c>
      <c r="N7603" s="5" t="s">
        <v>1521</v>
      </c>
      <c r="O7603" s="5" t="s">
        <v>38</v>
      </c>
      <c r="P7603" s="5" t="s">
        <v>39</v>
      </c>
      <c r="Q7603" s="5" t="s">
        <v>40</v>
      </c>
      <c r="R7603" s="5" t="s">
        <v>1522</v>
      </c>
      <c r="S7603" s="5" t="s">
        <v>1523</v>
      </c>
      <c r="T7603" s="5" t="s">
        <v>42</v>
      </c>
      <c r="U7603" s="2">
        <v>3.835</v>
      </c>
      <c r="V7603" s="2">
        <v>3.2629999999999999</v>
      </c>
      <c r="W7603" s="2">
        <v>1.7999999999999999E-2</v>
      </c>
      <c r="X7603" s="2">
        <v>139.1</v>
      </c>
      <c r="Y7603" s="2">
        <v>7.6</v>
      </c>
      <c r="Z7603" s="2">
        <v>16.7</v>
      </c>
      <c r="AA7603" s="5"/>
      <c r="AB7603" s="5" t="s">
        <v>43</v>
      </c>
      <c r="AC7603" s="5" t="s">
        <v>44</v>
      </c>
      <c r="AD7603" s="2"/>
      <c r="AE7603" s="1"/>
    </row>
    <row r="7604" spans="1:31" ht="14.45">
      <c r="A7604" s="11"/>
      <c r="B7604" s="20"/>
      <c r="C7604" s="2" t="s">
        <v>23284</v>
      </c>
      <c r="D7604" s="14" t="s">
        <v>23285</v>
      </c>
      <c r="E7604" s="2" t="s">
        <v>23286</v>
      </c>
      <c r="F7604" s="2" t="s">
        <v>7396</v>
      </c>
      <c r="G7604" s="8">
        <v>270</v>
      </c>
      <c r="H7604" s="5">
        <v>6</v>
      </c>
      <c r="I7604" s="5" t="s">
        <v>1518</v>
      </c>
      <c r="J7604" s="5" t="s">
        <v>1519</v>
      </c>
      <c r="K7604" s="2" t="s">
        <v>1520</v>
      </c>
      <c r="L7604" s="5" t="s">
        <v>1519</v>
      </c>
      <c r="M7604" s="2" t="s">
        <v>1520</v>
      </c>
      <c r="N7604" s="5" t="s">
        <v>1521</v>
      </c>
      <c r="O7604" s="5" t="s">
        <v>38</v>
      </c>
      <c r="P7604" s="5" t="s">
        <v>39</v>
      </c>
      <c r="Q7604" s="5" t="s">
        <v>40</v>
      </c>
      <c r="R7604" s="5" t="s">
        <v>1522</v>
      </c>
      <c r="S7604" s="5" t="s">
        <v>1523</v>
      </c>
      <c r="T7604" s="5" t="s">
        <v>42</v>
      </c>
      <c r="U7604" s="2">
        <v>2.867</v>
      </c>
      <c r="V7604" s="2">
        <v>2.2549999999999999</v>
      </c>
      <c r="W7604" s="2">
        <v>1.7999999999999999E-2</v>
      </c>
      <c r="X7604" s="2">
        <v>139.1</v>
      </c>
      <c r="Y7604" s="2">
        <v>7.6</v>
      </c>
      <c r="Z7604" s="2">
        <v>16.7</v>
      </c>
      <c r="AA7604" s="5"/>
      <c r="AB7604" s="5" t="s">
        <v>43</v>
      </c>
      <c r="AC7604" s="5" t="s">
        <v>44</v>
      </c>
      <c r="AD7604" s="2"/>
      <c r="AE7604" s="1"/>
    </row>
    <row r="7605" spans="1:31" ht="14.45">
      <c r="A7605" s="11"/>
      <c r="B7605" s="20"/>
      <c r="C7605" s="2" t="s">
        <v>23287</v>
      </c>
      <c r="D7605" s="14" t="s">
        <v>23288</v>
      </c>
      <c r="E7605" s="2" t="s">
        <v>23289</v>
      </c>
      <c r="F7605" s="2" t="s">
        <v>7507</v>
      </c>
      <c r="G7605" s="8">
        <v>270</v>
      </c>
      <c r="H7605" s="5">
        <v>6</v>
      </c>
      <c r="I7605" s="5" t="s">
        <v>1518</v>
      </c>
      <c r="J7605" s="5" t="s">
        <v>1519</v>
      </c>
      <c r="K7605" s="2" t="s">
        <v>1520</v>
      </c>
      <c r="L7605" s="5" t="s">
        <v>1519</v>
      </c>
      <c r="M7605" s="2" t="s">
        <v>1520</v>
      </c>
      <c r="N7605" s="5" t="s">
        <v>1521</v>
      </c>
      <c r="O7605" s="5" t="s">
        <v>38</v>
      </c>
      <c r="P7605" s="5" t="s">
        <v>39</v>
      </c>
      <c r="Q7605" s="5" t="s">
        <v>40</v>
      </c>
      <c r="R7605" s="5" t="s">
        <v>1522</v>
      </c>
      <c r="S7605" s="5" t="s">
        <v>1523</v>
      </c>
      <c r="T7605" s="5" t="s">
        <v>42</v>
      </c>
      <c r="U7605" s="2">
        <v>2.9329999999999998</v>
      </c>
      <c r="V7605" s="2">
        <v>2.3210000000000002</v>
      </c>
      <c r="W7605" s="2">
        <v>1.7999999999999999E-2</v>
      </c>
      <c r="X7605" s="2">
        <v>139.1</v>
      </c>
      <c r="Y7605" s="2">
        <v>7.6</v>
      </c>
      <c r="Z7605" s="2">
        <v>16.7</v>
      </c>
      <c r="AA7605" s="5"/>
      <c r="AB7605" s="5" t="s">
        <v>43</v>
      </c>
      <c r="AC7605" s="5" t="s">
        <v>44</v>
      </c>
      <c r="AD7605" s="2"/>
      <c r="AE7605" s="1"/>
    </row>
    <row r="7606" spans="1:31" ht="14.45">
      <c r="A7606" s="11"/>
      <c r="B7606" s="20"/>
      <c r="C7606" s="2" t="s">
        <v>23290</v>
      </c>
      <c r="D7606" s="14" t="s">
        <v>23291</v>
      </c>
      <c r="E7606" s="2" t="s">
        <v>23292</v>
      </c>
      <c r="F7606" s="2" t="s">
        <v>7204</v>
      </c>
      <c r="G7606" s="8">
        <v>270</v>
      </c>
      <c r="H7606" s="5">
        <v>6</v>
      </c>
      <c r="I7606" s="5" t="s">
        <v>1518</v>
      </c>
      <c r="J7606" s="5" t="s">
        <v>1519</v>
      </c>
      <c r="K7606" s="2" t="s">
        <v>1520</v>
      </c>
      <c r="L7606" s="5" t="s">
        <v>1519</v>
      </c>
      <c r="M7606" s="2" t="s">
        <v>1520</v>
      </c>
      <c r="N7606" s="5" t="s">
        <v>1521</v>
      </c>
      <c r="O7606" s="5" t="s">
        <v>38</v>
      </c>
      <c r="P7606" s="5" t="s">
        <v>39</v>
      </c>
      <c r="Q7606" s="5" t="s">
        <v>40</v>
      </c>
      <c r="R7606" s="5" t="s">
        <v>1522</v>
      </c>
      <c r="S7606" s="5" t="s">
        <v>1523</v>
      </c>
      <c r="T7606" s="5" t="s">
        <v>42</v>
      </c>
      <c r="U7606" s="2">
        <v>2.871</v>
      </c>
      <c r="V7606" s="2">
        <v>2.2589999999999999</v>
      </c>
      <c r="W7606" s="2">
        <v>1.7999999999999999E-2</v>
      </c>
      <c r="X7606" s="2">
        <v>139.1</v>
      </c>
      <c r="Y7606" s="2">
        <v>7.6</v>
      </c>
      <c r="Z7606" s="2">
        <v>16.7</v>
      </c>
      <c r="AA7606" s="5"/>
      <c r="AB7606" s="5" t="s">
        <v>43</v>
      </c>
      <c r="AC7606" s="5" t="s">
        <v>44</v>
      </c>
      <c r="AD7606" s="2"/>
      <c r="AE7606" s="1"/>
    </row>
    <row r="7607" spans="1:31" ht="14.45">
      <c r="A7607" s="11"/>
      <c r="B7607" s="20"/>
      <c r="C7607" s="2" t="s">
        <v>23293</v>
      </c>
      <c r="D7607" s="14" t="s">
        <v>23294</v>
      </c>
      <c r="E7607" s="2" t="s">
        <v>23295</v>
      </c>
      <c r="F7607" s="2" t="s">
        <v>7514</v>
      </c>
      <c r="G7607" s="8">
        <v>270</v>
      </c>
      <c r="H7607" s="5">
        <v>6</v>
      </c>
      <c r="I7607" s="5" t="s">
        <v>1518</v>
      </c>
      <c r="J7607" s="5" t="s">
        <v>1519</v>
      </c>
      <c r="K7607" s="2" t="s">
        <v>1520</v>
      </c>
      <c r="L7607" s="5" t="s">
        <v>1519</v>
      </c>
      <c r="M7607" s="2" t="s">
        <v>1520</v>
      </c>
      <c r="N7607" s="5" t="s">
        <v>1521</v>
      </c>
      <c r="O7607" s="5" t="s">
        <v>38</v>
      </c>
      <c r="P7607" s="5" t="s">
        <v>39</v>
      </c>
      <c r="Q7607" s="5" t="s">
        <v>40</v>
      </c>
      <c r="R7607" s="5" t="s">
        <v>1522</v>
      </c>
      <c r="S7607" s="5" t="s">
        <v>1523</v>
      </c>
      <c r="T7607" s="5" t="s">
        <v>42</v>
      </c>
      <c r="U7607" s="2">
        <v>2.9369999999999998</v>
      </c>
      <c r="V7607" s="2">
        <v>2.3250000000000002</v>
      </c>
      <c r="W7607" s="2">
        <v>1.7999999999999999E-2</v>
      </c>
      <c r="X7607" s="2">
        <v>139.1</v>
      </c>
      <c r="Y7607" s="2">
        <v>7.6</v>
      </c>
      <c r="Z7607" s="2">
        <v>16.7</v>
      </c>
      <c r="AA7607" s="5"/>
      <c r="AB7607" s="5" t="s">
        <v>43</v>
      </c>
      <c r="AC7607" s="5" t="s">
        <v>44</v>
      </c>
      <c r="AD7607" s="2"/>
      <c r="AE7607" s="1"/>
    </row>
    <row r="7608" spans="1:31" ht="14.45">
      <c r="A7608" s="11"/>
      <c r="B7608" s="20"/>
      <c r="C7608" s="2" t="s">
        <v>23296</v>
      </c>
      <c r="D7608" s="14" t="s">
        <v>23297</v>
      </c>
      <c r="E7608" s="2" t="s">
        <v>23298</v>
      </c>
      <c r="F7608" s="2" t="s">
        <v>7208</v>
      </c>
      <c r="G7608" s="8">
        <v>270</v>
      </c>
      <c r="H7608" s="5">
        <v>6</v>
      </c>
      <c r="I7608" s="5" t="s">
        <v>1518</v>
      </c>
      <c r="J7608" s="5" t="s">
        <v>1519</v>
      </c>
      <c r="K7608" s="2" t="s">
        <v>1520</v>
      </c>
      <c r="L7608" s="5" t="s">
        <v>1519</v>
      </c>
      <c r="M7608" s="2" t="s">
        <v>1520</v>
      </c>
      <c r="N7608" s="5" t="s">
        <v>1521</v>
      </c>
      <c r="O7608" s="5" t="s">
        <v>38</v>
      </c>
      <c r="P7608" s="5" t="s">
        <v>39</v>
      </c>
      <c r="Q7608" s="5" t="s">
        <v>40</v>
      </c>
      <c r="R7608" s="5" t="s">
        <v>1522</v>
      </c>
      <c r="S7608" s="5" t="s">
        <v>1523</v>
      </c>
      <c r="T7608" s="5" t="s">
        <v>42</v>
      </c>
      <c r="U7608" s="2">
        <v>2.871</v>
      </c>
      <c r="V7608" s="2">
        <v>2.2589999999999999</v>
      </c>
      <c r="W7608" s="2">
        <v>1.7999999999999999E-2</v>
      </c>
      <c r="X7608" s="2">
        <v>139.1</v>
      </c>
      <c r="Y7608" s="2">
        <v>7.6</v>
      </c>
      <c r="Z7608" s="2">
        <v>16.7</v>
      </c>
      <c r="AA7608" s="5"/>
      <c r="AB7608" s="5" t="s">
        <v>43</v>
      </c>
      <c r="AC7608" s="5" t="s">
        <v>44</v>
      </c>
      <c r="AD7608" s="2"/>
      <c r="AE7608" s="1"/>
    </row>
    <row r="7609" spans="1:31" ht="14.45">
      <c r="A7609" s="11"/>
      <c r="B7609" s="20"/>
      <c r="C7609" s="2" t="s">
        <v>23299</v>
      </c>
      <c r="D7609" s="14" t="s">
        <v>23300</v>
      </c>
      <c r="E7609" s="2" t="s">
        <v>23301</v>
      </c>
      <c r="F7609" s="2" t="s">
        <v>7212</v>
      </c>
      <c r="G7609" s="8">
        <v>270</v>
      </c>
      <c r="H7609" s="5">
        <v>6</v>
      </c>
      <c r="I7609" s="5" t="s">
        <v>1518</v>
      </c>
      <c r="J7609" s="5" t="s">
        <v>1519</v>
      </c>
      <c r="K7609" s="2" t="s">
        <v>1520</v>
      </c>
      <c r="L7609" s="5" t="s">
        <v>1519</v>
      </c>
      <c r="M7609" s="2" t="s">
        <v>1520</v>
      </c>
      <c r="N7609" s="5" t="s">
        <v>1521</v>
      </c>
      <c r="O7609" s="5" t="s">
        <v>38</v>
      </c>
      <c r="P7609" s="5" t="s">
        <v>39</v>
      </c>
      <c r="Q7609" s="5" t="s">
        <v>40</v>
      </c>
      <c r="R7609" s="5" t="s">
        <v>1522</v>
      </c>
      <c r="S7609" s="5" t="s">
        <v>1523</v>
      </c>
      <c r="T7609" s="5" t="s">
        <v>42</v>
      </c>
      <c r="U7609" s="2">
        <v>2.8570000000000002</v>
      </c>
      <c r="V7609" s="2">
        <v>2.2450000000000001</v>
      </c>
      <c r="W7609" s="2">
        <v>1.7999999999999999E-2</v>
      </c>
      <c r="X7609" s="2">
        <v>139.1</v>
      </c>
      <c r="Y7609" s="2">
        <v>7.6</v>
      </c>
      <c r="Z7609" s="2">
        <v>16.7</v>
      </c>
      <c r="AA7609" s="5"/>
      <c r="AB7609" s="5" t="s">
        <v>43</v>
      </c>
      <c r="AC7609" s="5" t="s">
        <v>44</v>
      </c>
      <c r="AD7609" s="2"/>
      <c r="AE7609" s="1"/>
    </row>
    <row r="7610" spans="1:31" ht="14.45">
      <c r="A7610" s="11"/>
      <c r="B7610" s="20"/>
      <c r="C7610" s="2" t="s">
        <v>23302</v>
      </c>
      <c r="D7610" s="14" t="s">
        <v>23303</v>
      </c>
      <c r="E7610" s="2" t="s">
        <v>23304</v>
      </c>
      <c r="F7610" s="2" t="s">
        <v>7535</v>
      </c>
      <c r="G7610" s="8">
        <v>291</v>
      </c>
      <c r="H7610" s="5">
        <v>6</v>
      </c>
      <c r="I7610" s="5" t="s">
        <v>1518</v>
      </c>
      <c r="J7610" s="5" t="s">
        <v>1519</v>
      </c>
      <c r="K7610" s="2" t="s">
        <v>1520</v>
      </c>
      <c r="L7610" s="5" t="s">
        <v>1519</v>
      </c>
      <c r="M7610" s="2" t="s">
        <v>1520</v>
      </c>
      <c r="N7610" s="5" t="s">
        <v>1521</v>
      </c>
      <c r="O7610" s="5" t="s">
        <v>38</v>
      </c>
      <c r="P7610" s="5" t="s">
        <v>39</v>
      </c>
      <c r="Q7610" s="5" t="s">
        <v>40</v>
      </c>
      <c r="R7610" s="5" t="s">
        <v>1522</v>
      </c>
      <c r="S7610" s="5" t="s">
        <v>1523</v>
      </c>
      <c r="T7610" s="5" t="s">
        <v>42</v>
      </c>
      <c r="U7610" s="2">
        <v>2.923</v>
      </c>
      <c r="V7610" s="2">
        <v>2.3109999999999999</v>
      </c>
      <c r="W7610" s="2">
        <v>1.7999999999999999E-2</v>
      </c>
      <c r="X7610" s="2">
        <v>139.1</v>
      </c>
      <c r="Y7610" s="2">
        <v>7.6</v>
      </c>
      <c r="Z7610" s="2">
        <v>16.7</v>
      </c>
      <c r="AA7610" s="5"/>
      <c r="AB7610" s="5" t="s">
        <v>43</v>
      </c>
      <c r="AC7610" s="5" t="s">
        <v>44</v>
      </c>
      <c r="AD7610" s="2"/>
      <c r="AE7610" s="1"/>
    </row>
    <row r="7611" spans="1:31" ht="14.45">
      <c r="A7611" s="11"/>
      <c r="B7611" s="20"/>
      <c r="C7611" s="2" t="s">
        <v>23305</v>
      </c>
      <c r="D7611" s="14" t="s">
        <v>23306</v>
      </c>
      <c r="E7611" s="2" t="s">
        <v>23307</v>
      </c>
      <c r="F7611" s="2" t="s">
        <v>7539</v>
      </c>
      <c r="G7611" s="8">
        <v>291</v>
      </c>
      <c r="H7611" s="5">
        <v>6</v>
      </c>
      <c r="I7611" s="5" t="s">
        <v>1518</v>
      </c>
      <c r="J7611" s="5" t="s">
        <v>1519</v>
      </c>
      <c r="K7611" s="2" t="s">
        <v>1520</v>
      </c>
      <c r="L7611" s="5" t="s">
        <v>1519</v>
      </c>
      <c r="M7611" s="2" t="s">
        <v>1520</v>
      </c>
      <c r="N7611" s="5" t="s">
        <v>1521</v>
      </c>
      <c r="O7611" s="5" t="s">
        <v>38</v>
      </c>
      <c r="P7611" s="5" t="s">
        <v>39</v>
      </c>
      <c r="Q7611" s="5" t="s">
        <v>40</v>
      </c>
      <c r="R7611" s="5" t="s">
        <v>1522</v>
      </c>
      <c r="S7611" s="5" t="s">
        <v>1523</v>
      </c>
      <c r="T7611" s="5" t="s">
        <v>42</v>
      </c>
      <c r="U7611" s="2">
        <v>2.871</v>
      </c>
      <c r="V7611" s="2">
        <v>2.2589999999999999</v>
      </c>
      <c r="W7611" s="2">
        <v>1.7999999999999999E-2</v>
      </c>
      <c r="X7611" s="2">
        <v>139.1</v>
      </c>
      <c r="Y7611" s="2">
        <v>7.6</v>
      </c>
      <c r="Z7611" s="2">
        <v>16.7</v>
      </c>
      <c r="AA7611" s="5"/>
      <c r="AB7611" s="5" t="s">
        <v>43</v>
      </c>
      <c r="AC7611" s="5" t="s">
        <v>44</v>
      </c>
      <c r="AD7611" s="2"/>
      <c r="AE7611" s="1"/>
    </row>
    <row r="7612" spans="1:31" ht="14.45">
      <c r="A7612" s="11"/>
      <c r="B7612" s="20"/>
      <c r="C7612" s="2" t="s">
        <v>23308</v>
      </c>
      <c r="D7612" s="14" t="s">
        <v>23309</v>
      </c>
      <c r="E7612" s="2" t="s">
        <v>23310</v>
      </c>
      <c r="F7612" s="2" t="s">
        <v>7593</v>
      </c>
      <c r="G7612" s="8">
        <v>291</v>
      </c>
      <c r="H7612" s="5">
        <v>6</v>
      </c>
      <c r="I7612" s="5" t="s">
        <v>1518</v>
      </c>
      <c r="J7612" s="5" t="s">
        <v>1519</v>
      </c>
      <c r="K7612" s="2" t="s">
        <v>1520</v>
      </c>
      <c r="L7612" s="5" t="s">
        <v>1519</v>
      </c>
      <c r="M7612" s="2" t="s">
        <v>1520</v>
      </c>
      <c r="N7612" s="5" t="s">
        <v>1521</v>
      </c>
      <c r="O7612" s="5" t="s">
        <v>38</v>
      </c>
      <c r="P7612" s="5" t="s">
        <v>39</v>
      </c>
      <c r="Q7612" s="5" t="s">
        <v>40</v>
      </c>
      <c r="R7612" s="5" t="s">
        <v>1522</v>
      </c>
      <c r="S7612" s="5" t="s">
        <v>1523</v>
      </c>
      <c r="T7612" s="5" t="s">
        <v>42</v>
      </c>
      <c r="U7612" s="2">
        <v>2.871</v>
      </c>
      <c r="V7612" s="2">
        <v>2.2589999999999999</v>
      </c>
      <c r="W7612" s="2">
        <v>1.7999999999999999E-2</v>
      </c>
      <c r="X7612" s="2">
        <v>139.1</v>
      </c>
      <c r="Y7612" s="2">
        <v>7.6</v>
      </c>
      <c r="Z7612" s="2">
        <v>16.7</v>
      </c>
      <c r="AA7612" s="5"/>
      <c r="AB7612" s="5" t="s">
        <v>43</v>
      </c>
      <c r="AC7612" s="5" t="s">
        <v>44</v>
      </c>
      <c r="AD7612" s="2"/>
      <c r="AE7612" s="1"/>
    </row>
    <row r="7613" spans="1:31" ht="14.45">
      <c r="A7613" s="11"/>
      <c r="B7613" s="20"/>
      <c r="C7613" s="2" t="s">
        <v>23311</v>
      </c>
      <c r="D7613" s="14" t="s">
        <v>23312</v>
      </c>
      <c r="E7613" s="2" t="s">
        <v>23313</v>
      </c>
      <c r="F7613" s="2" t="s">
        <v>7597</v>
      </c>
      <c r="G7613" s="8">
        <v>291</v>
      </c>
      <c r="H7613" s="5">
        <v>6</v>
      </c>
      <c r="I7613" s="5" t="s">
        <v>1518</v>
      </c>
      <c r="J7613" s="5" t="s">
        <v>1519</v>
      </c>
      <c r="K7613" s="2" t="s">
        <v>1520</v>
      </c>
      <c r="L7613" s="5" t="s">
        <v>1519</v>
      </c>
      <c r="M7613" s="2" t="s">
        <v>1520</v>
      </c>
      <c r="N7613" s="5" t="s">
        <v>1521</v>
      </c>
      <c r="O7613" s="5" t="s">
        <v>38</v>
      </c>
      <c r="P7613" s="5" t="s">
        <v>39</v>
      </c>
      <c r="Q7613" s="5" t="s">
        <v>40</v>
      </c>
      <c r="R7613" s="5" t="s">
        <v>1522</v>
      </c>
      <c r="S7613" s="5" t="s">
        <v>1523</v>
      </c>
      <c r="T7613" s="5" t="s">
        <v>42</v>
      </c>
      <c r="U7613" s="2">
        <v>2.9369999999999998</v>
      </c>
      <c r="V7613" s="2">
        <v>2.3250000000000002</v>
      </c>
      <c r="W7613" s="2">
        <v>1.7999999999999999E-2</v>
      </c>
      <c r="X7613" s="2">
        <v>139.1</v>
      </c>
      <c r="Y7613" s="2">
        <v>7.6</v>
      </c>
      <c r="Z7613" s="2">
        <v>16.7</v>
      </c>
      <c r="AA7613" s="5"/>
      <c r="AB7613" s="5" t="s">
        <v>43</v>
      </c>
      <c r="AC7613" s="5" t="s">
        <v>44</v>
      </c>
      <c r="AD7613" s="2"/>
      <c r="AE7613" s="1"/>
    </row>
    <row r="7614" spans="1:31" ht="14.45">
      <c r="A7614" s="11"/>
      <c r="B7614" s="20"/>
      <c r="C7614" s="2" t="s">
        <v>23314</v>
      </c>
      <c r="D7614" s="14" t="s">
        <v>23315</v>
      </c>
      <c r="E7614" s="2" t="s">
        <v>23316</v>
      </c>
      <c r="F7614" s="2" t="s">
        <v>16014</v>
      </c>
      <c r="G7614" s="8">
        <v>291</v>
      </c>
      <c r="H7614" s="5">
        <v>6</v>
      </c>
      <c r="I7614" s="5" t="s">
        <v>1518</v>
      </c>
      <c r="J7614" s="5" t="s">
        <v>1519</v>
      </c>
      <c r="K7614" s="2" t="s">
        <v>1520</v>
      </c>
      <c r="L7614" s="5" t="s">
        <v>1519</v>
      </c>
      <c r="M7614" s="2" t="s">
        <v>1520</v>
      </c>
      <c r="N7614" s="5" t="s">
        <v>1521</v>
      </c>
      <c r="O7614" s="5" t="s">
        <v>38</v>
      </c>
      <c r="P7614" s="5" t="s">
        <v>39</v>
      </c>
      <c r="Q7614" s="5" t="s">
        <v>40</v>
      </c>
      <c r="R7614" s="5" t="s">
        <v>1522</v>
      </c>
      <c r="S7614" s="5" t="s">
        <v>1523</v>
      </c>
      <c r="T7614" s="5" t="s">
        <v>42</v>
      </c>
      <c r="U7614" s="2">
        <v>2.871</v>
      </c>
      <c r="V7614" s="2">
        <v>2.2589999999999999</v>
      </c>
      <c r="W7614" s="2">
        <v>1.7999999999999999E-2</v>
      </c>
      <c r="X7614" s="2">
        <v>139.1</v>
      </c>
      <c r="Y7614" s="2">
        <v>7.6</v>
      </c>
      <c r="Z7614" s="2">
        <v>16.7</v>
      </c>
      <c r="AA7614" s="5"/>
      <c r="AB7614" s="5" t="s">
        <v>43</v>
      </c>
      <c r="AC7614" s="5" t="s">
        <v>44</v>
      </c>
      <c r="AD7614" s="2"/>
      <c r="AE7614" s="1"/>
    </row>
    <row r="7615" spans="1:31" ht="14.45">
      <c r="A7615" s="11"/>
      <c r="B7615" s="20"/>
      <c r="C7615" s="2" t="s">
        <v>23317</v>
      </c>
      <c r="D7615" s="14" t="s">
        <v>23318</v>
      </c>
      <c r="E7615" s="2" t="s">
        <v>23319</v>
      </c>
      <c r="F7615" s="2" t="s">
        <v>16022</v>
      </c>
      <c r="G7615" s="8">
        <v>291</v>
      </c>
      <c r="H7615" s="5">
        <v>6</v>
      </c>
      <c r="I7615" s="5" t="s">
        <v>1518</v>
      </c>
      <c r="J7615" s="5" t="s">
        <v>1519</v>
      </c>
      <c r="K7615" s="2" t="s">
        <v>1520</v>
      </c>
      <c r="L7615" s="5" t="s">
        <v>1519</v>
      </c>
      <c r="M7615" s="2" t="s">
        <v>1520</v>
      </c>
      <c r="N7615" s="5" t="s">
        <v>1521</v>
      </c>
      <c r="O7615" s="5" t="s">
        <v>38</v>
      </c>
      <c r="P7615" s="5" t="s">
        <v>39</v>
      </c>
      <c r="Q7615" s="5" t="s">
        <v>40</v>
      </c>
      <c r="R7615" s="5" t="s">
        <v>1522</v>
      </c>
      <c r="S7615" s="5" t="s">
        <v>1523</v>
      </c>
      <c r="T7615" s="5" t="s">
        <v>42</v>
      </c>
      <c r="U7615" s="2">
        <v>2.9369999999999998</v>
      </c>
      <c r="V7615" s="2">
        <v>2.3250000000000002</v>
      </c>
      <c r="W7615" s="2">
        <v>1.7999999999999999E-2</v>
      </c>
      <c r="X7615" s="2">
        <v>139.1</v>
      </c>
      <c r="Y7615" s="2">
        <v>7.6</v>
      </c>
      <c r="Z7615" s="2">
        <v>16.7</v>
      </c>
      <c r="AA7615" s="5"/>
      <c r="AB7615" s="5" t="s">
        <v>43</v>
      </c>
      <c r="AC7615" s="5" t="s">
        <v>44</v>
      </c>
      <c r="AD7615" s="2"/>
      <c r="AE7615" s="1"/>
    </row>
    <row r="7616" spans="1:31" ht="14.45">
      <c r="A7616" s="11"/>
      <c r="B7616" s="20"/>
      <c r="C7616" s="2" t="s">
        <v>23320</v>
      </c>
      <c r="D7616" s="14" t="s">
        <v>23321</v>
      </c>
      <c r="E7616" s="2" t="s">
        <v>23322</v>
      </c>
      <c r="F7616" s="2" t="s">
        <v>16029</v>
      </c>
      <c r="G7616" s="8">
        <v>291</v>
      </c>
      <c r="H7616" s="5">
        <v>11</v>
      </c>
      <c r="I7616" s="5" t="s">
        <v>1518</v>
      </c>
      <c r="J7616" s="5" t="s">
        <v>1519</v>
      </c>
      <c r="K7616" s="2" t="s">
        <v>1520</v>
      </c>
      <c r="L7616" s="5" t="s">
        <v>1519</v>
      </c>
      <c r="M7616" s="2" t="s">
        <v>1520</v>
      </c>
      <c r="N7616" s="5" t="s">
        <v>1521</v>
      </c>
      <c r="O7616" s="5" t="s">
        <v>38</v>
      </c>
      <c r="P7616" s="5" t="s">
        <v>39</v>
      </c>
      <c r="Q7616" s="5" t="s">
        <v>40</v>
      </c>
      <c r="R7616" s="5" t="s">
        <v>1522</v>
      </c>
      <c r="S7616" s="5" t="s">
        <v>1523</v>
      </c>
      <c r="T7616" s="5" t="s">
        <v>42</v>
      </c>
      <c r="U7616" s="2">
        <v>2.8719999999999999</v>
      </c>
      <c r="V7616" s="2">
        <v>2.2599999999999998</v>
      </c>
      <c r="W7616" s="2">
        <v>1.7999999999999999E-2</v>
      </c>
      <c r="X7616" s="2">
        <v>139.1</v>
      </c>
      <c r="Y7616" s="2">
        <v>7.6</v>
      </c>
      <c r="Z7616" s="2">
        <v>16.7</v>
      </c>
      <c r="AA7616" s="5"/>
      <c r="AB7616" s="5" t="s">
        <v>43</v>
      </c>
      <c r="AC7616" s="5" t="s">
        <v>44</v>
      </c>
      <c r="AD7616" s="2"/>
      <c r="AE7616" s="1"/>
    </row>
    <row r="7617" spans="1:31" ht="14.45">
      <c r="A7617" s="11"/>
      <c r="B7617" s="20"/>
      <c r="C7617" s="2" t="s">
        <v>23323</v>
      </c>
      <c r="D7617" s="14" t="s">
        <v>23324</v>
      </c>
      <c r="E7617" s="2" t="s">
        <v>23325</v>
      </c>
      <c r="F7617" s="2" t="s">
        <v>16033</v>
      </c>
      <c r="G7617" s="8">
        <v>291</v>
      </c>
      <c r="H7617" s="5">
        <v>11</v>
      </c>
      <c r="I7617" s="5" t="s">
        <v>1518</v>
      </c>
      <c r="J7617" s="5" t="s">
        <v>1519</v>
      </c>
      <c r="K7617" s="2" t="s">
        <v>1520</v>
      </c>
      <c r="L7617" s="5" t="s">
        <v>1519</v>
      </c>
      <c r="M7617" s="2" t="s">
        <v>1520</v>
      </c>
      <c r="N7617" s="5" t="s">
        <v>1521</v>
      </c>
      <c r="O7617" s="5" t="s">
        <v>38</v>
      </c>
      <c r="P7617" s="5" t="s">
        <v>39</v>
      </c>
      <c r="Q7617" s="5" t="s">
        <v>40</v>
      </c>
      <c r="R7617" s="5" t="s">
        <v>1522</v>
      </c>
      <c r="S7617" s="5" t="s">
        <v>1523</v>
      </c>
      <c r="T7617" s="5" t="s">
        <v>42</v>
      </c>
      <c r="U7617" s="2">
        <v>2.9380000000000002</v>
      </c>
      <c r="V7617" s="2">
        <v>2.3260000000000001</v>
      </c>
      <c r="W7617" s="2">
        <v>1.7999999999999999E-2</v>
      </c>
      <c r="X7617" s="2">
        <v>139.1</v>
      </c>
      <c r="Y7617" s="2">
        <v>7.6</v>
      </c>
      <c r="Z7617" s="2">
        <v>16.7</v>
      </c>
      <c r="AA7617" s="5"/>
      <c r="AB7617" s="5" t="s">
        <v>43</v>
      </c>
      <c r="AC7617" s="5" t="s">
        <v>44</v>
      </c>
      <c r="AD7617" s="2"/>
      <c r="AE7617" s="1"/>
    </row>
    <row r="7618" spans="1:31" ht="14.45">
      <c r="A7618" s="11"/>
      <c r="B7618" s="20"/>
      <c r="C7618" s="2" t="s">
        <v>23326</v>
      </c>
      <c r="D7618" s="14" t="s">
        <v>23327</v>
      </c>
      <c r="E7618" s="2" t="s">
        <v>23328</v>
      </c>
      <c r="F7618" s="2" t="s">
        <v>7396</v>
      </c>
      <c r="G7618" s="8">
        <v>270</v>
      </c>
      <c r="H7618" s="5">
        <v>6</v>
      </c>
      <c r="I7618" s="5" t="s">
        <v>1518</v>
      </c>
      <c r="J7618" s="5" t="s">
        <v>1519</v>
      </c>
      <c r="K7618" s="2" t="s">
        <v>1520</v>
      </c>
      <c r="L7618" s="5" t="s">
        <v>1519</v>
      </c>
      <c r="M7618" s="2" t="s">
        <v>1520</v>
      </c>
      <c r="N7618" s="5" t="s">
        <v>1521</v>
      </c>
      <c r="O7618" s="5" t="s">
        <v>38</v>
      </c>
      <c r="P7618" s="5" t="s">
        <v>39</v>
      </c>
      <c r="Q7618" s="5" t="s">
        <v>40</v>
      </c>
      <c r="R7618" s="5" t="s">
        <v>1522</v>
      </c>
      <c r="S7618" s="5" t="s">
        <v>1523</v>
      </c>
      <c r="T7618" s="5" t="s">
        <v>42</v>
      </c>
      <c r="U7618" s="2">
        <v>3.3809999999999998</v>
      </c>
      <c r="V7618" s="2">
        <v>2.794</v>
      </c>
      <c r="W7618" s="2">
        <v>1.7999999999999999E-2</v>
      </c>
      <c r="X7618" s="2">
        <v>139.1</v>
      </c>
      <c r="Y7618" s="2">
        <v>7.6</v>
      </c>
      <c r="Z7618" s="2">
        <v>16.7</v>
      </c>
      <c r="AA7618" s="5"/>
      <c r="AB7618" s="5" t="s">
        <v>43</v>
      </c>
      <c r="AC7618" s="5" t="s">
        <v>44</v>
      </c>
      <c r="AD7618" s="2"/>
      <c r="AE7618" s="1"/>
    </row>
    <row r="7619" spans="1:31" ht="14.45">
      <c r="A7619" s="11"/>
      <c r="B7619" s="20"/>
      <c r="C7619" s="2" t="s">
        <v>23329</v>
      </c>
      <c r="D7619" s="14" t="s">
        <v>23330</v>
      </c>
      <c r="E7619" s="2" t="s">
        <v>23331</v>
      </c>
      <c r="F7619" s="2" t="s">
        <v>7507</v>
      </c>
      <c r="G7619" s="8">
        <v>270</v>
      </c>
      <c r="H7619" s="5">
        <v>6</v>
      </c>
      <c r="I7619" s="5" t="s">
        <v>1518</v>
      </c>
      <c r="J7619" s="5" t="s">
        <v>1519</v>
      </c>
      <c r="K7619" s="2" t="s">
        <v>1520</v>
      </c>
      <c r="L7619" s="5" t="s">
        <v>1519</v>
      </c>
      <c r="M7619" s="2" t="s">
        <v>1520</v>
      </c>
      <c r="N7619" s="5" t="s">
        <v>1521</v>
      </c>
      <c r="O7619" s="5" t="s">
        <v>38</v>
      </c>
      <c r="P7619" s="5" t="s">
        <v>39</v>
      </c>
      <c r="Q7619" s="5" t="s">
        <v>40</v>
      </c>
      <c r="R7619" s="5" t="s">
        <v>1522</v>
      </c>
      <c r="S7619" s="5" t="s">
        <v>1523</v>
      </c>
      <c r="T7619" s="5" t="s">
        <v>42</v>
      </c>
      <c r="U7619" s="2">
        <v>3.4809999999999999</v>
      </c>
      <c r="V7619" s="2">
        <v>2.8940000000000001</v>
      </c>
      <c r="W7619" s="2">
        <v>1.7999999999999999E-2</v>
      </c>
      <c r="X7619" s="2">
        <v>139.1</v>
      </c>
      <c r="Y7619" s="2">
        <v>7.6</v>
      </c>
      <c r="Z7619" s="2">
        <v>16.7</v>
      </c>
      <c r="AA7619" s="5"/>
      <c r="AB7619" s="5" t="s">
        <v>43</v>
      </c>
      <c r="AC7619" s="5" t="s">
        <v>44</v>
      </c>
      <c r="AD7619" s="2"/>
      <c r="AE7619" s="1"/>
    </row>
    <row r="7620" spans="1:31" ht="14.45">
      <c r="A7620" s="11"/>
      <c r="B7620" s="20"/>
      <c r="C7620" s="2" t="s">
        <v>23332</v>
      </c>
      <c r="D7620" s="14" t="s">
        <v>23333</v>
      </c>
      <c r="E7620" s="2" t="s">
        <v>23334</v>
      </c>
      <c r="F7620" s="2" t="s">
        <v>7204</v>
      </c>
      <c r="G7620" s="8">
        <v>270</v>
      </c>
      <c r="H7620" s="5">
        <v>6</v>
      </c>
      <c r="I7620" s="5" t="s">
        <v>1518</v>
      </c>
      <c r="J7620" s="5" t="s">
        <v>1519</v>
      </c>
      <c r="K7620" s="2" t="s">
        <v>1520</v>
      </c>
      <c r="L7620" s="5" t="s">
        <v>1519</v>
      </c>
      <c r="M7620" s="2" t="s">
        <v>1520</v>
      </c>
      <c r="N7620" s="5" t="s">
        <v>1521</v>
      </c>
      <c r="O7620" s="5" t="s">
        <v>38</v>
      </c>
      <c r="P7620" s="5" t="s">
        <v>39</v>
      </c>
      <c r="Q7620" s="5" t="s">
        <v>40</v>
      </c>
      <c r="R7620" s="5" t="s">
        <v>1522</v>
      </c>
      <c r="S7620" s="5" t="s">
        <v>1523</v>
      </c>
      <c r="T7620" s="5" t="s">
        <v>42</v>
      </c>
      <c r="U7620" s="2">
        <v>3.391</v>
      </c>
      <c r="V7620" s="2">
        <v>2.8039999999999998</v>
      </c>
      <c r="W7620" s="2">
        <v>1.7999999999999999E-2</v>
      </c>
      <c r="X7620" s="2">
        <v>139.1</v>
      </c>
      <c r="Y7620" s="2">
        <v>7.6</v>
      </c>
      <c r="Z7620" s="2">
        <v>16.7</v>
      </c>
      <c r="AA7620" s="5"/>
      <c r="AB7620" s="5" t="s">
        <v>43</v>
      </c>
      <c r="AC7620" s="5" t="s">
        <v>44</v>
      </c>
      <c r="AD7620" s="2"/>
      <c r="AE7620" s="1"/>
    </row>
    <row r="7621" spans="1:31" ht="14.45">
      <c r="A7621" s="11"/>
      <c r="B7621" s="20"/>
      <c r="C7621" s="2" t="s">
        <v>23335</v>
      </c>
      <c r="D7621" s="14" t="s">
        <v>23336</v>
      </c>
      <c r="E7621" s="2" t="s">
        <v>23337</v>
      </c>
      <c r="F7621" s="2" t="s">
        <v>7514</v>
      </c>
      <c r="G7621" s="8">
        <v>270</v>
      </c>
      <c r="H7621" s="5">
        <v>6</v>
      </c>
      <c r="I7621" s="5" t="s">
        <v>1518</v>
      </c>
      <c r="J7621" s="5" t="s">
        <v>1519</v>
      </c>
      <c r="K7621" s="2" t="s">
        <v>1520</v>
      </c>
      <c r="L7621" s="5" t="s">
        <v>1519</v>
      </c>
      <c r="M7621" s="2" t="s">
        <v>1520</v>
      </c>
      <c r="N7621" s="5" t="s">
        <v>1521</v>
      </c>
      <c r="O7621" s="5" t="s">
        <v>38</v>
      </c>
      <c r="P7621" s="5" t="s">
        <v>39</v>
      </c>
      <c r="Q7621" s="5" t="s">
        <v>40</v>
      </c>
      <c r="R7621" s="5" t="s">
        <v>1522</v>
      </c>
      <c r="S7621" s="5" t="s">
        <v>1523</v>
      </c>
      <c r="T7621" s="5" t="s">
        <v>42</v>
      </c>
      <c r="U7621" s="2">
        <v>3.4910000000000001</v>
      </c>
      <c r="V7621" s="2">
        <v>2.9039999999999999</v>
      </c>
      <c r="W7621" s="2">
        <v>1.7999999999999999E-2</v>
      </c>
      <c r="X7621" s="2">
        <v>139.1</v>
      </c>
      <c r="Y7621" s="2">
        <v>7.6</v>
      </c>
      <c r="Z7621" s="2">
        <v>16.7</v>
      </c>
      <c r="AA7621" s="5"/>
      <c r="AB7621" s="5" t="s">
        <v>43</v>
      </c>
      <c r="AC7621" s="5" t="s">
        <v>44</v>
      </c>
      <c r="AD7621" s="2"/>
      <c r="AE7621" s="1"/>
    </row>
    <row r="7622" spans="1:31" ht="14.45">
      <c r="A7622" s="11"/>
      <c r="B7622" s="20"/>
      <c r="C7622" s="2" t="s">
        <v>23338</v>
      </c>
      <c r="D7622" s="14" t="s">
        <v>23339</v>
      </c>
      <c r="E7622" s="2" t="s">
        <v>23340</v>
      </c>
      <c r="F7622" s="2" t="s">
        <v>7208</v>
      </c>
      <c r="G7622" s="8">
        <v>270</v>
      </c>
      <c r="H7622" s="5">
        <v>6</v>
      </c>
      <c r="I7622" s="5" t="s">
        <v>1518</v>
      </c>
      <c r="J7622" s="5" t="s">
        <v>1519</v>
      </c>
      <c r="K7622" s="2" t="s">
        <v>1520</v>
      </c>
      <c r="L7622" s="5" t="s">
        <v>1519</v>
      </c>
      <c r="M7622" s="2" t="s">
        <v>1520</v>
      </c>
      <c r="N7622" s="5" t="s">
        <v>1521</v>
      </c>
      <c r="O7622" s="5" t="s">
        <v>38</v>
      </c>
      <c r="P7622" s="5" t="s">
        <v>39</v>
      </c>
      <c r="Q7622" s="5" t="s">
        <v>40</v>
      </c>
      <c r="R7622" s="5" t="s">
        <v>1522</v>
      </c>
      <c r="S7622" s="5" t="s">
        <v>1523</v>
      </c>
      <c r="T7622" s="5" t="s">
        <v>42</v>
      </c>
      <c r="U7622" s="2">
        <v>3.391</v>
      </c>
      <c r="V7622" s="2">
        <v>2.8039999999999998</v>
      </c>
      <c r="W7622" s="2">
        <v>1.7999999999999999E-2</v>
      </c>
      <c r="X7622" s="2">
        <v>139.1</v>
      </c>
      <c r="Y7622" s="2">
        <v>7.6</v>
      </c>
      <c r="Z7622" s="2">
        <v>16.7</v>
      </c>
      <c r="AA7622" s="5"/>
      <c r="AB7622" s="5" t="s">
        <v>43</v>
      </c>
      <c r="AC7622" s="5" t="s">
        <v>44</v>
      </c>
      <c r="AD7622" s="2"/>
      <c r="AE7622" s="1"/>
    </row>
    <row r="7623" spans="1:31" ht="14.45">
      <c r="A7623" s="11"/>
      <c r="B7623" s="20"/>
      <c r="C7623" s="2" t="s">
        <v>23341</v>
      </c>
      <c r="D7623" s="14" t="s">
        <v>23342</v>
      </c>
      <c r="E7623" s="2" t="s">
        <v>23343</v>
      </c>
      <c r="F7623" s="2" t="s">
        <v>7521</v>
      </c>
      <c r="G7623" s="8">
        <v>270</v>
      </c>
      <c r="H7623" s="5">
        <v>6</v>
      </c>
      <c r="I7623" s="5" t="s">
        <v>1518</v>
      </c>
      <c r="J7623" s="5" t="s">
        <v>1519</v>
      </c>
      <c r="K7623" s="2" t="s">
        <v>1520</v>
      </c>
      <c r="L7623" s="5" t="s">
        <v>1519</v>
      </c>
      <c r="M7623" s="2" t="s">
        <v>1520</v>
      </c>
      <c r="N7623" s="5" t="s">
        <v>1521</v>
      </c>
      <c r="O7623" s="5" t="s">
        <v>38</v>
      </c>
      <c r="P7623" s="5" t="s">
        <v>39</v>
      </c>
      <c r="Q7623" s="5" t="s">
        <v>40</v>
      </c>
      <c r="R7623" s="5" t="s">
        <v>1522</v>
      </c>
      <c r="S7623" s="5" t="s">
        <v>1523</v>
      </c>
      <c r="T7623" s="5" t="s">
        <v>42</v>
      </c>
      <c r="U7623" s="2">
        <v>3.4910000000000001</v>
      </c>
      <c r="V7623" s="2">
        <v>2.9039999999999999</v>
      </c>
      <c r="W7623" s="2">
        <v>1.7999999999999999E-2</v>
      </c>
      <c r="X7623" s="2">
        <v>139.1</v>
      </c>
      <c r="Y7623" s="2">
        <v>7.6</v>
      </c>
      <c r="Z7623" s="2">
        <v>16.7</v>
      </c>
      <c r="AA7623" s="5"/>
      <c r="AB7623" s="5" t="s">
        <v>43</v>
      </c>
      <c r="AC7623" s="5" t="s">
        <v>44</v>
      </c>
      <c r="AD7623" s="2"/>
      <c r="AE7623" s="1"/>
    </row>
    <row r="7624" spans="1:31" ht="14.45">
      <c r="A7624" s="11"/>
      <c r="B7624" s="20"/>
      <c r="C7624" s="2" t="s">
        <v>23344</v>
      </c>
      <c r="D7624" s="14" t="s">
        <v>23345</v>
      </c>
      <c r="E7624" s="2" t="s">
        <v>23346</v>
      </c>
      <c r="F7624" s="2" t="s">
        <v>7212</v>
      </c>
      <c r="G7624" s="8">
        <v>270</v>
      </c>
      <c r="H7624" s="5">
        <v>6</v>
      </c>
      <c r="I7624" s="5" t="s">
        <v>1518</v>
      </c>
      <c r="J7624" s="5" t="s">
        <v>1519</v>
      </c>
      <c r="K7624" s="2" t="s">
        <v>1520</v>
      </c>
      <c r="L7624" s="5" t="s">
        <v>1519</v>
      </c>
      <c r="M7624" s="2" t="s">
        <v>1520</v>
      </c>
      <c r="N7624" s="5" t="s">
        <v>1521</v>
      </c>
      <c r="O7624" s="5" t="s">
        <v>38</v>
      </c>
      <c r="P7624" s="5" t="s">
        <v>39</v>
      </c>
      <c r="Q7624" s="5" t="s">
        <v>40</v>
      </c>
      <c r="R7624" s="5" t="s">
        <v>1522</v>
      </c>
      <c r="S7624" s="5" t="s">
        <v>1523</v>
      </c>
      <c r="T7624" s="5" t="s">
        <v>42</v>
      </c>
      <c r="U7624" s="2">
        <v>3.3610000000000002</v>
      </c>
      <c r="V7624" s="2">
        <v>2.774</v>
      </c>
      <c r="W7624" s="2">
        <v>1.7999999999999999E-2</v>
      </c>
      <c r="X7624" s="2">
        <v>139.1</v>
      </c>
      <c r="Y7624" s="2">
        <v>7.6</v>
      </c>
      <c r="Z7624" s="2">
        <v>16.7</v>
      </c>
      <c r="AA7624" s="5"/>
      <c r="AB7624" s="5" t="s">
        <v>43</v>
      </c>
      <c r="AC7624" s="5" t="s">
        <v>44</v>
      </c>
      <c r="AD7624" s="2"/>
      <c r="AE7624" s="1"/>
    </row>
    <row r="7625" spans="1:31" ht="14.45">
      <c r="A7625" s="11"/>
      <c r="B7625" s="20"/>
      <c r="C7625" s="2" t="s">
        <v>23347</v>
      </c>
      <c r="D7625" s="14" t="s">
        <v>23348</v>
      </c>
      <c r="E7625" s="2" t="s">
        <v>23349</v>
      </c>
      <c r="F7625" s="2" t="s">
        <v>7528</v>
      </c>
      <c r="G7625" s="8">
        <v>270</v>
      </c>
      <c r="H7625" s="5">
        <v>6</v>
      </c>
      <c r="I7625" s="5" t="s">
        <v>1518</v>
      </c>
      <c r="J7625" s="5" t="s">
        <v>1519</v>
      </c>
      <c r="K7625" s="2" t="s">
        <v>1520</v>
      </c>
      <c r="L7625" s="5" t="s">
        <v>1519</v>
      </c>
      <c r="M7625" s="2" t="s">
        <v>1520</v>
      </c>
      <c r="N7625" s="5" t="s">
        <v>1521</v>
      </c>
      <c r="O7625" s="5" t="s">
        <v>38</v>
      </c>
      <c r="P7625" s="5" t="s">
        <v>39</v>
      </c>
      <c r="Q7625" s="5" t="s">
        <v>40</v>
      </c>
      <c r="R7625" s="5" t="s">
        <v>1522</v>
      </c>
      <c r="S7625" s="5" t="s">
        <v>1523</v>
      </c>
      <c r="T7625" s="5" t="s">
        <v>42</v>
      </c>
      <c r="U7625" s="2">
        <v>3.4609999999999999</v>
      </c>
      <c r="V7625" s="2">
        <v>2.8740000000000001</v>
      </c>
      <c r="W7625" s="2">
        <v>1.7999999999999999E-2</v>
      </c>
      <c r="X7625" s="2">
        <v>139.1</v>
      </c>
      <c r="Y7625" s="2">
        <v>7.6</v>
      </c>
      <c r="Z7625" s="2">
        <v>16.7</v>
      </c>
      <c r="AA7625" s="5"/>
      <c r="AB7625" s="5" t="s">
        <v>43</v>
      </c>
      <c r="AC7625" s="5" t="s">
        <v>44</v>
      </c>
      <c r="AD7625" s="2"/>
      <c r="AE7625" s="1"/>
    </row>
    <row r="7626" spans="1:31" ht="14.45">
      <c r="A7626" s="11"/>
      <c r="B7626" s="20"/>
      <c r="C7626" s="2" t="s">
        <v>23350</v>
      </c>
      <c r="D7626" s="14" t="s">
        <v>23351</v>
      </c>
      <c r="E7626" s="2" t="s">
        <v>23352</v>
      </c>
      <c r="F7626" s="2" t="s">
        <v>7406</v>
      </c>
      <c r="G7626" s="8">
        <v>291</v>
      </c>
      <c r="H7626" s="5">
        <v>6</v>
      </c>
      <c r="I7626" s="5" t="s">
        <v>1518</v>
      </c>
      <c r="J7626" s="5" t="s">
        <v>1519</v>
      </c>
      <c r="K7626" s="2" t="s">
        <v>1520</v>
      </c>
      <c r="L7626" s="5" t="s">
        <v>1519</v>
      </c>
      <c r="M7626" s="2" t="s">
        <v>1520</v>
      </c>
      <c r="N7626" s="5" t="s">
        <v>1521</v>
      </c>
      <c r="O7626" s="5" t="s">
        <v>38</v>
      </c>
      <c r="P7626" s="5" t="s">
        <v>39</v>
      </c>
      <c r="Q7626" s="5" t="s">
        <v>40</v>
      </c>
      <c r="R7626" s="5" t="s">
        <v>1522</v>
      </c>
      <c r="S7626" s="5" t="s">
        <v>1523</v>
      </c>
      <c r="T7626" s="5" t="s">
        <v>42</v>
      </c>
      <c r="U7626" s="2">
        <v>3.3610000000000002</v>
      </c>
      <c r="V7626" s="2">
        <v>2.774</v>
      </c>
      <c r="W7626" s="2">
        <v>1.7999999999999999E-2</v>
      </c>
      <c r="X7626" s="2">
        <v>139.1</v>
      </c>
      <c r="Y7626" s="2">
        <v>7.6</v>
      </c>
      <c r="Z7626" s="2">
        <v>16.7</v>
      </c>
      <c r="AA7626" s="5"/>
      <c r="AB7626" s="5" t="s">
        <v>43</v>
      </c>
      <c r="AC7626" s="5" t="s">
        <v>44</v>
      </c>
      <c r="AD7626" s="2"/>
      <c r="AE7626" s="1"/>
    </row>
    <row r="7627" spans="1:31" ht="14.45">
      <c r="A7627" s="11"/>
      <c r="B7627" s="20"/>
      <c r="C7627" s="2" t="s">
        <v>23353</v>
      </c>
      <c r="D7627" s="14" t="s">
        <v>23354</v>
      </c>
      <c r="E7627" s="2" t="s">
        <v>23355</v>
      </c>
      <c r="F7627" s="2" t="s">
        <v>7535</v>
      </c>
      <c r="G7627" s="8">
        <v>291</v>
      </c>
      <c r="H7627" s="5">
        <v>6</v>
      </c>
      <c r="I7627" s="5" t="s">
        <v>1518</v>
      </c>
      <c r="J7627" s="5" t="s">
        <v>1519</v>
      </c>
      <c r="K7627" s="2" t="s">
        <v>1520</v>
      </c>
      <c r="L7627" s="5" t="s">
        <v>1519</v>
      </c>
      <c r="M7627" s="2" t="s">
        <v>1520</v>
      </c>
      <c r="N7627" s="5" t="s">
        <v>1521</v>
      </c>
      <c r="O7627" s="5" t="s">
        <v>38</v>
      </c>
      <c r="P7627" s="5" t="s">
        <v>39</v>
      </c>
      <c r="Q7627" s="5" t="s">
        <v>40</v>
      </c>
      <c r="R7627" s="5" t="s">
        <v>1522</v>
      </c>
      <c r="S7627" s="5" t="s">
        <v>1523</v>
      </c>
      <c r="T7627" s="5" t="s">
        <v>42</v>
      </c>
      <c r="U7627" s="2">
        <v>3.4609999999999999</v>
      </c>
      <c r="V7627" s="2">
        <v>2.8740000000000001</v>
      </c>
      <c r="W7627" s="2">
        <v>1.7999999999999999E-2</v>
      </c>
      <c r="X7627" s="2">
        <v>139.1</v>
      </c>
      <c r="Y7627" s="2">
        <v>7.6</v>
      </c>
      <c r="Z7627" s="2">
        <v>16.7</v>
      </c>
      <c r="AA7627" s="5"/>
      <c r="AB7627" s="5" t="s">
        <v>43</v>
      </c>
      <c r="AC7627" s="5" t="s">
        <v>44</v>
      </c>
      <c r="AD7627" s="2"/>
      <c r="AE7627" s="1"/>
    </row>
    <row r="7628" spans="1:31" ht="14.45">
      <c r="A7628" s="11"/>
      <c r="B7628" s="20"/>
      <c r="C7628" s="2" t="s">
        <v>23356</v>
      </c>
      <c r="D7628" s="14" t="s">
        <v>23357</v>
      </c>
      <c r="E7628" s="2" t="s">
        <v>23358</v>
      </c>
      <c r="F7628" s="2" t="s">
        <v>7539</v>
      </c>
      <c r="G7628" s="8">
        <v>291</v>
      </c>
      <c r="H7628" s="5">
        <v>6</v>
      </c>
      <c r="I7628" s="5" t="s">
        <v>1518</v>
      </c>
      <c r="J7628" s="5" t="s">
        <v>1519</v>
      </c>
      <c r="K7628" s="2" t="s">
        <v>1520</v>
      </c>
      <c r="L7628" s="5" t="s">
        <v>1519</v>
      </c>
      <c r="M7628" s="2" t="s">
        <v>1520</v>
      </c>
      <c r="N7628" s="5" t="s">
        <v>1521</v>
      </c>
      <c r="O7628" s="5" t="s">
        <v>38</v>
      </c>
      <c r="P7628" s="5" t="s">
        <v>39</v>
      </c>
      <c r="Q7628" s="5" t="s">
        <v>40</v>
      </c>
      <c r="R7628" s="5" t="s">
        <v>1522</v>
      </c>
      <c r="S7628" s="5" t="s">
        <v>1523</v>
      </c>
      <c r="T7628" s="5" t="s">
        <v>42</v>
      </c>
      <c r="U7628" s="2">
        <v>3.391</v>
      </c>
      <c r="V7628" s="2">
        <v>2.8039999999999998</v>
      </c>
      <c r="W7628" s="2">
        <v>1.7999999999999999E-2</v>
      </c>
      <c r="X7628" s="2">
        <v>139.1</v>
      </c>
      <c r="Y7628" s="2">
        <v>7.6</v>
      </c>
      <c r="Z7628" s="2">
        <v>16.7</v>
      </c>
      <c r="AA7628" s="5"/>
      <c r="AB7628" s="5" t="s">
        <v>43</v>
      </c>
      <c r="AC7628" s="5" t="s">
        <v>44</v>
      </c>
      <c r="AD7628" s="2"/>
      <c r="AE7628" s="1"/>
    </row>
    <row r="7629" spans="1:31" ht="14.45">
      <c r="A7629" s="11"/>
      <c r="B7629" s="20"/>
      <c r="C7629" s="2" t="s">
        <v>23359</v>
      </c>
      <c r="D7629" s="14" t="s">
        <v>23360</v>
      </c>
      <c r="E7629" s="2" t="s">
        <v>23361</v>
      </c>
      <c r="F7629" s="2" t="s">
        <v>7543</v>
      </c>
      <c r="G7629" s="8">
        <v>291</v>
      </c>
      <c r="H7629" s="5">
        <v>6</v>
      </c>
      <c r="I7629" s="5" t="s">
        <v>1518</v>
      </c>
      <c r="J7629" s="5" t="s">
        <v>1519</v>
      </c>
      <c r="K7629" s="2" t="s">
        <v>1520</v>
      </c>
      <c r="L7629" s="5" t="s">
        <v>1519</v>
      </c>
      <c r="M7629" s="2" t="s">
        <v>1520</v>
      </c>
      <c r="N7629" s="5" t="s">
        <v>1521</v>
      </c>
      <c r="O7629" s="5" t="s">
        <v>38</v>
      </c>
      <c r="P7629" s="5" t="s">
        <v>39</v>
      </c>
      <c r="Q7629" s="5" t="s">
        <v>40</v>
      </c>
      <c r="R7629" s="5" t="s">
        <v>1522</v>
      </c>
      <c r="S7629" s="5" t="s">
        <v>1523</v>
      </c>
      <c r="T7629" s="5" t="s">
        <v>42</v>
      </c>
      <c r="U7629" s="2">
        <v>3.4910000000000001</v>
      </c>
      <c r="V7629" s="2">
        <v>2.9039999999999999</v>
      </c>
      <c r="W7629" s="2">
        <v>1.7999999999999999E-2</v>
      </c>
      <c r="X7629" s="2">
        <v>139.1</v>
      </c>
      <c r="Y7629" s="2">
        <v>7.6</v>
      </c>
      <c r="Z7629" s="2">
        <v>16.7</v>
      </c>
      <c r="AA7629" s="5"/>
      <c r="AB7629" s="5" t="s">
        <v>43</v>
      </c>
      <c r="AC7629" s="5" t="s">
        <v>44</v>
      </c>
      <c r="AD7629" s="2"/>
      <c r="AE7629" s="1"/>
    </row>
    <row r="7630" spans="1:31" ht="14.45">
      <c r="A7630" s="11"/>
      <c r="B7630" s="20"/>
      <c r="C7630" s="2" t="s">
        <v>23362</v>
      </c>
      <c r="D7630" s="14" t="s">
        <v>23363</v>
      </c>
      <c r="E7630" s="2" t="s">
        <v>23364</v>
      </c>
      <c r="F7630" s="2" t="s">
        <v>7547</v>
      </c>
      <c r="G7630" s="8">
        <v>291</v>
      </c>
      <c r="H7630" s="5">
        <v>6</v>
      </c>
      <c r="I7630" s="5" t="s">
        <v>1518</v>
      </c>
      <c r="J7630" s="5" t="s">
        <v>1519</v>
      </c>
      <c r="K7630" s="2" t="s">
        <v>1520</v>
      </c>
      <c r="L7630" s="5" t="s">
        <v>1519</v>
      </c>
      <c r="M7630" s="2" t="s">
        <v>1520</v>
      </c>
      <c r="N7630" s="5" t="s">
        <v>1521</v>
      </c>
      <c r="O7630" s="5" t="s">
        <v>38</v>
      </c>
      <c r="P7630" s="5" t="s">
        <v>39</v>
      </c>
      <c r="Q7630" s="5" t="s">
        <v>40</v>
      </c>
      <c r="R7630" s="5" t="s">
        <v>1522</v>
      </c>
      <c r="S7630" s="5" t="s">
        <v>1523</v>
      </c>
      <c r="T7630" s="5" t="s">
        <v>42</v>
      </c>
      <c r="U7630" s="2">
        <v>3.3610000000000002</v>
      </c>
      <c r="V7630" s="2">
        <v>2.774</v>
      </c>
      <c r="W7630" s="2">
        <v>1.7999999999999999E-2</v>
      </c>
      <c r="X7630" s="2">
        <v>139.1</v>
      </c>
      <c r="Y7630" s="2">
        <v>7.6</v>
      </c>
      <c r="Z7630" s="2">
        <v>16.7</v>
      </c>
      <c r="AA7630" s="5"/>
      <c r="AB7630" s="5" t="s">
        <v>43</v>
      </c>
      <c r="AC7630" s="5" t="s">
        <v>44</v>
      </c>
      <c r="AD7630" s="2"/>
      <c r="AE7630" s="1"/>
    </row>
    <row r="7631" spans="1:31" ht="14.45">
      <c r="A7631" s="11"/>
      <c r="B7631" s="20"/>
      <c r="C7631" s="2" t="s">
        <v>23365</v>
      </c>
      <c r="D7631" s="14" t="s">
        <v>23366</v>
      </c>
      <c r="E7631" s="2" t="s">
        <v>23367</v>
      </c>
      <c r="F7631" s="2" t="s">
        <v>7551</v>
      </c>
      <c r="G7631" s="8">
        <v>291</v>
      </c>
      <c r="H7631" s="5">
        <v>6</v>
      </c>
      <c r="I7631" s="5" t="s">
        <v>1518</v>
      </c>
      <c r="J7631" s="5" t="s">
        <v>1519</v>
      </c>
      <c r="K7631" s="2" t="s">
        <v>1520</v>
      </c>
      <c r="L7631" s="5" t="s">
        <v>1519</v>
      </c>
      <c r="M7631" s="2" t="s">
        <v>1520</v>
      </c>
      <c r="N7631" s="5" t="s">
        <v>1521</v>
      </c>
      <c r="O7631" s="5" t="s">
        <v>38</v>
      </c>
      <c r="P7631" s="5" t="s">
        <v>39</v>
      </c>
      <c r="Q7631" s="5" t="s">
        <v>40</v>
      </c>
      <c r="R7631" s="5" t="s">
        <v>1522</v>
      </c>
      <c r="S7631" s="5" t="s">
        <v>1523</v>
      </c>
      <c r="T7631" s="5" t="s">
        <v>42</v>
      </c>
      <c r="U7631" s="2">
        <v>3.4609999999999999</v>
      </c>
      <c r="V7631" s="2">
        <v>2.8740000000000001</v>
      </c>
      <c r="W7631" s="2">
        <v>1.7999999999999999E-2</v>
      </c>
      <c r="X7631" s="2">
        <v>139.1</v>
      </c>
      <c r="Y7631" s="2">
        <v>7.6</v>
      </c>
      <c r="Z7631" s="2">
        <v>16.7</v>
      </c>
      <c r="AA7631" s="5"/>
      <c r="AB7631" s="5" t="s">
        <v>43</v>
      </c>
      <c r="AC7631" s="5" t="s">
        <v>44</v>
      </c>
      <c r="AD7631" s="2"/>
      <c r="AE7631" s="1"/>
    </row>
    <row r="7632" spans="1:31" ht="14.45">
      <c r="A7632" s="11"/>
      <c r="B7632" s="20"/>
      <c r="C7632" s="2" t="s">
        <v>23368</v>
      </c>
      <c r="D7632" s="14" t="s">
        <v>23369</v>
      </c>
      <c r="E7632" s="2" t="s">
        <v>23370</v>
      </c>
      <c r="F7632" s="2" t="s">
        <v>7555</v>
      </c>
      <c r="G7632" s="8">
        <v>291</v>
      </c>
      <c r="H7632" s="5">
        <v>6</v>
      </c>
      <c r="I7632" s="5" t="s">
        <v>1518</v>
      </c>
      <c r="J7632" s="5" t="s">
        <v>1519</v>
      </c>
      <c r="K7632" s="2" t="s">
        <v>1520</v>
      </c>
      <c r="L7632" s="5" t="s">
        <v>1519</v>
      </c>
      <c r="M7632" s="2" t="s">
        <v>1520</v>
      </c>
      <c r="N7632" s="5" t="s">
        <v>1521</v>
      </c>
      <c r="O7632" s="5" t="s">
        <v>38</v>
      </c>
      <c r="P7632" s="5" t="s">
        <v>39</v>
      </c>
      <c r="Q7632" s="5" t="s">
        <v>40</v>
      </c>
      <c r="R7632" s="5" t="s">
        <v>1522</v>
      </c>
      <c r="S7632" s="5" t="s">
        <v>1523</v>
      </c>
      <c r="T7632" s="5" t="s">
        <v>42</v>
      </c>
      <c r="U7632" s="2">
        <v>3.3610000000000002</v>
      </c>
      <c r="V7632" s="2">
        <v>2.774</v>
      </c>
      <c r="W7632" s="2">
        <v>1.7999999999999999E-2</v>
      </c>
      <c r="X7632" s="2">
        <v>139.1</v>
      </c>
      <c r="Y7632" s="2">
        <v>7.6</v>
      </c>
      <c r="Z7632" s="2">
        <v>16.7</v>
      </c>
      <c r="AA7632" s="5"/>
      <c r="AB7632" s="5" t="s">
        <v>43</v>
      </c>
      <c r="AC7632" s="5" t="s">
        <v>44</v>
      </c>
      <c r="AD7632" s="2"/>
      <c r="AE7632" s="1"/>
    </row>
    <row r="7633" spans="1:31" ht="14.45">
      <c r="A7633" s="11"/>
      <c r="B7633" s="20"/>
      <c r="C7633" s="2" t="s">
        <v>23371</v>
      </c>
      <c r="D7633" s="14" t="s">
        <v>23372</v>
      </c>
      <c r="E7633" s="2" t="s">
        <v>23373</v>
      </c>
      <c r="F7633" s="2" t="s">
        <v>7559</v>
      </c>
      <c r="G7633" s="8">
        <v>291</v>
      </c>
      <c r="H7633" s="5">
        <v>6</v>
      </c>
      <c r="I7633" s="5" t="s">
        <v>1518</v>
      </c>
      <c r="J7633" s="5" t="s">
        <v>1519</v>
      </c>
      <c r="K7633" s="2" t="s">
        <v>1520</v>
      </c>
      <c r="L7633" s="5" t="s">
        <v>1519</v>
      </c>
      <c r="M7633" s="2" t="s">
        <v>1520</v>
      </c>
      <c r="N7633" s="5" t="s">
        <v>1521</v>
      </c>
      <c r="O7633" s="5" t="s">
        <v>38</v>
      </c>
      <c r="P7633" s="5" t="s">
        <v>39</v>
      </c>
      <c r="Q7633" s="5" t="s">
        <v>40</v>
      </c>
      <c r="R7633" s="5" t="s">
        <v>1522</v>
      </c>
      <c r="S7633" s="5" t="s">
        <v>1523</v>
      </c>
      <c r="T7633" s="5" t="s">
        <v>42</v>
      </c>
      <c r="U7633" s="2">
        <v>3.4609999999999999</v>
      </c>
      <c r="V7633" s="2">
        <v>2.8740000000000001</v>
      </c>
      <c r="W7633" s="2">
        <v>1.7999999999999999E-2</v>
      </c>
      <c r="X7633" s="2">
        <v>139.1</v>
      </c>
      <c r="Y7633" s="2">
        <v>7.6</v>
      </c>
      <c r="Z7633" s="2">
        <v>16.7</v>
      </c>
      <c r="AA7633" s="5"/>
      <c r="AB7633" s="5" t="s">
        <v>43</v>
      </c>
      <c r="AC7633" s="5" t="s">
        <v>44</v>
      </c>
      <c r="AD7633" s="2"/>
      <c r="AE7633" s="1"/>
    </row>
    <row r="7634" spans="1:31" ht="14.45">
      <c r="A7634" s="11"/>
      <c r="B7634" s="20"/>
      <c r="C7634" s="2" t="s">
        <v>23374</v>
      </c>
      <c r="D7634" s="14" t="s">
        <v>23375</v>
      </c>
      <c r="E7634" s="2" t="s">
        <v>23376</v>
      </c>
      <c r="F7634" s="2" t="s">
        <v>7563</v>
      </c>
      <c r="G7634" s="8">
        <v>291</v>
      </c>
      <c r="H7634" s="5">
        <v>6</v>
      </c>
      <c r="I7634" s="5" t="s">
        <v>1518</v>
      </c>
      <c r="J7634" s="5" t="s">
        <v>1519</v>
      </c>
      <c r="K7634" s="2" t="s">
        <v>1520</v>
      </c>
      <c r="L7634" s="5" t="s">
        <v>1519</v>
      </c>
      <c r="M7634" s="2" t="s">
        <v>1520</v>
      </c>
      <c r="N7634" s="5" t="s">
        <v>1521</v>
      </c>
      <c r="O7634" s="5" t="s">
        <v>38</v>
      </c>
      <c r="P7634" s="5" t="s">
        <v>39</v>
      </c>
      <c r="Q7634" s="5" t="s">
        <v>40</v>
      </c>
      <c r="R7634" s="5" t="s">
        <v>1522</v>
      </c>
      <c r="S7634" s="5" t="s">
        <v>1523</v>
      </c>
      <c r="T7634" s="5" t="s">
        <v>42</v>
      </c>
      <c r="U7634" s="2">
        <v>3.391</v>
      </c>
      <c r="V7634" s="2">
        <v>2.8039999999999998</v>
      </c>
      <c r="W7634" s="2">
        <v>1.7999999999999999E-2</v>
      </c>
      <c r="X7634" s="2">
        <v>139.1</v>
      </c>
      <c r="Y7634" s="2">
        <v>7.6</v>
      </c>
      <c r="Z7634" s="2">
        <v>16.7</v>
      </c>
      <c r="AA7634" s="5"/>
      <c r="AB7634" s="5" t="s">
        <v>43</v>
      </c>
      <c r="AC7634" s="5" t="s">
        <v>44</v>
      </c>
      <c r="AD7634" s="2"/>
      <c r="AE7634" s="1"/>
    </row>
    <row r="7635" spans="1:31" ht="14.45">
      <c r="A7635" s="11"/>
      <c r="B7635" s="20"/>
      <c r="C7635" s="2" t="s">
        <v>23377</v>
      </c>
      <c r="D7635" s="14" t="s">
        <v>23378</v>
      </c>
      <c r="E7635" s="2" t="s">
        <v>23379</v>
      </c>
      <c r="F7635" s="2" t="s">
        <v>7567</v>
      </c>
      <c r="G7635" s="8">
        <v>291</v>
      </c>
      <c r="H7635" s="5">
        <v>6</v>
      </c>
      <c r="I7635" s="5" t="s">
        <v>1518</v>
      </c>
      <c r="J7635" s="5" t="s">
        <v>1519</v>
      </c>
      <c r="K7635" s="2" t="s">
        <v>1520</v>
      </c>
      <c r="L7635" s="5" t="s">
        <v>1519</v>
      </c>
      <c r="M7635" s="2" t="s">
        <v>1520</v>
      </c>
      <c r="N7635" s="5" t="s">
        <v>1521</v>
      </c>
      <c r="O7635" s="5" t="s">
        <v>38</v>
      </c>
      <c r="P7635" s="5" t="s">
        <v>39</v>
      </c>
      <c r="Q7635" s="5" t="s">
        <v>40</v>
      </c>
      <c r="R7635" s="5" t="s">
        <v>1522</v>
      </c>
      <c r="S7635" s="5" t="s">
        <v>1523</v>
      </c>
      <c r="T7635" s="5" t="s">
        <v>42</v>
      </c>
      <c r="U7635" s="2">
        <v>3.4910000000000001</v>
      </c>
      <c r="V7635" s="2">
        <v>2.9039999999999999</v>
      </c>
      <c r="W7635" s="2">
        <v>1.7999999999999999E-2</v>
      </c>
      <c r="X7635" s="2">
        <v>139.1</v>
      </c>
      <c r="Y7635" s="2">
        <v>7.6</v>
      </c>
      <c r="Z7635" s="2">
        <v>16.7</v>
      </c>
      <c r="AA7635" s="5"/>
      <c r="AB7635" s="5" t="s">
        <v>43</v>
      </c>
      <c r="AC7635" s="5" t="s">
        <v>44</v>
      </c>
      <c r="AD7635" s="2"/>
      <c r="AE7635" s="1"/>
    </row>
    <row r="7636" spans="1:31" ht="14.45">
      <c r="A7636" s="11"/>
      <c r="B7636" s="20"/>
      <c r="C7636" s="2" t="s">
        <v>23380</v>
      </c>
      <c r="D7636" s="14" t="s">
        <v>23381</v>
      </c>
      <c r="E7636" s="2" t="s">
        <v>23382</v>
      </c>
      <c r="F7636" s="2" t="s">
        <v>16079</v>
      </c>
      <c r="G7636" s="8">
        <v>291</v>
      </c>
      <c r="H7636" s="5">
        <v>6</v>
      </c>
      <c r="I7636" s="5" t="s">
        <v>1518</v>
      </c>
      <c r="J7636" s="5" t="s">
        <v>1519</v>
      </c>
      <c r="K7636" s="2" t="s">
        <v>1520</v>
      </c>
      <c r="L7636" s="5" t="s">
        <v>1519</v>
      </c>
      <c r="M7636" s="2" t="s">
        <v>1520</v>
      </c>
      <c r="N7636" s="5" t="s">
        <v>1521</v>
      </c>
      <c r="O7636" s="5" t="s">
        <v>38</v>
      </c>
      <c r="P7636" s="5" t="s">
        <v>39</v>
      </c>
      <c r="Q7636" s="5" t="s">
        <v>40</v>
      </c>
      <c r="R7636" s="5" t="s">
        <v>1522</v>
      </c>
      <c r="S7636" s="5" t="s">
        <v>1523</v>
      </c>
      <c r="T7636" s="5" t="s">
        <v>42</v>
      </c>
      <c r="U7636" s="2">
        <v>3.391</v>
      </c>
      <c r="V7636" s="2">
        <v>2.8039999999999998</v>
      </c>
      <c r="W7636" s="2">
        <v>1.7999999999999999E-2</v>
      </c>
      <c r="X7636" s="2">
        <v>139.1</v>
      </c>
      <c r="Y7636" s="2">
        <v>7.6</v>
      </c>
      <c r="Z7636" s="2">
        <v>16.7</v>
      </c>
      <c r="AA7636" s="5"/>
      <c r="AB7636" s="5" t="s">
        <v>43</v>
      </c>
      <c r="AC7636" s="5" t="s">
        <v>44</v>
      </c>
      <c r="AD7636" s="2"/>
      <c r="AE7636" s="1"/>
    </row>
    <row r="7637" spans="1:31" ht="14.45">
      <c r="A7637" s="11"/>
      <c r="B7637" s="20"/>
      <c r="C7637" s="2" t="s">
        <v>23383</v>
      </c>
      <c r="D7637" s="14" t="s">
        <v>23384</v>
      </c>
      <c r="E7637" s="2" t="s">
        <v>23385</v>
      </c>
      <c r="F7637" s="2" t="s">
        <v>16194</v>
      </c>
      <c r="G7637" s="8">
        <v>291</v>
      </c>
      <c r="H7637" s="5">
        <v>6</v>
      </c>
      <c r="I7637" s="5" t="s">
        <v>1518</v>
      </c>
      <c r="J7637" s="5" t="s">
        <v>1519</v>
      </c>
      <c r="K7637" s="2" t="s">
        <v>1520</v>
      </c>
      <c r="L7637" s="5" t="s">
        <v>1519</v>
      </c>
      <c r="M7637" s="2" t="s">
        <v>1520</v>
      </c>
      <c r="N7637" s="5" t="s">
        <v>1521</v>
      </c>
      <c r="O7637" s="5" t="s">
        <v>38</v>
      </c>
      <c r="P7637" s="5" t="s">
        <v>39</v>
      </c>
      <c r="Q7637" s="5" t="s">
        <v>40</v>
      </c>
      <c r="R7637" s="5" t="s">
        <v>1522</v>
      </c>
      <c r="S7637" s="5" t="s">
        <v>1523</v>
      </c>
      <c r="T7637" s="5" t="s">
        <v>42</v>
      </c>
      <c r="U7637" s="2">
        <v>3.4910000000000001</v>
      </c>
      <c r="V7637" s="2">
        <v>2.9039999999999999</v>
      </c>
      <c r="W7637" s="2">
        <v>1.7999999999999999E-2</v>
      </c>
      <c r="X7637" s="2">
        <v>139.1</v>
      </c>
      <c r="Y7637" s="2">
        <v>7.6</v>
      </c>
      <c r="Z7637" s="2">
        <v>16.7</v>
      </c>
      <c r="AA7637" s="5"/>
      <c r="AB7637" s="5" t="s">
        <v>43</v>
      </c>
      <c r="AC7637" s="5" t="s">
        <v>44</v>
      </c>
      <c r="AD7637" s="2"/>
      <c r="AE7637" s="1"/>
    </row>
    <row r="7638" spans="1:31" ht="14.45">
      <c r="A7638" s="11"/>
      <c r="B7638" s="20"/>
      <c r="C7638" s="2" t="s">
        <v>23386</v>
      </c>
      <c r="D7638" s="14" t="s">
        <v>23387</v>
      </c>
      <c r="E7638" s="2" t="s">
        <v>23388</v>
      </c>
      <c r="F7638" s="2" t="s">
        <v>7449</v>
      </c>
      <c r="G7638" s="8">
        <v>291</v>
      </c>
      <c r="H7638" s="5">
        <v>6</v>
      </c>
      <c r="I7638" s="5" t="s">
        <v>1518</v>
      </c>
      <c r="J7638" s="5" t="s">
        <v>1519</v>
      </c>
      <c r="K7638" s="2" t="s">
        <v>1520</v>
      </c>
      <c r="L7638" s="5" t="s">
        <v>1519</v>
      </c>
      <c r="M7638" s="2" t="s">
        <v>1520</v>
      </c>
      <c r="N7638" s="5" t="s">
        <v>1521</v>
      </c>
      <c r="O7638" s="5" t="s">
        <v>38</v>
      </c>
      <c r="P7638" s="5" t="s">
        <v>39</v>
      </c>
      <c r="Q7638" s="5" t="s">
        <v>40</v>
      </c>
      <c r="R7638" s="5" t="s">
        <v>1522</v>
      </c>
      <c r="S7638" s="5" t="s">
        <v>1523</v>
      </c>
      <c r="T7638" s="5" t="s">
        <v>42</v>
      </c>
      <c r="U7638" s="2">
        <v>3.391</v>
      </c>
      <c r="V7638" s="2">
        <v>2.8039999999999998</v>
      </c>
      <c r="W7638" s="2">
        <v>1.7999999999999999E-2</v>
      </c>
      <c r="X7638" s="2">
        <v>139.1</v>
      </c>
      <c r="Y7638" s="2">
        <v>7.6</v>
      </c>
      <c r="Z7638" s="2">
        <v>16.7</v>
      </c>
      <c r="AA7638" s="5"/>
      <c r="AB7638" s="5" t="s">
        <v>43</v>
      </c>
      <c r="AC7638" s="5" t="s">
        <v>44</v>
      </c>
      <c r="AD7638" s="2"/>
      <c r="AE7638" s="1"/>
    </row>
    <row r="7639" spans="1:31" ht="14.45">
      <c r="A7639" s="11"/>
      <c r="B7639" s="20"/>
      <c r="C7639" s="2" t="s">
        <v>23389</v>
      </c>
      <c r="D7639" s="14" t="s">
        <v>23390</v>
      </c>
      <c r="E7639" s="2" t="s">
        <v>23391</v>
      </c>
      <c r="F7639" s="2" t="s">
        <v>7581</v>
      </c>
      <c r="G7639" s="8">
        <v>291</v>
      </c>
      <c r="H7639" s="5">
        <v>6</v>
      </c>
      <c r="I7639" s="5" t="s">
        <v>1518</v>
      </c>
      <c r="J7639" s="5" t="s">
        <v>1519</v>
      </c>
      <c r="K7639" s="2" t="s">
        <v>1520</v>
      </c>
      <c r="L7639" s="5" t="s">
        <v>1519</v>
      </c>
      <c r="M7639" s="2" t="s">
        <v>1520</v>
      </c>
      <c r="N7639" s="5" t="s">
        <v>1521</v>
      </c>
      <c r="O7639" s="5" t="s">
        <v>38</v>
      </c>
      <c r="P7639" s="5" t="s">
        <v>39</v>
      </c>
      <c r="Q7639" s="5" t="s">
        <v>40</v>
      </c>
      <c r="R7639" s="5" t="s">
        <v>1522</v>
      </c>
      <c r="S7639" s="5" t="s">
        <v>1523</v>
      </c>
      <c r="T7639" s="5" t="s">
        <v>42</v>
      </c>
      <c r="U7639" s="2">
        <v>3.4910000000000001</v>
      </c>
      <c r="V7639" s="2">
        <v>2.9039999999999999</v>
      </c>
      <c r="W7639" s="2">
        <v>1.7999999999999999E-2</v>
      </c>
      <c r="X7639" s="2">
        <v>139.1</v>
      </c>
      <c r="Y7639" s="2">
        <v>7.6</v>
      </c>
      <c r="Z7639" s="2">
        <v>16.7</v>
      </c>
      <c r="AA7639" s="5"/>
      <c r="AB7639" s="5" t="s">
        <v>43</v>
      </c>
      <c r="AC7639" s="5" t="s">
        <v>44</v>
      </c>
      <c r="AD7639" s="2"/>
      <c r="AE7639" s="1"/>
    </row>
    <row r="7640" spans="1:31" ht="14.45">
      <c r="A7640" s="11"/>
      <c r="B7640" s="20"/>
      <c r="C7640" s="2" t="s">
        <v>23392</v>
      </c>
      <c r="D7640" s="14" t="s">
        <v>23393</v>
      </c>
      <c r="E7640" s="2" t="s">
        <v>23394</v>
      </c>
      <c r="F7640" s="2" t="s">
        <v>7585</v>
      </c>
      <c r="G7640" s="8">
        <v>291</v>
      </c>
      <c r="H7640" s="5">
        <v>6</v>
      </c>
      <c r="I7640" s="5" t="s">
        <v>1518</v>
      </c>
      <c r="J7640" s="5" t="s">
        <v>1519</v>
      </c>
      <c r="K7640" s="2" t="s">
        <v>1520</v>
      </c>
      <c r="L7640" s="5" t="s">
        <v>1519</v>
      </c>
      <c r="M7640" s="2" t="s">
        <v>1520</v>
      </c>
      <c r="N7640" s="5" t="s">
        <v>1521</v>
      </c>
      <c r="O7640" s="5" t="s">
        <v>38</v>
      </c>
      <c r="P7640" s="5" t="s">
        <v>39</v>
      </c>
      <c r="Q7640" s="5" t="s">
        <v>40</v>
      </c>
      <c r="R7640" s="5" t="s">
        <v>1522</v>
      </c>
      <c r="S7640" s="5" t="s">
        <v>1523</v>
      </c>
      <c r="T7640" s="5" t="s">
        <v>42</v>
      </c>
      <c r="U7640" s="2">
        <v>3.3610000000000002</v>
      </c>
      <c r="V7640" s="2">
        <v>2.774</v>
      </c>
      <c r="W7640" s="2">
        <v>1.7999999999999999E-2</v>
      </c>
      <c r="X7640" s="2">
        <v>139.1</v>
      </c>
      <c r="Y7640" s="2">
        <v>7.6</v>
      </c>
      <c r="Z7640" s="2">
        <v>16.7</v>
      </c>
      <c r="AA7640" s="5"/>
      <c r="AB7640" s="5" t="s">
        <v>43</v>
      </c>
      <c r="AC7640" s="5" t="s">
        <v>44</v>
      </c>
      <c r="AD7640" s="2"/>
      <c r="AE7640" s="1"/>
    </row>
    <row r="7641" spans="1:31" ht="14.45">
      <c r="A7641" s="11"/>
      <c r="B7641" s="20"/>
      <c r="C7641" s="2" t="s">
        <v>23395</v>
      </c>
      <c r="D7641" s="14" t="s">
        <v>23396</v>
      </c>
      <c r="E7641" s="2" t="s">
        <v>23397</v>
      </c>
      <c r="F7641" s="2" t="s">
        <v>7589</v>
      </c>
      <c r="G7641" s="8">
        <v>291</v>
      </c>
      <c r="H7641" s="5">
        <v>6</v>
      </c>
      <c r="I7641" s="5" t="s">
        <v>1518</v>
      </c>
      <c r="J7641" s="5" t="s">
        <v>1519</v>
      </c>
      <c r="K7641" s="2" t="s">
        <v>1520</v>
      </c>
      <c r="L7641" s="5" t="s">
        <v>1519</v>
      </c>
      <c r="M7641" s="2" t="s">
        <v>1520</v>
      </c>
      <c r="N7641" s="5" t="s">
        <v>1521</v>
      </c>
      <c r="O7641" s="5" t="s">
        <v>38</v>
      </c>
      <c r="P7641" s="5" t="s">
        <v>39</v>
      </c>
      <c r="Q7641" s="5" t="s">
        <v>40</v>
      </c>
      <c r="R7641" s="5" t="s">
        <v>1522</v>
      </c>
      <c r="S7641" s="5" t="s">
        <v>1523</v>
      </c>
      <c r="T7641" s="5" t="s">
        <v>42</v>
      </c>
      <c r="U7641" s="2">
        <v>3.4609999999999999</v>
      </c>
      <c r="V7641" s="2">
        <v>2.8740000000000001</v>
      </c>
      <c r="W7641" s="2">
        <v>1.7999999999999999E-2</v>
      </c>
      <c r="X7641" s="2">
        <v>139.1</v>
      </c>
      <c r="Y7641" s="2">
        <v>7.6</v>
      </c>
      <c r="Z7641" s="2">
        <v>16.7</v>
      </c>
      <c r="AA7641" s="5"/>
      <c r="AB7641" s="5" t="s">
        <v>43</v>
      </c>
      <c r="AC7641" s="5" t="s">
        <v>44</v>
      </c>
      <c r="AD7641" s="2"/>
      <c r="AE7641" s="1"/>
    </row>
    <row r="7642" spans="1:31" ht="14.45">
      <c r="A7642" s="11"/>
      <c r="B7642" s="20"/>
      <c r="C7642" s="2" t="s">
        <v>23398</v>
      </c>
      <c r="D7642" s="14" t="s">
        <v>23399</v>
      </c>
      <c r="E7642" s="2" t="s">
        <v>23400</v>
      </c>
      <c r="F7642" s="2" t="s">
        <v>7593</v>
      </c>
      <c r="G7642" s="8">
        <v>291</v>
      </c>
      <c r="H7642" s="5">
        <v>6</v>
      </c>
      <c r="I7642" s="5" t="s">
        <v>1518</v>
      </c>
      <c r="J7642" s="5" t="s">
        <v>1519</v>
      </c>
      <c r="K7642" s="2" t="s">
        <v>1520</v>
      </c>
      <c r="L7642" s="5" t="s">
        <v>1519</v>
      </c>
      <c r="M7642" s="2" t="s">
        <v>1520</v>
      </c>
      <c r="N7642" s="5" t="s">
        <v>1521</v>
      </c>
      <c r="O7642" s="5" t="s">
        <v>38</v>
      </c>
      <c r="P7642" s="5" t="s">
        <v>39</v>
      </c>
      <c r="Q7642" s="5" t="s">
        <v>40</v>
      </c>
      <c r="R7642" s="5" t="s">
        <v>1522</v>
      </c>
      <c r="S7642" s="5" t="s">
        <v>1523</v>
      </c>
      <c r="T7642" s="5" t="s">
        <v>42</v>
      </c>
      <c r="U7642" s="2">
        <v>3.391</v>
      </c>
      <c r="V7642" s="2">
        <v>2.8039999999999998</v>
      </c>
      <c r="W7642" s="2">
        <v>1.7999999999999999E-2</v>
      </c>
      <c r="X7642" s="2">
        <v>139.1</v>
      </c>
      <c r="Y7642" s="2">
        <v>7.6</v>
      </c>
      <c r="Z7642" s="2">
        <v>16.7</v>
      </c>
      <c r="AA7642" s="5"/>
      <c r="AB7642" s="5" t="s">
        <v>43</v>
      </c>
      <c r="AC7642" s="5" t="s">
        <v>44</v>
      </c>
      <c r="AD7642" s="2"/>
      <c r="AE7642" s="1"/>
    </row>
    <row r="7643" spans="1:31" ht="14.45">
      <c r="A7643" s="11"/>
      <c r="B7643" s="20"/>
      <c r="C7643" s="2" t="s">
        <v>23401</v>
      </c>
      <c r="D7643" s="14" t="s">
        <v>23402</v>
      </c>
      <c r="E7643" s="2" t="s">
        <v>23403</v>
      </c>
      <c r="F7643" s="2" t="s">
        <v>7597</v>
      </c>
      <c r="G7643" s="8">
        <v>291</v>
      </c>
      <c r="H7643" s="5">
        <v>6</v>
      </c>
      <c r="I7643" s="5" t="s">
        <v>1518</v>
      </c>
      <c r="J7643" s="5" t="s">
        <v>1519</v>
      </c>
      <c r="K7643" s="2" t="s">
        <v>1520</v>
      </c>
      <c r="L7643" s="5" t="s">
        <v>1519</v>
      </c>
      <c r="M7643" s="2" t="s">
        <v>1520</v>
      </c>
      <c r="N7643" s="5" t="s">
        <v>1521</v>
      </c>
      <c r="O7643" s="5" t="s">
        <v>38</v>
      </c>
      <c r="P7643" s="5" t="s">
        <v>39</v>
      </c>
      <c r="Q7643" s="5" t="s">
        <v>40</v>
      </c>
      <c r="R7643" s="5" t="s">
        <v>1522</v>
      </c>
      <c r="S7643" s="5" t="s">
        <v>1523</v>
      </c>
      <c r="T7643" s="5" t="s">
        <v>42</v>
      </c>
      <c r="U7643" s="2">
        <v>3.4910000000000001</v>
      </c>
      <c r="V7643" s="2">
        <v>2.9039999999999999</v>
      </c>
      <c r="W7643" s="2">
        <v>1.7999999999999999E-2</v>
      </c>
      <c r="X7643" s="2">
        <v>139.1</v>
      </c>
      <c r="Y7643" s="2">
        <v>7.6</v>
      </c>
      <c r="Z7643" s="2">
        <v>16.7</v>
      </c>
      <c r="AA7643" s="5"/>
      <c r="AB7643" s="5" t="s">
        <v>43</v>
      </c>
      <c r="AC7643" s="5" t="s">
        <v>44</v>
      </c>
      <c r="AD7643" s="2"/>
      <c r="AE7643" s="1"/>
    </row>
    <row r="7644" spans="1:31" ht="14.45">
      <c r="A7644" s="11"/>
      <c r="B7644" s="20"/>
      <c r="C7644" s="2" t="s">
        <v>23404</v>
      </c>
      <c r="D7644" s="14" t="s">
        <v>23405</v>
      </c>
      <c r="E7644" s="2" t="s">
        <v>23406</v>
      </c>
      <c r="F7644" s="2" t="s">
        <v>16014</v>
      </c>
      <c r="G7644" s="8">
        <v>291</v>
      </c>
      <c r="H7644" s="5">
        <v>6</v>
      </c>
      <c r="I7644" s="5" t="s">
        <v>1518</v>
      </c>
      <c r="J7644" s="5" t="s">
        <v>1519</v>
      </c>
      <c r="K7644" s="2" t="s">
        <v>1520</v>
      </c>
      <c r="L7644" s="5" t="s">
        <v>1519</v>
      </c>
      <c r="M7644" s="2" t="s">
        <v>1520</v>
      </c>
      <c r="N7644" s="5" t="s">
        <v>1521</v>
      </c>
      <c r="O7644" s="5" t="s">
        <v>38</v>
      </c>
      <c r="P7644" s="5" t="s">
        <v>39</v>
      </c>
      <c r="Q7644" s="5" t="s">
        <v>40</v>
      </c>
      <c r="R7644" s="5" t="s">
        <v>1522</v>
      </c>
      <c r="S7644" s="5" t="s">
        <v>1523</v>
      </c>
      <c r="T7644" s="5" t="s">
        <v>42</v>
      </c>
      <c r="U7644" s="2">
        <v>3.391</v>
      </c>
      <c r="V7644" s="2">
        <v>2.8039999999999998</v>
      </c>
      <c r="W7644" s="2">
        <v>1.7999999999999999E-2</v>
      </c>
      <c r="X7644" s="2">
        <v>139.1</v>
      </c>
      <c r="Y7644" s="2">
        <v>7.6</v>
      </c>
      <c r="Z7644" s="2">
        <v>16.7</v>
      </c>
      <c r="AA7644" s="5"/>
      <c r="AB7644" s="5" t="s">
        <v>43</v>
      </c>
      <c r="AC7644" s="5" t="s">
        <v>44</v>
      </c>
      <c r="AD7644" s="2"/>
      <c r="AE7644" s="1"/>
    </row>
    <row r="7645" spans="1:31" ht="14.45">
      <c r="A7645" s="11"/>
      <c r="B7645" s="20"/>
      <c r="C7645" s="2" t="s">
        <v>23407</v>
      </c>
      <c r="D7645" s="14" t="s">
        <v>23408</v>
      </c>
      <c r="E7645" s="2" t="s">
        <v>23409</v>
      </c>
      <c r="F7645" s="2" t="s">
        <v>16219</v>
      </c>
      <c r="G7645" s="8">
        <v>291</v>
      </c>
      <c r="H7645" s="5">
        <v>6</v>
      </c>
      <c r="I7645" s="5" t="s">
        <v>1518</v>
      </c>
      <c r="J7645" s="5" t="s">
        <v>1519</v>
      </c>
      <c r="K7645" s="2" t="s">
        <v>1520</v>
      </c>
      <c r="L7645" s="5" t="s">
        <v>1519</v>
      </c>
      <c r="M7645" s="2" t="s">
        <v>1520</v>
      </c>
      <c r="N7645" s="5" t="s">
        <v>1521</v>
      </c>
      <c r="O7645" s="5" t="s">
        <v>38</v>
      </c>
      <c r="P7645" s="5" t="s">
        <v>39</v>
      </c>
      <c r="Q7645" s="5" t="s">
        <v>40</v>
      </c>
      <c r="R7645" s="5" t="s">
        <v>1522</v>
      </c>
      <c r="S7645" s="5" t="s">
        <v>1523</v>
      </c>
      <c r="T7645" s="5" t="s">
        <v>42</v>
      </c>
      <c r="U7645" s="2">
        <v>3.4910000000000001</v>
      </c>
      <c r="V7645" s="2">
        <v>2.9039999999999999</v>
      </c>
      <c r="W7645" s="2">
        <v>1.7999999999999999E-2</v>
      </c>
      <c r="X7645" s="2">
        <v>139.1</v>
      </c>
      <c r="Y7645" s="2">
        <v>7.6</v>
      </c>
      <c r="Z7645" s="2">
        <v>16.7</v>
      </c>
      <c r="AA7645" s="5"/>
      <c r="AB7645" s="5" t="s">
        <v>43</v>
      </c>
      <c r="AC7645" s="5" t="s">
        <v>44</v>
      </c>
      <c r="AD7645" s="2"/>
      <c r="AE7645" s="1"/>
    </row>
    <row r="7646" spans="1:31" ht="14.45">
      <c r="A7646" s="11"/>
      <c r="B7646" s="20"/>
      <c r="C7646" s="2" t="s">
        <v>23410</v>
      </c>
      <c r="D7646" s="14" t="s">
        <v>23411</v>
      </c>
      <c r="E7646" s="2" t="s">
        <v>23412</v>
      </c>
      <c r="F7646" s="2" t="s">
        <v>16018</v>
      </c>
      <c r="G7646" s="8">
        <v>291</v>
      </c>
      <c r="H7646" s="5">
        <v>6</v>
      </c>
      <c r="I7646" s="5" t="s">
        <v>1518</v>
      </c>
      <c r="J7646" s="5" t="s">
        <v>1519</v>
      </c>
      <c r="K7646" s="2" t="s">
        <v>1520</v>
      </c>
      <c r="L7646" s="5" t="s">
        <v>1519</v>
      </c>
      <c r="M7646" s="2" t="s">
        <v>1520</v>
      </c>
      <c r="N7646" s="5" t="s">
        <v>1521</v>
      </c>
      <c r="O7646" s="5" t="s">
        <v>38</v>
      </c>
      <c r="P7646" s="5" t="s">
        <v>39</v>
      </c>
      <c r="Q7646" s="5" t="s">
        <v>40</v>
      </c>
      <c r="R7646" s="5" t="s">
        <v>1522</v>
      </c>
      <c r="S7646" s="5" t="s">
        <v>1523</v>
      </c>
      <c r="T7646" s="5" t="s">
        <v>42</v>
      </c>
      <c r="U7646" s="2">
        <v>3.391</v>
      </c>
      <c r="V7646" s="2">
        <v>2.8039999999999998</v>
      </c>
      <c r="W7646" s="2">
        <v>1.7999999999999999E-2</v>
      </c>
      <c r="X7646" s="2">
        <v>139.1</v>
      </c>
      <c r="Y7646" s="2">
        <v>7.6</v>
      </c>
      <c r="Z7646" s="2">
        <v>16.7</v>
      </c>
      <c r="AA7646" s="5"/>
      <c r="AB7646" s="5" t="s">
        <v>43</v>
      </c>
      <c r="AC7646" s="5" t="s">
        <v>44</v>
      </c>
      <c r="AD7646" s="2"/>
      <c r="AE7646" s="1"/>
    </row>
    <row r="7647" spans="1:31" ht="14.45">
      <c r="A7647" s="11"/>
      <c r="B7647" s="20"/>
      <c r="C7647" s="2" t="s">
        <v>23413</v>
      </c>
      <c r="D7647" s="14" t="s">
        <v>23414</v>
      </c>
      <c r="E7647" s="2" t="s">
        <v>23415</v>
      </c>
      <c r="F7647" s="2" t="s">
        <v>16022</v>
      </c>
      <c r="G7647" s="8">
        <v>291</v>
      </c>
      <c r="H7647" s="5">
        <v>6</v>
      </c>
      <c r="I7647" s="5" t="s">
        <v>1518</v>
      </c>
      <c r="J7647" s="5" t="s">
        <v>1519</v>
      </c>
      <c r="K7647" s="2" t="s">
        <v>1520</v>
      </c>
      <c r="L7647" s="5" t="s">
        <v>1519</v>
      </c>
      <c r="M7647" s="2" t="s">
        <v>1520</v>
      </c>
      <c r="N7647" s="5" t="s">
        <v>1521</v>
      </c>
      <c r="O7647" s="5" t="s">
        <v>38</v>
      </c>
      <c r="P7647" s="5" t="s">
        <v>39</v>
      </c>
      <c r="Q7647" s="5" t="s">
        <v>40</v>
      </c>
      <c r="R7647" s="5" t="s">
        <v>1522</v>
      </c>
      <c r="S7647" s="5" t="s">
        <v>1523</v>
      </c>
      <c r="T7647" s="5" t="s">
        <v>42</v>
      </c>
      <c r="U7647" s="2">
        <v>3.4910000000000001</v>
      </c>
      <c r="V7647" s="2">
        <v>2.9039999999999999</v>
      </c>
      <c r="W7647" s="2">
        <v>1.7999999999999999E-2</v>
      </c>
      <c r="X7647" s="2">
        <v>139.1</v>
      </c>
      <c r="Y7647" s="2">
        <v>7.6</v>
      </c>
      <c r="Z7647" s="2">
        <v>16.7</v>
      </c>
      <c r="AA7647" s="5"/>
      <c r="AB7647" s="5" t="s">
        <v>43</v>
      </c>
      <c r="AC7647" s="5" t="s">
        <v>44</v>
      </c>
      <c r="AD7647" s="2"/>
      <c r="AE7647" s="1"/>
    </row>
    <row r="7648" spans="1:31" ht="14.45">
      <c r="A7648" s="11"/>
      <c r="B7648" s="20"/>
      <c r="C7648" s="2" t="s">
        <v>23416</v>
      </c>
      <c r="D7648" s="14" t="s">
        <v>23417</v>
      </c>
      <c r="E7648" s="2" t="s">
        <v>23418</v>
      </c>
      <c r="F7648" s="2" t="s">
        <v>7615</v>
      </c>
      <c r="G7648" s="8">
        <v>291</v>
      </c>
      <c r="H7648" s="5">
        <v>6</v>
      </c>
      <c r="I7648" s="5" t="s">
        <v>1518</v>
      </c>
      <c r="J7648" s="5" t="s">
        <v>1519</v>
      </c>
      <c r="K7648" s="2" t="s">
        <v>1520</v>
      </c>
      <c r="L7648" s="5" t="s">
        <v>1519</v>
      </c>
      <c r="M7648" s="2" t="s">
        <v>1520</v>
      </c>
      <c r="N7648" s="5" t="s">
        <v>1521</v>
      </c>
      <c r="O7648" s="5" t="s">
        <v>38</v>
      </c>
      <c r="P7648" s="5" t="s">
        <v>39</v>
      </c>
      <c r="Q7648" s="5" t="s">
        <v>40</v>
      </c>
      <c r="R7648" s="5" t="s">
        <v>1522</v>
      </c>
      <c r="S7648" s="5" t="s">
        <v>1523</v>
      </c>
      <c r="T7648" s="5" t="s">
        <v>42</v>
      </c>
      <c r="U7648" s="2">
        <v>3.3610000000000002</v>
      </c>
      <c r="V7648" s="2">
        <v>2.774</v>
      </c>
      <c r="W7648" s="2">
        <v>1.7999999999999999E-2</v>
      </c>
      <c r="X7648" s="2">
        <v>139.1</v>
      </c>
      <c r="Y7648" s="2">
        <v>7.6</v>
      </c>
      <c r="Z7648" s="2">
        <v>16.7</v>
      </c>
      <c r="AA7648" s="5"/>
      <c r="AB7648" s="5" t="s">
        <v>43</v>
      </c>
      <c r="AC7648" s="5" t="s">
        <v>44</v>
      </c>
      <c r="AD7648" s="2"/>
      <c r="AE7648" s="1"/>
    </row>
    <row r="7649" spans="1:31" ht="14.45">
      <c r="A7649" s="11"/>
      <c r="B7649" s="20"/>
      <c r="C7649" s="2" t="s">
        <v>23419</v>
      </c>
      <c r="D7649" s="14" t="s">
        <v>23420</v>
      </c>
      <c r="E7649" s="2" t="s">
        <v>23421</v>
      </c>
      <c r="F7649" s="2" t="s">
        <v>7619</v>
      </c>
      <c r="G7649" s="8">
        <v>291</v>
      </c>
      <c r="H7649" s="5">
        <v>6</v>
      </c>
      <c r="I7649" s="5" t="s">
        <v>1518</v>
      </c>
      <c r="J7649" s="5" t="s">
        <v>1519</v>
      </c>
      <c r="K7649" s="2" t="s">
        <v>1520</v>
      </c>
      <c r="L7649" s="5" t="s">
        <v>1519</v>
      </c>
      <c r="M7649" s="2" t="s">
        <v>1520</v>
      </c>
      <c r="N7649" s="5" t="s">
        <v>1521</v>
      </c>
      <c r="O7649" s="5" t="s">
        <v>38</v>
      </c>
      <c r="P7649" s="5" t="s">
        <v>39</v>
      </c>
      <c r="Q7649" s="5" t="s">
        <v>40</v>
      </c>
      <c r="R7649" s="5" t="s">
        <v>1522</v>
      </c>
      <c r="S7649" s="5" t="s">
        <v>1523</v>
      </c>
      <c r="T7649" s="5" t="s">
        <v>42</v>
      </c>
      <c r="U7649" s="2">
        <v>3.4609999999999999</v>
      </c>
      <c r="V7649" s="2">
        <v>2.8740000000000001</v>
      </c>
      <c r="W7649" s="2">
        <v>1.7999999999999999E-2</v>
      </c>
      <c r="X7649" s="2">
        <v>139.1</v>
      </c>
      <c r="Y7649" s="2">
        <v>7.6</v>
      </c>
      <c r="Z7649" s="2">
        <v>16.7</v>
      </c>
      <c r="AA7649" s="5"/>
      <c r="AB7649" s="5" t="s">
        <v>43</v>
      </c>
      <c r="AC7649" s="5" t="s">
        <v>44</v>
      </c>
      <c r="AD7649" s="2"/>
      <c r="AE7649" s="1"/>
    </row>
    <row r="7650" spans="1:31" ht="14.45">
      <c r="A7650" s="11"/>
      <c r="B7650" s="20"/>
      <c r="C7650" s="2" t="s">
        <v>23422</v>
      </c>
      <c r="D7650" s="14" t="s">
        <v>23423</v>
      </c>
      <c r="E7650" s="2" t="s">
        <v>23424</v>
      </c>
      <c r="F7650" s="2" t="s">
        <v>16029</v>
      </c>
      <c r="G7650" s="8">
        <v>291</v>
      </c>
      <c r="H7650" s="5">
        <v>11</v>
      </c>
      <c r="I7650" s="5" t="s">
        <v>1518</v>
      </c>
      <c r="J7650" s="5" t="s">
        <v>1519</v>
      </c>
      <c r="K7650" s="2" t="s">
        <v>1520</v>
      </c>
      <c r="L7650" s="5" t="s">
        <v>1519</v>
      </c>
      <c r="M7650" s="2" t="s">
        <v>1520</v>
      </c>
      <c r="N7650" s="5" t="s">
        <v>1521</v>
      </c>
      <c r="O7650" s="5" t="s">
        <v>38</v>
      </c>
      <c r="P7650" s="5" t="s">
        <v>39</v>
      </c>
      <c r="Q7650" s="5" t="s">
        <v>40</v>
      </c>
      <c r="R7650" s="5" t="s">
        <v>1522</v>
      </c>
      <c r="S7650" s="5" t="s">
        <v>1523</v>
      </c>
      <c r="T7650" s="5" t="s">
        <v>42</v>
      </c>
      <c r="U7650" s="2">
        <v>3.3919999999999999</v>
      </c>
      <c r="V7650" s="2">
        <v>2.8050000000000002</v>
      </c>
      <c r="W7650" s="2">
        <v>1.7999999999999999E-2</v>
      </c>
      <c r="X7650" s="2">
        <v>139.1</v>
      </c>
      <c r="Y7650" s="2">
        <v>7.6</v>
      </c>
      <c r="Z7650" s="2">
        <v>16.7</v>
      </c>
      <c r="AA7650" s="5"/>
      <c r="AB7650" s="5" t="s">
        <v>43</v>
      </c>
      <c r="AC7650" s="5" t="s">
        <v>44</v>
      </c>
      <c r="AD7650" s="2"/>
      <c r="AE7650" s="1"/>
    </row>
    <row r="7651" spans="1:31" ht="14.45">
      <c r="A7651" s="11"/>
      <c r="B7651" s="20"/>
      <c r="C7651" s="2" t="s">
        <v>23425</v>
      </c>
      <c r="D7651" s="14" t="s">
        <v>23426</v>
      </c>
      <c r="E7651" s="2" t="s">
        <v>23427</v>
      </c>
      <c r="F7651" s="2" t="s">
        <v>16033</v>
      </c>
      <c r="G7651" s="8">
        <v>291</v>
      </c>
      <c r="H7651" s="5">
        <v>11</v>
      </c>
      <c r="I7651" s="5" t="s">
        <v>1518</v>
      </c>
      <c r="J7651" s="5" t="s">
        <v>1519</v>
      </c>
      <c r="K7651" s="2" t="s">
        <v>1520</v>
      </c>
      <c r="L7651" s="5" t="s">
        <v>1519</v>
      </c>
      <c r="M7651" s="2" t="s">
        <v>1520</v>
      </c>
      <c r="N7651" s="5" t="s">
        <v>1521</v>
      </c>
      <c r="O7651" s="5" t="s">
        <v>38</v>
      </c>
      <c r="P7651" s="5" t="s">
        <v>39</v>
      </c>
      <c r="Q7651" s="5" t="s">
        <v>40</v>
      </c>
      <c r="R7651" s="5" t="s">
        <v>1522</v>
      </c>
      <c r="S7651" s="5" t="s">
        <v>1523</v>
      </c>
      <c r="T7651" s="5" t="s">
        <v>42</v>
      </c>
      <c r="U7651" s="2">
        <v>3.492</v>
      </c>
      <c r="V7651" s="2">
        <v>2.9049999999999998</v>
      </c>
      <c r="W7651" s="2">
        <v>1.7999999999999999E-2</v>
      </c>
      <c r="X7651" s="2">
        <v>139.1</v>
      </c>
      <c r="Y7651" s="2">
        <v>7.6</v>
      </c>
      <c r="Z7651" s="2">
        <v>16.7</v>
      </c>
      <c r="AA7651" s="5"/>
      <c r="AB7651" s="5" t="s">
        <v>43</v>
      </c>
      <c r="AC7651" s="5" t="s">
        <v>44</v>
      </c>
      <c r="AD7651" s="2"/>
      <c r="AE7651" s="1"/>
    </row>
    <row r="7652" spans="1:31" ht="14.45">
      <c r="A7652" s="11"/>
      <c r="B7652" s="20"/>
      <c r="C7652" s="2" t="s">
        <v>23428</v>
      </c>
      <c r="D7652" s="14" t="s">
        <v>23429</v>
      </c>
      <c r="E7652" s="2" t="s">
        <v>23430</v>
      </c>
      <c r="F7652" s="2" t="s">
        <v>7396</v>
      </c>
      <c r="G7652" s="8">
        <v>278</v>
      </c>
      <c r="H7652" s="5">
        <v>6</v>
      </c>
      <c r="I7652" s="5" t="s">
        <v>1518</v>
      </c>
      <c r="J7652" s="5" t="s">
        <v>1519</v>
      </c>
      <c r="K7652" s="2" t="s">
        <v>1520</v>
      </c>
      <c r="L7652" s="5" t="s">
        <v>1519</v>
      </c>
      <c r="M7652" s="2" t="s">
        <v>1520</v>
      </c>
      <c r="N7652" s="5" t="s">
        <v>1521</v>
      </c>
      <c r="O7652" s="5" t="s">
        <v>38</v>
      </c>
      <c r="P7652" s="5" t="s">
        <v>39</v>
      </c>
      <c r="Q7652" s="5" t="s">
        <v>40</v>
      </c>
      <c r="R7652" s="5" t="s">
        <v>1522</v>
      </c>
      <c r="S7652" s="5" t="s">
        <v>1523</v>
      </c>
      <c r="T7652" s="5" t="s">
        <v>42</v>
      </c>
      <c r="U7652" s="2">
        <v>3.5720000000000001</v>
      </c>
      <c r="V7652" s="2">
        <v>2.996</v>
      </c>
      <c r="W7652" s="2">
        <v>1.7999999999999999E-2</v>
      </c>
      <c r="X7652" s="2">
        <v>139.1</v>
      </c>
      <c r="Y7652" s="2">
        <v>7.6</v>
      </c>
      <c r="Z7652" s="2">
        <v>16.7</v>
      </c>
      <c r="AA7652" s="5"/>
      <c r="AB7652" s="5" t="s">
        <v>43</v>
      </c>
      <c r="AC7652" s="5" t="s">
        <v>44</v>
      </c>
      <c r="AD7652" s="2"/>
      <c r="AE7652" s="1"/>
    </row>
    <row r="7653" spans="1:31" ht="14.45">
      <c r="A7653" s="11"/>
      <c r="B7653" s="20"/>
      <c r="C7653" s="2" t="s">
        <v>23431</v>
      </c>
      <c r="D7653" s="14" t="s">
        <v>23432</v>
      </c>
      <c r="E7653" s="2" t="s">
        <v>23433</v>
      </c>
      <c r="F7653" s="2" t="s">
        <v>7507</v>
      </c>
      <c r="G7653" s="8">
        <v>278</v>
      </c>
      <c r="H7653" s="5">
        <v>6</v>
      </c>
      <c r="I7653" s="5" t="s">
        <v>1518</v>
      </c>
      <c r="J7653" s="5" t="s">
        <v>1519</v>
      </c>
      <c r="K7653" s="2" t="s">
        <v>1520</v>
      </c>
      <c r="L7653" s="5" t="s">
        <v>1519</v>
      </c>
      <c r="M7653" s="2" t="s">
        <v>1520</v>
      </c>
      <c r="N7653" s="5" t="s">
        <v>1521</v>
      </c>
      <c r="O7653" s="5" t="s">
        <v>38</v>
      </c>
      <c r="P7653" s="5" t="s">
        <v>39</v>
      </c>
      <c r="Q7653" s="5" t="s">
        <v>40</v>
      </c>
      <c r="R7653" s="5" t="s">
        <v>1522</v>
      </c>
      <c r="S7653" s="5" t="s">
        <v>1523</v>
      </c>
      <c r="T7653" s="5" t="s">
        <v>42</v>
      </c>
      <c r="U7653" s="2">
        <v>3.6840000000000002</v>
      </c>
      <c r="V7653" s="2">
        <v>3.1080000000000001</v>
      </c>
      <c r="W7653" s="2">
        <v>1.7999999999999999E-2</v>
      </c>
      <c r="X7653" s="2">
        <v>139.1</v>
      </c>
      <c r="Y7653" s="2">
        <v>7.6</v>
      </c>
      <c r="Z7653" s="2">
        <v>16.7</v>
      </c>
      <c r="AA7653" s="5"/>
      <c r="AB7653" s="5" t="s">
        <v>43</v>
      </c>
      <c r="AC7653" s="5" t="s">
        <v>44</v>
      </c>
      <c r="AD7653" s="2"/>
      <c r="AE7653" s="1"/>
    </row>
    <row r="7654" spans="1:31" ht="14.45">
      <c r="A7654" s="11"/>
      <c r="B7654" s="20"/>
      <c r="C7654" s="2" t="s">
        <v>23434</v>
      </c>
      <c r="D7654" s="14" t="s">
        <v>23435</v>
      </c>
      <c r="E7654" s="2" t="s">
        <v>23436</v>
      </c>
      <c r="F7654" s="2" t="s">
        <v>7204</v>
      </c>
      <c r="G7654" s="8">
        <v>278</v>
      </c>
      <c r="H7654" s="5">
        <v>6</v>
      </c>
      <c r="I7654" s="5" t="s">
        <v>1518</v>
      </c>
      <c r="J7654" s="5" t="s">
        <v>1519</v>
      </c>
      <c r="K7654" s="2" t="s">
        <v>1520</v>
      </c>
      <c r="L7654" s="5" t="s">
        <v>1519</v>
      </c>
      <c r="M7654" s="2" t="s">
        <v>1520</v>
      </c>
      <c r="N7654" s="5" t="s">
        <v>1521</v>
      </c>
      <c r="O7654" s="5" t="s">
        <v>38</v>
      </c>
      <c r="P7654" s="5" t="s">
        <v>39</v>
      </c>
      <c r="Q7654" s="5" t="s">
        <v>40</v>
      </c>
      <c r="R7654" s="5" t="s">
        <v>1522</v>
      </c>
      <c r="S7654" s="5" t="s">
        <v>1523</v>
      </c>
      <c r="T7654" s="5" t="s">
        <v>42</v>
      </c>
      <c r="U7654" s="2">
        <v>3.5840000000000001</v>
      </c>
      <c r="V7654" s="2">
        <v>3.008</v>
      </c>
      <c r="W7654" s="2">
        <v>1.7999999999999999E-2</v>
      </c>
      <c r="X7654" s="2">
        <v>139.1</v>
      </c>
      <c r="Y7654" s="2">
        <v>7.6</v>
      </c>
      <c r="Z7654" s="2">
        <v>16.7</v>
      </c>
      <c r="AA7654" s="5"/>
      <c r="AB7654" s="5" t="s">
        <v>43</v>
      </c>
      <c r="AC7654" s="5" t="s">
        <v>44</v>
      </c>
      <c r="AD7654" s="2"/>
      <c r="AE7654" s="1"/>
    </row>
    <row r="7655" spans="1:31" ht="14.45">
      <c r="A7655" s="11"/>
      <c r="B7655" s="20"/>
      <c r="C7655" s="2" t="s">
        <v>23437</v>
      </c>
      <c r="D7655" s="14" t="s">
        <v>23438</v>
      </c>
      <c r="E7655" s="2" t="s">
        <v>23439</v>
      </c>
      <c r="F7655" s="2" t="s">
        <v>7514</v>
      </c>
      <c r="G7655" s="8">
        <v>278</v>
      </c>
      <c r="H7655" s="5">
        <v>6</v>
      </c>
      <c r="I7655" s="5" t="s">
        <v>1518</v>
      </c>
      <c r="J7655" s="5" t="s">
        <v>1519</v>
      </c>
      <c r="K7655" s="2" t="s">
        <v>1520</v>
      </c>
      <c r="L7655" s="5" t="s">
        <v>1519</v>
      </c>
      <c r="M7655" s="2" t="s">
        <v>1520</v>
      </c>
      <c r="N7655" s="5" t="s">
        <v>1521</v>
      </c>
      <c r="O7655" s="5" t="s">
        <v>38</v>
      </c>
      <c r="P7655" s="5" t="s">
        <v>39</v>
      </c>
      <c r="Q7655" s="5" t="s">
        <v>40</v>
      </c>
      <c r="R7655" s="5" t="s">
        <v>1522</v>
      </c>
      <c r="S7655" s="5" t="s">
        <v>1523</v>
      </c>
      <c r="T7655" s="5" t="s">
        <v>42</v>
      </c>
      <c r="U7655" s="2">
        <v>3.6960000000000002</v>
      </c>
      <c r="V7655" s="2">
        <v>3.12</v>
      </c>
      <c r="W7655" s="2">
        <v>1.7999999999999999E-2</v>
      </c>
      <c r="X7655" s="2">
        <v>139.1</v>
      </c>
      <c r="Y7655" s="2">
        <v>7.6</v>
      </c>
      <c r="Z7655" s="2">
        <v>16.7</v>
      </c>
      <c r="AA7655" s="5"/>
      <c r="AB7655" s="5" t="s">
        <v>43</v>
      </c>
      <c r="AC7655" s="5" t="s">
        <v>44</v>
      </c>
      <c r="AD7655" s="2"/>
      <c r="AE7655" s="1"/>
    </row>
    <row r="7656" spans="1:31" ht="14.45">
      <c r="A7656" s="11"/>
      <c r="B7656" s="20"/>
      <c r="C7656" s="2" t="s">
        <v>23440</v>
      </c>
      <c r="D7656" s="14" t="s">
        <v>23441</v>
      </c>
      <c r="E7656" s="2" t="s">
        <v>23442</v>
      </c>
      <c r="F7656" s="2" t="s">
        <v>7208</v>
      </c>
      <c r="G7656" s="8">
        <v>278</v>
      </c>
      <c r="H7656" s="5">
        <v>6</v>
      </c>
      <c r="I7656" s="5" t="s">
        <v>1518</v>
      </c>
      <c r="J7656" s="5" t="s">
        <v>1519</v>
      </c>
      <c r="K7656" s="2" t="s">
        <v>1520</v>
      </c>
      <c r="L7656" s="5" t="s">
        <v>1519</v>
      </c>
      <c r="M7656" s="2" t="s">
        <v>1520</v>
      </c>
      <c r="N7656" s="5" t="s">
        <v>1521</v>
      </c>
      <c r="O7656" s="5" t="s">
        <v>38</v>
      </c>
      <c r="P7656" s="5" t="s">
        <v>39</v>
      </c>
      <c r="Q7656" s="5" t="s">
        <v>40</v>
      </c>
      <c r="R7656" s="5" t="s">
        <v>1522</v>
      </c>
      <c r="S7656" s="5" t="s">
        <v>1523</v>
      </c>
      <c r="T7656" s="5" t="s">
        <v>42</v>
      </c>
      <c r="U7656" s="2">
        <v>3.5840000000000001</v>
      </c>
      <c r="V7656" s="2">
        <v>3.008</v>
      </c>
      <c r="W7656" s="2">
        <v>1.7999999999999999E-2</v>
      </c>
      <c r="X7656" s="2">
        <v>139.1</v>
      </c>
      <c r="Y7656" s="2">
        <v>7.6</v>
      </c>
      <c r="Z7656" s="2">
        <v>16.7</v>
      </c>
      <c r="AA7656" s="5"/>
      <c r="AB7656" s="5" t="s">
        <v>43</v>
      </c>
      <c r="AC7656" s="5" t="s">
        <v>44</v>
      </c>
      <c r="AD7656" s="2"/>
      <c r="AE7656" s="1"/>
    </row>
    <row r="7657" spans="1:31" ht="14.45">
      <c r="A7657" s="11"/>
      <c r="B7657" s="20"/>
      <c r="C7657" s="2" t="s">
        <v>23443</v>
      </c>
      <c r="D7657" s="14" t="s">
        <v>23444</v>
      </c>
      <c r="E7657" s="2" t="s">
        <v>23445</v>
      </c>
      <c r="F7657" s="2" t="s">
        <v>7521</v>
      </c>
      <c r="G7657" s="8">
        <v>278</v>
      </c>
      <c r="H7657" s="5">
        <v>6</v>
      </c>
      <c r="I7657" s="5" t="s">
        <v>1518</v>
      </c>
      <c r="J7657" s="5" t="s">
        <v>1519</v>
      </c>
      <c r="K7657" s="2" t="s">
        <v>1520</v>
      </c>
      <c r="L7657" s="5" t="s">
        <v>1519</v>
      </c>
      <c r="M7657" s="2" t="s">
        <v>1520</v>
      </c>
      <c r="N7657" s="5" t="s">
        <v>1521</v>
      </c>
      <c r="O7657" s="5" t="s">
        <v>38</v>
      </c>
      <c r="P7657" s="5" t="s">
        <v>39</v>
      </c>
      <c r="Q7657" s="5" t="s">
        <v>40</v>
      </c>
      <c r="R7657" s="5" t="s">
        <v>1522</v>
      </c>
      <c r="S7657" s="5" t="s">
        <v>1523</v>
      </c>
      <c r="T7657" s="5" t="s">
        <v>42</v>
      </c>
      <c r="U7657" s="2">
        <v>3.6960000000000002</v>
      </c>
      <c r="V7657" s="2">
        <v>3.12</v>
      </c>
      <c r="W7657" s="2">
        <v>1.7999999999999999E-2</v>
      </c>
      <c r="X7657" s="2">
        <v>139.1</v>
      </c>
      <c r="Y7657" s="2">
        <v>7.6</v>
      </c>
      <c r="Z7657" s="2">
        <v>16.7</v>
      </c>
      <c r="AA7657" s="5"/>
      <c r="AB7657" s="5" t="s">
        <v>43</v>
      </c>
      <c r="AC7657" s="5" t="s">
        <v>44</v>
      </c>
      <c r="AD7657" s="2"/>
      <c r="AE7657" s="1"/>
    </row>
    <row r="7658" spans="1:31" ht="14.45">
      <c r="A7658" s="11"/>
      <c r="B7658" s="20"/>
      <c r="C7658" s="2" t="s">
        <v>23446</v>
      </c>
      <c r="D7658" s="14" t="s">
        <v>23447</v>
      </c>
      <c r="E7658" s="2" t="s">
        <v>23448</v>
      </c>
      <c r="F7658" s="2" t="s">
        <v>7212</v>
      </c>
      <c r="G7658" s="8">
        <v>278</v>
      </c>
      <c r="H7658" s="5">
        <v>6</v>
      </c>
      <c r="I7658" s="5" t="s">
        <v>1518</v>
      </c>
      <c r="J7658" s="5" t="s">
        <v>1519</v>
      </c>
      <c r="K7658" s="2" t="s">
        <v>1520</v>
      </c>
      <c r="L7658" s="5" t="s">
        <v>1519</v>
      </c>
      <c r="M7658" s="2" t="s">
        <v>1520</v>
      </c>
      <c r="N7658" s="5" t="s">
        <v>1521</v>
      </c>
      <c r="O7658" s="5" t="s">
        <v>38</v>
      </c>
      <c r="P7658" s="5" t="s">
        <v>39</v>
      </c>
      <c r="Q7658" s="5" t="s">
        <v>40</v>
      </c>
      <c r="R7658" s="5" t="s">
        <v>1522</v>
      </c>
      <c r="S7658" s="5" t="s">
        <v>1523</v>
      </c>
      <c r="T7658" s="5" t="s">
        <v>42</v>
      </c>
      <c r="U7658" s="2">
        <v>3.548</v>
      </c>
      <c r="V7658" s="2">
        <v>2.972</v>
      </c>
      <c r="W7658" s="2">
        <v>1.7999999999999999E-2</v>
      </c>
      <c r="X7658" s="2">
        <v>139.1</v>
      </c>
      <c r="Y7658" s="2">
        <v>7.6</v>
      </c>
      <c r="Z7658" s="2">
        <v>16.7</v>
      </c>
      <c r="AA7658" s="5"/>
      <c r="AB7658" s="5" t="s">
        <v>43</v>
      </c>
      <c r="AC7658" s="5" t="s">
        <v>44</v>
      </c>
      <c r="AD7658" s="2"/>
      <c r="AE7658" s="1"/>
    </row>
    <row r="7659" spans="1:31" ht="14.45">
      <c r="A7659" s="11"/>
      <c r="B7659" s="20"/>
      <c r="C7659" s="2" t="s">
        <v>23449</v>
      </c>
      <c r="D7659" s="14" t="s">
        <v>23450</v>
      </c>
      <c r="E7659" s="2" t="s">
        <v>23451</v>
      </c>
      <c r="F7659" s="2" t="s">
        <v>7528</v>
      </c>
      <c r="G7659" s="8">
        <v>278</v>
      </c>
      <c r="H7659" s="5">
        <v>6</v>
      </c>
      <c r="I7659" s="5" t="s">
        <v>1518</v>
      </c>
      <c r="J7659" s="5" t="s">
        <v>1519</v>
      </c>
      <c r="K7659" s="2" t="s">
        <v>1520</v>
      </c>
      <c r="L7659" s="5" t="s">
        <v>1519</v>
      </c>
      <c r="M7659" s="2" t="s">
        <v>1520</v>
      </c>
      <c r="N7659" s="5" t="s">
        <v>1521</v>
      </c>
      <c r="O7659" s="5" t="s">
        <v>38</v>
      </c>
      <c r="P7659" s="5" t="s">
        <v>39</v>
      </c>
      <c r="Q7659" s="5" t="s">
        <v>40</v>
      </c>
      <c r="R7659" s="5" t="s">
        <v>1522</v>
      </c>
      <c r="S7659" s="5" t="s">
        <v>1523</v>
      </c>
      <c r="T7659" s="5" t="s">
        <v>42</v>
      </c>
      <c r="U7659" s="2">
        <v>3.66</v>
      </c>
      <c r="V7659" s="2">
        <v>3.0840000000000001</v>
      </c>
      <c r="W7659" s="2">
        <v>1.7999999999999999E-2</v>
      </c>
      <c r="X7659" s="2">
        <v>139.1</v>
      </c>
      <c r="Y7659" s="2">
        <v>7.6</v>
      </c>
      <c r="Z7659" s="2">
        <v>16.7</v>
      </c>
      <c r="AA7659" s="5"/>
      <c r="AB7659" s="5" t="s">
        <v>43</v>
      </c>
      <c r="AC7659" s="5" t="s">
        <v>44</v>
      </c>
      <c r="AD7659" s="2"/>
      <c r="AE7659" s="1"/>
    </row>
    <row r="7660" spans="1:31" ht="14.45">
      <c r="A7660" s="11"/>
      <c r="B7660" s="20"/>
      <c r="C7660" s="2" t="s">
        <v>23452</v>
      </c>
      <c r="D7660" s="14" t="s">
        <v>23453</v>
      </c>
      <c r="E7660" s="2" t="s">
        <v>23454</v>
      </c>
      <c r="F7660" s="2" t="s">
        <v>7406</v>
      </c>
      <c r="G7660" s="8">
        <v>300</v>
      </c>
      <c r="H7660" s="5">
        <v>6</v>
      </c>
      <c r="I7660" s="5" t="s">
        <v>1518</v>
      </c>
      <c r="J7660" s="5" t="s">
        <v>1519</v>
      </c>
      <c r="K7660" s="2" t="s">
        <v>1520</v>
      </c>
      <c r="L7660" s="5" t="s">
        <v>1519</v>
      </c>
      <c r="M7660" s="2" t="s">
        <v>1520</v>
      </c>
      <c r="N7660" s="5" t="s">
        <v>1521</v>
      </c>
      <c r="O7660" s="5" t="s">
        <v>38</v>
      </c>
      <c r="P7660" s="5" t="s">
        <v>39</v>
      </c>
      <c r="Q7660" s="5" t="s">
        <v>40</v>
      </c>
      <c r="R7660" s="5" t="s">
        <v>1522</v>
      </c>
      <c r="S7660" s="5" t="s">
        <v>1523</v>
      </c>
      <c r="T7660" s="5" t="s">
        <v>42</v>
      </c>
      <c r="U7660" s="2">
        <v>3.548</v>
      </c>
      <c r="V7660" s="2">
        <v>2.972</v>
      </c>
      <c r="W7660" s="2">
        <v>1.7999999999999999E-2</v>
      </c>
      <c r="X7660" s="2">
        <v>139.1</v>
      </c>
      <c r="Y7660" s="2">
        <v>7.6</v>
      </c>
      <c r="Z7660" s="2">
        <v>16.7</v>
      </c>
      <c r="AA7660" s="5"/>
      <c r="AB7660" s="5" t="s">
        <v>43</v>
      </c>
      <c r="AC7660" s="5" t="s">
        <v>44</v>
      </c>
      <c r="AD7660" s="2"/>
      <c r="AE7660" s="1"/>
    </row>
    <row r="7661" spans="1:31" ht="14.45">
      <c r="A7661" s="11"/>
      <c r="B7661" s="20"/>
      <c r="C7661" s="2" t="s">
        <v>23455</v>
      </c>
      <c r="D7661" s="14" t="s">
        <v>23456</v>
      </c>
      <c r="E7661" s="2" t="s">
        <v>23457</v>
      </c>
      <c r="F7661" s="2" t="s">
        <v>7535</v>
      </c>
      <c r="G7661" s="8">
        <v>300</v>
      </c>
      <c r="H7661" s="5">
        <v>6</v>
      </c>
      <c r="I7661" s="5" t="s">
        <v>1518</v>
      </c>
      <c r="J7661" s="5" t="s">
        <v>1519</v>
      </c>
      <c r="K7661" s="2" t="s">
        <v>1520</v>
      </c>
      <c r="L7661" s="5" t="s">
        <v>1519</v>
      </c>
      <c r="M7661" s="2" t="s">
        <v>1520</v>
      </c>
      <c r="N7661" s="5" t="s">
        <v>1521</v>
      </c>
      <c r="O7661" s="5" t="s">
        <v>38</v>
      </c>
      <c r="P7661" s="5" t="s">
        <v>39</v>
      </c>
      <c r="Q7661" s="5" t="s">
        <v>40</v>
      </c>
      <c r="R7661" s="5" t="s">
        <v>1522</v>
      </c>
      <c r="S7661" s="5" t="s">
        <v>1523</v>
      </c>
      <c r="T7661" s="5" t="s">
        <v>42</v>
      </c>
      <c r="U7661" s="2">
        <v>3.66</v>
      </c>
      <c r="V7661" s="2">
        <v>3.0840000000000001</v>
      </c>
      <c r="W7661" s="2">
        <v>1.7999999999999999E-2</v>
      </c>
      <c r="X7661" s="2">
        <v>139.1</v>
      </c>
      <c r="Y7661" s="2">
        <v>7.6</v>
      </c>
      <c r="Z7661" s="2">
        <v>16.7</v>
      </c>
      <c r="AA7661" s="5"/>
      <c r="AB7661" s="5" t="s">
        <v>43</v>
      </c>
      <c r="AC7661" s="5" t="s">
        <v>44</v>
      </c>
      <c r="AD7661" s="2"/>
      <c r="AE7661" s="1"/>
    </row>
    <row r="7662" spans="1:31" ht="14.45">
      <c r="A7662" s="11"/>
      <c r="B7662" s="20"/>
      <c r="C7662" s="2" t="s">
        <v>23458</v>
      </c>
      <c r="D7662" s="14" t="s">
        <v>23459</v>
      </c>
      <c r="E7662" s="2" t="s">
        <v>23460</v>
      </c>
      <c r="F7662" s="2" t="s">
        <v>7539</v>
      </c>
      <c r="G7662" s="8">
        <v>300</v>
      </c>
      <c r="H7662" s="5">
        <v>6</v>
      </c>
      <c r="I7662" s="5" t="s">
        <v>1518</v>
      </c>
      <c r="J7662" s="5" t="s">
        <v>1519</v>
      </c>
      <c r="K7662" s="2" t="s">
        <v>1520</v>
      </c>
      <c r="L7662" s="5" t="s">
        <v>1519</v>
      </c>
      <c r="M7662" s="2" t="s">
        <v>1520</v>
      </c>
      <c r="N7662" s="5" t="s">
        <v>1521</v>
      </c>
      <c r="O7662" s="5" t="s">
        <v>38</v>
      </c>
      <c r="P7662" s="5" t="s">
        <v>39</v>
      </c>
      <c r="Q7662" s="5" t="s">
        <v>40</v>
      </c>
      <c r="R7662" s="5" t="s">
        <v>1522</v>
      </c>
      <c r="S7662" s="5" t="s">
        <v>1523</v>
      </c>
      <c r="T7662" s="5" t="s">
        <v>42</v>
      </c>
      <c r="U7662" s="2">
        <v>3.5840000000000001</v>
      </c>
      <c r="V7662" s="2">
        <v>3.008</v>
      </c>
      <c r="W7662" s="2">
        <v>1.7999999999999999E-2</v>
      </c>
      <c r="X7662" s="2">
        <v>139.1</v>
      </c>
      <c r="Y7662" s="2">
        <v>7.6</v>
      </c>
      <c r="Z7662" s="2">
        <v>16.7</v>
      </c>
      <c r="AA7662" s="5"/>
      <c r="AB7662" s="5" t="s">
        <v>43</v>
      </c>
      <c r="AC7662" s="5" t="s">
        <v>44</v>
      </c>
      <c r="AD7662" s="2"/>
      <c r="AE7662" s="1"/>
    </row>
    <row r="7663" spans="1:31" ht="14.45">
      <c r="A7663" s="11"/>
      <c r="B7663" s="20"/>
      <c r="C7663" s="2" t="s">
        <v>23461</v>
      </c>
      <c r="D7663" s="14" t="s">
        <v>23462</v>
      </c>
      <c r="E7663" s="2" t="s">
        <v>23463</v>
      </c>
      <c r="F7663" s="2" t="s">
        <v>7543</v>
      </c>
      <c r="G7663" s="8">
        <v>300</v>
      </c>
      <c r="H7663" s="5">
        <v>6</v>
      </c>
      <c r="I7663" s="5" t="s">
        <v>1518</v>
      </c>
      <c r="J7663" s="5" t="s">
        <v>1519</v>
      </c>
      <c r="K7663" s="2" t="s">
        <v>1520</v>
      </c>
      <c r="L7663" s="5" t="s">
        <v>1519</v>
      </c>
      <c r="M7663" s="2" t="s">
        <v>1520</v>
      </c>
      <c r="N7663" s="5" t="s">
        <v>1521</v>
      </c>
      <c r="O7663" s="5" t="s">
        <v>38</v>
      </c>
      <c r="P7663" s="5" t="s">
        <v>39</v>
      </c>
      <c r="Q7663" s="5" t="s">
        <v>40</v>
      </c>
      <c r="R7663" s="5" t="s">
        <v>1522</v>
      </c>
      <c r="S7663" s="5" t="s">
        <v>1523</v>
      </c>
      <c r="T7663" s="5" t="s">
        <v>42</v>
      </c>
      <c r="U7663" s="2">
        <v>3.6960000000000002</v>
      </c>
      <c r="V7663" s="2">
        <v>3.12</v>
      </c>
      <c r="W7663" s="2">
        <v>1.7999999999999999E-2</v>
      </c>
      <c r="X7663" s="2">
        <v>139.1</v>
      </c>
      <c r="Y7663" s="2">
        <v>7.6</v>
      </c>
      <c r="Z7663" s="2">
        <v>16.7</v>
      </c>
      <c r="AA7663" s="5"/>
      <c r="AB7663" s="5" t="s">
        <v>43</v>
      </c>
      <c r="AC7663" s="5" t="s">
        <v>44</v>
      </c>
      <c r="AD7663" s="2"/>
      <c r="AE7663" s="1"/>
    </row>
    <row r="7664" spans="1:31" ht="14.45">
      <c r="A7664" s="11"/>
      <c r="B7664" s="20"/>
      <c r="C7664" s="2" t="s">
        <v>23464</v>
      </c>
      <c r="D7664" s="14" t="s">
        <v>23465</v>
      </c>
      <c r="E7664" s="2" t="s">
        <v>23466</v>
      </c>
      <c r="F7664" s="2" t="s">
        <v>7547</v>
      </c>
      <c r="G7664" s="8">
        <v>300</v>
      </c>
      <c r="H7664" s="5">
        <v>6</v>
      </c>
      <c r="I7664" s="5" t="s">
        <v>1518</v>
      </c>
      <c r="J7664" s="5" t="s">
        <v>1519</v>
      </c>
      <c r="K7664" s="2" t="s">
        <v>1520</v>
      </c>
      <c r="L7664" s="5" t="s">
        <v>1519</v>
      </c>
      <c r="M7664" s="2" t="s">
        <v>1520</v>
      </c>
      <c r="N7664" s="5" t="s">
        <v>1521</v>
      </c>
      <c r="O7664" s="5" t="s">
        <v>38</v>
      </c>
      <c r="P7664" s="5" t="s">
        <v>39</v>
      </c>
      <c r="Q7664" s="5" t="s">
        <v>40</v>
      </c>
      <c r="R7664" s="5" t="s">
        <v>1522</v>
      </c>
      <c r="S7664" s="5" t="s">
        <v>1523</v>
      </c>
      <c r="T7664" s="5" t="s">
        <v>42</v>
      </c>
      <c r="U7664" s="2">
        <v>3.548</v>
      </c>
      <c r="V7664" s="2">
        <v>2.972</v>
      </c>
      <c r="W7664" s="2">
        <v>1.7999999999999999E-2</v>
      </c>
      <c r="X7664" s="2">
        <v>139.1</v>
      </c>
      <c r="Y7664" s="2">
        <v>7.6</v>
      </c>
      <c r="Z7664" s="2">
        <v>16.7</v>
      </c>
      <c r="AA7664" s="5"/>
      <c r="AB7664" s="5" t="s">
        <v>43</v>
      </c>
      <c r="AC7664" s="5" t="s">
        <v>44</v>
      </c>
      <c r="AD7664" s="2"/>
      <c r="AE7664" s="1"/>
    </row>
    <row r="7665" spans="1:31" ht="14.45">
      <c r="A7665" s="11"/>
      <c r="B7665" s="20"/>
      <c r="C7665" s="2" t="s">
        <v>23467</v>
      </c>
      <c r="D7665" s="14" t="s">
        <v>23468</v>
      </c>
      <c r="E7665" s="2" t="s">
        <v>23469</v>
      </c>
      <c r="F7665" s="2" t="s">
        <v>7551</v>
      </c>
      <c r="G7665" s="8">
        <v>300</v>
      </c>
      <c r="H7665" s="5">
        <v>6</v>
      </c>
      <c r="I7665" s="5" t="s">
        <v>1518</v>
      </c>
      <c r="J7665" s="5" t="s">
        <v>1519</v>
      </c>
      <c r="K7665" s="2" t="s">
        <v>1520</v>
      </c>
      <c r="L7665" s="5" t="s">
        <v>1519</v>
      </c>
      <c r="M7665" s="2" t="s">
        <v>1520</v>
      </c>
      <c r="N7665" s="5" t="s">
        <v>1521</v>
      </c>
      <c r="O7665" s="5" t="s">
        <v>38</v>
      </c>
      <c r="P7665" s="5" t="s">
        <v>39</v>
      </c>
      <c r="Q7665" s="5" t="s">
        <v>40</v>
      </c>
      <c r="R7665" s="5" t="s">
        <v>1522</v>
      </c>
      <c r="S7665" s="5" t="s">
        <v>1523</v>
      </c>
      <c r="T7665" s="5" t="s">
        <v>42</v>
      </c>
      <c r="U7665" s="2">
        <v>3.66</v>
      </c>
      <c r="V7665" s="2">
        <v>3.0840000000000001</v>
      </c>
      <c r="W7665" s="2">
        <v>1.7999999999999999E-2</v>
      </c>
      <c r="X7665" s="2">
        <v>139.1</v>
      </c>
      <c r="Y7665" s="2">
        <v>7.6</v>
      </c>
      <c r="Z7665" s="2">
        <v>16.7</v>
      </c>
      <c r="AA7665" s="5"/>
      <c r="AB7665" s="5" t="s">
        <v>43</v>
      </c>
      <c r="AC7665" s="5" t="s">
        <v>44</v>
      </c>
      <c r="AD7665" s="2"/>
      <c r="AE7665" s="1"/>
    </row>
    <row r="7666" spans="1:31" ht="14.45">
      <c r="A7666" s="11"/>
      <c r="B7666" s="20"/>
      <c r="C7666" s="2" t="s">
        <v>23470</v>
      </c>
      <c r="D7666" s="14" t="s">
        <v>23471</v>
      </c>
      <c r="E7666" s="2" t="s">
        <v>23472</v>
      </c>
      <c r="F7666" s="2" t="s">
        <v>7555</v>
      </c>
      <c r="G7666" s="8">
        <v>300</v>
      </c>
      <c r="H7666" s="5">
        <v>6</v>
      </c>
      <c r="I7666" s="5" t="s">
        <v>1518</v>
      </c>
      <c r="J7666" s="5" t="s">
        <v>1519</v>
      </c>
      <c r="K7666" s="2" t="s">
        <v>1520</v>
      </c>
      <c r="L7666" s="5" t="s">
        <v>1519</v>
      </c>
      <c r="M7666" s="2" t="s">
        <v>1520</v>
      </c>
      <c r="N7666" s="5" t="s">
        <v>1521</v>
      </c>
      <c r="O7666" s="5" t="s">
        <v>38</v>
      </c>
      <c r="P7666" s="5" t="s">
        <v>39</v>
      </c>
      <c r="Q7666" s="5" t="s">
        <v>40</v>
      </c>
      <c r="R7666" s="5" t="s">
        <v>1522</v>
      </c>
      <c r="S7666" s="5" t="s">
        <v>1523</v>
      </c>
      <c r="T7666" s="5" t="s">
        <v>42</v>
      </c>
      <c r="U7666" s="2">
        <v>3.548</v>
      </c>
      <c r="V7666" s="2">
        <v>2.972</v>
      </c>
      <c r="W7666" s="2">
        <v>1.7999999999999999E-2</v>
      </c>
      <c r="X7666" s="2">
        <v>139.1</v>
      </c>
      <c r="Y7666" s="2">
        <v>7.6</v>
      </c>
      <c r="Z7666" s="2">
        <v>16.7</v>
      </c>
      <c r="AA7666" s="5"/>
      <c r="AB7666" s="5" t="s">
        <v>43</v>
      </c>
      <c r="AC7666" s="5" t="s">
        <v>44</v>
      </c>
      <c r="AD7666" s="2"/>
      <c r="AE7666" s="1"/>
    </row>
    <row r="7667" spans="1:31" ht="14.45">
      <c r="A7667" s="11"/>
      <c r="B7667" s="20"/>
      <c r="C7667" s="2" t="s">
        <v>23473</v>
      </c>
      <c r="D7667" s="14" t="s">
        <v>23474</v>
      </c>
      <c r="E7667" s="2" t="s">
        <v>23475</v>
      </c>
      <c r="F7667" s="2" t="s">
        <v>7559</v>
      </c>
      <c r="G7667" s="8">
        <v>300</v>
      </c>
      <c r="H7667" s="5">
        <v>6</v>
      </c>
      <c r="I7667" s="5" t="s">
        <v>1518</v>
      </c>
      <c r="J7667" s="5" t="s">
        <v>1519</v>
      </c>
      <c r="K7667" s="2" t="s">
        <v>1520</v>
      </c>
      <c r="L7667" s="5" t="s">
        <v>1519</v>
      </c>
      <c r="M7667" s="2" t="s">
        <v>1520</v>
      </c>
      <c r="N7667" s="5" t="s">
        <v>1521</v>
      </c>
      <c r="O7667" s="5" t="s">
        <v>38</v>
      </c>
      <c r="P7667" s="5" t="s">
        <v>39</v>
      </c>
      <c r="Q7667" s="5" t="s">
        <v>40</v>
      </c>
      <c r="R7667" s="5" t="s">
        <v>1522</v>
      </c>
      <c r="S7667" s="5" t="s">
        <v>1523</v>
      </c>
      <c r="T7667" s="5" t="s">
        <v>42</v>
      </c>
      <c r="U7667" s="2">
        <v>3.66</v>
      </c>
      <c r="V7667" s="2">
        <v>3.0840000000000001</v>
      </c>
      <c r="W7667" s="2">
        <v>1.7999999999999999E-2</v>
      </c>
      <c r="X7667" s="2">
        <v>139.1</v>
      </c>
      <c r="Y7667" s="2">
        <v>7.6</v>
      </c>
      <c r="Z7667" s="2">
        <v>16.7</v>
      </c>
      <c r="AA7667" s="5"/>
      <c r="AB7667" s="5" t="s">
        <v>43</v>
      </c>
      <c r="AC7667" s="5" t="s">
        <v>44</v>
      </c>
      <c r="AD7667" s="2"/>
      <c r="AE7667" s="1"/>
    </row>
    <row r="7668" spans="1:31" ht="14.45">
      <c r="A7668" s="11"/>
      <c r="B7668" s="20"/>
      <c r="C7668" s="2" t="s">
        <v>23476</v>
      </c>
      <c r="D7668" s="14" t="s">
        <v>23477</v>
      </c>
      <c r="E7668" s="2" t="s">
        <v>23478</v>
      </c>
      <c r="F7668" s="2" t="s">
        <v>7563</v>
      </c>
      <c r="G7668" s="8">
        <v>300</v>
      </c>
      <c r="H7668" s="5">
        <v>6</v>
      </c>
      <c r="I7668" s="5" t="s">
        <v>1518</v>
      </c>
      <c r="J7668" s="5" t="s">
        <v>1519</v>
      </c>
      <c r="K7668" s="2" t="s">
        <v>1520</v>
      </c>
      <c r="L7668" s="5" t="s">
        <v>1519</v>
      </c>
      <c r="M7668" s="2" t="s">
        <v>1520</v>
      </c>
      <c r="N7668" s="5" t="s">
        <v>1521</v>
      </c>
      <c r="O7668" s="5" t="s">
        <v>38</v>
      </c>
      <c r="P7668" s="5" t="s">
        <v>39</v>
      </c>
      <c r="Q7668" s="5" t="s">
        <v>40</v>
      </c>
      <c r="R7668" s="5" t="s">
        <v>1522</v>
      </c>
      <c r="S7668" s="5" t="s">
        <v>1523</v>
      </c>
      <c r="T7668" s="5" t="s">
        <v>42</v>
      </c>
      <c r="U7668" s="2">
        <v>3.5840000000000001</v>
      </c>
      <c r="V7668" s="2">
        <v>3.008</v>
      </c>
      <c r="W7668" s="2">
        <v>1.7999999999999999E-2</v>
      </c>
      <c r="X7668" s="2">
        <v>139.1</v>
      </c>
      <c r="Y7668" s="2">
        <v>7.6</v>
      </c>
      <c r="Z7668" s="2">
        <v>16.7</v>
      </c>
      <c r="AA7668" s="5"/>
      <c r="AB7668" s="5" t="s">
        <v>43</v>
      </c>
      <c r="AC7668" s="5" t="s">
        <v>44</v>
      </c>
      <c r="AD7668" s="2"/>
      <c r="AE7668" s="1"/>
    </row>
    <row r="7669" spans="1:31" ht="14.45">
      <c r="A7669" s="11"/>
      <c r="B7669" s="20"/>
      <c r="C7669" s="2" t="s">
        <v>23479</v>
      </c>
      <c r="D7669" s="14" t="s">
        <v>23480</v>
      </c>
      <c r="E7669" s="2" t="s">
        <v>23481</v>
      </c>
      <c r="F7669" s="2" t="s">
        <v>7567</v>
      </c>
      <c r="G7669" s="8">
        <v>300</v>
      </c>
      <c r="H7669" s="5">
        <v>6</v>
      </c>
      <c r="I7669" s="5" t="s">
        <v>1518</v>
      </c>
      <c r="J7669" s="5" t="s">
        <v>1519</v>
      </c>
      <c r="K7669" s="2" t="s">
        <v>1520</v>
      </c>
      <c r="L7669" s="5" t="s">
        <v>1519</v>
      </c>
      <c r="M7669" s="2" t="s">
        <v>1520</v>
      </c>
      <c r="N7669" s="5" t="s">
        <v>1521</v>
      </c>
      <c r="O7669" s="5" t="s">
        <v>38</v>
      </c>
      <c r="P7669" s="5" t="s">
        <v>39</v>
      </c>
      <c r="Q7669" s="5" t="s">
        <v>40</v>
      </c>
      <c r="R7669" s="5" t="s">
        <v>1522</v>
      </c>
      <c r="S7669" s="5" t="s">
        <v>1523</v>
      </c>
      <c r="T7669" s="5" t="s">
        <v>42</v>
      </c>
      <c r="U7669" s="2">
        <v>3.6960000000000002</v>
      </c>
      <c r="V7669" s="2">
        <v>3.12</v>
      </c>
      <c r="W7669" s="2">
        <v>1.7999999999999999E-2</v>
      </c>
      <c r="X7669" s="2">
        <v>139.1</v>
      </c>
      <c r="Y7669" s="2">
        <v>7.6</v>
      </c>
      <c r="Z7669" s="2">
        <v>16.7</v>
      </c>
      <c r="AA7669" s="5"/>
      <c r="AB7669" s="5" t="s">
        <v>43</v>
      </c>
      <c r="AC7669" s="5" t="s">
        <v>44</v>
      </c>
      <c r="AD7669" s="2"/>
      <c r="AE7669" s="1"/>
    </row>
    <row r="7670" spans="1:31" ht="14.45">
      <c r="A7670" s="11"/>
      <c r="B7670" s="20"/>
      <c r="C7670" s="2" t="s">
        <v>23482</v>
      </c>
      <c r="D7670" s="14" t="s">
        <v>23483</v>
      </c>
      <c r="E7670" s="2" t="s">
        <v>23484</v>
      </c>
      <c r="F7670" s="2" t="s">
        <v>16079</v>
      </c>
      <c r="G7670" s="8">
        <v>300</v>
      </c>
      <c r="H7670" s="5">
        <v>6</v>
      </c>
      <c r="I7670" s="5" t="s">
        <v>1518</v>
      </c>
      <c r="J7670" s="5" t="s">
        <v>1519</v>
      </c>
      <c r="K7670" s="2" t="s">
        <v>1520</v>
      </c>
      <c r="L7670" s="5" t="s">
        <v>1519</v>
      </c>
      <c r="M7670" s="2" t="s">
        <v>1520</v>
      </c>
      <c r="N7670" s="5" t="s">
        <v>1521</v>
      </c>
      <c r="O7670" s="5" t="s">
        <v>38</v>
      </c>
      <c r="P7670" s="5" t="s">
        <v>39</v>
      </c>
      <c r="Q7670" s="5" t="s">
        <v>40</v>
      </c>
      <c r="R7670" s="5" t="s">
        <v>1522</v>
      </c>
      <c r="S7670" s="5" t="s">
        <v>1523</v>
      </c>
      <c r="T7670" s="5" t="s">
        <v>42</v>
      </c>
      <c r="U7670" s="2">
        <v>3.5840000000000001</v>
      </c>
      <c r="V7670" s="2">
        <v>3.008</v>
      </c>
      <c r="W7670" s="2">
        <v>1.7999999999999999E-2</v>
      </c>
      <c r="X7670" s="2">
        <v>139.1</v>
      </c>
      <c r="Y7670" s="2">
        <v>7.6</v>
      </c>
      <c r="Z7670" s="2">
        <v>16.7</v>
      </c>
      <c r="AA7670" s="5"/>
      <c r="AB7670" s="5" t="s">
        <v>43</v>
      </c>
      <c r="AC7670" s="5" t="s">
        <v>44</v>
      </c>
      <c r="AD7670" s="2"/>
      <c r="AE7670" s="1"/>
    </row>
    <row r="7671" spans="1:31" ht="14.45">
      <c r="A7671" s="11"/>
      <c r="B7671" s="20"/>
      <c r="C7671" s="2" t="s">
        <v>23485</v>
      </c>
      <c r="D7671" s="14" t="s">
        <v>23486</v>
      </c>
      <c r="E7671" s="2" t="s">
        <v>23487</v>
      </c>
      <c r="F7671" s="2" t="s">
        <v>16194</v>
      </c>
      <c r="G7671" s="8">
        <v>300</v>
      </c>
      <c r="H7671" s="5">
        <v>6</v>
      </c>
      <c r="I7671" s="5" t="s">
        <v>1518</v>
      </c>
      <c r="J7671" s="5" t="s">
        <v>1519</v>
      </c>
      <c r="K7671" s="2" t="s">
        <v>1520</v>
      </c>
      <c r="L7671" s="5" t="s">
        <v>1519</v>
      </c>
      <c r="M7671" s="2" t="s">
        <v>1520</v>
      </c>
      <c r="N7671" s="5" t="s">
        <v>1521</v>
      </c>
      <c r="O7671" s="5" t="s">
        <v>38</v>
      </c>
      <c r="P7671" s="5" t="s">
        <v>39</v>
      </c>
      <c r="Q7671" s="5" t="s">
        <v>40</v>
      </c>
      <c r="R7671" s="5" t="s">
        <v>1522</v>
      </c>
      <c r="S7671" s="5" t="s">
        <v>1523</v>
      </c>
      <c r="T7671" s="5" t="s">
        <v>42</v>
      </c>
      <c r="U7671" s="2">
        <v>3.6960000000000002</v>
      </c>
      <c r="V7671" s="2">
        <v>3.12</v>
      </c>
      <c r="W7671" s="2">
        <v>1.7999999999999999E-2</v>
      </c>
      <c r="X7671" s="2">
        <v>139.1</v>
      </c>
      <c r="Y7671" s="2">
        <v>7.6</v>
      </c>
      <c r="Z7671" s="2">
        <v>16.7</v>
      </c>
      <c r="AA7671" s="5"/>
      <c r="AB7671" s="5" t="s">
        <v>43</v>
      </c>
      <c r="AC7671" s="5" t="s">
        <v>44</v>
      </c>
      <c r="AD7671" s="2"/>
      <c r="AE7671" s="1"/>
    </row>
    <row r="7672" spans="1:31" ht="14.45">
      <c r="A7672" s="11"/>
      <c r="B7672" s="20"/>
      <c r="C7672" s="2" t="s">
        <v>23488</v>
      </c>
      <c r="D7672" s="14" t="s">
        <v>23489</v>
      </c>
      <c r="E7672" s="2" t="s">
        <v>23490</v>
      </c>
      <c r="F7672" s="2" t="s">
        <v>7449</v>
      </c>
      <c r="G7672" s="8">
        <v>300</v>
      </c>
      <c r="H7672" s="5">
        <v>6</v>
      </c>
      <c r="I7672" s="5" t="s">
        <v>1518</v>
      </c>
      <c r="J7672" s="5" t="s">
        <v>1519</v>
      </c>
      <c r="K7672" s="2" t="s">
        <v>1520</v>
      </c>
      <c r="L7672" s="5" t="s">
        <v>1519</v>
      </c>
      <c r="M7672" s="2" t="s">
        <v>1520</v>
      </c>
      <c r="N7672" s="5" t="s">
        <v>1521</v>
      </c>
      <c r="O7672" s="5" t="s">
        <v>38</v>
      </c>
      <c r="P7672" s="5" t="s">
        <v>39</v>
      </c>
      <c r="Q7672" s="5" t="s">
        <v>40</v>
      </c>
      <c r="R7672" s="5" t="s">
        <v>1522</v>
      </c>
      <c r="S7672" s="5" t="s">
        <v>1523</v>
      </c>
      <c r="T7672" s="5" t="s">
        <v>42</v>
      </c>
      <c r="U7672" s="2">
        <v>3.5840000000000001</v>
      </c>
      <c r="V7672" s="2">
        <v>3.008</v>
      </c>
      <c r="W7672" s="2">
        <v>1.7999999999999999E-2</v>
      </c>
      <c r="X7672" s="2">
        <v>139.1</v>
      </c>
      <c r="Y7672" s="2">
        <v>7.6</v>
      </c>
      <c r="Z7672" s="2">
        <v>16.7</v>
      </c>
      <c r="AA7672" s="5"/>
      <c r="AB7672" s="5" t="s">
        <v>43</v>
      </c>
      <c r="AC7672" s="5" t="s">
        <v>44</v>
      </c>
      <c r="AD7672" s="2"/>
      <c r="AE7672" s="1"/>
    </row>
    <row r="7673" spans="1:31" ht="14.45">
      <c r="A7673" s="11"/>
      <c r="B7673" s="20"/>
      <c r="C7673" s="2" t="s">
        <v>23491</v>
      </c>
      <c r="D7673" s="14" t="s">
        <v>23492</v>
      </c>
      <c r="E7673" s="2" t="s">
        <v>23493</v>
      </c>
      <c r="F7673" s="2" t="s">
        <v>7581</v>
      </c>
      <c r="G7673" s="8">
        <v>300</v>
      </c>
      <c r="H7673" s="5">
        <v>6</v>
      </c>
      <c r="I7673" s="5" t="s">
        <v>1518</v>
      </c>
      <c r="J7673" s="5" t="s">
        <v>1519</v>
      </c>
      <c r="K7673" s="2" t="s">
        <v>1520</v>
      </c>
      <c r="L7673" s="5" t="s">
        <v>1519</v>
      </c>
      <c r="M7673" s="2" t="s">
        <v>1520</v>
      </c>
      <c r="N7673" s="5" t="s">
        <v>1521</v>
      </c>
      <c r="O7673" s="5" t="s">
        <v>38</v>
      </c>
      <c r="P7673" s="5" t="s">
        <v>39</v>
      </c>
      <c r="Q7673" s="5" t="s">
        <v>40</v>
      </c>
      <c r="R7673" s="5" t="s">
        <v>1522</v>
      </c>
      <c r="S7673" s="5" t="s">
        <v>1523</v>
      </c>
      <c r="T7673" s="5" t="s">
        <v>42</v>
      </c>
      <c r="U7673" s="2">
        <v>3.6960000000000002</v>
      </c>
      <c r="V7673" s="2">
        <v>3.12</v>
      </c>
      <c r="W7673" s="2">
        <v>1.7999999999999999E-2</v>
      </c>
      <c r="X7673" s="2">
        <v>139.1</v>
      </c>
      <c r="Y7673" s="2">
        <v>7.6</v>
      </c>
      <c r="Z7673" s="2">
        <v>16.7</v>
      </c>
      <c r="AA7673" s="5"/>
      <c r="AB7673" s="5" t="s">
        <v>43</v>
      </c>
      <c r="AC7673" s="5" t="s">
        <v>44</v>
      </c>
      <c r="AD7673" s="2"/>
      <c r="AE7673" s="1"/>
    </row>
    <row r="7674" spans="1:31" ht="14.45">
      <c r="A7674" s="11"/>
      <c r="B7674" s="20"/>
      <c r="C7674" s="2" t="s">
        <v>23494</v>
      </c>
      <c r="D7674" s="14" t="s">
        <v>23495</v>
      </c>
      <c r="E7674" s="2" t="s">
        <v>23496</v>
      </c>
      <c r="F7674" s="2" t="s">
        <v>7585</v>
      </c>
      <c r="G7674" s="8">
        <v>300</v>
      </c>
      <c r="H7674" s="5">
        <v>6</v>
      </c>
      <c r="I7674" s="5" t="s">
        <v>1518</v>
      </c>
      <c r="J7674" s="5" t="s">
        <v>1519</v>
      </c>
      <c r="K7674" s="2" t="s">
        <v>1520</v>
      </c>
      <c r="L7674" s="5" t="s">
        <v>1519</v>
      </c>
      <c r="M7674" s="2" t="s">
        <v>1520</v>
      </c>
      <c r="N7674" s="5" t="s">
        <v>1521</v>
      </c>
      <c r="O7674" s="5" t="s">
        <v>38</v>
      </c>
      <c r="P7674" s="5" t="s">
        <v>39</v>
      </c>
      <c r="Q7674" s="5" t="s">
        <v>40</v>
      </c>
      <c r="R7674" s="5" t="s">
        <v>1522</v>
      </c>
      <c r="S7674" s="5" t="s">
        <v>1523</v>
      </c>
      <c r="T7674" s="5" t="s">
        <v>42</v>
      </c>
      <c r="U7674" s="2">
        <v>3.548</v>
      </c>
      <c r="V7674" s="2">
        <v>2.972</v>
      </c>
      <c r="W7674" s="2">
        <v>1.7999999999999999E-2</v>
      </c>
      <c r="X7674" s="2">
        <v>139.1</v>
      </c>
      <c r="Y7674" s="2">
        <v>7.6</v>
      </c>
      <c r="Z7674" s="2">
        <v>16.7</v>
      </c>
      <c r="AA7674" s="5"/>
      <c r="AB7674" s="5" t="s">
        <v>43</v>
      </c>
      <c r="AC7674" s="5" t="s">
        <v>44</v>
      </c>
      <c r="AD7674" s="2"/>
      <c r="AE7674" s="1"/>
    </row>
    <row r="7675" spans="1:31" ht="14.45">
      <c r="A7675" s="11"/>
      <c r="B7675" s="20"/>
      <c r="C7675" s="2" t="s">
        <v>23497</v>
      </c>
      <c r="D7675" s="14" t="s">
        <v>23498</v>
      </c>
      <c r="E7675" s="2" t="s">
        <v>23499</v>
      </c>
      <c r="F7675" s="2" t="s">
        <v>7589</v>
      </c>
      <c r="G7675" s="8">
        <v>300</v>
      </c>
      <c r="H7675" s="5">
        <v>6</v>
      </c>
      <c r="I7675" s="5" t="s">
        <v>1518</v>
      </c>
      <c r="J7675" s="5" t="s">
        <v>1519</v>
      </c>
      <c r="K7675" s="2" t="s">
        <v>1520</v>
      </c>
      <c r="L7675" s="5" t="s">
        <v>1519</v>
      </c>
      <c r="M7675" s="2" t="s">
        <v>1520</v>
      </c>
      <c r="N7675" s="5" t="s">
        <v>1521</v>
      </c>
      <c r="O7675" s="5" t="s">
        <v>38</v>
      </c>
      <c r="P7675" s="5" t="s">
        <v>39</v>
      </c>
      <c r="Q7675" s="5" t="s">
        <v>40</v>
      </c>
      <c r="R7675" s="5" t="s">
        <v>1522</v>
      </c>
      <c r="S7675" s="5" t="s">
        <v>1523</v>
      </c>
      <c r="T7675" s="5" t="s">
        <v>42</v>
      </c>
      <c r="U7675" s="2">
        <v>3.66</v>
      </c>
      <c r="V7675" s="2">
        <v>3.0840000000000001</v>
      </c>
      <c r="W7675" s="2">
        <v>1.7999999999999999E-2</v>
      </c>
      <c r="X7675" s="2">
        <v>139.1</v>
      </c>
      <c r="Y7675" s="2">
        <v>7.6</v>
      </c>
      <c r="Z7675" s="2">
        <v>16.7</v>
      </c>
      <c r="AA7675" s="5"/>
      <c r="AB7675" s="5" t="s">
        <v>43</v>
      </c>
      <c r="AC7675" s="5" t="s">
        <v>44</v>
      </c>
      <c r="AD7675" s="2"/>
      <c r="AE7675" s="1"/>
    </row>
    <row r="7676" spans="1:31" ht="14.45">
      <c r="A7676" s="11"/>
      <c r="B7676" s="20"/>
      <c r="C7676" s="2" t="s">
        <v>23500</v>
      </c>
      <c r="D7676" s="14" t="s">
        <v>23501</v>
      </c>
      <c r="E7676" s="2" t="s">
        <v>23502</v>
      </c>
      <c r="F7676" s="2" t="s">
        <v>7593</v>
      </c>
      <c r="G7676" s="8">
        <v>300</v>
      </c>
      <c r="H7676" s="5">
        <v>6</v>
      </c>
      <c r="I7676" s="5" t="s">
        <v>1518</v>
      </c>
      <c r="J7676" s="5" t="s">
        <v>1519</v>
      </c>
      <c r="K7676" s="2" t="s">
        <v>1520</v>
      </c>
      <c r="L7676" s="5" t="s">
        <v>1519</v>
      </c>
      <c r="M7676" s="2" t="s">
        <v>1520</v>
      </c>
      <c r="N7676" s="5" t="s">
        <v>1521</v>
      </c>
      <c r="O7676" s="5" t="s">
        <v>38</v>
      </c>
      <c r="P7676" s="5" t="s">
        <v>39</v>
      </c>
      <c r="Q7676" s="5" t="s">
        <v>40</v>
      </c>
      <c r="R7676" s="5" t="s">
        <v>1522</v>
      </c>
      <c r="S7676" s="5" t="s">
        <v>1523</v>
      </c>
      <c r="T7676" s="5" t="s">
        <v>42</v>
      </c>
      <c r="U7676" s="2">
        <v>3.5840000000000001</v>
      </c>
      <c r="V7676" s="2">
        <v>3.008</v>
      </c>
      <c r="W7676" s="2">
        <v>1.7999999999999999E-2</v>
      </c>
      <c r="X7676" s="2">
        <v>139.1</v>
      </c>
      <c r="Y7676" s="2">
        <v>7.6</v>
      </c>
      <c r="Z7676" s="2">
        <v>16.7</v>
      </c>
      <c r="AA7676" s="5"/>
      <c r="AB7676" s="5" t="s">
        <v>43</v>
      </c>
      <c r="AC7676" s="5" t="s">
        <v>44</v>
      </c>
      <c r="AD7676" s="2"/>
      <c r="AE7676" s="1"/>
    </row>
    <row r="7677" spans="1:31" ht="14.45">
      <c r="A7677" s="11"/>
      <c r="B7677" s="20"/>
      <c r="C7677" s="2" t="s">
        <v>23503</v>
      </c>
      <c r="D7677" s="14" t="s">
        <v>23504</v>
      </c>
      <c r="E7677" s="2" t="s">
        <v>23505</v>
      </c>
      <c r="F7677" s="2" t="s">
        <v>7597</v>
      </c>
      <c r="G7677" s="8">
        <v>300</v>
      </c>
      <c r="H7677" s="5">
        <v>6</v>
      </c>
      <c r="I7677" s="5" t="s">
        <v>1518</v>
      </c>
      <c r="J7677" s="5" t="s">
        <v>1519</v>
      </c>
      <c r="K7677" s="2" t="s">
        <v>1520</v>
      </c>
      <c r="L7677" s="5" t="s">
        <v>1519</v>
      </c>
      <c r="M7677" s="2" t="s">
        <v>1520</v>
      </c>
      <c r="N7677" s="5" t="s">
        <v>1521</v>
      </c>
      <c r="O7677" s="5" t="s">
        <v>38</v>
      </c>
      <c r="P7677" s="5" t="s">
        <v>39</v>
      </c>
      <c r="Q7677" s="5" t="s">
        <v>40</v>
      </c>
      <c r="R7677" s="5" t="s">
        <v>1522</v>
      </c>
      <c r="S7677" s="5" t="s">
        <v>1523</v>
      </c>
      <c r="T7677" s="5" t="s">
        <v>42</v>
      </c>
      <c r="U7677" s="2">
        <v>3.6960000000000002</v>
      </c>
      <c r="V7677" s="2">
        <v>3.12</v>
      </c>
      <c r="W7677" s="2">
        <v>1.7999999999999999E-2</v>
      </c>
      <c r="X7677" s="2">
        <v>139.1</v>
      </c>
      <c r="Y7677" s="2">
        <v>7.6</v>
      </c>
      <c r="Z7677" s="2">
        <v>16.7</v>
      </c>
      <c r="AA7677" s="5"/>
      <c r="AB7677" s="5" t="s">
        <v>43</v>
      </c>
      <c r="AC7677" s="5" t="s">
        <v>44</v>
      </c>
      <c r="AD7677" s="2"/>
      <c r="AE7677" s="1"/>
    </row>
    <row r="7678" spans="1:31" ht="14.45">
      <c r="A7678" s="11"/>
      <c r="B7678" s="20"/>
      <c r="C7678" s="2" t="s">
        <v>23506</v>
      </c>
      <c r="D7678" s="14" t="s">
        <v>23507</v>
      </c>
      <c r="E7678" s="2" t="s">
        <v>23508</v>
      </c>
      <c r="F7678" s="2" t="s">
        <v>16014</v>
      </c>
      <c r="G7678" s="8">
        <v>300</v>
      </c>
      <c r="H7678" s="5">
        <v>6</v>
      </c>
      <c r="I7678" s="5" t="s">
        <v>1518</v>
      </c>
      <c r="J7678" s="5" t="s">
        <v>1519</v>
      </c>
      <c r="K7678" s="2" t="s">
        <v>1520</v>
      </c>
      <c r="L7678" s="5" t="s">
        <v>1519</v>
      </c>
      <c r="M7678" s="2" t="s">
        <v>1520</v>
      </c>
      <c r="N7678" s="5" t="s">
        <v>1521</v>
      </c>
      <c r="O7678" s="5" t="s">
        <v>38</v>
      </c>
      <c r="P7678" s="5" t="s">
        <v>39</v>
      </c>
      <c r="Q7678" s="5" t="s">
        <v>40</v>
      </c>
      <c r="R7678" s="5" t="s">
        <v>1522</v>
      </c>
      <c r="S7678" s="5" t="s">
        <v>1523</v>
      </c>
      <c r="T7678" s="5" t="s">
        <v>42</v>
      </c>
      <c r="U7678" s="2">
        <v>3.5840000000000001</v>
      </c>
      <c r="V7678" s="2">
        <v>3.008</v>
      </c>
      <c r="W7678" s="2">
        <v>1.7999999999999999E-2</v>
      </c>
      <c r="X7678" s="2">
        <v>139.1</v>
      </c>
      <c r="Y7678" s="2">
        <v>7.6</v>
      </c>
      <c r="Z7678" s="2">
        <v>16.7</v>
      </c>
      <c r="AA7678" s="5"/>
      <c r="AB7678" s="5" t="s">
        <v>43</v>
      </c>
      <c r="AC7678" s="5" t="s">
        <v>44</v>
      </c>
      <c r="AD7678" s="2"/>
      <c r="AE7678" s="1"/>
    </row>
    <row r="7679" spans="1:31" ht="14.45">
      <c r="A7679" s="11"/>
      <c r="B7679" s="20"/>
      <c r="C7679" s="2" t="s">
        <v>23509</v>
      </c>
      <c r="D7679" s="14" t="s">
        <v>23510</v>
      </c>
      <c r="E7679" s="2" t="s">
        <v>23511</v>
      </c>
      <c r="F7679" s="2" t="s">
        <v>16219</v>
      </c>
      <c r="G7679" s="8">
        <v>300</v>
      </c>
      <c r="H7679" s="5">
        <v>6</v>
      </c>
      <c r="I7679" s="5" t="s">
        <v>1518</v>
      </c>
      <c r="J7679" s="5" t="s">
        <v>1519</v>
      </c>
      <c r="K7679" s="2" t="s">
        <v>1520</v>
      </c>
      <c r="L7679" s="5" t="s">
        <v>1519</v>
      </c>
      <c r="M7679" s="2" t="s">
        <v>1520</v>
      </c>
      <c r="N7679" s="5" t="s">
        <v>1521</v>
      </c>
      <c r="O7679" s="5" t="s">
        <v>38</v>
      </c>
      <c r="P7679" s="5" t="s">
        <v>39</v>
      </c>
      <c r="Q7679" s="5" t="s">
        <v>40</v>
      </c>
      <c r="R7679" s="5" t="s">
        <v>1522</v>
      </c>
      <c r="S7679" s="5" t="s">
        <v>1523</v>
      </c>
      <c r="T7679" s="5" t="s">
        <v>42</v>
      </c>
      <c r="U7679" s="2">
        <v>3.6960000000000002</v>
      </c>
      <c r="V7679" s="2">
        <v>3.12</v>
      </c>
      <c r="W7679" s="2">
        <v>1.7999999999999999E-2</v>
      </c>
      <c r="X7679" s="2">
        <v>139.1</v>
      </c>
      <c r="Y7679" s="2">
        <v>7.6</v>
      </c>
      <c r="Z7679" s="2">
        <v>16.7</v>
      </c>
      <c r="AA7679" s="5"/>
      <c r="AB7679" s="5" t="s">
        <v>43</v>
      </c>
      <c r="AC7679" s="5" t="s">
        <v>44</v>
      </c>
      <c r="AD7679" s="2"/>
      <c r="AE7679" s="1"/>
    </row>
    <row r="7680" spans="1:31" ht="14.45">
      <c r="A7680" s="11"/>
      <c r="B7680" s="20"/>
      <c r="C7680" s="2" t="s">
        <v>23512</v>
      </c>
      <c r="D7680" s="14" t="s">
        <v>23513</v>
      </c>
      <c r="E7680" s="2" t="s">
        <v>23514</v>
      </c>
      <c r="F7680" s="2" t="s">
        <v>16018</v>
      </c>
      <c r="G7680" s="8">
        <v>300</v>
      </c>
      <c r="H7680" s="5">
        <v>6</v>
      </c>
      <c r="I7680" s="5" t="s">
        <v>1518</v>
      </c>
      <c r="J7680" s="5" t="s">
        <v>1519</v>
      </c>
      <c r="K7680" s="2" t="s">
        <v>1520</v>
      </c>
      <c r="L7680" s="5" t="s">
        <v>1519</v>
      </c>
      <c r="M7680" s="2" t="s">
        <v>1520</v>
      </c>
      <c r="N7680" s="5" t="s">
        <v>1521</v>
      </c>
      <c r="O7680" s="5" t="s">
        <v>38</v>
      </c>
      <c r="P7680" s="5" t="s">
        <v>39</v>
      </c>
      <c r="Q7680" s="5" t="s">
        <v>40</v>
      </c>
      <c r="R7680" s="5" t="s">
        <v>1522</v>
      </c>
      <c r="S7680" s="5" t="s">
        <v>1523</v>
      </c>
      <c r="T7680" s="5" t="s">
        <v>42</v>
      </c>
      <c r="U7680" s="2">
        <v>3.5840000000000001</v>
      </c>
      <c r="V7680" s="2">
        <v>3.008</v>
      </c>
      <c r="W7680" s="2">
        <v>1.7999999999999999E-2</v>
      </c>
      <c r="X7680" s="2">
        <v>139.1</v>
      </c>
      <c r="Y7680" s="2">
        <v>7.6</v>
      </c>
      <c r="Z7680" s="2">
        <v>16.7</v>
      </c>
      <c r="AA7680" s="5"/>
      <c r="AB7680" s="5" t="s">
        <v>43</v>
      </c>
      <c r="AC7680" s="5" t="s">
        <v>44</v>
      </c>
      <c r="AD7680" s="2"/>
      <c r="AE7680" s="1"/>
    </row>
    <row r="7681" spans="1:31" ht="14.45">
      <c r="A7681" s="11"/>
      <c r="B7681" s="20"/>
      <c r="C7681" s="2" t="s">
        <v>23515</v>
      </c>
      <c r="D7681" s="14" t="s">
        <v>23516</v>
      </c>
      <c r="E7681" s="2" t="s">
        <v>23517</v>
      </c>
      <c r="F7681" s="2" t="s">
        <v>16022</v>
      </c>
      <c r="G7681" s="8">
        <v>300</v>
      </c>
      <c r="H7681" s="5">
        <v>6</v>
      </c>
      <c r="I7681" s="5" t="s">
        <v>1518</v>
      </c>
      <c r="J7681" s="5" t="s">
        <v>1519</v>
      </c>
      <c r="K7681" s="2" t="s">
        <v>1520</v>
      </c>
      <c r="L7681" s="5" t="s">
        <v>1519</v>
      </c>
      <c r="M7681" s="2" t="s">
        <v>1520</v>
      </c>
      <c r="N7681" s="5" t="s">
        <v>1521</v>
      </c>
      <c r="O7681" s="5" t="s">
        <v>38</v>
      </c>
      <c r="P7681" s="5" t="s">
        <v>39</v>
      </c>
      <c r="Q7681" s="5" t="s">
        <v>40</v>
      </c>
      <c r="R7681" s="5" t="s">
        <v>1522</v>
      </c>
      <c r="S7681" s="5" t="s">
        <v>1523</v>
      </c>
      <c r="T7681" s="5" t="s">
        <v>42</v>
      </c>
      <c r="U7681" s="2">
        <v>3.6960000000000002</v>
      </c>
      <c r="V7681" s="2">
        <v>3.12</v>
      </c>
      <c r="W7681" s="2">
        <v>1.7999999999999999E-2</v>
      </c>
      <c r="X7681" s="2">
        <v>139.1</v>
      </c>
      <c r="Y7681" s="2">
        <v>7.6</v>
      </c>
      <c r="Z7681" s="2">
        <v>16.7</v>
      </c>
      <c r="AA7681" s="5"/>
      <c r="AB7681" s="5" t="s">
        <v>43</v>
      </c>
      <c r="AC7681" s="5" t="s">
        <v>44</v>
      </c>
      <c r="AD7681" s="2"/>
      <c r="AE7681" s="1"/>
    </row>
    <row r="7682" spans="1:31" ht="14.45">
      <c r="A7682" s="11"/>
      <c r="B7682" s="20"/>
      <c r="C7682" s="2" t="s">
        <v>23518</v>
      </c>
      <c r="D7682" s="14" t="s">
        <v>23519</v>
      </c>
      <c r="E7682" s="2" t="s">
        <v>23520</v>
      </c>
      <c r="F7682" s="2" t="s">
        <v>7615</v>
      </c>
      <c r="G7682" s="8">
        <v>300</v>
      </c>
      <c r="H7682" s="5">
        <v>6</v>
      </c>
      <c r="I7682" s="5" t="s">
        <v>1518</v>
      </c>
      <c r="J7682" s="5" t="s">
        <v>1519</v>
      </c>
      <c r="K7682" s="2" t="s">
        <v>1520</v>
      </c>
      <c r="L7682" s="5" t="s">
        <v>1519</v>
      </c>
      <c r="M7682" s="2" t="s">
        <v>1520</v>
      </c>
      <c r="N7682" s="5" t="s">
        <v>1521</v>
      </c>
      <c r="O7682" s="5" t="s">
        <v>38</v>
      </c>
      <c r="P7682" s="5" t="s">
        <v>39</v>
      </c>
      <c r="Q7682" s="5" t="s">
        <v>40</v>
      </c>
      <c r="R7682" s="5" t="s">
        <v>1522</v>
      </c>
      <c r="S7682" s="5" t="s">
        <v>1523</v>
      </c>
      <c r="T7682" s="5" t="s">
        <v>42</v>
      </c>
      <c r="U7682" s="2">
        <v>3.548</v>
      </c>
      <c r="V7682" s="2">
        <v>2.972</v>
      </c>
      <c r="W7682" s="2">
        <v>1.7999999999999999E-2</v>
      </c>
      <c r="X7682" s="2">
        <v>139.1</v>
      </c>
      <c r="Y7682" s="2">
        <v>7.6</v>
      </c>
      <c r="Z7682" s="2">
        <v>16.7</v>
      </c>
      <c r="AA7682" s="5"/>
      <c r="AB7682" s="5" t="s">
        <v>43</v>
      </c>
      <c r="AC7682" s="5" t="s">
        <v>44</v>
      </c>
      <c r="AD7682" s="2"/>
      <c r="AE7682" s="1"/>
    </row>
    <row r="7683" spans="1:31" ht="14.45">
      <c r="A7683" s="11"/>
      <c r="B7683" s="20"/>
      <c r="C7683" s="2" t="s">
        <v>23521</v>
      </c>
      <c r="D7683" s="14" t="s">
        <v>23522</v>
      </c>
      <c r="E7683" s="2" t="s">
        <v>23523</v>
      </c>
      <c r="F7683" s="2" t="s">
        <v>7619</v>
      </c>
      <c r="G7683" s="8">
        <v>300</v>
      </c>
      <c r="H7683" s="5">
        <v>6</v>
      </c>
      <c r="I7683" s="5" t="s">
        <v>1518</v>
      </c>
      <c r="J7683" s="5" t="s">
        <v>1519</v>
      </c>
      <c r="K7683" s="2" t="s">
        <v>1520</v>
      </c>
      <c r="L7683" s="5" t="s">
        <v>1519</v>
      </c>
      <c r="M7683" s="2" t="s">
        <v>1520</v>
      </c>
      <c r="N7683" s="5" t="s">
        <v>1521</v>
      </c>
      <c r="O7683" s="5" t="s">
        <v>38</v>
      </c>
      <c r="P7683" s="5" t="s">
        <v>39</v>
      </c>
      <c r="Q7683" s="5" t="s">
        <v>40</v>
      </c>
      <c r="R7683" s="5" t="s">
        <v>1522</v>
      </c>
      <c r="S7683" s="5" t="s">
        <v>1523</v>
      </c>
      <c r="T7683" s="5" t="s">
        <v>42</v>
      </c>
      <c r="U7683" s="2">
        <v>3.66</v>
      </c>
      <c r="V7683" s="2">
        <v>3.0840000000000001</v>
      </c>
      <c r="W7683" s="2">
        <v>1.7999999999999999E-2</v>
      </c>
      <c r="X7683" s="2">
        <v>139.1</v>
      </c>
      <c r="Y7683" s="2">
        <v>7.6</v>
      </c>
      <c r="Z7683" s="2">
        <v>16.7</v>
      </c>
      <c r="AA7683" s="5"/>
      <c r="AB7683" s="5" t="s">
        <v>43</v>
      </c>
      <c r="AC7683" s="5" t="s">
        <v>44</v>
      </c>
      <c r="AD7683" s="2"/>
      <c r="AE7683" s="1"/>
    </row>
    <row r="7684" spans="1:31" ht="14.45">
      <c r="A7684" s="11"/>
      <c r="B7684" s="20"/>
      <c r="C7684" s="2" t="s">
        <v>23524</v>
      </c>
      <c r="D7684" s="14" t="s">
        <v>23525</v>
      </c>
      <c r="E7684" s="2" t="s">
        <v>23526</v>
      </c>
      <c r="F7684" s="2" t="s">
        <v>16029</v>
      </c>
      <c r="G7684" s="8">
        <v>300</v>
      </c>
      <c r="H7684" s="5">
        <v>11</v>
      </c>
      <c r="I7684" s="5" t="s">
        <v>1518</v>
      </c>
      <c r="J7684" s="5" t="s">
        <v>1519</v>
      </c>
      <c r="K7684" s="2" t="s">
        <v>1520</v>
      </c>
      <c r="L7684" s="5" t="s">
        <v>1519</v>
      </c>
      <c r="M7684" s="2" t="s">
        <v>1520</v>
      </c>
      <c r="N7684" s="5" t="s">
        <v>1521</v>
      </c>
      <c r="O7684" s="5" t="s">
        <v>38</v>
      </c>
      <c r="P7684" s="5" t="s">
        <v>39</v>
      </c>
      <c r="Q7684" s="5" t="s">
        <v>40</v>
      </c>
      <c r="R7684" s="5" t="s">
        <v>1522</v>
      </c>
      <c r="S7684" s="5" t="s">
        <v>1523</v>
      </c>
      <c r="T7684" s="5" t="s">
        <v>42</v>
      </c>
      <c r="U7684" s="2">
        <v>3.585</v>
      </c>
      <c r="V7684" s="2">
        <v>3.0089999999999999</v>
      </c>
      <c r="W7684" s="2">
        <v>1.7999999999999999E-2</v>
      </c>
      <c r="X7684" s="2">
        <v>139.1</v>
      </c>
      <c r="Y7684" s="2">
        <v>7.6</v>
      </c>
      <c r="Z7684" s="2">
        <v>16.7</v>
      </c>
      <c r="AA7684" s="5"/>
      <c r="AB7684" s="5" t="s">
        <v>43</v>
      </c>
      <c r="AC7684" s="5" t="s">
        <v>44</v>
      </c>
      <c r="AD7684" s="2"/>
      <c r="AE7684" s="1"/>
    </row>
    <row r="7685" spans="1:31" ht="14.45">
      <c r="A7685" s="11"/>
      <c r="B7685" s="20"/>
      <c r="C7685" s="2" t="s">
        <v>23527</v>
      </c>
      <c r="D7685" s="14" t="s">
        <v>23528</v>
      </c>
      <c r="E7685" s="2" t="s">
        <v>23529</v>
      </c>
      <c r="F7685" s="2" t="s">
        <v>16033</v>
      </c>
      <c r="G7685" s="8">
        <v>300</v>
      </c>
      <c r="H7685" s="5">
        <v>11</v>
      </c>
      <c r="I7685" s="5" t="s">
        <v>1518</v>
      </c>
      <c r="J7685" s="5" t="s">
        <v>1519</v>
      </c>
      <c r="K7685" s="2" t="s">
        <v>1520</v>
      </c>
      <c r="L7685" s="5" t="s">
        <v>1519</v>
      </c>
      <c r="M7685" s="2" t="s">
        <v>1520</v>
      </c>
      <c r="N7685" s="5" t="s">
        <v>1521</v>
      </c>
      <c r="O7685" s="5" t="s">
        <v>38</v>
      </c>
      <c r="P7685" s="5" t="s">
        <v>39</v>
      </c>
      <c r="Q7685" s="5" t="s">
        <v>40</v>
      </c>
      <c r="R7685" s="5" t="s">
        <v>1522</v>
      </c>
      <c r="S7685" s="5" t="s">
        <v>1523</v>
      </c>
      <c r="T7685" s="5" t="s">
        <v>42</v>
      </c>
      <c r="U7685" s="2">
        <v>3.6970000000000001</v>
      </c>
      <c r="V7685" s="2">
        <v>3.121</v>
      </c>
      <c r="W7685" s="2">
        <v>1.7999999999999999E-2</v>
      </c>
      <c r="X7685" s="2">
        <v>139.1</v>
      </c>
      <c r="Y7685" s="2">
        <v>7.6</v>
      </c>
      <c r="Z7685" s="2">
        <v>16.7</v>
      </c>
      <c r="AA7685" s="5"/>
      <c r="AB7685" s="5" t="s">
        <v>43</v>
      </c>
      <c r="AC7685" s="5" t="s">
        <v>44</v>
      </c>
      <c r="AD7685" s="2"/>
      <c r="AE7685" s="1"/>
    </row>
    <row r="7686" spans="1:31" ht="14.45">
      <c r="A7686" s="11"/>
      <c r="B7686" s="20"/>
      <c r="C7686" s="2" t="s">
        <v>23530</v>
      </c>
      <c r="D7686" s="14" t="s">
        <v>23531</v>
      </c>
      <c r="E7686" s="2" t="s">
        <v>23532</v>
      </c>
      <c r="F7686" s="2" t="s">
        <v>7396</v>
      </c>
      <c r="G7686" s="8">
        <v>296</v>
      </c>
      <c r="H7686" s="5">
        <v>6</v>
      </c>
      <c r="I7686" s="5" t="s">
        <v>1518</v>
      </c>
      <c r="J7686" s="5" t="s">
        <v>1519</v>
      </c>
      <c r="K7686" s="2" t="s">
        <v>1520</v>
      </c>
      <c r="L7686" s="5" t="s">
        <v>1519</v>
      </c>
      <c r="M7686" s="2" t="s">
        <v>1520</v>
      </c>
      <c r="N7686" s="5" t="s">
        <v>1521</v>
      </c>
      <c r="O7686" s="5" t="s">
        <v>38</v>
      </c>
      <c r="P7686" s="5" t="s">
        <v>39</v>
      </c>
      <c r="Q7686" s="5" t="s">
        <v>40</v>
      </c>
      <c r="R7686" s="5" t="s">
        <v>1522</v>
      </c>
      <c r="S7686" s="5" t="s">
        <v>1523</v>
      </c>
      <c r="T7686" s="5" t="s">
        <v>42</v>
      </c>
      <c r="U7686" s="2">
        <v>3.8420000000000001</v>
      </c>
      <c r="V7686" s="2">
        <v>3.1829999999999998</v>
      </c>
      <c r="W7686" s="2">
        <v>0.02</v>
      </c>
      <c r="X7686" s="2">
        <v>159.1</v>
      </c>
      <c r="Y7686" s="2">
        <v>7.6</v>
      </c>
      <c r="Z7686" s="2">
        <v>16.7</v>
      </c>
      <c r="AA7686" s="5"/>
      <c r="AB7686" s="5" t="s">
        <v>43</v>
      </c>
      <c r="AC7686" s="5" t="s">
        <v>44</v>
      </c>
      <c r="AD7686" s="2"/>
      <c r="AE7686" s="1"/>
    </row>
    <row r="7687" spans="1:31" ht="14.45">
      <c r="A7687" s="11"/>
      <c r="B7687" s="20"/>
      <c r="C7687" s="2" t="s">
        <v>23533</v>
      </c>
      <c r="D7687" s="14" t="s">
        <v>23534</v>
      </c>
      <c r="E7687" s="2" t="s">
        <v>23535</v>
      </c>
      <c r="F7687" s="2" t="s">
        <v>7507</v>
      </c>
      <c r="G7687" s="8">
        <v>296</v>
      </c>
      <c r="H7687" s="5">
        <v>6</v>
      </c>
      <c r="I7687" s="5" t="s">
        <v>1518</v>
      </c>
      <c r="J7687" s="5" t="s">
        <v>1519</v>
      </c>
      <c r="K7687" s="2" t="s">
        <v>1520</v>
      </c>
      <c r="L7687" s="5" t="s">
        <v>1519</v>
      </c>
      <c r="M7687" s="2" t="s">
        <v>1520</v>
      </c>
      <c r="N7687" s="5" t="s">
        <v>1521</v>
      </c>
      <c r="O7687" s="5" t="s">
        <v>38</v>
      </c>
      <c r="P7687" s="5" t="s">
        <v>39</v>
      </c>
      <c r="Q7687" s="5" t="s">
        <v>40</v>
      </c>
      <c r="R7687" s="5" t="s">
        <v>1522</v>
      </c>
      <c r="S7687" s="5" t="s">
        <v>1523</v>
      </c>
      <c r="T7687" s="5" t="s">
        <v>42</v>
      </c>
      <c r="U7687" s="2">
        <v>3.9660000000000002</v>
      </c>
      <c r="V7687" s="2">
        <v>3.3069999999999999</v>
      </c>
      <c r="W7687" s="2">
        <v>0.02</v>
      </c>
      <c r="X7687" s="2">
        <v>159.1</v>
      </c>
      <c r="Y7687" s="2">
        <v>7.6</v>
      </c>
      <c r="Z7687" s="2">
        <v>16.7</v>
      </c>
      <c r="AA7687" s="5"/>
      <c r="AB7687" s="5" t="s">
        <v>43</v>
      </c>
      <c r="AC7687" s="5" t="s">
        <v>44</v>
      </c>
      <c r="AD7687" s="2"/>
      <c r="AE7687" s="1"/>
    </row>
    <row r="7688" spans="1:31" ht="14.45">
      <c r="A7688" s="11"/>
      <c r="B7688" s="20"/>
      <c r="C7688" s="2" t="s">
        <v>23536</v>
      </c>
      <c r="D7688" s="14" t="s">
        <v>23537</v>
      </c>
      <c r="E7688" s="2" t="s">
        <v>23538</v>
      </c>
      <c r="F7688" s="2" t="s">
        <v>7204</v>
      </c>
      <c r="G7688" s="8">
        <v>296</v>
      </c>
      <c r="H7688" s="5">
        <v>6</v>
      </c>
      <c r="I7688" s="5" t="s">
        <v>1518</v>
      </c>
      <c r="J7688" s="5" t="s">
        <v>1519</v>
      </c>
      <c r="K7688" s="2" t="s">
        <v>1520</v>
      </c>
      <c r="L7688" s="5" t="s">
        <v>1519</v>
      </c>
      <c r="M7688" s="2" t="s">
        <v>1520</v>
      </c>
      <c r="N7688" s="5" t="s">
        <v>1521</v>
      </c>
      <c r="O7688" s="5" t="s">
        <v>38</v>
      </c>
      <c r="P7688" s="5" t="s">
        <v>39</v>
      </c>
      <c r="Q7688" s="5" t="s">
        <v>40</v>
      </c>
      <c r="R7688" s="5" t="s">
        <v>1522</v>
      </c>
      <c r="S7688" s="5" t="s">
        <v>1523</v>
      </c>
      <c r="T7688" s="5" t="s">
        <v>42</v>
      </c>
      <c r="U7688" s="2">
        <v>3.855</v>
      </c>
      <c r="V7688" s="2">
        <v>3.1960000000000002</v>
      </c>
      <c r="W7688" s="2">
        <v>0.02</v>
      </c>
      <c r="X7688" s="2">
        <v>159.1</v>
      </c>
      <c r="Y7688" s="2">
        <v>7.6</v>
      </c>
      <c r="Z7688" s="2">
        <v>16.7</v>
      </c>
      <c r="AA7688" s="5"/>
      <c r="AB7688" s="5" t="s">
        <v>43</v>
      </c>
      <c r="AC7688" s="5" t="s">
        <v>44</v>
      </c>
      <c r="AD7688" s="2"/>
      <c r="AE7688" s="1"/>
    </row>
    <row r="7689" spans="1:31" ht="14.45">
      <c r="A7689" s="11"/>
      <c r="B7689" s="20"/>
      <c r="C7689" s="2" t="s">
        <v>23539</v>
      </c>
      <c r="D7689" s="14" t="s">
        <v>23540</v>
      </c>
      <c r="E7689" s="2" t="s">
        <v>23541</v>
      </c>
      <c r="F7689" s="2" t="s">
        <v>7514</v>
      </c>
      <c r="G7689" s="8">
        <v>296</v>
      </c>
      <c r="H7689" s="5">
        <v>6</v>
      </c>
      <c r="I7689" s="5" t="s">
        <v>1518</v>
      </c>
      <c r="J7689" s="5" t="s">
        <v>1519</v>
      </c>
      <c r="K7689" s="2" t="s">
        <v>1520</v>
      </c>
      <c r="L7689" s="5" t="s">
        <v>1519</v>
      </c>
      <c r="M7689" s="2" t="s">
        <v>1520</v>
      </c>
      <c r="N7689" s="5" t="s">
        <v>1521</v>
      </c>
      <c r="O7689" s="5" t="s">
        <v>38</v>
      </c>
      <c r="P7689" s="5" t="s">
        <v>39</v>
      </c>
      <c r="Q7689" s="5" t="s">
        <v>40</v>
      </c>
      <c r="R7689" s="5" t="s">
        <v>1522</v>
      </c>
      <c r="S7689" s="5" t="s">
        <v>1523</v>
      </c>
      <c r="T7689" s="5" t="s">
        <v>42</v>
      </c>
      <c r="U7689" s="2">
        <v>3.9790000000000001</v>
      </c>
      <c r="V7689" s="2">
        <v>3.32</v>
      </c>
      <c r="W7689" s="2">
        <v>0.02</v>
      </c>
      <c r="X7689" s="2">
        <v>159.1</v>
      </c>
      <c r="Y7689" s="2">
        <v>7.6</v>
      </c>
      <c r="Z7689" s="2">
        <v>16.7</v>
      </c>
      <c r="AA7689" s="5"/>
      <c r="AB7689" s="5" t="s">
        <v>43</v>
      </c>
      <c r="AC7689" s="5" t="s">
        <v>44</v>
      </c>
      <c r="AD7689" s="2"/>
      <c r="AE7689" s="1"/>
    </row>
    <row r="7690" spans="1:31" ht="14.45">
      <c r="A7690" s="11"/>
      <c r="B7690" s="20"/>
      <c r="C7690" s="2" t="s">
        <v>23542</v>
      </c>
      <c r="D7690" s="14" t="s">
        <v>23543</v>
      </c>
      <c r="E7690" s="2" t="s">
        <v>23544</v>
      </c>
      <c r="F7690" s="2" t="s">
        <v>7208</v>
      </c>
      <c r="G7690" s="8">
        <v>296</v>
      </c>
      <c r="H7690" s="5">
        <v>6</v>
      </c>
      <c r="I7690" s="5" t="s">
        <v>1518</v>
      </c>
      <c r="J7690" s="5" t="s">
        <v>1519</v>
      </c>
      <c r="K7690" s="2" t="s">
        <v>1520</v>
      </c>
      <c r="L7690" s="5" t="s">
        <v>1519</v>
      </c>
      <c r="M7690" s="2" t="s">
        <v>1520</v>
      </c>
      <c r="N7690" s="5" t="s">
        <v>1521</v>
      </c>
      <c r="O7690" s="5" t="s">
        <v>38</v>
      </c>
      <c r="P7690" s="5" t="s">
        <v>39</v>
      </c>
      <c r="Q7690" s="5" t="s">
        <v>40</v>
      </c>
      <c r="R7690" s="5" t="s">
        <v>1522</v>
      </c>
      <c r="S7690" s="5" t="s">
        <v>1523</v>
      </c>
      <c r="T7690" s="5" t="s">
        <v>42</v>
      </c>
      <c r="U7690" s="2">
        <v>3.855</v>
      </c>
      <c r="V7690" s="2">
        <v>3.1960000000000002</v>
      </c>
      <c r="W7690" s="2">
        <v>0.02</v>
      </c>
      <c r="X7690" s="2">
        <v>159.1</v>
      </c>
      <c r="Y7690" s="2">
        <v>7.6</v>
      </c>
      <c r="Z7690" s="2">
        <v>16.7</v>
      </c>
      <c r="AA7690" s="5"/>
      <c r="AB7690" s="5" t="s">
        <v>43</v>
      </c>
      <c r="AC7690" s="5" t="s">
        <v>44</v>
      </c>
      <c r="AD7690" s="2"/>
      <c r="AE7690" s="1"/>
    </row>
    <row r="7691" spans="1:31" ht="14.45">
      <c r="A7691" s="11"/>
      <c r="B7691" s="20"/>
      <c r="C7691" s="2" t="s">
        <v>23545</v>
      </c>
      <c r="D7691" s="14" t="s">
        <v>23546</v>
      </c>
      <c r="E7691" s="2" t="s">
        <v>23547</v>
      </c>
      <c r="F7691" s="2" t="s">
        <v>7521</v>
      </c>
      <c r="G7691" s="8">
        <v>296</v>
      </c>
      <c r="H7691" s="5">
        <v>6</v>
      </c>
      <c r="I7691" s="5" t="s">
        <v>1518</v>
      </c>
      <c r="J7691" s="5" t="s">
        <v>1519</v>
      </c>
      <c r="K7691" s="2" t="s">
        <v>1520</v>
      </c>
      <c r="L7691" s="5" t="s">
        <v>1519</v>
      </c>
      <c r="M7691" s="2" t="s">
        <v>1520</v>
      </c>
      <c r="N7691" s="5" t="s">
        <v>1521</v>
      </c>
      <c r="O7691" s="5" t="s">
        <v>38</v>
      </c>
      <c r="P7691" s="5" t="s">
        <v>39</v>
      </c>
      <c r="Q7691" s="5" t="s">
        <v>40</v>
      </c>
      <c r="R7691" s="5" t="s">
        <v>1522</v>
      </c>
      <c r="S7691" s="5" t="s">
        <v>1523</v>
      </c>
      <c r="T7691" s="5" t="s">
        <v>42</v>
      </c>
      <c r="U7691" s="2">
        <v>3.9790000000000001</v>
      </c>
      <c r="V7691" s="2">
        <v>3.32</v>
      </c>
      <c r="W7691" s="2">
        <v>0.02</v>
      </c>
      <c r="X7691" s="2">
        <v>159.1</v>
      </c>
      <c r="Y7691" s="2">
        <v>7.6</v>
      </c>
      <c r="Z7691" s="2">
        <v>16.7</v>
      </c>
      <c r="AA7691" s="5"/>
      <c r="AB7691" s="5" t="s">
        <v>43</v>
      </c>
      <c r="AC7691" s="5" t="s">
        <v>44</v>
      </c>
      <c r="AD7691" s="2"/>
      <c r="AE7691" s="1"/>
    </row>
    <row r="7692" spans="1:31" ht="14.45">
      <c r="A7692" s="11"/>
      <c r="B7692" s="20"/>
      <c r="C7692" s="2" t="s">
        <v>23548</v>
      </c>
      <c r="D7692" s="14" t="s">
        <v>23549</v>
      </c>
      <c r="E7692" s="2" t="s">
        <v>23550</v>
      </c>
      <c r="F7692" s="2" t="s">
        <v>7212</v>
      </c>
      <c r="G7692" s="8">
        <v>296</v>
      </c>
      <c r="H7692" s="5">
        <v>6</v>
      </c>
      <c r="I7692" s="5" t="s">
        <v>1518</v>
      </c>
      <c r="J7692" s="5" t="s">
        <v>1519</v>
      </c>
      <c r="K7692" s="2" t="s">
        <v>1520</v>
      </c>
      <c r="L7692" s="5" t="s">
        <v>1519</v>
      </c>
      <c r="M7692" s="2" t="s">
        <v>1520</v>
      </c>
      <c r="N7692" s="5" t="s">
        <v>1521</v>
      </c>
      <c r="O7692" s="5" t="s">
        <v>38</v>
      </c>
      <c r="P7692" s="5" t="s">
        <v>39</v>
      </c>
      <c r="Q7692" s="5" t="s">
        <v>40</v>
      </c>
      <c r="R7692" s="5" t="s">
        <v>1522</v>
      </c>
      <c r="S7692" s="5" t="s">
        <v>1523</v>
      </c>
      <c r="T7692" s="5" t="s">
        <v>42</v>
      </c>
      <c r="U7692" s="2">
        <v>3.8140000000000001</v>
      </c>
      <c r="V7692" s="2">
        <v>3.1549999999999998</v>
      </c>
      <c r="W7692" s="2">
        <v>0.02</v>
      </c>
      <c r="X7692" s="2">
        <v>159.1</v>
      </c>
      <c r="Y7692" s="2">
        <v>7.6</v>
      </c>
      <c r="Z7692" s="2">
        <v>16.7</v>
      </c>
      <c r="AA7692" s="5"/>
      <c r="AB7692" s="5" t="s">
        <v>43</v>
      </c>
      <c r="AC7692" s="5" t="s">
        <v>44</v>
      </c>
      <c r="AD7692" s="2"/>
      <c r="AE7692" s="1"/>
    </row>
    <row r="7693" spans="1:31" ht="14.45">
      <c r="A7693" s="11"/>
      <c r="B7693" s="20"/>
      <c r="C7693" s="2" t="s">
        <v>23551</v>
      </c>
      <c r="D7693" s="14" t="s">
        <v>23552</v>
      </c>
      <c r="E7693" s="2" t="s">
        <v>23553</v>
      </c>
      <c r="F7693" s="2" t="s">
        <v>7528</v>
      </c>
      <c r="G7693" s="8">
        <v>296</v>
      </c>
      <c r="H7693" s="5">
        <v>6</v>
      </c>
      <c r="I7693" s="5" t="s">
        <v>1518</v>
      </c>
      <c r="J7693" s="5" t="s">
        <v>1519</v>
      </c>
      <c r="K7693" s="2" t="s">
        <v>1520</v>
      </c>
      <c r="L7693" s="5" t="s">
        <v>1519</v>
      </c>
      <c r="M7693" s="2" t="s">
        <v>1520</v>
      </c>
      <c r="N7693" s="5" t="s">
        <v>1521</v>
      </c>
      <c r="O7693" s="5" t="s">
        <v>38</v>
      </c>
      <c r="P7693" s="5" t="s">
        <v>39</v>
      </c>
      <c r="Q7693" s="5" t="s">
        <v>40</v>
      </c>
      <c r="R7693" s="5" t="s">
        <v>1522</v>
      </c>
      <c r="S7693" s="5" t="s">
        <v>1523</v>
      </c>
      <c r="T7693" s="5" t="s">
        <v>42</v>
      </c>
      <c r="U7693" s="2">
        <v>3.9380000000000002</v>
      </c>
      <c r="V7693" s="2">
        <v>3.2789999999999999</v>
      </c>
      <c r="W7693" s="2">
        <v>0.02</v>
      </c>
      <c r="X7693" s="2">
        <v>159.1</v>
      </c>
      <c r="Y7693" s="2">
        <v>7.6</v>
      </c>
      <c r="Z7693" s="2">
        <v>16.7</v>
      </c>
      <c r="AA7693" s="5"/>
      <c r="AB7693" s="5" t="s">
        <v>43</v>
      </c>
      <c r="AC7693" s="5" t="s">
        <v>44</v>
      </c>
      <c r="AD7693" s="2"/>
      <c r="AE7693" s="1"/>
    </row>
    <row r="7694" spans="1:31" ht="14.45">
      <c r="A7694" s="11"/>
      <c r="B7694" s="20"/>
      <c r="C7694" s="2" t="s">
        <v>23554</v>
      </c>
      <c r="D7694" s="14" t="s">
        <v>23555</v>
      </c>
      <c r="E7694" s="2" t="s">
        <v>23556</v>
      </c>
      <c r="F7694" s="2" t="s">
        <v>7406</v>
      </c>
      <c r="G7694" s="8">
        <v>321</v>
      </c>
      <c r="H7694" s="5">
        <v>6</v>
      </c>
      <c r="I7694" s="5" t="s">
        <v>1518</v>
      </c>
      <c r="J7694" s="5" t="s">
        <v>1519</v>
      </c>
      <c r="K7694" s="2" t="s">
        <v>1520</v>
      </c>
      <c r="L7694" s="5" t="s">
        <v>1519</v>
      </c>
      <c r="M7694" s="2" t="s">
        <v>1520</v>
      </c>
      <c r="N7694" s="5" t="s">
        <v>1521</v>
      </c>
      <c r="O7694" s="5" t="s">
        <v>38</v>
      </c>
      <c r="P7694" s="5" t="s">
        <v>39</v>
      </c>
      <c r="Q7694" s="5" t="s">
        <v>40</v>
      </c>
      <c r="R7694" s="5" t="s">
        <v>1522</v>
      </c>
      <c r="S7694" s="5" t="s">
        <v>1523</v>
      </c>
      <c r="T7694" s="5" t="s">
        <v>42</v>
      </c>
      <c r="U7694" s="2">
        <v>3.8140000000000001</v>
      </c>
      <c r="V7694" s="2">
        <v>3.1549999999999998</v>
      </c>
      <c r="W7694" s="2">
        <v>0.02</v>
      </c>
      <c r="X7694" s="2">
        <v>159.1</v>
      </c>
      <c r="Y7694" s="2">
        <v>7.6</v>
      </c>
      <c r="Z7694" s="2">
        <v>16.7</v>
      </c>
      <c r="AA7694" s="5"/>
      <c r="AB7694" s="5" t="s">
        <v>43</v>
      </c>
      <c r="AC7694" s="5" t="s">
        <v>44</v>
      </c>
      <c r="AD7694" s="2"/>
      <c r="AE7694" s="1"/>
    </row>
    <row r="7695" spans="1:31" ht="14.45">
      <c r="A7695" s="11"/>
      <c r="B7695" s="20"/>
      <c r="C7695" s="2" t="s">
        <v>23557</v>
      </c>
      <c r="D7695" s="14" t="s">
        <v>23558</v>
      </c>
      <c r="E7695" s="2" t="s">
        <v>23559</v>
      </c>
      <c r="F7695" s="2" t="s">
        <v>7535</v>
      </c>
      <c r="G7695" s="8">
        <v>321</v>
      </c>
      <c r="H7695" s="5">
        <v>6</v>
      </c>
      <c r="I7695" s="5" t="s">
        <v>1518</v>
      </c>
      <c r="J7695" s="5" t="s">
        <v>1519</v>
      </c>
      <c r="K7695" s="2" t="s">
        <v>1520</v>
      </c>
      <c r="L7695" s="5" t="s">
        <v>1519</v>
      </c>
      <c r="M7695" s="2" t="s">
        <v>1520</v>
      </c>
      <c r="N7695" s="5" t="s">
        <v>1521</v>
      </c>
      <c r="O7695" s="5" t="s">
        <v>38</v>
      </c>
      <c r="P7695" s="5" t="s">
        <v>39</v>
      </c>
      <c r="Q7695" s="5" t="s">
        <v>40</v>
      </c>
      <c r="R7695" s="5" t="s">
        <v>1522</v>
      </c>
      <c r="S7695" s="5" t="s">
        <v>1523</v>
      </c>
      <c r="T7695" s="5" t="s">
        <v>42</v>
      </c>
      <c r="U7695" s="2">
        <v>3.9380000000000002</v>
      </c>
      <c r="V7695" s="2">
        <v>3.2789999999999999</v>
      </c>
      <c r="W7695" s="2">
        <v>0.02</v>
      </c>
      <c r="X7695" s="2">
        <v>159.1</v>
      </c>
      <c r="Y7695" s="2">
        <v>7.6</v>
      </c>
      <c r="Z7695" s="2">
        <v>16.7</v>
      </c>
      <c r="AA7695" s="5"/>
      <c r="AB7695" s="5" t="s">
        <v>43</v>
      </c>
      <c r="AC7695" s="5" t="s">
        <v>44</v>
      </c>
      <c r="AD7695" s="2"/>
      <c r="AE7695" s="1"/>
    </row>
    <row r="7696" spans="1:31" ht="14.45">
      <c r="A7696" s="11"/>
      <c r="B7696" s="20"/>
      <c r="C7696" s="2" t="s">
        <v>23560</v>
      </c>
      <c r="D7696" s="14" t="s">
        <v>23561</v>
      </c>
      <c r="E7696" s="2" t="s">
        <v>23562</v>
      </c>
      <c r="F7696" s="2" t="s">
        <v>7539</v>
      </c>
      <c r="G7696" s="8">
        <v>321</v>
      </c>
      <c r="H7696" s="5">
        <v>6</v>
      </c>
      <c r="I7696" s="5" t="s">
        <v>1518</v>
      </c>
      <c r="J7696" s="5" t="s">
        <v>1519</v>
      </c>
      <c r="K7696" s="2" t="s">
        <v>1520</v>
      </c>
      <c r="L7696" s="5" t="s">
        <v>1519</v>
      </c>
      <c r="M7696" s="2" t="s">
        <v>1520</v>
      </c>
      <c r="N7696" s="5" t="s">
        <v>1521</v>
      </c>
      <c r="O7696" s="5" t="s">
        <v>38</v>
      </c>
      <c r="P7696" s="5" t="s">
        <v>39</v>
      </c>
      <c r="Q7696" s="5" t="s">
        <v>40</v>
      </c>
      <c r="R7696" s="5" t="s">
        <v>1522</v>
      </c>
      <c r="S7696" s="5" t="s">
        <v>1523</v>
      </c>
      <c r="T7696" s="5" t="s">
        <v>42</v>
      </c>
      <c r="U7696" s="2">
        <v>3.855</v>
      </c>
      <c r="V7696" s="2">
        <v>3.1960000000000002</v>
      </c>
      <c r="W7696" s="2">
        <v>0.02</v>
      </c>
      <c r="X7696" s="2">
        <v>159.1</v>
      </c>
      <c r="Y7696" s="2">
        <v>7.6</v>
      </c>
      <c r="Z7696" s="2">
        <v>16.7</v>
      </c>
      <c r="AA7696" s="5"/>
      <c r="AB7696" s="5" t="s">
        <v>43</v>
      </c>
      <c r="AC7696" s="5" t="s">
        <v>44</v>
      </c>
      <c r="AD7696" s="2"/>
      <c r="AE7696" s="1"/>
    </row>
    <row r="7697" spans="1:31" ht="14.45">
      <c r="A7697" s="11"/>
      <c r="B7697" s="20"/>
      <c r="C7697" s="2" t="s">
        <v>23563</v>
      </c>
      <c r="D7697" s="14" t="s">
        <v>23564</v>
      </c>
      <c r="E7697" s="2" t="s">
        <v>23565</v>
      </c>
      <c r="F7697" s="2" t="s">
        <v>7543</v>
      </c>
      <c r="G7697" s="8">
        <v>321</v>
      </c>
      <c r="H7697" s="5">
        <v>6</v>
      </c>
      <c r="I7697" s="5" t="s">
        <v>1518</v>
      </c>
      <c r="J7697" s="5" t="s">
        <v>1519</v>
      </c>
      <c r="K7697" s="2" t="s">
        <v>1520</v>
      </c>
      <c r="L7697" s="5" t="s">
        <v>1519</v>
      </c>
      <c r="M7697" s="2" t="s">
        <v>1520</v>
      </c>
      <c r="N7697" s="5" t="s">
        <v>1521</v>
      </c>
      <c r="O7697" s="5" t="s">
        <v>38</v>
      </c>
      <c r="P7697" s="5" t="s">
        <v>39</v>
      </c>
      <c r="Q7697" s="5" t="s">
        <v>40</v>
      </c>
      <c r="R7697" s="5" t="s">
        <v>1522</v>
      </c>
      <c r="S7697" s="5" t="s">
        <v>1523</v>
      </c>
      <c r="T7697" s="5" t="s">
        <v>42</v>
      </c>
      <c r="U7697" s="2">
        <v>3.9790000000000001</v>
      </c>
      <c r="V7697" s="2">
        <v>3.32</v>
      </c>
      <c r="W7697" s="2">
        <v>0.02</v>
      </c>
      <c r="X7697" s="2">
        <v>159.1</v>
      </c>
      <c r="Y7697" s="2">
        <v>7.6</v>
      </c>
      <c r="Z7697" s="2">
        <v>16.7</v>
      </c>
      <c r="AA7697" s="5"/>
      <c r="AB7697" s="5" t="s">
        <v>43</v>
      </c>
      <c r="AC7697" s="5" t="s">
        <v>44</v>
      </c>
      <c r="AD7697" s="2"/>
      <c r="AE7697" s="1"/>
    </row>
    <row r="7698" spans="1:31" ht="14.45">
      <c r="A7698" s="11"/>
      <c r="B7698" s="20"/>
      <c r="C7698" s="2" t="s">
        <v>23566</v>
      </c>
      <c r="D7698" s="14" t="s">
        <v>23567</v>
      </c>
      <c r="E7698" s="2" t="s">
        <v>23568</v>
      </c>
      <c r="F7698" s="2" t="s">
        <v>7551</v>
      </c>
      <c r="G7698" s="8">
        <v>321</v>
      </c>
      <c r="H7698" s="5">
        <v>6</v>
      </c>
      <c r="I7698" s="5" t="s">
        <v>1518</v>
      </c>
      <c r="J7698" s="5" t="s">
        <v>1519</v>
      </c>
      <c r="K7698" s="2" t="s">
        <v>1520</v>
      </c>
      <c r="L7698" s="5" t="s">
        <v>1519</v>
      </c>
      <c r="M7698" s="2" t="s">
        <v>1520</v>
      </c>
      <c r="N7698" s="5" t="s">
        <v>1521</v>
      </c>
      <c r="O7698" s="5" t="s">
        <v>38</v>
      </c>
      <c r="P7698" s="5" t="s">
        <v>39</v>
      </c>
      <c r="Q7698" s="5" t="s">
        <v>40</v>
      </c>
      <c r="R7698" s="5" t="s">
        <v>1522</v>
      </c>
      <c r="S7698" s="5" t="s">
        <v>1523</v>
      </c>
      <c r="T7698" s="5" t="s">
        <v>42</v>
      </c>
      <c r="U7698" s="2">
        <v>3.9380000000000002</v>
      </c>
      <c r="V7698" s="2">
        <v>3.2789999999999999</v>
      </c>
      <c r="W7698" s="2">
        <v>0.02</v>
      </c>
      <c r="X7698" s="2">
        <v>159.1</v>
      </c>
      <c r="Y7698" s="2">
        <v>7.6</v>
      </c>
      <c r="Z7698" s="2">
        <v>16.7</v>
      </c>
      <c r="AA7698" s="5"/>
      <c r="AB7698" s="5" t="s">
        <v>43</v>
      </c>
      <c r="AC7698" s="5" t="s">
        <v>44</v>
      </c>
      <c r="AD7698" s="2"/>
      <c r="AE7698" s="1"/>
    </row>
    <row r="7699" spans="1:31" ht="14.45">
      <c r="A7699" s="11"/>
      <c r="B7699" s="20"/>
      <c r="C7699" s="2" t="s">
        <v>23569</v>
      </c>
      <c r="D7699" s="14" t="s">
        <v>23570</v>
      </c>
      <c r="E7699" s="2" t="s">
        <v>23571</v>
      </c>
      <c r="F7699" s="2" t="s">
        <v>7555</v>
      </c>
      <c r="G7699" s="8">
        <v>321</v>
      </c>
      <c r="H7699" s="5">
        <v>6</v>
      </c>
      <c r="I7699" s="5" t="s">
        <v>1518</v>
      </c>
      <c r="J7699" s="5" t="s">
        <v>1519</v>
      </c>
      <c r="K7699" s="2" t="s">
        <v>1520</v>
      </c>
      <c r="L7699" s="5" t="s">
        <v>1519</v>
      </c>
      <c r="M7699" s="2" t="s">
        <v>1520</v>
      </c>
      <c r="N7699" s="5" t="s">
        <v>1521</v>
      </c>
      <c r="O7699" s="5" t="s">
        <v>38</v>
      </c>
      <c r="P7699" s="5" t="s">
        <v>39</v>
      </c>
      <c r="Q7699" s="5" t="s">
        <v>40</v>
      </c>
      <c r="R7699" s="5" t="s">
        <v>1522</v>
      </c>
      <c r="S7699" s="5" t="s">
        <v>1523</v>
      </c>
      <c r="T7699" s="5" t="s">
        <v>42</v>
      </c>
      <c r="U7699" s="2">
        <v>3.8140000000000001</v>
      </c>
      <c r="V7699" s="2">
        <v>3.1549999999999998</v>
      </c>
      <c r="W7699" s="2">
        <v>0.02</v>
      </c>
      <c r="X7699" s="2">
        <v>159.1</v>
      </c>
      <c r="Y7699" s="2">
        <v>7.6</v>
      </c>
      <c r="Z7699" s="2">
        <v>16.7</v>
      </c>
      <c r="AA7699" s="5"/>
      <c r="AB7699" s="5" t="s">
        <v>43</v>
      </c>
      <c r="AC7699" s="5" t="s">
        <v>44</v>
      </c>
      <c r="AD7699" s="2"/>
      <c r="AE7699" s="1"/>
    </row>
    <row r="7700" spans="1:31" ht="14.45">
      <c r="A7700" s="11"/>
      <c r="B7700" s="20"/>
      <c r="C7700" s="2" t="s">
        <v>23572</v>
      </c>
      <c r="D7700" s="14" t="s">
        <v>23573</v>
      </c>
      <c r="E7700" s="2" t="s">
        <v>23574</v>
      </c>
      <c r="F7700" s="2" t="s">
        <v>7559</v>
      </c>
      <c r="G7700" s="8">
        <v>321</v>
      </c>
      <c r="H7700" s="5">
        <v>6</v>
      </c>
      <c r="I7700" s="5" t="s">
        <v>1518</v>
      </c>
      <c r="J7700" s="5" t="s">
        <v>1519</v>
      </c>
      <c r="K7700" s="2" t="s">
        <v>1520</v>
      </c>
      <c r="L7700" s="5" t="s">
        <v>1519</v>
      </c>
      <c r="M7700" s="2" t="s">
        <v>1520</v>
      </c>
      <c r="N7700" s="5" t="s">
        <v>1521</v>
      </c>
      <c r="O7700" s="5" t="s">
        <v>38</v>
      </c>
      <c r="P7700" s="5" t="s">
        <v>39</v>
      </c>
      <c r="Q7700" s="5" t="s">
        <v>40</v>
      </c>
      <c r="R7700" s="5" t="s">
        <v>1522</v>
      </c>
      <c r="S7700" s="5" t="s">
        <v>1523</v>
      </c>
      <c r="T7700" s="5" t="s">
        <v>42</v>
      </c>
      <c r="U7700" s="2">
        <v>3.9380000000000002</v>
      </c>
      <c r="V7700" s="2">
        <v>3.2789999999999999</v>
      </c>
      <c r="W7700" s="2">
        <v>0.02</v>
      </c>
      <c r="X7700" s="2">
        <v>159.1</v>
      </c>
      <c r="Y7700" s="2">
        <v>7.6</v>
      </c>
      <c r="Z7700" s="2">
        <v>16.7</v>
      </c>
      <c r="AA7700" s="5"/>
      <c r="AB7700" s="5" t="s">
        <v>43</v>
      </c>
      <c r="AC7700" s="5" t="s">
        <v>44</v>
      </c>
      <c r="AD7700" s="2"/>
      <c r="AE7700" s="1"/>
    </row>
    <row r="7701" spans="1:31" ht="14.45">
      <c r="A7701" s="11"/>
      <c r="B7701" s="20"/>
      <c r="C7701" s="2" t="s">
        <v>23575</v>
      </c>
      <c r="D7701" s="14" t="s">
        <v>23576</v>
      </c>
      <c r="E7701" s="2" t="s">
        <v>23577</v>
      </c>
      <c r="F7701" s="2" t="s">
        <v>7563</v>
      </c>
      <c r="G7701" s="8">
        <v>321</v>
      </c>
      <c r="H7701" s="5">
        <v>6</v>
      </c>
      <c r="I7701" s="5" t="s">
        <v>1518</v>
      </c>
      <c r="J7701" s="5" t="s">
        <v>1519</v>
      </c>
      <c r="K7701" s="2" t="s">
        <v>1520</v>
      </c>
      <c r="L7701" s="5" t="s">
        <v>1519</v>
      </c>
      <c r="M7701" s="2" t="s">
        <v>1520</v>
      </c>
      <c r="N7701" s="5" t="s">
        <v>1521</v>
      </c>
      <c r="O7701" s="5" t="s">
        <v>38</v>
      </c>
      <c r="P7701" s="5" t="s">
        <v>39</v>
      </c>
      <c r="Q7701" s="5" t="s">
        <v>40</v>
      </c>
      <c r="R7701" s="5" t="s">
        <v>1522</v>
      </c>
      <c r="S7701" s="5" t="s">
        <v>1523</v>
      </c>
      <c r="T7701" s="5" t="s">
        <v>42</v>
      </c>
      <c r="U7701" s="2">
        <v>3.855</v>
      </c>
      <c r="V7701" s="2">
        <v>3.1960000000000002</v>
      </c>
      <c r="W7701" s="2">
        <v>0.02</v>
      </c>
      <c r="X7701" s="2">
        <v>159.1</v>
      </c>
      <c r="Y7701" s="2">
        <v>7.6</v>
      </c>
      <c r="Z7701" s="2">
        <v>16.7</v>
      </c>
      <c r="AA7701" s="5"/>
      <c r="AB7701" s="5" t="s">
        <v>43</v>
      </c>
      <c r="AC7701" s="5" t="s">
        <v>44</v>
      </c>
      <c r="AD7701" s="2"/>
      <c r="AE7701" s="1"/>
    </row>
    <row r="7702" spans="1:31" ht="14.45">
      <c r="A7702" s="11"/>
      <c r="B7702" s="20"/>
      <c r="C7702" s="2" t="s">
        <v>23578</v>
      </c>
      <c r="D7702" s="14" t="s">
        <v>23579</v>
      </c>
      <c r="E7702" s="2" t="s">
        <v>23580</v>
      </c>
      <c r="F7702" s="2" t="s">
        <v>7567</v>
      </c>
      <c r="G7702" s="8">
        <v>321</v>
      </c>
      <c r="H7702" s="5">
        <v>6</v>
      </c>
      <c r="I7702" s="5" t="s">
        <v>1518</v>
      </c>
      <c r="J7702" s="5" t="s">
        <v>1519</v>
      </c>
      <c r="K7702" s="2" t="s">
        <v>1520</v>
      </c>
      <c r="L7702" s="5" t="s">
        <v>1519</v>
      </c>
      <c r="M7702" s="2" t="s">
        <v>1520</v>
      </c>
      <c r="N7702" s="5" t="s">
        <v>1521</v>
      </c>
      <c r="O7702" s="5" t="s">
        <v>38</v>
      </c>
      <c r="P7702" s="5" t="s">
        <v>39</v>
      </c>
      <c r="Q7702" s="5" t="s">
        <v>40</v>
      </c>
      <c r="R7702" s="5" t="s">
        <v>1522</v>
      </c>
      <c r="S7702" s="5" t="s">
        <v>1523</v>
      </c>
      <c r="T7702" s="5" t="s">
        <v>42</v>
      </c>
      <c r="U7702" s="2">
        <v>3.9790000000000001</v>
      </c>
      <c r="V7702" s="2">
        <v>3.32</v>
      </c>
      <c r="W7702" s="2">
        <v>0.02</v>
      </c>
      <c r="X7702" s="2">
        <v>159.1</v>
      </c>
      <c r="Y7702" s="2">
        <v>7.6</v>
      </c>
      <c r="Z7702" s="2">
        <v>16.7</v>
      </c>
      <c r="AA7702" s="5"/>
      <c r="AB7702" s="5" t="s">
        <v>43</v>
      </c>
      <c r="AC7702" s="5" t="s">
        <v>44</v>
      </c>
      <c r="AD7702" s="2"/>
      <c r="AE7702" s="1"/>
    </row>
    <row r="7703" spans="1:31" ht="14.45">
      <c r="A7703" s="11"/>
      <c r="B7703" s="20"/>
      <c r="C7703" s="2" t="s">
        <v>23581</v>
      </c>
      <c r="D7703" s="14" t="s">
        <v>23582</v>
      </c>
      <c r="E7703" s="2" t="s">
        <v>23583</v>
      </c>
      <c r="F7703" s="2" t="s">
        <v>16194</v>
      </c>
      <c r="G7703" s="8">
        <v>321</v>
      </c>
      <c r="H7703" s="5">
        <v>6</v>
      </c>
      <c r="I7703" s="5" t="s">
        <v>1518</v>
      </c>
      <c r="J7703" s="5" t="s">
        <v>1519</v>
      </c>
      <c r="K7703" s="2" t="s">
        <v>1520</v>
      </c>
      <c r="L7703" s="5" t="s">
        <v>1519</v>
      </c>
      <c r="M7703" s="2" t="s">
        <v>1520</v>
      </c>
      <c r="N7703" s="5" t="s">
        <v>1521</v>
      </c>
      <c r="O7703" s="5" t="s">
        <v>38</v>
      </c>
      <c r="P7703" s="5" t="s">
        <v>39</v>
      </c>
      <c r="Q7703" s="5" t="s">
        <v>40</v>
      </c>
      <c r="R7703" s="5" t="s">
        <v>1522</v>
      </c>
      <c r="S7703" s="5" t="s">
        <v>1523</v>
      </c>
      <c r="T7703" s="5" t="s">
        <v>42</v>
      </c>
      <c r="U7703" s="2">
        <v>3.9790000000000001</v>
      </c>
      <c r="V7703" s="2">
        <v>3.32</v>
      </c>
      <c r="W7703" s="2">
        <v>0.02</v>
      </c>
      <c r="X7703" s="2">
        <v>159.1</v>
      </c>
      <c r="Y7703" s="2">
        <v>7.6</v>
      </c>
      <c r="Z7703" s="2">
        <v>16.7</v>
      </c>
      <c r="AA7703" s="5"/>
      <c r="AB7703" s="5" t="s">
        <v>43</v>
      </c>
      <c r="AC7703" s="5" t="s">
        <v>44</v>
      </c>
      <c r="AD7703" s="2"/>
      <c r="AE7703" s="1"/>
    </row>
    <row r="7704" spans="1:31" ht="14.45">
      <c r="A7704" s="11"/>
      <c r="B7704" s="20"/>
      <c r="C7704" s="2" t="s">
        <v>23584</v>
      </c>
      <c r="D7704" s="14" t="s">
        <v>23585</v>
      </c>
      <c r="E7704" s="2" t="s">
        <v>23586</v>
      </c>
      <c r="F7704" s="2" t="s">
        <v>7449</v>
      </c>
      <c r="G7704" s="8">
        <v>321</v>
      </c>
      <c r="H7704" s="5">
        <v>6</v>
      </c>
      <c r="I7704" s="5" t="s">
        <v>1518</v>
      </c>
      <c r="J7704" s="5" t="s">
        <v>1519</v>
      </c>
      <c r="K7704" s="2" t="s">
        <v>1520</v>
      </c>
      <c r="L7704" s="5" t="s">
        <v>1519</v>
      </c>
      <c r="M7704" s="2" t="s">
        <v>1520</v>
      </c>
      <c r="N7704" s="5" t="s">
        <v>1521</v>
      </c>
      <c r="O7704" s="5" t="s">
        <v>38</v>
      </c>
      <c r="P7704" s="5" t="s">
        <v>39</v>
      </c>
      <c r="Q7704" s="5" t="s">
        <v>40</v>
      </c>
      <c r="R7704" s="5" t="s">
        <v>1522</v>
      </c>
      <c r="S7704" s="5" t="s">
        <v>1523</v>
      </c>
      <c r="T7704" s="5" t="s">
        <v>42</v>
      </c>
      <c r="U7704" s="2">
        <v>3.855</v>
      </c>
      <c r="V7704" s="2">
        <v>3.1960000000000002</v>
      </c>
      <c r="W7704" s="2">
        <v>0.02</v>
      </c>
      <c r="X7704" s="2">
        <v>159.1</v>
      </c>
      <c r="Y7704" s="2">
        <v>7.6</v>
      </c>
      <c r="Z7704" s="2">
        <v>16.7</v>
      </c>
      <c r="AA7704" s="5"/>
      <c r="AB7704" s="5" t="s">
        <v>43</v>
      </c>
      <c r="AC7704" s="5" t="s">
        <v>44</v>
      </c>
      <c r="AD7704" s="2"/>
      <c r="AE7704" s="1"/>
    </row>
    <row r="7705" spans="1:31" ht="14.45">
      <c r="A7705" s="11"/>
      <c r="B7705" s="20"/>
      <c r="C7705" s="2" t="s">
        <v>23587</v>
      </c>
      <c r="D7705" s="14" t="s">
        <v>23588</v>
      </c>
      <c r="E7705" s="2" t="s">
        <v>23589</v>
      </c>
      <c r="F7705" s="2" t="s">
        <v>7581</v>
      </c>
      <c r="G7705" s="8">
        <v>321</v>
      </c>
      <c r="H7705" s="5">
        <v>6</v>
      </c>
      <c r="I7705" s="5" t="s">
        <v>1518</v>
      </c>
      <c r="J7705" s="5" t="s">
        <v>1519</v>
      </c>
      <c r="K7705" s="2" t="s">
        <v>1520</v>
      </c>
      <c r="L7705" s="5" t="s">
        <v>1519</v>
      </c>
      <c r="M7705" s="2" t="s">
        <v>1520</v>
      </c>
      <c r="N7705" s="5" t="s">
        <v>1521</v>
      </c>
      <c r="O7705" s="5" t="s">
        <v>38</v>
      </c>
      <c r="P7705" s="5" t="s">
        <v>39</v>
      </c>
      <c r="Q7705" s="5" t="s">
        <v>40</v>
      </c>
      <c r="R7705" s="5" t="s">
        <v>1522</v>
      </c>
      <c r="S7705" s="5" t="s">
        <v>1523</v>
      </c>
      <c r="T7705" s="5" t="s">
        <v>42</v>
      </c>
      <c r="U7705" s="2">
        <v>3.9790000000000001</v>
      </c>
      <c r="V7705" s="2">
        <v>3.32</v>
      </c>
      <c r="W7705" s="2">
        <v>0.02</v>
      </c>
      <c r="X7705" s="2">
        <v>159.1</v>
      </c>
      <c r="Y7705" s="2">
        <v>7.6</v>
      </c>
      <c r="Z7705" s="2">
        <v>16.7</v>
      </c>
      <c r="AA7705" s="5"/>
      <c r="AB7705" s="5" t="s">
        <v>43</v>
      </c>
      <c r="AC7705" s="5" t="s">
        <v>44</v>
      </c>
      <c r="AD7705" s="2"/>
      <c r="AE7705" s="1"/>
    </row>
    <row r="7706" spans="1:31" ht="14.45">
      <c r="A7706" s="11"/>
      <c r="B7706" s="20"/>
      <c r="C7706" s="2" t="s">
        <v>23590</v>
      </c>
      <c r="D7706" s="14" t="s">
        <v>23591</v>
      </c>
      <c r="E7706" s="2" t="s">
        <v>23592</v>
      </c>
      <c r="F7706" s="2" t="s">
        <v>7585</v>
      </c>
      <c r="G7706" s="8">
        <v>321</v>
      </c>
      <c r="H7706" s="5">
        <v>6</v>
      </c>
      <c r="I7706" s="5" t="s">
        <v>1518</v>
      </c>
      <c r="J7706" s="5" t="s">
        <v>1519</v>
      </c>
      <c r="K7706" s="2" t="s">
        <v>1520</v>
      </c>
      <c r="L7706" s="5" t="s">
        <v>1519</v>
      </c>
      <c r="M7706" s="2" t="s">
        <v>1520</v>
      </c>
      <c r="N7706" s="5" t="s">
        <v>1521</v>
      </c>
      <c r="O7706" s="5" t="s">
        <v>38</v>
      </c>
      <c r="P7706" s="5" t="s">
        <v>39</v>
      </c>
      <c r="Q7706" s="5" t="s">
        <v>40</v>
      </c>
      <c r="R7706" s="5" t="s">
        <v>1522</v>
      </c>
      <c r="S7706" s="5" t="s">
        <v>1523</v>
      </c>
      <c r="T7706" s="5" t="s">
        <v>42</v>
      </c>
      <c r="U7706" s="2">
        <v>3.8140000000000001</v>
      </c>
      <c r="V7706" s="2">
        <v>3.1549999999999998</v>
      </c>
      <c r="W7706" s="2">
        <v>0.02</v>
      </c>
      <c r="X7706" s="2">
        <v>159.1</v>
      </c>
      <c r="Y7706" s="2">
        <v>7.6</v>
      </c>
      <c r="Z7706" s="2">
        <v>16.7</v>
      </c>
      <c r="AA7706" s="5"/>
      <c r="AB7706" s="5" t="s">
        <v>43</v>
      </c>
      <c r="AC7706" s="5" t="s">
        <v>44</v>
      </c>
      <c r="AD7706" s="2"/>
      <c r="AE7706" s="1"/>
    </row>
    <row r="7707" spans="1:31" ht="14.45">
      <c r="A7707" s="11"/>
      <c r="B7707" s="20"/>
      <c r="C7707" s="2" t="s">
        <v>23593</v>
      </c>
      <c r="D7707" s="14" t="s">
        <v>23594</v>
      </c>
      <c r="E7707" s="2" t="s">
        <v>23595</v>
      </c>
      <c r="F7707" s="2" t="s">
        <v>7589</v>
      </c>
      <c r="G7707" s="8">
        <v>321</v>
      </c>
      <c r="H7707" s="5">
        <v>6</v>
      </c>
      <c r="I7707" s="5" t="s">
        <v>1518</v>
      </c>
      <c r="J7707" s="5" t="s">
        <v>1519</v>
      </c>
      <c r="K7707" s="2" t="s">
        <v>1520</v>
      </c>
      <c r="L7707" s="5" t="s">
        <v>1519</v>
      </c>
      <c r="M7707" s="2" t="s">
        <v>1520</v>
      </c>
      <c r="N7707" s="5" t="s">
        <v>1521</v>
      </c>
      <c r="O7707" s="5" t="s">
        <v>38</v>
      </c>
      <c r="P7707" s="5" t="s">
        <v>39</v>
      </c>
      <c r="Q7707" s="5" t="s">
        <v>40</v>
      </c>
      <c r="R7707" s="5" t="s">
        <v>1522</v>
      </c>
      <c r="S7707" s="5" t="s">
        <v>1523</v>
      </c>
      <c r="T7707" s="5" t="s">
        <v>42</v>
      </c>
      <c r="U7707" s="2">
        <v>3.9380000000000002</v>
      </c>
      <c r="V7707" s="2">
        <v>3.2789999999999999</v>
      </c>
      <c r="W7707" s="2">
        <v>0.02</v>
      </c>
      <c r="X7707" s="2">
        <v>159.1</v>
      </c>
      <c r="Y7707" s="2">
        <v>7.6</v>
      </c>
      <c r="Z7707" s="2">
        <v>16.7</v>
      </c>
      <c r="AA7707" s="5"/>
      <c r="AB7707" s="5" t="s">
        <v>43</v>
      </c>
      <c r="AC7707" s="5" t="s">
        <v>44</v>
      </c>
      <c r="AD7707" s="2"/>
      <c r="AE7707" s="1"/>
    </row>
    <row r="7708" spans="1:31" ht="14.45">
      <c r="A7708" s="11"/>
      <c r="B7708" s="20"/>
      <c r="C7708" s="2" t="s">
        <v>23596</v>
      </c>
      <c r="D7708" s="14" t="s">
        <v>23597</v>
      </c>
      <c r="E7708" s="2" t="s">
        <v>23598</v>
      </c>
      <c r="F7708" s="2" t="s">
        <v>7597</v>
      </c>
      <c r="G7708" s="8">
        <v>321</v>
      </c>
      <c r="H7708" s="5">
        <v>6</v>
      </c>
      <c r="I7708" s="5" t="s">
        <v>1518</v>
      </c>
      <c r="J7708" s="5" t="s">
        <v>1519</v>
      </c>
      <c r="K7708" s="2" t="s">
        <v>1520</v>
      </c>
      <c r="L7708" s="5" t="s">
        <v>1519</v>
      </c>
      <c r="M7708" s="2" t="s">
        <v>1520</v>
      </c>
      <c r="N7708" s="5" t="s">
        <v>1521</v>
      </c>
      <c r="O7708" s="5" t="s">
        <v>38</v>
      </c>
      <c r="P7708" s="5" t="s">
        <v>39</v>
      </c>
      <c r="Q7708" s="5" t="s">
        <v>40</v>
      </c>
      <c r="R7708" s="5" t="s">
        <v>1522</v>
      </c>
      <c r="S7708" s="5" t="s">
        <v>1523</v>
      </c>
      <c r="T7708" s="5" t="s">
        <v>42</v>
      </c>
      <c r="U7708" s="2">
        <v>3.9790000000000001</v>
      </c>
      <c r="V7708" s="2">
        <v>3.32</v>
      </c>
      <c r="W7708" s="2">
        <v>0.02</v>
      </c>
      <c r="X7708" s="2">
        <v>159.1</v>
      </c>
      <c r="Y7708" s="2">
        <v>7.6</v>
      </c>
      <c r="Z7708" s="2">
        <v>16.7</v>
      </c>
      <c r="AA7708" s="5"/>
      <c r="AB7708" s="5" t="s">
        <v>43</v>
      </c>
      <c r="AC7708" s="5" t="s">
        <v>44</v>
      </c>
      <c r="AD7708" s="2"/>
      <c r="AE7708" s="1"/>
    </row>
    <row r="7709" spans="1:31" ht="14.45">
      <c r="A7709" s="11"/>
      <c r="B7709" s="20"/>
      <c r="C7709" s="2" t="s">
        <v>23599</v>
      </c>
      <c r="D7709" s="14" t="s">
        <v>23600</v>
      </c>
      <c r="E7709" s="2" t="s">
        <v>23601</v>
      </c>
      <c r="F7709" s="2" t="s">
        <v>16014</v>
      </c>
      <c r="G7709" s="8">
        <v>321</v>
      </c>
      <c r="H7709" s="5">
        <v>6</v>
      </c>
      <c r="I7709" s="5" t="s">
        <v>1518</v>
      </c>
      <c r="J7709" s="5" t="s">
        <v>1519</v>
      </c>
      <c r="K7709" s="2" t="s">
        <v>1520</v>
      </c>
      <c r="L7709" s="5" t="s">
        <v>1519</v>
      </c>
      <c r="M7709" s="2" t="s">
        <v>1520</v>
      </c>
      <c r="N7709" s="5" t="s">
        <v>1521</v>
      </c>
      <c r="O7709" s="5" t="s">
        <v>38</v>
      </c>
      <c r="P7709" s="5" t="s">
        <v>39</v>
      </c>
      <c r="Q7709" s="5" t="s">
        <v>40</v>
      </c>
      <c r="R7709" s="5" t="s">
        <v>1522</v>
      </c>
      <c r="S7709" s="5" t="s">
        <v>1523</v>
      </c>
      <c r="T7709" s="5" t="s">
        <v>42</v>
      </c>
      <c r="U7709" s="2">
        <v>3.855</v>
      </c>
      <c r="V7709" s="2">
        <v>3.1960000000000002</v>
      </c>
      <c r="W7709" s="2">
        <v>0.02</v>
      </c>
      <c r="X7709" s="2">
        <v>159.1</v>
      </c>
      <c r="Y7709" s="2">
        <v>7.6</v>
      </c>
      <c r="Z7709" s="2">
        <v>16.7</v>
      </c>
      <c r="AA7709" s="5"/>
      <c r="AB7709" s="5" t="s">
        <v>43</v>
      </c>
      <c r="AC7709" s="5" t="s">
        <v>44</v>
      </c>
      <c r="AD7709" s="2"/>
      <c r="AE7709" s="1"/>
    </row>
    <row r="7710" spans="1:31" ht="14.45">
      <c r="A7710" s="11"/>
      <c r="B7710" s="20"/>
      <c r="C7710" s="2" t="s">
        <v>23602</v>
      </c>
      <c r="D7710" s="14" t="s">
        <v>23603</v>
      </c>
      <c r="E7710" s="2" t="s">
        <v>23604</v>
      </c>
      <c r="F7710" s="2" t="s">
        <v>16219</v>
      </c>
      <c r="G7710" s="8">
        <v>321</v>
      </c>
      <c r="H7710" s="5">
        <v>6</v>
      </c>
      <c r="I7710" s="5" t="s">
        <v>1518</v>
      </c>
      <c r="J7710" s="5" t="s">
        <v>1519</v>
      </c>
      <c r="K7710" s="2" t="s">
        <v>1520</v>
      </c>
      <c r="L7710" s="5" t="s">
        <v>1519</v>
      </c>
      <c r="M7710" s="2" t="s">
        <v>1520</v>
      </c>
      <c r="N7710" s="5" t="s">
        <v>1521</v>
      </c>
      <c r="O7710" s="5" t="s">
        <v>38</v>
      </c>
      <c r="P7710" s="5" t="s">
        <v>39</v>
      </c>
      <c r="Q7710" s="5" t="s">
        <v>40</v>
      </c>
      <c r="R7710" s="5" t="s">
        <v>1522</v>
      </c>
      <c r="S7710" s="5" t="s">
        <v>1523</v>
      </c>
      <c r="T7710" s="5" t="s">
        <v>42</v>
      </c>
      <c r="U7710" s="2">
        <v>3.9790000000000001</v>
      </c>
      <c r="V7710" s="2">
        <v>3.32</v>
      </c>
      <c r="W7710" s="2">
        <v>0.02</v>
      </c>
      <c r="X7710" s="2">
        <v>159.1</v>
      </c>
      <c r="Y7710" s="2">
        <v>7.6</v>
      </c>
      <c r="Z7710" s="2">
        <v>16.7</v>
      </c>
      <c r="AA7710" s="5"/>
      <c r="AB7710" s="5" t="s">
        <v>43</v>
      </c>
      <c r="AC7710" s="5" t="s">
        <v>44</v>
      </c>
      <c r="AD7710" s="2"/>
      <c r="AE7710" s="1"/>
    </row>
    <row r="7711" spans="1:31" ht="14.45">
      <c r="A7711" s="11"/>
      <c r="B7711" s="20"/>
      <c r="C7711" s="2" t="s">
        <v>23605</v>
      </c>
      <c r="D7711" s="14" t="s">
        <v>23606</v>
      </c>
      <c r="E7711" s="2" t="s">
        <v>23607</v>
      </c>
      <c r="F7711" s="2" t="s">
        <v>16018</v>
      </c>
      <c r="G7711" s="8">
        <v>321</v>
      </c>
      <c r="H7711" s="5">
        <v>6</v>
      </c>
      <c r="I7711" s="5" t="s">
        <v>1518</v>
      </c>
      <c r="J7711" s="5" t="s">
        <v>1519</v>
      </c>
      <c r="K7711" s="2" t="s">
        <v>1520</v>
      </c>
      <c r="L7711" s="5" t="s">
        <v>1519</v>
      </c>
      <c r="M7711" s="2" t="s">
        <v>1520</v>
      </c>
      <c r="N7711" s="5" t="s">
        <v>1521</v>
      </c>
      <c r="O7711" s="5" t="s">
        <v>38</v>
      </c>
      <c r="P7711" s="5" t="s">
        <v>39</v>
      </c>
      <c r="Q7711" s="5" t="s">
        <v>40</v>
      </c>
      <c r="R7711" s="5" t="s">
        <v>1522</v>
      </c>
      <c r="S7711" s="5" t="s">
        <v>1523</v>
      </c>
      <c r="T7711" s="5" t="s">
        <v>42</v>
      </c>
      <c r="U7711" s="2">
        <v>3.855</v>
      </c>
      <c r="V7711" s="2">
        <v>3.1960000000000002</v>
      </c>
      <c r="W7711" s="2">
        <v>0.02</v>
      </c>
      <c r="X7711" s="2">
        <v>159.1</v>
      </c>
      <c r="Y7711" s="2">
        <v>7.6</v>
      </c>
      <c r="Z7711" s="2">
        <v>16.7</v>
      </c>
      <c r="AA7711" s="5"/>
      <c r="AB7711" s="5" t="s">
        <v>43</v>
      </c>
      <c r="AC7711" s="5" t="s">
        <v>44</v>
      </c>
      <c r="AD7711" s="2"/>
      <c r="AE7711" s="1"/>
    </row>
    <row r="7712" spans="1:31" ht="14.45">
      <c r="A7712" s="11"/>
      <c r="B7712" s="20"/>
      <c r="C7712" s="2" t="s">
        <v>23608</v>
      </c>
      <c r="D7712" s="14" t="s">
        <v>23609</v>
      </c>
      <c r="E7712" s="2" t="s">
        <v>23610</v>
      </c>
      <c r="F7712" s="2" t="s">
        <v>16022</v>
      </c>
      <c r="G7712" s="8">
        <v>321</v>
      </c>
      <c r="H7712" s="5">
        <v>6</v>
      </c>
      <c r="I7712" s="5" t="s">
        <v>1518</v>
      </c>
      <c r="J7712" s="5" t="s">
        <v>1519</v>
      </c>
      <c r="K7712" s="2" t="s">
        <v>1520</v>
      </c>
      <c r="L7712" s="5" t="s">
        <v>1519</v>
      </c>
      <c r="M7712" s="2" t="s">
        <v>1520</v>
      </c>
      <c r="N7712" s="5" t="s">
        <v>1521</v>
      </c>
      <c r="O7712" s="5" t="s">
        <v>38</v>
      </c>
      <c r="P7712" s="5" t="s">
        <v>39</v>
      </c>
      <c r="Q7712" s="5" t="s">
        <v>40</v>
      </c>
      <c r="R7712" s="5" t="s">
        <v>1522</v>
      </c>
      <c r="S7712" s="5" t="s">
        <v>1523</v>
      </c>
      <c r="T7712" s="5" t="s">
        <v>42</v>
      </c>
      <c r="U7712" s="2">
        <v>3.9790000000000001</v>
      </c>
      <c r="V7712" s="2">
        <v>3.32</v>
      </c>
      <c r="W7712" s="2">
        <v>0.02</v>
      </c>
      <c r="X7712" s="2">
        <v>159.1</v>
      </c>
      <c r="Y7712" s="2">
        <v>7.6</v>
      </c>
      <c r="Z7712" s="2">
        <v>16.7</v>
      </c>
      <c r="AA7712" s="5"/>
      <c r="AB7712" s="5" t="s">
        <v>43</v>
      </c>
      <c r="AC7712" s="5" t="s">
        <v>44</v>
      </c>
      <c r="AD7712" s="2"/>
      <c r="AE7712" s="1"/>
    </row>
    <row r="7713" spans="1:31" ht="14.45">
      <c r="A7713" s="11"/>
      <c r="B7713" s="20"/>
      <c r="C7713" s="2" t="s">
        <v>23611</v>
      </c>
      <c r="D7713" s="14" t="s">
        <v>23612</v>
      </c>
      <c r="E7713" s="2" t="s">
        <v>23613</v>
      </c>
      <c r="F7713" s="2" t="s">
        <v>7615</v>
      </c>
      <c r="G7713" s="8">
        <v>321</v>
      </c>
      <c r="H7713" s="5">
        <v>6</v>
      </c>
      <c r="I7713" s="5" t="s">
        <v>1518</v>
      </c>
      <c r="J7713" s="5" t="s">
        <v>1519</v>
      </c>
      <c r="K7713" s="2" t="s">
        <v>1520</v>
      </c>
      <c r="L7713" s="5" t="s">
        <v>1519</v>
      </c>
      <c r="M7713" s="2" t="s">
        <v>1520</v>
      </c>
      <c r="N7713" s="5" t="s">
        <v>1521</v>
      </c>
      <c r="O7713" s="5" t="s">
        <v>38</v>
      </c>
      <c r="P7713" s="5" t="s">
        <v>39</v>
      </c>
      <c r="Q7713" s="5" t="s">
        <v>40</v>
      </c>
      <c r="R7713" s="5" t="s">
        <v>1522</v>
      </c>
      <c r="S7713" s="5" t="s">
        <v>1523</v>
      </c>
      <c r="T7713" s="5" t="s">
        <v>42</v>
      </c>
      <c r="U7713" s="2">
        <v>3.8140000000000001</v>
      </c>
      <c r="V7713" s="2">
        <v>3.1549999999999998</v>
      </c>
      <c r="W7713" s="2">
        <v>0.02</v>
      </c>
      <c r="X7713" s="2">
        <v>159.1</v>
      </c>
      <c r="Y7713" s="2">
        <v>7.6</v>
      </c>
      <c r="Z7713" s="2">
        <v>16.7</v>
      </c>
      <c r="AA7713" s="5"/>
      <c r="AB7713" s="5" t="s">
        <v>43</v>
      </c>
      <c r="AC7713" s="5" t="s">
        <v>44</v>
      </c>
      <c r="AD7713" s="2"/>
      <c r="AE7713" s="1"/>
    </row>
    <row r="7714" spans="1:31" ht="14.45">
      <c r="A7714" s="11"/>
      <c r="B7714" s="20"/>
      <c r="C7714" s="2" t="s">
        <v>23614</v>
      </c>
      <c r="D7714" s="14" t="s">
        <v>23615</v>
      </c>
      <c r="E7714" s="2" t="s">
        <v>23616</v>
      </c>
      <c r="F7714" s="2" t="s">
        <v>7619</v>
      </c>
      <c r="G7714" s="8">
        <v>321</v>
      </c>
      <c r="H7714" s="5">
        <v>6</v>
      </c>
      <c r="I7714" s="5" t="s">
        <v>1518</v>
      </c>
      <c r="J7714" s="5" t="s">
        <v>1519</v>
      </c>
      <c r="K7714" s="2" t="s">
        <v>1520</v>
      </c>
      <c r="L7714" s="5" t="s">
        <v>1519</v>
      </c>
      <c r="M7714" s="2" t="s">
        <v>1520</v>
      </c>
      <c r="N7714" s="5" t="s">
        <v>1521</v>
      </c>
      <c r="O7714" s="5" t="s">
        <v>38</v>
      </c>
      <c r="P7714" s="5" t="s">
        <v>39</v>
      </c>
      <c r="Q7714" s="5" t="s">
        <v>40</v>
      </c>
      <c r="R7714" s="5" t="s">
        <v>1522</v>
      </c>
      <c r="S7714" s="5" t="s">
        <v>1523</v>
      </c>
      <c r="T7714" s="5" t="s">
        <v>42</v>
      </c>
      <c r="U7714" s="2">
        <v>3.9380000000000002</v>
      </c>
      <c r="V7714" s="2">
        <v>3.2789999999999999</v>
      </c>
      <c r="W7714" s="2">
        <v>0.02</v>
      </c>
      <c r="X7714" s="2">
        <v>159.1</v>
      </c>
      <c r="Y7714" s="2">
        <v>7.6</v>
      </c>
      <c r="Z7714" s="2">
        <v>16.7</v>
      </c>
      <c r="AA7714" s="5"/>
      <c r="AB7714" s="5" t="s">
        <v>43</v>
      </c>
      <c r="AC7714" s="5" t="s">
        <v>44</v>
      </c>
      <c r="AD7714" s="2"/>
      <c r="AE7714" s="1"/>
    </row>
    <row r="7715" spans="1:31" ht="14.45">
      <c r="A7715" s="11"/>
      <c r="B7715" s="20"/>
      <c r="C7715" s="2" t="s">
        <v>23617</v>
      </c>
      <c r="D7715" s="14" t="s">
        <v>23618</v>
      </c>
      <c r="E7715" s="2" t="s">
        <v>23619</v>
      </c>
      <c r="F7715" s="2" t="s">
        <v>16029</v>
      </c>
      <c r="G7715" s="8">
        <v>321</v>
      </c>
      <c r="H7715" s="5">
        <v>11</v>
      </c>
      <c r="I7715" s="5" t="s">
        <v>1518</v>
      </c>
      <c r="J7715" s="5" t="s">
        <v>1519</v>
      </c>
      <c r="K7715" s="2" t="s">
        <v>1520</v>
      </c>
      <c r="L7715" s="5" t="s">
        <v>1519</v>
      </c>
      <c r="M7715" s="2" t="s">
        <v>1520</v>
      </c>
      <c r="N7715" s="5" t="s">
        <v>1521</v>
      </c>
      <c r="O7715" s="5" t="s">
        <v>38</v>
      </c>
      <c r="P7715" s="5" t="s">
        <v>39</v>
      </c>
      <c r="Q7715" s="5" t="s">
        <v>40</v>
      </c>
      <c r="R7715" s="5" t="s">
        <v>1522</v>
      </c>
      <c r="S7715" s="5" t="s">
        <v>1523</v>
      </c>
      <c r="T7715" s="5" t="s">
        <v>42</v>
      </c>
      <c r="U7715" s="2">
        <v>3.8559999999999999</v>
      </c>
      <c r="V7715" s="2">
        <v>3.1970000000000001</v>
      </c>
      <c r="W7715" s="2">
        <v>0.02</v>
      </c>
      <c r="X7715" s="2">
        <v>159.1</v>
      </c>
      <c r="Y7715" s="2">
        <v>7.6</v>
      </c>
      <c r="Z7715" s="2">
        <v>16.7</v>
      </c>
      <c r="AA7715" s="5"/>
      <c r="AB7715" s="5" t="s">
        <v>43</v>
      </c>
      <c r="AC7715" s="5" t="s">
        <v>44</v>
      </c>
      <c r="AD7715" s="2"/>
      <c r="AE7715" s="1"/>
    </row>
    <row r="7716" spans="1:31" ht="14.45">
      <c r="A7716" s="11"/>
      <c r="B7716" s="20"/>
      <c r="C7716" s="2" t="s">
        <v>23620</v>
      </c>
      <c r="D7716" s="14" t="s">
        <v>23621</v>
      </c>
      <c r="E7716" s="2" t="s">
        <v>23622</v>
      </c>
      <c r="F7716" s="2" t="s">
        <v>16033</v>
      </c>
      <c r="G7716" s="8">
        <v>321</v>
      </c>
      <c r="H7716" s="5">
        <v>11</v>
      </c>
      <c r="I7716" s="5" t="s">
        <v>1518</v>
      </c>
      <c r="J7716" s="5" t="s">
        <v>1519</v>
      </c>
      <c r="K7716" s="2" t="s">
        <v>1520</v>
      </c>
      <c r="L7716" s="5" t="s">
        <v>1519</v>
      </c>
      <c r="M7716" s="2" t="s">
        <v>1520</v>
      </c>
      <c r="N7716" s="5" t="s">
        <v>1521</v>
      </c>
      <c r="O7716" s="5" t="s">
        <v>38</v>
      </c>
      <c r="P7716" s="5" t="s">
        <v>39</v>
      </c>
      <c r="Q7716" s="5" t="s">
        <v>40</v>
      </c>
      <c r="R7716" s="5" t="s">
        <v>1522</v>
      </c>
      <c r="S7716" s="5" t="s">
        <v>1523</v>
      </c>
      <c r="T7716" s="5" t="s">
        <v>42</v>
      </c>
      <c r="U7716" s="2">
        <v>3.98</v>
      </c>
      <c r="V7716" s="2">
        <v>3.3210000000000002</v>
      </c>
      <c r="W7716" s="2">
        <v>0.02</v>
      </c>
      <c r="X7716" s="2">
        <v>159.1</v>
      </c>
      <c r="Y7716" s="2">
        <v>7.6</v>
      </c>
      <c r="Z7716" s="2">
        <v>16.7</v>
      </c>
      <c r="AA7716" s="5"/>
      <c r="AB7716" s="5" t="s">
        <v>43</v>
      </c>
      <c r="AC7716" s="5" t="s">
        <v>44</v>
      </c>
      <c r="AD7716" s="2"/>
      <c r="AE7716" s="1"/>
    </row>
    <row r="7717" spans="1:31" ht="14.45">
      <c r="A7717" s="11"/>
      <c r="B7717" s="20"/>
      <c r="C7717" s="2" t="s">
        <v>23623</v>
      </c>
      <c r="D7717" s="14" t="s">
        <v>23624</v>
      </c>
      <c r="E7717" s="2" t="s">
        <v>23625</v>
      </c>
      <c r="F7717" s="2" t="s">
        <v>7396</v>
      </c>
      <c r="G7717" s="8">
        <v>278</v>
      </c>
      <c r="H7717" s="5">
        <v>6</v>
      </c>
      <c r="I7717" s="5" t="s">
        <v>1518</v>
      </c>
      <c r="J7717" s="5" t="s">
        <v>1519</v>
      </c>
      <c r="K7717" s="2" t="s">
        <v>1520</v>
      </c>
      <c r="L7717" s="5" t="s">
        <v>1519</v>
      </c>
      <c r="M7717" s="2" t="s">
        <v>1520</v>
      </c>
      <c r="N7717" s="5" t="s">
        <v>1521</v>
      </c>
      <c r="O7717" s="5" t="s">
        <v>38</v>
      </c>
      <c r="P7717" s="5" t="s">
        <v>39</v>
      </c>
      <c r="Q7717" s="5" t="s">
        <v>40</v>
      </c>
      <c r="R7717" s="5" t="s">
        <v>1522</v>
      </c>
      <c r="S7717" s="5" t="s">
        <v>1523</v>
      </c>
      <c r="T7717" s="5" t="s">
        <v>42</v>
      </c>
      <c r="U7717" s="2">
        <v>3.5249999999999999</v>
      </c>
      <c r="V7717" s="2">
        <v>2.859</v>
      </c>
      <c r="W7717" s="2">
        <v>0.02</v>
      </c>
      <c r="X7717" s="2">
        <v>159.1</v>
      </c>
      <c r="Y7717" s="2">
        <v>7.6</v>
      </c>
      <c r="Z7717" s="2">
        <v>16.7</v>
      </c>
      <c r="AA7717" s="5"/>
      <c r="AB7717" s="5" t="s">
        <v>43</v>
      </c>
      <c r="AC7717" s="5" t="s">
        <v>44</v>
      </c>
      <c r="AD7717" s="2"/>
      <c r="AE7717" s="1"/>
    </row>
    <row r="7718" spans="1:31" ht="14.45">
      <c r="A7718" s="11"/>
      <c r="B7718" s="20"/>
      <c r="C7718" s="2" t="s">
        <v>23626</v>
      </c>
      <c r="D7718" s="14" t="s">
        <v>23627</v>
      </c>
      <c r="E7718" s="2" t="s">
        <v>23628</v>
      </c>
      <c r="F7718" s="2" t="s">
        <v>7507</v>
      </c>
      <c r="G7718" s="8">
        <v>278</v>
      </c>
      <c r="H7718" s="5">
        <v>6</v>
      </c>
      <c r="I7718" s="5" t="s">
        <v>1518</v>
      </c>
      <c r="J7718" s="5" t="s">
        <v>1519</v>
      </c>
      <c r="K7718" s="2" t="s">
        <v>1520</v>
      </c>
      <c r="L7718" s="5" t="s">
        <v>1519</v>
      </c>
      <c r="M7718" s="2" t="s">
        <v>1520</v>
      </c>
      <c r="N7718" s="5" t="s">
        <v>1521</v>
      </c>
      <c r="O7718" s="5" t="s">
        <v>38</v>
      </c>
      <c r="P7718" s="5" t="s">
        <v>39</v>
      </c>
      <c r="Q7718" s="5" t="s">
        <v>40</v>
      </c>
      <c r="R7718" s="5" t="s">
        <v>1522</v>
      </c>
      <c r="S7718" s="5" t="s">
        <v>1523</v>
      </c>
      <c r="T7718" s="5" t="s">
        <v>42</v>
      </c>
      <c r="U7718" s="2">
        <v>3.62</v>
      </c>
      <c r="V7718" s="2">
        <v>2.9540000000000002</v>
      </c>
      <c r="W7718" s="2">
        <v>0.02</v>
      </c>
      <c r="X7718" s="2">
        <v>159.1</v>
      </c>
      <c r="Y7718" s="2">
        <v>7.6</v>
      </c>
      <c r="Z7718" s="2">
        <v>16.7</v>
      </c>
      <c r="AA7718" s="5"/>
      <c r="AB7718" s="5" t="s">
        <v>43</v>
      </c>
      <c r="AC7718" s="5" t="s">
        <v>44</v>
      </c>
      <c r="AD7718" s="2"/>
      <c r="AE7718" s="1"/>
    </row>
    <row r="7719" spans="1:31" ht="14.45">
      <c r="A7719" s="11"/>
      <c r="B7719" s="20"/>
      <c r="C7719" s="2" t="s">
        <v>23629</v>
      </c>
      <c r="D7719" s="14" t="s">
        <v>23630</v>
      </c>
      <c r="E7719" s="2" t="s">
        <v>23631</v>
      </c>
      <c r="F7719" s="2" t="s">
        <v>7204</v>
      </c>
      <c r="G7719" s="8">
        <v>278</v>
      </c>
      <c r="H7719" s="5">
        <v>6</v>
      </c>
      <c r="I7719" s="5" t="s">
        <v>1518</v>
      </c>
      <c r="J7719" s="5" t="s">
        <v>1519</v>
      </c>
      <c r="K7719" s="2" t="s">
        <v>1520</v>
      </c>
      <c r="L7719" s="5" t="s">
        <v>1519</v>
      </c>
      <c r="M7719" s="2" t="s">
        <v>1520</v>
      </c>
      <c r="N7719" s="5" t="s">
        <v>1521</v>
      </c>
      <c r="O7719" s="5" t="s">
        <v>38</v>
      </c>
      <c r="P7719" s="5" t="s">
        <v>39</v>
      </c>
      <c r="Q7719" s="5" t="s">
        <v>40</v>
      </c>
      <c r="R7719" s="5" t="s">
        <v>1522</v>
      </c>
      <c r="S7719" s="5" t="s">
        <v>1523</v>
      </c>
      <c r="T7719" s="5" t="s">
        <v>42</v>
      </c>
      <c r="U7719" s="2">
        <v>3.5339999999999998</v>
      </c>
      <c r="V7719" s="2">
        <v>2.8679999999999999</v>
      </c>
      <c r="W7719" s="2">
        <v>0.02</v>
      </c>
      <c r="X7719" s="2">
        <v>159.1</v>
      </c>
      <c r="Y7719" s="2">
        <v>7.6</v>
      </c>
      <c r="Z7719" s="2">
        <v>16.7</v>
      </c>
      <c r="AA7719" s="5"/>
      <c r="AB7719" s="5" t="s">
        <v>43</v>
      </c>
      <c r="AC7719" s="5" t="s">
        <v>44</v>
      </c>
      <c r="AD7719" s="2"/>
      <c r="AE7719" s="1"/>
    </row>
    <row r="7720" spans="1:31" ht="14.45">
      <c r="A7720" s="11"/>
      <c r="B7720" s="20"/>
      <c r="C7720" s="2" t="s">
        <v>23632</v>
      </c>
      <c r="D7720" s="14" t="s">
        <v>23633</v>
      </c>
      <c r="E7720" s="2" t="s">
        <v>23634</v>
      </c>
      <c r="F7720" s="2" t="s">
        <v>7514</v>
      </c>
      <c r="G7720" s="8">
        <v>278</v>
      </c>
      <c r="H7720" s="5">
        <v>6</v>
      </c>
      <c r="I7720" s="5" t="s">
        <v>1518</v>
      </c>
      <c r="J7720" s="5" t="s">
        <v>1519</v>
      </c>
      <c r="K7720" s="2" t="s">
        <v>1520</v>
      </c>
      <c r="L7720" s="5" t="s">
        <v>1519</v>
      </c>
      <c r="M7720" s="2" t="s">
        <v>1520</v>
      </c>
      <c r="N7720" s="5" t="s">
        <v>1521</v>
      </c>
      <c r="O7720" s="5" t="s">
        <v>38</v>
      </c>
      <c r="P7720" s="5" t="s">
        <v>39</v>
      </c>
      <c r="Q7720" s="5" t="s">
        <v>40</v>
      </c>
      <c r="R7720" s="5" t="s">
        <v>1522</v>
      </c>
      <c r="S7720" s="5" t="s">
        <v>1523</v>
      </c>
      <c r="T7720" s="5" t="s">
        <v>42</v>
      </c>
      <c r="U7720" s="2">
        <v>3.629</v>
      </c>
      <c r="V7720" s="2">
        <v>2.9630000000000001</v>
      </c>
      <c r="W7720" s="2">
        <v>0.02</v>
      </c>
      <c r="X7720" s="2">
        <v>159.1</v>
      </c>
      <c r="Y7720" s="2">
        <v>7.6</v>
      </c>
      <c r="Z7720" s="2">
        <v>16.7</v>
      </c>
      <c r="AA7720" s="5"/>
      <c r="AB7720" s="5" t="s">
        <v>43</v>
      </c>
      <c r="AC7720" s="5" t="s">
        <v>44</v>
      </c>
      <c r="AD7720" s="2"/>
      <c r="AE7720" s="1"/>
    </row>
    <row r="7721" spans="1:31" ht="14.45">
      <c r="A7721" s="11"/>
      <c r="B7721" s="20"/>
      <c r="C7721" s="2" t="s">
        <v>23635</v>
      </c>
      <c r="D7721" s="14" t="s">
        <v>23636</v>
      </c>
      <c r="E7721" s="2" t="s">
        <v>23637</v>
      </c>
      <c r="F7721" s="2" t="s">
        <v>7208</v>
      </c>
      <c r="G7721" s="8">
        <v>278</v>
      </c>
      <c r="H7721" s="5">
        <v>6</v>
      </c>
      <c r="I7721" s="5" t="s">
        <v>1518</v>
      </c>
      <c r="J7721" s="5" t="s">
        <v>1519</v>
      </c>
      <c r="K7721" s="2" t="s">
        <v>1520</v>
      </c>
      <c r="L7721" s="5" t="s">
        <v>1519</v>
      </c>
      <c r="M7721" s="2" t="s">
        <v>1520</v>
      </c>
      <c r="N7721" s="5" t="s">
        <v>1521</v>
      </c>
      <c r="O7721" s="5" t="s">
        <v>38</v>
      </c>
      <c r="P7721" s="5" t="s">
        <v>39</v>
      </c>
      <c r="Q7721" s="5" t="s">
        <v>40</v>
      </c>
      <c r="R7721" s="5" t="s">
        <v>1522</v>
      </c>
      <c r="S7721" s="5" t="s">
        <v>1523</v>
      </c>
      <c r="T7721" s="5" t="s">
        <v>42</v>
      </c>
      <c r="U7721" s="2">
        <v>3.5339999999999998</v>
      </c>
      <c r="V7721" s="2">
        <v>2.8679999999999999</v>
      </c>
      <c r="W7721" s="2">
        <v>0.02</v>
      </c>
      <c r="X7721" s="2">
        <v>159.1</v>
      </c>
      <c r="Y7721" s="2">
        <v>7.6</v>
      </c>
      <c r="Z7721" s="2">
        <v>16.7</v>
      </c>
      <c r="AA7721" s="5"/>
      <c r="AB7721" s="5" t="s">
        <v>43</v>
      </c>
      <c r="AC7721" s="5" t="s">
        <v>44</v>
      </c>
      <c r="AD7721" s="2"/>
      <c r="AE7721" s="1"/>
    </row>
    <row r="7722" spans="1:31" ht="14.45">
      <c r="A7722" s="11"/>
      <c r="B7722" s="20"/>
      <c r="C7722" s="2" t="s">
        <v>23638</v>
      </c>
      <c r="D7722" s="14" t="s">
        <v>23639</v>
      </c>
      <c r="E7722" s="2" t="s">
        <v>23640</v>
      </c>
      <c r="F7722" s="2" t="s">
        <v>7521</v>
      </c>
      <c r="G7722" s="8">
        <v>278</v>
      </c>
      <c r="H7722" s="5">
        <v>6</v>
      </c>
      <c r="I7722" s="5" t="s">
        <v>1518</v>
      </c>
      <c r="J7722" s="5" t="s">
        <v>1519</v>
      </c>
      <c r="K7722" s="2" t="s">
        <v>1520</v>
      </c>
      <c r="L7722" s="5" t="s">
        <v>1519</v>
      </c>
      <c r="M7722" s="2" t="s">
        <v>1520</v>
      </c>
      <c r="N7722" s="5" t="s">
        <v>1521</v>
      </c>
      <c r="O7722" s="5" t="s">
        <v>38</v>
      </c>
      <c r="P7722" s="5" t="s">
        <v>39</v>
      </c>
      <c r="Q7722" s="5" t="s">
        <v>40</v>
      </c>
      <c r="R7722" s="5" t="s">
        <v>1522</v>
      </c>
      <c r="S7722" s="5" t="s">
        <v>1523</v>
      </c>
      <c r="T7722" s="5" t="s">
        <v>42</v>
      </c>
      <c r="U7722" s="2">
        <v>3.629</v>
      </c>
      <c r="V7722" s="2">
        <v>2.9630000000000001</v>
      </c>
      <c r="W7722" s="2">
        <v>0.02</v>
      </c>
      <c r="X7722" s="2">
        <v>159.1</v>
      </c>
      <c r="Y7722" s="2">
        <v>7.6</v>
      </c>
      <c r="Z7722" s="2">
        <v>16.7</v>
      </c>
      <c r="AA7722" s="5"/>
      <c r="AB7722" s="5" t="s">
        <v>43</v>
      </c>
      <c r="AC7722" s="5" t="s">
        <v>44</v>
      </c>
      <c r="AD7722" s="2"/>
      <c r="AE7722" s="1"/>
    </row>
    <row r="7723" spans="1:31" ht="14.45">
      <c r="A7723" s="11"/>
      <c r="B7723" s="20"/>
      <c r="C7723" s="2" t="s">
        <v>23641</v>
      </c>
      <c r="D7723" s="14" t="s">
        <v>23642</v>
      </c>
      <c r="E7723" s="2" t="s">
        <v>23643</v>
      </c>
      <c r="F7723" s="2" t="s">
        <v>7212</v>
      </c>
      <c r="G7723" s="8">
        <v>278</v>
      </c>
      <c r="H7723" s="5">
        <v>6</v>
      </c>
      <c r="I7723" s="5" t="s">
        <v>1518</v>
      </c>
      <c r="J7723" s="5" t="s">
        <v>1519</v>
      </c>
      <c r="K7723" s="2" t="s">
        <v>1520</v>
      </c>
      <c r="L7723" s="5" t="s">
        <v>1519</v>
      </c>
      <c r="M7723" s="2" t="s">
        <v>1520</v>
      </c>
      <c r="N7723" s="5" t="s">
        <v>1521</v>
      </c>
      <c r="O7723" s="5" t="s">
        <v>38</v>
      </c>
      <c r="P7723" s="5" t="s">
        <v>39</v>
      </c>
      <c r="Q7723" s="5" t="s">
        <v>40</v>
      </c>
      <c r="R7723" s="5" t="s">
        <v>1522</v>
      </c>
      <c r="S7723" s="5" t="s">
        <v>1523</v>
      </c>
      <c r="T7723" s="5" t="s">
        <v>42</v>
      </c>
      <c r="U7723" s="2">
        <v>3.5070000000000001</v>
      </c>
      <c r="V7723" s="2">
        <v>2.8410000000000002</v>
      </c>
      <c r="W7723" s="2">
        <v>0.02</v>
      </c>
      <c r="X7723" s="2">
        <v>159.1</v>
      </c>
      <c r="Y7723" s="2">
        <v>7.6</v>
      </c>
      <c r="Z7723" s="2">
        <v>16.7</v>
      </c>
      <c r="AA7723" s="5"/>
      <c r="AB7723" s="5" t="s">
        <v>43</v>
      </c>
      <c r="AC7723" s="5" t="s">
        <v>44</v>
      </c>
      <c r="AD7723" s="2"/>
      <c r="AE7723" s="1"/>
    </row>
    <row r="7724" spans="1:31" ht="14.45">
      <c r="A7724" s="11"/>
      <c r="B7724" s="20"/>
      <c r="C7724" s="2" t="s">
        <v>23644</v>
      </c>
      <c r="D7724" s="14" t="s">
        <v>23645</v>
      </c>
      <c r="E7724" s="2" t="s">
        <v>23646</v>
      </c>
      <c r="F7724" s="2" t="s">
        <v>7528</v>
      </c>
      <c r="G7724" s="8">
        <v>278</v>
      </c>
      <c r="H7724" s="5">
        <v>6</v>
      </c>
      <c r="I7724" s="5" t="s">
        <v>1518</v>
      </c>
      <c r="J7724" s="5" t="s">
        <v>1519</v>
      </c>
      <c r="K7724" s="2" t="s">
        <v>1520</v>
      </c>
      <c r="L7724" s="5" t="s">
        <v>1519</v>
      </c>
      <c r="M7724" s="2" t="s">
        <v>1520</v>
      </c>
      <c r="N7724" s="5" t="s">
        <v>1521</v>
      </c>
      <c r="O7724" s="5" t="s">
        <v>38</v>
      </c>
      <c r="P7724" s="5" t="s">
        <v>39</v>
      </c>
      <c r="Q7724" s="5" t="s">
        <v>40</v>
      </c>
      <c r="R7724" s="5" t="s">
        <v>1522</v>
      </c>
      <c r="S7724" s="5" t="s">
        <v>1523</v>
      </c>
      <c r="T7724" s="5" t="s">
        <v>42</v>
      </c>
      <c r="U7724" s="2">
        <v>3.6019999999999999</v>
      </c>
      <c r="V7724" s="2">
        <v>2.9359999999999999</v>
      </c>
      <c r="W7724" s="2">
        <v>0.02</v>
      </c>
      <c r="X7724" s="2">
        <v>159.1</v>
      </c>
      <c r="Y7724" s="2">
        <v>7.6</v>
      </c>
      <c r="Z7724" s="2">
        <v>16.7</v>
      </c>
      <c r="AA7724" s="5"/>
      <c r="AB7724" s="5" t="s">
        <v>43</v>
      </c>
      <c r="AC7724" s="5" t="s">
        <v>44</v>
      </c>
      <c r="AD7724" s="2"/>
      <c r="AE7724" s="1"/>
    </row>
    <row r="7725" spans="1:31" ht="14.45">
      <c r="A7725" s="11"/>
      <c r="B7725" s="20"/>
      <c r="C7725" s="2" t="s">
        <v>23647</v>
      </c>
      <c r="D7725" s="14" t="s">
        <v>23648</v>
      </c>
      <c r="E7725" s="2" t="s">
        <v>23649</v>
      </c>
      <c r="F7725" s="2" t="s">
        <v>7406</v>
      </c>
      <c r="G7725" s="8">
        <v>300</v>
      </c>
      <c r="H7725" s="5">
        <v>6</v>
      </c>
      <c r="I7725" s="5" t="s">
        <v>1518</v>
      </c>
      <c r="J7725" s="5" t="s">
        <v>1519</v>
      </c>
      <c r="K7725" s="2" t="s">
        <v>1520</v>
      </c>
      <c r="L7725" s="5" t="s">
        <v>1519</v>
      </c>
      <c r="M7725" s="2" t="s">
        <v>1520</v>
      </c>
      <c r="N7725" s="5" t="s">
        <v>1521</v>
      </c>
      <c r="O7725" s="5" t="s">
        <v>38</v>
      </c>
      <c r="P7725" s="5" t="s">
        <v>39</v>
      </c>
      <c r="Q7725" s="5" t="s">
        <v>40</v>
      </c>
      <c r="R7725" s="5" t="s">
        <v>1522</v>
      </c>
      <c r="S7725" s="5" t="s">
        <v>1523</v>
      </c>
      <c r="T7725" s="5" t="s">
        <v>42</v>
      </c>
      <c r="U7725" s="2">
        <v>3.5070000000000001</v>
      </c>
      <c r="V7725" s="2">
        <v>2.8410000000000002</v>
      </c>
      <c r="W7725" s="2">
        <v>0.02</v>
      </c>
      <c r="X7725" s="2">
        <v>159.1</v>
      </c>
      <c r="Y7725" s="2">
        <v>7.6</v>
      </c>
      <c r="Z7725" s="2">
        <v>16.7</v>
      </c>
      <c r="AA7725" s="5"/>
      <c r="AB7725" s="5" t="s">
        <v>43</v>
      </c>
      <c r="AC7725" s="5" t="s">
        <v>44</v>
      </c>
      <c r="AD7725" s="2"/>
      <c r="AE7725" s="1"/>
    </row>
    <row r="7726" spans="1:31" ht="14.45">
      <c r="A7726" s="11"/>
      <c r="B7726" s="20"/>
      <c r="C7726" s="2" t="s">
        <v>23650</v>
      </c>
      <c r="D7726" s="14" t="s">
        <v>23651</v>
      </c>
      <c r="E7726" s="2" t="s">
        <v>23652</v>
      </c>
      <c r="F7726" s="2" t="s">
        <v>7535</v>
      </c>
      <c r="G7726" s="8">
        <v>300</v>
      </c>
      <c r="H7726" s="5">
        <v>6</v>
      </c>
      <c r="I7726" s="5" t="s">
        <v>1518</v>
      </c>
      <c r="J7726" s="5" t="s">
        <v>1519</v>
      </c>
      <c r="K7726" s="2" t="s">
        <v>1520</v>
      </c>
      <c r="L7726" s="5" t="s">
        <v>1519</v>
      </c>
      <c r="M7726" s="2" t="s">
        <v>1520</v>
      </c>
      <c r="N7726" s="5" t="s">
        <v>1521</v>
      </c>
      <c r="O7726" s="5" t="s">
        <v>38</v>
      </c>
      <c r="P7726" s="5" t="s">
        <v>39</v>
      </c>
      <c r="Q7726" s="5" t="s">
        <v>40</v>
      </c>
      <c r="R7726" s="5" t="s">
        <v>1522</v>
      </c>
      <c r="S7726" s="5" t="s">
        <v>1523</v>
      </c>
      <c r="T7726" s="5" t="s">
        <v>42</v>
      </c>
      <c r="U7726" s="2">
        <v>3.6019999999999999</v>
      </c>
      <c r="V7726" s="2">
        <v>2.9359999999999999</v>
      </c>
      <c r="W7726" s="2">
        <v>0.02</v>
      </c>
      <c r="X7726" s="2">
        <v>159.1</v>
      </c>
      <c r="Y7726" s="2">
        <v>7.6</v>
      </c>
      <c r="Z7726" s="2">
        <v>16.7</v>
      </c>
      <c r="AA7726" s="5"/>
      <c r="AB7726" s="5" t="s">
        <v>43</v>
      </c>
      <c r="AC7726" s="5" t="s">
        <v>44</v>
      </c>
      <c r="AD7726" s="2"/>
      <c r="AE7726" s="1"/>
    </row>
    <row r="7727" spans="1:31" ht="14.45">
      <c r="A7727" s="11"/>
      <c r="B7727" s="20"/>
      <c r="C7727" s="2" t="s">
        <v>23653</v>
      </c>
      <c r="D7727" s="14" t="s">
        <v>23654</v>
      </c>
      <c r="E7727" s="2" t="s">
        <v>23655</v>
      </c>
      <c r="F7727" s="2" t="s">
        <v>7539</v>
      </c>
      <c r="G7727" s="8">
        <v>300</v>
      </c>
      <c r="H7727" s="5">
        <v>6</v>
      </c>
      <c r="I7727" s="5" t="s">
        <v>1518</v>
      </c>
      <c r="J7727" s="5" t="s">
        <v>1519</v>
      </c>
      <c r="K7727" s="2" t="s">
        <v>1520</v>
      </c>
      <c r="L7727" s="5" t="s">
        <v>1519</v>
      </c>
      <c r="M7727" s="2" t="s">
        <v>1520</v>
      </c>
      <c r="N7727" s="5" t="s">
        <v>1521</v>
      </c>
      <c r="O7727" s="5" t="s">
        <v>38</v>
      </c>
      <c r="P7727" s="5" t="s">
        <v>39</v>
      </c>
      <c r="Q7727" s="5" t="s">
        <v>40</v>
      </c>
      <c r="R7727" s="5" t="s">
        <v>1522</v>
      </c>
      <c r="S7727" s="5" t="s">
        <v>1523</v>
      </c>
      <c r="T7727" s="5" t="s">
        <v>42</v>
      </c>
      <c r="U7727" s="2">
        <v>3.5339999999999998</v>
      </c>
      <c r="V7727" s="2">
        <v>2.8679999999999999</v>
      </c>
      <c r="W7727" s="2">
        <v>0.02</v>
      </c>
      <c r="X7727" s="2">
        <v>159.1</v>
      </c>
      <c r="Y7727" s="2">
        <v>7.6</v>
      </c>
      <c r="Z7727" s="2">
        <v>16.7</v>
      </c>
      <c r="AA7727" s="5"/>
      <c r="AB7727" s="5" t="s">
        <v>43</v>
      </c>
      <c r="AC7727" s="5" t="s">
        <v>44</v>
      </c>
      <c r="AD7727" s="2"/>
      <c r="AE7727" s="1"/>
    </row>
    <row r="7728" spans="1:31" ht="14.45">
      <c r="A7728" s="11"/>
      <c r="B7728" s="20"/>
      <c r="C7728" s="2" t="s">
        <v>23656</v>
      </c>
      <c r="D7728" s="14" t="s">
        <v>23657</v>
      </c>
      <c r="E7728" s="2" t="s">
        <v>23658</v>
      </c>
      <c r="F7728" s="2" t="s">
        <v>7543</v>
      </c>
      <c r="G7728" s="8">
        <v>300</v>
      </c>
      <c r="H7728" s="5">
        <v>6</v>
      </c>
      <c r="I7728" s="5" t="s">
        <v>1518</v>
      </c>
      <c r="J7728" s="5" t="s">
        <v>1519</v>
      </c>
      <c r="K7728" s="2" t="s">
        <v>1520</v>
      </c>
      <c r="L7728" s="5" t="s">
        <v>1519</v>
      </c>
      <c r="M7728" s="2" t="s">
        <v>1520</v>
      </c>
      <c r="N7728" s="5" t="s">
        <v>1521</v>
      </c>
      <c r="O7728" s="5" t="s">
        <v>38</v>
      </c>
      <c r="P7728" s="5" t="s">
        <v>39</v>
      </c>
      <c r="Q7728" s="5" t="s">
        <v>40</v>
      </c>
      <c r="R7728" s="5" t="s">
        <v>1522</v>
      </c>
      <c r="S7728" s="5" t="s">
        <v>1523</v>
      </c>
      <c r="T7728" s="5" t="s">
        <v>42</v>
      </c>
      <c r="U7728" s="2">
        <v>3.629</v>
      </c>
      <c r="V7728" s="2">
        <v>2.9630000000000001</v>
      </c>
      <c r="W7728" s="2">
        <v>0.02</v>
      </c>
      <c r="X7728" s="2">
        <v>159.1</v>
      </c>
      <c r="Y7728" s="2">
        <v>7.6</v>
      </c>
      <c r="Z7728" s="2">
        <v>16.7</v>
      </c>
      <c r="AA7728" s="5"/>
      <c r="AB7728" s="5" t="s">
        <v>43</v>
      </c>
      <c r="AC7728" s="5" t="s">
        <v>44</v>
      </c>
      <c r="AD7728" s="2"/>
      <c r="AE7728" s="1"/>
    </row>
    <row r="7729" spans="1:31" ht="14.45">
      <c r="A7729" s="11"/>
      <c r="B7729" s="20"/>
      <c r="C7729" s="2" t="s">
        <v>23659</v>
      </c>
      <c r="D7729" s="14" t="s">
        <v>23660</v>
      </c>
      <c r="E7729" s="2" t="s">
        <v>23661</v>
      </c>
      <c r="F7729" s="2" t="s">
        <v>7547</v>
      </c>
      <c r="G7729" s="8">
        <v>300</v>
      </c>
      <c r="H7729" s="5">
        <v>6</v>
      </c>
      <c r="I7729" s="5" t="s">
        <v>1518</v>
      </c>
      <c r="J7729" s="5" t="s">
        <v>1519</v>
      </c>
      <c r="K7729" s="2" t="s">
        <v>1520</v>
      </c>
      <c r="L7729" s="5" t="s">
        <v>1519</v>
      </c>
      <c r="M7729" s="2" t="s">
        <v>1520</v>
      </c>
      <c r="N7729" s="5" t="s">
        <v>1521</v>
      </c>
      <c r="O7729" s="5" t="s">
        <v>38</v>
      </c>
      <c r="P7729" s="5" t="s">
        <v>39</v>
      </c>
      <c r="Q7729" s="5" t="s">
        <v>40</v>
      </c>
      <c r="R7729" s="5" t="s">
        <v>1522</v>
      </c>
      <c r="S7729" s="5" t="s">
        <v>1523</v>
      </c>
      <c r="T7729" s="5" t="s">
        <v>42</v>
      </c>
      <c r="U7729" s="2">
        <v>3.5070000000000001</v>
      </c>
      <c r="V7729" s="2">
        <v>2.8410000000000002</v>
      </c>
      <c r="W7729" s="2">
        <v>0.02</v>
      </c>
      <c r="X7729" s="2">
        <v>159.1</v>
      </c>
      <c r="Y7729" s="2">
        <v>7.6</v>
      </c>
      <c r="Z7729" s="2">
        <v>16.7</v>
      </c>
      <c r="AA7729" s="5"/>
      <c r="AB7729" s="5" t="s">
        <v>43</v>
      </c>
      <c r="AC7729" s="5" t="s">
        <v>44</v>
      </c>
      <c r="AD7729" s="2"/>
      <c r="AE7729" s="1"/>
    </row>
    <row r="7730" spans="1:31" ht="14.45">
      <c r="A7730" s="11"/>
      <c r="B7730" s="20"/>
      <c r="C7730" s="2" t="s">
        <v>23662</v>
      </c>
      <c r="D7730" s="14" t="s">
        <v>23663</v>
      </c>
      <c r="E7730" s="2" t="s">
        <v>23664</v>
      </c>
      <c r="F7730" s="2" t="s">
        <v>7551</v>
      </c>
      <c r="G7730" s="8">
        <v>300</v>
      </c>
      <c r="H7730" s="5">
        <v>6</v>
      </c>
      <c r="I7730" s="5" t="s">
        <v>1518</v>
      </c>
      <c r="J7730" s="5" t="s">
        <v>1519</v>
      </c>
      <c r="K7730" s="2" t="s">
        <v>1520</v>
      </c>
      <c r="L7730" s="5" t="s">
        <v>1519</v>
      </c>
      <c r="M7730" s="2" t="s">
        <v>1520</v>
      </c>
      <c r="N7730" s="5" t="s">
        <v>1521</v>
      </c>
      <c r="O7730" s="5" t="s">
        <v>38</v>
      </c>
      <c r="P7730" s="5" t="s">
        <v>39</v>
      </c>
      <c r="Q7730" s="5" t="s">
        <v>40</v>
      </c>
      <c r="R7730" s="5" t="s">
        <v>1522</v>
      </c>
      <c r="S7730" s="5" t="s">
        <v>1523</v>
      </c>
      <c r="T7730" s="5" t="s">
        <v>42</v>
      </c>
      <c r="U7730" s="2">
        <v>3.6019999999999999</v>
      </c>
      <c r="V7730" s="2">
        <v>2.9359999999999999</v>
      </c>
      <c r="W7730" s="2">
        <v>0.02</v>
      </c>
      <c r="X7730" s="2">
        <v>159.1</v>
      </c>
      <c r="Y7730" s="2">
        <v>7.6</v>
      </c>
      <c r="Z7730" s="2">
        <v>16.7</v>
      </c>
      <c r="AA7730" s="5"/>
      <c r="AB7730" s="5" t="s">
        <v>43</v>
      </c>
      <c r="AC7730" s="5" t="s">
        <v>44</v>
      </c>
      <c r="AD7730" s="2"/>
      <c r="AE7730" s="1"/>
    </row>
    <row r="7731" spans="1:31" ht="14.45">
      <c r="A7731" s="11"/>
      <c r="B7731" s="20"/>
      <c r="C7731" s="2" t="s">
        <v>23665</v>
      </c>
      <c r="D7731" s="14" t="s">
        <v>23666</v>
      </c>
      <c r="E7731" s="2" t="s">
        <v>23667</v>
      </c>
      <c r="F7731" s="2" t="s">
        <v>7555</v>
      </c>
      <c r="G7731" s="8">
        <v>300</v>
      </c>
      <c r="H7731" s="5">
        <v>6</v>
      </c>
      <c r="I7731" s="5" t="s">
        <v>1518</v>
      </c>
      <c r="J7731" s="5" t="s">
        <v>1519</v>
      </c>
      <c r="K7731" s="2" t="s">
        <v>1520</v>
      </c>
      <c r="L7731" s="5" t="s">
        <v>1519</v>
      </c>
      <c r="M7731" s="2" t="s">
        <v>1520</v>
      </c>
      <c r="N7731" s="5" t="s">
        <v>1521</v>
      </c>
      <c r="O7731" s="5" t="s">
        <v>38</v>
      </c>
      <c r="P7731" s="5" t="s">
        <v>39</v>
      </c>
      <c r="Q7731" s="5" t="s">
        <v>40</v>
      </c>
      <c r="R7731" s="5" t="s">
        <v>1522</v>
      </c>
      <c r="S7731" s="5" t="s">
        <v>1523</v>
      </c>
      <c r="T7731" s="5" t="s">
        <v>42</v>
      </c>
      <c r="U7731" s="2">
        <v>3.5070000000000001</v>
      </c>
      <c r="V7731" s="2">
        <v>2.8410000000000002</v>
      </c>
      <c r="W7731" s="2">
        <v>0.02</v>
      </c>
      <c r="X7731" s="2">
        <v>159.1</v>
      </c>
      <c r="Y7731" s="2">
        <v>7.6</v>
      </c>
      <c r="Z7731" s="2">
        <v>16.7</v>
      </c>
      <c r="AA7731" s="5"/>
      <c r="AB7731" s="5" t="s">
        <v>43</v>
      </c>
      <c r="AC7731" s="5" t="s">
        <v>44</v>
      </c>
      <c r="AD7731" s="2"/>
      <c r="AE7731" s="1"/>
    </row>
    <row r="7732" spans="1:31" ht="14.45">
      <c r="A7732" s="11"/>
      <c r="B7732" s="20"/>
      <c r="C7732" s="2" t="s">
        <v>23668</v>
      </c>
      <c r="D7732" s="14" t="s">
        <v>23669</v>
      </c>
      <c r="E7732" s="2" t="s">
        <v>23670</v>
      </c>
      <c r="F7732" s="2" t="s">
        <v>7559</v>
      </c>
      <c r="G7732" s="8">
        <v>300</v>
      </c>
      <c r="H7732" s="5">
        <v>6</v>
      </c>
      <c r="I7732" s="5" t="s">
        <v>1518</v>
      </c>
      <c r="J7732" s="5" t="s">
        <v>1519</v>
      </c>
      <c r="K7732" s="2" t="s">
        <v>1520</v>
      </c>
      <c r="L7732" s="5" t="s">
        <v>1519</v>
      </c>
      <c r="M7732" s="2" t="s">
        <v>1520</v>
      </c>
      <c r="N7732" s="5" t="s">
        <v>1521</v>
      </c>
      <c r="O7732" s="5" t="s">
        <v>38</v>
      </c>
      <c r="P7732" s="5" t="s">
        <v>39</v>
      </c>
      <c r="Q7732" s="5" t="s">
        <v>40</v>
      </c>
      <c r="R7732" s="5" t="s">
        <v>1522</v>
      </c>
      <c r="S7732" s="5" t="s">
        <v>1523</v>
      </c>
      <c r="T7732" s="5" t="s">
        <v>42</v>
      </c>
      <c r="U7732" s="2">
        <v>3.6019999999999999</v>
      </c>
      <c r="V7732" s="2">
        <v>2.9359999999999999</v>
      </c>
      <c r="W7732" s="2">
        <v>0.02</v>
      </c>
      <c r="X7732" s="2">
        <v>159.1</v>
      </c>
      <c r="Y7732" s="2">
        <v>7.6</v>
      </c>
      <c r="Z7732" s="2">
        <v>16.7</v>
      </c>
      <c r="AA7732" s="5"/>
      <c r="AB7732" s="5" t="s">
        <v>43</v>
      </c>
      <c r="AC7732" s="5" t="s">
        <v>44</v>
      </c>
      <c r="AD7732" s="2"/>
      <c r="AE7732" s="1"/>
    </row>
    <row r="7733" spans="1:31" ht="14.45">
      <c r="A7733" s="11"/>
      <c r="B7733" s="20"/>
      <c r="C7733" s="2" t="s">
        <v>23671</v>
      </c>
      <c r="D7733" s="14" t="s">
        <v>23672</v>
      </c>
      <c r="E7733" s="2" t="s">
        <v>23673</v>
      </c>
      <c r="F7733" s="2" t="s">
        <v>7563</v>
      </c>
      <c r="G7733" s="8">
        <v>300</v>
      </c>
      <c r="H7733" s="5">
        <v>6</v>
      </c>
      <c r="I7733" s="5" t="s">
        <v>1518</v>
      </c>
      <c r="J7733" s="5" t="s">
        <v>1519</v>
      </c>
      <c r="K7733" s="2" t="s">
        <v>1520</v>
      </c>
      <c r="L7733" s="5" t="s">
        <v>1519</v>
      </c>
      <c r="M7733" s="2" t="s">
        <v>1520</v>
      </c>
      <c r="N7733" s="5" t="s">
        <v>1521</v>
      </c>
      <c r="O7733" s="5" t="s">
        <v>38</v>
      </c>
      <c r="P7733" s="5" t="s">
        <v>39</v>
      </c>
      <c r="Q7733" s="5" t="s">
        <v>40</v>
      </c>
      <c r="R7733" s="5" t="s">
        <v>1522</v>
      </c>
      <c r="S7733" s="5" t="s">
        <v>1523</v>
      </c>
      <c r="T7733" s="5" t="s">
        <v>42</v>
      </c>
      <c r="U7733" s="2">
        <v>3.5339999999999998</v>
      </c>
      <c r="V7733" s="2">
        <v>2.8679999999999999</v>
      </c>
      <c r="W7733" s="2">
        <v>0.02</v>
      </c>
      <c r="X7733" s="2">
        <v>159.1</v>
      </c>
      <c r="Y7733" s="2">
        <v>7.6</v>
      </c>
      <c r="Z7733" s="2">
        <v>16.7</v>
      </c>
      <c r="AA7733" s="5"/>
      <c r="AB7733" s="5" t="s">
        <v>43</v>
      </c>
      <c r="AC7733" s="5" t="s">
        <v>44</v>
      </c>
      <c r="AD7733" s="2"/>
      <c r="AE7733" s="1"/>
    </row>
    <row r="7734" spans="1:31" ht="14.45">
      <c r="A7734" s="11"/>
      <c r="B7734" s="20"/>
      <c r="C7734" s="2" t="s">
        <v>23674</v>
      </c>
      <c r="D7734" s="14" t="s">
        <v>23675</v>
      </c>
      <c r="E7734" s="2" t="s">
        <v>23676</v>
      </c>
      <c r="F7734" s="2" t="s">
        <v>7567</v>
      </c>
      <c r="G7734" s="8">
        <v>300</v>
      </c>
      <c r="H7734" s="5">
        <v>6</v>
      </c>
      <c r="I7734" s="5" t="s">
        <v>1518</v>
      </c>
      <c r="J7734" s="5" t="s">
        <v>1519</v>
      </c>
      <c r="K7734" s="2" t="s">
        <v>1520</v>
      </c>
      <c r="L7734" s="5" t="s">
        <v>1519</v>
      </c>
      <c r="M7734" s="2" t="s">
        <v>1520</v>
      </c>
      <c r="N7734" s="5" t="s">
        <v>1521</v>
      </c>
      <c r="O7734" s="5" t="s">
        <v>38</v>
      </c>
      <c r="P7734" s="5" t="s">
        <v>39</v>
      </c>
      <c r="Q7734" s="5" t="s">
        <v>40</v>
      </c>
      <c r="R7734" s="5" t="s">
        <v>1522</v>
      </c>
      <c r="S7734" s="5" t="s">
        <v>1523</v>
      </c>
      <c r="T7734" s="5" t="s">
        <v>42</v>
      </c>
      <c r="U7734" s="2">
        <v>3.629</v>
      </c>
      <c r="V7734" s="2">
        <v>2.9630000000000001</v>
      </c>
      <c r="W7734" s="2">
        <v>0.02</v>
      </c>
      <c r="X7734" s="2">
        <v>159.1</v>
      </c>
      <c r="Y7734" s="2">
        <v>7.6</v>
      </c>
      <c r="Z7734" s="2">
        <v>16.7</v>
      </c>
      <c r="AA7734" s="5"/>
      <c r="AB7734" s="5" t="s">
        <v>43</v>
      </c>
      <c r="AC7734" s="5" t="s">
        <v>44</v>
      </c>
      <c r="AD7734" s="2"/>
      <c r="AE7734" s="1"/>
    </row>
    <row r="7735" spans="1:31" ht="14.45">
      <c r="A7735" s="11"/>
      <c r="B7735" s="20"/>
      <c r="C7735" s="2" t="s">
        <v>23677</v>
      </c>
      <c r="D7735" s="14" t="s">
        <v>23678</v>
      </c>
      <c r="E7735" s="2" t="s">
        <v>23679</v>
      </c>
      <c r="F7735" s="2" t="s">
        <v>16079</v>
      </c>
      <c r="G7735" s="8">
        <v>300</v>
      </c>
      <c r="H7735" s="5">
        <v>6</v>
      </c>
      <c r="I7735" s="5" t="s">
        <v>1518</v>
      </c>
      <c r="J7735" s="5" t="s">
        <v>1519</v>
      </c>
      <c r="K7735" s="2" t="s">
        <v>1520</v>
      </c>
      <c r="L7735" s="5" t="s">
        <v>1519</v>
      </c>
      <c r="M7735" s="2" t="s">
        <v>1520</v>
      </c>
      <c r="N7735" s="5" t="s">
        <v>1521</v>
      </c>
      <c r="O7735" s="5" t="s">
        <v>38</v>
      </c>
      <c r="P7735" s="5" t="s">
        <v>39</v>
      </c>
      <c r="Q7735" s="5" t="s">
        <v>40</v>
      </c>
      <c r="R7735" s="5" t="s">
        <v>1522</v>
      </c>
      <c r="S7735" s="5" t="s">
        <v>1523</v>
      </c>
      <c r="T7735" s="5" t="s">
        <v>42</v>
      </c>
      <c r="U7735" s="2">
        <v>3.5339999999999998</v>
      </c>
      <c r="V7735" s="2">
        <v>2.8679999999999999</v>
      </c>
      <c r="W7735" s="2">
        <v>0.02</v>
      </c>
      <c r="X7735" s="2">
        <v>159.1</v>
      </c>
      <c r="Y7735" s="2">
        <v>7.6</v>
      </c>
      <c r="Z7735" s="2">
        <v>16.7</v>
      </c>
      <c r="AA7735" s="5"/>
      <c r="AB7735" s="5" t="s">
        <v>43</v>
      </c>
      <c r="AC7735" s="5" t="s">
        <v>44</v>
      </c>
      <c r="AD7735" s="2"/>
      <c r="AE7735" s="1"/>
    </row>
    <row r="7736" spans="1:31" ht="14.45">
      <c r="A7736" s="11"/>
      <c r="B7736" s="20"/>
      <c r="C7736" s="2" t="s">
        <v>23680</v>
      </c>
      <c r="D7736" s="14" t="s">
        <v>23681</v>
      </c>
      <c r="E7736" s="2" t="s">
        <v>23682</v>
      </c>
      <c r="F7736" s="2" t="s">
        <v>16194</v>
      </c>
      <c r="G7736" s="8">
        <v>300</v>
      </c>
      <c r="H7736" s="5">
        <v>6</v>
      </c>
      <c r="I7736" s="5" t="s">
        <v>1518</v>
      </c>
      <c r="J7736" s="5" t="s">
        <v>1519</v>
      </c>
      <c r="K7736" s="2" t="s">
        <v>1520</v>
      </c>
      <c r="L7736" s="5" t="s">
        <v>1519</v>
      </c>
      <c r="M7736" s="2" t="s">
        <v>1520</v>
      </c>
      <c r="N7736" s="5" t="s">
        <v>1521</v>
      </c>
      <c r="O7736" s="5" t="s">
        <v>38</v>
      </c>
      <c r="P7736" s="5" t="s">
        <v>39</v>
      </c>
      <c r="Q7736" s="5" t="s">
        <v>40</v>
      </c>
      <c r="R7736" s="5" t="s">
        <v>1522</v>
      </c>
      <c r="S7736" s="5" t="s">
        <v>1523</v>
      </c>
      <c r="T7736" s="5" t="s">
        <v>42</v>
      </c>
      <c r="U7736" s="2">
        <v>3.629</v>
      </c>
      <c r="V7736" s="2">
        <v>2.9630000000000001</v>
      </c>
      <c r="W7736" s="2">
        <v>0.02</v>
      </c>
      <c r="X7736" s="2">
        <v>159.1</v>
      </c>
      <c r="Y7736" s="2">
        <v>7.6</v>
      </c>
      <c r="Z7736" s="2">
        <v>16.7</v>
      </c>
      <c r="AA7736" s="5"/>
      <c r="AB7736" s="5" t="s">
        <v>43</v>
      </c>
      <c r="AC7736" s="5" t="s">
        <v>44</v>
      </c>
      <c r="AD7736" s="2"/>
      <c r="AE7736" s="1"/>
    </row>
    <row r="7737" spans="1:31" ht="14.45">
      <c r="A7737" s="11"/>
      <c r="B7737" s="20"/>
      <c r="C7737" s="2" t="s">
        <v>23683</v>
      </c>
      <c r="D7737" s="14" t="s">
        <v>23684</v>
      </c>
      <c r="E7737" s="2" t="s">
        <v>23685</v>
      </c>
      <c r="F7737" s="2" t="s">
        <v>7449</v>
      </c>
      <c r="G7737" s="8">
        <v>300</v>
      </c>
      <c r="H7737" s="5">
        <v>6</v>
      </c>
      <c r="I7737" s="5" t="s">
        <v>1518</v>
      </c>
      <c r="J7737" s="5" t="s">
        <v>1519</v>
      </c>
      <c r="K7737" s="2" t="s">
        <v>1520</v>
      </c>
      <c r="L7737" s="5" t="s">
        <v>1519</v>
      </c>
      <c r="M7737" s="2" t="s">
        <v>1520</v>
      </c>
      <c r="N7737" s="5" t="s">
        <v>1521</v>
      </c>
      <c r="O7737" s="5" t="s">
        <v>38</v>
      </c>
      <c r="P7737" s="5" t="s">
        <v>39</v>
      </c>
      <c r="Q7737" s="5" t="s">
        <v>40</v>
      </c>
      <c r="R7737" s="5" t="s">
        <v>1522</v>
      </c>
      <c r="S7737" s="5" t="s">
        <v>1523</v>
      </c>
      <c r="T7737" s="5" t="s">
        <v>42</v>
      </c>
      <c r="U7737" s="2">
        <v>3.5339999999999998</v>
      </c>
      <c r="V7737" s="2">
        <v>2.8679999999999999</v>
      </c>
      <c r="W7737" s="2">
        <v>0.02</v>
      </c>
      <c r="X7737" s="2">
        <v>159.1</v>
      </c>
      <c r="Y7737" s="2">
        <v>7.6</v>
      </c>
      <c r="Z7737" s="2">
        <v>16.7</v>
      </c>
      <c r="AA7737" s="5"/>
      <c r="AB7737" s="5" t="s">
        <v>43</v>
      </c>
      <c r="AC7737" s="5" t="s">
        <v>44</v>
      </c>
      <c r="AD7737" s="2"/>
      <c r="AE7737" s="1"/>
    </row>
    <row r="7738" spans="1:31" ht="14.45">
      <c r="A7738" s="11"/>
      <c r="B7738" s="20"/>
      <c r="C7738" s="2" t="s">
        <v>23686</v>
      </c>
      <c r="D7738" s="14" t="s">
        <v>23687</v>
      </c>
      <c r="E7738" s="2" t="s">
        <v>23688</v>
      </c>
      <c r="F7738" s="2" t="s">
        <v>7581</v>
      </c>
      <c r="G7738" s="8">
        <v>300</v>
      </c>
      <c r="H7738" s="5">
        <v>6</v>
      </c>
      <c r="I7738" s="5" t="s">
        <v>1518</v>
      </c>
      <c r="J7738" s="5" t="s">
        <v>1519</v>
      </c>
      <c r="K7738" s="2" t="s">
        <v>1520</v>
      </c>
      <c r="L7738" s="5" t="s">
        <v>1519</v>
      </c>
      <c r="M7738" s="2" t="s">
        <v>1520</v>
      </c>
      <c r="N7738" s="5" t="s">
        <v>1521</v>
      </c>
      <c r="O7738" s="5" t="s">
        <v>38</v>
      </c>
      <c r="P7738" s="5" t="s">
        <v>39</v>
      </c>
      <c r="Q7738" s="5" t="s">
        <v>40</v>
      </c>
      <c r="R7738" s="5" t="s">
        <v>1522</v>
      </c>
      <c r="S7738" s="5" t="s">
        <v>1523</v>
      </c>
      <c r="T7738" s="5" t="s">
        <v>42</v>
      </c>
      <c r="U7738" s="2">
        <v>3.629</v>
      </c>
      <c r="V7738" s="2">
        <v>2.9630000000000001</v>
      </c>
      <c r="W7738" s="2">
        <v>0.02</v>
      </c>
      <c r="X7738" s="2">
        <v>159.1</v>
      </c>
      <c r="Y7738" s="2">
        <v>7.6</v>
      </c>
      <c r="Z7738" s="2">
        <v>16.7</v>
      </c>
      <c r="AA7738" s="5"/>
      <c r="AB7738" s="5" t="s">
        <v>43</v>
      </c>
      <c r="AC7738" s="5" t="s">
        <v>44</v>
      </c>
      <c r="AD7738" s="2"/>
      <c r="AE7738" s="1"/>
    </row>
    <row r="7739" spans="1:31" ht="14.45">
      <c r="A7739" s="11"/>
      <c r="B7739" s="20"/>
      <c r="C7739" s="2" t="s">
        <v>23689</v>
      </c>
      <c r="D7739" s="14" t="s">
        <v>23690</v>
      </c>
      <c r="E7739" s="2" t="s">
        <v>23691</v>
      </c>
      <c r="F7739" s="2" t="s">
        <v>7585</v>
      </c>
      <c r="G7739" s="8">
        <v>300</v>
      </c>
      <c r="H7739" s="5">
        <v>6</v>
      </c>
      <c r="I7739" s="5" t="s">
        <v>1518</v>
      </c>
      <c r="J7739" s="5" t="s">
        <v>1519</v>
      </c>
      <c r="K7739" s="2" t="s">
        <v>1520</v>
      </c>
      <c r="L7739" s="5" t="s">
        <v>1519</v>
      </c>
      <c r="M7739" s="2" t="s">
        <v>1520</v>
      </c>
      <c r="N7739" s="5" t="s">
        <v>1521</v>
      </c>
      <c r="O7739" s="5" t="s">
        <v>38</v>
      </c>
      <c r="P7739" s="5" t="s">
        <v>39</v>
      </c>
      <c r="Q7739" s="5" t="s">
        <v>40</v>
      </c>
      <c r="R7739" s="5" t="s">
        <v>1522</v>
      </c>
      <c r="S7739" s="5" t="s">
        <v>1523</v>
      </c>
      <c r="T7739" s="5" t="s">
        <v>42</v>
      </c>
      <c r="U7739" s="2">
        <v>3.5070000000000001</v>
      </c>
      <c r="V7739" s="2">
        <v>2.8410000000000002</v>
      </c>
      <c r="W7739" s="2">
        <v>0.02</v>
      </c>
      <c r="X7739" s="2">
        <v>159.1</v>
      </c>
      <c r="Y7739" s="2">
        <v>7.6</v>
      </c>
      <c r="Z7739" s="2">
        <v>16.7</v>
      </c>
      <c r="AA7739" s="5"/>
      <c r="AB7739" s="5" t="s">
        <v>43</v>
      </c>
      <c r="AC7739" s="5" t="s">
        <v>44</v>
      </c>
      <c r="AD7739" s="2"/>
      <c r="AE7739" s="1"/>
    </row>
    <row r="7740" spans="1:31" ht="14.45">
      <c r="A7740" s="11"/>
      <c r="B7740" s="20"/>
      <c r="C7740" s="2" t="s">
        <v>23692</v>
      </c>
      <c r="D7740" s="14" t="s">
        <v>23693</v>
      </c>
      <c r="E7740" s="2" t="s">
        <v>23694</v>
      </c>
      <c r="F7740" s="2" t="s">
        <v>7589</v>
      </c>
      <c r="G7740" s="8">
        <v>300</v>
      </c>
      <c r="H7740" s="5">
        <v>6</v>
      </c>
      <c r="I7740" s="5" t="s">
        <v>1518</v>
      </c>
      <c r="J7740" s="5" t="s">
        <v>1519</v>
      </c>
      <c r="K7740" s="2" t="s">
        <v>1520</v>
      </c>
      <c r="L7740" s="5" t="s">
        <v>1519</v>
      </c>
      <c r="M7740" s="2" t="s">
        <v>1520</v>
      </c>
      <c r="N7740" s="5" t="s">
        <v>1521</v>
      </c>
      <c r="O7740" s="5" t="s">
        <v>38</v>
      </c>
      <c r="P7740" s="5" t="s">
        <v>39</v>
      </c>
      <c r="Q7740" s="5" t="s">
        <v>40</v>
      </c>
      <c r="R7740" s="5" t="s">
        <v>1522</v>
      </c>
      <c r="S7740" s="5" t="s">
        <v>1523</v>
      </c>
      <c r="T7740" s="5" t="s">
        <v>42</v>
      </c>
      <c r="U7740" s="2">
        <v>3.6019999999999999</v>
      </c>
      <c r="V7740" s="2">
        <v>2.9359999999999999</v>
      </c>
      <c r="W7740" s="2">
        <v>0.02</v>
      </c>
      <c r="X7740" s="2">
        <v>159.1</v>
      </c>
      <c r="Y7740" s="2">
        <v>7.6</v>
      </c>
      <c r="Z7740" s="2">
        <v>16.7</v>
      </c>
      <c r="AA7740" s="5"/>
      <c r="AB7740" s="5" t="s">
        <v>43</v>
      </c>
      <c r="AC7740" s="5" t="s">
        <v>44</v>
      </c>
      <c r="AD7740" s="2"/>
      <c r="AE7740" s="1"/>
    </row>
    <row r="7741" spans="1:31" ht="14.45">
      <c r="A7741" s="11"/>
      <c r="B7741" s="20"/>
      <c r="C7741" s="2" t="s">
        <v>23695</v>
      </c>
      <c r="D7741" s="14" t="s">
        <v>23696</v>
      </c>
      <c r="E7741" s="2" t="s">
        <v>23697</v>
      </c>
      <c r="F7741" s="2" t="s">
        <v>7593</v>
      </c>
      <c r="G7741" s="8">
        <v>300</v>
      </c>
      <c r="H7741" s="5">
        <v>6</v>
      </c>
      <c r="I7741" s="5" t="s">
        <v>1518</v>
      </c>
      <c r="J7741" s="5" t="s">
        <v>1519</v>
      </c>
      <c r="K7741" s="2" t="s">
        <v>1520</v>
      </c>
      <c r="L7741" s="5" t="s">
        <v>1519</v>
      </c>
      <c r="M7741" s="2" t="s">
        <v>1520</v>
      </c>
      <c r="N7741" s="5" t="s">
        <v>1521</v>
      </c>
      <c r="O7741" s="5" t="s">
        <v>38</v>
      </c>
      <c r="P7741" s="5" t="s">
        <v>39</v>
      </c>
      <c r="Q7741" s="5" t="s">
        <v>40</v>
      </c>
      <c r="R7741" s="5" t="s">
        <v>1522</v>
      </c>
      <c r="S7741" s="5" t="s">
        <v>1523</v>
      </c>
      <c r="T7741" s="5" t="s">
        <v>42</v>
      </c>
      <c r="U7741" s="2">
        <v>3.5339999999999998</v>
      </c>
      <c r="V7741" s="2">
        <v>2.8679999999999999</v>
      </c>
      <c r="W7741" s="2">
        <v>0.02</v>
      </c>
      <c r="X7741" s="2">
        <v>159.1</v>
      </c>
      <c r="Y7741" s="2">
        <v>7.6</v>
      </c>
      <c r="Z7741" s="2">
        <v>16.7</v>
      </c>
      <c r="AA7741" s="5"/>
      <c r="AB7741" s="5" t="s">
        <v>43</v>
      </c>
      <c r="AC7741" s="5" t="s">
        <v>44</v>
      </c>
      <c r="AD7741" s="2"/>
      <c r="AE7741" s="1"/>
    </row>
    <row r="7742" spans="1:31" ht="14.45">
      <c r="A7742" s="11"/>
      <c r="B7742" s="20"/>
      <c r="C7742" s="2" t="s">
        <v>23698</v>
      </c>
      <c r="D7742" s="14" t="s">
        <v>23699</v>
      </c>
      <c r="E7742" s="2" t="s">
        <v>23700</v>
      </c>
      <c r="F7742" s="2" t="s">
        <v>7597</v>
      </c>
      <c r="G7742" s="8">
        <v>300</v>
      </c>
      <c r="H7742" s="5">
        <v>6</v>
      </c>
      <c r="I7742" s="5" t="s">
        <v>1518</v>
      </c>
      <c r="J7742" s="5" t="s">
        <v>1519</v>
      </c>
      <c r="K7742" s="2" t="s">
        <v>1520</v>
      </c>
      <c r="L7742" s="5" t="s">
        <v>1519</v>
      </c>
      <c r="M7742" s="2" t="s">
        <v>1520</v>
      </c>
      <c r="N7742" s="5" t="s">
        <v>1521</v>
      </c>
      <c r="O7742" s="5" t="s">
        <v>38</v>
      </c>
      <c r="P7742" s="5" t="s">
        <v>39</v>
      </c>
      <c r="Q7742" s="5" t="s">
        <v>40</v>
      </c>
      <c r="R7742" s="5" t="s">
        <v>1522</v>
      </c>
      <c r="S7742" s="5" t="s">
        <v>1523</v>
      </c>
      <c r="T7742" s="5" t="s">
        <v>42</v>
      </c>
      <c r="U7742" s="2">
        <v>3.629</v>
      </c>
      <c r="V7742" s="2">
        <v>2.9630000000000001</v>
      </c>
      <c r="W7742" s="2">
        <v>0.02</v>
      </c>
      <c r="X7742" s="2">
        <v>159.1</v>
      </c>
      <c r="Y7742" s="2">
        <v>7.6</v>
      </c>
      <c r="Z7742" s="2">
        <v>16.7</v>
      </c>
      <c r="AA7742" s="5"/>
      <c r="AB7742" s="5" t="s">
        <v>43</v>
      </c>
      <c r="AC7742" s="5" t="s">
        <v>44</v>
      </c>
      <c r="AD7742" s="2"/>
      <c r="AE7742" s="1"/>
    </row>
    <row r="7743" spans="1:31" ht="14.45">
      <c r="A7743" s="11"/>
      <c r="B7743" s="20"/>
      <c r="C7743" s="2" t="s">
        <v>23701</v>
      </c>
      <c r="D7743" s="14" t="s">
        <v>23702</v>
      </c>
      <c r="E7743" s="2" t="s">
        <v>23703</v>
      </c>
      <c r="F7743" s="2" t="s">
        <v>16014</v>
      </c>
      <c r="G7743" s="8">
        <v>300</v>
      </c>
      <c r="H7743" s="5">
        <v>6</v>
      </c>
      <c r="I7743" s="5" t="s">
        <v>1518</v>
      </c>
      <c r="J7743" s="5" t="s">
        <v>1519</v>
      </c>
      <c r="K7743" s="2" t="s">
        <v>1520</v>
      </c>
      <c r="L7743" s="5" t="s">
        <v>1519</v>
      </c>
      <c r="M7743" s="2" t="s">
        <v>1520</v>
      </c>
      <c r="N7743" s="5" t="s">
        <v>1521</v>
      </c>
      <c r="O7743" s="5" t="s">
        <v>38</v>
      </c>
      <c r="P7743" s="5" t="s">
        <v>39</v>
      </c>
      <c r="Q7743" s="5" t="s">
        <v>40</v>
      </c>
      <c r="R7743" s="5" t="s">
        <v>1522</v>
      </c>
      <c r="S7743" s="5" t="s">
        <v>1523</v>
      </c>
      <c r="T7743" s="5" t="s">
        <v>42</v>
      </c>
      <c r="U7743" s="2">
        <v>3.5339999999999998</v>
      </c>
      <c r="V7743" s="2">
        <v>2.8679999999999999</v>
      </c>
      <c r="W7743" s="2">
        <v>0.02</v>
      </c>
      <c r="X7743" s="2">
        <v>159.1</v>
      </c>
      <c r="Y7743" s="2">
        <v>7.6</v>
      </c>
      <c r="Z7743" s="2">
        <v>16.7</v>
      </c>
      <c r="AA7743" s="5"/>
      <c r="AB7743" s="5" t="s">
        <v>43</v>
      </c>
      <c r="AC7743" s="5" t="s">
        <v>44</v>
      </c>
      <c r="AD7743" s="2"/>
      <c r="AE7743" s="1"/>
    </row>
    <row r="7744" spans="1:31" ht="14.45">
      <c r="A7744" s="11"/>
      <c r="B7744" s="20"/>
      <c r="C7744" s="2" t="s">
        <v>23704</v>
      </c>
      <c r="D7744" s="14" t="s">
        <v>23705</v>
      </c>
      <c r="E7744" s="2" t="s">
        <v>23706</v>
      </c>
      <c r="F7744" s="2" t="s">
        <v>16219</v>
      </c>
      <c r="G7744" s="8">
        <v>300</v>
      </c>
      <c r="H7744" s="5">
        <v>6</v>
      </c>
      <c r="I7744" s="5" t="s">
        <v>1518</v>
      </c>
      <c r="J7744" s="5" t="s">
        <v>1519</v>
      </c>
      <c r="K7744" s="2" t="s">
        <v>1520</v>
      </c>
      <c r="L7744" s="5" t="s">
        <v>1519</v>
      </c>
      <c r="M7744" s="2" t="s">
        <v>1520</v>
      </c>
      <c r="N7744" s="5" t="s">
        <v>1521</v>
      </c>
      <c r="O7744" s="5" t="s">
        <v>38</v>
      </c>
      <c r="P7744" s="5" t="s">
        <v>39</v>
      </c>
      <c r="Q7744" s="5" t="s">
        <v>40</v>
      </c>
      <c r="R7744" s="5" t="s">
        <v>1522</v>
      </c>
      <c r="S7744" s="5" t="s">
        <v>1523</v>
      </c>
      <c r="T7744" s="5" t="s">
        <v>42</v>
      </c>
      <c r="U7744" s="2">
        <v>3.629</v>
      </c>
      <c r="V7744" s="2">
        <v>2.9630000000000001</v>
      </c>
      <c r="W7744" s="2">
        <v>0.02</v>
      </c>
      <c r="X7744" s="2">
        <v>159.1</v>
      </c>
      <c r="Y7744" s="2">
        <v>7.6</v>
      </c>
      <c r="Z7744" s="2">
        <v>16.7</v>
      </c>
      <c r="AA7744" s="5"/>
      <c r="AB7744" s="5" t="s">
        <v>43</v>
      </c>
      <c r="AC7744" s="5" t="s">
        <v>44</v>
      </c>
      <c r="AD7744" s="2"/>
      <c r="AE7744" s="1"/>
    </row>
    <row r="7745" spans="1:31" ht="14.45">
      <c r="A7745" s="11"/>
      <c r="B7745" s="20"/>
      <c r="C7745" s="2" t="s">
        <v>23707</v>
      </c>
      <c r="D7745" s="14" t="s">
        <v>23708</v>
      </c>
      <c r="E7745" s="2" t="s">
        <v>23709</v>
      </c>
      <c r="F7745" s="2" t="s">
        <v>16018</v>
      </c>
      <c r="G7745" s="8">
        <v>300</v>
      </c>
      <c r="H7745" s="5">
        <v>6</v>
      </c>
      <c r="I7745" s="5" t="s">
        <v>1518</v>
      </c>
      <c r="J7745" s="5" t="s">
        <v>1519</v>
      </c>
      <c r="K7745" s="2" t="s">
        <v>1520</v>
      </c>
      <c r="L7745" s="5" t="s">
        <v>1519</v>
      </c>
      <c r="M7745" s="2" t="s">
        <v>1520</v>
      </c>
      <c r="N7745" s="5" t="s">
        <v>1521</v>
      </c>
      <c r="O7745" s="5" t="s">
        <v>38</v>
      </c>
      <c r="P7745" s="5" t="s">
        <v>39</v>
      </c>
      <c r="Q7745" s="5" t="s">
        <v>40</v>
      </c>
      <c r="R7745" s="5" t="s">
        <v>1522</v>
      </c>
      <c r="S7745" s="5" t="s">
        <v>1523</v>
      </c>
      <c r="T7745" s="5" t="s">
        <v>42</v>
      </c>
      <c r="U7745" s="2">
        <v>3.5339999999999998</v>
      </c>
      <c r="V7745" s="2">
        <v>2.8679999999999999</v>
      </c>
      <c r="W7745" s="2">
        <v>0.02</v>
      </c>
      <c r="X7745" s="2">
        <v>159.1</v>
      </c>
      <c r="Y7745" s="2">
        <v>7.6</v>
      </c>
      <c r="Z7745" s="2">
        <v>16.7</v>
      </c>
      <c r="AA7745" s="5"/>
      <c r="AB7745" s="5" t="s">
        <v>43</v>
      </c>
      <c r="AC7745" s="5" t="s">
        <v>44</v>
      </c>
      <c r="AD7745" s="2"/>
      <c r="AE7745" s="1"/>
    </row>
    <row r="7746" spans="1:31" ht="14.45">
      <c r="A7746" s="11"/>
      <c r="B7746" s="20"/>
      <c r="C7746" s="2" t="s">
        <v>23710</v>
      </c>
      <c r="D7746" s="14" t="s">
        <v>23711</v>
      </c>
      <c r="E7746" s="2" t="s">
        <v>23712</v>
      </c>
      <c r="F7746" s="2" t="s">
        <v>16022</v>
      </c>
      <c r="G7746" s="8">
        <v>300</v>
      </c>
      <c r="H7746" s="5">
        <v>6</v>
      </c>
      <c r="I7746" s="5" t="s">
        <v>1518</v>
      </c>
      <c r="J7746" s="5" t="s">
        <v>1519</v>
      </c>
      <c r="K7746" s="2" t="s">
        <v>1520</v>
      </c>
      <c r="L7746" s="5" t="s">
        <v>1519</v>
      </c>
      <c r="M7746" s="2" t="s">
        <v>1520</v>
      </c>
      <c r="N7746" s="5" t="s">
        <v>1521</v>
      </c>
      <c r="O7746" s="5" t="s">
        <v>38</v>
      </c>
      <c r="P7746" s="5" t="s">
        <v>39</v>
      </c>
      <c r="Q7746" s="5" t="s">
        <v>40</v>
      </c>
      <c r="R7746" s="5" t="s">
        <v>1522</v>
      </c>
      <c r="S7746" s="5" t="s">
        <v>1523</v>
      </c>
      <c r="T7746" s="5" t="s">
        <v>42</v>
      </c>
      <c r="U7746" s="2">
        <v>3.629</v>
      </c>
      <c r="V7746" s="2">
        <v>2.9630000000000001</v>
      </c>
      <c r="W7746" s="2">
        <v>0.02</v>
      </c>
      <c r="X7746" s="2">
        <v>159.1</v>
      </c>
      <c r="Y7746" s="2">
        <v>7.6</v>
      </c>
      <c r="Z7746" s="2">
        <v>16.7</v>
      </c>
      <c r="AA7746" s="5"/>
      <c r="AB7746" s="5" t="s">
        <v>43</v>
      </c>
      <c r="AC7746" s="5" t="s">
        <v>44</v>
      </c>
      <c r="AD7746" s="2"/>
      <c r="AE7746" s="1"/>
    </row>
    <row r="7747" spans="1:31" ht="14.45">
      <c r="A7747" s="11"/>
      <c r="B7747" s="20"/>
      <c r="C7747" s="2" t="s">
        <v>23713</v>
      </c>
      <c r="D7747" s="14" t="s">
        <v>23714</v>
      </c>
      <c r="E7747" s="2" t="s">
        <v>23715</v>
      </c>
      <c r="F7747" s="2" t="s">
        <v>7615</v>
      </c>
      <c r="G7747" s="8">
        <v>300</v>
      </c>
      <c r="H7747" s="5">
        <v>6</v>
      </c>
      <c r="I7747" s="5" t="s">
        <v>1518</v>
      </c>
      <c r="J7747" s="5" t="s">
        <v>1519</v>
      </c>
      <c r="K7747" s="2" t="s">
        <v>1520</v>
      </c>
      <c r="L7747" s="5" t="s">
        <v>1519</v>
      </c>
      <c r="M7747" s="2" t="s">
        <v>1520</v>
      </c>
      <c r="N7747" s="5" t="s">
        <v>1521</v>
      </c>
      <c r="O7747" s="5" t="s">
        <v>38</v>
      </c>
      <c r="P7747" s="5" t="s">
        <v>39</v>
      </c>
      <c r="Q7747" s="5" t="s">
        <v>40</v>
      </c>
      <c r="R7747" s="5" t="s">
        <v>1522</v>
      </c>
      <c r="S7747" s="5" t="s">
        <v>1523</v>
      </c>
      <c r="T7747" s="5" t="s">
        <v>42</v>
      </c>
      <c r="U7747" s="2">
        <v>3.5070000000000001</v>
      </c>
      <c r="V7747" s="2">
        <v>2.8410000000000002</v>
      </c>
      <c r="W7747" s="2">
        <v>0.02</v>
      </c>
      <c r="X7747" s="2">
        <v>159.1</v>
      </c>
      <c r="Y7747" s="2">
        <v>7.6</v>
      </c>
      <c r="Z7747" s="2">
        <v>16.7</v>
      </c>
      <c r="AA7747" s="5"/>
      <c r="AB7747" s="5" t="s">
        <v>43</v>
      </c>
      <c r="AC7747" s="5" t="s">
        <v>44</v>
      </c>
      <c r="AD7747" s="2"/>
      <c r="AE7747" s="1"/>
    </row>
    <row r="7748" spans="1:31" ht="14.45">
      <c r="A7748" s="11"/>
      <c r="B7748" s="20"/>
      <c r="C7748" s="2" t="s">
        <v>23716</v>
      </c>
      <c r="D7748" s="14" t="s">
        <v>23717</v>
      </c>
      <c r="E7748" s="2" t="s">
        <v>23718</v>
      </c>
      <c r="F7748" s="2" t="s">
        <v>7619</v>
      </c>
      <c r="G7748" s="8">
        <v>300</v>
      </c>
      <c r="H7748" s="5">
        <v>6</v>
      </c>
      <c r="I7748" s="5" t="s">
        <v>1518</v>
      </c>
      <c r="J7748" s="5" t="s">
        <v>1519</v>
      </c>
      <c r="K7748" s="2" t="s">
        <v>1520</v>
      </c>
      <c r="L7748" s="5" t="s">
        <v>1519</v>
      </c>
      <c r="M7748" s="2" t="s">
        <v>1520</v>
      </c>
      <c r="N7748" s="5" t="s">
        <v>1521</v>
      </c>
      <c r="O7748" s="5" t="s">
        <v>38</v>
      </c>
      <c r="P7748" s="5" t="s">
        <v>39</v>
      </c>
      <c r="Q7748" s="5" t="s">
        <v>40</v>
      </c>
      <c r="R7748" s="5" t="s">
        <v>1522</v>
      </c>
      <c r="S7748" s="5" t="s">
        <v>1523</v>
      </c>
      <c r="T7748" s="5" t="s">
        <v>42</v>
      </c>
      <c r="U7748" s="2">
        <v>3.6019999999999999</v>
      </c>
      <c r="V7748" s="2">
        <v>2.9359999999999999</v>
      </c>
      <c r="W7748" s="2">
        <v>0.02</v>
      </c>
      <c r="X7748" s="2">
        <v>159.1</v>
      </c>
      <c r="Y7748" s="2">
        <v>7.6</v>
      </c>
      <c r="Z7748" s="2">
        <v>16.7</v>
      </c>
      <c r="AA7748" s="5"/>
      <c r="AB7748" s="5" t="s">
        <v>43</v>
      </c>
      <c r="AC7748" s="5" t="s">
        <v>44</v>
      </c>
      <c r="AD7748" s="2"/>
      <c r="AE7748" s="1"/>
    </row>
    <row r="7749" spans="1:31" ht="14.45">
      <c r="A7749" s="11"/>
      <c r="B7749" s="20"/>
      <c r="C7749" s="2" t="s">
        <v>23719</v>
      </c>
      <c r="D7749" s="14" t="s">
        <v>23720</v>
      </c>
      <c r="E7749" s="2" t="s">
        <v>23721</v>
      </c>
      <c r="F7749" s="2" t="s">
        <v>16029</v>
      </c>
      <c r="G7749" s="8">
        <v>300</v>
      </c>
      <c r="H7749" s="5">
        <v>11</v>
      </c>
      <c r="I7749" s="5" t="s">
        <v>1518</v>
      </c>
      <c r="J7749" s="5" t="s">
        <v>1519</v>
      </c>
      <c r="K7749" s="2" t="s">
        <v>1520</v>
      </c>
      <c r="L7749" s="5" t="s">
        <v>1519</v>
      </c>
      <c r="M7749" s="2" t="s">
        <v>1520</v>
      </c>
      <c r="N7749" s="5" t="s">
        <v>1521</v>
      </c>
      <c r="O7749" s="5" t="s">
        <v>38</v>
      </c>
      <c r="P7749" s="5" t="s">
        <v>39</v>
      </c>
      <c r="Q7749" s="5" t="s">
        <v>40</v>
      </c>
      <c r="R7749" s="5" t="s">
        <v>1522</v>
      </c>
      <c r="S7749" s="5" t="s">
        <v>1523</v>
      </c>
      <c r="T7749" s="5" t="s">
        <v>42</v>
      </c>
      <c r="U7749" s="2">
        <v>3.532</v>
      </c>
      <c r="V7749" s="2">
        <v>2.8660000000000001</v>
      </c>
      <c r="W7749" s="2">
        <v>0.02</v>
      </c>
      <c r="X7749" s="2">
        <v>159.1</v>
      </c>
      <c r="Y7749" s="2">
        <v>7.6</v>
      </c>
      <c r="Z7749" s="2">
        <v>16.7</v>
      </c>
      <c r="AA7749" s="5"/>
      <c r="AB7749" s="5" t="s">
        <v>43</v>
      </c>
      <c r="AC7749" s="5" t="s">
        <v>44</v>
      </c>
      <c r="AD7749" s="2"/>
      <c r="AE7749" s="1"/>
    </row>
    <row r="7750" spans="1:31" ht="14.45">
      <c r="A7750" s="11"/>
      <c r="B7750" s="20"/>
      <c r="C7750" s="2" t="s">
        <v>23722</v>
      </c>
      <c r="D7750" s="14" t="s">
        <v>23723</v>
      </c>
      <c r="E7750" s="2" t="s">
        <v>23724</v>
      </c>
      <c r="F7750" s="2" t="s">
        <v>16033</v>
      </c>
      <c r="G7750" s="8">
        <v>300</v>
      </c>
      <c r="H7750" s="5">
        <v>11</v>
      </c>
      <c r="I7750" s="5" t="s">
        <v>1518</v>
      </c>
      <c r="J7750" s="5" t="s">
        <v>1519</v>
      </c>
      <c r="K7750" s="2" t="s">
        <v>1520</v>
      </c>
      <c r="L7750" s="5" t="s">
        <v>1519</v>
      </c>
      <c r="M7750" s="2" t="s">
        <v>1520</v>
      </c>
      <c r="N7750" s="5" t="s">
        <v>1521</v>
      </c>
      <c r="O7750" s="5" t="s">
        <v>38</v>
      </c>
      <c r="P7750" s="5" t="s">
        <v>39</v>
      </c>
      <c r="Q7750" s="5" t="s">
        <v>40</v>
      </c>
      <c r="R7750" s="5" t="s">
        <v>1522</v>
      </c>
      <c r="S7750" s="5" t="s">
        <v>1523</v>
      </c>
      <c r="T7750" s="5" t="s">
        <v>42</v>
      </c>
      <c r="U7750" s="2">
        <v>3.6269999999999998</v>
      </c>
      <c r="V7750" s="2">
        <v>2.9609999999999999</v>
      </c>
      <c r="W7750" s="2">
        <v>0.02</v>
      </c>
      <c r="X7750" s="2">
        <v>159.1</v>
      </c>
      <c r="Y7750" s="2">
        <v>7.6</v>
      </c>
      <c r="Z7750" s="2">
        <v>16.7</v>
      </c>
      <c r="AA7750" s="5"/>
      <c r="AB7750" s="5" t="s">
        <v>43</v>
      </c>
      <c r="AC7750" s="5" t="s">
        <v>44</v>
      </c>
      <c r="AD7750" s="2"/>
      <c r="AE7750" s="1"/>
    </row>
    <row r="7751" spans="1:31" ht="14.45">
      <c r="A7751" s="11"/>
      <c r="B7751" s="20"/>
      <c r="C7751" s="2" t="s">
        <v>23725</v>
      </c>
      <c r="D7751" s="14" t="s">
        <v>23726</v>
      </c>
      <c r="E7751" s="2" t="s">
        <v>23727</v>
      </c>
      <c r="F7751" s="2" t="s">
        <v>7396</v>
      </c>
      <c r="G7751" s="8">
        <v>290</v>
      </c>
      <c r="H7751" s="5">
        <v>6</v>
      </c>
      <c r="I7751" s="5" t="s">
        <v>1518</v>
      </c>
      <c r="J7751" s="5" t="s">
        <v>1519</v>
      </c>
      <c r="K7751" s="2" t="s">
        <v>1520</v>
      </c>
      <c r="L7751" s="5" t="s">
        <v>1519</v>
      </c>
      <c r="M7751" s="2" t="s">
        <v>1520</v>
      </c>
      <c r="N7751" s="5" t="s">
        <v>1521</v>
      </c>
      <c r="O7751" s="5" t="s">
        <v>38</v>
      </c>
      <c r="P7751" s="5" t="s">
        <v>39</v>
      </c>
      <c r="Q7751" s="5" t="s">
        <v>40</v>
      </c>
      <c r="R7751" s="5" t="s">
        <v>1522</v>
      </c>
      <c r="S7751" s="5" t="s">
        <v>1523</v>
      </c>
      <c r="T7751" s="5" t="s">
        <v>42</v>
      </c>
      <c r="U7751" s="2">
        <v>3.9009999999999998</v>
      </c>
      <c r="V7751" s="2">
        <v>3.254</v>
      </c>
      <c r="W7751" s="2">
        <v>0.02</v>
      </c>
      <c r="X7751" s="2">
        <v>159.1</v>
      </c>
      <c r="Y7751" s="2">
        <v>7.6</v>
      </c>
      <c r="Z7751" s="2">
        <v>16.7</v>
      </c>
      <c r="AA7751" s="5"/>
      <c r="AB7751" s="5" t="s">
        <v>43</v>
      </c>
      <c r="AC7751" s="5" t="s">
        <v>44</v>
      </c>
      <c r="AD7751" s="2"/>
      <c r="AE7751" s="1"/>
    </row>
    <row r="7752" spans="1:31" ht="14.45">
      <c r="A7752" s="11"/>
      <c r="B7752" s="20"/>
      <c r="C7752" s="2" t="s">
        <v>23728</v>
      </c>
      <c r="D7752" s="14" t="s">
        <v>23729</v>
      </c>
      <c r="E7752" s="2" t="s">
        <v>23730</v>
      </c>
      <c r="F7752" s="2" t="s">
        <v>7507</v>
      </c>
      <c r="G7752" s="8">
        <v>290</v>
      </c>
      <c r="H7752" s="5">
        <v>6</v>
      </c>
      <c r="I7752" s="5" t="s">
        <v>1518</v>
      </c>
      <c r="J7752" s="5" t="s">
        <v>1519</v>
      </c>
      <c r="K7752" s="2" t="s">
        <v>1520</v>
      </c>
      <c r="L7752" s="5" t="s">
        <v>1519</v>
      </c>
      <c r="M7752" s="2" t="s">
        <v>1520</v>
      </c>
      <c r="N7752" s="5" t="s">
        <v>1521</v>
      </c>
      <c r="O7752" s="5" t="s">
        <v>38</v>
      </c>
      <c r="P7752" s="5" t="s">
        <v>39</v>
      </c>
      <c r="Q7752" s="5" t="s">
        <v>40</v>
      </c>
      <c r="R7752" s="5" t="s">
        <v>1522</v>
      </c>
      <c r="S7752" s="5" t="s">
        <v>1523</v>
      </c>
      <c r="T7752" s="5" t="s">
        <v>42</v>
      </c>
      <c r="U7752" s="2">
        <v>4.0209999999999999</v>
      </c>
      <c r="V7752" s="2">
        <v>3.3740000000000001</v>
      </c>
      <c r="W7752" s="2">
        <v>0.02</v>
      </c>
      <c r="X7752" s="2">
        <v>159.1</v>
      </c>
      <c r="Y7752" s="2">
        <v>7.6</v>
      </c>
      <c r="Z7752" s="2">
        <v>16.7</v>
      </c>
      <c r="AA7752" s="5"/>
      <c r="AB7752" s="5" t="s">
        <v>43</v>
      </c>
      <c r="AC7752" s="5" t="s">
        <v>44</v>
      </c>
      <c r="AD7752" s="2"/>
      <c r="AE7752" s="1"/>
    </row>
    <row r="7753" spans="1:31" ht="14.45">
      <c r="A7753" s="11"/>
      <c r="B7753" s="20"/>
      <c r="C7753" s="2" t="s">
        <v>23731</v>
      </c>
      <c r="D7753" s="14" t="s">
        <v>23732</v>
      </c>
      <c r="E7753" s="2" t="s">
        <v>23733</v>
      </c>
      <c r="F7753" s="2" t="s">
        <v>7204</v>
      </c>
      <c r="G7753" s="8">
        <v>290</v>
      </c>
      <c r="H7753" s="5">
        <v>6</v>
      </c>
      <c r="I7753" s="5" t="s">
        <v>1518</v>
      </c>
      <c r="J7753" s="5" t="s">
        <v>1519</v>
      </c>
      <c r="K7753" s="2" t="s">
        <v>1520</v>
      </c>
      <c r="L7753" s="5" t="s">
        <v>1519</v>
      </c>
      <c r="M7753" s="2" t="s">
        <v>1520</v>
      </c>
      <c r="N7753" s="5" t="s">
        <v>1521</v>
      </c>
      <c r="O7753" s="5" t="s">
        <v>38</v>
      </c>
      <c r="P7753" s="5" t="s">
        <v>39</v>
      </c>
      <c r="Q7753" s="5" t="s">
        <v>40</v>
      </c>
      <c r="R7753" s="5" t="s">
        <v>1522</v>
      </c>
      <c r="S7753" s="5" t="s">
        <v>1523</v>
      </c>
      <c r="T7753" s="5" t="s">
        <v>42</v>
      </c>
      <c r="U7753" s="2">
        <v>3.915</v>
      </c>
      <c r="V7753" s="2">
        <v>3.2679999999999998</v>
      </c>
      <c r="W7753" s="2">
        <v>0.02</v>
      </c>
      <c r="X7753" s="2">
        <v>159.1</v>
      </c>
      <c r="Y7753" s="2">
        <v>7.6</v>
      </c>
      <c r="Z7753" s="2">
        <v>16.7</v>
      </c>
      <c r="AA7753" s="5"/>
      <c r="AB7753" s="5" t="s">
        <v>43</v>
      </c>
      <c r="AC7753" s="5" t="s">
        <v>44</v>
      </c>
      <c r="AD7753" s="2"/>
      <c r="AE7753" s="1"/>
    </row>
    <row r="7754" spans="1:31" ht="14.45">
      <c r="A7754" s="11"/>
      <c r="B7754" s="20"/>
      <c r="C7754" s="2" t="s">
        <v>23734</v>
      </c>
      <c r="D7754" s="14" t="s">
        <v>23735</v>
      </c>
      <c r="E7754" s="2" t="s">
        <v>23736</v>
      </c>
      <c r="F7754" s="2" t="s">
        <v>7514</v>
      </c>
      <c r="G7754" s="8">
        <v>290</v>
      </c>
      <c r="H7754" s="5">
        <v>6</v>
      </c>
      <c r="I7754" s="5" t="s">
        <v>1518</v>
      </c>
      <c r="J7754" s="5" t="s">
        <v>1519</v>
      </c>
      <c r="K7754" s="2" t="s">
        <v>1520</v>
      </c>
      <c r="L7754" s="5" t="s">
        <v>1519</v>
      </c>
      <c r="M7754" s="2" t="s">
        <v>1520</v>
      </c>
      <c r="N7754" s="5" t="s">
        <v>1521</v>
      </c>
      <c r="O7754" s="5" t="s">
        <v>38</v>
      </c>
      <c r="P7754" s="5" t="s">
        <v>39</v>
      </c>
      <c r="Q7754" s="5" t="s">
        <v>40</v>
      </c>
      <c r="R7754" s="5" t="s">
        <v>1522</v>
      </c>
      <c r="S7754" s="5" t="s">
        <v>1523</v>
      </c>
      <c r="T7754" s="5" t="s">
        <v>42</v>
      </c>
      <c r="U7754" s="2">
        <v>4.0350000000000001</v>
      </c>
      <c r="V7754" s="2">
        <v>3.3879999999999999</v>
      </c>
      <c r="W7754" s="2">
        <v>0.02</v>
      </c>
      <c r="X7754" s="2">
        <v>159.1</v>
      </c>
      <c r="Y7754" s="2">
        <v>7.6</v>
      </c>
      <c r="Z7754" s="2">
        <v>16.7</v>
      </c>
      <c r="AA7754" s="5"/>
      <c r="AB7754" s="5" t="s">
        <v>43</v>
      </c>
      <c r="AC7754" s="5" t="s">
        <v>44</v>
      </c>
      <c r="AD7754" s="2"/>
      <c r="AE7754" s="1"/>
    </row>
    <row r="7755" spans="1:31" ht="14.45">
      <c r="A7755" s="11"/>
      <c r="B7755" s="20"/>
      <c r="C7755" s="2" t="s">
        <v>23737</v>
      </c>
      <c r="D7755" s="14" t="s">
        <v>23738</v>
      </c>
      <c r="E7755" s="2" t="s">
        <v>23739</v>
      </c>
      <c r="F7755" s="2" t="s">
        <v>7208</v>
      </c>
      <c r="G7755" s="8">
        <v>290</v>
      </c>
      <c r="H7755" s="5">
        <v>6</v>
      </c>
      <c r="I7755" s="5" t="s">
        <v>1518</v>
      </c>
      <c r="J7755" s="5" t="s">
        <v>1519</v>
      </c>
      <c r="K7755" s="2" t="s">
        <v>1520</v>
      </c>
      <c r="L7755" s="5" t="s">
        <v>1519</v>
      </c>
      <c r="M7755" s="2" t="s">
        <v>1520</v>
      </c>
      <c r="N7755" s="5" t="s">
        <v>1521</v>
      </c>
      <c r="O7755" s="5" t="s">
        <v>38</v>
      </c>
      <c r="P7755" s="5" t="s">
        <v>39</v>
      </c>
      <c r="Q7755" s="5" t="s">
        <v>40</v>
      </c>
      <c r="R7755" s="5" t="s">
        <v>1522</v>
      </c>
      <c r="S7755" s="5" t="s">
        <v>1523</v>
      </c>
      <c r="T7755" s="5" t="s">
        <v>42</v>
      </c>
      <c r="U7755" s="2">
        <v>3.915</v>
      </c>
      <c r="V7755" s="2">
        <v>3.2679999999999998</v>
      </c>
      <c r="W7755" s="2">
        <v>0.02</v>
      </c>
      <c r="X7755" s="2">
        <v>159.1</v>
      </c>
      <c r="Y7755" s="2">
        <v>7.6</v>
      </c>
      <c r="Z7755" s="2">
        <v>16.7</v>
      </c>
      <c r="AA7755" s="5"/>
      <c r="AB7755" s="5" t="s">
        <v>43</v>
      </c>
      <c r="AC7755" s="5" t="s">
        <v>44</v>
      </c>
      <c r="AD7755" s="2"/>
      <c r="AE7755" s="1"/>
    </row>
    <row r="7756" spans="1:31" ht="14.45">
      <c r="A7756" s="11"/>
      <c r="B7756" s="20"/>
      <c r="C7756" s="2" t="s">
        <v>23740</v>
      </c>
      <c r="D7756" s="14" t="s">
        <v>23741</v>
      </c>
      <c r="E7756" s="2" t="s">
        <v>23742</v>
      </c>
      <c r="F7756" s="2" t="s">
        <v>7521</v>
      </c>
      <c r="G7756" s="8">
        <v>290</v>
      </c>
      <c r="H7756" s="5">
        <v>6</v>
      </c>
      <c r="I7756" s="5" t="s">
        <v>1518</v>
      </c>
      <c r="J7756" s="5" t="s">
        <v>1519</v>
      </c>
      <c r="K7756" s="2" t="s">
        <v>1520</v>
      </c>
      <c r="L7756" s="5" t="s">
        <v>1519</v>
      </c>
      <c r="M7756" s="2" t="s">
        <v>1520</v>
      </c>
      <c r="N7756" s="5" t="s">
        <v>1521</v>
      </c>
      <c r="O7756" s="5" t="s">
        <v>38</v>
      </c>
      <c r="P7756" s="5" t="s">
        <v>39</v>
      </c>
      <c r="Q7756" s="5" t="s">
        <v>40</v>
      </c>
      <c r="R7756" s="5" t="s">
        <v>1522</v>
      </c>
      <c r="S7756" s="5" t="s">
        <v>1523</v>
      </c>
      <c r="T7756" s="5" t="s">
        <v>42</v>
      </c>
      <c r="U7756" s="2">
        <v>4.0350000000000001</v>
      </c>
      <c r="V7756" s="2">
        <v>3.3879999999999999</v>
      </c>
      <c r="W7756" s="2">
        <v>0.02</v>
      </c>
      <c r="X7756" s="2">
        <v>159.1</v>
      </c>
      <c r="Y7756" s="2">
        <v>7.6</v>
      </c>
      <c r="Z7756" s="2">
        <v>16.7</v>
      </c>
      <c r="AA7756" s="5"/>
      <c r="AB7756" s="5" t="s">
        <v>43</v>
      </c>
      <c r="AC7756" s="5" t="s">
        <v>44</v>
      </c>
      <c r="AD7756" s="2"/>
      <c r="AE7756" s="1"/>
    </row>
    <row r="7757" spans="1:31" ht="14.45">
      <c r="A7757" s="11"/>
      <c r="B7757" s="20"/>
      <c r="C7757" s="2" t="s">
        <v>23743</v>
      </c>
      <c r="D7757" s="14" t="s">
        <v>23744</v>
      </c>
      <c r="E7757" s="2" t="s">
        <v>23745</v>
      </c>
      <c r="F7757" s="2" t="s">
        <v>7212</v>
      </c>
      <c r="G7757" s="8">
        <v>290</v>
      </c>
      <c r="H7757" s="5">
        <v>6</v>
      </c>
      <c r="I7757" s="5" t="s">
        <v>1518</v>
      </c>
      <c r="J7757" s="5" t="s">
        <v>1519</v>
      </c>
      <c r="K7757" s="2" t="s">
        <v>1520</v>
      </c>
      <c r="L7757" s="5" t="s">
        <v>1519</v>
      </c>
      <c r="M7757" s="2" t="s">
        <v>1520</v>
      </c>
      <c r="N7757" s="5" t="s">
        <v>1521</v>
      </c>
      <c r="O7757" s="5" t="s">
        <v>38</v>
      </c>
      <c r="P7757" s="5" t="s">
        <v>39</v>
      </c>
      <c r="Q7757" s="5" t="s">
        <v>40</v>
      </c>
      <c r="R7757" s="5" t="s">
        <v>1522</v>
      </c>
      <c r="S7757" s="5" t="s">
        <v>1523</v>
      </c>
      <c r="T7757" s="5" t="s">
        <v>42</v>
      </c>
      <c r="U7757" s="2">
        <v>3.8730000000000002</v>
      </c>
      <c r="V7757" s="2">
        <v>3.226</v>
      </c>
      <c r="W7757" s="2">
        <v>0.02</v>
      </c>
      <c r="X7757" s="2">
        <v>159.1</v>
      </c>
      <c r="Y7757" s="2">
        <v>7.6</v>
      </c>
      <c r="Z7757" s="2">
        <v>16.7</v>
      </c>
      <c r="AA7757" s="5"/>
      <c r="AB7757" s="5" t="s">
        <v>43</v>
      </c>
      <c r="AC7757" s="5" t="s">
        <v>44</v>
      </c>
      <c r="AD7757" s="2"/>
      <c r="AE7757" s="1"/>
    </row>
    <row r="7758" spans="1:31" ht="14.45">
      <c r="A7758" s="11"/>
      <c r="B7758" s="20"/>
      <c r="C7758" s="2" t="s">
        <v>23746</v>
      </c>
      <c r="D7758" s="14" t="s">
        <v>23747</v>
      </c>
      <c r="E7758" s="2" t="s">
        <v>23748</v>
      </c>
      <c r="F7758" s="2" t="s">
        <v>7528</v>
      </c>
      <c r="G7758" s="8">
        <v>290</v>
      </c>
      <c r="H7758" s="5">
        <v>6</v>
      </c>
      <c r="I7758" s="5" t="s">
        <v>1518</v>
      </c>
      <c r="J7758" s="5" t="s">
        <v>1519</v>
      </c>
      <c r="K7758" s="2" t="s">
        <v>1520</v>
      </c>
      <c r="L7758" s="5" t="s">
        <v>1519</v>
      </c>
      <c r="M7758" s="2" t="s">
        <v>1520</v>
      </c>
      <c r="N7758" s="5" t="s">
        <v>1521</v>
      </c>
      <c r="O7758" s="5" t="s">
        <v>38</v>
      </c>
      <c r="P7758" s="5" t="s">
        <v>39</v>
      </c>
      <c r="Q7758" s="5" t="s">
        <v>40</v>
      </c>
      <c r="R7758" s="5" t="s">
        <v>1522</v>
      </c>
      <c r="S7758" s="5" t="s">
        <v>1523</v>
      </c>
      <c r="T7758" s="5" t="s">
        <v>42</v>
      </c>
      <c r="U7758" s="2">
        <v>3.9929999999999999</v>
      </c>
      <c r="V7758" s="2">
        <v>3.3460000000000001</v>
      </c>
      <c r="W7758" s="2">
        <v>0.02</v>
      </c>
      <c r="X7758" s="2">
        <v>159.1</v>
      </c>
      <c r="Y7758" s="2">
        <v>7.6</v>
      </c>
      <c r="Z7758" s="2">
        <v>16.7</v>
      </c>
      <c r="AA7758" s="5"/>
      <c r="AB7758" s="5" t="s">
        <v>43</v>
      </c>
      <c r="AC7758" s="5" t="s">
        <v>44</v>
      </c>
      <c r="AD7758" s="2"/>
      <c r="AE7758" s="1"/>
    </row>
    <row r="7759" spans="1:31" ht="14.45">
      <c r="A7759" s="11"/>
      <c r="B7759" s="20"/>
      <c r="C7759" s="2" t="s">
        <v>23749</v>
      </c>
      <c r="D7759" s="14" t="s">
        <v>23750</v>
      </c>
      <c r="E7759" s="2" t="s">
        <v>23751</v>
      </c>
      <c r="F7759" s="2" t="s">
        <v>7406</v>
      </c>
      <c r="G7759" s="8">
        <v>314</v>
      </c>
      <c r="H7759" s="5">
        <v>6</v>
      </c>
      <c r="I7759" s="5" t="s">
        <v>1518</v>
      </c>
      <c r="J7759" s="5" t="s">
        <v>1519</v>
      </c>
      <c r="K7759" s="2" t="s">
        <v>1520</v>
      </c>
      <c r="L7759" s="5" t="s">
        <v>1519</v>
      </c>
      <c r="M7759" s="2" t="s">
        <v>1520</v>
      </c>
      <c r="N7759" s="5" t="s">
        <v>1521</v>
      </c>
      <c r="O7759" s="5" t="s">
        <v>38</v>
      </c>
      <c r="P7759" s="5" t="s">
        <v>39</v>
      </c>
      <c r="Q7759" s="5" t="s">
        <v>40</v>
      </c>
      <c r="R7759" s="5" t="s">
        <v>1522</v>
      </c>
      <c r="S7759" s="5" t="s">
        <v>1523</v>
      </c>
      <c r="T7759" s="5" t="s">
        <v>42</v>
      </c>
      <c r="U7759" s="2">
        <v>3.8730000000000002</v>
      </c>
      <c r="V7759" s="2">
        <v>3.226</v>
      </c>
      <c r="W7759" s="2">
        <v>0.02</v>
      </c>
      <c r="X7759" s="2">
        <v>159.1</v>
      </c>
      <c r="Y7759" s="2">
        <v>7.6</v>
      </c>
      <c r="Z7759" s="2">
        <v>16.7</v>
      </c>
      <c r="AA7759" s="5"/>
      <c r="AB7759" s="5" t="s">
        <v>43</v>
      </c>
      <c r="AC7759" s="5" t="s">
        <v>44</v>
      </c>
      <c r="AD7759" s="2"/>
      <c r="AE7759" s="1"/>
    </row>
    <row r="7760" spans="1:31" ht="14.45">
      <c r="A7760" s="11"/>
      <c r="B7760" s="20"/>
      <c r="C7760" s="2" t="s">
        <v>23752</v>
      </c>
      <c r="D7760" s="14" t="s">
        <v>23753</v>
      </c>
      <c r="E7760" s="2" t="s">
        <v>23754</v>
      </c>
      <c r="F7760" s="2" t="s">
        <v>7535</v>
      </c>
      <c r="G7760" s="8">
        <v>314</v>
      </c>
      <c r="H7760" s="5">
        <v>6</v>
      </c>
      <c r="I7760" s="5" t="s">
        <v>1518</v>
      </c>
      <c r="J7760" s="5" t="s">
        <v>1519</v>
      </c>
      <c r="K7760" s="2" t="s">
        <v>1520</v>
      </c>
      <c r="L7760" s="5" t="s">
        <v>1519</v>
      </c>
      <c r="M7760" s="2" t="s">
        <v>1520</v>
      </c>
      <c r="N7760" s="5" t="s">
        <v>1521</v>
      </c>
      <c r="O7760" s="5" t="s">
        <v>38</v>
      </c>
      <c r="P7760" s="5" t="s">
        <v>39</v>
      </c>
      <c r="Q7760" s="5" t="s">
        <v>40</v>
      </c>
      <c r="R7760" s="5" t="s">
        <v>1522</v>
      </c>
      <c r="S7760" s="5" t="s">
        <v>1523</v>
      </c>
      <c r="T7760" s="5" t="s">
        <v>42</v>
      </c>
      <c r="U7760" s="2">
        <v>3.9929999999999999</v>
      </c>
      <c r="V7760" s="2">
        <v>3.3460000000000001</v>
      </c>
      <c r="W7760" s="2">
        <v>0.02</v>
      </c>
      <c r="X7760" s="2">
        <v>159.1</v>
      </c>
      <c r="Y7760" s="2">
        <v>7.6</v>
      </c>
      <c r="Z7760" s="2">
        <v>16.7</v>
      </c>
      <c r="AA7760" s="5"/>
      <c r="AB7760" s="5" t="s">
        <v>43</v>
      </c>
      <c r="AC7760" s="5" t="s">
        <v>44</v>
      </c>
      <c r="AD7760" s="2"/>
      <c r="AE7760" s="1"/>
    </row>
    <row r="7761" spans="1:31" ht="14.45">
      <c r="A7761" s="11"/>
      <c r="B7761" s="20"/>
      <c r="C7761" s="2" t="s">
        <v>23755</v>
      </c>
      <c r="D7761" s="14" t="s">
        <v>23756</v>
      </c>
      <c r="E7761" s="2" t="s">
        <v>23757</v>
      </c>
      <c r="F7761" s="2" t="s">
        <v>7539</v>
      </c>
      <c r="G7761" s="8">
        <v>314</v>
      </c>
      <c r="H7761" s="5">
        <v>6</v>
      </c>
      <c r="I7761" s="5" t="s">
        <v>1518</v>
      </c>
      <c r="J7761" s="5" t="s">
        <v>1519</v>
      </c>
      <c r="K7761" s="2" t="s">
        <v>1520</v>
      </c>
      <c r="L7761" s="5" t="s">
        <v>1519</v>
      </c>
      <c r="M7761" s="2" t="s">
        <v>1520</v>
      </c>
      <c r="N7761" s="5" t="s">
        <v>1521</v>
      </c>
      <c r="O7761" s="5" t="s">
        <v>38</v>
      </c>
      <c r="P7761" s="5" t="s">
        <v>39</v>
      </c>
      <c r="Q7761" s="5" t="s">
        <v>40</v>
      </c>
      <c r="R7761" s="5" t="s">
        <v>1522</v>
      </c>
      <c r="S7761" s="5" t="s">
        <v>1523</v>
      </c>
      <c r="T7761" s="5" t="s">
        <v>42</v>
      </c>
      <c r="U7761" s="2">
        <v>3.915</v>
      </c>
      <c r="V7761" s="2">
        <v>3.2679999999999998</v>
      </c>
      <c r="W7761" s="2">
        <v>0.02</v>
      </c>
      <c r="X7761" s="2">
        <v>159.1</v>
      </c>
      <c r="Y7761" s="2">
        <v>7.6</v>
      </c>
      <c r="Z7761" s="2">
        <v>16.7</v>
      </c>
      <c r="AA7761" s="5"/>
      <c r="AB7761" s="5" t="s">
        <v>43</v>
      </c>
      <c r="AC7761" s="5" t="s">
        <v>44</v>
      </c>
      <c r="AD7761" s="2"/>
      <c r="AE7761" s="1"/>
    </row>
    <row r="7762" spans="1:31" ht="14.45">
      <c r="A7762" s="11"/>
      <c r="B7762" s="20"/>
      <c r="C7762" s="2" t="s">
        <v>23758</v>
      </c>
      <c r="D7762" s="14" t="s">
        <v>23759</v>
      </c>
      <c r="E7762" s="2" t="s">
        <v>23760</v>
      </c>
      <c r="F7762" s="2" t="s">
        <v>7543</v>
      </c>
      <c r="G7762" s="8">
        <v>314</v>
      </c>
      <c r="H7762" s="5">
        <v>6</v>
      </c>
      <c r="I7762" s="5" t="s">
        <v>1518</v>
      </c>
      <c r="J7762" s="5" t="s">
        <v>1519</v>
      </c>
      <c r="K7762" s="2" t="s">
        <v>1520</v>
      </c>
      <c r="L7762" s="5" t="s">
        <v>1519</v>
      </c>
      <c r="M7762" s="2" t="s">
        <v>1520</v>
      </c>
      <c r="N7762" s="5" t="s">
        <v>1521</v>
      </c>
      <c r="O7762" s="5" t="s">
        <v>38</v>
      </c>
      <c r="P7762" s="5" t="s">
        <v>39</v>
      </c>
      <c r="Q7762" s="5" t="s">
        <v>40</v>
      </c>
      <c r="R7762" s="5" t="s">
        <v>1522</v>
      </c>
      <c r="S7762" s="5" t="s">
        <v>1523</v>
      </c>
      <c r="T7762" s="5" t="s">
        <v>42</v>
      </c>
      <c r="U7762" s="2">
        <v>4.0350000000000001</v>
      </c>
      <c r="V7762" s="2">
        <v>3.3879999999999999</v>
      </c>
      <c r="W7762" s="2">
        <v>0.02</v>
      </c>
      <c r="X7762" s="2">
        <v>159.1</v>
      </c>
      <c r="Y7762" s="2">
        <v>7.6</v>
      </c>
      <c r="Z7762" s="2">
        <v>16.7</v>
      </c>
      <c r="AA7762" s="5"/>
      <c r="AB7762" s="5" t="s">
        <v>43</v>
      </c>
      <c r="AC7762" s="5" t="s">
        <v>44</v>
      </c>
      <c r="AD7762" s="2"/>
      <c r="AE7762" s="1"/>
    </row>
    <row r="7763" spans="1:31" ht="14.45">
      <c r="A7763" s="11"/>
      <c r="B7763" s="20"/>
      <c r="C7763" s="2" t="s">
        <v>23761</v>
      </c>
      <c r="D7763" s="14" t="s">
        <v>23762</v>
      </c>
      <c r="E7763" s="2" t="s">
        <v>23763</v>
      </c>
      <c r="F7763" s="2" t="s">
        <v>7547</v>
      </c>
      <c r="G7763" s="8">
        <v>314</v>
      </c>
      <c r="H7763" s="5">
        <v>6</v>
      </c>
      <c r="I7763" s="5" t="s">
        <v>1518</v>
      </c>
      <c r="J7763" s="5" t="s">
        <v>1519</v>
      </c>
      <c r="K7763" s="2" t="s">
        <v>1520</v>
      </c>
      <c r="L7763" s="5" t="s">
        <v>1519</v>
      </c>
      <c r="M7763" s="2" t="s">
        <v>1520</v>
      </c>
      <c r="N7763" s="5" t="s">
        <v>1521</v>
      </c>
      <c r="O7763" s="5" t="s">
        <v>38</v>
      </c>
      <c r="P7763" s="5" t="s">
        <v>39</v>
      </c>
      <c r="Q7763" s="5" t="s">
        <v>40</v>
      </c>
      <c r="R7763" s="5" t="s">
        <v>1522</v>
      </c>
      <c r="S7763" s="5" t="s">
        <v>1523</v>
      </c>
      <c r="T7763" s="5" t="s">
        <v>42</v>
      </c>
      <c r="U7763" s="2">
        <v>3.8730000000000002</v>
      </c>
      <c r="V7763" s="2">
        <v>3.226</v>
      </c>
      <c r="W7763" s="2">
        <v>0.02</v>
      </c>
      <c r="X7763" s="2">
        <v>159.1</v>
      </c>
      <c r="Y7763" s="2">
        <v>7.6</v>
      </c>
      <c r="Z7763" s="2">
        <v>16.7</v>
      </c>
      <c r="AA7763" s="5"/>
      <c r="AB7763" s="5" t="s">
        <v>43</v>
      </c>
      <c r="AC7763" s="5" t="s">
        <v>44</v>
      </c>
      <c r="AD7763" s="2"/>
      <c r="AE7763" s="1"/>
    </row>
    <row r="7764" spans="1:31" ht="14.45">
      <c r="A7764" s="11"/>
      <c r="B7764" s="20"/>
      <c r="C7764" s="2" t="s">
        <v>23764</v>
      </c>
      <c r="D7764" s="14" t="s">
        <v>23765</v>
      </c>
      <c r="E7764" s="2" t="s">
        <v>23766</v>
      </c>
      <c r="F7764" s="2" t="s">
        <v>7555</v>
      </c>
      <c r="G7764" s="8">
        <v>314</v>
      </c>
      <c r="H7764" s="5">
        <v>6</v>
      </c>
      <c r="I7764" s="5" t="s">
        <v>1518</v>
      </c>
      <c r="J7764" s="5" t="s">
        <v>1519</v>
      </c>
      <c r="K7764" s="2" t="s">
        <v>1520</v>
      </c>
      <c r="L7764" s="5" t="s">
        <v>1519</v>
      </c>
      <c r="M7764" s="2" t="s">
        <v>1520</v>
      </c>
      <c r="N7764" s="5" t="s">
        <v>1521</v>
      </c>
      <c r="O7764" s="5" t="s">
        <v>38</v>
      </c>
      <c r="P7764" s="5" t="s">
        <v>39</v>
      </c>
      <c r="Q7764" s="5" t="s">
        <v>40</v>
      </c>
      <c r="R7764" s="5" t="s">
        <v>1522</v>
      </c>
      <c r="S7764" s="5" t="s">
        <v>1523</v>
      </c>
      <c r="T7764" s="5" t="s">
        <v>42</v>
      </c>
      <c r="U7764" s="2">
        <v>3.8730000000000002</v>
      </c>
      <c r="V7764" s="2">
        <v>3.226</v>
      </c>
      <c r="W7764" s="2">
        <v>0.02</v>
      </c>
      <c r="X7764" s="2">
        <v>159.1</v>
      </c>
      <c r="Y7764" s="2">
        <v>7.6</v>
      </c>
      <c r="Z7764" s="2">
        <v>16.7</v>
      </c>
      <c r="AA7764" s="5"/>
      <c r="AB7764" s="5" t="s">
        <v>43</v>
      </c>
      <c r="AC7764" s="5" t="s">
        <v>44</v>
      </c>
      <c r="AD7764" s="2"/>
      <c r="AE7764" s="1"/>
    </row>
    <row r="7765" spans="1:31" ht="14.45">
      <c r="A7765" s="11"/>
      <c r="B7765" s="20"/>
      <c r="C7765" s="2" t="s">
        <v>23767</v>
      </c>
      <c r="D7765" s="14" t="s">
        <v>23768</v>
      </c>
      <c r="E7765" s="2" t="s">
        <v>23769</v>
      </c>
      <c r="F7765" s="2" t="s">
        <v>7559</v>
      </c>
      <c r="G7765" s="8">
        <v>314</v>
      </c>
      <c r="H7765" s="5">
        <v>6</v>
      </c>
      <c r="I7765" s="5" t="s">
        <v>1518</v>
      </c>
      <c r="J7765" s="5" t="s">
        <v>1519</v>
      </c>
      <c r="K7765" s="2" t="s">
        <v>1520</v>
      </c>
      <c r="L7765" s="5" t="s">
        <v>1519</v>
      </c>
      <c r="M7765" s="2" t="s">
        <v>1520</v>
      </c>
      <c r="N7765" s="5" t="s">
        <v>1521</v>
      </c>
      <c r="O7765" s="5" t="s">
        <v>38</v>
      </c>
      <c r="P7765" s="5" t="s">
        <v>39</v>
      </c>
      <c r="Q7765" s="5" t="s">
        <v>40</v>
      </c>
      <c r="R7765" s="5" t="s">
        <v>1522</v>
      </c>
      <c r="S7765" s="5" t="s">
        <v>1523</v>
      </c>
      <c r="T7765" s="5" t="s">
        <v>42</v>
      </c>
      <c r="U7765" s="2">
        <v>3.9929999999999999</v>
      </c>
      <c r="V7765" s="2">
        <v>3.3460000000000001</v>
      </c>
      <c r="W7765" s="2">
        <v>0.02</v>
      </c>
      <c r="X7765" s="2">
        <v>159.1</v>
      </c>
      <c r="Y7765" s="2">
        <v>7.6</v>
      </c>
      <c r="Z7765" s="2">
        <v>16.7</v>
      </c>
      <c r="AA7765" s="5"/>
      <c r="AB7765" s="5" t="s">
        <v>43</v>
      </c>
      <c r="AC7765" s="5" t="s">
        <v>44</v>
      </c>
      <c r="AD7765" s="2"/>
      <c r="AE7765" s="1"/>
    </row>
    <row r="7766" spans="1:31" ht="14.45">
      <c r="A7766" s="11"/>
      <c r="B7766" s="20"/>
      <c r="C7766" s="2" t="s">
        <v>23770</v>
      </c>
      <c r="D7766" s="14" t="s">
        <v>23771</v>
      </c>
      <c r="E7766" s="2" t="s">
        <v>23772</v>
      </c>
      <c r="F7766" s="2" t="s">
        <v>7563</v>
      </c>
      <c r="G7766" s="8">
        <v>314</v>
      </c>
      <c r="H7766" s="5">
        <v>6</v>
      </c>
      <c r="I7766" s="5" t="s">
        <v>1518</v>
      </c>
      <c r="J7766" s="5" t="s">
        <v>1519</v>
      </c>
      <c r="K7766" s="2" t="s">
        <v>1520</v>
      </c>
      <c r="L7766" s="5" t="s">
        <v>1519</v>
      </c>
      <c r="M7766" s="2" t="s">
        <v>1520</v>
      </c>
      <c r="N7766" s="5" t="s">
        <v>1521</v>
      </c>
      <c r="O7766" s="5" t="s">
        <v>38</v>
      </c>
      <c r="P7766" s="5" t="s">
        <v>39</v>
      </c>
      <c r="Q7766" s="5" t="s">
        <v>40</v>
      </c>
      <c r="R7766" s="5" t="s">
        <v>1522</v>
      </c>
      <c r="S7766" s="5" t="s">
        <v>1523</v>
      </c>
      <c r="T7766" s="5" t="s">
        <v>42</v>
      </c>
      <c r="U7766" s="2">
        <v>3.915</v>
      </c>
      <c r="V7766" s="2">
        <v>3.2679999999999998</v>
      </c>
      <c r="W7766" s="2">
        <v>0.02</v>
      </c>
      <c r="X7766" s="2">
        <v>159.1</v>
      </c>
      <c r="Y7766" s="2">
        <v>7.6</v>
      </c>
      <c r="Z7766" s="2">
        <v>16.7</v>
      </c>
      <c r="AA7766" s="5"/>
      <c r="AB7766" s="5" t="s">
        <v>43</v>
      </c>
      <c r="AC7766" s="5" t="s">
        <v>44</v>
      </c>
      <c r="AD7766" s="2"/>
      <c r="AE7766" s="1"/>
    </row>
    <row r="7767" spans="1:31" ht="14.45">
      <c r="A7767" s="11"/>
      <c r="B7767" s="20"/>
      <c r="C7767" s="2" t="s">
        <v>23773</v>
      </c>
      <c r="D7767" s="14" t="s">
        <v>23774</v>
      </c>
      <c r="E7767" s="2" t="s">
        <v>23775</v>
      </c>
      <c r="F7767" s="2" t="s">
        <v>7567</v>
      </c>
      <c r="G7767" s="8">
        <v>314</v>
      </c>
      <c r="H7767" s="5">
        <v>6</v>
      </c>
      <c r="I7767" s="5" t="s">
        <v>1518</v>
      </c>
      <c r="J7767" s="5" t="s">
        <v>1519</v>
      </c>
      <c r="K7767" s="2" t="s">
        <v>1520</v>
      </c>
      <c r="L7767" s="5" t="s">
        <v>1519</v>
      </c>
      <c r="M7767" s="2" t="s">
        <v>1520</v>
      </c>
      <c r="N7767" s="5" t="s">
        <v>1521</v>
      </c>
      <c r="O7767" s="5" t="s">
        <v>38</v>
      </c>
      <c r="P7767" s="5" t="s">
        <v>39</v>
      </c>
      <c r="Q7767" s="5" t="s">
        <v>40</v>
      </c>
      <c r="R7767" s="5" t="s">
        <v>1522</v>
      </c>
      <c r="S7767" s="5" t="s">
        <v>1523</v>
      </c>
      <c r="T7767" s="5" t="s">
        <v>42</v>
      </c>
      <c r="U7767" s="2">
        <v>4.0350000000000001</v>
      </c>
      <c r="V7767" s="2">
        <v>3.3879999999999999</v>
      </c>
      <c r="W7767" s="2">
        <v>0.02</v>
      </c>
      <c r="X7767" s="2">
        <v>159.1</v>
      </c>
      <c r="Y7767" s="2">
        <v>7.6</v>
      </c>
      <c r="Z7767" s="2">
        <v>16.7</v>
      </c>
      <c r="AA7767" s="5"/>
      <c r="AB7767" s="5" t="s">
        <v>43</v>
      </c>
      <c r="AC7767" s="5" t="s">
        <v>44</v>
      </c>
      <c r="AD7767" s="2"/>
      <c r="AE7767" s="1"/>
    </row>
    <row r="7768" spans="1:31" ht="14.45">
      <c r="A7768" s="11"/>
      <c r="B7768" s="20"/>
      <c r="C7768" s="2" t="s">
        <v>23776</v>
      </c>
      <c r="D7768" s="14" t="s">
        <v>23777</v>
      </c>
      <c r="E7768" s="2" t="s">
        <v>23778</v>
      </c>
      <c r="F7768" s="2" t="s">
        <v>16079</v>
      </c>
      <c r="G7768" s="8">
        <v>314</v>
      </c>
      <c r="H7768" s="5">
        <v>6</v>
      </c>
      <c r="I7768" s="5" t="s">
        <v>1518</v>
      </c>
      <c r="J7768" s="5" t="s">
        <v>1519</v>
      </c>
      <c r="K7768" s="2" t="s">
        <v>1520</v>
      </c>
      <c r="L7768" s="5" t="s">
        <v>1519</v>
      </c>
      <c r="M7768" s="2" t="s">
        <v>1520</v>
      </c>
      <c r="N7768" s="5" t="s">
        <v>1521</v>
      </c>
      <c r="O7768" s="5" t="s">
        <v>38</v>
      </c>
      <c r="P7768" s="5" t="s">
        <v>39</v>
      </c>
      <c r="Q7768" s="5" t="s">
        <v>40</v>
      </c>
      <c r="R7768" s="5" t="s">
        <v>1522</v>
      </c>
      <c r="S7768" s="5" t="s">
        <v>1523</v>
      </c>
      <c r="T7768" s="5" t="s">
        <v>42</v>
      </c>
      <c r="U7768" s="2">
        <v>3.915</v>
      </c>
      <c r="V7768" s="2">
        <v>3.2679999999999998</v>
      </c>
      <c r="W7768" s="2">
        <v>0.02</v>
      </c>
      <c r="X7768" s="2">
        <v>159.1</v>
      </c>
      <c r="Y7768" s="2">
        <v>7.6</v>
      </c>
      <c r="Z7768" s="2">
        <v>16.7</v>
      </c>
      <c r="AA7768" s="5"/>
      <c r="AB7768" s="5" t="s">
        <v>43</v>
      </c>
      <c r="AC7768" s="5" t="s">
        <v>44</v>
      </c>
      <c r="AD7768" s="2"/>
      <c r="AE7768" s="1"/>
    </row>
    <row r="7769" spans="1:31" ht="14.45">
      <c r="A7769" s="11"/>
      <c r="B7769" s="20"/>
      <c r="C7769" s="2" t="s">
        <v>23779</v>
      </c>
      <c r="D7769" s="14" t="s">
        <v>23780</v>
      </c>
      <c r="E7769" s="2" t="s">
        <v>23781</v>
      </c>
      <c r="F7769" s="2" t="s">
        <v>16194</v>
      </c>
      <c r="G7769" s="8">
        <v>314</v>
      </c>
      <c r="H7769" s="5">
        <v>6</v>
      </c>
      <c r="I7769" s="5" t="s">
        <v>1518</v>
      </c>
      <c r="J7769" s="5" t="s">
        <v>1519</v>
      </c>
      <c r="K7769" s="2" t="s">
        <v>1520</v>
      </c>
      <c r="L7769" s="5" t="s">
        <v>1519</v>
      </c>
      <c r="M7769" s="2" t="s">
        <v>1520</v>
      </c>
      <c r="N7769" s="5" t="s">
        <v>1521</v>
      </c>
      <c r="O7769" s="5" t="s">
        <v>38</v>
      </c>
      <c r="P7769" s="5" t="s">
        <v>39</v>
      </c>
      <c r="Q7769" s="5" t="s">
        <v>40</v>
      </c>
      <c r="R7769" s="5" t="s">
        <v>1522</v>
      </c>
      <c r="S7769" s="5" t="s">
        <v>1523</v>
      </c>
      <c r="T7769" s="5" t="s">
        <v>42</v>
      </c>
      <c r="U7769" s="2">
        <v>4.0350000000000001</v>
      </c>
      <c r="V7769" s="2">
        <v>3.3879999999999999</v>
      </c>
      <c r="W7769" s="2">
        <v>0.02</v>
      </c>
      <c r="X7769" s="2">
        <v>159.1</v>
      </c>
      <c r="Y7769" s="2">
        <v>7.6</v>
      </c>
      <c r="Z7769" s="2">
        <v>16.7</v>
      </c>
      <c r="AA7769" s="5"/>
      <c r="AB7769" s="5" t="s">
        <v>43</v>
      </c>
      <c r="AC7769" s="5" t="s">
        <v>44</v>
      </c>
      <c r="AD7769" s="2"/>
      <c r="AE7769" s="1"/>
    </row>
    <row r="7770" spans="1:31" ht="14.45">
      <c r="A7770" s="11"/>
      <c r="B7770" s="20"/>
      <c r="C7770" s="2" t="s">
        <v>23782</v>
      </c>
      <c r="D7770" s="14" t="s">
        <v>23783</v>
      </c>
      <c r="E7770" s="2" t="s">
        <v>23784</v>
      </c>
      <c r="F7770" s="2" t="s">
        <v>7449</v>
      </c>
      <c r="G7770" s="8">
        <v>314</v>
      </c>
      <c r="H7770" s="5">
        <v>6</v>
      </c>
      <c r="I7770" s="5" t="s">
        <v>1518</v>
      </c>
      <c r="J7770" s="5" t="s">
        <v>1519</v>
      </c>
      <c r="K7770" s="2" t="s">
        <v>1520</v>
      </c>
      <c r="L7770" s="5" t="s">
        <v>1519</v>
      </c>
      <c r="M7770" s="2" t="s">
        <v>1520</v>
      </c>
      <c r="N7770" s="5" t="s">
        <v>1521</v>
      </c>
      <c r="O7770" s="5" t="s">
        <v>38</v>
      </c>
      <c r="P7770" s="5" t="s">
        <v>39</v>
      </c>
      <c r="Q7770" s="5" t="s">
        <v>40</v>
      </c>
      <c r="R7770" s="5" t="s">
        <v>1522</v>
      </c>
      <c r="S7770" s="5" t="s">
        <v>1523</v>
      </c>
      <c r="T7770" s="5" t="s">
        <v>42</v>
      </c>
      <c r="U7770" s="2">
        <v>3.915</v>
      </c>
      <c r="V7770" s="2">
        <v>3.2679999999999998</v>
      </c>
      <c r="W7770" s="2">
        <v>0.02</v>
      </c>
      <c r="X7770" s="2">
        <v>159.1</v>
      </c>
      <c r="Y7770" s="2">
        <v>7.6</v>
      </c>
      <c r="Z7770" s="2">
        <v>16.7</v>
      </c>
      <c r="AA7770" s="5"/>
      <c r="AB7770" s="5" t="s">
        <v>43</v>
      </c>
      <c r="AC7770" s="5" t="s">
        <v>44</v>
      </c>
      <c r="AD7770" s="2"/>
      <c r="AE7770" s="1"/>
    </row>
    <row r="7771" spans="1:31" ht="14.45">
      <c r="A7771" s="11"/>
      <c r="B7771" s="20"/>
      <c r="C7771" s="2" t="s">
        <v>23785</v>
      </c>
      <c r="D7771" s="14" t="s">
        <v>23786</v>
      </c>
      <c r="E7771" s="2" t="s">
        <v>23787</v>
      </c>
      <c r="F7771" s="2" t="s">
        <v>7581</v>
      </c>
      <c r="G7771" s="8">
        <v>314</v>
      </c>
      <c r="H7771" s="5">
        <v>6</v>
      </c>
      <c r="I7771" s="5" t="s">
        <v>1518</v>
      </c>
      <c r="J7771" s="5" t="s">
        <v>1519</v>
      </c>
      <c r="K7771" s="2" t="s">
        <v>1520</v>
      </c>
      <c r="L7771" s="5" t="s">
        <v>1519</v>
      </c>
      <c r="M7771" s="2" t="s">
        <v>1520</v>
      </c>
      <c r="N7771" s="5" t="s">
        <v>1521</v>
      </c>
      <c r="O7771" s="5" t="s">
        <v>38</v>
      </c>
      <c r="P7771" s="5" t="s">
        <v>39</v>
      </c>
      <c r="Q7771" s="5" t="s">
        <v>40</v>
      </c>
      <c r="R7771" s="5" t="s">
        <v>1522</v>
      </c>
      <c r="S7771" s="5" t="s">
        <v>1523</v>
      </c>
      <c r="T7771" s="5" t="s">
        <v>42</v>
      </c>
      <c r="U7771" s="2">
        <v>4.0350000000000001</v>
      </c>
      <c r="V7771" s="2">
        <v>3.3879999999999999</v>
      </c>
      <c r="W7771" s="2">
        <v>0.02</v>
      </c>
      <c r="X7771" s="2">
        <v>159.1</v>
      </c>
      <c r="Y7771" s="2">
        <v>7.6</v>
      </c>
      <c r="Z7771" s="2">
        <v>16.7</v>
      </c>
      <c r="AA7771" s="5"/>
      <c r="AB7771" s="5" t="s">
        <v>43</v>
      </c>
      <c r="AC7771" s="5" t="s">
        <v>44</v>
      </c>
      <c r="AD7771" s="2"/>
      <c r="AE7771" s="1"/>
    </row>
    <row r="7772" spans="1:31" ht="14.45">
      <c r="A7772" s="11"/>
      <c r="B7772" s="20"/>
      <c r="C7772" s="2" t="s">
        <v>23788</v>
      </c>
      <c r="D7772" s="14" t="s">
        <v>23789</v>
      </c>
      <c r="E7772" s="2" t="s">
        <v>23790</v>
      </c>
      <c r="F7772" s="2" t="s">
        <v>7585</v>
      </c>
      <c r="G7772" s="8">
        <v>314</v>
      </c>
      <c r="H7772" s="5">
        <v>6</v>
      </c>
      <c r="I7772" s="5" t="s">
        <v>1518</v>
      </c>
      <c r="J7772" s="5" t="s">
        <v>1519</v>
      </c>
      <c r="K7772" s="2" t="s">
        <v>1520</v>
      </c>
      <c r="L7772" s="5" t="s">
        <v>1519</v>
      </c>
      <c r="M7772" s="2" t="s">
        <v>1520</v>
      </c>
      <c r="N7772" s="5" t="s">
        <v>1521</v>
      </c>
      <c r="O7772" s="5" t="s">
        <v>38</v>
      </c>
      <c r="P7772" s="5" t="s">
        <v>39</v>
      </c>
      <c r="Q7772" s="5" t="s">
        <v>40</v>
      </c>
      <c r="R7772" s="5" t="s">
        <v>1522</v>
      </c>
      <c r="S7772" s="5" t="s">
        <v>1523</v>
      </c>
      <c r="T7772" s="5" t="s">
        <v>42</v>
      </c>
      <c r="U7772" s="2">
        <v>3.8730000000000002</v>
      </c>
      <c r="V7772" s="2">
        <v>3.226</v>
      </c>
      <c r="W7772" s="2">
        <v>0.02</v>
      </c>
      <c r="X7772" s="2">
        <v>159.1</v>
      </c>
      <c r="Y7772" s="2">
        <v>7.6</v>
      </c>
      <c r="Z7772" s="2">
        <v>16.7</v>
      </c>
      <c r="AA7772" s="5"/>
      <c r="AB7772" s="5" t="s">
        <v>43</v>
      </c>
      <c r="AC7772" s="5" t="s">
        <v>44</v>
      </c>
      <c r="AD7772" s="2"/>
      <c r="AE7772" s="1"/>
    </row>
    <row r="7773" spans="1:31" ht="14.45">
      <c r="A7773" s="11"/>
      <c r="B7773" s="20"/>
      <c r="C7773" s="2" t="s">
        <v>23791</v>
      </c>
      <c r="D7773" s="14" t="s">
        <v>23792</v>
      </c>
      <c r="E7773" s="2" t="s">
        <v>23793</v>
      </c>
      <c r="F7773" s="2" t="s">
        <v>7589</v>
      </c>
      <c r="G7773" s="8">
        <v>314</v>
      </c>
      <c r="H7773" s="5">
        <v>6</v>
      </c>
      <c r="I7773" s="5" t="s">
        <v>1518</v>
      </c>
      <c r="J7773" s="5" t="s">
        <v>1519</v>
      </c>
      <c r="K7773" s="2" t="s">
        <v>1520</v>
      </c>
      <c r="L7773" s="5" t="s">
        <v>1519</v>
      </c>
      <c r="M7773" s="2" t="s">
        <v>1520</v>
      </c>
      <c r="N7773" s="5" t="s">
        <v>1521</v>
      </c>
      <c r="O7773" s="5" t="s">
        <v>38</v>
      </c>
      <c r="P7773" s="5" t="s">
        <v>39</v>
      </c>
      <c r="Q7773" s="5" t="s">
        <v>40</v>
      </c>
      <c r="R7773" s="5" t="s">
        <v>1522</v>
      </c>
      <c r="S7773" s="5" t="s">
        <v>1523</v>
      </c>
      <c r="T7773" s="5" t="s">
        <v>42</v>
      </c>
      <c r="U7773" s="2">
        <v>3.9929999999999999</v>
      </c>
      <c r="V7773" s="2">
        <v>3.3460000000000001</v>
      </c>
      <c r="W7773" s="2">
        <v>0.02</v>
      </c>
      <c r="X7773" s="2">
        <v>159.1</v>
      </c>
      <c r="Y7773" s="2">
        <v>7.6</v>
      </c>
      <c r="Z7773" s="2">
        <v>16.7</v>
      </c>
      <c r="AA7773" s="5"/>
      <c r="AB7773" s="5" t="s">
        <v>43</v>
      </c>
      <c r="AC7773" s="5" t="s">
        <v>44</v>
      </c>
      <c r="AD7773" s="2"/>
      <c r="AE7773" s="1"/>
    </row>
    <row r="7774" spans="1:31" ht="14.45">
      <c r="A7774" s="11"/>
      <c r="B7774" s="20"/>
      <c r="C7774" s="2" t="s">
        <v>23794</v>
      </c>
      <c r="D7774" s="14" t="s">
        <v>23795</v>
      </c>
      <c r="E7774" s="2" t="s">
        <v>23796</v>
      </c>
      <c r="F7774" s="2" t="s">
        <v>7593</v>
      </c>
      <c r="G7774" s="8">
        <v>314</v>
      </c>
      <c r="H7774" s="5">
        <v>6</v>
      </c>
      <c r="I7774" s="5" t="s">
        <v>1518</v>
      </c>
      <c r="J7774" s="5" t="s">
        <v>1519</v>
      </c>
      <c r="K7774" s="2" t="s">
        <v>1520</v>
      </c>
      <c r="L7774" s="5" t="s">
        <v>1519</v>
      </c>
      <c r="M7774" s="2" t="s">
        <v>1520</v>
      </c>
      <c r="N7774" s="5" t="s">
        <v>1521</v>
      </c>
      <c r="O7774" s="5" t="s">
        <v>38</v>
      </c>
      <c r="P7774" s="5" t="s">
        <v>39</v>
      </c>
      <c r="Q7774" s="5" t="s">
        <v>40</v>
      </c>
      <c r="R7774" s="5" t="s">
        <v>1522</v>
      </c>
      <c r="S7774" s="5" t="s">
        <v>1523</v>
      </c>
      <c r="T7774" s="5" t="s">
        <v>42</v>
      </c>
      <c r="U7774" s="2">
        <v>3.915</v>
      </c>
      <c r="V7774" s="2">
        <v>3.2679999999999998</v>
      </c>
      <c r="W7774" s="2">
        <v>0.02</v>
      </c>
      <c r="X7774" s="2">
        <v>159.1</v>
      </c>
      <c r="Y7774" s="2">
        <v>7.6</v>
      </c>
      <c r="Z7774" s="2">
        <v>16.7</v>
      </c>
      <c r="AA7774" s="5"/>
      <c r="AB7774" s="5" t="s">
        <v>43</v>
      </c>
      <c r="AC7774" s="5" t="s">
        <v>44</v>
      </c>
      <c r="AD7774" s="2"/>
      <c r="AE7774" s="1"/>
    </row>
    <row r="7775" spans="1:31" ht="14.45">
      <c r="A7775" s="11"/>
      <c r="B7775" s="20"/>
      <c r="C7775" s="2" t="s">
        <v>23797</v>
      </c>
      <c r="D7775" s="14" t="s">
        <v>23798</v>
      </c>
      <c r="E7775" s="2" t="s">
        <v>23799</v>
      </c>
      <c r="F7775" s="2" t="s">
        <v>7597</v>
      </c>
      <c r="G7775" s="8">
        <v>314</v>
      </c>
      <c r="H7775" s="5">
        <v>6</v>
      </c>
      <c r="I7775" s="5" t="s">
        <v>1518</v>
      </c>
      <c r="J7775" s="5" t="s">
        <v>1519</v>
      </c>
      <c r="K7775" s="2" t="s">
        <v>1520</v>
      </c>
      <c r="L7775" s="5" t="s">
        <v>1519</v>
      </c>
      <c r="M7775" s="2" t="s">
        <v>1520</v>
      </c>
      <c r="N7775" s="5" t="s">
        <v>1521</v>
      </c>
      <c r="O7775" s="5" t="s">
        <v>38</v>
      </c>
      <c r="P7775" s="5" t="s">
        <v>39</v>
      </c>
      <c r="Q7775" s="5" t="s">
        <v>40</v>
      </c>
      <c r="R7775" s="5" t="s">
        <v>1522</v>
      </c>
      <c r="S7775" s="5" t="s">
        <v>1523</v>
      </c>
      <c r="T7775" s="5" t="s">
        <v>42</v>
      </c>
      <c r="U7775" s="2">
        <v>4.0350000000000001</v>
      </c>
      <c r="V7775" s="2">
        <v>3.3879999999999999</v>
      </c>
      <c r="W7775" s="2">
        <v>0.02</v>
      </c>
      <c r="X7775" s="2">
        <v>159.1</v>
      </c>
      <c r="Y7775" s="2">
        <v>7.6</v>
      </c>
      <c r="Z7775" s="2">
        <v>16.7</v>
      </c>
      <c r="AA7775" s="5"/>
      <c r="AB7775" s="5" t="s">
        <v>43</v>
      </c>
      <c r="AC7775" s="5" t="s">
        <v>44</v>
      </c>
      <c r="AD7775" s="2"/>
      <c r="AE7775" s="1"/>
    </row>
    <row r="7776" spans="1:31" ht="14.45">
      <c r="A7776" s="11"/>
      <c r="B7776" s="20"/>
      <c r="C7776" s="2" t="s">
        <v>23800</v>
      </c>
      <c r="D7776" s="14" t="s">
        <v>23801</v>
      </c>
      <c r="E7776" s="2" t="s">
        <v>23802</v>
      </c>
      <c r="F7776" s="2" t="s">
        <v>16014</v>
      </c>
      <c r="G7776" s="8">
        <v>314</v>
      </c>
      <c r="H7776" s="5">
        <v>6</v>
      </c>
      <c r="I7776" s="5" t="s">
        <v>1518</v>
      </c>
      <c r="J7776" s="5" t="s">
        <v>1519</v>
      </c>
      <c r="K7776" s="2" t="s">
        <v>1520</v>
      </c>
      <c r="L7776" s="5" t="s">
        <v>1519</v>
      </c>
      <c r="M7776" s="2" t="s">
        <v>1520</v>
      </c>
      <c r="N7776" s="5" t="s">
        <v>1521</v>
      </c>
      <c r="O7776" s="5" t="s">
        <v>38</v>
      </c>
      <c r="P7776" s="5" t="s">
        <v>39</v>
      </c>
      <c r="Q7776" s="5" t="s">
        <v>40</v>
      </c>
      <c r="R7776" s="5" t="s">
        <v>1522</v>
      </c>
      <c r="S7776" s="5" t="s">
        <v>1523</v>
      </c>
      <c r="T7776" s="5" t="s">
        <v>42</v>
      </c>
      <c r="U7776" s="2">
        <v>3.915</v>
      </c>
      <c r="V7776" s="2">
        <v>3.2679999999999998</v>
      </c>
      <c r="W7776" s="2">
        <v>0.02</v>
      </c>
      <c r="X7776" s="2">
        <v>159.1</v>
      </c>
      <c r="Y7776" s="2">
        <v>7.6</v>
      </c>
      <c r="Z7776" s="2">
        <v>16.7</v>
      </c>
      <c r="AA7776" s="5"/>
      <c r="AB7776" s="5" t="s">
        <v>43</v>
      </c>
      <c r="AC7776" s="5" t="s">
        <v>44</v>
      </c>
      <c r="AD7776" s="2"/>
      <c r="AE7776" s="1"/>
    </row>
    <row r="7777" spans="1:31" ht="14.45">
      <c r="A7777" s="11"/>
      <c r="B7777" s="20"/>
      <c r="C7777" s="2" t="s">
        <v>23803</v>
      </c>
      <c r="D7777" s="14" t="s">
        <v>23804</v>
      </c>
      <c r="E7777" s="2" t="s">
        <v>23805</v>
      </c>
      <c r="F7777" s="2" t="s">
        <v>16219</v>
      </c>
      <c r="G7777" s="8">
        <v>314</v>
      </c>
      <c r="H7777" s="5">
        <v>6</v>
      </c>
      <c r="I7777" s="5" t="s">
        <v>1518</v>
      </c>
      <c r="J7777" s="5" t="s">
        <v>1519</v>
      </c>
      <c r="K7777" s="2" t="s">
        <v>1520</v>
      </c>
      <c r="L7777" s="5" t="s">
        <v>1519</v>
      </c>
      <c r="M7777" s="2" t="s">
        <v>1520</v>
      </c>
      <c r="N7777" s="5" t="s">
        <v>1521</v>
      </c>
      <c r="O7777" s="5" t="s">
        <v>38</v>
      </c>
      <c r="P7777" s="5" t="s">
        <v>39</v>
      </c>
      <c r="Q7777" s="5" t="s">
        <v>40</v>
      </c>
      <c r="R7777" s="5" t="s">
        <v>1522</v>
      </c>
      <c r="S7777" s="5" t="s">
        <v>1523</v>
      </c>
      <c r="T7777" s="5" t="s">
        <v>42</v>
      </c>
      <c r="U7777" s="2">
        <v>4.0350000000000001</v>
      </c>
      <c r="V7777" s="2">
        <v>3.3879999999999999</v>
      </c>
      <c r="W7777" s="2">
        <v>0.02</v>
      </c>
      <c r="X7777" s="2">
        <v>159.1</v>
      </c>
      <c r="Y7777" s="2">
        <v>7.6</v>
      </c>
      <c r="Z7777" s="2">
        <v>16.7</v>
      </c>
      <c r="AA7777" s="5"/>
      <c r="AB7777" s="5" t="s">
        <v>43</v>
      </c>
      <c r="AC7777" s="5" t="s">
        <v>44</v>
      </c>
      <c r="AD7777" s="2"/>
      <c r="AE7777" s="1"/>
    </row>
    <row r="7778" spans="1:31" ht="14.45">
      <c r="A7778" s="11"/>
      <c r="B7778" s="20"/>
      <c r="C7778" s="2" t="s">
        <v>23806</v>
      </c>
      <c r="D7778" s="14" t="s">
        <v>23807</v>
      </c>
      <c r="E7778" s="2" t="s">
        <v>23808</v>
      </c>
      <c r="F7778" s="2" t="s">
        <v>16018</v>
      </c>
      <c r="G7778" s="8">
        <v>314</v>
      </c>
      <c r="H7778" s="5">
        <v>6</v>
      </c>
      <c r="I7778" s="5" t="s">
        <v>1518</v>
      </c>
      <c r="J7778" s="5" t="s">
        <v>1519</v>
      </c>
      <c r="K7778" s="2" t="s">
        <v>1520</v>
      </c>
      <c r="L7778" s="5" t="s">
        <v>1519</v>
      </c>
      <c r="M7778" s="2" t="s">
        <v>1520</v>
      </c>
      <c r="N7778" s="5" t="s">
        <v>1521</v>
      </c>
      <c r="O7778" s="5" t="s">
        <v>38</v>
      </c>
      <c r="P7778" s="5" t="s">
        <v>39</v>
      </c>
      <c r="Q7778" s="5" t="s">
        <v>40</v>
      </c>
      <c r="R7778" s="5" t="s">
        <v>1522</v>
      </c>
      <c r="S7778" s="5" t="s">
        <v>1523</v>
      </c>
      <c r="T7778" s="5" t="s">
        <v>42</v>
      </c>
      <c r="U7778" s="2">
        <v>3.915</v>
      </c>
      <c r="V7778" s="2">
        <v>3.2679999999999998</v>
      </c>
      <c r="W7778" s="2">
        <v>0.02</v>
      </c>
      <c r="X7778" s="2">
        <v>159.1</v>
      </c>
      <c r="Y7778" s="2">
        <v>7.6</v>
      </c>
      <c r="Z7778" s="2">
        <v>16.7</v>
      </c>
      <c r="AA7778" s="5"/>
      <c r="AB7778" s="5" t="s">
        <v>43</v>
      </c>
      <c r="AC7778" s="5" t="s">
        <v>44</v>
      </c>
      <c r="AD7778" s="2"/>
      <c r="AE7778" s="1"/>
    </row>
    <row r="7779" spans="1:31" ht="14.45">
      <c r="A7779" s="11"/>
      <c r="B7779" s="20"/>
      <c r="C7779" s="2" t="s">
        <v>23809</v>
      </c>
      <c r="D7779" s="14" t="s">
        <v>23810</v>
      </c>
      <c r="E7779" s="2" t="s">
        <v>23811</v>
      </c>
      <c r="F7779" s="2" t="s">
        <v>16022</v>
      </c>
      <c r="G7779" s="8">
        <v>314</v>
      </c>
      <c r="H7779" s="5">
        <v>6</v>
      </c>
      <c r="I7779" s="5" t="s">
        <v>1518</v>
      </c>
      <c r="J7779" s="5" t="s">
        <v>1519</v>
      </c>
      <c r="K7779" s="2" t="s">
        <v>1520</v>
      </c>
      <c r="L7779" s="5" t="s">
        <v>1519</v>
      </c>
      <c r="M7779" s="2" t="s">
        <v>1520</v>
      </c>
      <c r="N7779" s="5" t="s">
        <v>1521</v>
      </c>
      <c r="O7779" s="5" t="s">
        <v>38</v>
      </c>
      <c r="P7779" s="5" t="s">
        <v>39</v>
      </c>
      <c r="Q7779" s="5" t="s">
        <v>40</v>
      </c>
      <c r="R7779" s="5" t="s">
        <v>1522</v>
      </c>
      <c r="S7779" s="5" t="s">
        <v>1523</v>
      </c>
      <c r="T7779" s="5" t="s">
        <v>42</v>
      </c>
      <c r="U7779" s="2">
        <v>4.0350000000000001</v>
      </c>
      <c r="V7779" s="2">
        <v>3.3879999999999999</v>
      </c>
      <c r="W7779" s="2">
        <v>0.02</v>
      </c>
      <c r="X7779" s="2">
        <v>159.1</v>
      </c>
      <c r="Y7779" s="2">
        <v>7.6</v>
      </c>
      <c r="Z7779" s="2">
        <v>16.7</v>
      </c>
      <c r="AA7779" s="5"/>
      <c r="AB7779" s="5" t="s">
        <v>43</v>
      </c>
      <c r="AC7779" s="5" t="s">
        <v>44</v>
      </c>
      <c r="AD7779" s="2"/>
      <c r="AE7779" s="1"/>
    </row>
    <row r="7780" spans="1:31" ht="14.45">
      <c r="A7780" s="11"/>
      <c r="B7780" s="20"/>
      <c r="C7780" s="2" t="s">
        <v>23812</v>
      </c>
      <c r="D7780" s="14" t="s">
        <v>23813</v>
      </c>
      <c r="E7780" s="2" t="s">
        <v>23814</v>
      </c>
      <c r="F7780" s="2" t="s">
        <v>7615</v>
      </c>
      <c r="G7780" s="8">
        <v>314</v>
      </c>
      <c r="H7780" s="5">
        <v>6</v>
      </c>
      <c r="I7780" s="5" t="s">
        <v>1518</v>
      </c>
      <c r="J7780" s="5" t="s">
        <v>1519</v>
      </c>
      <c r="K7780" s="2" t="s">
        <v>1520</v>
      </c>
      <c r="L7780" s="5" t="s">
        <v>1519</v>
      </c>
      <c r="M7780" s="2" t="s">
        <v>1520</v>
      </c>
      <c r="N7780" s="5" t="s">
        <v>1521</v>
      </c>
      <c r="O7780" s="5" t="s">
        <v>38</v>
      </c>
      <c r="P7780" s="5" t="s">
        <v>39</v>
      </c>
      <c r="Q7780" s="5" t="s">
        <v>40</v>
      </c>
      <c r="R7780" s="5" t="s">
        <v>1522</v>
      </c>
      <c r="S7780" s="5" t="s">
        <v>1523</v>
      </c>
      <c r="T7780" s="5" t="s">
        <v>42</v>
      </c>
      <c r="U7780" s="2">
        <v>3.8730000000000002</v>
      </c>
      <c r="V7780" s="2">
        <v>3.226</v>
      </c>
      <c r="W7780" s="2">
        <v>0.02</v>
      </c>
      <c r="X7780" s="2">
        <v>159.1</v>
      </c>
      <c r="Y7780" s="2">
        <v>7.6</v>
      </c>
      <c r="Z7780" s="2">
        <v>16.7</v>
      </c>
      <c r="AA7780" s="5"/>
      <c r="AB7780" s="5" t="s">
        <v>43</v>
      </c>
      <c r="AC7780" s="5" t="s">
        <v>44</v>
      </c>
      <c r="AD7780" s="2"/>
      <c r="AE7780" s="1"/>
    </row>
    <row r="7781" spans="1:31" ht="14.45">
      <c r="A7781" s="11"/>
      <c r="B7781" s="20"/>
      <c r="C7781" s="2" t="s">
        <v>23815</v>
      </c>
      <c r="D7781" s="14" t="s">
        <v>23816</v>
      </c>
      <c r="E7781" s="2" t="s">
        <v>23817</v>
      </c>
      <c r="F7781" s="2" t="s">
        <v>7619</v>
      </c>
      <c r="G7781" s="8">
        <v>314</v>
      </c>
      <c r="H7781" s="5">
        <v>6</v>
      </c>
      <c r="I7781" s="5" t="s">
        <v>1518</v>
      </c>
      <c r="J7781" s="5" t="s">
        <v>1519</v>
      </c>
      <c r="K7781" s="2" t="s">
        <v>1520</v>
      </c>
      <c r="L7781" s="5" t="s">
        <v>1519</v>
      </c>
      <c r="M7781" s="2" t="s">
        <v>1520</v>
      </c>
      <c r="N7781" s="5" t="s">
        <v>1521</v>
      </c>
      <c r="O7781" s="5" t="s">
        <v>38</v>
      </c>
      <c r="P7781" s="5" t="s">
        <v>39</v>
      </c>
      <c r="Q7781" s="5" t="s">
        <v>40</v>
      </c>
      <c r="R7781" s="5" t="s">
        <v>1522</v>
      </c>
      <c r="S7781" s="5" t="s">
        <v>1523</v>
      </c>
      <c r="T7781" s="5" t="s">
        <v>42</v>
      </c>
      <c r="U7781" s="2">
        <v>3.9929999999999999</v>
      </c>
      <c r="V7781" s="2">
        <v>3.3460000000000001</v>
      </c>
      <c r="W7781" s="2">
        <v>0.02</v>
      </c>
      <c r="X7781" s="2">
        <v>159.1</v>
      </c>
      <c r="Y7781" s="2">
        <v>7.6</v>
      </c>
      <c r="Z7781" s="2">
        <v>16.7</v>
      </c>
      <c r="AA7781" s="5"/>
      <c r="AB7781" s="5" t="s">
        <v>43</v>
      </c>
      <c r="AC7781" s="5" t="s">
        <v>44</v>
      </c>
      <c r="AD7781" s="2"/>
      <c r="AE7781" s="1"/>
    </row>
    <row r="7782" spans="1:31" ht="14.45">
      <c r="A7782" s="11"/>
      <c r="B7782" s="20"/>
      <c r="C7782" s="2" t="s">
        <v>23818</v>
      </c>
      <c r="D7782" s="14" t="s">
        <v>23819</v>
      </c>
      <c r="E7782" s="2" t="s">
        <v>23820</v>
      </c>
      <c r="F7782" s="2" t="s">
        <v>16029</v>
      </c>
      <c r="G7782" s="8">
        <v>314</v>
      </c>
      <c r="H7782" s="5">
        <v>11</v>
      </c>
      <c r="I7782" s="5" t="s">
        <v>1518</v>
      </c>
      <c r="J7782" s="5" t="s">
        <v>1519</v>
      </c>
      <c r="K7782" s="2" t="s">
        <v>1520</v>
      </c>
      <c r="L7782" s="5" t="s">
        <v>1519</v>
      </c>
      <c r="M7782" s="2" t="s">
        <v>1520</v>
      </c>
      <c r="N7782" s="5" t="s">
        <v>1521</v>
      </c>
      <c r="O7782" s="5" t="s">
        <v>38</v>
      </c>
      <c r="P7782" s="5" t="s">
        <v>39</v>
      </c>
      <c r="Q7782" s="5" t="s">
        <v>40</v>
      </c>
      <c r="R7782" s="5" t="s">
        <v>1522</v>
      </c>
      <c r="S7782" s="5" t="s">
        <v>1523</v>
      </c>
      <c r="T7782" s="5" t="s">
        <v>42</v>
      </c>
      <c r="U7782" s="2">
        <v>3.9129999999999998</v>
      </c>
      <c r="V7782" s="2">
        <v>3.266</v>
      </c>
      <c r="W7782" s="2">
        <v>0.02</v>
      </c>
      <c r="X7782" s="2">
        <v>159.1</v>
      </c>
      <c r="Y7782" s="2">
        <v>7.6</v>
      </c>
      <c r="Z7782" s="2">
        <v>16.7</v>
      </c>
      <c r="AA7782" s="5"/>
      <c r="AB7782" s="5" t="s">
        <v>43</v>
      </c>
      <c r="AC7782" s="5" t="s">
        <v>44</v>
      </c>
      <c r="AD7782" s="2"/>
      <c r="AE7782" s="1"/>
    </row>
    <row r="7783" spans="1:31" ht="14.45">
      <c r="A7783" s="11"/>
      <c r="B7783" s="20"/>
      <c r="C7783" s="2" t="s">
        <v>23821</v>
      </c>
      <c r="D7783" s="14" t="s">
        <v>23822</v>
      </c>
      <c r="E7783" s="2" t="s">
        <v>23823</v>
      </c>
      <c r="F7783" s="2" t="s">
        <v>16033</v>
      </c>
      <c r="G7783" s="8">
        <v>314</v>
      </c>
      <c r="H7783" s="5">
        <v>11</v>
      </c>
      <c r="I7783" s="5" t="s">
        <v>1518</v>
      </c>
      <c r="J7783" s="5" t="s">
        <v>1519</v>
      </c>
      <c r="K7783" s="2" t="s">
        <v>1520</v>
      </c>
      <c r="L7783" s="5" t="s">
        <v>1519</v>
      </c>
      <c r="M7783" s="2" t="s">
        <v>1520</v>
      </c>
      <c r="N7783" s="5" t="s">
        <v>1521</v>
      </c>
      <c r="O7783" s="5" t="s">
        <v>38</v>
      </c>
      <c r="P7783" s="5" t="s">
        <v>39</v>
      </c>
      <c r="Q7783" s="5" t="s">
        <v>40</v>
      </c>
      <c r="R7783" s="5" t="s">
        <v>1522</v>
      </c>
      <c r="S7783" s="5" t="s">
        <v>1523</v>
      </c>
      <c r="T7783" s="5" t="s">
        <v>42</v>
      </c>
      <c r="U7783" s="2">
        <v>4.0330000000000004</v>
      </c>
      <c r="V7783" s="2">
        <v>3.3860000000000001</v>
      </c>
      <c r="W7783" s="2">
        <v>0.02</v>
      </c>
      <c r="X7783" s="2">
        <v>159.1</v>
      </c>
      <c r="Y7783" s="2">
        <v>7.6</v>
      </c>
      <c r="Z7783" s="2">
        <v>16.7</v>
      </c>
      <c r="AA7783" s="5"/>
      <c r="AB7783" s="5" t="s">
        <v>43</v>
      </c>
      <c r="AC7783" s="5" t="s">
        <v>44</v>
      </c>
      <c r="AD7783" s="2"/>
      <c r="AE7783" s="1"/>
    </row>
    <row r="7784" spans="1:31" ht="14.45">
      <c r="A7784" s="11"/>
      <c r="B7784" s="20"/>
      <c r="C7784" s="2" t="s">
        <v>23824</v>
      </c>
      <c r="D7784" s="14" t="s">
        <v>23825</v>
      </c>
      <c r="E7784" s="2" t="s">
        <v>23826</v>
      </c>
      <c r="F7784" s="2" t="s">
        <v>7396</v>
      </c>
      <c r="G7784" s="8">
        <v>308</v>
      </c>
      <c r="H7784" s="5">
        <v>6</v>
      </c>
      <c r="I7784" s="5" t="s">
        <v>1518</v>
      </c>
      <c r="J7784" s="5" t="s">
        <v>1519</v>
      </c>
      <c r="K7784" s="2" t="s">
        <v>1520</v>
      </c>
      <c r="L7784" s="5" t="s">
        <v>1519</v>
      </c>
      <c r="M7784" s="2" t="s">
        <v>1520</v>
      </c>
      <c r="N7784" s="5" t="s">
        <v>1521</v>
      </c>
      <c r="O7784" s="5" t="s">
        <v>38</v>
      </c>
      <c r="P7784" s="5" t="s">
        <v>39</v>
      </c>
      <c r="Q7784" s="5" t="s">
        <v>40</v>
      </c>
      <c r="R7784" s="5" t="s">
        <v>1522</v>
      </c>
      <c r="S7784" s="5" t="s">
        <v>1523</v>
      </c>
      <c r="T7784" s="5" t="s">
        <v>42</v>
      </c>
      <c r="U7784" s="2">
        <v>4.09</v>
      </c>
      <c r="V7784" s="2">
        <v>3.452</v>
      </c>
      <c r="W7784" s="2">
        <v>0.02</v>
      </c>
      <c r="X7784" s="2">
        <v>159.1</v>
      </c>
      <c r="Y7784" s="2">
        <v>7.6</v>
      </c>
      <c r="Z7784" s="2">
        <v>16.7</v>
      </c>
      <c r="AA7784" s="5"/>
      <c r="AB7784" s="5" t="s">
        <v>43</v>
      </c>
      <c r="AC7784" s="5" t="s">
        <v>44</v>
      </c>
      <c r="AD7784" s="2"/>
      <c r="AE7784" s="1"/>
    </row>
    <row r="7785" spans="1:31" ht="14.45">
      <c r="A7785" s="11"/>
      <c r="B7785" s="20"/>
      <c r="C7785" s="2" t="s">
        <v>23827</v>
      </c>
      <c r="D7785" s="14" t="s">
        <v>23828</v>
      </c>
      <c r="E7785" s="2" t="s">
        <v>23829</v>
      </c>
      <c r="F7785" s="2" t="s">
        <v>7507</v>
      </c>
      <c r="G7785" s="8">
        <v>308</v>
      </c>
      <c r="H7785" s="5">
        <v>6</v>
      </c>
      <c r="I7785" s="5" t="s">
        <v>1518</v>
      </c>
      <c r="J7785" s="5" t="s">
        <v>1519</v>
      </c>
      <c r="K7785" s="2" t="s">
        <v>1520</v>
      </c>
      <c r="L7785" s="5" t="s">
        <v>1519</v>
      </c>
      <c r="M7785" s="2" t="s">
        <v>1520</v>
      </c>
      <c r="N7785" s="5" t="s">
        <v>1521</v>
      </c>
      <c r="O7785" s="5" t="s">
        <v>38</v>
      </c>
      <c r="P7785" s="5" t="s">
        <v>39</v>
      </c>
      <c r="Q7785" s="5" t="s">
        <v>40</v>
      </c>
      <c r="R7785" s="5" t="s">
        <v>1522</v>
      </c>
      <c r="S7785" s="5" t="s">
        <v>1523</v>
      </c>
      <c r="T7785" s="5" t="s">
        <v>42</v>
      </c>
      <c r="U7785" s="2">
        <v>4.22</v>
      </c>
      <c r="V7785" s="2">
        <v>3.5819999999999999</v>
      </c>
      <c r="W7785" s="2">
        <v>0.02</v>
      </c>
      <c r="X7785" s="2">
        <v>159.1</v>
      </c>
      <c r="Y7785" s="2">
        <v>7.6</v>
      </c>
      <c r="Z7785" s="2">
        <v>16.7</v>
      </c>
      <c r="AA7785" s="5"/>
      <c r="AB7785" s="5" t="s">
        <v>43</v>
      </c>
      <c r="AC7785" s="5" t="s">
        <v>44</v>
      </c>
      <c r="AD7785" s="2"/>
      <c r="AE7785" s="1"/>
    </row>
    <row r="7786" spans="1:31" ht="14.45">
      <c r="A7786" s="11"/>
      <c r="B7786" s="20"/>
      <c r="C7786" s="2" t="s">
        <v>23830</v>
      </c>
      <c r="D7786" s="14" t="s">
        <v>23831</v>
      </c>
      <c r="E7786" s="2" t="s">
        <v>23832</v>
      </c>
      <c r="F7786" s="2" t="s">
        <v>7204</v>
      </c>
      <c r="G7786" s="8">
        <v>308</v>
      </c>
      <c r="H7786" s="5">
        <v>6</v>
      </c>
      <c r="I7786" s="5" t="s">
        <v>1518</v>
      </c>
      <c r="J7786" s="5" t="s">
        <v>1519</v>
      </c>
      <c r="K7786" s="2" t="s">
        <v>1520</v>
      </c>
      <c r="L7786" s="5" t="s">
        <v>1519</v>
      </c>
      <c r="M7786" s="2" t="s">
        <v>1520</v>
      </c>
      <c r="N7786" s="5" t="s">
        <v>1521</v>
      </c>
      <c r="O7786" s="5" t="s">
        <v>38</v>
      </c>
      <c r="P7786" s="5" t="s">
        <v>39</v>
      </c>
      <c r="Q7786" s="5" t="s">
        <v>40</v>
      </c>
      <c r="R7786" s="5" t="s">
        <v>1522</v>
      </c>
      <c r="S7786" s="5" t="s">
        <v>1523</v>
      </c>
      <c r="T7786" s="5" t="s">
        <v>42</v>
      </c>
      <c r="U7786" s="2">
        <v>4.1059999999999999</v>
      </c>
      <c r="V7786" s="2">
        <v>3.468</v>
      </c>
      <c r="W7786" s="2">
        <v>0.02</v>
      </c>
      <c r="X7786" s="2">
        <v>159.1</v>
      </c>
      <c r="Y7786" s="2">
        <v>7.6</v>
      </c>
      <c r="Z7786" s="2">
        <v>16.7</v>
      </c>
      <c r="AA7786" s="5"/>
      <c r="AB7786" s="5" t="s">
        <v>43</v>
      </c>
      <c r="AC7786" s="5" t="s">
        <v>44</v>
      </c>
      <c r="AD7786" s="2"/>
      <c r="AE7786" s="1"/>
    </row>
    <row r="7787" spans="1:31" ht="14.45">
      <c r="A7787" s="11"/>
      <c r="B7787" s="20"/>
      <c r="C7787" s="2" t="s">
        <v>23833</v>
      </c>
      <c r="D7787" s="14" t="s">
        <v>23834</v>
      </c>
      <c r="E7787" s="2" t="s">
        <v>23835</v>
      </c>
      <c r="F7787" s="2" t="s">
        <v>7514</v>
      </c>
      <c r="G7787" s="8">
        <v>308</v>
      </c>
      <c r="H7787" s="5">
        <v>6</v>
      </c>
      <c r="I7787" s="5" t="s">
        <v>1518</v>
      </c>
      <c r="J7787" s="5" t="s">
        <v>1519</v>
      </c>
      <c r="K7787" s="2" t="s">
        <v>1520</v>
      </c>
      <c r="L7787" s="5" t="s">
        <v>1519</v>
      </c>
      <c r="M7787" s="2" t="s">
        <v>1520</v>
      </c>
      <c r="N7787" s="5" t="s">
        <v>1521</v>
      </c>
      <c r="O7787" s="5" t="s">
        <v>38</v>
      </c>
      <c r="P7787" s="5" t="s">
        <v>39</v>
      </c>
      <c r="Q7787" s="5" t="s">
        <v>40</v>
      </c>
      <c r="R7787" s="5" t="s">
        <v>1522</v>
      </c>
      <c r="S7787" s="5" t="s">
        <v>1523</v>
      </c>
      <c r="T7787" s="5" t="s">
        <v>42</v>
      </c>
      <c r="U7787" s="2">
        <v>4.2359999999999998</v>
      </c>
      <c r="V7787" s="2">
        <v>3.5979999999999999</v>
      </c>
      <c r="W7787" s="2">
        <v>0.02</v>
      </c>
      <c r="X7787" s="2">
        <v>159.1</v>
      </c>
      <c r="Y7787" s="2">
        <v>7.6</v>
      </c>
      <c r="Z7787" s="2">
        <v>16.7</v>
      </c>
      <c r="AA7787" s="5"/>
      <c r="AB7787" s="5" t="s">
        <v>43</v>
      </c>
      <c r="AC7787" s="5" t="s">
        <v>44</v>
      </c>
      <c r="AD7787" s="2"/>
      <c r="AE7787" s="1"/>
    </row>
    <row r="7788" spans="1:31" ht="14.45">
      <c r="A7788" s="11"/>
      <c r="B7788" s="20"/>
      <c r="C7788" s="2" t="s">
        <v>23836</v>
      </c>
      <c r="D7788" s="14" t="s">
        <v>23837</v>
      </c>
      <c r="E7788" s="2" t="s">
        <v>23838</v>
      </c>
      <c r="F7788" s="2" t="s">
        <v>7208</v>
      </c>
      <c r="G7788" s="8">
        <v>308</v>
      </c>
      <c r="H7788" s="5">
        <v>6</v>
      </c>
      <c r="I7788" s="5" t="s">
        <v>1518</v>
      </c>
      <c r="J7788" s="5" t="s">
        <v>1519</v>
      </c>
      <c r="K7788" s="2" t="s">
        <v>1520</v>
      </c>
      <c r="L7788" s="5" t="s">
        <v>1519</v>
      </c>
      <c r="M7788" s="2" t="s">
        <v>1520</v>
      </c>
      <c r="N7788" s="5" t="s">
        <v>1521</v>
      </c>
      <c r="O7788" s="5" t="s">
        <v>38</v>
      </c>
      <c r="P7788" s="5" t="s">
        <v>39</v>
      </c>
      <c r="Q7788" s="5" t="s">
        <v>40</v>
      </c>
      <c r="R7788" s="5" t="s">
        <v>1522</v>
      </c>
      <c r="S7788" s="5" t="s">
        <v>1523</v>
      </c>
      <c r="T7788" s="5" t="s">
        <v>42</v>
      </c>
      <c r="U7788" s="2">
        <v>4.1059999999999999</v>
      </c>
      <c r="V7788" s="2">
        <v>3.468</v>
      </c>
      <c r="W7788" s="2">
        <v>0.02</v>
      </c>
      <c r="X7788" s="2">
        <v>159.1</v>
      </c>
      <c r="Y7788" s="2">
        <v>7.6</v>
      </c>
      <c r="Z7788" s="2">
        <v>16.7</v>
      </c>
      <c r="AA7788" s="5"/>
      <c r="AB7788" s="5" t="s">
        <v>43</v>
      </c>
      <c r="AC7788" s="5" t="s">
        <v>44</v>
      </c>
      <c r="AD7788" s="2"/>
      <c r="AE7788" s="1"/>
    </row>
    <row r="7789" spans="1:31" ht="14.45">
      <c r="A7789" s="11"/>
      <c r="B7789" s="20"/>
      <c r="C7789" s="2" t="s">
        <v>23839</v>
      </c>
      <c r="D7789" s="14" t="s">
        <v>23840</v>
      </c>
      <c r="E7789" s="2" t="s">
        <v>23841</v>
      </c>
      <c r="F7789" s="2" t="s">
        <v>7521</v>
      </c>
      <c r="G7789" s="8">
        <v>308</v>
      </c>
      <c r="H7789" s="5">
        <v>6</v>
      </c>
      <c r="I7789" s="5" t="s">
        <v>1518</v>
      </c>
      <c r="J7789" s="5" t="s">
        <v>1519</v>
      </c>
      <c r="K7789" s="2" t="s">
        <v>1520</v>
      </c>
      <c r="L7789" s="5" t="s">
        <v>1519</v>
      </c>
      <c r="M7789" s="2" t="s">
        <v>1520</v>
      </c>
      <c r="N7789" s="5" t="s">
        <v>1521</v>
      </c>
      <c r="O7789" s="5" t="s">
        <v>38</v>
      </c>
      <c r="P7789" s="5" t="s">
        <v>39</v>
      </c>
      <c r="Q7789" s="5" t="s">
        <v>40</v>
      </c>
      <c r="R7789" s="5" t="s">
        <v>1522</v>
      </c>
      <c r="S7789" s="5" t="s">
        <v>1523</v>
      </c>
      <c r="T7789" s="5" t="s">
        <v>42</v>
      </c>
      <c r="U7789" s="2">
        <v>4.2359999999999998</v>
      </c>
      <c r="V7789" s="2">
        <v>3.5979999999999999</v>
      </c>
      <c r="W7789" s="2">
        <v>0.02</v>
      </c>
      <c r="X7789" s="2">
        <v>159.1</v>
      </c>
      <c r="Y7789" s="2">
        <v>7.6</v>
      </c>
      <c r="Z7789" s="2">
        <v>16.7</v>
      </c>
      <c r="AA7789" s="5"/>
      <c r="AB7789" s="5" t="s">
        <v>43</v>
      </c>
      <c r="AC7789" s="5" t="s">
        <v>44</v>
      </c>
      <c r="AD7789" s="2"/>
      <c r="AE7789" s="1"/>
    </row>
    <row r="7790" spans="1:31" ht="14.45">
      <c r="A7790" s="11"/>
      <c r="B7790" s="20"/>
      <c r="C7790" s="2" t="s">
        <v>23842</v>
      </c>
      <c r="D7790" s="14" t="s">
        <v>23843</v>
      </c>
      <c r="E7790" s="2" t="s">
        <v>23844</v>
      </c>
      <c r="F7790" s="2" t="s">
        <v>7212</v>
      </c>
      <c r="G7790" s="8">
        <v>308</v>
      </c>
      <c r="H7790" s="5">
        <v>6</v>
      </c>
      <c r="I7790" s="5" t="s">
        <v>1518</v>
      </c>
      <c r="J7790" s="5" t="s">
        <v>1519</v>
      </c>
      <c r="K7790" s="2" t="s">
        <v>1520</v>
      </c>
      <c r="L7790" s="5" t="s">
        <v>1519</v>
      </c>
      <c r="M7790" s="2" t="s">
        <v>1520</v>
      </c>
      <c r="N7790" s="5" t="s">
        <v>1521</v>
      </c>
      <c r="O7790" s="5" t="s">
        <v>38</v>
      </c>
      <c r="P7790" s="5" t="s">
        <v>39</v>
      </c>
      <c r="Q7790" s="5" t="s">
        <v>40</v>
      </c>
      <c r="R7790" s="5" t="s">
        <v>1522</v>
      </c>
      <c r="S7790" s="5" t="s">
        <v>1523</v>
      </c>
      <c r="T7790" s="5" t="s">
        <v>42</v>
      </c>
      <c r="U7790" s="2">
        <v>4.0579999999999998</v>
      </c>
      <c r="V7790" s="2">
        <v>3.42</v>
      </c>
      <c r="W7790" s="2">
        <v>0.02</v>
      </c>
      <c r="X7790" s="2">
        <v>159.1</v>
      </c>
      <c r="Y7790" s="2">
        <v>7.6</v>
      </c>
      <c r="Z7790" s="2">
        <v>16.7</v>
      </c>
      <c r="AA7790" s="5"/>
      <c r="AB7790" s="5" t="s">
        <v>43</v>
      </c>
      <c r="AC7790" s="5" t="s">
        <v>44</v>
      </c>
      <c r="AD7790" s="2"/>
      <c r="AE7790" s="1"/>
    </row>
    <row r="7791" spans="1:31" ht="14.45">
      <c r="A7791" s="11"/>
      <c r="B7791" s="20"/>
      <c r="C7791" s="2" t="s">
        <v>23845</v>
      </c>
      <c r="D7791" s="14" t="s">
        <v>23846</v>
      </c>
      <c r="E7791" s="2" t="s">
        <v>23847</v>
      </c>
      <c r="F7791" s="2" t="s">
        <v>7528</v>
      </c>
      <c r="G7791" s="8">
        <v>308</v>
      </c>
      <c r="H7791" s="5">
        <v>6</v>
      </c>
      <c r="I7791" s="5" t="s">
        <v>1518</v>
      </c>
      <c r="J7791" s="5" t="s">
        <v>1519</v>
      </c>
      <c r="K7791" s="2" t="s">
        <v>1520</v>
      </c>
      <c r="L7791" s="5" t="s">
        <v>1519</v>
      </c>
      <c r="M7791" s="2" t="s">
        <v>1520</v>
      </c>
      <c r="N7791" s="5" t="s">
        <v>1521</v>
      </c>
      <c r="O7791" s="5" t="s">
        <v>38</v>
      </c>
      <c r="P7791" s="5" t="s">
        <v>39</v>
      </c>
      <c r="Q7791" s="5" t="s">
        <v>40</v>
      </c>
      <c r="R7791" s="5" t="s">
        <v>1522</v>
      </c>
      <c r="S7791" s="5" t="s">
        <v>1523</v>
      </c>
      <c r="T7791" s="5" t="s">
        <v>42</v>
      </c>
      <c r="U7791" s="2">
        <v>4.1879999999999997</v>
      </c>
      <c r="V7791" s="2">
        <v>3.55</v>
      </c>
      <c r="W7791" s="2">
        <v>0.02</v>
      </c>
      <c r="X7791" s="2">
        <v>159.1</v>
      </c>
      <c r="Y7791" s="2">
        <v>7.6</v>
      </c>
      <c r="Z7791" s="2">
        <v>16.7</v>
      </c>
      <c r="AA7791" s="5"/>
      <c r="AB7791" s="5" t="s">
        <v>43</v>
      </c>
      <c r="AC7791" s="5" t="s">
        <v>44</v>
      </c>
      <c r="AD7791" s="2"/>
      <c r="AE7791" s="1"/>
    </row>
    <row r="7792" spans="1:31" ht="14.45">
      <c r="A7792" s="11"/>
      <c r="B7792" s="20"/>
      <c r="C7792" s="2" t="s">
        <v>23848</v>
      </c>
      <c r="D7792" s="14" t="s">
        <v>23849</v>
      </c>
      <c r="E7792" s="2" t="s">
        <v>23850</v>
      </c>
      <c r="F7792" s="2" t="s">
        <v>7406</v>
      </c>
      <c r="G7792" s="8">
        <v>334</v>
      </c>
      <c r="H7792" s="5">
        <v>6</v>
      </c>
      <c r="I7792" s="5" t="s">
        <v>1518</v>
      </c>
      <c r="J7792" s="5" t="s">
        <v>1519</v>
      </c>
      <c r="K7792" s="2" t="s">
        <v>1520</v>
      </c>
      <c r="L7792" s="5" t="s">
        <v>1519</v>
      </c>
      <c r="M7792" s="2" t="s">
        <v>1520</v>
      </c>
      <c r="N7792" s="5" t="s">
        <v>1521</v>
      </c>
      <c r="O7792" s="5" t="s">
        <v>38</v>
      </c>
      <c r="P7792" s="5" t="s">
        <v>39</v>
      </c>
      <c r="Q7792" s="5" t="s">
        <v>40</v>
      </c>
      <c r="R7792" s="5" t="s">
        <v>1522</v>
      </c>
      <c r="S7792" s="5" t="s">
        <v>1523</v>
      </c>
      <c r="T7792" s="5" t="s">
        <v>42</v>
      </c>
      <c r="U7792" s="2">
        <v>4.0579999999999998</v>
      </c>
      <c r="V7792" s="2">
        <v>3.42</v>
      </c>
      <c r="W7792" s="2">
        <v>0.02</v>
      </c>
      <c r="X7792" s="2">
        <v>159.1</v>
      </c>
      <c r="Y7792" s="2">
        <v>7.6</v>
      </c>
      <c r="Z7792" s="2">
        <v>16.7</v>
      </c>
      <c r="AA7792" s="5"/>
      <c r="AB7792" s="5" t="s">
        <v>43</v>
      </c>
      <c r="AC7792" s="5" t="s">
        <v>44</v>
      </c>
      <c r="AD7792" s="2"/>
      <c r="AE7792" s="1"/>
    </row>
    <row r="7793" spans="1:31" ht="14.45">
      <c r="A7793" s="11"/>
      <c r="B7793" s="20"/>
      <c r="C7793" s="2" t="s">
        <v>23851</v>
      </c>
      <c r="D7793" s="14" t="s">
        <v>23852</v>
      </c>
      <c r="E7793" s="2" t="s">
        <v>23853</v>
      </c>
      <c r="F7793" s="2" t="s">
        <v>7539</v>
      </c>
      <c r="G7793" s="8">
        <v>334</v>
      </c>
      <c r="H7793" s="5">
        <v>6</v>
      </c>
      <c r="I7793" s="5" t="s">
        <v>1518</v>
      </c>
      <c r="J7793" s="5" t="s">
        <v>1519</v>
      </c>
      <c r="K7793" s="2" t="s">
        <v>1520</v>
      </c>
      <c r="L7793" s="5" t="s">
        <v>1519</v>
      </c>
      <c r="M7793" s="2" t="s">
        <v>1520</v>
      </c>
      <c r="N7793" s="5" t="s">
        <v>1521</v>
      </c>
      <c r="O7793" s="5" t="s">
        <v>38</v>
      </c>
      <c r="P7793" s="5" t="s">
        <v>39</v>
      </c>
      <c r="Q7793" s="5" t="s">
        <v>40</v>
      </c>
      <c r="R7793" s="5" t="s">
        <v>1522</v>
      </c>
      <c r="S7793" s="5" t="s">
        <v>1523</v>
      </c>
      <c r="T7793" s="5" t="s">
        <v>42</v>
      </c>
      <c r="U7793" s="2">
        <v>4.1059999999999999</v>
      </c>
      <c r="V7793" s="2">
        <v>3.468</v>
      </c>
      <c r="W7793" s="2">
        <v>0.02</v>
      </c>
      <c r="X7793" s="2">
        <v>159.1</v>
      </c>
      <c r="Y7793" s="2">
        <v>7.6</v>
      </c>
      <c r="Z7793" s="2">
        <v>16.7</v>
      </c>
      <c r="AA7793" s="5"/>
      <c r="AB7793" s="5" t="s">
        <v>43</v>
      </c>
      <c r="AC7793" s="5" t="s">
        <v>44</v>
      </c>
      <c r="AD7793" s="2"/>
      <c r="AE7793" s="1"/>
    </row>
    <row r="7794" spans="1:31" ht="14.45">
      <c r="A7794" s="11"/>
      <c r="B7794" s="20"/>
      <c r="C7794" s="2" t="s">
        <v>23854</v>
      </c>
      <c r="D7794" s="14" t="s">
        <v>23855</v>
      </c>
      <c r="E7794" s="2" t="s">
        <v>23856</v>
      </c>
      <c r="F7794" s="2" t="s">
        <v>7543</v>
      </c>
      <c r="G7794" s="8">
        <v>334</v>
      </c>
      <c r="H7794" s="5">
        <v>6</v>
      </c>
      <c r="I7794" s="5" t="s">
        <v>1518</v>
      </c>
      <c r="J7794" s="5" t="s">
        <v>1519</v>
      </c>
      <c r="K7794" s="2" t="s">
        <v>1520</v>
      </c>
      <c r="L7794" s="5" t="s">
        <v>1519</v>
      </c>
      <c r="M7794" s="2" t="s">
        <v>1520</v>
      </c>
      <c r="N7794" s="5" t="s">
        <v>1521</v>
      </c>
      <c r="O7794" s="5" t="s">
        <v>38</v>
      </c>
      <c r="P7794" s="5" t="s">
        <v>39</v>
      </c>
      <c r="Q7794" s="5" t="s">
        <v>40</v>
      </c>
      <c r="R7794" s="5" t="s">
        <v>1522</v>
      </c>
      <c r="S7794" s="5" t="s">
        <v>1523</v>
      </c>
      <c r="T7794" s="5" t="s">
        <v>42</v>
      </c>
      <c r="U7794" s="2">
        <v>4.2359999999999998</v>
      </c>
      <c r="V7794" s="2">
        <v>3.5979999999999999</v>
      </c>
      <c r="W7794" s="2">
        <v>0.02</v>
      </c>
      <c r="X7794" s="2">
        <v>159.1</v>
      </c>
      <c r="Y7794" s="2">
        <v>7.6</v>
      </c>
      <c r="Z7794" s="2">
        <v>16.7</v>
      </c>
      <c r="AA7794" s="5"/>
      <c r="AB7794" s="5" t="s">
        <v>43</v>
      </c>
      <c r="AC7794" s="5" t="s">
        <v>44</v>
      </c>
      <c r="AD7794" s="2"/>
      <c r="AE7794" s="1"/>
    </row>
    <row r="7795" spans="1:31" ht="14.45">
      <c r="A7795" s="11"/>
      <c r="B7795" s="20"/>
      <c r="C7795" s="2" t="s">
        <v>23857</v>
      </c>
      <c r="D7795" s="14" t="s">
        <v>23858</v>
      </c>
      <c r="E7795" s="2" t="s">
        <v>23859</v>
      </c>
      <c r="F7795" s="2" t="s">
        <v>7547</v>
      </c>
      <c r="G7795" s="8">
        <v>334</v>
      </c>
      <c r="H7795" s="5">
        <v>6</v>
      </c>
      <c r="I7795" s="5" t="s">
        <v>1518</v>
      </c>
      <c r="J7795" s="5" t="s">
        <v>1519</v>
      </c>
      <c r="K7795" s="2" t="s">
        <v>1520</v>
      </c>
      <c r="L7795" s="5" t="s">
        <v>1519</v>
      </c>
      <c r="M7795" s="2" t="s">
        <v>1520</v>
      </c>
      <c r="N7795" s="5" t="s">
        <v>1521</v>
      </c>
      <c r="O7795" s="5" t="s">
        <v>38</v>
      </c>
      <c r="P7795" s="5" t="s">
        <v>39</v>
      </c>
      <c r="Q7795" s="5" t="s">
        <v>40</v>
      </c>
      <c r="R7795" s="5" t="s">
        <v>1522</v>
      </c>
      <c r="S7795" s="5" t="s">
        <v>1523</v>
      </c>
      <c r="T7795" s="5" t="s">
        <v>42</v>
      </c>
      <c r="U7795" s="2">
        <v>4.0579999999999998</v>
      </c>
      <c r="V7795" s="2">
        <v>3.42</v>
      </c>
      <c r="W7795" s="2">
        <v>0.02</v>
      </c>
      <c r="X7795" s="2">
        <v>159.1</v>
      </c>
      <c r="Y7795" s="2">
        <v>7.6</v>
      </c>
      <c r="Z7795" s="2">
        <v>16.7</v>
      </c>
      <c r="AA7795" s="5"/>
      <c r="AB7795" s="5" t="s">
        <v>43</v>
      </c>
      <c r="AC7795" s="5" t="s">
        <v>44</v>
      </c>
      <c r="AD7795" s="2"/>
      <c r="AE7795" s="1"/>
    </row>
    <row r="7796" spans="1:31" ht="14.45">
      <c r="A7796" s="11"/>
      <c r="B7796" s="20"/>
      <c r="C7796" s="2" t="s">
        <v>23860</v>
      </c>
      <c r="D7796" s="14" t="s">
        <v>23861</v>
      </c>
      <c r="E7796" s="2" t="s">
        <v>23862</v>
      </c>
      <c r="F7796" s="2" t="s">
        <v>7567</v>
      </c>
      <c r="G7796" s="8">
        <v>334</v>
      </c>
      <c r="H7796" s="5">
        <v>6</v>
      </c>
      <c r="I7796" s="5" t="s">
        <v>1518</v>
      </c>
      <c r="J7796" s="5" t="s">
        <v>1519</v>
      </c>
      <c r="K7796" s="2" t="s">
        <v>1520</v>
      </c>
      <c r="L7796" s="5" t="s">
        <v>1519</v>
      </c>
      <c r="M7796" s="2" t="s">
        <v>1520</v>
      </c>
      <c r="N7796" s="5" t="s">
        <v>1521</v>
      </c>
      <c r="O7796" s="5" t="s">
        <v>38</v>
      </c>
      <c r="P7796" s="5" t="s">
        <v>39</v>
      </c>
      <c r="Q7796" s="5" t="s">
        <v>40</v>
      </c>
      <c r="R7796" s="5" t="s">
        <v>1522</v>
      </c>
      <c r="S7796" s="5" t="s">
        <v>1523</v>
      </c>
      <c r="T7796" s="5" t="s">
        <v>42</v>
      </c>
      <c r="U7796" s="2">
        <v>4.2359999999999998</v>
      </c>
      <c r="V7796" s="2">
        <v>3.5979999999999999</v>
      </c>
      <c r="W7796" s="2">
        <v>0.02</v>
      </c>
      <c r="X7796" s="2">
        <v>159.1</v>
      </c>
      <c r="Y7796" s="2">
        <v>7.6</v>
      </c>
      <c r="Z7796" s="2">
        <v>16.7</v>
      </c>
      <c r="AA7796" s="5"/>
      <c r="AB7796" s="5" t="s">
        <v>43</v>
      </c>
      <c r="AC7796" s="5" t="s">
        <v>44</v>
      </c>
      <c r="AD7796" s="2"/>
      <c r="AE7796" s="1"/>
    </row>
    <row r="7797" spans="1:31" ht="14.45">
      <c r="A7797" s="11"/>
      <c r="B7797" s="20"/>
      <c r="C7797" s="2" t="s">
        <v>23863</v>
      </c>
      <c r="D7797" s="14" t="s">
        <v>23864</v>
      </c>
      <c r="E7797" s="2" t="s">
        <v>23865</v>
      </c>
      <c r="F7797" s="2" t="s">
        <v>7449</v>
      </c>
      <c r="G7797" s="8">
        <v>334</v>
      </c>
      <c r="H7797" s="5">
        <v>6</v>
      </c>
      <c r="I7797" s="5" t="s">
        <v>1518</v>
      </c>
      <c r="J7797" s="5" t="s">
        <v>1519</v>
      </c>
      <c r="K7797" s="2" t="s">
        <v>1520</v>
      </c>
      <c r="L7797" s="5" t="s">
        <v>1519</v>
      </c>
      <c r="M7797" s="2" t="s">
        <v>1520</v>
      </c>
      <c r="N7797" s="5" t="s">
        <v>1521</v>
      </c>
      <c r="O7797" s="5" t="s">
        <v>38</v>
      </c>
      <c r="P7797" s="5" t="s">
        <v>39</v>
      </c>
      <c r="Q7797" s="5" t="s">
        <v>40</v>
      </c>
      <c r="R7797" s="5" t="s">
        <v>1522</v>
      </c>
      <c r="S7797" s="5" t="s">
        <v>1523</v>
      </c>
      <c r="T7797" s="5" t="s">
        <v>42</v>
      </c>
      <c r="U7797" s="2">
        <v>4.1059999999999999</v>
      </c>
      <c r="V7797" s="2">
        <v>3.468</v>
      </c>
      <c r="W7797" s="2">
        <v>0.02</v>
      </c>
      <c r="X7797" s="2">
        <v>159.1</v>
      </c>
      <c r="Y7797" s="2">
        <v>7.6</v>
      </c>
      <c r="Z7797" s="2">
        <v>16.7</v>
      </c>
      <c r="AA7797" s="5"/>
      <c r="AB7797" s="5" t="s">
        <v>43</v>
      </c>
      <c r="AC7797" s="5" t="s">
        <v>44</v>
      </c>
      <c r="AD7797" s="2"/>
      <c r="AE7797" s="1"/>
    </row>
    <row r="7798" spans="1:31" ht="14.45">
      <c r="A7798" s="11"/>
      <c r="B7798" s="20"/>
      <c r="C7798" s="2" t="s">
        <v>23866</v>
      </c>
      <c r="D7798" s="14" t="s">
        <v>23867</v>
      </c>
      <c r="E7798" s="2" t="s">
        <v>23868</v>
      </c>
      <c r="F7798" s="2" t="s">
        <v>7581</v>
      </c>
      <c r="G7798" s="8">
        <v>334</v>
      </c>
      <c r="H7798" s="5">
        <v>6</v>
      </c>
      <c r="I7798" s="5" t="s">
        <v>1518</v>
      </c>
      <c r="J7798" s="5" t="s">
        <v>1519</v>
      </c>
      <c r="K7798" s="2" t="s">
        <v>1520</v>
      </c>
      <c r="L7798" s="5" t="s">
        <v>1519</v>
      </c>
      <c r="M7798" s="2" t="s">
        <v>1520</v>
      </c>
      <c r="N7798" s="5" t="s">
        <v>1521</v>
      </c>
      <c r="O7798" s="5" t="s">
        <v>38</v>
      </c>
      <c r="P7798" s="5" t="s">
        <v>39</v>
      </c>
      <c r="Q7798" s="5" t="s">
        <v>40</v>
      </c>
      <c r="R7798" s="5" t="s">
        <v>1522</v>
      </c>
      <c r="S7798" s="5" t="s">
        <v>1523</v>
      </c>
      <c r="T7798" s="5" t="s">
        <v>42</v>
      </c>
      <c r="U7798" s="2">
        <v>4.2359999999999998</v>
      </c>
      <c r="V7798" s="2">
        <v>3.5979999999999999</v>
      </c>
      <c r="W7798" s="2">
        <v>0.02</v>
      </c>
      <c r="X7798" s="2">
        <v>159.1</v>
      </c>
      <c r="Y7798" s="2">
        <v>7.6</v>
      </c>
      <c r="Z7798" s="2">
        <v>16.7</v>
      </c>
      <c r="AA7798" s="5"/>
      <c r="AB7798" s="5" t="s">
        <v>43</v>
      </c>
      <c r="AC7798" s="5" t="s">
        <v>44</v>
      </c>
      <c r="AD7798" s="2"/>
      <c r="AE7798" s="1"/>
    </row>
    <row r="7799" spans="1:31" ht="14.45">
      <c r="A7799" s="11"/>
      <c r="B7799" s="20"/>
      <c r="C7799" s="2" t="s">
        <v>23869</v>
      </c>
      <c r="D7799" s="14" t="s">
        <v>23870</v>
      </c>
      <c r="E7799" s="2" t="s">
        <v>23871</v>
      </c>
      <c r="F7799" s="2" t="s">
        <v>7593</v>
      </c>
      <c r="G7799" s="8">
        <v>334</v>
      </c>
      <c r="H7799" s="5">
        <v>6</v>
      </c>
      <c r="I7799" s="5" t="s">
        <v>1518</v>
      </c>
      <c r="J7799" s="5" t="s">
        <v>1519</v>
      </c>
      <c r="K7799" s="2" t="s">
        <v>1520</v>
      </c>
      <c r="L7799" s="5" t="s">
        <v>1519</v>
      </c>
      <c r="M7799" s="2" t="s">
        <v>1520</v>
      </c>
      <c r="N7799" s="5" t="s">
        <v>1521</v>
      </c>
      <c r="O7799" s="5" t="s">
        <v>38</v>
      </c>
      <c r="P7799" s="5" t="s">
        <v>39</v>
      </c>
      <c r="Q7799" s="5" t="s">
        <v>40</v>
      </c>
      <c r="R7799" s="5" t="s">
        <v>1522</v>
      </c>
      <c r="S7799" s="5" t="s">
        <v>1523</v>
      </c>
      <c r="T7799" s="5" t="s">
        <v>42</v>
      </c>
      <c r="U7799" s="2">
        <v>4.1059999999999999</v>
      </c>
      <c r="V7799" s="2">
        <v>3.468</v>
      </c>
      <c r="W7799" s="2">
        <v>0.02</v>
      </c>
      <c r="X7799" s="2">
        <v>159.1</v>
      </c>
      <c r="Y7799" s="2">
        <v>7.6</v>
      </c>
      <c r="Z7799" s="2">
        <v>16.7</v>
      </c>
      <c r="AA7799" s="5"/>
      <c r="AB7799" s="5" t="s">
        <v>43</v>
      </c>
      <c r="AC7799" s="5" t="s">
        <v>44</v>
      </c>
      <c r="AD7799" s="2"/>
      <c r="AE7799" s="1"/>
    </row>
    <row r="7800" spans="1:31" ht="14.45">
      <c r="A7800" s="11"/>
      <c r="B7800" s="20"/>
      <c r="C7800" s="2" t="s">
        <v>23872</v>
      </c>
      <c r="D7800" s="14" t="s">
        <v>23873</v>
      </c>
      <c r="E7800" s="2" t="s">
        <v>23874</v>
      </c>
      <c r="F7800" s="2" t="s">
        <v>16018</v>
      </c>
      <c r="G7800" s="8">
        <v>334</v>
      </c>
      <c r="H7800" s="5">
        <v>6</v>
      </c>
      <c r="I7800" s="5" t="s">
        <v>1518</v>
      </c>
      <c r="J7800" s="5" t="s">
        <v>1519</v>
      </c>
      <c r="K7800" s="2" t="s">
        <v>1520</v>
      </c>
      <c r="L7800" s="5" t="s">
        <v>1519</v>
      </c>
      <c r="M7800" s="2" t="s">
        <v>1520</v>
      </c>
      <c r="N7800" s="5" t="s">
        <v>1521</v>
      </c>
      <c r="O7800" s="5" t="s">
        <v>38</v>
      </c>
      <c r="P7800" s="5" t="s">
        <v>39</v>
      </c>
      <c r="Q7800" s="5" t="s">
        <v>40</v>
      </c>
      <c r="R7800" s="5" t="s">
        <v>1522</v>
      </c>
      <c r="S7800" s="5" t="s">
        <v>1523</v>
      </c>
      <c r="T7800" s="5" t="s">
        <v>42</v>
      </c>
      <c r="U7800" s="2">
        <v>4.1059999999999999</v>
      </c>
      <c r="V7800" s="2">
        <v>3.468</v>
      </c>
      <c r="W7800" s="2">
        <v>0.02</v>
      </c>
      <c r="X7800" s="2">
        <v>159.1</v>
      </c>
      <c r="Y7800" s="2">
        <v>7.6</v>
      </c>
      <c r="Z7800" s="2">
        <v>16.7</v>
      </c>
      <c r="AA7800" s="5"/>
      <c r="AB7800" s="5" t="s">
        <v>43</v>
      </c>
      <c r="AC7800" s="5" t="s">
        <v>44</v>
      </c>
      <c r="AD7800" s="2"/>
      <c r="AE7800" s="1"/>
    </row>
    <row r="7801" spans="1:31" ht="14.45">
      <c r="A7801" s="11"/>
      <c r="B7801" s="20"/>
      <c r="C7801" s="2" t="s">
        <v>23875</v>
      </c>
      <c r="D7801" s="14" t="s">
        <v>23876</v>
      </c>
      <c r="E7801" s="2" t="s">
        <v>23877</v>
      </c>
      <c r="F7801" s="2" t="s">
        <v>7615</v>
      </c>
      <c r="G7801" s="8">
        <v>334</v>
      </c>
      <c r="H7801" s="5">
        <v>6</v>
      </c>
      <c r="I7801" s="5" t="s">
        <v>1518</v>
      </c>
      <c r="J7801" s="5" t="s">
        <v>1519</v>
      </c>
      <c r="K7801" s="2" t="s">
        <v>1520</v>
      </c>
      <c r="L7801" s="5" t="s">
        <v>1519</v>
      </c>
      <c r="M7801" s="2" t="s">
        <v>1520</v>
      </c>
      <c r="N7801" s="5" t="s">
        <v>1521</v>
      </c>
      <c r="O7801" s="5" t="s">
        <v>38</v>
      </c>
      <c r="P7801" s="5" t="s">
        <v>39</v>
      </c>
      <c r="Q7801" s="5" t="s">
        <v>40</v>
      </c>
      <c r="R7801" s="5" t="s">
        <v>1522</v>
      </c>
      <c r="S7801" s="5" t="s">
        <v>1523</v>
      </c>
      <c r="T7801" s="5" t="s">
        <v>42</v>
      </c>
      <c r="U7801" s="2">
        <v>4.0579999999999998</v>
      </c>
      <c r="V7801" s="2">
        <v>3.42</v>
      </c>
      <c r="W7801" s="2">
        <v>0.02</v>
      </c>
      <c r="X7801" s="2">
        <v>159.1</v>
      </c>
      <c r="Y7801" s="2">
        <v>7.6</v>
      </c>
      <c r="Z7801" s="2">
        <v>16.7</v>
      </c>
      <c r="AA7801" s="5"/>
      <c r="AB7801" s="5" t="s">
        <v>43</v>
      </c>
      <c r="AC7801" s="5" t="s">
        <v>44</v>
      </c>
      <c r="AD7801" s="2"/>
      <c r="AE7801" s="1"/>
    </row>
    <row r="7802" spans="1:31" ht="14.45">
      <c r="A7802" s="11"/>
      <c r="B7802" s="20"/>
      <c r="C7802" s="2" t="s">
        <v>23878</v>
      </c>
      <c r="D7802" s="14" t="s">
        <v>23879</v>
      </c>
      <c r="E7802" s="2" t="s">
        <v>23880</v>
      </c>
      <c r="F7802" s="2" t="s">
        <v>16029</v>
      </c>
      <c r="G7802" s="8">
        <v>334</v>
      </c>
      <c r="H7802" s="5">
        <v>11</v>
      </c>
      <c r="I7802" s="5" t="s">
        <v>1518</v>
      </c>
      <c r="J7802" s="5" t="s">
        <v>1519</v>
      </c>
      <c r="K7802" s="2" t="s">
        <v>1520</v>
      </c>
      <c r="L7802" s="5" t="s">
        <v>1519</v>
      </c>
      <c r="M7802" s="2" t="s">
        <v>1520</v>
      </c>
      <c r="N7802" s="5" t="s">
        <v>1521</v>
      </c>
      <c r="O7802" s="5" t="s">
        <v>38</v>
      </c>
      <c r="P7802" s="5" t="s">
        <v>39</v>
      </c>
      <c r="Q7802" s="5" t="s">
        <v>40</v>
      </c>
      <c r="R7802" s="5" t="s">
        <v>1522</v>
      </c>
      <c r="S7802" s="5" t="s">
        <v>1523</v>
      </c>
      <c r="T7802" s="5" t="s">
        <v>42</v>
      </c>
      <c r="U7802" s="2">
        <v>4.1040000000000001</v>
      </c>
      <c r="V7802" s="2">
        <v>3.4660000000000002</v>
      </c>
      <c r="W7802" s="2">
        <v>0.02</v>
      </c>
      <c r="X7802" s="2">
        <v>159.1</v>
      </c>
      <c r="Y7802" s="2">
        <v>7.6</v>
      </c>
      <c r="Z7802" s="2">
        <v>16.7</v>
      </c>
      <c r="AA7802" s="5"/>
      <c r="AB7802" s="5" t="s">
        <v>43</v>
      </c>
      <c r="AC7802" s="5" t="s">
        <v>44</v>
      </c>
      <c r="AD7802" s="2"/>
      <c r="AE7802" s="1"/>
    </row>
    <row r="7803" spans="1:31" ht="14.45">
      <c r="A7803" s="11"/>
      <c r="B7803" s="20"/>
      <c r="C7803" s="2" t="s">
        <v>23881</v>
      </c>
      <c r="D7803" s="14" t="s">
        <v>23882</v>
      </c>
      <c r="E7803" s="2" t="s">
        <v>23883</v>
      </c>
      <c r="F7803" s="2" t="s">
        <v>16033</v>
      </c>
      <c r="G7803" s="8">
        <v>334</v>
      </c>
      <c r="H7803" s="5">
        <v>11</v>
      </c>
      <c r="I7803" s="5" t="s">
        <v>1518</v>
      </c>
      <c r="J7803" s="5" t="s">
        <v>1519</v>
      </c>
      <c r="K7803" s="2" t="s">
        <v>1520</v>
      </c>
      <c r="L7803" s="5" t="s">
        <v>1519</v>
      </c>
      <c r="M7803" s="2" t="s">
        <v>1520</v>
      </c>
      <c r="N7803" s="5" t="s">
        <v>1521</v>
      </c>
      <c r="O7803" s="5" t="s">
        <v>38</v>
      </c>
      <c r="P7803" s="5" t="s">
        <v>39</v>
      </c>
      <c r="Q7803" s="5" t="s">
        <v>40</v>
      </c>
      <c r="R7803" s="5" t="s">
        <v>1522</v>
      </c>
      <c r="S7803" s="5" t="s">
        <v>1523</v>
      </c>
      <c r="T7803" s="5" t="s">
        <v>42</v>
      </c>
      <c r="U7803" s="2">
        <v>4.234</v>
      </c>
      <c r="V7803" s="2">
        <v>3.5960000000000001</v>
      </c>
      <c r="W7803" s="2">
        <v>0.02</v>
      </c>
      <c r="X7803" s="2">
        <v>159.1</v>
      </c>
      <c r="Y7803" s="2">
        <v>7.6</v>
      </c>
      <c r="Z7803" s="2">
        <v>16.7</v>
      </c>
      <c r="AA7803" s="5"/>
      <c r="AB7803" s="5" t="s">
        <v>43</v>
      </c>
      <c r="AC7803" s="5" t="s">
        <v>44</v>
      </c>
      <c r="AD7803" s="2"/>
      <c r="AE7803" s="1"/>
    </row>
    <row r="7804" spans="1:31" ht="14.45">
      <c r="A7804" s="11"/>
      <c r="B7804" s="20"/>
      <c r="C7804" s="2" t="s">
        <v>23884</v>
      </c>
      <c r="D7804" s="14" t="s">
        <v>23885</v>
      </c>
      <c r="E7804" s="2" t="s">
        <v>23886</v>
      </c>
      <c r="F7804" s="2" t="s">
        <v>7204</v>
      </c>
      <c r="G7804" s="8">
        <v>278</v>
      </c>
      <c r="H7804" s="5">
        <v>6</v>
      </c>
      <c r="I7804" s="5" t="s">
        <v>1518</v>
      </c>
      <c r="J7804" s="5" t="s">
        <v>1519</v>
      </c>
      <c r="K7804" s="2" t="s">
        <v>1520</v>
      </c>
      <c r="L7804" s="5" t="s">
        <v>1519</v>
      </c>
      <c r="M7804" s="2" t="s">
        <v>1520</v>
      </c>
      <c r="N7804" s="5" t="s">
        <v>1521</v>
      </c>
      <c r="O7804" s="5" t="s">
        <v>38</v>
      </c>
      <c r="P7804" s="5" t="s">
        <v>39</v>
      </c>
      <c r="Q7804" s="5" t="s">
        <v>40</v>
      </c>
      <c r="R7804" s="5" t="s">
        <v>1522</v>
      </c>
      <c r="S7804" s="5" t="s">
        <v>1523</v>
      </c>
      <c r="T7804" s="5" t="s">
        <v>42</v>
      </c>
      <c r="U7804" s="2">
        <v>3.218</v>
      </c>
      <c r="V7804" s="2">
        <v>2.5369999999999999</v>
      </c>
      <c r="W7804" s="2">
        <v>0.02</v>
      </c>
      <c r="X7804" s="2">
        <v>159.1</v>
      </c>
      <c r="Y7804" s="2">
        <v>7.6</v>
      </c>
      <c r="Z7804" s="2">
        <v>16.7</v>
      </c>
      <c r="AA7804" s="5"/>
      <c r="AB7804" s="5" t="s">
        <v>43</v>
      </c>
      <c r="AC7804" s="5" t="s">
        <v>44</v>
      </c>
      <c r="AD7804" s="2"/>
      <c r="AE7804" s="1"/>
    </row>
    <row r="7805" spans="1:31" ht="14.45">
      <c r="A7805" s="11"/>
      <c r="B7805" s="20"/>
      <c r="C7805" s="2" t="s">
        <v>23887</v>
      </c>
      <c r="D7805" s="14" t="s">
        <v>23888</v>
      </c>
      <c r="E7805" s="2" t="s">
        <v>23889</v>
      </c>
      <c r="F7805" s="2" t="s">
        <v>7208</v>
      </c>
      <c r="G7805" s="8">
        <v>278</v>
      </c>
      <c r="H7805" s="5">
        <v>6</v>
      </c>
      <c r="I7805" s="5" t="s">
        <v>1518</v>
      </c>
      <c r="J7805" s="5" t="s">
        <v>1519</v>
      </c>
      <c r="K7805" s="2" t="s">
        <v>1520</v>
      </c>
      <c r="L7805" s="5" t="s">
        <v>1519</v>
      </c>
      <c r="M7805" s="2" t="s">
        <v>1520</v>
      </c>
      <c r="N7805" s="5" t="s">
        <v>1521</v>
      </c>
      <c r="O7805" s="5" t="s">
        <v>38</v>
      </c>
      <c r="P7805" s="5" t="s">
        <v>39</v>
      </c>
      <c r="Q7805" s="5" t="s">
        <v>40</v>
      </c>
      <c r="R7805" s="5" t="s">
        <v>1522</v>
      </c>
      <c r="S7805" s="5" t="s">
        <v>1523</v>
      </c>
      <c r="T7805" s="5" t="s">
        <v>42</v>
      </c>
      <c r="U7805" s="2">
        <v>3.218</v>
      </c>
      <c r="V7805" s="2">
        <v>2.5369999999999999</v>
      </c>
      <c r="W7805" s="2">
        <v>0.02</v>
      </c>
      <c r="X7805" s="2">
        <v>159.1</v>
      </c>
      <c r="Y7805" s="2">
        <v>7.6</v>
      </c>
      <c r="Z7805" s="2">
        <v>16.7</v>
      </c>
      <c r="AA7805" s="5"/>
      <c r="AB7805" s="5" t="s">
        <v>43</v>
      </c>
      <c r="AC7805" s="5" t="s">
        <v>44</v>
      </c>
      <c r="AD7805" s="2"/>
      <c r="AE7805" s="1"/>
    </row>
    <row r="7806" spans="1:31" ht="14.45">
      <c r="A7806" s="11"/>
      <c r="B7806" s="20"/>
      <c r="C7806" s="2" t="s">
        <v>23890</v>
      </c>
      <c r="D7806" s="14" t="s">
        <v>23891</v>
      </c>
      <c r="E7806" s="2" t="s">
        <v>23892</v>
      </c>
      <c r="F7806" s="2" t="s">
        <v>7521</v>
      </c>
      <c r="G7806" s="8">
        <v>278</v>
      </c>
      <c r="H7806" s="5">
        <v>6</v>
      </c>
      <c r="I7806" s="5" t="s">
        <v>1518</v>
      </c>
      <c r="J7806" s="5" t="s">
        <v>1519</v>
      </c>
      <c r="K7806" s="2" t="s">
        <v>1520</v>
      </c>
      <c r="L7806" s="5" t="s">
        <v>1519</v>
      </c>
      <c r="M7806" s="2" t="s">
        <v>1520</v>
      </c>
      <c r="N7806" s="5" t="s">
        <v>1521</v>
      </c>
      <c r="O7806" s="5" t="s">
        <v>38</v>
      </c>
      <c r="P7806" s="5" t="s">
        <v>39</v>
      </c>
      <c r="Q7806" s="5" t="s">
        <v>40</v>
      </c>
      <c r="R7806" s="5" t="s">
        <v>1522</v>
      </c>
      <c r="S7806" s="5" t="s">
        <v>1523</v>
      </c>
      <c r="T7806" s="5" t="s">
        <v>42</v>
      </c>
      <c r="U7806" s="2">
        <v>3.294</v>
      </c>
      <c r="V7806" s="2">
        <v>2.613</v>
      </c>
      <c r="W7806" s="2">
        <v>0.02</v>
      </c>
      <c r="X7806" s="2">
        <v>159.1</v>
      </c>
      <c r="Y7806" s="2">
        <v>7.6</v>
      </c>
      <c r="Z7806" s="2">
        <v>16.7</v>
      </c>
      <c r="AA7806" s="5"/>
      <c r="AB7806" s="5" t="s">
        <v>43</v>
      </c>
      <c r="AC7806" s="5" t="s">
        <v>44</v>
      </c>
      <c r="AD7806" s="2"/>
      <c r="AE7806" s="1"/>
    </row>
    <row r="7807" spans="1:31" ht="14.45">
      <c r="A7807" s="11"/>
      <c r="B7807" s="20"/>
      <c r="C7807" s="2" t="s">
        <v>23893</v>
      </c>
      <c r="D7807" s="14" t="s">
        <v>23894</v>
      </c>
      <c r="E7807" s="2" t="s">
        <v>23895</v>
      </c>
      <c r="F7807" s="2" t="s">
        <v>7212</v>
      </c>
      <c r="G7807" s="8">
        <v>278</v>
      </c>
      <c r="H7807" s="5">
        <v>6</v>
      </c>
      <c r="I7807" s="5" t="s">
        <v>1518</v>
      </c>
      <c r="J7807" s="5" t="s">
        <v>1519</v>
      </c>
      <c r="K7807" s="2" t="s">
        <v>1520</v>
      </c>
      <c r="L7807" s="5" t="s">
        <v>1519</v>
      </c>
      <c r="M7807" s="2" t="s">
        <v>1520</v>
      </c>
      <c r="N7807" s="5" t="s">
        <v>1521</v>
      </c>
      <c r="O7807" s="5" t="s">
        <v>38</v>
      </c>
      <c r="P7807" s="5" t="s">
        <v>39</v>
      </c>
      <c r="Q7807" s="5" t="s">
        <v>40</v>
      </c>
      <c r="R7807" s="5" t="s">
        <v>1522</v>
      </c>
      <c r="S7807" s="5" t="s">
        <v>1523</v>
      </c>
      <c r="T7807" s="5" t="s">
        <v>42</v>
      </c>
      <c r="U7807" s="2">
        <v>3.2010000000000001</v>
      </c>
      <c r="V7807" s="2">
        <v>2.52</v>
      </c>
      <c r="W7807" s="2">
        <v>0.02</v>
      </c>
      <c r="X7807" s="2">
        <v>159.1</v>
      </c>
      <c r="Y7807" s="2">
        <v>7.6</v>
      </c>
      <c r="Z7807" s="2">
        <v>16.7</v>
      </c>
      <c r="AA7807" s="5"/>
      <c r="AB7807" s="5" t="s">
        <v>43</v>
      </c>
      <c r="AC7807" s="5" t="s">
        <v>44</v>
      </c>
      <c r="AD7807" s="2"/>
      <c r="AE7807" s="1"/>
    </row>
    <row r="7808" spans="1:31" ht="14.45">
      <c r="A7808" s="11"/>
      <c r="B7808" s="20"/>
      <c r="C7808" s="2" t="s">
        <v>23896</v>
      </c>
      <c r="D7808" s="14" t="s">
        <v>23897</v>
      </c>
      <c r="E7808" s="2" t="s">
        <v>23898</v>
      </c>
      <c r="F7808" s="2" t="s">
        <v>7528</v>
      </c>
      <c r="G7808" s="8">
        <v>278</v>
      </c>
      <c r="H7808" s="5">
        <v>6</v>
      </c>
      <c r="I7808" s="5" t="s">
        <v>1518</v>
      </c>
      <c r="J7808" s="5" t="s">
        <v>1519</v>
      </c>
      <c r="K7808" s="2" t="s">
        <v>1520</v>
      </c>
      <c r="L7808" s="5" t="s">
        <v>1519</v>
      </c>
      <c r="M7808" s="2" t="s">
        <v>1520</v>
      </c>
      <c r="N7808" s="5" t="s">
        <v>1521</v>
      </c>
      <c r="O7808" s="5" t="s">
        <v>38</v>
      </c>
      <c r="P7808" s="5" t="s">
        <v>39</v>
      </c>
      <c r="Q7808" s="5" t="s">
        <v>40</v>
      </c>
      <c r="R7808" s="5" t="s">
        <v>1522</v>
      </c>
      <c r="S7808" s="5" t="s">
        <v>1523</v>
      </c>
      <c r="T7808" s="5" t="s">
        <v>42</v>
      </c>
      <c r="U7808" s="2">
        <v>3.2770000000000001</v>
      </c>
      <c r="V7808" s="2">
        <v>2.5960000000000001</v>
      </c>
      <c r="W7808" s="2">
        <v>0.02</v>
      </c>
      <c r="X7808" s="2">
        <v>159.1</v>
      </c>
      <c r="Y7808" s="2">
        <v>7.6</v>
      </c>
      <c r="Z7808" s="2">
        <v>16.7</v>
      </c>
      <c r="AA7808" s="5"/>
      <c r="AB7808" s="5" t="s">
        <v>43</v>
      </c>
      <c r="AC7808" s="5" t="s">
        <v>44</v>
      </c>
      <c r="AD7808" s="2"/>
      <c r="AE7808" s="1"/>
    </row>
    <row r="7809" spans="1:31" ht="14.45">
      <c r="A7809" s="11"/>
      <c r="B7809" s="20"/>
      <c r="C7809" s="2" t="s">
        <v>23899</v>
      </c>
      <c r="D7809" s="14" t="s">
        <v>23900</v>
      </c>
      <c r="E7809" s="2" t="s">
        <v>23901</v>
      </c>
      <c r="F7809" s="2" t="s">
        <v>7535</v>
      </c>
      <c r="G7809" s="8">
        <v>300</v>
      </c>
      <c r="H7809" s="5">
        <v>6</v>
      </c>
      <c r="I7809" s="5" t="s">
        <v>1518</v>
      </c>
      <c r="J7809" s="5" t="s">
        <v>1519</v>
      </c>
      <c r="K7809" s="2" t="s">
        <v>1520</v>
      </c>
      <c r="L7809" s="5" t="s">
        <v>1519</v>
      </c>
      <c r="M7809" s="2" t="s">
        <v>1520</v>
      </c>
      <c r="N7809" s="5" t="s">
        <v>1521</v>
      </c>
      <c r="O7809" s="5" t="s">
        <v>38</v>
      </c>
      <c r="P7809" s="5" t="s">
        <v>39</v>
      </c>
      <c r="Q7809" s="5" t="s">
        <v>40</v>
      </c>
      <c r="R7809" s="5" t="s">
        <v>1522</v>
      </c>
      <c r="S7809" s="5" t="s">
        <v>1523</v>
      </c>
      <c r="T7809" s="5" t="s">
        <v>42</v>
      </c>
      <c r="U7809" s="2">
        <v>3.2770000000000001</v>
      </c>
      <c r="V7809" s="2">
        <v>2.5960000000000001</v>
      </c>
      <c r="W7809" s="2">
        <v>0.02</v>
      </c>
      <c r="X7809" s="2">
        <v>159.1</v>
      </c>
      <c r="Y7809" s="2">
        <v>7.6</v>
      </c>
      <c r="Z7809" s="2">
        <v>16.7</v>
      </c>
      <c r="AA7809" s="5"/>
      <c r="AB7809" s="5" t="s">
        <v>43</v>
      </c>
      <c r="AC7809" s="5" t="s">
        <v>44</v>
      </c>
      <c r="AD7809" s="2"/>
      <c r="AE7809" s="1"/>
    </row>
    <row r="7810" spans="1:31" ht="14.45">
      <c r="A7810" s="11"/>
      <c r="B7810" s="20"/>
      <c r="C7810" s="2" t="s">
        <v>23902</v>
      </c>
      <c r="D7810" s="14" t="s">
        <v>23903</v>
      </c>
      <c r="E7810" s="2" t="s">
        <v>23904</v>
      </c>
      <c r="F7810" s="2" t="s">
        <v>7539</v>
      </c>
      <c r="G7810" s="8">
        <v>300</v>
      </c>
      <c r="H7810" s="5">
        <v>6</v>
      </c>
      <c r="I7810" s="5" t="s">
        <v>1518</v>
      </c>
      <c r="J7810" s="5" t="s">
        <v>1519</v>
      </c>
      <c r="K7810" s="2" t="s">
        <v>1520</v>
      </c>
      <c r="L7810" s="5" t="s">
        <v>1519</v>
      </c>
      <c r="M7810" s="2" t="s">
        <v>1520</v>
      </c>
      <c r="N7810" s="5" t="s">
        <v>1521</v>
      </c>
      <c r="O7810" s="5" t="s">
        <v>38</v>
      </c>
      <c r="P7810" s="5" t="s">
        <v>39</v>
      </c>
      <c r="Q7810" s="5" t="s">
        <v>40</v>
      </c>
      <c r="R7810" s="5" t="s">
        <v>1522</v>
      </c>
      <c r="S7810" s="5" t="s">
        <v>1523</v>
      </c>
      <c r="T7810" s="5" t="s">
        <v>42</v>
      </c>
      <c r="U7810" s="2">
        <v>3.218</v>
      </c>
      <c r="V7810" s="2">
        <v>2.5369999999999999</v>
      </c>
      <c r="W7810" s="2">
        <v>0.02</v>
      </c>
      <c r="X7810" s="2">
        <v>159.1</v>
      </c>
      <c r="Y7810" s="2">
        <v>7.6</v>
      </c>
      <c r="Z7810" s="2">
        <v>16.7</v>
      </c>
      <c r="AA7810" s="5"/>
      <c r="AB7810" s="5" t="s">
        <v>43</v>
      </c>
      <c r="AC7810" s="5" t="s">
        <v>44</v>
      </c>
      <c r="AD7810" s="2"/>
      <c r="AE7810" s="1"/>
    </row>
    <row r="7811" spans="1:31" ht="14.45">
      <c r="A7811" s="11"/>
      <c r="B7811" s="20"/>
      <c r="C7811" s="2" t="s">
        <v>23905</v>
      </c>
      <c r="D7811" s="14" t="s">
        <v>23906</v>
      </c>
      <c r="E7811" s="2" t="s">
        <v>23907</v>
      </c>
      <c r="F7811" s="2" t="s">
        <v>7619</v>
      </c>
      <c r="G7811" s="8">
        <v>300</v>
      </c>
      <c r="H7811" s="5">
        <v>6</v>
      </c>
      <c r="I7811" s="5" t="s">
        <v>1518</v>
      </c>
      <c r="J7811" s="5" t="s">
        <v>1519</v>
      </c>
      <c r="K7811" s="2" t="s">
        <v>1520</v>
      </c>
      <c r="L7811" s="5" t="s">
        <v>1519</v>
      </c>
      <c r="M7811" s="2" t="s">
        <v>1520</v>
      </c>
      <c r="N7811" s="5" t="s">
        <v>1521</v>
      </c>
      <c r="O7811" s="5" t="s">
        <v>38</v>
      </c>
      <c r="P7811" s="5" t="s">
        <v>39</v>
      </c>
      <c r="Q7811" s="5" t="s">
        <v>40</v>
      </c>
      <c r="R7811" s="5" t="s">
        <v>1522</v>
      </c>
      <c r="S7811" s="5" t="s">
        <v>1523</v>
      </c>
      <c r="T7811" s="5" t="s">
        <v>42</v>
      </c>
      <c r="U7811" s="2">
        <v>3.2770000000000001</v>
      </c>
      <c r="V7811" s="2">
        <v>2.5960000000000001</v>
      </c>
      <c r="W7811" s="2">
        <v>0.02</v>
      </c>
      <c r="X7811" s="2">
        <v>159.1</v>
      </c>
      <c r="Y7811" s="2">
        <v>7.6</v>
      </c>
      <c r="Z7811" s="2">
        <v>16.7</v>
      </c>
      <c r="AA7811" s="5"/>
      <c r="AB7811" s="5" t="s">
        <v>43</v>
      </c>
      <c r="AC7811" s="5" t="s">
        <v>44</v>
      </c>
      <c r="AD7811" s="2"/>
      <c r="AE7811" s="1"/>
    </row>
    <row r="7812" spans="1:31" ht="14.45">
      <c r="A7812" s="11"/>
      <c r="B7812" s="20"/>
      <c r="C7812" s="2" t="s">
        <v>23908</v>
      </c>
      <c r="D7812" s="14" t="s">
        <v>23909</v>
      </c>
      <c r="E7812" s="2" t="s">
        <v>23910</v>
      </c>
      <c r="F7812" s="2" t="s">
        <v>16029</v>
      </c>
      <c r="G7812" s="8">
        <v>300</v>
      </c>
      <c r="H7812" s="5">
        <v>11</v>
      </c>
      <c r="I7812" s="5" t="s">
        <v>1518</v>
      </c>
      <c r="J7812" s="5" t="s">
        <v>1519</v>
      </c>
      <c r="K7812" s="2" t="s">
        <v>1520</v>
      </c>
      <c r="L7812" s="5" t="s">
        <v>1519</v>
      </c>
      <c r="M7812" s="2" t="s">
        <v>1520</v>
      </c>
      <c r="N7812" s="5" t="s">
        <v>1521</v>
      </c>
      <c r="O7812" s="5" t="s">
        <v>38</v>
      </c>
      <c r="P7812" s="5" t="s">
        <v>39</v>
      </c>
      <c r="Q7812" s="5" t="s">
        <v>40</v>
      </c>
      <c r="R7812" s="5" t="s">
        <v>1522</v>
      </c>
      <c r="S7812" s="5" t="s">
        <v>1523</v>
      </c>
      <c r="T7812" s="5" t="s">
        <v>42</v>
      </c>
      <c r="U7812" s="2">
        <v>3.2160000000000002</v>
      </c>
      <c r="V7812" s="2">
        <v>2.5350000000000001</v>
      </c>
      <c r="W7812" s="2">
        <v>0.02</v>
      </c>
      <c r="X7812" s="2">
        <v>159.1</v>
      </c>
      <c r="Y7812" s="2">
        <v>7.6</v>
      </c>
      <c r="Z7812" s="2">
        <v>16.7</v>
      </c>
      <c r="AA7812" s="5"/>
      <c r="AB7812" s="5" t="s">
        <v>43</v>
      </c>
      <c r="AC7812" s="5" t="s">
        <v>44</v>
      </c>
      <c r="AD7812" s="2"/>
      <c r="AE7812" s="1"/>
    </row>
    <row r="7813" spans="1:31" ht="14.45">
      <c r="A7813" s="11"/>
      <c r="B7813" s="20"/>
      <c r="C7813" s="2" t="s">
        <v>23911</v>
      </c>
      <c r="D7813" s="14" t="s">
        <v>23912</v>
      </c>
      <c r="E7813" s="2" t="s">
        <v>23913</v>
      </c>
      <c r="F7813" s="2" t="s">
        <v>16033</v>
      </c>
      <c r="G7813" s="8">
        <v>300</v>
      </c>
      <c r="H7813" s="5">
        <v>11</v>
      </c>
      <c r="I7813" s="5" t="s">
        <v>1518</v>
      </c>
      <c r="J7813" s="5" t="s">
        <v>1519</v>
      </c>
      <c r="K7813" s="2" t="s">
        <v>1520</v>
      </c>
      <c r="L7813" s="5" t="s">
        <v>1519</v>
      </c>
      <c r="M7813" s="2" t="s">
        <v>1520</v>
      </c>
      <c r="N7813" s="5" t="s">
        <v>1521</v>
      </c>
      <c r="O7813" s="5" t="s">
        <v>38</v>
      </c>
      <c r="P7813" s="5" t="s">
        <v>39</v>
      </c>
      <c r="Q7813" s="5" t="s">
        <v>40</v>
      </c>
      <c r="R7813" s="5" t="s">
        <v>1522</v>
      </c>
      <c r="S7813" s="5" t="s">
        <v>1523</v>
      </c>
      <c r="T7813" s="5" t="s">
        <v>42</v>
      </c>
      <c r="U7813" s="2">
        <v>3.2919999999999998</v>
      </c>
      <c r="V7813" s="2">
        <v>2.6110000000000002</v>
      </c>
      <c r="W7813" s="2">
        <v>0.02</v>
      </c>
      <c r="X7813" s="2">
        <v>159.1</v>
      </c>
      <c r="Y7813" s="2">
        <v>7.6</v>
      </c>
      <c r="Z7813" s="2">
        <v>16.7</v>
      </c>
      <c r="AA7813" s="5"/>
      <c r="AB7813" s="5" t="s">
        <v>43</v>
      </c>
      <c r="AC7813" s="5" t="s">
        <v>44</v>
      </c>
      <c r="AD7813" s="2"/>
      <c r="AE7813" s="1"/>
    </row>
    <row r="7814" spans="1:31" ht="14.45">
      <c r="A7814" s="11"/>
      <c r="B7814" s="20"/>
      <c r="C7814" s="2" t="s">
        <v>23914</v>
      </c>
      <c r="D7814" s="14" t="s">
        <v>23915</v>
      </c>
      <c r="E7814" s="2" t="s">
        <v>23916</v>
      </c>
      <c r="F7814" s="2" t="s">
        <v>7396</v>
      </c>
      <c r="G7814" s="8">
        <v>278</v>
      </c>
      <c r="H7814" s="5">
        <v>6</v>
      </c>
      <c r="I7814" s="5" t="s">
        <v>1518</v>
      </c>
      <c r="J7814" s="5" t="s">
        <v>1519</v>
      </c>
      <c r="K7814" s="2" t="s">
        <v>1520</v>
      </c>
      <c r="L7814" s="5" t="s">
        <v>1519</v>
      </c>
      <c r="M7814" s="2" t="s">
        <v>1520</v>
      </c>
      <c r="N7814" s="5" t="s">
        <v>1521</v>
      </c>
      <c r="O7814" s="5" t="s">
        <v>38</v>
      </c>
      <c r="P7814" s="5" t="s">
        <v>39</v>
      </c>
      <c r="Q7814" s="5" t="s">
        <v>40</v>
      </c>
      <c r="R7814" s="5" t="s">
        <v>1522</v>
      </c>
      <c r="S7814" s="5" t="s">
        <v>1523</v>
      </c>
      <c r="T7814" s="5" t="s">
        <v>42</v>
      </c>
      <c r="U7814" s="2">
        <v>3.569</v>
      </c>
      <c r="V7814" s="2">
        <v>2.9049999999999998</v>
      </c>
      <c r="W7814" s="2">
        <v>0.02</v>
      </c>
      <c r="X7814" s="2">
        <v>159.1</v>
      </c>
      <c r="Y7814" s="2">
        <v>7.6</v>
      </c>
      <c r="Z7814" s="2">
        <v>16.7</v>
      </c>
      <c r="AA7814" s="5"/>
      <c r="AB7814" s="5" t="s">
        <v>43</v>
      </c>
      <c r="AC7814" s="5" t="s">
        <v>44</v>
      </c>
      <c r="AD7814" s="2"/>
      <c r="AE7814" s="1"/>
    </row>
    <row r="7815" spans="1:31" ht="14.45">
      <c r="A7815" s="11"/>
      <c r="B7815" s="20"/>
      <c r="C7815" s="2" t="s">
        <v>23917</v>
      </c>
      <c r="D7815" s="14" t="s">
        <v>23918</v>
      </c>
      <c r="E7815" s="2" t="s">
        <v>23919</v>
      </c>
      <c r="F7815" s="2" t="s">
        <v>7507</v>
      </c>
      <c r="G7815" s="8">
        <v>278</v>
      </c>
      <c r="H7815" s="5">
        <v>6</v>
      </c>
      <c r="I7815" s="5" t="s">
        <v>1518</v>
      </c>
      <c r="J7815" s="5" t="s">
        <v>1519</v>
      </c>
      <c r="K7815" s="2" t="s">
        <v>1520</v>
      </c>
      <c r="L7815" s="5" t="s">
        <v>1519</v>
      </c>
      <c r="M7815" s="2" t="s">
        <v>1520</v>
      </c>
      <c r="N7815" s="5" t="s">
        <v>1521</v>
      </c>
      <c r="O7815" s="5" t="s">
        <v>38</v>
      </c>
      <c r="P7815" s="5" t="s">
        <v>39</v>
      </c>
      <c r="Q7815" s="5" t="s">
        <v>40</v>
      </c>
      <c r="R7815" s="5" t="s">
        <v>1522</v>
      </c>
      <c r="S7815" s="5" t="s">
        <v>1523</v>
      </c>
      <c r="T7815" s="5" t="s">
        <v>42</v>
      </c>
      <c r="U7815" s="2">
        <v>3.6680000000000001</v>
      </c>
      <c r="V7815" s="2">
        <v>3.004</v>
      </c>
      <c r="W7815" s="2">
        <v>0.02</v>
      </c>
      <c r="X7815" s="2">
        <v>159.1</v>
      </c>
      <c r="Y7815" s="2">
        <v>7.6</v>
      </c>
      <c r="Z7815" s="2">
        <v>16.7</v>
      </c>
      <c r="AA7815" s="5"/>
      <c r="AB7815" s="5" t="s">
        <v>43</v>
      </c>
      <c r="AC7815" s="5" t="s">
        <v>44</v>
      </c>
      <c r="AD7815" s="2"/>
      <c r="AE7815" s="1"/>
    </row>
    <row r="7816" spans="1:31" ht="14.45">
      <c r="A7816" s="11"/>
      <c r="B7816" s="20"/>
      <c r="C7816" s="2" t="s">
        <v>23920</v>
      </c>
      <c r="D7816" s="14" t="s">
        <v>23921</v>
      </c>
      <c r="E7816" s="2" t="s">
        <v>23922</v>
      </c>
      <c r="F7816" s="2" t="s">
        <v>7204</v>
      </c>
      <c r="G7816" s="8">
        <v>278</v>
      </c>
      <c r="H7816" s="5">
        <v>6</v>
      </c>
      <c r="I7816" s="5" t="s">
        <v>1518</v>
      </c>
      <c r="J7816" s="5" t="s">
        <v>1519</v>
      </c>
      <c r="K7816" s="2" t="s">
        <v>1520</v>
      </c>
      <c r="L7816" s="5" t="s">
        <v>1519</v>
      </c>
      <c r="M7816" s="2" t="s">
        <v>1520</v>
      </c>
      <c r="N7816" s="5" t="s">
        <v>1521</v>
      </c>
      <c r="O7816" s="5" t="s">
        <v>38</v>
      </c>
      <c r="P7816" s="5" t="s">
        <v>39</v>
      </c>
      <c r="Q7816" s="5" t="s">
        <v>40</v>
      </c>
      <c r="R7816" s="5" t="s">
        <v>1522</v>
      </c>
      <c r="S7816" s="5" t="s">
        <v>1523</v>
      </c>
      <c r="T7816" s="5" t="s">
        <v>42</v>
      </c>
      <c r="U7816" s="2">
        <v>3.5779999999999998</v>
      </c>
      <c r="V7816" s="2">
        <v>2.9140000000000001</v>
      </c>
      <c r="W7816" s="2">
        <v>0.02</v>
      </c>
      <c r="X7816" s="2">
        <v>159.1</v>
      </c>
      <c r="Y7816" s="2">
        <v>7.6</v>
      </c>
      <c r="Z7816" s="2">
        <v>16.7</v>
      </c>
      <c r="AA7816" s="5"/>
      <c r="AB7816" s="5" t="s">
        <v>43</v>
      </c>
      <c r="AC7816" s="5" t="s">
        <v>44</v>
      </c>
      <c r="AD7816" s="2"/>
      <c r="AE7816" s="1"/>
    </row>
    <row r="7817" spans="1:31" ht="14.45">
      <c r="A7817" s="11"/>
      <c r="B7817" s="20"/>
      <c r="C7817" s="2" t="s">
        <v>23923</v>
      </c>
      <c r="D7817" s="14" t="s">
        <v>23924</v>
      </c>
      <c r="E7817" s="2" t="s">
        <v>23925</v>
      </c>
      <c r="F7817" s="2" t="s">
        <v>7514</v>
      </c>
      <c r="G7817" s="8">
        <v>278</v>
      </c>
      <c r="H7817" s="5">
        <v>6</v>
      </c>
      <c r="I7817" s="5" t="s">
        <v>1518</v>
      </c>
      <c r="J7817" s="5" t="s">
        <v>1519</v>
      </c>
      <c r="K7817" s="2" t="s">
        <v>1520</v>
      </c>
      <c r="L7817" s="5" t="s">
        <v>1519</v>
      </c>
      <c r="M7817" s="2" t="s">
        <v>1520</v>
      </c>
      <c r="N7817" s="5" t="s">
        <v>1521</v>
      </c>
      <c r="O7817" s="5" t="s">
        <v>38</v>
      </c>
      <c r="P7817" s="5" t="s">
        <v>39</v>
      </c>
      <c r="Q7817" s="5" t="s">
        <v>40</v>
      </c>
      <c r="R7817" s="5" t="s">
        <v>1522</v>
      </c>
      <c r="S7817" s="5" t="s">
        <v>1523</v>
      </c>
      <c r="T7817" s="5" t="s">
        <v>42</v>
      </c>
      <c r="U7817" s="2">
        <v>3.677</v>
      </c>
      <c r="V7817" s="2">
        <v>3.0129999999999999</v>
      </c>
      <c r="W7817" s="2">
        <v>0.02</v>
      </c>
      <c r="X7817" s="2">
        <v>159.1</v>
      </c>
      <c r="Y7817" s="2">
        <v>7.6</v>
      </c>
      <c r="Z7817" s="2">
        <v>16.7</v>
      </c>
      <c r="AA7817" s="5"/>
      <c r="AB7817" s="5" t="s">
        <v>43</v>
      </c>
      <c r="AC7817" s="5" t="s">
        <v>44</v>
      </c>
      <c r="AD7817" s="2"/>
      <c r="AE7817" s="1"/>
    </row>
    <row r="7818" spans="1:31" ht="14.45">
      <c r="A7818" s="11"/>
      <c r="B7818" s="20"/>
      <c r="C7818" s="2" t="s">
        <v>23926</v>
      </c>
      <c r="D7818" s="14" t="s">
        <v>23927</v>
      </c>
      <c r="E7818" s="2" t="s">
        <v>23928</v>
      </c>
      <c r="F7818" s="2" t="s">
        <v>7208</v>
      </c>
      <c r="G7818" s="8">
        <v>278</v>
      </c>
      <c r="H7818" s="5">
        <v>6</v>
      </c>
      <c r="I7818" s="5" t="s">
        <v>1518</v>
      </c>
      <c r="J7818" s="5" t="s">
        <v>1519</v>
      </c>
      <c r="K7818" s="2" t="s">
        <v>1520</v>
      </c>
      <c r="L7818" s="5" t="s">
        <v>1519</v>
      </c>
      <c r="M7818" s="2" t="s">
        <v>1520</v>
      </c>
      <c r="N7818" s="5" t="s">
        <v>1521</v>
      </c>
      <c r="O7818" s="5" t="s">
        <v>38</v>
      </c>
      <c r="P7818" s="5" t="s">
        <v>39</v>
      </c>
      <c r="Q7818" s="5" t="s">
        <v>40</v>
      </c>
      <c r="R7818" s="5" t="s">
        <v>1522</v>
      </c>
      <c r="S7818" s="5" t="s">
        <v>1523</v>
      </c>
      <c r="T7818" s="5" t="s">
        <v>42</v>
      </c>
      <c r="U7818" s="2">
        <v>3.5779999999999998</v>
      </c>
      <c r="V7818" s="2">
        <v>2.9140000000000001</v>
      </c>
      <c r="W7818" s="2">
        <v>0.02</v>
      </c>
      <c r="X7818" s="2">
        <v>159.1</v>
      </c>
      <c r="Y7818" s="2">
        <v>7.6</v>
      </c>
      <c r="Z7818" s="2">
        <v>16.7</v>
      </c>
      <c r="AA7818" s="5"/>
      <c r="AB7818" s="5" t="s">
        <v>43</v>
      </c>
      <c r="AC7818" s="5" t="s">
        <v>44</v>
      </c>
      <c r="AD7818" s="2"/>
      <c r="AE7818" s="1"/>
    </row>
    <row r="7819" spans="1:31" ht="14.45">
      <c r="A7819" s="11"/>
      <c r="B7819" s="20"/>
      <c r="C7819" s="2" t="s">
        <v>23929</v>
      </c>
      <c r="D7819" s="14" t="s">
        <v>23930</v>
      </c>
      <c r="E7819" s="2" t="s">
        <v>23931</v>
      </c>
      <c r="F7819" s="2" t="s">
        <v>7521</v>
      </c>
      <c r="G7819" s="8">
        <v>278</v>
      </c>
      <c r="H7819" s="5">
        <v>6</v>
      </c>
      <c r="I7819" s="5" t="s">
        <v>1518</v>
      </c>
      <c r="J7819" s="5" t="s">
        <v>1519</v>
      </c>
      <c r="K7819" s="2" t="s">
        <v>1520</v>
      </c>
      <c r="L7819" s="5" t="s">
        <v>1519</v>
      </c>
      <c r="M7819" s="2" t="s">
        <v>1520</v>
      </c>
      <c r="N7819" s="5" t="s">
        <v>1521</v>
      </c>
      <c r="O7819" s="5" t="s">
        <v>38</v>
      </c>
      <c r="P7819" s="5" t="s">
        <v>39</v>
      </c>
      <c r="Q7819" s="5" t="s">
        <v>40</v>
      </c>
      <c r="R7819" s="5" t="s">
        <v>1522</v>
      </c>
      <c r="S7819" s="5" t="s">
        <v>1523</v>
      </c>
      <c r="T7819" s="5" t="s">
        <v>42</v>
      </c>
      <c r="U7819" s="2">
        <v>3.677</v>
      </c>
      <c r="V7819" s="2">
        <v>3.0129999999999999</v>
      </c>
      <c r="W7819" s="2">
        <v>0.02</v>
      </c>
      <c r="X7819" s="2">
        <v>159.1</v>
      </c>
      <c r="Y7819" s="2">
        <v>7.6</v>
      </c>
      <c r="Z7819" s="2">
        <v>16.7</v>
      </c>
      <c r="AA7819" s="5"/>
      <c r="AB7819" s="5" t="s">
        <v>43</v>
      </c>
      <c r="AC7819" s="5" t="s">
        <v>44</v>
      </c>
      <c r="AD7819" s="2"/>
      <c r="AE7819" s="1"/>
    </row>
    <row r="7820" spans="1:31" ht="14.45">
      <c r="A7820" s="11"/>
      <c r="B7820" s="20"/>
      <c r="C7820" s="2" t="s">
        <v>23932</v>
      </c>
      <c r="D7820" s="14" t="s">
        <v>23933</v>
      </c>
      <c r="E7820" s="2" t="s">
        <v>23934</v>
      </c>
      <c r="F7820" s="2" t="s">
        <v>7212</v>
      </c>
      <c r="G7820" s="8">
        <v>278</v>
      </c>
      <c r="H7820" s="5">
        <v>6</v>
      </c>
      <c r="I7820" s="5" t="s">
        <v>1518</v>
      </c>
      <c r="J7820" s="5" t="s">
        <v>1519</v>
      </c>
      <c r="K7820" s="2" t="s">
        <v>1520</v>
      </c>
      <c r="L7820" s="5" t="s">
        <v>1519</v>
      </c>
      <c r="M7820" s="2" t="s">
        <v>1520</v>
      </c>
      <c r="N7820" s="5" t="s">
        <v>1521</v>
      </c>
      <c r="O7820" s="5" t="s">
        <v>38</v>
      </c>
      <c r="P7820" s="5" t="s">
        <v>39</v>
      </c>
      <c r="Q7820" s="5" t="s">
        <v>40</v>
      </c>
      <c r="R7820" s="5" t="s">
        <v>1522</v>
      </c>
      <c r="S7820" s="5" t="s">
        <v>1523</v>
      </c>
      <c r="T7820" s="5" t="s">
        <v>42</v>
      </c>
      <c r="U7820" s="2">
        <v>3.5489999999999999</v>
      </c>
      <c r="V7820" s="2">
        <v>2.8849999999999998</v>
      </c>
      <c r="W7820" s="2">
        <v>0.02</v>
      </c>
      <c r="X7820" s="2">
        <v>159.1</v>
      </c>
      <c r="Y7820" s="2">
        <v>7.6</v>
      </c>
      <c r="Z7820" s="2">
        <v>16.7</v>
      </c>
      <c r="AA7820" s="5"/>
      <c r="AB7820" s="5" t="s">
        <v>43</v>
      </c>
      <c r="AC7820" s="5" t="s">
        <v>44</v>
      </c>
      <c r="AD7820" s="2"/>
      <c r="AE7820" s="1"/>
    </row>
    <row r="7821" spans="1:31" ht="14.45">
      <c r="A7821" s="11"/>
      <c r="B7821" s="20"/>
      <c r="C7821" s="2" t="s">
        <v>23935</v>
      </c>
      <c r="D7821" s="14" t="s">
        <v>23936</v>
      </c>
      <c r="E7821" s="2" t="s">
        <v>23937</v>
      </c>
      <c r="F7821" s="2" t="s">
        <v>7528</v>
      </c>
      <c r="G7821" s="8">
        <v>278</v>
      </c>
      <c r="H7821" s="5">
        <v>6</v>
      </c>
      <c r="I7821" s="5" t="s">
        <v>1518</v>
      </c>
      <c r="J7821" s="5" t="s">
        <v>1519</v>
      </c>
      <c r="K7821" s="2" t="s">
        <v>1520</v>
      </c>
      <c r="L7821" s="5" t="s">
        <v>1519</v>
      </c>
      <c r="M7821" s="2" t="s">
        <v>1520</v>
      </c>
      <c r="N7821" s="5" t="s">
        <v>1521</v>
      </c>
      <c r="O7821" s="5" t="s">
        <v>38</v>
      </c>
      <c r="P7821" s="5" t="s">
        <v>39</v>
      </c>
      <c r="Q7821" s="5" t="s">
        <v>40</v>
      </c>
      <c r="R7821" s="5" t="s">
        <v>1522</v>
      </c>
      <c r="S7821" s="5" t="s">
        <v>1523</v>
      </c>
      <c r="T7821" s="5" t="s">
        <v>42</v>
      </c>
      <c r="U7821" s="2">
        <v>3.6480000000000001</v>
      </c>
      <c r="V7821" s="2">
        <v>2.984</v>
      </c>
      <c r="W7821" s="2">
        <v>0.02</v>
      </c>
      <c r="X7821" s="2">
        <v>159.1</v>
      </c>
      <c r="Y7821" s="2">
        <v>7.6</v>
      </c>
      <c r="Z7821" s="2">
        <v>16.7</v>
      </c>
      <c r="AA7821" s="5"/>
      <c r="AB7821" s="5" t="s">
        <v>43</v>
      </c>
      <c r="AC7821" s="5" t="s">
        <v>44</v>
      </c>
      <c r="AD7821" s="2"/>
      <c r="AE7821" s="1"/>
    </row>
    <row r="7822" spans="1:31" ht="14.45">
      <c r="A7822" s="11"/>
      <c r="B7822" s="20"/>
      <c r="C7822" s="2" t="s">
        <v>23938</v>
      </c>
      <c r="D7822" s="14" t="s">
        <v>23939</v>
      </c>
      <c r="E7822" s="2" t="s">
        <v>23940</v>
      </c>
      <c r="F7822" s="2" t="s">
        <v>7406</v>
      </c>
      <c r="G7822" s="8">
        <v>300</v>
      </c>
      <c r="H7822" s="5">
        <v>6</v>
      </c>
      <c r="I7822" s="5" t="s">
        <v>1518</v>
      </c>
      <c r="J7822" s="5" t="s">
        <v>1519</v>
      </c>
      <c r="K7822" s="2" t="s">
        <v>1520</v>
      </c>
      <c r="L7822" s="5" t="s">
        <v>1519</v>
      </c>
      <c r="M7822" s="2" t="s">
        <v>1520</v>
      </c>
      <c r="N7822" s="5" t="s">
        <v>1521</v>
      </c>
      <c r="O7822" s="5" t="s">
        <v>38</v>
      </c>
      <c r="P7822" s="5" t="s">
        <v>39</v>
      </c>
      <c r="Q7822" s="5" t="s">
        <v>40</v>
      </c>
      <c r="R7822" s="5" t="s">
        <v>1522</v>
      </c>
      <c r="S7822" s="5" t="s">
        <v>1523</v>
      </c>
      <c r="T7822" s="5" t="s">
        <v>42</v>
      </c>
      <c r="U7822" s="2">
        <v>3.5489999999999999</v>
      </c>
      <c r="V7822" s="2">
        <v>2.8849999999999998</v>
      </c>
      <c r="W7822" s="2">
        <v>0.02</v>
      </c>
      <c r="X7822" s="2">
        <v>159.1</v>
      </c>
      <c r="Y7822" s="2">
        <v>7.6</v>
      </c>
      <c r="Z7822" s="2">
        <v>16.7</v>
      </c>
      <c r="AA7822" s="5"/>
      <c r="AB7822" s="5" t="s">
        <v>43</v>
      </c>
      <c r="AC7822" s="5" t="s">
        <v>44</v>
      </c>
      <c r="AD7822" s="2"/>
      <c r="AE7822" s="1"/>
    </row>
    <row r="7823" spans="1:31" ht="14.45">
      <c r="A7823" s="11"/>
      <c r="B7823" s="20"/>
      <c r="C7823" s="2" t="s">
        <v>23941</v>
      </c>
      <c r="D7823" s="14" t="s">
        <v>23942</v>
      </c>
      <c r="E7823" s="2" t="s">
        <v>23943</v>
      </c>
      <c r="F7823" s="2" t="s">
        <v>7535</v>
      </c>
      <c r="G7823" s="8">
        <v>300</v>
      </c>
      <c r="H7823" s="5">
        <v>6</v>
      </c>
      <c r="I7823" s="5" t="s">
        <v>1518</v>
      </c>
      <c r="J7823" s="5" t="s">
        <v>1519</v>
      </c>
      <c r="K7823" s="2" t="s">
        <v>1520</v>
      </c>
      <c r="L7823" s="5" t="s">
        <v>1519</v>
      </c>
      <c r="M7823" s="2" t="s">
        <v>1520</v>
      </c>
      <c r="N7823" s="5" t="s">
        <v>1521</v>
      </c>
      <c r="O7823" s="5" t="s">
        <v>38</v>
      </c>
      <c r="P7823" s="5" t="s">
        <v>39</v>
      </c>
      <c r="Q7823" s="5" t="s">
        <v>40</v>
      </c>
      <c r="R7823" s="5" t="s">
        <v>1522</v>
      </c>
      <c r="S7823" s="5" t="s">
        <v>1523</v>
      </c>
      <c r="T7823" s="5" t="s">
        <v>42</v>
      </c>
      <c r="U7823" s="2">
        <v>3.6480000000000001</v>
      </c>
      <c r="V7823" s="2">
        <v>2.984</v>
      </c>
      <c r="W7823" s="2">
        <v>0.02</v>
      </c>
      <c r="X7823" s="2">
        <v>159.1</v>
      </c>
      <c r="Y7823" s="2">
        <v>7.6</v>
      </c>
      <c r="Z7823" s="2">
        <v>16.7</v>
      </c>
      <c r="AA7823" s="5"/>
      <c r="AB7823" s="5" t="s">
        <v>43</v>
      </c>
      <c r="AC7823" s="5" t="s">
        <v>44</v>
      </c>
      <c r="AD7823" s="2"/>
      <c r="AE7823" s="1"/>
    </row>
    <row r="7824" spans="1:31" ht="14.45">
      <c r="A7824" s="11"/>
      <c r="B7824" s="20"/>
      <c r="C7824" s="2" t="s">
        <v>23944</v>
      </c>
      <c r="D7824" s="14" t="s">
        <v>23945</v>
      </c>
      <c r="E7824" s="2" t="s">
        <v>23946</v>
      </c>
      <c r="F7824" s="2" t="s">
        <v>7539</v>
      </c>
      <c r="G7824" s="8">
        <v>300</v>
      </c>
      <c r="H7824" s="5">
        <v>6</v>
      </c>
      <c r="I7824" s="5" t="s">
        <v>1518</v>
      </c>
      <c r="J7824" s="5" t="s">
        <v>1519</v>
      </c>
      <c r="K7824" s="2" t="s">
        <v>1520</v>
      </c>
      <c r="L7824" s="5" t="s">
        <v>1519</v>
      </c>
      <c r="M7824" s="2" t="s">
        <v>1520</v>
      </c>
      <c r="N7824" s="5" t="s">
        <v>1521</v>
      </c>
      <c r="O7824" s="5" t="s">
        <v>38</v>
      </c>
      <c r="P7824" s="5" t="s">
        <v>39</v>
      </c>
      <c r="Q7824" s="5" t="s">
        <v>40</v>
      </c>
      <c r="R7824" s="5" t="s">
        <v>1522</v>
      </c>
      <c r="S7824" s="5" t="s">
        <v>1523</v>
      </c>
      <c r="T7824" s="5" t="s">
        <v>42</v>
      </c>
      <c r="U7824" s="2">
        <v>3.5779999999999998</v>
      </c>
      <c r="V7824" s="2">
        <v>2.9140000000000001</v>
      </c>
      <c r="W7824" s="2">
        <v>0.02</v>
      </c>
      <c r="X7824" s="2">
        <v>159.1</v>
      </c>
      <c r="Y7824" s="2">
        <v>7.6</v>
      </c>
      <c r="Z7824" s="2">
        <v>16.7</v>
      </c>
      <c r="AA7824" s="5"/>
      <c r="AB7824" s="5" t="s">
        <v>43</v>
      </c>
      <c r="AC7824" s="5" t="s">
        <v>44</v>
      </c>
      <c r="AD7824" s="2"/>
      <c r="AE7824" s="1"/>
    </row>
    <row r="7825" spans="1:31" ht="14.45">
      <c r="A7825" s="11"/>
      <c r="B7825" s="20"/>
      <c r="C7825" s="2" t="s">
        <v>23947</v>
      </c>
      <c r="D7825" s="14" t="s">
        <v>23948</v>
      </c>
      <c r="E7825" s="2" t="s">
        <v>23949</v>
      </c>
      <c r="F7825" s="2" t="s">
        <v>7543</v>
      </c>
      <c r="G7825" s="8">
        <v>300</v>
      </c>
      <c r="H7825" s="5">
        <v>6</v>
      </c>
      <c r="I7825" s="5" t="s">
        <v>1518</v>
      </c>
      <c r="J7825" s="5" t="s">
        <v>1519</v>
      </c>
      <c r="K7825" s="2" t="s">
        <v>1520</v>
      </c>
      <c r="L7825" s="5" t="s">
        <v>1519</v>
      </c>
      <c r="M7825" s="2" t="s">
        <v>1520</v>
      </c>
      <c r="N7825" s="5" t="s">
        <v>1521</v>
      </c>
      <c r="O7825" s="5" t="s">
        <v>38</v>
      </c>
      <c r="P7825" s="5" t="s">
        <v>39</v>
      </c>
      <c r="Q7825" s="5" t="s">
        <v>40</v>
      </c>
      <c r="R7825" s="5" t="s">
        <v>1522</v>
      </c>
      <c r="S7825" s="5" t="s">
        <v>1523</v>
      </c>
      <c r="T7825" s="5" t="s">
        <v>42</v>
      </c>
      <c r="U7825" s="2">
        <v>3.677</v>
      </c>
      <c r="V7825" s="2">
        <v>3.0129999999999999</v>
      </c>
      <c r="W7825" s="2">
        <v>0.02</v>
      </c>
      <c r="X7825" s="2">
        <v>159.1</v>
      </c>
      <c r="Y7825" s="2">
        <v>7.6</v>
      </c>
      <c r="Z7825" s="2">
        <v>16.7</v>
      </c>
      <c r="AA7825" s="5"/>
      <c r="AB7825" s="5" t="s">
        <v>43</v>
      </c>
      <c r="AC7825" s="5" t="s">
        <v>44</v>
      </c>
      <c r="AD7825" s="2"/>
      <c r="AE7825" s="1"/>
    </row>
    <row r="7826" spans="1:31" ht="14.45">
      <c r="A7826" s="11"/>
      <c r="B7826" s="20"/>
      <c r="C7826" s="2" t="s">
        <v>23950</v>
      </c>
      <c r="D7826" s="14" t="s">
        <v>23951</v>
      </c>
      <c r="E7826" s="2" t="s">
        <v>23952</v>
      </c>
      <c r="F7826" s="2" t="s">
        <v>7547</v>
      </c>
      <c r="G7826" s="8">
        <v>300</v>
      </c>
      <c r="H7826" s="5">
        <v>6</v>
      </c>
      <c r="I7826" s="5" t="s">
        <v>1518</v>
      </c>
      <c r="J7826" s="5" t="s">
        <v>1519</v>
      </c>
      <c r="K7826" s="2" t="s">
        <v>1520</v>
      </c>
      <c r="L7826" s="5" t="s">
        <v>1519</v>
      </c>
      <c r="M7826" s="2" t="s">
        <v>1520</v>
      </c>
      <c r="N7826" s="5" t="s">
        <v>1521</v>
      </c>
      <c r="O7826" s="5" t="s">
        <v>38</v>
      </c>
      <c r="P7826" s="5" t="s">
        <v>39</v>
      </c>
      <c r="Q7826" s="5" t="s">
        <v>40</v>
      </c>
      <c r="R7826" s="5" t="s">
        <v>1522</v>
      </c>
      <c r="S7826" s="5" t="s">
        <v>1523</v>
      </c>
      <c r="T7826" s="5" t="s">
        <v>42</v>
      </c>
      <c r="U7826" s="2">
        <v>3.5489999999999999</v>
      </c>
      <c r="V7826" s="2">
        <v>2.8849999999999998</v>
      </c>
      <c r="W7826" s="2">
        <v>0.02</v>
      </c>
      <c r="X7826" s="2">
        <v>159.1</v>
      </c>
      <c r="Y7826" s="2">
        <v>7.6</v>
      </c>
      <c r="Z7826" s="2">
        <v>16.7</v>
      </c>
      <c r="AA7826" s="5"/>
      <c r="AB7826" s="5" t="s">
        <v>43</v>
      </c>
      <c r="AC7826" s="5" t="s">
        <v>44</v>
      </c>
      <c r="AD7826" s="2"/>
      <c r="AE7826" s="1"/>
    </row>
    <row r="7827" spans="1:31" ht="14.45">
      <c r="A7827" s="11"/>
      <c r="B7827" s="20"/>
      <c r="C7827" s="2" t="s">
        <v>23953</v>
      </c>
      <c r="D7827" s="14" t="s">
        <v>23954</v>
      </c>
      <c r="E7827" s="2" t="s">
        <v>23955</v>
      </c>
      <c r="F7827" s="2" t="s">
        <v>7551</v>
      </c>
      <c r="G7827" s="8">
        <v>300</v>
      </c>
      <c r="H7827" s="5">
        <v>6</v>
      </c>
      <c r="I7827" s="5" t="s">
        <v>1518</v>
      </c>
      <c r="J7827" s="5" t="s">
        <v>1519</v>
      </c>
      <c r="K7827" s="2" t="s">
        <v>1520</v>
      </c>
      <c r="L7827" s="5" t="s">
        <v>1519</v>
      </c>
      <c r="M7827" s="2" t="s">
        <v>1520</v>
      </c>
      <c r="N7827" s="5" t="s">
        <v>1521</v>
      </c>
      <c r="O7827" s="5" t="s">
        <v>38</v>
      </c>
      <c r="P7827" s="5" t="s">
        <v>39</v>
      </c>
      <c r="Q7827" s="5" t="s">
        <v>40</v>
      </c>
      <c r="R7827" s="5" t="s">
        <v>1522</v>
      </c>
      <c r="S7827" s="5" t="s">
        <v>1523</v>
      </c>
      <c r="T7827" s="5" t="s">
        <v>42</v>
      </c>
      <c r="U7827" s="2">
        <v>3.6480000000000001</v>
      </c>
      <c r="V7827" s="2">
        <v>2.984</v>
      </c>
      <c r="W7827" s="2">
        <v>0.02</v>
      </c>
      <c r="X7827" s="2">
        <v>159.1</v>
      </c>
      <c r="Y7827" s="2">
        <v>7.6</v>
      </c>
      <c r="Z7827" s="2">
        <v>16.7</v>
      </c>
      <c r="AA7827" s="5"/>
      <c r="AB7827" s="5" t="s">
        <v>43</v>
      </c>
      <c r="AC7827" s="5" t="s">
        <v>44</v>
      </c>
      <c r="AD7827" s="2"/>
      <c r="AE7827" s="1"/>
    </row>
    <row r="7828" spans="1:31" ht="14.45">
      <c r="A7828" s="11"/>
      <c r="B7828" s="20"/>
      <c r="C7828" s="2" t="s">
        <v>23956</v>
      </c>
      <c r="D7828" s="14" t="s">
        <v>23957</v>
      </c>
      <c r="E7828" s="2" t="s">
        <v>23958</v>
      </c>
      <c r="F7828" s="2" t="s">
        <v>7555</v>
      </c>
      <c r="G7828" s="8">
        <v>300</v>
      </c>
      <c r="H7828" s="5">
        <v>6</v>
      </c>
      <c r="I7828" s="5" t="s">
        <v>1518</v>
      </c>
      <c r="J7828" s="5" t="s">
        <v>1519</v>
      </c>
      <c r="K7828" s="2" t="s">
        <v>1520</v>
      </c>
      <c r="L7828" s="5" t="s">
        <v>1519</v>
      </c>
      <c r="M7828" s="2" t="s">
        <v>1520</v>
      </c>
      <c r="N7828" s="5" t="s">
        <v>1521</v>
      </c>
      <c r="O7828" s="5" t="s">
        <v>38</v>
      </c>
      <c r="P7828" s="5" t="s">
        <v>39</v>
      </c>
      <c r="Q7828" s="5" t="s">
        <v>40</v>
      </c>
      <c r="R7828" s="5" t="s">
        <v>1522</v>
      </c>
      <c r="S7828" s="5" t="s">
        <v>1523</v>
      </c>
      <c r="T7828" s="5" t="s">
        <v>42</v>
      </c>
      <c r="U7828" s="2">
        <v>3.5489999999999999</v>
      </c>
      <c r="V7828" s="2">
        <v>2.8849999999999998</v>
      </c>
      <c r="W7828" s="2">
        <v>0.02</v>
      </c>
      <c r="X7828" s="2">
        <v>159.1</v>
      </c>
      <c r="Y7828" s="2">
        <v>7.6</v>
      </c>
      <c r="Z7828" s="2">
        <v>16.7</v>
      </c>
      <c r="AA7828" s="5"/>
      <c r="AB7828" s="5" t="s">
        <v>43</v>
      </c>
      <c r="AC7828" s="5" t="s">
        <v>44</v>
      </c>
      <c r="AD7828" s="2"/>
      <c r="AE7828" s="1"/>
    </row>
    <row r="7829" spans="1:31" ht="14.45">
      <c r="A7829" s="11"/>
      <c r="B7829" s="20"/>
      <c r="C7829" s="2" t="s">
        <v>23959</v>
      </c>
      <c r="D7829" s="14" t="s">
        <v>23960</v>
      </c>
      <c r="E7829" s="2" t="s">
        <v>23961</v>
      </c>
      <c r="F7829" s="2" t="s">
        <v>7559</v>
      </c>
      <c r="G7829" s="8">
        <v>300</v>
      </c>
      <c r="H7829" s="5">
        <v>6</v>
      </c>
      <c r="I7829" s="5" t="s">
        <v>1518</v>
      </c>
      <c r="J7829" s="5" t="s">
        <v>1519</v>
      </c>
      <c r="K7829" s="2" t="s">
        <v>1520</v>
      </c>
      <c r="L7829" s="5" t="s">
        <v>1519</v>
      </c>
      <c r="M7829" s="2" t="s">
        <v>1520</v>
      </c>
      <c r="N7829" s="5" t="s">
        <v>1521</v>
      </c>
      <c r="O7829" s="5" t="s">
        <v>38</v>
      </c>
      <c r="P7829" s="5" t="s">
        <v>39</v>
      </c>
      <c r="Q7829" s="5" t="s">
        <v>40</v>
      </c>
      <c r="R7829" s="5" t="s">
        <v>1522</v>
      </c>
      <c r="S7829" s="5" t="s">
        <v>1523</v>
      </c>
      <c r="T7829" s="5" t="s">
        <v>42</v>
      </c>
      <c r="U7829" s="2">
        <v>3.6480000000000001</v>
      </c>
      <c r="V7829" s="2">
        <v>2.984</v>
      </c>
      <c r="W7829" s="2">
        <v>0.02</v>
      </c>
      <c r="X7829" s="2">
        <v>159.1</v>
      </c>
      <c r="Y7829" s="2">
        <v>7.6</v>
      </c>
      <c r="Z7829" s="2">
        <v>16.7</v>
      </c>
      <c r="AA7829" s="5"/>
      <c r="AB7829" s="5" t="s">
        <v>43</v>
      </c>
      <c r="AC7829" s="5" t="s">
        <v>44</v>
      </c>
      <c r="AD7829" s="2"/>
      <c r="AE7829" s="1"/>
    </row>
    <row r="7830" spans="1:31" ht="14.45">
      <c r="A7830" s="11"/>
      <c r="B7830" s="20"/>
      <c r="C7830" s="2" t="s">
        <v>23962</v>
      </c>
      <c r="D7830" s="14" t="s">
        <v>23963</v>
      </c>
      <c r="E7830" s="2" t="s">
        <v>23964</v>
      </c>
      <c r="F7830" s="2" t="s">
        <v>7563</v>
      </c>
      <c r="G7830" s="8">
        <v>300</v>
      </c>
      <c r="H7830" s="5">
        <v>6</v>
      </c>
      <c r="I7830" s="5" t="s">
        <v>1518</v>
      </c>
      <c r="J7830" s="5" t="s">
        <v>1519</v>
      </c>
      <c r="K7830" s="2" t="s">
        <v>1520</v>
      </c>
      <c r="L7830" s="5" t="s">
        <v>1519</v>
      </c>
      <c r="M7830" s="2" t="s">
        <v>1520</v>
      </c>
      <c r="N7830" s="5" t="s">
        <v>1521</v>
      </c>
      <c r="O7830" s="5" t="s">
        <v>38</v>
      </c>
      <c r="P7830" s="5" t="s">
        <v>39</v>
      </c>
      <c r="Q7830" s="5" t="s">
        <v>40</v>
      </c>
      <c r="R7830" s="5" t="s">
        <v>1522</v>
      </c>
      <c r="S7830" s="5" t="s">
        <v>1523</v>
      </c>
      <c r="T7830" s="5" t="s">
        <v>42</v>
      </c>
      <c r="U7830" s="2">
        <v>3.5779999999999998</v>
      </c>
      <c r="V7830" s="2">
        <v>2.9140000000000001</v>
      </c>
      <c r="W7830" s="2">
        <v>0.02</v>
      </c>
      <c r="X7830" s="2">
        <v>159.1</v>
      </c>
      <c r="Y7830" s="2">
        <v>7.6</v>
      </c>
      <c r="Z7830" s="2">
        <v>16.7</v>
      </c>
      <c r="AA7830" s="5"/>
      <c r="AB7830" s="5" t="s">
        <v>43</v>
      </c>
      <c r="AC7830" s="5" t="s">
        <v>44</v>
      </c>
      <c r="AD7830" s="2"/>
      <c r="AE7830" s="1"/>
    </row>
    <row r="7831" spans="1:31" ht="14.45">
      <c r="A7831" s="11"/>
      <c r="B7831" s="20"/>
      <c r="C7831" s="2" t="s">
        <v>23965</v>
      </c>
      <c r="D7831" s="14" t="s">
        <v>23966</v>
      </c>
      <c r="E7831" s="2" t="s">
        <v>23967</v>
      </c>
      <c r="F7831" s="2" t="s">
        <v>7567</v>
      </c>
      <c r="G7831" s="8">
        <v>300</v>
      </c>
      <c r="H7831" s="5">
        <v>6</v>
      </c>
      <c r="I7831" s="5" t="s">
        <v>1518</v>
      </c>
      <c r="J7831" s="5" t="s">
        <v>1519</v>
      </c>
      <c r="K7831" s="2" t="s">
        <v>1520</v>
      </c>
      <c r="L7831" s="5" t="s">
        <v>1519</v>
      </c>
      <c r="M7831" s="2" t="s">
        <v>1520</v>
      </c>
      <c r="N7831" s="5" t="s">
        <v>1521</v>
      </c>
      <c r="O7831" s="5" t="s">
        <v>38</v>
      </c>
      <c r="P7831" s="5" t="s">
        <v>39</v>
      </c>
      <c r="Q7831" s="5" t="s">
        <v>40</v>
      </c>
      <c r="R7831" s="5" t="s">
        <v>1522</v>
      </c>
      <c r="S7831" s="5" t="s">
        <v>1523</v>
      </c>
      <c r="T7831" s="5" t="s">
        <v>42</v>
      </c>
      <c r="U7831" s="2">
        <v>3.677</v>
      </c>
      <c r="V7831" s="2">
        <v>3.0129999999999999</v>
      </c>
      <c r="W7831" s="2">
        <v>0.02</v>
      </c>
      <c r="X7831" s="2">
        <v>159.1</v>
      </c>
      <c r="Y7831" s="2">
        <v>7.6</v>
      </c>
      <c r="Z7831" s="2">
        <v>16.7</v>
      </c>
      <c r="AA7831" s="5"/>
      <c r="AB7831" s="5" t="s">
        <v>43</v>
      </c>
      <c r="AC7831" s="5" t="s">
        <v>44</v>
      </c>
      <c r="AD7831" s="2"/>
      <c r="AE7831" s="1"/>
    </row>
    <row r="7832" spans="1:31" ht="14.45">
      <c r="A7832" s="11"/>
      <c r="B7832" s="20"/>
      <c r="C7832" s="2" t="s">
        <v>23968</v>
      </c>
      <c r="D7832" s="14" t="s">
        <v>23969</v>
      </c>
      <c r="E7832" s="2" t="s">
        <v>23970</v>
      </c>
      <c r="F7832" s="2" t="s">
        <v>16079</v>
      </c>
      <c r="G7832" s="8">
        <v>300</v>
      </c>
      <c r="H7832" s="5">
        <v>6</v>
      </c>
      <c r="I7832" s="5" t="s">
        <v>1518</v>
      </c>
      <c r="J7832" s="5" t="s">
        <v>1519</v>
      </c>
      <c r="K7832" s="2" t="s">
        <v>1520</v>
      </c>
      <c r="L7832" s="5" t="s">
        <v>1519</v>
      </c>
      <c r="M7832" s="2" t="s">
        <v>1520</v>
      </c>
      <c r="N7832" s="5" t="s">
        <v>1521</v>
      </c>
      <c r="O7832" s="5" t="s">
        <v>38</v>
      </c>
      <c r="P7832" s="5" t="s">
        <v>39</v>
      </c>
      <c r="Q7832" s="5" t="s">
        <v>40</v>
      </c>
      <c r="R7832" s="5" t="s">
        <v>1522</v>
      </c>
      <c r="S7832" s="5" t="s">
        <v>1523</v>
      </c>
      <c r="T7832" s="5" t="s">
        <v>42</v>
      </c>
      <c r="U7832" s="2">
        <v>3.5779999999999998</v>
      </c>
      <c r="V7832" s="2">
        <v>2.9140000000000001</v>
      </c>
      <c r="W7832" s="2">
        <v>0.02</v>
      </c>
      <c r="X7832" s="2">
        <v>159.1</v>
      </c>
      <c r="Y7832" s="2">
        <v>7.6</v>
      </c>
      <c r="Z7832" s="2">
        <v>16.7</v>
      </c>
      <c r="AA7832" s="5"/>
      <c r="AB7832" s="5" t="s">
        <v>43</v>
      </c>
      <c r="AC7832" s="5" t="s">
        <v>44</v>
      </c>
      <c r="AD7832" s="2"/>
      <c r="AE7832" s="1"/>
    </row>
    <row r="7833" spans="1:31" ht="14.45">
      <c r="A7833" s="11"/>
      <c r="B7833" s="20"/>
      <c r="C7833" s="2" t="s">
        <v>23971</v>
      </c>
      <c r="D7833" s="14" t="s">
        <v>23972</v>
      </c>
      <c r="E7833" s="2" t="s">
        <v>23973</v>
      </c>
      <c r="F7833" s="2" t="s">
        <v>16194</v>
      </c>
      <c r="G7833" s="8">
        <v>300</v>
      </c>
      <c r="H7833" s="5">
        <v>6</v>
      </c>
      <c r="I7833" s="5" t="s">
        <v>1518</v>
      </c>
      <c r="J7833" s="5" t="s">
        <v>1519</v>
      </c>
      <c r="K7833" s="2" t="s">
        <v>1520</v>
      </c>
      <c r="L7833" s="5" t="s">
        <v>1519</v>
      </c>
      <c r="M7833" s="2" t="s">
        <v>1520</v>
      </c>
      <c r="N7833" s="5" t="s">
        <v>1521</v>
      </c>
      <c r="O7833" s="5" t="s">
        <v>38</v>
      </c>
      <c r="P7833" s="5" t="s">
        <v>39</v>
      </c>
      <c r="Q7833" s="5" t="s">
        <v>40</v>
      </c>
      <c r="R7833" s="5" t="s">
        <v>1522</v>
      </c>
      <c r="S7833" s="5" t="s">
        <v>1523</v>
      </c>
      <c r="T7833" s="5" t="s">
        <v>42</v>
      </c>
      <c r="U7833" s="2">
        <v>3.677</v>
      </c>
      <c r="V7833" s="2">
        <v>3.0129999999999999</v>
      </c>
      <c r="W7833" s="2">
        <v>0.02</v>
      </c>
      <c r="X7833" s="2">
        <v>159.1</v>
      </c>
      <c r="Y7833" s="2">
        <v>7.6</v>
      </c>
      <c r="Z7833" s="2">
        <v>16.7</v>
      </c>
      <c r="AA7833" s="5"/>
      <c r="AB7833" s="5" t="s">
        <v>43</v>
      </c>
      <c r="AC7833" s="5" t="s">
        <v>44</v>
      </c>
      <c r="AD7833" s="2"/>
      <c r="AE7833" s="1"/>
    </row>
    <row r="7834" spans="1:31" ht="14.45">
      <c r="A7834" s="11"/>
      <c r="B7834" s="20"/>
      <c r="C7834" s="2" t="s">
        <v>23974</v>
      </c>
      <c r="D7834" s="14" t="s">
        <v>23975</v>
      </c>
      <c r="E7834" s="2" t="s">
        <v>23976</v>
      </c>
      <c r="F7834" s="2" t="s">
        <v>7449</v>
      </c>
      <c r="G7834" s="8">
        <v>300</v>
      </c>
      <c r="H7834" s="5">
        <v>6</v>
      </c>
      <c r="I7834" s="5" t="s">
        <v>1518</v>
      </c>
      <c r="J7834" s="5" t="s">
        <v>1519</v>
      </c>
      <c r="K7834" s="2" t="s">
        <v>1520</v>
      </c>
      <c r="L7834" s="5" t="s">
        <v>1519</v>
      </c>
      <c r="M7834" s="2" t="s">
        <v>1520</v>
      </c>
      <c r="N7834" s="5" t="s">
        <v>1521</v>
      </c>
      <c r="O7834" s="5" t="s">
        <v>38</v>
      </c>
      <c r="P7834" s="5" t="s">
        <v>39</v>
      </c>
      <c r="Q7834" s="5" t="s">
        <v>40</v>
      </c>
      <c r="R7834" s="5" t="s">
        <v>1522</v>
      </c>
      <c r="S7834" s="5" t="s">
        <v>1523</v>
      </c>
      <c r="T7834" s="5" t="s">
        <v>42</v>
      </c>
      <c r="U7834" s="2">
        <v>3.5779999999999998</v>
      </c>
      <c r="V7834" s="2">
        <v>2.9140000000000001</v>
      </c>
      <c r="W7834" s="2">
        <v>0.02</v>
      </c>
      <c r="X7834" s="2">
        <v>159.1</v>
      </c>
      <c r="Y7834" s="2">
        <v>7.6</v>
      </c>
      <c r="Z7834" s="2">
        <v>16.7</v>
      </c>
      <c r="AA7834" s="5"/>
      <c r="AB7834" s="5" t="s">
        <v>43</v>
      </c>
      <c r="AC7834" s="5" t="s">
        <v>44</v>
      </c>
      <c r="AD7834" s="2"/>
      <c r="AE7834" s="1"/>
    </row>
    <row r="7835" spans="1:31" ht="14.45">
      <c r="A7835" s="11"/>
      <c r="B7835" s="20"/>
      <c r="C7835" s="2" t="s">
        <v>23977</v>
      </c>
      <c r="D7835" s="14" t="s">
        <v>23978</v>
      </c>
      <c r="E7835" s="2" t="s">
        <v>23979</v>
      </c>
      <c r="F7835" s="2" t="s">
        <v>7581</v>
      </c>
      <c r="G7835" s="8">
        <v>300</v>
      </c>
      <c r="H7835" s="5">
        <v>6</v>
      </c>
      <c r="I7835" s="5" t="s">
        <v>1518</v>
      </c>
      <c r="J7835" s="5" t="s">
        <v>1519</v>
      </c>
      <c r="K7835" s="2" t="s">
        <v>1520</v>
      </c>
      <c r="L7835" s="5" t="s">
        <v>1519</v>
      </c>
      <c r="M7835" s="2" t="s">
        <v>1520</v>
      </c>
      <c r="N7835" s="5" t="s">
        <v>1521</v>
      </c>
      <c r="O7835" s="5" t="s">
        <v>38</v>
      </c>
      <c r="P7835" s="5" t="s">
        <v>39</v>
      </c>
      <c r="Q7835" s="5" t="s">
        <v>40</v>
      </c>
      <c r="R7835" s="5" t="s">
        <v>1522</v>
      </c>
      <c r="S7835" s="5" t="s">
        <v>1523</v>
      </c>
      <c r="T7835" s="5" t="s">
        <v>42</v>
      </c>
      <c r="U7835" s="2">
        <v>3.677</v>
      </c>
      <c r="V7835" s="2">
        <v>3.0129999999999999</v>
      </c>
      <c r="W7835" s="2">
        <v>0.02</v>
      </c>
      <c r="X7835" s="2">
        <v>159.1</v>
      </c>
      <c r="Y7835" s="2">
        <v>7.6</v>
      </c>
      <c r="Z7835" s="2">
        <v>16.7</v>
      </c>
      <c r="AA7835" s="5"/>
      <c r="AB7835" s="5" t="s">
        <v>43</v>
      </c>
      <c r="AC7835" s="5" t="s">
        <v>44</v>
      </c>
      <c r="AD7835" s="2"/>
      <c r="AE7835" s="1"/>
    </row>
    <row r="7836" spans="1:31" ht="14.45">
      <c r="A7836" s="11"/>
      <c r="B7836" s="20"/>
      <c r="C7836" s="2" t="s">
        <v>23980</v>
      </c>
      <c r="D7836" s="14" t="s">
        <v>23981</v>
      </c>
      <c r="E7836" s="2" t="s">
        <v>23982</v>
      </c>
      <c r="F7836" s="2" t="s">
        <v>7585</v>
      </c>
      <c r="G7836" s="8">
        <v>300</v>
      </c>
      <c r="H7836" s="5">
        <v>6</v>
      </c>
      <c r="I7836" s="5" t="s">
        <v>1518</v>
      </c>
      <c r="J7836" s="5" t="s">
        <v>1519</v>
      </c>
      <c r="K7836" s="2" t="s">
        <v>1520</v>
      </c>
      <c r="L7836" s="5" t="s">
        <v>1519</v>
      </c>
      <c r="M7836" s="2" t="s">
        <v>1520</v>
      </c>
      <c r="N7836" s="5" t="s">
        <v>1521</v>
      </c>
      <c r="O7836" s="5" t="s">
        <v>38</v>
      </c>
      <c r="P7836" s="5" t="s">
        <v>39</v>
      </c>
      <c r="Q7836" s="5" t="s">
        <v>40</v>
      </c>
      <c r="R7836" s="5" t="s">
        <v>1522</v>
      </c>
      <c r="S7836" s="5" t="s">
        <v>1523</v>
      </c>
      <c r="T7836" s="5" t="s">
        <v>42</v>
      </c>
      <c r="U7836" s="2">
        <v>3.5489999999999999</v>
      </c>
      <c r="V7836" s="2">
        <v>2.8849999999999998</v>
      </c>
      <c r="W7836" s="2">
        <v>0.02</v>
      </c>
      <c r="X7836" s="2">
        <v>159.1</v>
      </c>
      <c r="Y7836" s="2">
        <v>7.6</v>
      </c>
      <c r="Z7836" s="2">
        <v>16.7</v>
      </c>
      <c r="AA7836" s="5"/>
      <c r="AB7836" s="5" t="s">
        <v>43</v>
      </c>
      <c r="AC7836" s="5" t="s">
        <v>44</v>
      </c>
      <c r="AD7836" s="2"/>
      <c r="AE7836" s="1"/>
    </row>
    <row r="7837" spans="1:31" ht="14.45">
      <c r="A7837" s="11"/>
      <c r="B7837" s="20"/>
      <c r="C7837" s="2" t="s">
        <v>23983</v>
      </c>
      <c r="D7837" s="14" t="s">
        <v>23984</v>
      </c>
      <c r="E7837" s="2" t="s">
        <v>23985</v>
      </c>
      <c r="F7837" s="2" t="s">
        <v>7589</v>
      </c>
      <c r="G7837" s="8">
        <v>300</v>
      </c>
      <c r="H7837" s="5">
        <v>6</v>
      </c>
      <c r="I7837" s="5" t="s">
        <v>1518</v>
      </c>
      <c r="J7837" s="5" t="s">
        <v>1519</v>
      </c>
      <c r="K7837" s="2" t="s">
        <v>1520</v>
      </c>
      <c r="L7837" s="5" t="s">
        <v>1519</v>
      </c>
      <c r="M7837" s="2" t="s">
        <v>1520</v>
      </c>
      <c r="N7837" s="5" t="s">
        <v>1521</v>
      </c>
      <c r="O7837" s="5" t="s">
        <v>38</v>
      </c>
      <c r="P7837" s="5" t="s">
        <v>39</v>
      </c>
      <c r="Q7837" s="5" t="s">
        <v>40</v>
      </c>
      <c r="R7837" s="5" t="s">
        <v>1522</v>
      </c>
      <c r="S7837" s="5" t="s">
        <v>1523</v>
      </c>
      <c r="T7837" s="5" t="s">
        <v>42</v>
      </c>
      <c r="U7837" s="2">
        <v>3.6480000000000001</v>
      </c>
      <c r="V7837" s="2">
        <v>2.984</v>
      </c>
      <c r="W7837" s="2">
        <v>0.02</v>
      </c>
      <c r="X7837" s="2">
        <v>159.1</v>
      </c>
      <c r="Y7837" s="2">
        <v>7.6</v>
      </c>
      <c r="Z7837" s="2">
        <v>16.7</v>
      </c>
      <c r="AA7837" s="5"/>
      <c r="AB7837" s="5" t="s">
        <v>43</v>
      </c>
      <c r="AC7837" s="5" t="s">
        <v>44</v>
      </c>
      <c r="AD7837" s="2"/>
      <c r="AE7837" s="1"/>
    </row>
    <row r="7838" spans="1:31" ht="14.45">
      <c r="A7838" s="11"/>
      <c r="B7838" s="20"/>
      <c r="C7838" s="2" t="s">
        <v>23986</v>
      </c>
      <c r="D7838" s="14" t="s">
        <v>23987</v>
      </c>
      <c r="E7838" s="2" t="s">
        <v>23988</v>
      </c>
      <c r="F7838" s="2" t="s">
        <v>7593</v>
      </c>
      <c r="G7838" s="8">
        <v>300</v>
      </c>
      <c r="H7838" s="5">
        <v>6</v>
      </c>
      <c r="I7838" s="5" t="s">
        <v>1518</v>
      </c>
      <c r="J7838" s="5" t="s">
        <v>1519</v>
      </c>
      <c r="K7838" s="2" t="s">
        <v>1520</v>
      </c>
      <c r="L7838" s="5" t="s">
        <v>1519</v>
      </c>
      <c r="M7838" s="2" t="s">
        <v>1520</v>
      </c>
      <c r="N7838" s="5" t="s">
        <v>1521</v>
      </c>
      <c r="O7838" s="5" t="s">
        <v>38</v>
      </c>
      <c r="P7838" s="5" t="s">
        <v>39</v>
      </c>
      <c r="Q7838" s="5" t="s">
        <v>40</v>
      </c>
      <c r="R7838" s="5" t="s">
        <v>1522</v>
      </c>
      <c r="S7838" s="5" t="s">
        <v>1523</v>
      </c>
      <c r="T7838" s="5" t="s">
        <v>42</v>
      </c>
      <c r="U7838" s="2">
        <v>3.5779999999999998</v>
      </c>
      <c r="V7838" s="2">
        <v>2.9140000000000001</v>
      </c>
      <c r="W7838" s="2">
        <v>0.02</v>
      </c>
      <c r="X7838" s="2">
        <v>159.1</v>
      </c>
      <c r="Y7838" s="2">
        <v>7.6</v>
      </c>
      <c r="Z7838" s="2">
        <v>16.7</v>
      </c>
      <c r="AA7838" s="5"/>
      <c r="AB7838" s="5" t="s">
        <v>43</v>
      </c>
      <c r="AC7838" s="5" t="s">
        <v>44</v>
      </c>
      <c r="AD7838" s="2"/>
      <c r="AE7838" s="1"/>
    </row>
    <row r="7839" spans="1:31" ht="14.45">
      <c r="A7839" s="11"/>
      <c r="B7839" s="20"/>
      <c r="C7839" s="2" t="s">
        <v>23989</v>
      </c>
      <c r="D7839" s="14" t="s">
        <v>23990</v>
      </c>
      <c r="E7839" s="2" t="s">
        <v>23991</v>
      </c>
      <c r="F7839" s="2" t="s">
        <v>7597</v>
      </c>
      <c r="G7839" s="8">
        <v>300</v>
      </c>
      <c r="H7839" s="5">
        <v>6</v>
      </c>
      <c r="I7839" s="5" t="s">
        <v>1518</v>
      </c>
      <c r="J7839" s="5" t="s">
        <v>1519</v>
      </c>
      <c r="K7839" s="2" t="s">
        <v>1520</v>
      </c>
      <c r="L7839" s="5" t="s">
        <v>1519</v>
      </c>
      <c r="M7839" s="2" t="s">
        <v>1520</v>
      </c>
      <c r="N7839" s="5" t="s">
        <v>1521</v>
      </c>
      <c r="O7839" s="5" t="s">
        <v>38</v>
      </c>
      <c r="P7839" s="5" t="s">
        <v>39</v>
      </c>
      <c r="Q7839" s="5" t="s">
        <v>40</v>
      </c>
      <c r="R7839" s="5" t="s">
        <v>1522</v>
      </c>
      <c r="S7839" s="5" t="s">
        <v>1523</v>
      </c>
      <c r="T7839" s="5" t="s">
        <v>42</v>
      </c>
      <c r="U7839" s="2">
        <v>3.677</v>
      </c>
      <c r="V7839" s="2">
        <v>3.0129999999999999</v>
      </c>
      <c r="W7839" s="2">
        <v>0.02</v>
      </c>
      <c r="X7839" s="2">
        <v>159.1</v>
      </c>
      <c r="Y7839" s="2">
        <v>7.6</v>
      </c>
      <c r="Z7839" s="2">
        <v>16.7</v>
      </c>
      <c r="AA7839" s="5"/>
      <c r="AB7839" s="5" t="s">
        <v>43</v>
      </c>
      <c r="AC7839" s="5" t="s">
        <v>44</v>
      </c>
      <c r="AD7839" s="2"/>
      <c r="AE7839" s="1"/>
    </row>
    <row r="7840" spans="1:31" ht="14.45">
      <c r="A7840" s="11"/>
      <c r="B7840" s="20"/>
      <c r="C7840" s="2" t="s">
        <v>23992</v>
      </c>
      <c r="D7840" s="14" t="s">
        <v>23993</v>
      </c>
      <c r="E7840" s="2" t="s">
        <v>23994</v>
      </c>
      <c r="F7840" s="2" t="s">
        <v>16014</v>
      </c>
      <c r="G7840" s="8">
        <v>300</v>
      </c>
      <c r="H7840" s="5">
        <v>6</v>
      </c>
      <c r="I7840" s="5" t="s">
        <v>1518</v>
      </c>
      <c r="J7840" s="5" t="s">
        <v>1519</v>
      </c>
      <c r="K7840" s="2" t="s">
        <v>1520</v>
      </c>
      <c r="L7840" s="5" t="s">
        <v>1519</v>
      </c>
      <c r="M7840" s="2" t="s">
        <v>1520</v>
      </c>
      <c r="N7840" s="5" t="s">
        <v>1521</v>
      </c>
      <c r="O7840" s="5" t="s">
        <v>38</v>
      </c>
      <c r="P7840" s="5" t="s">
        <v>39</v>
      </c>
      <c r="Q7840" s="5" t="s">
        <v>40</v>
      </c>
      <c r="R7840" s="5" t="s">
        <v>1522</v>
      </c>
      <c r="S7840" s="5" t="s">
        <v>1523</v>
      </c>
      <c r="T7840" s="5" t="s">
        <v>42</v>
      </c>
      <c r="U7840" s="2">
        <v>3.5779999999999998</v>
      </c>
      <c r="V7840" s="2">
        <v>2.9140000000000001</v>
      </c>
      <c r="W7840" s="2">
        <v>0.02</v>
      </c>
      <c r="X7840" s="2">
        <v>159.1</v>
      </c>
      <c r="Y7840" s="2">
        <v>7.6</v>
      </c>
      <c r="Z7840" s="2">
        <v>16.7</v>
      </c>
      <c r="AA7840" s="5"/>
      <c r="AB7840" s="5" t="s">
        <v>43</v>
      </c>
      <c r="AC7840" s="5" t="s">
        <v>44</v>
      </c>
      <c r="AD7840" s="2"/>
      <c r="AE7840" s="1"/>
    </row>
    <row r="7841" spans="1:31" ht="14.45">
      <c r="A7841" s="11"/>
      <c r="B7841" s="20"/>
      <c r="C7841" s="2" t="s">
        <v>23995</v>
      </c>
      <c r="D7841" s="14" t="s">
        <v>23996</v>
      </c>
      <c r="E7841" s="2" t="s">
        <v>23997</v>
      </c>
      <c r="F7841" s="2" t="s">
        <v>16219</v>
      </c>
      <c r="G7841" s="8">
        <v>300</v>
      </c>
      <c r="H7841" s="5">
        <v>6</v>
      </c>
      <c r="I7841" s="5" t="s">
        <v>1518</v>
      </c>
      <c r="J7841" s="5" t="s">
        <v>1519</v>
      </c>
      <c r="K7841" s="2" t="s">
        <v>1520</v>
      </c>
      <c r="L7841" s="5" t="s">
        <v>1519</v>
      </c>
      <c r="M7841" s="2" t="s">
        <v>1520</v>
      </c>
      <c r="N7841" s="5" t="s">
        <v>1521</v>
      </c>
      <c r="O7841" s="5" t="s">
        <v>38</v>
      </c>
      <c r="P7841" s="5" t="s">
        <v>39</v>
      </c>
      <c r="Q7841" s="5" t="s">
        <v>40</v>
      </c>
      <c r="R7841" s="5" t="s">
        <v>1522</v>
      </c>
      <c r="S7841" s="5" t="s">
        <v>1523</v>
      </c>
      <c r="T7841" s="5" t="s">
        <v>42</v>
      </c>
      <c r="U7841" s="2">
        <v>3.677</v>
      </c>
      <c r="V7841" s="2">
        <v>3.0129999999999999</v>
      </c>
      <c r="W7841" s="2">
        <v>0.02</v>
      </c>
      <c r="X7841" s="2">
        <v>159.1</v>
      </c>
      <c r="Y7841" s="2">
        <v>7.6</v>
      </c>
      <c r="Z7841" s="2">
        <v>16.7</v>
      </c>
      <c r="AA7841" s="5"/>
      <c r="AB7841" s="5" t="s">
        <v>43</v>
      </c>
      <c r="AC7841" s="5" t="s">
        <v>44</v>
      </c>
      <c r="AD7841" s="2"/>
      <c r="AE7841" s="1"/>
    </row>
    <row r="7842" spans="1:31" ht="14.45">
      <c r="A7842" s="11"/>
      <c r="B7842" s="20"/>
      <c r="C7842" s="2" t="s">
        <v>23998</v>
      </c>
      <c r="D7842" s="14" t="s">
        <v>23999</v>
      </c>
      <c r="E7842" s="2" t="s">
        <v>24000</v>
      </c>
      <c r="F7842" s="2" t="s">
        <v>16018</v>
      </c>
      <c r="G7842" s="8">
        <v>300</v>
      </c>
      <c r="H7842" s="5">
        <v>6</v>
      </c>
      <c r="I7842" s="5" t="s">
        <v>1518</v>
      </c>
      <c r="J7842" s="5" t="s">
        <v>1519</v>
      </c>
      <c r="K7842" s="2" t="s">
        <v>1520</v>
      </c>
      <c r="L7842" s="5" t="s">
        <v>1519</v>
      </c>
      <c r="M7842" s="2" t="s">
        <v>1520</v>
      </c>
      <c r="N7842" s="5" t="s">
        <v>1521</v>
      </c>
      <c r="O7842" s="5" t="s">
        <v>38</v>
      </c>
      <c r="P7842" s="5" t="s">
        <v>39</v>
      </c>
      <c r="Q7842" s="5" t="s">
        <v>40</v>
      </c>
      <c r="R7842" s="5" t="s">
        <v>1522</v>
      </c>
      <c r="S7842" s="5" t="s">
        <v>1523</v>
      </c>
      <c r="T7842" s="5" t="s">
        <v>42</v>
      </c>
      <c r="U7842" s="2">
        <v>3.5779999999999998</v>
      </c>
      <c r="V7842" s="2">
        <v>2.9140000000000001</v>
      </c>
      <c r="W7842" s="2">
        <v>0.02</v>
      </c>
      <c r="X7842" s="2">
        <v>159.1</v>
      </c>
      <c r="Y7842" s="2">
        <v>7.6</v>
      </c>
      <c r="Z7842" s="2">
        <v>16.7</v>
      </c>
      <c r="AA7842" s="5"/>
      <c r="AB7842" s="5" t="s">
        <v>43</v>
      </c>
      <c r="AC7842" s="5" t="s">
        <v>44</v>
      </c>
      <c r="AD7842" s="2"/>
      <c r="AE7842" s="1"/>
    </row>
    <row r="7843" spans="1:31" ht="14.45">
      <c r="A7843" s="11"/>
      <c r="B7843" s="20"/>
      <c r="C7843" s="2" t="s">
        <v>24001</v>
      </c>
      <c r="D7843" s="14" t="s">
        <v>24002</v>
      </c>
      <c r="E7843" s="2" t="s">
        <v>24003</v>
      </c>
      <c r="F7843" s="2" t="s">
        <v>16022</v>
      </c>
      <c r="G7843" s="8">
        <v>300</v>
      </c>
      <c r="H7843" s="5">
        <v>6</v>
      </c>
      <c r="I7843" s="5" t="s">
        <v>1518</v>
      </c>
      <c r="J7843" s="5" t="s">
        <v>1519</v>
      </c>
      <c r="K7843" s="2" t="s">
        <v>1520</v>
      </c>
      <c r="L7843" s="5" t="s">
        <v>1519</v>
      </c>
      <c r="M7843" s="2" t="s">
        <v>1520</v>
      </c>
      <c r="N7843" s="5" t="s">
        <v>1521</v>
      </c>
      <c r="O7843" s="5" t="s">
        <v>38</v>
      </c>
      <c r="P7843" s="5" t="s">
        <v>39</v>
      </c>
      <c r="Q7843" s="5" t="s">
        <v>40</v>
      </c>
      <c r="R7843" s="5" t="s">
        <v>1522</v>
      </c>
      <c r="S7843" s="5" t="s">
        <v>1523</v>
      </c>
      <c r="T7843" s="5" t="s">
        <v>42</v>
      </c>
      <c r="U7843" s="2">
        <v>3.677</v>
      </c>
      <c r="V7843" s="2">
        <v>3.0129999999999999</v>
      </c>
      <c r="W7843" s="2">
        <v>0.02</v>
      </c>
      <c r="X7843" s="2">
        <v>159.1</v>
      </c>
      <c r="Y7843" s="2">
        <v>7.6</v>
      </c>
      <c r="Z7843" s="2">
        <v>16.7</v>
      </c>
      <c r="AA7843" s="5"/>
      <c r="AB7843" s="5" t="s">
        <v>43</v>
      </c>
      <c r="AC7843" s="5" t="s">
        <v>44</v>
      </c>
      <c r="AD7843" s="2"/>
      <c r="AE7843" s="1"/>
    </row>
    <row r="7844" spans="1:31" ht="14.45">
      <c r="A7844" s="11"/>
      <c r="B7844" s="20"/>
      <c r="C7844" s="2" t="s">
        <v>24004</v>
      </c>
      <c r="D7844" s="14" t="s">
        <v>24005</v>
      </c>
      <c r="E7844" s="2" t="s">
        <v>24006</v>
      </c>
      <c r="F7844" s="2" t="s">
        <v>7615</v>
      </c>
      <c r="G7844" s="8">
        <v>300</v>
      </c>
      <c r="H7844" s="5">
        <v>6</v>
      </c>
      <c r="I7844" s="5" t="s">
        <v>1518</v>
      </c>
      <c r="J7844" s="5" t="s">
        <v>1519</v>
      </c>
      <c r="K7844" s="2" t="s">
        <v>1520</v>
      </c>
      <c r="L7844" s="5" t="s">
        <v>1519</v>
      </c>
      <c r="M7844" s="2" t="s">
        <v>1520</v>
      </c>
      <c r="N7844" s="5" t="s">
        <v>1521</v>
      </c>
      <c r="O7844" s="5" t="s">
        <v>38</v>
      </c>
      <c r="P7844" s="5" t="s">
        <v>39</v>
      </c>
      <c r="Q7844" s="5" t="s">
        <v>40</v>
      </c>
      <c r="R7844" s="5" t="s">
        <v>1522</v>
      </c>
      <c r="S7844" s="5" t="s">
        <v>1523</v>
      </c>
      <c r="T7844" s="5" t="s">
        <v>42</v>
      </c>
      <c r="U7844" s="2">
        <v>3.5489999999999999</v>
      </c>
      <c r="V7844" s="2">
        <v>2.8849999999999998</v>
      </c>
      <c r="W7844" s="2">
        <v>0.02</v>
      </c>
      <c r="X7844" s="2">
        <v>159.1</v>
      </c>
      <c r="Y7844" s="2">
        <v>7.6</v>
      </c>
      <c r="Z7844" s="2">
        <v>16.7</v>
      </c>
      <c r="AA7844" s="5"/>
      <c r="AB7844" s="5" t="s">
        <v>43</v>
      </c>
      <c r="AC7844" s="5" t="s">
        <v>44</v>
      </c>
      <c r="AD7844" s="2"/>
      <c r="AE7844" s="1"/>
    </row>
    <row r="7845" spans="1:31" ht="14.45">
      <c r="A7845" s="11"/>
      <c r="B7845" s="20"/>
      <c r="C7845" s="2" t="s">
        <v>24007</v>
      </c>
      <c r="D7845" s="14" t="s">
        <v>24008</v>
      </c>
      <c r="E7845" s="2" t="s">
        <v>24009</v>
      </c>
      <c r="F7845" s="2" t="s">
        <v>7619</v>
      </c>
      <c r="G7845" s="8">
        <v>300</v>
      </c>
      <c r="H7845" s="5">
        <v>6</v>
      </c>
      <c r="I7845" s="5" t="s">
        <v>1518</v>
      </c>
      <c r="J7845" s="5" t="s">
        <v>1519</v>
      </c>
      <c r="K7845" s="2" t="s">
        <v>1520</v>
      </c>
      <c r="L7845" s="5" t="s">
        <v>1519</v>
      </c>
      <c r="M7845" s="2" t="s">
        <v>1520</v>
      </c>
      <c r="N7845" s="5" t="s">
        <v>1521</v>
      </c>
      <c r="O7845" s="5" t="s">
        <v>38</v>
      </c>
      <c r="P7845" s="5" t="s">
        <v>39</v>
      </c>
      <c r="Q7845" s="5" t="s">
        <v>40</v>
      </c>
      <c r="R7845" s="5" t="s">
        <v>1522</v>
      </c>
      <c r="S7845" s="5" t="s">
        <v>1523</v>
      </c>
      <c r="T7845" s="5" t="s">
        <v>42</v>
      </c>
      <c r="U7845" s="2">
        <v>3.6480000000000001</v>
      </c>
      <c r="V7845" s="2">
        <v>2.984</v>
      </c>
      <c r="W7845" s="2">
        <v>0.02</v>
      </c>
      <c r="X7845" s="2">
        <v>159.1</v>
      </c>
      <c r="Y7845" s="2">
        <v>7.6</v>
      </c>
      <c r="Z7845" s="2">
        <v>16.7</v>
      </c>
      <c r="AA7845" s="5"/>
      <c r="AB7845" s="5" t="s">
        <v>43</v>
      </c>
      <c r="AC7845" s="5" t="s">
        <v>44</v>
      </c>
      <c r="AD7845" s="2"/>
      <c r="AE7845" s="1"/>
    </row>
    <row r="7846" spans="1:31" ht="14.45">
      <c r="A7846" s="11"/>
      <c r="B7846" s="20"/>
      <c r="C7846" s="2" t="s">
        <v>24010</v>
      </c>
      <c r="D7846" s="14" t="s">
        <v>24011</v>
      </c>
      <c r="E7846" s="2" t="s">
        <v>24012</v>
      </c>
      <c r="F7846" s="2" t="s">
        <v>16029</v>
      </c>
      <c r="G7846" s="8">
        <v>300</v>
      </c>
      <c r="H7846" s="5">
        <v>11</v>
      </c>
      <c r="I7846" s="5" t="s">
        <v>1518</v>
      </c>
      <c r="J7846" s="5" t="s">
        <v>1519</v>
      </c>
      <c r="K7846" s="2" t="s">
        <v>1520</v>
      </c>
      <c r="L7846" s="5" t="s">
        <v>1519</v>
      </c>
      <c r="M7846" s="2" t="s">
        <v>1520</v>
      </c>
      <c r="N7846" s="5" t="s">
        <v>1521</v>
      </c>
      <c r="O7846" s="5" t="s">
        <v>38</v>
      </c>
      <c r="P7846" s="5" t="s">
        <v>39</v>
      </c>
      <c r="Q7846" s="5" t="s">
        <v>40</v>
      </c>
      <c r="R7846" s="5" t="s">
        <v>1522</v>
      </c>
      <c r="S7846" s="5" t="s">
        <v>1523</v>
      </c>
      <c r="T7846" s="5" t="s">
        <v>42</v>
      </c>
      <c r="U7846" s="2">
        <v>3.5760000000000001</v>
      </c>
      <c r="V7846" s="2">
        <v>2.9119999999999999</v>
      </c>
      <c r="W7846" s="2">
        <v>0.02</v>
      </c>
      <c r="X7846" s="2">
        <v>159.1</v>
      </c>
      <c r="Y7846" s="2">
        <v>7.6</v>
      </c>
      <c r="Z7846" s="2">
        <v>16.7</v>
      </c>
      <c r="AA7846" s="5"/>
      <c r="AB7846" s="5" t="s">
        <v>43</v>
      </c>
      <c r="AC7846" s="5" t="s">
        <v>44</v>
      </c>
      <c r="AD7846" s="2"/>
      <c r="AE7846" s="1"/>
    </row>
    <row r="7847" spans="1:31" ht="14.45">
      <c r="A7847" s="11"/>
      <c r="B7847" s="20"/>
      <c r="C7847" s="2" t="s">
        <v>24013</v>
      </c>
      <c r="D7847" s="14" t="s">
        <v>24014</v>
      </c>
      <c r="E7847" s="2" t="s">
        <v>24015</v>
      </c>
      <c r="F7847" s="2" t="s">
        <v>16033</v>
      </c>
      <c r="G7847" s="8">
        <v>300</v>
      </c>
      <c r="H7847" s="5">
        <v>11</v>
      </c>
      <c r="I7847" s="5" t="s">
        <v>1518</v>
      </c>
      <c r="J7847" s="5" t="s">
        <v>1519</v>
      </c>
      <c r="K7847" s="2" t="s">
        <v>1520</v>
      </c>
      <c r="L7847" s="5" t="s">
        <v>1519</v>
      </c>
      <c r="M7847" s="2" t="s">
        <v>1520</v>
      </c>
      <c r="N7847" s="5" t="s">
        <v>1521</v>
      </c>
      <c r="O7847" s="5" t="s">
        <v>38</v>
      </c>
      <c r="P7847" s="5" t="s">
        <v>39</v>
      </c>
      <c r="Q7847" s="5" t="s">
        <v>40</v>
      </c>
      <c r="R7847" s="5" t="s">
        <v>1522</v>
      </c>
      <c r="S7847" s="5" t="s">
        <v>1523</v>
      </c>
      <c r="T7847" s="5" t="s">
        <v>42</v>
      </c>
      <c r="U7847" s="2">
        <v>3.6749999999999998</v>
      </c>
      <c r="V7847" s="2">
        <v>3.0110000000000001</v>
      </c>
      <c r="W7847" s="2">
        <v>0.02</v>
      </c>
      <c r="X7847" s="2">
        <v>159.1</v>
      </c>
      <c r="Y7847" s="2">
        <v>7.6</v>
      </c>
      <c r="Z7847" s="2">
        <v>16.7</v>
      </c>
      <c r="AA7847" s="5"/>
      <c r="AB7847" s="5" t="s">
        <v>43</v>
      </c>
      <c r="AC7847" s="5" t="s">
        <v>44</v>
      </c>
      <c r="AD7847" s="2"/>
      <c r="AE7847" s="1"/>
    </row>
    <row r="7848" spans="1:31" ht="14.45">
      <c r="A7848" s="11"/>
      <c r="B7848" s="20"/>
      <c r="C7848" s="2" t="s">
        <v>24016</v>
      </c>
      <c r="D7848" s="14" t="s">
        <v>24017</v>
      </c>
      <c r="E7848" s="2" t="s">
        <v>24018</v>
      </c>
      <c r="F7848" s="2" t="s">
        <v>7396</v>
      </c>
      <c r="G7848" s="8">
        <v>290</v>
      </c>
      <c r="H7848" s="5">
        <v>6</v>
      </c>
      <c r="I7848" s="5" t="s">
        <v>1518</v>
      </c>
      <c r="J7848" s="5" t="s">
        <v>1519</v>
      </c>
      <c r="K7848" s="2" t="s">
        <v>1520</v>
      </c>
      <c r="L7848" s="5" t="s">
        <v>1519</v>
      </c>
      <c r="M7848" s="2" t="s">
        <v>1520</v>
      </c>
      <c r="N7848" s="5" t="s">
        <v>1521</v>
      </c>
      <c r="O7848" s="5" t="s">
        <v>38</v>
      </c>
      <c r="P7848" s="5" t="s">
        <v>39</v>
      </c>
      <c r="Q7848" s="5" t="s">
        <v>40</v>
      </c>
      <c r="R7848" s="5" t="s">
        <v>1522</v>
      </c>
      <c r="S7848" s="5" t="s">
        <v>1523</v>
      </c>
      <c r="T7848" s="5" t="s">
        <v>42</v>
      </c>
      <c r="U7848" s="2">
        <v>3.9569999999999999</v>
      </c>
      <c r="V7848" s="2">
        <v>3.3119999999999998</v>
      </c>
      <c r="W7848" s="2">
        <v>0.02</v>
      </c>
      <c r="X7848" s="2">
        <v>159.1</v>
      </c>
      <c r="Y7848" s="2">
        <v>7.6</v>
      </c>
      <c r="Z7848" s="2">
        <v>16.7</v>
      </c>
      <c r="AA7848" s="5"/>
      <c r="AB7848" s="5" t="s">
        <v>43</v>
      </c>
      <c r="AC7848" s="5" t="s">
        <v>44</v>
      </c>
      <c r="AD7848" s="2"/>
      <c r="AE7848" s="1"/>
    </row>
    <row r="7849" spans="1:31" ht="14.45">
      <c r="A7849" s="11"/>
      <c r="B7849" s="20"/>
      <c r="C7849" s="2" t="s">
        <v>24019</v>
      </c>
      <c r="D7849" s="14" t="s">
        <v>24020</v>
      </c>
      <c r="E7849" s="2" t="s">
        <v>24021</v>
      </c>
      <c r="F7849" s="2" t="s">
        <v>7507</v>
      </c>
      <c r="G7849" s="8">
        <v>290</v>
      </c>
      <c r="H7849" s="5">
        <v>6</v>
      </c>
      <c r="I7849" s="5" t="s">
        <v>1518</v>
      </c>
      <c r="J7849" s="5" t="s">
        <v>1519</v>
      </c>
      <c r="K7849" s="2" t="s">
        <v>1520</v>
      </c>
      <c r="L7849" s="5" t="s">
        <v>1519</v>
      </c>
      <c r="M7849" s="2" t="s">
        <v>1520</v>
      </c>
      <c r="N7849" s="5" t="s">
        <v>1521</v>
      </c>
      <c r="O7849" s="5" t="s">
        <v>38</v>
      </c>
      <c r="P7849" s="5" t="s">
        <v>39</v>
      </c>
      <c r="Q7849" s="5" t="s">
        <v>40</v>
      </c>
      <c r="R7849" s="5" t="s">
        <v>1522</v>
      </c>
      <c r="S7849" s="5" t="s">
        <v>1523</v>
      </c>
      <c r="T7849" s="5" t="s">
        <v>42</v>
      </c>
      <c r="U7849" s="2">
        <v>4.0789999999999997</v>
      </c>
      <c r="V7849" s="2">
        <v>3.4340000000000002</v>
      </c>
      <c r="W7849" s="2">
        <v>0.02</v>
      </c>
      <c r="X7849" s="2">
        <v>159.1</v>
      </c>
      <c r="Y7849" s="2">
        <v>7.6</v>
      </c>
      <c r="Z7849" s="2">
        <v>16.7</v>
      </c>
      <c r="AA7849" s="5"/>
      <c r="AB7849" s="5" t="s">
        <v>43</v>
      </c>
      <c r="AC7849" s="5" t="s">
        <v>44</v>
      </c>
      <c r="AD7849" s="2"/>
      <c r="AE7849" s="1"/>
    </row>
    <row r="7850" spans="1:31" ht="14.45">
      <c r="A7850" s="11"/>
      <c r="B7850" s="20"/>
      <c r="C7850" s="2" t="s">
        <v>24022</v>
      </c>
      <c r="D7850" s="14" t="s">
        <v>24023</v>
      </c>
      <c r="E7850" s="2" t="s">
        <v>24024</v>
      </c>
      <c r="F7850" s="2" t="s">
        <v>7204</v>
      </c>
      <c r="G7850" s="8">
        <v>290</v>
      </c>
      <c r="H7850" s="5">
        <v>6</v>
      </c>
      <c r="I7850" s="5" t="s">
        <v>1518</v>
      </c>
      <c r="J7850" s="5" t="s">
        <v>1519</v>
      </c>
      <c r="K7850" s="2" t="s">
        <v>1520</v>
      </c>
      <c r="L7850" s="5" t="s">
        <v>1519</v>
      </c>
      <c r="M7850" s="2" t="s">
        <v>1520</v>
      </c>
      <c r="N7850" s="5" t="s">
        <v>1521</v>
      </c>
      <c r="O7850" s="5" t="s">
        <v>38</v>
      </c>
      <c r="P7850" s="5" t="s">
        <v>39</v>
      </c>
      <c r="Q7850" s="5" t="s">
        <v>40</v>
      </c>
      <c r="R7850" s="5" t="s">
        <v>1522</v>
      </c>
      <c r="S7850" s="5" t="s">
        <v>1523</v>
      </c>
      <c r="T7850" s="5" t="s">
        <v>42</v>
      </c>
      <c r="U7850" s="2">
        <v>3.9710000000000001</v>
      </c>
      <c r="V7850" s="2">
        <v>3.3260000000000001</v>
      </c>
      <c r="W7850" s="2">
        <v>0.02</v>
      </c>
      <c r="X7850" s="2">
        <v>159.1</v>
      </c>
      <c r="Y7850" s="2">
        <v>7.6</v>
      </c>
      <c r="Z7850" s="2">
        <v>16.7</v>
      </c>
      <c r="AA7850" s="5"/>
      <c r="AB7850" s="5" t="s">
        <v>43</v>
      </c>
      <c r="AC7850" s="5" t="s">
        <v>44</v>
      </c>
      <c r="AD7850" s="2"/>
      <c r="AE7850" s="1"/>
    </row>
    <row r="7851" spans="1:31" ht="14.45">
      <c r="A7851" s="11"/>
      <c r="B7851" s="20"/>
      <c r="C7851" s="2" t="s">
        <v>24025</v>
      </c>
      <c r="D7851" s="14" t="s">
        <v>24026</v>
      </c>
      <c r="E7851" s="2" t="s">
        <v>24027</v>
      </c>
      <c r="F7851" s="2" t="s">
        <v>7514</v>
      </c>
      <c r="G7851" s="8">
        <v>290</v>
      </c>
      <c r="H7851" s="5">
        <v>6</v>
      </c>
      <c r="I7851" s="5" t="s">
        <v>1518</v>
      </c>
      <c r="J7851" s="5" t="s">
        <v>1519</v>
      </c>
      <c r="K7851" s="2" t="s">
        <v>1520</v>
      </c>
      <c r="L7851" s="5" t="s">
        <v>1519</v>
      </c>
      <c r="M7851" s="2" t="s">
        <v>1520</v>
      </c>
      <c r="N7851" s="5" t="s">
        <v>1521</v>
      </c>
      <c r="O7851" s="5" t="s">
        <v>38</v>
      </c>
      <c r="P7851" s="5" t="s">
        <v>39</v>
      </c>
      <c r="Q7851" s="5" t="s">
        <v>40</v>
      </c>
      <c r="R7851" s="5" t="s">
        <v>1522</v>
      </c>
      <c r="S7851" s="5" t="s">
        <v>1523</v>
      </c>
      <c r="T7851" s="5" t="s">
        <v>42</v>
      </c>
      <c r="U7851" s="2">
        <v>4.093</v>
      </c>
      <c r="V7851" s="2">
        <v>3.448</v>
      </c>
      <c r="W7851" s="2">
        <v>0.02</v>
      </c>
      <c r="X7851" s="2">
        <v>159.1</v>
      </c>
      <c r="Y7851" s="2">
        <v>7.6</v>
      </c>
      <c r="Z7851" s="2">
        <v>16.7</v>
      </c>
      <c r="AA7851" s="5"/>
      <c r="AB7851" s="5" t="s">
        <v>43</v>
      </c>
      <c r="AC7851" s="5" t="s">
        <v>44</v>
      </c>
      <c r="AD7851" s="2"/>
      <c r="AE7851" s="1"/>
    </row>
    <row r="7852" spans="1:31" ht="14.45">
      <c r="A7852" s="11"/>
      <c r="B7852" s="20"/>
      <c r="C7852" s="2" t="s">
        <v>24028</v>
      </c>
      <c r="D7852" s="14" t="s">
        <v>24029</v>
      </c>
      <c r="E7852" s="2" t="s">
        <v>24030</v>
      </c>
      <c r="F7852" s="2" t="s">
        <v>7208</v>
      </c>
      <c r="G7852" s="8">
        <v>290</v>
      </c>
      <c r="H7852" s="5">
        <v>6</v>
      </c>
      <c r="I7852" s="5" t="s">
        <v>1518</v>
      </c>
      <c r="J7852" s="5" t="s">
        <v>1519</v>
      </c>
      <c r="K7852" s="2" t="s">
        <v>1520</v>
      </c>
      <c r="L7852" s="5" t="s">
        <v>1519</v>
      </c>
      <c r="M7852" s="2" t="s">
        <v>1520</v>
      </c>
      <c r="N7852" s="5" t="s">
        <v>1521</v>
      </c>
      <c r="O7852" s="5" t="s">
        <v>38</v>
      </c>
      <c r="P7852" s="5" t="s">
        <v>39</v>
      </c>
      <c r="Q7852" s="5" t="s">
        <v>40</v>
      </c>
      <c r="R7852" s="5" t="s">
        <v>1522</v>
      </c>
      <c r="S7852" s="5" t="s">
        <v>1523</v>
      </c>
      <c r="T7852" s="5" t="s">
        <v>42</v>
      </c>
      <c r="U7852" s="2">
        <v>3.9710000000000001</v>
      </c>
      <c r="V7852" s="2">
        <v>3.3260000000000001</v>
      </c>
      <c r="W7852" s="2">
        <v>0.02</v>
      </c>
      <c r="X7852" s="2">
        <v>159.1</v>
      </c>
      <c r="Y7852" s="2">
        <v>7.6</v>
      </c>
      <c r="Z7852" s="2">
        <v>16.7</v>
      </c>
      <c r="AA7852" s="5"/>
      <c r="AB7852" s="5" t="s">
        <v>43</v>
      </c>
      <c r="AC7852" s="5" t="s">
        <v>44</v>
      </c>
      <c r="AD7852" s="2"/>
      <c r="AE7852" s="1"/>
    </row>
    <row r="7853" spans="1:31" ht="14.45">
      <c r="A7853" s="11"/>
      <c r="B7853" s="20"/>
      <c r="C7853" s="2" t="s">
        <v>24031</v>
      </c>
      <c r="D7853" s="14" t="s">
        <v>24032</v>
      </c>
      <c r="E7853" s="2" t="s">
        <v>24033</v>
      </c>
      <c r="F7853" s="2" t="s">
        <v>7521</v>
      </c>
      <c r="G7853" s="8">
        <v>290</v>
      </c>
      <c r="H7853" s="5">
        <v>6</v>
      </c>
      <c r="I7853" s="5" t="s">
        <v>1518</v>
      </c>
      <c r="J7853" s="5" t="s">
        <v>1519</v>
      </c>
      <c r="K7853" s="2" t="s">
        <v>1520</v>
      </c>
      <c r="L7853" s="5" t="s">
        <v>1519</v>
      </c>
      <c r="M7853" s="2" t="s">
        <v>1520</v>
      </c>
      <c r="N7853" s="5" t="s">
        <v>1521</v>
      </c>
      <c r="O7853" s="5" t="s">
        <v>38</v>
      </c>
      <c r="P7853" s="5" t="s">
        <v>39</v>
      </c>
      <c r="Q7853" s="5" t="s">
        <v>40</v>
      </c>
      <c r="R7853" s="5" t="s">
        <v>1522</v>
      </c>
      <c r="S7853" s="5" t="s">
        <v>1523</v>
      </c>
      <c r="T7853" s="5" t="s">
        <v>42</v>
      </c>
      <c r="U7853" s="2">
        <v>4.093</v>
      </c>
      <c r="V7853" s="2">
        <v>3.448</v>
      </c>
      <c r="W7853" s="2">
        <v>0.02</v>
      </c>
      <c r="X7853" s="2">
        <v>159.1</v>
      </c>
      <c r="Y7853" s="2">
        <v>7.6</v>
      </c>
      <c r="Z7853" s="2">
        <v>16.7</v>
      </c>
      <c r="AA7853" s="5"/>
      <c r="AB7853" s="5" t="s">
        <v>43</v>
      </c>
      <c r="AC7853" s="5" t="s">
        <v>44</v>
      </c>
      <c r="AD7853" s="2"/>
      <c r="AE7853" s="1"/>
    </row>
    <row r="7854" spans="1:31" ht="14.45">
      <c r="A7854" s="11"/>
      <c r="B7854" s="20"/>
      <c r="C7854" s="2" t="s">
        <v>24034</v>
      </c>
      <c r="D7854" s="14" t="s">
        <v>24035</v>
      </c>
      <c r="E7854" s="2" t="s">
        <v>24036</v>
      </c>
      <c r="F7854" s="2" t="s">
        <v>7212</v>
      </c>
      <c r="G7854" s="8">
        <v>290</v>
      </c>
      <c r="H7854" s="5">
        <v>6</v>
      </c>
      <c r="I7854" s="5" t="s">
        <v>1518</v>
      </c>
      <c r="J7854" s="5" t="s">
        <v>1519</v>
      </c>
      <c r="K7854" s="2" t="s">
        <v>1520</v>
      </c>
      <c r="L7854" s="5" t="s">
        <v>1519</v>
      </c>
      <c r="M7854" s="2" t="s">
        <v>1520</v>
      </c>
      <c r="N7854" s="5" t="s">
        <v>1521</v>
      </c>
      <c r="O7854" s="5" t="s">
        <v>38</v>
      </c>
      <c r="P7854" s="5" t="s">
        <v>39</v>
      </c>
      <c r="Q7854" s="5" t="s">
        <v>40</v>
      </c>
      <c r="R7854" s="5" t="s">
        <v>1522</v>
      </c>
      <c r="S7854" s="5" t="s">
        <v>1523</v>
      </c>
      <c r="T7854" s="5" t="s">
        <v>42</v>
      </c>
      <c r="U7854" s="2">
        <v>3.9279999999999999</v>
      </c>
      <c r="V7854" s="2">
        <v>3.2829999999999999</v>
      </c>
      <c r="W7854" s="2">
        <v>0.02</v>
      </c>
      <c r="X7854" s="2">
        <v>159.1</v>
      </c>
      <c r="Y7854" s="2">
        <v>7.6</v>
      </c>
      <c r="Z7854" s="2">
        <v>16.7</v>
      </c>
      <c r="AA7854" s="5"/>
      <c r="AB7854" s="5" t="s">
        <v>43</v>
      </c>
      <c r="AC7854" s="5" t="s">
        <v>44</v>
      </c>
      <c r="AD7854" s="2"/>
      <c r="AE7854" s="1"/>
    </row>
    <row r="7855" spans="1:31" ht="14.45">
      <c r="A7855" s="11"/>
      <c r="B7855" s="20"/>
      <c r="C7855" s="2" t="s">
        <v>24037</v>
      </c>
      <c r="D7855" s="14" t="s">
        <v>24038</v>
      </c>
      <c r="E7855" s="2" t="s">
        <v>24039</v>
      </c>
      <c r="F7855" s="2" t="s">
        <v>7528</v>
      </c>
      <c r="G7855" s="8">
        <v>290</v>
      </c>
      <c r="H7855" s="5">
        <v>6</v>
      </c>
      <c r="I7855" s="5" t="s">
        <v>1518</v>
      </c>
      <c r="J7855" s="5" t="s">
        <v>1519</v>
      </c>
      <c r="K7855" s="2" t="s">
        <v>1520</v>
      </c>
      <c r="L7855" s="5" t="s">
        <v>1519</v>
      </c>
      <c r="M7855" s="2" t="s">
        <v>1520</v>
      </c>
      <c r="N7855" s="5" t="s">
        <v>1521</v>
      </c>
      <c r="O7855" s="5" t="s">
        <v>38</v>
      </c>
      <c r="P7855" s="5" t="s">
        <v>39</v>
      </c>
      <c r="Q7855" s="5" t="s">
        <v>40</v>
      </c>
      <c r="R7855" s="5" t="s">
        <v>1522</v>
      </c>
      <c r="S7855" s="5" t="s">
        <v>1523</v>
      </c>
      <c r="T7855" s="5" t="s">
        <v>42</v>
      </c>
      <c r="U7855" s="2">
        <v>4.05</v>
      </c>
      <c r="V7855" s="2">
        <v>3.4049999999999998</v>
      </c>
      <c r="W7855" s="2">
        <v>0.02</v>
      </c>
      <c r="X7855" s="2">
        <v>159.1</v>
      </c>
      <c r="Y7855" s="2">
        <v>7.6</v>
      </c>
      <c r="Z7855" s="2">
        <v>16.7</v>
      </c>
      <c r="AA7855" s="5"/>
      <c r="AB7855" s="5" t="s">
        <v>43</v>
      </c>
      <c r="AC7855" s="5" t="s">
        <v>44</v>
      </c>
      <c r="AD7855" s="2"/>
      <c r="AE7855" s="1"/>
    </row>
    <row r="7856" spans="1:31" ht="14.45">
      <c r="A7856" s="11"/>
      <c r="B7856" s="20"/>
      <c r="C7856" s="2" t="s">
        <v>24040</v>
      </c>
      <c r="D7856" s="14" t="s">
        <v>24041</v>
      </c>
      <c r="E7856" s="2" t="s">
        <v>24042</v>
      </c>
      <c r="F7856" s="2" t="s">
        <v>7406</v>
      </c>
      <c r="G7856" s="8">
        <v>314</v>
      </c>
      <c r="H7856" s="5">
        <v>6</v>
      </c>
      <c r="I7856" s="5" t="s">
        <v>1518</v>
      </c>
      <c r="J7856" s="5" t="s">
        <v>1519</v>
      </c>
      <c r="K7856" s="2" t="s">
        <v>1520</v>
      </c>
      <c r="L7856" s="5" t="s">
        <v>1519</v>
      </c>
      <c r="M7856" s="2" t="s">
        <v>1520</v>
      </c>
      <c r="N7856" s="5" t="s">
        <v>1521</v>
      </c>
      <c r="O7856" s="5" t="s">
        <v>38</v>
      </c>
      <c r="P7856" s="5" t="s">
        <v>39</v>
      </c>
      <c r="Q7856" s="5" t="s">
        <v>40</v>
      </c>
      <c r="R7856" s="5" t="s">
        <v>1522</v>
      </c>
      <c r="S7856" s="5" t="s">
        <v>1523</v>
      </c>
      <c r="T7856" s="5" t="s">
        <v>42</v>
      </c>
      <c r="U7856" s="2">
        <v>3.9279999999999999</v>
      </c>
      <c r="V7856" s="2">
        <v>3.2829999999999999</v>
      </c>
      <c r="W7856" s="2">
        <v>0.02</v>
      </c>
      <c r="X7856" s="2">
        <v>159.1</v>
      </c>
      <c r="Y7856" s="2">
        <v>7.6</v>
      </c>
      <c r="Z7856" s="2">
        <v>16.7</v>
      </c>
      <c r="AA7856" s="5"/>
      <c r="AB7856" s="5" t="s">
        <v>43</v>
      </c>
      <c r="AC7856" s="5" t="s">
        <v>44</v>
      </c>
      <c r="AD7856" s="2"/>
      <c r="AE7856" s="1"/>
    </row>
    <row r="7857" spans="1:31" ht="14.45">
      <c r="A7857" s="11"/>
      <c r="B7857" s="20"/>
      <c r="C7857" s="2" t="s">
        <v>24043</v>
      </c>
      <c r="D7857" s="14" t="s">
        <v>24044</v>
      </c>
      <c r="E7857" s="2" t="s">
        <v>24045</v>
      </c>
      <c r="F7857" s="2" t="s">
        <v>7535</v>
      </c>
      <c r="G7857" s="8">
        <v>314</v>
      </c>
      <c r="H7857" s="5">
        <v>6</v>
      </c>
      <c r="I7857" s="5" t="s">
        <v>1518</v>
      </c>
      <c r="J7857" s="5" t="s">
        <v>1519</v>
      </c>
      <c r="K7857" s="2" t="s">
        <v>1520</v>
      </c>
      <c r="L7857" s="5" t="s">
        <v>1519</v>
      </c>
      <c r="M7857" s="2" t="s">
        <v>1520</v>
      </c>
      <c r="N7857" s="5" t="s">
        <v>1521</v>
      </c>
      <c r="O7857" s="5" t="s">
        <v>38</v>
      </c>
      <c r="P7857" s="5" t="s">
        <v>39</v>
      </c>
      <c r="Q7857" s="5" t="s">
        <v>40</v>
      </c>
      <c r="R7857" s="5" t="s">
        <v>1522</v>
      </c>
      <c r="S7857" s="5" t="s">
        <v>1523</v>
      </c>
      <c r="T7857" s="5" t="s">
        <v>42</v>
      </c>
      <c r="U7857" s="2">
        <v>4.05</v>
      </c>
      <c r="V7857" s="2">
        <v>3.4049999999999998</v>
      </c>
      <c r="W7857" s="2">
        <v>0.02</v>
      </c>
      <c r="X7857" s="2">
        <v>159.1</v>
      </c>
      <c r="Y7857" s="2">
        <v>7.6</v>
      </c>
      <c r="Z7857" s="2">
        <v>16.7</v>
      </c>
      <c r="AA7857" s="5"/>
      <c r="AB7857" s="5" t="s">
        <v>43</v>
      </c>
      <c r="AC7857" s="5" t="s">
        <v>44</v>
      </c>
      <c r="AD7857" s="2"/>
      <c r="AE7857" s="1"/>
    </row>
    <row r="7858" spans="1:31" ht="14.45">
      <c r="A7858" s="11"/>
      <c r="B7858" s="20"/>
      <c r="C7858" s="2" t="s">
        <v>24046</v>
      </c>
      <c r="D7858" s="14" t="s">
        <v>24047</v>
      </c>
      <c r="E7858" s="2" t="s">
        <v>24048</v>
      </c>
      <c r="F7858" s="2" t="s">
        <v>7539</v>
      </c>
      <c r="G7858" s="8">
        <v>314</v>
      </c>
      <c r="H7858" s="5">
        <v>6</v>
      </c>
      <c r="I7858" s="5" t="s">
        <v>1518</v>
      </c>
      <c r="J7858" s="5" t="s">
        <v>1519</v>
      </c>
      <c r="K7858" s="2" t="s">
        <v>1520</v>
      </c>
      <c r="L7858" s="5" t="s">
        <v>1519</v>
      </c>
      <c r="M7858" s="2" t="s">
        <v>1520</v>
      </c>
      <c r="N7858" s="5" t="s">
        <v>1521</v>
      </c>
      <c r="O7858" s="5" t="s">
        <v>38</v>
      </c>
      <c r="P7858" s="5" t="s">
        <v>39</v>
      </c>
      <c r="Q7858" s="5" t="s">
        <v>40</v>
      </c>
      <c r="R7858" s="5" t="s">
        <v>1522</v>
      </c>
      <c r="S7858" s="5" t="s">
        <v>1523</v>
      </c>
      <c r="T7858" s="5" t="s">
        <v>42</v>
      </c>
      <c r="U7858" s="2">
        <v>3.9710000000000001</v>
      </c>
      <c r="V7858" s="2">
        <v>3.3260000000000001</v>
      </c>
      <c r="W7858" s="2">
        <v>0.02</v>
      </c>
      <c r="X7858" s="2">
        <v>159.1</v>
      </c>
      <c r="Y7858" s="2">
        <v>7.6</v>
      </c>
      <c r="Z7858" s="2">
        <v>16.7</v>
      </c>
      <c r="AA7858" s="5"/>
      <c r="AB7858" s="5" t="s">
        <v>43</v>
      </c>
      <c r="AC7858" s="5" t="s">
        <v>44</v>
      </c>
      <c r="AD7858" s="2"/>
      <c r="AE7858" s="1"/>
    </row>
    <row r="7859" spans="1:31" ht="14.45">
      <c r="A7859" s="11"/>
      <c r="B7859" s="20"/>
      <c r="C7859" s="2" t="s">
        <v>24049</v>
      </c>
      <c r="D7859" s="14" t="s">
        <v>24050</v>
      </c>
      <c r="E7859" s="2" t="s">
        <v>24051</v>
      </c>
      <c r="F7859" s="2" t="s">
        <v>7543</v>
      </c>
      <c r="G7859" s="8">
        <v>314</v>
      </c>
      <c r="H7859" s="5">
        <v>6</v>
      </c>
      <c r="I7859" s="5" t="s">
        <v>1518</v>
      </c>
      <c r="J7859" s="5" t="s">
        <v>1519</v>
      </c>
      <c r="K7859" s="2" t="s">
        <v>1520</v>
      </c>
      <c r="L7859" s="5" t="s">
        <v>1519</v>
      </c>
      <c r="M7859" s="2" t="s">
        <v>1520</v>
      </c>
      <c r="N7859" s="5" t="s">
        <v>1521</v>
      </c>
      <c r="O7859" s="5" t="s">
        <v>38</v>
      </c>
      <c r="P7859" s="5" t="s">
        <v>39</v>
      </c>
      <c r="Q7859" s="5" t="s">
        <v>40</v>
      </c>
      <c r="R7859" s="5" t="s">
        <v>1522</v>
      </c>
      <c r="S7859" s="5" t="s">
        <v>1523</v>
      </c>
      <c r="T7859" s="5" t="s">
        <v>42</v>
      </c>
      <c r="U7859" s="2">
        <v>4.093</v>
      </c>
      <c r="V7859" s="2">
        <v>3.448</v>
      </c>
      <c r="W7859" s="2">
        <v>0.02</v>
      </c>
      <c r="X7859" s="2">
        <v>159.1</v>
      </c>
      <c r="Y7859" s="2">
        <v>7.6</v>
      </c>
      <c r="Z7859" s="2">
        <v>16.7</v>
      </c>
      <c r="AA7859" s="5"/>
      <c r="AB7859" s="5" t="s">
        <v>43</v>
      </c>
      <c r="AC7859" s="5" t="s">
        <v>44</v>
      </c>
      <c r="AD7859" s="2"/>
      <c r="AE7859" s="1"/>
    </row>
    <row r="7860" spans="1:31" ht="14.45">
      <c r="A7860" s="11"/>
      <c r="B7860" s="20"/>
      <c r="C7860" s="2" t="s">
        <v>24052</v>
      </c>
      <c r="D7860" s="14" t="s">
        <v>24053</v>
      </c>
      <c r="E7860" s="2" t="s">
        <v>24054</v>
      </c>
      <c r="F7860" s="2" t="s">
        <v>7547</v>
      </c>
      <c r="G7860" s="8">
        <v>314</v>
      </c>
      <c r="H7860" s="5">
        <v>6</v>
      </c>
      <c r="I7860" s="5" t="s">
        <v>1518</v>
      </c>
      <c r="J7860" s="5" t="s">
        <v>1519</v>
      </c>
      <c r="K7860" s="2" t="s">
        <v>1520</v>
      </c>
      <c r="L7860" s="5" t="s">
        <v>1519</v>
      </c>
      <c r="M7860" s="2" t="s">
        <v>1520</v>
      </c>
      <c r="N7860" s="5" t="s">
        <v>1521</v>
      </c>
      <c r="O7860" s="5" t="s">
        <v>38</v>
      </c>
      <c r="P7860" s="5" t="s">
        <v>39</v>
      </c>
      <c r="Q7860" s="5" t="s">
        <v>40</v>
      </c>
      <c r="R7860" s="5" t="s">
        <v>1522</v>
      </c>
      <c r="S7860" s="5" t="s">
        <v>1523</v>
      </c>
      <c r="T7860" s="5" t="s">
        <v>42</v>
      </c>
      <c r="U7860" s="2">
        <v>3.9279999999999999</v>
      </c>
      <c r="V7860" s="2">
        <v>3.2829999999999999</v>
      </c>
      <c r="W7860" s="2">
        <v>0.02</v>
      </c>
      <c r="X7860" s="2">
        <v>159.1</v>
      </c>
      <c r="Y7860" s="2">
        <v>7.6</v>
      </c>
      <c r="Z7860" s="2">
        <v>16.7</v>
      </c>
      <c r="AA7860" s="5"/>
      <c r="AB7860" s="5" t="s">
        <v>43</v>
      </c>
      <c r="AC7860" s="5" t="s">
        <v>44</v>
      </c>
      <c r="AD7860" s="2"/>
      <c r="AE7860" s="1"/>
    </row>
    <row r="7861" spans="1:31" ht="14.45">
      <c r="A7861" s="11"/>
      <c r="B7861" s="20"/>
      <c r="C7861" s="2" t="s">
        <v>24055</v>
      </c>
      <c r="D7861" s="14" t="s">
        <v>24056</v>
      </c>
      <c r="E7861" s="2" t="s">
        <v>24057</v>
      </c>
      <c r="F7861" s="2" t="s">
        <v>7551</v>
      </c>
      <c r="G7861" s="8">
        <v>314</v>
      </c>
      <c r="H7861" s="5">
        <v>6</v>
      </c>
      <c r="I7861" s="5" t="s">
        <v>1518</v>
      </c>
      <c r="J7861" s="5" t="s">
        <v>1519</v>
      </c>
      <c r="K7861" s="2" t="s">
        <v>1520</v>
      </c>
      <c r="L7861" s="5" t="s">
        <v>1519</v>
      </c>
      <c r="M7861" s="2" t="s">
        <v>1520</v>
      </c>
      <c r="N7861" s="5" t="s">
        <v>1521</v>
      </c>
      <c r="O7861" s="5" t="s">
        <v>38</v>
      </c>
      <c r="P7861" s="5" t="s">
        <v>39</v>
      </c>
      <c r="Q7861" s="5" t="s">
        <v>40</v>
      </c>
      <c r="R7861" s="5" t="s">
        <v>1522</v>
      </c>
      <c r="S7861" s="5" t="s">
        <v>1523</v>
      </c>
      <c r="T7861" s="5" t="s">
        <v>42</v>
      </c>
      <c r="U7861" s="2">
        <v>4.05</v>
      </c>
      <c r="V7861" s="2">
        <v>3.4049999999999998</v>
      </c>
      <c r="W7861" s="2">
        <v>0.02</v>
      </c>
      <c r="X7861" s="2">
        <v>159.1</v>
      </c>
      <c r="Y7861" s="2">
        <v>7.6</v>
      </c>
      <c r="Z7861" s="2">
        <v>16.7</v>
      </c>
      <c r="AA7861" s="5"/>
      <c r="AB7861" s="5" t="s">
        <v>43</v>
      </c>
      <c r="AC7861" s="5" t="s">
        <v>44</v>
      </c>
      <c r="AD7861" s="2"/>
      <c r="AE7861" s="1"/>
    </row>
    <row r="7862" spans="1:31" ht="14.45">
      <c r="A7862" s="11"/>
      <c r="B7862" s="20"/>
      <c r="C7862" s="2" t="s">
        <v>24058</v>
      </c>
      <c r="D7862" s="14" t="s">
        <v>24059</v>
      </c>
      <c r="E7862" s="2" t="s">
        <v>24060</v>
      </c>
      <c r="F7862" s="2" t="s">
        <v>7555</v>
      </c>
      <c r="G7862" s="8">
        <v>314</v>
      </c>
      <c r="H7862" s="5">
        <v>6</v>
      </c>
      <c r="I7862" s="5" t="s">
        <v>1518</v>
      </c>
      <c r="J7862" s="5" t="s">
        <v>1519</v>
      </c>
      <c r="K7862" s="2" t="s">
        <v>1520</v>
      </c>
      <c r="L7862" s="5" t="s">
        <v>1519</v>
      </c>
      <c r="M7862" s="2" t="s">
        <v>1520</v>
      </c>
      <c r="N7862" s="5" t="s">
        <v>1521</v>
      </c>
      <c r="O7862" s="5" t="s">
        <v>38</v>
      </c>
      <c r="P7862" s="5" t="s">
        <v>39</v>
      </c>
      <c r="Q7862" s="5" t="s">
        <v>40</v>
      </c>
      <c r="R7862" s="5" t="s">
        <v>1522</v>
      </c>
      <c r="S7862" s="5" t="s">
        <v>1523</v>
      </c>
      <c r="T7862" s="5" t="s">
        <v>42</v>
      </c>
      <c r="U7862" s="2">
        <v>3.9279999999999999</v>
      </c>
      <c r="V7862" s="2">
        <v>3.2829999999999999</v>
      </c>
      <c r="W7862" s="2">
        <v>0.02</v>
      </c>
      <c r="X7862" s="2">
        <v>159.1</v>
      </c>
      <c r="Y7862" s="2">
        <v>7.6</v>
      </c>
      <c r="Z7862" s="2">
        <v>16.7</v>
      </c>
      <c r="AA7862" s="5"/>
      <c r="AB7862" s="5" t="s">
        <v>43</v>
      </c>
      <c r="AC7862" s="5" t="s">
        <v>44</v>
      </c>
      <c r="AD7862" s="2"/>
      <c r="AE7862" s="1"/>
    </row>
    <row r="7863" spans="1:31" ht="14.45">
      <c r="A7863" s="11"/>
      <c r="B7863" s="20"/>
      <c r="C7863" s="2" t="s">
        <v>24061</v>
      </c>
      <c r="D7863" s="14" t="s">
        <v>24062</v>
      </c>
      <c r="E7863" s="2" t="s">
        <v>24063</v>
      </c>
      <c r="F7863" s="2" t="s">
        <v>7559</v>
      </c>
      <c r="G7863" s="8">
        <v>314</v>
      </c>
      <c r="H7863" s="5">
        <v>6</v>
      </c>
      <c r="I7863" s="5" t="s">
        <v>1518</v>
      </c>
      <c r="J7863" s="5" t="s">
        <v>1519</v>
      </c>
      <c r="K7863" s="2" t="s">
        <v>1520</v>
      </c>
      <c r="L7863" s="5" t="s">
        <v>1519</v>
      </c>
      <c r="M7863" s="2" t="s">
        <v>1520</v>
      </c>
      <c r="N7863" s="5" t="s">
        <v>1521</v>
      </c>
      <c r="O7863" s="5" t="s">
        <v>38</v>
      </c>
      <c r="P7863" s="5" t="s">
        <v>39</v>
      </c>
      <c r="Q7863" s="5" t="s">
        <v>40</v>
      </c>
      <c r="R7863" s="5" t="s">
        <v>1522</v>
      </c>
      <c r="S7863" s="5" t="s">
        <v>1523</v>
      </c>
      <c r="T7863" s="5" t="s">
        <v>42</v>
      </c>
      <c r="U7863" s="2">
        <v>4.05</v>
      </c>
      <c r="V7863" s="2">
        <v>3.4049999999999998</v>
      </c>
      <c r="W7863" s="2">
        <v>0.02</v>
      </c>
      <c r="X7863" s="2">
        <v>159.1</v>
      </c>
      <c r="Y7863" s="2">
        <v>7.6</v>
      </c>
      <c r="Z7863" s="2">
        <v>16.7</v>
      </c>
      <c r="AA7863" s="5"/>
      <c r="AB7863" s="5" t="s">
        <v>43</v>
      </c>
      <c r="AC7863" s="5" t="s">
        <v>44</v>
      </c>
      <c r="AD7863" s="2"/>
      <c r="AE7863" s="1"/>
    </row>
    <row r="7864" spans="1:31" ht="14.45">
      <c r="A7864" s="11"/>
      <c r="B7864" s="20"/>
      <c r="C7864" s="2" t="s">
        <v>24064</v>
      </c>
      <c r="D7864" s="14" t="s">
        <v>24065</v>
      </c>
      <c r="E7864" s="2" t="s">
        <v>24066</v>
      </c>
      <c r="F7864" s="2" t="s">
        <v>7563</v>
      </c>
      <c r="G7864" s="8">
        <v>314</v>
      </c>
      <c r="H7864" s="5">
        <v>6</v>
      </c>
      <c r="I7864" s="5" t="s">
        <v>1518</v>
      </c>
      <c r="J7864" s="5" t="s">
        <v>1519</v>
      </c>
      <c r="K7864" s="2" t="s">
        <v>1520</v>
      </c>
      <c r="L7864" s="5" t="s">
        <v>1519</v>
      </c>
      <c r="M7864" s="2" t="s">
        <v>1520</v>
      </c>
      <c r="N7864" s="5" t="s">
        <v>1521</v>
      </c>
      <c r="O7864" s="5" t="s">
        <v>38</v>
      </c>
      <c r="P7864" s="5" t="s">
        <v>39</v>
      </c>
      <c r="Q7864" s="5" t="s">
        <v>40</v>
      </c>
      <c r="R7864" s="5" t="s">
        <v>1522</v>
      </c>
      <c r="S7864" s="5" t="s">
        <v>1523</v>
      </c>
      <c r="T7864" s="5" t="s">
        <v>42</v>
      </c>
      <c r="U7864" s="2">
        <v>3.9710000000000001</v>
      </c>
      <c r="V7864" s="2">
        <v>3.3260000000000001</v>
      </c>
      <c r="W7864" s="2">
        <v>0.02</v>
      </c>
      <c r="X7864" s="2">
        <v>159.1</v>
      </c>
      <c r="Y7864" s="2">
        <v>7.6</v>
      </c>
      <c r="Z7864" s="2">
        <v>16.7</v>
      </c>
      <c r="AA7864" s="5"/>
      <c r="AB7864" s="5" t="s">
        <v>43</v>
      </c>
      <c r="AC7864" s="5" t="s">
        <v>44</v>
      </c>
      <c r="AD7864" s="2"/>
      <c r="AE7864" s="1"/>
    </row>
    <row r="7865" spans="1:31" ht="14.45">
      <c r="A7865" s="11"/>
      <c r="B7865" s="20"/>
      <c r="C7865" s="2" t="s">
        <v>24067</v>
      </c>
      <c r="D7865" s="14" t="s">
        <v>24068</v>
      </c>
      <c r="E7865" s="2" t="s">
        <v>24069</v>
      </c>
      <c r="F7865" s="2" t="s">
        <v>7567</v>
      </c>
      <c r="G7865" s="8">
        <v>314</v>
      </c>
      <c r="H7865" s="5">
        <v>6</v>
      </c>
      <c r="I7865" s="5" t="s">
        <v>1518</v>
      </c>
      <c r="J7865" s="5" t="s">
        <v>1519</v>
      </c>
      <c r="K7865" s="2" t="s">
        <v>1520</v>
      </c>
      <c r="L7865" s="5" t="s">
        <v>1519</v>
      </c>
      <c r="M7865" s="2" t="s">
        <v>1520</v>
      </c>
      <c r="N7865" s="5" t="s">
        <v>1521</v>
      </c>
      <c r="O7865" s="5" t="s">
        <v>38</v>
      </c>
      <c r="P7865" s="5" t="s">
        <v>39</v>
      </c>
      <c r="Q7865" s="5" t="s">
        <v>40</v>
      </c>
      <c r="R7865" s="5" t="s">
        <v>1522</v>
      </c>
      <c r="S7865" s="5" t="s">
        <v>1523</v>
      </c>
      <c r="T7865" s="5" t="s">
        <v>42</v>
      </c>
      <c r="U7865" s="2">
        <v>4.093</v>
      </c>
      <c r="V7865" s="2">
        <v>3.448</v>
      </c>
      <c r="W7865" s="2">
        <v>0.02</v>
      </c>
      <c r="X7865" s="2">
        <v>159.1</v>
      </c>
      <c r="Y7865" s="2">
        <v>7.6</v>
      </c>
      <c r="Z7865" s="2">
        <v>16.7</v>
      </c>
      <c r="AA7865" s="5"/>
      <c r="AB7865" s="5" t="s">
        <v>43</v>
      </c>
      <c r="AC7865" s="5" t="s">
        <v>44</v>
      </c>
      <c r="AD7865" s="2"/>
      <c r="AE7865" s="1"/>
    </row>
    <row r="7866" spans="1:31" ht="14.45">
      <c r="A7866" s="11"/>
      <c r="B7866" s="20"/>
      <c r="C7866" s="2" t="s">
        <v>24070</v>
      </c>
      <c r="D7866" s="14" t="s">
        <v>24071</v>
      </c>
      <c r="E7866" s="2" t="s">
        <v>24072</v>
      </c>
      <c r="F7866" s="2" t="s">
        <v>16079</v>
      </c>
      <c r="G7866" s="8">
        <v>314</v>
      </c>
      <c r="H7866" s="5">
        <v>6</v>
      </c>
      <c r="I7866" s="5" t="s">
        <v>1518</v>
      </c>
      <c r="J7866" s="5" t="s">
        <v>1519</v>
      </c>
      <c r="K7866" s="2" t="s">
        <v>1520</v>
      </c>
      <c r="L7866" s="5" t="s">
        <v>1519</v>
      </c>
      <c r="M7866" s="2" t="s">
        <v>1520</v>
      </c>
      <c r="N7866" s="5" t="s">
        <v>1521</v>
      </c>
      <c r="O7866" s="5" t="s">
        <v>38</v>
      </c>
      <c r="P7866" s="5" t="s">
        <v>39</v>
      </c>
      <c r="Q7866" s="5" t="s">
        <v>40</v>
      </c>
      <c r="R7866" s="5" t="s">
        <v>1522</v>
      </c>
      <c r="S7866" s="5" t="s">
        <v>1523</v>
      </c>
      <c r="T7866" s="5" t="s">
        <v>42</v>
      </c>
      <c r="U7866" s="2">
        <v>3.9710000000000001</v>
      </c>
      <c r="V7866" s="2">
        <v>3.3260000000000001</v>
      </c>
      <c r="W7866" s="2">
        <v>0.02</v>
      </c>
      <c r="X7866" s="2">
        <v>159.1</v>
      </c>
      <c r="Y7866" s="2">
        <v>7.6</v>
      </c>
      <c r="Z7866" s="2">
        <v>16.7</v>
      </c>
      <c r="AA7866" s="5"/>
      <c r="AB7866" s="5" t="s">
        <v>43</v>
      </c>
      <c r="AC7866" s="5" t="s">
        <v>44</v>
      </c>
      <c r="AD7866" s="2"/>
      <c r="AE7866" s="1"/>
    </row>
    <row r="7867" spans="1:31" ht="14.45">
      <c r="A7867" s="11"/>
      <c r="B7867" s="20"/>
      <c r="C7867" s="2" t="s">
        <v>24073</v>
      </c>
      <c r="D7867" s="14" t="s">
        <v>24074</v>
      </c>
      <c r="E7867" s="2" t="s">
        <v>24075</v>
      </c>
      <c r="F7867" s="2" t="s">
        <v>16194</v>
      </c>
      <c r="G7867" s="8">
        <v>314</v>
      </c>
      <c r="H7867" s="5">
        <v>6</v>
      </c>
      <c r="I7867" s="5" t="s">
        <v>1518</v>
      </c>
      <c r="J7867" s="5" t="s">
        <v>1519</v>
      </c>
      <c r="K7867" s="2" t="s">
        <v>1520</v>
      </c>
      <c r="L7867" s="5" t="s">
        <v>1519</v>
      </c>
      <c r="M7867" s="2" t="s">
        <v>1520</v>
      </c>
      <c r="N7867" s="5" t="s">
        <v>1521</v>
      </c>
      <c r="O7867" s="5" t="s">
        <v>38</v>
      </c>
      <c r="P7867" s="5" t="s">
        <v>39</v>
      </c>
      <c r="Q7867" s="5" t="s">
        <v>40</v>
      </c>
      <c r="R7867" s="5" t="s">
        <v>1522</v>
      </c>
      <c r="S7867" s="5" t="s">
        <v>1523</v>
      </c>
      <c r="T7867" s="5" t="s">
        <v>42</v>
      </c>
      <c r="U7867" s="2">
        <v>4.093</v>
      </c>
      <c r="V7867" s="2">
        <v>3.448</v>
      </c>
      <c r="W7867" s="2">
        <v>0.02</v>
      </c>
      <c r="X7867" s="2">
        <v>159.1</v>
      </c>
      <c r="Y7867" s="2">
        <v>7.6</v>
      </c>
      <c r="Z7867" s="2">
        <v>16.7</v>
      </c>
      <c r="AA7867" s="5"/>
      <c r="AB7867" s="5" t="s">
        <v>43</v>
      </c>
      <c r="AC7867" s="5" t="s">
        <v>44</v>
      </c>
      <c r="AD7867" s="2"/>
      <c r="AE7867" s="1"/>
    </row>
    <row r="7868" spans="1:31" ht="14.45">
      <c r="A7868" s="11"/>
      <c r="B7868" s="20"/>
      <c r="C7868" s="2" t="s">
        <v>24076</v>
      </c>
      <c r="D7868" s="14" t="s">
        <v>24077</v>
      </c>
      <c r="E7868" s="2" t="s">
        <v>24078</v>
      </c>
      <c r="F7868" s="2" t="s">
        <v>7449</v>
      </c>
      <c r="G7868" s="8">
        <v>314</v>
      </c>
      <c r="H7868" s="5">
        <v>6</v>
      </c>
      <c r="I7868" s="5" t="s">
        <v>1518</v>
      </c>
      <c r="J7868" s="5" t="s">
        <v>1519</v>
      </c>
      <c r="K7868" s="2" t="s">
        <v>1520</v>
      </c>
      <c r="L7868" s="5" t="s">
        <v>1519</v>
      </c>
      <c r="M7868" s="2" t="s">
        <v>1520</v>
      </c>
      <c r="N7868" s="5" t="s">
        <v>1521</v>
      </c>
      <c r="O7868" s="5" t="s">
        <v>38</v>
      </c>
      <c r="P7868" s="5" t="s">
        <v>39</v>
      </c>
      <c r="Q7868" s="5" t="s">
        <v>40</v>
      </c>
      <c r="R7868" s="5" t="s">
        <v>1522</v>
      </c>
      <c r="S7868" s="5" t="s">
        <v>1523</v>
      </c>
      <c r="T7868" s="5" t="s">
        <v>42</v>
      </c>
      <c r="U7868" s="2">
        <v>3.9710000000000001</v>
      </c>
      <c r="V7868" s="2">
        <v>3.3260000000000001</v>
      </c>
      <c r="W7868" s="2">
        <v>0.02</v>
      </c>
      <c r="X7868" s="2">
        <v>159.1</v>
      </c>
      <c r="Y7868" s="2">
        <v>7.6</v>
      </c>
      <c r="Z7868" s="2">
        <v>16.7</v>
      </c>
      <c r="AA7868" s="5"/>
      <c r="AB7868" s="5" t="s">
        <v>43</v>
      </c>
      <c r="AC7868" s="5" t="s">
        <v>44</v>
      </c>
      <c r="AD7868" s="2"/>
      <c r="AE7868" s="1"/>
    </row>
    <row r="7869" spans="1:31" ht="14.45">
      <c r="A7869" s="11"/>
      <c r="B7869" s="20"/>
      <c r="C7869" s="2" t="s">
        <v>24079</v>
      </c>
      <c r="D7869" s="14" t="s">
        <v>24080</v>
      </c>
      <c r="E7869" s="2" t="s">
        <v>24081</v>
      </c>
      <c r="F7869" s="2" t="s">
        <v>7581</v>
      </c>
      <c r="G7869" s="8">
        <v>314</v>
      </c>
      <c r="H7869" s="5">
        <v>6</v>
      </c>
      <c r="I7869" s="5" t="s">
        <v>1518</v>
      </c>
      <c r="J7869" s="5" t="s">
        <v>1519</v>
      </c>
      <c r="K7869" s="2" t="s">
        <v>1520</v>
      </c>
      <c r="L7869" s="5" t="s">
        <v>1519</v>
      </c>
      <c r="M7869" s="2" t="s">
        <v>1520</v>
      </c>
      <c r="N7869" s="5" t="s">
        <v>1521</v>
      </c>
      <c r="O7869" s="5" t="s">
        <v>38</v>
      </c>
      <c r="P7869" s="5" t="s">
        <v>39</v>
      </c>
      <c r="Q7869" s="5" t="s">
        <v>40</v>
      </c>
      <c r="R7869" s="5" t="s">
        <v>1522</v>
      </c>
      <c r="S7869" s="5" t="s">
        <v>1523</v>
      </c>
      <c r="T7869" s="5" t="s">
        <v>42</v>
      </c>
      <c r="U7869" s="2">
        <v>4.093</v>
      </c>
      <c r="V7869" s="2">
        <v>3.448</v>
      </c>
      <c r="W7869" s="2">
        <v>0.02</v>
      </c>
      <c r="X7869" s="2">
        <v>159.1</v>
      </c>
      <c r="Y7869" s="2">
        <v>7.6</v>
      </c>
      <c r="Z7869" s="2">
        <v>16.7</v>
      </c>
      <c r="AA7869" s="5"/>
      <c r="AB7869" s="5" t="s">
        <v>43</v>
      </c>
      <c r="AC7869" s="5" t="s">
        <v>44</v>
      </c>
      <c r="AD7869" s="2"/>
      <c r="AE7869" s="1"/>
    </row>
    <row r="7870" spans="1:31" ht="14.45">
      <c r="A7870" s="11"/>
      <c r="B7870" s="20"/>
      <c r="C7870" s="2" t="s">
        <v>24082</v>
      </c>
      <c r="D7870" s="14" t="s">
        <v>24083</v>
      </c>
      <c r="E7870" s="2" t="s">
        <v>24084</v>
      </c>
      <c r="F7870" s="2" t="s">
        <v>7585</v>
      </c>
      <c r="G7870" s="8">
        <v>314</v>
      </c>
      <c r="H7870" s="5">
        <v>6</v>
      </c>
      <c r="I7870" s="5" t="s">
        <v>1518</v>
      </c>
      <c r="J7870" s="5" t="s">
        <v>1519</v>
      </c>
      <c r="K7870" s="2" t="s">
        <v>1520</v>
      </c>
      <c r="L7870" s="5" t="s">
        <v>1519</v>
      </c>
      <c r="M7870" s="2" t="s">
        <v>1520</v>
      </c>
      <c r="N7870" s="5" t="s">
        <v>1521</v>
      </c>
      <c r="O7870" s="5" t="s">
        <v>38</v>
      </c>
      <c r="P7870" s="5" t="s">
        <v>39</v>
      </c>
      <c r="Q7870" s="5" t="s">
        <v>40</v>
      </c>
      <c r="R7870" s="5" t="s">
        <v>1522</v>
      </c>
      <c r="S7870" s="5" t="s">
        <v>1523</v>
      </c>
      <c r="T7870" s="5" t="s">
        <v>42</v>
      </c>
      <c r="U7870" s="2">
        <v>3.9279999999999999</v>
      </c>
      <c r="V7870" s="2">
        <v>3.2829999999999999</v>
      </c>
      <c r="W7870" s="2">
        <v>0.02</v>
      </c>
      <c r="X7870" s="2">
        <v>159.1</v>
      </c>
      <c r="Y7870" s="2">
        <v>7.6</v>
      </c>
      <c r="Z7870" s="2">
        <v>16.7</v>
      </c>
      <c r="AA7870" s="5"/>
      <c r="AB7870" s="5" t="s">
        <v>43</v>
      </c>
      <c r="AC7870" s="5" t="s">
        <v>44</v>
      </c>
      <c r="AD7870" s="2"/>
      <c r="AE7870" s="1"/>
    </row>
    <row r="7871" spans="1:31" ht="14.45">
      <c r="A7871" s="11"/>
      <c r="B7871" s="20"/>
      <c r="C7871" s="2" t="s">
        <v>24085</v>
      </c>
      <c r="D7871" s="14" t="s">
        <v>24086</v>
      </c>
      <c r="E7871" s="2" t="s">
        <v>24087</v>
      </c>
      <c r="F7871" s="2" t="s">
        <v>7589</v>
      </c>
      <c r="G7871" s="8">
        <v>314</v>
      </c>
      <c r="H7871" s="5">
        <v>6</v>
      </c>
      <c r="I7871" s="5" t="s">
        <v>1518</v>
      </c>
      <c r="J7871" s="5" t="s">
        <v>1519</v>
      </c>
      <c r="K7871" s="2" t="s">
        <v>1520</v>
      </c>
      <c r="L7871" s="5" t="s">
        <v>1519</v>
      </c>
      <c r="M7871" s="2" t="s">
        <v>1520</v>
      </c>
      <c r="N7871" s="5" t="s">
        <v>1521</v>
      </c>
      <c r="O7871" s="5" t="s">
        <v>38</v>
      </c>
      <c r="P7871" s="5" t="s">
        <v>39</v>
      </c>
      <c r="Q7871" s="5" t="s">
        <v>40</v>
      </c>
      <c r="R7871" s="5" t="s">
        <v>1522</v>
      </c>
      <c r="S7871" s="5" t="s">
        <v>1523</v>
      </c>
      <c r="T7871" s="5" t="s">
        <v>42</v>
      </c>
      <c r="U7871" s="2">
        <v>4.05</v>
      </c>
      <c r="V7871" s="2">
        <v>3.4049999999999998</v>
      </c>
      <c r="W7871" s="2">
        <v>0.02</v>
      </c>
      <c r="X7871" s="2">
        <v>159.1</v>
      </c>
      <c r="Y7871" s="2">
        <v>7.6</v>
      </c>
      <c r="Z7871" s="2">
        <v>16.7</v>
      </c>
      <c r="AA7871" s="5"/>
      <c r="AB7871" s="5" t="s">
        <v>43</v>
      </c>
      <c r="AC7871" s="5" t="s">
        <v>44</v>
      </c>
      <c r="AD7871" s="2"/>
      <c r="AE7871" s="1"/>
    </row>
    <row r="7872" spans="1:31" ht="14.45">
      <c r="A7872" s="11"/>
      <c r="B7872" s="20"/>
      <c r="C7872" s="2" t="s">
        <v>24088</v>
      </c>
      <c r="D7872" s="14" t="s">
        <v>24089</v>
      </c>
      <c r="E7872" s="2" t="s">
        <v>24090</v>
      </c>
      <c r="F7872" s="2" t="s">
        <v>7593</v>
      </c>
      <c r="G7872" s="8">
        <v>314</v>
      </c>
      <c r="H7872" s="5">
        <v>6</v>
      </c>
      <c r="I7872" s="5" t="s">
        <v>1518</v>
      </c>
      <c r="J7872" s="5" t="s">
        <v>1519</v>
      </c>
      <c r="K7872" s="2" t="s">
        <v>1520</v>
      </c>
      <c r="L7872" s="5" t="s">
        <v>1519</v>
      </c>
      <c r="M7872" s="2" t="s">
        <v>1520</v>
      </c>
      <c r="N7872" s="5" t="s">
        <v>1521</v>
      </c>
      <c r="O7872" s="5" t="s">
        <v>38</v>
      </c>
      <c r="P7872" s="5" t="s">
        <v>39</v>
      </c>
      <c r="Q7872" s="5" t="s">
        <v>40</v>
      </c>
      <c r="R7872" s="5" t="s">
        <v>1522</v>
      </c>
      <c r="S7872" s="5" t="s">
        <v>1523</v>
      </c>
      <c r="T7872" s="5" t="s">
        <v>42</v>
      </c>
      <c r="U7872" s="2">
        <v>3.9710000000000001</v>
      </c>
      <c r="V7872" s="2">
        <v>3.3260000000000001</v>
      </c>
      <c r="W7872" s="2">
        <v>0.02</v>
      </c>
      <c r="X7872" s="2">
        <v>159.1</v>
      </c>
      <c r="Y7872" s="2">
        <v>7.6</v>
      </c>
      <c r="Z7872" s="2">
        <v>16.7</v>
      </c>
      <c r="AA7872" s="5"/>
      <c r="AB7872" s="5" t="s">
        <v>43</v>
      </c>
      <c r="AC7872" s="5" t="s">
        <v>44</v>
      </c>
      <c r="AD7872" s="2"/>
      <c r="AE7872" s="1"/>
    </row>
    <row r="7873" spans="1:31" ht="14.45">
      <c r="A7873" s="11"/>
      <c r="B7873" s="20"/>
      <c r="C7873" s="2" t="s">
        <v>24091</v>
      </c>
      <c r="D7873" s="14" t="s">
        <v>24092</v>
      </c>
      <c r="E7873" s="2" t="s">
        <v>24093</v>
      </c>
      <c r="F7873" s="2" t="s">
        <v>7597</v>
      </c>
      <c r="G7873" s="8">
        <v>314</v>
      </c>
      <c r="H7873" s="5">
        <v>6</v>
      </c>
      <c r="I7873" s="5" t="s">
        <v>1518</v>
      </c>
      <c r="J7873" s="5" t="s">
        <v>1519</v>
      </c>
      <c r="K7873" s="2" t="s">
        <v>1520</v>
      </c>
      <c r="L7873" s="5" t="s">
        <v>1519</v>
      </c>
      <c r="M7873" s="2" t="s">
        <v>1520</v>
      </c>
      <c r="N7873" s="5" t="s">
        <v>1521</v>
      </c>
      <c r="O7873" s="5" t="s">
        <v>38</v>
      </c>
      <c r="P7873" s="5" t="s">
        <v>39</v>
      </c>
      <c r="Q7873" s="5" t="s">
        <v>40</v>
      </c>
      <c r="R7873" s="5" t="s">
        <v>1522</v>
      </c>
      <c r="S7873" s="5" t="s">
        <v>1523</v>
      </c>
      <c r="T7873" s="5" t="s">
        <v>42</v>
      </c>
      <c r="U7873" s="2">
        <v>4.093</v>
      </c>
      <c r="V7873" s="2">
        <v>3.448</v>
      </c>
      <c r="W7873" s="2">
        <v>0.02</v>
      </c>
      <c r="X7873" s="2">
        <v>159.1</v>
      </c>
      <c r="Y7873" s="2">
        <v>7.6</v>
      </c>
      <c r="Z7873" s="2">
        <v>16.7</v>
      </c>
      <c r="AA7873" s="5"/>
      <c r="AB7873" s="5" t="s">
        <v>43</v>
      </c>
      <c r="AC7873" s="5" t="s">
        <v>44</v>
      </c>
      <c r="AD7873" s="2"/>
      <c r="AE7873" s="1"/>
    </row>
    <row r="7874" spans="1:31" ht="14.45">
      <c r="A7874" s="11"/>
      <c r="B7874" s="20"/>
      <c r="C7874" s="2" t="s">
        <v>24094</v>
      </c>
      <c r="D7874" s="14" t="s">
        <v>24095</v>
      </c>
      <c r="E7874" s="2" t="s">
        <v>24096</v>
      </c>
      <c r="F7874" s="2" t="s">
        <v>16014</v>
      </c>
      <c r="G7874" s="8">
        <v>314</v>
      </c>
      <c r="H7874" s="5">
        <v>6</v>
      </c>
      <c r="I7874" s="5" t="s">
        <v>1518</v>
      </c>
      <c r="J7874" s="5" t="s">
        <v>1519</v>
      </c>
      <c r="K7874" s="2" t="s">
        <v>1520</v>
      </c>
      <c r="L7874" s="5" t="s">
        <v>1519</v>
      </c>
      <c r="M7874" s="2" t="s">
        <v>1520</v>
      </c>
      <c r="N7874" s="5" t="s">
        <v>1521</v>
      </c>
      <c r="O7874" s="5" t="s">
        <v>38</v>
      </c>
      <c r="P7874" s="5" t="s">
        <v>39</v>
      </c>
      <c r="Q7874" s="5" t="s">
        <v>40</v>
      </c>
      <c r="R7874" s="5" t="s">
        <v>1522</v>
      </c>
      <c r="S7874" s="5" t="s">
        <v>1523</v>
      </c>
      <c r="T7874" s="5" t="s">
        <v>42</v>
      </c>
      <c r="U7874" s="2">
        <v>3.9710000000000001</v>
      </c>
      <c r="V7874" s="2">
        <v>3.3260000000000001</v>
      </c>
      <c r="W7874" s="2">
        <v>0.02</v>
      </c>
      <c r="X7874" s="2">
        <v>159.1</v>
      </c>
      <c r="Y7874" s="2">
        <v>7.6</v>
      </c>
      <c r="Z7874" s="2">
        <v>16.7</v>
      </c>
      <c r="AA7874" s="5"/>
      <c r="AB7874" s="5" t="s">
        <v>43</v>
      </c>
      <c r="AC7874" s="5" t="s">
        <v>44</v>
      </c>
      <c r="AD7874" s="2"/>
      <c r="AE7874" s="1"/>
    </row>
    <row r="7875" spans="1:31" ht="14.45">
      <c r="A7875" s="11"/>
      <c r="B7875" s="20"/>
      <c r="C7875" s="2" t="s">
        <v>24097</v>
      </c>
      <c r="D7875" s="14" t="s">
        <v>24098</v>
      </c>
      <c r="E7875" s="2" t="s">
        <v>24099</v>
      </c>
      <c r="F7875" s="2" t="s">
        <v>16219</v>
      </c>
      <c r="G7875" s="8">
        <v>314</v>
      </c>
      <c r="H7875" s="5">
        <v>6</v>
      </c>
      <c r="I7875" s="5" t="s">
        <v>1518</v>
      </c>
      <c r="J7875" s="5" t="s">
        <v>1519</v>
      </c>
      <c r="K7875" s="2" t="s">
        <v>1520</v>
      </c>
      <c r="L7875" s="5" t="s">
        <v>1519</v>
      </c>
      <c r="M7875" s="2" t="s">
        <v>1520</v>
      </c>
      <c r="N7875" s="5" t="s">
        <v>1521</v>
      </c>
      <c r="O7875" s="5" t="s">
        <v>38</v>
      </c>
      <c r="P7875" s="5" t="s">
        <v>39</v>
      </c>
      <c r="Q7875" s="5" t="s">
        <v>40</v>
      </c>
      <c r="R7875" s="5" t="s">
        <v>1522</v>
      </c>
      <c r="S7875" s="5" t="s">
        <v>1523</v>
      </c>
      <c r="T7875" s="5" t="s">
        <v>42</v>
      </c>
      <c r="U7875" s="2">
        <v>4.093</v>
      </c>
      <c r="V7875" s="2">
        <v>3.448</v>
      </c>
      <c r="W7875" s="2">
        <v>0.02</v>
      </c>
      <c r="X7875" s="2">
        <v>159.1</v>
      </c>
      <c r="Y7875" s="2">
        <v>7.6</v>
      </c>
      <c r="Z7875" s="2">
        <v>16.7</v>
      </c>
      <c r="AA7875" s="5"/>
      <c r="AB7875" s="5" t="s">
        <v>43</v>
      </c>
      <c r="AC7875" s="5" t="s">
        <v>44</v>
      </c>
      <c r="AD7875" s="2"/>
      <c r="AE7875" s="1"/>
    </row>
    <row r="7876" spans="1:31" ht="14.45">
      <c r="A7876" s="11"/>
      <c r="B7876" s="20"/>
      <c r="C7876" s="2" t="s">
        <v>24100</v>
      </c>
      <c r="D7876" s="14" t="s">
        <v>24101</v>
      </c>
      <c r="E7876" s="2" t="s">
        <v>24102</v>
      </c>
      <c r="F7876" s="2" t="s">
        <v>16018</v>
      </c>
      <c r="G7876" s="8">
        <v>314</v>
      </c>
      <c r="H7876" s="5">
        <v>6</v>
      </c>
      <c r="I7876" s="5" t="s">
        <v>1518</v>
      </c>
      <c r="J7876" s="5" t="s">
        <v>1519</v>
      </c>
      <c r="K7876" s="2" t="s">
        <v>1520</v>
      </c>
      <c r="L7876" s="5" t="s">
        <v>1519</v>
      </c>
      <c r="M7876" s="2" t="s">
        <v>1520</v>
      </c>
      <c r="N7876" s="5" t="s">
        <v>1521</v>
      </c>
      <c r="O7876" s="5" t="s">
        <v>38</v>
      </c>
      <c r="P7876" s="5" t="s">
        <v>39</v>
      </c>
      <c r="Q7876" s="5" t="s">
        <v>40</v>
      </c>
      <c r="R7876" s="5" t="s">
        <v>1522</v>
      </c>
      <c r="S7876" s="5" t="s">
        <v>1523</v>
      </c>
      <c r="T7876" s="5" t="s">
        <v>42</v>
      </c>
      <c r="U7876" s="2">
        <v>3.9710000000000001</v>
      </c>
      <c r="V7876" s="2">
        <v>3.3260000000000001</v>
      </c>
      <c r="W7876" s="2">
        <v>0.02</v>
      </c>
      <c r="X7876" s="2">
        <v>159.1</v>
      </c>
      <c r="Y7876" s="2">
        <v>7.6</v>
      </c>
      <c r="Z7876" s="2">
        <v>16.7</v>
      </c>
      <c r="AA7876" s="5"/>
      <c r="AB7876" s="5" t="s">
        <v>43</v>
      </c>
      <c r="AC7876" s="5" t="s">
        <v>44</v>
      </c>
      <c r="AD7876" s="2"/>
      <c r="AE7876" s="1"/>
    </row>
    <row r="7877" spans="1:31" ht="14.45">
      <c r="A7877" s="11"/>
      <c r="B7877" s="20"/>
      <c r="C7877" s="2" t="s">
        <v>24103</v>
      </c>
      <c r="D7877" s="14" t="s">
        <v>24104</v>
      </c>
      <c r="E7877" s="2" t="s">
        <v>24105</v>
      </c>
      <c r="F7877" s="2" t="s">
        <v>16022</v>
      </c>
      <c r="G7877" s="8">
        <v>314</v>
      </c>
      <c r="H7877" s="5">
        <v>6</v>
      </c>
      <c r="I7877" s="5" t="s">
        <v>1518</v>
      </c>
      <c r="J7877" s="5" t="s">
        <v>1519</v>
      </c>
      <c r="K7877" s="2" t="s">
        <v>1520</v>
      </c>
      <c r="L7877" s="5" t="s">
        <v>1519</v>
      </c>
      <c r="M7877" s="2" t="s">
        <v>1520</v>
      </c>
      <c r="N7877" s="5" t="s">
        <v>1521</v>
      </c>
      <c r="O7877" s="5" t="s">
        <v>38</v>
      </c>
      <c r="P7877" s="5" t="s">
        <v>39</v>
      </c>
      <c r="Q7877" s="5" t="s">
        <v>40</v>
      </c>
      <c r="R7877" s="5" t="s">
        <v>1522</v>
      </c>
      <c r="S7877" s="5" t="s">
        <v>1523</v>
      </c>
      <c r="T7877" s="5" t="s">
        <v>42</v>
      </c>
      <c r="U7877" s="2">
        <v>4.093</v>
      </c>
      <c r="V7877" s="2">
        <v>3.448</v>
      </c>
      <c r="W7877" s="2">
        <v>0.02</v>
      </c>
      <c r="X7877" s="2">
        <v>159.1</v>
      </c>
      <c r="Y7877" s="2">
        <v>7.6</v>
      </c>
      <c r="Z7877" s="2">
        <v>16.7</v>
      </c>
      <c r="AA7877" s="5"/>
      <c r="AB7877" s="5" t="s">
        <v>43</v>
      </c>
      <c r="AC7877" s="5" t="s">
        <v>44</v>
      </c>
      <c r="AD7877" s="2"/>
      <c r="AE7877" s="1"/>
    </row>
    <row r="7878" spans="1:31" ht="14.45">
      <c r="A7878" s="11"/>
      <c r="B7878" s="20"/>
      <c r="C7878" s="2" t="s">
        <v>24106</v>
      </c>
      <c r="D7878" s="14" t="s">
        <v>24107</v>
      </c>
      <c r="E7878" s="2" t="s">
        <v>24108</v>
      </c>
      <c r="F7878" s="2" t="s">
        <v>7615</v>
      </c>
      <c r="G7878" s="8">
        <v>314</v>
      </c>
      <c r="H7878" s="5">
        <v>6</v>
      </c>
      <c r="I7878" s="5" t="s">
        <v>1518</v>
      </c>
      <c r="J7878" s="5" t="s">
        <v>1519</v>
      </c>
      <c r="K7878" s="2" t="s">
        <v>1520</v>
      </c>
      <c r="L7878" s="5" t="s">
        <v>1519</v>
      </c>
      <c r="M7878" s="2" t="s">
        <v>1520</v>
      </c>
      <c r="N7878" s="5" t="s">
        <v>1521</v>
      </c>
      <c r="O7878" s="5" t="s">
        <v>38</v>
      </c>
      <c r="P7878" s="5" t="s">
        <v>39</v>
      </c>
      <c r="Q7878" s="5" t="s">
        <v>40</v>
      </c>
      <c r="R7878" s="5" t="s">
        <v>1522</v>
      </c>
      <c r="S7878" s="5" t="s">
        <v>1523</v>
      </c>
      <c r="T7878" s="5" t="s">
        <v>42</v>
      </c>
      <c r="U7878" s="2">
        <v>3.9279999999999999</v>
      </c>
      <c r="V7878" s="2">
        <v>3.2829999999999999</v>
      </c>
      <c r="W7878" s="2">
        <v>0.02</v>
      </c>
      <c r="X7878" s="2">
        <v>159.1</v>
      </c>
      <c r="Y7878" s="2">
        <v>7.6</v>
      </c>
      <c r="Z7878" s="2">
        <v>16.7</v>
      </c>
      <c r="AA7878" s="5"/>
      <c r="AB7878" s="5" t="s">
        <v>43</v>
      </c>
      <c r="AC7878" s="5" t="s">
        <v>44</v>
      </c>
      <c r="AD7878" s="2"/>
      <c r="AE7878" s="1"/>
    </row>
    <row r="7879" spans="1:31" ht="14.45">
      <c r="A7879" s="11"/>
      <c r="B7879" s="20"/>
      <c r="C7879" s="2" t="s">
        <v>24109</v>
      </c>
      <c r="D7879" s="14" t="s">
        <v>24110</v>
      </c>
      <c r="E7879" s="2" t="s">
        <v>24111</v>
      </c>
      <c r="F7879" s="2" t="s">
        <v>7619</v>
      </c>
      <c r="G7879" s="8">
        <v>314</v>
      </c>
      <c r="H7879" s="5">
        <v>6</v>
      </c>
      <c r="I7879" s="5" t="s">
        <v>1518</v>
      </c>
      <c r="J7879" s="5" t="s">
        <v>1519</v>
      </c>
      <c r="K7879" s="2" t="s">
        <v>1520</v>
      </c>
      <c r="L7879" s="5" t="s">
        <v>1519</v>
      </c>
      <c r="M7879" s="2" t="s">
        <v>1520</v>
      </c>
      <c r="N7879" s="5" t="s">
        <v>1521</v>
      </c>
      <c r="O7879" s="5" t="s">
        <v>38</v>
      </c>
      <c r="P7879" s="5" t="s">
        <v>39</v>
      </c>
      <c r="Q7879" s="5" t="s">
        <v>40</v>
      </c>
      <c r="R7879" s="5" t="s">
        <v>1522</v>
      </c>
      <c r="S7879" s="5" t="s">
        <v>1523</v>
      </c>
      <c r="T7879" s="5" t="s">
        <v>42</v>
      </c>
      <c r="U7879" s="2">
        <v>4.05</v>
      </c>
      <c r="V7879" s="2">
        <v>3.4049999999999998</v>
      </c>
      <c r="W7879" s="2">
        <v>0.02</v>
      </c>
      <c r="X7879" s="2">
        <v>159.1</v>
      </c>
      <c r="Y7879" s="2">
        <v>7.6</v>
      </c>
      <c r="Z7879" s="2">
        <v>16.7</v>
      </c>
      <c r="AA7879" s="5"/>
      <c r="AB7879" s="5" t="s">
        <v>43</v>
      </c>
      <c r="AC7879" s="5" t="s">
        <v>44</v>
      </c>
      <c r="AD7879" s="2"/>
      <c r="AE7879" s="1"/>
    </row>
    <row r="7880" spans="1:31" ht="14.45">
      <c r="A7880" s="11"/>
      <c r="B7880" s="20"/>
      <c r="C7880" s="2" t="s">
        <v>24112</v>
      </c>
      <c r="D7880" s="14" t="s">
        <v>24113</v>
      </c>
      <c r="E7880" s="2" t="s">
        <v>24114</v>
      </c>
      <c r="F7880" s="2" t="s">
        <v>16029</v>
      </c>
      <c r="G7880" s="8">
        <v>314</v>
      </c>
      <c r="H7880" s="5">
        <v>11</v>
      </c>
      <c r="I7880" s="5" t="s">
        <v>1518</v>
      </c>
      <c r="J7880" s="5" t="s">
        <v>1519</v>
      </c>
      <c r="K7880" s="2" t="s">
        <v>1520</v>
      </c>
      <c r="L7880" s="5" t="s">
        <v>1519</v>
      </c>
      <c r="M7880" s="2" t="s">
        <v>1520</v>
      </c>
      <c r="N7880" s="5" t="s">
        <v>1521</v>
      </c>
      <c r="O7880" s="5" t="s">
        <v>38</v>
      </c>
      <c r="P7880" s="5" t="s">
        <v>39</v>
      </c>
      <c r="Q7880" s="5" t="s">
        <v>40</v>
      </c>
      <c r="R7880" s="5" t="s">
        <v>1522</v>
      </c>
      <c r="S7880" s="5" t="s">
        <v>1523</v>
      </c>
      <c r="T7880" s="5" t="s">
        <v>42</v>
      </c>
      <c r="U7880" s="2">
        <v>3.9689999999999999</v>
      </c>
      <c r="V7880" s="2">
        <v>3.3239999999999998</v>
      </c>
      <c r="W7880" s="2">
        <v>0.02</v>
      </c>
      <c r="X7880" s="2">
        <v>159.1</v>
      </c>
      <c r="Y7880" s="2">
        <v>7.6</v>
      </c>
      <c r="Z7880" s="2">
        <v>16.7</v>
      </c>
      <c r="AA7880" s="5"/>
      <c r="AB7880" s="5" t="s">
        <v>43</v>
      </c>
      <c r="AC7880" s="5" t="s">
        <v>44</v>
      </c>
      <c r="AD7880" s="2"/>
      <c r="AE7880" s="1"/>
    </row>
    <row r="7881" spans="1:31" ht="14.45">
      <c r="A7881" s="11"/>
      <c r="B7881" s="20"/>
      <c r="C7881" s="2" t="s">
        <v>24115</v>
      </c>
      <c r="D7881" s="14" t="s">
        <v>24116</v>
      </c>
      <c r="E7881" s="2" t="s">
        <v>24117</v>
      </c>
      <c r="F7881" s="2" t="s">
        <v>16033</v>
      </c>
      <c r="G7881" s="8">
        <v>314</v>
      </c>
      <c r="H7881" s="5">
        <v>11</v>
      </c>
      <c r="I7881" s="5" t="s">
        <v>1518</v>
      </c>
      <c r="J7881" s="5" t="s">
        <v>1519</v>
      </c>
      <c r="K7881" s="2" t="s">
        <v>1520</v>
      </c>
      <c r="L7881" s="5" t="s">
        <v>1519</v>
      </c>
      <c r="M7881" s="2" t="s">
        <v>1520</v>
      </c>
      <c r="N7881" s="5" t="s">
        <v>1521</v>
      </c>
      <c r="O7881" s="5" t="s">
        <v>38</v>
      </c>
      <c r="P7881" s="5" t="s">
        <v>39</v>
      </c>
      <c r="Q7881" s="5" t="s">
        <v>40</v>
      </c>
      <c r="R7881" s="5" t="s">
        <v>1522</v>
      </c>
      <c r="S7881" s="5" t="s">
        <v>1523</v>
      </c>
      <c r="T7881" s="5" t="s">
        <v>42</v>
      </c>
      <c r="U7881" s="2">
        <v>4.0910000000000002</v>
      </c>
      <c r="V7881" s="2">
        <v>3.4460000000000002</v>
      </c>
      <c r="W7881" s="2">
        <v>0.02</v>
      </c>
      <c r="X7881" s="2">
        <v>159.1</v>
      </c>
      <c r="Y7881" s="2">
        <v>7.6</v>
      </c>
      <c r="Z7881" s="2">
        <v>16.7</v>
      </c>
      <c r="AA7881" s="5"/>
      <c r="AB7881" s="5" t="s">
        <v>43</v>
      </c>
      <c r="AC7881" s="5" t="s">
        <v>44</v>
      </c>
      <c r="AD7881" s="2"/>
      <c r="AE7881" s="1"/>
    </row>
    <row r="7882" spans="1:31" ht="14.45">
      <c r="A7882" s="11"/>
      <c r="B7882" s="20"/>
      <c r="C7882" s="2" t="s">
        <v>24118</v>
      </c>
      <c r="D7882" s="14" t="s">
        <v>24119</v>
      </c>
      <c r="E7882" s="2" t="s">
        <v>24120</v>
      </c>
      <c r="F7882" s="2" t="s">
        <v>7396</v>
      </c>
      <c r="G7882" s="8">
        <v>308</v>
      </c>
      <c r="H7882" s="5">
        <v>6</v>
      </c>
      <c r="I7882" s="5" t="s">
        <v>1518</v>
      </c>
      <c r="J7882" s="5" t="s">
        <v>1519</v>
      </c>
      <c r="K7882" s="2" t="s">
        <v>1520</v>
      </c>
      <c r="L7882" s="5" t="s">
        <v>1519</v>
      </c>
      <c r="M7882" s="2" t="s">
        <v>1520</v>
      </c>
      <c r="N7882" s="5" t="s">
        <v>1521</v>
      </c>
      <c r="O7882" s="5" t="s">
        <v>38</v>
      </c>
      <c r="P7882" s="5" t="s">
        <v>39</v>
      </c>
      <c r="Q7882" s="5" t="s">
        <v>40</v>
      </c>
      <c r="R7882" s="5" t="s">
        <v>1522</v>
      </c>
      <c r="S7882" s="5" t="s">
        <v>1523</v>
      </c>
      <c r="T7882" s="5" t="s">
        <v>42</v>
      </c>
      <c r="U7882" s="2">
        <v>4.1449999999999996</v>
      </c>
      <c r="V7882" s="2">
        <v>3.5089999999999999</v>
      </c>
      <c r="W7882" s="2">
        <v>0.02</v>
      </c>
      <c r="X7882" s="2">
        <v>159.1</v>
      </c>
      <c r="Y7882" s="2">
        <v>7.6</v>
      </c>
      <c r="Z7882" s="2">
        <v>16.7</v>
      </c>
      <c r="AA7882" s="5"/>
      <c r="AB7882" s="5" t="s">
        <v>43</v>
      </c>
      <c r="AC7882" s="5" t="s">
        <v>44</v>
      </c>
      <c r="AD7882" s="2"/>
      <c r="AE7882" s="1"/>
    </row>
    <row r="7883" spans="1:31" ht="14.45">
      <c r="A7883" s="11"/>
      <c r="B7883" s="20"/>
      <c r="C7883" s="2" t="s">
        <v>24121</v>
      </c>
      <c r="D7883" s="14" t="s">
        <v>24122</v>
      </c>
      <c r="E7883" s="2" t="s">
        <v>24123</v>
      </c>
      <c r="F7883" s="2" t="s">
        <v>7507</v>
      </c>
      <c r="G7883" s="8">
        <v>308</v>
      </c>
      <c r="H7883" s="5">
        <v>6</v>
      </c>
      <c r="I7883" s="5" t="s">
        <v>1518</v>
      </c>
      <c r="J7883" s="5" t="s">
        <v>1519</v>
      </c>
      <c r="K7883" s="2" t="s">
        <v>1520</v>
      </c>
      <c r="L7883" s="5" t="s">
        <v>1519</v>
      </c>
      <c r="M7883" s="2" t="s">
        <v>1520</v>
      </c>
      <c r="N7883" s="5" t="s">
        <v>1521</v>
      </c>
      <c r="O7883" s="5" t="s">
        <v>38</v>
      </c>
      <c r="P7883" s="5" t="s">
        <v>39</v>
      </c>
      <c r="Q7883" s="5" t="s">
        <v>40</v>
      </c>
      <c r="R7883" s="5" t="s">
        <v>1522</v>
      </c>
      <c r="S7883" s="5" t="s">
        <v>1523</v>
      </c>
      <c r="T7883" s="5" t="s">
        <v>42</v>
      </c>
      <c r="U7883" s="2">
        <v>4.2789999999999999</v>
      </c>
      <c r="V7883" s="2">
        <v>3.6429999999999998</v>
      </c>
      <c r="W7883" s="2">
        <v>0.02</v>
      </c>
      <c r="X7883" s="2">
        <v>159.1</v>
      </c>
      <c r="Y7883" s="2">
        <v>7.6</v>
      </c>
      <c r="Z7883" s="2">
        <v>16.7</v>
      </c>
      <c r="AA7883" s="5"/>
      <c r="AB7883" s="5" t="s">
        <v>43</v>
      </c>
      <c r="AC7883" s="5" t="s">
        <v>44</v>
      </c>
      <c r="AD7883" s="2"/>
      <c r="AE7883" s="1"/>
    </row>
    <row r="7884" spans="1:31" ht="14.45">
      <c r="A7884" s="11"/>
      <c r="B7884" s="20"/>
      <c r="C7884" s="2" t="s">
        <v>24124</v>
      </c>
      <c r="D7884" s="14" t="s">
        <v>24125</v>
      </c>
      <c r="E7884" s="2" t="s">
        <v>24126</v>
      </c>
      <c r="F7884" s="2" t="s">
        <v>7204</v>
      </c>
      <c r="G7884" s="8">
        <v>308</v>
      </c>
      <c r="H7884" s="5">
        <v>6</v>
      </c>
      <c r="I7884" s="5" t="s">
        <v>1518</v>
      </c>
      <c r="J7884" s="5" t="s">
        <v>1519</v>
      </c>
      <c r="K7884" s="2" t="s">
        <v>1520</v>
      </c>
      <c r="L7884" s="5" t="s">
        <v>1519</v>
      </c>
      <c r="M7884" s="2" t="s">
        <v>1520</v>
      </c>
      <c r="N7884" s="5" t="s">
        <v>1521</v>
      </c>
      <c r="O7884" s="5" t="s">
        <v>38</v>
      </c>
      <c r="P7884" s="5" t="s">
        <v>39</v>
      </c>
      <c r="Q7884" s="5" t="s">
        <v>40</v>
      </c>
      <c r="R7884" s="5" t="s">
        <v>1522</v>
      </c>
      <c r="S7884" s="5" t="s">
        <v>1523</v>
      </c>
      <c r="T7884" s="5" t="s">
        <v>42</v>
      </c>
      <c r="U7884" s="2">
        <v>4.1609999999999996</v>
      </c>
      <c r="V7884" s="2">
        <v>3.5249999999999999</v>
      </c>
      <c r="W7884" s="2">
        <v>0.02</v>
      </c>
      <c r="X7884" s="2">
        <v>159.1</v>
      </c>
      <c r="Y7884" s="2">
        <v>7.6</v>
      </c>
      <c r="Z7884" s="2">
        <v>16.7</v>
      </c>
      <c r="AA7884" s="5"/>
      <c r="AB7884" s="5" t="s">
        <v>43</v>
      </c>
      <c r="AC7884" s="5" t="s">
        <v>44</v>
      </c>
      <c r="AD7884" s="2"/>
      <c r="AE7884" s="1"/>
    </row>
    <row r="7885" spans="1:31" ht="14.45">
      <c r="A7885" s="11"/>
      <c r="B7885" s="20"/>
      <c r="C7885" s="2" t="s">
        <v>24127</v>
      </c>
      <c r="D7885" s="14" t="s">
        <v>24128</v>
      </c>
      <c r="E7885" s="2" t="s">
        <v>24129</v>
      </c>
      <c r="F7885" s="2" t="s">
        <v>7514</v>
      </c>
      <c r="G7885" s="8">
        <v>308</v>
      </c>
      <c r="H7885" s="5">
        <v>6</v>
      </c>
      <c r="I7885" s="5" t="s">
        <v>1518</v>
      </c>
      <c r="J7885" s="5" t="s">
        <v>1519</v>
      </c>
      <c r="K7885" s="2" t="s">
        <v>1520</v>
      </c>
      <c r="L7885" s="5" t="s">
        <v>1519</v>
      </c>
      <c r="M7885" s="2" t="s">
        <v>1520</v>
      </c>
      <c r="N7885" s="5" t="s">
        <v>1521</v>
      </c>
      <c r="O7885" s="5" t="s">
        <v>38</v>
      </c>
      <c r="P7885" s="5" t="s">
        <v>39</v>
      </c>
      <c r="Q7885" s="5" t="s">
        <v>40</v>
      </c>
      <c r="R7885" s="5" t="s">
        <v>1522</v>
      </c>
      <c r="S7885" s="5" t="s">
        <v>1523</v>
      </c>
      <c r="T7885" s="5" t="s">
        <v>42</v>
      </c>
      <c r="U7885" s="2">
        <v>4.2949999999999999</v>
      </c>
      <c r="V7885" s="2">
        <v>3.6589999999999998</v>
      </c>
      <c r="W7885" s="2">
        <v>0.02</v>
      </c>
      <c r="X7885" s="2">
        <v>159.1</v>
      </c>
      <c r="Y7885" s="2">
        <v>7.6</v>
      </c>
      <c r="Z7885" s="2">
        <v>16.7</v>
      </c>
      <c r="AA7885" s="5"/>
      <c r="AB7885" s="5" t="s">
        <v>43</v>
      </c>
      <c r="AC7885" s="5" t="s">
        <v>44</v>
      </c>
      <c r="AD7885" s="2"/>
      <c r="AE7885" s="1"/>
    </row>
    <row r="7886" spans="1:31" ht="14.45">
      <c r="A7886" s="11"/>
      <c r="B7886" s="20"/>
      <c r="C7886" s="2" t="s">
        <v>24130</v>
      </c>
      <c r="D7886" s="14" t="s">
        <v>24131</v>
      </c>
      <c r="E7886" s="2" t="s">
        <v>24132</v>
      </c>
      <c r="F7886" s="2" t="s">
        <v>7208</v>
      </c>
      <c r="G7886" s="8">
        <v>308</v>
      </c>
      <c r="H7886" s="5">
        <v>6</v>
      </c>
      <c r="I7886" s="5" t="s">
        <v>1518</v>
      </c>
      <c r="J7886" s="5" t="s">
        <v>1519</v>
      </c>
      <c r="K7886" s="2" t="s">
        <v>1520</v>
      </c>
      <c r="L7886" s="5" t="s">
        <v>1519</v>
      </c>
      <c r="M7886" s="2" t="s">
        <v>1520</v>
      </c>
      <c r="N7886" s="5" t="s">
        <v>1521</v>
      </c>
      <c r="O7886" s="5" t="s">
        <v>38</v>
      </c>
      <c r="P7886" s="5" t="s">
        <v>39</v>
      </c>
      <c r="Q7886" s="5" t="s">
        <v>40</v>
      </c>
      <c r="R7886" s="5" t="s">
        <v>1522</v>
      </c>
      <c r="S7886" s="5" t="s">
        <v>1523</v>
      </c>
      <c r="T7886" s="5" t="s">
        <v>42</v>
      </c>
      <c r="U7886" s="2">
        <v>4.1609999999999996</v>
      </c>
      <c r="V7886" s="2">
        <v>3.5249999999999999</v>
      </c>
      <c r="W7886" s="2">
        <v>0.02</v>
      </c>
      <c r="X7886" s="2">
        <v>159.1</v>
      </c>
      <c r="Y7886" s="2">
        <v>7.6</v>
      </c>
      <c r="Z7886" s="2">
        <v>16.7</v>
      </c>
      <c r="AA7886" s="5"/>
      <c r="AB7886" s="5" t="s">
        <v>43</v>
      </c>
      <c r="AC7886" s="5" t="s">
        <v>44</v>
      </c>
      <c r="AD7886" s="2"/>
      <c r="AE7886" s="1"/>
    </row>
    <row r="7887" spans="1:31" ht="14.45">
      <c r="A7887" s="11"/>
      <c r="B7887" s="20"/>
      <c r="C7887" s="2" t="s">
        <v>24133</v>
      </c>
      <c r="D7887" s="14" t="s">
        <v>24134</v>
      </c>
      <c r="E7887" s="2" t="s">
        <v>24135</v>
      </c>
      <c r="F7887" s="2" t="s">
        <v>7521</v>
      </c>
      <c r="G7887" s="8">
        <v>308</v>
      </c>
      <c r="H7887" s="5">
        <v>6</v>
      </c>
      <c r="I7887" s="5" t="s">
        <v>1518</v>
      </c>
      <c r="J7887" s="5" t="s">
        <v>1519</v>
      </c>
      <c r="K7887" s="2" t="s">
        <v>1520</v>
      </c>
      <c r="L7887" s="5" t="s">
        <v>1519</v>
      </c>
      <c r="M7887" s="2" t="s">
        <v>1520</v>
      </c>
      <c r="N7887" s="5" t="s">
        <v>1521</v>
      </c>
      <c r="O7887" s="5" t="s">
        <v>38</v>
      </c>
      <c r="P7887" s="5" t="s">
        <v>39</v>
      </c>
      <c r="Q7887" s="5" t="s">
        <v>40</v>
      </c>
      <c r="R7887" s="5" t="s">
        <v>1522</v>
      </c>
      <c r="S7887" s="5" t="s">
        <v>1523</v>
      </c>
      <c r="T7887" s="5" t="s">
        <v>42</v>
      </c>
      <c r="U7887" s="2">
        <v>4.2949999999999999</v>
      </c>
      <c r="V7887" s="2">
        <v>3.6589999999999998</v>
      </c>
      <c r="W7887" s="2">
        <v>0.02</v>
      </c>
      <c r="X7887" s="2">
        <v>159.1</v>
      </c>
      <c r="Y7887" s="2">
        <v>7.6</v>
      </c>
      <c r="Z7887" s="2">
        <v>16.7</v>
      </c>
      <c r="AA7887" s="5"/>
      <c r="AB7887" s="5" t="s">
        <v>43</v>
      </c>
      <c r="AC7887" s="5" t="s">
        <v>44</v>
      </c>
      <c r="AD7887" s="2"/>
      <c r="AE7887" s="1"/>
    </row>
    <row r="7888" spans="1:31" ht="14.45">
      <c r="A7888" s="11"/>
      <c r="B7888" s="20"/>
      <c r="C7888" s="2" t="s">
        <v>24136</v>
      </c>
      <c r="D7888" s="14" t="s">
        <v>24137</v>
      </c>
      <c r="E7888" s="2" t="s">
        <v>24138</v>
      </c>
      <c r="F7888" s="2" t="s">
        <v>7212</v>
      </c>
      <c r="G7888" s="8">
        <v>308</v>
      </c>
      <c r="H7888" s="5">
        <v>6</v>
      </c>
      <c r="I7888" s="5" t="s">
        <v>1518</v>
      </c>
      <c r="J7888" s="5" t="s">
        <v>1519</v>
      </c>
      <c r="K7888" s="2" t="s">
        <v>1520</v>
      </c>
      <c r="L7888" s="5" t="s">
        <v>1519</v>
      </c>
      <c r="M7888" s="2" t="s">
        <v>1520</v>
      </c>
      <c r="N7888" s="5" t="s">
        <v>1521</v>
      </c>
      <c r="O7888" s="5" t="s">
        <v>38</v>
      </c>
      <c r="P7888" s="5" t="s">
        <v>39</v>
      </c>
      <c r="Q7888" s="5" t="s">
        <v>40</v>
      </c>
      <c r="R7888" s="5" t="s">
        <v>1522</v>
      </c>
      <c r="S7888" s="5" t="s">
        <v>1523</v>
      </c>
      <c r="T7888" s="5" t="s">
        <v>42</v>
      </c>
      <c r="U7888" s="2">
        <v>4.1109999999999998</v>
      </c>
      <c r="V7888" s="2">
        <v>3.4750000000000001</v>
      </c>
      <c r="W7888" s="2">
        <v>0.02</v>
      </c>
      <c r="X7888" s="2">
        <v>159.1</v>
      </c>
      <c r="Y7888" s="2">
        <v>7.6</v>
      </c>
      <c r="Z7888" s="2">
        <v>16.7</v>
      </c>
      <c r="AA7888" s="5"/>
      <c r="AB7888" s="5" t="s">
        <v>43</v>
      </c>
      <c r="AC7888" s="5" t="s">
        <v>44</v>
      </c>
      <c r="AD7888" s="2"/>
      <c r="AE7888" s="1"/>
    </row>
    <row r="7889" spans="1:31" ht="14.45">
      <c r="A7889" s="11"/>
      <c r="B7889" s="20"/>
      <c r="C7889" s="2" t="s">
        <v>24139</v>
      </c>
      <c r="D7889" s="14" t="s">
        <v>24140</v>
      </c>
      <c r="E7889" s="2" t="s">
        <v>24141</v>
      </c>
      <c r="F7889" s="2" t="s">
        <v>7528</v>
      </c>
      <c r="G7889" s="8">
        <v>308</v>
      </c>
      <c r="H7889" s="5">
        <v>6</v>
      </c>
      <c r="I7889" s="5" t="s">
        <v>1518</v>
      </c>
      <c r="J7889" s="5" t="s">
        <v>1519</v>
      </c>
      <c r="K7889" s="2" t="s">
        <v>1520</v>
      </c>
      <c r="L7889" s="5" t="s">
        <v>1519</v>
      </c>
      <c r="M7889" s="2" t="s">
        <v>1520</v>
      </c>
      <c r="N7889" s="5" t="s">
        <v>1521</v>
      </c>
      <c r="O7889" s="5" t="s">
        <v>38</v>
      </c>
      <c r="P7889" s="5" t="s">
        <v>39</v>
      </c>
      <c r="Q7889" s="5" t="s">
        <v>40</v>
      </c>
      <c r="R7889" s="5" t="s">
        <v>1522</v>
      </c>
      <c r="S7889" s="5" t="s">
        <v>1523</v>
      </c>
      <c r="T7889" s="5" t="s">
        <v>42</v>
      </c>
      <c r="U7889" s="2">
        <v>4.2450000000000001</v>
      </c>
      <c r="V7889" s="2">
        <v>3.609</v>
      </c>
      <c r="W7889" s="2">
        <v>0.02</v>
      </c>
      <c r="X7889" s="2">
        <v>159.1</v>
      </c>
      <c r="Y7889" s="2">
        <v>7.6</v>
      </c>
      <c r="Z7889" s="2">
        <v>16.7</v>
      </c>
      <c r="AA7889" s="5"/>
      <c r="AB7889" s="5" t="s">
        <v>43</v>
      </c>
      <c r="AC7889" s="5" t="s">
        <v>44</v>
      </c>
      <c r="AD7889" s="2"/>
      <c r="AE7889" s="1"/>
    </row>
    <row r="7890" spans="1:31" ht="14.45">
      <c r="A7890" s="11"/>
      <c r="B7890" s="20"/>
      <c r="C7890" s="2" t="s">
        <v>24142</v>
      </c>
      <c r="D7890" s="14" t="s">
        <v>24143</v>
      </c>
      <c r="E7890" s="2" t="s">
        <v>24144</v>
      </c>
      <c r="F7890" s="2" t="s">
        <v>7406</v>
      </c>
      <c r="G7890" s="8">
        <v>334</v>
      </c>
      <c r="H7890" s="5">
        <v>6</v>
      </c>
      <c r="I7890" s="5" t="s">
        <v>1518</v>
      </c>
      <c r="J7890" s="5" t="s">
        <v>1519</v>
      </c>
      <c r="K7890" s="2" t="s">
        <v>1520</v>
      </c>
      <c r="L7890" s="5" t="s">
        <v>1519</v>
      </c>
      <c r="M7890" s="2" t="s">
        <v>1520</v>
      </c>
      <c r="N7890" s="5" t="s">
        <v>1521</v>
      </c>
      <c r="O7890" s="5" t="s">
        <v>38</v>
      </c>
      <c r="P7890" s="5" t="s">
        <v>39</v>
      </c>
      <c r="Q7890" s="5" t="s">
        <v>40</v>
      </c>
      <c r="R7890" s="5" t="s">
        <v>1522</v>
      </c>
      <c r="S7890" s="5" t="s">
        <v>1523</v>
      </c>
      <c r="T7890" s="5" t="s">
        <v>42</v>
      </c>
      <c r="U7890" s="2">
        <v>4.1109999999999998</v>
      </c>
      <c r="V7890" s="2">
        <v>3.4750000000000001</v>
      </c>
      <c r="W7890" s="2">
        <v>0.02</v>
      </c>
      <c r="X7890" s="2">
        <v>159.1</v>
      </c>
      <c r="Y7890" s="2">
        <v>7.6</v>
      </c>
      <c r="Z7890" s="2">
        <v>16.7</v>
      </c>
      <c r="AA7890" s="5"/>
      <c r="AB7890" s="5" t="s">
        <v>43</v>
      </c>
      <c r="AC7890" s="5" t="s">
        <v>44</v>
      </c>
      <c r="AD7890" s="2"/>
      <c r="AE7890" s="1"/>
    </row>
    <row r="7891" spans="1:31" ht="14.45">
      <c r="A7891" s="11"/>
      <c r="B7891" s="20"/>
      <c r="C7891" s="2" t="s">
        <v>24145</v>
      </c>
      <c r="D7891" s="14" t="s">
        <v>24146</v>
      </c>
      <c r="E7891" s="2" t="s">
        <v>24147</v>
      </c>
      <c r="F7891" s="2" t="s">
        <v>7535</v>
      </c>
      <c r="G7891" s="8">
        <v>334</v>
      </c>
      <c r="H7891" s="5">
        <v>6</v>
      </c>
      <c r="I7891" s="5" t="s">
        <v>1518</v>
      </c>
      <c r="J7891" s="5" t="s">
        <v>1519</v>
      </c>
      <c r="K7891" s="2" t="s">
        <v>1520</v>
      </c>
      <c r="L7891" s="5" t="s">
        <v>1519</v>
      </c>
      <c r="M7891" s="2" t="s">
        <v>1520</v>
      </c>
      <c r="N7891" s="5" t="s">
        <v>1521</v>
      </c>
      <c r="O7891" s="5" t="s">
        <v>38</v>
      </c>
      <c r="P7891" s="5" t="s">
        <v>39</v>
      </c>
      <c r="Q7891" s="5" t="s">
        <v>40</v>
      </c>
      <c r="R7891" s="5" t="s">
        <v>1522</v>
      </c>
      <c r="S7891" s="5" t="s">
        <v>1523</v>
      </c>
      <c r="T7891" s="5" t="s">
        <v>42</v>
      </c>
      <c r="U7891" s="2">
        <v>4.2450000000000001</v>
      </c>
      <c r="V7891" s="2">
        <v>3.609</v>
      </c>
      <c r="W7891" s="2">
        <v>0.02</v>
      </c>
      <c r="X7891" s="2">
        <v>159.1</v>
      </c>
      <c r="Y7891" s="2">
        <v>7.6</v>
      </c>
      <c r="Z7891" s="2">
        <v>16.7</v>
      </c>
      <c r="AA7891" s="5"/>
      <c r="AB7891" s="5" t="s">
        <v>43</v>
      </c>
      <c r="AC7891" s="5" t="s">
        <v>44</v>
      </c>
      <c r="AD7891" s="2"/>
      <c r="AE7891" s="1"/>
    </row>
    <row r="7892" spans="1:31" ht="14.45">
      <c r="A7892" s="11"/>
      <c r="B7892" s="20"/>
      <c r="C7892" s="2" t="s">
        <v>24148</v>
      </c>
      <c r="D7892" s="14" t="s">
        <v>24149</v>
      </c>
      <c r="E7892" s="2" t="s">
        <v>24150</v>
      </c>
      <c r="F7892" s="2" t="s">
        <v>7539</v>
      </c>
      <c r="G7892" s="8">
        <v>334</v>
      </c>
      <c r="H7892" s="5">
        <v>6</v>
      </c>
      <c r="I7892" s="5" t="s">
        <v>1518</v>
      </c>
      <c r="J7892" s="5" t="s">
        <v>1519</v>
      </c>
      <c r="K7892" s="2" t="s">
        <v>1520</v>
      </c>
      <c r="L7892" s="5" t="s">
        <v>1519</v>
      </c>
      <c r="M7892" s="2" t="s">
        <v>1520</v>
      </c>
      <c r="N7892" s="5" t="s">
        <v>1521</v>
      </c>
      <c r="O7892" s="5" t="s">
        <v>38</v>
      </c>
      <c r="P7892" s="5" t="s">
        <v>39</v>
      </c>
      <c r="Q7892" s="5" t="s">
        <v>40</v>
      </c>
      <c r="R7892" s="5" t="s">
        <v>1522</v>
      </c>
      <c r="S7892" s="5" t="s">
        <v>1523</v>
      </c>
      <c r="T7892" s="5" t="s">
        <v>42</v>
      </c>
      <c r="U7892" s="2">
        <v>4.1609999999999996</v>
      </c>
      <c r="V7892" s="2">
        <v>3.5249999999999999</v>
      </c>
      <c r="W7892" s="2">
        <v>0.02</v>
      </c>
      <c r="X7892" s="2">
        <v>159.1</v>
      </c>
      <c r="Y7892" s="2">
        <v>7.6</v>
      </c>
      <c r="Z7892" s="2">
        <v>16.7</v>
      </c>
      <c r="AA7892" s="5"/>
      <c r="AB7892" s="5" t="s">
        <v>43</v>
      </c>
      <c r="AC7892" s="5" t="s">
        <v>44</v>
      </c>
      <c r="AD7892" s="2"/>
      <c r="AE7892" s="1"/>
    </row>
    <row r="7893" spans="1:31" ht="14.45">
      <c r="A7893" s="11"/>
      <c r="B7893" s="20"/>
      <c r="C7893" s="2" t="s">
        <v>24151</v>
      </c>
      <c r="D7893" s="14" t="s">
        <v>24152</v>
      </c>
      <c r="E7893" s="2" t="s">
        <v>24153</v>
      </c>
      <c r="F7893" s="2" t="s">
        <v>7543</v>
      </c>
      <c r="G7893" s="8">
        <v>334</v>
      </c>
      <c r="H7893" s="5">
        <v>6</v>
      </c>
      <c r="I7893" s="5" t="s">
        <v>1518</v>
      </c>
      <c r="J7893" s="5" t="s">
        <v>1519</v>
      </c>
      <c r="K7893" s="2" t="s">
        <v>1520</v>
      </c>
      <c r="L7893" s="5" t="s">
        <v>1519</v>
      </c>
      <c r="M7893" s="2" t="s">
        <v>1520</v>
      </c>
      <c r="N7893" s="5" t="s">
        <v>1521</v>
      </c>
      <c r="O7893" s="5" t="s">
        <v>38</v>
      </c>
      <c r="P7893" s="5" t="s">
        <v>39</v>
      </c>
      <c r="Q7893" s="5" t="s">
        <v>40</v>
      </c>
      <c r="R7893" s="5" t="s">
        <v>1522</v>
      </c>
      <c r="S7893" s="5" t="s">
        <v>1523</v>
      </c>
      <c r="T7893" s="5" t="s">
        <v>42</v>
      </c>
      <c r="U7893" s="2">
        <v>4.2949999999999999</v>
      </c>
      <c r="V7893" s="2">
        <v>3.6589999999999998</v>
      </c>
      <c r="W7893" s="2">
        <v>0.02</v>
      </c>
      <c r="X7893" s="2">
        <v>159.1</v>
      </c>
      <c r="Y7893" s="2">
        <v>7.6</v>
      </c>
      <c r="Z7893" s="2">
        <v>16.7</v>
      </c>
      <c r="AA7893" s="5"/>
      <c r="AB7893" s="5" t="s">
        <v>43</v>
      </c>
      <c r="AC7893" s="5" t="s">
        <v>44</v>
      </c>
      <c r="AD7893" s="2"/>
      <c r="AE7893" s="1"/>
    </row>
    <row r="7894" spans="1:31" ht="14.45">
      <c r="A7894" s="11"/>
      <c r="B7894" s="20"/>
      <c r="C7894" s="2" t="s">
        <v>24154</v>
      </c>
      <c r="D7894" s="14" t="s">
        <v>24155</v>
      </c>
      <c r="E7894" s="2" t="s">
        <v>24156</v>
      </c>
      <c r="F7894" s="2" t="s">
        <v>7547</v>
      </c>
      <c r="G7894" s="8">
        <v>334</v>
      </c>
      <c r="H7894" s="5">
        <v>6</v>
      </c>
      <c r="I7894" s="5" t="s">
        <v>1518</v>
      </c>
      <c r="J7894" s="5" t="s">
        <v>1519</v>
      </c>
      <c r="K7894" s="2" t="s">
        <v>1520</v>
      </c>
      <c r="L7894" s="5" t="s">
        <v>1519</v>
      </c>
      <c r="M7894" s="2" t="s">
        <v>1520</v>
      </c>
      <c r="N7894" s="5" t="s">
        <v>1521</v>
      </c>
      <c r="O7894" s="5" t="s">
        <v>38</v>
      </c>
      <c r="P7894" s="5" t="s">
        <v>39</v>
      </c>
      <c r="Q7894" s="5" t="s">
        <v>40</v>
      </c>
      <c r="R7894" s="5" t="s">
        <v>1522</v>
      </c>
      <c r="S7894" s="5" t="s">
        <v>1523</v>
      </c>
      <c r="T7894" s="5" t="s">
        <v>42</v>
      </c>
      <c r="U7894" s="2">
        <v>4.1109999999999998</v>
      </c>
      <c r="V7894" s="2">
        <v>3.4750000000000001</v>
      </c>
      <c r="W7894" s="2">
        <v>0.02</v>
      </c>
      <c r="X7894" s="2">
        <v>159.1</v>
      </c>
      <c r="Y7894" s="2">
        <v>7.6</v>
      </c>
      <c r="Z7894" s="2">
        <v>16.7</v>
      </c>
      <c r="AA7894" s="5"/>
      <c r="AB7894" s="5" t="s">
        <v>43</v>
      </c>
      <c r="AC7894" s="5" t="s">
        <v>44</v>
      </c>
      <c r="AD7894" s="2"/>
      <c r="AE7894" s="1"/>
    </row>
    <row r="7895" spans="1:31" ht="14.45">
      <c r="A7895" s="11"/>
      <c r="B7895" s="20"/>
      <c r="C7895" s="2" t="s">
        <v>24157</v>
      </c>
      <c r="D7895" s="14" t="s">
        <v>24158</v>
      </c>
      <c r="E7895" s="2" t="s">
        <v>24159</v>
      </c>
      <c r="F7895" s="2" t="s">
        <v>7555</v>
      </c>
      <c r="G7895" s="8">
        <v>334</v>
      </c>
      <c r="H7895" s="5">
        <v>6</v>
      </c>
      <c r="I7895" s="5" t="s">
        <v>1518</v>
      </c>
      <c r="J7895" s="5" t="s">
        <v>1519</v>
      </c>
      <c r="K7895" s="2" t="s">
        <v>1520</v>
      </c>
      <c r="L7895" s="5" t="s">
        <v>1519</v>
      </c>
      <c r="M7895" s="2" t="s">
        <v>1520</v>
      </c>
      <c r="N7895" s="5" t="s">
        <v>1521</v>
      </c>
      <c r="O7895" s="5" t="s">
        <v>38</v>
      </c>
      <c r="P7895" s="5" t="s">
        <v>39</v>
      </c>
      <c r="Q7895" s="5" t="s">
        <v>40</v>
      </c>
      <c r="R7895" s="5" t="s">
        <v>1522</v>
      </c>
      <c r="S7895" s="5" t="s">
        <v>1523</v>
      </c>
      <c r="T7895" s="5" t="s">
        <v>42</v>
      </c>
      <c r="U7895" s="2">
        <v>4.1109999999999998</v>
      </c>
      <c r="V7895" s="2">
        <v>3.4750000000000001</v>
      </c>
      <c r="W7895" s="2">
        <v>0.02</v>
      </c>
      <c r="X7895" s="2">
        <v>159.1</v>
      </c>
      <c r="Y7895" s="2">
        <v>7.6</v>
      </c>
      <c r="Z7895" s="2">
        <v>16.7</v>
      </c>
      <c r="AA7895" s="5"/>
      <c r="AB7895" s="5" t="s">
        <v>43</v>
      </c>
      <c r="AC7895" s="5" t="s">
        <v>44</v>
      </c>
      <c r="AD7895" s="2"/>
      <c r="AE7895" s="1"/>
    </row>
    <row r="7896" spans="1:31" ht="14.45">
      <c r="A7896" s="11"/>
      <c r="B7896" s="20"/>
      <c r="C7896" s="2" t="s">
        <v>24160</v>
      </c>
      <c r="D7896" s="14" t="s">
        <v>24161</v>
      </c>
      <c r="E7896" s="2" t="s">
        <v>24162</v>
      </c>
      <c r="F7896" s="2" t="s">
        <v>7563</v>
      </c>
      <c r="G7896" s="8">
        <v>334</v>
      </c>
      <c r="H7896" s="5">
        <v>6</v>
      </c>
      <c r="I7896" s="5" t="s">
        <v>1518</v>
      </c>
      <c r="J7896" s="5" t="s">
        <v>1519</v>
      </c>
      <c r="K7896" s="2" t="s">
        <v>1520</v>
      </c>
      <c r="L7896" s="5" t="s">
        <v>1519</v>
      </c>
      <c r="M7896" s="2" t="s">
        <v>1520</v>
      </c>
      <c r="N7896" s="5" t="s">
        <v>1521</v>
      </c>
      <c r="O7896" s="5" t="s">
        <v>38</v>
      </c>
      <c r="P7896" s="5" t="s">
        <v>39</v>
      </c>
      <c r="Q7896" s="5" t="s">
        <v>40</v>
      </c>
      <c r="R7896" s="5" t="s">
        <v>1522</v>
      </c>
      <c r="S7896" s="5" t="s">
        <v>1523</v>
      </c>
      <c r="T7896" s="5" t="s">
        <v>42</v>
      </c>
      <c r="U7896" s="2">
        <v>4.1609999999999996</v>
      </c>
      <c r="V7896" s="2">
        <v>3.5249999999999999</v>
      </c>
      <c r="W7896" s="2">
        <v>0.02</v>
      </c>
      <c r="X7896" s="2">
        <v>159.1</v>
      </c>
      <c r="Y7896" s="2">
        <v>7.6</v>
      </c>
      <c r="Z7896" s="2">
        <v>16.7</v>
      </c>
      <c r="AA7896" s="5"/>
      <c r="AB7896" s="5" t="s">
        <v>43</v>
      </c>
      <c r="AC7896" s="5" t="s">
        <v>44</v>
      </c>
      <c r="AD7896" s="2"/>
      <c r="AE7896" s="1"/>
    </row>
    <row r="7897" spans="1:31" ht="14.45">
      <c r="A7897" s="11"/>
      <c r="B7897" s="20"/>
      <c r="C7897" s="2" t="s">
        <v>24163</v>
      </c>
      <c r="D7897" s="14" t="s">
        <v>24164</v>
      </c>
      <c r="E7897" s="2" t="s">
        <v>24165</v>
      </c>
      <c r="F7897" s="2" t="s">
        <v>7567</v>
      </c>
      <c r="G7897" s="8">
        <v>334</v>
      </c>
      <c r="H7897" s="5">
        <v>6</v>
      </c>
      <c r="I7897" s="5" t="s">
        <v>1518</v>
      </c>
      <c r="J7897" s="5" t="s">
        <v>1519</v>
      </c>
      <c r="K7897" s="2" t="s">
        <v>1520</v>
      </c>
      <c r="L7897" s="5" t="s">
        <v>1519</v>
      </c>
      <c r="M7897" s="2" t="s">
        <v>1520</v>
      </c>
      <c r="N7897" s="5" t="s">
        <v>1521</v>
      </c>
      <c r="O7897" s="5" t="s">
        <v>38</v>
      </c>
      <c r="P7897" s="5" t="s">
        <v>39</v>
      </c>
      <c r="Q7897" s="5" t="s">
        <v>40</v>
      </c>
      <c r="R7897" s="5" t="s">
        <v>1522</v>
      </c>
      <c r="S7897" s="5" t="s">
        <v>1523</v>
      </c>
      <c r="T7897" s="5" t="s">
        <v>42</v>
      </c>
      <c r="U7897" s="2">
        <v>4.2949999999999999</v>
      </c>
      <c r="V7897" s="2">
        <v>3.6589999999999998</v>
      </c>
      <c r="W7897" s="2">
        <v>0.02</v>
      </c>
      <c r="X7897" s="2">
        <v>159.1</v>
      </c>
      <c r="Y7897" s="2">
        <v>7.6</v>
      </c>
      <c r="Z7897" s="2">
        <v>16.7</v>
      </c>
      <c r="AA7897" s="5"/>
      <c r="AB7897" s="5" t="s">
        <v>43</v>
      </c>
      <c r="AC7897" s="5" t="s">
        <v>44</v>
      </c>
      <c r="AD7897" s="2"/>
      <c r="AE7897" s="1"/>
    </row>
    <row r="7898" spans="1:31" ht="14.45">
      <c r="A7898" s="11"/>
      <c r="B7898" s="20"/>
      <c r="C7898" s="2" t="s">
        <v>24166</v>
      </c>
      <c r="D7898" s="14" t="s">
        <v>24167</v>
      </c>
      <c r="E7898" s="2" t="s">
        <v>24168</v>
      </c>
      <c r="F7898" s="2" t="s">
        <v>16194</v>
      </c>
      <c r="G7898" s="8">
        <v>334</v>
      </c>
      <c r="H7898" s="5">
        <v>6</v>
      </c>
      <c r="I7898" s="5" t="s">
        <v>1518</v>
      </c>
      <c r="J7898" s="5" t="s">
        <v>1519</v>
      </c>
      <c r="K7898" s="2" t="s">
        <v>1520</v>
      </c>
      <c r="L7898" s="5" t="s">
        <v>1519</v>
      </c>
      <c r="M7898" s="2" t="s">
        <v>1520</v>
      </c>
      <c r="N7898" s="5" t="s">
        <v>1521</v>
      </c>
      <c r="O7898" s="5" t="s">
        <v>38</v>
      </c>
      <c r="P7898" s="5" t="s">
        <v>39</v>
      </c>
      <c r="Q7898" s="5" t="s">
        <v>40</v>
      </c>
      <c r="R7898" s="5" t="s">
        <v>1522</v>
      </c>
      <c r="S7898" s="5" t="s">
        <v>1523</v>
      </c>
      <c r="T7898" s="5" t="s">
        <v>42</v>
      </c>
      <c r="U7898" s="2">
        <v>4.2949999999999999</v>
      </c>
      <c r="V7898" s="2">
        <v>3.6589999999999998</v>
      </c>
      <c r="W7898" s="2">
        <v>0.02</v>
      </c>
      <c r="X7898" s="2">
        <v>159.1</v>
      </c>
      <c r="Y7898" s="2">
        <v>7.6</v>
      </c>
      <c r="Z7898" s="2">
        <v>16.7</v>
      </c>
      <c r="AA7898" s="5"/>
      <c r="AB7898" s="5" t="s">
        <v>43</v>
      </c>
      <c r="AC7898" s="5" t="s">
        <v>44</v>
      </c>
      <c r="AD7898" s="2"/>
      <c r="AE7898" s="1"/>
    </row>
    <row r="7899" spans="1:31" ht="14.45">
      <c r="A7899" s="11"/>
      <c r="B7899" s="20"/>
      <c r="C7899" s="2" t="s">
        <v>24169</v>
      </c>
      <c r="D7899" s="14" t="s">
        <v>24170</v>
      </c>
      <c r="E7899" s="2" t="s">
        <v>24171</v>
      </c>
      <c r="F7899" s="2" t="s">
        <v>7449</v>
      </c>
      <c r="G7899" s="8">
        <v>334</v>
      </c>
      <c r="H7899" s="5">
        <v>6</v>
      </c>
      <c r="I7899" s="5" t="s">
        <v>1518</v>
      </c>
      <c r="J7899" s="5" t="s">
        <v>1519</v>
      </c>
      <c r="K7899" s="2" t="s">
        <v>1520</v>
      </c>
      <c r="L7899" s="5" t="s">
        <v>1519</v>
      </c>
      <c r="M7899" s="2" t="s">
        <v>1520</v>
      </c>
      <c r="N7899" s="5" t="s">
        <v>1521</v>
      </c>
      <c r="O7899" s="5" t="s">
        <v>38</v>
      </c>
      <c r="P7899" s="5" t="s">
        <v>39</v>
      </c>
      <c r="Q7899" s="5" t="s">
        <v>40</v>
      </c>
      <c r="R7899" s="5" t="s">
        <v>1522</v>
      </c>
      <c r="S7899" s="5" t="s">
        <v>1523</v>
      </c>
      <c r="T7899" s="5" t="s">
        <v>42</v>
      </c>
      <c r="U7899" s="2">
        <v>4.1609999999999996</v>
      </c>
      <c r="V7899" s="2">
        <v>3.5249999999999999</v>
      </c>
      <c r="W7899" s="2">
        <v>0.02</v>
      </c>
      <c r="X7899" s="2">
        <v>159.1</v>
      </c>
      <c r="Y7899" s="2">
        <v>7.6</v>
      </c>
      <c r="Z7899" s="2">
        <v>16.7</v>
      </c>
      <c r="AA7899" s="5"/>
      <c r="AB7899" s="5" t="s">
        <v>43</v>
      </c>
      <c r="AC7899" s="5" t="s">
        <v>44</v>
      </c>
      <c r="AD7899" s="2"/>
      <c r="AE7899" s="1"/>
    </row>
    <row r="7900" spans="1:31" ht="14.45">
      <c r="A7900" s="11"/>
      <c r="B7900" s="20"/>
      <c r="C7900" s="2" t="s">
        <v>24172</v>
      </c>
      <c r="D7900" s="14" t="s">
        <v>24173</v>
      </c>
      <c r="E7900" s="2" t="s">
        <v>24174</v>
      </c>
      <c r="F7900" s="2" t="s">
        <v>7581</v>
      </c>
      <c r="G7900" s="8">
        <v>334</v>
      </c>
      <c r="H7900" s="5">
        <v>6</v>
      </c>
      <c r="I7900" s="5" t="s">
        <v>1518</v>
      </c>
      <c r="J7900" s="5" t="s">
        <v>1519</v>
      </c>
      <c r="K7900" s="2" t="s">
        <v>1520</v>
      </c>
      <c r="L7900" s="5" t="s">
        <v>1519</v>
      </c>
      <c r="M7900" s="2" t="s">
        <v>1520</v>
      </c>
      <c r="N7900" s="5" t="s">
        <v>1521</v>
      </c>
      <c r="O7900" s="5" t="s">
        <v>38</v>
      </c>
      <c r="P7900" s="5" t="s">
        <v>39</v>
      </c>
      <c r="Q7900" s="5" t="s">
        <v>40</v>
      </c>
      <c r="R7900" s="5" t="s">
        <v>1522</v>
      </c>
      <c r="S7900" s="5" t="s">
        <v>1523</v>
      </c>
      <c r="T7900" s="5" t="s">
        <v>42</v>
      </c>
      <c r="U7900" s="2">
        <v>4.2949999999999999</v>
      </c>
      <c r="V7900" s="2">
        <v>3.6589999999999998</v>
      </c>
      <c r="W7900" s="2">
        <v>0.02</v>
      </c>
      <c r="X7900" s="2">
        <v>159.1</v>
      </c>
      <c r="Y7900" s="2">
        <v>7.6</v>
      </c>
      <c r="Z7900" s="2">
        <v>16.7</v>
      </c>
      <c r="AA7900" s="5"/>
      <c r="AB7900" s="5" t="s">
        <v>43</v>
      </c>
      <c r="AC7900" s="5" t="s">
        <v>44</v>
      </c>
      <c r="AD7900" s="2"/>
      <c r="AE7900" s="1"/>
    </row>
    <row r="7901" spans="1:31" ht="14.45">
      <c r="A7901" s="11"/>
      <c r="B7901" s="20"/>
      <c r="C7901" s="2" t="s">
        <v>24175</v>
      </c>
      <c r="D7901" s="14" t="s">
        <v>24176</v>
      </c>
      <c r="E7901" s="2" t="s">
        <v>24177</v>
      </c>
      <c r="F7901" s="2" t="s">
        <v>7585</v>
      </c>
      <c r="G7901" s="8">
        <v>334</v>
      </c>
      <c r="H7901" s="5">
        <v>6</v>
      </c>
      <c r="I7901" s="5" t="s">
        <v>1518</v>
      </c>
      <c r="J7901" s="5" t="s">
        <v>1519</v>
      </c>
      <c r="K7901" s="2" t="s">
        <v>1520</v>
      </c>
      <c r="L7901" s="5" t="s">
        <v>1519</v>
      </c>
      <c r="M7901" s="2" t="s">
        <v>1520</v>
      </c>
      <c r="N7901" s="5" t="s">
        <v>1521</v>
      </c>
      <c r="O7901" s="5" t="s">
        <v>38</v>
      </c>
      <c r="P7901" s="5" t="s">
        <v>39</v>
      </c>
      <c r="Q7901" s="5" t="s">
        <v>40</v>
      </c>
      <c r="R7901" s="5" t="s">
        <v>1522</v>
      </c>
      <c r="S7901" s="5" t="s">
        <v>1523</v>
      </c>
      <c r="T7901" s="5" t="s">
        <v>42</v>
      </c>
      <c r="U7901" s="2">
        <v>4.1109999999999998</v>
      </c>
      <c r="V7901" s="2">
        <v>3.4750000000000001</v>
      </c>
      <c r="W7901" s="2">
        <v>0.02</v>
      </c>
      <c r="X7901" s="2">
        <v>159.1</v>
      </c>
      <c r="Y7901" s="2">
        <v>7.6</v>
      </c>
      <c r="Z7901" s="2">
        <v>16.7</v>
      </c>
      <c r="AA7901" s="5"/>
      <c r="AB7901" s="5" t="s">
        <v>43</v>
      </c>
      <c r="AC7901" s="5" t="s">
        <v>44</v>
      </c>
      <c r="AD7901" s="2"/>
      <c r="AE7901" s="1"/>
    </row>
    <row r="7902" spans="1:31" ht="14.45">
      <c r="A7902" s="11"/>
      <c r="B7902" s="20"/>
      <c r="C7902" s="2" t="s">
        <v>24178</v>
      </c>
      <c r="D7902" s="14" t="s">
        <v>24179</v>
      </c>
      <c r="E7902" s="2" t="s">
        <v>24180</v>
      </c>
      <c r="F7902" s="2" t="s">
        <v>7589</v>
      </c>
      <c r="G7902" s="8">
        <v>334</v>
      </c>
      <c r="H7902" s="5">
        <v>6</v>
      </c>
      <c r="I7902" s="5" t="s">
        <v>1518</v>
      </c>
      <c r="J7902" s="5" t="s">
        <v>1519</v>
      </c>
      <c r="K7902" s="2" t="s">
        <v>1520</v>
      </c>
      <c r="L7902" s="5" t="s">
        <v>1519</v>
      </c>
      <c r="M7902" s="2" t="s">
        <v>1520</v>
      </c>
      <c r="N7902" s="5" t="s">
        <v>1521</v>
      </c>
      <c r="O7902" s="5" t="s">
        <v>38</v>
      </c>
      <c r="P7902" s="5" t="s">
        <v>39</v>
      </c>
      <c r="Q7902" s="5" t="s">
        <v>40</v>
      </c>
      <c r="R7902" s="5" t="s">
        <v>1522</v>
      </c>
      <c r="S7902" s="5" t="s">
        <v>1523</v>
      </c>
      <c r="T7902" s="5" t="s">
        <v>42</v>
      </c>
      <c r="U7902" s="2">
        <v>4.2450000000000001</v>
      </c>
      <c r="V7902" s="2">
        <v>3.609</v>
      </c>
      <c r="W7902" s="2">
        <v>0.02</v>
      </c>
      <c r="X7902" s="2">
        <v>159.1</v>
      </c>
      <c r="Y7902" s="2">
        <v>7.6</v>
      </c>
      <c r="Z7902" s="2">
        <v>16.7</v>
      </c>
      <c r="AA7902" s="5"/>
      <c r="AB7902" s="5" t="s">
        <v>43</v>
      </c>
      <c r="AC7902" s="5" t="s">
        <v>44</v>
      </c>
      <c r="AD7902" s="2"/>
      <c r="AE7902" s="1"/>
    </row>
    <row r="7903" spans="1:31" ht="14.45">
      <c r="A7903" s="11"/>
      <c r="B7903" s="20"/>
      <c r="C7903" s="2" t="s">
        <v>24181</v>
      </c>
      <c r="D7903" s="14" t="s">
        <v>24182</v>
      </c>
      <c r="E7903" s="2" t="s">
        <v>24183</v>
      </c>
      <c r="F7903" s="2" t="s">
        <v>7593</v>
      </c>
      <c r="G7903" s="8">
        <v>334</v>
      </c>
      <c r="H7903" s="5">
        <v>6</v>
      </c>
      <c r="I7903" s="5" t="s">
        <v>1518</v>
      </c>
      <c r="J7903" s="5" t="s">
        <v>1519</v>
      </c>
      <c r="K7903" s="2" t="s">
        <v>1520</v>
      </c>
      <c r="L7903" s="5" t="s">
        <v>1519</v>
      </c>
      <c r="M7903" s="2" t="s">
        <v>1520</v>
      </c>
      <c r="N7903" s="5" t="s">
        <v>1521</v>
      </c>
      <c r="O7903" s="5" t="s">
        <v>38</v>
      </c>
      <c r="P7903" s="5" t="s">
        <v>39</v>
      </c>
      <c r="Q7903" s="5" t="s">
        <v>40</v>
      </c>
      <c r="R7903" s="5" t="s">
        <v>1522</v>
      </c>
      <c r="S7903" s="5" t="s">
        <v>1523</v>
      </c>
      <c r="T7903" s="5" t="s">
        <v>42</v>
      </c>
      <c r="U7903" s="2">
        <v>4.1609999999999996</v>
      </c>
      <c r="V7903" s="2">
        <v>3.5249999999999999</v>
      </c>
      <c r="W7903" s="2">
        <v>0.02</v>
      </c>
      <c r="X7903" s="2">
        <v>159.1</v>
      </c>
      <c r="Y7903" s="2">
        <v>7.6</v>
      </c>
      <c r="Z7903" s="2">
        <v>16.7</v>
      </c>
      <c r="AA7903" s="5"/>
      <c r="AB7903" s="5" t="s">
        <v>43</v>
      </c>
      <c r="AC7903" s="5" t="s">
        <v>44</v>
      </c>
      <c r="AD7903" s="2"/>
      <c r="AE7903" s="1"/>
    </row>
    <row r="7904" spans="1:31" ht="14.45">
      <c r="A7904" s="11"/>
      <c r="B7904" s="20"/>
      <c r="C7904" s="2" t="s">
        <v>24184</v>
      </c>
      <c r="D7904" s="14" t="s">
        <v>24185</v>
      </c>
      <c r="E7904" s="2" t="s">
        <v>24186</v>
      </c>
      <c r="F7904" s="2" t="s">
        <v>16014</v>
      </c>
      <c r="G7904" s="8">
        <v>334</v>
      </c>
      <c r="H7904" s="5">
        <v>6</v>
      </c>
      <c r="I7904" s="5" t="s">
        <v>1518</v>
      </c>
      <c r="J7904" s="5" t="s">
        <v>1519</v>
      </c>
      <c r="K7904" s="2" t="s">
        <v>1520</v>
      </c>
      <c r="L7904" s="5" t="s">
        <v>1519</v>
      </c>
      <c r="M7904" s="2" t="s">
        <v>1520</v>
      </c>
      <c r="N7904" s="5" t="s">
        <v>1521</v>
      </c>
      <c r="O7904" s="5" t="s">
        <v>38</v>
      </c>
      <c r="P7904" s="5" t="s">
        <v>39</v>
      </c>
      <c r="Q7904" s="5" t="s">
        <v>40</v>
      </c>
      <c r="R7904" s="5" t="s">
        <v>1522</v>
      </c>
      <c r="S7904" s="5" t="s">
        <v>1523</v>
      </c>
      <c r="T7904" s="5" t="s">
        <v>42</v>
      </c>
      <c r="U7904" s="2">
        <v>4.1609999999999996</v>
      </c>
      <c r="V7904" s="2">
        <v>3.5249999999999999</v>
      </c>
      <c r="W7904" s="2">
        <v>0.02</v>
      </c>
      <c r="X7904" s="2">
        <v>159.1</v>
      </c>
      <c r="Y7904" s="2">
        <v>7.6</v>
      </c>
      <c r="Z7904" s="2">
        <v>16.7</v>
      </c>
      <c r="AA7904" s="5"/>
      <c r="AB7904" s="5" t="s">
        <v>43</v>
      </c>
      <c r="AC7904" s="5" t="s">
        <v>44</v>
      </c>
      <c r="AD7904" s="2"/>
      <c r="AE7904" s="1"/>
    </row>
    <row r="7905" spans="1:31" ht="14.45">
      <c r="A7905" s="11"/>
      <c r="B7905" s="20"/>
      <c r="C7905" s="2" t="s">
        <v>24187</v>
      </c>
      <c r="D7905" s="14" t="s">
        <v>24188</v>
      </c>
      <c r="E7905" s="2" t="s">
        <v>24189</v>
      </c>
      <c r="F7905" s="2" t="s">
        <v>16219</v>
      </c>
      <c r="G7905" s="8">
        <v>334</v>
      </c>
      <c r="H7905" s="5">
        <v>6</v>
      </c>
      <c r="I7905" s="5" t="s">
        <v>1518</v>
      </c>
      <c r="J7905" s="5" t="s">
        <v>1519</v>
      </c>
      <c r="K7905" s="2" t="s">
        <v>1520</v>
      </c>
      <c r="L7905" s="5" t="s">
        <v>1519</v>
      </c>
      <c r="M7905" s="2" t="s">
        <v>1520</v>
      </c>
      <c r="N7905" s="5" t="s">
        <v>1521</v>
      </c>
      <c r="O7905" s="5" t="s">
        <v>38</v>
      </c>
      <c r="P7905" s="5" t="s">
        <v>39</v>
      </c>
      <c r="Q7905" s="5" t="s">
        <v>40</v>
      </c>
      <c r="R7905" s="5" t="s">
        <v>1522</v>
      </c>
      <c r="S7905" s="5" t="s">
        <v>1523</v>
      </c>
      <c r="T7905" s="5" t="s">
        <v>42</v>
      </c>
      <c r="U7905" s="2">
        <v>4.2949999999999999</v>
      </c>
      <c r="V7905" s="2">
        <v>3.6589999999999998</v>
      </c>
      <c r="W7905" s="2">
        <v>0.02</v>
      </c>
      <c r="X7905" s="2">
        <v>159.1</v>
      </c>
      <c r="Y7905" s="2">
        <v>7.6</v>
      </c>
      <c r="Z7905" s="2">
        <v>16.7</v>
      </c>
      <c r="AA7905" s="5"/>
      <c r="AB7905" s="5" t="s">
        <v>43</v>
      </c>
      <c r="AC7905" s="5" t="s">
        <v>44</v>
      </c>
      <c r="AD7905" s="2"/>
      <c r="AE7905" s="1"/>
    </row>
    <row r="7906" spans="1:31" ht="14.45">
      <c r="A7906" s="11"/>
      <c r="B7906" s="20"/>
      <c r="C7906" s="2" t="s">
        <v>24190</v>
      </c>
      <c r="D7906" s="14" t="s">
        <v>24191</v>
      </c>
      <c r="E7906" s="2" t="s">
        <v>24192</v>
      </c>
      <c r="F7906" s="2" t="s">
        <v>16018</v>
      </c>
      <c r="G7906" s="8">
        <v>334</v>
      </c>
      <c r="H7906" s="5">
        <v>6</v>
      </c>
      <c r="I7906" s="5" t="s">
        <v>1518</v>
      </c>
      <c r="J7906" s="5" t="s">
        <v>1519</v>
      </c>
      <c r="K7906" s="2" t="s">
        <v>1520</v>
      </c>
      <c r="L7906" s="5" t="s">
        <v>1519</v>
      </c>
      <c r="M7906" s="2" t="s">
        <v>1520</v>
      </c>
      <c r="N7906" s="5" t="s">
        <v>1521</v>
      </c>
      <c r="O7906" s="5" t="s">
        <v>38</v>
      </c>
      <c r="P7906" s="5" t="s">
        <v>39</v>
      </c>
      <c r="Q7906" s="5" t="s">
        <v>40</v>
      </c>
      <c r="R7906" s="5" t="s">
        <v>1522</v>
      </c>
      <c r="S7906" s="5" t="s">
        <v>1523</v>
      </c>
      <c r="T7906" s="5" t="s">
        <v>42</v>
      </c>
      <c r="U7906" s="2">
        <v>4.1609999999999996</v>
      </c>
      <c r="V7906" s="2">
        <v>3.5249999999999999</v>
      </c>
      <c r="W7906" s="2">
        <v>0.02</v>
      </c>
      <c r="X7906" s="2">
        <v>159.1</v>
      </c>
      <c r="Y7906" s="2">
        <v>7.6</v>
      </c>
      <c r="Z7906" s="2">
        <v>16.7</v>
      </c>
      <c r="AA7906" s="5"/>
      <c r="AB7906" s="5" t="s">
        <v>43</v>
      </c>
      <c r="AC7906" s="5" t="s">
        <v>44</v>
      </c>
      <c r="AD7906" s="2"/>
      <c r="AE7906" s="1"/>
    </row>
    <row r="7907" spans="1:31" ht="14.45">
      <c r="A7907" s="11"/>
      <c r="B7907" s="20"/>
      <c r="C7907" s="2" t="s">
        <v>24193</v>
      </c>
      <c r="D7907" s="14" t="s">
        <v>24194</v>
      </c>
      <c r="E7907" s="2" t="s">
        <v>24195</v>
      </c>
      <c r="F7907" s="2" t="s">
        <v>16022</v>
      </c>
      <c r="G7907" s="8">
        <v>334</v>
      </c>
      <c r="H7907" s="5">
        <v>6</v>
      </c>
      <c r="I7907" s="5" t="s">
        <v>1518</v>
      </c>
      <c r="J7907" s="5" t="s">
        <v>1519</v>
      </c>
      <c r="K7907" s="2" t="s">
        <v>1520</v>
      </c>
      <c r="L7907" s="5" t="s">
        <v>1519</v>
      </c>
      <c r="M7907" s="2" t="s">
        <v>1520</v>
      </c>
      <c r="N7907" s="5" t="s">
        <v>1521</v>
      </c>
      <c r="O7907" s="5" t="s">
        <v>38</v>
      </c>
      <c r="P7907" s="5" t="s">
        <v>39</v>
      </c>
      <c r="Q7907" s="5" t="s">
        <v>40</v>
      </c>
      <c r="R7907" s="5" t="s">
        <v>1522</v>
      </c>
      <c r="S7907" s="5" t="s">
        <v>1523</v>
      </c>
      <c r="T7907" s="5" t="s">
        <v>42</v>
      </c>
      <c r="U7907" s="2">
        <v>4.2949999999999999</v>
      </c>
      <c r="V7907" s="2">
        <v>3.6589999999999998</v>
      </c>
      <c r="W7907" s="2">
        <v>0.02</v>
      </c>
      <c r="X7907" s="2">
        <v>159.1</v>
      </c>
      <c r="Y7907" s="2">
        <v>7.6</v>
      </c>
      <c r="Z7907" s="2">
        <v>16.7</v>
      </c>
      <c r="AA7907" s="5"/>
      <c r="AB7907" s="5" t="s">
        <v>43</v>
      </c>
      <c r="AC7907" s="5" t="s">
        <v>44</v>
      </c>
      <c r="AD7907" s="2"/>
      <c r="AE7907" s="1"/>
    </row>
    <row r="7908" spans="1:31" ht="14.45">
      <c r="A7908" s="11"/>
      <c r="B7908" s="20"/>
      <c r="C7908" s="2" t="s">
        <v>24196</v>
      </c>
      <c r="D7908" s="14" t="s">
        <v>24197</v>
      </c>
      <c r="E7908" s="2" t="s">
        <v>24198</v>
      </c>
      <c r="F7908" s="2" t="s">
        <v>7615</v>
      </c>
      <c r="G7908" s="8">
        <v>334</v>
      </c>
      <c r="H7908" s="5">
        <v>6</v>
      </c>
      <c r="I7908" s="5" t="s">
        <v>1518</v>
      </c>
      <c r="J7908" s="5" t="s">
        <v>1519</v>
      </c>
      <c r="K7908" s="2" t="s">
        <v>1520</v>
      </c>
      <c r="L7908" s="5" t="s">
        <v>1519</v>
      </c>
      <c r="M7908" s="2" t="s">
        <v>1520</v>
      </c>
      <c r="N7908" s="5" t="s">
        <v>1521</v>
      </c>
      <c r="O7908" s="5" t="s">
        <v>38</v>
      </c>
      <c r="P7908" s="5" t="s">
        <v>39</v>
      </c>
      <c r="Q7908" s="5" t="s">
        <v>40</v>
      </c>
      <c r="R7908" s="5" t="s">
        <v>1522</v>
      </c>
      <c r="S7908" s="5" t="s">
        <v>1523</v>
      </c>
      <c r="T7908" s="5" t="s">
        <v>42</v>
      </c>
      <c r="U7908" s="2">
        <v>4.1109999999999998</v>
      </c>
      <c r="V7908" s="2">
        <v>3.4750000000000001</v>
      </c>
      <c r="W7908" s="2">
        <v>0.02</v>
      </c>
      <c r="X7908" s="2">
        <v>159.1</v>
      </c>
      <c r="Y7908" s="2">
        <v>7.6</v>
      </c>
      <c r="Z7908" s="2">
        <v>16.7</v>
      </c>
      <c r="AA7908" s="5"/>
      <c r="AB7908" s="5" t="s">
        <v>43</v>
      </c>
      <c r="AC7908" s="5" t="s">
        <v>44</v>
      </c>
      <c r="AD7908" s="2"/>
      <c r="AE7908" s="1"/>
    </row>
    <row r="7909" spans="1:31" ht="14.45">
      <c r="A7909" s="11"/>
      <c r="B7909" s="20"/>
      <c r="C7909" s="2" t="s">
        <v>24199</v>
      </c>
      <c r="D7909" s="14" t="s">
        <v>24200</v>
      </c>
      <c r="E7909" s="2" t="s">
        <v>24201</v>
      </c>
      <c r="F7909" s="2" t="s">
        <v>7619</v>
      </c>
      <c r="G7909" s="8">
        <v>334</v>
      </c>
      <c r="H7909" s="5">
        <v>6</v>
      </c>
      <c r="I7909" s="5" t="s">
        <v>1518</v>
      </c>
      <c r="J7909" s="5" t="s">
        <v>1519</v>
      </c>
      <c r="K7909" s="2" t="s">
        <v>1520</v>
      </c>
      <c r="L7909" s="5" t="s">
        <v>1519</v>
      </c>
      <c r="M7909" s="2" t="s">
        <v>1520</v>
      </c>
      <c r="N7909" s="5" t="s">
        <v>1521</v>
      </c>
      <c r="O7909" s="5" t="s">
        <v>38</v>
      </c>
      <c r="P7909" s="5" t="s">
        <v>39</v>
      </c>
      <c r="Q7909" s="5" t="s">
        <v>40</v>
      </c>
      <c r="R7909" s="5" t="s">
        <v>1522</v>
      </c>
      <c r="S7909" s="5" t="s">
        <v>1523</v>
      </c>
      <c r="T7909" s="5" t="s">
        <v>42</v>
      </c>
      <c r="U7909" s="2">
        <v>4.2450000000000001</v>
      </c>
      <c r="V7909" s="2">
        <v>3.609</v>
      </c>
      <c r="W7909" s="2">
        <v>0.02</v>
      </c>
      <c r="X7909" s="2">
        <v>159.1</v>
      </c>
      <c r="Y7909" s="2">
        <v>7.6</v>
      </c>
      <c r="Z7909" s="2">
        <v>16.7</v>
      </c>
      <c r="AA7909" s="5"/>
      <c r="AB7909" s="5" t="s">
        <v>43</v>
      </c>
      <c r="AC7909" s="5" t="s">
        <v>44</v>
      </c>
      <c r="AD7909" s="2"/>
      <c r="AE7909" s="1"/>
    </row>
    <row r="7910" spans="1:31" ht="14.45">
      <c r="A7910" s="11"/>
      <c r="B7910" s="20"/>
      <c r="C7910" s="2" t="s">
        <v>24202</v>
      </c>
      <c r="D7910" s="14" t="s">
        <v>24203</v>
      </c>
      <c r="E7910" s="2" t="s">
        <v>24204</v>
      </c>
      <c r="F7910" s="2" t="s">
        <v>16029</v>
      </c>
      <c r="G7910" s="8">
        <v>334</v>
      </c>
      <c r="H7910" s="5">
        <v>11</v>
      </c>
      <c r="I7910" s="5" t="s">
        <v>1518</v>
      </c>
      <c r="J7910" s="5" t="s">
        <v>1519</v>
      </c>
      <c r="K7910" s="2" t="s">
        <v>1520</v>
      </c>
      <c r="L7910" s="5" t="s">
        <v>1519</v>
      </c>
      <c r="M7910" s="2" t="s">
        <v>1520</v>
      </c>
      <c r="N7910" s="5" t="s">
        <v>1521</v>
      </c>
      <c r="O7910" s="5" t="s">
        <v>38</v>
      </c>
      <c r="P7910" s="5" t="s">
        <v>39</v>
      </c>
      <c r="Q7910" s="5" t="s">
        <v>40</v>
      </c>
      <c r="R7910" s="5" t="s">
        <v>1522</v>
      </c>
      <c r="S7910" s="5" t="s">
        <v>1523</v>
      </c>
      <c r="T7910" s="5" t="s">
        <v>42</v>
      </c>
      <c r="U7910" s="2">
        <v>4.1589999999999998</v>
      </c>
      <c r="V7910" s="2">
        <v>3.5230000000000001</v>
      </c>
      <c r="W7910" s="2">
        <v>0.02</v>
      </c>
      <c r="X7910" s="2">
        <v>159.1</v>
      </c>
      <c r="Y7910" s="2">
        <v>7.6</v>
      </c>
      <c r="Z7910" s="2">
        <v>16.7</v>
      </c>
      <c r="AA7910" s="5"/>
      <c r="AB7910" s="5" t="s">
        <v>43</v>
      </c>
      <c r="AC7910" s="5" t="s">
        <v>44</v>
      </c>
      <c r="AD7910" s="2"/>
      <c r="AE7910" s="1"/>
    </row>
    <row r="7911" spans="1:31" ht="14.45">
      <c r="A7911" s="11"/>
      <c r="B7911" s="20"/>
      <c r="C7911" s="2" t="s">
        <v>24205</v>
      </c>
      <c r="D7911" s="14" t="s">
        <v>24206</v>
      </c>
      <c r="E7911" s="2" t="s">
        <v>24207</v>
      </c>
      <c r="F7911" s="2" t="s">
        <v>16033</v>
      </c>
      <c r="G7911" s="8">
        <v>334</v>
      </c>
      <c r="H7911" s="5">
        <v>11</v>
      </c>
      <c r="I7911" s="5" t="s">
        <v>1518</v>
      </c>
      <c r="J7911" s="5" t="s">
        <v>1519</v>
      </c>
      <c r="K7911" s="2" t="s">
        <v>1520</v>
      </c>
      <c r="L7911" s="5" t="s">
        <v>1519</v>
      </c>
      <c r="M7911" s="2" t="s">
        <v>1520</v>
      </c>
      <c r="N7911" s="5" t="s">
        <v>1521</v>
      </c>
      <c r="O7911" s="5" t="s">
        <v>38</v>
      </c>
      <c r="P7911" s="5" t="s">
        <v>39</v>
      </c>
      <c r="Q7911" s="5" t="s">
        <v>40</v>
      </c>
      <c r="R7911" s="5" t="s">
        <v>1522</v>
      </c>
      <c r="S7911" s="5" t="s">
        <v>1523</v>
      </c>
      <c r="T7911" s="5" t="s">
        <v>42</v>
      </c>
      <c r="U7911" s="2">
        <v>4.2930000000000001</v>
      </c>
      <c r="V7911" s="2">
        <v>3.657</v>
      </c>
      <c r="W7911" s="2">
        <v>0.02</v>
      </c>
      <c r="X7911" s="2">
        <v>159.1</v>
      </c>
      <c r="Y7911" s="2">
        <v>7.6</v>
      </c>
      <c r="Z7911" s="2">
        <v>16.7</v>
      </c>
      <c r="AA7911" s="5"/>
      <c r="AB7911" s="5" t="s">
        <v>43</v>
      </c>
      <c r="AC7911" s="5" t="s">
        <v>44</v>
      </c>
      <c r="AD7911" s="2"/>
      <c r="AE7911" s="1"/>
    </row>
    <row r="7912" spans="1:31" ht="14.45">
      <c r="A7912" s="11"/>
      <c r="B7912" s="20"/>
      <c r="C7912" s="2" t="s">
        <v>24208</v>
      </c>
      <c r="D7912" s="14" t="s">
        <v>24209</v>
      </c>
      <c r="E7912" s="2" t="s">
        <v>24210</v>
      </c>
      <c r="F7912" s="2" t="s">
        <v>24211</v>
      </c>
      <c r="G7912" s="8">
        <v>375</v>
      </c>
      <c r="H7912" s="5">
        <v>6</v>
      </c>
      <c r="I7912" s="5" t="s">
        <v>1518</v>
      </c>
      <c r="J7912" s="5" t="s">
        <v>1519</v>
      </c>
      <c r="K7912" s="2" t="s">
        <v>1520</v>
      </c>
      <c r="L7912" s="5" t="s">
        <v>1519</v>
      </c>
      <c r="M7912" s="2" t="s">
        <v>1520</v>
      </c>
      <c r="N7912" s="5" t="s">
        <v>1521</v>
      </c>
      <c r="O7912" s="5" t="s">
        <v>38</v>
      </c>
      <c r="P7912" s="5" t="s">
        <v>39</v>
      </c>
      <c r="Q7912" s="5" t="s">
        <v>40</v>
      </c>
      <c r="R7912" s="5" t="s">
        <v>1522</v>
      </c>
      <c r="S7912" s="5" t="s">
        <v>1523</v>
      </c>
      <c r="T7912" s="5" t="s">
        <v>42</v>
      </c>
      <c r="U7912" s="2">
        <v>6.3339999999999996</v>
      </c>
      <c r="V7912" s="2">
        <v>5.1779999999999999</v>
      </c>
      <c r="W7912" s="2">
        <v>4.2000000000000003E-2</v>
      </c>
      <c r="X7912" s="2">
        <v>132.19999999999999</v>
      </c>
      <c r="Y7912" s="2">
        <v>24.2</v>
      </c>
      <c r="Z7912" s="2">
        <v>13.1</v>
      </c>
      <c r="AA7912" s="5">
        <v>12</v>
      </c>
      <c r="AB7912" s="5" t="s">
        <v>43</v>
      </c>
      <c r="AC7912" s="5" t="s">
        <v>44</v>
      </c>
      <c r="AD7912" s="2"/>
      <c r="AE7912" s="1"/>
    </row>
    <row r="7913" spans="1:31" ht="14.45">
      <c r="A7913" s="11"/>
      <c r="B7913" s="20"/>
      <c r="C7913" s="2" t="s">
        <v>24212</v>
      </c>
      <c r="D7913" s="14" t="s">
        <v>24213</v>
      </c>
      <c r="E7913" s="2" t="s">
        <v>24214</v>
      </c>
      <c r="F7913" s="2" t="s">
        <v>24211</v>
      </c>
      <c r="G7913" s="8">
        <v>392</v>
      </c>
      <c r="H7913" s="5">
        <v>6</v>
      </c>
      <c r="I7913" s="5" t="s">
        <v>1518</v>
      </c>
      <c r="J7913" s="5" t="s">
        <v>1519</v>
      </c>
      <c r="K7913" s="2" t="s">
        <v>1520</v>
      </c>
      <c r="L7913" s="5" t="s">
        <v>1519</v>
      </c>
      <c r="M7913" s="2" t="s">
        <v>1520</v>
      </c>
      <c r="N7913" s="5" t="s">
        <v>1521</v>
      </c>
      <c r="O7913" s="5" t="s">
        <v>38</v>
      </c>
      <c r="P7913" s="5" t="s">
        <v>39</v>
      </c>
      <c r="Q7913" s="5" t="s">
        <v>40</v>
      </c>
      <c r="R7913" s="5" t="s">
        <v>1522</v>
      </c>
      <c r="S7913" s="5" t="s">
        <v>1523</v>
      </c>
      <c r="T7913" s="5" t="s">
        <v>42</v>
      </c>
      <c r="U7913" s="2">
        <v>7.4320000000000004</v>
      </c>
      <c r="V7913" s="2">
        <v>6.32</v>
      </c>
      <c r="W7913" s="2">
        <v>4.2000000000000003E-2</v>
      </c>
      <c r="X7913" s="2">
        <v>132.19999999999999</v>
      </c>
      <c r="Y7913" s="2">
        <v>24.2</v>
      </c>
      <c r="Z7913" s="2">
        <v>13.1</v>
      </c>
      <c r="AA7913" s="5">
        <v>12</v>
      </c>
      <c r="AB7913" s="5" t="s">
        <v>43</v>
      </c>
      <c r="AC7913" s="5" t="s">
        <v>44</v>
      </c>
      <c r="AD7913" s="2"/>
      <c r="AE7913" s="1"/>
    </row>
    <row r="7914" spans="1:31" ht="14.45">
      <c r="A7914" s="11"/>
      <c r="B7914" s="20"/>
      <c r="C7914" s="2" t="s">
        <v>24215</v>
      </c>
      <c r="D7914" s="14" t="s">
        <v>24216</v>
      </c>
      <c r="E7914" s="2" t="s">
        <v>24217</v>
      </c>
      <c r="F7914" s="2" t="s">
        <v>24211</v>
      </c>
      <c r="G7914" s="8">
        <v>384</v>
      </c>
      <c r="H7914" s="5">
        <v>6</v>
      </c>
      <c r="I7914" s="5" t="s">
        <v>1518</v>
      </c>
      <c r="J7914" s="5" t="s">
        <v>1519</v>
      </c>
      <c r="K7914" s="2" t="s">
        <v>1520</v>
      </c>
      <c r="L7914" s="5" t="s">
        <v>1519</v>
      </c>
      <c r="M7914" s="2" t="s">
        <v>1520</v>
      </c>
      <c r="N7914" s="5" t="s">
        <v>1521</v>
      </c>
      <c r="O7914" s="5" t="s">
        <v>38</v>
      </c>
      <c r="P7914" s="5" t="s">
        <v>39</v>
      </c>
      <c r="Q7914" s="5" t="s">
        <v>40</v>
      </c>
      <c r="R7914" s="5" t="s">
        <v>1522</v>
      </c>
      <c r="S7914" s="5" t="s">
        <v>1523</v>
      </c>
      <c r="T7914" s="5" t="s">
        <v>42</v>
      </c>
      <c r="U7914" s="2">
        <v>7.4390000000000001</v>
      </c>
      <c r="V7914" s="2">
        <v>6.27</v>
      </c>
      <c r="W7914" s="2">
        <v>4.2000000000000003E-2</v>
      </c>
      <c r="X7914" s="2">
        <v>132.19999999999999</v>
      </c>
      <c r="Y7914" s="2">
        <v>24.2</v>
      </c>
      <c r="Z7914" s="2">
        <v>13.1</v>
      </c>
      <c r="AA7914" s="5">
        <v>12</v>
      </c>
      <c r="AB7914" s="5" t="s">
        <v>43</v>
      </c>
      <c r="AC7914" s="5" t="s">
        <v>44</v>
      </c>
      <c r="AD7914" s="2"/>
      <c r="AE7914" s="1"/>
    </row>
    <row r="7915" spans="1:31" ht="14.45">
      <c r="A7915" s="11"/>
      <c r="B7915" s="20"/>
      <c r="C7915" s="2" t="s">
        <v>24218</v>
      </c>
      <c r="D7915" s="14" t="s">
        <v>24219</v>
      </c>
      <c r="E7915" s="2" t="s">
        <v>24220</v>
      </c>
      <c r="F7915" s="2" t="s">
        <v>24211</v>
      </c>
      <c r="G7915" s="8">
        <v>400</v>
      </c>
      <c r="H7915" s="5">
        <v>6</v>
      </c>
      <c r="I7915" s="5" t="s">
        <v>1518</v>
      </c>
      <c r="J7915" s="5" t="s">
        <v>1519</v>
      </c>
      <c r="K7915" s="2" t="s">
        <v>1520</v>
      </c>
      <c r="L7915" s="5" t="s">
        <v>1519</v>
      </c>
      <c r="M7915" s="2" t="s">
        <v>1520</v>
      </c>
      <c r="N7915" s="5" t="s">
        <v>1521</v>
      </c>
      <c r="O7915" s="5" t="s">
        <v>38</v>
      </c>
      <c r="P7915" s="5" t="s">
        <v>39</v>
      </c>
      <c r="Q7915" s="5" t="s">
        <v>40</v>
      </c>
      <c r="R7915" s="5" t="s">
        <v>1522</v>
      </c>
      <c r="S7915" s="5" t="s">
        <v>1523</v>
      </c>
      <c r="T7915" s="5" t="s">
        <v>42</v>
      </c>
      <c r="U7915" s="2">
        <v>7.9939999999999998</v>
      </c>
      <c r="V7915" s="2">
        <v>6.9029999999999996</v>
      </c>
      <c r="W7915" s="2">
        <v>4.2000000000000003E-2</v>
      </c>
      <c r="X7915" s="2">
        <v>132.19999999999999</v>
      </c>
      <c r="Y7915" s="2">
        <v>24.2</v>
      </c>
      <c r="Z7915" s="2">
        <v>13.1</v>
      </c>
      <c r="AA7915" s="5">
        <v>12</v>
      </c>
      <c r="AB7915" s="5" t="s">
        <v>43</v>
      </c>
      <c r="AC7915" s="5" t="s">
        <v>44</v>
      </c>
      <c r="AD7915" s="2"/>
      <c r="AE7915" s="1"/>
    </row>
    <row r="7916" spans="1:31" ht="14.45">
      <c r="A7916" s="11"/>
      <c r="B7916" s="20"/>
      <c r="C7916" s="2" t="s">
        <v>24221</v>
      </c>
      <c r="D7916" s="14" t="s">
        <v>24222</v>
      </c>
      <c r="E7916" s="2" t="s">
        <v>24223</v>
      </c>
      <c r="F7916" s="2" t="s">
        <v>24211</v>
      </c>
      <c r="G7916" s="8">
        <v>408</v>
      </c>
      <c r="H7916" s="5">
        <v>6</v>
      </c>
      <c r="I7916" s="5" t="s">
        <v>1518</v>
      </c>
      <c r="J7916" s="5" t="s">
        <v>1519</v>
      </c>
      <c r="K7916" s="2" t="s">
        <v>1520</v>
      </c>
      <c r="L7916" s="5" t="s">
        <v>1519</v>
      </c>
      <c r="M7916" s="2" t="s">
        <v>1520</v>
      </c>
      <c r="N7916" s="5" t="s">
        <v>1521</v>
      </c>
      <c r="O7916" s="5" t="s">
        <v>38</v>
      </c>
      <c r="P7916" s="5" t="s">
        <v>39</v>
      </c>
      <c r="Q7916" s="5" t="s">
        <v>40</v>
      </c>
      <c r="R7916" s="5" t="s">
        <v>1522</v>
      </c>
      <c r="S7916" s="5" t="s">
        <v>1523</v>
      </c>
      <c r="T7916" s="5" t="s">
        <v>42</v>
      </c>
      <c r="U7916" s="2">
        <v>8.56</v>
      </c>
      <c r="V7916" s="2">
        <v>7.4909999999999997</v>
      </c>
      <c r="W7916" s="2">
        <v>4.2000000000000003E-2</v>
      </c>
      <c r="X7916" s="2">
        <v>132.19999999999999</v>
      </c>
      <c r="Y7916" s="2">
        <v>24.2</v>
      </c>
      <c r="Z7916" s="2">
        <v>13.1</v>
      </c>
      <c r="AA7916" s="5">
        <v>12</v>
      </c>
      <c r="AB7916" s="5" t="s">
        <v>43</v>
      </c>
      <c r="AC7916" s="5" t="s">
        <v>44</v>
      </c>
      <c r="AD7916" s="2"/>
      <c r="AE7916" s="1"/>
    </row>
    <row r="7917" spans="1:31" ht="14.45">
      <c r="A7917" s="11"/>
      <c r="B7917" s="20"/>
      <c r="C7917" s="2" t="s">
        <v>24224</v>
      </c>
      <c r="D7917" s="14" t="s">
        <v>24225</v>
      </c>
      <c r="E7917" s="2" t="s">
        <v>24226</v>
      </c>
      <c r="F7917" s="2" t="s">
        <v>24211</v>
      </c>
      <c r="G7917" s="8">
        <v>416</v>
      </c>
      <c r="H7917" s="5">
        <v>6</v>
      </c>
      <c r="I7917" s="5" t="s">
        <v>1518</v>
      </c>
      <c r="J7917" s="5" t="s">
        <v>1519</v>
      </c>
      <c r="K7917" s="2" t="s">
        <v>1520</v>
      </c>
      <c r="L7917" s="5" t="s">
        <v>1519</v>
      </c>
      <c r="M7917" s="2" t="s">
        <v>1520</v>
      </c>
      <c r="N7917" s="5" t="s">
        <v>1521</v>
      </c>
      <c r="O7917" s="5" t="s">
        <v>38</v>
      </c>
      <c r="P7917" s="5" t="s">
        <v>39</v>
      </c>
      <c r="Q7917" s="5" t="s">
        <v>40</v>
      </c>
      <c r="R7917" s="5" t="s">
        <v>1522</v>
      </c>
      <c r="S7917" s="5" t="s">
        <v>1523</v>
      </c>
      <c r="T7917" s="5" t="s">
        <v>42</v>
      </c>
      <c r="U7917" s="2">
        <v>9.5630000000000006</v>
      </c>
      <c r="V7917" s="2">
        <v>8.0269999999999992</v>
      </c>
      <c r="W7917" s="2">
        <v>5.8000000000000003E-2</v>
      </c>
      <c r="X7917" s="2">
        <v>182.2</v>
      </c>
      <c r="Y7917" s="2">
        <v>24.2</v>
      </c>
      <c r="Z7917" s="2">
        <v>13.1</v>
      </c>
      <c r="AA7917" s="5">
        <v>12</v>
      </c>
      <c r="AB7917" s="5" t="s">
        <v>43</v>
      </c>
      <c r="AC7917" s="5" t="s">
        <v>44</v>
      </c>
      <c r="AD7917" s="2"/>
      <c r="AE7917" s="1"/>
    </row>
    <row r="7918" spans="1:31" ht="14.45">
      <c r="A7918" s="11"/>
      <c r="B7918" s="20"/>
      <c r="C7918" s="2" t="s">
        <v>24227</v>
      </c>
      <c r="D7918" s="14" t="s">
        <v>24228</v>
      </c>
      <c r="E7918" s="2" t="s">
        <v>24229</v>
      </c>
      <c r="F7918" s="2" t="s">
        <v>24211</v>
      </c>
      <c r="G7918" s="8">
        <v>424</v>
      </c>
      <c r="H7918" s="5">
        <v>6</v>
      </c>
      <c r="I7918" s="5" t="s">
        <v>1518</v>
      </c>
      <c r="J7918" s="5" t="s">
        <v>1519</v>
      </c>
      <c r="K7918" s="2" t="s">
        <v>1520</v>
      </c>
      <c r="L7918" s="5" t="s">
        <v>1519</v>
      </c>
      <c r="M7918" s="2" t="s">
        <v>1520</v>
      </c>
      <c r="N7918" s="5" t="s">
        <v>1521</v>
      </c>
      <c r="O7918" s="5" t="s">
        <v>38</v>
      </c>
      <c r="P7918" s="5" t="s">
        <v>39</v>
      </c>
      <c r="Q7918" s="5" t="s">
        <v>40</v>
      </c>
      <c r="R7918" s="5" t="s">
        <v>1522</v>
      </c>
      <c r="S7918" s="5" t="s">
        <v>1523</v>
      </c>
      <c r="T7918" s="5" t="s">
        <v>42</v>
      </c>
      <c r="U7918" s="2">
        <v>10.129</v>
      </c>
      <c r="V7918" s="2">
        <v>8.6920000000000002</v>
      </c>
      <c r="W7918" s="2">
        <v>5.8000000000000003E-2</v>
      </c>
      <c r="X7918" s="2">
        <v>182.2</v>
      </c>
      <c r="Y7918" s="2">
        <v>24.2</v>
      </c>
      <c r="Z7918" s="2">
        <v>13.1</v>
      </c>
      <c r="AA7918" s="5">
        <v>12</v>
      </c>
      <c r="AB7918" s="5" t="s">
        <v>43</v>
      </c>
      <c r="AC7918" s="5" t="s">
        <v>44</v>
      </c>
      <c r="AD7918" s="2"/>
      <c r="AE7918" s="1"/>
    </row>
    <row r="7919" spans="1:31" ht="14.45">
      <c r="A7919" s="11"/>
      <c r="B7919" s="20"/>
      <c r="C7919" s="2" t="s">
        <v>24230</v>
      </c>
      <c r="D7919" s="14" t="s">
        <v>24231</v>
      </c>
      <c r="E7919" s="2" t="s">
        <v>24232</v>
      </c>
      <c r="F7919" s="2" t="s">
        <v>24211</v>
      </c>
      <c r="G7919" s="8">
        <v>420</v>
      </c>
      <c r="H7919" s="5">
        <v>6</v>
      </c>
      <c r="I7919" s="5" t="s">
        <v>1518</v>
      </c>
      <c r="J7919" s="5" t="s">
        <v>1519</v>
      </c>
      <c r="K7919" s="2" t="s">
        <v>1520</v>
      </c>
      <c r="L7919" s="5" t="s">
        <v>1519</v>
      </c>
      <c r="M7919" s="2" t="s">
        <v>1520</v>
      </c>
      <c r="N7919" s="5" t="s">
        <v>1521</v>
      </c>
      <c r="O7919" s="5" t="s">
        <v>38</v>
      </c>
      <c r="P7919" s="5" t="s">
        <v>39</v>
      </c>
      <c r="Q7919" s="5" t="s">
        <v>40</v>
      </c>
      <c r="R7919" s="5" t="s">
        <v>1522</v>
      </c>
      <c r="S7919" s="5" t="s">
        <v>1523</v>
      </c>
      <c r="T7919" s="5" t="s">
        <v>42</v>
      </c>
      <c r="U7919" s="2">
        <v>10.419</v>
      </c>
      <c r="V7919" s="2">
        <v>8.9169999999999998</v>
      </c>
      <c r="W7919" s="2">
        <v>5.8000000000000003E-2</v>
      </c>
      <c r="X7919" s="2">
        <v>182.2</v>
      </c>
      <c r="Y7919" s="2">
        <v>24.2</v>
      </c>
      <c r="Z7919" s="2">
        <v>13.1</v>
      </c>
      <c r="AA7919" s="5">
        <v>12</v>
      </c>
      <c r="AB7919" s="5" t="s">
        <v>43</v>
      </c>
      <c r="AC7919" s="5" t="s">
        <v>44</v>
      </c>
      <c r="AD7919" s="2"/>
      <c r="AE7919" s="1"/>
    </row>
    <row r="7920" spans="1:31" ht="14.45">
      <c r="A7920" s="11"/>
      <c r="B7920" s="20"/>
      <c r="C7920" s="2" t="s">
        <v>24233</v>
      </c>
      <c r="D7920" s="14" t="s">
        <v>24234</v>
      </c>
      <c r="E7920" s="2" t="s">
        <v>24235</v>
      </c>
      <c r="F7920" s="2" t="s">
        <v>24211</v>
      </c>
      <c r="G7920" s="8">
        <v>433</v>
      </c>
      <c r="H7920" s="5">
        <v>6</v>
      </c>
      <c r="I7920" s="5" t="s">
        <v>1518</v>
      </c>
      <c r="J7920" s="5" t="s">
        <v>1519</v>
      </c>
      <c r="K7920" s="2" t="s">
        <v>1520</v>
      </c>
      <c r="L7920" s="5" t="s">
        <v>1519</v>
      </c>
      <c r="M7920" s="2" t="s">
        <v>1520</v>
      </c>
      <c r="N7920" s="5" t="s">
        <v>1521</v>
      </c>
      <c r="O7920" s="5" t="s">
        <v>38</v>
      </c>
      <c r="P7920" s="5" t="s">
        <v>39</v>
      </c>
      <c r="Q7920" s="5" t="s">
        <v>40</v>
      </c>
      <c r="R7920" s="5" t="s">
        <v>1522</v>
      </c>
      <c r="S7920" s="5" t="s">
        <v>1523</v>
      </c>
      <c r="T7920" s="5" t="s">
        <v>42</v>
      </c>
      <c r="U7920" s="2">
        <v>10.881</v>
      </c>
      <c r="V7920" s="2">
        <v>9.3789999999999996</v>
      </c>
      <c r="W7920" s="2">
        <v>5.8000000000000003E-2</v>
      </c>
      <c r="X7920" s="2">
        <v>182.2</v>
      </c>
      <c r="Y7920" s="2">
        <v>24.2</v>
      </c>
      <c r="Z7920" s="2">
        <v>13.1</v>
      </c>
      <c r="AA7920" s="5">
        <v>12</v>
      </c>
      <c r="AB7920" s="5" t="s">
        <v>43</v>
      </c>
      <c r="AC7920" s="5" t="s">
        <v>44</v>
      </c>
      <c r="AD7920" s="2"/>
      <c r="AE7920" s="1"/>
    </row>
    <row r="7921" spans="1:31" ht="14.45">
      <c r="A7921" s="11"/>
      <c r="B7921" s="20"/>
      <c r="C7921" s="2" t="s">
        <v>24236</v>
      </c>
      <c r="D7921" s="14" t="s">
        <v>24237</v>
      </c>
      <c r="E7921" s="2" t="s">
        <v>24238</v>
      </c>
      <c r="F7921" s="2" t="s">
        <v>24211</v>
      </c>
      <c r="G7921" s="8">
        <v>442</v>
      </c>
      <c r="H7921" s="5">
        <v>6</v>
      </c>
      <c r="I7921" s="5" t="s">
        <v>1518</v>
      </c>
      <c r="J7921" s="5" t="s">
        <v>1519</v>
      </c>
      <c r="K7921" s="2" t="s">
        <v>1520</v>
      </c>
      <c r="L7921" s="5" t="s">
        <v>1519</v>
      </c>
      <c r="M7921" s="2" t="s">
        <v>1520</v>
      </c>
      <c r="N7921" s="5" t="s">
        <v>1521</v>
      </c>
      <c r="O7921" s="5" t="s">
        <v>38</v>
      </c>
      <c r="P7921" s="5" t="s">
        <v>39</v>
      </c>
      <c r="Q7921" s="5" t="s">
        <v>40</v>
      </c>
      <c r="R7921" s="5" t="s">
        <v>1522</v>
      </c>
      <c r="S7921" s="5" t="s">
        <v>1523</v>
      </c>
      <c r="T7921" s="5" t="s">
        <v>42</v>
      </c>
      <c r="U7921" s="2">
        <v>11.349</v>
      </c>
      <c r="V7921" s="2">
        <v>9.8469999999999995</v>
      </c>
      <c r="W7921" s="2">
        <v>5.8000000000000003E-2</v>
      </c>
      <c r="X7921" s="2">
        <v>182.2</v>
      </c>
      <c r="Y7921" s="2">
        <v>24.2</v>
      </c>
      <c r="Z7921" s="2">
        <v>13.1</v>
      </c>
      <c r="AA7921" s="5">
        <v>12</v>
      </c>
      <c r="AB7921" s="5" t="s">
        <v>43</v>
      </c>
      <c r="AC7921" s="5" t="s">
        <v>44</v>
      </c>
      <c r="AD7921" s="2"/>
      <c r="AE7921" s="1"/>
    </row>
    <row r="7922" spans="1:31" ht="14.45">
      <c r="A7922" s="11"/>
      <c r="B7922" s="20"/>
      <c r="C7922" s="2" t="s">
        <v>24239</v>
      </c>
      <c r="D7922" s="14" t="s">
        <v>24240</v>
      </c>
      <c r="E7922" s="2" t="s">
        <v>24241</v>
      </c>
      <c r="F7922" s="2" t="s">
        <v>24211</v>
      </c>
      <c r="G7922" s="8">
        <v>510</v>
      </c>
      <c r="H7922" s="5">
        <v>6</v>
      </c>
      <c r="I7922" s="5" t="s">
        <v>1518</v>
      </c>
      <c r="J7922" s="5" t="s">
        <v>1519</v>
      </c>
      <c r="K7922" s="2" t="s">
        <v>1520</v>
      </c>
      <c r="L7922" s="5" t="s">
        <v>1519</v>
      </c>
      <c r="M7922" s="2" t="s">
        <v>1520</v>
      </c>
      <c r="N7922" s="5" t="s">
        <v>1521</v>
      </c>
      <c r="O7922" s="5" t="s">
        <v>38</v>
      </c>
      <c r="P7922" s="5" t="s">
        <v>39</v>
      </c>
      <c r="Q7922" s="5" t="s">
        <v>40</v>
      </c>
      <c r="R7922" s="5" t="s">
        <v>1522</v>
      </c>
      <c r="S7922" s="5" t="s">
        <v>1523</v>
      </c>
      <c r="T7922" s="5" t="s">
        <v>42</v>
      </c>
      <c r="U7922" s="2">
        <v>11.914999999999999</v>
      </c>
      <c r="V7922" s="2">
        <v>10.542999999999999</v>
      </c>
      <c r="W7922" s="2">
        <v>5.8000000000000003E-2</v>
      </c>
      <c r="X7922" s="2">
        <v>182.2</v>
      </c>
      <c r="Y7922" s="2">
        <v>24.2</v>
      </c>
      <c r="Z7922" s="2">
        <v>13.1</v>
      </c>
      <c r="AA7922" s="5">
        <v>12</v>
      </c>
      <c r="AB7922" s="5" t="s">
        <v>43</v>
      </c>
      <c r="AC7922" s="5" t="s">
        <v>44</v>
      </c>
      <c r="AD7922" s="2"/>
      <c r="AE7922" s="1"/>
    </row>
    <row r="7923" spans="1:31" ht="14.45">
      <c r="A7923" s="11"/>
      <c r="B7923" s="20"/>
      <c r="C7923" s="2" t="s">
        <v>24242</v>
      </c>
      <c r="D7923" s="14" t="s">
        <v>24243</v>
      </c>
      <c r="E7923" s="2" t="s">
        <v>24244</v>
      </c>
      <c r="F7923" s="2" t="s">
        <v>24211</v>
      </c>
      <c r="G7923" s="8">
        <v>457</v>
      </c>
      <c r="H7923" s="5">
        <v>6</v>
      </c>
      <c r="I7923" s="5" t="s">
        <v>1518</v>
      </c>
      <c r="J7923" s="5" t="s">
        <v>1519</v>
      </c>
      <c r="K7923" s="2" t="s">
        <v>1520</v>
      </c>
      <c r="L7923" s="5" t="s">
        <v>1519</v>
      </c>
      <c r="M7923" s="2" t="s">
        <v>1520</v>
      </c>
      <c r="N7923" s="5" t="s">
        <v>1521</v>
      </c>
      <c r="O7923" s="5" t="s">
        <v>38</v>
      </c>
      <c r="P7923" s="5" t="s">
        <v>39</v>
      </c>
      <c r="Q7923" s="5" t="s">
        <v>40</v>
      </c>
      <c r="R7923" s="5" t="s">
        <v>1522</v>
      </c>
      <c r="S7923" s="5" t="s">
        <v>1523</v>
      </c>
      <c r="T7923" s="5" t="s">
        <v>42</v>
      </c>
      <c r="U7923" s="2">
        <v>12.068</v>
      </c>
      <c r="V7923" s="2">
        <v>10.273</v>
      </c>
      <c r="W7923" s="2">
        <v>7.3999999999999996E-2</v>
      </c>
      <c r="X7923" s="2">
        <v>232.2</v>
      </c>
      <c r="Y7923" s="2">
        <v>24.2</v>
      </c>
      <c r="Z7923" s="2">
        <v>13.1</v>
      </c>
      <c r="AA7923" s="5">
        <v>12</v>
      </c>
      <c r="AB7923" s="5" t="s">
        <v>43</v>
      </c>
      <c r="AC7923" s="5" t="s">
        <v>44</v>
      </c>
      <c r="AD7923" s="2"/>
      <c r="AE7923" s="1"/>
    </row>
    <row r="7924" spans="1:31" ht="14.45">
      <c r="A7924" s="11"/>
      <c r="B7924" s="20"/>
      <c r="C7924" s="2" t="s">
        <v>24245</v>
      </c>
      <c r="D7924" s="14" t="s">
        <v>24246</v>
      </c>
      <c r="E7924" s="2" t="s">
        <v>24247</v>
      </c>
      <c r="F7924" s="2" t="s">
        <v>24211</v>
      </c>
      <c r="G7924" s="8">
        <v>531</v>
      </c>
      <c r="H7924" s="5">
        <v>6</v>
      </c>
      <c r="I7924" s="5" t="s">
        <v>1518</v>
      </c>
      <c r="J7924" s="5" t="s">
        <v>1519</v>
      </c>
      <c r="K7924" s="2" t="s">
        <v>1520</v>
      </c>
      <c r="L7924" s="5" t="s">
        <v>1519</v>
      </c>
      <c r="M7924" s="2" t="s">
        <v>1520</v>
      </c>
      <c r="N7924" s="5" t="s">
        <v>1521</v>
      </c>
      <c r="O7924" s="5" t="s">
        <v>38</v>
      </c>
      <c r="P7924" s="5" t="s">
        <v>39</v>
      </c>
      <c r="Q7924" s="5" t="s">
        <v>40</v>
      </c>
      <c r="R7924" s="5" t="s">
        <v>1522</v>
      </c>
      <c r="S7924" s="5" t="s">
        <v>1523</v>
      </c>
      <c r="T7924" s="5" t="s">
        <v>42</v>
      </c>
      <c r="U7924" s="2">
        <v>13.063000000000001</v>
      </c>
      <c r="V7924" s="2">
        <v>11.268000000000001</v>
      </c>
      <c r="W7924" s="2">
        <v>7.3999999999999996E-2</v>
      </c>
      <c r="X7924" s="2">
        <v>232.2</v>
      </c>
      <c r="Y7924" s="2">
        <v>24.2</v>
      </c>
      <c r="Z7924" s="2">
        <v>13.1</v>
      </c>
      <c r="AA7924" s="5">
        <v>12</v>
      </c>
      <c r="AB7924" s="5" t="s">
        <v>43</v>
      </c>
      <c r="AC7924" s="5" t="s">
        <v>44</v>
      </c>
      <c r="AD7924" s="2"/>
      <c r="AE7924" s="1"/>
    </row>
    <row r="7925" spans="1:31" ht="14.45">
      <c r="A7925" s="11"/>
      <c r="B7925" s="20"/>
      <c r="C7925" s="2" t="s">
        <v>24248</v>
      </c>
      <c r="D7925" s="14" t="s">
        <v>24249</v>
      </c>
      <c r="E7925" s="2" t="s">
        <v>24250</v>
      </c>
      <c r="F7925" s="2" t="s">
        <v>24251</v>
      </c>
      <c r="G7925" s="8">
        <v>775</v>
      </c>
      <c r="H7925" s="5">
        <v>20</v>
      </c>
      <c r="I7925" s="5" t="s">
        <v>69</v>
      </c>
      <c r="J7925" s="5" t="s">
        <v>24252</v>
      </c>
      <c r="K7925" s="2" t="s">
        <v>24253</v>
      </c>
      <c r="L7925" s="5" t="s">
        <v>24252</v>
      </c>
      <c r="M7925" s="2" t="s">
        <v>24253</v>
      </c>
      <c r="N7925" s="5" t="s">
        <v>24254</v>
      </c>
      <c r="O7925" s="5" t="s">
        <v>38</v>
      </c>
      <c r="P7925" s="5" t="s">
        <v>39</v>
      </c>
      <c r="Q7925" s="5" t="s">
        <v>40</v>
      </c>
      <c r="R7925" s="5" t="s">
        <v>1487</v>
      </c>
      <c r="S7925" s="5"/>
      <c r="T7925" s="5" t="s">
        <v>42</v>
      </c>
      <c r="U7925" s="2">
        <v>0</v>
      </c>
      <c r="V7925" s="2">
        <v>0</v>
      </c>
      <c r="W7925" s="2">
        <v>0</v>
      </c>
      <c r="X7925" s="2">
        <v>0</v>
      </c>
      <c r="Y7925" s="2">
        <v>0</v>
      </c>
      <c r="Z7925" s="2">
        <v>0</v>
      </c>
      <c r="AA7925" s="5"/>
      <c r="AB7925" s="5" t="s">
        <v>43</v>
      </c>
      <c r="AC7925" s="5" t="s">
        <v>44</v>
      </c>
      <c r="AD7925" s="2" t="s">
        <v>24255</v>
      </c>
      <c r="AE7925" s="1"/>
    </row>
    <row r="7926" spans="1:31" ht="14.45">
      <c r="A7926" s="11"/>
      <c r="B7926" s="20"/>
      <c r="C7926" s="2" t="s">
        <v>24256</v>
      </c>
      <c r="D7926" s="14" t="s">
        <v>24257</v>
      </c>
      <c r="E7926" s="2" t="s">
        <v>24258</v>
      </c>
      <c r="F7926" s="2" t="s">
        <v>24251</v>
      </c>
      <c r="G7926" s="8">
        <v>1992</v>
      </c>
      <c r="H7926" s="5">
        <v>20</v>
      </c>
      <c r="I7926" s="5" t="s">
        <v>69</v>
      </c>
      <c r="J7926" s="5" t="s">
        <v>24259</v>
      </c>
      <c r="K7926" s="2" t="s">
        <v>24260</v>
      </c>
      <c r="L7926" s="5" t="s">
        <v>24259</v>
      </c>
      <c r="M7926" s="2" t="s">
        <v>24260</v>
      </c>
      <c r="N7926" s="5" t="s">
        <v>24254</v>
      </c>
      <c r="O7926" s="5" t="s">
        <v>38</v>
      </c>
      <c r="P7926" s="5" t="s">
        <v>39</v>
      </c>
      <c r="Q7926" s="5" t="s">
        <v>40</v>
      </c>
      <c r="R7926" s="5" t="s">
        <v>1487</v>
      </c>
      <c r="S7926" s="5"/>
      <c r="T7926" s="5" t="s">
        <v>42</v>
      </c>
      <c r="U7926" s="2">
        <v>0</v>
      </c>
      <c r="V7926" s="2">
        <v>0</v>
      </c>
      <c r="W7926" s="2">
        <v>0</v>
      </c>
      <c r="X7926" s="2">
        <v>0</v>
      </c>
      <c r="Y7926" s="2">
        <v>0</v>
      </c>
      <c r="Z7926" s="2">
        <v>0</v>
      </c>
      <c r="AA7926" s="5"/>
      <c r="AB7926" s="5" t="s">
        <v>43</v>
      </c>
      <c r="AC7926" s="5" t="s">
        <v>44</v>
      </c>
      <c r="AD7926" s="2" t="s">
        <v>24261</v>
      </c>
      <c r="AE7926" s="1"/>
    </row>
    <row r="7927" spans="1:31" ht="14.45">
      <c r="A7927" s="11"/>
      <c r="B7927" s="20"/>
      <c r="C7927" s="2" t="s">
        <v>24262</v>
      </c>
      <c r="D7927" s="14" t="s">
        <v>24263</v>
      </c>
      <c r="E7927" s="2" t="s">
        <v>24264</v>
      </c>
      <c r="F7927" s="2" t="s">
        <v>24251</v>
      </c>
      <c r="G7927" s="8">
        <v>2139</v>
      </c>
      <c r="H7927" s="5">
        <v>20</v>
      </c>
      <c r="I7927" s="5" t="s">
        <v>69</v>
      </c>
      <c r="J7927" s="5" t="s">
        <v>24259</v>
      </c>
      <c r="K7927" s="2" t="s">
        <v>24260</v>
      </c>
      <c r="L7927" s="5" t="s">
        <v>24259</v>
      </c>
      <c r="M7927" s="2" t="s">
        <v>24260</v>
      </c>
      <c r="N7927" s="5" t="s">
        <v>24254</v>
      </c>
      <c r="O7927" s="5" t="s">
        <v>38</v>
      </c>
      <c r="P7927" s="5" t="s">
        <v>39</v>
      </c>
      <c r="Q7927" s="5" t="s">
        <v>40</v>
      </c>
      <c r="R7927" s="5" t="s">
        <v>1487</v>
      </c>
      <c r="S7927" s="5"/>
      <c r="T7927" s="5" t="s">
        <v>42</v>
      </c>
      <c r="U7927" s="2">
        <v>0</v>
      </c>
      <c r="V7927" s="2">
        <v>0</v>
      </c>
      <c r="W7927" s="2">
        <v>0</v>
      </c>
      <c r="X7927" s="2">
        <v>0</v>
      </c>
      <c r="Y7927" s="2">
        <v>0</v>
      </c>
      <c r="Z7927" s="2">
        <v>0</v>
      </c>
      <c r="AA7927" s="5"/>
      <c r="AB7927" s="5" t="s">
        <v>43</v>
      </c>
      <c r="AC7927" s="5" t="s">
        <v>44</v>
      </c>
      <c r="AD7927" s="2" t="s">
        <v>24265</v>
      </c>
      <c r="AE7927" s="1"/>
    </row>
    <row r="7928" spans="1:31" ht="14.45">
      <c r="A7928" s="11"/>
      <c r="B7928" s="20"/>
      <c r="C7928" s="2" t="s">
        <v>24266</v>
      </c>
      <c r="D7928" s="14" t="s">
        <v>24267</v>
      </c>
      <c r="E7928" s="2" t="s">
        <v>24268</v>
      </c>
      <c r="F7928" s="2" t="s">
        <v>24251</v>
      </c>
      <c r="G7928" s="8">
        <v>848</v>
      </c>
      <c r="H7928" s="5">
        <v>20</v>
      </c>
      <c r="I7928" s="5" t="s">
        <v>69</v>
      </c>
      <c r="J7928" s="5" t="s">
        <v>24252</v>
      </c>
      <c r="K7928" s="2" t="s">
        <v>24253</v>
      </c>
      <c r="L7928" s="5" t="s">
        <v>24252</v>
      </c>
      <c r="M7928" s="2" t="s">
        <v>24253</v>
      </c>
      <c r="N7928" s="5" t="s">
        <v>24254</v>
      </c>
      <c r="O7928" s="5" t="s">
        <v>38</v>
      </c>
      <c r="P7928" s="5" t="s">
        <v>39</v>
      </c>
      <c r="Q7928" s="5" t="s">
        <v>40</v>
      </c>
      <c r="R7928" s="5" t="s">
        <v>1487</v>
      </c>
      <c r="S7928" s="5"/>
      <c r="T7928" s="5" t="s">
        <v>42</v>
      </c>
      <c r="U7928" s="2">
        <v>0</v>
      </c>
      <c r="V7928" s="2">
        <v>0</v>
      </c>
      <c r="W7928" s="2">
        <v>0</v>
      </c>
      <c r="X7928" s="2">
        <v>0</v>
      </c>
      <c r="Y7928" s="2">
        <v>0</v>
      </c>
      <c r="Z7928" s="2">
        <v>0</v>
      </c>
      <c r="AA7928" s="5"/>
      <c r="AB7928" s="5" t="s">
        <v>43</v>
      </c>
      <c r="AC7928" s="5" t="s">
        <v>44</v>
      </c>
      <c r="AD7928" s="2" t="s">
        <v>24255</v>
      </c>
      <c r="AE7928" s="1"/>
    </row>
    <row r="7929" spans="1:31" ht="14.45">
      <c r="A7929" s="11"/>
      <c r="B7929" s="20"/>
      <c r="C7929" s="2" t="s">
        <v>24269</v>
      </c>
      <c r="D7929" s="14" t="s">
        <v>24270</v>
      </c>
      <c r="E7929" s="2" t="s">
        <v>24271</v>
      </c>
      <c r="F7929" s="2" t="s">
        <v>24251</v>
      </c>
      <c r="G7929" s="8">
        <v>2180</v>
      </c>
      <c r="H7929" s="5">
        <v>20</v>
      </c>
      <c r="I7929" s="5" t="s">
        <v>69</v>
      </c>
      <c r="J7929" s="5" t="s">
        <v>24259</v>
      </c>
      <c r="K7929" s="2" t="s">
        <v>24260</v>
      </c>
      <c r="L7929" s="5" t="s">
        <v>24259</v>
      </c>
      <c r="M7929" s="2" t="s">
        <v>24260</v>
      </c>
      <c r="N7929" s="5" t="s">
        <v>24254</v>
      </c>
      <c r="O7929" s="5" t="s">
        <v>38</v>
      </c>
      <c r="P7929" s="5" t="s">
        <v>39</v>
      </c>
      <c r="Q7929" s="5" t="s">
        <v>40</v>
      </c>
      <c r="R7929" s="5" t="s">
        <v>1487</v>
      </c>
      <c r="S7929" s="5"/>
      <c r="T7929" s="5" t="s">
        <v>42</v>
      </c>
      <c r="U7929" s="2">
        <v>0</v>
      </c>
      <c r="V7929" s="2">
        <v>0</v>
      </c>
      <c r="W7929" s="2">
        <v>0</v>
      </c>
      <c r="X7929" s="2">
        <v>0</v>
      </c>
      <c r="Y7929" s="2">
        <v>0</v>
      </c>
      <c r="Z7929" s="2">
        <v>0</v>
      </c>
      <c r="AA7929" s="5"/>
      <c r="AB7929" s="5" t="s">
        <v>43</v>
      </c>
      <c r="AC7929" s="5" t="s">
        <v>44</v>
      </c>
      <c r="AD7929" s="2" t="s">
        <v>24261</v>
      </c>
      <c r="AE7929" s="1"/>
    </row>
    <row r="7930" spans="1:31" ht="14.45">
      <c r="A7930" s="11"/>
      <c r="B7930" s="20"/>
      <c r="C7930" s="2" t="s">
        <v>24272</v>
      </c>
      <c r="D7930" s="14" t="s">
        <v>24273</v>
      </c>
      <c r="E7930" s="2" t="s">
        <v>24274</v>
      </c>
      <c r="F7930" s="2" t="s">
        <v>24251</v>
      </c>
      <c r="G7930" s="8">
        <v>2342</v>
      </c>
      <c r="H7930" s="5">
        <v>20</v>
      </c>
      <c r="I7930" s="5" t="s">
        <v>69</v>
      </c>
      <c r="J7930" s="5" t="s">
        <v>24259</v>
      </c>
      <c r="K7930" s="2" t="s">
        <v>24260</v>
      </c>
      <c r="L7930" s="5" t="s">
        <v>24259</v>
      </c>
      <c r="M7930" s="2" t="s">
        <v>24260</v>
      </c>
      <c r="N7930" s="5" t="s">
        <v>24254</v>
      </c>
      <c r="O7930" s="5" t="s">
        <v>38</v>
      </c>
      <c r="P7930" s="5" t="s">
        <v>39</v>
      </c>
      <c r="Q7930" s="5" t="s">
        <v>40</v>
      </c>
      <c r="R7930" s="5" t="s">
        <v>1487</v>
      </c>
      <c r="S7930" s="5"/>
      <c r="T7930" s="5" t="s">
        <v>42</v>
      </c>
      <c r="U7930" s="2">
        <v>0</v>
      </c>
      <c r="V7930" s="2">
        <v>0</v>
      </c>
      <c r="W7930" s="2">
        <v>0</v>
      </c>
      <c r="X7930" s="2">
        <v>0</v>
      </c>
      <c r="Y7930" s="2">
        <v>0</v>
      </c>
      <c r="Z7930" s="2">
        <v>0</v>
      </c>
      <c r="AA7930" s="5"/>
      <c r="AB7930" s="5" t="s">
        <v>43</v>
      </c>
      <c r="AC7930" s="5" t="s">
        <v>44</v>
      </c>
      <c r="AD7930" s="2" t="s">
        <v>24265</v>
      </c>
      <c r="AE7930" s="1"/>
    </row>
    <row r="7931" spans="1:31" ht="14.45">
      <c r="A7931" s="11"/>
      <c r="B7931" s="20"/>
      <c r="C7931" s="2" t="s">
        <v>24275</v>
      </c>
      <c r="D7931" s="14" t="s">
        <v>24276</v>
      </c>
      <c r="E7931" s="2" t="s">
        <v>24277</v>
      </c>
      <c r="F7931" s="2" t="s">
        <v>24251</v>
      </c>
      <c r="G7931" s="8">
        <v>783</v>
      </c>
      <c r="H7931" s="5">
        <v>20</v>
      </c>
      <c r="I7931" s="5" t="s">
        <v>69</v>
      </c>
      <c r="J7931" s="5" t="s">
        <v>24252</v>
      </c>
      <c r="K7931" s="2" t="s">
        <v>24253</v>
      </c>
      <c r="L7931" s="5" t="s">
        <v>24252</v>
      </c>
      <c r="M7931" s="2" t="s">
        <v>24253</v>
      </c>
      <c r="N7931" s="5" t="s">
        <v>24254</v>
      </c>
      <c r="O7931" s="5" t="s">
        <v>38</v>
      </c>
      <c r="P7931" s="5" t="s">
        <v>39</v>
      </c>
      <c r="Q7931" s="5" t="s">
        <v>40</v>
      </c>
      <c r="R7931" s="5" t="s">
        <v>1487</v>
      </c>
      <c r="S7931" s="5"/>
      <c r="T7931" s="5" t="s">
        <v>42</v>
      </c>
      <c r="U7931" s="2">
        <v>0</v>
      </c>
      <c r="V7931" s="2">
        <v>0</v>
      </c>
      <c r="W7931" s="2">
        <v>0</v>
      </c>
      <c r="X7931" s="2">
        <v>0</v>
      </c>
      <c r="Y7931" s="2">
        <v>0</v>
      </c>
      <c r="Z7931" s="2">
        <v>0</v>
      </c>
      <c r="AA7931" s="5"/>
      <c r="AB7931" s="5" t="s">
        <v>43</v>
      </c>
      <c r="AC7931" s="5" t="s">
        <v>44</v>
      </c>
      <c r="AD7931" s="2" t="s">
        <v>24255</v>
      </c>
      <c r="AE7931" s="1"/>
    </row>
    <row r="7932" spans="1:31" ht="14.45">
      <c r="A7932" s="11"/>
      <c r="B7932" s="20"/>
      <c r="C7932" s="2" t="s">
        <v>24278</v>
      </c>
      <c r="D7932" s="14" t="s">
        <v>24279</v>
      </c>
      <c r="E7932" s="2" t="s">
        <v>24280</v>
      </c>
      <c r="F7932" s="2" t="s">
        <v>24251</v>
      </c>
      <c r="G7932" s="8">
        <v>2013</v>
      </c>
      <c r="H7932" s="5">
        <v>20</v>
      </c>
      <c r="I7932" s="5" t="s">
        <v>69</v>
      </c>
      <c r="J7932" s="5" t="s">
        <v>24259</v>
      </c>
      <c r="K7932" s="2" t="s">
        <v>24260</v>
      </c>
      <c r="L7932" s="5" t="s">
        <v>24259</v>
      </c>
      <c r="M7932" s="2" t="s">
        <v>24260</v>
      </c>
      <c r="N7932" s="5" t="s">
        <v>24254</v>
      </c>
      <c r="O7932" s="5" t="s">
        <v>38</v>
      </c>
      <c r="P7932" s="5" t="s">
        <v>39</v>
      </c>
      <c r="Q7932" s="5" t="s">
        <v>40</v>
      </c>
      <c r="R7932" s="5" t="s">
        <v>1487</v>
      </c>
      <c r="S7932" s="5"/>
      <c r="T7932" s="5" t="s">
        <v>42</v>
      </c>
      <c r="U7932" s="2">
        <v>0</v>
      </c>
      <c r="V7932" s="2">
        <v>0</v>
      </c>
      <c r="W7932" s="2">
        <v>0</v>
      </c>
      <c r="X7932" s="2">
        <v>0</v>
      </c>
      <c r="Y7932" s="2">
        <v>0</v>
      </c>
      <c r="Z7932" s="2">
        <v>0</v>
      </c>
      <c r="AA7932" s="5"/>
      <c r="AB7932" s="5" t="s">
        <v>43</v>
      </c>
      <c r="AC7932" s="5" t="s">
        <v>44</v>
      </c>
      <c r="AD7932" s="2" t="s">
        <v>24261</v>
      </c>
      <c r="AE7932" s="1"/>
    </row>
    <row r="7933" spans="1:31" ht="14.45">
      <c r="A7933" s="11"/>
      <c r="B7933" s="20"/>
      <c r="C7933" s="2" t="s">
        <v>24281</v>
      </c>
      <c r="D7933" s="14" t="s">
        <v>24282</v>
      </c>
      <c r="E7933" s="2" t="s">
        <v>24283</v>
      </c>
      <c r="F7933" s="2" t="s">
        <v>24251</v>
      </c>
      <c r="G7933" s="8">
        <v>2161</v>
      </c>
      <c r="H7933" s="5">
        <v>20</v>
      </c>
      <c r="I7933" s="5" t="s">
        <v>69</v>
      </c>
      <c r="J7933" s="5" t="s">
        <v>24259</v>
      </c>
      <c r="K7933" s="2" t="s">
        <v>24260</v>
      </c>
      <c r="L7933" s="5" t="s">
        <v>24259</v>
      </c>
      <c r="M7933" s="2" t="s">
        <v>24260</v>
      </c>
      <c r="N7933" s="5" t="s">
        <v>24254</v>
      </c>
      <c r="O7933" s="5" t="s">
        <v>38</v>
      </c>
      <c r="P7933" s="5" t="s">
        <v>39</v>
      </c>
      <c r="Q7933" s="5" t="s">
        <v>40</v>
      </c>
      <c r="R7933" s="5" t="s">
        <v>1487</v>
      </c>
      <c r="S7933" s="5"/>
      <c r="T7933" s="5" t="s">
        <v>42</v>
      </c>
      <c r="U7933" s="2">
        <v>0</v>
      </c>
      <c r="V7933" s="2">
        <v>0</v>
      </c>
      <c r="W7933" s="2">
        <v>0</v>
      </c>
      <c r="X7933" s="2">
        <v>0</v>
      </c>
      <c r="Y7933" s="2">
        <v>0</v>
      </c>
      <c r="Z7933" s="2">
        <v>0</v>
      </c>
      <c r="AA7933" s="5"/>
      <c r="AB7933" s="5" t="s">
        <v>43</v>
      </c>
      <c r="AC7933" s="5" t="s">
        <v>44</v>
      </c>
      <c r="AD7933" s="2" t="s">
        <v>24265</v>
      </c>
      <c r="AE7933" s="1"/>
    </row>
    <row r="7934" spans="1:31" ht="14.45">
      <c r="A7934" s="11"/>
      <c r="B7934" s="20"/>
      <c r="C7934" s="2" t="s">
        <v>24284</v>
      </c>
      <c r="D7934" s="14" t="s">
        <v>24285</v>
      </c>
      <c r="E7934" s="2" t="s">
        <v>24286</v>
      </c>
      <c r="F7934" s="2" t="s">
        <v>24251</v>
      </c>
      <c r="G7934" s="8">
        <v>816</v>
      </c>
      <c r="H7934" s="5">
        <v>20</v>
      </c>
      <c r="I7934" s="5" t="s">
        <v>69</v>
      </c>
      <c r="J7934" s="5" t="s">
        <v>24252</v>
      </c>
      <c r="K7934" s="2" t="s">
        <v>24253</v>
      </c>
      <c r="L7934" s="5" t="s">
        <v>24252</v>
      </c>
      <c r="M7934" s="2" t="s">
        <v>24253</v>
      </c>
      <c r="N7934" s="5" t="s">
        <v>24254</v>
      </c>
      <c r="O7934" s="5" t="s">
        <v>38</v>
      </c>
      <c r="P7934" s="5" t="s">
        <v>39</v>
      </c>
      <c r="Q7934" s="5" t="s">
        <v>40</v>
      </c>
      <c r="R7934" s="5" t="s">
        <v>1487</v>
      </c>
      <c r="S7934" s="5"/>
      <c r="T7934" s="5" t="s">
        <v>42</v>
      </c>
      <c r="U7934" s="2">
        <v>0</v>
      </c>
      <c r="V7934" s="2">
        <v>0</v>
      </c>
      <c r="W7934" s="2">
        <v>0</v>
      </c>
      <c r="X7934" s="2">
        <v>0</v>
      </c>
      <c r="Y7934" s="2">
        <v>0</v>
      </c>
      <c r="Z7934" s="2">
        <v>0</v>
      </c>
      <c r="AA7934" s="5"/>
      <c r="AB7934" s="5" t="s">
        <v>43</v>
      </c>
      <c r="AC7934" s="5" t="s">
        <v>44</v>
      </c>
      <c r="AD7934" s="2" t="s">
        <v>24255</v>
      </c>
      <c r="AE7934" s="1"/>
    </row>
    <row r="7935" spans="1:31" ht="14.45">
      <c r="A7935" s="11"/>
      <c r="B7935" s="20"/>
      <c r="C7935" s="2" t="s">
        <v>24287</v>
      </c>
      <c r="D7935" s="14" t="s">
        <v>24288</v>
      </c>
      <c r="E7935" s="2" t="s">
        <v>24289</v>
      </c>
      <c r="F7935" s="2" t="s">
        <v>24251</v>
      </c>
      <c r="G7935" s="8">
        <v>2097</v>
      </c>
      <c r="H7935" s="5">
        <v>20</v>
      </c>
      <c r="I7935" s="5" t="s">
        <v>69</v>
      </c>
      <c r="J7935" s="5" t="s">
        <v>24259</v>
      </c>
      <c r="K7935" s="2" t="s">
        <v>24260</v>
      </c>
      <c r="L7935" s="5" t="s">
        <v>24259</v>
      </c>
      <c r="M7935" s="2" t="s">
        <v>24260</v>
      </c>
      <c r="N7935" s="5" t="s">
        <v>24254</v>
      </c>
      <c r="O7935" s="5" t="s">
        <v>38</v>
      </c>
      <c r="P7935" s="5" t="s">
        <v>39</v>
      </c>
      <c r="Q7935" s="5" t="s">
        <v>40</v>
      </c>
      <c r="R7935" s="5" t="s">
        <v>1487</v>
      </c>
      <c r="S7935" s="5"/>
      <c r="T7935" s="5" t="s">
        <v>42</v>
      </c>
      <c r="U7935" s="2">
        <v>0</v>
      </c>
      <c r="V7935" s="2">
        <v>0</v>
      </c>
      <c r="W7935" s="2">
        <v>0</v>
      </c>
      <c r="X7935" s="2">
        <v>0</v>
      </c>
      <c r="Y7935" s="2">
        <v>0</v>
      </c>
      <c r="Z7935" s="2">
        <v>0</v>
      </c>
      <c r="AA7935" s="5"/>
      <c r="AB7935" s="5" t="s">
        <v>43</v>
      </c>
      <c r="AC7935" s="5" t="s">
        <v>44</v>
      </c>
      <c r="AD7935" s="2" t="s">
        <v>24261</v>
      </c>
      <c r="AE7935" s="1"/>
    </row>
    <row r="7936" spans="1:31" ht="14.45">
      <c r="A7936" s="11"/>
      <c r="B7936" s="20"/>
      <c r="C7936" s="2" t="s">
        <v>24290</v>
      </c>
      <c r="D7936" s="14" t="s">
        <v>24291</v>
      </c>
      <c r="E7936" s="2" t="s">
        <v>24292</v>
      </c>
      <c r="F7936" s="2" t="s">
        <v>24251</v>
      </c>
      <c r="G7936" s="8">
        <v>2251</v>
      </c>
      <c r="H7936" s="5">
        <v>20</v>
      </c>
      <c r="I7936" s="5" t="s">
        <v>69</v>
      </c>
      <c r="J7936" s="5" t="s">
        <v>24259</v>
      </c>
      <c r="K7936" s="2" t="s">
        <v>24260</v>
      </c>
      <c r="L7936" s="5" t="s">
        <v>24259</v>
      </c>
      <c r="M7936" s="2" t="s">
        <v>24260</v>
      </c>
      <c r="N7936" s="5" t="s">
        <v>24254</v>
      </c>
      <c r="O7936" s="5" t="s">
        <v>38</v>
      </c>
      <c r="P7936" s="5" t="s">
        <v>39</v>
      </c>
      <c r="Q7936" s="5" t="s">
        <v>40</v>
      </c>
      <c r="R7936" s="5" t="s">
        <v>1487</v>
      </c>
      <c r="S7936" s="5"/>
      <c r="T7936" s="5" t="s">
        <v>42</v>
      </c>
      <c r="U7936" s="2">
        <v>0</v>
      </c>
      <c r="V7936" s="2">
        <v>0</v>
      </c>
      <c r="W7936" s="2">
        <v>0</v>
      </c>
      <c r="X7936" s="2">
        <v>0</v>
      </c>
      <c r="Y7936" s="2">
        <v>0</v>
      </c>
      <c r="Z7936" s="2">
        <v>0</v>
      </c>
      <c r="AA7936" s="5"/>
      <c r="AB7936" s="5" t="s">
        <v>43</v>
      </c>
      <c r="AC7936" s="5" t="s">
        <v>44</v>
      </c>
      <c r="AD7936" s="2" t="s">
        <v>24265</v>
      </c>
      <c r="AE7936" s="1"/>
    </row>
    <row r="7937" spans="1:31" ht="14.45">
      <c r="A7937" s="11"/>
      <c r="B7937" s="20"/>
      <c r="C7937" s="2" t="s">
        <v>24293</v>
      </c>
      <c r="D7937" s="14" t="s">
        <v>24294</v>
      </c>
      <c r="E7937" s="2" t="s">
        <v>24295</v>
      </c>
      <c r="F7937" s="2" t="s">
        <v>24296</v>
      </c>
      <c r="G7937" s="8">
        <v>1468</v>
      </c>
      <c r="H7937" s="5">
        <v>20</v>
      </c>
      <c r="I7937" s="5" t="s">
        <v>69</v>
      </c>
      <c r="J7937" s="5" t="s">
        <v>24252</v>
      </c>
      <c r="K7937" s="2" t="s">
        <v>24253</v>
      </c>
      <c r="L7937" s="5" t="s">
        <v>24252</v>
      </c>
      <c r="M7937" s="2" t="s">
        <v>24253</v>
      </c>
      <c r="N7937" s="5" t="s">
        <v>24254</v>
      </c>
      <c r="O7937" s="5" t="s">
        <v>38</v>
      </c>
      <c r="P7937" s="5" t="s">
        <v>39</v>
      </c>
      <c r="Q7937" s="5" t="s">
        <v>40</v>
      </c>
      <c r="R7937" s="5" t="s">
        <v>1487</v>
      </c>
      <c r="S7937" s="5"/>
      <c r="T7937" s="5" t="s">
        <v>42</v>
      </c>
      <c r="U7937" s="2">
        <v>0</v>
      </c>
      <c r="V7937" s="2">
        <v>0</v>
      </c>
      <c r="W7937" s="2">
        <v>0</v>
      </c>
      <c r="X7937" s="2">
        <v>0</v>
      </c>
      <c r="Y7937" s="2">
        <v>0</v>
      </c>
      <c r="Z7937" s="2">
        <v>0</v>
      </c>
      <c r="AA7937" s="5"/>
      <c r="AB7937" s="5" t="s">
        <v>43</v>
      </c>
      <c r="AC7937" s="5" t="s">
        <v>44</v>
      </c>
      <c r="AD7937" s="2" t="s">
        <v>24297</v>
      </c>
      <c r="AE7937" s="1"/>
    </row>
    <row r="7938" spans="1:31" ht="14.45">
      <c r="A7938" s="11"/>
      <c r="B7938" s="20"/>
      <c r="C7938" s="2" t="s">
        <v>24298</v>
      </c>
      <c r="D7938" s="14" t="s">
        <v>24299</v>
      </c>
      <c r="E7938" s="2" t="s">
        <v>24300</v>
      </c>
      <c r="F7938" s="2" t="s">
        <v>24251</v>
      </c>
      <c r="G7938" s="8">
        <v>865</v>
      </c>
      <c r="H7938" s="5">
        <v>20</v>
      </c>
      <c r="I7938" s="5" t="s">
        <v>69</v>
      </c>
      <c r="J7938" s="5" t="s">
        <v>24252</v>
      </c>
      <c r="K7938" s="2" t="s">
        <v>24253</v>
      </c>
      <c r="L7938" s="5" t="s">
        <v>24252</v>
      </c>
      <c r="M7938" s="2" t="s">
        <v>24253</v>
      </c>
      <c r="N7938" s="5" t="s">
        <v>24254</v>
      </c>
      <c r="O7938" s="5" t="s">
        <v>38</v>
      </c>
      <c r="P7938" s="5" t="s">
        <v>39</v>
      </c>
      <c r="Q7938" s="5" t="s">
        <v>40</v>
      </c>
      <c r="R7938" s="5" t="s">
        <v>1487</v>
      </c>
      <c r="S7938" s="5"/>
      <c r="T7938" s="5" t="s">
        <v>42</v>
      </c>
      <c r="U7938" s="2">
        <v>0</v>
      </c>
      <c r="V7938" s="2">
        <v>0</v>
      </c>
      <c r="W7938" s="2">
        <v>0</v>
      </c>
      <c r="X7938" s="2">
        <v>0</v>
      </c>
      <c r="Y7938" s="2">
        <v>0</v>
      </c>
      <c r="Z7938" s="2">
        <v>0</v>
      </c>
      <c r="AA7938" s="5"/>
      <c r="AB7938" s="5" t="s">
        <v>43</v>
      </c>
      <c r="AC7938" s="5" t="s">
        <v>44</v>
      </c>
      <c r="AD7938" s="2" t="s">
        <v>24255</v>
      </c>
      <c r="AE7938" s="1"/>
    </row>
    <row r="7939" spans="1:31" ht="14.45">
      <c r="A7939" s="11"/>
      <c r="B7939" s="20"/>
      <c r="C7939" s="2" t="s">
        <v>24301</v>
      </c>
      <c r="D7939" s="14" t="s">
        <v>24302</v>
      </c>
      <c r="E7939" s="2" t="s">
        <v>24303</v>
      </c>
      <c r="F7939" s="2" t="s">
        <v>24251</v>
      </c>
      <c r="G7939" s="8">
        <v>2222</v>
      </c>
      <c r="H7939" s="5">
        <v>20</v>
      </c>
      <c r="I7939" s="5" t="s">
        <v>69</v>
      </c>
      <c r="J7939" s="5" t="s">
        <v>24259</v>
      </c>
      <c r="K7939" s="2" t="s">
        <v>24260</v>
      </c>
      <c r="L7939" s="5" t="s">
        <v>24259</v>
      </c>
      <c r="M7939" s="2" t="s">
        <v>24260</v>
      </c>
      <c r="N7939" s="5" t="s">
        <v>24254</v>
      </c>
      <c r="O7939" s="5" t="s">
        <v>38</v>
      </c>
      <c r="P7939" s="5" t="s">
        <v>39</v>
      </c>
      <c r="Q7939" s="5" t="s">
        <v>40</v>
      </c>
      <c r="R7939" s="5" t="s">
        <v>1487</v>
      </c>
      <c r="S7939" s="5"/>
      <c r="T7939" s="5" t="s">
        <v>42</v>
      </c>
      <c r="U7939" s="2">
        <v>0</v>
      </c>
      <c r="V7939" s="2">
        <v>0</v>
      </c>
      <c r="W7939" s="2">
        <v>0</v>
      </c>
      <c r="X7939" s="2">
        <v>0</v>
      </c>
      <c r="Y7939" s="2">
        <v>0</v>
      </c>
      <c r="Z7939" s="2">
        <v>0</v>
      </c>
      <c r="AA7939" s="5"/>
      <c r="AB7939" s="5" t="s">
        <v>43</v>
      </c>
      <c r="AC7939" s="5" t="s">
        <v>44</v>
      </c>
      <c r="AD7939" s="2" t="s">
        <v>24261</v>
      </c>
      <c r="AE7939" s="1"/>
    </row>
    <row r="7940" spans="1:31" ht="14.45">
      <c r="A7940" s="11"/>
      <c r="B7940" s="20"/>
      <c r="C7940" s="2" t="s">
        <v>24304</v>
      </c>
      <c r="D7940" s="14" t="s">
        <v>24305</v>
      </c>
      <c r="E7940" s="2" t="s">
        <v>24306</v>
      </c>
      <c r="F7940" s="2" t="s">
        <v>24251</v>
      </c>
      <c r="G7940" s="8">
        <v>2387</v>
      </c>
      <c r="H7940" s="5">
        <v>20</v>
      </c>
      <c r="I7940" s="5" t="s">
        <v>69</v>
      </c>
      <c r="J7940" s="5" t="s">
        <v>24259</v>
      </c>
      <c r="K7940" s="2" t="s">
        <v>24260</v>
      </c>
      <c r="L7940" s="5" t="s">
        <v>24259</v>
      </c>
      <c r="M7940" s="2" t="s">
        <v>24260</v>
      </c>
      <c r="N7940" s="5" t="s">
        <v>24254</v>
      </c>
      <c r="O7940" s="5" t="s">
        <v>38</v>
      </c>
      <c r="P7940" s="5" t="s">
        <v>39</v>
      </c>
      <c r="Q7940" s="5" t="s">
        <v>40</v>
      </c>
      <c r="R7940" s="5" t="s">
        <v>1487</v>
      </c>
      <c r="S7940" s="5"/>
      <c r="T7940" s="5" t="s">
        <v>42</v>
      </c>
      <c r="U7940" s="2">
        <v>0</v>
      </c>
      <c r="V7940" s="2">
        <v>0</v>
      </c>
      <c r="W7940" s="2">
        <v>0</v>
      </c>
      <c r="X7940" s="2">
        <v>0</v>
      </c>
      <c r="Y7940" s="2">
        <v>0</v>
      </c>
      <c r="Z7940" s="2">
        <v>0</v>
      </c>
      <c r="AA7940" s="5"/>
      <c r="AB7940" s="5" t="s">
        <v>43</v>
      </c>
      <c r="AC7940" s="5" t="s">
        <v>44</v>
      </c>
      <c r="AD7940" s="2" t="s">
        <v>24265</v>
      </c>
      <c r="AE7940" s="1"/>
    </row>
    <row r="7941" spans="1:31" ht="14.45">
      <c r="A7941" s="11"/>
      <c r="B7941" s="20"/>
      <c r="C7941" s="2" t="s">
        <v>24307</v>
      </c>
      <c r="D7941" s="14" t="s">
        <v>24308</v>
      </c>
      <c r="E7941" s="2" t="s">
        <v>24309</v>
      </c>
      <c r="F7941" s="2" t="s">
        <v>24296</v>
      </c>
      <c r="G7941" s="8">
        <v>1556</v>
      </c>
      <c r="H7941" s="5">
        <v>20</v>
      </c>
      <c r="I7941" s="5" t="s">
        <v>69</v>
      </c>
      <c r="J7941" s="5" t="s">
        <v>24252</v>
      </c>
      <c r="K7941" s="2" t="s">
        <v>24253</v>
      </c>
      <c r="L7941" s="5" t="s">
        <v>24252</v>
      </c>
      <c r="M7941" s="2" t="s">
        <v>24253</v>
      </c>
      <c r="N7941" s="5" t="s">
        <v>24254</v>
      </c>
      <c r="O7941" s="5" t="s">
        <v>38</v>
      </c>
      <c r="P7941" s="5" t="s">
        <v>39</v>
      </c>
      <c r="Q7941" s="5" t="s">
        <v>40</v>
      </c>
      <c r="R7941" s="5" t="s">
        <v>1487</v>
      </c>
      <c r="S7941" s="5"/>
      <c r="T7941" s="5" t="s">
        <v>42</v>
      </c>
      <c r="U7941" s="2">
        <v>0</v>
      </c>
      <c r="V7941" s="2">
        <v>0</v>
      </c>
      <c r="W7941" s="2">
        <v>0</v>
      </c>
      <c r="X7941" s="2">
        <v>0</v>
      </c>
      <c r="Y7941" s="2">
        <v>0</v>
      </c>
      <c r="Z7941" s="2">
        <v>0</v>
      </c>
      <c r="AA7941" s="5"/>
      <c r="AB7941" s="5" t="s">
        <v>43</v>
      </c>
      <c r="AC7941" s="5" t="s">
        <v>44</v>
      </c>
      <c r="AD7941" s="2" t="s">
        <v>24297</v>
      </c>
      <c r="AE7941" s="1"/>
    </row>
    <row r="7942" spans="1:31" ht="14.45">
      <c r="A7942" s="11"/>
      <c r="B7942" s="20"/>
      <c r="C7942" s="2" t="s">
        <v>24310</v>
      </c>
      <c r="D7942" s="14" t="s">
        <v>24311</v>
      </c>
      <c r="E7942" s="2" t="s">
        <v>24312</v>
      </c>
      <c r="F7942" s="2" t="s">
        <v>24296</v>
      </c>
      <c r="G7942" s="8">
        <v>4000</v>
      </c>
      <c r="H7942" s="5">
        <v>20</v>
      </c>
      <c r="I7942" s="5" t="s">
        <v>69</v>
      </c>
      <c r="J7942" s="5" t="s">
        <v>24259</v>
      </c>
      <c r="K7942" s="2" t="s">
        <v>24260</v>
      </c>
      <c r="L7942" s="5" t="s">
        <v>24259</v>
      </c>
      <c r="M7942" s="2" t="s">
        <v>24260</v>
      </c>
      <c r="N7942" s="5" t="s">
        <v>24254</v>
      </c>
      <c r="O7942" s="5" t="s">
        <v>38</v>
      </c>
      <c r="P7942" s="5" t="s">
        <v>39</v>
      </c>
      <c r="Q7942" s="5" t="s">
        <v>40</v>
      </c>
      <c r="R7942" s="5" t="s">
        <v>1487</v>
      </c>
      <c r="S7942" s="5"/>
      <c r="T7942" s="5" t="s">
        <v>42</v>
      </c>
      <c r="U7942" s="2">
        <v>0</v>
      </c>
      <c r="V7942" s="2">
        <v>0</v>
      </c>
      <c r="W7942" s="2">
        <v>0</v>
      </c>
      <c r="X7942" s="2">
        <v>0</v>
      </c>
      <c r="Y7942" s="2">
        <v>0</v>
      </c>
      <c r="Z7942" s="2">
        <v>0</v>
      </c>
      <c r="AA7942" s="5"/>
      <c r="AB7942" s="5" t="s">
        <v>43</v>
      </c>
      <c r="AC7942" s="5" t="s">
        <v>44</v>
      </c>
      <c r="AD7942" s="2" t="s">
        <v>24313</v>
      </c>
      <c r="AE7942" s="1"/>
    </row>
    <row r="7943" spans="1:31" ht="14.45">
      <c r="A7943" s="11"/>
      <c r="B7943" s="20"/>
      <c r="C7943" s="2" t="s">
        <v>24314</v>
      </c>
      <c r="D7943" s="14" t="s">
        <v>24315</v>
      </c>
      <c r="E7943" s="2" t="s">
        <v>24316</v>
      </c>
      <c r="F7943" s="2" t="s">
        <v>24317</v>
      </c>
      <c r="G7943" s="8">
        <v>1556</v>
      </c>
      <c r="H7943" s="5">
        <v>20</v>
      </c>
      <c r="I7943" s="5" t="s">
        <v>69</v>
      </c>
      <c r="J7943" s="5" t="s">
        <v>24252</v>
      </c>
      <c r="K7943" s="2" t="s">
        <v>24253</v>
      </c>
      <c r="L7943" s="5" t="s">
        <v>24252</v>
      </c>
      <c r="M7943" s="2" t="s">
        <v>24253</v>
      </c>
      <c r="N7943" s="5" t="s">
        <v>24254</v>
      </c>
      <c r="O7943" s="5" t="s">
        <v>38</v>
      </c>
      <c r="P7943" s="5" t="s">
        <v>39</v>
      </c>
      <c r="Q7943" s="5" t="s">
        <v>40</v>
      </c>
      <c r="R7943" s="5" t="s">
        <v>1487</v>
      </c>
      <c r="S7943" s="5"/>
      <c r="T7943" s="5" t="s">
        <v>42</v>
      </c>
      <c r="U7943" s="2">
        <v>0</v>
      </c>
      <c r="V7943" s="2">
        <v>0</v>
      </c>
      <c r="W7943" s="2">
        <v>0</v>
      </c>
      <c r="X7943" s="2">
        <v>0</v>
      </c>
      <c r="Y7943" s="2">
        <v>0</v>
      </c>
      <c r="Z7943" s="2">
        <v>0</v>
      </c>
      <c r="AA7943" s="5"/>
      <c r="AB7943" s="5" t="s">
        <v>43</v>
      </c>
      <c r="AC7943" s="5" t="s">
        <v>44</v>
      </c>
      <c r="AD7943" s="2" t="s">
        <v>24318</v>
      </c>
      <c r="AE7943" s="1"/>
    </row>
    <row r="7944" spans="1:31" ht="14.45">
      <c r="A7944" s="11"/>
      <c r="B7944" s="20"/>
      <c r="C7944" s="2" t="s">
        <v>24319</v>
      </c>
      <c r="D7944" s="14" t="s">
        <v>24320</v>
      </c>
      <c r="E7944" s="2" t="s">
        <v>24321</v>
      </c>
      <c r="F7944" s="2" t="s">
        <v>24317</v>
      </c>
      <c r="G7944" s="8">
        <v>4000</v>
      </c>
      <c r="H7944" s="5">
        <v>20</v>
      </c>
      <c r="I7944" s="5" t="s">
        <v>69</v>
      </c>
      <c r="J7944" s="5" t="s">
        <v>24259</v>
      </c>
      <c r="K7944" s="2" t="s">
        <v>24260</v>
      </c>
      <c r="L7944" s="5" t="s">
        <v>24259</v>
      </c>
      <c r="M7944" s="2" t="s">
        <v>24260</v>
      </c>
      <c r="N7944" s="5" t="s">
        <v>24254</v>
      </c>
      <c r="O7944" s="5" t="s">
        <v>38</v>
      </c>
      <c r="P7944" s="5" t="s">
        <v>39</v>
      </c>
      <c r="Q7944" s="5" t="s">
        <v>40</v>
      </c>
      <c r="R7944" s="5" t="s">
        <v>1487</v>
      </c>
      <c r="S7944" s="5"/>
      <c r="T7944" s="5" t="s">
        <v>42</v>
      </c>
      <c r="U7944" s="2">
        <v>0</v>
      </c>
      <c r="V7944" s="2">
        <v>0</v>
      </c>
      <c r="W7944" s="2">
        <v>0</v>
      </c>
      <c r="X7944" s="2">
        <v>0</v>
      </c>
      <c r="Y7944" s="2">
        <v>0</v>
      </c>
      <c r="Z7944" s="2">
        <v>0</v>
      </c>
      <c r="AA7944" s="5"/>
      <c r="AB7944" s="5" t="s">
        <v>43</v>
      </c>
      <c r="AC7944" s="5" t="s">
        <v>44</v>
      </c>
      <c r="AD7944" s="2" t="s">
        <v>24322</v>
      </c>
      <c r="AE7944" s="1"/>
    </row>
    <row r="7945" spans="1:31" ht="14.45">
      <c r="A7945" s="11"/>
      <c r="B7945" s="20"/>
      <c r="C7945" s="2" t="s">
        <v>24323</v>
      </c>
      <c r="D7945" s="14" t="s">
        <v>24324</v>
      </c>
      <c r="E7945" s="2" t="s">
        <v>24325</v>
      </c>
      <c r="F7945" s="2" t="s">
        <v>24251</v>
      </c>
      <c r="G7945" s="8">
        <v>938</v>
      </c>
      <c r="H7945" s="5">
        <v>20</v>
      </c>
      <c r="I7945" s="5" t="s">
        <v>69</v>
      </c>
      <c r="J7945" s="5" t="s">
        <v>24252</v>
      </c>
      <c r="K7945" s="2" t="s">
        <v>24253</v>
      </c>
      <c r="L7945" s="5" t="s">
        <v>24252</v>
      </c>
      <c r="M7945" s="2" t="s">
        <v>24253</v>
      </c>
      <c r="N7945" s="5" t="s">
        <v>24254</v>
      </c>
      <c r="O7945" s="5" t="s">
        <v>38</v>
      </c>
      <c r="P7945" s="5" t="s">
        <v>39</v>
      </c>
      <c r="Q7945" s="5" t="s">
        <v>40</v>
      </c>
      <c r="R7945" s="5" t="s">
        <v>1487</v>
      </c>
      <c r="S7945" s="5"/>
      <c r="T7945" s="5" t="s">
        <v>42</v>
      </c>
      <c r="U7945" s="2">
        <v>0</v>
      </c>
      <c r="V7945" s="2">
        <v>0</v>
      </c>
      <c r="W7945" s="2">
        <v>0</v>
      </c>
      <c r="X7945" s="2">
        <v>0</v>
      </c>
      <c r="Y7945" s="2">
        <v>0</v>
      </c>
      <c r="Z7945" s="2">
        <v>0</v>
      </c>
      <c r="AA7945" s="5"/>
      <c r="AB7945" s="5" t="s">
        <v>43</v>
      </c>
      <c r="AC7945" s="5" t="s">
        <v>44</v>
      </c>
      <c r="AD7945" s="2" t="s">
        <v>24255</v>
      </c>
      <c r="AE7945" s="1"/>
    </row>
    <row r="7946" spans="1:31" ht="14.45">
      <c r="A7946" s="11"/>
      <c r="B7946" s="20"/>
      <c r="C7946" s="2" t="s">
        <v>24326</v>
      </c>
      <c r="D7946" s="14" t="s">
        <v>24327</v>
      </c>
      <c r="E7946" s="2" t="s">
        <v>24328</v>
      </c>
      <c r="F7946" s="2" t="s">
        <v>24251</v>
      </c>
      <c r="G7946" s="8">
        <v>2411</v>
      </c>
      <c r="H7946" s="5">
        <v>20</v>
      </c>
      <c r="I7946" s="5" t="s">
        <v>69</v>
      </c>
      <c r="J7946" s="5" t="s">
        <v>24259</v>
      </c>
      <c r="K7946" s="2" t="s">
        <v>24260</v>
      </c>
      <c r="L7946" s="5" t="s">
        <v>24259</v>
      </c>
      <c r="M7946" s="2" t="s">
        <v>24260</v>
      </c>
      <c r="N7946" s="5" t="s">
        <v>24254</v>
      </c>
      <c r="O7946" s="5" t="s">
        <v>38</v>
      </c>
      <c r="P7946" s="5" t="s">
        <v>39</v>
      </c>
      <c r="Q7946" s="5" t="s">
        <v>40</v>
      </c>
      <c r="R7946" s="5" t="s">
        <v>1487</v>
      </c>
      <c r="S7946" s="5"/>
      <c r="T7946" s="5" t="s">
        <v>42</v>
      </c>
      <c r="U7946" s="2">
        <v>0</v>
      </c>
      <c r="V7946" s="2">
        <v>0</v>
      </c>
      <c r="W7946" s="2">
        <v>0</v>
      </c>
      <c r="X7946" s="2">
        <v>0</v>
      </c>
      <c r="Y7946" s="2">
        <v>0</v>
      </c>
      <c r="Z7946" s="2">
        <v>0</v>
      </c>
      <c r="AA7946" s="5"/>
      <c r="AB7946" s="5" t="s">
        <v>43</v>
      </c>
      <c r="AC7946" s="5" t="s">
        <v>44</v>
      </c>
      <c r="AD7946" s="2" t="s">
        <v>24261</v>
      </c>
      <c r="AE7946" s="1"/>
    </row>
    <row r="7947" spans="1:31" ht="14.45">
      <c r="A7947" s="11"/>
      <c r="B7947" s="20"/>
      <c r="C7947" s="2" t="s">
        <v>24329</v>
      </c>
      <c r="D7947" s="14" t="s">
        <v>24330</v>
      </c>
      <c r="E7947" s="2" t="s">
        <v>24331</v>
      </c>
      <c r="F7947" s="2" t="s">
        <v>24251</v>
      </c>
      <c r="G7947" s="8">
        <v>2589</v>
      </c>
      <c r="H7947" s="5">
        <v>20</v>
      </c>
      <c r="I7947" s="5" t="s">
        <v>69</v>
      </c>
      <c r="J7947" s="5" t="s">
        <v>24259</v>
      </c>
      <c r="K7947" s="2" t="s">
        <v>24260</v>
      </c>
      <c r="L7947" s="5" t="s">
        <v>24259</v>
      </c>
      <c r="M7947" s="2" t="s">
        <v>24260</v>
      </c>
      <c r="N7947" s="5" t="s">
        <v>24254</v>
      </c>
      <c r="O7947" s="5" t="s">
        <v>38</v>
      </c>
      <c r="P7947" s="5" t="s">
        <v>39</v>
      </c>
      <c r="Q7947" s="5" t="s">
        <v>40</v>
      </c>
      <c r="R7947" s="5" t="s">
        <v>1487</v>
      </c>
      <c r="S7947" s="5"/>
      <c r="T7947" s="5" t="s">
        <v>42</v>
      </c>
      <c r="U7947" s="2">
        <v>0</v>
      </c>
      <c r="V7947" s="2">
        <v>0</v>
      </c>
      <c r="W7947" s="2">
        <v>0</v>
      </c>
      <c r="X7947" s="2">
        <v>0</v>
      </c>
      <c r="Y7947" s="2">
        <v>0</v>
      </c>
      <c r="Z7947" s="2">
        <v>0</v>
      </c>
      <c r="AA7947" s="5"/>
      <c r="AB7947" s="5" t="s">
        <v>43</v>
      </c>
      <c r="AC7947" s="5" t="s">
        <v>44</v>
      </c>
      <c r="AD7947" s="2" t="s">
        <v>24265</v>
      </c>
      <c r="AE7947" s="1"/>
    </row>
    <row r="7948" spans="1:31" ht="14.45">
      <c r="A7948" s="11"/>
      <c r="B7948" s="20"/>
      <c r="C7948" s="2" t="s">
        <v>24332</v>
      </c>
      <c r="D7948" s="14" t="s">
        <v>24333</v>
      </c>
      <c r="E7948" s="2" t="s">
        <v>24334</v>
      </c>
      <c r="F7948" s="2" t="s">
        <v>24251</v>
      </c>
      <c r="G7948" s="8">
        <v>698</v>
      </c>
      <c r="H7948" s="5">
        <v>20</v>
      </c>
      <c r="I7948" s="5" t="s">
        <v>69</v>
      </c>
      <c r="J7948" s="5" t="s">
        <v>24252</v>
      </c>
      <c r="K7948" s="2" t="s">
        <v>24253</v>
      </c>
      <c r="L7948" s="5" t="s">
        <v>24252</v>
      </c>
      <c r="M7948" s="2" t="s">
        <v>24253</v>
      </c>
      <c r="N7948" s="5" t="s">
        <v>24254</v>
      </c>
      <c r="O7948" s="5" t="s">
        <v>38</v>
      </c>
      <c r="P7948" s="5" t="s">
        <v>39</v>
      </c>
      <c r="Q7948" s="5" t="s">
        <v>40</v>
      </c>
      <c r="R7948" s="5" t="s">
        <v>24335</v>
      </c>
      <c r="S7948" s="5" t="s">
        <v>40</v>
      </c>
      <c r="T7948" s="5" t="s">
        <v>42</v>
      </c>
      <c r="U7948" s="2">
        <v>20.132000000000001</v>
      </c>
      <c r="V7948" s="2">
        <v>14.44</v>
      </c>
      <c r="W7948" s="2">
        <v>0.79600000000000004</v>
      </c>
      <c r="X7948" s="2">
        <v>42.3</v>
      </c>
      <c r="Y7948" s="2">
        <v>108.3</v>
      </c>
      <c r="Z7948" s="2">
        <v>173.8</v>
      </c>
      <c r="AA7948" s="5">
        <v>3</v>
      </c>
      <c r="AB7948" s="5" t="s">
        <v>43</v>
      </c>
      <c r="AC7948" s="5" t="s">
        <v>44</v>
      </c>
      <c r="AD7948" s="2" t="s">
        <v>24336</v>
      </c>
      <c r="AE7948" s="1"/>
    </row>
    <row r="7949" spans="1:31" ht="14.45">
      <c r="A7949" s="11"/>
      <c r="B7949" s="20"/>
      <c r="C7949" s="2" t="s">
        <v>24337</v>
      </c>
      <c r="D7949" s="14" t="s">
        <v>24338</v>
      </c>
      <c r="E7949" s="2" t="s">
        <v>24339</v>
      </c>
      <c r="F7949" s="2" t="s">
        <v>24296</v>
      </c>
      <c r="G7949" s="8">
        <v>851</v>
      </c>
      <c r="H7949" s="5">
        <v>20</v>
      </c>
      <c r="I7949" s="5" t="s">
        <v>69</v>
      </c>
      <c r="J7949" s="5" t="s">
        <v>24252</v>
      </c>
      <c r="K7949" s="2" t="s">
        <v>24253</v>
      </c>
      <c r="L7949" s="5" t="s">
        <v>24252</v>
      </c>
      <c r="M7949" s="2" t="s">
        <v>24253</v>
      </c>
      <c r="N7949" s="5" t="s">
        <v>24254</v>
      </c>
      <c r="O7949" s="5" t="s">
        <v>38</v>
      </c>
      <c r="P7949" s="5" t="s">
        <v>39</v>
      </c>
      <c r="Q7949" s="5" t="s">
        <v>40</v>
      </c>
      <c r="R7949" s="5" t="s">
        <v>24340</v>
      </c>
      <c r="S7949" s="5" t="s">
        <v>40</v>
      </c>
      <c r="T7949" s="5" t="s">
        <v>42</v>
      </c>
      <c r="U7949" s="2">
        <v>36.472000000000001</v>
      </c>
      <c r="V7949" s="2">
        <v>30.783000000000001</v>
      </c>
      <c r="W7949" s="2">
        <v>0.79600000000000004</v>
      </c>
      <c r="X7949" s="2">
        <v>42.3</v>
      </c>
      <c r="Y7949" s="2">
        <v>108.3</v>
      </c>
      <c r="Z7949" s="2">
        <v>173.8</v>
      </c>
      <c r="AA7949" s="5">
        <v>3</v>
      </c>
      <c r="AB7949" s="5" t="s">
        <v>43</v>
      </c>
      <c r="AC7949" s="5" t="s">
        <v>44</v>
      </c>
      <c r="AD7949" s="2" t="s">
        <v>24341</v>
      </c>
      <c r="AE7949" s="1"/>
    </row>
    <row r="7950" spans="1:31" ht="14.45">
      <c r="A7950" s="11"/>
      <c r="B7950" s="20"/>
      <c r="C7950" s="2" t="s">
        <v>24342</v>
      </c>
      <c r="D7950" s="14" t="s">
        <v>24343</v>
      </c>
      <c r="E7950" s="2" t="s">
        <v>24344</v>
      </c>
      <c r="F7950" s="2" t="s">
        <v>24251</v>
      </c>
      <c r="G7950" s="8">
        <v>897</v>
      </c>
      <c r="H7950" s="5">
        <v>20</v>
      </c>
      <c r="I7950" s="5" t="s">
        <v>69</v>
      </c>
      <c r="J7950" s="5" t="s">
        <v>24252</v>
      </c>
      <c r="K7950" s="2" t="s">
        <v>24253</v>
      </c>
      <c r="L7950" s="5" t="s">
        <v>24252</v>
      </c>
      <c r="M7950" s="2" t="s">
        <v>24253</v>
      </c>
      <c r="N7950" s="5" t="s">
        <v>24254</v>
      </c>
      <c r="O7950" s="5" t="s">
        <v>38</v>
      </c>
      <c r="P7950" s="5" t="s">
        <v>39</v>
      </c>
      <c r="Q7950" s="5" t="s">
        <v>40</v>
      </c>
      <c r="R7950" s="5" t="s">
        <v>1487</v>
      </c>
      <c r="S7950" s="5"/>
      <c r="T7950" s="5" t="s">
        <v>42</v>
      </c>
      <c r="U7950" s="2">
        <v>0</v>
      </c>
      <c r="V7950" s="2">
        <v>0</v>
      </c>
      <c r="W7950" s="2">
        <v>0</v>
      </c>
      <c r="X7950" s="2">
        <v>0</v>
      </c>
      <c r="Y7950" s="2">
        <v>0</v>
      </c>
      <c r="Z7950" s="2">
        <v>0</v>
      </c>
      <c r="AA7950" s="5"/>
      <c r="AB7950" s="5" t="s">
        <v>43</v>
      </c>
      <c r="AC7950" s="5" t="s">
        <v>44</v>
      </c>
      <c r="AD7950" s="2" t="s">
        <v>24255</v>
      </c>
      <c r="AE7950" s="1"/>
    </row>
    <row r="7951" spans="1:31" ht="14.45">
      <c r="A7951" s="11"/>
      <c r="B7951" s="20"/>
      <c r="C7951" s="2" t="s">
        <v>24345</v>
      </c>
      <c r="D7951" s="14" t="s">
        <v>24346</v>
      </c>
      <c r="E7951" s="2" t="s">
        <v>24347</v>
      </c>
      <c r="F7951" s="2" t="s">
        <v>24251</v>
      </c>
      <c r="G7951" s="8">
        <v>2306</v>
      </c>
      <c r="H7951" s="5">
        <v>20</v>
      </c>
      <c r="I7951" s="5" t="s">
        <v>69</v>
      </c>
      <c r="J7951" s="5" t="s">
        <v>24259</v>
      </c>
      <c r="K7951" s="2" t="s">
        <v>24260</v>
      </c>
      <c r="L7951" s="5" t="s">
        <v>24259</v>
      </c>
      <c r="M7951" s="2" t="s">
        <v>24260</v>
      </c>
      <c r="N7951" s="5" t="s">
        <v>24254</v>
      </c>
      <c r="O7951" s="5" t="s">
        <v>38</v>
      </c>
      <c r="P7951" s="5" t="s">
        <v>39</v>
      </c>
      <c r="Q7951" s="5" t="s">
        <v>40</v>
      </c>
      <c r="R7951" s="5" t="s">
        <v>1487</v>
      </c>
      <c r="S7951" s="5"/>
      <c r="T7951" s="5" t="s">
        <v>42</v>
      </c>
      <c r="U7951" s="2">
        <v>0</v>
      </c>
      <c r="V7951" s="2">
        <v>0</v>
      </c>
      <c r="W7951" s="2">
        <v>0</v>
      </c>
      <c r="X7951" s="2">
        <v>0</v>
      </c>
      <c r="Y7951" s="2">
        <v>0</v>
      </c>
      <c r="Z7951" s="2">
        <v>0</v>
      </c>
      <c r="AA7951" s="5"/>
      <c r="AB7951" s="5" t="s">
        <v>43</v>
      </c>
      <c r="AC7951" s="5" t="s">
        <v>44</v>
      </c>
      <c r="AD7951" s="2" t="s">
        <v>24261</v>
      </c>
      <c r="AE7951" s="1"/>
    </row>
    <row r="7952" spans="1:31" ht="14.45">
      <c r="A7952" s="11"/>
      <c r="B7952" s="20"/>
      <c r="C7952" s="2" t="s">
        <v>24348</v>
      </c>
      <c r="D7952" s="14" t="s">
        <v>24349</v>
      </c>
      <c r="E7952" s="2" t="s">
        <v>24350</v>
      </c>
      <c r="F7952" s="2" t="s">
        <v>24251</v>
      </c>
      <c r="G7952" s="8">
        <v>914</v>
      </c>
      <c r="H7952" s="5">
        <v>20</v>
      </c>
      <c r="I7952" s="5" t="s">
        <v>69</v>
      </c>
      <c r="J7952" s="5" t="s">
        <v>24252</v>
      </c>
      <c r="K7952" s="2" t="s">
        <v>24253</v>
      </c>
      <c r="L7952" s="5" t="s">
        <v>24252</v>
      </c>
      <c r="M7952" s="2" t="s">
        <v>24253</v>
      </c>
      <c r="N7952" s="5" t="s">
        <v>24254</v>
      </c>
      <c r="O7952" s="5" t="s">
        <v>38</v>
      </c>
      <c r="P7952" s="5" t="s">
        <v>39</v>
      </c>
      <c r="Q7952" s="5" t="s">
        <v>40</v>
      </c>
      <c r="R7952" s="5" t="s">
        <v>1487</v>
      </c>
      <c r="S7952" s="5"/>
      <c r="T7952" s="5" t="s">
        <v>42</v>
      </c>
      <c r="U7952" s="2">
        <v>0</v>
      </c>
      <c r="V7952" s="2">
        <v>0</v>
      </c>
      <c r="W7952" s="2">
        <v>0</v>
      </c>
      <c r="X7952" s="2">
        <v>0</v>
      </c>
      <c r="Y7952" s="2">
        <v>0</v>
      </c>
      <c r="Z7952" s="2">
        <v>0</v>
      </c>
      <c r="AA7952" s="5"/>
      <c r="AB7952" s="5" t="s">
        <v>43</v>
      </c>
      <c r="AC7952" s="5" t="s">
        <v>44</v>
      </c>
      <c r="AD7952" s="2" t="s">
        <v>24255</v>
      </c>
      <c r="AE7952" s="1"/>
    </row>
    <row r="7953" spans="1:31" ht="14.45">
      <c r="A7953" s="11"/>
      <c r="B7953" s="20"/>
      <c r="C7953" s="2" t="s">
        <v>24351</v>
      </c>
      <c r="D7953" s="14" t="s">
        <v>24352</v>
      </c>
      <c r="E7953" s="2" t="s">
        <v>24353</v>
      </c>
      <c r="F7953" s="2" t="s">
        <v>24251</v>
      </c>
      <c r="G7953" s="8">
        <v>2348</v>
      </c>
      <c r="H7953" s="5">
        <v>20</v>
      </c>
      <c r="I7953" s="5" t="s">
        <v>69</v>
      </c>
      <c r="J7953" s="5" t="s">
        <v>24259</v>
      </c>
      <c r="K7953" s="2" t="s">
        <v>24260</v>
      </c>
      <c r="L7953" s="5" t="s">
        <v>24259</v>
      </c>
      <c r="M7953" s="2" t="s">
        <v>24260</v>
      </c>
      <c r="N7953" s="5" t="s">
        <v>24254</v>
      </c>
      <c r="O7953" s="5" t="s">
        <v>38</v>
      </c>
      <c r="P7953" s="5" t="s">
        <v>39</v>
      </c>
      <c r="Q7953" s="5" t="s">
        <v>40</v>
      </c>
      <c r="R7953" s="5" t="s">
        <v>1487</v>
      </c>
      <c r="S7953" s="5"/>
      <c r="T7953" s="5" t="s">
        <v>42</v>
      </c>
      <c r="U7953" s="2">
        <v>0</v>
      </c>
      <c r="V7953" s="2">
        <v>0</v>
      </c>
      <c r="W7953" s="2">
        <v>0</v>
      </c>
      <c r="X7953" s="2">
        <v>0</v>
      </c>
      <c r="Y7953" s="2">
        <v>0</v>
      </c>
      <c r="Z7953" s="2">
        <v>0</v>
      </c>
      <c r="AA7953" s="5"/>
      <c r="AB7953" s="5" t="s">
        <v>43</v>
      </c>
      <c r="AC7953" s="5" t="s">
        <v>44</v>
      </c>
      <c r="AD7953" s="2" t="s">
        <v>24261</v>
      </c>
      <c r="AE7953" s="1"/>
    </row>
    <row r="7954" spans="1:31" ht="14.45">
      <c r="A7954" s="11"/>
      <c r="B7954" s="20"/>
      <c r="C7954" s="2" t="s">
        <v>24354</v>
      </c>
      <c r="D7954" s="14" t="s">
        <v>24355</v>
      </c>
      <c r="E7954" s="2" t="s">
        <v>24356</v>
      </c>
      <c r="F7954" s="2" t="s">
        <v>24251</v>
      </c>
      <c r="G7954" s="8">
        <v>963</v>
      </c>
      <c r="H7954" s="5">
        <v>20</v>
      </c>
      <c r="I7954" s="5" t="s">
        <v>69</v>
      </c>
      <c r="J7954" s="5" t="s">
        <v>24252</v>
      </c>
      <c r="K7954" s="2" t="s">
        <v>24253</v>
      </c>
      <c r="L7954" s="5" t="s">
        <v>24252</v>
      </c>
      <c r="M7954" s="2" t="s">
        <v>24253</v>
      </c>
      <c r="N7954" s="5" t="s">
        <v>24254</v>
      </c>
      <c r="O7954" s="5" t="s">
        <v>38</v>
      </c>
      <c r="P7954" s="5" t="s">
        <v>39</v>
      </c>
      <c r="Q7954" s="5" t="s">
        <v>40</v>
      </c>
      <c r="R7954" s="5" t="s">
        <v>1487</v>
      </c>
      <c r="S7954" s="5"/>
      <c r="T7954" s="5" t="s">
        <v>42</v>
      </c>
      <c r="U7954" s="2">
        <v>0</v>
      </c>
      <c r="V7954" s="2">
        <v>0</v>
      </c>
      <c r="W7954" s="2">
        <v>0</v>
      </c>
      <c r="X7954" s="2">
        <v>0</v>
      </c>
      <c r="Y7954" s="2">
        <v>0</v>
      </c>
      <c r="Z7954" s="2">
        <v>0</v>
      </c>
      <c r="AA7954" s="5"/>
      <c r="AB7954" s="5" t="s">
        <v>43</v>
      </c>
      <c r="AC7954" s="5" t="s">
        <v>44</v>
      </c>
      <c r="AD7954" s="2" t="s">
        <v>24255</v>
      </c>
      <c r="AE7954" s="1"/>
    </row>
    <row r="7955" spans="1:31" ht="14.45">
      <c r="A7955" s="11"/>
      <c r="B7955" s="20"/>
      <c r="C7955" s="2" t="s">
        <v>24357</v>
      </c>
      <c r="D7955" s="14" t="s">
        <v>24358</v>
      </c>
      <c r="E7955" s="2" t="s">
        <v>24359</v>
      </c>
      <c r="F7955" s="2" t="s">
        <v>24251</v>
      </c>
      <c r="G7955" s="8">
        <v>2474</v>
      </c>
      <c r="H7955" s="5">
        <v>20</v>
      </c>
      <c r="I7955" s="5" t="s">
        <v>69</v>
      </c>
      <c r="J7955" s="5" t="s">
        <v>24259</v>
      </c>
      <c r="K7955" s="2" t="s">
        <v>24260</v>
      </c>
      <c r="L7955" s="5" t="s">
        <v>24259</v>
      </c>
      <c r="M7955" s="2" t="s">
        <v>24260</v>
      </c>
      <c r="N7955" s="5" t="s">
        <v>24254</v>
      </c>
      <c r="O7955" s="5" t="s">
        <v>38</v>
      </c>
      <c r="P7955" s="5" t="s">
        <v>39</v>
      </c>
      <c r="Q7955" s="5" t="s">
        <v>40</v>
      </c>
      <c r="R7955" s="5" t="s">
        <v>1487</v>
      </c>
      <c r="S7955" s="5"/>
      <c r="T7955" s="5" t="s">
        <v>42</v>
      </c>
      <c r="U7955" s="2">
        <v>0</v>
      </c>
      <c r="V7955" s="2">
        <v>0</v>
      </c>
      <c r="W7955" s="2">
        <v>0</v>
      </c>
      <c r="X7955" s="2">
        <v>0</v>
      </c>
      <c r="Y7955" s="2">
        <v>0</v>
      </c>
      <c r="Z7955" s="2">
        <v>0</v>
      </c>
      <c r="AA7955" s="5"/>
      <c r="AB7955" s="5" t="s">
        <v>43</v>
      </c>
      <c r="AC7955" s="5" t="s">
        <v>44</v>
      </c>
      <c r="AD7955" s="2" t="s">
        <v>24261</v>
      </c>
      <c r="AE7955" s="1"/>
    </row>
    <row r="7956" spans="1:31" ht="14.45">
      <c r="A7956" s="11"/>
      <c r="B7956" s="20"/>
      <c r="C7956" s="2" t="s">
        <v>24360</v>
      </c>
      <c r="D7956" s="14" t="s">
        <v>24361</v>
      </c>
      <c r="E7956" s="2" t="s">
        <v>24362</v>
      </c>
      <c r="F7956" s="2" t="s">
        <v>24296</v>
      </c>
      <c r="G7956" s="8">
        <v>1733</v>
      </c>
      <c r="H7956" s="5">
        <v>20</v>
      </c>
      <c r="I7956" s="5" t="s">
        <v>69</v>
      </c>
      <c r="J7956" s="5" t="s">
        <v>24252</v>
      </c>
      <c r="K7956" s="2" t="s">
        <v>24253</v>
      </c>
      <c r="L7956" s="5" t="s">
        <v>24252</v>
      </c>
      <c r="M7956" s="2" t="s">
        <v>24253</v>
      </c>
      <c r="N7956" s="5" t="s">
        <v>24254</v>
      </c>
      <c r="O7956" s="5" t="s">
        <v>38</v>
      </c>
      <c r="P7956" s="5" t="s">
        <v>39</v>
      </c>
      <c r="Q7956" s="5" t="s">
        <v>40</v>
      </c>
      <c r="R7956" s="5" t="s">
        <v>1487</v>
      </c>
      <c r="S7956" s="5"/>
      <c r="T7956" s="5" t="s">
        <v>42</v>
      </c>
      <c r="U7956" s="2">
        <v>0</v>
      </c>
      <c r="V7956" s="2">
        <v>0</v>
      </c>
      <c r="W7956" s="2">
        <v>0</v>
      </c>
      <c r="X7956" s="2">
        <v>0</v>
      </c>
      <c r="Y7956" s="2">
        <v>0</v>
      </c>
      <c r="Z7956" s="2">
        <v>0</v>
      </c>
      <c r="AA7956" s="5"/>
      <c r="AB7956" s="5" t="s">
        <v>43</v>
      </c>
      <c r="AC7956" s="5" t="s">
        <v>44</v>
      </c>
      <c r="AD7956" s="2" t="s">
        <v>24297</v>
      </c>
      <c r="AE7956" s="1"/>
    </row>
    <row r="7957" spans="1:31" ht="14.45">
      <c r="A7957" s="11"/>
      <c r="B7957" s="20"/>
      <c r="C7957" s="2" t="s">
        <v>24363</v>
      </c>
      <c r="D7957" s="14" t="s">
        <v>24364</v>
      </c>
      <c r="E7957" s="2" t="s">
        <v>24365</v>
      </c>
      <c r="F7957" s="2" t="s">
        <v>24251</v>
      </c>
      <c r="G7957" s="8">
        <v>747</v>
      </c>
      <c r="H7957" s="5">
        <v>20</v>
      </c>
      <c r="I7957" s="5" t="s">
        <v>69</v>
      </c>
      <c r="J7957" s="5" t="s">
        <v>24252</v>
      </c>
      <c r="K7957" s="2" t="s">
        <v>24253</v>
      </c>
      <c r="L7957" s="5" t="s">
        <v>24252</v>
      </c>
      <c r="M7957" s="2" t="s">
        <v>24253</v>
      </c>
      <c r="N7957" s="5" t="s">
        <v>24254</v>
      </c>
      <c r="O7957" s="5" t="s">
        <v>38</v>
      </c>
      <c r="P7957" s="5" t="s">
        <v>39</v>
      </c>
      <c r="Q7957" s="5" t="s">
        <v>40</v>
      </c>
      <c r="R7957" s="5" t="s">
        <v>24335</v>
      </c>
      <c r="S7957" s="5" t="s">
        <v>40</v>
      </c>
      <c r="T7957" s="5" t="s">
        <v>42</v>
      </c>
      <c r="U7957" s="2">
        <v>20.641999999999999</v>
      </c>
      <c r="V7957" s="2">
        <v>14.95</v>
      </c>
      <c r="W7957" s="2">
        <v>0.79600000000000004</v>
      </c>
      <c r="X7957" s="2">
        <v>42.3</v>
      </c>
      <c r="Y7957" s="2">
        <v>108.3</v>
      </c>
      <c r="Z7957" s="2">
        <v>173.8</v>
      </c>
      <c r="AA7957" s="5">
        <v>3</v>
      </c>
      <c r="AB7957" s="5" t="s">
        <v>43</v>
      </c>
      <c r="AC7957" s="5" t="s">
        <v>44</v>
      </c>
      <c r="AD7957" s="2" t="s">
        <v>24336</v>
      </c>
      <c r="AE7957" s="1"/>
    </row>
    <row r="7958" spans="1:31" ht="14.45">
      <c r="A7958" s="11"/>
      <c r="B7958" s="20"/>
      <c r="C7958" s="2" t="s">
        <v>24366</v>
      </c>
      <c r="D7958" s="14" t="s">
        <v>24367</v>
      </c>
      <c r="E7958" s="2" t="s">
        <v>24368</v>
      </c>
      <c r="F7958" s="2" t="s">
        <v>24296</v>
      </c>
      <c r="G7958" s="8">
        <v>911</v>
      </c>
      <c r="H7958" s="5">
        <v>20</v>
      </c>
      <c r="I7958" s="5" t="s">
        <v>69</v>
      </c>
      <c r="J7958" s="5" t="s">
        <v>24252</v>
      </c>
      <c r="K7958" s="2" t="s">
        <v>24253</v>
      </c>
      <c r="L7958" s="5" t="s">
        <v>24252</v>
      </c>
      <c r="M7958" s="2" t="s">
        <v>24253</v>
      </c>
      <c r="N7958" s="5" t="s">
        <v>24254</v>
      </c>
      <c r="O7958" s="5" t="s">
        <v>38</v>
      </c>
      <c r="P7958" s="5" t="s">
        <v>39</v>
      </c>
      <c r="Q7958" s="5" t="s">
        <v>40</v>
      </c>
      <c r="R7958" s="5" t="s">
        <v>24340</v>
      </c>
      <c r="S7958" s="5" t="s">
        <v>40</v>
      </c>
      <c r="T7958" s="5" t="s">
        <v>42</v>
      </c>
      <c r="U7958" s="2">
        <v>37.801000000000002</v>
      </c>
      <c r="V7958" s="2">
        <v>32.112000000000002</v>
      </c>
      <c r="W7958" s="2">
        <v>0.79600000000000004</v>
      </c>
      <c r="X7958" s="2">
        <v>42.3</v>
      </c>
      <c r="Y7958" s="2">
        <v>108.3</v>
      </c>
      <c r="Z7958" s="2">
        <v>173.8</v>
      </c>
      <c r="AA7958" s="5">
        <v>3</v>
      </c>
      <c r="AB7958" s="5" t="s">
        <v>43</v>
      </c>
      <c r="AC7958" s="5" t="s">
        <v>44</v>
      </c>
      <c r="AD7958" s="2" t="s">
        <v>24341</v>
      </c>
      <c r="AE7958" s="1"/>
    </row>
    <row r="7959" spans="1:31" ht="14.45">
      <c r="A7959" s="11"/>
      <c r="B7959" s="20"/>
      <c r="C7959" s="2" t="s">
        <v>24369</v>
      </c>
      <c r="D7959" s="14" t="s">
        <v>24370</v>
      </c>
      <c r="E7959" s="2" t="s">
        <v>24371</v>
      </c>
      <c r="F7959" s="2" t="s">
        <v>24251</v>
      </c>
      <c r="G7959" s="8">
        <v>905</v>
      </c>
      <c r="H7959" s="5">
        <v>20</v>
      </c>
      <c r="I7959" s="5" t="s">
        <v>69</v>
      </c>
      <c r="J7959" s="5" t="s">
        <v>24252</v>
      </c>
      <c r="K7959" s="2" t="s">
        <v>24253</v>
      </c>
      <c r="L7959" s="5" t="s">
        <v>24252</v>
      </c>
      <c r="M7959" s="2" t="s">
        <v>24253</v>
      </c>
      <c r="N7959" s="5" t="s">
        <v>24254</v>
      </c>
      <c r="O7959" s="5" t="s">
        <v>38</v>
      </c>
      <c r="P7959" s="5" t="s">
        <v>39</v>
      </c>
      <c r="Q7959" s="5" t="s">
        <v>40</v>
      </c>
      <c r="R7959" s="5" t="s">
        <v>1487</v>
      </c>
      <c r="S7959" s="5"/>
      <c r="T7959" s="5" t="s">
        <v>42</v>
      </c>
      <c r="U7959" s="2">
        <v>0</v>
      </c>
      <c r="V7959" s="2">
        <v>0</v>
      </c>
      <c r="W7959" s="2">
        <v>0</v>
      </c>
      <c r="X7959" s="2">
        <v>0</v>
      </c>
      <c r="Y7959" s="2">
        <v>0</v>
      </c>
      <c r="Z7959" s="2">
        <v>0</v>
      </c>
      <c r="AA7959" s="5"/>
      <c r="AB7959" s="5" t="s">
        <v>43</v>
      </c>
      <c r="AC7959" s="5" t="s">
        <v>44</v>
      </c>
      <c r="AD7959" s="2" t="s">
        <v>24255</v>
      </c>
      <c r="AE7959" s="1"/>
    </row>
    <row r="7960" spans="1:31" ht="14.45">
      <c r="A7960" s="11"/>
      <c r="B7960" s="20"/>
      <c r="C7960" s="2" t="s">
        <v>24372</v>
      </c>
      <c r="D7960" s="14" t="s">
        <v>24373</v>
      </c>
      <c r="E7960" s="2" t="s">
        <v>24374</v>
      </c>
      <c r="F7960" s="2" t="s">
        <v>24251</v>
      </c>
      <c r="G7960" s="8">
        <v>2327</v>
      </c>
      <c r="H7960" s="5">
        <v>20</v>
      </c>
      <c r="I7960" s="5" t="s">
        <v>69</v>
      </c>
      <c r="J7960" s="5" t="s">
        <v>24259</v>
      </c>
      <c r="K7960" s="2" t="s">
        <v>24260</v>
      </c>
      <c r="L7960" s="5" t="s">
        <v>24259</v>
      </c>
      <c r="M7960" s="2" t="s">
        <v>24260</v>
      </c>
      <c r="N7960" s="5" t="s">
        <v>24254</v>
      </c>
      <c r="O7960" s="5" t="s">
        <v>38</v>
      </c>
      <c r="P7960" s="5" t="s">
        <v>39</v>
      </c>
      <c r="Q7960" s="5" t="s">
        <v>40</v>
      </c>
      <c r="R7960" s="5" t="s">
        <v>1487</v>
      </c>
      <c r="S7960" s="5"/>
      <c r="T7960" s="5" t="s">
        <v>42</v>
      </c>
      <c r="U7960" s="2">
        <v>0</v>
      </c>
      <c r="V7960" s="2">
        <v>0</v>
      </c>
      <c r="W7960" s="2">
        <v>0</v>
      </c>
      <c r="X7960" s="2">
        <v>0</v>
      </c>
      <c r="Y7960" s="2">
        <v>0</v>
      </c>
      <c r="Z7960" s="2">
        <v>0</v>
      </c>
      <c r="AA7960" s="5"/>
      <c r="AB7960" s="5" t="s">
        <v>43</v>
      </c>
      <c r="AC7960" s="5" t="s">
        <v>44</v>
      </c>
      <c r="AD7960" s="2" t="s">
        <v>24261</v>
      </c>
      <c r="AE7960" s="1"/>
    </row>
    <row r="7961" spans="1:31" ht="14.45">
      <c r="A7961" s="11"/>
      <c r="B7961" s="20"/>
      <c r="C7961" s="2" t="s">
        <v>24375</v>
      </c>
      <c r="D7961" s="14" t="s">
        <v>24376</v>
      </c>
      <c r="E7961" s="2" t="s">
        <v>24377</v>
      </c>
      <c r="F7961" s="2" t="s">
        <v>24251</v>
      </c>
      <c r="G7961" s="8">
        <v>954</v>
      </c>
      <c r="H7961" s="5">
        <v>20</v>
      </c>
      <c r="I7961" s="5" t="s">
        <v>69</v>
      </c>
      <c r="J7961" s="5" t="s">
        <v>24252</v>
      </c>
      <c r="K7961" s="2" t="s">
        <v>24253</v>
      </c>
      <c r="L7961" s="5" t="s">
        <v>24252</v>
      </c>
      <c r="M7961" s="2" t="s">
        <v>24253</v>
      </c>
      <c r="N7961" s="5" t="s">
        <v>24254</v>
      </c>
      <c r="O7961" s="5" t="s">
        <v>38</v>
      </c>
      <c r="P7961" s="5" t="s">
        <v>39</v>
      </c>
      <c r="Q7961" s="5" t="s">
        <v>40</v>
      </c>
      <c r="R7961" s="5" t="s">
        <v>1487</v>
      </c>
      <c r="S7961" s="5"/>
      <c r="T7961" s="5" t="s">
        <v>42</v>
      </c>
      <c r="U7961" s="2">
        <v>0</v>
      </c>
      <c r="V7961" s="2">
        <v>0</v>
      </c>
      <c r="W7961" s="2">
        <v>0</v>
      </c>
      <c r="X7961" s="2">
        <v>0</v>
      </c>
      <c r="Y7961" s="2">
        <v>0</v>
      </c>
      <c r="Z7961" s="2">
        <v>0</v>
      </c>
      <c r="AA7961" s="5"/>
      <c r="AB7961" s="5" t="s">
        <v>43</v>
      </c>
      <c r="AC7961" s="5" t="s">
        <v>44</v>
      </c>
      <c r="AD7961" s="2" t="s">
        <v>24255</v>
      </c>
      <c r="AE7961" s="1"/>
    </row>
    <row r="7962" spans="1:31" ht="14.45">
      <c r="A7962" s="11"/>
      <c r="B7962" s="20"/>
      <c r="C7962" s="2" t="s">
        <v>24378</v>
      </c>
      <c r="D7962" s="14" t="s">
        <v>24379</v>
      </c>
      <c r="E7962" s="2" t="s">
        <v>24380</v>
      </c>
      <c r="F7962" s="2" t="s">
        <v>24251</v>
      </c>
      <c r="G7962" s="8">
        <v>2453</v>
      </c>
      <c r="H7962" s="5">
        <v>20</v>
      </c>
      <c r="I7962" s="5" t="s">
        <v>69</v>
      </c>
      <c r="J7962" s="5" t="s">
        <v>24259</v>
      </c>
      <c r="K7962" s="2" t="s">
        <v>24260</v>
      </c>
      <c r="L7962" s="5" t="s">
        <v>24259</v>
      </c>
      <c r="M7962" s="2" t="s">
        <v>24260</v>
      </c>
      <c r="N7962" s="5" t="s">
        <v>24254</v>
      </c>
      <c r="O7962" s="5" t="s">
        <v>38</v>
      </c>
      <c r="P7962" s="5" t="s">
        <v>39</v>
      </c>
      <c r="Q7962" s="5" t="s">
        <v>40</v>
      </c>
      <c r="R7962" s="5" t="s">
        <v>1487</v>
      </c>
      <c r="S7962" s="5"/>
      <c r="T7962" s="5" t="s">
        <v>42</v>
      </c>
      <c r="U7962" s="2">
        <v>0</v>
      </c>
      <c r="V7962" s="2">
        <v>0</v>
      </c>
      <c r="W7962" s="2">
        <v>0</v>
      </c>
      <c r="X7962" s="2">
        <v>0</v>
      </c>
      <c r="Y7962" s="2">
        <v>0</v>
      </c>
      <c r="Z7962" s="2">
        <v>0</v>
      </c>
      <c r="AA7962" s="5"/>
      <c r="AB7962" s="5" t="s">
        <v>43</v>
      </c>
      <c r="AC7962" s="5" t="s">
        <v>44</v>
      </c>
      <c r="AD7962" s="2" t="s">
        <v>24261</v>
      </c>
      <c r="AE7962" s="1"/>
    </row>
    <row r="7963" spans="1:31" ht="14.45">
      <c r="A7963" s="11"/>
      <c r="B7963" s="20"/>
      <c r="C7963" s="2" t="s">
        <v>24381</v>
      </c>
      <c r="D7963" s="14" t="s">
        <v>24382</v>
      </c>
      <c r="E7963" s="2" t="s">
        <v>24383</v>
      </c>
      <c r="F7963" s="2" t="s">
        <v>24251</v>
      </c>
      <c r="G7963" s="8">
        <v>979</v>
      </c>
      <c r="H7963" s="5">
        <v>20</v>
      </c>
      <c r="I7963" s="5" t="s">
        <v>69</v>
      </c>
      <c r="J7963" s="5" t="s">
        <v>24252</v>
      </c>
      <c r="K7963" s="2" t="s">
        <v>24253</v>
      </c>
      <c r="L7963" s="5" t="s">
        <v>24252</v>
      </c>
      <c r="M7963" s="2" t="s">
        <v>24253</v>
      </c>
      <c r="N7963" s="5" t="s">
        <v>24254</v>
      </c>
      <c r="O7963" s="5" t="s">
        <v>38</v>
      </c>
      <c r="P7963" s="5" t="s">
        <v>39</v>
      </c>
      <c r="Q7963" s="5" t="s">
        <v>40</v>
      </c>
      <c r="R7963" s="5" t="s">
        <v>1487</v>
      </c>
      <c r="S7963" s="5"/>
      <c r="T7963" s="5" t="s">
        <v>42</v>
      </c>
      <c r="U7963" s="2">
        <v>0</v>
      </c>
      <c r="V7963" s="2">
        <v>0</v>
      </c>
      <c r="W7963" s="2">
        <v>0</v>
      </c>
      <c r="X7963" s="2">
        <v>0</v>
      </c>
      <c r="Y7963" s="2">
        <v>0</v>
      </c>
      <c r="Z7963" s="2">
        <v>0</v>
      </c>
      <c r="AA7963" s="5"/>
      <c r="AB7963" s="5" t="s">
        <v>43</v>
      </c>
      <c r="AC7963" s="5" t="s">
        <v>44</v>
      </c>
      <c r="AD7963" s="2" t="s">
        <v>24255</v>
      </c>
      <c r="AE7963" s="1"/>
    </row>
    <row r="7964" spans="1:31" ht="14.45">
      <c r="A7964" s="11"/>
      <c r="B7964" s="20"/>
      <c r="C7964" s="2" t="s">
        <v>24384</v>
      </c>
      <c r="D7964" s="14" t="s">
        <v>24385</v>
      </c>
      <c r="E7964" s="2" t="s">
        <v>24386</v>
      </c>
      <c r="F7964" s="2" t="s">
        <v>24251</v>
      </c>
      <c r="G7964" s="8">
        <v>2516</v>
      </c>
      <c r="H7964" s="5">
        <v>20</v>
      </c>
      <c r="I7964" s="5" t="s">
        <v>69</v>
      </c>
      <c r="J7964" s="5" t="s">
        <v>24259</v>
      </c>
      <c r="K7964" s="2" t="s">
        <v>24260</v>
      </c>
      <c r="L7964" s="5" t="s">
        <v>24259</v>
      </c>
      <c r="M7964" s="2" t="s">
        <v>24260</v>
      </c>
      <c r="N7964" s="5" t="s">
        <v>24254</v>
      </c>
      <c r="O7964" s="5" t="s">
        <v>38</v>
      </c>
      <c r="P7964" s="5" t="s">
        <v>39</v>
      </c>
      <c r="Q7964" s="5" t="s">
        <v>40</v>
      </c>
      <c r="R7964" s="5" t="s">
        <v>1487</v>
      </c>
      <c r="S7964" s="5"/>
      <c r="T7964" s="5" t="s">
        <v>42</v>
      </c>
      <c r="U7964" s="2">
        <v>0</v>
      </c>
      <c r="V7964" s="2">
        <v>0</v>
      </c>
      <c r="W7964" s="2">
        <v>0</v>
      </c>
      <c r="X7964" s="2">
        <v>0</v>
      </c>
      <c r="Y7964" s="2">
        <v>0</v>
      </c>
      <c r="Z7964" s="2">
        <v>0</v>
      </c>
      <c r="AA7964" s="5"/>
      <c r="AB7964" s="5" t="s">
        <v>43</v>
      </c>
      <c r="AC7964" s="5" t="s">
        <v>44</v>
      </c>
      <c r="AD7964" s="2" t="s">
        <v>24261</v>
      </c>
      <c r="AE7964" s="1"/>
    </row>
    <row r="7965" spans="1:31" ht="14.45">
      <c r="A7965" s="11"/>
      <c r="B7965" s="20"/>
      <c r="C7965" s="2" t="s">
        <v>24387</v>
      </c>
      <c r="D7965" s="14" t="s">
        <v>24388</v>
      </c>
      <c r="E7965" s="2" t="s">
        <v>24389</v>
      </c>
      <c r="F7965" s="2" t="s">
        <v>24251</v>
      </c>
      <c r="G7965" s="8">
        <v>811</v>
      </c>
      <c r="H7965" s="5">
        <v>20</v>
      </c>
      <c r="I7965" s="5" t="s">
        <v>69</v>
      </c>
      <c r="J7965" s="5" t="s">
        <v>24252</v>
      </c>
      <c r="K7965" s="2" t="s">
        <v>24253</v>
      </c>
      <c r="L7965" s="5" t="s">
        <v>24252</v>
      </c>
      <c r="M7965" s="2" t="s">
        <v>24253</v>
      </c>
      <c r="N7965" s="5" t="s">
        <v>24254</v>
      </c>
      <c r="O7965" s="5" t="s">
        <v>38</v>
      </c>
      <c r="P7965" s="5" t="s">
        <v>39</v>
      </c>
      <c r="Q7965" s="5" t="s">
        <v>40</v>
      </c>
      <c r="R7965" s="5" t="s">
        <v>24335</v>
      </c>
      <c r="S7965" s="5" t="s">
        <v>40</v>
      </c>
      <c r="T7965" s="5" t="s">
        <v>42</v>
      </c>
      <c r="U7965" s="2">
        <v>21.268000000000001</v>
      </c>
      <c r="V7965" s="2">
        <v>15.576000000000001</v>
      </c>
      <c r="W7965" s="2">
        <v>1.0620000000000001</v>
      </c>
      <c r="X7965" s="2">
        <v>42.3</v>
      </c>
      <c r="Y7965" s="2">
        <v>108.3</v>
      </c>
      <c r="Z7965" s="2">
        <v>231.8</v>
      </c>
      <c r="AA7965" s="5">
        <v>3</v>
      </c>
      <c r="AB7965" s="5" t="s">
        <v>43</v>
      </c>
      <c r="AC7965" s="5" t="s">
        <v>44</v>
      </c>
      <c r="AD7965" s="2" t="s">
        <v>24336</v>
      </c>
      <c r="AE7965" s="1"/>
    </row>
    <row r="7966" spans="1:31" ht="14.45">
      <c r="A7966" s="11"/>
      <c r="B7966" s="20"/>
      <c r="C7966" s="2" t="s">
        <v>24390</v>
      </c>
      <c r="D7966" s="14" t="s">
        <v>24391</v>
      </c>
      <c r="E7966" s="2" t="s">
        <v>24392</v>
      </c>
      <c r="F7966" s="2" t="s">
        <v>24296</v>
      </c>
      <c r="G7966" s="8">
        <v>989</v>
      </c>
      <c r="H7966" s="5">
        <v>20</v>
      </c>
      <c r="I7966" s="5" t="s">
        <v>69</v>
      </c>
      <c r="J7966" s="5" t="s">
        <v>24252</v>
      </c>
      <c r="K7966" s="2" t="s">
        <v>24253</v>
      </c>
      <c r="L7966" s="5" t="s">
        <v>24252</v>
      </c>
      <c r="M7966" s="2" t="s">
        <v>24253</v>
      </c>
      <c r="N7966" s="5" t="s">
        <v>24254</v>
      </c>
      <c r="O7966" s="5" t="s">
        <v>38</v>
      </c>
      <c r="P7966" s="5" t="s">
        <v>39</v>
      </c>
      <c r="Q7966" s="5" t="s">
        <v>40</v>
      </c>
      <c r="R7966" s="5" t="s">
        <v>24340</v>
      </c>
      <c r="S7966" s="5" t="s">
        <v>40</v>
      </c>
      <c r="T7966" s="5" t="s">
        <v>42</v>
      </c>
      <c r="U7966" s="2">
        <v>39.432000000000002</v>
      </c>
      <c r="V7966" s="2">
        <v>33.743000000000002</v>
      </c>
      <c r="W7966" s="2">
        <v>1.0620000000000001</v>
      </c>
      <c r="X7966" s="2">
        <v>42.3</v>
      </c>
      <c r="Y7966" s="2">
        <v>108.3</v>
      </c>
      <c r="Z7966" s="2">
        <v>231.8</v>
      </c>
      <c r="AA7966" s="5">
        <v>3</v>
      </c>
      <c r="AB7966" s="5" t="s">
        <v>43</v>
      </c>
      <c r="AC7966" s="5" t="s">
        <v>44</v>
      </c>
      <c r="AD7966" s="2" t="s">
        <v>24341</v>
      </c>
      <c r="AE7966" s="1"/>
    </row>
    <row r="7967" spans="1:31" ht="14.45">
      <c r="A7967" s="11"/>
      <c r="B7967" s="20"/>
      <c r="C7967" s="2" t="s">
        <v>24393</v>
      </c>
      <c r="D7967" s="14" t="s">
        <v>24394</v>
      </c>
      <c r="E7967" s="2" t="s">
        <v>24395</v>
      </c>
      <c r="F7967" s="2" t="s">
        <v>24251</v>
      </c>
      <c r="G7967" s="8">
        <v>1036</v>
      </c>
      <c r="H7967" s="5">
        <v>20</v>
      </c>
      <c r="I7967" s="5" t="s">
        <v>69</v>
      </c>
      <c r="J7967" s="5" t="s">
        <v>24252</v>
      </c>
      <c r="K7967" s="2" t="s">
        <v>24253</v>
      </c>
      <c r="L7967" s="5" t="s">
        <v>24252</v>
      </c>
      <c r="M7967" s="2" t="s">
        <v>24253</v>
      </c>
      <c r="N7967" s="5" t="s">
        <v>24254</v>
      </c>
      <c r="O7967" s="5" t="s">
        <v>38</v>
      </c>
      <c r="P7967" s="5" t="s">
        <v>39</v>
      </c>
      <c r="Q7967" s="5" t="s">
        <v>40</v>
      </c>
      <c r="R7967" s="5" t="s">
        <v>1487</v>
      </c>
      <c r="S7967" s="5"/>
      <c r="T7967" s="5" t="s">
        <v>42</v>
      </c>
      <c r="U7967" s="2">
        <v>0</v>
      </c>
      <c r="V7967" s="2">
        <v>0</v>
      </c>
      <c r="W7967" s="2">
        <v>0</v>
      </c>
      <c r="X7967" s="2">
        <v>0</v>
      </c>
      <c r="Y7967" s="2">
        <v>0</v>
      </c>
      <c r="Z7967" s="2">
        <v>0</v>
      </c>
      <c r="AA7967" s="5"/>
      <c r="AB7967" s="5" t="s">
        <v>43</v>
      </c>
      <c r="AC7967" s="5" t="s">
        <v>44</v>
      </c>
      <c r="AD7967" s="2" t="s">
        <v>24255</v>
      </c>
      <c r="AE7967" s="1"/>
    </row>
    <row r="7968" spans="1:31" ht="14.45">
      <c r="A7968" s="11"/>
      <c r="B7968" s="20"/>
      <c r="C7968" s="2" t="s">
        <v>24396</v>
      </c>
      <c r="D7968" s="14" t="s">
        <v>24397</v>
      </c>
      <c r="E7968" s="2" t="s">
        <v>24398</v>
      </c>
      <c r="F7968" s="2" t="s">
        <v>24251</v>
      </c>
      <c r="G7968" s="8">
        <v>2663</v>
      </c>
      <c r="H7968" s="5">
        <v>20</v>
      </c>
      <c r="I7968" s="5" t="s">
        <v>69</v>
      </c>
      <c r="J7968" s="5" t="s">
        <v>24259</v>
      </c>
      <c r="K7968" s="2" t="s">
        <v>24260</v>
      </c>
      <c r="L7968" s="5" t="s">
        <v>24259</v>
      </c>
      <c r="M7968" s="2" t="s">
        <v>24260</v>
      </c>
      <c r="N7968" s="5" t="s">
        <v>24254</v>
      </c>
      <c r="O7968" s="5" t="s">
        <v>38</v>
      </c>
      <c r="P7968" s="5" t="s">
        <v>39</v>
      </c>
      <c r="Q7968" s="5" t="s">
        <v>40</v>
      </c>
      <c r="R7968" s="5" t="s">
        <v>1487</v>
      </c>
      <c r="S7968" s="5"/>
      <c r="T7968" s="5" t="s">
        <v>42</v>
      </c>
      <c r="U7968" s="2">
        <v>0</v>
      </c>
      <c r="V7968" s="2">
        <v>0</v>
      </c>
      <c r="W7968" s="2">
        <v>0</v>
      </c>
      <c r="X7968" s="2">
        <v>0</v>
      </c>
      <c r="Y7968" s="2">
        <v>0</v>
      </c>
      <c r="Z7968" s="2">
        <v>0</v>
      </c>
      <c r="AA7968" s="5"/>
      <c r="AB7968" s="5" t="s">
        <v>43</v>
      </c>
      <c r="AC7968" s="5" t="s">
        <v>44</v>
      </c>
      <c r="AD7968" s="2" t="s">
        <v>24261</v>
      </c>
      <c r="AE7968" s="1"/>
    </row>
    <row r="7969" spans="1:31" ht="14.45">
      <c r="A7969" s="11"/>
      <c r="B7969" s="20"/>
      <c r="C7969" s="2" t="s">
        <v>24399</v>
      </c>
      <c r="D7969" s="14" t="s">
        <v>24400</v>
      </c>
      <c r="E7969" s="2" t="s">
        <v>24401</v>
      </c>
      <c r="F7969" s="2" t="s">
        <v>24296</v>
      </c>
      <c r="G7969" s="8">
        <v>1865</v>
      </c>
      <c r="H7969" s="5">
        <v>20</v>
      </c>
      <c r="I7969" s="5" t="s">
        <v>69</v>
      </c>
      <c r="J7969" s="5" t="s">
        <v>24252</v>
      </c>
      <c r="K7969" s="2" t="s">
        <v>24253</v>
      </c>
      <c r="L7969" s="5" t="s">
        <v>24252</v>
      </c>
      <c r="M7969" s="2" t="s">
        <v>24253</v>
      </c>
      <c r="N7969" s="5" t="s">
        <v>24254</v>
      </c>
      <c r="O7969" s="5" t="s">
        <v>38</v>
      </c>
      <c r="P7969" s="5" t="s">
        <v>39</v>
      </c>
      <c r="Q7969" s="5" t="s">
        <v>40</v>
      </c>
      <c r="R7969" s="5" t="s">
        <v>1487</v>
      </c>
      <c r="S7969" s="5"/>
      <c r="T7969" s="5" t="s">
        <v>42</v>
      </c>
      <c r="U7969" s="2">
        <v>0</v>
      </c>
      <c r="V7969" s="2">
        <v>0</v>
      </c>
      <c r="W7969" s="2">
        <v>0</v>
      </c>
      <c r="X7969" s="2">
        <v>0</v>
      </c>
      <c r="Y7969" s="2">
        <v>0</v>
      </c>
      <c r="Z7969" s="2">
        <v>0</v>
      </c>
      <c r="AA7969" s="5"/>
      <c r="AB7969" s="5" t="s">
        <v>43</v>
      </c>
      <c r="AC7969" s="5" t="s">
        <v>44</v>
      </c>
      <c r="AD7969" s="2" t="s">
        <v>24297</v>
      </c>
      <c r="AE7969" s="1"/>
    </row>
    <row r="7970" spans="1:31" ht="14.45">
      <c r="A7970" s="11"/>
      <c r="B7970" s="20"/>
      <c r="C7970" s="2" t="s">
        <v>24402</v>
      </c>
      <c r="D7970" s="14" t="s">
        <v>24403</v>
      </c>
      <c r="E7970" s="2" t="s">
        <v>24404</v>
      </c>
      <c r="F7970" s="2" t="s">
        <v>24251</v>
      </c>
      <c r="G7970" s="8">
        <v>1085</v>
      </c>
      <c r="H7970" s="5">
        <v>20</v>
      </c>
      <c r="I7970" s="5" t="s">
        <v>69</v>
      </c>
      <c r="J7970" s="5" t="s">
        <v>24252</v>
      </c>
      <c r="K7970" s="2" t="s">
        <v>24253</v>
      </c>
      <c r="L7970" s="5" t="s">
        <v>24252</v>
      </c>
      <c r="M7970" s="2" t="s">
        <v>24253</v>
      </c>
      <c r="N7970" s="5" t="s">
        <v>24254</v>
      </c>
      <c r="O7970" s="5" t="s">
        <v>38</v>
      </c>
      <c r="P7970" s="5" t="s">
        <v>39</v>
      </c>
      <c r="Q7970" s="5" t="s">
        <v>40</v>
      </c>
      <c r="R7970" s="5" t="s">
        <v>1487</v>
      </c>
      <c r="S7970" s="5"/>
      <c r="T7970" s="5" t="s">
        <v>42</v>
      </c>
      <c r="U7970" s="2">
        <v>0</v>
      </c>
      <c r="V7970" s="2">
        <v>0</v>
      </c>
      <c r="W7970" s="2">
        <v>0</v>
      </c>
      <c r="X7970" s="2">
        <v>0</v>
      </c>
      <c r="Y7970" s="2">
        <v>0</v>
      </c>
      <c r="Z7970" s="2">
        <v>0</v>
      </c>
      <c r="AA7970" s="5"/>
      <c r="AB7970" s="5" t="s">
        <v>43</v>
      </c>
      <c r="AC7970" s="5" t="s">
        <v>44</v>
      </c>
      <c r="AD7970" s="2" t="s">
        <v>24255</v>
      </c>
      <c r="AE7970" s="1"/>
    </row>
    <row r="7971" spans="1:31" ht="14.45">
      <c r="A7971" s="11"/>
      <c r="B7971" s="20"/>
      <c r="C7971" s="2" t="s">
        <v>24405</v>
      </c>
      <c r="D7971" s="14" t="s">
        <v>24406</v>
      </c>
      <c r="E7971" s="2" t="s">
        <v>24407</v>
      </c>
      <c r="F7971" s="2" t="s">
        <v>24251</v>
      </c>
      <c r="G7971" s="8">
        <v>869</v>
      </c>
      <c r="H7971" s="5">
        <v>20</v>
      </c>
      <c r="I7971" s="5" t="s">
        <v>69</v>
      </c>
      <c r="J7971" s="5" t="s">
        <v>24252</v>
      </c>
      <c r="K7971" s="2" t="s">
        <v>24253</v>
      </c>
      <c r="L7971" s="5" t="s">
        <v>24252</v>
      </c>
      <c r="M7971" s="2" t="s">
        <v>24253</v>
      </c>
      <c r="N7971" s="5" t="s">
        <v>24254</v>
      </c>
      <c r="O7971" s="5" t="s">
        <v>38</v>
      </c>
      <c r="P7971" s="5" t="s">
        <v>39</v>
      </c>
      <c r="Q7971" s="5" t="s">
        <v>40</v>
      </c>
      <c r="R7971" s="5" t="s">
        <v>24335</v>
      </c>
      <c r="S7971" s="5" t="s">
        <v>40</v>
      </c>
      <c r="T7971" s="5" t="s">
        <v>42</v>
      </c>
      <c r="U7971" s="2">
        <v>22.312999999999999</v>
      </c>
      <c r="V7971" s="2">
        <v>16.2</v>
      </c>
      <c r="W7971" s="2">
        <v>1.0620000000000001</v>
      </c>
      <c r="X7971" s="2">
        <v>42.3</v>
      </c>
      <c r="Y7971" s="2">
        <v>108.3</v>
      </c>
      <c r="Z7971" s="2">
        <v>231.8</v>
      </c>
      <c r="AA7971" s="5">
        <v>3</v>
      </c>
      <c r="AB7971" s="5" t="s">
        <v>43</v>
      </c>
      <c r="AC7971" s="5" t="s">
        <v>44</v>
      </c>
      <c r="AD7971" s="2" t="s">
        <v>24336</v>
      </c>
      <c r="AE7971" s="1"/>
    </row>
    <row r="7972" spans="1:31" ht="14.45">
      <c r="A7972" s="11"/>
      <c r="B7972" s="20"/>
      <c r="C7972" s="2" t="s">
        <v>24408</v>
      </c>
      <c r="D7972" s="14" t="s">
        <v>24409</v>
      </c>
      <c r="E7972" s="2" t="s">
        <v>24410</v>
      </c>
      <c r="F7972" s="2" t="s">
        <v>24296</v>
      </c>
      <c r="G7972" s="8">
        <v>1059</v>
      </c>
      <c r="H7972" s="5">
        <v>20</v>
      </c>
      <c r="I7972" s="5" t="s">
        <v>69</v>
      </c>
      <c r="J7972" s="5" t="s">
        <v>24252</v>
      </c>
      <c r="K7972" s="2" t="s">
        <v>24253</v>
      </c>
      <c r="L7972" s="5" t="s">
        <v>24252</v>
      </c>
      <c r="M7972" s="2" t="s">
        <v>24253</v>
      </c>
      <c r="N7972" s="5" t="s">
        <v>24254</v>
      </c>
      <c r="O7972" s="5" t="s">
        <v>38</v>
      </c>
      <c r="P7972" s="5" t="s">
        <v>39</v>
      </c>
      <c r="Q7972" s="5" t="s">
        <v>40</v>
      </c>
      <c r="R7972" s="5" t="s">
        <v>24340</v>
      </c>
      <c r="S7972" s="5" t="s">
        <v>40</v>
      </c>
      <c r="T7972" s="5" t="s">
        <v>42</v>
      </c>
      <c r="U7972" s="2">
        <v>41.459000000000003</v>
      </c>
      <c r="V7972" s="2">
        <v>35.348999999999997</v>
      </c>
      <c r="W7972" s="2">
        <v>1.0620000000000001</v>
      </c>
      <c r="X7972" s="2">
        <v>42.3</v>
      </c>
      <c r="Y7972" s="2">
        <v>108.3</v>
      </c>
      <c r="Z7972" s="2">
        <v>231.8</v>
      </c>
      <c r="AA7972" s="5">
        <v>3</v>
      </c>
      <c r="AB7972" s="5" t="s">
        <v>43</v>
      </c>
      <c r="AC7972" s="5" t="s">
        <v>44</v>
      </c>
      <c r="AD7972" s="2" t="s">
        <v>24341</v>
      </c>
      <c r="AE7972" s="1"/>
    </row>
    <row r="7973" spans="1:31" ht="14.45">
      <c r="A7973" s="11"/>
      <c r="B7973" s="20"/>
      <c r="C7973" s="2" t="s">
        <v>24411</v>
      </c>
      <c r="D7973" s="14" t="s">
        <v>24412</v>
      </c>
      <c r="E7973" s="2" t="s">
        <v>24413</v>
      </c>
      <c r="F7973" s="2" t="s">
        <v>24414</v>
      </c>
      <c r="G7973" s="8">
        <v>881</v>
      </c>
      <c r="H7973" s="5">
        <v>5</v>
      </c>
      <c r="I7973" s="5" t="s">
        <v>69</v>
      </c>
      <c r="J7973" s="5" t="s">
        <v>24252</v>
      </c>
      <c r="K7973" s="2" t="s">
        <v>24253</v>
      </c>
      <c r="L7973" s="5" t="s">
        <v>24252</v>
      </c>
      <c r="M7973" s="2" t="s">
        <v>24253</v>
      </c>
      <c r="N7973" s="5" t="s">
        <v>24254</v>
      </c>
      <c r="O7973" s="5" t="s">
        <v>38</v>
      </c>
      <c r="P7973" s="5" t="s">
        <v>39</v>
      </c>
      <c r="Q7973" s="5" t="s">
        <v>40</v>
      </c>
      <c r="R7973" s="5" t="s">
        <v>1487</v>
      </c>
      <c r="S7973" s="5"/>
      <c r="T7973" s="5" t="s">
        <v>42</v>
      </c>
      <c r="U7973" s="2">
        <v>0</v>
      </c>
      <c r="V7973" s="2">
        <v>0</v>
      </c>
      <c r="W7973" s="2">
        <v>0</v>
      </c>
      <c r="X7973" s="2">
        <v>0</v>
      </c>
      <c r="Y7973" s="2">
        <v>0</v>
      </c>
      <c r="Z7973" s="2">
        <v>0</v>
      </c>
      <c r="AA7973" s="5"/>
      <c r="AB7973" s="5" t="s">
        <v>43</v>
      </c>
      <c r="AC7973" s="5" t="s">
        <v>44</v>
      </c>
      <c r="AD7973" s="2" t="s">
        <v>24415</v>
      </c>
      <c r="AE7973" s="1"/>
    </row>
    <row r="7974" spans="1:31" ht="14.45">
      <c r="A7974" s="11"/>
      <c r="B7974" s="20"/>
      <c r="C7974" s="2" t="s">
        <v>24416</v>
      </c>
      <c r="D7974" s="14" t="s">
        <v>24417</v>
      </c>
      <c r="E7974" s="2" t="s">
        <v>24418</v>
      </c>
      <c r="F7974" s="2" t="s">
        <v>24414</v>
      </c>
      <c r="G7974" s="8">
        <v>2263</v>
      </c>
      <c r="H7974" s="5">
        <v>20</v>
      </c>
      <c r="I7974" s="5" t="s">
        <v>69</v>
      </c>
      <c r="J7974" s="5" t="s">
        <v>24259</v>
      </c>
      <c r="K7974" s="2" t="s">
        <v>24260</v>
      </c>
      <c r="L7974" s="5" t="s">
        <v>24259</v>
      </c>
      <c r="M7974" s="2" t="s">
        <v>24260</v>
      </c>
      <c r="N7974" s="5" t="s">
        <v>24254</v>
      </c>
      <c r="O7974" s="5" t="s">
        <v>38</v>
      </c>
      <c r="P7974" s="5" t="s">
        <v>39</v>
      </c>
      <c r="Q7974" s="5" t="s">
        <v>40</v>
      </c>
      <c r="R7974" s="5" t="s">
        <v>1487</v>
      </c>
      <c r="S7974" s="5"/>
      <c r="T7974" s="5" t="s">
        <v>42</v>
      </c>
      <c r="U7974" s="2">
        <v>0</v>
      </c>
      <c r="V7974" s="2">
        <v>0</v>
      </c>
      <c r="W7974" s="2">
        <v>0</v>
      </c>
      <c r="X7974" s="2">
        <v>0</v>
      </c>
      <c r="Y7974" s="2">
        <v>0</v>
      </c>
      <c r="Z7974" s="2">
        <v>0</v>
      </c>
      <c r="AA7974" s="5"/>
      <c r="AB7974" s="5" t="s">
        <v>43</v>
      </c>
      <c r="AC7974" s="5" t="s">
        <v>44</v>
      </c>
      <c r="AD7974" s="2" t="s">
        <v>24419</v>
      </c>
      <c r="AE7974" s="1"/>
    </row>
    <row r="7975" spans="1:31" ht="14.45">
      <c r="A7975" s="11"/>
      <c r="B7975" s="20"/>
      <c r="C7975" s="2" t="s">
        <v>24420</v>
      </c>
      <c r="D7975" s="14" t="s">
        <v>24421</v>
      </c>
      <c r="E7975" s="2" t="s">
        <v>24422</v>
      </c>
      <c r="F7975" s="2" t="s">
        <v>24414</v>
      </c>
      <c r="G7975" s="8">
        <v>2431</v>
      </c>
      <c r="H7975" s="5">
        <v>20</v>
      </c>
      <c r="I7975" s="5" t="s">
        <v>69</v>
      </c>
      <c r="J7975" s="5" t="s">
        <v>24259</v>
      </c>
      <c r="K7975" s="2" t="s">
        <v>24260</v>
      </c>
      <c r="L7975" s="5" t="s">
        <v>24259</v>
      </c>
      <c r="M7975" s="2" t="s">
        <v>24260</v>
      </c>
      <c r="N7975" s="5" t="s">
        <v>24254</v>
      </c>
      <c r="O7975" s="5" t="s">
        <v>38</v>
      </c>
      <c r="P7975" s="5" t="s">
        <v>39</v>
      </c>
      <c r="Q7975" s="5" t="s">
        <v>40</v>
      </c>
      <c r="R7975" s="5" t="s">
        <v>1487</v>
      </c>
      <c r="S7975" s="5"/>
      <c r="T7975" s="5" t="s">
        <v>42</v>
      </c>
      <c r="U7975" s="2">
        <v>0</v>
      </c>
      <c r="V7975" s="2">
        <v>0</v>
      </c>
      <c r="W7975" s="2">
        <v>0</v>
      </c>
      <c r="X7975" s="2">
        <v>0</v>
      </c>
      <c r="Y7975" s="2">
        <v>0</v>
      </c>
      <c r="Z7975" s="2">
        <v>0</v>
      </c>
      <c r="AA7975" s="5"/>
      <c r="AB7975" s="5" t="s">
        <v>43</v>
      </c>
      <c r="AC7975" s="5" t="s">
        <v>44</v>
      </c>
      <c r="AD7975" s="2" t="s">
        <v>24423</v>
      </c>
      <c r="AE7975" s="1"/>
    </row>
    <row r="7976" spans="1:31" ht="14.45">
      <c r="A7976" s="11"/>
      <c r="B7976" s="20"/>
      <c r="C7976" s="2" t="s">
        <v>24424</v>
      </c>
      <c r="D7976" s="14" t="s">
        <v>24425</v>
      </c>
      <c r="E7976" s="2" t="s">
        <v>24426</v>
      </c>
      <c r="F7976" s="2" t="s">
        <v>24427</v>
      </c>
      <c r="G7976" s="8">
        <v>1585</v>
      </c>
      <c r="H7976" s="5">
        <v>20</v>
      </c>
      <c r="I7976" s="5" t="s">
        <v>69</v>
      </c>
      <c r="J7976" s="5" t="s">
        <v>24252</v>
      </c>
      <c r="K7976" s="2" t="s">
        <v>24253</v>
      </c>
      <c r="L7976" s="5" t="s">
        <v>24252</v>
      </c>
      <c r="M7976" s="2" t="s">
        <v>24253</v>
      </c>
      <c r="N7976" s="5" t="s">
        <v>24254</v>
      </c>
      <c r="O7976" s="5" t="s">
        <v>38</v>
      </c>
      <c r="P7976" s="5" t="s">
        <v>39</v>
      </c>
      <c r="Q7976" s="5" t="s">
        <v>40</v>
      </c>
      <c r="R7976" s="5" t="s">
        <v>1487</v>
      </c>
      <c r="S7976" s="5"/>
      <c r="T7976" s="5" t="s">
        <v>42</v>
      </c>
      <c r="U7976" s="2">
        <v>0</v>
      </c>
      <c r="V7976" s="2">
        <v>0</v>
      </c>
      <c r="W7976" s="2">
        <v>0</v>
      </c>
      <c r="X7976" s="2">
        <v>0</v>
      </c>
      <c r="Y7976" s="2">
        <v>0</v>
      </c>
      <c r="Z7976" s="2">
        <v>0</v>
      </c>
      <c r="AA7976" s="5"/>
      <c r="AB7976" s="5" t="s">
        <v>43</v>
      </c>
      <c r="AC7976" s="5" t="s">
        <v>44</v>
      </c>
      <c r="AD7976" s="2" t="s">
        <v>24428</v>
      </c>
      <c r="AE7976" s="1"/>
    </row>
    <row r="7977" spans="1:31" ht="14.45">
      <c r="A7977" s="11"/>
      <c r="B7977" s="20"/>
      <c r="C7977" s="2" t="s">
        <v>24429</v>
      </c>
      <c r="D7977" s="14" t="s">
        <v>24430</v>
      </c>
      <c r="E7977" s="2" t="s">
        <v>24431</v>
      </c>
      <c r="F7977" s="2" t="s">
        <v>24427</v>
      </c>
      <c r="G7977" s="8">
        <v>4074</v>
      </c>
      <c r="H7977" s="5">
        <v>20</v>
      </c>
      <c r="I7977" s="5" t="s">
        <v>69</v>
      </c>
      <c r="J7977" s="5" t="s">
        <v>24259</v>
      </c>
      <c r="K7977" s="2" t="s">
        <v>24260</v>
      </c>
      <c r="L7977" s="5" t="s">
        <v>24259</v>
      </c>
      <c r="M7977" s="2" t="s">
        <v>24260</v>
      </c>
      <c r="N7977" s="5" t="s">
        <v>24254</v>
      </c>
      <c r="O7977" s="5" t="s">
        <v>38</v>
      </c>
      <c r="P7977" s="5" t="s">
        <v>39</v>
      </c>
      <c r="Q7977" s="5" t="s">
        <v>40</v>
      </c>
      <c r="R7977" s="5" t="s">
        <v>1487</v>
      </c>
      <c r="S7977" s="5"/>
      <c r="T7977" s="5" t="s">
        <v>42</v>
      </c>
      <c r="U7977" s="2">
        <v>0</v>
      </c>
      <c r="V7977" s="2">
        <v>0</v>
      </c>
      <c r="W7977" s="2">
        <v>0</v>
      </c>
      <c r="X7977" s="2">
        <v>0</v>
      </c>
      <c r="Y7977" s="2">
        <v>0</v>
      </c>
      <c r="Z7977" s="2">
        <v>0</v>
      </c>
      <c r="AA7977" s="5"/>
      <c r="AB7977" s="5" t="s">
        <v>43</v>
      </c>
      <c r="AC7977" s="5" t="s">
        <v>44</v>
      </c>
      <c r="AD7977" s="2" t="s">
        <v>24432</v>
      </c>
      <c r="AE7977" s="1"/>
    </row>
    <row r="7978" spans="1:31" ht="14.45">
      <c r="A7978" s="11"/>
      <c r="B7978" s="20"/>
      <c r="C7978" s="2" t="s">
        <v>24433</v>
      </c>
      <c r="D7978" s="14" t="s">
        <v>24434</v>
      </c>
      <c r="E7978" s="2" t="s">
        <v>24435</v>
      </c>
      <c r="F7978" s="2" t="s">
        <v>24414</v>
      </c>
      <c r="G7978" s="8">
        <v>964</v>
      </c>
      <c r="H7978" s="5">
        <v>20</v>
      </c>
      <c r="I7978" s="5" t="s">
        <v>69</v>
      </c>
      <c r="J7978" s="5" t="s">
        <v>24252</v>
      </c>
      <c r="K7978" s="2" t="s">
        <v>24253</v>
      </c>
      <c r="L7978" s="5" t="s">
        <v>24252</v>
      </c>
      <c r="M7978" s="2" t="s">
        <v>24253</v>
      </c>
      <c r="N7978" s="5" t="s">
        <v>24254</v>
      </c>
      <c r="O7978" s="5" t="s">
        <v>38</v>
      </c>
      <c r="P7978" s="5" t="s">
        <v>39</v>
      </c>
      <c r="Q7978" s="5" t="s">
        <v>40</v>
      </c>
      <c r="R7978" s="5" t="s">
        <v>1487</v>
      </c>
      <c r="S7978" s="5"/>
      <c r="T7978" s="5" t="s">
        <v>42</v>
      </c>
      <c r="U7978" s="2">
        <v>0</v>
      </c>
      <c r="V7978" s="2">
        <v>0</v>
      </c>
      <c r="W7978" s="2">
        <v>0</v>
      </c>
      <c r="X7978" s="2">
        <v>0</v>
      </c>
      <c r="Y7978" s="2">
        <v>0</v>
      </c>
      <c r="Z7978" s="2">
        <v>0</v>
      </c>
      <c r="AA7978" s="5"/>
      <c r="AB7978" s="5" t="s">
        <v>43</v>
      </c>
      <c r="AC7978" s="5" t="s">
        <v>44</v>
      </c>
      <c r="AD7978" s="2" t="s">
        <v>24415</v>
      </c>
      <c r="AE7978" s="1"/>
    </row>
    <row r="7979" spans="1:31" ht="14.45">
      <c r="A7979" s="11"/>
      <c r="B7979" s="20"/>
      <c r="C7979" s="2" t="s">
        <v>24436</v>
      </c>
      <c r="D7979" s="14" t="s">
        <v>24437</v>
      </c>
      <c r="E7979" s="2" t="s">
        <v>24438</v>
      </c>
      <c r="F7979" s="2" t="s">
        <v>24414</v>
      </c>
      <c r="G7979" s="8">
        <v>2478</v>
      </c>
      <c r="H7979" s="5">
        <v>20</v>
      </c>
      <c r="I7979" s="5" t="s">
        <v>69</v>
      </c>
      <c r="J7979" s="5" t="s">
        <v>24259</v>
      </c>
      <c r="K7979" s="2" t="s">
        <v>24260</v>
      </c>
      <c r="L7979" s="5" t="s">
        <v>24259</v>
      </c>
      <c r="M7979" s="2" t="s">
        <v>24260</v>
      </c>
      <c r="N7979" s="5" t="s">
        <v>24254</v>
      </c>
      <c r="O7979" s="5" t="s">
        <v>38</v>
      </c>
      <c r="P7979" s="5" t="s">
        <v>39</v>
      </c>
      <c r="Q7979" s="5" t="s">
        <v>40</v>
      </c>
      <c r="R7979" s="5" t="s">
        <v>1487</v>
      </c>
      <c r="S7979" s="5"/>
      <c r="T7979" s="5" t="s">
        <v>42</v>
      </c>
      <c r="U7979" s="2">
        <v>0</v>
      </c>
      <c r="V7979" s="2">
        <v>0</v>
      </c>
      <c r="W7979" s="2">
        <v>0</v>
      </c>
      <c r="X7979" s="2">
        <v>0</v>
      </c>
      <c r="Y7979" s="2">
        <v>0</v>
      </c>
      <c r="Z7979" s="2">
        <v>0</v>
      </c>
      <c r="AA7979" s="5"/>
      <c r="AB7979" s="5" t="s">
        <v>43</v>
      </c>
      <c r="AC7979" s="5" t="s">
        <v>44</v>
      </c>
      <c r="AD7979" s="2" t="s">
        <v>24419</v>
      </c>
      <c r="AE7979" s="1"/>
    </row>
    <row r="7980" spans="1:31" ht="14.45">
      <c r="A7980" s="11"/>
      <c r="B7980" s="20"/>
      <c r="C7980" s="2" t="s">
        <v>24439</v>
      </c>
      <c r="D7980" s="14" t="s">
        <v>24440</v>
      </c>
      <c r="E7980" s="2" t="s">
        <v>24441</v>
      </c>
      <c r="F7980" s="2" t="s">
        <v>24414</v>
      </c>
      <c r="G7980" s="8">
        <v>2661</v>
      </c>
      <c r="H7980" s="5">
        <v>20</v>
      </c>
      <c r="I7980" s="5" t="s">
        <v>69</v>
      </c>
      <c r="J7980" s="5" t="s">
        <v>24259</v>
      </c>
      <c r="K7980" s="2" t="s">
        <v>24260</v>
      </c>
      <c r="L7980" s="5" t="s">
        <v>24259</v>
      </c>
      <c r="M7980" s="2" t="s">
        <v>24260</v>
      </c>
      <c r="N7980" s="5" t="s">
        <v>24254</v>
      </c>
      <c r="O7980" s="5" t="s">
        <v>38</v>
      </c>
      <c r="P7980" s="5" t="s">
        <v>39</v>
      </c>
      <c r="Q7980" s="5" t="s">
        <v>40</v>
      </c>
      <c r="R7980" s="5" t="s">
        <v>1487</v>
      </c>
      <c r="S7980" s="5"/>
      <c r="T7980" s="5" t="s">
        <v>42</v>
      </c>
      <c r="U7980" s="2">
        <v>0</v>
      </c>
      <c r="V7980" s="2">
        <v>0</v>
      </c>
      <c r="W7980" s="2">
        <v>0</v>
      </c>
      <c r="X7980" s="2">
        <v>0</v>
      </c>
      <c r="Y7980" s="2">
        <v>0</v>
      </c>
      <c r="Z7980" s="2">
        <v>0</v>
      </c>
      <c r="AA7980" s="5"/>
      <c r="AB7980" s="5" t="s">
        <v>43</v>
      </c>
      <c r="AC7980" s="5" t="s">
        <v>44</v>
      </c>
      <c r="AD7980" s="2" t="s">
        <v>24423</v>
      </c>
      <c r="AE7980" s="1"/>
    </row>
    <row r="7981" spans="1:31" ht="14.45">
      <c r="A7981" s="11"/>
      <c r="B7981" s="20"/>
      <c r="C7981" s="2" t="s">
        <v>24442</v>
      </c>
      <c r="D7981" s="14" t="s">
        <v>24443</v>
      </c>
      <c r="E7981" s="2" t="s">
        <v>24444</v>
      </c>
      <c r="F7981" s="2" t="s">
        <v>24414</v>
      </c>
      <c r="G7981" s="8">
        <v>890</v>
      </c>
      <c r="H7981" s="5">
        <v>5</v>
      </c>
      <c r="I7981" s="5" t="s">
        <v>69</v>
      </c>
      <c r="J7981" s="5" t="s">
        <v>24252</v>
      </c>
      <c r="K7981" s="2" t="s">
        <v>24253</v>
      </c>
      <c r="L7981" s="5" t="s">
        <v>24252</v>
      </c>
      <c r="M7981" s="2" t="s">
        <v>24253</v>
      </c>
      <c r="N7981" s="5" t="s">
        <v>24254</v>
      </c>
      <c r="O7981" s="5" t="s">
        <v>38</v>
      </c>
      <c r="P7981" s="5" t="s">
        <v>39</v>
      </c>
      <c r="Q7981" s="5" t="s">
        <v>40</v>
      </c>
      <c r="R7981" s="5" t="s">
        <v>1487</v>
      </c>
      <c r="S7981" s="5"/>
      <c r="T7981" s="5" t="s">
        <v>42</v>
      </c>
      <c r="U7981" s="2">
        <v>0</v>
      </c>
      <c r="V7981" s="2">
        <v>0</v>
      </c>
      <c r="W7981" s="2">
        <v>0</v>
      </c>
      <c r="X7981" s="2">
        <v>0</v>
      </c>
      <c r="Y7981" s="2">
        <v>0</v>
      </c>
      <c r="Z7981" s="2">
        <v>0</v>
      </c>
      <c r="AA7981" s="5"/>
      <c r="AB7981" s="5" t="s">
        <v>43</v>
      </c>
      <c r="AC7981" s="5" t="s">
        <v>44</v>
      </c>
      <c r="AD7981" s="2" t="s">
        <v>24415</v>
      </c>
      <c r="AE7981" s="1"/>
    </row>
    <row r="7982" spans="1:31" ht="14.45">
      <c r="A7982" s="11"/>
      <c r="B7982" s="20"/>
      <c r="C7982" s="2" t="s">
        <v>24445</v>
      </c>
      <c r="D7982" s="14" t="s">
        <v>24446</v>
      </c>
      <c r="E7982" s="2" t="s">
        <v>24447</v>
      </c>
      <c r="F7982" s="2" t="s">
        <v>24414</v>
      </c>
      <c r="G7982" s="8">
        <v>2287</v>
      </c>
      <c r="H7982" s="5">
        <v>20</v>
      </c>
      <c r="I7982" s="5" t="s">
        <v>69</v>
      </c>
      <c r="J7982" s="5" t="s">
        <v>24259</v>
      </c>
      <c r="K7982" s="2" t="s">
        <v>24260</v>
      </c>
      <c r="L7982" s="5" t="s">
        <v>24259</v>
      </c>
      <c r="M7982" s="2" t="s">
        <v>24260</v>
      </c>
      <c r="N7982" s="5" t="s">
        <v>24254</v>
      </c>
      <c r="O7982" s="5" t="s">
        <v>38</v>
      </c>
      <c r="P7982" s="5" t="s">
        <v>39</v>
      </c>
      <c r="Q7982" s="5" t="s">
        <v>40</v>
      </c>
      <c r="R7982" s="5" t="s">
        <v>1487</v>
      </c>
      <c r="S7982" s="5"/>
      <c r="T7982" s="5" t="s">
        <v>42</v>
      </c>
      <c r="U7982" s="2">
        <v>0</v>
      </c>
      <c r="V7982" s="2">
        <v>0</v>
      </c>
      <c r="W7982" s="2">
        <v>0</v>
      </c>
      <c r="X7982" s="2">
        <v>0</v>
      </c>
      <c r="Y7982" s="2">
        <v>0</v>
      </c>
      <c r="Z7982" s="2">
        <v>0</v>
      </c>
      <c r="AA7982" s="5"/>
      <c r="AB7982" s="5" t="s">
        <v>43</v>
      </c>
      <c r="AC7982" s="5" t="s">
        <v>44</v>
      </c>
      <c r="AD7982" s="2" t="s">
        <v>24419</v>
      </c>
      <c r="AE7982" s="1"/>
    </row>
    <row r="7983" spans="1:31" ht="14.45">
      <c r="A7983" s="11"/>
      <c r="B7983" s="20"/>
      <c r="C7983" s="2" t="s">
        <v>24448</v>
      </c>
      <c r="D7983" s="14" t="s">
        <v>24449</v>
      </c>
      <c r="E7983" s="2" t="s">
        <v>24450</v>
      </c>
      <c r="F7983" s="2" t="s">
        <v>24414</v>
      </c>
      <c r="G7983" s="8">
        <v>2456</v>
      </c>
      <c r="H7983" s="5">
        <v>20</v>
      </c>
      <c r="I7983" s="5" t="s">
        <v>69</v>
      </c>
      <c r="J7983" s="5" t="s">
        <v>24259</v>
      </c>
      <c r="K7983" s="2" t="s">
        <v>24260</v>
      </c>
      <c r="L7983" s="5" t="s">
        <v>24259</v>
      </c>
      <c r="M7983" s="2" t="s">
        <v>24260</v>
      </c>
      <c r="N7983" s="5" t="s">
        <v>24254</v>
      </c>
      <c r="O7983" s="5" t="s">
        <v>38</v>
      </c>
      <c r="P7983" s="5" t="s">
        <v>39</v>
      </c>
      <c r="Q7983" s="5" t="s">
        <v>40</v>
      </c>
      <c r="R7983" s="5" t="s">
        <v>1487</v>
      </c>
      <c r="S7983" s="5"/>
      <c r="T7983" s="5" t="s">
        <v>42</v>
      </c>
      <c r="U7983" s="2">
        <v>0</v>
      </c>
      <c r="V7983" s="2">
        <v>0</v>
      </c>
      <c r="W7983" s="2">
        <v>0</v>
      </c>
      <c r="X7983" s="2">
        <v>0</v>
      </c>
      <c r="Y7983" s="2">
        <v>0</v>
      </c>
      <c r="Z7983" s="2">
        <v>0</v>
      </c>
      <c r="AA7983" s="5"/>
      <c r="AB7983" s="5" t="s">
        <v>43</v>
      </c>
      <c r="AC7983" s="5" t="s">
        <v>44</v>
      </c>
      <c r="AD7983" s="2" t="s">
        <v>24423</v>
      </c>
      <c r="AE7983" s="1"/>
    </row>
    <row r="7984" spans="1:31" ht="14.45">
      <c r="A7984" s="11"/>
      <c r="B7984" s="20"/>
      <c r="C7984" s="2" t="s">
        <v>24451</v>
      </c>
      <c r="D7984" s="14" t="s">
        <v>24452</v>
      </c>
      <c r="E7984" s="2" t="s">
        <v>24453</v>
      </c>
      <c r="F7984" s="2" t="s">
        <v>24427</v>
      </c>
      <c r="G7984" s="8">
        <v>1602</v>
      </c>
      <c r="H7984" s="5">
        <v>20</v>
      </c>
      <c r="I7984" s="5" t="s">
        <v>69</v>
      </c>
      <c r="J7984" s="5" t="s">
        <v>24252</v>
      </c>
      <c r="K7984" s="2" t="s">
        <v>24253</v>
      </c>
      <c r="L7984" s="5" t="s">
        <v>24252</v>
      </c>
      <c r="M7984" s="2" t="s">
        <v>24253</v>
      </c>
      <c r="N7984" s="5" t="s">
        <v>24254</v>
      </c>
      <c r="O7984" s="5" t="s">
        <v>38</v>
      </c>
      <c r="P7984" s="5" t="s">
        <v>39</v>
      </c>
      <c r="Q7984" s="5" t="s">
        <v>40</v>
      </c>
      <c r="R7984" s="5" t="s">
        <v>1487</v>
      </c>
      <c r="S7984" s="5"/>
      <c r="T7984" s="5" t="s">
        <v>42</v>
      </c>
      <c r="U7984" s="2">
        <v>0</v>
      </c>
      <c r="V7984" s="2">
        <v>0</v>
      </c>
      <c r="W7984" s="2">
        <v>0</v>
      </c>
      <c r="X7984" s="2">
        <v>0</v>
      </c>
      <c r="Y7984" s="2">
        <v>0</v>
      </c>
      <c r="Z7984" s="2">
        <v>0</v>
      </c>
      <c r="AA7984" s="5"/>
      <c r="AB7984" s="5" t="s">
        <v>43</v>
      </c>
      <c r="AC7984" s="5" t="s">
        <v>44</v>
      </c>
      <c r="AD7984" s="2" t="s">
        <v>24428</v>
      </c>
      <c r="AE7984" s="1"/>
    </row>
    <row r="7985" spans="1:31" ht="14.45">
      <c r="A7985" s="11"/>
      <c r="B7985" s="20"/>
      <c r="C7985" s="2" t="s">
        <v>24454</v>
      </c>
      <c r="D7985" s="14" t="s">
        <v>24455</v>
      </c>
      <c r="E7985" s="2" t="s">
        <v>24456</v>
      </c>
      <c r="F7985" s="2" t="s">
        <v>24427</v>
      </c>
      <c r="G7985" s="8">
        <v>4421</v>
      </c>
      <c r="H7985" s="5">
        <v>20</v>
      </c>
      <c r="I7985" s="5" t="s">
        <v>69</v>
      </c>
      <c r="J7985" s="5" t="s">
        <v>24259</v>
      </c>
      <c r="K7985" s="2" t="s">
        <v>24260</v>
      </c>
      <c r="L7985" s="5" t="s">
        <v>24259</v>
      </c>
      <c r="M7985" s="2" t="s">
        <v>24260</v>
      </c>
      <c r="N7985" s="5" t="s">
        <v>24254</v>
      </c>
      <c r="O7985" s="5" t="s">
        <v>38</v>
      </c>
      <c r="P7985" s="5" t="s">
        <v>39</v>
      </c>
      <c r="Q7985" s="5" t="s">
        <v>40</v>
      </c>
      <c r="R7985" s="5" t="s">
        <v>1487</v>
      </c>
      <c r="S7985" s="5"/>
      <c r="T7985" s="5" t="s">
        <v>42</v>
      </c>
      <c r="U7985" s="2">
        <v>0</v>
      </c>
      <c r="V7985" s="2">
        <v>0</v>
      </c>
      <c r="W7985" s="2">
        <v>0</v>
      </c>
      <c r="X7985" s="2">
        <v>0</v>
      </c>
      <c r="Y7985" s="2">
        <v>0</v>
      </c>
      <c r="Z7985" s="2">
        <v>0</v>
      </c>
      <c r="AA7985" s="5"/>
      <c r="AB7985" s="5" t="s">
        <v>43</v>
      </c>
      <c r="AC7985" s="5" t="s">
        <v>44</v>
      </c>
      <c r="AD7985" s="2" t="s">
        <v>24457</v>
      </c>
      <c r="AE7985" s="1"/>
    </row>
    <row r="7986" spans="1:31" ht="14.45">
      <c r="A7986" s="11"/>
      <c r="B7986" s="20"/>
      <c r="C7986" s="2" t="s">
        <v>24458</v>
      </c>
      <c r="D7986" s="14" t="s">
        <v>24459</v>
      </c>
      <c r="E7986" s="2" t="s">
        <v>24460</v>
      </c>
      <c r="F7986" s="2" t="s">
        <v>24461</v>
      </c>
      <c r="G7986" s="8">
        <v>1602</v>
      </c>
      <c r="H7986" s="5">
        <v>20</v>
      </c>
      <c r="I7986" s="5" t="s">
        <v>69</v>
      </c>
      <c r="J7986" s="5" t="s">
        <v>24252</v>
      </c>
      <c r="K7986" s="2" t="s">
        <v>24253</v>
      </c>
      <c r="L7986" s="5" t="s">
        <v>24252</v>
      </c>
      <c r="M7986" s="2" t="s">
        <v>24253</v>
      </c>
      <c r="N7986" s="5" t="s">
        <v>24254</v>
      </c>
      <c r="O7986" s="5" t="s">
        <v>38</v>
      </c>
      <c r="P7986" s="5" t="s">
        <v>39</v>
      </c>
      <c r="Q7986" s="5" t="s">
        <v>40</v>
      </c>
      <c r="R7986" s="5" t="s">
        <v>1487</v>
      </c>
      <c r="S7986" s="5"/>
      <c r="T7986" s="5" t="s">
        <v>42</v>
      </c>
      <c r="U7986" s="2">
        <v>0</v>
      </c>
      <c r="V7986" s="2">
        <v>0</v>
      </c>
      <c r="W7986" s="2">
        <v>0</v>
      </c>
      <c r="X7986" s="2">
        <v>0</v>
      </c>
      <c r="Y7986" s="2">
        <v>0</v>
      </c>
      <c r="Z7986" s="2">
        <v>0</v>
      </c>
      <c r="AA7986" s="5"/>
      <c r="AB7986" s="5" t="s">
        <v>43</v>
      </c>
      <c r="AC7986" s="5" t="s">
        <v>44</v>
      </c>
      <c r="AD7986" s="2" t="s">
        <v>24462</v>
      </c>
      <c r="AE7986" s="1"/>
    </row>
    <row r="7987" spans="1:31" ht="14.45">
      <c r="A7987" s="11"/>
      <c r="B7987" s="20"/>
      <c r="C7987" s="2" t="s">
        <v>24463</v>
      </c>
      <c r="D7987" s="14" t="s">
        <v>24464</v>
      </c>
      <c r="E7987" s="2" t="s">
        <v>24465</v>
      </c>
      <c r="F7987" s="2" t="s">
        <v>24414</v>
      </c>
      <c r="G7987" s="8">
        <v>927</v>
      </c>
      <c r="H7987" s="5">
        <v>5</v>
      </c>
      <c r="I7987" s="5" t="s">
        <v>69</v>
      </c>
      <c r="J7987" s="5" t="s">
        <v>24252</v>
      </c>
      <c r="K7987" s="2" t="s">
        <v>24253</v>
      </c>
      <c r="L7987" s="5" t="s">
        <v>24252</v>
      </c>
      <c r="M7987" s="2" t="s">
        <v>24253</v>
      </c>
      <c r="N7987" s="5" t="s">
        <v>24254</v>
      </c>
      <c r="O7987" s="5" t="s">
        <v>38</v>
      </c>
      <c r="P7987" s="5" t="s">
        <v>39</v>
      </c>
      <c r="Q7987" s="5" t="s">
        <v>40</v>
      </c>
      <c r="R7987" s="5" t="s">
        <v>1487</v>
      </c>
      <c r="S7987" s="5"/>
      <c r="T7987" s="5" t="s">
        <v>42</v>
      </c>
      <c r="U7987" s="2">
        <v>0</v>
      </c>
      <c r="V7987" s="2">
        <v>0</v>
      </c>
      <c r="W7987" s="2">
        <v>0</v>
      </c>
      <c r="X7987" s="2">
        <v>0</v>
      </c>
      <c r="Y7987" s="2">
        <v>0</v>
      </c>
      <c r="Z7987" s="2">
        <v>0</v>
      </c>
      <c r="AA7987" s="5"/>
      <c r="AB7987" s="5" t="s">
        <v>43</v>
      </c>
      <c r="AC7987" s="5" t="s">
        <v>44</v>
      </c>
      <c r="AD7987" s="2" t="s">
        <v>24415</v>
      </c>
      <c r="AE7987" s="1"/>
    </row>
    <row r="7988" spans="1:31" ht="14.45">
      <c r="A7988" s="11"/>
      <c r="B7988" s="20"/>
      <c r="C7988" s="2" t="s">
        <v>24466</v>
      </c>
      <c r="D7988" s="14" t="s">
        <v>24467</v>
      </c>
      <c r="E7988" s="2" t="s">
        <v>24468</v>
      </c>
      <c r="F7988" s="2" t="s">
        <v>24414</v>
      </c>
      <c r="G7988" s="8">
        <v>2382</v>
      </c>
      <c r="H7988" s="5">
        <v>20</v>
      </c>
      <c r="I7988" s="5" t="s">
        <v>69</v>
      </c>
      <c r="J7988" s="5" t="s">
        <v>24259</v>
      </c>
      <c r="K7988" s="2" t="s">
        <v>24260</v>
      </c>
      <c r="L7988" s="5" t="s">
        <v>24259</v>
      </c>
      <c r="M7988" s="2" t="s">
        <v>24260</v>
      </c>
      <c r="N7988" s="5" t="s">
        <v>24254</v>
      </c>
      <c r="O7988" s="5" t="s">
        <v>38</v>
      </c>
      <c r="P7988" s="5" t="s">
        <v>39</v>
      </c>
      <c r="Q7988" s="5" t="s">
        <v>40</v>
      </c>
      <c r="R7988" s="5" t="s">
        <v>1487</v>
      </c>
      <c r="S7988" s="5"/>
      <c r="T7988" s="5" t="s">
        <v>42</v>
      </c>
      <c r="U7988" s="2">
        <v>0</v>
      </c>
      <c r="V7988" s="2">
        <v>0</v>
      </c>
      <c r="W7988" s="2">
        <v>0</v>
      </c>
      <c r="X7988" s="2">
        <v>0</v>
      </c>
      <c r="Y7988" s="2">
        <v>0</v>
      </c>
      <c r="Z7988" s="2">
        <v>0</v>
      </c>
      <c r="AA7988" s="5"/>
      <c r="AB7988" s="5" t="s">
        <v>43</v>
      </c>
      <c r="AC7988" s="5" t="s">
        <v>44</v>
      </c>
      <c r="AD7988" s="2" t="s">
        <v>24419</v>
      </c>
      <c r="AE7988" s="1"/>
    </row>
    <row r="7989" spans="1:31" ht="14.45">
      <c r="A7989" s="11"/>
      <c r="B7989" s="20"/>
      <c r="C7989" s="2" t="s">
        <v>24469</v>
      </c>
      <c r="D7989" s="14" t="s">
        <v>24470</v>
      </c>
      <c r="E7989" s="2" t="s">
        <v>24471</v>
      </c>
      <c r="F7989" s="2" t="s">
        <v>24414</v>
      </c>
      <c r="G7989" s="8">
        <v>2559</v>
      </c>
      <c r="H7989" s="5">
        <v>20</v>
      </c>
      <c r="I7989" s="5" t="s">
        <v>69</v>
      </c>
      <c r="J7989" s="5" t="s">
        <v>24259</v>
      </c>
      <c r="K7989" s="2" t="s">
        <v>24260</v>
      </c>
      <c r="L7989" s="5" t="s">
        <v>24259</v>
      </c>
      <c r="M7989" s="2" t="s">
        <v>24260</v>
      </c>
      <c r="N7989" s="5" t="s">
        <v>24254</v>
      </c>
      <c r="O7989" s="5" t="s">
        <v>38</v>
      </c>
      <c r="P7989" s="5" t="s">
        <v>39</v>
      </c>
      <c r="Q7989" s="5" t="s">
        <v>40</v>
      </c>
      <c r="R7989" s="5" t="s">
        <v>1487</v>
      </c>
      <c r="S7989" s="5"/>
      <c r="T7989" s="5" t="s">
        <v>42</v>
      </c>
      <c r="U7989" s="2">
        <v>0</v>
      </c>
      <c r="V7989" s="2">
        <v>0</v>
      </c>
      <c r="W7989" s="2">
        <v>0</v>
      </c>
      <c r="X7989" s="2">
        <v>0</v>
      </c>
      <c r="Y7989" s="2">
        <v>0</v>
      </c>
      <c r="Z7989" s="2">
        <v>0</v>
      </c>
      <c r="AA7989" s="5"/>
      <c r="AB7989" s="5" t="s">
        <v>43</v>
      </c>
      <c r="AC7989" s="5" t="s">
        <v>44</v>
      </c>
      <c r="AD7989" s="2" t="s">
        <v>24423</v>
      </c>
      <c r="AE7989" s="1"/>
    </row>
    <row r="7990" spans="1:31" ht="14.45">
      <c r="A7990" s="11"/>
      <c r="B7990" s="20"/>
      <c r="C7990" s="2" t="s">
        <v>24472</v>
      </c>
      <c r="D7990" s="14" t="s">
        <v>24473</v>
      </c>
      <c r="E7990" s="2" t="s">
        <v>24474</v>
      </c>
      <c r="F7990" s="2" t="s">
        <v>24427</v>
      </c>
      <c r="G7990" s="8">
        <v>1669</v>
      </c>
      <c r="H7990" s="5">
        <v>20</v>
      </c>
      <c r="I7990" s="5" t="s">
        <v>69</v>
      </c>
      <c r="J7990" s="5" t="s">
        <v>24252</v>
      </c>
      <c r="K7990" s="2" t="s">
        <v>24253</v>
      </c>
      <c r="L7990" s="5" t="s">
        <v>24252</v>
      </c>
      <c r="M7990" s="2" t="s">
        <v>24253</v>
      </c>
      <c r="N7990" s="5" t="s">
        <v>24254</v>
      </c>
      <c r="O7990" s="5" t="s">
        <v>38</v>
      </c>
      <c r="P7990" s="5" t="s">
        <v>39</v>
      </c>
      <c r="Q7990" s="5" t="s">
        <v>40</v>
      </c>
      <c r="R7990" s="5" t="s">
        <v>1487</v>
      </c>
      <c r="S7990" s="5"/>
      <c r="T7990" s="5" t="s">
        <v>42</v>
      </c>
      <c r="U7990" s="2">
        <v>0</v>
      </c>
      <c r="V7990" s="2">
        <v>0</v>
      </c>
      <c r="W7990" s="2">
        <v>0</v>
      </c>
      <c r="X7990" s="2">
        <v>0</v>
      </c>
      <c r="Y7990" s="2">
        <v>0</v>
      </c>
      <c r="Z7990" s="2">
        <v>0</v>
      </c>
      <c r="AA7990" s="5"/>
      <c r="AB7990" s="5" t="s">
        <v>43</v>
      </c>
      <c r="AC7990" s="5" t="s">
        <v>44</v>
      </c>
      <c r="AD7990" s="2" t="s">
        <v>24428</v>
      </c>
      <c r="AE7990" s="1"/>
    </row>
    <row r="7991" spans="1:31" ht="14.45">
      <c r="A7991" s="11"/>
      <c r="B7991" s="20"/>
      <c r="C7991" s="2" t="s">
        <v>24475</v>
      </c>
      <c r="D7991" s="14" t="s">
        <v>24476</v>
      </c>
      <c r="E7991" s="2" t="s">
        <v>24477</v>
      </c>
      <c r="F7991" s="2" t="s">
        <v>24427</v>
      </c>
      <c r="G7991" s="8">
        <v>4288</v>
      </c>
      <c r="H7991" s="5">
        <v>20</v>
      </c>
      <c r="I7991" s="5" t="s">
        <v>69</v>
      </c>
      <c r="J7991" s="5" t="s">
        <v>24259</v>
      </c>
      <c r="K7991" s="2" t="s">
        <v>24260</v>
      </c>
      <c r="L7991" s="5" t="s">
        <v>24259</v>
      </c>
      <c r="M7991" s="2" t="s">
        <v>24260</v>
      </c>
      <c r="N7991" s="5" t="s">
        <v>24254</v>
      </c>
      <c r="O7991" s="5" t="s">
        <v>38</v>
      </c>
      <c r="P7991" s="5" t="s">
        <v>39</v>
      </c>
      <c r="Q7991" s="5" t="s">
        <v>40</v>
      </c>
      <c r="R7991" s="5" t="s">
        <v>1487</v>
      </c>
      <c r="S7991" s="5"/>
      <c r="T7991" s="5" t="s">
        <v>42</v>
      </c>
      <c r="U7991" s="2">
        <v>0</v>
      </c>
      <c r="V7991" s="2">
        <v>0</v>
      </c>
      <c r="W7991" s="2">
        <v>0</v>
      </c>
      <c r="X7991" s="2">
        <v>0</v>
      </c>
      <c r="Y7991" s="2">
        <v>0</v>
      </c>
      <c r="Z7991" s="2">
        <v>0</v>
      </c>
      <c r="AA7991" s="5"/>
      <c r="AB7991" s="5" t="s">
        <v>43</v>
      </c>
      <c r="AC7991" s="5" t="s">
        <v>44</v>
      </c>
      <c r="AD7991" s="2" t="s">
        <v>24432</v>
      </c>
      <c r="AE7991" s="1"/>
    </row>
    <row r="7992" spans="1:31" ht="14.45">
      <c r="A7992" s="11"/>
      <c r="B7992" s="20"/>
      <c r="C7992" s="2" t="s">
        <v>24478</v>
      </c>
      <c r="D7992" s="14" t="s">
        <v>24479</v>
      </c>
      <c r="E7992" s="2" t="s">
        <v>24480</v>
      </c>
      <c r="F7992" s="2" t="s">
        <v>24461</v>
      </c>
      <c r="G7992" s="8">
        <v>1669</v>
      </c>
      <c r="H7992" s="5">
        <v>20</v>
      </c>
      <c r="I7992" s="5" t="s">
        <v>69</v>
      </c>
      <c r="J7992" s="5" t="s">
        <v>24252</v>
      </c>
      <c r="K7992" s="2" t="s">
        <v>24253</v>
      </c>
      <c r="L7992" s="5" t="s">
        <v>24252</v>
      </c>
      <c r="M7992" s="2" t="s">
        <v>24253</v>
      </c>
      <c r="N7992" s="5" t="s">
        <v>24254</v>
      </c>
      <c r="O7992" s="5" t="s">
        <v>38</v>
      </c>
      <c r="P7992" s="5" t="s">
        <v>39</v>
      </c>
      <c r="Q7992" s="5" t="s">
        <v>40</v>
      </c>
      <c r="R7992" s="5" t="s">
        <v>1487</v>
      </c>
      <c r="S7992" s="5"/>
      <c r="T7992" s="5" t="s">
        <v>42</v>
      </c>
      <c r="U7992" s="2">
        <v>0</v>
      </c>
      <c r="V7992" s="2">
        <v>0</v>
      </c>
      <c r="W7992" s="2">
        <v>0</v>
      </c>
      <c r="X7992" s="2">
        <v>0</v>
      </c>
      <c r="Y7992" s="2">
        <v>0</v>
      </c>
      <c r="Z7992" s="2">
        <v>0</v>
      </c>
      <c r="AA7992" s="5"/>
      <c r="AB7992" s="5" t="s">
        <v>43</v>
      </c>
      <c r="AC7992" s="5" t="s">
        <v>44</v>
      </c>
      <c r="AD7992" s="2" t="s">
        <v>24462</v>
      </c>
      <c r="AE7992" s="1"/>
    </row>
    <row r="7993" spans="1:31" ht="14.45">
      <c r="A7993" s="11"/>
      <c r="B7993" s="20"/>
      <c r="C7993" s="2" t="s">
        <v>24481</v>
      </c>
      <c r="D7993" s="14" t="s">
        <v>24482</v>
      </c>
      <c r="E7993" s="2" t="s">
        <v>24483</v>
      </c>
      <c r="F7993" s="2" t="s">
        <v>24414</v>
      </c>
      <c r="G7993" s="8">
        <v>983</v>
      </c>
      <c r="H7993" s="5">
        <v>5</v>
      </c>
      <c r="I7993" s="5" t="s">
        <v>69</v>
      </c>
      <c r="J7993" s="5" t="s">
        <v>24252</v>
      </c>
      <c r="K7993" s="2" t="s">
        <v>24253</v>
      </c>
      <c r="L7993" s="5" t="s">
        <v>24252</v>
      </c>
      <c r="M7993" s="2" t="s">
        <v>24253</v>
      </c>
      <c r="N7993" s="5" t="s">
        <v>24254</v>
      </c>
      <c r="O7993" s="5" t="s">
        <v>38</v>
      </c>
      <c r="P7993" s="5" t="s">
        <v>39</v>
      </c>
      <c r="Q7993" s="5" t="s">
        <v>40</v>
      </c>
      <c r="R7993" s="5" t="s">
        <v>1487</v>
      </c>
      <c r="S7993" s="5"/>
      <c r="T7993" s="5" t="s">
        <v>42</v>
      </c>
      <c r="U7993" s="2">
        <v>0</v>
      </c>
      <c r="V7993" s="2">
        <v>0</v>
      </c>
      <c r="W7993" s="2">
        <v>0</v>
      </c>
      <c r="X7993" s="2">
        <v>0</v>
      </c>
      <c r="Y7993" s="2">
        <v>0</v>
      </c>
      <c r="Z7993" s="2">
        <v>0</v>
      </c>
      <c r="AA7993" s="5"/>
      <c r="AB7993" s="5" t="s">
        <v>43</v>
      </c>
      <c r="AC7993" s="5" t="s">
        <v>44</v>
      </c>
      <c r="AD7993" s="2" t="s">
        <v>24415</v>
      </c>
      <c r="AE7993" s="1"/>
    </row>
    <row r="7994" spans="1:31" ht="14.45">
      <c r="A7994" s="11"/>
      <c r="B7994" s="20"/>
      <c r="C7994" s="2" t="s">
        <v>24484</v>
      </c>
      <c r="D7994" s="14" t="s">
        <v>24485</v>
      </c>
      <c r="E7994" s="2" t="s">
        <v>24486</v>
      </c>
      <c r="F7994" s="2" t="s">
        <v>24414</v>
      </c>
      <c r="G7994" s="8">
        <v>2525</v>
      </c>
      <c r="H7994" s="5">
        <v>5</v>
      </c>
      <c r="I7994" s="5" t="s">
        <v>69</v>
      </c>
      <c r="J7994" s="5" t="s">
        <v>24259</v>
      </c>
      <c r="K7994" s="2" t="s">
        <v>24260</v>
      </c>
      <c r="L7994" s="5" t="s">
        <v>24259</v>
      </c>
      <c r="M7994" s="2" t="s">
        <v>24260</v>
      </c>
      <c r="N7994" s="5" t="s">
        <v>24254</v>
      </c>
      <c r="O7994" s="5" t="s">
        <v>38</v>
      </c>
      <c r="P7994" s="5" t="s">
        <v>39</v>
      </c>
      <c r="Q7994" s="5" t="s">
        <v>40</v>
      </c>
      <c r="R7994" s="5" t="s">
        <v>1487</v>
      </c>
      <c r="S7994" s="5"/>
      <c r="T7994" s="5" t="s">
        <v>42</v>
      </c>
      <c r="U7994" s="2">
        <v>0</v>
      </c>
      <c r="V7994" s="2">
        <v>0</v>
      </c>
      <c r="W7994" s="2">
        <v>0</v>
      </c>
      <c r="X7994" s="2">
        <v>0</v>
      </c>
      <c r="Y7994" s="2">
        <v>0</v>
      </c>
      <c r="Z7994" s="2">
        <v>0</v>
      </c>
      <c r="AA7994" s="5"/>
      <c r="AB7994" s="5" t="s">
        <v>43</v>
      </c>
      <c r="AC7994" s="5" t="s">
        <v>44</v>
      </c>
      <c r="AD7994" s="2" t="s">
        <v>24419</v>
      </c>
      <c r="AE7994" s="1"/>
    </row>
    <row r="7995" spans="1:31" ht="14.45">
      <c r="A7995" s="11"/>
      <c r="B7995" s="20"/>
      <c r="C7995" s="2" t="s">
        <v>24487</v>
      </c>
      <c r="D7995" s="14" t="s">
        <v>24488</v>
      </c>
      <c r="E7995" s="2" t="s">
        <v>24489</v>
      </c>
      <c r="F7995" s="2" t="s">
        <v>24414</v>
      </c>
      <c r="G7995" s="8">
        <v>2712</v>
      </c>
      <c r="H7995" s="5">
        <v>20</v>
      </c>
      <c r="I7995" s="5" t="s">
        <v>69</v>
      </c>
      <c r="J7995" s="5" t="s">
        <v>24259</v>
      </c>
      <c r="K7995" s="2" t="s">
        <v>24260</v>
      </c>
      <c r="L7995" s="5" t="s">
        <v>24259</v>
      </c>
      <c r="M7995" s="2" t="s">
        <v>24260</v>
      </c>
      <c r="N7995" s="5" t="s">
        <v>24254</v>
      </c>
      <c r="O7995" s="5" t="s">
        <v>38</v>
      </c>
      <c r="P7995" s="5" t="s">
        <v>39</v>
      </c>
      <c r="Q7995" s="5" t="s">
        <v>40</v>
      </c>
      <c r="R7995" s="5" t="s">
        <v>1487</v>
      </c>
      <c r="S7995" s="5"/>
      <c r="T7995" s="5" t="s">
        <v>42</v>
      </c>
      <c r="U7995" s="2">
        <v>0</v>
      </c>
      <c r="V7995" s="2">
        <v>0</v>
      </c>
      <c r="W7995" s="2">
        <v>0</v>
      </c>
      <c r="X7995" s="2">
        <v>0</v>
      </c>
      <c r="Y7995" s="2">
        <v>0</v>
      </c>
      <c r="Z7995" s="2">
        <v>0</v>
      </c>
      <c r="AA7995" s="5"/>
      <c r="AB7995" s="5" t="s">
        <v>43</v>
      </c>
      <c r="AC7995" s="5" t="s">
        <v>44</v>
      </c>
      <c r="AD7995" s="2" t="s">
        <v>24423</v>
      </c>
      <c r="AE7995" s="1"/>
    </row>
    <row r="7996" spans="1:31" ht="14.45">
      <c r="A7996" s="11"/>
      <c r="B7996" s="20"/>
      <c r="C7996" s="2" t="s">
        <v>24490</v>
      </c>
      <c r="D7996" s="14" t="s">
        <v>24491</v>
      </c>
      <c r="E7996" s="2" t="s">
        <v>24492</v>
      </c>
      <c r="F7996" s="2" t="s">
        <v>24427</v>
      </c>
      <c r="G7996" s="8">
        <v>1769</v>
      </c>
      <c r="H7996" s="5">
        <v>20</v>
      </c>
      <c r="I7996" s="5" t="s">
        <v>69</v>
      </c>
      <c r="J7996" s="5" t="s">
        <v>24252</v>
      </c>
      <c r="K7996" s="2" t="s">
        <v>24253</v>
      </c>
      <c r="L7996" s="5" t="s">
        <v>24252</v>
      </c>
      <c r="M7996" s="2" t="s">
        <v>24253</v>
      </c>
      <c r="N7996" s="5" t="s">
        <v>24254</v>
      </c>
      <c r="O7996" s="5" t="s">
        <v>38</v>
      </c>
      <c r="P7996" s="5" t="s">
        <v>39</v>
      </c>
      <c r="Q7996" s="5" t="s">
        <v>40</v>
      </c>
      <c r="R7996" s="5" t="s">
        <v>1487</v>
      </c>
      <c r="S7996" s="5"/>
      <c r="T7996" s="5" t="s">
        <v>42</v>
      </c>
      <c r="U7996" s="2">
        <v>0</v>
      </c>
      <c r="V7996" s="2">
        <v>0</v>
      </c>
      <c r="W7996" s="2">
        <v>0</v>
      </c>
      <c r="X7996" s="2">
        <v>0</v>
      </c>
      <c r="Y7996" s="2">
        <v>0</v>
      </c>
      <c r="Z7996" s="2">
        <v>0</v>
      </c>
      <c r="AA7996" s="5"/>
      <c r="AB7996" s="5" t="s">
        <v>43</v>
      </c>
      <c r="AC7996" s="5" t="s">
        <v>44</v>
      </c>
      <c r="AD7996" s="2" t="s">
        <v>24428</v>
      </c>
      <c r="AE7996" s="1"/>
    </row>
    <row r="7997" spans="1:31" ht="14.45">
      <c r="A7997" s="11"/>
      <c r="B7997" s="20"/>
      <c r="C7997" s="2" t="s">
        <v>24493</v>
      </c>
      <c r="D7997" s="14" t="s">
        <v>24494</v>
      </c>
      <c r="E7997" s="2" t="s">
        <v>24495</v>
      </c>
      <c r="F7997" s="2" t="s">
        <v>24427</v>
      </c>
      <c r="G7997" s="8">
        <v>4546</v>
      </c>
      <c r="H7997" s="5">
        <v>20</v>
      </c>
      <c r="I7997" s="5" t="s">
        <v>69</v>
      </c>
      <c r="J7997" s="5" t="s">
        <v>24259</v>
      </c>
      <c r="K7997" s="2" t="s">
        <v>24260</v>
      </c>
      <c r="L7997" s="5" t="s">
        <v>24259</v>
      </c>
      <c r="M7997" s="2" t="s">
        <v>24260</v>
      </c>
      <c r="N7997" s="5" t="s">
        <v>24254</v>
      </c>
      <c r="O7997" s="5" t="s">
        <v>38</v>
      </c>
      <c r="P7997" s="5" t="s">
        <v>39</v>
      </c>
      <c r="Q7997" s="5" t="s">
        <v>40</v>
      </c>
      <c r="R7997" s="5" t="s">
        <v>1487</v>
      </c>
      <c r="S7997" s="5"/>
      <c r="T7997" s="5" t="s">
        <v>42</v>
      </c>
      <c r="U7997" s="2">
        <v>0</v>
      </c>
      <c r="V7997" s="2">
        <v>0</v>
      </c>
      <c r="W7997" s="2">
        <v>0</v>
      </c>
      <c r="X7997" s="2">
        <v>0</v>
      </c>
      <c r="Y7997" s="2">
        <v>0</v>
      </c>
      <c r="Z7997" s="2">
        <v>0</v>
      </c>
      <c r="AA7997" s="5"/>
      <c r="AB7997" s="5" t="s">
        <v>43</v>
      </c>
      <c r="AC7997" s="5" t="s">
        <v>44</v>
      </c>
      <c r="AD7997" s="2" t="s">
        <v>24432</v>
      </c>
      <c r="AE7997" s="1"/>
    </row>
    <row r="7998" spans="1:31" ht="14.45">
      <c r="A7998" s="11"/>
      <c r="B7998" s="20"/>
      <c r="C7998" s="2" t="s">
        <v>24496</v>
      </c>
      <c r="D7998" s="14" t="s">
        <v>24497</v>
      </c>
      <c r="E7998" s="2" t="s">
        <v>24498</v>
      </c>
      <c r="F7998" s="2" t="s">
        <v>24414</v>
      </c>
      <c r="G7998" s="8">
        <v>1066</v>
      </c>
      <c r="H7998" s="5">
        <v>5</v>
      </c>
      <c r="I7998" s="5" t="s">
        <v>69</v>
      </c>
      <c r="J7998" s="5" t="s">
        <v>24252</v>
      </c>
      <c r="K7998" s="2" t="s">
        <v>24253</v>
      </c>
      <c r="L7998" s="5" t="s">
        <v>24252</v>
      </c>
      <c r="M7998" s="2" t="s">
        <v>24253</v>
      </c>
      <c r="N7998" s="5" t="s">
        <v>24254</v>
      </c>
      <c r="O7998" s="5" t="s">
        <v>38</v>
      </c>
      <c r="P7998" s="5" t="s">
        <v>39</v>
      </c>
      <c r="Q7998" s="5" t="s">
        <v>40</v>
      </c>
      <c r="R7998" s="5" t="s">
        <v>1487</v>
      </c>
      <c r="S7998" s="5"/>
      <c r="T7998" s="5" t="s">
        <v>42</v>
      </c>
      <c r="U7998" s="2">
        <v>0</v>
      </c>
      <c r="V7998" s="2">
        <v>0</v>
      </c>
      <c r="W7998" s="2">
        <v>0</v>
      </c>
      <c r="X7998" s="2">
        <v>0</v>
      </c>
      <c r="Y7998" s="2">
        <v>0</v>
      </c>
      <c r="Z7998" s="2">
        <v>0</v>
      </c>
      <c r="AA7998" s="5"/>
      <c r="AB7998" s="5" t="s">
        <v>43</v>
      </c>
      <c r="AC7998" s="5" t="s">
        <v>44</v>
      </c>
      <c r="AD7998" s="2" t="s">
        <v>24415</v>
      </c>
      <c r="AE7998" s="1"/>
    </row>
    <row r="7999" spans="1:31" ht="14.45">
      <c r="A7999" s="11"/>
      <c r="B7999" s="20"/>
      <c r="C7999" s="2" t="s">
        <v>24499</v>
      </c>
      <c r="D7999" s="14" t="s">
        <v>24500</v>
      </c>
      <c r="E7999" s="2" t="s">
        <v>24501</v>
      </c>
      <c r="F7999" s="2" t="s">
        <v>24414</v>
      </c>
      <c r="G7999" s="8">
        <v>2740</v>
      </c>
      <c r="H7999" s="5">
        <v>20</v>
      </c>
      <c r="I7999" s="5" t="s">
        <v>69</v>
      </c>
      <c r="J7999" s="5" t="s">
        <v>24259</v>
      </c>
      <c r="K7999" s="2" t="s">
        <v>24260</v>
      </c>
      <c r="L7999" s="5" t="s">
        <v>24259</v>
      </c>
      <c r="M7999" s="2" t="s">
        <v>24260</v>
      </c>
      <c r="N7999" s="5" t="s">
        <v>24254</v>
      </c>
      <c r="O7999" s="5" t="s">
        <v>38</v>
      </c>
      <c r="P7999" s="5" t="s">
        <v>39</v>
      </c>
      <c r="Q7999" s="5" t="s">
        <v>40</v>
      </c>
      <c r="R7999" s="5" t="s">
        <v>1487</v>
      </c>
      <c r="S7999" s="5"/>
      <c r="T7999" s="5" t="s">
        <v>42</v>
      </c>
      <c r="U7999" s="2">
        <v>0</v>
      </c>
      <c r="V7999" s="2">
        <v>0</v>
      </c>
      <c r="W7999" s="2">
        <v>0</v>
      </c>
      <c r="X7999" s="2">
        <v>0</v>
      </c>
      <c r="Y7999" s="2">
        <v>0</v>
      </c>
      <c r="Z7999" s="2">
        <v>0</v>
      </c>
      <c r="AA7999" s="5"/>
      <c r="AB7999" s="5" t="s">
        <v>43</v>
      </c>
      <c r="AC7999" s="5" t="s">
        <v>44</v>
      </c>
      <c r="AD7999" s="2" t="s">
        <v>24419</v>
      </c>
      <c r="AE7999" s="1"/>
    </row>
    <row r="8000" spans="1:31" ht="14.45">
      <c r="A8000" s="11"/>
      <c r="B8000" s="20"/>
      <c r="C8000" s="2" t="s">
        <v>24502</v>
      </c>
      <c r="D8000" s="14" t="s">
        <v>24503</v>
      </c>
      <c r="E8000" s="2" t="s">
        <v>24504</v>
      </c>
      <c r="F8000" s="2" t="s">
        <v>24414</v>
      </c>
      <c r="G8000" s="8">
        <v>2942</v>
      </c>
      <c r="H8000" s="5">
        <v>20</v>
      </c>
      <c r="I8000" s="5" t="s">
        <v>69</v>
      </c>
      <c r="J8000" s="5" t="s">
        <v>24259</v>
      </c>
      <c r="K8000" s="2" t="s">
        <v>24260</v>
      </c>
      <c r="L8000" s="5" t="s">
        <v>24259</v>
      </c>
      <c r="M8000" s="2" t="s">
        <v>24260</v>
      </c>
      <c r="N8000" s="5" t="s">
        <v>24254</v>
      </c>
      <c r="O8000" s="5" t="s">
        <v>38</v>
      </c>
      <c r="P8000" s="5" t="s">
        <v>39</v>
      </c>
      <c r="Q8000" s="5" t="s">
        <v>40</v>
      </c>
      <c r="R8000" s="5" t="s">
        <v>1487</v>
      </c>
      <c r="S8000" s="5"/>
      <c r="T8000" s="5" t="s">
        <v>42</v>
      </c>
      <c r="U8000" s="2">
        <v>0</v>
      </c>
      <c r="V8000" s="2">
        <v>0</v>
      </c>
      <c r="W8000" s="2">
        <v>0</v>
      </c>
      <c r="X8000" s="2">
        <v>0</v>
      </c>
      <c r="Y8000" s="2">
        <v>0</v>
      </c>
      <c r="Z8000" s="2">
        <v>0</v>
      </c>
      <c r="AA8000" s="5"/>
      <c r="AB8000" s="5" t="s">
        <v>43</v>
      </c>
      <c r="AC8000" s="5" t="s">
        <v>44</v>
      </c>
      <c r="AD8000" s="2" t="s">
        <v>24423</v>
      </c>
      <c r="AE8000" s="1"/>
    </row>
    <row r="8001" spans="1:31" ht="14.45">
      <c r="A8001" s="11"/>
      <c r="B8001" s="20"/>
      <c r="C8001" s="2" t="s">
        <v>24505</v>
      </c>
      <c r="D8001" s="14" t="s">
        <v>24506</v>
      </c>
      <c r="E8001" s="2" t="s">
        <v>24507</v>
      </c>
      <c r="F8001" s="2" t="s">
        <v>24414</v>
      </c>
      <c r="G8001" s="8">
        <v>927</v>
      </c>
      <c r="H8001" s="5">
        <v>20</v>
      </c>
      <c r="I8001" s="5" t="s">
        <v>69</v>
      </c>
      <c r="J8001" s="5" t="s">
        <v>24252</v>
      </c>
      <c r="K8001" s="2" t="s">
        <v>24253</v>
      </c>
      <c r="L8001" s="5" t="s">
        <v>24252</v>
      </c>
      <c r="M8001" s="2" t="s">
        <v>24253</v>
      </c>
      <c r="N8001" s="5" t="s">
        <v>24254</v>
      </c>
      <c r="O8001" s="5" t="s">
        <v>38</v>
      </c>
      <c r="P8001" s="5" t="s">
        <v>39</v>
      </c>
      <c r="Q8001" s="5" t="s">
        <v>40</v>
      </c>
      <c r="R8001" s="5" t="s">
        <v>24335</v>
      </c>
      <c r="S8001" s="5" t="s">
        <v>40</v>
      </c>
      <c r="T8001" s="5" t="s">
        <v>42</v>
      </c>
      <c r="U8001" s="2">
        <v>23.117000000000001</v>
      </c>
      <c r="V8001" s="2">
        <v>17.425000000000001</v>
      </c>
      <c r="W8001" s="2">
        <v>0.79600000000000004</v>
      </c>
      <c r="X8001" s="2">
        <v>42.3</v>
      </c>
      <c r="Y8001" s="2">
        <v>108.3</v>
      </c>
      <c r="Z8001" s="2">
        <v>173.8</v>
      </c>
      <c r="AA8001" s="5">
        <v>3</v>
      </c>
      <c r="AB8001" s="5" t="s">
        <v>43</v>
      </c>
      <c r="AC8001" s="5" t="s">
        <v>44</v>
      </c>
      <c r="AD8001" s="2" t="s">
        <v>24508</v>
      </c>
      <c r="AE8001" s="1"/>
    </row>
    <row r="8002" spans="1:31" ht="14.45">
      <c r="A8002" s="11"/>
      <c r="B8002" s="20"/>
      <c r="C8002" s="2" t="s">
        <v>24509</v>
      </c>
      <c r="D8002" s="14" t="s">
        <v>24510</v>
      </c>
      <c r="E8002" s="2" t="s">
        <v>24511</v>
      </c>
      <c r="F8002" s="2" t="s">
        <v>24427</v>
      </c>
      <c r="G8002" s="8">
        <v>1080</v>
      </c>
      <c r="H8002" s="5">
        <v>20</v>
      </c>
      <c r="I8002" s="5" t="s">
        <v>69</v>
      </c>
      <c r="J8002" s="5" t="s">
        <v>24252</v>
      </c>
      <c r="K8002" s="2" t="s">
        <v>24253</v>
      </c>
      <c r="L8002" s="5" t="s">
        <v>24252</v>
      </c>
      <c r="M8002" s="2" t="s">
        <v>24253</v>
      </c>
      <c r="N8002" s="5" t="s">
        <v>24254</v>
      </c>
      <c r="O8002" s="5" t="s">
        <v>38</v>
      </c>
      <c r="P8002" s="5" t="s">
        <v>39</v>
      </c>
      <c r="Q8002" s="5" t="s">
        <v>40</v>
      </c>
      <c r="R8002" s="5" t="s">
        <v>24335</v>
      </c>
      <c r="S8002" s="5" t="s">
        <v>40</v>
      </c>
      <c r="T8002" s="5" t="s">
        <v>42</v>
      </c>
      <c r="U8002" s="2">
        <v>40.353999999999999</v>
      </c>
      <c r="V8002" s="2">
        <v>34.664999999999999</v>
      </c>
      <c r="W8002" s="2">
        <v>0.79600000000000004</v>
      </c>
      <c r="X8002" s="2">
        <v>42.3</v>
      </c>
      <c r="Y8002" s="2">
        <v>108.3</v>
      </c>
      <c r="Z8002" s="2">
        <v>173.8</v>
      </c>
      <c r="AA8002" s="5">
        <v>3</v>
      </c>
      <c r="AB8002" s="5" t="s">
        <v>43</v>
      </c>
      <c r="AC8002" s="5" t="s">
        <v>44</v>
      </c>
      <c r="AD8002" s="2" t="s">
        <v>24512</v>
      </c>
      <c r="AE8002" s="1"/>
    </row>
    <row r="8003" spans="1:31" ht="14.45">
      <c r="A8003" s="11"/>
      <c r="B8003" s="20"/>
      <c r="C8003" s="2" t="s">
        <v>24513</v>
      </c>
      <c r="D8003" s="14" t="s">
        <v>24514</v>
      </c>
      <c r="E8003" s="2" t="s">
        <v>24515</v>
      </c>
      <c r="F8003" s="2" t="s">
        <v>24414</v>
      </c>
      <c r="G8003" s="8">
        <v>1020</v>
      </c>
      <c r="H8003" s="5">
        <v>5</v>
      </c>
      <c r="I8003" s="5" t="s">
        <v>69</v>
      </c>
      <c r="J8003" s="5" t="s">
        <v>24252</v>
      </c>
      <c r="K8003" s="2" t="s">
        <v>24253</v>
      </c>
      <c r="L8003" s="5" t="s">
        <v>24252</v>
      </c>
      <c r="M8003" s="2" t="s">
        <v>24253</v>
      </c>
      <c r="N8003" s="5" t="s">
        <v>24254</v>
      </c>
      <c r="O8003" s="5" t="s">
        <v>38</v>
      </c>
      <c r="P8003" s="5" t="s">
        <v>39</v>
      </c>
      <c r="Q8003" s="5" t="s">
        <v>40</v>
      </c>
      <c r="R8003" s="5" t="s">
        <v>1487</v>
      </c>
      <c r="S8003" s="5"/>
      <c r="T8003" s="5" t="s">
        <v>42</v>
      </c>
      <c r="U8003" s="2">
        <v>0</v>
      </c>
      <c r="V8003" s="2">
        <v>0</v>
      </c>
      <c r="W8003" s="2">
        <v>0</v>
      </c>
      <c r="X8003" s="2">
        <v>0</v>
      </c>
      <c r="Y8003" s="2">
        <v>0</v>
      </c>
      <c r="Z8003" s="2">
        <v>0</v>
      </c>
      <c r="AA8003" s="5"/>
      <c r="AB8003" s="5" t="s">
        <v>43</v>
      </c>
      <c r="AC8003" s="5" t="s">
        <v>44</v>
      </c>
      <c r="AD8003" s="2" t="s">
        <v>24415</v>
      </c>
      <c r="AE8003" s="1"/>
    </row>
    <row r="8004" spans="1:31" ht="14.45">
      <c r="A8004" s="11"/>
      <c r="B8004" s="20"/>
      <c r="C8004" s="2" t="s">
        <v>24516</v>
      </c>
      <c r="D8004" s="14" t="s">
        <v>24517</v>
      </c>
      <c r="E8004" s="2" t="s">
        <v>24518</v>
      </c>
      <c r="F8004" s="2" t="s">
        <v>24414</v>
      </c>
      <c r="G8004" s="8">
        <v>2621</v>
      </c>
      <c r="H8004" s="5">
        <v>20</v>
      </c>
      <c r="I8004" s="5" t="s">
        <v>69</v>
      </c>
      <c r="J8004" s="5" t="s">
        <v>24259</v>
      </c>
      <c r="K8004" s="2" t="s">
        <v>24260</v>
      </c>
      <c r="L8004" s="5" t="s">
        <v>24259</v>
      </c>
      <c r="M8004" s="2" t="s">
        <v>24260</v>
      </c>
      <c r="N8004" s="5" t="s">
        <v>24254</v>
      </c>
      <c r="O8004" s="5" t="s">
        <v>38</v>
      </c>
      <c r="P8004" s="5" t="s">
        <v>39</v>
      </c>
      <c r="Q8004" s="5" t="s">
        <v>40</v>
      </c>
      <c r="R8004" s="5" t="s">
        <v>1487</v>
      </c>
      <c r="S8004" s="5"/>
      <c r="T8004" s="5" t="s">
        <v>42</v>
      </c>
      <c r="U8004" s="2">
        <v>0</v>
      </c>
      <c r="V8004" s="2">
        <v>0</v>
      </c>
      <c r="W8004" s="2">
        <v>0</v>
      </c>
      <c r="X8004" s="2">
        <v>0</v>
      </c>
      <c r="Y8004" s="2">
        <v>0</v>
      </c>
      <c r="Z8004" s="2">
        <v>0</v>
      </c>
      <c r="AA8004" s="5"/>
      <c r="AB8004" s="5" t="s">
        <v>43</v>
      </c>
      <c r="AC8004" s="5" t="s">
        <v>44</v>
      </c>
      <c r="AD8004" s="2" t="s">
        <v>24419</v>
      </c>
      <c r="AE8004" s="1"/>
    </row>
    <row r="8005" spans="1:31" ht="14.45">
      <c r="A8005" s="11"/>
      <c r="B8005" s="20"/>
      <c r="C8005" s="2" t="s">
        <v>24519</v>
      </c>
      <c r="D8005" s="14" t="s">
        <v>24520</v>
      </c>
      <c r="E8005" s="2" t="s">
        <v>24521</v>
      </c>
      <c r="F8005" s="2" t="s">
        <v>24427</v>
      </c>
      <c r="G8005" s="8">
        <v>1835</v>
      </c>
      <c r="H8005" s="5">
        <v>20</v>
      </c>
      <c r="I8005" s="5" t="s">
        <v>69</v>
      </c>
      <c r="J8005" s="5" t="s">
        <v>24252</v>
      </c>
      <c r="K8005" s="2" t="s">
        <v>24253</v>
      </c>
      <c r="L8005" s="5" t="s">
        <v>24252</v>
      </c>
      <c r="M8005" s="2" t="s">
        <v>24253</v>
      </c>
      <c r="N8005" s="5" t="s">
        <v>24254</v>
      </c>
      <c r="O8005" s="5" t="s">
        <v>38</v>
      </c>
      <c r="P8005" s="5" t="s">
        <v>39</v>
      </c>
      <c r="Q8005" s="5" t="s">
        <v>40</v>
      </c>
      <c r="R8005" s="5" t="s">
        <v>1487</v>
      </c>
      <c r="S8005" s="5"/>
      <c r="T8005" s="5" t="s">
        <v>42</v>
      </c>
      <c r="U8005" s="2">
        <v>0</v>
      </c>
      <c r="V8005" s="2">
        <v>0</v>
      </c>
      <c r="W8005" s="2">
        <v>0</v>
      </c>
      <c r="X8005" s="2">
        <v>0</v>
      </c>
      <c r="Y8005" s="2">
        <v>0</v>
      </c>
      <c r="Z8005" s="2">
        <v>0</v>
      </c>
      <c r="AA8005" s="5"/>
      <c r="AB8005" s="5" t="s">
        <v>43</v>
      </c>
      <c r="AC8005" s="5" t="s">
        <v>44</v>
      </c>
      <c r="AD8005" s="2" t="s">
        <v>24428</v>
      </c>
      <c r="AE8005" s="1"/>
    </row>
    <row r="8006" spans="1:31" ht="14.45">
      <c r="A8006" s="11"/>
      <c r="B8006" s="20"/>
      <c r="C8006" s="2" t="s">
        <v>24522</v>
      </c>
      <c r="D8006" s="14" t="s">
        <v>24523</v>
      </c>
      <c r="E8006" s="2" t="s">
        <v>24524</v>
      </c>
      <c r="F8006" s="2" t="s">
        <v>24414</v>
      </c>
      <c r="G8006" s="8">
        <v>1038</v>
      </c>
      <c r="H8006" s="5">
        <v>5</v>
      </c>
      <c r="I8006" s="5" t="s">
        <v>69</v>
      </c>
      <c r="J8006" s="5" t="s">
        <v>24252</v>
      </c>
      <c r="K8006" s="2" t="s">
        <v>24253</v>
      </c>
      <c r="L8006" s="5" t="s">
        <v>24252</v>
      </c>
      <c r="M8006" s="2" t="s">
        <v>24253</v>
      </c>
      <c r="N8006" s="5" t="s">
        <v>24254</v>
      </c>
      <c r="O8006" s="5" t="s">
        <v>38</v>
      </c>
      <c r="P8006" s="5" t="s">
        <v>39</v>
      </c>
      <c r="Q8006" s="5" t="s">
        <v>40</v>
      </c>
      <c r="R8006" s="5" t="s">
        <v>1487</v>
      </c>
      <c r="S8006" s="5"/>
      <c r="T8006" s="5" t="s">
        <v>42</v>
      </c>
      <c r="U8006" s="2">
        <v>0</v>
      </c>
      <c r="V8006" s="2">
        <v>0</v>
      </c>
      <c r="W8006" s="2">
        <v>0</v>
      </c>
      <c r="X8006" s="2">
        <v>0</v>
      </c>
      <c r="Y8006" s="2">
        <v>0</v>
      </c>
      <c r="Z8006" s="2">
        <v>0</v>
      </c>
      <c r="AA8006" s="5"/>
      <c r="AB8006" s="5" t="s">
        <v>43</v>
      </c>
      <c r="AC8006" s="5" t="s">
        <v>44</v>
      </c>
      <c r="AD8006" s="2" t="s">
        <v>24415</v>
      </c>
      <c r="AE8006" s="1"/>
    </row>
    <row r="8007" spans="1:31" ht="14.45">
      <c r="A8007" s="11"/>
      <c r="B8007" s="20"/>
      <c r="C8007" s="2" t="s">
        <v>24525</v>
      </c>
      <c r="D8007" s="14" t="s">
        <v>24526</v>
      </c>
      <c r="E8007" s="2" t="s">
        <v>24527</v>
      </c>
      <c r="F8007" s="2" t="s">
        <v>24414</v>
      </c>
      <c r="G8007" s="8">
        <v>2668</v>
      </c>
      <c r="H8007" s="5">
        <v>5</v>
      </c>
      <c r="I8007" s="5" t="s">
        <v>69</v>
      </c>
      <c r="J8007" s="5" t="s">
        <v>24259</v>
      </c>
      <c r="K8007" s="2" t="s">
        <v>24260</v>
      </c>
      <c r="L8007" s="5" t="s">
        <v>24259</v>
      </c>
      <c r="M8007" s="2" t="s">
        <v>24260</v>
      </c>
      <c r="N8007" s="5" t="s">
        <v>24254</v>
      </c>
      <c r="O8007" s="5" t="s">
        <v>38</v>
      </c>
      <c r="P8007" s="5" t="s">
        <v>39</v>
      </c>
      <c r="Q8007" s="5" t="s">
        <v>40</v>
      </c>
      <c r="R8007" s="5" t="s">
        <v>1487</v>
      </c>
      <c r="S8007" s="5"/>
      <c r="T8007" s="5" t="s">
        <v>42</v>
      </c>
      <c r="U8007" s="2">
        <v>0</v>
      </c>
      <c r="V8007" s="2">
        <v>0</v>
      </c>
      <c r="W8007" s="2">
        <v>0</v>
      </c>
      <c r="X8007" s="2">
        <v>0</v>
      </c>
      <c r="Y8007" s="2">
        <v>0</v>
      </c>
      <c r="Z8007" s="2">
        <v>0</v>
      </c>
      <c r="AA8007" s="5"/>
      <c r="AB8007" s="5" t="s">
        <v>43</v>
      </c>
      <c r="AC8007" s="5" t="s">
        <v>44</v>
      </c>
      <c r="AD8007" s="2" t="s">
        <v>24419</v>
      </c>
      <c r="AE8007" s="1"/>
    </row>
    <row r="8008" spans="1:31" ht="14.45">
      <c r="A8008" s="11"/>
      <c r="B8008" s="20"/>
      <c r="C8008" s="2" t="s">
        <v>24528</v>
      </c>
      <c r="D8008" s="14" t="s">
        <v>24529</v>
      </c>
      <c r="E8008" s="2" t="s">
        <v>24530</v>
      </c>
      <c r="F8008" s="2" t="s">
        <v>24427</v>
      </c>
      <c r="G8008" s="8">
        <v>1869</v>
      </c>
      <c r="H8008" s="5">
        <v>20</v>
      </c>
      <c r="I8008" s="5" t="s">
        <v>69</v>
      </c>
      <c r="J8008" s="5" t="s">
        <v>24252</v>
      </c>
      <c r="K8008" s="2" t="s">
        <v>24253</v>
      </c>
      <c r="L8008" s="5" t="s">
        <v>24252</v>
      </c>
      <c r="M8008" s="2" t="s">
        <v>24253</v>
      </c>
      <c r="N8008" s="5" t="s">
        <v>24254</v>
      </c>
      <c r="O8008" s="5" t="s">
        <v>38</v>
      </c>
      <c r="P8008" s="5" t="s">
        <v>39</v>
      </c>
      <c r="Q8008" s="5" t="s">
        <v>40</v>
      </c>
      <c r="R8008" s="5" t="s">
        <v>1487</v>
      </c>
      <c r="S8008" s="5"/>
      <c r="T8008" s="5" t="s">
        <v>42</v>
      </c>
      <c r="U8008" s="2">
        <v>0</v>
      </c>
      <c r="V8008" s="2">
        <v>0</v>
      </c>
      <c r="W8008" s="2">
        <v>0</v>
      </c>
      <c r="X8008" s="2">
        <v>0</v>
      </c>
      <c r="Y8008" s="2">
        <v>0</v>
      </c>
      <c r="Z8008" s="2">
        <v>0</v>
      </c>
      <c r="AA8008" s="5"/>
      <c r="AB8008" s="5" t="s">
        <v>43</v>
      </c>
      <c r="AC8008" s="5" t="s">
        <v>44</v>
      </c>
      <c r="AD8008" s="2" t="s">
        <v>24428</v>
      </c>
      <c r="AE8008" s="1"/>
    </row>
    <row r="8009" spans="1:31" ht="14.45">
      <c r="A8009" s="11"/>
      <c r="B8009" s="20"/>
      <c r="C8009" s="2" t="s">
        <v>24531</v>
      </c>
      <c r="D8009" s="14" t="s">
        <v>24532</v>
      </c>
      <c r="E8009" s="2" t="s">
        <v>24533</v>
      </c>
      <c r="F8009" s="2" t="s">
        <v>24414</v>
      </c>
      <c r="G8009" s="8">
        <v>1094</v>
      </c>
      <c r="H8009" s="5">
        <v>20</v>
      </c>
      <c r="I8009" s="5" t="s">
        <v>69</v>
      </c>
      <c r="J8009" s="5" t="s">
        <v>24252</v>
      </c>
      <c r="K8009" s="2" t="s">
        <v>24253</v>
      </c>
      <c r="L8009" s="5" t="s">
        <v>24252</v>
      </c>
      <c r="M8009" s="2" t="s">
        <v>24253</v>
      </c>
      <c r="N8009" s="5" t="s">
        <v>24254</v>
      </c>
      <c r="O8009" s="5" t="s">
        <v>38</v>
      </c>
      <c r="P8009" s="5" t="s">
        <v>39</v>
      </c>
      <c r="Q8009" s="5" t="s">
        <v>40</v>
      </c>
      <c r="R8009" s="5" t="s">
        <v>1487</v>
      </c>
      <c r="S8009" s="5"/>
      <c r="T8009" s="5" t="s">
        <v>42</v>
      </c>
      <c r="U8009" s="2">
        <v>0</v>
      </c>
      <c r="V8009" s="2">
        <v>0</v>
      </c>
      <c r="W8009" s="2">
        <v>0</v>
      </c>
      <c r="X8009" s="2">
        <v>0</v>
      </c>
      <c r="Y8009" s="2">
        <v>0</v>
      </c>
      <c r="Z8009" s="2">
        <v>0</v>
      </c>
      <c r="AA8009" s="5"/>
      <c r="AB8009" s="5" t="s">
        <v>43</v>
      </c>
      <c r="AC8009" s="5" t="s">
        <v>44</v>
      </c>
      <c r="AD8009" s="2" t="s">
        <v>24415</v>
      </c>
      <c r="AE8009" s="1"/>
    </row>
    <row r="8010" spans="1:31" ht="14.45">
      <c r="A8010" s="11"/>
      <c r="B8010" s="20"/>
      <c r="C8010" s="2" t="s">
        <v>24534</v>
      </c>
      <c r="D8010" s="14" t="s">
        <v>24535</v>
      </c>
      <c r="E8010" s="2" t="s">
        <v>24536</v>
      </c>
      <c r="F8010" s="2" t="s">
        <v>24414</v>
      </c>
      <c r="G8010" s="8">
        <v>2811</v>
      </c>
      <c r="H8010" s="5">
        <v>20</v>
      </c>
      <c r="I8010" s="5" t="s">
        <v>69</v>
      </c>
      <c r="J8010" s="5" t="s">
        <v>24259</v>
      </c>
      <c r="K8010" s="2" t="s">
        <v>24260</v>
      </c>
      <c r="L8010" s="5" t="s">
        <v>24259</v>
      </c>
      <c r="M8010" s="2" t="s">
        <v>24260</v>
      </c>
      <c r="N8010" s="5" t="s">
        <v>24254</v>
      </c>
      <c r="O8010" s="5" t="s">
        <v>38</v>
      </c>
      <c r="P8010" s="5" t="s">
        <v>39</v>
      </c>
      <c r="Q8010" s="5" t="s">
        <v>40</v>
      </c>
      <c r="R8010" s="5" t="s">
        <v>1487</v>
      </c>
      <c r="S8010" s="5"/>
      <c r="T8010" s="5" t="s">
        <v>42</v>
      </c>
      <c r="U8010" s="2">
        <v>0</v>
      </c>
      <c r="V8010" s="2">
        <v>0</v>
      </c>
      <c r="W8010" s="2">
        <v>0</v>
      </c>
      <c r="X8010" s="2">
        <v>0</v>
      </c>
      <c r="Y8010" s="2">
        <v>0</v>
      </c>
      <c r="Z8010" s="2">
        <v>0</v>
      </c>
      <c r="AA8010" s="5"/>
      <c r="AB8010" s="5" t="s">
        <v>43</v>
      </c>
      <c r="AC8010" s="5" t="s">
        <v>44</v>
      </c>
      <c r="AD8010" s="2" t="s">
        <v>24419</v>
      </c>
      <c r="AE8010" s="1"/>
    </row>
    <row r="8011" spans="1:31" ht="14.45">
      <c r="A8011" s="11"/>
      <c r="B8011" s="20"/>
      <c r="C8011" s="2" t="s">
        <v>24537</v>
      </c>
      <c r="D8011" s="14" t="s">
        <v>24538</v>
      </c>
      <c r="E8011" s="2" t="s">
        <v>24539</v>
      </c>
      <c r="F8011" s="2" t="s">
        <v>24427</v>
      </c>
      <c r="G8011" s="8">
        <v>1969</v>
      </c>
      <c r="H8011" s="5">
        <v>20</v>
      </c>
      <c r="I8011" s="5" t="s">
        <v>69</v>
      </c>
      <c r="J8011" s="5" t="s">
        <v>24252</v>
      </c>
      <c r="K8011" s="2" t="s">
        <v>24253</v>
      </c>
      <c r="L8011" s="5" t="s">
        <v>24252</v>
      </c>
      <c r="M8011" s="2" t="s">
        <v>24253</v>
      </c>
      <c r="N8011" s="5" t="s">
        <v>24254</v>
      </c>
      <c r="O8011" s="5" t="s">
        <v>38</v>
      </c>
      <c r="P8011" s="5" t="s">
        <v>39</v>
      </c>
      <c r="Q8011" s="5" t="s">
        <v>40</v>
      </c>
      <c r="R8011" s="5" t="s">
        <v>1487</v>
      </c>
      <c r="S8011" s="5"/>
      <c r="T8011" s="5" t="s">
        <v>42</v>
      </c>
      <c r="U8011" s="2">
        <v>0</v>
      </c>
      <c r="V8011" s="2">
        <v>0</v>
      </c>
      <c r="W8011" s="2">
        <v>0</v>
      </c>
      <c r="X8011" s="2">
        <v>0</v>
      </c>
      <c r="Y8011" s="2">
        <v>0</v>
      </c>
      <c r="Z8011" s="2">
        <v>0</v>
      </c>
      <c r="AA8011" s="5"/>
      <c r="AB8011" s="5" t="s">
        <v>43</v>
      </c>
      <c r="AC8011" s="5" t="s">
        <v>44</v>
      </c>
      <c r="AD8011" s="2" t="s">
        <v>24428</v>
      </c>
      <c r="AE8011" s="1"/>
    </row>
    <row r="8012" spans="1:31" ht="14.45">
      <c r="A8012" s="11"/>
      <c r="B8012" s="20"/>
      <c r="C8012" s="2" t="s">
        <v>24540</v>
      </c>
      <c r="D8012" s="14" t="s">
        <v>24541</v>
      </c>
      <c r="E8012" s="2" t="s">
        <v>24542</v>
      </c>
      <c r="F8012" s="2" t="s">
        <v>24427</v>
      </c>
      <c r="G8012" s="8">
        <v>5060</v>
      </c>
      <c r="H8012" s="5">
        <v>20</v>
      </c>
      <c r="I8012" s="5" t="s">
        <v>69</v>
      </c>
      <c r="J8012" s="5" t="s">
        <v>24259</v>
      </c>
      <c r="K8012" s="2" t="s">
        <v>24260</v>
      </c>
      <c r="L8012" s="5" t="s">
        <v>24259</v>
      </c>
      <c r="M8012" s="2" t="s">
        <v>24260</v>
      </c>
      <c r="N8012" s="5" t="s">
        <v>24254</v>
      </c>
      <c r="O8012" s="5" t="s">
        <v>38</v>
      </c>
      <c r="P8012" s="5" t="s">
        <v>39</v>
      </c>
      <c r="Q8012" s="5" t="s">
        <v>40</v>
      </c>
      <c r="R8012" s="5" t="s">
        <v>1487</v>
      </c>
      <c r="S8012" s="5"/>
      <c r="T8012" s="5" t="s">
        <v>42</v>
      </c>
      <c r="U8012" s="2">
        <v>0</v>
      </c>
      <c r="V8012" s="2">
        <v>0</v>
      </c>
      <c r="W8012" s="2">
        <v>0</v>
      </c>
      <c r="X8012" s="2">
        <v>0</v>
      </c>
      <c r="Y8012" s="2">
        <v>0</v>
      </c>
      <c r="Z8012" s="2">
        <v>0</v>
      </c>
      <c r="AA8012" s="5"/>
      <c r="AB8012" s="5" t="s">
        <v>43</v>
      </c>
      <c r="AC8012" s="5" t="s">
        <v>44</v>
      </c>
      <c r="AD8012" s="2" t="s">
        <v>24432</v>
      </c>
      <c r="AE8012" s="1"/>
    </row>
    <row r="8013" spans="1:31" ht="14.45">
      <c r="A8013" s="11"/>
      <c r="B8013" s="20"/>
      <c r="C8013" s="2" t="s">
        <v>24543</v>
      </c>
      <c r="D8013" s="14" t="s">
        <v>24544</v>
      </c>
      <c r="E8013" s="2" t="s">
        <v>24545</v>
      </c>
      <c r="F8013" s="2" t="s">
        <v>24414</v>
      </c>
      <c r="G8013" s="8">
        <v>992</v>
      </c>
      <c r="H8013" s="5">
        <v>5</v>
      </c>
      <c r="I8013" s="5" t="s">
        <v>69</v>
      </c>
      <c r="J8013" s="5" t="s">
        <v>24252</v>
      </c>
      <c r="K8013" s="2" t="s">
        <v>24253</v>
      </c>
      <c r="L8013" s="5" t="s">
        <v>24252</v>
      </c>
      <c r="M8013" s="2" t="s">
        <v>24253</v>
      </c>
      <c r="N8013" s="5" t="s">
        <v>24254</v>
      </c>
      <c r="O8013" s="5" t="s">
        <v>38</v>
      </c>
      <c r="P8013" s="5" t="s">
        <v>39</v>
      </c>
      <c r="Q8013" s="5" t="s">
        <v>40</v>
      </c>
      <c r="R8013" s="5" t="s">
        <v>24335</v>
      </c>
      <c r="S8013" s="5" t="s">
        <v>40</v>
      </c>
      <c r="T8013" s="5" t="s">
        <v>42</v>
      </c>
      <c r="U8013" s="2">
        <v>23.956</v>
      </c>
      <c r="V8013" s="2">
        <v>18.263999999999999</v>
      </c>
      <c r="W8013" s="2">
        <v>0.79600000000000004</v>
      </c>
      <c r="X8013" s="2">
        <v>42.3</v>
      </c>
      <c r="Y8013" s="2">
        <v>108.3</v>
      </c>
      <c r="Z8013" s="2">
        <v>173.8</v>
      </c>
      <c r="AA8013" s="5">
        <v>3</v>
      </c>
      <c r="AB8013" s="5" t="s">
        <v>43</v>
      </c>
      <c r="AC8013" s="5" t="s">
        <v>44</v>
      </c>
      <c r="AD8013" s="2" t="s">
        <v>24508</v>
      </c>
      <c r="AE8013" s="1"/>
    </row>
    <row r="8014" spans="1:31" ht="14.45">
      <c r="A8014" s="11"/>
      <c r="B8014" s="20"/>
      <c r="C8014" s="2" t="s">
        <v>24546</v>
      </c>
      <c r="D8014" s="14" t="s">
        <v>24547</v>
      </c>
      <c r="E8014" s="2" t="s">
        <v>24548</v>
      </c>
      <c r="F8014" s="2" t="s">
        <v>24427</v>
      </c>
      <c r="G8014" s="8">
        <v>1156</v>
      </c>
      <c r="H8014" s="5">
        <v>20</v>
      </c>
      <c r="I8014" s="5" t="s">
        <v>69</v>
      </c>
      <c r="J8014" s="5" t="s">
        <v>24252</v>
      </c>
      <c r="K8014" s="2" t="s">
        <v>24253</v>
      </c>
      <c r="L8014" s="5" t="s">
        <v>24252</v>
      </c>
      <c r="M8014" s="2" t="s">
        <v>24253</v>
      </c>
      <c r="N8014" s="5" t="s">
        <v>24254</v>
      </c>
      <c r="O8014" s="5" t="s">
        <v>38</v>
      </c>
      <c r="P8014" s="5" t="s">
        <v>39</v>
      </c>
      <c r="Q8014" s="5" t="s">
        <v>40</v>
      </c>
      <c r="R8014" s="5" t="s">
        <v>24340</v>
      </c>
      <c r="S8014" s="5" t="s">
        <v>40</v>
      </c>
      <c r="T8014" s="5" t="s">
        <v>42</v>
      </c>
      <c r="U8014" s="2">
        <v>42.055999999999997</v>
      </c>
      <c r="V8014" s="2">
        <v>36.366999999999997</v>
      </c>
      <c r="W8014" s="2">
        <v>0.79600000000000004</v>
      </c>
      <c r="X8014" s="2">
        <v>42.3</v>
      </c>
      <c r="Y8014" s="2">
        <v>108.3</v>
      </c>
      <c r="Z8014" s="2">
        <v>173.8</v>
      </c>
      <c r="AA8014" s="5">
        <v>3</v>
      </c>
      <c r="AB8014" s="5" t="s">
        <v>43</v>
      </c>
      <c r="AC8014" s="5" t="s">
        <v>44</v>
      </c>
      <c r="AD8014" s="2" t="s">
        <v>24512</v>
      </c>
      <c r="AE8014" s="1"/>
    </row>
    <row r="8015" spans="1:31" ht="14.45">
      <c r="A8015" s="11"/>
      <c r="B8015" s="20"/>
      <c r="C8015" s="2" t="s">
        <v>24549</v>
      </c>
      <c r="D8015" s="14" t="s">
        <v>24550</v>
      </c>
      <c r="E8015" s="2" t="s">
        <v>24551</v>
      </c>
      <c r="F8015" s="2" t="s">
        <v>24414</v>
      </c>
      <c r="G8015" s="8">
        <v>1029</v>
      </c>
      <c r="H8015" s="5">
        <v>5</v>
      </c>
      <c r="I8015" s="5" t="s">
        <v>69</v>
      </c>
      <c r="J8015" s="5" t="s">
        <v>24252</v>
      </c>
      <c r="K8015" s="2" t="s">
        <v>24253</v>
      </c>
      <c r="L8015" s="5" t="s">
        <v>24252</v>
      </c>
      <c r="M8015" s="2" t="s">
        <v>24253</v>
      </c>
      <c r="N8015" s="5" t="s">
        <v>24254</v>
      </c>
      <c r="O8015" s="5" t="s">
        <v>38</v>
      </c>
      <c r="P8015" s="5" t="s">
        <v>39</v>
      </c>
      <c r="Q8015" s="5" t="s">
        <v>40</v>
      </c>
      <c r="R8015" s="5" t="s">
        <v>1487</v>
      </c>
      <c r="S8015" s="5"/>
      <c r="T8015" s="5" t="s">
        <v>42</v>
      </c>
      <c r="U8015" s="2">
        <v>0</v>
      </c>
      <c r="V8015" s="2">
        <v>0</v>
      </c>
      <c r="W8015" s="2">
        <v>0</v>
      </c>
      <c r="X8015" s="2">
        <v>0</v>
      </c>
      <c r="Y8015" s="2">
        <v>0</v>
      </c>
      <c r="Z8015" s="2">
        <v>0</v>
      </c>
      <c r="AA8015" s="5"/>
      <c r="AB8015" s="5" t="s">
        <v>43</v>
      </c>
      <c r="AC8015" s="5" t="s">
        <v>44</v>
      </c>
      <c r="AD8015" s="2" t="s">
        <v>24415</v>
      </c>
      <c r="AE8015" s="1"/>
    </row>
    <row r="8016" spans="1:31" ht="14.45">
      <c r="A8016" s="11"/>
      <c r="B8016" s="20"/>
      <c r="C8016" s="2" t="s">
        <v>24552</v>
      </c>
      <c r="D8016" s="14" t="s">
        <v>24553</v>
      </c>
      <c r="E8016" s="2" t="s">
        <v>24554</v>
      </c>
      <c r="F8016" s="2" t="s">
        <v>24414</v>
      </c>
      <c r="G8016" s="8">
        <v>2644</v>
      </c>
      <c r="H8016" s="5">
        <v>20</v>
      </c>
      <c r="I8016" s="5" t="s">
        <v>69</v>
      </c>
      <c r="J8016" s="5" t="s">
        <v>24259</v>
      </c>
      <c r="K8016" s="2" t="s">
        <v>24260</v>
      </c>
      <c r="L8016" s="5" t="s">
        <v>24259</v>
      </c>
      <c r="M8016" s="2" t="s">
        <v>24260</v>
      </c>
      <c r="N8016" s="5" t="s">
        <v>24254</v>
      </c>
      <c r="O8016" s="5" t="s">
        <v>38</v>
      </c>
      <c r="P8016" s="5" t="s">
        <v>39</v>
      </c>
      <c r="Q8016" s="5" t="s">
        <v>40</v>
      </c>
      <c r="R8016" s="5" t="s">
        <v>1487</v>
      </c>
      <c r="S8016" s="5"/>
      <c r="T8016" s="5" t="s">
        <v>42</v>
      </c>
      <c r="U8016" s="2">
        <v>0</v>
      </c>
      <c r="V8016" s="2">
        <v>0</v>
      </c>
      <c r="W8016" s="2">
        <v>0</v>
      </c>
      <c r="X8016" s="2">
        <v>0</v>
      </c>
      <c r="Y8016" s="2">
        <v>0</v>
      </c>
      <c r="Z8016" s="2">
        <v>0</v>
      </c>
      <c r="AA8016" s="5"/>
      <c r="AB8016" s="5" t="s">
        <v>43</v>
      </c>
      <c r="AC8016" s="5" t="s">
        <v>44</v>
      </c>
      <c r="AD8016" s="2" t="s">
        <v>24419</v>
      </c>
      <c r="AE8016" s="1"/>
    </row>
    <row r="8017" spans="1:31" ht="14.45">
      <c r="A8017" s="11"/>
      <c r="B8017" s="20"/>
      <c r="C8017" s="2" t="s">
        <v>24555</v>
      </c>
      <c r="D8017" s="14" t="s">
        <v>24556</v>
      </c>
      <c r="E8017" s="2" t="s">
        <v>24557</v>
      </c>
      <c r="F8017" s="2" t="s">
        <v>24427</v>
      </c>
      <c r="G8017" s="8">
        <v>1852</v>
      </c>
      <c r="H8017" s="5">
        <v>20</v>
      </c>
      <c r="I8017" s="5" t="s">
        <v>69</v>
      </c>
      <c r="J8017" s="5" t="s">
        <v>24252</v>
      </c>
      <c r="K8017" s="2" t="s">
        <v>24253</v>
      </c>
      <c r="L8017" s="5" t="s">
        <v>24252</v>
      </c>
      <c r="M8017" s="2" t="s">
        <v>24253</v>
      </c>
      <c r="N8017" s="5" t="s">
        <v>24254</v>
      </c>
      <c r="O8017" s="5" t="s">
        <v>38</v>
      </c>
      <c r="P8017" s="5" t="s">
        <v>39</v>
      </c>
      <c r="Q8017" s="5" t="s">
        <v>40</v>
      </c>
      <c r="R8017" s="5" t="s">
        <v>1487</v>
      </c>
      <c r="S8017" s="5"/>
      <c r="T8017" s="5" t="s">
        <v>42</v>
      </c>
      <c r="U8017" s="2">
        <v>0</v>
      </c>
      <c r="V8017" s="2">
        <v>0</v>
      </c>
      <c r="W8017" s="2">
        <v>0</v>
      </c>
      <c r="X8017" s="2">
        <v>0</v>
      </c>
      <c r="Y8017" s="2">
        <v>0</v>
      </c>
      <c r="Z8017" s="2">
        <v>0</v>
      </c>
      <c r="AA8017" s="5"/>
      <c r="AB8017" s="5" t="s">
        <v>43</v>
      </c>
      <c r="AC8017" s="5" t="s">
        <v>44</v>
      </c>
      <c r="AD8017" s="2" t="s">
        <v>24428</v>
      </c>
      <c r="AE8017" s="1"/>
    </row>
    <row r="8018" spans="1:31" ht="14.45">
      <c r="A8018" s="11"/>
      <c r="B8018" s="20"/>
      <c r="C8018" s="2" t="s">
        <v>24558</v>
      </c>
      <c r="D8018" s="14" t="s">
        <v>24559</v>
      </c>
      <c r="E8018" s="2" t="s">
        <v>24560</v>
      </c>
      <c r="F8018" s="2" t="s">
        <v>24427</v>
      </c>
      <c r="G8018" s="8">
        <v>4760</v>
      </c>
      <c r="H8018" s="5">
        <v>20</v>
      </c>
      <c r="I8018" s="5" t="s">
        <v>69</v>
      </c>
      <c r="J8018" s="5" t="s">
        <v>24259</v>
      </c>
      <c r="K8018" s="2" t="s">
        <v>24260</v>
      </c>
      <c r="L8018" s="5" t="s">
        <v>24259</v>
      </c>
      <c r="M8018" s="2" t="s">
        <v>24260</v>
      </c>
      <c r="N8018" s="5" t="s">
        <v>24254</v>
      </c>
      <c r="O8018" s="5" t="s">
        <v>38</v>
      </c>
      <c r="P8018" s="5" t="s">
        <v>39</v>
      </c>
      <c r="Q8018" s="5" t="s">
        <v>40</v>
      </c>
      <c r="R8018" s="5" t="s">
        <v>1487</v>
      </c>
      <c r="S8018" s="5"/>
      <c r="T8018" s="5" t="s">
        <v>42</v>
      </c>
      <c r="U8018" s="2">
        <v>0</v>
      </c>
      <c r="V8018" s="2">
        <v>0</v>
      </c>
      <c r="W8018" s="2">
        <v>0</v>
      </c>
      <c r="X8018" s="2">
        <v>0</v>
      </c>
      <c r="Y8018" s="2">
        <v>0</v>
      </c>
      <c r="Z8018" s="2">
        <v>0</v>
      </c>
      <c r="AA8018" s="5"/>
      <c r="AB8018" s="5" t="s">
        <v>43</v>
      </c>
      <c r="AC8018" s="5" t="s">
        <v>44</v>
      </c>
      <c r="AD8018" s="2" t="s">
        <v>24432</v>
      </c>
      <c r="AE8018" s="1"/>
    </row>
    <row r="8019" spans="1:31" ht="14.45">
      <c r="A8019" s="11"/>
      <c r="B8019" s="20"/>
      <c r="C8019" s="2" t="s">
        <v>24561</v>
      </c>
      <c r="D8019" s="14" t="s">
        <v>24562</v>
      </c>
      <c r="E8019" s="2" t="s">
        <v>24563</v>
      </c>
      <c r="F8019" s="2" t="s">
        <v>24461</v>
      </c>
      <c r="G8019" s="8">
        <v>1852</v>
      </c>
      <c r="H8019" s="5">
        <v>20</v>
      </c>
      <c r="I8019" s="5" t="s">
        <v>69</v>
      </c>
      <c r="J8019" s="5" t="s">
        <v>24252</v>
      </c>
      <c r="K8019" s="2" t="s">
        <v>24253</v>
      </c>
      <c r="L8019" s="5" t="s">
        <v>24252</v>
      </c>
      <c r="M8019" s="2" t="s">
        <v>24253</v>
      </c>
      <c r="N8019" s="5" t="s">
        <v>24254</v>
      </c>
      <c r="O8019" s="5" t="s">
        <v>38</v>
      </c>
      <c r="P8019" s="5" t="s">
        <v>39</v>
      </c>
      <c r="Q8019" s="5" t="s">
        <v>40</v>
      </c>
      <c r="R8019" s="5" t="s">
        <v>1487</v>
      </c>
      <c r="S8019" s="5"/>
      <c r="T8019" s="5" t="s">
        <v>42</v>
      </c>
      <c r="U8019" s="2">
        <v>0</v>
      </c>
      <c r="V8019" s="2">
        <v>0</v>
      </c>
      <c r="W8019" s="2">
        <v>0</v>
      </c>
      <c r="X8019" s="2">
        <v>0</v>
      </c>
      <c r="Y8019" s="2">
        <v>0</v>
      </c>
      <c r="Z8019" s="2">
        <v>0</v>
      </c>
      <c r="AA8019" s="5"/>
      <c r="AB8019" s="5" t="s">
        <v>43</v>
      </c>
      <c r="AC8019" s="5" t="s">
        <v>44</v>
      </c>
      <c r="AD8019" s="2" t="s">
        <v>24462</v>
      </c>
      <c r="AE8019" s="1"/>
    </row>
    <row r="8020" spans="1:31" ht="14.45">
      <c r="A8020" s="11"/>
      <c r="B8020" s="20"/>
      <c r="C8020" s="2" t="s">
        <v>24564</v>
      </c>
      <c r="D8020" s="14" t="s">
        <v>24565</v>
      </c>
      <c r="E8020" s="2" t="s">
        <v>24566</v>
      </c>
      <c r="F8020" s="2" t="s">
        <v>24461</v>
      </c>
      <c r="G8020" s="8">
        <v>4760</v>
      </c>
      <c r="H8020" s="5">
        <v>20</v>
      </c>
      <c r="I8020" s="5" t="s">
        <v>69</v>
      </c>
      <c r="J8020" s="5" t="s">
        <v>24259</v>
      </c>
      <c r="K8020" s="2" t="s">
        <v>24260</v>
      </c>
      <c r="L8020" s="5" t="s">
        <v>24259</v>
      </c>
      <c r="M8020" s="2" t="s">
        <v>24260</v>
      </c>
      <c r="N8020" s="5" t="s">
        <v>24254</v>
      </c>
      <c r="O8020" s="5" t="s">
        <v>38</v>
      </c>
      <c r="P8020" s="5" t="s">
        <v>39</v>
      </c>
      <c r="Q8020" s="5" t="s">
        <v>40</v>
      </c>
      <c r="R8020" s="5" t="s">
        <v>1487</v>
      </c>
      <c r="S8020" s="5"/>
      <c r="T8020" s="5" t="s">
        <v>42</v>
      </c>
      <c r="U8020" s="2">
        <v>0</v>
      </c>
      <c r="V8020" s="2">
        <v>0</v>
      </c>
      <c r="W8020" s="2">
        <v>0</v>
      </c>
      <c r="X8020" s="2">
        <v>0</v>
      </c>
      <c r="Y8020" s="2">
        <v>0</v>
      </c>
      <c r="Z8020" s="2">
        <v>0</v>
      </c>
      <c r="AA8020" s="5"/>
      <c r="AB8020" s="5" t="s">
        <v>43</v>
      </c>
      <c r="AC8020" s="5" t="s">
        <v>44</v>
      </c>
      <c r="AD8020" s="2" t="s">
        <v>24567</v>
      </c>
      <c r="AE8020" s="1"/>
    </row>
    <row r="8021" spans="1:31" ht="14.45">
      <c r="A8021" s="11"/>
      <c r="B8021" s="20"/>
      <c r="C8021" s="2" t="s">
        <v>24568</v>
      </c>
      <c r="D8021" s="14" t="s">
        <v>24569</v>
      </c>
      <c r="E8021" s="2" t="s">
        <v>24570</v>
      </c>
      <c r="F8021" s="2" t="s">
        <v>24414</v>
      </c>
      <c r="G8021" s="8">
        <v>1085</v>
      </c>
      <c r="H8021" s="5">
        <v>5</v>
      </c>
      <c r="I8021" s="5" t="s">
        <v>69</v>
      </c>
      <c r="J8021" s="5" t="s">
        <v>24252</v>
      </c>
      <c r="K8021" s="2" t="s">
        <v>24253</v>
      </c>
      <c r="L8021" s="5" t="s">
        <v>24252</v>
      </c>
      <c r="M8021" s="2" t="s">
        <v>24253</v>
      </c>
      <c r="N8021" s="5" t="s">
        <v>24254</v>
      </c>
      <c r="O8021" s="5" t="s">
        <v>38</v>
      </c>
      <c r="P8021" s="5" t="s">
        <v>39</v>
      </c>
      <c r="Q8021" s="5" t="s">
        <v>40</v>
      </c>
      <c r="R8021" s="5" t="s">
        <v>1487</v>
      </c>
      <c r="S8021" s="5"/>
      <c r="T8021" s="5" t="s">
        <v>42</v>
      </c>
      <c r="U8021" s="2">
        <v>0</v>
      </c>
      <c r="V8021" s="2">
        <v>0</v>
      </c>
      <c r="W8021" s="2">
        <v>0</v>
      </c>
      <c r="X8021" s="2">
        <v>0</v>
      </c>
      <c r="Y8021" s="2">
        <v>0</v>
      </c>
      <c r="Z8021" s="2">
        <v>0</v>
      </c>
      <c r="AA8021" s="5"/>
      <c r="AB8021" s="5" t="s">
        <v>43</v>
      </c>
      <c r="AC8021" s="5" t="s">
        <v>44</v>
      </c>
      <c r="AD8021" s="2" t="s">
        <v>24415</v>
      </c>
      <c r="AE8021" s="1"/>
    </row>
    <row r="8022" spans="1:31" ht="14.45">
      <c r="A8022" s="11"/>
      <c r="B8022" s="20"/>
      <c r="C8022" s="2" t="s">
        <v>24571</v>
      </c>
      <c r="D8022" s="14" t="s">
        <v>24572</v>
      </c>
      <c r="E8022" s="2" t="s">
        <v>24573</v>
      </c>
      <c r="F8022" s="2" t="s">
        <v>24414</v>
      </c>
      <c r="G8022" s="8">
        <v>2787</v>
      </c>
      <c r="H8022" s="5">
        <v>5</v>
      </c>
      <c r="I8022" s="5" t="s">
        <v>69</v>
      </c>
      <c r="J8022" s="5" t="s">
        <v>24259</v>
      </c>
      <c r="K8022" s="2" t="s">
        <v>24260</v>
      </c>
      <c r="L8022" s="5" t="s">
        <v>24259</v>
      </c>
      <c r="M8022" s="2" t="s">
        <v>24260</v>
      </c>
      <c r="N8022" s="5" t="s">
        <v>24254</v>
      </c>
      <c r="O8022" s="5" t="s">
        <v>38</v>
      </c>
      <c r="P8022" s="5" t="s">
        <v>39</v>
      </c>
      <c r="Q8022" s="5" t="s">
        <v>40</v>
      </c>
      <c r="R8022" s="5" t="s">
        <v>1487</v>
      </c>
      <c r="S8022" s="5"/>
      <c r="T8022" s="5" t="s">
        <v>42</v>
      </c>
      <c r="U8022" s="2">
        <v>0</v>
      </c>
      <c r="V8022" s="2">
        <v>0</v>
      </c>
      <c r="W8022" s="2">
        <v>0</v>
      </c>
      <c r="X8022" s="2">
        <v>0</v>
      </c>
      <c r="Y8022" s="2">
        <v>0</v>
      </c>
      <c r="Z8022" s="2">
        <v>0</v>
      </c>
      <c r="AA8022" s="5"/>
      <c r="AB8022" s="5" t="s">
        <v>43</v>
      </c>
      <c r="AC8022" s="5" t="s">
        <v>44</v>
      </c>
      <c r="AD8022" s="2" t="s">
        <v>24419</v>
      </c>
      <c r="AE8022" s="1"/>
    </row>
    <row r="8023" spans="1:31" ht="14.45">
      <c r="A8023" s="11"/>
      <c r="B8023" s="20"/>
      <c r="C8023" s="2" t="s">
        <v>24574</v>
      </c>
      <c r="D8023" s="14" t="s">
        <v>24575</v>
      </c>
      <c r="E8023" s="2" t="s">
        <v>24576</v>
      </c>
      <c r="F8023" s="2" t="s">
        <v>24427</v>
      </c>
      <c r="G8023" s="8">
        <v>1952</v>
      </c>
      <c r="H8023" s="5">
        <v>20</v>
      </c>
      <c r="I8023" s="5" t="s">
        <v>69</v>
      </c>
      <c r="J8023" s="5" t="s">
        <v>24252</v>
      </c>
      <c r="K8023" s="2" t="s">
        <v>24253</v>
      </c>
      <c r="L8023" s="5" t="s">
        <v>24252</v>
      </c>
      <c r="M8023" s="2" t="s">
        <v>24253</v>
      </c>
      <c r="N8023" s="5" t="s">
        <v>24254</v>
      </c>
      <c r="O8023" s="5" t="s">
        <v>38</v>
      </c>
      <c r="P8023" s="5" t="s">
        <v>39</v>
      </c>
      <c r="Q8023" s="5" t="s">
        <v>40</v>
      </c>
      <c r="R8023" s="5" t="s">
        <v>1487</v>
      </c>
      <c r="S8023" s="5"/>
      <c r="T8023" s="5" t="s">
        <v>42</v>
      </c>
      <c r="U8023" s="2">
        <v>0</v>
      </c>
      <c r="V8023" s="2">
        <v>0</v>
      </c>
      <c r="W8023" s="2">
        <v>0</v>
      </c>
      <c r="X8023" s="2">
        <v>0</v>
      </c>
      <c r="Y8023" s="2">
        <v>0</v>
      </c>
      <c r="Z8023" s="2">
        <v>0</v>
      </c>
      <c r="AA8023" s="5"/>
      <c r="AB8023" s="5" t="s">
        <v>43</v>
      </c>
      <c r="AC8023" s="5" t="s">
        <v>44</v>
      </c>
      <c r="AD8023" s="2" t="s">
        <v>24428</v>
      </c>
      <c r="AE8023" s="1"/>
    </row>
    <row r="8024" spans="1:31" ht="14.45">
      <c r="A8024" s="11"/>
      <c r="B8024" s="20"/>
      <c r="C8024" s="2" t="s">
        <v>24577</v>
      </c>
      <c r="D8024" s="14" t="s">
        <v>24578</v>
      </c>
      <c r="E8024" s="2" t="s">
        <v>24579</v>
      </c>
      <c r="F8024" s="2" t="s">
        <v>24427</v>
      </c>
      <c r="G8024" s="8">
        <v>5017</v>
      </c>
      <c r="H8024" s="5">
        <v>20</v>
      </c>
      <c r="I8024" s="5" t="s">
        <v>69</v>
      </c>
      <c r="J8024" s="5" t="s">
        <v>24259</v>
      </c>
      <c r="K8024" s="2" t="s">
        <v>24260</v>
      </c>
      <c r="L8024" s="5" t="s">
        <v>24259</v>
      </c>
      <c r="M8024" s="2" t="s">
        <v>24260</v>
      </c>
      <c r="N8024" s="5" t="s">
        <v>24254</v>
      </c>
      <c r="O8024" s="5" t="s">
        <v>38</v>
      </c>
      <c r="P8024" s="5" t="s">
        <v>39</v>
      </c>
      <c r="Q8024" s="5" t="s">
        <v>40</v>
      </c>
      <c r="R8024" s="5" t="s">
        <v>1487</v>
      </c>
      <c r="S8024" s="5"/>
      <c r="T8024" s="5" t="s">
        <v>42</v>
      </c>
      <c r="U8024" s="2">
        <v>0</v>
      </c>
      <c r="V8024" s="2">
        <v>0</v>
      </c>
      <c r="W8024" s="2">
        <v>0</v>
      </c>
      <c r="X8024" s="2">
        <v>0</v>
      </c>
      <c r="Y8024" s="2">
        <v>0</v>
      </c>
      <c r="Z8024" s="2">
        <v>0</v>
      </c>
      <c r="AA8024" s="5"/>
      <c r="AB8024" s="5" t="s">
        <v>43</v>
      </c>
      <c r="AC8024" s="5" t="s">
        <v>44</v>
      </c>
      <c r="AD8024" s="2" t="s">
        <v>24432</v>
      </c>
      <c r="AE8024" s="1"/>
    </row>
    <row r="8025" spans="1:31" ht="14.45">
      <c r="A8025" s="11"/>
      <c r="B8025" s="20"/>
      <c r="C8025" s="2" t="s">
        <v>24580</v>
      </c>
      <c r="D8025" s="14" t="s">
        <v>24581</v>
      </c>
      <c r="E8025" s="2" t="s">
        <v>24582</v>
      </c>
      <c r="F8025" s="2" t="s">
        <v>24461</v>
      </c>
      <c r="G8025" s="8">
        <v>1952</v>
      </c>
      <c r="H8025" s="5">
        <v>20</v>
      </c>
      <c r="I8025" s="5" t="s">
        <v>69</v>
      </c>
      <c r="J8025" s="5" t="s">
        <v>24252</v>
      </c>
      <c r="K8025" s="2" t="s">
        <v>24253</v>
      </c>
      <c r="L8025" s="5" t="s">
        <v>24252</v>
      </c>
      <c r="M8025" s="2" t="s">
        <v>24253</v>
      </c>
      <c r="N8025" s="5" t="s">
        <v>24254</v>
      </c>
      <c r="O8025" s="5" t="s">
        <v>38</v>
      </c>
      <c r="P8025" s="5" t="s">
        <v>39</v>
      </c>
      <c r="Q8025" s="5" t="s">
        <v>40</v>
      </c>
      <c r="R8025" s="5" t="s">
        <v>1487</v>
      </c>
      <c r="S8025" s="5"/>
      <c r="T8025" s="5" t="s">
        <v>42</v>
      </c>
      <c r="U8025" s="2">
        <v>0</v>
      </c>
      <c r="V8025" s="2">
        <v>0</v>
      </c>
      <c r="W8025" s="2">
        <v>0</v>
      </c>
      <c r="X8025" s="2">
        <v>0</v>
      </c>
      <c r="Y8025" s="2">
        <v>0</v>
      </c>
      <c r="Z8025" s="2">
        <v>0</v>
      </c>
      <c r="AA8025" s="5"/>
      <c r="AB8025" s="5" t="s">
        <v>43</v>
      </c>
      <c r="AC8025" s="5" t="s">
        <v>44</v>
      </c>
      <c r="AD8025" s="2" t="s">
        <v>24462</v>
      </c>
      <c r="AE8025" s="1"/>
    </row>
    <row r="8026" spans="1:31" ht="14.45">
      <c r="A8026" s="11"/>
      <c r="B8026" s="20"/>
      <c r="C8026" s="2" t="s">
        <v>24583</v>
      </c>
      <c r="D8026" s="14" t="s">
        <v>24584</v>
      </c>
      <c r="E8026" s="2" t="s">
        <v>24585</v>
      </c>
      <c r="F8026" s="2" t="s">
        <v>24414</v>
      </c>
      <c r="G8026" s="8">
        <v>1112</v>
      </c>
      <c r="H8026" s="5">
        <v>5</v>
      </c>
      <c r="I8026" s="5" t="s">
        <v>69</v>
      </c>
      <c r="J8026" s="5" t="s">
        <v>24252</v>
      </c>
      <c r="K8026" s="2" t="s">
        <v>24253</v>
      </c>
      <c r="L8026" s="5" t="s">
        <v>24252</v>
      </c>
      <c r="M8026" s="2" t="s">
        <v>24253</v>
      </c>
      <c r="N8026" s="5" t="s">
        <v>24254</v>
      </c>
      <c r="O8026" s="5" t="s">
        <v>38</v>
      </c>
      <c r="P8026" s="5" t="s">
        <v>39</v>
      </c>
      <c r="Q8026" s="5" t="s">
        <v>40</v>
      </c>
      <c r="R8026" s="5" t="s">
        <v>1487</v>
      </c>
      <c r="S8026" s="5"/>
      <c r="T8026" s="5" t="s">
        <v>42</v>
      </c>
      <c r="U8026" s="2">
        <v>0</v>
      </c>
      <c r="V8026" s="2">
        <v>0</v>
      </c>
      <c r="W8026" s="2">
        <v>0</v>
      </c>
      <c r="X8026" s="2">
        <v>0</v>
      </c>
      <c r="Y8026" s="2">
        <v>0</v>
      </c>
      <c r="Z8026" s="2">
        <v>0</v>
      </c>
      <c r="AA8026" s="5"/>
      <c r="AB8026" s="5" t="s">
        <v>43</v>
      </c>
      <c r="AC8026" s="5" t="s">
        <v>44</v>
      </c>
      <c r="AD8026" s="2" t="s">
        <v>24415</v>
      </c>
      <c r="AE8026" s="1"/>
    </row>
    <row r="8027" spans="1:31" ht="14.45">
      <c r="A8027" s="11"/>
      <c r="B8027" s="20"/>
      <c r="C8027" s="2" t="s">
        <v>24586</v>
      </c>
      <c r="D8027" s="14" t="s">
        <v>24587</v>
      </c>
      <c r="E8027" s="2" t="s">
        <v>24588</v>
      </c>
      <c r="F8027" s="2" t="s">
        <v>24414</v>
      </c>
      <c r="G8027" s="8">
        <v>2859</v>
      </c>
      <c r="H8027" s="5">
        <v>5</v>
      </c>
      <c r="I8027" s="5" t="s">
        <v>69</v>
      </c>
      <c r="J8027" s="5" t="s">
        <v>24259</v>
      </c>
      <c r="K8027" s="2" t="s">
        <v>24260</v>
      </c>
      <c r="L8027" s="5" t="s">
        <v>24259</v>
      </c>
      <c r="M8027" s="2" t="s">
        <v>24260</v>
      </c>
      <c r="N8027" s="5" t="s">
        <v>24254</v>
      </c>
      <c r="O8027" s="5" t="s">
        <v>38</v>
      </c>
      <c r="P8027" s="5" t="s">
        <v>39</v>
      </c>
      <c r="Q8027" s="5" t="s">
        <v>40</v>
      </c>
      <c r="R8027" s="5" t="s">
        <v>1487</v>
      </c>
      <c r="S8027" s="5"/>
      <c r="T8027" s="5" t="s">
        <v>42</v>
      </c>
      <c r="U8027" s="2">
        <v>0</v>
      </c>
      <c r="V8027" s="2">
        <v>0</v>
      </c>
      <c r="W8027" s="2">
        <v>0</v>
      </c>
      <c r="X8027" s="2">
        <v>0</v>
      </c>
      <c r="Y8027" s="2">
        <v>0</v>
      </c>
      <c r="Z8027" s="2">
        <v>0</v>
      </c>
      <c r="AA8027" s="5"/>
      <c r="AB8027" s="5" t="s">
        <v>43</v>
      </c>
      <c r="AC8027" s="5" t="s">
        <v>44</v>
      </c>
      <c r="AD8027" s="2" t="s">
        <v>24419</v>
      </c>
      <c r="AE8027" s="1"/>
    </row>
    <row r="8028" spans="1:31" ht="14.45">
      <c r="A8028" s="11"/>
      <c r="B8028" s="20"/>
      <c r="C8028" s="2" t="s">
        <v>24589</v>
      </c>
      <c r="D8028" s="14" t="s">
        <v>24590</v>
      </c>
      <c r="E8028" s="2" t="s">
        <v>24591</v>
      </c>
      <c r="F8028" s="2" t="s">
        <v>24427</v>
      </c>
      <c r="G8028" s="8">
        <v>2002</v>
      </c>
      <c r="H8028" s="5">
        <v>20</v>
      </c>
      <c r="I8028" s="5" t="s">
        <v>69</v>
      </c>
      <c r="J8028" s="5" t="s">
        <v>24252</v>
      </c>
      <c r="K8028" s="2" t="s">
        <v>24253</v>
      </c>
      <c r="L8028" s="5" t="s">
        <v>24252</v>
      </c>
      <c r="M8028" s="2" t="s">
        <v>24253</v>
      </c>
      <c r="N8028" s="5" t="s">
        <v>24254</v>
      </c>
      <c r="O8028" s="5" t="s">
        <v>38</v>
      </c>
      <c r="P8028" s="5" t="s">
        <v>39</v>
      </c>
      <c r="Q8028" s="5" t="s">
        <v>40</v>
      </c>
      <c r="R8028" s="5" t="s">
        <v>1487</v>
      </c>
      <c r="S8028" s="5"/>
      <c r="T8028" s="5" t="s">
        <v>42</v>
      </c>
      <c r="U8028" s="2">
        <v>0</v>
      </c>
      <c r="V8028" s="2">
        <v>0</v>
      </c>
      <c r="W8028" s="2">
        <v>0</v>
      </c>
      <c r="X8028" s="2">
        <v>0</v>
      </c>
      <c r="Y8028" s="2">
        <v>0</v>
      </c>
      <c r="Z8028" s="2">
        <v>0</v>
      </c>
      <c r="AA8028" s="5"/>
      <c r="AB8028" s="5" t="s">
        <v>43</v>
      </c>
      <c r="AC8028" s="5" t="s">
        <v>44</v>
      </c>
      <c r="AD8028" s="2" t="s">
        <v>24428</v>
      </c>
      <c r="AE8028" s="1"/>
    </row>
    <row r="8029" spans="1:31" ht="14.45">
      <c r="A8029" s="11"/>
      <c r="B8029" s="20"/>
      <c r="C8029" s="2" t="s">
        <v>24592</v>
      </c>
      <c r="D8029" s="14" t="s">
        <v>24593</v>
      </c>
      <c r="E8029" s="2" t="s">
        <v>24594</v>
      </c>
      <c r="F8029" s="2" t="s">
        <v>24414</v>
      </c>
      <c r="G8029" s="8">
        <v>1077</v>
      </c>
      <c r="H8029" s="5">
        <v>5</v>
      </c>
      <c r="I8029" s="5" t="s">
        <v>69</v>
      </c>
      <c r="J8029" s="5" t="s">
        <v>24252</v>
      </c>
      <c r="K8029" s="2" t="s">
        <v>24253</v>
      </c>
      <c r="L8029" s="5" t="s">
        <v>24252</v>
      </c>
      <c r="M8029" s="2" t="s">
        <v>24253</v>
      </c>
      <c r="N8029" s="5" t="s">
        <v>24254</v>
      </c>
      <c r="O8029" s="5" t="s">
        <v>38</v>
      </c>
      <c r="P8029" s="5" t="s">
        <v>39</v>
      </c>
      <c r="Q8029" s="5" t="s">
        <v>40</v>
      </c>
      <c r="R8029" s="5" t="s">
        <v>24335</v>
      </c>
      <c r="S8029" s="5" t="s">
        <v>40</v>
      </c>
      <c r="T8029" s="5" t="s">
        <v>42</v>
      </c>
      <c r="U8029" s="2">
        <v>24.981999999999999</v>
      </c>
      <c r="V8029" s="2">
        <v>19.29</v>
      </c>
      <c r="W8029" s="2">
        <v>0.79600000000000004</v>
      </c>
      <c r="X8029" s="2">
        <v>42.3</v>
      </c>
      <c r="Y8029" s="2">
        <v>108.3</v>
      </c>
      <c r="Z8029" s="2">
        <v>173.8</v>
      </c>
      <c r="AA8029" s="5">
        <v>3</v>
      </c>
      <c r="AB8029" s="5" t="s">
        <v>43</v>
      </c>
      <c r="AC8029" s="5" t="s">
        <v>44</v>
      </c>
      <c r="AD8029" s="2" t="s">
        <v>24508</v>
      </c>
      <c r="AE8029" s="1"/>
    </row>
    <row r="8030" spans="1:31" ht="14.45">
      <c r="A8030" s="11"/>
      <c r="B8030" s="20"/>
      <c r="C8030" s="2" t="s">
        <v>24595</v>
      </c>
      <c r="D8030" s="14" t="s">
        <v>24596</v>
      </c>
      <c r="E8030" s="2" t="s">
        <v>24597</v>
      </c>
      <c r="F8030" s="2" t="s">
        <v>24427</v>
      </c>
      <c r="G8030" s="8">
        <v>1255</v>
      </c>
      <c r="H8030" s="5">
        <v>20</v>
      </c>
      <c r="I8030" s="5" t="s">
        <v>69</v>
      </c>
      <c r="J8030" s="5" t="s">
        <v>24252</v>
      </c>
      <c r="K8030" s="2" t="s">
        <v>24253</v>
      </c>
      <c r="L8030" s="5" t="s">
        <v>24252</v>
      </c>
      <c r="M8030" s="2" t="s">
        <v>24253</v>
      </c>
      <c r="N8030" s="5" t="s">
        <v>24254</v>
      </c>
      <c r="O8030" s="5" t="s">
        <v>38</v>
      </c>
      <c r="P8030" s="5" t="s">
        <v>39</v>
      </c>
      <c r="Q8030" s="5" t="s">
        <v>40</v>
      </c>
      <c r="R8030" s="5" t="s">
        <v>24340</v>
      </c>
      <c r="S8030" s="5" t="s">
        <v>40</v>
      </c>
      <c r="T8030" s="5" t="s">
        <v>42</v>
      </c>
      <c r="U8030" s="2">
        <v>44.137</v>
      </c>
      <c r="V8030" s="2">
        <v>38.448</v>
      </c>
      <c r="W8030" s="2">
        <v>0.79600000000000004</v>
      </c>
      <c r="X8030" s="2">
        <v>42.3</v>
      </c>
      <c r="Y8030" s="2">
        <v>108.3</v>
      </c>
      <c r="Z8030" s="2">
        <v>173.8</v>
      </c>
      <c r="AA8030" s="5">
        <v>3</v>
      </c>
      <c r="AB8030" s="5" t="s">
        <v>43</v>
      </c>
      <c r="AC8030" s="5" t="s">
        <v>44</v>
      </c>
      <c r="AD8030" s="2" t="s">
        <v>24512</v>
      </c>
      <c r="AE8030" s="1"/>
    </row>
    <row r="8031" spans="1:31" ht="14.45">
      <c r="A8031" s="11"/>
      <c r="B8031" s="20"/>
      <c r="C8031" s="2" t="s">
        <v>24598</v>
      </c>
      <c r="D8031" s="14" t="s">
        <v>24599</v>
      </c>
      <c r="E8031" s="2" t="s">
        <v>24600</v>
      </c>
      <c r="F8031" s="2" t="s">
        <v>24414</v>
      </c>
      <c r="G8031" s="8">
        <v>1029</v>
      </c>
      <c r="H8031" s="5">
        <v>20</v>
      </c>
      <c r="I8031" s="5" t="s">
        <v>69</v>
      </c>
      <c r="J8031" s="5" t="s">
        <v>24252</v>
      </c>
      <c r="K8031" s="2" t="s">
        <v>24253</v>
      </c>
      <c r="L8031" s="5" t="s">
        <v>24252</v>
      </c>
      <c r="M8031" s="2" t="s">
        <v>24253</v>
      </c>
      <c r="N8031" s="5" t="s">
        <v>24254</v>
      </c>
      <c r="O8031" s="5" t="s">
        <v>38</v>
      </c>
      <c r="P8031" s="5" t="s">
        <v>39</v>
      </c>
      <c r="Q8031" s="5" t="s">
        <v>40</v>
      </c>
      <c r="R8031" s="5" t="s">
        <v>1487</v>
      </c>
      <c r="S8031" s="5"/>
      <c r="T8031" s="5" t="s">
        <v>42</v>
      </c>
      <c r="U8031" s="2">
        <v>0</v>
      </c>
      <c r="V8031" s="2">
        <v>0</v>
      </c>
      <c r="W8031" s="2">
        <v>0</v>
      </c>
      <c r="X8031" s="2">
        <v>0</v>
      </c>
      <c r="Y8031" s="2">
        <v>0</v>
      </c>
      <c r="Z8031" s="2">
        <v>0</v>
      </c>
      <c r="AA8031" s="5"/>
      <c r="AB8031" s="5" t="s">
        <v>43</v>
      </c>
      <c r="AC8031" s="5" t="s">
        <v>44</v>
      </c>
      <c r="AD8031" s="2" t="s">
        <v>24415</v>
      </c>
      <c r="AE8031" s="1"/>
    </row>
    <row r="8032" spans="1:31" ht="14.45">
      <c r="A8032" s="11"/>
      <c r="B8032" s="20"/>
      <c r="C8032" s="2" t="s">
        <v>24601</v>
      </c>
      <c r="D8032" s="14" t="s">
        <v>24602</v>
      </c>
      <c r="E8032" s="2" t="s">
        <v>24603</v>
      </c>
      <c r="F8032" s="2" t="s">
        <v>24414</v>
      </c>
      <c r="G8032" s="8">
        <v>2644</v>
      </c>
      <c r="H8032" s="5">
        <v>20</v>
      </c>
      <c r="I8032" s="5" t="s">
        <v>69</v>
      </c>
      <c r="J8032" s="5" t="s">
        <v>24259</v>
      </c>
      <c r="K8032" s="2" t="s">
        <v>24260</v>
      </c>
      <c r="L8032" s="5" t="s">
        <v>24259</v>
      </c>
      <c r="M8032" s="2" t="s">
        <v>24260</v>
      </c>
      <c r="N8032" s="5" t="s">
        <v>24254</v>
      </c>
      <c r="O8032" s="5" t="s">
        <v>38</v>
      </c>
      <c r="P8032" s="5" t="s">
        <v>39</v>
      </c>
      <c r="Q8032" s="5" t="s">
        <v>40</v>
      </c>
      <c r="R8032" s="5" t="s">
        <v>1487</v>
      </c>
      <c r="S8032" s="5"/>
      <c r="T8032" s="5" t="s">
        <v>42</v>
      </c>
      <c r="U8032" s="2">
        <v>0</v>
      </c>
      <c r="V8032" s="2">
        <v>0</v>
      </c>
      <c r="W8032" s="2">
        <v>0</v>
      </c>
      <c r="X8032" s="2">
        <v>0</v>
      </c>
      <c r="Y8032" s="2">
        <v>0</v>
      </c>
      <c r="Z8032" s="2">
        <v>0</v>
      </c>
      <c r="AA8032" s="5"/>
      <c r="AB8032" s="5" t="s">
        <v>43</v>
      </c>
      <c r="AC8032" s="5" t="s">
        <v>44</v>
      </c>
      <c r="AD8032" s="2" t="s">
        <v>24419</v>
      </c>
      <c r="AE8032" s="1"/>
    </row>
    <row r="8033" spans="1:31" ht="14.45">
      <c r="A8033" s="11"/>
      <c r="B8033" s="20"/>
      <c r="C8033" s="2" t="s">
        <v>24604</v>
      </c>
      <c r="D8033" s="14" t="s">
        <v>24605</v>
      </c>
      <c r="E8033" s="2" t="s">
        <v>24606</v>
      </c>
      <c r="F8033" s="2" t="s">
        <v>24414</v>
      </c>
      <c r="G8033" s="8">
        <v>1177</v>
      </c>
      <c r="H8033" s="5">
        <v>5</v>
      </c>
      <c r="I8033" s="5" t="s">
        <v>69</v>
      </c>
      <c r="J8033" s="5" t="s">
        <v>24252</v>
      </c>
      <c r="K8033" s="2" t="s">
        <v>24253</v>
      </c>
      <c r="L8033" s="5" t="s">
        <v>24252</v>
      </c>
      <c r="M8033" s="2" t="s">
        <v>24253</v>
      </c>
      <c r="N8033" s="5" t="s">
        <v>24254</v>
      </c>
      <c r="O8033" s="5" t="s">
        <v>38</v>
      </c>
      <c r="P8033" s="5" t="s">
        <v>39</v>
      </c>
      <c r="Q8033" s="5" t="s">
        <v>40</v>
      </c>
      <c r="R8033" s="5" t="s">
        <v>1487</v>
      </c>
      <c r="S8033" s="5"/>
      <c r="T8033" s="5" t="s">
        <v>42</v>
      </c>
      <c r="U8033" s="2">
        <v>0</v>
      </c>
      <c r="V8033" s="2">
        <v>0</v>
      </c>
      <c r="W8033" s="2">
        <v>0</v>
      </c>
      <c r="X8033" s="2">
        <v>0</v>
      </c>
      <c r="Y8033" s="2">
        <v>0</v>
      </c>
      <c r="Z8033" s="2">
        <v>0</v>
      </c>
      <c r="AA8033" s="5"/>
      <c r="AB8033" s="5" t="s">
        <v>43</v>
      </c>
      <c r="AC8033" s="5" t="s">
        <v>44</v>
      </c>
      <c r="AD8033" s="2" t="s">
        <v>24415</v>
      </c>
      <c r="AE8033" s="1"/>
    </row>
    <row r="8034" spans="1:31" ht="14.45">
      <c r="A8034" s="11"/>
      <c r="B8034" s="20"/>
      <c r="C8034" s="2" t="s">
        <v>24607</v>
      </c>
      <c r="D8034" s="14" t="s">
        <v>24608</v>
      </c>
      <c r="E8034" s="2" t="s">
        <v>24609</v>
      </c>
      <c r="F8034" s="2" t="s">
        <v>24414</v>
      </c>
      <c r="G8034" s="8">
        <v>3026</v>
      </c>
      <c r="H8034" s="5">
        <v>5</v>
      </c>
      <c r="I8034" s="5" t="s">
        <v>69</v>
      </c>
      <c r="J8034" s="5" t="s">
        <v>24259</v>
      </c>
      <c r="K8034" s="2" t="s">
        <v>24260</v>
      </c>
      <c r="L8034" s="5" t="s">
        <v>24259</v>
      </c>
      <c r="M8034" s="2" t="s">
        <v>24260</v>
      </c>
      <c r="N8034" s="5" t="s">
        <v>24254</v>
      </c>
      <c r="O8034" s="5" t="s">
        <v>38</v>
      </c>
      <c r="P8034" s="5" t="s">
        <v>39</v>
      </c>
      <c r="Q8034" s="5" t="s">
        <v>40</v>
      </c>
      <c r="R8034" s="5" t="s">
        <v>1487</v>
      </c>
      <c r="S8034" s="5"/>
      <c r="T8034" s="5" t="s">
        <v>42</v>
      </c>
      <c r="U8034" s="2">
        <v>0</v>
      </c>
      <c r="V8034" s="2">
        <v>0</v>
      </c>
      <c r="W8034" s="2">
        <v>0</v>
      </c>
      <c r="X8034" s="2">
        <v>0</v>
      </c>
      <c r="Y8034" s="2">
        <v>0</v>
      </c>
      <c r="Z8034" s="2">
        <v>0</v>
      </c>
      <c r="AA8034" s="5"/>
      <c r="AB8034" s="5" t="s">
        <v>43</v>
      </c>
      <c r="AC8034" s="5" t="s">
        <v>44</v>
      </c>
      <c r="AD8034" s="2" t="s">
        <v>24419</v>
      </c>
      <c r="AE8034" s="1"/>
    </row>
    <row r="8035" spans="1:31" ht="14.45">
      <c r="A8035" s="11"/>
      <c r="B8035" s="20"/>
      <c r="C8035" s="2" t="s">
        <v>24610</v>
      </c>
      <c r="D8035" s="14" t="s">
        <v>24611</v>
      </c>
      <c r="E8035" s="2" t="s">
        <v>24612</v>
      </c>
      <c r="F8035" s="2" t="s">
        <v>24427</v>
      </c>
      <c r="G8035" s="8">
        <v>2119</v>
      </c>
      <c r="H8035" s="5">
        <v>20</v>
      </c>
      <c r="I8035" s="5" t="s">
        <v>69</v>
      </c>
      <c r="J8035" s="5" t="s">
        <v>24252</v>
      </c>
      <c r="K8035" s="2" t="s">
        <v>24253</v>
      </c>
      <c r="L8035" s="5" t="s">
        <v>24252</v>
      </c>
      <c r="M8035" s="2" t="s">
        <v>24253</v>
      </c>
      <c r="N8035" s="5" t="s">
        <v>24254</v>
      </c>
      <c r="O8035" s="5" t="s">
        <v>38</v>
      </c>
      <c r="P8035" s="5" t="s">
        <v>39</v>
      </c>
      <c r="Q8035" s="5" t="s">
        <v>40</v>
      </c>
      <c r="R8035" s="5" t="s">
        <v>1487</v>
      </c>
      <c r="S8035" s="5"/>
      <c r="T8035" s="5" t="s">
        <v>42</v>
      </c>
      <c r="U8035" s="2">
        <v>0</v>
      </c>
      <c r="V8035" s="2">
        <v>0</v>
      </c>
      <c r="W8035" s="2">
        <v>0</v>
      </c>
      <c r="X8035" s="2">
        <v>0</v>
      </c>
      <c r="Y8035" s="2">
        <v>0</v>
      </c>
      <c r="Z8035" s="2">
        <v>0</v>
      </c>
      <c r="AA8035" s="5"/>
      <c r="AB8035" s="5" t="s">
        <v>43</v>
      </c>
      <c r="AC8035" s="5" t="s">
        <v>44</v>
      </c>
      <c r="AD8035" s="2" t="s">
        <v>24428</v>
      </c>
      <c r="AE8035" s="1"/>
    </row>
    <row r="8036" spans="1:31" ht="14.45">
      <c r="A8036" s="11"/>
      <c r="B8036" s="20"/>
      <c r="C8036" s="2" t="s">
        <v>24613</v>
      </c>
      <c r="D8036" s="14" t="s">
        <v>24614</v>
      </c>
      <c r="E8036" s="2" t="s">
        <v>24615</v>
      </c>
      <c r="F8036" s="2" t="s">
        <v>24427</v>
      </c>
      <c r="G8036" s="8">
        <v>5446</v>
      </c>
      <c r="H8036" s="5">
        <v>20</v>
      </c>
      <c r="I8036" s="5" t="s">
        <v>69</v>
      </c>
      <c r="J8036" s="5" t="s">
        <v>24259</v>
      </c>
      <c r="K8036" s="2" t="s">
        <v>24260</v>
      </c>
      <c r="L8036" s="5" t="s">
        <v>24259</v>
      </c>
      <c r="M8036" s="2" t="s">
        <v>24260</v>
      </c>
      <c r="N8036" s="5" t="s">
        <v>24254</v>
      </c>
      <c r="O8036" s="5" t="s">
        <v>38</v>
      </c>
      <c r="P8036" s="5" t="s">
        <v>39</v>
      </c>
      <c r="Q8036" s="5" t="s">
        <v>40</v>
      </c>
      <c r="R8036" s="5" t="s">
        <v>1487</v>
      </c>
      <c r="S8036" s="5"/>
      <c r="T8036" s="5" t="s">
        <v>42</v>
      </c>
      <c r="U8036" s="2">
        <v>0</v>
      </c>
      <c r="V8036" s="2">
        <v>0</v>
      </c>
      <c r="W8036" s="2">
        <v>0</v>
      </c>
      <c r="X8036" s="2">
        <v>0</v>
      </c>
      <c r="Y8036" s="2">
        <v>0</v>
      </c>
      <c r="Z8036" s="2">
        <v>0</v>
      </c>
      <c r="AA8036" s="5"/>
      <c r="AB8036" s="5" t="s">
        <v>43</v>
      </c>
      <c r="AC8036" s="5" t="s">
        <v>44</v>
      </c>
      <c r="AD8036" s="2" t="s">
        <v>24432</v>
      </c>
      <c r="AE8036" s="1"/>
    </row>
    <row r="8037" spans="1:31" ht="14.45">
      <c r="A8037" s="11"/>
      <c r="B8037" s="20"/>
      <c r="C8037" s="2" t="s">
        <v>24616</v>
      </c>
      <c r="D8037" s="14" t="s">
        <v>24617</v>
      </c>
      <c r="E8037" s="2" t="s">
        <v>24618</v>
      </c>
      <c r="F8037" s="2" t="s">
        <v>24414</v>
      </c>
      <c r="G8037" s="8">
        <v>1233</v>
      </c>
      <c r="H8037" s="5">
        <v>19</v>
      </c>
      <c r="I8037" s="5" t="s">
        <v>69</v>
      </c>
      <c r="J8037" s="5" t="s">
        <v>24252</v>
      </c>
      <c r="K8037" s="2" t="s">
        <v>24253</v>
      </c>
      <c r="L8037" s="5" t="s">
        <v>24252</v>
      </c>
      <c r="M8037" s="2" t="s">
        <v>24253</v>
      </c>
      <c r="N8037" s="5" t="s">
        <v>24254</v>
      </c>
      <c r="O8037" s="5" t="s">
        <v>38</v>
      </c>
      <c r="P8037" s="5" t="s">
        <v>39</v>
      </c>
      <c r="Q8037" s="5" t="s">
        <v>40</v>
      </c>
      <c r="R8037" s="5" t="s">
        <v>1487</v>
      </c>
      <c r="S8037" s="5"/>
      <c r="T8037" s="5" t="s">
        <v>42</v>
      </c>
      <c r="U8037" s="2">
        <v>0</v>
      </c>
      <c r="V8037" s="2">
        <v>0</v>
      </c>
      <c r="W8037" s="2">
        <v>0</v>
      </c>
      <c r="X8037" s="2">
        <v>0</v>
      </c>
      <c r="Y8037" s="2">
        <v>0</v>
      </c>
      <c r="Z8037" s="2">
        <v>0</v>
      </c>
      <c r="AA8037" s="5"/>
      <c r="AB8037" s="5" t="s">
        <v>43</v>
      </c>
      <c r="AC8037" s="5" t="s">
        <v>44</v>
      </c>
      <c r="AD8037" s="2" t="s">
        <v>24415</v>
      </c>
      <c r="AE8037" s="1"/>
    </row>
    <row r="8038" spans="1:31" ht="14.45">
      <c r="A8038" s="11"/>
      <c r="B8038" s="20"/>
      <c r="C8038" s="2" t="s">
        <v>24619</v>
      </c>
      <c r="D8038" s="14" t="s">
        <v>24620</v>
      </c>
      <c r="E8038" s="2" t="s">
        <v>24621</v>
      </c>
      <c r="F8038" s="2" t="s">
        <v>24414</v>
      </c>
      <c r="G8038" s="8">
        <v>1154</v>
      </c>
      <c r="H8038" s="5">
        <v>20</v>
      </c>
      <c r="I8038" s="5" t="s">
        <v>69</v>
      </c>
      <c r="J8038" s="5" t="s">
        <v>24252</v>
      </c>
      <c r="K8038" s="2" t="s">
        <v>24253</v>
      </c>
      <c r="L8038" s="5" t="s">
        <v>24252</v>
      </c>
      <c r="M8038" s="2" t="s">
        <v>24253</v>
      </c>
      <c r="N8038" s="5" t="s">
        <v>24254</v>
      </c>
      <c r="O8038" s="5" t="s">
        <v>38</v>
      </c>
      <c r="P8038" s="5" t="s">
        <v>39</v>
      </c>
      <c r="Q8038" s="5" t="s">
        <v>40</v>
      </c>
      <c r="R8038" s="5" t="s">
        <v>24335</v>
      </c>
      <c r="S8038" s="5" t="s">
        <v>40</v>
      </c>
      <c r="T8038" s="5" t="s">
        <v>42</v>
      </c>
      <c r="U8038" s="2">
        <v>26.436</v>
      </c>
      <c r="V8038" s="2">
        <v>20.323</v>
      </c>
      <c r="W8038" s="2">
        <v>0.88800000000000001</v>
      </c>
      <c r="X8038" s="2">
        <v>42.3</v>
      </c>
      <c r="Y8038" s="2">
        <v>108.3</v>
      </c>
      <c r="Z8038" s="2">
        <v>193.8</v>
      </c>
      <c r="AA8038" s="5">
        <v>3</v>
      </c>
      <c r="AB8038" s="5" t="s">
        <v>43</v>
      </c>
      <c r="AC8038" s="5" t="s">
        <v>44</v>
      </c>
      <c r="AD8038" s="2" t="s">
        <v>24508</v>
      </c>
      <c r="AE8038" s="1"/>
    </row>
    <row r="8039" spans="1:31" ht="14.45">
      <c r="A8039" s="11"/>
      <c r="B8039" s="20"/>
      <c r="C8039" s="2" t="s">
        <v>24622</v>
      </c>
      <c r="D8039" s="14" t="s">
        <v>24623</v>
      </c>
      <c r="E8039" s="2" t="s">
        <v>24624</v>
      </c>
      <c r="F8039" s="2" t="s">
        <v>24427</v>
      </c>
      <c r="G8039" s="8">
        <v>1345</v>
      </c>
      <c r="H8039" s="5">
        <v>20</v>
      </c>
      <c r="I8039" s="5" t="s">
        <v>69</v>
      </c>
      <c r="J8039" s="5" t="s">
        <v>24252</v>
      </c>
      <c r="K8039" s="2" t="s">
        <v>24253</v>
      </c>
      <c r="L8039" s="5" t="s">
        <v>24252</v>
      </c>
      <c r="M8039" s="2" t="s">
        <v>24253</v>
      </c>
      <c r="N8039" s="5" t="s">
        <v>24254</v>
      </c>
      <c r="O8039" s="5" t="s">
        <v>38</v>
      </c>
      <c r="P8039" s="5" t="s">
        <v>39</v>
      </c>
      <c r="Q8039" s="5" t="s">
        <v>40</v>
      </c>
      <c r="R8039" s="5" t="s">
        <v>24340</v>
      </c>
      <c r="S8039" s="5" t="s">
        <v>40</v>
      </c>
      <c r="T8039" s="5" t="s">
        <v>42</v>
      </c>
      <c r="U8039" s="2">
        <v>46.631</v>
      </c>
      <c r="V8039" s="2">
        <v>40.521000000000001</v>
      </c>
      <c r="W8039" s="2">
        <v>0.88800000000000001</v>
      </c>
      <c r="X8039" s="2">
        <v>42.3</v>
      </c>
      <c r="Y8039" s="2">
        <v>108.3</v>
      </c>
      <c r="Z8039" s="2">
        <v>193.8</v>
      </c>
      <c r="AA8039" s="5">
        <v>3</v>
      </c>
      <c r="AB8039" s="5" t="s">
        <v>43</v>
      </c>
      <c r="AC8039" s="5" t="s">
        <v>44</v>
      </c>
      <c r="AD8039" s="2" t="s">
        <v>24512</v>
      </c>
      <c r="AE8039" s="1"/>
    </row>
    <row r="8040" spans="1:31" ht="14.45">
      <c r="A8040" s="5" t="s">
        <v>116</v>
      </c>
      <c r="B8040" s="21">
        <v>46054</v>
      </c>
      <c r="C8040" s="2" t="s">
        <v>24625</v>
      </c>
      <c r="D8040" s="14" t="s">
        <v>24626</v>
      </c>
      <c r="E8040" s="2" t="s">
        <v>24627</v>
      </c>
      <c r="F8040" s="2" t="s">
        <v>24628</v>
      </c>
      <c r="G8040" s="8">
        <v>645</v>
      </c>
      <c r="H8040" s="5">
        <v>15</v>
      </c>
      <c r="I8040" s="5" t="s">
        <v>69</v>
      </c>
      <c r="J8040" s="5" t="s">
        <v>24629</v>
      </c>
      <c r="K8040" s="2" t="s">
        <v>24630</v>
      </c>
      <c r="L8040" s="5" t="s">
        <v>24629</v>
      </c>
      <c r="M8040" s="2" t="s">
        <v>24630</v>
      </c>
      <c r="N8040" s="5" t="s">
        <v>24254</v>
      </c>
      <c r="O8040" s="5" t="s">
        <v>38</v>
      </c>
      <c r="P8040" s="5" t="s">
        <v>39</v>
      </c>
      <c r="Q8040" s="5" t="s">
        <v>40</v>
      </c>
      <c r="R8040" s="5" t="s">
        <v>1487</v>
      </c>
      <c r="S8040" s="5"/>
      <c r="T8040" s="5" t="s">
        <v>42</v>
      </c>
      <c r="U8040" s="2">
        <v>0</v>
      </c>
      <c r="V8040" s="2">
        <v>0</v>
      </c>
      <c r="W8040" s="2">
        <v>0</v>
      </c>
      <c r="X8040" s="2">
        <v>0</v>
      </c>
      <c r="Y8040" s="2">
        <v>0</v>
      </c>
      <c r="Z8040" s="2">
        <v>0</v>
      </c>
      <c r="AA8040" s="5"/>
      <c r="AB8040" s="5" t="s">
        <v>43</v>
      </c>
      <c r="AC8040" s="5" t="s">
        <v>44</v>
      </c>
      <c r="AD8040" s="2" t="s">
        <v>24631</v>
      </c>
      <c r="AE8040" s="1"/>
    </row>
    <row r="8041" spans="1:31" ht="14.45">
      <c r="A8041" s="5" t="s">
        <v>116</v>
      </c>
      <c r="B8041" s="21">
        <v>46054</v>
      </c>
      <c r="C8041" s="2" t="s">
        <v>24632</v>
      </c>
      <c r="D8041" s="14" t="s">
        <v>24633</v>
      </c>
      <c r="E8041" s="2" t="s">
        <v>24634</v>
      </c>
      <c r="F8041" s="2" t="s">
        <v>24628</v>
      </c>
      <c r="G8041" s="8">
        <v>645</v>
      </c>
      <c r="H8041" s="5">
        <v>15</v>
      </c>
      <c r="I8041" s="5" t="s">
        <v>69</v>
      </c>
      <c r="J8041" s="5" t="s">
        <v>24629</v>
      </c>
      <c r="K8041" s="2" t="s">
        <v>24630</v>
      </c>
      <c r="L8041" s="5" t="s">
        <v>24629</v>
      </c>
      <c r="M8041" s="2" t="s">
        <v>24630</v>
      </c>
      <c r="N8041" s="5" t="s">
        <v>24254</v>
      </c>
      <c r="O8041" s="5" t="s">
        <v>38</v>
      </c>
      <c r="P8041" s="5" t="s">
        <v>39</v>
      </c>
      <c r="Q8041" s="5" t="s">
        <v>40</v>
      </c>
      <c r="R8041" s="5" t="s">
        <v>1487</v>
      </c>
      <c r="S8041" s="5"/>
      <c r="T8041" s="5" t="s">
        <v>42</v>
      </c>
      <c r="U8041" s="2">
        <v>0</v>
      </c>
      <c r="V8041" s="2">
        <v>0</v>
      </c>
      <c r="W8041" s="2">
        <v>0</v>
      </c>
      <c r="X8041" s="2">
        <v>0</v>
      </c>
      <c r="Y8041" s="2">
        <v>0</v>
      </c>
      <c r="Z8041" s="2">
        <v>0</v>
      </c>
      <c r="AA8041" s="5"/>
      <c r="AB8041" s="5" t="s">
        <v>43</v>
      </c>
      <c r="AC8041" s="5" t="s">
        <v>44</v>
      </c>
      <c r="AD8041" s="2" t="s">
        <v>24635</v>
      </c>
      <c r="AE8041" s="1"/>
    </row>
    <row r="8042" spans="1:31" ht="14.45">
      <c r="A8042" s="5" t="s">
        <v>116</v>
      </c>
      <c r="B8042" s="21">
        <v>46054</v>
      </c>
      <c r="C8042" s="2" t="s">
        <v>24636</v>
      </c>
      <c r="D8042" s="14" t="s">
        <v>24637</v>
      </c>
      <c r="E8042" s="2" t="s">
        <v>24638</v>
      </c>
      <c r="F8042" s="2" t="s">
        <v>24639</v>
      </c>
      <c r="G8042" s="8">
        <v>1177</v>
      </c>
      <c r="H8042" s="5">
        <v>15</v>
      </c>
      <c r="I8042" s="5" t="s">
        <v>69</v>
      </c>
      <c r="J8042" s="5" t="s">
        <v>24629</v>
      </c>
      <c r="K8042" s="2" t="s">
        <v>24630</v>
      </c>
      <c r="L8042" s="5" t="s">
        <v>24629</v>
      </c>
      <c r="M8042" s="2" t="s">
        <v>24630</v>
      </c>
      <c r="N8042" s="5" t="s">
        <v>24254</v>
      </c>
      <c r="O8042" s="5" t="s">
        <v>38</v>
      </c>
      <c r="P8042" s="5" t="s">
        <v>39</v>
      </c>
      <c r="Q8042" s="5" t="s">
        <v>40</v>
      </c>
      <c r="R8042" s="5" t="s">
        <v>1487</v>
      </c>
      <c r="S8042" s="5"/>
      <c r="T8042" s="5" t="s">
        <v>42</v>
      </c>
      <c r="U8042" s="2">
        <v>0</v>
      </c>
      <c r="V8042" s="2">
        <v>0</v>
      </c>
      <c r="W8042" s="2">
        <v>0</v>
      </c>
      <c r="X8042" s="2">
        <v>0</v>
      </c>
      <c r="Y8042" s="2">
        <v>0</v>
      </c>
      <c r="Z8042" s="2">
        <v>0</v>
      </c>
      <c r="AA8042" s="5"/>
      <c r="AB8042" s="5" t="s">
        <v>43</v>
      </c>
      <c r="AC8042" s="5" t="s">
        <v>44</v>
      </c>
      <c r="AD8042" s="2" t="s">
        <v>24640</v>
      </c>
      <c r="AE8042" s="1"/>
    </row>
    <row r="8043" spans="1:31" ht="14.45">
      <c r="A8043" s="5" t="s">
        <v>116</v>
      </c>
      <c r="B8043" s="21">
        <v>46054</v>
      </c>
      <c r="C8043" s="2" t="s">
        <v>24641</v>
      </c>
      <c r="D8043" s="14" t="s">
        <v>24642</v>
      </c>
      <c r="E8043" s="2" t="s">
        <v>24643</v>
      </c>
      <c r="F8043" s="2" t="s">
        <v>24639</v>
      </c>
      <c r="G8043" s="8">
        <v>1177</v>
      </c>
      <c r="H8043" s="5">
        <v>15</v>
      </c>
      <c r="I8043" s="5" t="s">
        <v>69</v>
      </c>
      <c r="J8043" s="5" t="s">
        <v>24629</v>
      </c>
      <c r="K8043" s="2" t="s">
        <v>24630</v>
      </c>
      <c r="L8043" s="5" t="s">
        <v>24629</v>
      </c>
      <c r="M8043" s="2" t="s">
        <v>24630</v>
      </c>
      <c r="N8043" s="5" t="s">
        <v>24254</v>
      </c>
      <c r="O8043" s="5" t="s">
        <v>38</v>
      </c>
      <c r="P8043" s="5" t="s">
        <v>39</v>
      </c>
      <c r="Q8043" s="5" t="s">
        <v>40</v>
      </c>
      <c r="R8043" s="5" t="s">
        <v>1487</v>
      </c>
      <c r="S8043" s="5"/>
      <c r="T8043" s="5" t="s">
        <v>42</v>
      </c>
      <c r="U8043" s="2">
        <v>0</v>
      </c>
      <c r="V8043" s="2">
        <v>0</v>
      </c>
      <c r="W8043" s="2">
        <v>0</v>
      </c>
      <c r="X8043" s="2">
        <v>0</v>
      </c>
      <c r="Y8043" s="2">
        <v>0</v>
      </c>
      <c r="Z8043" s="2">
        <v>0</v>
      </c>
      <c r="AA8043" s="5"/>
      <c r="AB8043" s="5" t="s">
        <v>43</v>
      </c>
      <c r="AC8043" s="5" t="s">
        <v>44</v>
      </c>
      <c r="AD8043" s="2" t="s">
        <v>24644</v>
      </c>
      <c r="AE8043" s="1"/>
    </row>
    <row r="8044" spans="1:31" ht="14.45">
      <c r="A8044" s="5" t="s">
        <v>116</v>
      </c>
      <c r="B8044" s="21">
        <v>46054</v>
      </c>
      <c r="C8044" s="2" t="s">
        <v>24645</v>
      </c>
      <c r="D8044" s="14" t="s">
        <v>24646</v>
      </c>
      <c r="E8044" s="2" t="s">
        <v>24647</v>
      </c>
      <c r="F8044" s="2" t="s">
        <v>24628</v>
      </c>
      <c r="G8044" s="8">
        <v>670</v>
      </c>
      <c r="H8044" s="5">
        <v>5</v>
      </c>
      <c r="I8044" s="5" t="s">
        <v>69</v>
      </c>
      <c r="J8044" s="5" t="s">
        <v>24629</v>
      </c>
      <c r="K8044" s="2" t="s">
        <v>24630</v>
      </c>
      <c r="L8044" s="5" t="s">
        <v>24629</v>
      </c>
      <c r="M8044" s="2" t="s">
        <v>24630</v>
      </c>
      <c r="N8044" s="5" t="s">
        <v>24254</v>
      </c>
      <c r="O8044" s="5" t="s">
        <v>38</v>
      </c>
      <c r="P8044" s="5" t="s">
        <v>39</v>
      </c>
      <c r="Q8044" s="5" t="s">
        <v>40</v>
      </c>
      <c r="R8044" s="5" t="s">
        <v>1487</v>
      </c>
      <c r="S8044" s="5"/>
      <c r="T8044" s="5" t="s">
        <v>42</v>
      </c>
      <c r="U8044" s="2">
        <v>0</v>
      </c>
      <c r="V8044" s="2">
        <v>0</v>
      </c>
      <c r="W8044" s="2">
        <v>0</v>
      </c>
      <c r="X8044" s="2">
        <v>0</v>
      </c>
      <c r="Y8044" s="2">
        <v>0</v>
      </c>
      <c r="Z8044" s="2">
        <v>0</v>
      </c>
      <c r="AA8044" s="5"/>
      <c r="AB8044" s="5" t="s">
        <v>43</v>
      </c>
      <c r="AC8044" s="5" t="s">
        <v>44</v>
      </c>
      <c r="AD8044" s="2" t="s">
        <v>24631</v>
      </c>
      <c r="AE8044" s="1"/>
    </row>
    <row r="8045" spans="1:31" ht="14.45">
      <c r="A8045" s="5" t="s">
        <v>116</v>
      </c>
      <c r="B8045" s="21">
        <v>46054</v>
      </c>
      <c r="C8045" s="2" t="s">
        <v>24648</v>
      </c>
      <c r="D8045" s="14" t="s">
        <v>24649</v>
      </c>
      <c r="E8045" s="2" t="s">
        <v>24650</v>
      </c>
      <c r="F8045" s="2" t="s">
        <v>24628</v>
      </c>
      <c r="G8045" s="8">
        <v>670</v>
      </c>
      <c r="H8045" s="5">
        <v>15</v>
      </c>
      <c r="I8045" s="5" t="s">
        <v>69</v>
      </c>
      <c r="J8045" s="5" t="s">
        <v>24629</v>
      </c>
      <c r="K8045" s="2" t="s">
        <v>24630</v>
      </c>
      <c r="L8045" s="5" t="s">
        <v>24629</v>
      </c>
      <c r="M8045" s="2" t="s">
        <v>24630</v>
      </c>
      <c r="N8045" s="5" t="s">
        <v>24254</v>
      </c>
      <c r="O8045" s="5" t="s">
        <v>38</v>
      </c>
      <c r="P8045" s="5" t="s">
        <v>39</v>
      </c>
      <c r="Q8045" s="5" t="s">
        <v>40</v>
      </c>
      <c r="R8045" s="5" t="s">
        <v>1487</v>
      </c>
      <c r="S8045" s="5"/>
      <c r="T8045" s="5" t="s">
        <v>42</v>
      </c>
      <c r="U8045" s="2">
        <v>0</v>
      </c>
      <c r="V8045" s="2">
        <v>0</v>
      </c>
      <c r="W8045" s="2">
        <v>0</v>
      </c>
      <c r="X8045" s="2">
        <v>0</v>
      </c>
      <c r="Y8045" s="2">
        <v>0</v>
      </c>
      <c r="Z8045" s="2">
        <v>0</v>
      </c>
      <c r="AA8045" s="5"/>
      <c r="AB8045" s="5" t="s">
        <v>43</v>
      </c>
      <c r="AC8045" s="5" t="s">
        <v>44</v>
      </c>
      <c r="AD8045" s="2" t="s">
        <v>24635</v>
      </c>
      <c r="AE8045" s="1"/>
    </row>
    <row r="8046" spans="1:31" ht="14.45">
      <c r="A8046" s="5" t="s">
        <v>116</v>
      </c>
      <c r="B8046" s="21">
        <v>46054</v>
      </c>
      <c r="C8046" s="2" t="s">
        <v>24651</v>
      </c>
      <c r="D8046" s="14" t="s">
        <v>24652</v>
      </c>
      <c r="E8046" s="2" t="s">
        <v>24653</v>
      </c>
      <c r="F8046" s="2" t="s">
        <v>24639</v>
      </c>
      <c r="G8046" s="8">
        <v>1227</v>
      </c>
      <c r="H8046" s="5">
        <v>15</v>
      </c>
      <c r="I8046" s="5" t="s">
        <v>69</v>
      </c>
      <c r="J8046" s="5" t="s">
        <v>24629</v>
      </c>
      <c r="K8046" s="2" t="s">
        <v>24630</v>
      </c>
      <c r="L8046" s="5" t="s">
        <v>24629</v>
      </c>
      <c r="M8046" s="2" t="s">
        <v>24630</v>
      </c>
      <c r="N8046" s="5" t="s">
        <v>24254</v>
      </c>
      <c r="O8046" s="5" t="s">
        <v>38</v>
      </c>
      <c r="P8046" s="5" t="s">
        <v>39</v>
      </c>
      <c r="Q8046" s="5" t="s">
        <v>40</v>
      </c>
      <c r="R8046" s="5" t="s">
        <v>1487</v>
      </c>
      <c r="S8046" s="5"/>
      <c r="T8046" s="5" t="s">
        <v>42</v>
      </c>
      <c r="U8046" s="2">
        <v>0</v>
      </c>
      <c r="V8046" s="2">
        <v>0</v>
      </c>
      <c r="W8046" s="2">
        <v>0</v>
      </c>
      <c r="X8046" s="2">
        <v>0</v>
      </c>
      <c r="Y8046" s="2">
        <v>0</v>
      </c>
      <c r="Z8046" s="2">
        <v>0</v>
      </c>
      <c r="AA8046" s="5"/>
      <c r="AB8046" s="5" t="s">
        <v>43</v>
      </c>
      <c r="AC8046" s="5" t="s">
        <v>44</v>
      </c>
      <c r="AD8046" s="2" t="s">
        <v>24640</v>
      </c>
      <c r="AE8046" s="1"/>
    </row>
    <row r="8047" spans="1:31" ht="14.45">
      <c r="A8047" s="5" t="s">
        <v>116</v>
      </c>
      <c r="B8047" s="21">
        <v>46054</v>
      </c>
      <c r="C8047" s="2" t="s">
        <v>24654</v>
      </c>
      <c r="D8047" s="14" t="s">
        <v>24655</v>
      </c>
      <c r="E8047" s="2" t="s">
        <v>24656</v>
      </c>
      <c r="F8047" s="2" t="s">
        <v>24639</v>
      </c>
      <c r="G8047" s="8">
        <v>1227</v>
      </c>
      <c r="H8047" s="5">
        <v>15</v>
      </c>
      <c r="I8047" s="5" t="s">
        <v>69</v>
      </c>
      <c r="J8047" s="5" t="s">
        <v>24629</v>
      </c>
      <c r="K8047" s="2" t="s">
        <v>24630</v>
      </c>
      <c r="L8047" s="5" t="s">
        <v>24629</v>
      </c>
      <c r="M8047" s="2" t="s">
        <v>24630</v>
      </c>
      <c r="N8047" s="5" t="s">
        <v>24254</v>
      </c>
      <c r="O8047" s="5" t="s">
        <v>38</v>
      </c>
      <c r="P8047" s="5" t="s">
        <v>39</v>
      </c>
      <c r="Q8047" s="5" t="s">
        <v>40</v>
      </c>
      <c r="R8047" s="5" t="s">
        <v>1487</v>
      </c>
      <c r="S8047" s="5"/>
      <c r="T8047" s="5" t="s">
        <v>42</v>
      </c>
      <c r="U8047" s="2">
        <v>0</v>
      </c>
      <c r="V8047" s="2">
        <v>0</v>
      </c>
      <c r="W8047" s="2">
        <v>0</v>
      </c>
      <c r="X8047" s="2">
        <v>0</v>
      </c>
      <c r="Y8047" s="2">
        <v>0</v>
      </c>
      <c r="Z8047" s="2">
        <v>0</v>
      </c>
      <c r="AA8047" s="5"/>
      <c r="AB8047" s="5" t="s">
        <v>43</v>
      </c>
      <c r="AC8047" s="5" t="s">
        <v>44</v>
      </c>
      <c r="AD8047" s="2" t="s">
        <v>24644</v>
      </c>
      <c r="AE8047" s="1"/>
    </row>
    <row r="8048" spans="1:31" ht="14.45">
      <c r="A8048" s="5" t="s">
        <v>116</v>
      </c>
      <c r="B8048" s="21">
        <v>46054</v>
      </c>
      <c r="C8048" s="2" t="s">
        <v>24657</v>
      </c>
      <c r="D8048" s="14" t="s">
        <v>24658</v>
      </c>
      <c r="E8048" s="2" t="s">
        <v>24659</v>
      </c>
      <c r="F8048" s="2" t="s">
        <v>24628</v>
      </c>
      <c r="G8048" s="8">
        <v>694</v>
      </c>
      <c r="H8048" s="5">
        <v>5</v>
      </c>
      <c r="I8048" s="5" t="s">
        <v>69</v>
      </c>
      <c r="J8048" s="5" t="s">
        <v>24629</v>
      </c>
      <c r="K8048" s="2" t="s">
        <v>24630</v>
      </c>
      <c r="L8048" s="5" t="s">
        <v>24629</v>
      </c>
      <c r="M8048" s="2" t="s">
        <v>24630</v>
      </c>
      <c r="N8048" s="5" t="s">
        <v>24254</v>
      </c>
      <c r="O8048" s="5" t="s">
        <v>38</v>
      </c>
      <c r="P8048" s="5" t="s">
        <v>39</v>
      </c>
      <c r="Q8048" s="5" t="s">
        <v>40</v>
      </c>
      <c r="R8048" s="5" t="s">
        <v>1487</v>
      </c>
      <c r="S8048" s="5"/>
      <c r="T8048" s="5" t="s">
        <v>42</v>
      </c>
      <c r="U8048" s="2">
        <v>0</v>
      </c>
      <c r="V8048" s="2">
        <v>0</v>
      </c>
      <c r="W8048" s="2">
        <v>0</v>
      </c>
      <c r="X8048" s="2">
        <v>0</v>
      </c>
      <c r="Y8048" s="2">
        <v>0</v>
      </c>
      <c r="Z8048" s="2">
        <v>0</v>
      </c>
      <c r="AA8048" s="5"/>
      <c r="AB8048" s="5" t="s">
        <v>43</v>
      </c>
      <c r="AC8048" s="5" t="s">
        <v>44</v>
      </c>
      <c r="AD8048" s="2" t="s">
        <v>24631</v>
      </c>
      <c r="AE8048" s="1"/>
    </row>
    <row r="8049" spans="1:31" ht="14.45">
      <c r="A8049" s="5" t="s">
        <v>116</v>
      </c>
      <c r="B8049" s="21">
        <v>46054</v>
      </c>
      <c r="C8049" s="2" t="s">
        <v>24660</v>
      </c>
      <c r="D8049" s="14" t="s">
        <v>24661</v>
      </c>
      <c r="E8049" s="2" t="s">
        <v>24662</v>
      </c>
      <c r="F8049" s="2" t="s">
        <v>24628</v>
      </c>
      <c r="G8049" s="8">
        <v>694</v>
      </c>
      <c r="H8049" s="5">
        <v>15</v>
      </c>
      <c r="I8049" s="5" t="s">
        <v>69</v>
      </c>
      <c r="J8049" s="5" t="s">
        <v>24629</v>
      </c>
      <c r="K8049" s="2" t="s">
        <v>24630</v>
      </c>
      <c r="L8049" s="5" t="s">
        <v>24629</v>
      </c>
      <c r="M8049" s="2" t="s">
        <v>24630</v>
      </c>
      <c r="N8049" s="5" t="s">
        <v>24254</v>
      </c>
      <c r="O8049" s="5" t="s">
        <v>38</v>
      </c>
      <c r="P8049" s="5" t="s">
        <v>39</v>
      </c>
      <c r="Q8049" s="5" t="s">
        <v>40</v>
      </c>
      <c r="R8049" s="5" t="s">
        <v>1487</v>
      </c>
      <c r="S8049" s="5"/>
      <c r="T8049" s="5" t="s">
        <v>42</v>
      </c>
      <c r="U8049" s="2">
        <v>0</v>
      </c>
      <c r="V8049" s="2">
        <v>0</v>
      </c>
      <c r="W8049" s="2">
        <v>0</v>
      </c>
      <c r="X8049" s="2">
        <v>0</v>
      </c>
      <c r="Y8049" s="2">
        <v>0</v>
      </c>
      <c r="Z8049" s="2">
        <v>0</v>
      </c>
      <c r="AA8049" s="5"/>
      <c r="AB8049" s="5" t="s">
        <v>43</v>
      </c>
      <c r="AC8049" s="5" t="s">
        <v>44</v>
      </c>
      <c r="AD8049" s="2" t="s">
        <v>24635</v>
      </c>
      <c r="AE8049" s="1"/>
    </row>
    <row r="8050" spans="1:31" ht="14.45">
      <c r="A8050" s="5" t="s">
        <v>116</v>
      </c>
      <c r="B8050" s="21">
        <v>46054</v>
      </c>
      <c r="C8050" s="2" t="s">
        <v>24663</v>
      </c>
      <c r="D8050" s="14" t="s">
        <v>24664</v>
      </c>
      <c r="E8050" s="2" t="s">
        <v>24665</v>
      </c>
      <c r="F8050" s="2" t="s">
        <v>24639</v>
      </c>
      <c r="G8050" s="8">
        <v>1276</v>
      </c>
      <c r="H8050" s="5">
        <v>15</v>
      </c>
      <c r="I8050" s="5" t="s">
        <v>69</v>
      </c>
      <c r="J8050" s="5" t="s">
        <v>24629</v>
      </c>
      <c r="K8050" s="2" t="s">
        <v>24630</v>
      </c>
      <c r="L8050" s="5" t="s">
        <v>24629</v>
      </c>
      <c r="M8050" s="2" t="s">
        <v>24630</v>
      </c>
      <c r="N8050" s="5" t="s">
        <v>24254</v>
      </c>
      <c r="O8050" s="5" t="s">
        <v>38</v>
      </c>
      <c r="P8050" s="5" t="s">
        <v>39</v>
      </c>
      <c r="Q8050" s="5" t="s">
        <v>40</v>
      </c>
      <c r="R8050" s="5" t="s">
        <v>1487</v>
      </c>
      <c r="S8050" s="5"/>
      <c r="T8050" s="5" t="s">
        <v>42</v>
      </c>
      <c r="U8050" s="2">
        <v>0</v>
      </c>
      <c r="V8050" s="2">
        <v>0</v>
      </c>
      <c r="W8050" s="2">
        <v>0</v>
      </c>
      <c r="X8050" s="2">
        <v>0</v>
      </c>
      <c r="Y8050" s="2">
        <v>0</v>
      </c>
      <c r="Z8050" s="2">
        <v>0</v>
      </c>
      <c r="AA8050" s="5"/>
      <c r="AB8050" s="5" t="s">
        <v>43</v>
      </c>
      <c r="AC8050" s="5" t="s">
        <v>44</v>
      </c>
      <c r="AD8050" s="2" t="s">
        <v>24640</v>
      </c>
      <c r="AE8050" s="1"/>
    </row>
    <row r="8051" spans="1:31" ht="14.45">
      <c r="A8051" s="5" t="s">
        <v>116</v>
      </c>
      <c r="B8051" s="21">
        <v>46054</v>
      </c>
      <c r="C8051" s="2" t="s">
        <v>24666</v>
      </c>
      <c r="D8051" s="14" t="s">
        <v>24667</v>
      </c>
      <c r="E8051" s="2" t="s">
        <v>24668</v>
      </c>
      <c r="F8051" s="2" t="s">
        <v>24639</v>
      </c>
      <c r="G8051" s="8">
        <v>1276</v>
      </c>
      <c r="H8051" s="5">
        <v>15</v>
      </c>
      <c r="I8051" s="5" t="s">
        <v>69</v>
      </c>
      <c r="J8051" s="5" t="s">
        <v>24629</v>
      </c>
      <c r="K8051" s="2" t="s">
        <v>24630</v>
      </c>
      <c r="L8051" s="5" t="s">
        <v>24629</v>
      </c>
      <c r="M8051" s="2" t="s">
        <v>24630</v>
      </c>
      <c r="N8051" s="5" t="s">
        <v>24254</v>
      </c>
      <c r="O8051" s="5" t="s">
        <v>38</v>
      </c>
      <c r="P8051" s="5" t="s">
        <v>39</v>
      </c>
      <c r="Q8051" s="5" t="s">
        <v>40</v>
      </c>
      <c r="R8051" s="5" t="s">
        <v>1487</v>
      </c>
      <c r="S8051" s="5"/>
      <c r="T8051" s="5" t="s">
        <v>42</v>
      </c>
      <c r="U8051" s="2">
        <v>0</v>
      </c>
      <c r="V8051" s="2">
        <v>0</v>
      </c>
      <c r="W8051" s="2">
        <v>0</v>
      </c>
      <c r="X8051" s="2">
        <v>0</v>
      </c>
      <c r="Y8051" s="2">
        <v>0</v>
      </c>
      <c r="Z8051" s="2">
        <v>0</v>
      </c>
      <c r="AA8051" s="5"/>
      <c r="AB8051" s="5" t="s">
        <v>43</v>
      </c>
      <c r="AC8051" s="5" t="s">
        <v>44</v>
      </c>
      <c r="AD8051" s="2" t="s">
        <v>24644</v>
      </c>
      <c r="AE8051" s="1"/>
    </row>
    <row r="8052" spans="1:31" ht="14.45">
      <c r="A8052" s="5" t="s">
        <v>116</v>
      </c>
      <c r="B8052" s="21">
        <v>46054</v>
      </c>
      <c r="C8052" s="2" t="s">
        <v>24669</v>
      </c>
      <c r="D8052" s="14" t="s">
        <v>24670</v>
      </c>
      <c r="E8052" s="2" t="s">
        <v>24671</v>
      </c>
      <c r="F8052" s="2" t="s">
        <v>24628</v>
      </c>
      <c r="G8052" s="8">
        <v>685</v>
      </c>
      <c r="H8052" s="5">
        <v>5</v>
      </c>
      <c r="I8052" s="5" t="s">
        <v>69</v>
      </c>
      <c r="J8052" s="5" t="s">
        <v>24629</v>
      </c>
      <c r="K8052" s="2" t="s">
        <v>24630</v>
      </c>
      <c r="L8052" s="5" t="s">
        <v>24629</v>
      </c>
      <c r="M8052" s="2" t="s">
        <v>24630</v>
      </c>
      <c r="N8052" s="5" t="s">
        <v>24254</v>
      </c>
      <c r="O8052" s="5" t="s">
        <v>38</v>
      </c>
      <c r="P8052" s="5" t="s">
        <v>39</v>
      </c>
      <c r="Q8052" s="5" t="s">
        <v>40</v>
      </c>
      <c r="R8052" s="5" t="s">
        <v>1487</v>
      </c>
      <c r="S8052" s="5"/>
      <c r="T8052" s="5" t="s">
        <v>42</v>
      </c>
      <c r="U8052" s="2">
        <v>0</v>
      </c>
      <c r="V8052" s="2">
        <v>0</v>
      </c>
      <c r="W8052" s="2">
        <v>0</v>
      </c>
      <c r="X8052" s="2">
        <v>0</v>
      </c>
      <c r="Y8052" s="2">
        <v>0</v>
      </c>
      <c r="Z8052" s="2">
        <v>0</v>
      </c>
      <c r="AA8052" s="5"/>
      <c r="AB8052" s="5" t="s">
        <v>43</v>
      </c>
      <c r="AC8052" s="5" t="s">
        <v>44</v>
      </c>
      <c r="AD8052" s="2" t="s">
        <v>24631</v>
      </c>
      <c r="AE8052" s="1"/>
    </row>
    <row r="8053" spans="1:31" ht="14.45">
      <c r="A8053" s="5" t="s">
        <v>116</v>
      </c>
      <c r="B8053" s="21">
        <v>46054</v>
      </c>
      <c r="C8053" s="2" t="s">
        <v>24672</v>
      </c>
      <c r="D8053" s="14" t="s">
        <v>24673</v>
      </c>
      <c r="E8053" s="2" t="s">
        <v>24674</v>
      </c>
      <c r="F8053" s="2" t="s">
        <v>24628</v>
      </c>
      <c r="G8053" s="8">
        <v>685</v>
      </c>
      <c r="H8053" s="5">
        <v>15</v>
      </c>
      <c r="I8053" s="5" t="s">
        <v>69</v>
      </c>
      <c r="J8053" s="5" t="s">
        <v>24629</v>
      </c>
      <c r="K8053" s="2" t="s">
        <v>24630</v>
      </c>
      <c r="L8053" s="5" t="s">
        <v>24629</v>
      </c>
      <c r="M8053" s="2" t="s">
        <v>24630</v>
      </c>
      <c r="N8053" s="5" t="s">
        <v>24254</v>
      </c>
      <c r="O8053" s="5" t="s">
        <v>38</v>
      </c>
      <c r="P8053" s="5" t="s">
        <v>39</v>
      </c>
      <c r="Q8053" s="5" t="s">
        <v>40</v>
      </c>
      <c r="R8053" s="5" t="s">
        <v>1487</v>
      </c>
      <c r="S8053" s="5"/>
      <c r="T8053" s="5" t="s">
        <v>42</v>
      </c>
      <c r="U8053" s="2">
        <v>0</v>
      </c>
      <c r="V8053" s="2">
        <v>0</v>
      </c>
      <c r="W8053" s="2">
        <v>0</v>
      </c>
      <c r="X8053" s="2">
        <v>0</v>
      </c>
      <c r="Y8053" s="2">
        <v>0</v>
      </c>
      <c r="Z8053" s="2">
        <v>0</v>
      </c>
      <c r="AA8053" s="5"/>
      <c r="AB8053" s="5" t="s">
        <v>43</v>
      </c>
      <c r="AC8053" s="5" t="s">
        <v>44</v>
      </c>
      <c r="AD8053" s="2" t="s">
        <v>24635</v>
      </c>
      <c r="AE8053" s="1"/>
    </row>
    <row r="8054" spans="1:31" ht="14.45">
      <c r="A8054" s="5" t="s">
        <v>116</v>
      </c>
      <c r="B8054" s="21">
        <v>46054</v>
      </c>
      <c r="C8054" s="2" t="s">
        <v>24675</v>
      </c>
      <c r="D8054" s="14" t="s">
        <v>24676</v>
      </c>
      <c r="E8054" s="2" t="s">
        <v>24677</v>
      </c>
      <c r="F8054" s="2" t="s">
        <v>24639</v>
      </c>
      <c r="G8054" s="8">
        <v>1302</v>
      </c>
      <c r="H8054" s="5">
        <v>15</v>
      </c>
      <c r="I8054" s="5" t="s">
        <v>69</v>
      </c>
      <c r="J8054" s="5" t="s">
        <v>24629</v>
      </c>
      <c r="K8054" s="2" t="s">
        <v>24630</v>
      </c>
      <c r="L8054" s="5" t="s">
        <v>24629</v>
      </c>
      <c r="M8054" s="2" t="s">
        <v>24630</v>
      </c>
      <c r="N8054" s="5" t="s">
        <v>24254</v>
      </c>
      <c r="O8054" s="5" t="s">
        <v>38</v>
      </c>
      <c r="P8054" s="5" t="s">
        <v>39</v>
      </c>
      <c r="Q8054" s="5" t="s">
        <v>40</v>
      </c>
      <c r="R8054" s="5" t="s">
        <v>1487</v>
      </c>
      <c r="S8054" s="5"/>
      <c r="T8054" s="5" t="s">
        <v>42</v>
      </c>
      <c r="U8054" s="2">
        <v>0</v>
      </c>
      <c r="V8054" s="2">
        <v>0</v>
      </c>
      <c r="W8054" s="2">
        <v>0</v>
      </c>
      <c r="X8054" s="2">
        <v>0</v>
      </c>
      <c r="Y8054" s="2">
        <v>0</v>
      </c>
      <c r="Z8054" s="2">
        <v>0</v>
      </c>
      <c r="AA8054" s="5"/>
      <c r="AB8054" s="5" t="s">
        <v>43</v>
      </c>
      <c r="AC8054" s="5" t="s">
        <v>44</v>
      </c>
      <c r="AD8054" s="2" t="s">
        <v>24640</v>
      </c>
      <c r="AE8054" s="1"/>
    </row>
    <row r="8055" spans="1:31" ht="14.45">
      <c r="A8055" s="5" t="s">
        <v>116</v>
      </c>
      <c r="B8055" s="21">
        <v>46054</v>
      </c>
      <c r="C8055" s="2" t="s">
        <v>24678</v>
      </c>
      <c r="D8055" s="14" t="s">
        <v>24679</v>
      </c>
      <c r="E8055" s="2" t="s">
        <v>24680</v>
      </c>
      <c r="F8055" s="2" t="s">
        <v>24639</v>
      </c>
      <c r="G8055" s="8">
        <v>1302</v>
      </c>
      <c r="H8055" s="5">
        <v>15</v>
      </c>
      <c r="I8055" s="5" t="s">
        <v>69</v>
      </c>
      <c r="J8055" s="5" t="s">
        <v>24629</v>
      </c>
      <c r="K8055" s="2" t="s">
        <v>24630</v>
      </c>
      <c r="L8055" s="5" t="s">
        <v>24629</v>
      </c>
      <c r="M8055" s="2" t="s">
        <v>24630</v>
      </c>
      <c r="N8055" s="5" t="s">
        <v>24254</v>
      </c>
      <c r="O8055" s="5" t="s">
        <v>38</v>
      </c>
      <c r="P8055" s="5" t="s">
        <v>39</v>
      </c>
      <c r="Q8055" s="5" t="s">
        <v>40</v>
      </c>
      <c r="R8055" s="5" t="s">
        <v>1487</v>
      </c>
      <c r="S8055" s="5"/>
      <c r="T8055" s="5" t="s">
        <v>42</v>
      </c>
      <c r="U8055" s="2">
        <v>0</v>
      </c>
      <c r="V8055" s="2">
        <v>0</v>
      </c>
      <c r="W8055" s="2">
        <v>0</v>
      </c>
      <c r="X8055" s="2">
        <v>0</v>
      </c>
      <c r="Y8055" s="2">
        <v>0</v>
      </c>
      <c r="Z8055" s="2">
        <v>0</v>
      </c>
      <c r="AA8055" s="5"/>
      <c r="AB8055" s="5" t="s">
        <v>43</v>
      </c>
      <c r="AC8055" s="5" t="s">
        <v>44</v>
      </c>
      <c r="AD8055" s="2" t="s">
        <v>24644</v>
      </c>
      <c r="AE8055" s="1"/>
    </row>
    <row r="8056" spans="1:31" ht="14.45">
      <c r="A8056" s="5" t="s">
        <v>116</v>
      </c>
      <c r="B8056" s="21">
        <v>46054</v>
      </c>
      <c r="C8056" s="2" t="s">
        <v>24681</v>
      </c>
      <c r="D8056" s="14" t="s">
        <v>24682</v>
      </c>
      <c r="E8056" s="2" t="s">
        <v>24683</v>
      </c>
      <c r="F8056" s="2" t="s">
        <v>24628</v>
      </c>
      <c r="G8056" s="8">
        <v>729</v>
      </c>
      <c r="H8056" s="5">
        <v>5</v>
      </c>
      <c r="I8056" s="5" t="s">
        <v>69</v>
      </c>
      <c r="J8056" s="5" t="s">
        <v>24629</v>
      </c>
      <c r="K8056" s="2" t="s">
        <v>24630</v>
      </c>
      <c r="L8056" s="5" t="s">
        <v>24629</v>
      </c>
      <c r="M8056" s="2" t="s">
        <v>24630</v>
      </c>
      <c r="N8056" s="5" t="s">
        <v>24254</v>
      </c>
      <c r="O8056" s="5" t="s">
        <v>38</v>
      </c>
      <c r="P8056" s="5" t="s">
        <v>39</v>
      </c>
      <c r="Q8056" s="5" t="s">
        <v>40</v>
      </c>
      <c r="R8056" s="5" t="s">
        <v>1487</v>
      </c>
      <c r="S8056" s="5"/>
      <c r="T8056" s="5" t="s">
        <v>42</v>
      </c>
      <c r="U8056" s="2">
        <v>0</v>
      </c>
      <c r="V8056" s="2">
        <v>0</v>
      </c>
      <c r="W8056" s="2">
        <v>0</v>
      </c>
      <c r="X8056" s="2">
        <v>0</v>
      </c>
      <c r="Y8056" s="2">
        <v>0</v>
      </c>
      <c r="Z8056" s="2">
        <v>0</v>
      </c>
      <c r="AA8056" s="5"/>
      <c r="AB8056" s="5" t="s">
        <v>43</v>
      </c>
      <c r="AC8056" s="5" t="s">
        <v>44</v>
      </c>
      <c r="AD8056" s="2" t="s">
        <v>24631</v>
      </c>
      <c r="AE8056" s="1"/>
    </row>
    <row r="8057" spans="1:31" ht="14.45">
      <c r="A8057" s="5" t="s">
        <v>116</v>
      </c>
      <c r="B8057" s="21">
        <v>46054</v>
      </c>
      <c r="C8057" s="2" t="s">
        <v>24684</v>
      </c>
      <c r="D8057" s="14" t="s">
        <v>24685</v>
      </c>
      <c r="E8057" s="2" t="s">
        <v>24686</v>
      </c>
      <c r="F8057" s="2" t="s">
        <v>24628</v>
      </c>
      <c r="G8057" s="8">
        <v>729</v>
      </c>
      <c r="H8057" s="5">
        <v>15</v>
      </c>
      <c r="I8057" s="5" t="s">
        <v>69</v>
      </c>
      <c r="J8057" s="5" t="s">
        <v>24629</v>
      </c>
      <c r="K8057" s="2" t="s">
        <v>24630</v>
      </c>
      <c r="L8057" s="5" t="s">
        <v>24629</v>
      </c>
      <c r="M8057" s="2" t="s">
        <v>24630</v>
      </c>
      <c r="N8057" s="5" t="s">
        <v>24254</v>
      </c>
      <c r="O8057" s="5" t="s">
        <v>38</v>
      </c>
      <c r="P8057" s="5" t="s">
        <v>39</v>
      </c>
      <c r="Q8057" s="5" t="s">
        <v>40</v>
      </c>
      <c r="R8057" s="5" t="s">
        <v>1487</v>
      </c>
      <c r="S8057" s="5"/>
      <c r="T8057" s="5" t="s">
        <v>42</v>
      </c>
      <c r="U8057" s="2">
        <v>0</v>
      </c>
      <c r="V8057" s="2">
        <v>0</v>
      </c>
      <c r="W8057" s="2">
        <v>0</v>
      </c>
      <c r="X8057" s="2">
        <v>0</v>
      </c>
      <c r="Y8057" s="2">
        <v>0</v>
      </c>
      <c r="Z8057" s="2">
        <v>0</v>
      </c>
      <c r="AA8057" s="5"/>
      <c r="AB8057" s="5" t="s">
        <v>43</v>
      </c>
      <c r="AC8057" s="5" t="s">
        <v>44</v>
      </c>
      <c r="AD8057" s="2" t="s">
        <v>24635</v>
      </c>
      <c r="AE8057" s="1"/>
    </row>
    <row r="8058" spans="1:31" ht="14.45">
      <c r="A8058" s="5" t="s">
        <v>116</v>
      </c>
      <c r="B8058" s="21">
        <v>46054</v>
      </c>
      <c r="C8058" s="2" t="s">
        <v>24687</v>
      </c>
      <c r="D8058" s="14" t="s">
        <v>24688</v>
      </c>
      <c r="E8058" s="2" t="s">
        <v>24689</v>
      </c>
      <c r="F8058" s="2" t="s">
        <v>24639</v>
      </c>
      <c r="G8058" s="8">
        <v>1390</v>
      </c>
      <c r="H8058" s="5">
        <v>15</v>
      </c>
      <c r="I8058" s="5" t="s">
        <v>69</v>
      </c>
      <c r="J8058" s="5" t="s">
        <v>24629</v>
      </c>
      <c r="K8058" s="2" t="s">
        <v>24630</v>
      </c>
      <c r="L8058" s="5" t="s">
        <v>24629</v>
      </c>
      <c r="M8058" s="2" t="s">
        <v>24630</v>
      </c>
      <c r="N8058" s="5" t="s">
        <v>24254</v>
      </c>
      <c r="O8058" s="5" t="s">
        <v>38</v>
      </c>
      <c r="P8058" s="5" t="s">
        <v>39</v>
      </c>
      <c r="Q8058" s="5" t="s">
        <v>40</v>
      </c>
      <c r="R8058" s="5" t="s">
        <v>1487</v>
      </c>
      <c r="S8058" s="5"/>
      <c r="T8058" s="5" t="s">
        <v>42</v>
      </c>
      <c r="U8058" s="2">
        <v>0</v>
      </c>
      <c r="V8058" s="2">
        <v>0</v>
      </c>
      <c r="W8058" s="2">
        <v>0</v>
      </c>
      <c r="X8058" s="2">
        <v>0</v>
      </c>
      <c r="Y8058" s="2">
        <v>0</v>
      </c>
      <c r="Z8058" s="2">
        <v>0</v>
      </c>
      <c r="AA8058" s="5"/>
      <c r="AB8058" s="5" t="s">
        <v>43</v>
      </c>
      <c r="AC8058" s="5" t="s">
        <v>44</v>
      </c>
      <c r="AD8058" s="2" t="s">
        <v>24640</v>
      </c>
      <c r="AE8058" s="1"/>
    </row>
    <row r="8059" spans="1:31" ht="14.45">
      <c r="A8059" s="5" t="s">
        <v>116</v>
      </c>
      <c r="B8059" s="21">
        <v>46054</v>
      </c>
      <c r="C8059" s="2" t="s">
        <v>24690</v>
      </c>
      <c r="D8059" s="14" t="s">
        <v>24691</v>
      </c>
      <c r="E8059" s="2" t="s">
        <v>24692</v>
      </c>
      <c r="F8059" s="2" t="s">
        <v>24639</v>
      </c>
      <c r="G8059" s="8">
        <v>1390</v>
      </c>
      <c r="H8059" s="5">
        <v>15</v>
      </c>
      <c r="I8059" s="5" t="s">
        <v>69</v>
      </c>
      <c r="J8059" s="5" t="s">
        <v>24629</v>
      </c>
      <c r="K8059" s="2" t="s">
        <v>24630</v>
      </c>
      <c r="L8059" s="5" t="s">
        <v>24629</v>
      </c>
      <c r="M8059" s="2" t="s">
        <v>24630</v>
      </c>
      <c r="N8059" s="5" t="s">
        <v>24254</v>
      </c>
      <c r="O8059" s="5" t="s">
        <v>38</v>
      </c>
      <c r="P8059" s="5" t="s">
        <v>39</v>
      </c>
      <c r="Q8059" s="5" t="s">
        <v>40</v>
      </c>
      <c r="R8059" s="5" t="s">
        <v>1487</v>
      </c>
      <c r="S8059" s="5"/>
      <c r="T8059" s="5" t="s">
        <v>42</v>
      </c>
      <c r="U8059" s="2">
        <v>0</v>
      </c>
      <c r="V8059" s="2">
        <v>0</v>
      </c>
      <c r="W8059" s="2">
        <v>0</v>
      </c>
      <c r="X8059" s="2">
        <v>0</v>
      </c>
      <c r="Y8059" s="2">
        <v>0</v>
      </c>
      <c r="Z8059" s="2">
        <v>0</v>
      </c>
      <c r="AA8059" s="5"/>
      <c r="AB8059" s="5" t="s">
        <v>43</v>
      </c>
      <c r="AC8059" s="5" t="s">
        <v>44</v>
      </c>
      <c r="AD8059" s="2" t="s">
        <v>24644</v>
      </c>
      <c r="AE8059" s="1"/>
    </row>
    <row r="8060" spans="1:31" ht="14.45">
      <c r="A8060" s="5" t="s">
        <v>116</v>
      </c>
      <c r="B8060" s="21">
        <v>46054</v>
      </c>
      <c r="C8060" s="2" t="s">
        <v>24693</v>
      </c>
      <c r="D8060" s="14" t="s">
        <v>24694</v>
      </c>
      <c r="E8060" s="2" t="s">
        <v>24695</v>
      </c>
      <c r="F8060" s="2" t="s">
        <v>24628</v>
      </c>
      <c r="G8060" s="8">
        <v>743</v>
      </c>
      <c r="H8060" s="5">
        <v>5</v>
      </c>
      <c r="I8060" s="5" t="s">
        <v>69</v>
      </c>
      <c r="J8060" s="5" t="s">
        <v>24629</v>
      </c>
      <c r="K8060" s="2" t="s">
        <v>24630</v>
      </c>
      <c r="L8060" s="5" t="s">
        <v>24629</v>
      </c>
      <c r="M8060" s="2" t="s">
        <v>24630</v>
      </c>
      <c r="N8060" s="5" t="s">
        <v>24254</v>
      </c>
      <c r="O8060" s="5" t="s">
        <v>38</v>
      </c>
      <c r="P8060" s="5" t="s">
        <v>39</v>
      </c>
      <c r="Q8060" s="5" t="s">
        <v>40</v>
      </c>
      <c r="R8060" s="5" t="s">
        <v>1487</v>
      </c>
      <c r="S8060" s="5"/>
      <c r="T8060" s="5" t="s">
        <v>42</v>
      </c>
      <c r="U8060" s="2">
        <v>0</v>
      </c>
      <c r="V8060" s="2">
        <v>0</v>
      </c>
      <c r="W8060" s="2">
        <v>0</v>
      </c>
      <c r="X8060" s="2">
        <v>0</v>
      </c>
      <c r="Y8060" s="2">
        <v>0</v>
      </c>
      <c r="Z8060" s="2">
        <v>0</v>
      </c>
      <c r="AA8060" s="5"/>
      <c r="AB8060" s="5" t="s">
        <v>43</v>
      </c>
      <c r="AC8060" s="5" t="s">
        <v>44</v>
      </c>
      <c r="AD8060" s="2" t="s">
        <v>24631</v>
      </c>
      <c r="AE8060" s="1"/>
    </row>
    <row r="8061" spans="1:31" ht="14.45">
      <c r="A8061" s="5" t="s">
        <v>116</v>
      </c>
      <c r="B8061" s="21">
        <v>46054</v>
      </c>
      <c r="C8061" s="2" t="s">
        <v>24696</v>
      </c>
      <c r="D8061" s="14" t="s">
        <v>24697</v>
      </c>
      <c r="E8061" s="2" t="s">
        <v>24698</v>
      </c>
      <c r="F8061" s="2" t="s">
        <v>24628</v>
      </c>
      <c r="G8061" s="8">
        <v>743</v>
      </c>
      <c r="H8061" s="5">
        <v>15</v>
      </c>
      <c r="I8061" s="5" t="s">
        <v>69</v>
      </c>
      <c r="J8061" s="5" t="s">
        <v>24629</v>
      </c>
      <c r="K8061" s="2" t="s">
        <v>24630</v>
      </c>
      <c r="L8061" s="5" t="s">
        <v>24629</v>
      </c>
      <c r="M8061" s="2" t="s">
        <v>24630</v>
      </c>
      <c r="N8061" s="5" t="s">
        <v>24254</v>
      </c>
      <c r="O8061" s="5" t="s">
        <v>38</v>
      </c>
      <c r="P8061" s="5" t="s">
        <v>39</v>
      </c>
      <c r="Q8061" s="5" t="s">
        <v>40</v>
      </c>
      <c r="R8061" s="5" t="s">
        <v>1487</v>
      </c>
      <c r="S8061" s="5"/>
      <c r="T8061" s="5" t="s">
        <v>42</v>
      </c>
      <c r="U8061" s="2">
        <v>0</v>
      </c>
      <c r="V8061" s="2">
        <v>0</v>
      </c>
      <c r="W8061" s="2">
        <v>0</v>
      </c>
      <c r="X8061" s="2">
        <v>0</v>
      </c>
      <c r="Y8061" s="2">
        <v>0</v>
      </c>
      <c r="Z8061" s="2">
        <v>0</v>
      </c>
      <c r="AA8061" s="5"/>
      <c r="AB8061" s="5" t="s">
        <v>43</v>
      </c>
      <c r="AC8061" s="5" t="s">
        <v>44</v>
      </c>
      <c r="AD8061" s="2" t="s">
        <v>24635</v>
      </c>
      <c r="AE8061" s="1"/>
    </row>
    <row r="8062" spans="1:31" ht="14.45">
      <c r="A8062" s="5" t="s">
        <v>116</v>
      </c>
      <c r="B8062" s="21">
        <v>46054</v>
      </c>
      <c r="C8062" s="2" t="s">
        <v>24699</v>
      </c>
      <c r="D8062" s="14" t="s">
        <v>24700</v>
      </c>
      <c r="E8062" s="2" t="s">
        <v>24701</v>
      </c>
      <c r="F8062" s="2" t="s">
        <v>24639</v>
      </c>
      <c r="G8062" s="8">
        <v>1419</v>
      </c>
      <c r="H8062" s="5">
        <v>15</v>
      </c>
      <c r="I8062" s="5" t="s">
        <v>69</v>
      </c>
      <c r="J8062" s="5" t="s">
        <v>24629</v>
      </c>
      <c r="K8062" s="2" t="s">
        <v>24630</v>
      </c>
      <c r="L8062" s="5" t="s">
        <v>24629</v>
      </c>
      <c r="M8062" s="2" t="s">
        <v>24630</v>
      </c>
      <c r="N8062" s="5" t="s">
        <v>24254</v>
      </c>
      <c r="O8062" s="5" t="s">
        <v>38</v>
      </c>
      <c r="P8062" s="5" t="s">
        <v>39</v>
      </c>
      <c r="Q8062" s="5" t="s">
        <v>40</v>
      </c>
      <c r="R8062" s="5" t="s">
        <v>1487</v>
      </c>
      <c r="S8062" s="5"/>
      <c r="T8062" s="5" t="s">
        <v>42</v>
      </c>
      <c r="U8062" s="2">
        <v>0</v>
      </c>
      <c r="V8062" s="2">
        <v>0</v>
      </c>
      <c r="W8062" s="2">
        <v>0</v>
      </c>
      <c r="X8062" s="2">
        <v>0</v>
      </c>
      <c r="Y8062" s="2">
        <v>0</v>
      </c>
      <c r="Z8062" s="2">
        <v>0</v>
      </c>
      <c r="AA8062" s="5"/>
      <c r="AB8062" s="5" t="s">
        <v>43</v>
      </c>
      <c r="AC8062" s="5" t="s">
        <v>44</v>
      </c>
      <c r="AD8062" s="2" t="s">
        <v>24640</v>
      </c>
      <c r="AE8062" s="1"/>
    </row>
    <row r="8063" spans="1:31" ht="14.45">
      <c r="A8063" s="5" t="s">
        <v>116</v>
      </c>
      <c r="B8063" s="21">
        <v>46054</v>
      </c>
      <c r="C8063" s="2" t="s">
        <v>24702</v>
      </c>
      <c r="D8063" s="14" t="s">
        <v>24703</v>
      </c>
      <c r="E8063" s="2" t="s">
        <v>24704</v>
      </c>
      <c r="F8063" s="2" t="s">
        <v>24639</v>
      </c>
      <c r="G8063" s="8">
        <v>1419</v>
      </c>
      <c r="H8063" s="5">
        <v>15</v>
      </c>
      <c r="I8063" s="5" t="s">
        <v>69</v>
      </c>
      <c r="J8063" s="5" t="s">
        <v>24629</v>
      </c>
      <c r="K8063" s="2" t="s">
        <v>24630</v>
      </c>
      <c r="L8063" s="5" t="s">
        <v>24629</v>
      </c>
      <c r="M8063" s="2" t="s">
        <v>24630</v>
      </c>
      <c r="N8063" s="5" t="s">
        <v>24254</v>
      </c>
      <c r="O8063" s="5" t="s">
        <v>38</v>
      </c>
      <c r="P8063" s="5" t="s">
        <v>39</v>
      </c>
      <c r="Q8063" s="5" t="s">
        <v>40</v>
      </c>
      <c r="R8063" s="5" t="s">
        <v>1487</v>
      </c>
      <c r="S8063" s="5"/>
      <c r="T8063" s="5" t="s">
        <v>42</v>
      </c>
      <c r="U8063" s="2">
        <v>0</v>
      </c>
      <c r="V8063" s="2">
        <v>0</v>
      </c>
      <c r="W8063" s="2">
        <v>0</v>
      </c>
      <c r="X8063" s="2">
        <v>0</v>
      </c>
      <c r="Y8063" s="2">
        <v>0</v>
      </c>
      <c r="Z8063" s="2">
        <v>0</v>
      </c>
      <c r="AA8063" s="5"/>
      <c r="AB8063" s="5" t="s">
        <v>43</v>
      </c>
      <c r="AC8063" s="5" t="s">
        <v>44</v>
      </c>
      <c r="AD8063" s="2" t="s">
        <v>24644</v>
      </c>
      <c r="AE8063" s="1"/>
    </row>
    <row r="8064" spans="1:31" ht="14.45">
      <c r="A8064" s="5" t="s">
        <v>116</v>
      </c>
      <c r="B8064" s="21">
        <v>46054</v>
      </c>
      <c r="C8064" s="2" t="s">
        <v>24705</v>
      </c>
      <c r="D8064" s="14" t="s">
        <v>24706</v>
      </c>
      <c r="E8064" s="2" t="s">
        <v>24707</v>
      </c>
      <c r="F8064" s="2" t="s">
        <v>24628</v>
      </c>
      <c r="G8064" s="8">
        <v>714</v>
      </c>
      <c r="H8064" s="5">
        <v>5</v>
      </c>
      <c r="I8064" s="5" t="s">
        <v>69</v>
      </c>
      <c r="J8064" s="5" t="s">
        <v>24629</v>
      </c>
      <c r="K8064" s="2" t="s">
        <v>24630</v>
      </c>
      <c r="L8064" s="5" t="s">
        <v>24629</v>
      </c>
      <c r="M8064" s="2" t="s">
        <v>24630</v>
      </c>
      <c r="N8064" s="5" t="s">
        <v>24254</v>
      </c>
      <c r="O8064" s="5" t="s">
        <v>38</v>
      </c>
      <c r="P8064" s="5" t="s">
        <v>39</v>
      </c>
      <c r="Q8064" s="5" t="s">
        <v>40</v>
      </c>
      <c r="R8064" s="5" t="s">
        <v>1487</v>
      </c>
      <c r="S8064" s="5"/>
      <c r="T8064" s="5" t="s">
        <v>42</v>
      </c>
      <c r="U8064" s="2">
        <v>0</v>
      </c>
      <c r="V8064" s="2">
        <v>0</v>
      </c>
      <c r="W8064" s="2">
        <v>0</v>
      </c>
      <c r="X8064" s="2">
        <v>0</v>
      </c>
      <c r="Y8064" s="2">
        <v>0</v>
      </c>
      <c r="Z8064" s="2">
        <v>0</v>
      </c>
      <c r="AA8064" s="5"/>
      <c r="AB8064" s="5" t="s">
        <v>43</v>
      </c>
      <c r="AC8064" s="5" t="s">
        <v>44</v>
      </c>
      <c r="AD8064" s="2" t="s">
        <v>24631</v>
      </c>
      <c r="AE8064" s="1"/>
    </row>
    <row r="8065" spans="1:31" ht="14.45">
      <c r="A8065" s="5" t="s">
        <v>116</v>
      </c>
      <c r="B8065" s="21">
        <v>46054</v>
      </c>
      <c r="C8065" s="2" t="s">
        <v>24708</v>
      </c>
      <c r="D8065" s="14" t="s">
        <v>24709</v>
      </c>
      <c r="E8065" s="2" t="s">
        <v>24710</v>
      </c>
      <c r="F8065" s="2" t="s">
        <v>24628</v>
      </c>
      <c r="G8065" s="8">
        <v>714</v>
      </c>
      <c r="H8065" s="5">
        <v>15</v>
      </c>
      <c r="I8065" s="5" t="s">
        <v>69</v>
      </c>
      <c r="J8065" s="5" t="s">
        <v>24629</v>
      </c>
      <c r="K8065" s="2" t="s">
        <v>24630</v>
      </c>
      <c r="L8065" s="5" t="s">
        <v>24629</v>
      </c>
      <c r="M8065" s="2" t="s">
        <v>24630</v>
      </c>
      <c r="N8065" s="5" t="s">
        <v>24254</v>
      </c>
      <c r="O8065" s="5" t="s">
        <v>38</v>
      </c>
      <c r="P8065" s="5" t="s">
        <v>39</v>
      </c>
      <c r="Q8065" s="5" t="s">
        <v>40</v>
      </c>
      <c r="R8065" s="5" t="s">
        <v>1487</v>
      </c>
      <c r="S8065" s="5"/>
      <c r="T8065" s="5" t="s">
        <v>42</v>
      </c>
      <c r="U8065" s="2">
        <v>0</v>
      </c>
      <c r="V8065" s="2">
        <v>0</v>
      </c>
      <c r="W8065" s="2">
        <v>0</v>
      </c>
      <c r="X8065" s="2">
        <v>0</v>
      </c>
      <c r="Y8065" s="2">
        <v>0</v>
      </c>
      <c r="Z8065" s="2">
        <v>0</v>
      </c>
      <c r="AA8065" s="5"/>
      <c r="AB8065" s="5" t="s">
        <v>43</v>
      </c>
      <c r="AC8065" s="5" t="s">
        <v>44</v>
      </c>
      <c r="AD8065" s="2" t="s">
        <v>24635</v>
      </c>
      <c r="AE8065" s="1"/>
    </row>
    <row r="8066" spans="1:31" ht="14.45">
      <c r="A8066" s="5" t="s">
        <v>116</v>
      </c>
      <c r="B8066" s="21">
        <v>46054</v>
      </c>
      <c r="C8066" s="2" t="s">
        <v>24711</v>
      </c>
      <c r="D8066" s="14" t="s">
        <v>24712</v>
      </c>
      <c r="E8066" s="2" t="s">
        <v>24713</v>
      </c>
      <c r="F8066" s="2" t="s">
        <v>24639</v>
      </c>
      <c r="G8066" s="8">
        <v>1358</v>
      </c>
      <c r="H8066" s="5">
        <v>15</v>
      </c>
      <c r="I8066" s="5" t="s">
        <v>69</v>
      </c>
      <c r="J8066" s="5" t="s">
        <v>24629</v>
      </c>
      <c r="K8066" s="2" t="s">
        <v>24630</v>
      </c>
      <c r="L8066" s="5" t="s">
        <v>24629</v>
      </c>
      <c r="M8066" s="2" t="s">
        <v>24630</v>
      </c>
      <c r="N8066" s="5" t="s">
        <v>24254</v>
      </c>
      <c r="O8066" s="5" t="s">
        <v>38</v>
      </c>
      <c r="P8066" s="5" t="s">
        <v>39</v>
      </c>
      <c r="Q8066" s="5" t="s">
        <v>40</v>
      </c>
      <c r="R8066" s="5" t="s">
        <v>1487</v>
      </c>
      <c r="S8066" s="5"/>
      <c r="T8066" s="5" t="s">
        <v>42</v>
      </c>
      <c r="U8066" s="2">
        <v>0</v>
      </c>
      <c r="V8066" s="2">
        <v>0</v>
      </c>
      <c r="W8066" s="2">
        <v>0</v>
      </c>
      <c r="X8066" s="2">
        <v>0</v>
      </c>
      <c r="Y8066" s="2">
        <v>0</v>
      </c>
      <c r="Z8066" s="2">
        <v>0</v>
      </c>
      <c r="AA8066" s="5"/>
      <c r="AB8066" s="5" t="s">
        <v>43</v>
      </c>
      <c r="AC8066" s="5" t="s">
        <v>44</v>
      </c>
      <c r="AD8066" s="2" t="s">
        <v>24640</v>
      </c>
      <c r="AE8066" s="1"/>
    </row>
    <row r="8067" spans="1:31" ht="14.45">
      <c r="A8067" s="5" t="s">
        <v>116</v>
      </c>
      <c r="B8067" s="21">
        <v>46054</v>
      </c>
      <c r="C8067" s="2" t="s">
        <v>24714</v>
      </c>
      <c r="D8067" s="14" t="s">
        <v>24715</v>
      </c>
      <c r="E8067" s="2" t="s">
        <v>24716</v>
      </c>
      <c r="F8067" s="2" t="s">
        <v>24639</v>
      </c>
      <c r="G8067" s="8">
        <v>1358</v>
      </c>
      <c r="H8067" s="5">
        <v>15</v>
      </c>
      <c r="I8067" s="5" t="s">
        <v>69</v>
      </c>
      <c r="J8067" s="5" t="s">
        <v>24629</v>
      </c>
      <c r="K8067" s="2" t="s">
        <v>24630</v>
      </c>
      <c r="L8067" s="5" t="s">
        <v>24629</v>
      </c>
      <c r="M8067" s="2" t="s">
        <v>24630</v>
      </c>
      <c r="N8067" s="5" t="s">
        <v>24254</v>
      </c>
      <c r="O8067" s="5" t="s">
        <v>38</v>
      </c>
      <c r="P8067" s="5" t="s">
        <v>39</v>
      </c>
      <c r="Q8067" s="5" t="s">
        <v>40</v>
      </c>
      <c r="R8067" s="5" t="s">
        <v>1487</v>
      </c>
      <c r="S8067" s="5"/>
      <c r="T8067" s="5" t="s">
        <v>42</v>
      </c>
      <c r="U8067" s="2">
        <v>0</v>
      </c>
      <c r="V8067" s="2">
        <v>0</v>
      </c>
      <c r="W8067" s="2">
        <v>0</v>
      </c>
      <c r="X8067" s="2">
        <v>0</v>
      </c>
      <c r="Y8067" s="2">
        <v>0</v>
      </c>
      <c r="Z8067" s="2">
        <v>0</v>
      </c>
      <c r="AA8067" s="5"/>
      <c r="AB8067" s="5" t="s">
        <v>43</v>
      </c>
      <c r="AC8067" s="5" t="s">
        <v>44</v>
      </c>
      <c r="AD8067" s="2" t="s">
        <v>24644</v>
      </c>
      <c r="AE8067" s="1"/>
    </row>
    <row r="8068" spans="1:31" ht="14.45">
      <c r="A8068" s="5" t="s">
        <v>116</v>
      </c>
      <c r="B8068" s="21">
        <v>46054</v>
      </c>
      <c r="C8068" s="2" t="s">
        <v>24717</v>
      </c>
      <c r="D8068" s="14" t="s">
        <v>24718</v>
      </c>
      <c r="E8068" s="2" t="s">
        <v>24719</v>
      </c>
      <c r="F8068" s="2" t="s">
        <v>24628</v>
      </c>
      <c r="G8068" s="8">
        <v>746</v>
      </c>
      <c r="H8068" s="5">
        <v>5</v>
      </c>
      <c r="I8068" s="5" t="s">
        <v>69</v>
      </c>
      <c r="J8068" s="5" t="s">
        <v>24629</v>
      </c>
      <c r="K8068" s="2" t="s">
        <v>24630</v>
      </c>
      <c r="L8068" s="5" t="s">
        <v>24629</v>
      </c>
      <c r="M8068" s="2" t="s">
        <v>24630</v>
      </c>
      <c r="N8068" s="5" t="s">
        <v>24254</v>
      </c>
      <c r="O8068" s="5" t="s">
        <v>38</v>
      </c>
      <c r="P8068" s="5" t="s">
        <v>39</v>
      </c>
      <c r="Q8068" s="5" t="s">
        <v>40</v>
      </c>
      <c r="R8068" s="5" t="s">
        <v>1487</v>
      </c>
      <c r="S8068" s="5"/>
      <c r="T8068" s="5" t="s">
        <v>42</v>
      </c>
      <c r="U8068" s="2">
        <v>0</v>
      </c>
      <c r="V8068" s="2">
        <v>0</v>
      </c>
      <c r="W8068" s="2">
        <v>0</v>
      </c>
      <c r="X8068" s="2">
        <v>0</v>
      </c>
      <c r="Y8068" s="2">
        <v>0</v>
      </c>
      <c r="Z8068" s="2">
        <v>0</v>
      </c>
      <c r="AA8068" s="5"/>
      <c r="AB8068" s="5" t="s">
        <v>43</v>
      </c>
      <c r="AC8068" s="5" t="s">
        <v>44</v>
      </c>
      <c r="AD8068" s="2" t="s">
        <v>24631</v>
      </c>
      <c r="AE8068" s="1"/>
    </row>
    <row r="8069" spans="1:31" ht="14.45">
      <c r="A8069" s="5" t="s">
        <v>116</v>
      </c>
      <c r="B8069" s="21">
        <v>46054</v>
      </c>
      <c r="C8069" s="2" t="s">
        <v>24720</v>
      </c>
      <c r="D8069" s="14" t="s">
        <v>24721</v>
      </c>
      <c r="E8069" s="2" t="s">
        <v>24722</v>
      </c>
      <c r="F8069" s="2" t="s">
        <v>24628</v>
      </c>
      <c r="G8069" s="8">
        <v>746</v>
      </c>
      <c r="H8069" s="5">
        <v>15</v>
      </c>
      <c r="I8069" s="5" t="s">
        <v>69</v>
      </c>
      <c r="J8069" s="5" t="s">
        <v>24629</v>
      </c>
      <c r="K8069" s="2" t="s">
        <v>24630</v>
      </c>
      <c r="L8069" s="5" t="s">
        <v>24629</v>
      </c>
      <c r="M8069" s="2" t="s">
        <v>24630</v>
      </c>
      <c r="N8069" s="5" t="s">
        <v>24254</v>
      </c>
      <c r="O8069" s="5" t="s">
        <v>38</v>
      </c>
      <c r="P8069" s="5" t="s">
        <v>39</v>
      </c>
      <c r="Q8069" s="5" t="s">
        <v>40</v>
      </c>
      <c r="R8069" s="5" t="s">
        <v>1487</v>
      </c>
      <c r="S8069" s="5"/>
      <c r="T8069" s="5" t="s">
        <v>42</v>
      </c>
      <c r="U8069" s="2">
        <v>0</v>
      </c>
      <c r="V8069" s="2">
        <v>0</v>
      </c>
      <c r="W8069" s="2">
        <v>0</v>
      </c>
      <c r="X8069" s="2">
        <v>0</v>
      </c>
      <c r="Y8069" s="2">
        <v>0</v>
      </c>
      <c r="Z8069" s="2">
        <v>0</v>
      </c>
      <c r="AA8069" s="5"/>
      <c r="AB8069" s="5" t="s">
        <v>43</v>
      </c>
      <c r="AC8069" s="5" t="s">
        <v>44</v>
      </c>
      <c r="AD8069" s="2" t="s">
        <v>24635</v>
      </c>
      <c r="AE8069" s="1"/>
    </row>
    <row r="8070" spans="1:31" ht="14.45">
      <c r="A8070" s="5" t="s">
        <v>116</v>
      </c>
      <c r="B8070" s="21">
        <v>46054</v>
      </c>
      <c r="C8070" s="2" t="s">
        <v>24723</v>
      </c>
      <c r="D8070" s="14" t="s">
        <v>24724</v>
      </c>
      <c r="E8070" s="2" t="s">
        <v>24725</v>
      </c>
      <c r="F8070" s="2" t="s">
        <v>24639</v>
      </c>
      <c r="G8070" s="8">
        <v>1423</v>
      </c>
      <c r="H8070" s="5">
        <v>15</v>
      </c>
      <c r="I8070" s="5" t="s">
        <v>69</v>
      </c>
      <c r="J8070" s="5" t="s">
        <v>24629</v>
      </c>
      <c r="K8070" s="2" t="s">
        <v>24630</v>
      </c>
      <c r="L8070" s="5" t="s">
        <v>24629</v>
      </c>
      <c r="M8070" s="2" t="s">
        <v>24630</v>
      </c>
      <c r="N8070" s="5" t="s">
        <v>24254</v>
      </c>
      <c r="O8070" s="5" t="s">
        <v>38</v>
      </c>
      <c r="P8070" s="5" t="s">
        <v>39</v>
      </c>
      <c r="Q8070" s="5" t="s">
        <v>40</v>
      </c>
      <c r="R8070" s="5" t="s">
        <v>1487</v>
      </c>
      <c r="S8070" s="5"/>
      <c r="T8070" s="5" t="s">
        <v>42</v>
      </c>
      <c r="U8070" s="2">
        <v>0</v>
      </c>
      <c r="V8070" s="2">
        <v>0</v>
      </c>
      <c r="W8070" s="2">
        <v>0</v>
      </c>
      <c r="X8070" s="2">
        <v>0</v>
      </c>
      <c r="Y8070" s="2">
        <v>0</v>
      </c>
      <c r="Z8070" s="2">
        <v>0</v>
      </c>
      <c r="AA8070" s="5"/>
      <c r="AB8070" s="5" t="s">
        <v>43</v>
      </c>
      <c r="AC8070" s="5" t="s">
        <v>44</v>
      </c>
      <c r="AD8070" s="2" t="s">
        <v>24640</v>
      </c>
      <c r="AE8070" s="1"/>
    </row>
    <row r="8071" spans="1:31" ht="14.45">
      <c r="A8071" s="5" t="s">
        <v>116</v>
      </c>
      <c r="B8071" s="21">
        <v>46054</v>
      </c>
      <c r="C8071" s="2" t="s">
        <v>24726</v>
      </c>
      <c r="D8071" s="14" t="s">
        <v>24727</v>
      </c>
      <c r="E8071" s="2" t="s">
        <v>24728</v>
      </c>
      <c r="F8071" s="2" t="s">
        <v>24639</v>
      </c>
      <c r="G8071" s="8">
        <v>1423</v>
      </c>
      <c r="H8071" s="5">
        <v>15</v>
      </c>
      <c r="I8071" s="5" t="s">
        <v>69</v>
      </c>
      <c r="J8071" s="5" t="s">
        <v>24629</v>
      </c>
      <c r="K8071" s="2" t="s">
        <v>24630</v>
      </c>
      <c r="L8071" s="5" t="s">
        <v>24629</v>
      </c>
      <c r="M8071" s="2" t="s">
        <v>24630</v>
      </c>
      <c r="N8071" s="5" t="s">
        <v>24254</v>
      </c>
      <c r="O8071" s="5" t="s">
        <v>38</v>
      </c>
      <c r="P8071" s="5" t="s">
        <v>39</v>
      </c>
      <c r="Q8071" s="5" t="s">
        <v>40</v>
      </c>
      <c r="R8071" s="5" t="s">
        <v>1487</v>
      </c>
      <c r="S8071" s="5"/>
      <c r="T8071" s="5" t="s">
        <v>42</v>
      </c>
      <c r="U8071" s="2">
        <v>0</v>
      </c>
      <c r="V8071" s="2">
        <v>0</v>
      </c>
      <c r="W8071" s="2">
        <v>0</v>
      </c>
      <c r="X8071" s="2">
        <v>0</v>
      </c>
      <c r="Y8071" s="2">
        <v>0</v>
      </c>
      <c r="Z8071" s="2">
        <v>0</v>
      </c>
      <c r="AA8071" s="5"/>
      <c r="AB8071" s="5" t="s">
        <v>43</v>
      </c>
      <c r="AC8071" s="5" t="s">
        <v>44</v>
      </c>
      <c r="AD8071" s="2" t="s">
        <v>24644</v>
      </c>
      <c r="AE8071" s="1"/>
    </row>
    <row r="8072" spans="1:31" ht="14.45">
      <c r="A8072" s="5" t="s">
        <v>116</v>
      </c>
      <c r="B8072" s="21">
        <v>46054</v>
      </c>
      <c r="C8072" s="2" t="s">
        <v>24729</v>
      </c>
      <c r="D8072" s="14" t="s">
        <v>24730</v>
      </c>
      <c r="E8072" s="2" t="s">
        <v>24731</v>
      </c>
      <c r="F8072" s="2" t="s">
        <v>24628</v>
      </c>
      <c r="G8072" s="8">
        <v>769</v>
      </c>
      <c r="H8072" s="5">
        <v>5</v>
      </c>
      <c r="I8072" s="5" t="s">
        <v>69</v>
      </c>
      <c r="J8072" s="5" t="s">
        <v>24629</v>
      </c>
      <c r="K8072" s="2" t="s">
        <v>24630</v>
      </c>
      <c r="L8072" s="5" t="s">
        <v>24629</v>
      </c>
      <c r="M8072" s="2" t="s">
        <v>24630</v>
      </c>
      <c r="N8072" s="5" t="s">
        <v>24254</v>
      </c>
      <c r="O8072" s="5" t="s">
        <v>38</v>
      </c>
      <c r="P8072" s="5" t="s">
        <v>39</v>
      </c>
      <c r="Q8072" s="5" t="s">
        <v>40</v>
      </c>
      <c r="R8072" s="5" t="s">
        <v>1487</v>
      </c>
      <c r="S8072" s="5"/>
      <c r="T8072" s="5" t="s">
        <v>42</v>
      </c>
      <c r="U8072" s="2">
        <v>0</v>
      </c>
      <c r="V8072" s="2">
        <v>0</v>
      </c>
      <c r="W8072" s="2">
        <v>0</v>
      </c>
      <c r="X8072" s="2">
        <v>0</v>
      </c>
      <c r="Y8072" s="2">
        <v>0</v>
      </c>
      <c r="Z8072" s="2">
        <v>0</v>
      </c>
      <c r="AA8072" s="5"/>
      <c r="AB8072" s="5" t="s">
        <v>43</v>
      </c>
      <c r="AC8072" s="5" t="s">
        <v>44</v>
      </c>
      <c r="AD8072" s="2" t="s">
        <v>24631</v>
      </c>
      <c r="AE8072" s="1"/>
    </row>
    <row r="8073" spans="1:31" ht="14.45">
      <c r="A8073" s="5" t="s">
        <v>116</v>
      </c>
      <c r="B8073" s="21">
        <v>46054</v>
      </c>
      <c r="C8073" s="2" t="s">
        <v>24732</v>
      </c>
      <c r="D8073" s="14" t="s">
        <v>24733</v>
      </c>
      <c r="E8073" s="2" t="s">
        <v>24734</v>
      </c>
      <c r="F8073" s="2" t="s">
        <v>24628</v>
      </c>
      <c r="G8073" s="8">
        <v>769</v>
      </c>
      <c r="H8073" s="5">
        <v>15</v>
      </c>
      <c r="I8073" s="5" t="s">
        <v>69</v>
      </c>
      <c r="J8073" s="5" t="s">
        <v>24629</v>
      </c>
      <c r="K8073" s="2" t="s">
        <v>24630</v>
      </c>
      <c r="L8073" s="5" t="s">
        <v>24629</v>
      </c>
      <c r="M8073" s="2" t="s">
        <v>24630</v>
      </c>
      <c r="N8073" s="5" t="s">
        <v>24254</v>
      </c>
      <c r="O8073" s="5" t="s">
        <v>38</v>
      </c>
      <c r="P8073" s="5" t="s">
        <v>39</v>
      </c>
      <c r="Q8073" s="5" t="s">
        <v>40</v>
      </c>
      <c r="R8073" s="5" t="s">
        <v>1487</v>
      </c>
      <c r="S8073" s="5"/>
      <c r="T8073" s="5" t="s">
        <v>42</v>
      </c>
      <c r="U8073" s="2">
        <v>0</v>
      </c>
      <c r="V8073" s="2">
        <v>0</v>
      </c>
      <c r="W8073" s="2">
        <v>0</v>
      </c>
      <c r="X8073" s="2">
        <v>0</v>
      </c>
      <c r="Y8073" s="2">
        <v>0</v>
      </c>
      <c r="Z8073" s="2">
        <v>0</v>
      </c>
      <c r="AA8073" s="5"/>
      <c r="AB8073" s="5" t="s">
        <v>43</v>
      </c>
      <c r="AC8073" s="5" t="s">
        <v>44</v>
      </c>
      <c r="AD8073" s="2" t="s">
        <v>24635</v>
      </c>
      <c r="AE8073" s="1"/>
    </row>
    <row r="8074" spans="1:31" ht="14.45">
      <c r="A8074" s="5" t="s">
        <v>116</v>
      </c>
      <c r="B8074" s="21">
        <v>46054</v>
      </c>
      <c r="C8074" s="2" t="s">
        <v>24735</v>
      </c>
      <c r="D8074" s="14" t="s">
        <v>24736</v>
      </c>
      <c r="E8074" s="2" t="s">
        <v>24737</v>
      </c>
      <c r="F8074" s="2" t="s">
        <v>24639</v>
      </c>
      <c r="G8074" s="8">
        <v>1467</v>
      </c>
      <c r="H8074" s="5">
        <v>15</v>
      </c>
      <c r="I8074" s="5" t="s">
        <v>69</v>
      </c>
      <c r="J8074" s="5" t="s">
        <v>24629</v>
      </c>
      <c r="K8074" s="2" t="s">
        <v>24630</v>
      </c>
      <c r="L8074" s="5" t="s">
        <v>24629</v>
      </c>
      <c r="M8074" s="2" t="s">
        <v>24630</v>
      </c>
      <c r="N8074" s="5" t="s">
        <v>24254</v>
      </c>
      <c r="O8074" s="5" t="s">
        <v>38</v>
      </c>
      <c r="P8074" s="5" t="s">
        <v>39</v>
      </c>
      <c r="Q8074" s="5" t="s">
        <v>40</v>
      </c>
      <c r="R8074" s="5" t="s">
        <v>1487</v>
      </c>
      <c r="S8074" s="5"/>
      <c r="T8074" s="5" t="s">
        <v>42</v>
      </c>
      <c r="U8074" s="2">
        <v>0</v>
      </c>
      <c r="V8074" s="2">
        <v>0</v>
      </c>
      <c r="W8074" s="2">
        <v>0</v>
      </c>
      <c r="X8074" s="2">
        <v>0</v>
      </c>
      <c r="Y8074" s="2">
        <v>0</v>
      </c>
      <c r="Z8074" s="2">
        <v>0</v>
      </c>
      <c r="AA8074" s="5"/>
      <c r="AB8074" s="5" t="s">
        <v>43</v>
      </c>
      <c r="AC8074" s="5" t="s">
        <v>44</v>
      </c>
      <c r="AD8074" s="2" t="s">
        <v>24640</v>
      </c>
      <c r="AE8074" s="1"/>
    </row>
    <row r="8075" spans="1:31" ht="14.45">
      <c r="A8075" s="5" t="s">
        <v>116</v>
      </c>
      <c r="B8075" s="21">
        <v>46054</v>
      </c>
      <c r="C8075" s="2" t="s">
        <v>24738</v>
      </c>
      <c r="D8075" s="14" t="s">
        <v>24739</v>
      </c>
      <c r="E8075" s="2" t="s">
        <v>24740</v>
      </c>
      <c r="F8075" s="2" t="s">
        <v>24639</v>
      </c>
      <c r="G8075" s="8">
        <v>1467</v>
      </c>
      <c r="H8075" s="5">
        <v>15</v>
      </c>
      <c r="I8075" s="5" t="s">
        <v>69</v>
      </c>
      <c r="J8075" s="5" t="s">
        <v>24629</v>
      </c>
      <c r="K8075" s="2" t="s">
        <v>24630</v>
      </c>
      <c r="L8075" s="5" t="s">
        <v>24629</v>
      </c>
      <c r="M8075" s="2" t="s">
        <v>24630</v>
      </c>
      <c r="N8075" s="5" t="s">
        <v>24254</v>
      </c>
      <c r="O8075" s="5" t="s">
        <v>38</v>
      </c>
      <c r="P8075" s="5" t="s">
        <v>39</v>
      </c>
      <c r="Q8075" s="5" t="s">
        <v>40</v>
      </c>
      <c r="R8075" s="5" t="s">
        <v>1487</v>
      </c>
      <c r="S8075" s="5"/>
      <c r="T8075" s="5" t="s">
        <v>42</v>
      </c>
      <c r="U8075" s="2">
        <v>0</v>
      </c>
      <c r="V8075" s="2">
        <v>0</v>
      </c>
      <c r="W8075" s="2">
        <v>0</v>
      </c>
      <c r="X8075" s="2">
        <v>0</v>
      </c>
      <c r="Y8075" s="2">
        <v>0</v>
      </c>
      <c r="Z8075" s="2">
        <v>0</v>
      </c>
      <c r="AA8075" s="5"/>
      <c r="AB8075" s="5" t="s">
        <v>43</v>
      </c>
      <c r="AC8075" s="5" t="s">
        <v>44</v>
      </c>
      <c r="AD8075" s="2" t="s">
        <v>24644</v>
      </c>
      <c r="AE8075" s="1"/>
    </row>
    <row r="8076" spans="1:31" ht="14.45">
      <c r="A8076" s="5" t="s">
        <v>116</v>
      </c>
      <c r="B8076" s="21">
        <v>46054</v>
      </c>
      <c r="C8076" s="2" t="s">
        <v>24741</v>
      </c>
      <c r="D8076" s="14" t="s">
        <v>24742</v>
      </c>
      <c r="E8076" s="2" t="s">
        <v>24743</v>
      </c>
      <c r="F8076" s="2" t="s">
        <v>24628</v>
      </c>
      <c r="G8076" s="8">
        <v>839</v>
      </c>
      <c r="H8076" s="5">
        <v>5</v>
      </c>
      <c r="I8076" s="5" t="s">
        <v>69</v>
      </c>
      <c r="J8076" s="5" t="s">
        <v>24629</v>
      </c>
      <c r="K8076" s="2" t="s">
        <v>24630</v>
      </c>
      <c r="L8076" s="5" t="s">
        <v>24629</v>
      </c>
      <c r="M8076" s="2" t="s">
        <v>24630</v>
      </c>
      <c r="N8076" s="5" t="s">
        <v>24254</v>
      </c>
      <c r="O8076" s="5" t="s">
        <v>38</v>
      </c>
      <c r="P8076" s="5" t="s">
        <v>39</v>
      </c>
      <c r="Q8076" s="5" t="s">
        <v>40</v>
      </c>
      <c r="R8076" s="5" t="s">
        <v>1487</v>
      </c>
      <c r="S8076" s="5"/>
      <c r="T8076" s="5" t="s">
        <v>42</v>
      </c>
      <c r="U8076" s="2">
        <v>0</v>
      </c>
      <c r="V8076" s="2">
        <v>0</v>
      </c>
      <c r="W8076" s="2">
        <v>0</v>
      </c>
      <c r="X8076" s="2">
        <v>0</v>
      </c>
      <c r="Y8076" s="2">
        <v>0</v>
      </c>
      <c r="Z8076" s="2">
        <v>0</v>
      </c>
      <c r="AA8076" s="5"/>
      <c r="AB8076" s="5" t="s">
        <v>43</v>
      </c>
      <c r="AC8076" s="5" t="s">
        <v>44</v>
      </c>
      <c r="AD8076" s="2" t="s">
        <v>24631</v>
      </c>
      <c r="AE8076" s="1"/>
    </row>
    <row r="8077" spans="1:31" ht="14.45">
      <c r="A8077" s="5" t="s">
        <v>116</v>
      </c>
      <c r="B8077" s="21">
        <v>46054</v>
      </c>
      <c r="C8077" s="2" t="s">
        <v>24744</v>
      </c>
      <c r="D8077" s="14" t="s">
        <v>24745</v>
      </c>
      <c r="E8077" s="2" t="s">
        <v>24746</v>
      </c>
      <c r="F8077" s="2" t="s">
        <v>24628</v>
      </c>
      <c r="G8077" s="8">
        <v>839</v>
      </c>
      <c r="H8077" s="5">
        <v>15</v>
      </c>
      <c r="I8077" s="5" t="s">
        <v>69</v>
      </c>
      <c r="J8077" s="5" t="s">
        <v>24629</v>
      </c>
      <c r="K8077" s="2" t="s">
        <v>24630</v>
      </c>
      <c r="L8077" s="5" t="s">
        <v>24629</v>
      </c>
      <c r="M8077" s="2" t="s">
        <v>24630</v>
      </c>
      <c r="N8077" s="5" t="s">
        <v>24254</v>
      </c>
      <c r="O8077" s="5" t="s">
        <v>38</v>
      </c>
      <c r="P8077" s="5" t="s">
        <v>39</v>
      </c>
      <c r="Q8077" s="5" t="s">
        <v>40</v>
      </c>
      <c r="R8077" s="5" t="s">
        <v>1487</v>
      </c>
      <c r="S8077" s="5"/>
      <c r="T8077" s="5" t="s">
        <v>42</v>
      </c>
      <c r="U8077" s="2">
        <v>0</v>
      </c>
      <c r="V8077" s="2">
        <v>0</v>
      </c>
      <c r="W8077" s="2">
        <v>0</v>
      </c>
      <c r="X8077" s="2">
        <v>0</v>
      </c>
      <c r="Y8077" s="2">
        <v>0</v>
      </c>
      <c r="Z8077" s="2">
        <v>0</v>
      </c>
      <c r="AA8077" s="5"/>
      <c r="AB8077" s="5" t="s">
        <v>43</v>
      </c>
      <c r="AC8077" s="5" t="s">
        <v>44</v>
      </c>
      <c r="AD8077" s="2" t="s">
        <v>24635</v>
      </c>
      <c r="AE8077" s="1"/>
    </row>
    <row r="8078" spans="1:31" ht="14.45">
      <c r="A8078" s="5" t="s">
        <v>116</v>
      </c>
      <c r="B8078" s="21">
        <v>46054</v>
      </c>
      <c r="C8078" s="2" t="s">
        <v>24747</v>
      </c>
      <c r="D8078" s="14" t="s">
        <v>24748</v>
      </c>
      <c r="E8078" s="2" t="s">
        <v>24749</v>
      </c>
      <c r="F8078" s="2" t="s">
        <v>24639</v>
      </c>
      <c r="G8078" s="8">
        <v>1447</v>
      </c>
      <c r="H8078" s="5">
        <v>15</v>
      </c>
      <c r="I8078" s="5" t="s">
        <v>69</v>
      </c>
      <c r="J8078" s="5" t="s">
        <v>24629</v>
      </c>
      <c r="K8078" s="2" t="s">
        <v>24630</v>
      </c>
      <c r="L8078" s="5" t="s">
        <v>24629</v>
      </c>
      <c r="M8078" s="2" t="s">
        <v>24630</v>
      </c>
      <c r="N8078" s="5" t="s">
        <v>24254</v>
      </c>
      <c r="O8078" s="5" t="s">
        <v>38</v>
      </c>
      <c r="P8078" s="5" t="s">
        <v>39</v>
      </c>
      <c r="Q8078" s="5" t="s">
        <v>40</v>
      </c>
      <c r="R8078" s="5" t="s">
        <v>1487</v>
      </c>
      <c r="S8078" s="5"/>
      <c r="T8078" s="5" t="s">
        <v>42</v>
      </c>
      <c r="U8078" s="2">
        <v>0</v>
      </c>
      <c r="V8078" s="2">
        <v>0</v>
      </c>
      <c r="W8078" s="2">
        <v>0</v>
      </c>
      <c r="X8078" s="2">
        <v>0</v>
      </c>
      <c r="Y8078" s="2">
        <v>0</v>
      </c>
      <c r="Z8078" s="2">
        <v>0</v>
      </c>
      <c r="AA8078" s="5"/>
      <c r="AB8078" s="5" t="s">
        <v>43</v>
      </c>
      <c r="AC8078" s="5" t="s">
        <v>44</v>
      </c>
      <c r="AD8078" s="2" t="s">
        <v>24640</v>
      </c>
      <c r="AE8078" s="1"/>
    </row>
    <row r="8079" spans="1:31" ht="14.45">
      <c r="A8079" s="5" t="s">
        <v>116</v>
      </c>
      <c r="B8079" s="21">
        <v>46054</v>
      </c>
      <c r="C8079" s="2" t="s">
        <v>24750</v>
      </c>
      <c r="D8079" s="14" t="s">
        <v>24751</v>
      </c>
      <c r="E8079" s="2" t="s">
        <v>24752</v>
      </c>
      <c r="F8079" s="2" t="s">
        <v>24639</v>
      </c>
      <c r="G8079" s="8">
        <v>1447</v>
      </c>
      <c r="H8079" s="5">
        <v>15</v>
      </c>
      <c r="I8079" s="5" t="s">
        <v>69</v>
      </c>
      <c r="J8079" s="5" t="s">
        <v>24629</v>
      </c>
      <c r="K8079" s="2" t="s">
        <v>24630</v>
      </c>
      <c r="L8079" s="5" t="s">
        <v>24629</v>
      </c>
      <c r="M8079" s="2" t="s">
        <v>24630</v>
      </c>
      <c r="N8079" s="5" t="s">
        <v>24254</v>
      </c>
      <c r="O8079" s="5" t="s">
        <v>38</v>
      </c>
      <c r="P8079" s="5" t="s">
        <v>39</v>
      </c>
      <c r="Q8079" s="5" t="s">
        <v>40</v>
      </c>
      <c r="R8079" s="5" t="s">
        <v>1487</v>
      </c>
      <c r="S8079" s="5"/>
      <c r="T8079" s="5" t="s">
        <v>42</v>
      </c>
      <c r="U8079" s="2">
        <v>0</v>
      </c>
      <c r="V8079" s="2">
        <v>0</v>
      </c>
      <c r="W8079" s="2">
        <v>0</v>
      </c>
      <c r="X8079" s="2">
        <v>0</v>
      </c>
      <c r="Y8079" s="2">
        <v>0</v>
      </c>
      <c r="Z8079" s="2">
        <v>0</v>
      </c>
      <c r="AA8079" s="5"/>
      <c r="AB8079" s="5" t="s">
        <v>43</v>
      </c>
      <c r="AC8079" s="5" t="s">
        <v>44</v>
      </c>
      <c r="AD8079" s="2" t="s">
        <v>24644</v>
      </c>
      <c r="AE8079" s="1"/>
    </row>
    <row r="8080" spans="1:31" ht="14.45">
      <c r="A8080" s="5" t="s">
        <v>116</v>
      </c>
      <c r="B8080" s="21">
        <v>46054</v>
      </c>
      <c r="C8080" s="2" t="s">
        <v>24753</v>
      </c>
      <c r="D8080" s="14" t="s">
        <v>24754</v>
      </c>
      <c r="E8080" s="2" t="s">
        <v>24755</v>
      </c>
      <c r="F8080" s="2" t="s">
        <v>24628</v>
      </c>
      <c r="G8080" s="8">
        <v>810</v>
      </c>
      <c r="H8080" s="5">
        <v>5</v>
      </c>
      <c r="I8080" s="5" t="s">
        <v>69</v>
      </c>
      <c r="J8080" s="5" t="s">
        <v>24629</v>
      </c>
      <c r="K8080" s="2" t="s">
        <v>24630</v>
      </c>
      <c r="L8080" s="5" t="s">
        <v>24629</v>
      </c>
      <c r="M8080" s="2" t="s">
        <v>24630</v>
      </c>
      <c r="N8080" s="5" t="s">
        <v>24254</v>
      </c>
      <c r="O8080" s="5" t="s">
        <v>38</v>
      </c>
      <c r="P8080" s="5" t="s">
        <v>39</v>
      </c>
      <c r="Q8080" s="5" t="s">
        <v>40</v>
      </c>
      <c r="R8080" s="5" t="s">
        <v>1487</v>
      </c>
      <c r="S8080" s="5"/>
      <c r="T8080" s="5" t="s">
        <v>42</v>
      </c>
      <c r="U8080" s="2">
        <v>0</v>
      </c>
      <c r="V8080" s="2">
        <v>0</v>
      </c>
      <c r="W8080" s="2">
        <v>0</v>
      </c>
      <c r="X8080" s="2">
        <v>0</v>
      </c>
      <c r="Y8080" s="2">
        <v>0</v>
      </c>
      <c r="Z8080" s="2">
        <v>0</v>
      </c>
      <c r="AA8080" s="5"/>
      <c r="AB8080" s="5" t="s">
        <v>43</v>
      </c>
      <c r="AC8080" s="5" t="s">
        <v>44</v>
      </c>
      <c r="AD8080" s="2" t="s">
        <v>24631</v>
      </c>
      <c r="AE8080" s="1"/>
    </row>
    <row r="8081" spans="1:31" ht="14.45">
      <c r="A8081" s="5" t="s">
        <v>116</v>
      </c>
      <c r="B8081" s="21">
        <v>46054</v>
      </c>
      <c r="C8081" s="2" t="s">
        <v>24756</v>
      </c>
      <c r="D8081" s="14" t="s">
        <v>24757</v>
      </c>
      <c r="E8081" s="2" t="s">
        <v>24758</v>
      </c>
      <c r="F8081" s="2" t="s">
        <v>24628</v>
      </c>
      <c r="G8081" s="8">
        <v>810</v>
      </c>
      <c r="H8081" s="5">
        <v>15</v>
      </c>
      <c r="I8081" s="5" t="s">
        <v>69</v>
      </c>
      <c r="J8081" s="5" t="s">
        <v>24629</v>
      </c>
      <c r="K8081" s="2" t="s">
        <v>24630</v>
      </c>
      <c r="L8081" s="5" t="s">
        <v>24629</v>
      </c>
      <c r="M8081" s="2" t="s">
        <v>24630</v>
      </c>
      <c r="N8081" s="5" t="s">
        <v>24254</v>
      </c>
      <c r="O8081" s="5" t="s">
        <v>38</v>
      </c>
      <c r="P8081" s="5" t="s">
        <v>39</v>
      </c>
      <c r="Q8081" s="5" t="s">
        <v>40</v>
      </c>
      <c r="R8081" s="5" t="s">
        <v>1487</v>
      </c>
      <c r="S8081" s="5"/>
      <c r="T8081" s="5" t="s">
        <v>42</v>
      </c>
      <c r="U8081" s="2">
        <v>0</v>
      </c>
      <c r="V8081" s="2">
        <v>0</v>
      </c>
      <c r="W8081" s="2">
        <v>0</v>
      </c>
      <c r="X8081" s="2">
        <v>0</v>
      </c>
      <c r="Y8081" s="2">
        <v>0</v>
      </c>
      <c r="Z8081" s="2">
        <v>0</v>
      </c>
      <c r="AA8081" s="5"/>
      <c r="AB8081" s="5" t="s">
        <v>43</v>
      </c>
      <c r="AC8081" s="5" t="s">
        <v>44</v>
      </c>
      <c r="AD8081" s="2" t="s">
        <v>24635</v>
      </c>
      <c r="AE8081" s="1"/>
    </row>
    <row r="8082" spans="1:31" ht="14.45">
      <c r="A8082" s="5" t="s">
        <v>116</v>
      </c>
      <c r="B8082" s="21">
        <v>46054</v>
      </c>
      <c r="C8082" s="2" t="s">
        <v>24759</v>
      </c>
      <c r="D8082" s="14" t="s">
        <v>24760</v>
      </c>
      <c r="E8082" s="2" t="s">
        <v>24761</v>
      </c>
      <c r="F8082" s="2" t="s">
        <v>24628</v>
      </c>
      <c r="G8082" s="8">
        <v>836</v>
      </c>
      <c r="H8082" s="5">
        <v>5</v>
      </c>
      <c r="I8082" s="5" t="s">
        <v>69</v>
      </c>
      <c r="J8082" s="5" t="s">
        <v>24629</v>
      </c>
      <c r="K8082" s="2" t="s">
        <v>24630</v>
      </c>
      <c r="L8082" s="5" t="s">
        <v>24629</v>
      </c>
      <c r="M8082" s="2" t="s">
        <v>24630</v>
      </c>
      <c r="N8082" s="5" t="s">
        <v>24254</v>
      </c>
      <c r="O8082" s="5" t="s">
        <v>38</v>
      </c>
      <c r="P8082" s="5" t="s">
        <v>39</v>
      </c>
      <c r="Q8082" s="5" t="s">
        <v>40</v>
      </c>
      <c r="R8082" s="5" t="s">
        <v>1487</v>
      </c>
      <c r="S8082" s="5"/>
      <c r="T8082" s="5" t="s">
        <v>42</v>
      </c>
      <c r="U8082" s="2">
        <v>0</v>
      </c>
      <c r="V8082" s="2">
        <v>0</v>
      </c>
      <c r="W8082" s="2">
        <v>0</v>
      </c>
      <c r="X8082" s="2">
        <v>0</v>
      </c>
      <c r="Y8082" s="2">
        <v>0</v>
      </c>
      <c r="Z8082" s="2">
        <v>0</v>
      </c>
      <c r="AA8082" s="5"/>
      <c r="AB8082" s="5" t="s">
        <v>43</v>
      </c>
      <c r="AC8082" s="5" t="s">
        <v>44</v>
      </c>
      <c r="AD8082" s="2" t="s">
        <v>24631</v>
      </c>
      <c r="AE8082" s="1"/>
    </row>
    <row r="8083" spans="1:31" ht="14.45">
      <c r="A8083" s="5" t="s">
        <v>116</v>
      </c>
      <c r="B8083" s="21">
        <v>46054</v>
      </c>
      <c r="C8083" s="2" t="s">
        <v>24762</v>
      </c>
      <c r="D8083" s="14" t="s">
        <v>24763</v>
      </c>
      <c r="E8083" s="2" t="s">
        <v>24764</v>
      </c>
      <c r="F8083" s="2" t="s">
        <v>24628</v>
      </c>
      <c r="G8083" s="8">
        <v>836</v>
      </c>
      <c r="H8083" s="5">
        <v>15</v>
      </c>
      <c r="I8083" s="5" t="s">
        <v>69</v>
      </c>
      <c r="J8083" s="5" t="s">
        <v>24629</v>
      </c>
      <c r="K8083" s="2" t="s">
        <v>24630</v>
      </c>
      <c r="L8083" s="5" t="s">
        <v>24629</v>
      </c>
      <c r="M8083" s="2" t="s">
        <v>24630</v>
      </c>
      <c r="N8083" s="5" t="s">
        <v>24254</v>
      </c>
      <c r="O8083" s="5" t="s">
        <v>38</v>
      </c>
      <c r="P8083" s="5" t="s">
        <v>39</v>
      </c>
      <c r="Q8083" s="5" t="s">
        <v>40</v>
      </c>
      <c r="R8083" s="5" t="s">
        <v>1487</v>
      </c>
      <c r="S8083" s="5"/>
      <c r="T8083" s="5" t="s">
        <v>42</v>
      </c>
      <c r="U8083" s="2">
        <v>0</v>
      </c>
      <c r="V8083" s="2">
        <v>0</v>
      </c>
      <c r="W8083" s="2">
        <v>0</v>
      </c>
      <c r="X8083" s="2">
        <v>0</v>
      </c>
      <c r="Y8083" s="2">
        <v>0</v>
      </c>
      <c r="Z8083" s="2">
        <v>0</v>
      </c>
      <c r="AA8083" s="5"/>
      <c r="AB8083" s="5" t="s">
        <v>43</v>
      </c>
      <c r="AC8083" s="5" t="s">
        <v>44</v>
      </c>
      <c r="AD8083" s="2" t="s">
        <v>24635</v>
      </c>
      <c r="AE8083" s="1"/>
    </row>
    <row r="8084" spans="1:31" ht="14.45">
      <c r="A8084" s="5" t="s">
        <v>116</v>
      </c>
      <c r="B8084" s="21">
        <v>46054</v>
      </c>
      <c r="C8084" s="2" t="s">
        <v>24765</v>
      </c>
      <c r="D8084" s="14" t="s">
        <v>24766</v>
      </c>
      <c r="E8084" s="2" t="s">
        <v>24767</v>
      </c>
      <c r="F8084" s="2" t="s">
        <v>24628</v>
      </c>
      <c r="G8084" s="8">
        <v>874</v>
      </c>
      <c r="H8084" s="5">
        <v>5</v>
      </c>
      <c r="I8084" s="5" t="s">
        <v>69</v>
      </c>
      <c r="J8084" s="5" t="s">
        <v>24629</v>
      </c>
      <c r="K8084" s="2" t="s">
        <v>24630</v>
      </c>
      <c r="L8084" s="5" t="s">
        <v>24629</v>
      </c>
      <c r="M8084" s="2" t="s">
        <v>24630</v>
      </c>
      <c r="N8084" s="5" t="s">
        <v>24254</v>
      </c>
      <c r="O8084" s="5" t="s">
        <v>38</v>
      </c>
      <c r="P8084" s="5" t="s">
        <v>39</v>
      </c>
      <c r="Q8084" s="5" t="s">
        <v>40</v>
      </c>
      <c r="R8084" s="5" t="s">
        <v>1487</v>
      </c>
      <c r="S8084" s="5"/>
      <c r="T8084" s="5" t="s">
        <v>42</v>
      </c>
      <c r="U8084" s="2">
        <v>0</v>
      </c>
      <c r="V8084" s="2">
        <v>0</v>
      </c>
      <c r="W8084" s="2">
        <v>0</v>
      </c>
      <c r="X8084" s="2">
        <v>0</v>
      </c>
      <c r="Y8084" s="2">
        <v>0</v>
      </c>
      <c r="Z8084" s="2">
        <v>0</v>
      </c>
      <c r="AA8084" s="5"/>
      <c r="AB8084" s="5" t="s">
        <v>43</v>
      </c>
      <c r="AC8084" s="5" t="s">
        <v>44</v>
      </c>
      <c r="AD8084" s="2" t="s">
        <v>24631</v>
      </c>
      <c r="AE8084" s="1"/>
    </row>
    <row r="8085" spans="1:31" ht="14.45">
      <c r="A8085" s="5" t="s">
        <v>116</v>
      </c>
      <c r="B8085" s="21">
        <v>46054</v>
      </c>
      <c r="C8085" s="2" t="s">
        <v>24768</v>
      </c>
      <c r="D8085" s="14" t="s">
        <v>24769</v>
      </c>
      <c r="E8085" s="2" t="s">
        <v>24770</v>
      </c>
      <c r="F8085" s="2" t="s">
        <v>24628</v>
      </c>
      <c r="G8085" s="8">
        <v>874</v>
      </c>
      <c r="H8085" s="5">
        <v>15</v>
      </c>
      <c r="I8085" s="5" t="s">
        <v>69</v>
      </c>
      <c r="J8085" s="5" t="s">
        <v>24629</v>
      </c>
      <c r="K8085" s="2" t="s">
        <v>24630</v>
      </c>
      <c r="L8085" s="5" t="s">
        <v>24629</v>
      </c>
      <c r="M8085" s="2" t="s">
        <v>24630</v>
      </c>
      <c r="N8085" s="5" t="s">
        <v>24254</v>
      </c>
      <c r="O8085" s="5" t="s">
        <v>38</v>
      </c>
      <c r="P8085" s="5" t="s">
        <v>39</v>
      </c>
      <c r="Q8085" s="5" t="s">
        <v>40</v>
      </c>
      <c r="R8085" s="5" t="s">
        <v>1487</v>
      </c>
      <c r="S8085" s="5"/>
      <c r="T8085" s="5" t="s">
        <v>42</v>
      </c>
      <c r="U8085" s="2">
        <v>0</v>
      </c>
      <c r="V8085" s="2">
        <v>0</v>
      </c>
      <c r="W8085" s="2">
        <v>0</v>
      </c>
      <c r="X8085" s="2">
        <v>0</v>
      </c>
      <c r="Y8085" s="2">
        <v>0</v>
      </c>
      <c r="Z8085" s="2">
        <v>0</v>
      </c>
      <c r="AA8085" s="5"/>
      <c r="AB8085" s="5" t="s">
        <v>43</v>
      </c>
      <c r="AC8085" s="5" t="s">
        <v>44</v>
      </c>
      <c r="AD8085" s="2" t="s">
        <v>24635</v>
      </c>
      <c r="AE8085" s="1"/>
    </row>
    <row r="8086" spans="1:31" ht="14.45">
      <c r="A8086" s="5" t="s">
        <v>116</v>
      </c>
      <c r="B8086" s="21">
        <v>46054</v>
      </c>
      <c r="C8086" s="2" t="s">
        <v>24771</v>
      </c>
      <c r="D8086" s="14" t="s">
        <v>24772</v>
      </c>
      <c r="E8086" s="2" t="s">
        <v>24773</v>
      </c>
      <c r="F8086" s="2" t="s">
        <v>24628</v>
      </c>
      <c r="G8086" s="8">
        <v>884</v>
      </c>
      <c r="H8086" s="5">
        <v>5</v>
      </c>
      <c r="I8086" s="5" t="s">
        <v>69</v>
      </c>
      <c r="J8086" s="5" t="s">
        <v>24629</v>
      </c>
      <c r="K8086" s="2" t="s">
        <v>24630</v>
      </c>
      <c r="L8086" s="5" t="s">
        <v>24629</v>
      </c>
      <c r="M8086" s="2" t="s">
        <v>24630</v>
      </c>
      <c r="N8086" s="5" t="s">
        <v>24254</v>
      </c>
      <c r="O8086" s="5" t="s">
        <v>38</v>
      </c>
      <c r="P8086" s="5" t="s">
        <v>39</v>
      </c>
      <c r="Q8086" s="5" t="s">
        <v>40</v>
      </c>
      <c r="R8086" s="5" t="s">
        <v>1487</v>
      </c>
      <c r="S8086" s="5"/>
      <c r="T8086" s="5" t="s">
        <v>42</v>
      </c>
      <c r="U8086" s="2">
        <v>0</v>
      </c>
      <c r="V8086" s="2">
        <v>0</v>
      </c>
      <c r="W8086" s="2">
        <v>0</v>
      </c>
      <c r="X8086" s="2">
        <v>0</v>
      </c>
      <c r="Y8086" s="2">
        <v>0</v>
      </c>
      <c r="Z8086" s="2">
        <v>0</v>
      </c>
      <c r="AA8086" s="5"/>
      <c r="AB8086" s="5" t="s">
        <v>43</v>
      </c>
      <c r="AC8086" s="5" t="s">
        <v>44</v>
      </c>
      <c r="AD8086" s="2" t="s">
        <v>24631</v>
      </c>
      <c r="AE8086" s="1"/>
    </row>
    <row r="8087" spans="1:31" ht="14.45">
      <c r="A8087" s="5" t="s">
        <v>116</v>
      </c>
      <c r="B8087" s="21">
        <v>46054</v>
      </c>
      <c r="C8087" s="2" t="s">
        <v>24774</v>
      </c>
      <c r="D8087" s="14" t="s">
        <v>24775</v>
      </c>
      <c r="E8087" s="2" t="s">
        <v>24776</v>
      </c>
      <c r="F8087" s="2" t="s">
        <v>24628</v>
      </c>
      <c r="G8087" s="8">
        <v>884</v>
      </c>
      <c r="H8087" s="5">
        <v>15</v>
      </c>
      <c r="I8087" s="5" t="s">
        <v>69</v>
      </c>
      <c r="J8087" s="5" t="s">
        <v>24629</v>
      </c>
      <c r="K8087" s="2" t="s">
        <v>24630</v>
      </c>
      <c r="L8087" s="5" t="s">
        <v>24629</v>
      </c>
      <c r="M8087" s="2" t="s">
        <v>24630</v>
      </c>
      <c r="N8087" s="5" t="s">
        <v>24254</v>
      </c>
      <c r="O8087" s="5" t="s">
        <v>38</v>
      </c>
      <c r="P8087" s="5" t="s">
        <v>39</v>
      </c>
      <c r="Q8087" s="5" t="s">
        <v>40</v>
      </c>
      <c r="R8087" s="5" t="s">
        <v>1487</v>
      </c>
      <c r="S8087" s="5"/>
      <c r="T8087" s="5" t="s">
        <v>42</v>
      </c>
      <c r="U8087" s="2">
        <v>0</v>
      </c>
      <c r="V8087" s="2">
        <v>0</v>
      </c>
      <c r="W8087" s="2">
        <v>0</v>
      </c>
      <c r="X8087" s="2">
        <v>0</v>
      </c>
      <c r="Y8087" s="2">
        <v>0</v>
      </c>
      <c r="Z8087" s="2">
        <v>0</v>
      </c>
      <c r="AA8087" s="5"/>
      <c r="AB8087" s="5" t="s">
        <v>43</v>
      </c>
      <c r="AC8087" s="5" t="s">
        <v>44</v>
      </c>
      <c r="AD8087" s="2" t="s">
        <v>24635</v>
      </c>
      <c r="AE8087" s="1"/>
    </row>
    <row r="8088" spans="1:31" ht="14.45">
      <c r="A8088" s="5" t="s">
        <v>116</v>
      </c>
      <c r="B8088" s="21">
        <v>46054</v>
      </c>
      <c r="C8088" s="2" t="s">
        <v>24777</v>
      </c>
      <c r="D8088" s="14" t="s">
        <v>24778</v>
      </c>
      <c r="E8088" s="2" t="s">
        <v>24779</v>
      </c>
      <c r="F8088" s="2" t="s">
        <v>24628</v>
      </c>
      <c r="G8088" s="8">
        <v>898</v>
      </c>
      <c r="H8088" s="5">
        <v>5</v>
      </c>
      <c r="I8088" s="5" t="s">
        <v>69</v>
      </c>
      <c r="J8088" s="5" t="s">
        <v>24629</v>
      </c>
      <c r="K8088" s="2" t="s">
        <v>24630</v>
      </c>
      <c r="L8088" s="5" t="s">
        <v>24629</v>
      </c>
      <c r="M8088" s="2" t="s">
        <v>24630</v>
      </c>
      <c r="N8088" s="5" t="s">
        <v>24254</v>
      </c>
      <c r="O8088" s="5" t="s">
        <v>38</v>
      </c>
      <c r="P8088" s="5" t="s">
        <v>39</v>
      </c>
      <c r="Q8088" s="5" t="s">
        <v>40</v>
      </c>
      <c r="R8088" s="5" t="s">
        <v>1487</v>
      </c>
      <c r="S8088" s="5"/>
      <c r="T8088" s="5" t="s">
        <v>42</v>
      </c>
      <c r="U8088" s="2">
        <v>0</v>
      </c>
      <c r="V8088" s="2">
        <v>0</v>
      </c>
      <c r="W8088" s="2">
        <v>0</v>
      </c>
      <c r="X8088" s="2">
        <v>0</v>
      </c>
      <c r="Y8088" s="2">
        <v>0</v>
      </c>
      <c r="Z8088" s="2">
        <v>0</v>
      </c>
      <c r="AA8088" s="5"/>
      <c r="AB8088" s="5" t="s">
        <v>43</v>
      </c>
      <c r="AC8088" s="5" t="s">
        <v>44</v>
      </c>
      <c r="AD8088" s="2" t="s">
        <v>24631</v>
      </c>
      <c r="AE8088" s="1"/>
    </row>
    <row r="8089" spans="1:31" ht="14.45">
      <c r="A8089" s="5" t="s">
        <v>116</v>
      </c>
      <c r="B8089" s="21">
        <v>46054</v>
      </c>
      <c r="C8089" s="2" t="s">
        <v>24780</v>
      </c>
      <c r="D8089" s="14" t="s">
        <v>24781</v>
      </c>
      <c r="E8089" s="2" t="s">
        <v>24782</v>
      </c>
      <c r="F8089" s="2" t="s">
        <v>24628</v>
      </c>
      <c r="G8089" s="8">
        <v>898</v>
      </c>
      <c r="H8089" s="5">
        <v>15</v>
      </c>
      <c r="I8089" s="5" t="s">
        <v>69</v>
      </c>
      <c r="J8089" s="5" t="s">
        <v>24629</v>
      </c>
      <c r="K8089" s="2" t="s">
        <v>24630</v>
      </c>
      <c r="L8089" s="5" t="s">
        <v>24629</v>
      </c>
      <c r="M8089" s="2" t="s">
        <v>24630</v>
      </c>
      <c r="N8089" s="5" t="s">
        <v>24254</v>
      </c>
      <c r="O8089" s="5" t="s">
        <v>38</v>
      </c>
      <c r="P8089" s="5" t="s">
        <v>39</v>
      </c>
      <c r="Q8089" s="5" t="s">
        <v>40</v>
      </c>
      <c r="R8089" s="5" t="s">
        <v>1487</v>
      </c>
      <c r="S8089" s="5"/>
      <c r="T8089" s="5" t="s">
        <v>42</v>
      </c>
      <c r="U8089" s="2">
        <v>0</v>
      </c>
      <c r="V8089" s="2">
        <v>0</v>
      </c>
      <c r="W8089" s="2">
        <v>0</v>
      </c>
      <c r="X8089" s="2">
        <v>0</v>
      </c>
      <c r="Y8089" s="2">
        <v>0</v>
      </c>
      <c r="Z8089" s="2">
        <v>0</v>
      </c>
      <c r="AA8089" s="5"/>
      <c r="AB8089" s="5" t="s">
        <v>43</v>
      </c>
      <c r="AC8089" s="5" t="s">
        <v>44</v>
      </c>
      <c r="AD8089" s="2" t="s">
        <v>24635</v>
      </c>
      <c r="AE8089" s="1"/>
    </row>
    <row r="8090" spans="1:31" ht="14.45">
      <c r="A8090" s="5" t="s">
        <v>116</v>
      </c>
      <c r="B8090" s="21">
        <v>46054</v>
      </c>
      <c r="C8090" s="2" t="s">
        <v>24783</v>
      </c>
      <c r="D8090" s="14" t="s">
        <v>24784</v>
      </c>
      <c r="E8090" s="2" t="s">
        <v>24785</v>
      </c>
      <c r="F8090" s="2" t="s">
        <v>24628</v>
      </c>
      <c r="G8090" s="8">
        <v>961</v>
      </c>
      <c r="H8090" s="5">
        <v>5</v>
      </c>
      <c r="I8090" s="5" t="s">
        <v>69</v>
      </c>
      <c r="J8090" s="5" t="s">
        <v>24629</v>
      </c>
      <c r="K8090" s="2" t="s">
        <v>24630</v>
      </c>
      <c r="L8090" s="5" t="s">
        <v>24629</v>
      </c>
      <c r="M8090" s="2" t="s">
        <v>24630</v>
      </c>
      <c r="N8090" s="5" t="s">
        <v>24254</v>
      </c>
      <c r="O8090" s="5" t="s">
        <v>38</v>
      </c>
      <c r="P8090" s="5" t="s">
        <v>39</v>
      </c>
      <c r="Q8090" s="5" t="s">
        <v>40</v>
      </c>
      <c r="R8090" s="5" t="s">
        <v>1487</v>
      </c>
      <c r="S8090" s="5"/>
      <c r="T8090" s="5" t="s">
        <v>42</v>
      </c>
      <c r="U8090" s="2">
        <v>0</v>
      </c>
      <c r="V8090" s="2">
        <v>0</v>
      </c>
      <c r="W8090" s="2">
        <v>0</v>
      </c>
      <c r="X8090" s="2">
        <v>0</v>
      </c>
      <c r="Y8090" s="2">
        <v>0</v>
      </c>
      <c r="Z8090" s="2">
        <v>0</v>
      </c>
      <c r="AA8090" s="5"/>
      <c r="AB8090" s="5" t="s">
        <v>43</v>
      </c>
      <c r="AC8090" s="5" t="s">
        <v>44</v>
      </c>
      <c r="AD8090" s="2" t="s">
        <v>24631</v>
      </c>
      <c r="AE8090" s="1"/>
    </row>
    <row r="8091" spans="1:31" ht="14.45">
      <c r="A8091" s="5" t="s">
        <v>116</v>
      </c>
      <c r="B8091" s="21">
        <v>46054</v>
      </c>
      <c r="C8091" s="2" t="s">
        <v>24786</v>
      </c>
      <c r="D8091" s="14" t="s">
        <v>24787</v>
      </c>
      <c r="E8091" s="2" t="s">
        <v>24788</v>
      </c>
      <c r="F8091" s="2" t="s">
        <v>24628</v>
      </c>
      <c r="G8091" s="8">
        <v>961</v>
      </c>
      <c r="H8091" s="5">
        <v>15</v>
      </c>
      <c r="I8091" s="5" t="s">
        <v>69</v>
      </c>
      <c r="J8091" s="5" t="s">
        <v>24629</v>
      </c>
      <c r="K8091" s="2" t="s">
        <v>24630</v>
      </c>
      <c r="L8091" s="5" t="s">
        <v>24629</v>
      </c>
      <c r="M8091" s="2" t="s">
        <v>24630</v>
      </c>
      <c r="N8091" s="5" t="s">
        <v>24254</v>
      </c>
      <c r="O8091" s="5" t="s">
        <v>38</v>
      </c>
      <c r="P8091" s="5" t="s">
        <v>39</v>
      </c>
      <c r="Q8091" s="5" t="s">
        <v>40</v>
      </c>
      <c r="R8091" s="5" t="s">
        <v>1487</v>
      </c>
      <c r="S8091" s="5"/>
      <c r="T8091" s="5" t="s">
        <v>42</v>
      </c>
      <c r="U8091" s="2">
        <v>0</v>
      </c>
      <c r="V8091" s="2">
        <v>0</v>
      </c>
      <c r="W8091" s="2">
        <v>0</v>
      </c>
      <c r="X8091" s="2">
        <v>0</v>
      </c>
      <c r="Y8091" s="2">
        <v>0</v>
      </c>
      <c r="Z8091" s="2">
        <v>0</v>
      </c>
      <c r="AA8091" s="5"/>
      <c r="AB8091" s="5" t="s">
        <v>43</v>
      </c>
      <c r="AC8091" s="5" t="s">
        <v>44</v>
      </c>
      <c r="AD8091" s="2" t="s">
        <v>24635</v>
      </c>
      <c r="AE8091" s="1"/>
    </row>
    <row r="8092" spans="1:31" ht="14.45">
      <c r="A8092" s="5" t="s">
        <v>116</v>
      </c>
      <c r="B8092" s="21">
        <v>46054</v>
      </c>
      <c r="C8092" s="2" t="s">
        <v>24789</v>
      </c>
      <c r="D8092" s="14" t="s">
        <v>24790</v>
      </c>
      <c r="E8092" s="2" t="s">
        <v>24791</v>
      </c>
      <c r="F8092" s="2" t="s">
        <v>24628</v>
      </c>
      <c r="G8092" s="8">
        <v>880</v>
      </c>
      <c r="H8092" s="5">
        <v>5</v>
      </c>
      <c r="I8092" s="5" t="s">
        <v>69</v>
      </c>
      <c r="J8092" s="5" t="s">
        <v>24629</v>
      </c>
      <c r="K8092" s="2" t="s">
        <v>24630</v>
      </c>
      <c r="L8092" s="5" t="s">
        <v>24629</v>
      </c>
      <c r="M8092" s="2" t="s">
        <v>24630</v>
      </c>
      <c r="N8092" s="5" t="s">
        <v>24254</v>
      </c>
      <c r="O8092" s="5" t="s">
        <v>38</v>
      </c>
      <c r="P8092" s="5" t="s">
        <v>39</v>
      </c>
      <c r="Q8092" s="5" t="s">
        <v>40</v>
      </c>
      <c r="R8092" s="5" t="s">
        <v>1487</v>
      </c>
      <c r="S8092" s="5"/>
      <c r="T8092" s="5" t="s">
        <v>42</v>
      </c>
      <c r="U8092" s="2">
        <v>0</v>
      </c>
      <c r="V8092" s="2">
        <v>0</v>
      </c>
      <c r="W8092" s="2">
        <v>0</v>
      </c>
      <c r="X8092" s="2">
        <v>0</v>
      </c>
      <c r="Y8092" s="2">
        <v>0</v>
      </c>
      <c r="Z8092" s="2">
        <v>0</v>
      </c>
      <c r="AA8092" s="5"/>
      <c r="AB8092" s="5" t="s">
        <v>43</v>
      </c>
      <c r="AC8092" s="5" t="s">
        <v>44</v>
      </c>
      <c r="AD8092" s="2" t="s">
        <v>24631</v>
      </c>
      <c r="AE8092" s="1"/>
    </row>
    <row r="8093" spans="1:31" ht="14.45">
      <c r="A8093" s="5" t="s">
        <v>116</v>
      </c>
      <c r="B8093" s="21">
        <v>46054</v>
      </c>
      <c r="C8093" s="2" t="s">
        <v>24792</v>
      </c>
      <c r="D8093" s="14" t="s">
        <v>24793</v>
      </c>
      <c r="E8093" s="2" t="s">
        <v>24794</v>
      </c>
      <c r="F8093" s="2" t="s">
        <v>24628</v>
      </c>
      <c r="G8093" s="8">
        <v>880</v>
      </c>
      <c r="H8093" s="5">
        <v>15</v>
      </c>
      <c r="I8093" s="5" t="s">
        <v>69</v>
      </c>
      <c r="J8093" s="5" t="s">
        <v>24629</v>
      </c>
      <c r="K8093" s="2" t="s">
        <v>24630</v>
      </c>
      <c r="L8093" s="5" t="s">
        <v>24629</v>
      </c>
      <c r="M8093" s="2" t="s">
        <v>24630</v>
      </c>
      <c r="N8093" s="5" t="s">
        <v>24254</v>
      </c>
      <c r="O8093" s="5" t="s">
        <v>38</v>
      </c>
      <c r="P8093" s="5" t="s">
        <v>39</v>
      </c>
      <c r="Q8093" s="5" t="s">
        <v>40</v>
      </c>
      <c r="R8093" s="5" t="s">
        <v>1487</v>
      </c>
      <c r="S8093" s="5"/>
      <c r="T8093" s="5" t="s">
        <v>42</v>
      </c>
      <c r="U8093" s="2">
        <v>0</v>
      </c>
      <c r="V8093" s="2">
        <v>0</v>
      </c>
      <c r="W8093" s="2">
        <v>0</v>
      </c>
      <c r="X8093" s="2">
        <v>0</v>
      </c>
      <c r="Y8093" s="2">
        <v>0</v>
      </c>
      <c r="Z8093" s="2">
        <v>0</v>
      </c>
      <c r="AA8093" s="5"/>
      <c r="AB8093" s="5" t="s">
        <v>43</v>
      </c>
      <c r="AC8093" s="5" t="s">
        <v>44</v>
      </c>
      <c r="AD8093" s="2" t="s">
        <v>24635</v>
      </c>
      <c r="AE8093" s="1"/>
    </row>
    <row r="8094" spans="1:31" ht="14.45">
      <c r="A8094" s="5" t="s">
        <v>116</v>
      </c>
      <c r="B8094" s="21">
        <v>46054</v>
      </c>
      <c r="C8094" s="2" t="s">
        <v>24795</v>
      </c>
      <c r="D8094" s="14" t="s">
        <v>24796</v>
      </c>
      <c r="E8094" s="2" t="s">
        <v>24797</v>
      </c>
      <c r="F8094" s="2" t="s">
        <v>24628</v>
      </c>
      <c r="G8094" s="8">
        <v>935</v>
      </c>
      <c r="H8094" s="5">
        <v>5</v>
      </c>
      <c r="I8094" s="5" t="s">
        <v>69</v>
      </c>
      <c r="J8094" s="5" t="s">
        <v>24629</v>
      </c>
      <c r="K8094" s="2" t="s">
        <v>24630</v>
      </c>
      <c r="L8094" s="5" t="s">
        <v>24629</v>
      </c>
      <c r="M8094" s="2" t="s">
        <v>24630</v>
      </c>
      <c r="N8094" s="5" t="s">
        <v>24254</v>
      </c>
      <c r="O8094" s="5" t="s">
        <v>38</v>
      </c>
      <c r="P8094" s="5" t="s">
        <v>39</v>
      </c>
      <c r="Q8094" s="5" t="s">
        <v>40</v>
      </c>
      <c r="R8094" s="5" t="s">
        <v>1487</v>
      </c>
      <c r="S8094" s="5"/>
      <c r="T8094" s="5" t="s">
        <v>42</v>
      </c>
      <c r="U8094" s="2">
        <v>0</v>
      </c>
      <c r="V8094" s="2">
        <v>0</v>
      </c>
      <c r="W8094" s="2">
        <v>0</v>
      </c>
      <c r="X8094" s="2">
        <v>0</v>
      </c>
      <c r="Y8094" s="2">
        <v>0</v>
      </c>
      <c r="Z8094" s="2">
        <v>0</v>
      </c>
      <c r="AA8094" s="5"/>
      <c r="AB8094" s="5" t="s">
        <v>43</v>
      </c>
      <c r="AC8094" s="5" t="s">
        <v>44</v>
      </c>
      <c r="AD8094" s="2" t="s">
        <v>24631</v>
      </c>
      <c r="AE8094" s="1"/>
    </row>
    <row r="8095" spans="1:31" ht="14.45">
      <c r="A8095" s="5" t="s">
        <v>116</v>
      </c>
      <c r="B8095" s="21">
        <v>46054</v>
      </c>
      <c r="C8095" s="2" t="s">
        <v>24798</v>
      </c>
      <c r="D8095" s="14" t="s">
        <v>24799</v>
      </c>
      <c r="E8095" s="2" t="s">
        <v>24800</v>
      </c>
      <c r="F8095" s="2" t="s">
        <v>24628</v>
      </c>
      <c r="G8095" s="8">
        <v>935</v>
      </c>
      <c r="H8095" s="5">
        <v>15</v>
      </c>
      <c r="I8095" s="5" t="s">
        <v>69</v>
      </c>
      <c r="J8095" s="5" t="s">
        <v>24629</v>
      </c>
      <c r="K8095" s="2" t="s">
        <v>24630</v>
      </c>
      <c r="L8095" s="5" t="s">
        <v>24629</v>
      </c>
      <c r="M8095" s="2" t="s">
        <v>24630</v>
      </c>
      <c r="N8095" s="5" t="s">
        <v>24254</v>
      </c>
      <c r="O8095" s="5" t="s">
        <v>38</v>
      </c>
      <c r="P8095" s="5" t="s">
        <v>39</v>
      </c>
      <c r="Q8095" s="5" t="s">
        <v>40</v>
      </c>
      <c r="R8095" s="5" t="s">
        <v>1487</v>
      </c>
      <c r="S8095" s="5"/>
      <c r="T8095" s="5" t="s">
        <v>42</v>
      </c>
      <c r="U8095" s="2">
        <v>0</v>
      </c>
      <c r="V8095" s="2">
        <v>0</v>
      </c>
      <c r="W8095" s="2">
        <v>0</v>
      </c>
      <c r="X8095" s="2">
        <v>0</v>
      </c>
      <c r="Y8095" s="2">
        <v>0</v>
      </c>
      <c r="Z8095" s="2">
        <v>0</v>
      </c>
      <c r="AA8095" s="5"/>
      <c r="AB8095" s="5" t="s">
        <v>43</v>
      </c>
      <c r="AC8095" s="5" t="s">
        <v>44</v>
      </c>
      <c r="AD8095" s="2" t="s">
        <v>24635</v>
      </c>
      <c r="AE8095" s="1"/>
    </row>
    <row r="8096" spans="1:31" ht="14.45">
      <c r="A8096" s="5" t="s">
        <v>116</v>
      </c>
      <c r="B8096" s="21">
        <v>46054</v>
      </c>
      <c r="C8096" s="2" t="s">
        <v>24801</v>
      </c>
      <c r="D8096" s="14" t="s">
        <v>24802</v>
      </c>
      <c r="E8096" s="2" t="s">
        <v>24803</v>
      </c>
      <c r="F8096" s="2" t="s">
        <v>24628</v>
      </c>
      <c r="G8096" s="8">
        <v>662</v>
      </c>
      <c r="H8096" s="5">
        <v>15</v>
      </c>
      <c r="I8096" s="5" t="s">
        <v>69</v>
      </c>
      <c r="J8096" s="5" t="s">
        <v>24629</v>
      </c>
      <c r="K8096" s="2" t="s">
        <v>24630</v>
      </c>
      <c r="L8096" s="5" t="s">
        <v>24629</v>
      </c>
      <c r="M8096" s="2" t="s">
        <v>24630</v>
      </c>
      <c r="N8096" s="5" t="s">
        <v>24254</v>
      </c>
      <c r="O8096" s="5" t="s">
        <v>38</v>
      </c>
      <c r="P8096" s="5" t="s">
        <v>39</v>
      </c>
      <c r="Q8096" s="5" t="s">
        <v>40</v>
      </c>
      <c r="R8096" s="5" t="s">
        <v>1487</v>
      </c>
      <c r="S8096" s="5"/>
      <c r="T8096" s="5" t="s">
        <v>42</v>
      </c>
      <c r="U8096" s="2">
        <v>0</v>
      </c>
      <c r="V8096" s="2">
        <v>0</v>
      </c>
      <c r="W8096" s="2">
        <v>0</v>
      </c>
      <c r="X8096" s="2">
        <v>0</v>
      </c>
      <c r="Y8096" s="2">
        <v>0</v>
      </c>
      <c r="Z8096" s="2">
        <v>0</v>
      </c>
      <c r="AA8096" s="5"/>
      <c r="AB8096" s="5" t="s">
        <v>43</v>
      </c>
      <c r="AC8096" s="5" t="s">
        <v>44</v>
      </c>
      <c r="AD8096" s="2" t="s">
        <v>24804</v>
      </c>
      <c r="AE8096" s="1"/>
    </row>
    <row r="8097" spans="1:31" ht="14.45">
      <c r="A8097" s="5" t="s">
        <v>116</v>
      </c>
      <c r="B8097" s="21">
        <v>46054</v>
      </c>
      <c r="C8097" s="2" t="s">
        <v>24805</v>
      </c>
      <c r="D8097" s="14" t="s">
        <v>24806</v>
      </c>
      <c r="E8097" s="2" t="s">
        <v>24807</v>
      </c>
      <c r="F8097" s="2" t="s">
        <v>24628</v>
      </c>
      <c r="G8097" s="8">
        <v>662</v>
      </c>
      <c r="H8097" s="5">
        <v>15</v>
      </c>
      <c r="I8097" s="5" t="s">
        <v>69</v>
      </c>
      <c r="J8097" s="5" t="s">
        <v>24629</v>
      </c>
      <c r="K8097" s="2" t="s">
        <v>24630</v>
      </c>
      <c r="L8097" s="5" t="s">
        <v>24629</v>
      </c>
      <c r="M8097" s="2" t="s">
        <v>24630</v>
      </c>
      <c r="N8097" s="5" t="s">
        <v>24254</v>
      </c>
      <c r="O8097" s="5" t="s">
        <v>38</v>
      </c>
      <c r="P8097" s="5" t="s">
        <v>39</v>
      </c>
      <c r="Q8097" s="5" t="s">
        <v>40</v>
      </c>
      <c r="R8097" s="5" t="s">
        <v>1487</v>
      </c>
      <c r="S8097" s="5"/>
      <c r="T8097" s="5" t="s">
        <v>42</v>
      </c>
      <c r="U8097" s="2">
        <v>0</v>
      </c>
      <c r="V8097" s="2">
        <v>0</v>
      </c>
      <c r="W8097" s="2">
        <v>0</v>
      </c>
      <c r="X8097" s="2">
        <v>0</v>
      </c>
      <c r="Y8097" s="2">
        <v>0</v>
      </c>
      <c r="Z8097" s="2">
        <v>0</v>
      </c>
      <c r="AA8097" s="5"/>
      <c r="AB8097" s="5" t="s">
        <v>43</v>
      </c>
      <c r="AC8097" s="5" t="s">
        <v>44</v>
      </c>
      <c r="AD8097" s="2" t="s">
        <v>24808</v>
      </c>
      <c r="AE8097" s="1"/>
    </row>
    <row r="8098" spans="1:31" ht="14.45">
      <c r="A8098" s="5" t="s">
        <v>116</v>
      </c>
      <c r="B8098" s="21">
        <v>46054</v>
      </c>
      <c r="C8098" s="2" t="s">
        <v>24809</v>
      </c>
      <c r="D8098" s="14" t="s">
        <v>24810</v>
      </c>
      <c r="E8098" s="2" t="s">
        <v>24811</v>
      </c>
      <c r="F8098" s="2" t="s">
        <v>24639</v>
      </c>
      <c r="G8098" s="8">
        <v>1212</v>
      </c>
      <c r="H8098" s="5">
        <v>15</v>
      </c>
      <c r="I8098" s="5" t="s">
        <v>69</v>
      </c>
      <c r="J8098" s="5" t="s">
        <v>24629</v>
      </c>
      <c r="K8098" s="2" t="s">
        <v>24630</v>
      </c>
      <c r="L8098" s="5" t="s">
        <v>24629</v>
      </c>
      <c r="M8098" s="2" t="s">
        <v>24630</v>
      </c>
      <c r="N8098" s="5" t="s">
        <v>24254</v>
      </c>
      <c r="O8098" s="5" t="s">
        <v>38</v>
      </c>
      <c r="P8098" s="5" t="s">
        <v>39</v>
      </c>
      <c r="Q8098" s="5" t="s">
        <v>40</v>
      </c>
      <c r="R8098" s="5" t="s">
        <v>1487</v>
      </c>
      <c r="S8098" s="5"/>
      <c r="T8098" s="5" t="s">
        <v>42</v>
      </c>
      <c r="U8098" s="2">
        <v>0</v>
      </c>
      <c r="V8098" s="2">
        <v>0</v>
      </c>
      <c r="W8098" s="2">
        <v>0</v>
      </c>
      <c r="X8098" s="2">
        <v>0</v>
      </c>
      <c r="Y8098" s="2">
        <v>0</v>
      </c>
      <c r="Z8098" s="2">
        <v>0</v>
      </c>
      <c r="AA8098" s="5"/>
      <c r="AB8098" s="5" t="s">
        <v>43</v>
      </c>
      <c r="AC8098" s="5" t="s">
        <v>44</v>
      </c>
      <c r="AD8098" s="2" t="s">
        <v>24812</v>
      </c>
      <c r="AE8098" s="1"/>
    </row>
    <row r="8099" spans="1:31" ht="14.45">
      <c r="A8099" s="5" t="s">
        <v>116</v>
      </c>
      <c r="B8099" s="21">
        <v>46054</v>
      </c>
      <c r="C8099" s="2" t="s">
        <v>24813</v>
      </c>
      <c r="D8099" s="14" t="s">
        <v>24814</v>
      </c>
      <c r="E8099" s="2" t="s">
        <v>24815</v>
      </c>
      <c r="F8099" s="2" t="s">
        <v>24639</v>
      </c>
      <c r="G8099" s="8">
        <v>1212</v>
      </c>
      <c r="H8099" s="5">
        <v>15</v>
      </c>
      <c r="I8099" s="5" t="s">
        <v>69</v>
      </c>
      <c r="J8099" s="5" t="s">
        <v>24629</v>
      </c>
      <c r="K8099" s="2" t="s">
        <v>24630</v>
      </c>
      <c r="L8099" s="5" t="s">
        <v>24629</v>
      </c>
      <c r="M8099" s="2" t="s">
        <v>24630</v>
      </c>
      <c r="N8099" s="5" t="s">
        <v>24254</v>
      </c>
      <c r="O8099" s="5" t="s">
        <v>38</v>
      </c>
      <c r="P8099" s="5" t="s">
        <v>39</v>
      </c>
      <c r="Q8099" s="5" t="s">
        <v>40</v>
      </c>
      <c r="R8099" s="5" t="s">
        <v>1487</v>
      </c>
      <c r="S8099" s="5"/>
      <c r="T8099" s="5" t="s">
        <v>42</v>
      </c>
      <c r="U8099" s="2">
        <v>0</v>
      </c>
      <c r="V8099" s="2">
        <v>0</v>
      </c>
      <c r="W8099" s="2">
        <v>0</v>
      </c>
      <c r="X8099" s="2">
        <v>0</v>
      </c>
      <c r="Y8099" s="2">
        <v>0</v>
      </c>
      <c r="Z8099" s="2">
        <v>0</v>
      </c>
      <c r="AA8099" s="5"/>
      <c r="AB8099" s="5" t="s">
        <v>43</v>
      </c>
      <c r="AC8099" s="5" t="s">
        <v>44</v>
      </c>
      <c r="AD8099" s="2" t="s">
        <v>24816</v>
      </c>
      <c r="AE8099" s="1"/>
    </row>
    <row r="8100" spans="1:31" ht="14.45">
      <c r="A8100" s="5" t="s">
        <v>116</v>
      </c>
      <c r="B8100" s="21">
        <v>46054</v>
      </c>
      <c r="C8100" s="2" t="s">
        <v>24817</v>
      </c>
      <c r="D8100" s="14" t="s">
        <v>24818</v>
      </c>
      <c r="E8100" s="2" t="s">
        <v>24819</v>
      </c>
      <c r="F8100" s="2" t="s">
        <v>24628</v>
      </c>
      <c r="G8100" s="8">
        <v>688</v>
      </c>
      <c r="H8100" s="5">
        <v>10</v>
      </c>
      <c r="I8100" s="5" t="s">
        <v>69</v>
      </c>
      <c r="J8100" s="5" t="s">
        <v>24629</v>
      </c>
      <c r="K8100" s="2" t="s">
        <v>24630</v>
      </c>
      <c r="L8100" s="5" t="s">
        <v>24629</v>
      </c>
      <c r="M8100" s="2" t="s">
        <v>24630</v>
      </c>
      <c r="N8100" s="5" t="s">
        <v>24254</v>
      </c>
      <c r="O8100" s="5" t="s">
        <v>38</v>
      </c>
      <c r="P8100" s="5" t="s">
        <v>39</v>
      </c>
      <c r="Q8100" s="5" t="s">
        <v>40</v>
      </c>
      <c r="R8100" s="5" t="s">
        <v>1487</v>
      </c>
      <c r="S8100" s="5"/>
      <c r="T8100" s="5" t="s">
        <v>42</v>
      </c>
      <c r="U8100" s="2">
        <v>0</v>
      </c>
      <c r="V8100" s="2">
        <v>0</v>
      </c>
      <c r="W8100" s="2">
        <v>0</v>
      </c>
      <c r="X8100" s="2">
        <v>0</v>
      </c>
      <c r="Y8100" s="2">
        <v>0</v>
      </c>
      <c r="Z8100" s="2">
        <v>0</v>
      </c>
      <c r="AA8100" s="5"/>
      <c r="AB8100" s="5" t="s">
        <v>43</v>
      </c>
      <c r="AC8100" s="5" t="s">
        <v>44</v>
      </c>
      <c r="AD8100" s="2" t="s">
        <v>24804</v>
      </c>
      <c r="AE8100" s="1"/>
    </row>
    <row r="8101" spans="1:31" ht="14.45">
      <c r="A8101" s="5" t="s">
        <v>116</v>
      </c>
      <c r="B8101" s="21">
        <v>46054</v>
      </c>
      <c r="C8101" s="2" t="s">
        <v>24820</v>
      </c>
      <c r="D8101" s="14" t="s">
        <v>24821</v>
      </c>
      <c r="E8101" s="2" t="s">
        <v>24822</v>
      </c>
      <c r="F8101" s="2" t="s">
        <v>24628</v>
      </c>
      <c r="G8101" s="8">
        <v>688</v>
      </c>
      <c r="H8101" s="5">
        <v>15</v>
      </c>
      <c r="I8101" s="5" t="s">
        <v>69</v>
      </c>
      <c r="J8101" s="5" t="s">
        <v>24629</v>
      </c>
      <c r="K8101" s="2" t="s">
        <v>24630</v>
      </c>
      <c r="L8101" s="5" t="s">
        <v>24629</v>
      </c>
      <c r="M8101" s="2" t="s">
        <v>24630</v>
      </c>
      <c r="N8101" s="5" t="s">
        <v>24254</v>
      </c>
      <c r="O8101" s="5" t="s">
        <v>38</v>
      </c>
      <c r="P8101" s="5" t="s">
        <v>39</v>
      </c>
      <c r="Q8101" s="5" t="s">
        <v>40</v>
      </c>
      <c r="R8101" s="5" t="s">
        <v>1487</v>
      </c>
      <c r="S8101" s="5"/>
      <c r="T8101" s="5" t="s">
        <v>42</v>
      </c>
      <c r="U8101" s="2">
        <v>0</v>
      </c>
      <c r="V8101" s="2">
        <v>0</v>
      </c>
      <c r="W8101" s="2">
        <v>0</v>
      </c>
      <c r="X8101" s="2">
        <v>0</v>
      </c>
      <c r="Y8101" s="2">
        <v>0</v>
      </c>
      <c r="Z8101" s="2">
        <v>0</v>
      </c>
      <c r="AA8101" s="5"/>
      <c r="AB8101" s="5" t="s">
        <v>43</v>
      </c>
      <c r="AC8101" s="5" t="s">
        <v>44</v>
      </c>
      <c r="AD8101" s="2" t="s">
        <v>24808</v>
      </c>
      <c r="AE8101" s="1"/>
    </row>
    <row r="8102" spans="1:31" ht="14.45">
      <c r="A8102" s="5" t="s">
        <v>116</v>
      </c>
      <c r="B8102" s="21">
        <v>46054</v>
      </c>
      <c r="C8102" s="2" t="s">
        <v>24823</v>
      </c>
      <c r="D8102" s="14" t="s">
        <v>24824</v>
      </c>
      <c r="E8102" s="2" t="s">
        <v>24825</v>
      </c>
      <c r="F8102" s="2" t="s">
        <v>24639</v>
      </c>
      <c r="G8102" s="8">
        <v>1265</v>
      </c>
      <c r="H8102" s="5">
        <v>15</v>
      </c>
      <c r="I8102" s="5" t="s">
        <v>69</v>
      </c>
      <c r="J8102" s="5" t="s">
        <v>24629</v>
      </c>
      <c r="K8102" s="2" t="s">
        <v>24630</v>
      </c>
      <c r="L8102" s="5" t="s">
        <v>24629</v>
      </c>
      <c r="M8102" s="2" t="s">
        <v>24630</v>
      </c>
      <c r="N8102" s="5" t="s">
        <v>24254</v>
      </c>
      <c r="O8102" s="5" t="s">
        <v>38</v>
      </c>
      <c r="P8102" s="5" t="s">
        <v>39</v>
      </c>
      <c r="Q8102" s="5" t="s">
        <v>40</v>
      </c>
      <c r="R8102" s="5" t="s">
        <v>1487</v>
      </c>
      <c r="S8102" s="5"/>
      <c r="T8102" s="5" t="s">
        <v>42</v>
      </c>
      <c r="U8102" s="2">
        <v>0</v>
      </c>
      <c r="V8102" s="2">
        <v>0</v>
      </c>
      <c r="W8102" s="2">
        <v>0</v>
      </c>
      <c r="X8102" s="2">
        <v>0</v>
      </c>
      <c r="Y8102" s="2">
        <v>0</v>
      </c>
      <c r="Z8102" s="2">
        <v>0</v>
      </c>
      <c r="AA8102" s="5"/>
      <c r="AB8102" s="5" t="s">
        <v>43</v>
      </c>
      <c r="AC8102" s="5" t="s">
        <v>44</v>
      </c>
      <c r="AD8102" s="2" t="s">
        <v>24812</v>
      </c>
      <c r="AE8102" s="1"/>
    </row>
    <row r="8103" spans="1:31" ht="14.45">
      <c r="A8103" s="5" t="s">
        <v>116</v>
      </c>
      <c r="B8103" s="21">
        <v>46054</v>
      </c>
      <c r="C8103" s="2" t="s">
        <v>24826</v>
      </c>
      <c r="D8103" s="14" t="s">
        <v>24827</v>
      </c>
      <c r="E8103" s="2" t="s">
        <v>24828</v>
      </c>
      <c r="F8103" s="2" t="s">
        <v>24639</v>
      </c>
      <c r="G8103" s="8">
        <v>1265</v>
      </c>
      <c r="H8103" s="5">
        <v>15</v>
      </c>
      <c r="I8103" s="5" t="s">
        <v>69</v>
      </c>
      <c r="J8103" s="5" t="s">
        <v>24629</v>
      </c>
      <c r="K8103" s="2" t="s">
        <v>24630</v>
      </c>
      <c r="L8103" s="5" t="s">
        <v>24629</v>
      </c>
      <c r="M8103" s="2" t="s">
        <v>24630</v>
      </c>
      <c r="N8103" s="5" t="s">
        <v>24254</v>
      </c>
      <c r="O8103" s="5" t="s">
        <v>38</v>
      </c>
      <c r="P8103" s="5" t="s">
        <v>39</v>
      </c>
      <c r="Q8103" s="5" t="s">
        <v>40</v>
      </c>
      <c r="R8103" s="5" t="s">
        <v>1487</v>
      </c>
      <c r="S8103" s="5"/>
      <c r="T8103" s="5" t="s">
        <v>42</v>
      </c>
      <c r="U8103" s="2">
        <v>0</v>
      </c>
      <c r="V8103" s="2">
        <v>0</v>
      </c>
      <c r="W8103" s="2">
        <v>0</v>
      </c>
      <c r="X8103" s="2">
        <v>0</v>
      </c>
      <c r="Y8103" s="2">
        <v>0</v>
      </c>
      <c r="Z8103" s="2">
        <v>0</v>
      </c>
      <c r="AA8103" s="5"/>
      <c r="AB8103" s="5" t="s">
        <v>43</v>
      </c>
      <c r="AC8103" s="5" t="s">
        <v>44</v>
      </c>
      <c r="AD8103" s="2" t="s">
        <v>24816</v>
      </c>
      <c r="AE8103" s="1"/>
    </row>
    <row r="8104" spans="1:31" ht="14.45">
      <c r="A8104" s="5" t="s">
        <v>116</v>
      </c>
      <c r="B8104" s="21">
        <v>46054</v>
      </c>
      <c r="C8104" s="2" t="s">
        <v>24829</v>
      </c>
      <c r="D8104" s="14" t="s">
        <v>24830</v>
      </c>
      <c r="E8104" s="2" t="s">
        <v>24831</v>
      </c>
      <c r="F8104" s="2" t="s">
        <v>24628</v>
      </c>
      <c r="G8104" s="8">
        <v>713</v>
      </c>
      <c r="H8104" s="5">
        <v>10</v>
      </c>
      <c r="I8104" s="5" t="s">
        <v>69</v>
      </c>
      <c r="J8104" s="5" t="s">
        <v>24629</v>
      </c>
      <c r="K8104" s="2" t="s">
        <v>24630</v>
      </c>
      <c r="L8104" s="5" t="s">
        <v>24629</v>
      </c>
      <c r="M8104" s="2" t="s">
        <v>24630</v>
      </c>
      <c r="N8104" s="5" t="s">
        <v>24254</v>
      </c>
      <c r="O8104" s="5" t="s">
        <v>38</v>
      </c>
      <c r="P8104" s="5" t="s">
        <v>39</v>
      </c>
      <c r="Q8104" s="5" t="s">
        <v>40</v>
      </c>
      <c r="R8104" s="5" t="s">
        <v>1487</v>
      </c>
      <c r="S8104" s="5"/>
      <c r="T8104" s="5" t="s">
        <v>42</v>
      </c>
      <c r="U8104" s="2">
        <v>0</v>
      </c>
      <c r="V8104" s="2">
        <v>0</v>
      </c>
      <c r="W8104" s="2">
        <v>0</v>
      </c>
      <c r="X8104" s="2">
        <v>0</v>
      </c>
      <c r="Y8104" s="2">
        <v>0</v>
      </c>
      <c r="Z8104" s="2">
        <v>0</v>
      </c>
      <c r="AA8104" s="5"/>
      <c r="AB8104" s="5" t="s">
        <v>43</v>
      </c>
      <c r="AC8104" s="5" t="s">
        <v>44</v>
      </c>
      <c r="AD8104" s="2" t="s">
        <v>24804</v>
      </c>
      <c r="AE8104" s="1"/>
    </row>
    <row r="8105" spans="1:31" ht="14.45">
      <c r="A8105" s="5" t="s">
        <v>116</v>
      </c>
      <c r="B8105" s="21">
        <v>46054</v>
      </c>
      <c r="C8105" s="2" t="s">
        <v>24832</v>
      </c>
      <c r="D8105" s="14" t="s">
        <v>24833</v>
      </c>
      <c r="E8105" s="2" t="s">
        <v>24834</v>
      </c>
      <c r="F8105" s="2" t="s">
        <v>24628</v>
      </c>
      <c r="G8105" s="8">
        <v>713</v>
      </c>
      <c r="H8105" s="5">
        <v>15</v>
      </c>
      <c r="I8105" s="5" t="s">
        <v>69</v>
      </c>
      <c r="J8105" s="5" t="s">
        <v>24629</v>
      </c>
      <c r="K8105" s="2" t="s">
        <v>24630</v>
      </c>
      <c r="L8105" s="5" t="s">
        <v>24629</v>
      </c>
      <c r="M8105" s="2" t="s">
        <v>24630</v>
      </c>
      <c r="N8105" s="5" t="s">
        <v>24254</v>
      </c>
      <c r="O8105" s="5" t="s">
        <v>38</v>
      </c>
      <c r="P8105" s="5" t="s">
        <v>39</v>
      </c>
      <c r="Q8105" s="5" t="s">
        <v>40</v>
      </c>
      <c r="R8105" s="5" t="s">
        <v>1487</v>
      </c>
      <c r="S8105" s="5"/>
      <c r="T8105" s="5" t="s">
        <v>42</v>
      </c>
      <c r="U8105" s="2">
        <v>0</v>
      </c>
      <c r="V8105" s="2">
        <v>0</v>
      </c>
      <c r="W8105" s="2">
        <v>0</v>
      </c>
      <c r="X8105" s="2">
        <v>0</v>
      </c>
      <c r="Y8105" s="2">
        <v>0</v>
      </c>
      <c r="Z8105" s="2">
        <v>0</v>
      </c>
      <c r="AA8105" s="5"/>
      <c r="AB8105" s="5" t="s">
        <v>43</v>
      </c>
      <c r="AC8105" s="5" t="s">
        <v>44</v>
      </c>
      <c r="AD8105" s="2" t="s">
        <v>24808</v>
      </c>
      <c r="AE8105" s="1"/>
    </row>
    <row r="8106" spans="1:31" ht="14.45">
      <c r="A8106" s="5" t="s">
        <v>116</v>
      </c>
      <c r="B8106" s="21">
        <v>46054</v>
      </c>
      <c r="C8106" s="2" t="s">
        <v>24835</v>
      </c>
      <c r="D8106" s="14" t="s">
        <v>24836</v>
      </c>
      <c r="E8106" s="2" t="s">
        <v>24837</v>
      </c>
      <c r="F8106" s="2" t="s">
        <v>24639</v>
      </c>
      <c r="G8106" s="8">
        <v>1315</v>
      </c>
      <c r="H8106" s="5">
        <v>15</v>
      </c>
      <c r="I8106" s="5" t="s">
        <v>69</v>
      </c>
      <c r="J8106" s="5" t="s">
        <v>24629</v>
      </c>
      <c r="K8106" s="2" t="s">
        <v>24630</v>
      </c>
      <c r="L8106" s="5" t="s">
        <v>24629</v>
      </c>
      <c r="M8106" s="2" t="s">
        <v>24630</v>
      </c>
      <c r="N8106" s="5" t="s">
        <v>24254</v>
      </c>
      <c r="O8106" s="5" t="s">
        <v>38</v>
      </c>
      <c r="P8106" s="5" t="s">
        <v>39</v>
      </c>
      <c r="Q8106" s="5" t="s">
        <v>40</v>
      </c>
      <c r="R8106" s="5" t="s">
        <v>1487</v>
      </c>
      <c r="S8106" s="5"/>
      <c r="T8106" s="5" t="s">
        <v>42</v>
      </c>
      <c r="U8106" s="2">
        <v>0</v>
      </c>
      <c r="V8106" s="2">
        <v>0</v>
      </c>
      <c r="W8106" s="2">
        <v>0</v>
      </c>
      <c r="X8106" s="2">
        <v>0</v>
      </c>
      <c r="Y8106" s="2">
        <v>0</v>
      </c>
      <c r="Z8106" s="2">
        <v>0</v>
      </c>
      <c r="AA8106" s="5"/>
      <c r="AB8106" s="5" t="s">
        <v>43</v>
      </c>
      <c r="AC8106" s="5" t="s">
        <v>44</v>
      </c>
      <c r="AD8106" s="2" t="s">
        <v>24812</v>
      </c>
      <c r="AE8106" s="1"/>
    </row>
    <row r="8107" spans="1:31" ht="14.45">
      <c r="A8107" s="5" t="s">
        <v>116</v>
      </c>
      <c r="B8107" s="21">
        <v>46054</v>
      </c>
      <c r="C8107" s="2" t="s">
        <v>24838</v>
      </c>
      <c r="D8107" s="14" t="s">
        <v>24839</v>
      </c>
      <c r="E8107" s="2" t="s">
        <v>24840</v>
      </c>
      <c r="F8107" s="2" t="s">
        <v>24639</v>
      </c>
      <c r="G8107" s="8">
        <v>1315</v>
      </c>
      <c r="H8107" s="5">
        <v>15</v>
      </c>
      <c r="I8107" s="5" t="s">
        <v>69</v>
      </c>
      <c r="J8107" s="5" t="s">
        <v>24629</v>
      </c>
      <c r="K8107" s="2" t="s">
        <v>24630</v>
      </c>
      <c r="L8107" s="5" t="s">
        <v>24629</v>
      </c>
      <c r="M8107" s="2" t="s">
        <v>24630</v>
      </c>
      <c r="N8107" s="5" t="s">
        <v>24254</v>
      </c>
      <c r="O8107" s="5" t="s">
        <v>38</v>
      </c>
      <c r="P8107" s="5" t="s">
        <v>39</v>
      </c>
      <c r="Q8107" s="5" t="s">
        <v>40</v>
      </c>
      <c r="R8107" s="5" t="s">
        <v>1487</v>
      </c>
      <c r="S8107" s="5"/>
      <c r="T8107" s="5" t="s">
        <v>42</v>
      </c>
      <c r="U8107" s="2">
        <v>0</v>
      </c>
      <c r="V8107" s="2">
        <v>0</v>
      </c>
      <c r="W8107" s="2">
        <v>0</v>
      </c>
      <c r="X8107" s="2">
        <v>0</v>
      </c>
      <c r="Y8107" s="2">
        <v>0</v>
      </c>
      <c r="Z8107" s="2">
        <v>0</v>
      </c>
      <c r="AA8107" s="5"/>
      <c r="AB8107" s="5" t="s">
        <v>43</v>
      </c>
      <c r="AC8107" s="5" t="s">
        <v>44</v>
      </c>
      <c r="AD8107" s="2" t="s">
        <v>24816</v>
      </c>
      <c r="AE8107" s="1"/>
    </row>
    <row r="8108" spans="1:31" ht="14.45">
      <c r="A8108" s="5" t="s">
        <v>116</v>
      </c>
      <c r="B8108" s="21">
        <v>46054</v>
      </c>
      <c r="C8108" s="2" t="s">
        <v>24841</v>
      </c>
      <c r="D8108" s="14" t="s">
        <v>24842</v>
      </c>
      <c r="E8108" s="2" t="s">
        <v>24843</v>
      </c>
      <c r="F8108" s="2" t="s">
        <v>24628</v>
      </c>
      <c r="G8108" s="8">
        <v>704</v>
      </c>
      <c r="H8108" s="5">
        <v>10</v>
      </c>
      <c r="I8108" s="5" t="s">
        <v>69</v>
      </c>
      <c r="J8108" s="5" t="s">
        <v>24629</v>
      </c>
      <c r="K8108" s="2" t="s">
        <v>24630</v>
      </c>
      <c r="L8108" s="5" t="s">
        <v>24629</v>
      </c>
      <c r="M8108" s="2" t="s">
        <v>24630</v>
      </c>
      <c r="N8108" s="5" t="s">
        <v>24254</v>
      </c>
      <c r="O8108" s="5" t="s">
        <v>38</v>
      </c>
      <c r="P8108" s="5" t="s">
        <v>39</v>
      </c>
      <c r="Q8108" s="5" t="s">
        <v>40</v>
      </c>
      <c r="R8108" s="5" t="s">
        <v>1487</v>
      </c>
      <c r="S8108" s="5"/>
      <c r="T8108" s="5" t="s">
        <v>42</v>
      </c>
      <c r="U8108" s="2">
        <v>0</v>
      </c>
      <c r="V8108" s="2">
        <v>0</v>
      </c>
      <c r="W8108" s="2">
        <v>0</v>
      </c>
      <c r="X8108" s="2">
        <v>0</v>
      </c>
      <c r="Y8108" s="2">
        <v>0</v>
      </c>
      <c r="Z8108" s="2">
        <v>0</v>
      </c>
      <c r="AA8108" s="5"/>
      <c r="AB8108" s="5" t="s">
        <v>43</v>
      </c>
      <c r="AC8108" s="5" t="s">
        <v>44</v>
      </c>
      <c r="AD8108" s="2" t="s">
        <v>24804</v>
      </c>
      <c r="AE8108" s="1"/>
    </row>
    <row r="8109" spans="1:31" ht="14.45">
      <c r="A8109" s="5" t="s">
        <v>116</v>
      </c>
      <c r="B8109" s="21">
        <v>46054</v>
      </c>
      <c r="C8109" s="2" t="s">
        <v>24844</v>
      </c>
      <c r="D8109" s="14" t="s">
        <v>24845</v>
      </c>
      <c r="E8109" s="2" t="s">
        <v>24846</v>
      </c>
      <c r="F8109" s="2" t="s">
        <v>24628</v>
      </c>
      <c r="G8109" s="8">
        <v>704</v>
      </c>
      <c r="H8109" s="5">
        <v>15</v>
      </c>
      <c r="I8109" s="5" t="s">
        <v>69</v>
      </c>
      <c r="J8109" s="5" t="s">
        <v>24629</v>
      </c>
      <c r="K8109" s="2" t="s">
        <v>24630</v>
      </c>
      <c r="L8109" s="5" t="s">
        <v>24629</v>
      </c>
      <c r="M8109" s="2" t="s">
        <v>24630</v>
      </c>
      <c r="N8109" s="5" t="s">
        <v>24254</v>
      </c>
      <c r="O8109" s="5" t="s">
        <v>38</v>
      </c>
      <c r="P8109" s="5" t="s">
        <v>39</v>
      </c>
      <c r="Q8109" s="5" t="s">
        <v>40</v>
      </c>
      <c r="R8109" s="5" t="s">
        <v>1487</v>
      </c>
      <c r="S8109" s="5"/>
      <c r="T8109" s="5" t="s">
        <v>42</v>
      </c>
      <c r="U8109" s="2">
        <v>0</v>
      </c>
      <c r="V8109" s="2">
        <v>0</v>
      </c>
      <c r="W8109" s="2">
        <v>0</v>
      </c>
      <c r="X8109" s="2">
        <v>0</v>
      </c>
      <c r="Y8109" s="2">
        <v>0</v>
      </c>
      <c r="Z8109" s="2">
        <v>0</v>
      </c>
      <c r="AA8109" s="5"/>
      <c r="AB8109" s="5" t="s">
        <v>43</v>
      </c>
      <c r="AC8109" s="5" t="s">
        <v>44</v>
      </c>
      <c r="AD8109" s="2" t="s">
        <v>24808</v>
      </c>
      <c r="AE8109" s="1"/>
    </row>
    <row r="8110" spans="1:31" ht="14.45">
      <c r="A8110" s="5" t="s">
        <v>116</v>
      </c>
      <c r="B8110" s="21">
        <v>46054</v>
      </c>
      <c r="C8110" s="2" t="s">
        <v>24847</v>
      </c>
      <c r="D8110" s="14" t="s">
        <v>24848</v>
      </c>
      <c r="E8110" s="2" t="s">
        <v>24849</v>
      </c>
      <c r="F8110" s="2" t="s">
        <v>24639</v>
      </c>
      <c r="G8110" s="8">
        <v>1341</v>
      </c>
      <c r="H8110" s="5">
        <v>15</v>
      </c>
      <c r="I8110" s="5" t="s">
        <v>69</v>
      </c>
      <c r="J8110" s="5" t="s">
        <v>24629</v>
      </c>
      <c r="K8110" s="2" t="s">
        <v>24630</v>
      </c>
      <c r="L8110" s="5" t="s">
        <v>24629</v>
      </c>
      <c r="M8110" s="2" t="s">
        <v>24630</v>
      </c>
      <c r="N8110" s="5" t="s">
        <v>24254</v>
      </c>
      <c r="O8110" s="5" t="s">
        <v>38</v>
      </c>
      <c r="P8110" s="5" t="s">
        <v>39</v>
      </c>
      <c r="Q8110" s="5" t="s">
        <v>40</v>
      </c>
      <c r="R8110" s="5" t="s">
        <v>1487</v>
      </c>
      <c r="S8110" s="5"/>
      <c r="T8110" s="5" t="s">
        <v>42</v>
      </c>
      <c r="U8110" s="2">
        <v>0</v>
      </c>
      <c r="V8110" s="2">
        <v>0</v>
      </c>
      <c r="W8110" s="2">
        <v>0</v>
      </c>
      <c r="X8110" s="2">
        <v>0</v>
      </c>
      <c r="Y8110" s="2">
        <v>0</v>
      </c>
      <c r="Z8110" s="2">
        <v>0</v>
      </c>
      <c r="AA8110" s="5"/>
      <c r="AB8110" s="5" t="s">
        <v>43</v>
      </c>
      <c r="AC8110" s="5" t="s">
        <v>44</v>
      </c>
      <c r="AD8110" s="2" t="s">
        <v>24812</v>
      </c>
      <c r="AE8110" s="1"/>
    </row>
    <row r="8111" spans="1:31" ht="14.45">
      <c r="A8111" s="5" t="s">
        <v>116</v>
      </c>
      <c r="B8111" s="21">
        <v>46054</v>
      </c>
      <c r="C8111" s="2" t="s">
        <v>24850</v>
      </c>
      <c r="D8111" s="14" t="s">
        <v>24851</v>
      </c>
      <c r="E8111" s="2" t="s">
        <v>24852</v>
      </c>
      <c r="F8111" s="2" t="s">
        <v>24639</v>
      </c>
      <c r="G8111" s="8">
        <v>1341</v>
      </c>
      <c r="H8111" s="5">
        <v>15</v>
      </c>
      <c r="I8111" s="5" t="s">
        <v>69</v>
      </c>
      <c r="J8111" s="5" t="s">
        <v>24629</v>
      </c>
      <c r="K8111" s="2" t="s">
        <v>24630</v>
      </c>
      <c r="L8111" s="5" t="s">
        <v>24629</v>
      </c>
      <c r="M8111" s="2" t="s">
        <v>24630</v>
      </c>
      <c r="N8111" s="5" t="s">
        <v>24254</v>
      </c>
      <c r="O8111" s="5" t="s">
        <v>38</v>
      </c>
      <c r="P8111" s="5" t="s">
        <v>39</v>
      </c>
      <c r="Q8111" s="5" t="s">
        <v>40</v>
      </c>
      <c r="R8111" s="5" t="s">
        <v>1487</v>
      </c>
      <c r="S8111" s="5"/>
      <c r="T8111" s="5" t="s">
        <v>42</v>
      </c>
      <c r="U8111" s="2">
        <v>0</v>
      </c>
      <c r="V8111" s="2">
        <v>0</v>
      </c>
      <c r="W8111" s="2">
        <v>0</v>
      </c>
      <c r="X8111" s="2">
        <v>0</v>
      </c>
      <c r="Y8111" s="2">
        <v>0</v>
      </c>
      <c r="Z8111" s="2">
        <v>0</v>
      </c>
      <c r="AA8111" s="5"/>
      <c r="AB8111" s="5" t="s">
        <v>43</v>
      </c>
      <c r="AC8111" s="5" t="s">
        <v>44</v>
      </c>
      <c r="AD8111" s="2" t="s">
        <v>24816</v>
      </c>
      <c r="AE8111" s="1"/>
    </row>
    <row r="8112" spans="1:31" ht="14.45">
      <c r="A8112" s="5" t="s">
        <v>116</v>
      </c>
      <c r="B8112" s="21">
        <v>46054</v>
      </c>
      <c r="C8112" s="2" t="s">
        <v>24853</v>
      </c>
      <c r="D8112" s="14" t="s">
        <v>24854</v>
      </c>
      <c r="E8112" s="2" t="s">
        <v>24855</v>
      </c>
      <c r="F8112" s="2" t="s">
        <v>24628</v>
      </c>
      <c r="G8112" s="8">
        <v>750</v>
      </c>
      <c r="H8112" s="5">
        <v>10</v>
      </c>
      <c r="I8112" s="5" t="s">
        <v>69</v>
      </c>
      <c r="J8112" s="5" t="s">
        <v>24629</v>
      </c>
      <c r="K8112" s="2" t="s">
        <v>24630</v>
      </c>
      <c r="L8112" s="5" t="s">
        <v>24629</v>
      </c>
      <c r="M8112" s="2" t="s">
        <v>24630</v>
      </c>
      <c r="N8112" s="5" t="s">
        <v>24254</v>
      </c>
      <c r="O8112" s="5" t="s">
        <v>38</v>
      </c>
      <c r="P8112" s="5" t="s">
        <v>39</v>
      </c>
      <c r="Q8112" s="5" t="s">
        <v>40</v>
      </c>
      <c r="R8112" s="5" t="s">
        <v>1487</v>
      </c>
      <c r="S8112" s="5"/>
      <c r="T8112" s="5" t="s">
        <v>42</v>
      </c>
      <c r="U8112" s="2">
        <v>0</v>
      </c>
      <c r="V8112" s="2">
        <v>0</v>
      </c>
      <c r="W8112" s="2">
        <v>0</v>
      </c>
      <c r="X8112" s="2">
        <v>0</v>
      </c>
      <c r="Y8112" s="2">
        <v>0</v>
      </c>
      <c r="Z8112" s="2">
        <v>0</v>
      </c>
      <c r="AA8112" s="5"/>
      <c r="AB8112" s="5" t="s">
        <v>43</v>
      </c>
      <c r="AC8112" s="5" t="s">
        <v>44</v>
      </c>
      <c r="AD8112" s="2" t="s">
        <v>24804</v>
      </c>
      <c r="AE8112" s="1"/>
    </row>
    <row r="8113" spans="1:31" ht="14.45">
      <c r="A8113" s="5" t="s">
        <v>116</v>
      </c>
      <c r="B8113" s="21">
        <v>46054</v>
      </c>
      <c r="C8113" s="2" t="s">
        <v>24856</v>
      </c>
      <c r="D8113" s="14" t="s">
        <v>24857</v>
      </c>
      <c r="E8113" s="2" t="s">
        <v>24858</v>
      </c>
      <c r="F8113" s="2" t="s">
        <v>24628</v>
      </c>
      <c r="G8113" s="8">
        <v>750</v>
      </c>
      <c r="H8113" s="5">
        <v>15</v>
      </c>
      <c r="I8113" s="5" t="s">
        <v>69</v>
      </c>
      <c r="J8113" s="5" t="s">
        <v>24629</v>
      </c>
      <c r="K8113" s="2" t="s">
        <v>24630</v>
      </c>
      <c r="L8113" s="5" t="s">
        <v>24629</v>
      </c>
      <c r="M8113" s="2" t="s">
        <v>24630</v>
      </c>
      <c r="N8113" s="5" t="s">
        <v>24254</v>
      </c>
      <c r="O8113" s="5" t="s">
        <v>38</v>
      </c>
      <c r="P8113" s="5" t="s">
        <v>39</v>
      </c>
      <c r="Q8113" s="5" t="s">
        <v>40</v>
      </c>
      <c r="R8113" s="5" t="s">
        <v>1487</v>
      </c>
      <c r="S8113" s="5"/>
      <c r="T8113" s="5" t="s">
        <v>42</v>
      </c>
      <c r="U8113" s="2">
        <v>0</v>
      </c>
      <c r="V8113" s="2">
        <v>0</v>
      </c>
      <c r="W8113" s="2">
        <v>0</v>
      </c>
      <c r="X8113" s="2">
        <v>0</v>
      </c>
      <c r="Y8113" s="2">
        <v>0</v>
      </c>
      <c r="Z8113" s="2">
        <v>0</v>
      </c>
      <c r="AA8113" s="5"/>
      <c r="AB8113" s="5" t="s">
        <v>43</v>
      </c>
      <c r="AC8113" s="5" t="s">
        <v>44</v>
      </c>
      <c r="AD8113" s="2" t="s">
        <v>24808</v>
      </c>
      <c r="AE8113" s="1"/>
    </row>
    <row r="8114" spans="1:31" ht="14.45">
      <c r="A8114" s="5" t="s">
        <v>116</v>
      </c>
      <c r="B8114" s="21">
        <v>46054</v>
      </c>
      <c r="C8114" s="2" t="s">
        <v>24859</v>
      </c>
      <c r="D8114" s="14" t="s">
        <v>24860</v>
      </c>
      <c r="E8114" s="2" t="s">
        <v>24861</v>
      </c>
      <c r="F8114" s="2" t="s">
        <v>24639</v>
      </c>
      <c r="G8114" s="8">
        <v>1433</v>
      </c>
      <c r="H8114" s="5">
        <v>15</v>
      </c>
      <c r="I8114" s="5" t="s">
        <v>69</v>
      </c>
      <c r="J8114" s="5" t="s">
        <v>24629</v>
      </c>
      <c r="K8114" s="2" t="s">
        <v>24630</v>
      </c>
      <c r="L8114" s="5" t="s">
        <v>24629</v>
      </c>
      <c r="M8114" s="2" t="s">
        <v>24630</v>
      </c>
      <c r="N8114" s="5" t="s">
        <v>24254</v>
      </c>
      <c r="O8114" s="5" t="s">
        <v>38</v>
      </c>
      <c r="P8114" s="5" t="s">
        <v>39</v>
      </c>
      <c r="Q8114" s="5" t="s">
        <v>40</v>
      </c>
      <c r="R8114" s="5" t="s">
        <v>1487</v>
      </c>
      <c r="S8114" s="5"/>
      <c r="T8114" s="5" t="s">
        <v>42</v>
      </c>
      <c r="U8114" s="2">
        <v>0</v>
      </c>
      <c r="V8114" s="2">
        <v>0</v>
      </c>
      <c r="W8114" s="2">
        <v>0</v>
      </c>
      <c r="X8114" s="2">
        <v>0</v>
      </c>
      <c r="Y8114" s="2">
        <v>0</v>
      </c>
      <c r="Z8114" s="2">
        <v>0</v>
      </c>
      <c r="AA8114" s="5"/>
      <c r="AB8114" s="5" t="s">
        <v>43</v>
      </c>
      <c r="AC8114" s="5" t="s">
        <v>44</v>
      </c>
      <c r="AD8114" s="2" t="s">
        <v>24812</v>
      </c>
      <c r="AE8114" s="1"/>
    </row>
    <row r="8115" spans="1:31" ht="14.45">
      <c r="A8115" s="5" t="s">
        <v>116</v>
      </c>
      <c r="B8115" s="21">
        <v>46054</v>
      </c>
      <c r="C8115" s="2" t="s">
        <v>24862</v>
      </c>
      <c r="D8115" s="14" t="s">
        <v>24863</v>
      </c>
      <c r="E8115" s="2" t="s">
        <v>24864</v>
      </c>
      <c r="F8115" s="2" t="s">
        <v>24639</v>
      </c>
      <c r="G8115" s="8">
        <v>1433</v>
      </c>
      <c r="H8115" s="5">
        <v>15</v>
      </c>
      <c r="I8115" s="5" t="s">
        <v>69</v>
      </c>
      <c r="J8115" s="5" t="s">
        <v>24629</v>
      </c>
      <c r="K8115" s="2" t="s">
        <v>24630</v>
      </c>
      <c r="L8115" s="5" t="s">
        <v>24629</v>
      </c>
      <c r="M8115" s="2" t="s">
        <v>24630</v>
      </c>
      <c r="N8115" s="5" t="s">
        <v>24254</v>
      </c>
      <c r="O8115" s="5" t="s">
        <v>38</v>
      </c>
      <c r="P8115" s="5" t="s">
        <v>39</v>
      </c>
      <c r="Q8115" s="5" t="s">
        <v>40</v>
      </c>
      <c r="R8115" s="5" t="s">
        <v>1487</v>
      </c>
      <c r="S8115" s="5"/>
      <c r="T8115" s="5" t="s">
        <v>42</v>
      </c>
      <c r="U8115" s="2">
        <v>0</v>
      </c>
      <c r="V8115" s="2">
        <v>0</v>
      </c>
      <c r="W8115" s="2">
        <v>0</v>
      </c>
      <c r="X8115" s="2">
        <v>0</v>
      </c>
      <c r="Y8115" s="2">
        <v>0</v>
      </c>
      <c r="Z8115" s="2">
        <v>0</v>
      </c>
      <c r="AA8115" s="5"/>
      <c r="AB8115" s="5" t="s">
        <v>43</v>
      </c>
      <c r="AC8115" s="5" t="s">
        <v>44</v>
      </c>
      <c r="AD8115" s="2" t="s">
        <v>24816</v>
      </c>
      <c r="AE8115" s="1"/>
    </row>
    <row r="8116" spans="1:31" ht="14.45">
      <c r="A8116" s="5" t="s">
        <v>116</v>
      </c>
      <c r="B8116" s="21">
        <v>46054</v>
      </c>
      <c r="C8116" s="2" t="s">
        <v>24865</v>
      </c>
      <c r="D8116" s="14" t="s">
        <v>24866</v>
      </c>
      <c r="E8116" s="2" t="s">
        <v>24867</v>
      </c>
      <c r="F8116" s="2" t="s">
        <v>24628</v>
      </c>
      <c r="G8116" s="8">
        <v>765</v>
      </c>
      <c r="H8116" s="5">
        <v>10</v>
      </c>
      <c r="I8116" s="5" t="s">
        <v>69</v>
      </c>
      <c r="J8116" s="5" t="s">
        <v>24629</v>
      </c>
      <c r="K8116" s="2" t="s">
        <v>24630</v>
      </c>
      <c r="L8116" s="5" t="s">
        <v>24629</v>
      </c>
      <c r="M8116" s="2" t="s">
        <v>24630</v>
      </c>
      <c r="N8116" s="5" t="s">
        <v>24254</v>
      </c>
      <c r="O8116" s="5" t="s">
        <v>38</v>
      </c>
      <c r="P8116" s="5" t="s">
        <v>39</v>
      </c>
      <c r="Q8116" s="5" t="s">
        <v>40</v>
      </c>
      <c r="R8116" s="5" t="s">
        <v>1487</v>
      </c>
      <c r="S8116" s="5"/>
      <c r="T8116" s="5" t="s">
        <v>42</v>
      </c>
      <c r="U8116" s="2">
        <v>0</v>
      </c>
      <c r="V8116" s="2">
        <v>0</v>
      </c>
      <c r="W8116" s="2">
        <v>0</v>
      </c>
      <c r="X8116" s="2">
        <v>0</v>
      </c>
      <c r="Y8116" s="2">
        <v>0</v>
      </c>
      <c r="Z8116" s="2">
        <v>0</v>
      </c>
      <c r="AA8116" s="5"/>
      <c r="AB8116" s="5" t="s">
        <v>43</v>
      </c>
      <c r="AC8116" s="5" t="s">
        <v>44</v>
      </c>
      <c r="AD8116" s="2" t="s">
        <v>24804</v>
      </c>
      <c r="AE8116" s="1"/>
    </row>
    <row r="8117" spans="1:31" ht="14.45">
      <c r="A8117" s="5" t="s">
        <v>116</v>
      </c>
      <c r="B8117" s="21">
        <v>46054</v>
      </c>
      <c r="C8117" s="2" t="s">
        <v>24868</v>
      </c>
      <c r="D8117" s="14" t="s">
        <v>24869</v>
      </c>
      <c r="E8117" s="2" t="s">
        <v>24870</v>
      </c>
      <c r="F8117" s="2" t="s">
        <v>24628</v>
      </c>
      <c r="G8117" s="8">
        <v>765</v>
      </c>
      <c r="H8117" s="5">
        <v>15</v>
      </c>
      <c r="I8117" s="5" t="s">
        <v>69</v>
      </c>
      <c r="J8117" s="5" t="s">
        <v>24629</v>
      </c>
      <c r="K8117" s="2" t="s">
        <v>24630</v>
      </c>
      <c r="L8117" s="5" t="s">
        <v>24629</v>
      </c>
      <c r="M8117" s="2" t="s">
        <v>24630</v>
      </c>
      <c r="N8117" s="5" t="s">
        <v>24254</v>
      </c>
      <c r="O8117" s="5" t="s">
        <v>38</v>
      </c>
      <c r="P8117" s="5" t="s">
        <v>39</v>
      </c>
      <c r="Q8117" s="5" t="s">
        <v>40</v>
      </c>
      <c r="R8117" s="5" t="s">
        <v>1487</v>
      </c>
      <c r="S8117" s="5"/>
      <c r="T8117" s="5" t="s">
        <v>42</v>
      </c>
      <c r="U8117" s="2">
        <v>0</v>
      </c>
      <c r="V8117" s="2">
        <v>0</v>
      </c>
      <c r="W8117" s="2">
        <v>0</v>
      </c>
      <c r="X8117" s="2">
        <v>0</v>
      </c>
      <c r="Y8117" s="2">
        <v>0</v>
      </c>
      <c r="Z8117" s="2">
        <v>0</v>
      </c>
      <c r="AA8117" s="5"/>
      <c r="AB8117" s="5" t="s">
        <v>43</v>
      </c>
      <c r="AC8117" s="5" t="s">
        <v>44</v>
      </c>
      <c r="AD8117" s="2" t="s">
        <v>24808</v>
      </c>
      <c r="AE8117" s="1"/>
    </row>
    <row r="8118" spans="1:31" ht="14.45">
      <c r="A8118" s="5" t="s">
        <v>116</v>
      </c>
      <c r="B8118" s="21">
        <v>46054</v>
      </c>
      <c r="C8118" s="2" t="s">
        <v>24871</v>
      </c>
      <c r="D8118" s="14" t="s">
        <v>24872</v>
      </c>
      <c r="E8118" s="2" t="s">
        <v>24873</v>
      </c>
      <c r="F8118" s="2" t="s">
        <v>24639</v>
      </c>
      <c r="G8118" s="8">
        <v>1462</v>
      </c>
      <c r="H8118" s="5">
        <v>15</v>
      </c>
      <c r="I8118" s="5" t="s">
        <v>69</v>
      </c>
      <c r="J8118" s="5" t="s">
        <v>24629</v>
      </c>
      <c r="K8118" s="2" t="s">
        <v>24630</v>
      </c>
      <c r="L8118" s="5" t="s">
        <v>24629</v>
      </c>
      <c r="M8118" s="2" t="s">
        <v>24630</v>
      </c>
      <c r="N8118" s="5" t="s">
        <v>24254</v>
      </c>
      <c r="O8118" s="5" t="s">
        <v>38</v>
      </c>
      <c r="P8118" s="5" t="s">
        <v>39</v>
      </c>
      <c r="Q8118" s="5" t="s">
        <v>40</v>
      </c>
      <c r="R8118" s="5" t="s">
        <v>1487</v>
      </c>
      <c r="S8118" s="5"/>
      <c r="T8118" s="5" t="s">
        <v>42</v>
      </c>
      <c r="U8118" s="2">
        <v>0</v>
      </c>
      <c r="V8118" s="2">
        <v>0</v>
      </c>
      <c r="W8118" s="2">
        <v>0</v>
      </c>
      <c r="X8118" s="2">
        <v>0</v>
      </c>
      <c r="Y8118" s="2">
        <v>0</v>
      </c>
      <c r="Z8118" s="2">
        <v>0</v>
      </c>
      <c r="AA8118" s="5"/>
      <c r="AB8118" s="5" t="s">
        <v>43</v>
      </c>
      <c r="AC8118" s="5" t="s">
        <v>44</v>
      </c>
      <c r="AD8118" s="2" t="s">
        <v>24812</v>
      </c>
      <c r="AE8118" s="1"/>
    </row>
    <row r="8119" spans="1:31" ht="14.45">
      <c r="A8119" s="5" t="s">
        <v>116</v>
      </c>
      <c r="B8119" s="21">
        <v>46054</v>
      </c>
      <c r="C8119" s="2" t="s">
        <v>24874</v>
      </c>
      <c r="D8119" s="14" t="s">
        <v>24875</v>
      </c>
      <c r="E8119" s="2" t="s">
        <v>24876</v>
      </c>
      <c r="F8119" s="2" t="s">
        <v>24639</v>
      </c>
      <c r="G8119" s="8">
        <v>1462</v>
      </c>
      <c r="H8119" s="5">
        <v>15</v>
      </c>
      <c r="I8119" s="5" t="s">
        <v>69</v>
      </c>
      <c r="J8119" s="5" t="s">
        <v>24629</v>
      </c>
      <c r="K8119" s="2" t="s">
        <v>24630</v>
      </c>
      <c r="L8119" s="5" t="s">
        <v>24629</v>
      </c>
      <c r="M8119" s="2" t="s">
        <v>24630</v>
      </c>
      <c r="N8119" s="5" t="s">
        <v>24254</v>
      </c>
      <c r="O8119" s="5" t="s">
        <v>38</v>
      </c>
      <c r="P8119" s="5" t="s">
        <v>39</v>
      </c>
      <c r="Q8119" s="5" t="s">
        <v>40</v>
      </c>
      <c r="R8119" s="5" t="s">
        <v>1487</v>
      </c>
      <c r="S8119" s="5"/>
      <c r="T8119" s="5" t="s">
        <v>42</v>
      </c>
      <c r="U8119" s="2">
        <v>0</v>
      </c>
      <c r="V8119" s="2">
        <v>0</v>
      </c>
      <c r="W8119" s="2">
        <v>0</v>
      </c>
      <c r="X8119" s="2">
        <v>0</v>
      </c>
      <c r="Y8119" s="2">
        <v>0</v>
      </c>
      <c r="Z8119" s="2">
        <v>0</v>
      </c>
      <c r="AA8119" s="5"/>
      <c r="AB8119" s="5" t="s">
        <v>43</v>
      </c>
      <c r="AC8119" s="5" t="s">
        <v>44</v>
      </c>
      <c r="AD8119" s="2" t="s">
        <v>24816</v>
      </c>
      <c r="AE8119" s="1"/>
    </row>
    <row r="8120" spans="1:31" ht="14.45">
      <c r="A8120" s="5" t="s">
        <v>116</v>
      </c>
      <c r="B8120" s="21">
        <v>46054</v>
      </c>
      <c r="C8120" s="2" t="s">
        <v>24877</v>
      </c>
      <c r="D8120" s="14" t="s">
        <v>24878</v>
      </c>
      <c r="E8120" s="2" t="s">
        <v>24879</v>
      </c>
      <c r="F8120" s="2" t="s">
        <v>24628</v>
      </c>
      <c r="G8120" s="8">
        <v>735</v>
      </c>
      <c r="H8120" s="5">
        <v>10</v>
      </c>
      <c r="I8120" s="5" t="s">
        <v>69</v>
      </c>
      <c r="J8120" s="5" t="s">
        <v>24629</v>
      </c>
      <c r="K8120" s="2" t="s">
        <v>24630</v>
      </c>
      <c r="L8120" s="5" t="s">
        <v>24629</v>
      </c>
      <c r="M8120" s="2" t="s">
        <v>24630</v>
      </c>
      <c r="N8120" s="5" t="s">
        <v>24254</v>
      </c>
      <c r="O8120" s="5" t="s">
        <v>38</v>
      </c>
      <c r="P8120" s="5" t="s">
        <v>39</v>
      </c>
      <c r="Q8120" s="5" t="s">
        <v>40</v>
      </c>
      <c r="R8120" s="5" t="s">
        <v>1487</v>
      </c>
      <c r="S8120" s="5"/>
      <c r="T8120" s="5" t="s">
        <v>42</v>
      </c>
      <c r="U8120" s="2">
        <v>0</v>
      </c>
      <c r="V8120" s="2">
        <v>0</v>
      </c>
      <c r="W8120" s="2">
        <v>0</v>
      </c>
      <c r="X8120" s="2">
        <v>0</v>
      </c>
      <c r="Y8120" s="2">
        <v>0</v>
      </c>
      <c r="Z8120" s="2">
        <v>0</v>
      </c>
      <c r="AA8120" s="5"/>
      <c r="AB8120" s="5" t="s">
        <v>43</v>
      </c>
      <c r="AC8120" s="5" t="s">
        <v>44</v>
      </c>
      <c r="AD8120" s="2" t="s">
        <v>24804</v>
      </c>
      <c r="AE8120" s="1"/>
    </row>
    <row r="8121" spans="1:31" ht="14.45">
      <c r="A8121" s="5" t="s">
        <v>116</v>
      </c>
      <c r="B8121" s="21">
        <v>46054</v>
      </c>
      <c r="C8121" s="2" t="s">
        <v>24880</v>
      </c>
      <c r="D8121" s="14" t="s">
        <v>24881</v>
      </c>
      <c r="E8121" s="2" t="s">
        <v>24882</v>
      </c>
      <c r="F8121" s="2" t="s">
        <v>24628</v>
      </c>
      <c r="G8121" s="8">
        <v>735</v>
      </c>
      <c r="H8121" s="5">
        <v>15</v>
      </c>
      <c r="I8121" s="5" t="s">
        <v>69</v>
      </c>
      <c r="J8121" s="5" t="s">
        <v>24629</v>
      </c>
      <c r="K8121" s="2" t="s">
        <v>24630</v>
      </c>
      <c r="L8121" s="5" t="s">
        <v>24629</v>
      </c>
      <c r="M8121" s="2" t="s">
        <v>24630</v>
      </c>
      <c r="N8121" s="5" t="s">
        <v>24254</v>
      </c>
      <c r="O8121" s="5" t="s">
        <v>38</v>
      </c>
      <c r="P8121" s="5" t="s">
        <v>39</v>
      </c>
      <c r="Q8121" s="5" t="s">
        <v>40</v>
      </c>
      <c r="R8121" s="5" t="s">
        <v>1487</v>
      </c>
      <c r="S8121" s="5"/>
      <c r="T8121" s="5" t="s">
        <v>42</v>
      </c>
      <c r="U8121" s="2">
        <v>0</v>
      </c>
      <c r="V8121" s="2">
        <v>0</v>
      </c>
      <c r="W8121" s="2">
        <v>0</v>
      </c>
      <c r="X8121" s="2">
        <v>0</v>
      </c>
      <c r="Y8121" s="2">
        <v>0</v>
      </c>
      <c r="Z8121" s="2">
        <v>0</v>
      </c>
      <c r="AA8121" s="5"/>
      <c r="AB8121" s="5" t="s">
        <v>43</v>
      </c>
      <c r="AC8121" s="5" t="s">
        <v>44</v>
      </c>
      <c r="AD8121" s="2" t="s">
        <v>24808</v>
      </c>
      <c r="AE8121" s="1"/>
    </row>
    <row r="8122" spans="1:31" ht="14.45">
      <c r="A8122" s="5" t="s">
        <v>116</v>
      </c>
      <c r="B8122" s="21">
        <v>46054</v>
      </c>
      <c r="C8122" s="2" t="s">
        <v>24883</v>
      </c>
      <c r="D8122" s="14" t="s">
        <v>24884</v>
      </c>
      <c r="E8122" s="2" t="s">
        <v>24885</v>
      </c>
      <c r="F8122" s="2" t="s">
        <v>24639</v>
      </c>
      <c r="G8122" s="8">
        <v>1400</v>
      </c>
      <c r="H8122" s="5">
        <v>15</v>
      </c>
      <c r="I8122" s="5" t="s">
        <v>69</v>
      </c>
      <c r="J8122" s="5" t="s">
        <v>24629</v>
      </c>
      <c r="K8122" s="2" t="s">
        <v>24630</v>
      </c>
      <c r="L8122" s="5" t="s">
        <v>24629</v>
      </c>
      <c r="M8122" s="2" t="s">
        <v>24630</v>
      </c>
      <c r="N8122" s="5" t="s">
        <v>24254</v>
      </c>
      <c r="O8122" s="5" t="s">
        <v>38</v>
      </c>
      <c r="P8122" s="5" t="s">
        <v>39</v>
      </c>
      <c r="Q8122" s="5" t="s">
        <v>40</v>
      </c>
      <c r="R8122" s="5" t="s">
        <v>1487</v>
      </c>
      <c r="S8122" s="5"/>
      <c r="T8122" s="5" t="s">
        <v>42</v>
      </c>
      <c r="U8122" s="2">
        <v>0</v>
      </c>
      <c r="V8122" s="2">
        <v>0</v>
      </c>
      <c r="W8122" s="2">
        <v>0</v>
      </c>
      <c r="X8122" s="2">
        <v>0</v>
      </c>
      <c r="Y8122" s="2">
        <v>0</v>
      </c>
      <c r="Z8122" s="2">
        <v>0</v>
      </c>
      <c r="AA8122" s="5"/>
      <c r="AB8122" s="5" t="s">
        <v>43</v>
      </c>
      <c r="AC8122" s="5" t="s">
        <v>44</v>
      </c>
      <c r="AD8122" s="2" t="s">
        <v>24812</v>
      </c>
      <c r="AE8122" s="1"/>
    </row>
    <row r="8123" spans="1:31" ht="14.45">
      <c r="A8123" s="5" t="s">
        <v>116</v>
      </c>
      <c r="B8123" s="21">
        <v>46054</v>
      </c>
      <c r="C8123" s="2" t="s">
        <v>24886</v>
      </c>
      <c r="D8123" s="14" t="s">
        <v>24887</v>
      </c>
      <c r="E8123" s="2" t="s">
        <v>24888</v>
      </c>
      <c r="F8123" s="2" t="s">
        <v>24639</v>
      </c>
      <c r="G8123" s="8">
        <v>1400</v>
      </c>
      <c r="H8123" s="5">
        <v>15</v>
      </c>
      <c r="I8123" s="5" t="s">
        <v>69</v>
      </c>
      <c r="J8123" s="5" t="s">
        <v>24629</v>
      </c>
      <c r="K8123" s="2" t="s">
        <v>24630</v>
      </c>
      <c r="L8123" s="5" t="s">
        <v>24629</v>
      </c>
      <c r="M8123" s="2" t="s">
        <v>24630</v>
      </c>
      <c r="N8123" s="5" t="s">
        <v>24254</v>
      </c>
      <c r="O8123" s="5" t="s">
        <v>38</v>
      </c>
      <c r="P8123" s="5" t="s">
        <v>39</v>
      </c>
      <c r="Q8123" s="5" t="s">
        <v>40</v>
      </c>
      <c r="R8123" s="5" t="s">
        <v>1487</v>
      </c>
      <c r="S8123" s="5"/>
      <c r="T8123" s="5" t="s">
        <v>42</v>
      </c>
      <c r="U8123" s="2">
        <v>0</v>
      </c>
      <c r="V8123" s="2">
        <v>0</v>
      </c>
      <c r="W8123" s="2">
        <v>0</v>
      </c>
      <c r="X8123" s="2">
        <v>0</v>
      </c>
      <c r="Y8123" s="2">
        <v>0</v>
      </c>
      <c r="Z8123" s="2">
        <v>0</v>
      </c>
      <c r="AA8123" s="5"/>
      <c r="AB8123" s="5" t="s">
        <v>43</v>
      </c>
      <c r="AC8123" s="5" t="s">
        <v>44</v>
      </c>
      <c r="AD8123" s="2" t="s">
        <v>24816</v>
      </c>
      <c r="AE8123" s="1"/>
    </row>
    <row r="8124" spans="1:31" ht="14.45">
      <c r="A8124" s="5" t="s">
        <v>116</v>
      </c>
      <c r="B8124" s="21">
        <v>46054</v>
      </c>
      <c r="C8124" s="2" t="s">
        <v>24889</v>
      </c>
      <c r="D8124" s="14" t="s">
        <v>24890</v>
      </c>
      <c r="E8124" s="2" t="s">
        <v>24891</v>
      </c>
      <c r="F8124" s="2" t="s">
        <v>24628</v>
      </c>
      <c r="G8124" s="8">
        <v>768</v>
      </c>
      <c r="H8124" s="5">
        <v>10</v>
      </c>
      <c r="I8124" s="5" t="s">
        <v>69</v>
      </c>
      <c r="J8124" s="5" t="s">
        <v>24629</v>
      </c>
      <c r="K8124" s="2" t="s">
        <v>24630</v>
      </c>
      <c r="L8124" s="5" t="s">
        <v>24629</v>
      </c>
      <c r="M8124" s="2" t="s">
        <v>24630</v>
      </c>
      <c r="N8124" s="5" t="s">
        <v>24254</v>
      </c>
      <c r="O8124" s="5" t="s">
        <v>38</v>
      </c>
      <c r="P8124" s="5" t="s">
        <v>39</v>
      </c>
      <c r="Q8124" s="5" t="s">
        <v>40</v>
      </c>
      <c r="R8124" s="5" t="s">
        <v>1487</v>
      </c>
      <c r="S8124" s="5"/>
      <c r="T8124" s="5" t="s">
        <v>42</v>
      </c>
      <c r="U8124" s="2">
        <v>0</v>
      </c>
      <c r="V8124" s="2">
        <v>0</v>
      </c>
      <c r="W8124" s="2">
        <v>0</v>
      </c>
      <c r="X8124" s="2">
        <v>0</v>
      </c>
      <c r="Y8124" s="2">
        <v>0</v>
      </c>
      <c r="Z8124" s="2">
        <v>0</v>
      </c>
      <c r="AA8124" s="5"/>
      <c r="AB8124" s="5" t="s">
        <v>43</v>
      </c>
      <c r="AC8124" s="5" t="s">
        <v>44</v>
      </c>
      <c r="AD8124" s="2" t="s">
        <v>24804</v>
      </c>
      <c r="AE8124" s="1"/>
    </row>
    <row r="8125" spans="1:31" ht="14.45">
      <c r="A8125" s="5" t="s">
        <v>116</v>
      </c>
      <c r="B8125" s="21">
        <v>46054</v>
      </c>
      <c r="C8125" s="2" t="s">
        <v>24892</v>
      </c>
      <c r="D8125" s="14" t="s">
        <v>24893</v>
      </c>
      <c r="E8125" s="2" t="s">
        <v>24894</v>
      </c>
      <c r="F8125" s="2" t="s">
        <v>24628</v>
      </c>
      <c r="G8125" s="8">
        <v>768</v>
      </c>
      <c r="H8125" s="5">
        <v>15</v>
      </c>
      <c r="I8125" s="5" t="s">
        <v>69</v>
      </c>
      <c r="J8125" s="5" t="s">
        <v>24629</v>
      </c>
      <c r="K8125" s="2" t="s">
        <v>24630</v>
      </c>
      <c r="L8125" s="5" t="s">
        <v>24629</v>
      </c>
      <c r="M8125" s="2" t="s">
        <v>24630</v>
      </c>
      <c r="N8125" s="5" t="s">
        <v>24254</v>
      </c>
      <c r="O8125" s="5" t="s">
        <v>38</v>
      </c>
      <c r="P8125" s="5" t="s">
        <v>39</v>
      </c>
      <c r="Q8125" s="5" t="s">
        <v>40</v>
      </c>
      <c r="R8125" s="5" t="s">
        <v>1487</v>
      </c>
      <c r="S8125" s="5"/>
      <c r="T8125" s="5" t="s">
        <v>42</v>
      </c>
      <c r="U8125" s="2">
        <v>0</v>
      </c>
      <c r="V8125" s="2">
        <v>0</v>
      </c>
      <c r="W8125" s="2">
        <v>0</v>
      </c>
      <c r="X8125" s="2">
        <v>0</v>
      </c>
      <c r="Y8125" s="2">
        <v>0</v>
      </c>
      <c r="Z8125" s="2">
        <v>0</v>
      </c>
      <c r="AA8125" s="5"/>
      <c r="AB8125" s="5" t="s">
        <v>43</v>
      </c>
      <c r="AC8125" s="5" t="s">
        <v>44</v>
      </c>
      <c r="AD8125" s="2" t="s">
        <v>24808</v>
      </c>
      <c r="AE8125" s="1"/>
    </row>
    <row r="8126" spans="1:31" ht="14.45">
      <c r="A8126" s="5" t="s">
        <v>116</v>
      </c>
      <c r="B8126" s="21">
        <v>46054</v>
      </c>
      <c r="C8126" s="2" t="s">
        <v>24895</v>
      </c>
      <c r="D8126" s="14" t="s">
        <v>24896</v>
      </c>
      <c r="E8126" s="2" t="s">
        <v>24897</v>
      </c>
      <c r="F8126" s="2" t="s">
        <v>24639</v>
      </c>
      <c r="G8126" s="8">
        <v>1466</v>
      </c>
      <c r="H8126" s="5">
        <v>15</v>
      </c>
      <c r="I8126" s="5" t="s">
        <v>69</v>
      </c>
      <c r="J8126" s="5" t="s">
        <v>24629</v>
      </c>
      <c r="K8126" s="2" t="s">
        <v>24630</v>
      </c>
      <c r="L8126" s="5" t="s">
        <v>24629</v>
      </c>
      <c r="M8126" s="2" t="s">
        <v>24630</v>
      </c>
      <c r="N8126" s="5" t="s">
        <v>24254</v>
      </c>
      <c r="O8126" s="5" t="s">
        <v>38</v>
      </c>
      <c r="P8126" s="5" t="s">
        <v>39</v>
      </c>
      <c r="Q8126" s="5" t="s">
        <v>40</v>
      </c>
      <c r="R8126" s="5" t="s">
        <v>1487</v>
      </c>
      <c r="S8126" s="5"/>
      <c r="T8126" s="5" t="s">
        <v>42</v>
      </c>
      <c r="U8126" s="2">
        <v>0</v>
      </c>
      <c r="V8126" s="2">
        <v>0</v>
      </c>
      <c r="W8126" s="2">
        <v>0</v>
      </c>
      <c r="X8126" s="2">
        <v>0</v>
      </c>
      <c r="Y8126" s="2">
        <v>0</v>
      </c>
      <c r="Z8126" s="2">
        <v>0</v>
      </c>
      <c r="AA8126" s="5"/>
      <c r="AB8126" s="5" t="s">
        <v>43</v>
      </c>
      <c r="AC8126" s="5" t="s">
        <v>44</v>
      </c>
      <c r="AD8126" s="2" t="s">
        <v>24812</v>
      </c>
      <c r="AE8126" s="1"/>
    </row>
    <row r="8127" spans="1:31" ht="14.45">
      <c r="A8127" s="5" t="s">
        <v>116</v>
      </c>
      <c r="B8127" s="21">
        <v>46054</v>
      </c>
      <c r="C8127" s="2" t="s">
        <v>24898</v>
      </c>
      <c r="D8127" s="14" t="s">
        <v>24899</v>
      </c>
      <c r="E8127" s="2" t="s">
        <v>24900</v>
      </c>
      <c r="F8127" s="2" t="s">
        <v>24639</v>
      </c>
      <c r="G8127" s="8">
        <v>1466</v>
      </c>
      <c r="H8127" s="5">
        <v>15</v>
      </c>
      <c r="I8127" s="5" t="s">
        <v>69</v>
      </c>
      <c r="J8127" s="5" t="s">
        <v>24629</v>
      </c>
      <c r="K8127" s="2" t="s">
        <v>24630</v>
      </c>
      <c r="L8127" s="5" t="s">
        <v>24629</v>
      </c>
      <c r="M8127" s="2" t="s">
        <v>24630</v>
      </c>
      <c r="N8127" s="5" t="s">
        <v>24254</v>
      </c>
      <c r="O8127" s="5" t="s">
        <v>38</v>
      </c>
      <c r="P8127" s="5" t="s">
        <v>39</v>
      </c>
      <c r="Q8127" s="5" t="s">
        <v>40</v>
      </c>
      <c r="R8127" s="5" t="s">
        <v>1487</v>
      </c>
      <c r="S8127" s="5"/>
      <c r="T8127" s="5" t="s">
        <v>42</v>
      </c>
      <c r="U8127" s="2">
        <v>0</v>
      </c>
      <c r="V8127" s="2">
        <v>0</v>
      </c>
      <c r="W8127" s="2">
        <v>0</v>
      </c>
      <c r="X8127" s="2">
        <v>0</v>
      </c>
      <c r="Y8127" s="2">
        <v>0</v>
      </c>
      <c r="Z8127" s="2">
        <v>0</v>
      </c>
      <c r="AA8127" s="5"/>
      <c r="AB8127" s="5" t="s">
        <v>43</v>
      </c>
      <c r="AC8127" s="5" t="s">
        <v>44</v>
      </c>
      <c r="AD8127" s="2" t="s">
        <v>24816</v>
      </c>
      <c r="AE8127" s="1"/>
    </row>
    <row r="8128" spans="1:31" ht="14.45">
      <c r="A8128" s="5" t="s">
        <v>116</v>
      </c>
      <c r="B8128" s="21">
        <v>46054</v>
      </c>
      <c r="C8128" s="2" t="s">
        <v>24901</v>
      </c>
      <c r="D8128" s="14" t="s">
        <v>24902</v>
      </c>
      <c r="E8128" s="2" t="s">
        <v>24903</v>
      </c>
      <c r="F8128" s="2" t="s">
        <v>24628</v>
      </c>
      <c r="G8128" s="8">
        <v>791</v>
      </c>
      <c r="H8128" s="5">
        <v>10</v>
      </c>
      <c r="I8128" s="5" t="s">
        <v>69</v>
      </c>
      <c r="J8128" s="5" t="s">
        <v>24629</v>
      </c>
      <c r="K8128" s="2" t="s">
        <v>24630</v>
      </c>
      <c r="L8128" s="5" t="s">
        <v>24629</v>
      </c>
      <c r="M8128" s="2" t="s">
        <v>24630</v>
      </c>
      <c r="N8128" s="5" t="s">
        <v>24254</v>
      </c>
      <c r="O8128" s="5" t="s">
        <v>38</v>
      </c>
      <c r="P8128" s="5" t="s">
        <v>39</v>
      </c>
      <c r="Q8128" s="5" t="s">
        <v>40</v>
      </c>
      <c r="R8128" s="5" t="s">
        <v>1487</v>
      </c>
      <c r="S8128" s="5"/>
      <c r="T8128" s="5" t="s">
        <v>42</v>
      </c>
      <c r="U8128" s="2">
        <v>0</v>
      </c>
      <c r="V8128" s="2">
        <v>0</v>
      </c>
      <c r="W8128" s="2">
        <v>0</v>
      </c>
      <c r="X8128" s="2">
        <v>0</v>
      </c>
      <c r="Y8128" s="2">
        <v>0</v>
      </c>
      <c r="Z8128" s="2">
        <v>0</v>
      </c>
      <c r="AA8128" s="5"/>
      <c r="AB8128" s="5" t="s">
        <v>43</v>
      </c>
      <c r="AC8128" s="5" t="s">
        <v>44</v>
      </c>
      <c r="AD8128" s="2" t="s">
        <v>24804</v>
      </c>
      <c r="AE8128" s="1"/>
    </row>
    <row r="8129" spans="1:31" ht="14.45">
      <c r="A8129" s="5" t="s">
        <v>116</v>
      </c>
      <c r="B8129" s="21">
        <v>46054</v>
      </c>
      <c r="C8129" s="2" t="s">
        <v>24904</v>
      </c>
      <c r="D8129" s="14" t="s">
        <v>24905</v>
      </c>
      <c r="E8129" s="2" t="s">
        <v>24906</v>
      </c>
      <c r="F8129" s="2" t="s">
        <v>24628</v>
      </c>
      <c r="G8129" s="8">
        <v>791</v>
      </c>
      <c r="H8129" s="5">
        <v>15</v>
      </c>
      <c r="I8129" s="5" t="s">
        <v>69</v>
      </c>
      <c r="J8129" s="5" t="s">
        <v>24629</v>
      </c>
      <c r="K8129" s="2" t="s">
        <v>24630</v>
      </c>
      <c r="L8129" s="5" t="s">
        <v>24629</v>
      </c>
      <c r="M8129" s="2" t="s">
        <v>24630</v>
      </c>
      <c r="N8129" s="5" t="s">
        <v>24254</v>
      </c>
      <c r="O8129" s="5" t="s">
        <v>38</v>
      </c>
      <c r="P8129" s="5" t="s">
        <v>39</v>
      </c>
      <c r="Q8129" s="5" t="s">
        <v>40</v>
      </c>
      <c r="R8129" s="5" t="s">
        <v>1487</v>
      </c>
      <c r="S8129" s="5"/>
      <c r="T8129" s="5" t="s">
        <v>42</v>
      </c>
      <c r="U8129" s="2">
        <v>0</v>
      </c>
      <c r="V8129" s="2">
        <v>0</v>
      </c>
      <c r="W8129" s="2">
        <v>0</v>
      </c>
      <c r="X8129" s="2">
        <v>0</v>
      </c>
      <c r="Y8129" s="2">
        <v>0</v>
      </c>
      <c r="Z8129" s="2">
        <v>0</v>
      </c>
      <c r="AA8129" s="5"/>
      <c r="AB8129" s="5" t="s">
        <v>43</v>
      </c>
      <c r="AC8129" s="5" t="s">
        <v>44</v>
      </c>
      <c r="AD8129" s="2" t="s">
        <v>24808</v>
      </c>
      <c r="AE8129" s="1"/>
    </row>
    <row r="8130" spans="1:31" ht="14.45">
      <c r="A8130" s="5" t="s">
        <v>116</v>
      </c>
      <c r="B8130" s="21">
        <v>46054</v>
      </c>
      <c r="C8130" s="2" t="s">
        <v>24907</v>
      </c>
      <c r="D8130" s="14" t="s">
        <v>24908</v>
      </c>
      <c r="E8130" s="2" t="s">
        <v>24909</v>
      </c>
      <c r="F8130" s="2" t="s">
        <v>24639</v>
      </c>
      <c r="G8130" s="8">
        <v>1513</v>
      </c>
      <c r="H8130" s="5">
        <v>15</v>
      </c>
      <c r="I8130" s="5" t="s">
        <v>69</v>
      </c>
      <c r="J8130" s="5" t="s">
        <v>24629</v>
      </c>
      <c r="K8130" s="2" t="s">
        <v>24630</v>
      </c>
      <c r="L8130" s="5" t="s">
        <v>24629</v>
      </c>
      <c r="M8130" s="2" t="s">
        <v>24630</v>
      </c>
      <c r="N8130" s="5" t="s">
        <v>24254</v>
      </c>
      <c r="O8130" s="5" t="s">
        <v>38</v>
      </c>
      <c r="P8130" s="5" t="s">
        <v>39</v>
      </c>
      <c r="Q8130" s="5" t="s">
        <v>40</v>
      </c>
      <c r="R8130" s="5" t="s">
        <v>1487</v>
      </c>
      <c r="S8130" s="5"/>
      <c r="T8130" s="5" t="s">
        <v>42</v>
      </c>
      <c r="U8130" s="2">
        <v>0</v>
      </c>
      <c r="V8130" s="2">
        <v>0</v>
      </c>
      <c r="W8130" s="2">
        <v>0</v>
      </c>
      <c r="X8130" s="2">
        <v>0</v>
      </c>
      <c r="Y8130" s="2">
        <v>0</v>
      </c>
      <c r="Z8130" s="2">
        <v>0</v>
      </c>
      <c r="AA8130" s="5"/>
      <c r="AB8130" s="5" t="s">
        <v>43</v>
      </c>
      <c r="AC8130" s="5" t="s">
        <v>44</v>
      </c>
      <c r="AD8130" s="2" t="s">
        <v>24812</v>
      </c>
      <c r="AE8130" s="1"/>
    </row>
    <row r="8131" spans="1:31" ht="14.45">
      <c r="A8131" s="5" t="s">
        <v>116</v>
      </c>
      <c r="B8131" s="21">
        <v>46054</v>
      </c>
      <c r="C8131" s="2" t="s">
        <v>24910</v>
      </c>
      <c r="D8131" s="14" t="s">
        <v>24911</v>
      </c>
      <c r="E8131" s="2" t="s">
        <v>24912</v>
      </c>
      <c r="F8131" s="2" t="s">
        <v>24639</v>
      </c>
      <c r="G8131" s="8">
        <v>1513</v>
      </c>
      <c r="H8131" s="5">
        <v>15</v>
      </c>
      <c r="I8131" s="5" t="s">
        <v>69</v>
      </c>
      <c r="J8131" s="5" t="s">
        <v>24629</v>
      </c>
      <c r="K8131" s="2" t="s">
        <v>24630</v>
      </c>
      <c r="L8131" s="5" t="s">
        <v>24629</v>
      </c>
      <c r="M8131" s="2" t="s">
        <v>24630</v>
      </c>
      <c r="N8131" s="5" t="s">
        <v>24254</v>
      </c>
      <c r="O8131" s="5" t="s">
        <v>38</v>
      </c>
      <c r="P8131" s="5" t="s">
        <v>39</v>
      </c>
      <c r="Q8131" s="5" t="s">
        <v>40</v>
      </c>
      <c r="R8131" s="5" t="s">
        <v>1487</v>
      </c>
      <c r="S8131" s="5"/>
      <c r="T8131" s="5" t="s">
        <v>42</v>
      </c>
      <c r="U8131" s="2">
        <v>0</v>
      </c>
      <c r="V8131" s="2">
        <v>0</v>
      </c>
      <c r="W8131" s="2">
        <v>0</v>
      </c>
      <c r="X8131" s="2">
        <v>0</v>
      </c>
      <c r="Y8131" s="2">
        <v>0</v>
      </c>
      <c r="Z8131" s="2">
        <v>0</v>
      </c>
      <c r="AA8131" s="5"/>
      <c r="AB8131" s="5" t="s">
        <v>43</v>
      </c>
      <c r="AC8131" s="5" t="s">
        <v>44</v>
      </c>
      <c r="AD8131" s="2" t="s">
        <v>24816</v>
      </c>
      <c r="AE8131" s="1"/>
    </row>
    <row r="8132" spans="1:31" ht="14.45">
      <c r="A8132" s="5" t="s">
        <v>116</v>
      </c>
      <c r="B8132" s="21">
        <v>46054</v>
      </c>
      <c r="C8132" s="2" t="s">
        <v>24913</v>
      </c>
      <c r="D8132" s="14" t="s">
        <v>24914</v>
      </c>
      <c r="E8132" s="2" t="s">
        <v>24915</v>
      </c>
      <c r="F8132" s="2" t="s">
        <v>24628</v>
      </c>
      <c r="G8132" s="8">
        <v>865</v>
      </c>
      <c r="H8132" s="5">
        <v>10</v>
      </c>
      <c r="I8132" s="5" t="s">
        <v>69</v>
      </c>
      <c r="J8132" s="5" t="s">
        <v>24629</v>
      </c>
      <c r="K8132" s="2" t="s">
        <v>24630</v>
      </c>
      <c r="L8132" s="5" t="s">
        <v>24629</v>
      </c>
      <c r="M8132" s="2" t="s">
        <v>24630</v>
      </c>
      <c r="N8132" s="5" t="s">
        <v>24254</v>
      </c>
      <c r="O8132" s="5" t="s">
        <v>38</v>
      </c>
      <c r="P8132" s="5" t="s">
        <v>39</v>
      </c>
      <c r="Q8132" s="5" t="s">
        <v>40</v>
      </c>
      <c r="R8132" s="5" t="s">
        <v>1487</v>
      </c>
      <c r="S8132" s="5"/>
      <c r="T8132" s="5" t="s">
        <v>42</v>
      </c>
      <c r="U8132" s="2">
        <v>0</v>
      </c>
      <c r="V8132" s="2">
        <v>0</v>
      </c>
      <c r="W8132" s="2">
        <v>0</v>
      </c>
      <c r="X8132" s="2">
        <v>0</v>
      </c>
      <c r="Y8132" s="2">
        <v>0</v>
      </c>
      <c r="Z8132" s="2">
        <v>0</v>
      </c>
      <c r="AA8132" s="5"/>
      <c r="AB8132" s="5" t="s">
        <v>43</v>
      </c>
      <c r="AC8132" s="5" t="s">
        <v>44</v>
      </c>
      <c r="AD8132" s="2" t="s">
        <v>24804</v>
      </c>
      <c r="AE8132" s="1"/>
    </row>
    <row r="8133" spans="1:31" ht="14.45">
      <c r="A8133" s="5" t="s">
        <v>116</v>
      </c>
      <c r="B8133" s="21">
        <v>46054</v>
      </c>
      <c r="C8133" s="2" t="s">
        <v>24916</v>
      </c>
      <c r="D8133" s="14" t="s">
        <v>24917</v>
      </c>
      <c r="E8133" s="2" t="s">
        <v>24918</v>
      </c>
      <c r="F8133" s="2" t="s">
        <v>24628</v>
      </c>
      <c r="G8133" s="8">
        <v>865</v>
      </c>
      <c r="H8133" s="5">
        <v>15</v>
      </c>
      <c r="I8133" s="5" t="s">
        <v>69</v>
      </c>
      <c r="J8133" s="5" t="s">
        <v>24629</v>
      </c>
      <c r="K8133" s="2" t="s">
        <v>24630</v>
      </c>
      <c r="L8133" s="5" t="s">
        <v>24629</v>
      </c>
      <c r="M8133" s="2" t="s">
        <v>24630</v>
      </c>
      <c r="N8133" s="5" t="s">
        <v>24254</v>
      </c>
      <c r="O8133" s="5" t="s">
        <v>38</v>
      </c>
      <c r="P8133" s="5" t="s">
        <v>39</v>
      </c>
      <c r="Q8133" s="5" t="s">
        <v>40</v>
      </c>
      <c r="R8133" s="5" t="s">
        <v>1487</v>
      </c>
      <c r="S8133" s="5"/>
      <c r="T8133" s="5" t="s">
        <v>42</v>
      </c>
      <c r="U8133" s="2">
        <v>0</v>
      </c>
      <c r="V8133" s="2">
        <v>0</v>
      </c>
      <c r="W8133" s="2">
        <v>0</v>
      </c>
      <c r="X8133" s="2">
        <v>0</v>
      </c>
      <c r="Y8133" s="2">
        <v>0</v>
      </c>
      <c r="Z8133" s="2">
        <v>0</v>
      </c>
      <c r="AA8133" s="5"/>
      <c r="AB8133" s="5" t="s">
        <v>43</v>
      </c>
      <c r="AC8133" s="5" t="s">
        <v>44</v>
      </c>
      <c r="AD8133" s="2" t="s">
        <v>24808</v>
      </c>
      <c r="AE8133" s="1"/>
    </row>
    <row r="8134" spans="1:31" ht="14.45">
      <c r="A8134" s="5" t="s">
        <v>116</v>
      </c>
      <c r="B8134" s="21">
        <v>46054</v>
      </c>
      <c r="C8134" s="2" t="s">
        <v>24919</v>
      </c>
      <c r="D8134" s="14" t="s">
        <v>24920</v>
      </c>
      <c r="E8134" s="2" t="s">
        <v>24921</v>
      </c>
      <c r="F8134" s="2" t="s">
        <v>24639</v>
      </c>
      <c r="G8134" s="8">
        <v>1490</v>
      </c>
      <c r="H8134" s="5">
        <v>15</v>
      </c>
      <c r="I8134" s="5" t="s">
        <v>69</v>
      </c>
      <c r="J8134" s="5" t="s">
        <v>24629</v>
      </c>
      <c r="K8134" s="2" t="s">
        <v>24630</v>
      </c>
      <c r="L8134" s="5" t="s">
        <v>24629</v>
      </c>
      <c r="M8134" s="2" t="s">
        <v>24630</v>
      </c>
      <c r="N8134" s="5" t="s">
        <v>24254</v>
      </c>
      <c r="O8134" s="5" t="s">
        <v>38</v>
      </c>
      <c r="P8134" s="5" t="s">
        <v>39</v>
      </c>
      <c r="Q8134" s="5" t="s">
        <v>40</v>
      </c>
      <c r="R8134" s="5" t="s">
        <v>1487</v>
      </c>
      <c r="S8134" s="5"/>
      <c r="T8134" s="5" t="s">
        <v>42</v>
      </c>
      <c r="U8134" s="2">
        <v>0</v>
      </c>
      <c r="V8134" s="2">
        <v>0</v>
      </c>
      <c r="W8134" s="2">
        <v>0</v>
      </c>
      <c r="X8134" s="2">
        <v>0</v>
      </c>
      <c r="Y8134" s="2">
        <v>0</v>
      </c>
      <c r="Z8134" s="2">
        <v>0</v>
      </c>
      <c r="AA8134" s="5"/>
      <c r="AB8134" s="5" t="s">
        <v>43</v>
      </c>
      <c r="AC8134" s="5" t="s">
        <v>44</v>
      </c>
      <c r="AD8134" s="2" t="s">
        <v>24812</v>
      </c>
      <c r="AE8134" s="1"/>
    </row>
    <row r="8135" spans="1:31" ht="14.45">
      <c r="A8135" s="5" t="s">
        <v>116</v>
      </c>
      <c r="B8135" s="21">
        <v>46054</v>
      </c>
      <c r="C8135" s="2" t="s">
        <v>24922</v>
      </c>
      <c r="D8135" s="14" t="s">
        <v>24923</v>
      </c>
      <c r="E8135" s="2" t="s">
        <v>24924</v>
      </c>
      <c r="F8135" s="2" t="s">
        <v>24639</v>
      </c>
      <c r="G8135" s="8">
        <v>1490</v>
      </c>
      <c r="H8135" s="5">
        <v>15</v>
      </c>
      <c r="I8135" s="5" t="s">
        <v>69</v>
      </c>
      <c r="J8135" s="5" t="s">
        <v>24629</v>
      </c>
      <c r="K8135" s="2" t="s">
        <v>24630</v>
      </c>
      <c r="L8135" s="5" t="s">
        <v>24629</v>
      </c>
      <c r="M8135" s="2" t="s">
        <v>24630</v>
      </c>
      <c r="N8135" s="5" t="s">
        <v>24254</v>
      </c>
      <c r="O8135" s="5" t="s">
        <v>38</v>
      </c>
      <c r="P8135" s="5" t="s">
        <v>39</v>
      </c>
      <c r="Q8135" s="5" t="s">
        <v>40</v>
      </c>
      <c r="R8135" s="5" t="s">
        <v>1487</v>
      </c>
      <c r="S8135" s="5"/>
      <c r="T8135" s="5" t="s">
        <v>42</v>
      </c>
      <c r="U8135" s="2">
        <v>0</v>
      </c>
      <c r="V8135" s="2">
        <v>0</v>
      </c>
      <c r="W8135" s="2">
        <v>0</v>
      </c>
      <c r="X8135" s="2">
        <v>0</v>
      </c>
      <c r="Y8135" s="2">
        <v>0</v>
      </c>
      <c r="Z8135" s="2">
        <v>0</v>
      </c>
      <c r="AA8135" s="5"/>
      <c r="AB8135" s="5" t="s">
        <v>43</v>
      </c>
      <c r="AC8135" s="5" t="s">
        <v>44</v>
      </c>
      <c r="AD8135" s="2" t="s">
        <v>24816</v>
      </c>
      <c r="AE8135" s="1"/>
    </row>
    <row r="8136" spans="1:31" ht="14.45">
      <c r="A8136" s="5" t="s">
        <v>116</v>
      </c>
      <c r="B8136" s="21">
        <v>46054</v>
      </c>
      <c r="C8136" s="2" t="s">
        <v>24925</v>
      </c>
      <c r="D8136" s="14" t="s">
        <v>24926</v>
      </c>
      <c r="E8136" s="2" t="s">
        <v>24927</v>
      </c>
      <c r="F8136" s="2" t="s">
        <v>24628</v>
      </c>
      <c r="G8136" s="8">
        <v>835</v>
      </c>
      <c r="H8136" s="5">
        <v>10</v>
      </c>
      <c r="I8136" s="5" t="s">
        <v>69</v>
      </c>
      <c r="J8136" s="5" t="s">
        <v>24629</v>
      </c>
      <c r="K8136" s="2" t="s">
        <v>24630</v>
      </c>
      <c r="L8136" s="5" t="s">
        <v>24629</v>
      </c>
      <c r="M8136" s="2" t="s">
        <v>24630</v>
      </c>
      <c r="N8136" s="5" t="s">
        <v>24254</v>
      </c>
      <c r="O8136" s="5" t="s">
        <v>38</v>
      </c>
      <c r="P8136" s="5" t="s">
        <v>39</v>
      </c>
      <c r="Q8136" s="5" t="s">
        <v>40</v>
      </c>
      <c r="R8136" s="5" t="s">
        <v>1487</v>
      </c>
      <c r="S8136" s="5"/>
      <c r="T8136" s="5" t="s">
        <v>42</v>
      </c>
      <c r="U8136" s="2">
        <v>0</v>
      </c>
      <c r="V8136" s="2">
        <v>0</v>
      </c>
      <c r="W8136" s="2">
        <v>0</v>
      </c>
      <c r="X8136" s="2">
        <v>0</v>
      </c>
      <c r="Y8136" s="2">
        <v>0</v>
      </c>
      <c r="Z8136" s="2">
        <v>0</v>
      </c>
      <c r="AA8136" s="5"/>
      <c r="AB8136" s="5" t="s">
        <v>43</v>
      </c>
      <c r="AC8136" s="5" t="s">
        <v>44</v>
      </c>
      <c r="AD8136" s="2" t="s">
        <v>24804</v>
      </c>
      <c r="AE8136" s="1"/>
    </row>
    <row r="8137" spans="1:31" ht="14.45">
      <c r="A8137" s="5" t="s">
        <v>116</v>
      </c>
      <c r="B8137" s="21">
        <v>46054</v>
      </c>
      <c r="C8137" s="2" t="s">
        <v>24928</v>
      </c>
      <c r="D8137" s="14" t="s">
        <v>24929</v>
      </c>
      <c r="E8137" s="2" t="s">
        <v>24930</v>
      </c>
      <c r="F8137" s="2" t="s">
        <v>24628</v>
      </c>
      <c r="G8137" s="8">
        <v>835</v>
      </c>
      <c r="H8137" s="5">
        <v>15</v>
      </c>
      <c r="I8137" s="5" t="s">
        <v>69</v>
      </c>
      <c r="J8137" s="5" t="s">
        <v>24629</v>
      </c>
      <c r="K8137" s="2" t="s">
        <v>24630</v>
      </c>
      <c r="L8137" s="5" t="s">
        <v>24629</v>
      </c>
      <c r="M8137" s="2" t="s">
        <v>24630</v>
      </c>
      <c r="N8137" s="5" t="s">
        <v>24254</v>
      </c>
      <c r="O8137" s="5" t="s">
        <v>38</v>
      </c>
      <c r="P8137" s="5" t="s">
        <v>39</v>
      </c>
      <c r="Q8137" s="5" t="s">
        <v>40</v>
      </c>
      <c r="R8137" s="5" t="s">
        <v>1487</v>
      </c>
      <c r="S8137" s="5"/>
      <c r="T8137" s="5" t="s">
        <v>42</v>
      </c>
      <c r="U8137" s="2">
        <v>0</v>
      </c>
      <c r="V8137" s="2">
        <v>0</v>
      </c>
      <c r="W8137" s="2">
        <v>0</v>
      </c>
      <c r="X8137" s="2">
        <v>0</v>
      </c>
      <c r="Y8137" s="2">
        <v>0</v>
      </c>
      <c r="Z8137" s="2">
        <v>0</v>
      </c>
      <c r="AA8137" s="5"/>
      <c r="AB8137" s="5" t="s">
        <v>43</v>
      </c>
      <c r="AC8137" s="5" t="s">
        <v>44</v>
      </c>
      <c r="AD8137" s="2" t="s">
        <v>24808</v>
      </c>
      <c r="AE8137" s="1"/>
    </row>
    <row r="8138" spans="1:31" ht="14.45">
      <c r="A8138" s="5" t="s">
        <v>116</v>
      </c>
      <c r="B8138" s="21">
        <v>46054</v>
      </c>
      <c r="C8138" s="2" t="s">
        <v>24931</v>
      </c>
      <c r="D8138" s="14" t="s">
        <v>24932</v>
      </c>
      <c r="E8138" s="2" t="s">
        <v>24933</v>
      </c>
      <c r="F8138" s="2" t="s">
        <v>24628</v>
      </c>
      <c r="G8138" s="8">
        <v>862</v>
      </c>
      <c r="H8138" s="5">
        <v>10</v>
      </c>
      <c r="I8138" s="5" t="s">
        <v>69</v>
      </c>
      <c r="J8138" s="5" t="s">
        <v>24629</v>
      </c>
      <c r="K8138" s="2" t="s">
        <v>24630</v>
      </c>
      <c r="L8138" s="5" t="s">
        <v>24629</v>
      </c>
      <c r="M8138" s="2" t="s">
        <v>24630</v>
      </c>
      <c r="N8138" s="5" t="s">
        <v>24254</v>
      </c>
      <c r="O8138" s="5" t="s">
        <v>38</v>
      </c>
      <c r="P8138" s="5" t="s">
        <v>39</v>
      </c>
      <c r="Q8138" s="5" t="s">
        <v>40</v>
      </c>
      <c r="R8138" s="5" t="s">
        <v>1487</v>
      </c>
      <c r="S8138" s="5"/>
      <c r="T8138" s="5" t="s">
        <v>42</v>
      </c>
      <c r="U8138" s="2">
        <v>0</v>
      </c>
      <c r="V8138" s="2">
        <v>0</v>
      </c>
      <c r="W8138" s="2">
        <v>0</v>
      </c>
      <c r="X8138" s="2">
        <v>0</v>
      </c>
      <c r="Y8138" s="2">
        <v>0</v>
      </c>
      <c r="Z8138" s="2">
        <v>0</v>
      </c>
      <c r="AA8138" s="5"/>
      <c r="AB8138" s="5" t="s">
        <v>43</v>
      </c>
      <c r="AC8138" s="5" t="s">
        <v>44</v>
      </c>
      <c r="AD8138" s="2" t="s">
        <v>24804</v>
      </c>
      <c r="AE8138" s="1"/>
    </row>
    <row r="8139" spans="1:31" ht="14.45">
      <c r="A8139" s="5" t="s">
        <v>116</v>
      </c>
      <c r="B8139" s="21">
        <v>46054</v>
      </c>
      <c r="C8139" s="2" t="s">
        <v>24934</v>
      </c>
      <c r="D8139" s="14" t="s">
        <v>24935</v>
      </c>
      <c r="E8139" s="2" t="s">
        <v>24936</v>
      </c>
      <c r="F8139" s="2" t="s">
        <v>24628</v>
      </c>
      <c r="G8139" s="8">
        <v>862</v>
      </c>
      <c r="H8139" s="5">
        <v>15</v>
      </c>
      <c r="I8139" s="5" t="s">
        <v>69</v>
      </c>
      <c r="J8139" s="5" t="s">
        <v>24629</v>
      </c>
      <c r="K8139" s="2" t="s">
        <v>24630</v>
      </c>
      <c r="L8139" s="5" t="s">
        <v>24629</v>
      </c>
      <c r="M8139" s="2" t="s">
        <v>24630</v>
      </c>
      <c r="N8139" s="5" t="s">
        <v>24254</v>
      </c>
      <c r="O8139" s="5" t="s">
        <v>38</v>
      </c>
      <c r="P8139" s="5" t="s">
        <v>39</v>
      </c>
      <c r="Q8139" s="5" t="s">
        <v>40</v>
      </c>
      <c r="R8139" s="5" t="s">
        <v>1487</v>
      </c>
      <c r="S8139" s="5"/>
      <c r="T8139" s="5" t="s">
        <v>42</v>
      </c>
      <c r="U8139" s="2">
        <v>0</v>
      </c>
      <c r="V8139" s="2">
        <v>0</v>
      </c>
      <c r="W8139" s="2">
        <v>0</v>
      </c>
      <c r="X8139" s="2">
        <v>0</v>
      </c>
      <c r="Y8139" s="2">
        <v>0</v>
      </c>
      <c r="Z8139" s="2">
        <v>0</v>
      </c>
      <c r="AA8139" s="5"/>
      <c r="AB8139" s="5" t="s">
        <v>43</v>
      </c>
      <c r="AC8139" s="5" t="s">
        <v>44</v>
      </c>
      <c r="AD8139" s="2" t="s">
        <v>24808</v>
      </c>
      <c r="AE8139" s="1"/>
    </row>
    <row r="8140" spans="1:31" ht="14.45">
      <c r="A8140" s="5" t="s">
        <v>116</v>
      </c>
      <c r="B8140" s="21">
        <v>46054</v>
      </c>
      <c r="C8140" s="2" t="s">
        <v>24937</v>
      </c>
      <c r="D8140" s="14" t="s">
        <v>24938</v>
      </c>
      <c r="E8140" s="2" t="s">
        <v>24939</v>
      </c>
      <c r="F8140" s="2" t="s">
        <v>24628</v>
      </c>
      <c r="G8140" s="8">
        <v>902</v>
      </c>
      <c r="H8140" s="5">
        <v>10</v>
      </c>
      <c r="I8140" s="5" t="s">
        <v>69</v>
      </c>
      <c r="J8140" s="5" t="s">
        <v>24629</v>
      </c>
      <c r="K8140" s="2" t="s">
        <v>24630</v>
      </c>
      <c r="L8140" s="5" t="s">
        <v>24629</v>
      </c>
      <c r="M8140" s="2" t="s">
        <v>24630</v>
      </c>
      <c r="N8140" s="5" t="s">
        <v>24254</v>
      </c>
      <c r="O8140" s="5" t="s">
        <v>38</v>
      </c>
      <c r="P8140" s="5" t="s">
        <v>39</v>
      </c>
      <c r="Q8140" s="5" t="s">
        <v>40</v>
      </c>
      <c r="R8140" s="5" t="s">
        <v>1487</v>
      </c>
      <c r="S8140" s="5"/>
      <c r="T8140" s="5" t="s">
        <v>42</v>
      </c>
      <c r="U8140" s="2">
        <v>0</v>
      </c>
      <c r="V8140" s="2">
        <v>0</v>
      </c>
      <c r="W8140" s="2">
        <v>0</v>
      </c>
      <c r="X8140" s="2">
        <v>0</v>
      </c>
      <c r="Y8140" s="2">
        <v>0</v>
      </c>
      <c r="Z8140" s="2">
        <v>0</v>
      </c>
      <c r="AA8140" s="5"/>
      <c r="AB8140" s="5" t="s">
        <v>43</v>
      </c>
      <c r="AC8140" s="5" t="s">
        <v>44</v>
      </c>
      <c r="AD8140" s="2" t="s">
        <v>24804</v>
      </c>
      <c r="AE8140" s="1"/>
    </row>
    <row r="8141" spans="1:31" ht="14.45">
      <c r="A8141" s="5" t="s">
        <v>116</v>
      </c>
      <c r="B8141" s="21">
        <v>46054</v>
      </c>
      <c r="C8141" s="2" t="s">
        <v>24940</v>
      </c>
      <c r="D8141" s="14" t="s">
        <v>24941</v>
      </c>
      <c r="E8141" s="2" t="s">
        <v>24942</v>
      </c>
      <c r="F8141" s="2" t="s">
        <v>24628</v>
      </c>
      <c r="G8141" s="8">
        <v>902</v>
      </c>
      <c r="H8141" s="5">
        <v>15</v>
      </c>
      <c r="I8141" s="5" t="s">
        <v>69</v>
      </c>
      <c r="J8141" s="5" t="s">
        <v>24629</v>
      </c>
      <c r="K8141" s="2" t="s">
        <v>24630</v>
      </c>
      <c r="L8141" s="5" t="s">
        <v>24629</v>
      </c>
      <c r="M8141" s="2" t="s">
        <v>24630</v>
      </c>
      <c r="N8141" s="5" t="s">
        <v>24254</v>
      </c>
      <c r="O8141" s="5" t="s">
        <v>38</v>
      </c>
      <c r="P8141" s="5" t="s">
        <v>39</v>
      </c>
      <c r="Q8141" s="5" t="s">
        <v>40</v>
      </c>
      <c r="R8141" s="5" t="s">
        <v>1487</v>
      </c>
      <c r="S8141" s="5"/>
      <c r="T8141" s="5" t="s">
        <v>42</v>
      </c>
      <c r="U8141" s="2">
        <v>0</v>
      </c>
      <c r="V8141" s="2">
        <v>0</v>
      </c>
      <c r="W8141" s="2">
        <v>0</v>
      </c>
      <c r="X8141" s="2">
        <v>0</v>
      </c>
      <c r="Y8141" s="2">
        <v>0</v>
      </c>
      <c r="Z8141" s="2">
        <v>0</v>
      </c>
      <c r="AA8141" s="5"/>
      <c r="AB8141" s="5" t="s">
        <v>43</v>
      </c>
      <c r="AC8141" s="5" t="s">
        <v>44</v>
      </c>
      <c r="AD8141" s="2" t="s">
        <v>24808</v>
      </c>
      <c r="AE8141" s="1"/>
    </row>
    <row r="8142" spans="1:31" ht="14.45">
      <c r="A8142" s="5" t="s">
        <v>116</v>
      </c>
      <c r="B8142" s="21">
        <v>46054</v>
      </c>
      <c r="C8142" s="2" t="s">
        <v>24943</v>
      </c>
      <c r="D8142" s="14" t="s">
        <v>24944</v>
      </c>
      <c r="E8142" s="2" t="s">
        <v>24945</v>
      </c>
      <c r="F8142" s="2" t="s">
        <v>24628</v>
      </c>
      <c r="G8142" s="8">
        <v>910</v>
      </c>
      <c r="H8142" s="5">
        <v>10</v>
      </c>
      <c r="I8142" s="5" t="s">
        <v>69</v>
      </c>
      <c r="J8142" s="5" t="s">
        <v>24629</v>
      </c>
      <c r="K8142" s="2" t="s">
        <v>24630</v>
      </c>
      <c r="L8142" s="5" t="s">
        <v>24629</v>
      </c>
      <c r="M8142" s="2" t="s">
        <v>24630</v>
      </c>
      <c r="N8142" s="5" t="s">
        <v>24254</v>
      </c>
      <c r="O8142" s="5" t="s">
        <v>38</v>
      </c>
      <c r="P8142" s="5" t="s">
        <v>39</v>
      </c>
      <c r="Q8142" s="5" t="s">
        <v>40</v>
      </c>
      <c r="R8142" s="5" t="s">
        <v>1487</v>
      </c>
      <c r="S8142" s="5"/>
      <c r="T8142" s="5" t="s">
        <v>42</v>
      </c>
      <c r="U8142" s="2">
        <v>0</v>
      </c>
      <c r="V8142" s="2">
        <v>0</v>
      </c>
      <c r="W8142" s="2">
        <v>0</v>
      </c>
      <c r="X8142" s="2">
        <v>0</v>
      </c>
      <c r="Y8142" s="2">
        <v>0</v>
      </c>
      <c r="Z8142" s="2">
        <v>0</v>
      </c>
      <c r="AA8142" s="5"/>
      <c r="AB8142" s="5" t="s">
        <v>43</v>
      </c>
      <c r="AC8142" s="5" t="s">
        <v>44</v>
      </c>
      <c r="AD8142" s="2" t="s">
        <v>24804</v>
      </c>
      <c r="AE8142" s="1"/>
    </row>
    <row r="8143" spans="1:31" ht="14.45">
      <c r="A8143" s="5" t="s">
        <v>116</v>
      </c>
      <c r="B8143" s="21">
        <v>46054</v>
      </c>
      <c r="C8143" s="2" t="s">
        <v>24946</v>
      </c>
      <c r="D8143" s="14" t="s">
        <v>24947</v>
      </c>
      <c r="E8143" s="2" t="s">
        <v>24948</v>
      </c>
      <c r="F8143" s="2" t="s">
        <v>24628</v>
      </c>
      <c r="G8143" s="8">
        <v>910</v>
      </c>
      <c r="H8143" s="5">
        <v>15</v>
      </c>
      <c r="I8143" s="5" t="s">
        <v>69</v>
      </c>
      <c r="J8143" s="5" t="s">
        <v>24629</v>
      </c>
      <c r="K8143" s="2" t="s">
        <v>24630</v>
      </c>
      <c r="L8143" s="5" t="s">
        <v>24629</v>
      </c>
      <c r="M8143" s="2" t="s">
        <v>24630</v>
      </c>
      <c r="N8143" s="5" t="s">
        <v>24254</v>
      </c>
      <c r="O8143" s="5" t="s">
        <v>38</v>
      </c>
      <c r="P8143" s="5" t="s">
        <v>39</v>
      </c>
      <c r="Q8143" s="5" t="s">
        <v>40</v>
      </c>
      <c r="R8143" s="5" t="s">
        <v>1487</v>
      </c>
      <c r="S8143" s="5"/>
      <c r="T8143" s="5" t="s">
        <v>42</v>
      </c>
      <c r="U8143" s="2">
        <v>0</v>
      </c>
      <c r="V8143" s="2">
        <v>0</v>
      </c>
      <c r="W8143" s="2">
        <v>0</v>
      </c>
      <c r="X8143" s="2">
        <v>0</v>
      </c>
      <c r="Y8143" s="2">
        <v>0</v>
      </c>
      <c r="Z8143" s="2">
        <v>0</v>
      </c>
      <c r="AA8143" s="5"/>
      <c r="AB8143" s="5" t="s">
        <v>43</v>
      </c>
      <c r="AC8143" s="5" t="s">
        <v>44</v>
      </c>
      <c r="AD8143" s="2" t="s">
        <v>24808</v>
      </c>
      <c r="AE8143" s="1"/>
    </row>
    <row r="8144" spans="1:31" ht="14.45">
      <c r="A8144" s="5" t="s">
        <v>116</v>
      </c>
      <c r="B8144" s="21">
        <v>46054</v>
      </c>
      <c r="C8144" s="2" t="s">
        <v>24949</v>
      </c>
      <c r="D8144" s="14" t="s">
        <v>24950</v>
      </c>
      <c r="E8144" s="2" t="s">
        <v>24951</v>
      </c>
      <c r="F8144" s="2" t="s">
        <v>24628</v>
      </c>
      <c r="G8144" s="8">
        <v>925</v>
      </c>
      <c r="H8144" s="5">
        <v>10</v>
      </c>
      <c r="I8144" s="5" t="s">
        <v>69</v>
      </c>
      <c r="J8144" s="5" t="s">
        <v>24629</v>
      </c>
      <c r="K8144" s="2" t="s">
        <v>24630</v>
      </c>
      <c r="L8144" s="5" t="s">
        <v>24629</v>
      </c>
      <c r="M8144" s="2" t="s">
        <v>24630</v>
      </c>
      <c r="N8144" s="5" t="s">
        <v>24254</v>
      </c>
      <c r="O8144" s="5" t="s">
        <v>38</v>
      </c>
      <c r="P8144" s="5" t="s">
        <v>39</v>
      </c>
      <c r="Q8144" s="5" t="s">
        <v>40</v>
      </c>
      <c r="R8144" s="5" t="s">
        <v>1487</v>
      </c>
      <c r="S8144" s="5"/>
      <c r="T8144" s="5" t="s">
        <v>42</v>
      </c>
      <c r="U8144" s="2">
        <v>0</v>
      </c>
      <c r="V8144" s="2">
        <v>0</v>
      </c>
      <c r="W8144" s="2">
        <v>0</v>
      </c>
      <c r="X8144" s="2">
        <v>0</v>
      </c>
      <c r="Y8144" s="2">
        <v>0</v>
      </c>
      <c r="Z8144" s="2">
        <v>0</v>
      </c>
      <c r="AA8144" s="5"/>
      <c r="AB8144" s="5" t="s">
        <v>43</v>
      </c>
      <c r="AC8144" s="5" t="s">
        <v>44</v>
      </c>
      <c r="AD8144" s="2" t="s">
        <v>24804</v>
      </c>
      <c r="AE8144" s="1"/>
    </row>
    <row r="8145" spans="1:31" ht="14.45">
      <c r="A8145" s="5" t="s">
        <v>116</v>
      </c>
      <c r="B8145" s="21">
        <v>46054</v>
      </c>
      <c r="C8145" s="2" t="s">
        <v>24952</v>
      </c>
      <c r="D8145" s="14" t="s">
        <v>24953</v>
      </c>
      <c r="E8145" s="2" t="s">
        <v>24954</v>
      </c>
      <c r="F8145" s="2" t="s">
        <v>24628</v>
      </c>
      <c r="G8145" s="8">
        <v>925</v>
      </c>
      <c r="H8145" s="5">
        <v>15</v>
      </c>
      <c r="I8145" s="5" t="s">
        <v>69</v>
      </c>
      <c r="J8145" s="5" t="s">
        <v>24629</v>
      </c>
      <c r="K8145" s="2" t="s">
        <v>24630</v>
      </c>
      <c r="L8145" s="5" t="s">
        <v>24629</v>
      </c>
      <c r="M8145" s="2" t="s">
        <v>24630</v>
      </c>
      <c r="N8145" s="5" t="s">
        <v>24254</v>
      </c>
      <c r="O8145" s="5" t="s">
        <v>38</v>
      </c>
      <c r="P8145" s="5" t="s">
        <v>39</v>
      </c>
      <c r="Q8145" s="5" t="s">
        <v>40</v>
      </c>
      <c r="R8145" s="5" t="s">
        <v>1487</v>
      </c>
      <c r="S8145" s="5"/>
      <c r="T8145" s="5" t="s">
        <v>42</v>
      </c>
      <c r="U8145" s="2">
        <v>0</v>
      </c>
      <c r="V8145" s="2">
        <v>0</v>
      </c>
      <c r="W8145" s="2">
        <v>0</v>
      </c>
      <c r="X8145" s="2">
        <v>0</v>
      </c>
      <c r="Y8145" s="2">
        <v>0</v>
      </c>
      <c r="Z8145" s="2">
        <v>0</v>
      </c>
      <c r="AA8145" s="5"/>
      <c r="AB8145" s="5" t="s">
        <v>43</v>
      </c>
      <c r="AC8145" s="5" t="s">
        <v>44</v>
      </c>
      <c r="AD8145" s="2" t="s">
        <v>24808</v>
      </c>
      <c r="AE8145" s="1"/>
    </row>
    <row r="8146" spans="1:31" ht="14.45">
      <c r="A8146" s="5" t="s">
        <v>116</v>
      </c>
      <c r="B8146" s="21">
        <v>46054</v>
      </c>
      <c r="C8146" s="2" t="s">
        <v>24955</v>
      </c>
      <c r="D8146" s="14" t="s">
        <v>24956</v>
      </c>
      <c r="E8146" s="2" t="s">
        <v>24957</v>
      </c>
      <c r="F8146" s="2" t="s">
        <v>24628</v>
      </c>
      <c r="G8146" s="8">
        <v>991</v>
      </c>
      <c r="H8146" s="5">
        <v>10</v>
      </c>
      <c r="I8146" s="5" t="s">
        <v>69</v>
      </c>
      <c r="J8146" s="5" t="s">
        <v>24629</v>
      </c>
      <c r="K8146" s="2" t="s">
        <v>24630</v>
      </c>
      <c r="L8146" s="5" t="s">
        <v>24629</v>
      </c>
      <c r="M8146" s="2" t="s">
        <v>24630</v>
      </c>
      <c r="N8146" s="5" t="s">
        <v>24254</v>
      </c>
      <c r="O8146" s="5" t="s">
        <v>38</v>
      </c>
      <c r="P8146" s="5" t="s">
        <v>39</v>
      </c>
      <c r="Q8146" s="5" t="s">
        <v>40</v>
      </c>
      <c r="R8146" s="5" t="s">
        <v>1487</v>
      </c>
      <c r="S8146" s="5"/>
      <c r="T8146" s="5" t="s">
        <v>42</v>
      </c>
      <c r="U8146" s="2">
        <v>0</v>
      </c>
      <c r="V8146" s="2">
        <v>0</v>
      </c>
      <c r="W8146" s="2">
        <v>0</v>
      </c>
      <c r="X8146" s="2">
        <v>0</v>
      </c>
      <c r="Y8146" s="2">
        <v>0</v>
      </c>
      <c r="Z8146" s="2">
        <v>0</v>
      </c>
      <c r="AA8146" s="5"/>
      <c r="AB8146" s="5" t="s">
        <v>43</v>
      </c>
      <c r="AC8146" s="5" t="s">
        <v>44</v>
      </c>
      <c r="AD8146" s="2" t="s">
        <v>24804</v>
      </c>
      <c r="AE8146" s="1"/>
    </row>
    <row r="8147" spans="1:31" ht="14.45">
      <c r="A8147" s="5" t="s">
        <v>116</v>
      </c>
      <c r="B8147" s="21">
        <v>46054</v>
      </c>
      <c r="C8147" s="2" t="s">
        <v>24958</v>
      </c>
      <c r="D8147" s="14" t="s">
        <v>24959</v>
      </c>
      <c r="E8147" s="2" t="s">
        <v>24960</v>
      </c>
      <c r="F8147" s="2" t="s">
        <v>24628</v>
      </c>
      <c r="G8147" s="8">
        <v>991</v>
      </c>
      <c r="H8147" s="5">
        <v>15</v>
      </c>
      <c r="I8147" s="5" t="s">
        <v>69</v>
      </c>
      <c r="J8147" s="5" t="s">
        <v>24629</v>
      </c>
      <c r="K8147" s="2" t="s">
        <v>24630</v>
      </c>
      <c r="L8147" s="5" t="s">
        <v>24629</v>
      </c>
      <c r="M8147" s="2" t="s">
        <v>24630</v>
      </c>
      <c r="N8147" s="5" t="s">
        <v>24254</v>
      </c>
      <c r="O8147" s="5" t="s">
        <v>38</v>
      </c>
      <c r="P8147" s="5" t="s">
        <v>39</v>
      </c>
      <c r="Q8147" s="5" t="s">
        <v>40</v>
      </c>
      <c r="R8147" s="5" t="s">
        <v>1487</v>
      </c>
      <c r="S8147" s="5"/>
      <c r="T8147" s="5" t="s">
        <v>42</v>
      </c>
      <c r="U8147" s="2">
        <v>0</v>
      </c>
      <c r="V8147" s="2">
        <v>0</v>
      </c>
      <c r="W8147" s="2">
        <v>0</v>
      </c>
      <c r="X8147" s="2">
        <v>0</v>
      </c>
      <c r="Y8147" s="2">
        <v>0</v>
      </c>
      <c r="Z8147" s="2">
        <v>0</v>
      </c>
      <c r="AA8147" s="5"/>
      <c r="AB8147" s="5" t="s">
        <v>43</v>
      </c>
      <c r="AC8147" s="5" t="s">
        <v>44</v>
      </c>
      <c r="AD8147" s="2" t="s">
        <v>24808</v>
      </c>
      <c r="AE8147" s="1"/>
    </row>
    <row r="8148" spans="1:31" ht="14.45">
      <c r="A8148" s="5" t="s">
        <v>116</v>
      </c>
      <c r="B8148" s="21">
        <v>46054</v>
      </c>
      <c r="C8148" s="2" t="s">
        <v>24961</v>
      </c>
      <c r="D8148" s="14" t="s">
        <v>24962</v>
      </c>
      <c r="E8148" s="2" t="s">
        <v>24963</v>
      </c>
      <c r="F8148" s="2" t="s">
        <v>24628</v>
      </c>
      <c r="G8148" s="8">
        <v>906</v>
      </c>
      <c r="H8148" s="5">
        <v>10</v>
      </c>
      <c r="I8148" s="5" t="s">
        <v>69</v>
      </c>
      <c r="J8148" s="5" t="s">
        <v>24629</v>
      </c>
      <c r="K8148" s="2" t="s">
        <v>24630</v>
      </c>
      <c r="L8148" s="5" t="s">
        <v>24629</v>
      </c>
      <c r="M8148" s="2" t="s">
        <v>24630</v>
      </c>
      <c r="N8148" s="5" t="s">
        <v>24254</v>
      </c>
      <c r="O8148" s="5" t="s">
        <v>38</v>
      </c>
      <c r="P8148" s="5" t="s">
        <v>39</v>
      </c>
      <c r="Q8148" s="5" t="s">
        <v>40</v>
      </c>
      <c r="R8148" s="5" t="s">
        <v>1487</v>
      </c>
      <c r="S8148" s="5"/>
      <c r="T8148" s="5" t="s">
        <v>42</v>
      </c>
      <c r="U8148" s="2">
        <v>0</v>
      </c>
      <c r="V8148" s="2">
        <v>0</v>
      </c>
      <c r="W8148" s="2">
        <v>0</v>
      </c>
      <c r="X8148" s="2">
        <v>0</v>
      </c>
      <c r="Y8148" s="2">
        <v>0</v>
      </c>
      <c r="Z8148" s="2">
        <v>0</v>
      </c>
      <c r="AA8148" s="5"/>
      <c r="AB8148" s="5" t="s">
        <v>43</v>
      </c>
      <c r="AC8148" s="5" t="s">
        <v>44</v>
      </c>
      <c r="AD8148" s="2" t="s">
        <v>24804</v>
      </c>
      <c r="AE8148" s="1"/>
    </row>
    <row r="8149" spans="1:31" ht="14.45">
      <c r="A8149" s="5" t="s">
        <v>116</v>
      </c>
      <c r="B8149" s="21">
        <v>46054</v>
      </c>
      <c r="C8149" s="2" t="s">
        <v>24964</v>
      </c>
      <c r="D8149" s="14" t="s">
        <v>24965</v>
      </c>
      <c r="E8149" s="2" t="s">
        <v>24966</v>
      </c>
      <c r="F8149" s="2" t="s">
        <v>24628</v>
      </c>
      <c r="G8149" s="8">
        <v>906</v>
      </c>
      <c r="H8149" s="5">
        <v>15</v>
      </c>
      <c r="I8149" s="5" t="s">
        <v>69</v>
      </c>
      <c r="J8149" s="5" t="s">
        <v>24629</v>
      </c>
      <c r="K8149" s="2" t="s">
        <v>24630</v>
      </c>
      <c r="L8149" s="5" t="s">
        <v>24629</v>
      </c>
      <c r="M8149" s="2" t="s">
        <v>24630</v>
      </c>
      <c r="N8149" s="5" t="s">
        <v>24254</v>
      </c>
      <c r="O8149" s="5" t="s">
        <v>38</v>
      </c>
      <c r="P8149" s="5" t="s">
        <v>39</v>
      </c>
      <c r="Q8149" s="5" t="s">
        <v>40</v>
      </c>
      <c r="R8149" s="5" t="s">
        <v>1487</v>
      </c>
      <c r="S8149" s="5"/>
      <c r="T8149" s="5" t="s">
        <v>42</v>
      </c>
      <c r="U8149" s="2">
        <v>0</v>
      </c>
      <c r="V8149" s="2">
        <v>0</v>
      </c>
      <c r="W8149" s="2">
        <v>0</v>
      </c>
      <c r="X8149" s="2">
        <v>0</v>
      </c>
      <c r="Y8149" s="2">
        <v>0</v>
      </c>
      <c r="Z8149" s="2">
        <v>0</v>
      </c>
      <c r="AA8149" s="5"/>
      <c r="AB8149" s="5" t="s">
        <v>43</v>
      </c>
      <c r="AC8149" s="5" t="s">
        <v>44</v>
      </c>
      <c r="AD8149" s="2" t="s">
        <v>24808</v>
      </c>
      <c r="AE8149" s="1"/>
    </row>
    <row r="8150" spans="1:31" ht="14.45">
      <c r="A8150" s="5" t="s">
        <v>116</v>
      </c>
      <c r="B8150" s="21">
        <v>46054</v>
      </c>
      <c r="C8150" s="2" t="s">
        <v>24967</v>
      </c>
      <c r="D8150" s="14" t="s">
        <v>24968</v>
      </c>
      <c r="E8150" s="2" t="s">
        <v>24969</v>
      </c>
      <c r="F8150" s="2" t="s">
        <v>24628</v>
      </c>
      <c r="G8150" s="8">
        <v>963</v>
      </c>
      <c r="H8150" s="5">
        <v>10</v>
      </c>
      <c r="I8150" s="5" t="s">
        <v>69</v>
      </c>
      <c r="J8150" s="5" t="s">
        <v>24629</v>
      </c>
      <c r="K8150" s="2" t="s">
        <v>24630</v>
      </c>
      <c r="L8150" s="5" t="s">
        <v>24629</v>
      </c>
      <c r="M8150" s="2" t="s">
        <v>24630</v>
      </c>
      <c r="N8150" s="5" t="s">
        <v>24254</v>
      </c>
      <c r="O8150" s="5" t="s">
        <v>38</v>
      </c>
      <c r="P8150" s="5" t="s">
        <v>39</v>
      </c>
      <c r="Q8150" s="5" t="s">
        <v>40</v>
      </c>
      <c r="R8150" s="5" t="s">
        <v>1487</v>
      </c>
      <c r="S8150" s="5"/>
      <c r="T8150" s="5" t="s">
        <v>42</v>
      </c>
      <c r="U8150" s="2">
        <v>0</v>
      </c>
      <c r="V8150" s="2">
        <v>0</v>
      </c>
      <c r="W8150" s="2">
        <v>0</v>
      </c>
      <c r="X8150" s="2">
        <v>0</v>
      </c>
      <c r="Y8150" s="2">
        <v>0</v>
      </c>
      <c r="Z8150" s="2">
        <v>0</v>
      </c>
      <c r="AA8150" s="5"/>
      <c r="AB8150" s="5" t="s">
        <v>43</v>
      </c>
      <c r="AC8150" s="5" t="s">
        <v>44</v>
      </c>
      <c r="AD8150" s="2" t="s">
        <v>24804</v>
      </c>
      <c r="AE8150" s="1"/>
    </row>
    <row r="8151" spans="1:31" ht="14.45">
      <c r="A8151" s="5" t="s">
        <v>116</v>
      </c>
      <c r="B8151" s="21">
        <v>46054</v>
      </c>
      <c r="C8151" s="2" t="s">
        <v>24970</v>
      </c>
      <c r="D8151" s="14" t="s">
        <v>24971</v>
      </c>
      <c r="E8151" s="2" t="s">
        <v>24972</v>
      </c>
      <c r="F8151" s="2" t="s">
        <v>24628</v>
      </c>
      <c r="G8151" s="8">
        <v>963</v>
      </c>
      <c r="H8151" s="5">
        <v>15</v>
      </c>
      <c r="I8151" s="5" t="s">
        <v>69</v>
      </c>
      <c r="J8151" s="5" t="s">
        <v>24629</v>
      </c>
      <c r="K8151" s="2" t="s">
        <v>24630</v>
      </c>
      <c r="L8151" s="5" t="s">
        <v>24629</v>
      </c>
      <c r="M8151" s="2" t="s">
        <v>24630</v>
      </c>
      <c r="N8151" s="5" t="s">
        <v>24254</v>
      </c>
      <c r="O8151" s="5" t="s">
        <v>38</v>
      </c>
      <c r="P8151" s="5" t="s">
        <v>39</v>
      </c>
      <c r="Q8151" s="5" t="s">
        <v>40</v>
      </c>
      <c r="R8151" s="5" t="s">
        <v>1487</v>
      </c>
      <c r="S8151" s="5"/>
      <c r="T8151" s="5" t="s">
        <v>42</v>
      </c>
      <c r="U8151" s="2">
        <v>0</v>
      </c>
      <c r="V8151" s="2">
        <v>0</v>
      </c>
      <c r="W8151" s="2">
        <v>0</v>
      </c>
      <c r="X8151" s="2">
        <v>0</v>
      </c>
      <c r="Y8151" s="2">
        <v>0</v>
      </c>
      <c r="Z8151" s="2">
        <v>0</v>
      </c>
      <c r="AA8151" s="5"/>
      <c r="AB8151" s="5" t="s">
        <v>43</v>
      </c>
      <c r="AC8151" s="5" t="s">
        <v>44</v>
      </c>
      <c r="AD8151" s="2" t="s">
        <v>24808</v>
      </c>
      <c r="AE8151" s="1"/>
    </row>
    <row r="8152" spans="1:31" ht="14.45">
      <c r="A8152" s="5" t="s">
        <v>116</v>
      </c>
      <c r="B8152" s="21">
        <v>46054</v>
      </c>
      <c r="C8152" s="2" t="s">
        <v>24973</v>
      </c>
      <c r="D8152" s="14" t="s">
        <v>24974</v>
      </c>
      <c r="E8152" s="2" t="s">
        <v>24975</v>
      </c>
      <c r="F8152" s="2" t="s">
        <v>24628</v>
      </c>
      <c r="G8152" s="8">
        <v>717</v>
      </c>
      <c r="H8152" s="5">
        <v>15</v>
      </c>
      <c r="I8152" s="5" t="s">
        <v>69</v>
      </c>
      <c r="J8152" s="5" t="s">
        <v>24629</v>
      </c>
      <c r="K8152" s="2" t="s">
        <v>24630</v>
      </c>
      <c r="L8152" s="5" t="s">
        <v>24629</v>
      </c>
      <c r="M8152" s="2" t="s">
        <v>24630</v>
      </c>
      <c r="N8152" s="5" t="s">
        <v>24254</v>
      </c>
      <c r="O8152" s="5" t="s">
        <v>38</v>
      </c>
      <c r="P8152" s="5" t="s">
        <v>39</v>
      </c>
      <c r="Q8152" s="5" t="s">
        <v>40</v>
      </c>
      <c r="R8152" s="5" t="s">
        <v>1487</v>
      </c>
      <c r="S8152" s="5"/>
      <c r="T8152" s="5" t="s">
        <v>42</v>
      </c>
      <c r="U8152" s="2">
        <v>0</v>
      </c>
      <c r="V8152" s="2">
        <v>0</v>
      </c>
      <c r="W8152" s="2">
        <v>0</v>
      </c>
      <c r="X8152" s="2">
        <v>0</v>
      </c>
      <c r="Y8152" s="2">
        <v>0</v>
      </c>
      <c r="Z8152" s="2">
        <v>0</v>
      </c>
      <c r="AA8152" s="5"/>
      <c r="AB8152" s="5" t="s">
        <v>43</v>
      </c>
      <c r="AC8152" s="5" t="s">
        <v>44</v>
      </c>
      <c r="AD8152" s="2" t="s">
        <v>24976</v>
      </c>
      <c r="AE8152" s="1"/>
    </row>
    <row r="8153" spans="1:31" ht="14.45">
      <c r="A8153" s="5" t="s">
        <v>116</v>
      </c>
      <c r="B8153" s="21">
        <v>46054</v>
      </c>
      <c r="C8153" s="2" t="s">
        <v>24977</v>
      </c>
      <c r="D8153" s="14" t="s">
        <v>24978</v>
      </c>
      <c r="E8153" s="2" t="s">
        <v>24979</v>
      </c>
      <c r="F8153" s="2" t="s">
        <v>24628</v>
      </c>
      <c r="G8153" s="8">
        <v>717</v>
      </c>
      <c r="H8153" s="5">
        <v>15</v>
      </c>
      <c r="I8153" s="5" t="s">
        <v>69</v>
      </c>
      <c r="J8153" s="5" t="s">
        <v>24629</v>
      </c>
      <c r="K8153" s="2" t="s">
        <v>24630</v>
      </c>
      <c r="L8153" s="5" t="s">
        <v>24629</v>
      </c>
      <c r="M8153" s="2" t="s">
        <v>24630</v>
      </c>
      <c r="N8153" s="5" t="s">
        <v>24254</v>
      </c>
      <c r="O8153" s="5" t="s">
        <v>38</v>
      </c>
      <c r="P8153" s="5" t="s">
        <v>39</v>
      </c>
      <c r="Q8153" s="5" t="s">
        <v>40</v>
      </c>
      <c r="R8153" s="5" t="s">
        <v>1487</v>
      </c>
      <c r="S8153" s="5"/>
      <c r="T8153" s="5" t="s">
        <v>42</v>
      </c>
      <c r="U8153" s="2">
        <v>0</v>
      </c>
      <c r="V8153" s="2">
        <v>0</v>
      </c>
      <c r="W8153" s="2">
        <v>0</v>
      </c>
      <c r="X8153" s="2">
        <v>0</v>
      </c>
      <c r="Y8153" s="2">
        <v>0</v>
      </c>
      <c r="Z8153" s="2">
        <v>0</v>
      </c>
      <c r="AA8153" s="5"/>
      <c r="AB8153" s="5" t="s">
        <v>43</v>
      </c>
      <c r="AC8153" s="5" t="s">
        <v>44</v>
      </c>
      <c r="AD8153" s="2" t="s">
        <v>24980</v>
      </c>
      <c r="AE8153" s="1"/>
    </row>
    <row r="8154" spans="1:31" ht="14.45">
      <c r="A8154" s="5" t="s">
        <v>116</v>
      </c>
      <c r="B8154" s="21">
        <v>46054</v>
      </c>
      <c r="C8154" s="2" t="s">
        <v>24981</v>
      </c>
      <c r="D8154" s="14" t="s">
        <v>24982</v>
      </c>
      <c r="E8154" s="2" t="s">
        <v>24983</v>
      </c>
      <c r="F8154" s="2" t="s">
        <v>24639</v>
      </c>
      <c r="G8154" s="8">
        <v>1321</v>
      </c>
      <c r="H8154" s="5">
        <v>15</v>
      </c>
      <c r="I8154" s="5" t="s">
        <v>69</v>
      </c>
      <c r="J8154" s="5" t="s">
        <v>24629</v>
      </c>
      <c r="K8154" s="2" t="s">
        <v>24630</v>
      </c>
      <c r="L8154" s="5" t="s">
        <v>24629</v>
      </c>
      <c r="M8154" s="2" t="s">
        <v>24630</v>
      </c>
      <c r="N8154" s="5" t="s">
        <v>24254</v>
      </c>
      <c r="O8154" s="5" t="s">
        <v>38</v>
      </c>
      <c r="P8154" s="5" t="s">
        <v>39</v>
      </c>
      <c r="Q8154" s="5" t="s">
        <v>40</v>
      </c>
      <c r="R8154" s="5" t="s">
        <v>1487</v>
      </c>
      <c r="S8154" s="5"/>
      <c r="T8154" s="5" t="s">
        <v>42</v>
      </c>
      <c r="U8154" s="2">
        <v>0</v>
      </c>
      <c r="V8154" s="2">
        <v>0</v>
      </c>
      <c r="W8154" s="2">
        <v>0</v>
      </c>
      <c r="X8154" s="2">
        <v>0</v>
      </c>
      <c r="Y8154" s="2">
        <v>0</v>
      </c>
      <c r="Z8154" s="2">
        <v>0</v>
      </c>
      <c r="AA8154" s="5"/>
      <c r="AB8154" s="5" t="s">
        <v>43</v>
      </c>
      <c r="AC8154" s="5" t="s">
        <v>44</v>
      </c>
      <c r="AD8154" s="2" t="s">
        <v>24984</v>
      </c>
      <c r="AE8154" s="1"/>
    </row>
    <row r="8155" spans="1:31" ht="14.45">
      <c r="A8155" s="5" t="s">
        <v>116</v>
      </c>
      <c r="B8155" s="21">
        <v>46054</v>
      </c>
      <c r="C8155" s="2" t="s">
        <v>24985</v>
      </c>
      <c r="D8155" s="14" t="s">
        <v>24986</v>
      </c>
      <c r="E8155" s="2" t="s">
        <v>24987</v>
      </c>
      <c r="F8155" s="2" t="s">
        <v>24639</v>
      </c>
      <c r="G8155" s="8">
        <v>1321</v>
      </c>
      <c r="H8155" s="5">
        <v>15</v>
      </c>
      <c r="I8155" s="5" t="s">
        <v>69</v>
      </c>
      <c r="J8155" s="5" t="s">
        <v>24629</v>
      </c>
      <c r="K8155" s="2" t="s">
        <v>24630</v>
      </c>
      <c r="L8155" s="5" t="s">
        <v>24629</v>
      </c>
      <c r="M8155" s="2" t="s">
        <v>24630</v>
      </c>
      <c r="N8155" s="5" t="s">
        <v>24254</v>
      </c>
      <c r="O8155" s="5" t="s">
        <v>38</v>
      </c>
      <c r="P8155" s="5" t="s">
        <v>39</v>
      </c>
      <c r="Q8155" s="5" t="s">
        <v>40</v>
      </c>
      <c r="R8155" s="5" t="s">
        <v>1487</v>
      </c>
      <c r="S8155" s="5"/>
      <c r="T8155" s="5" t="s">
        <v>42</v>
      </c>
      <c r="U8155" s="2">
        <v>0</v>
      </c>
      <c r="V8155" s="2">
        <v>0</v>
      </c>
      <c r="W8155" s="2">
        <v>0</v>
      </c>
      <c r="X8155" s="2">
        <v>0</v>
      </c>
      <c r="Y8155" s="2">
        <v>0</v>
      </c>
      <c r="Z8155" s="2">
        <v>0</v>
      </c>
      <c r="AA8155" s="5"/>
      <c r="AB8155" s="5" t="s">
        <v>43</v>
      </c>
      <c r="AC8155" s="5" t="s">
        <v>44</v>
      </c>
      <c r="AD8155" s="2" t="s">
        <v>24988</v>
      </c>
      <c r="AE8155" s="1"/>
    </row>
    <row r="8156" spans="1:31" ht="14.45">
      <c r="A8156" s="5" t="s">
        <v>116</v>
      </c>
      <c r="B8156" s="21">
        <v>46054</v>
      </c>
      <c r="C8156" s="2" t="s">
        <v>24989</v>
      </c>
      <c r="D8156" s="14" t="s">
        <v>24990</v>
      </c>
      <c r="E8156" s="2" t="s">
        <v>24991</v>
      </c>
      <c r="F8156" s="2" t="s">
        <v>24628</v>
      </c>
      <c r="G8156" s="8">
        <v>746</v>
      </c>
      <c r="H8156" s="5">
        <v>5</v>
      </c>
      <c r="I8156" s="5" t="s">
        <v>69</v>
      </c>
      <c r="J8156" s="5" t="s">
        <v>24629</v>
      </c>
      <c r="K8156" s="2" t="s">
        <v>24630</v>
      </c>
      <c r="L8156" s="5" t="s">
        <v>24629</v>
      </c>
      <c r="M8156" s="2" t="s">
        <v>24630</v>
      </c>
      <c r="N8156" s="5" t="s">
        <v>24254</v>
      </c>
      <c r="O8156" s="5" t="s">
        <v>38</v>
      </c>
      <c r="P8156" s="5" t="s">
        <v>39</v>
      </c>
      <c r="Q8156" s="5" t="s">
        <v>40</v>
      </c>
      <c r="R8156" s="5" t="s">
        <v>1487</v>
      </c>
      <c r="S8156" s="5"/>
      <c r="T8156" s="5" t="s">
        <v>42</v>
      </c>
      <c r="U8156" s="2">
        <v>0</v>
      </c>
      <c r="V8156" s="2">
        <v>0</v>
      </c>
      <c r="W8156" s="2">
        <v>0</v>
      </c>
      <c r="X8156" s="2">
        <v>0</v>
      </c>
      <c r="Y8156" s="2">
        <v>0</v>
      </c>
      <c r="Z8156" s="2">
        <v>0</v>
      </c>
      <c r="AA8156" s="5"/>
      <c r="AB8156" s="5" t="s">
        <v>43</v>
      </c>
      <c r="AC8156" s="5" t="s">
        <v>44</v>
      </c>
      <c r="AD8156" s="2" t="s">
        <v>24976</v>
      </c>
      <c r="AE8156" s="1"/>
    </row>
    <row r="8157" spans="1:31" ht="14.45">
      <c r="A8157" s="5" t="s">
        <v>116</v>
      </c>
      <c r="B8157" s="21">
        <v>46054</v>
      </c>
      <c r="C8157" s="2" t="s">
        <v>24992</v>
      </c>
      <c r="D8157" s="14" t="s">
        <v>24993</v>
      </c>
      <c r="E8157" s="2" t="s">
        <v>24994</v>
      </c>
      <c r="F8157" s="2" t="s">
        <v>24628</v>
      </c>
      <c r="G8157" s="8">
        <v>746</v>
      </c>
      <c r="H8157" s="5">
        <v>15</v>
      </c>
      <c r="I8157" s="5" t="s">
        <v>69</v>
      </c>
      <c r="J8157" s="5" t="s">
        <v>24629</v>
      </c>
      <c r="K8157" s="2" t="s">
        <v>24630</v>
      </c>
      <c r="L8157" s="5" t="s">
        <v>24629</v>
      </c>
      <c r="M8157" s="2" t="s">
        <v>24630</v>
      </c>
      <c r="N8157" s="5" t="s">
        <v>24254</v>
      </c>
      <c r="O8157" s="5" t="s">
        <v>38</v>
      </c>
      <c r="P8157" s="5" t="s">
        <v>39</v>
      </c>
      <c r="Q8157" s="5" t="s">
        <v>40</v>
      </c>
      <c r="R8157" s="5" t="s">
        <v>1487</v>
      </c>
      <c r="S8157" s="5"/>
      <c r="T8157" s="5" t="s">
        <v>42</v>
      </c>
      <c r="U8157" s="2">
        <v>0</v>
      </c>
      <c r="V8157" s="2">
        <v>0</v>
      </c>
      <c r="W8157" s="2">
        <v>0</v>
      </c>
      <c r="X8157" s="2">
        <v>0</v>
      </c>
      <c r="Y8157" s="2">
        <v>0</v>
      </c>
      <c r="Z8157" s="2">
        <v>0</v>
      </c>
      <c r="AA8157" s="5"/>
      <c r="AB8157" s="5" t="s">
        <v>43</v>
      </c>
      <c r="AC8157" s="5" t="s">
        <v>44</v>
      </c>
      <c r="AD8157" s="2" t="s">
        <v>24980</v>
      </c>
      <c r="AE8157" s="1"/>
    </row>
    <row r="8158" spans="1:31" ht="14.45">
      <c r="A8158" s="5" t="s">
        <v>116</v>
      </c>
      <c r="B8158" s="21">
        <v>46054</v>
      </c>
      <c r="C8158" s="2" t="s">
        <v>24995</v>
      </c>
      <c r="D8158" s="14" t="s">
        <v>24996</v>
      </c>
      <c r="E8158" s="2" t="s">
        <v>24997</v>
      </c>
      <c r="F8158" s="2" t="s">
        <v>24639</v>
      </c>
      <c r="G8158" s="8">
        <v>1380</v>
      </c>
      <c r="H8158" s="5">
        <v>15</v>
      </c>
      <c r="I8158" s="5" t="s">
        <v>69</v>
      </c>
      <c r="J8158" s="5" t="s">
        <v>24629</v>
      </c>
      <c r="K8158" s="2" t="s">
        <v>24630</v>
      </c>
      <c r="L8158" s="5" t="s">
        <v>24629</v>
      </c>
      <c r="M8158" s="2" t="s">
        <v>24630</v>
      </c>
      <c r="N8158" s="5" t="s">
        <v>24254</v>
      </c>
      <c r="O8158" s="5" t="s">
        <v>38</v>
      </c>
      <c r="P8158" s="5" t="s">
        <v>39</v>
      </c>
      <c r="Q8158" s="5" t="s">
        <v>40</v>
      </c>
      <c r="R8158" s="5" t="s">
        <v>1487</v>
      </c>
      <c r="S8158" s="5"/>
      <c r="T8158" s="5" t="s">
        <v>42</v>
      </c>
      <c r="U8158" s="2">
        <v>0</v>
      </c>
      <c r="V8158" s="2">
        <v>0</v>
      </c>
      <c r="W8158" s="2">
        <v>0</v>
      </c>
      <c r="X8158" s="2">
        <v>0</v>
      </c>
      <c r="Y8158" s="2">
        <v>0</v>
      </c>
      <c r="Z8158" s="2">
        <v>0</v>
      </c>
      <c r="AA8158" s="5"/>
      <c r="AB8158" s="5" t="s">
        <v>43</v>
      </c>
      <c r="AC8158" s="5" t="s">
        <v>44</v>
      </c>
      <c r="AD8158" s="2" t="s">
        <v>24984</v>
      </c>
      <c r="AE8158" s="1"/>
    </row>
    <row r="8159" spans="1:31" ht="14.45">
      <c r="A8159" s="5" t="s">
        <v>116</v>
      </c>
      <c r="B8159" s="21">
        <v>46054</v>
      </c>
      <c r="C8159" s="2" t="s">
        <v>24998</v>
      </c>
      <c r="D8159" s="14" t="s">
        <v>24999</v>
      </c>
      <c r="E8159" s="2" t="s">
        <v>25000</v>
      </c>
      <c r="F8159" s="2" t="s">
        <v>24639</v>
      </c>
      <c r="G8159" s="8">
        <v>1380</v>
      </c>
      <c r="H8159" s="5">
        <v>15</v>
      </c>
      <c r="I8159" s="5" t="s">
        <v>69</v>
      </c>
      <c r="J8159" s="5" t="s">
        <v>24629</v>
      </c>
      <c r="K8159" s="2" t="s">
        <v>24630</v>
      </c>
      <c r="L8159" s="5" t="s">
        <v>24629</v>
      </c>
      <c r="M8159" s="2" t="s">
        <v>24630</v>
      </c>
      <c r="N8159" s="5" t="s">
        <v>24254</v>
      </c>
      <c r="O8159" s="5" t="s">
        <v>38</v>
      </c>
      <c r="P8159" s="5" t="s">
        <v>39</v>
      </c>
      <c r="Q8159" s="5" t="s">
        <v>40</v>
      </c>
      <c r="R8159" s="5" t="s">
        <v>1487</v>
      </c>
      <c r="S8159" s="5"/>
      <c r="T8159" s="5" t="s">
        <v>42</v>
      </c>
      <c r="U8159" s="2">
        <v>0</v>
      </c>
      <c r="V8159" s="2">
        <v>0</v>
      </c>
      <c r="W8159" s="2">
        <v>0</v>
      </c>
      <c r="X8159" s="2">
        <v>0</v>
      </c>
      <c r="Y8159" s="2">
        <v>0</v>
      </c>
      <c r="Z8159" s="2">
        <v>0</v>
      </c>
      <c r="AA8159" s="5"/>
      <c r="AB8159" s="5" t="s">
        <v>43</v>
      </c>
      <c r="AC8159" s="5" t="s">
        <v>44</v>
      </c>
      <c r="AD8159" s="2" t="s">
        <v>24988</v>
      </c>
      <c r="AE8159" s="1"/>
    </row>
    <row r="8160" spans="1:31" ht="14.45">
      <c r="A8160" s="5" t="s">
        <v>116</v>
      </c>
      <c r="B8160" s="21">
        <v>46054</v>
      </c>
      <c r="C8160" s="2" t="s">
        <v>25001</v>
      </c>
      <c r="D8160" s="14" t="s">
        <v>25002</v>
      </c>
      <c r="E8160" s="2" t="s">
        <v>25003</v>
      </c>
      <c r="F8160" s="2" t="s">
        <v>24628</v>
      </c>
      <c r="G8160" s="8">
        <v>773</v>
      </c>
      <c r="H8160" s="5">
        <v>5</v>
      </c>
      <c r="I8160" s="5" t="s">
        <v>69</v>
      </c>
      <c r="J8160" s="5" t="s">
        <v>24629</v>
      </c>
      <c r="K8160" s="2" t="s">
        <v>24630</v>
      </c>
      <c r="L8160" s="5" t="s">
        <v>24629</v>
      </c>
      <c r="M8160" s="2" t="s">
        <v>24630</v>
      </c>
      <c r="N8160" s="5" t="s">
        <v>24254</v>
      </c>
      <c r="O8160" s="5" t="s">
        <v>38</v>
      </c>
      <c r="P8160" s="5" t="s">
        <v>39</v>
      </c>
      <c r="Q8160" s="5" t="s">
        <v>40</v>
      </c>
      <c r="R8160" s="5" t="s">
        <v>1487</v>
      </c>
      <c r="S8160" s="5"/>
      <c r="T8160" s="5" t="s">
        <v>42</v>
      </c>
      <c r="U8160" s="2">
        <v>0</v>
      </c>
      <c r="V8160" s="2">
        <v>0</v>
      </c>
      <c r="W8160" s="2">
        <v>0</v>
      </c>
      <c r="X8160" s="2">
        <v>0</v>
      </c>
      <c r="Y8160" s="2">
        <v>0</v>
      </c>
      <c r="Z8160" s="2">
        <v>0</v>
      </c>
      <c r="AA8160" s="5"/>
      <c r="AB8160" s="5" t="s">
        <v>43</v>
      </c>
      <c r="AC8160" s="5" t="s">
        <v>44</v>
      </c>
      <c r="AD8160" s="2" t="s">
        <v>24976</v>
      </c>
      <c r="AE8160" s="1"/>
    </row>
    <row r="8161" spans="1:31" ht="14.45">
      <c r="A8161" s="5" t="s">
        <v>116</v>
      </c>
      <c r="B8161" s="21">
        <v>46054</v>
      </c>
      <c r="C8161" s="2" t="s">
        <v>25004</v>
      </c>
      <c r="D8161" s="14" t="s">
        <v>25005</v>
      </c>
      <c r="E8161" s="2" t="s">
        <v>25006</v>
      </c>
      <c r="F8161" s="2" t="s">
        <v>24628</v>
      </c>
      <c r="G8161" s="8">
        <v>773</v>
      </c>
      <c r="H8161" s="5">
        <v>15</v>
      </c>
      <c r="I8161" s="5" t="s">
        <v>69</v>
      </c>
      <c r="J8161" s="5" t="s">
        <v>24629</v>
      </c>
      <c r="K8161" s="2" t="s">
        <v>24630</v>
      </c>
      <c r="L8161" s="5" t="s">
        <v>24629</v>
      </c>
      <c r="M8161" s="2" t="s">
        <v>24630</v>
      </c>
      <c r="N8161" s="5" t="s">
        <v>24254</v>
      </c>
      <c r="O8161" s="5" t="s">
        <v>38</v>
      </c>
      <c r="P8161" s="5" t="s">
        <v>39</v>
      </c>
      <c r="Q8161" s="5" t="s">
        <v>40</v>
      </c>
      <c r="R8161" s="5" t="s">
        <v>1487</v>
      </c>
      <c r="S8161" s="5"/>
      <c r="T8161" s="5" t="s">
        <v>42</v>
      </c>
      <c r="U8161" s="2">
        <v>0</v>
      </c>
      <c r="V8161" s="2">
        <v>0</v>
      </c>
      <c r="W8161" s="2">
        <v>0</v>
      </c>
      <c r="X8161" s="2">
        <v>0</v>
      </c>
      <c r="Y8161" s="2">
        <v>0</v>
      </c>
      <c r="Z8161" s="2">
        <v>0</v>
      </c>
      <c r="AA8161" s="5"/>
      <c r="AB8161" s="5" t="s">
        <v>43</v>
      </c>
      <c r="AC8161" s="5" t="s">
        <v>44</v>
      </c>
      <c r="AD8161" s="2" t="s">
        <v>24980</v>
      </c>
      <c r="AE8161" s="1"/>
    </row>
    <row r="8162" spans="1:31" ht="14.45">
      <c r="A8162" s="5" t="s">
        <v>116</v>
      </c>
      <c r="B8162" s="21">
        <v>46054</v>
      </c>
      <c r="C8162" s="2" t="s">
        <v>25007</v>
      </c>
      <c r="D8162" s="14" t="s">
        <v>25008</v>
      </c>
      <c r="E8162" s="2" t="s">
        <v>25009</v>
      </c>
      <c r="F8162" s="2" t="s">
        <v>24639</v>
      </c>
      <c r="G8162" s="8">
        <v>1434</v>
      </c>
      <c r="H8162" s="5">
        <v>15</v>
      </c>
      <c r="I8162" s="5" t="s">
        <v>69</v>
      </c>
      <c r="J8162" s="5" t="s">
        <v>24629</v>
      </c>
      <c r="K8162" s="2" t="s">
        <v>24630</v>
      </c>
      <c r="L8162" s="5" t="s">
        <v>24629</v>
      </c>
      <c r="M8162" s="2" t="s">
        <v>24630</v>
      </c>
      <c r="N8162" s="5" t="s">
        <v>24254</v>
      </c>
      <c r="O8162" s="5" t="s">
        <v>38</v>
      </c>
      <c r="P8162" s="5" t="s">
        <v>39</v>
      </c>
      <c r="Q8162" s="5" t="s">
        <v>40</v>
      </c>
      <c r="R8162" s="5" t="s">
        <v>1487</v>
      </c>
      <c r="S8162" s="5"/>
      <c r="T8162" s="5" t="s">
        <v>42</v>
      </c>
      <c r="U8162" s="2">
        <v>0</v>
      </c>
      <c r="V8162" s="2">
        <v>0</v>
      </c>
      <c r="W8162" s="2">
        <v>0</v>
      </c>
      <c r="X8162" s="2">
        <v>0</v>
      </c>
      <c r="Y8162" s="2">
        <v>0</v>
      </c>
      <c r="Z8162" s="2">
        <v>0</v>
      </c>
      <c r="AA8162" s="5"/>
      <c r="AB8162" s="5" t="s">
        <v>43</v>
      </c>
      <c r="AC8162" s="5" t="s">
        <v>44</v>
      </c>
      <c r="AD8162" s="2" t="s">
        <v>24984</v>
      </c>
      <c r="AE8162" s="1"/>
    </row>
    <row r="8163" spans="1:31" ht="14.45">
      <c r="A8163" s="5" t="s">
        <v>116</v>
      </c>
      <c r="B8163" s="21">
        <v>46054</v>
      </c>
      <c r="C8163" s="2" t="s">
        <v>25010</v>
      </c>
      <c r="D8163" s="14" t="s">
        <v>25011</v>
      </c>
      <c r="E8163" s="2" t="s">
        <v>25012</v>
      </c>
      <c r="F8163" s="2" t="s">
        <v>24639</v>
      </c>
      <c r="G8163" s="8">
        <v>1434</v>
      </c>
      <c r="H8163" s="5">
        <v>15</v>
      </c>
      <c r="I8163" s="5" t="s">
        <v>69</v>
      </c>
      <c r="J8163" s="5" t="s">
        <v>24629</v>
      </c>
      <c r="K8163" s="2" t="s">
        <v>24630</v>
      </c>
      <c r="L8163" s="5" t="s">
        <v>24629</v>
      </c>
      <c r="M8163" s="2" t="s">
        <v>24630</v>
      </c>
      <c r="N8163" s="5" t="s">
        <v>24254</v>
      </c>
      <c r="O8163" s="5" t="s">
        <v>38</v>
      </c>
      <c r="P8163" s="5" t="s">
        <v>39</v>
      </c>
      <c r="Q8163" s="5" t="s">
        <v>40</v>
      </c>
      <c r="R8163" s="5" t="s">
        <v>1487</v>
      </c>
      <c r="S8163" s="5"/>
      <c r="T8163" s="5" t="s">
        <v>42</v>
      </c>
      <c r="U8163" s="2">
        <v>0</v>
      </c>
      <c r="V8163" s="2">
        <v>0</v>
      </c>
      <c r="W8163" s="2">
        <v>0</v>
      </c>
      <c r="X8163" s="2">
        <v>0</v>
      </c>
      <c r="Y8163" s="2">
        <v>0</v>
      </c>
      <c r="Z8163" s="2">
        <v>0</v>
      </c>
      <c r="AA8163" s="5"/>
      <c r="AB8163" s="5" t="s">
        <v>43</v>
      </c>
      <c r="AC8163" s="5" t="s">
        <v>44</v>
      </c>
      <c r="AD8163" s="2" t="s">
        <v>24988</v>
      </c>
      <c r="AE8163" s="1"/>
    </row>
    <row r="8164" spans="1:31" ht="14.45">
      <c r="A8164" s="5" t="s">
        <v>116</v>
      </c>
      <c r="B8164" s="21">
        <v>46054</v>
      </c>
      <c r="C8164" s="2" t="s">
        <v>25013</v>
      </c>
      <c r="D8164" s="14" t="s">
        <v>25014</v>
      </c>
      <c r="E8164" s="2" t="s">
        <v>25015</v>
      </c>
      <c r="F8164" s="2" t="s">
        <v>24628</v>
      </c>
      <c r="G8164" s="8">
        <v>764</v>
      </c>
      <c r="H8164" s="5">
        <v>5</v>
      </c>
      <c r="I8164" s="5" t="s">
        <v>69</v>
      </c>
      <c r="J8164" s="5" t="s">
        <v>24629</v>
      </c>
      <c r="K8164" s="2" t="s">
        <v>24630</v>
      </c>
      <c r="L8164" s="5" t="s">
        <v>24629</v>
      </c>
      <c r="M8164" s="2" t="s">
        <v>24630</v>
      </c>
      <c r="N8164" s="5" t="s">
        <v>24254</v>
      </c>
      <c r="O8164" s="5" t="s">
        <v>38</v>
      </c>
      <c r="P8164" s="5" t="s">
        <v>39</v>
      </c>
      <c r="Q8164" s="5" t="s">
        <v>40</v>
      </c>
      <c r="R8164" s="5" t="s">
        <v>1487</v>
      </c>
      <c r="S8164" s="5"/>
      <c r="T8164" s="5" t="s">
        <v>42</v>
      </c>
      <c r="U8164" s="2">
        <v>0</v>
      </c>
      <c r="V8164" s="2">
        <v>0</v>
      </c>
      <c r="W8164" s="2">
        <v>0</v>
      </c>
      <c r="X8164" s="2">
        <v>0</v>
      </c>
      <c r="Y8164" s="2">
        <v>0</v>
      </c>
      <c r="Z8164" s="2">
        <v>0</v>
      </c>
      <c r="AA8164" s="5"/>
      <c r="AB8164" s="5" t="s">
        <v>43</v>
      </c>
      <c r="AC8164" s="5" t="s">
        <v>44</v>
      </c>
      <c r="AD8164" s="2" t="s">
        <v>24976</v>
      </c>
      <c r="AE8164" s="1"/>
    </row>
    <row r="8165" spans="1:31" ht="14.45">
      <c r="A8165" s="5" t="s">
        <v>116</v>
      </c>
      <c r="B8165" s="21">
        <v>46054</v>
      </c>
      <c r="C8165" s="2" t="s">
        <v>25016</v>
      </c>
      <c r="D8165" s="14" t="s">
        <v>25017</v>
      </c>
      <c r="E8165" s="2" t="s">
        <v>25018</v>
      </c>
      <c r="F8165" s="2" t="s">
        <v>24628</v>
      </c>
      <c r="G8165" s="8">
        <v>764</v>
      </c>
      <c r="H8165" s="5">
        <v>15</v>
      </c>
      <c r="I8165" s="5" t="s">
        <v>69</v>
      </c>
      <c r="J8165" s="5" t="s">
        <v>24629</v>
      </c>
      <c r="K8165" s="2" t="s">
        <v>24630</v>
      </c>
      <c r="L8165" s="5" t="s">
        <v>24629</v>
      </c>
      <c r="M8165" s="2" t="s">
        <v>24630</v>
      </c>
      <c r="N8165" s="5" t="s">
        <v>24254</v>
      </c>
      <c r="O8165" s="5" t="s">
        <v>38</v>
      </c>
      <c r="P8165" s="5" t="s">
        <v>39</v>
      </c>
      <c r="Q8165" s="5" t="s">
        <v>40</v>
      </c>
      <c r="R8165" s="5" t="s">
        <v>1487</v>
      </c>
      <c r="S8165" s="5"/>
      <c r="T8165" s="5" t="s">
        <v>42</v>
      </c>
      <c r="U8165" s="2">
        <v>0</v>
      </c>
      <c r="V8165" s="2">
        <v>0</v>
      </c>
      <c r="W8165" s="2">
        <v>0</v>
      </c>
      <c r="X8165" s="2">
        <v>0</v>
      </c>
      <c r="Y8165" s="2">
        <v>0</v>
      </c>
      <c r="Z8165" s="2">
        <v>0</v>
      </c>
      <c r="AA8165" s="5"/>
      <c r="AB8165" s="5" t="s">
        <v>43</v>
      </c>
      <c r="AC8165" s="5" t="s">
        <v>44</v>
      </c>
      <c r="AD8165" s="2" t="s">
        <v>24980</v>
      </c>
      <c r="AE8165" s="1"/>
    </row>
    <row r="8166" spans="1:31" ht="14.45">
      <c r="A8166" s="5" t="s">
        <v>116</v>
      </c>
      <c r="B8166" s="21">
        <v>46054</v>
      </c>
      <c r="C8166" s="2" t="s">
        <v>25019</v>
      </c>
      <c r="D8166" s="14" t="s">
        <v>25020</v>
      </c>
      <c r="E8166" s="2" t="s">
        <v>25021</v>
      </c>
      <c r="F8166" s="2" t="s">
        <v>24639</v>
      </c>
      <c r="G8166" s="8">
        <v>1460</v>
      </c>
      <c r="H8166" s="5">
        <v>15</v>
      </c>
      <c r="I8166" s="5" t="s">
        <v>69</v>
      </c>
      <c r="J8166" s="5" t="s">
        <v>24629</v>
      </c>
      <c r="K8166" s="2" t="s">
        <v>24630</v>
      </c>
      <c r="L8166" s="5" t="s">
        <v>24629</v>
      </c>
      <c r="M8166" s="2" t="s">
        <v>24630</v>
      </c>
      <c r="N8166" s="5" t="s">
        <v>24254</v>
      </c>
      <c r="O8166" s="5" t="s">
        <v>38</v>
      </c>
      <c r="P8166" s="5" t="s">
        <v>39</v>
      </c>
      <c r="Q8166" s="5" t="s">
        <v>40</v>
      </c>
      <c r="R8166" s="5" t="s">
        <v>1487</v>
      </c>
      <c r="S8166" s="5"/>
      <c r="T8166" s="5" t="s">
        <v>42</v>
      </c>
      <c r="U8166" s="2">
        <v>0</v>
      </c>
      <c r="V8166" s="2">
        <v>0</v>
      </c>
      <c r="W8166" s="2">
        <v>0</v>
      </c>
      <c r="X8166" s="2">
        <v>0</v>
      </c>
      <c r="Y8166" s="2">
        <v>0</v>
      </c>
      <c r="Z8166" s="2">
        <v>0</v>
      </c>
      <c r="AA8166" s="5"/>
      <c r="AB8166" s="5" t="s">
        <v>43</v>
      </c>
      <c r="AC8166" s="5" t="s">
        <v>44</v>
      </c>
      <c r="AD8166" s="2" t="s">
        <v>24984</v>
      </c>
      <c r="AE8166" s="1"/>
    </row>
    <row r="8167" spans="1:31" ht="14.45">
      <c r="A8167" s="5" t="s">
        <v>116</v>
      </c>
      <c r="B8167" s="21">
        <v>46054</v>
      </c>
      <c r="C8167" s="2" t="s">
        <v>25022</v>
      </c>
      <c r="D8167" s="14" t="s">
        <v>25023</v>
      </c>
      <c r="E8167" s="2" t="s">
        <v>25024</v>
      </c>
      <c r="F8167" s="2" t="s">
        <v>24639</v>
      </c>
      <c r="G8167" s="8">
        <v>1460</v>
      </c>
      <c r="H8167" s="5">
        <v>15</v>
      </c>
      <c r="I8167" s="5" t="s">
        <v>69</v>
      </c>
      <c r="J8167" s="5" t="s">
        <v>24629</v>
      </c>
      <c r="K8167" s="2" t="s">
        <v>24630</v>
      </c>
      <c r="L8167" s="5" t="s">
        <v>24629</v>
      </c>
      <c r="M8167" s="2" t="s">
        <v>24630</v>
      </c>
      <c r="N8167" s="5" t="s">
        <v>24254</v>
      </c>
      <c r="O8167" s="5" t="s">
        <v>38</v>
      </c>
      <c r="P8167" s="5" t="s">
        <v>39</v>
      </c>
      <c r="Q8167" s="5" t="s">
        <v>40</v>
      </c>
      <c r="R8167" s="5" t="s">
        <v>1487</v>
      </c>
      <c r="S8167" s="5"/>
      <c r="T8167" s="5" t="s">
        <v>42</v>
      </c>
      <c r="U8167" s="2">
        <v>0</v>
      </c>
      <c r="V8167" s="2">
        <v>0</v>
      </c>
      <c r="W8167" s="2">
        <v>0</v>
      </c>
      <c r="X8167" s="2">
        <v>0</v>
      </c>
      <c r="Y8167" s="2">
        <v>0</v>
      </c>
      <c r="Z8167" s="2">
        <v>0</v>
      </c>
      <c r="AA8167" s="5"/>
      <c r="AB8167" s="5" t="s">
        <v>43</v>
      </c>
      <c r="AC8167" s="5" t="s">
        <v>44</v>
      </c>
      <c r="AD8167" s="2" t="s">
        <v>24988</v>
      </c>
      <c r="AE8167" s="1"/>
    </row>
    <row r="8168" spans="1:31" ht="14.45">
      <c r="A8168" s="5" t="s">
        <v>116</v>
      </c>
      <c r="B8168" s="21">
        <v>46054</v>
      </c>
      <c r="C8168" s="2" t="s">
        <v>25025</v>
      </c>
      <c r="D8168" s="14" t="s">
        <v>25026</v>
      </c>
      <c r="E8168" s="2" t="s">
        <v>25027</v>
      </c>
      <c r="F8168" s="2" t="s">
        <v>24628</v>
      </c>
      <c r="G8168" s="8">
        <v>815</v>
      </c>
      <c r="H8168" s="5">
        <v>5</v>
      </c>
      <c r="I8168" s="5" t="s">
        <v>69</v>
      </c>
      <c r="J8168" s="5" t="s">
        <v>24629</v>
      </c>
      <c r="K8168" s="2" t="s">
        <v>24630</v>
      </c>
      <c r="L8168" s="5" t="s">
        <v>24629</v>
      </c>
      <c r="M8168" s="2" t="s">
        <v>24630</v>
      </c>
      <c r="N8168" s="5" t="s">
        <v>24254</v>
      </c>
      <c r="O8168" s="5" t="s">
        <v>38</v>
      </c>
      <c r="P8168" s="5" t="s">
        <v>39</v>
      </c>
      <c r="Q8168" s="5" t="s">
        <v>40</v>
      </c>
      <c r="R8168" s="5" t="s">
        <v>1487</v>
      </c>
      <c r="S8168" s="5"/>
      <c r="T8168" s="5" t="s">
        <v>42</v>
      </c>
      <c r="U8168" s="2">
        <v>0</v>
      </c>
      <c r="V8168" s="2">
        <v>0</v>
      </c>
      <c r="W8168" s="2">
        <v>0</v>
      </c>
      <c r="X8168" s="2">
        <v>0</v>
      </c>
      <c r="Y8168" s="2">
        <v>0</v>
      </c>
      <c r="Z8168" s="2">
        <v>0</v>
      </c>
      <c r="AA8168" s="5"/>
      <c r="AB8168" s="5" t="s">
        <v>43</v>
      </c>
      <c r="AC8168" s="5" t="s">
        <v>44</v>
      </c>
      <c r="AD8168" s="2" t="s">
        <v>24976</v>
      </c>
      <c r="AE8168" s="1"/>
    </row>
    <row r="8169" spans="1:31" ht="14.45">
      <c r="A8169" s="5" t="s">
        <v>116</v>
      </c>
      <c r="B8169" s="21">
        <v>46054</v>
      </c>
      <c r="C8169" s="2" t="s">
        <v>25028</v>
      </c>
      <c r="D8169" s="14" t="s">
        <v>25029</v>
      </c>
      <c r="E8169" s="2" t="s">
        <v>25030</v>
      </c>
      <c r="F8169" s="2" t="s">
        <v>24628</v>
      </c>
      <c r="G8169" s="8">
        <v>815</v>
      </c>
      <c r="H8169" s="5">
        <v>15</v>
      </c>
      <c r="I8169" s="5" t="s">
        <v>69</v>
      </c>
      <c r="J8169" s="5" t="s">
        <v>24629</v>
      </c>
      <c r="K8169" s="2" t="s">
        <v>24630</v>
      </c>
      <c r="L8169" s="5" t="s">
        <v>24629</v>
      </c>
      <c r="M8169" s="2" t="s">
        <v>24630</v>
      </c>
      <c r="N8169" s="5" t="s">
        <v>24254</v>
      </c>
      <c r="O8169" s="5" t="s">
        <v>38</v>
      </c>
      <c r="P8169" s="5" t="s">
        <v>39</v>
      </c>
      <c r="Q8169" s="5" t="s">
        <v>40</v>
      </c>
      <c r="R8169" s="5" t="s">
        <v>1487</v>
      </c>
      <c r="S8169" s="5"/>
      <c r="T8169" s="5" t="s">
        <v>42</v>
      </c>
      <c r="U8169" s="2">
        <v>0</v>
      </c>
      <c r="V8169" s="2">
        <v>0</v>
      </c>
      <c r="W8169" s="2">
        <v>0</v>
      </c>
      <c r="X8169" s="2">
        <v>0</v>
      </c>
      <c r="Y8169" s="2">
        <v>0</v>
      </c>
      <c r="Z8169" s="2">
        <v>0</v>
      </c>
      <c r="AA8169" s="5"/>
      <c r="AB8169" s="5" t="s">
        <v>43</v>
      </c>
      <c r="AC8169" s="5" t="s">
        <v>44</v>
      </c>
      <c r="AD8169" s="2" t="s">
        <v>24980</v>
      </c>
      <c r="AE8169" s="1"/>
    </row>
    <row r="8170" spans="1:31" ht="14.45">
      <c r="A8170" s="5" t="s">
        <v>116</v>
      </c>
      <c r="B8170" s="21">
        <v>46054</v>
      </c>
      <c r="C8170" s="2" t="s">
        <v>25031</v>
      </c>
      <c r="D8170" s="14" t="s">
        <v>25032</v>
      </c>
      <c r="E8170" s="2" t="s">
        <v>25033</v>
      </c>
      <c r="F8170" s="2" t="s">
        <v>24639</v>
      </c>
      <c r="G8170" s="8">
        <v>1563</v>
      </c>
      <c r="H8170" s="5">
        <v>15</v>
      </c>
      <c r="I8170" s="5" t="s">
        <v>69</v>
      </c>
      <c r="J8170" s="5" t="s">
        <v>24629</v>
      </c>
      <c r="K8170" s="2" t="s">
        <v>24630</v>
      </c>
      <c r="L8170" s="5" t="s">
        <v>24629</v>
      </c>
      <c r="M8170" s="2" t="s">
        <v>24630</v>
      </c>
      <c r="N8170" s="5" t="s">
        <v>24254</v>
      </c>
      <c r="O8170" s="5" t="s">
        <v>38</v>
      </c>
      <c r="P8170" s="5" t="s">
        <v>39</v>
      </c>
      <c r="Q8170" s="5" t="s">
        <v>40</v>
      </c>
      <c r="R8170" s="5" t="s">
        <v>1487</v>
      </c>
      <c r="S8170" s="5"/>
      <c r="T8170" s="5" t="s">
        <v>42</v>
      </c>
      <c r="U8170" s="2">
        <v>0</v>
      </c>
      <c r="V8170" s="2">
        <v>0</v>
      </c>
      <c r="W8170" s="2">
        <v>0</v>
      </c>
      <c r="X8170" s="2">
        <v>0</v>
      </c>
      <c r="Y8170" s="2">
        <v>0</v>
      </c>
      <c r="Z8170" s="2">
        <v>0</v>
      </c>
      <c r="AA8170" s="5"/>
      <c r="AB8170" s="5" t="s">
        <v>43</v>
      </c>
      <c r="AC8170" s="5" t="s">
        <v>44</v>
      </c>
      <c r="AD8170" s="2" t="s">
        <v>24984</v>
      </c>
      <c r="AE8170" s="1"/>
    </row>
    <row r="8171" spans="1:31" ht="14.45">
      <c r="A8171" s="5" t="s">
        <v>116</v>
      </c>
      <c r="B8171" s="21">
        <v>46054</v>
      </c>
      <c r="C8171" s="2" t="s">
        <v>25034</v>
      </c>
      <c r="D8171" s="14" t="s">
        <v>25035</v>
      </c>
      <c r="E8171" s="2" t="s">
        <v>25036</v>
      </c>
      <c r="F8171" s="2" t="s">
        <v>24639</v>
      </c>
      <c r="G8171" s="8">
        <v>1563</v>
      </c>
      <c r="H8171" s="5">
        <v>15</v>
      </c>
      <c r="I8171" s="5" t="s">
        <v>69</v>
      </c>
      <c r="J8171" s="5" t="s">
        <v>24629</v>
      </c>
      <c r="K8171" s="2" t="s">
        <v>24630</v>
      </c>
      <c r="L8171" s="5" t="s">
        <v>24629</v>
      </c>
      <c r="M8171" s="2" t="s">
        <v>24630</v>
      </c>
      <c r="N8171" s="5" t="s">
        <v>24254</v>
      </c>
      <c r="O8171" s="5" t="s">
        <v>38</v>
      </c>
      <c r="P8171" s="5" t="s">
        <v>39</v>
      </c>
      <c r="Q8171" s="5" t="s">
        <v>40</v>
      </c>
      <c r="R8171" s="5" t="s">
        <v>1487</v>
      </c>
      <c r="S8171" s="5"/>
      <c r="T8171" s="5" t="s">
        <v>42</v>
      </c>
      <c r="U8171" s="2">
        <v>0</v>
      </c>
      <c r="V8171" s="2">
        <v>0</v>
      </c>
      <c r="W8171" s="2">
        <v>0</v>
      </c>
      <c r="X8171" s="2">
        <v>0</v>
      </c>
      <c r="Y8171" s="2">
        <v>0</v>
      </c>
      <c r="Z8171" s="2">
        <v>0</v>
      </c>
      <c r="AA8171" s="5"/>
      <c r="AB8171" s="5" t="s">
        <v>43</v>
      </c>
      <c r="AC8171" s="5" t="s">
        <v>44</v>
      </c>
      <c r="AD8171" s="2" t="s">
        <v>24988</v>
      </c>
      <c r="AE8171" s="1"/>
    </row>
    <row r="8172" spans="1:31" ht="14.45">
      <c r="A8172" s="5" t="s">
        <v>116</v>
      </c>
      <c r="B8172" s="21">
        <v>46054</v>
      </c>
      <c r="C8172" s="2" t="s">
        <v>25037</v>
      </c>
      <c r="D8172" s="14" t="s">
        <v>25038</v>
      </c>
      <c r="E8172" s="2" t="s">
        <v>25039</v>
      </c>
      <c r="F8172" s="2" t="s">
        <v>24628</v>
      </c>
      <c r="G8172" s="8">
        <v>832</v>
      </c>
      <c r="H8172" s="5">
        <v>5</v>
      </c>
      <c r="I8172" s="5" t="s">
        <v>69</v>
      </c>
      <c r="J8172" s="5" t="s">
        <v>24629</v>
      </c>
      <c r="K8172" s="2" t="s">
        <v>24630</v>
      </c>
      <c r="L8172" s="5" t="s">
        <v>24629</v>
      </c>
      <c r="M8172" s="2" t="s">
        <v>24630</v>
      </c>
      <c r="N8172" s="5" t="s">
        <v>24254</v>
      </c>
      <c r="O8172" s="5" t="s">
        <v>38</v>
      </c>
      <c r="P8172" s="5" t="s">
        <v>39</v>
      </c>
      <c r="Q8172" s="5" t="s">
        <v>40</v>
      </c>
      <c r="R8172" s="5" t="s">
        <v>1487</v>
      </c>
      <c r="S8172" s="5"/>
      <c r="T8172" s="5" t="s">
        <v>42</v>
      </c>
      <c r="U8172" s="2">
        <v>0</v>
      </c>
      <c r="V8172" s="2">
        <v>0</v>
      </c>
      <c r="W8172" s="2">
        <v>0</v>
      </c>
      <c r="X8172" s="2">
        <v>0</v>
      </c>
      <c r="Y8172" s="2">
        <v>0</v>
      </c>
      <c r="Z8172" s="2">
        <v>0</v>
      </c>
      <c r="AA8172" s="5"/>
      <c r="AB8172" s="5" t="s">
        <v>43</v>
      </c>
      <c r="AC8172" s="5" t="s">
        <v>44</v>
      </c>
      <c r="AD8172" s="2" t="s">
        <v>24976</v>
      </c>
      <c r="AE8172" s="1"/>
    </row>
    <row r="8173" spans="1:31" ht="14.45">
      <c r="A8173" s="5" t="s">
        <v>116</v>
      </c>
      <c r="B8173" s="21">
        <v>46054</v>
      </c>
      <c r="C8173" s="2" t="s">
        <v>25040</v>
      </c>
      <c r="D8173" s="14" t="s">
        <v>25041</v>
      </c>
      <c r="E8173" s="2" t="s">
        <v>25042</v>
      </c>
      <c r="F8173" s="2" t="s">
        <v>24628</v>
      </c>
      <c r="G8173" s="8">
        <v>832</v>
      </c>
      <c r="H8173" s="5">
        <v>15</v>
      </c>
      <c r="I8173" s="5" t="s">
        <v>69</v>
      </c>
      <c r="J8173" s="5" t="s">
        <v>24629</v>
      </c>
      <c r="K8173" s="2" t="s">
        <v>24630</v>
      </c>
      <c r="L8173" s="5" t="s">
        <v>24629</v>
      </c>
      <c r="M8173" s="2" t="s">
        <v>24630</v>
      </c>
      <c r="N8173" s="5" t="s">
        <v>24254</v>
      </c>
      <c r="O8173" s="5" t="s">
        <v>38</v>
      </c>
      <c r="P8173" s="5" t="s">
        <v>39</v>
      </c>
      <c r="Q8173" s="5" t="s">
        <v>40</v>
      </c>
      <c r="R8173" s="5" t="s">
        <v>1487</v>
      </c>
      <c r="S8173" s="5"/>
      <c r="T8173" s="5" t="s">
        <v>42</v>
      </c>
      <c r="U8173" s="2">
        <v>0</v>
      </c>
      <c r="V8173" s="2">
        <v>0</v>
      </c>
      <c r="W8173" s="2">
        <v>0</v>
      </c>
      <c r="X8173" s="2">
        <v>0</v>
      </c>
      <c r="Y8173" s="2">
        <v>0</v>
      </c>
      <c r="Z8173" s="2">
        <v>0</v>
      </c>
      <c r="AA8173" s="5"/>
      <c r="AB8173" s="5" t="s">
        <v>43</v>
      </c>
      <c r="AC8173" s="5" t="s">
        <v>44</v>
      </c>
      <c r="AD8173" s="2" t="s">
        <v>24980</v>
      </c>
      <c r="AE8173" s="1"/>
    </row>
    <row r="8174" spans="1:31" ht="14.45">
      <c r="A8174" s="5" t="s">
        <v>116</v>
      </c>
      <c r="B8174" s="21">
        <v>46054</v>
      </c>
      <c r="C8174" s="2" t="s">
        <v>25043</v>
      </c>
      <c r="D8174" s="14" t="s">
        <v>25044</v>
      </c>
      <c r="E8174" s="2" t="s">
        <v>25045</v>
      </c>
      <c r="F8174" s="2" t="s">
        <v>24639</v>
      </c>
      <c r="G8174" s="8">
        <v>1596</v>
      </c>
      <c r="H8174" s="5">
        <v>15</v>
      </c>
      <c r="I8174" s="5" t="s">
        <v>69</v>
      </c>
      <c r="J8174" s="5" t="s">
        <v>24629</v>
      </c>
      <c r="K8174" s="2" t="s">
        <v>24630</v>
      </c>
      <c r="L8174" s="5" t="s">
        <v>24629</v>
      </c>
      <c r="M8174" s="2" t="s">
        <v>24630</v>
      </c>
      <c r="N8174" s="5" t="s">
        <v>24254</v>
      </c>
      <c r="O8174" s="5" t="s">
        <v>38</v>
      </c>
      <c r="P8174" s="5" t="s">
        <v>39</v>
      </c>
      <c r="Q8174" s="5" t="s">
        <v>40</v>
      </c>
      <c r="R8174" s="5" t="s">
        <v>1487</v>
      </c>
      <c r="S8174" s="5"/>
      <c r="T8174" s="5" t="s">
        <v>42</v>
      </c>
      <c r="U8174" s="2">
        <v>0</v>
      </c>
      <c r="V8174" s="2">
        <v>0</v>
      </c>
      <c r="W8174" s="2">
        <v>0</v>
      </c>
      <c r="X8174" s="2">
        <v>0</v>
      </c>
      <c r="Y8174" s="2">
        <v>0</v>
      </c>
      <c r="Z8174" s="2">
        <v>0</v>
      </c>
      <c r="AA8174" s="5"/>
      <c r="AB8174" s="5" t="s">
        <v>43</v>
      </c>
      <c r="AC8174" s="5" t="s">
        <v>44</v>
      </c>
      <c r="AD8174" s="2" t="s">
        <v>24984</v>
      </c>
      <c r="AE8174" s="1"/>
    </row>
    <row r="8175" spans="1:31" ht="14.45">
      <c r="A8175" s="5" t="s">
        <v>116</v>
      </c>
      <c r="B8175" s="21">
        <v>46054</v>
      </c>
      <c r="C8175" s="2" t="s">
        <v>25046</v>
      </c>
      <c r="D8175" s="14" t="s">
        <v>25047</v>
      </c>
      <c r="E8175" s="2" t="s">
        <v>25048</v>
      </c>
      <c r="F8175" s="2" t="s">
        <v>24639</v>
      </c>
      <c r="G8175" s="8">
        <v>1596</v>
      </c>
      <c r="H8175" s="5">
        <v>15</v>
      </c>
      <c r="I8175" s="5" t="s">
        <v>69</v>
      </c>
      <c r="J8175" s="5" t="s">
        <v>24629</v>
      </c>
      <c r="K8175" s="2" t="s">
        <v>24630</v>
      </c>
      <c r="L8175" s="5" t="s">
        <v>24629</v>
      </c>
      <c r="M8175" s="2" t="s">
        <v>24630</v>
      </c>
      <c r="N8175" s="5" t="s">
        <v>24254</v>
      </c>
      <c r="O8175" s="5" t="s">
        <v>38</v>
      </c>
      <c r="P8175" s="5" t="s">
        <v>39</v>
      </c>
      <c r="Q8175" s="5" t="s">
        <v>40</v>
      </c>
      <c r="R8175" s="5" t="s">
        <v>1487</v>
      </c>
      <c r="S8175" s="5"/>
      <c r="T8175" s="5" t="s">
        <v>42</v>
      </c>
      <c r="U8175" s="2">
        <v>0</v>
      </c>
      <c r="V8175" s="2">
        <v>0</v>
      </c>
      <c r="W8175" s="2">
        <v>0</v>
      </c>
      <c r="X8175" s="2">
        <v>0</v>
      </c>
      <c r="Y8175" s="2">
        <v>0</v>
      </c>
      <c r="Z8175" s="2">
        <v>0</v>
      </c>
      <c r="AA8175" s="5"/>
      <c r="AB8175" s="5" t="s">
        <v>43</v>
      </c>
      <c r="AC8175" s="5" t="s">
        <v>44</v>
      </c>
      <c r="AD8175" s="2" t="s">
        <v>24988</v>
      </c>
      <c r="AE8175" s="1"/>
    </row>
    <row r="8176" spans="1:31" ht="14.45">
      <c r="A8176" s="5" t="s">
        <v>116</v>
      </c>
      <c r="B8176" s="21">
        <v>46054</v>
      </c>
      <c r="C8176" s="2" t="s">
        <v>25049</v>
      </c>
      <c r="D8176" s="14" t="s">
        <v>25050</v>
      </c>
      <c r="E8176" s="2" t="s">
        <v>25051</v>
      </c>
      <c r="F8176" s="2" t="s">
        <v>24628</v>
      </c>
      <c r="G8176" s="8">
        <v>799</v>
      </c>
      <c r="H8176" s="5">
        <v>5</v>
      </c>
      <c r="I8176" s="5" t="s">
        <v>69</v>
      </c>
      <c r="J8176" s="5" t="s">
        <v>24629</v>
      </c>
      <c r="K8176" s="2" t="s">
        <v>24630</v>
      </c>
      <c r="L8176" s="5" t="s">
        <v>24629</v>
      </c>
      <c r="M8176" s="2" t="s">
        <v>24630</v>
      </c>
      <c r="N8176" s="5" t="s">
        <v>24254</v>
      </c>
      <c r="O8176" s="5" t="s">
        <v>38</v>
      </c>
      <c r="P8176" s="5" t="s">
        <v>39</v>
      </c>
      <c r="Q8176" s="5" t="s">
        <v>40</v>
      </c>
      <c r="R8176" s="5" t="s">
        <v>1487</v>
      </c>
      <c r="S8176" s="5"/>
      <c r="T8176" s="5" t="s">
        <v>42</v>
      </c>
      <c r="U8176" s="2">
        <v>0</v>
      </c>
      <c r="V8176" s="2">
        <v>0</v>
      </c>
      <c r="W8176" s="2">
        <v>0</v>
      </c>
      <c r="X8176" s="2">
        <v>0</v>
      </c>
      <c r="Y8176" s="2">
        <v>0</v>
      </c>
      <c r="Z8176" s="2">
        <v>0</v>
      </c>
      <c r="AA8176" s="5"/>
      <c r="AB8176" s="5" t="s">
        <v>43</v>
      </c>
      <c r="AC8176" s="5" t="s">
        <v>44</v>
      </c>
      <c r="AD8176" s="2" t="s">
        <v>24976</v>
      </c>
      <c r="AE8176" s="1"/>
    </row>
    <row r="8177" spans="1:31" ht="14.45">
      <c r="A8177" s="5" t="s">
        <v>116</v>
      </c>
      <c r="B8177" s="21">
        <v>46054</v>
      </c>
      <c r="C8177" s="2" t="s">
        <v>25052</v>
      </c>
      <c r="D8177" s="14" t="s">
        <v>25053</v>
      </c>
      <c r="E8177" s="2" t="s">
        <v>25054</v>
      </c>
      <c r="F8177" s="2" t="s">
        <v>24628</v>
      </c>
      <c r="G8177" s="8">
        <v>799</v>
      </c>
      <c r="H8177" s="5">
        <v>15</v>
      </c>
      <c r="I8177" s="5" t="s">
        <v>69</v>
      </c>
      <c r="J8177" s="5" t="s">
        <v>24629</v>
      </c>
      <c r="K8177" s="2" t="s">
        <v>24630</v>
      </c>
      <c r="L8177" s="5" t="s">
        <v>24629</v>
      </c>
      <c r="M8177" s="2" t="s">
        <v>24630</v>
      </c>
      <c r="N8177" s="5" t="s">
        <v>24254</v>
      </c>
      <c r="O8177" s="5" t="s">
        <v>38</v>
      </c>
      <c r="P8177" s="5" t="s">
        <v>39</v>
      </c>
      <c r="Q8177" s="5" t="s">
        <v>40</v>
      </c>
      <c r="R8177" s="5" t="s">
        <v>1487</v>
      </c>
      <c r="S8177" s="5"/>
      <c r="T8177" s="5" t="s">
        <v>42</v>
      </c>
      <c r="U8177" s="2">
        <v>0</v>
      </c>
      <c r="V8177" s="2">
        <v>0</v>
      </c>
      <c r="W8177" s="2">
        <v>0</v>
      </c>
      <c r="X8177" s="2">
        <v>0</v>
      </c>
      <c r="Y8177" s="2">
        <v>0</v>
      </c>
      <c r="Z8177" s="2">
        <v>0</v>
      </c>
      <c r="AA8177" s="5"/>
      <c r="AB8177" s="5" t="s">
        <v>43</v>
      </c>
      <c r="AC8177" s="5" t="s">
        <v>44</v>
      </c>
      <c r="AD8177" s="2" t="s">
        <v>24980</v>
      </c>
      <c r="AE8177" s="1"/>
    </row>
    <row r="8178" spans="1:31" ht="14.45">
      <c r="A8178" s="5" t="s">
        <v>116</v>
      </c>
      <c r="B8178" s="21">
        <v>46054</v>
      </c>
      <c r="C8178" s="2" t="s">
        <v>25055</v>
      </c>
      <c r="D8178" s="14" t="s">
        <v>25056</v>
      </c>
      <c r="E8178" s="2" t="s">
        <v>25057</v>
      </c>
      <c r="F8178" s="2" t="s">
        <v>24639</v>
      </c>
      <c r="G8178" s="8">
        <v>1527</v>
      </c>
      <c r="H8178" s="5">
        <v>15</v>
      </c>
      <c r="I8178" s="5" t="s">
        <v>69</v>
      </c>
      <c r="J8178" s="5" t="s">
        <v>24629</v>
      </c>
      <c r="K8178" s="2" t="s">
        <v>24630</v>
      </c>
      <c r="L8178" s="5" t="s">
        <v>24629</v>
      </c>
      <c r="M8178" s="2" t="s">
        <v>24630</v>
      </c>
      <c r="N8178" s="5" t="s">
        <v>24254</v>
      </c>
      <c r="O8178" s="5" t="s">
        <v>38</v>
      </c>
      <c r="P8178" s="5" t="s">
        <v>39</v>
      </c>
      <c r="Q8178" s="5" t="s">
        <v>40</v>
      </c>
      <c r="R8178" s="5" t="s">
        <v>1487</v>
      </c>
      <c r="S8178" s="5"/>
      <c r="T8178" s="5" t="s">
        <v>42</v>
      </c>
      <c r="U8178" s="2">
        <v>0</v>
      </c>
      <c r="V8178" s="2">
        <v>0</v>
      </c>
      <c r="W8178" s="2">
        <v>0</v>
      </c>
      <c r="X8178" s="2">
        <v>0</v>
      </c>
      <c r="Y8178" s="2">
        <v>0</v>
      </c>
      <c r="Z8178" s="2">
        <v>0</v>
      </c>
      <c r="AA8178" s="5"/>
      <c r="AB8178" s="5" t="s">
        <v>43</v>
      </c>
      <c r="AC8178" s="5" t="s">
        <v>44</v>
      </c>
      <c r="AD8178" s="2" t="s">
        <v>24984</v>
      </c>
      <c r="AE8178" s="1"/>
    </row>
    <row r="8179" spans="1:31" ht="14.45">
      <c r="A8179" s="5" t="s">
        <v>116</v>
      </c>
      <c r="B8179" s="21">
        <v>46054</v>
      </c>
      <c r="C8179" s="2" t="s">
        <v>25058</v>
      </c>
      <c r="D8179" s="14" t="s">
        <v>25059</v>
      </c>
      <c r="E8179" s="2" t="s">
        <v>25060</v>
      </c>
      <c r="F8179" s="2" t="s">
        <v>24639</v>
      </c>
      <c r="G8179" s="8">
        <v>1527</v>
      </c>
      <c r="H8179" s="5">
        <v>15</v>
      </c>
      <c r="I8179" s="5" t="s">
        <v>69</v>
      </c>
      <c r="J8179" s="5" t="s">
        <v>24629</v>
      </c>
      <c r="K8179" s="2" t="s">
        <v>24630</v>
      </c>
      <c r="L8179" s="5" t="s">
        <v>24629</v>
      </c>
      <c r="M8179" s="2" t="s">
        <v>24630</v>
      </c>
      <c r="N8179" s="5" t="s">
        <v>24254</v>
      </c>
      <c r="O8179" s="5" t="s">
        <v>38</v>
      </c>
      <c r="P8179" s="5" t="s">
        <v>39</v>
      </c>
      <c r="Q8179" s="5" t="s">
        <v>40</v>
      </c>
      <c r="R8179" s="5" t="s">
        <v>1487</v>
      </c>
      <c r="S8179" s="5"/>
      <c r="T8179" s="5" t="s">
        <v>42</v>
      </c>
      <c r="U8179" s="2">
        <v>0</v>
      </c>
      <c r="V8179" s="2">
        <v>0</v>
      </c>
      <c r="W8179" s="2">
        <v>0</v>
      </c>
      <c r="X8179" s="2">
        <v>0</v>
      </c>
      <c r="Y8179" s="2">
        <v>0</v>
      </c>
      <c r="Z8179" s="2">
        <v>0</v>
      </c>
      <c r="AA8179" s="5"/>
      <c r="AB8179" s="5" t="s">
        <v>43</v>
      </c>
      <c r="AC8179" s="5" t="s">
        <v>44</v>
      </c>
      <c r="AD8179" s="2" t="s">
        <v>24988</v>
      </c>
      <c r="AE8179" s="1"/>
    </row>
    <row r="8180" spans="1:31" ht="14.45">
      <c r="A8180" s="11"/>
      <c r="B8180" s="20"/>
      <c r="C8180" s="2" t="s">
        <v>25061</v>
      </c>
      <c r="D8180" s="14" t="s">
        <v>25062</v>
      </c>
      <c r="E8180" s="2" t="s">
        <v>25063</v>
      </c>
      <c r="F8180" s="2" t="s">
        <v>25064</v>
      </c>
      <c r="G8180" s="8">
        <v>3503</v>
      </c>
      <c r="H8180" s="5">
        <v>5</v>
      </c>
      <c r="I8180" s="5" t="s">
        <v>69</v>
      </c>
      <c r="J8180" s="5" t="s">
        <v>24259</v>
      </c>
      <c r="K8180" s="2" t="s">
        <v>24260</v>
      </c>
      <c r="L8180" s="5" t="s">
        <v>24259</v>
      </c>
      <c r="M8180" s="2" t="s">
        <v>24260</v>
      </c>
      <c r="N8180" s="5" t="s">
        <v>24254</v>
      </c>
      <c r="O8180" s="5" t="s">
        <v>38</v>
      </c>
      <c r="P8180" s="5" t="s">
        <v>39</v>
      </c>
      <c r="Q8180" s="5" t="s">
        <v>40</v>
      </c>
      <c r="R8180" s="5" t="s">
        <v>24335</v>
      </c>
      <c r="S8180" s="5" t="s">
        <v>40</v>
      </c>
      <c r="T8180" s="5" t="s">
        <v>42</v>
      </c>
      <c r="U8180" s="2">
        <v>114.042</v>
      </c>
      <c r="V8180" s="2">
        <v>102.372</v>
      </c>
      <c r="W8180" s="2">
        <v>2.3340000000000001</v>
      </c>
      <c r="X8180" s="2">
        <v>310</v>
      </c>
      <c r="Y8180" s="2">
        <v>79</v>
      </c>
      <c r="Z8180" s="2">
        <v>95.3</v>
      </c>
      <c r="AA8180" s="5">
        <v>10</v>
      </c>
      <c r="AB8180" s="5" t="s">
        <v>43</v>
      </c>
      <c r="AC8180" s="5" t="s">
        <v>44</v>
      </c>
      <c r="AD8180" s="2" t="s">
        <v>25065</v>
      </c>
      <c r="AE8180" s="1"/>
    </row>
    <row r="8181" spans="1:31" ht="14.45">
      <c r="A8181" s="11"/>
      <c r="B8181" s="20"/>
      <c r="C8181" s="2" t="s">
        <v>25066</v>
      </c>
      <c r="D8181" s="14" t="s">
        <v>25067</v>
      </c>
      <c r="E8181" s="2" t="s">
        <v>25068</v>
      </c>
      <c r="F8181" s="2" t="s">
        <v>25064</v>
      </c>
      <c r="G8181" s="8">
        <v>3868</v>
      </c>
      <c r="H8181" s="5">
        <v>5</v>
      </c>
      <c r="I8181" s="5" t="s">
        <v>69</v>
      </c>
      <c r="J8181" s="5" t="s">
        <v>24259</v>
      </c>
      <c r="K8181" s="2" t="s">
        <v>24260</v>
      </c>
      <c r="L8181" s="5" t="s">
        <v>24259</v>
      </c>
      <c r="M8181" s="2" t="s">
        <v>24260</v>
      </c>
      <c r="N8181" s="5" t="s">
        <v>24254</v>
      </c>
      <c r="O8181" s="5" t="s">
        <v>38</v>
      </c>
      <c r="P8181" s="5" t="s">
        <v>39</v>
      </c>
      <c r="Q8181" s="5" t="s">
        <v>40</v>
      </c>
      <c r="R8181" s="5" t="s">
        <v>24335</v>
      </c>
      <c r="S8181" s="5" t="s">
        <v>40</v>
      </c>
      <c r="T8181" s="5" t="s">
        <v>42</v>
      </c>
      <c r="U8181" s="2">
        <v>136.274</v>
      </c>
      <c r="V8181" s="2">
        <v>123.322</v>
      </c>
      <c r="W8181" s="2">
        <v>2.56</v>
      </c>
      <c r="X8181" s="2">
        <v>340</v>
      </c>
      <c r="Y8181" s="2">
        <v>79</v>
      </c>
      <c r="Z8181" s="2">
        <v>95.3</v>
      </c>
      <c r="AA8181" s="5">
        <v>10</v>
      </c>
      <c r="AB8181" s="5" t="s">
        <v>43</v>
      </c>
      <c r="AC8181" s="5" t="s">
        <v>44</v>
      </c>
      <c r="AD8181" s="2" t="s">
        <v>25069</v>
      </c>
      <c r="AE8181" s="1"/>
    </row>
    <row r="8182" spans="1:31" ht="14.45">
      <c r="A8182" s="5" t="s">
        <v>116</v>
      </c>
      <c r="B8182" s="21">
        <v>46054</v>
      </c>
      <c r="C8182" s="2" t="s">
        <v>25070</v>
      </c>
      <c r="D8182" s="14" t="s">
        <v>25071</v>
      </c>
      <c r="E8182" s="2" t="s">
        <v>25072</v>
      </c>
      <c r="F8182" s="2" t="s">
        <v>24628</v>
      </c>
      <c r="G8182" s="8">
        <v>835</v>
      </c>
      <c r="H8182" s="5">
        <v>5</v>
      </c>
      <c r="I8182" s="5" t="s">
        <v>69</v>
      </c>
      <c r="J8182" s="5" t="s">
        <v>24629</v>
      </c>
      <c r="K8182" s="2" t="s">
        <v>24630</v>
      </c>
      <c r="L8182" s="5" t="s">
        <v>24629</v>
      </c>
      <c r="M8182" s="2" t="s">
        <v>24630</v>
      </c>
      <c r="N8182" s="5" t="s">
        <v>24254</v>
      </c>
      <c r="O8182" s="5" t="s">
        <v>38</v>
      </c>
      <c r="P8182" s="5" t="s">
        <v>39</v>
      </c>
      <c r="Q8182" s="5" t="s">
        <v>40</v>
      </c>
      <c r="R8182" s="5" t="s">
        <v>1487</v>
      </c>
      <c r="S8182" s="5"/>
      <c r="T8182" s="5" t="s">
        <v>42</v>
      </c>
      <c r="U8182" s="2">
        <v>0</v>
      </c>
      <c r="V8182" s="2">
        <v>0</v>
      </c>
      <c r="W8182" s="2">
        <v>0</v>
      </c>
      <c r="X8182" s="2">
        <v>0</v>
      </c>
      <c r="Y8182" s="2">
        <v>0</v>
      </c>
      <c r="Z8182" s="2">
        <v>0</v>
      </c>
      <c r="AA8182" s="5"/>
      <c r="AB8182" s="5" t="s">
        <v>43</v>
      </c>
      <c r="AC8182" s="5" t="s">
        <v>44</v>
      </c>
      <c r="AD8182" s="2" t="s">
        <v>24976</v>
      </c>
      <c r="AE8182" s="1"/>
    </row>
    <row r="8183" spans="1:31" ht="14.45">
      <c r="A8183" s="5" t="s">
        <v>116</v>
      </c>
      <c r="B8183" s="21">
        <v>46054</v>
      </c>
      <c r="C8183" s="2" t="s">
        <v>25073</v>
      </c>
      <c r="D8183" s="14" t="s">
        <v>25074</v>
      </c>
      <c r="E8183" s="2" t="s">
        <v>25075</v>
      </c>
      <c r="F8183" s="2" t="s">
        <v>24628</v>
      </c>
      <c r="G8183" s="8">
        <v>835</v>
      </c>
      <c r="H8183" s="5">
        <v>15</v>
      </c>
      <c r="I8183" s="5" t="s">
        <v>69</v>
      </c>
      <c r="J8183" s="5" t="s">
        <v>24629</v>
      </c>
      <c r="K8183" s="2" t="s">
        <v>24630</v>
      </c>
      <c r="L8183" s="5" t="s">
        <v>24629</v>
      </c>
      <c r="M8183" s="2" t="s">
        <v>24630</v>
      </c>
      <c r="N8183" s="5" t="s">
        <v>24254</v>
      </c>
      <c r="O8183" s="5" t="s">
        <v>38</v>
      </c>
      <c r="P8183" s="5" t="s">
        <v>39</v>
      </c>
      <c r="Q8183" s="5" t="s">
        <v>40</v>
      </c>
      <c r="R8183" s="5" t="s">
        <v>1487</v>
      </c>
      <c r="S8183" s="5"/>
      <c r="T8183" s="5" t="s">
        <v>42</v>
      </c>
      <c r="U8183" s="2">
        <v>0</v>
      </c>
      <c r="V8183" s="2">
        <v>0</v>
      </c>
      <c r="W8183" s="2">
        <v>0</v>
      </c>
      <c r="X8183" s="2">
        <v>0</v>
      </c>
      <c r="Y8183" s="2">
        <v>0</v>
      </c>
      <c r="Z8183" s="2">
        <v>0</v>
      </c>
      <c r="AA8183" s="5"/>
      <c r="AB8183" s="5" t="s">
        <v>43</v>
      </c>
      <c r="AC8183" s="5" t="s">
        <v>44</v>
      </c>
      <c r="AD8183" s="2" t="s">
        <v>24980</v>
      </c>
      <c r="AE8183" s="1"/>
    </row>
    <row r="8184" spans="1:31" ht="14.45">
      <c r="A8184" s="5" t="s">
        <v>116</v>
      </c>
      <c r="B8184" s="21">
        <v>46054</v>
      </c>
      <c r="C8184" s="2" t="s">
        <v>25076</v>
      </c>
      <c r="D8184" s="14" t="s">
        <v>25077</v>
      </c>
      <c r="E8184" s="2" t="s">
        <v>25078</v>
      </c>
      <c r="F8184" s="2" t="s">
        <v>24639</v>
      </c>
      <c r="G8184" s="8">
        <v>1600</v>
      </c>
      <c r="H8184" s="5">
        <v>15</v>
      </c>
      <c r="I8184" s="5" t="s">
        <v>69</v>
      </c>
      <c r="J8184" s="5" t="s">
        <v>24629</v>
      </c>
      <c r="K8184" s="2" t="s">
        <v>24630</v>
      </c>
      <c r="L8184" s="5" t="s">
        <v>24629</v>
      </c>
      <c r="M8184" s="2" t="s">
        <v>24630</v>
      </c>
      <c r="N8184" s="5" t="s">
        <v>24254</v>
      </c>
      <c r="O8184" s="5" t="s">
        <v>38</v>
      </c>
      <c r="P8184" s="5" t="s">
        <v>39</v>
      </c>
      <c r="Q8184" s="5" t="s">
        <v>40</v>
      </c>
      <c r="R8184" s="5" t="s">
        <v>1487</v>
      </c>
      <c r="S8184" s="5"/>
      <c r="T8184" s="5" t="s">
        <v>42</v>
      </c>
      <c r="U8184" s="2">
        <v>0</v>
      </c>
      <c r="V8184" s="2">
        <v>0</v>
      </c>
      <c r="W8184" s="2">
        <v>0</v>
      </c>
      <c r="X8184" s="2">
        <v>0</v>
      </c>
      <c r="Y8184" s="2">
        <v>0</v>
      </c>
      <c r="Z8184" s="2">
        <v>0</v>
      </c>
      <c r="AA8184" s="5"/>
      <c r="AB8184" s="5" t="s">
        <v>43</v>
      </c>
      <c r="AC8184" s="5" t="s">
        <v>44</v>
      </c>
      <c r="AD8184" s="2" t="s">
        <v>24984</v>
      </c>
      <c r="AE8184" s="1"/>
    </row>
    <row r="8185" spans="1:31" ht="14.45">
      <c r="A8185" s="5" t="s">
        <v>116</v>
      </c>
      <c r="B8185" s="21">
        <v>46054</v>
      </c>
      <c r="C8185" s="2" t="s">
        <v>25079</v>
      </c>
      <c r="D8185" s="14" t="s">
        <v>25080</v>
      </c>
      <c r="E8185" s="2" t="s">
        <v>25081</v>
      </c>
      <c r="F8185" s="2" t="s">
        <v>24639</v>
      </c>
      <c r="G8185" s="8">
        <v>1600</v>
      </c>
      <c r="H8185" s="5">
        <v>15</v>
      </c>
      <c r="I8185" s="5" t="s">
        <v>69</v>
      </c>
      <c r="J8185" s="5" t="s">
        <v>24629</v>
      </c>
      <c r="K8185" s="2" t="s">
        <v>24630</v>
      </c>
      <c r="L8185" s="5" t="s">
        <v>24629</v>
      </c>
      <c r="M8185" s="2" t="s">
        <v>24630</v>
      </c>
      <c r="N8185" s="5" t="s">
        <v>24254</v>
      </c>
      <c r="O8185" s="5" t="s">
        <v>38</v>
      </c>
      <c r="P8185" s="5" t="s">
        <v>39</v>
      </c>
      <c r="Q8185" s="5" t="s">
        <v>40</v>
      </c>
      <c r="R8185" s="5" t="s">
        <v>1487</v>
      </c>
      <c r="S8185" s="5"/>
      <c r="T8185" s="5" t="s">
        <v>42</v>
      </c>
      <c r="U8185" s="2">
        <v>0</v>
      </c>
      <c r="V8185" s="2">
        <v>0</v>
      </c>
      <c r="W8185" s="2">
        <v>0</v>
      </c>
      <c r="X8185" s="2">
        <v>0</v>
      </c>
      <c r="Y8185" s="2">
        <v>0</v>
      </c>
      <c r="Z8185" s="2">
        <v>0</v>
      </c>
      <c r="AA8185" s="5"/>
      <c r="AB8185" s="5" t="s">
        <v>43</v>
      </c>
      <c r="AC8185" s="5" t="s">
        <v>44</v>
      </c>
      <c r="AD8185" s="2" t="s">
        <v>24988</v>
      </c>
      <c r="AE8185" s="1"/>
    </row>
    <row r="8186" spans="1:31" ht="14.45">
      <c r="A8186" s="5" t="s">
        <v>116</v>
      </c>
      <c r="B8186" s="21">
        <v>46054</v>
      </c>
      <c r="C8186" s="2" t="s">
        <v>25082</v>
      </c>
      <c r="D8186" s="14" t="s">
        <v>25083</v>
      </c>
      <c r="E8186" s="2" t="s">
        <v>25084</v>
      </c>
      <c r="F8186" s="2" t="s">
        <v>24628</v>
      </c>
      <c r="G8186" s="8">
        <v>862</v>
      </c>
      <c r="H8186" s="5">
        <v>5</v>
      </c>
      <c r="I8186" s="5" t="s">
        <v>69</v>
      </c>
      <c r="J8186" s="5" t="s">
        <v>24629</v>
      </c>
      <c r="K8186" s="2" t="s">
        <v>24630</v>
      </c>
      <c r="L8186" s="5" t="s">
        <v>24629</v>
      </c>
      <c r="M8186" s="2" t="s">
        <v>24630</v>
      </c>
      <c r="N8186" s="5" t="s">
        <v>24254</v>
      </c>
      <c r="O8186" s="5" t="s">
        <v>38</v>
      </c>
      <c r="P8186" s="5" t="s">
        <v>39</v>
      </c>
      <c r="Q8186" s="5" t="s">
        <v>40</v>
      </c>
      <c r="R8186" s="5" t="s">
        <v>1487</v>
      </c>
      <c r="S8186" s="5"/>
      <c r="T8186" s="5" t="s">
        <v>42</v>
      </c>
      <c r="U8186" s="2">
        <v>0</v>
      </c>
      <c r="V8186" s="2">
        <v>0</v>
      </c>
      <c r="W8186" s="2">
        <v>0</v>
      </c>
      <c r="X8186" s="2">
        <v>0</v>
      </c>
      <c r="Y8186" s="2">
        <v>0</v>
      </c>
      <c r="Z8186" s="2">
        <v>0</v>
      </c>
      <c r="AA8186" s="5"/>
      <c r="AB8186" s="5" t="s">
        <v>43</v>
      </c>
      <c r="AC8186" s="5" t="s">
        <v>44</v>
      </c>
      <c r="AD8186" s="2" t="s">
        <v>24976</v>
      </c>
      <c r="AE8186" s="1"/>
    </row>
    <row r="8187" spans="1:31" ht="14.45">
      <c r="A8187" s="5" t="s">
        <v>116</v>
      </c>
      <c r="B8187" s="21">
        <v>46054</v>
      </c>
      <c r="C8187" s="2" t="s">
        <v>25085</v>
      </c>
      <c r="D8187" s="14" t="s">
        <v>25086</v>
      </c>
      <c r="E8187" s="2" t="s">
        <v>25087</v>
      </c>
      <c r="F8187" s="2" t="s">
        <v>24628</v>
      </c>
      <c r="G8187" s="8">
        <v>862</v>
      </c>
      <c r="H8187" s="5">
        <v>15</v>
      </c>
      <c r="I8187" s="5" t="s">
        <v>69</v>
      </c>
      <c r="J8187" s="5" t="s">
        <v>24629</v>
      </c>
      <c r="K8187" s="2" t="s">
        <v>24630</v>
      </c>
      <c r="L8187" s="5" t="s">
        <v>24629</v>
      </c>
      <c r="M8187" s="2" t="s">
        <v>24630</v>
      </c>
      <c r="N8187" s="5" t="s">
        <v>24254</v>
      </c>
      <c r="O8187" s="5" t="s">
        <v>38</v>
      </c>
      <c r="P8187" s="5" t="s">
        <v>39</v>
      </c>
      <c r="Q8187" s="5" t="s">
        <v>40</v>
      </c>
      <c r="R8187" s="5" t="s">
        <v>1487</v>
      </c>
      <c r="S8187" s="5"/>
      <c r="T8187" s="5" t="s">
        <v>42</v>
      </c>
      <c r="U8187" s="2">
        <v>0</v>
      </c>
      <c r="V8187" s="2">
        <v>0</v>
      </c>
      <c r="W8187" s="2">
        <v>0</v>
      </c>
      <c r="X8187" s="2">
        <v>0</v>
      </c>
      <c r="Y8187" s="2">
        <v>0</v>
      </c>
      <c r="Z8187" s="2">
        <v>0</v>
      </c>
      <c r="AA8187" s="5"/>
      <c r="AB8187" s="5" t="s">
        <v>43</v>
      </c>
      <c r="AC8187" s="5" t="s">
        <v>44</v>
      </c>
      <c r="AD8187" s="2" t="s">
        <v>24980</v>
      </c>
      <c r="AE8187" s="1"/>
    </row>
    <row r="8188" spans="1:31" ht="14.45">
      <c r="A8188" s="5" t="s">
        <v>116</v>
      </c>
      <c r="B8188" s="21">
        <v>46054</v>
      </c>
      <c r="C8188" s="2" t="s">
        <v>25088</v>
      </c>
      <c r="D8188" s="14" t="s">
        <v>25089</v>
      </c>
      <c r="E8188" s="2" t="s">
        <v>25090</v>
      </c>
      <c r="F8188" s="2" t="s">
        <v>24639</v>
      </c>
      <c r="G8188" s="8">
        <v>1654</v>
      </c>
      <c r="H8188" s="5">
        <v>15</v>
      </c>
      <c r="I8188" s="5" t="s">
        <v>69</v>
      </c>
      <c r="J8188" s="5" t="s">
        <v>24629</v>
      </c>
      <c r="K8188" s="2" t="s">
        <v>24630</v>
      </c>
      <c r="L8188" s="5" t="s">
        <v>24629</v>
      </c>
      <c r="M8188" s="2" t="s">
        <v>24630</v>
      </c>
      <c r="N8188" s="5" t="s">
        <v>24254</v>
      </c>
      <c r="O8188" s="5" t="s">
        <v>38</v>
      </c>
      <c r="P8188" s="5" t="s">
        <v>39</v>
      </c>
      <c r="Q8188" s="5" t="s">
        <v>40</v>
      </c>
      <c r="R8188" s="5" t="s">
        <v>1487</v>
      </c>
      <c r="S8188" s="5"/>
      <c r="T8188" s="5" t="s">
        <v>42</v>
      </c>
      <c r="U8188" s="2">
        <v>0</v>
      </c>
      <c r="V8188" s="2">
        <v>0</v>
      </c>
      <c r="W8188" s="2">
        <v>0</v>
      </c>
      <c r="X8188" s="2">
        <v>0</v>
      </c>
      <c r="Y8188" s="2">
        <v>0</v>
      </c>
      <c r="Z8188" s="2">
        <v>0</v>
      </c>
      <c r="AA8188" s="5"/>
      <c r="AB8188" s="5" t="s">
        <v>43</v>
      </c>
      <c r="AC8188" s="5" t="s">
        <v>44</v>
      </c>
      <c r="AD8188" s="2" t="s">
        <v>24984</v>
      </c>
      <c r="AE8188" s="1"/>
    </row>
    <row r="8189" spans="1:31" ht="14.45">
      <c r="A8189" s="5" t="s">
        <v>116</v>
      </c>
      <c r="B8189" s="21">
        <v>46054</v>
      </c>
      <c r="C8189" s="2" t="s">
        <v>25091</v>
      </c>
      <c r="D8189" s="14" t="s">
        <v>25092</v>
      </c>
      <c r="E8189" s="2" t="s">
        <v>25093</v>
      </c>
      <c r="F8189" s="2" t="s">
        <v>24639</v>
      </c>
      <c r="G8189" s="8">
        <v>1654</v>
      </c>
      <c r="H8189" s="5">
        <v>15</v>
      </c>
      <c r="I8189" s="5" t="s">
        <v>69</v>
      </c>
      <c r="J8189" s="5" t="s">
        <v>24629</v>
      </c>
      <c r="K8189" s="2" t="s">
        <v>24630</v>
      </c>
      <c r="L8189" s="5" t="s">
        <v>24629</v>
      </c>
      <c r="M8189" s="2" t="s">
        <v>24630</v>
      </c>
      <c r="N8189" s="5" t="s">
        <v>24254</v>
      </c>
      <c r="O8189" s="5" t="s">
        <v>38</v>
      </c>
      <c r="P8189" s="5" t="s">
        <v>39</v>
      </c>
      <c r="Q8189" s="5" t="s">
        <v>40</v>
      </c>
      <c r="R8189" s="5" t="s">
        <v>1487</v>
      </c>
      <c r="S8189" s="5"/>
      <c r="T8189" s="5" t="s">
        <v>42</v>
      </c>
      <c r="U8189" s="2">
        <v>0</v>
      </c>
      <c r="V8189" s="2">
        <v>0</v>
      </c>
      <c r="W8189" s="2">
        <v>0</v>
      </c>
      <c r="X8189" s="2">
        <v>0</v>
      </c>
      <c r="Y8189" s="2">
        <v>0</v>
      </c>
      <c r="Z8189" s="2">
        <v>0</v>
      </c>
      <c r="AA8189" s="5"/>
      <c r="AB8189" s="5" t="s">
        <v>43</v>
      </c>
      <c r="AC8189" s="5" t="s">
        <v>44</v>
      </c>
      <c r="AD8189" s="2" t="s">
        <v>24988</v>
      </c>
      <c r="AE8189" s="1"/>
    </row>
    <row r="8190" spans="1:31" ht="14.45">
      <c r="A8190" s="5" t="s">
        <v>116</v>
      </c>
      <c r="B8190" s="21">
        <v>46054</v>
      </c>
      <c r="C8190" s="2" t="s">
        <v>25094</v>
      </c>
      <c r="D8190" s="14" t="s">
        <v>25095</v>
      </c>
      <c r="E8190" s="2" t="s">
        <v>25096</v>
      </c>
      <c r="F8190" s="2" t="s">
        <v>24628</v>
      </c>
      <c r="G8190" s="8">
        <v>946</v>
      </c>
      <c r="H8190" s="5">
        <v>5</v>
      </c>
      <c r="I8190" s="5" t="s">
        <v>69</v>
      </c>
      <c r="J8190" s="5" t="s">
        <v>24629</v>
      </c>
      <c r="K8190" s="2" t="s">
        <v>24630</v>
      </c>
      <c r="L8190" s="5" t="s">
        <v>24629</v>
      </c>
      <c r="M8190" s="2" t="s">
        <v>24630</v>
      </c>
      <c r="N8190" s="5" t="s">
        <v>24254</v>
      </c>
      <c r="O8190" s="5" t="s">
        <v>38</v>
      </c>
      <c r="P8190" s="5" t="s">
        <v>39</v>
      </c>
      <c r="Q8190" s="5" t="s">
        <v>40</v>
      </c>
      <c r="R8190" s="5" t="s">
        <v>1487</v>
      </c>
      <c r="S8190" s="5"/>
      <c r="T8190" s="5" t="s">
        <v>42</v>
      </c>
      <c r="U8190" s="2">
        <v>0</v>
      </c>
      <c r="V8190" s="2">
        <v>0</v>
      </c>
      <c r="W8190" s="2">
        <v>0</v>
      </c>
      <c r="X8190" s="2">
        <v>0</v>
      </c>
      <c r="Y8190" s="2">
        <v>0</v>
      </c>
      <c r="Z8190" s="2">
        <v>0</v>
      </c>
      <c r="AA8190" s="5"/>
      <c r="AB8190" s="5" t="s">
        <v>43</v>
      </c>
      <c r="AC8190" s="5" t="s">
        <v>44</v>
      </c>
      <c r="AD8190" s="2" t="s">
        <v>24976</v>
      </c>
      <c r="AE8190" s="1"/>
    </row>
    <row r="8191" spans="1:31" ht="14.45">
      <c r="A8191" s="5" t="s">
        <v>116</v>
      </c>
      <c r="B8191" s="21">
        <v>46054</v>
      </c>
      <c r="C8191" s="2" t="s">
        <v>25097</v>
      </c>
      <c r="D8191" s="14" t="s">
        <v>25098</v>
      </c>
      <c r="E8191" s="2" t="s">
        <v>25099</v>
      </c>
      <c r="F8191" s="2" t="s">
        <v>24628</v>
      </c>
      <c r="G8191" s="8">
        <v>946</v>
      </c>
      <c r="H8191" s="5">
        <v>15</v>
      </c>
      <c r="I8191" s="5" t="s">
        <v>69</v>
      </c>
      <c r="J8191" s="5" t="s">
        <v>24629</v>
      </c>
      <c r="K8191" s="2" t="s">
        <v>24630</v>
      </c>
      <c r="L8191" s="5" t="s">
        <v>24629</v>
      </c>
      <c r="M8191" s="2" t="s">
        <v>24630</v>
      </c>
      <c r="N8191" s="5" t="s">
        <v>24254</v>
      </c>
      <c r="O8191" s="5" t="s">
        <v>38</v>
      </c>
      <c r="P8191" s="5" t="s">
        <v>39</v>
      </c>
      <c r="Q8191" s="5" t="s">
        <v>40</v>
      </c>
      <c r="R8191" s="5" t="s">
        <v>1487</v>
      </c>
      <c r="S8191" s="5"/>
      <c r="T8191" s="5" t="s">
        <v>42</v>
      </c>
      <c r="U8191" s="2">
        <v>0</v>
      </c>
      <c r="V8191" s="2">
        <v>0</v>
      </c>
      <c r="W8191" s="2">
        <v>0</v>
      </c>
      <c r="X8191" s="2">
        <v>0</v>
      </c>
      <c r="Y8191" s="2">
        <v>0</v>
      </c>
      <c r="Z8191" s="2">
        <v>0</v>
      </c>
      <c r="AA8191" s="5"/>
      <c r="AB8191" s="5" t="s">
        <v>43</v>
      </c>
      <c r="AC8191" s="5" t="s">
        <v>44</v>
      </c>
      <c r="AD8191" s="2" t="s">
        <v>24980</v>
      </c>
      <c r="AE8191" s="1"/>
    </row>
    <row r="8192" spans="1:31" ht="14.45">
      <c r="A8192" s="5" t="s">
        <v>116</v>
      </c>
      <c r="B8192" s="21">
        <v>46054</v>
      </c>
      <c r="C8192" s="2" t="s">
        <v>25100</v>
      </c>
      <c r="D8192" s="14" t="s">
        <v>25101</v>
      </c>
      <c r="E8192" s="2" t="s">
        <v>25102</v>
      </c>
      <c r="F8192" s="2" t="s">
        <v>24639</v>
      </c>
      <c r="G8192" s="8">
        <v>1624</v>
      </c>
      <c r="H8192" s="5">
        <v>15</v>
      </c>
      <c r="I8192" s="5" t="s">
        <v>69</v>
      </c>
      <c r="J8192" s="5" t="s">
        <v>24629</v>
      </c>
      <c r="K8192" s="2" t="s">
        <v>24630</v>
      </c>
      <c r="L8192" s="5" t="s">
        <v>24629</v>
      </c>
      <c r="M8192" s="2" t="s">
        <v>24630</v>
      </c>
      <c r="N8192" s="5" t="s">
        <v>24254</v>
      </c>
      <c r="O8192" s="5" t="s">
        <v>38</v>
      </c>
      <c r="P8192" s="5" t="s">
        <v>39</v>
      </c>
      <c r="Q8192" s="5" t="s">
        <v>40</v>
      </c>
      <c r="R8192" s="5" t="s">
        <v>1487</v>
      </c>
      <c r="S8192" s="5"/>
      <c r="T8192" s="5" t="s">
        <v>42</v>
      </c>
      <c r="U8192" s="2">
        <v>0</v>
      </c>
      <c r="V8192" s="2">
        <v>0</v>
      </c>
      <c r="W8192" s="2">
        <v>0</v>
      </c>
      <c r="X8192" s="2">
        <v>0</v>
      </c>
      <c r="Y8192" s="2">
        <v>0</v>
      </c>
      <c r="Z8192" s="2">
        <v>0</v>
      </c>
      <c r="AA8192" s="5"/>
      <c r="AB8192" s="5" t="s">
        <v>43</v>
      </c>
      <c r="AC8192" s="5" t="s">
        <v>44</v>
      </c>
      <c r="AD8192" s="2" t="s">
        <v>24984</v>
      </c>
      <c r="AE8192" s="1"/>
    </row>
    <row r="8193" spans="1:31" ht="14.45">
      <c r="A8193" s="5" t="s">
        <v>116</v>
      </c>
      <c r="B8193" s="21">
        <v>46054</v>
      </c>
      <c r="C8193" s="2" t="s">
        <v>25103</v>
      </c>
      <c r="D8193" s="14" t="s">
        <v>25104</v>
      </c>
      <c r="E8193" s="2" t="s">
        <v>25105</v>
      </c>
      <c r="F8193" s="2" t="s">
        <v>24639</v>
      </c>
      <c r="G8193" s="8">
        <v>1624</v>
      </c>
      <c r="H8193" s="5">
        <v>15</v>
      </c>
      <c r="I8193" s="5" t="s">
        <v>69</v>
      </c>
      <c r="J8193" s="5" t="s">
        <v>24629</v>
      </c>
      <c r="K8193" s="2" t="s">
        <v>24630</v>
      </c>
      <c r="L8193" s="5" t="s">
        <v>24629</v>
      </c>
      <c r="M8193" s="2" t="s">
        <v>24630</v>
      </c>
      <c r="N8193" s="5" t="s">
        <v>24254</v>
      </c>
      <c r="O8193" s="5" t="s">
        <v>38</v>
      </c>
      <c r="P8193" s="5" t="s">
        <v>39</v>
      </c>
      <c r="Q8193" s="5" t="s">
        <v>40</v>
      </c>
      <c r="R8193" s="5" t="s">
        <v>1487</v>
      </c>
      <c r="S8193" s="5"/>
      <c r="T8193" s="5" t="s">
        <v>42</v>
      </c>
      <c r="U8193" s="2">
        <v>0</v>
      </c>
      <c r="V8193" s="2">
        <v>0</v>
      </c>
      <c r="W8193" s="2">
        <v>0</v>
      </c>
      <c r="X8193" s="2">
        <v>0</v>
      </c>
      <c r="Y8193" s="2">
        <v>0</v>
      </c>
      <c r="Z8193" s="2">
        <v>0</v>
      </c>
      <c r="AA8193" s="5"/>
      <c r="AB8193" s="5" t="s">
        <v>43</v>
      </c>
      <c r="AC8193" s="5" t="s">
        <v>44</v>
      </c>
      <c r="AD8193" s="2" t="s">
        <v>24988</v>
      </c>
      <c r="AE8193" s="1"/>
    </row>
    <row r="8194" spans="1:31" ht="14.45">
      <c r="A8194" s="11"/>
      <c r="B8194" s="20"/>
      <c r="C8194" s="2" t="s">
        <v>25106</v>
      </c>
      <c r="D8194" s="14" t="s">
        <v>25107</v>
      </c>
      <c r="E8194" s="2" t="s">
        <v>25108</v>
      </c>
      <c r="F8194" s="2" t="s">
        <v>25064</v>
      </c>
      <c r="G8194" s="8">
        <v>3649</v>
      </c>
      <c r="H8194" s="5">
        <v>25</v>
      </c>
      <c r="I8194" s="5" t="s">
        <v>69</v>
      </c>
      <c r="J8194" s="5" t="s">
        <v>24259</v>
      </c>
      <c r="K8194" s="2" t="s">
        <v>24260</v>
      </c>
      <c r="L8194" s="5" t="s">
        <v>24259</v>
      </c>
      <c r="M8194" s="2" t="s">
        <v>24260</v>
      </c>
      <c r="N8194" s="5" t="s">
        <v>24254</v>
      </c>
      <c r="O8194" s="5" t="s">
        <v>38</v>
      </c>
      <c r="P8194" s="5" t="s">
        <v>39</v>
      </c>
      <c r="Q8194" s="5" t="s">
        <v>40</v>
      </c>
      <c r="R8194" s="5" t="s">
        <v>24335</v>
      </c>
      <c r="S8194" s="5" t="s">
        <v>40</v>
      </c>
      <c r="T8194" s="5" t="s">
        <v>42</v>
      </c>
      <c r="U8194" s="2">
        <v>119.97</v>
      </c>
      <c r="V8194" s="2">
        <v>107.307</v>
      </c>
      <c r="W8194" s="2">
        <v>2.3340000000000001</v>
      </c>
      <c r="X8194" s="2">
        <v>310</v>
      </c>
      <c r="Y8194" s="2">
        <v>79</v>
      </c>
      <c r="Z8194" s="2">
        <v>95.3</v>
      </c>
      <c r="AA8194" s="5">
        <v>10</v>
      </c>
      <c r="AB8194" s="5" t="s">
        <v>43</v>
      </c>
      <c r="AC8194" s="5" t="s">
        <v>44</v>
      </c>
      <c r="AD8194" s="2" t="s">
        <v>25065</v>
      </c>
      <c r="AE8194" s="1"/>
    </row>
    <row r="8195" spans="1:31" ht="14.45">
      <c r="A8195" s="5" t="s">
        <v>116</v>
      </c>
      <c r="B8195" s="21">
        <v>46054</v>
      </c>
      <c r="C8195" s="2" t="s">
        <v>25109</v>
      </c>
      <c r="D8195" s="14" t="s">
        <v>25110</v>
      </c>
      <c r="E8195" s="2" t="s">
        <v>25111</v>
      </c>
      <c r="F8195" s="2" t="s">
        <v>24628</v>
      </c>
      <c r="G8195" s="8">
        <v>911</v>
      </c>
      <c r="H8195" s="5">
        <v>5</v>
      </c>
      <c r="I8195" s="5" t="s">
        <v>69</v>
      </c>
      <c r="J8195" s="5" t="s">
        <v>24629</v>
      </c>
      <c r="K8195" s="2" t="s">
        <v>24630</v>
      </c>
      <c r="L8195" s="5" t="s">
        <v>24629</v>
      </c>
      <c r="M8195" s="2" t="s">
        <v>24630</v>
      </c>
      <c r="N8195" s="5" t="s">
        <v>24254</v>
      </c>
      <c r="O8195" s="5" t="s">
        <v>38</v>
      </c>
      <c r="P8195" s="5" t="s">
        <v>39</v>
      </c>
      <c r="Q8195" s="5" t="s">
        <v>40</v>
      </c>
      <c r="R8195" s="5" t="s">
        <v>1487</v>
      </c>
      <c r="S8195" s="5"/>
      <c r="T8195" s="5" t="s">
        <v>42</v>
      </c>
      <c r="U8195" s="2">
        <v>0</v>
      </c>
      <c r="V8195" s="2">
        <v>0</v>
      </c>
      <c r="W8195" s="2">
        <v>0</v>
      </c>
      <c r="X8195" s="2">
        <v>0</v>
      </c>
      <c r="Y8195" s="2">
        <v>0</v>
      </c>
      <c r="Z8195" s="2">
        <v>0</v>
      </c>
      <c r="AA8195" s="5"/>
      <c r="AB8195" s="5" t="s">
        <v>43</v>
      </c>
      <c r="AC8195" s="5" t="s">
        <v>44</v>
      </c>
      <c r="AD8195" s="2" t="s">
        <v>24976</v>
      </c>
      <c r="AE8195" s="1"/>
    </row>
    <row r="8196" spans="1:31" ht="14.45">
      <c r="A8196" s="5" t="s">
        <v>116</v>
      </c>
      <c r="B8196" s="21">
        <v>46054</v>
      </c>
      <c r="C8196" s="2" t="s">
        <v>25112</v>
      </c>
      <c r="D8196" s="14" t="s">
        <v>25113</v>
      </c>
      <c r="E8196" s="2" t="s">
        <v>25114</v>
      </c>
      <c r="F8196" s="2" t="s">
        <v>24628</v>
      </c>
      <c r="G8196" s="8">
        <v>911</v>
      </c>
      <c r="H8196" s="5">
        <v>15</v>
      </c>
      <c r="I8196" s="5" t="s">
        <v>69</v>
      </c>
      <c r="J8196" s="5" t="s">
        <v>24629</v>
      </c>
      <c r="K8196" s="2" t="s">
        <v>24630</v>
      </c>
      <c r="L8196" s="5" t="s">
        <v>24629</v>
      </c>
      <c r="M8196" s="2" t="s">
        <v>24630</v>
      </c>
      <c r="N8196" s="5" t="s">
        <v>24254</v>
      </c>
      <c r="O8196" s="5" t="s">
        <v>38</v>
      </c>
      <c r="P8196" s="5" t="s">
        <v>39</v>
      </c>
      <c r="Q8196" s="5" t="s">
        <v>40</v>
      </c>
      <c r="R8196" s="5" t="s">
        <v>1487</v>
      </c>
      <c r="S8196" s="5"/>
      <c r="T8196" s="5" t="s">
        <v>42</v>
      </c>
      <c r="U8196" s="2">
        <v>0</v>
      </c>
      <c r="V8196" s="2">
        <v>0</v>
      </c>
      <c r="W8196" s="2">
        <v>0</v>
      </c>
      <c r="X8196" s="2">
        <v>0</v>
      </c>
      <c r="Y8196" s="2">
        <v>0</v>
      </c>
      <c r="Z8196" s="2">
        <v>0</v>
      </c>
      <c r="AA8196" s="5"/>
      <c r="AB8196" s="5" t="s">
        <v>43</v>
      </c>
      <c r="AC8196" s="5" t="s">
        <v>44</v>
      </c>
      <c r="AD8196" s="2" t="s">
        <v>24980</v>
      </c>
      <c r="AE8196" s="1"/>
    </row>
    <row r="8197" spans="1:31" ht="14.45">
      <c r="A8197" s="5" t="s">
        <v>116</v>
      </c>
      <c r="B8197" s="21">
        <v>46054</v>
      </c>
      <c r="C8197" s="2" t="s">
        <v>25115</v>
      </c>
      <c r="D8197" s="14" t="s">
        <v>25116</v>
      </c>
      <c r="E8197" s="2" t="s">
        <v>25117</v>
      </c>
      <c r="F8197" s="2" t="s">
        <v>24628</v>
      </c>
      <c r="G8197" s="8">
        <v>943</v>
      </c>
      <c r="H8197" s="5">
        <v>5</v>
      </c>
      <c r="I8197" s="5" t="s">
        <v>69</v>
      </c>
      <c r="J8197" s="5" t="s">
        <v>24629</v>
      </c>
      <c r="K8197" s="2" t="s">
        <v>24630</v>
      </c>
      <c r="L8197" s="5" t="s">
        <v>24629</v>
      </c>
      <c r="M8197" s="2" t="s">
        <v>24630</v>
      </c>
      <c r="N8197" s="5" t="s">
        <v>24254</v>
      </c>
      <c r="O8197" s="5" t="s">
        <v>38</v>
      </c>
      <c r="P8197" s="5" t="s">
        <v>39</v>
      </c>
      <c r="Q8197" s="5" t="s">
        <v>40</v>
      </c>
      <c r="R8197" s="5" t="s">
        <v>1487</v>
      </c>
      <c r="S8197" s="5"/>
      <c r="T8197" s="5" t="s">
        <v>42</v>
      </c>
      <c r="U8197" s="2">
        <v>0</v>
      </c>
      <c r="V8197" s="2">
        <v>0</v>
      </c>
      <c r="W8197" s="2">
        <v>0</v>
      </c>
      <c r="X8197" s="2">
        <v>0</v>
      </c>
      <c r="Y8197" s="2">
        <v>0</v>
      </c>
      <c r="Z8197" s="2">
        <v>0</v>
      </c>
      <c r="AA8197" s="5"/>
      <c r="AB8197" s="5" t="s">
        <v>43</v>
      </c>
      <c r="AC8197" s="5" t="s">
        <v>44</v>
      </c>
      <c r="AD8197" s="2" t="s">
        <v>24976</v>
      </c>
      <c r="AE8197" s="1"/>
    </row>
    <row r="8198" spans="1:31" ht="14.45">
      <c r="A8198" s="5" t="s">
        <v>116</v>
      </c>
      <c r="B8198" s="21">
        <v>46054</v>
      </c>
      <c r="C8198" s="2" t="s">
        <v>25118</v>
      </c>
      <c r="D8198" s="14" t="s">
        <v>25119</v>
      </c>
      <c r="E8198" s="2" t="s">
        <v>25120</v>
      </c>
      <c r="F8198" s="2" t="s">
        <v>24628</v>
      </c>
      <c r="G8198" s="8">
        <v>943</v>
      </c>
      <c r="H8198" s="5">
        <v>15</v>
      </c>
      <c r="I8198" s="5" t="s">
        <v>69</v>
      </c>
      <c r="J8198" s="5" t="s">
        <v>24629</v>
      </c>
      <c r="K8198" s="2" t="s">
        <v>24630</v>
      </c>
      <c r="L8198" s="5" t="s">
        <v>24629</v>
      </c>
      <c r="M8198" s="2" t="s">
        <v>24630</v>
      </c>
      <c r="N8198" s="5" t="s">
        <v>24254</v>
      </c>
      <c r="O8198" s="5" t="s">
        <v>38</v>
      </c>
      <c r="P8198" s="5" t="s">
        <v>39</v>
      </c>
      <c r="Q8198" s="5" t="s">
        <v>40</v>
      </c>
      <c r="R8198" s="5" t="s">
        <v>1487</v>
      </c>
      <c r="S8198" s="5"/>
      <c r="T8198" s="5" t="s">
        <v>42</v>
      </c>
      <c r="U8198" s="2">
        <v>0</v>
      </c>
      <c r="V8198" s="2">
        <v>0</v>
      </c>
      <c r="W8198" s="2">
        <v>0</v>
      </c>
      <c r="X8198" s="2">
        <v>0</v>
      </c>
      <c r="Y8198" s="2">
        <v>0</v>
      </c>
      <c r="Z8198" s="2">
        <v>0</v>
      </c>
      <c r="AA8198" s="5"/>
      <c r="AB8198" s="5" t="s">
        <v>43</v>
      </c>
      <c r="AC8198" s="5" t="s">
        <v>44</v>
      </c>
      <c r="AD8198" s="2" t="s">
        <v>24980</v>
      </c>
      <c r="AE8198" s="1"/>
    </row>
    <row r="8199" spans="1:31" ht="14.45">
      <c r="A8199" s="5" t="s">
        <v>116</v>
      </c>
      <c r="B8199" s="21">
        <v>46054</v>
      </c>
      <c r="C8199" s="2" t="s">
        <v>25121</v>
      </c>
      <c r="D8199" s="14" t="s">
        <v>25122</v>
      </c>
      <c r="E8199" s="2" t="s">
        <v>25123</v>
      </c>
      <c r="F8199" s="2" t="s">
        <v>24628</v>
      </c>
      <c r="G8199" s="8">
        <v>987</v>
      </c>
      <c r="H8199" s="5">
        <v>5</v>
      </c>
      <c r="I8199" s="5" t="s">
        <v>69</v>
      </c>
      <c r="J8199" s="5" t="s">
        <v>24629</v>
      </c>
      <c r="K8199" s="2" t="s">
        <v>24630</v>
      </c>
      <c r="L8199" s="5" t="s">
        <v>24629</v>
      </c>
      <c r="M8199" s="2" t="s">
        <v>24630</v>
      </c>
      <c r="N8199" s="5" t="s">
        <v>24254</v>
      </c>
      <c r="O8199" s="5" t="s">
        <v>38</v>
      </c>
      <c r="P8199" s="5" t="s">
        <v>39</v>
      </c>
      <c r="Q8199" s="5" t="s">
        <v>40</v>
      </c>
      <c r="R8199" s="5" t="s">
        <v>1487</v>
      </c>
      <c r="S8199" s="5"/>
      <c r="T8199" s="5" t="s">
        <v>42</v>
      </c>
      <c r="U8199" s="2">
        <v>0</v>
      </c>
      <c r="V8199" s="2">
        <v>0</v>
      </c>
      <c r="W8199" s="2">
        <v>0</v>
      </c>
      <c r="X8199" s="2">
        <v>0</v>
      </c>
      <c r="Y8199" s="2">
        <v>0</v>
      </c>
      <c r="Z8199" s="2">
        <v>0</v>
      </c>
      <c r="AA8199" s="5"/>
      <c r="AB8199" s="5" t="s">
        <v>43</v>
      </c>
      <c r="AC8199" s="5" t="s">
        <v>44</v>
      </c>
      <c r="AD8199" s="2" t="s">
        <v>24976</v>
      </c>
      <c r="AE8199" s="1"/>
    </row>
    <row r="8200" spans="1:31" ht="14.45">
      <c r="A8200" s="5" t="s">
        <v>116</v>
      </c>
      <c r="B8200" s="21">
        <v>46054</v>
      </c>
      <c r="C8200" s="2" t="s">
        <v>25124</v>
      </c>
      <c r="D8200" s="14" t="s">
        <v>25125</v>
      </c>
      <c r="E8200" s="2" t="s">
        <v>25126</v>
      </c>
      <c r="F8200" s="2" t="s">
        <v>24628</v>
      </c>
      <c r="G8200" s="8">
        <v>987</v>
      </c>
      <c r="H8200" s="5">
        <v>15</v>
      </c>
      <c r="I8200" s="5" t="s">
        <v>69</v>
      </c>
      <c r="J8200" s="5" t="s">
        <v>24629</v>
      </c>
      <c r="K8200" s="2" t="s">
        <v>24630</v>
      </c>
      <c r="L8200" s="5" t="s">
        <v>24629</v>
      </c>
      <c r="M8200" s="2" t="s">
        <v>24630</v>
      </c>
      <c r="N8200" s="5" t="s">
        <v>24254</v>
      </c>
      <c r="O8200" s="5" t="s">
        <v>38</v>
      </c>
      <c r="P8200" s="5" t="s">
        <v>39</v>
      </c>
      <c r="Q8200" s="5" t="s">
        <v>40</v>
      </c>
      <c r="R8200" s="5" t="s">
        <v>1487</v>
      </c>
      <c r="S8200" s="5"/>
      <c r="T8200" s="5" t="s">
        <v>42</v>
      </c>
      <c r="U8200" s="2">
        <v>0</v>
      </c>
      <c r="V8200" s="2">
        <v>0</v>
      </c>
      <c r="W8200" s="2">
        <v>0</v>
      </c>
      <c r="X8200" s="2">
        <v>0</v>
      </c>
      <c r="Y8200" s="2">
        <v>0</v>
      </c>
      <c r="Z8200" s="2">
        <v>0</v>
      </c>
      <c r="AA8200" s="5"/>
      <c r="AB8200" s="5" t="s">
        <v>43</v>
      </c>
      <c r="AC8200" s="5" t="s">
        <v>44</v>
      </c>
      <c r="AD8200" s="2" t="s">
        <v>24980</v>
      </c>
      <c r="AE8200" s="1"/>
    </row>
    <row r="8201" spans="1:31" ht="14.45">
      <c r="A8201" s="11"/>
      <c r="B8201" s="20"/>
      <c r="C8201" s="2" t="s">
        <v>25127</v>
      </c>
      <c r="D8201" s="14" t="s">
        <v>25128</v>
      </c>
      <c r="E8201" s="2" t="s">
        <v>25129</v>
      </c>
      <c r="F8201" s="2" t="s">
        <v>25064</v>
      </c>
      <c r="G8201" s="8">
        <v>3695</v>
      </c>
      <c r="H8201" s="5">
        <v>5</v>
      </c>
      <c r="I8201" s="5" t="s">
        <v>69</v>
      </c>
      <c r="J8201" s="5" t="s">
        <v>24259</v>
      </c>
      <c r="K8201" s="2" t="s">
        <v>24260</v>
      </c>
      <c r="L8201" s="5" t="s">
        <v>24259</v>
      </c>
      <c r="M8201" s="2" t="s">
        <v>24260</v>
      </c>
      <c r="N8201" s="5" t="s">
        <v>24254</v>
      </c>
      <c r="O8201" s="5" t="s">
        <v>38</v>
      </c>
      <c r="P8201" s="5" t="s">
        <v>39</v>
      </c>
      <c r="Q8201" s="5" t="s">
        <v>40</v>
      </c>
      <c r="R8201" s="5" t="s">
        <v>24335</v>
      </c>
      <c r="S8201" s="5" t="s">
        <v>40</v>
      </c>
      <c r="T8201" s="5" t="s">
        <v>42</v>
      </c>
      <c r="U8201" s="2">
        <v>128.785</v>
      </c>
      <c r="V8201" s="2">
        <v>116.191</v>
      </c>
      <c r="W8201" s="2">
        <v>2.56</v>
      </c>
      <c r="X8201" s="2">
        <v>340</v>
      </c>
      <c r="Y8201" s="2">
        <v>79</v>
      </c>
      <c r="Z8201" s="2">
        <v>95.3</v>
      </c>
      <c r="AA8201" s="5">
        <v>10</v>
      </c>
      <c r="AB8201" s="5" t="s">
        <v>43</v>
      </c>
      <c r="AC8201" s="5" t="s">
        <v>44</v>
      </c>
      <c r="AD8201" s="2" t="s">
        <v>25065</v>
      </c>
      <c r="AE8201" s="1"/>
    </row>
    <row r="8202" spans="1:31" ht="14.45">
      <c r="A8202" s="5" t="s">
        <v>116</v>
      </c>
      <c r="B8202" s="21">
        <v>46054</v>
      </c>
      <c r="C8202" s="2" t="s">
        <v>25130</v>
      </c>
      <c r="D8202" s="14" t="s">
        <v>25131</v>
      </c>
      <c r="E8202" s="2" t="s">
        <v>25132</v>
      </c>
      <c r="F8202" s="2" t="s">
        <v>24628</v>
      </c>
      <c r="G8202" s="8">
        <v>991</v>
      </c>
      <c r="H8202" s="5">
        <v>5</v>
      </c>
      <c r="I8202" s="5" t="s">
        <v>69</v>
      </c>
      <c r="J8202" s="5" t="s">
        <v>24629</v>
      </c>
      <c r="K8202" s="2" t="s">
        <v>24630</v>
      </c>
      <c r="L8202" s="5" t="s">
        <v>24629</v>
      </c>
      <c r="M8202" s="2" t="s">
        <v>24630</v>
      </c>
      <c r="N8202" s="5" t="s">
        <v>24254</v>
      </c>
      <c r="O8202" s="5" t="s">
        <v>38</v>
      </c>
      <c r="P8202" s="5" t="s">
        <v>39</v>
      </c>
      <c r="Q8202" s="5" t="s">
        <v>40</v>
      </c>
      <c r="R8202" s="5" t="s">
        <v>1487</v>
      </c>
      <c r="S8202" s="5"/>
      <c r="T8202" s="5" t="s">
        <v>42</v>
      </c>
      <c r="U8202" s="2">
        <v>0</v>
      </c>
      <c r="V8202" s="2">
        <v>0</v>
      </c>
      <c r="W8202" s="2">
        <v>0</v>
      </c>
      <c r="X8202" s="2">
        <v>0</v>
      </c>
      <c r="Y8202" s="2">
        <v>0</v>
      </c>
      <c r="Z8202" s="2">
        <v>0</v>
      </c>
      <c r="AA8202" s="5"/>
      <c r="AB8202" s="5" t="s">
        <v>43</v>
      </c>
      <c r="AC8202" s="5" t="s">
        <v>44</v>
      </c>
      <c r="AD8202" s="2" t="s">
        <v>24976</v>
      </c>
      <c r="AE8202" s="1"/>
    </row>
    <row r="8203" spans="1:31" ht="14.45">
      <c r="A8203" s="5" t="s">
        <v>116</v>
      </c>
      <c r="B8203" s="21">
        <v>46054</v>
      </c>
      <c r="C8203" s="2" t="s">
        <v>25133</v>
      </c>
      <c r="D8203" s="14" t="s">
        <v>25134</v>
      </c>
      <c r="E8203" s="2" t="s">
        <v>25135</v>
      </c>
      <c r="F8203" s="2" t="s">
        <v>24628</v>
      </c>
      <c r="G8203" s="8">
        <v>991</v>
      </c>
      <c r="H8203" s="5">
        <v>15</v>
      </c>
      <c r="I8203" s="5" t="s">
        <v>69</v>
      </c>
      <c r="J8203" s="5" t="s">
        <v>24629</v>
      </c>
      <c r="K8203" s="2" t="s">
        <v>24630</v>
      </c>
      <c r="L8203" s="5" t="s">
        <v>24629</v>
      </c>
      <c r="M8203" s="2" t="s">
        <v>24630</v>
      </c>
      <c r="N8203" s="5" t="s">
        <v>24254</v>
      </c>
      <c r="O8203" s="5" t="s">
        <v>38</v>
      </c>
      <c r="P8203" s="5" t="s">
        <v>39</v>
      </c>
      <c r="Q8203" s="5" t="s">
        <v>40</v>
      </c>
      <c r="R8203" s="5" t="s">
        <v>1487</v>
      </c>
      <c r="S8203" s="5"/>
      <c r="T8203" s="5" t="s">
        <v>42</v>
      </c>
      <c r="U8203" s="2">
        <v>0</v>
      </c>
      <c r="V8203" s="2">
        <v>0</v>
      </c>
      <c r="W8203" s="2">
        <v>0</v>
      </c>
      <c r="X8203" s="2">
        <v>0</v>
      </c>
      <c r="Y8203" s="2">
        <v>0</v>
      </c>
      <c r="Z8203" s="2">
        <v>0</v>
      </c>
      <c r="AA8203" s="5"/>
      <c r="AB8203" s="5" t="s">
        <v>43</v>
      </c>
      <c r="AC8203" s="5" t="s">
        <v>44</v>
      </c>
      <c r="AD8203" s="2" t="s">
        <v>24980</v>
      </c>
      <c r="AE8203" s="1"/>
    </row>
    <row r="8204" spans="1:31" ht="14.45">
      <c r="A8204" s="5" t="s">
        <v>116</v>
      </c>
      <c r="B8204" s="21">
        <v>46054</v>
      </c>
      <c r="C8204" s="2" t="s">
        <v>25136</v>
      </c>
      <c r="D8204" s="14" t="s">
        <v>25137</v>
      </c>
      <c r="E8204" s="2" t="s">
        <v>25138</v>
      </c>
      <c r="F8204" s="2" t="s">
        <v>24628</v>
      </c>
      <c r="G8204" s="8">
        <v>1008</v>
      </c>
      <c r="H8204" s="5">
        <v>5</v>
      </c>
      <c r="I8204" s="5" t="s">
        <v>69</v>
      </c>
      <c r="J8204" s="5" t="s">
        <v>24629</v>
      </c>
      <c r="K8204" s="2" t="s">
        <v>24630</v>
      </c>
      <c r="L8204" s="5" t="s">
        <v>24629</v>
      </c>
      <c r="M8204" s="2" t="s">
        <v>24630</v>
      </c>
      <c r="N8204" s="5" t="s">
        <v>24254</v>
      </c>
      <c r="O8204" s="5" t="s">
        <v>38</v>
      </c>
      <c r="P8204" s="5" t="s">
        <v>39</v>
      </c>
      <c r="Q8204" s="5" t="s">
        <v>40</v>
      </c>
      <c r="R8204" s="5" t="s">
        <v>1487</v>
      </c>
      <c r="S8204" s="5"/>
      <c r="T8204" s="5" t="s">
        <v>42</v>
      </c>
      <c r="U8204" s="2">
        <v>0</v>
      </c>
      <c r="V8204" s="2">
        <v>0</v>
      </c>
      <c r="W8204" s="2">
        <v>0</v>
      </c>
      <c r="X8204" s="2">
        <v>0</v>
      </c>
      <c r="Y8204" s="2">
        <v>0</v>
      </c>
      <c r="Z8204" s="2">
        <v>0</v>
      </c>
      <c r="AA8204" s="5"/>
      <c r="AB8204" s="5" t="s">
        <v>43</v>
      </c>
      <c r="AC8204" s="5" t="s">
        <v>44</v>
      </c>
      <c r="AD8204" s="2" t="s">
        <v>24976</v>
      </c>
      <c r="AE8204" s="1"/>
    </row>
    <row r="8205" spans="1:31" ht="14.45">
      <c r="A8205" s="5" t="s">
        <v>116</v>
      </c>
      <c r="B8205" s="21">
        <v>46054</v>
      </c>
      <c r="C8205" s="2" t="s">
        <v>25139</v>
      </c>
      <c r="D8205" s="14" t="s">
        <v>25140</v>
      </c>
      <c r="E8205" s="2" t="s">
        <v>25141</v>
      </c>
      <c r="F8205" s="2" t="s">
        <v>24628</v>
      </c>
      <c r="G8205" s="8">
        <v>1008</v>
      </c>
      <c r="H8205" s="5">
        <v>15</v>
      </c>
      <c r="I8205" s="5" t="s">
        <v>69</v>
      </c>
      <c r="J8205" s="5" t="s">
        <v>24629</v>
      </c>
      <c r="K8205" s="2" t="s">
        <v>24630</v>
      </c>
      <c r="L8205" s="5" t="s">
        <v>24629</v>
      </c>
      <c r="M8205" s="2" t="s">
        <v>24630</v>
      </c>
      <c r="N8205" s="5" t="s">
        <v>24254</v>
      </c>
      <c r="O8205" s="5" t="s">
        <v>38</v>
      </c>
      <c r="P8205" s="5" t="s">
        <v>39</v>
      </c>
      <c r="Q8205" s="5" t="s">
        <v>40</v>
      </c>
      <c r="R8205" s="5" t="s">
        <v>1487</v>
      </c>
      <c r="S8205" s="5"/>
      <c r="T8205" s="5" t="s">
        <v>42</v>
      </c>
      <c r="U8205" s="2">
        <v>0</v>
      </c>
      <c r="V8205" s="2">
        <v>0</v>
      </c>
      <c r="W8205" s="2">
        <v>0</v>
      </c>
      <c r="X8205" s="2">
        <v>0</v>
      </c>
      <c r="Y8205" s="2">
        <v>0</v>
      </c>
      <c r="Z8205" s="2">
        <v>0</v>
      </c>
      <c r="AA8205" s="5"/>
      <c r="AB8205" s="5" t="s">
        <v>43</v>
      </c>
      <c r="AC8205" s="5" t="s">
        <v>44</v>
      </c>
      <c r="AD8205" s="2" t="s">
        <v>24980</v>
      </c>
      <c r="AE8205" s="1"/>
    </row>
    <row r="8206" spans="1:31" ht="14.45">
      <c r="A8206" s="5" t="s">
        <v>116</v>
      </c>
      <c r="B8206" s="21">
        <v>46054</v>
      </c>
      <c r="C8206" s="2" t="s">
        <v>25142</v>
      </c>
      <c r="D8206" s="14" t="s">
        <v>25143</v>
      </c>
      <c r="E8206" s="2" t="s">
        <v>25144</v>
      </c>
      <c r="F8206" s="2" t="s">
        <v>24628</v>
      </c>
      <c r="G8206" s="8">
        <v>1082</v>
      </c>
      <c r="H8206" s="5">
        <v>5</v>
      </c>
      <c r="I8206" s="5" t="s">
        <v>69</v>
      </c>
      <c r="J8206" s="5" t="s">
        <v>24629</v>
      </c>
      <c r="K8206" s="2" t="s">
        <v>24630</v>
      </c>
      <c r="L8206" s="5" t="s">
        <v>24629</v>
      </c>
      <c r="M8206" s="2" t="s">
        <v>24630</v>
      </c>
      <c r="N8206" s="5" t="s">
        <v>24254</v>
      </c>
      <c r="O8206" s="5" t="s">
        <v>38</v>
      </c>
      <c r="P8206" s="5" t="s">
        <v>39</v>
      </c>
      <c r="Q8206" s="5" t="s">
        <v>40</v>
      </c>
      <c r="R8206" s="5" t="s">
        <v>1487</v>
      </c>
      <c r="S8206" s="5"/>
      <c r="T8206" s="5" t="s">
        <v>42</v>
      </c>
      <c r="U8206" s="2">
        <v>0</v>
      </c>
      <c r="V8206" s="2">
        <v>0</v>
      </c>
      <c r="W8206" s="2">
        <v>0</v>
      </c>
      <c r="X8206" s="2">
        <v>0</v>
      </c>
      <c r="Y8206" s="2">
        <v>0</v>
      </c>
      <c r="Z8206" s="2">
        <v>0</v>
      </c>
      <c r="AA8206" s="5"/>
      <c r="AB8206" s="5" t="s">
        <v>43</v>
      </c>
      <c r="AC8206" s="5" t="s">
        <v>44</v>
      </c>
      <c r="AD8206" s="2" t="s">
        <v>24976</v>
      </c>
      <c r="AE8206" s="1"/>
    </row>
    <row r="8207" spans="1:31" ht="14.45">
      <c r="A8207" s="5" t="s">
        <v>116</v>
      </c>
      <c r="B8207" s="21">
        <v>46054</v>
      </c>
      <c r="C8207" s="2" t="s">
        <v>25145</v>
      </c>
      <c r="D8207" s="14" t="s">
        <v>25146</v>
      </c>
      <c r="E8207" s="2" t="s">
        <v>25147</v>
      </c>
      <c r="F8207" s="2" t="s">
        <v>24628</v>
      </c>
      <c r="G8207" s="8">
        <v>1082</v>
      </c>
      <c r="H8207" s="5">
        <v>15</v>
      </c>
      <c r="I8207" s="5" t="s">
        <v>69</v>
      </c>
      <c r="J8207" s="5" t="s">
        <v>24629</v>
      </c>
      <c r="K8207" s="2" t="s">
        <v>24630</v>
      </c>
      <c r="L8207" s="5" t="s">
        <v>24629</v>
      </c>
      <c r="M8207" s="2" t="s">
        <v>24630</v>
      </c>
      <c r="N8207" s="5" t="s">
        <v>24254</v>
      </c>
      <c r="O8207" s="5" t="s">
        <v>38</v>
      </c>
      <c r="P8207" s="5" t="s">
        <v>39</v>
      </c>
      <c r="Q8207" s="5" t="s">
        <v>40</v>
      </c>
      <c r="R8207" s="5" t="s">
        <v>1487</v>
      </c>
      <c r="S8207" s="5"/>
      <c r="T8207" s="5" t="s">
        <v>42</v>
      </c>
      <c r="U8207" s="2">
        <v>0</v>
      </c>
      <c r="V8207" s="2">
        <v>0</v>
      </c>
      <c r="W8207" s="2">
        <v>0</v>
      </c>
      <c r="X8207" s="2">
        <v>0</v>
      </c>
      <c r="Y8207" s="2">
        <v>0</v>
      </c>
      <c r="Z8207" s="2">
        <v>0</v>
      </c>
      <c r="AA8207" s="5"/>
      <c r="AB8207" s="5" t="s">
        <v>43</v>
      </c>
      <c r="AC8207" s="5" t="s">
        <v>44</v>
      </c>
      <c r="AD8207" s="2" t="s">
        <v>24980</v>
      </c>
      <c r="AE8207" s="1"/>
    </row>
    <row r="8208" spans="1:31" ht="14.45">
      <c r="A8208" s="5" t="s">
        <v>116</v>
      </c>
      <c r="B8208" s="21">
        <v>46054</v>
      </c>
      <c r="C8208" s="2" t="s">
        <v>25148</v>
      </c>
      <c r="D8208" s="14" t="s">
        <v>25149</v>
      </c>
      <c r="E8208" s="2" t="s">
        <v>25150</v>
      </c>
      <c r="F8208" s="2" t="s">
        <v>24628</v>
      </c>
      <c r="G8208" s="8">
        <v>987</v>
      </c>
      <c r="H8208" s="5">
        <v>5</v>
      </c>
      <c r="I8208" s="5" t="s">
        <v>69</v>
      </c>
      <c r="J8208" s="5" t="s">
        <v>24629</v>
      </c>
      <c r="K8208" s="2" t="s">
        <v>24630</v>
      </c>
      <c r="L8208" s="5" t="s">
        <v>24629</v>
      </c>
      <c r="M8208" s="2" t="s">
        <v>24630</v>
      </c>
      <c r="N8208" s="5" t="s">
        <v>24254</v>
      </c>
      <c r="O8208" s="5" t="s">
        <v>38</v>
      </c>
      <c r="P8208" s="5" t="s">
        <v>39</v>
      </c>
      <c r="Q8208" s="5" t="s">
        <v>40</v>
      </c>
      <c r="R8208" s="5" t="s">
        <v>1487</v>
      </c>
      <c r="S8208" s="5"/>
      <c r="T8208" s="5" t="s">
        <v>42</v>
      </c>
      <c r="U8208" s="2">
        <v>0</v>
      </c>
      <c r="V8208" s="2">
        <v>0</v>
      </c>
      <c r="W8208" s="2">
        <v>0</v>
      </c>
      <c r="X8208" s="2">
        <v>0</v>
      </c>
      <c r="Y8208" s="2">
        <v>0</v>
      </c>
      <c r="Z8208" s="2">
        <v>0</v>
      </c>
      <c r="AA8208" s="5"/>
      <c r="AB8208" s="5" t="s">
        <v>43</v>
      </c>
      <c r="AC8208" s="5" t="s">
        <v>44</v>
      </c>
      <c r="AD8208" s="2" t="s">
        <v>24976</v>
      </c>
      <c r="AE8208" s="1"/>
    </row>
    <row r="8209" spans="1:31" ht="14.45">
      <c r="A8209" s="5" t="s">
        <v>116</v>
      </c>
      <c r="B8209" s="21">
        <v>46054</v>
      </c>
      <c r="C8209" s="2" t="s">
        <v>25151</v>
      </c>
      <c r="D8209" s="14" t="s">
        <v>25152</v>
      </c>
      <c r="E8209" s="2" t="s">
        <v>25153</v>
      </c>
      <c r="F8209" s="2" t="s">
        <v>24628</v>
      </c>
      <c r="G8209" s="8">
        <v>987</v>
      </c>
      <c r="H8209" s="5">
        <v>15</v>
      </c>
      <c r="I8209" s="5" t="s">
        <v>69</v>
      </c>
      <c r="J8209" s="5" t="s">
        <v>24629</v>
      </c>
      <c r="K8209" s="2" t="s">
        <v>24630</v>
      </c>
      <c r="L8209" s="5" t="s">
        <v>24629</v>
      </c>
      <c r="M8209" s="2" t="s">
        <v>24630</v>
      </c>
      <c r="N8209" s="5" t="s">
        <v>24254</v>
      </c>
      <c r="O8209" s="5" t="s">
        <v>38</v>
      </c>
      <c r="P8209" s="5" t="s">
        <v>39</v>
      </c>
      <c r="Q8209" s="5" t="s">
        <v>40</v>
      </c>
      <c r="R8209" s="5" t="s">
        <v>1487</v>
      </c>
      <c r="S8209" s="5"/>
      <c r="T8209" s="5" t="s">
        <v>42</v>
      </c>
      <c r="U8209" s="2">
        <v>0</v>
      </c>
      <c r="V8209" s="2">
        <v>0</v>
      </c>
      <c r="W8209" s="2">
        <v>0</v>
      </c>
      <c r="X8209" s="2">
        <v>0</v>
      </c>
      <c r="Y8209" s="2">
        <v>0</v>
      </c>
      <c r="Z8209" s="2">
        <v>0</v>
      </c>
      <c r="AA8209" s="5"/>
      <c r="AB8209" s="5" t="s">
        <v>43</v>
      </c>
      <c r="AC8209" s="5" t="s">
        <v>44</v>
      </c>
      <c r="AD8209" s="2" t="s">
        <v>24980</v>
      </c>
      <c r="AE8209" s="1"/>
    </row>
    <row r="8210" spans="1:31" ht="14.45">
      <c r="A8210" s="5" t="s">
        <v>116</v>
      </c>
      <c r="B8210" s="21">
        <v>46054</v>
      </c>
      <c r="C8210" s="2" t="s">
        <v>25154</v>
      </c>
      <c r="D8210" s="14" t="s">
        <v>25155</v>
      </c>
      <c r="E8210" s="2" t="s">
        <v>25156</v>
      </c>
      <c r="F8210" s="2" t="s">
        <v>24628</v>
      </c>
      <c r="G8210" s="8">
        <v>1050</v>
      </c>
      <c r="H8210" s="5">
        <v>5</v>
      </c>
      <c r="I8210" s="5" t="s">
        <v>69</v>
      </c>
      <c r="J8210" s="5" t="s">
        <v>24629</v>
      </c>
      <c r="K8210" s="2" t="s">
        <v>24630</v>
      </c>
      <c r="L8210" s="5" t="s">
        <v>24629</v>
      </c>
      <c r="M8210" s="2" t="s">
        <v>24630</v>
      </c>
      <c r="N8210" s="5" t="s">
        <v>24254</v>
      </c>
      <c r="O8210" s="5" t="s">
        <v>38</v>
      </c>
      <c r="P8210" s="5" t="s">
        <v>39</v>
      </c>
      <c r="Q8210" s="5" t="s">
        <v>40</v>
      </c>
      <c r="R8210" s="5" t="s">
        <v>1487</v>
      </c>
      <c r="S8210" s="5"/>
      <c r="T8210" s="5" t="s">
        <v>42</v>
      </c>
      <c r="U8210" s="2">
        <v>0</v>
      </c>
      <c r="V8210" s="2">
        <v>0</v>
      </c>
      <c r="W8210" s="2">
        <v>0</v>
      </c>
      <c r="X8210" s="2">
        <v>0</v>
      </c>
      <c r="Y8210" s="2">
        <v>0</v>
      </c>
      <c r="Z8210" s="2">
        <v>0</v>
      </c>
      <c r="AA8210" s="5"/>
      <c r="AB8210" s="5" t="s">
        <v>43</v>
      </c>
      <c r="AC8210" s="5" t="s">
        <v>44</v>
      </c>
      <c r="AD8210" s="2" t="s">
        <v>24976</v>
      </c>
      <c r="AE8210" s="1"/>
    </row>
    <row r="8211" spans="1:31" ht="14.45">
      <c r="A8211" s="5" t="s">
        <v>116</v>
      </c>
      <c r="B8211" s="21">
        <v>46054</v>
      </c>
      <c r="C8211" s="2" t="s">
        <v>25157</v>
      </c>
      <c r="D8211" s="14" t="s">
        <v>25158</v>
      </c>
      <c r="E8211" s="2" t="s">
        <v>25159</v>
      </c>
      <c r="F8211" s="2" t="s">
        <v>24628</v>
      </c>
      <c r="G8211" s="8">
        <v>1050</v>
      </c>
      <c r="H8211" s="5">
        <v>15</v>
      </c>
      <c r="I8211" s="5" t="s">
        <v>69</v>
      </c>
      <c r="J8211" s="5" t="s">
        <v>24629</v>
      </c>
      <c r="K8211" s="2" t="s">
        <v>24630</v>
      </c>
      <c r="L8211" s="5" t="s">
        <v>24629</v>
      </c>
      <c r="M8211" s="2" t="s">
        <v>24630</v>
      </c>
      <c r="N8211" s="5" t="s">
        <v>24254</v>
      </c>
      <c r="O8211" s="5" t="s">
        <v>38</v>
      </c>
      <c r="P8211" s="5" t="s">
        <v>39</v>
      </c>
      <c r="Q8211" s="5" t="s">
        <v>40</v>
      </c>
      <c r="R8211" s="5" t="s">
        <v>1487</v>
      </c>
      <c r="S8211" s="5"/>
      <c r="T8211" s="5" t="s">
        <v>42</v>
      </c>
      <c r="U8211" s="2">
        <v>0</v>
      </c>
      <c r="V8211" s="2">
        <v>0</v>
      </c>
      <c r="W8211" s="2">
        <v>0</v>
      </c>
      <c r="X8211" s="2">
        <v>0</v>
      </c>
      <c r="Y8211" s="2">
        <v>0</v>
      </c>
      <c r="Z8211" s="2">
        <v>0</v>
      </c>
      <c r="AA8211" s="5"/>
      <c r="AB8211" s="5" t="s">
        <v>43</v>
      </c>
      <c r="AC8211" s="5" t="s">
        <v>44</v>
      </c>
      <c r="AD8211" s="2" t="s">
        <v>24980</v>
      </c>
      <c r="AE8211" s="1"/>
    </row>
    <row r="8212" spans="1:31" ht="14.45">
      <c r="A8212" s="11"/>
      <c r="B8212" s="20"/>
      <c r="C8212" s="2" t="s">
        <v>25160</v>
      </c>
      <c r="D8212" s="14" t="s">
        <v>25161</v>
      </c>
      <c r="E8212" s="2" t="s">
        <v>25162</v>
      </c>
      <c r="F8212" s="2" t="s">
        <v>25163</v>
      </c>
      <c r="G8212" s="8">
        <v>110</v>
      </c>
      <c r="H8212" s="5">
        <v>5</v>
      </c>
      <c r="I8212" s="5" t="s">
        <v>69</v>
      </c>
      <c r="J8212" s="5" t="s">
        <v>24629</v>
      </c>
      <c r="K8212" s="2" t="s">
        <v>24630</v>
      </c>
      <c r="L8212" s="5" t="s">
        <v>24629</v>
      </c>
      <c r="M8212" s="2" t="s">
        <v>24630</v>
      </c>
      <c r="N8212" s="5" t="s">
        <v>24254</v>
      </c>
      <c r="O8212" s="5" t="s">
        <v>38</v>
      </c>
      <c r="P8212" s="5" t="s">
        <v>39</v>
      </c>
      <c r="Q8212" s="5" t="s">
        <v>40</v>
      </c>
      <c r="R8212" s="5" t="s">
        <v>24335</v>
      </c>
      <c r="S8212" s="5" t="s">
        <v>40</v>
      </c>
      <c r="T8212" s="5" t="s">
        <v>42</v>
      </c>
      <c r="U8212" s="2">
        <v>4.8579999999999997</v>
      </c>
      <c r="V8212" s="2">
        <v>3.7730000000000001</v>
      </c>
      <c r="W8212" s="2">
        <v>4.8000000000000001E-2</v>
      </c>
      <c r="X8212" s="2">
        <v>12</v>
      </c>
      <c r="Y8212" s="2">
        <v>42.5</v>
      </c>
      <c r="Z8212" s="2">
        <v>93.4</v>
      </c>
      <c r="AA8212" s="5">
        <v>20</v>
      </c>
      <c r="AB8212" s="5" t="s">
        <v>43</v>
      </c>
      <c r="AC8212" s="5" t="s">
        <v>44</v>
      </c>
      <c r="AD8212" s="2" t="s">
        <v>25164</v>
      </c>
      <c r="AE8212" s="1"/>
    </row>
    <row r="8213" spans="1:31" ht="14.45">
      <c r="A8213" s="11"/>
      <c r="B8213" s="20"/>
      <c r="C8213" s="2" t="s">
        <v>25165</v>
      </c>
      <c r="D8213" s="14" t="s">
        <v>25166</v>
      </c>
      <c r="E8213" s="2" t="s">
        <v>25167</v>
      </c>
      <c r="F8213" s="2" t="s">
        <v>25168</v>
      </c>
      <c r="G8213" s="8">
        <v>149</v>
      </c>
      <c r="H8213" s="5">
        <v>5</v>
      </c>
      <c r="I8213" s="5" t="s">
        <v>69</v>
      </c>
      <c r="J8213" s="5" t="s">
        <v>24629</v>
      </c>
      <c r="K8213" s="2" t="s">
        <v>24630</v>
      </c>
      <c r="L8213" s="5" t="s">
        <v>24629</v>
      </c>
      <c r="M8213" s="2" t="s">
        <v>24630</v>
      </c>
      <c r="N8213" s="5" t="s">
        <v>24254</v>
      </c>
      <c r="O8213" s="5" t="s">
        <v>38</v>
      </c>
      <c r="P8213" s="5" t="s">
        <v>39</v>
      </c>
      <c r="Q8213" s="5" t="s">
        <v>40</v>
      </c>
      <c r="R8213" s="5" t="s">
        <v>24335</v>
      </c>
      <c r="S8213" s="5" t="s">
        <v>40</v>
      </c>
      <c r="T8213" s="5" t="s">
        <v>42</v>
      </c>
      <c r="U8213" s="2">
        <v>6.6440000000000001</v>
      </c>
      <c r="V8213" s="2">
        <v>4.6859999999999999</v>
      </c>
      <c r="W8213" s="2">
        <v>9.5000000000000001E-2</v>
      </c>
      <c r="X8213" s="2">
        <v>12</v>
      </c>
      <c r="Y8213" s="2">
        <v>66.5</v>
      </c>
      <c r="Z8213" s="2">
        <v>118.9</v>
      </c>
      <c r="AA8213" s="5">
        <v>10</v>
      </c>
      <c r="AB8213" s="5" t="s">
        <v>43</v>
      </c>
      <c r="AC8213" s="5" t="s">
        <v>44</v>
      </c>
      <c r="AD8213" s="2" t="s">
        <v>25169</v>
      </c>
      <c r="AE8213" s="1"/>
    </row>
    <row r="8214" spans="1:31" ht="14.45">
      <c r="A8214" s="11"/>
      <c r="B8214" s="20"/>
      <c r="C8214" s="2" t="s">
        <v>25170</v>
      </c>
      <c r="D8214" s="14" t="s">
        <v>25171</v>
      </c>
      <c r="E8214" s="2" t="s">
        <v>25172</v>
      </c>
      <c r="F8214" s="2" t="s">
        <v>25163</v>
      </c>
      <c r="G8214" s="8">
        <v>116</v>
      </c>
      <c r="H8214" s="5">
        <v>5</v>
      </c>
      <c r="I8214" s="5" t="s">
        <v>69</v>
      </c>
      <c r="J8214" s="5" t="s">
        <v>24629</v>
      </c>
      <c r="K8214" s="2" t="s">
        <v>24630</v>
      </c>
      <c r="L8214" s="5" t="s">
        <v>24629</v>
      </c>
      <c r="M8214" s="2" t="s">
        <v>24630</v>
      </c>
      <c r="N8214" s="5" t="s">
        <v>24254</v>
      </c>
      <c r="O8214" s="5" t="s">
        <v>38</v>
      </c>
      <c r="P8214" s="5" t="s">
        <v>39</v>
      </c>
      <c r="Q8214" s="5" t="s">
        <v>40</v>
      </c>
      <c r="R8214" s="5" t="s">
        <v>24335</v>
      </c>
      <c r="S8214" s="5" t="s">
        <v>40</v>
      </c>
      <c r="T8214" s="5" t="s">
        <v>42</v>
      </c>
      <c r="U8214" s="2">
        <v>5.2789999999999999</v>
      </c>
      <c r="V8214" s="2">
        <v>3.9950000000000001</v>
      </c>
      <c r="W8214" s="2">
        <v>5.8999999999999997E-2</v>
      </c>
      <c r="X8214" s="2">
        <v>12</v>
      </c>
      <c r="Y8214" s="2">
        <v>42.5</v>
      </c>
      <c r="Z8214" s="2">
        <v>116.4</v>
      </c>
      <c r="AA8214" s="5">
        <v>20</v>
      </c>
      <c r="AB8214" s="5" t="s">
        <v>43</v>
      </c>
      <c r="AC8214" s="5" t="s">
        <v>44</v>
      </c>
      <c r="AD8214" s="2" t="s">
        <v>25164</v>
      </c>
      <c r="AE8214" s="1"/>
    </row>
    <row r="8215" spans="1:31" ht="14.45">
      <c r="A8215" s="11"/>
      <c r="B8215" s="20"/>
      <c r="C8215" s="2" t="s">
        <v>25173</v>
      </c>
      <c r="D8215" s="14" t="s">
        <v>25174</v>
      </c>
      <c r="E8215" s="2" t="s">
        <v>25175</v>
      </c>
      <c r="F8215" s="2" t="s">
        <v>25163</v>
      </c>
      <c r="G8215" s="8">
        <v>267</v>
      </c>
      <c r="H8215" s="5">
        <v>10</v>
      </c>
      <c r="I8215" s="5" t="s">
        <v>69</v>
      </c>
      <c r="J8215" s="5" t="s">
        <v>24629</v>
      </c>
      <c r="K8215" s="2" t="s">
        <v>24630</v>
      </c>
      <c r="L8215" s="5" t="s">
        <v>24629</v>
      </c>
      <c r="M8215" s="2" t="s">
        <v>24630</v>
      </c>
      <c r="N8215" s="5" t="s">
        <v>24254</v>
      </c>
      <c r="O8215" s="5" t="s">
        <v>38</v>
      </c>
      <c r="P8215" s="5" t="s">
        <v>39</v>
      </c>
      <c r="Q8215" s="5" t="s">
        <v>40</v>
      </c>
      <c r="R8215" s="5" t="s">
        <v>24340</v>
      </c>
      <c r="S8215" s="5" t="s">
        <v>40</v>
      </c>
      <c r="T8215" s="5" t="s">
        <v>42</v>
      </c>
      <c r="U8215" s="2">
        <v>10.349</v>
      </c>
      <c r="V8215" s="2">
        <v>9.0380000000000003</v>
      </c>
      <c r="W8215" s="2">
        <v>5.8999999999999997E-2</v>
      </c>
      <c r="X8215" s="2">
        <v>12</v>
      </c>
      <c r="Y8215" s="2">
        <v>42.5</v>
      </c>
      <c r="Z8215" s="2">
        <v>116.4</v>
      </c>
      <c r="AA8215" s="5">
        <v>20</v>
      </c>
      <c r="AB8215" s="5" t="s">
        <v>43</v>
      </c>
      <c r="AC8215" s="5" t="s">
        <v>44</v>
      </c>
      <c r="AD8215" s="2" t="s">
        <v>25176</v>
      </c>
      <c r="AE8215" s="1"/>
    </row>
    <row r="8216" spans="1:31" ht="14.45">
      <c r="A8216" s="11"/>
      <c r="B8216" s="20"/>
      <c r="C8216" s="2" t="s">
        <v>25177</v>
      </c>
      <c r="D8216" s="14" t="s">
        <v>25178</v>
      </c>
      <c r="E8216" s="2" t="s">
        <v>25179</v>
      </c>
      <c r="F8216" s="2" t="s">
        <v>25168</v>
      </c>
      <c r="G8216" s="8">
        <v>159</v>
      </c>
      <c r="H8216" s="5">
        <v>5</v>
      </c>
      <c r="I8216" s="5" t="s">
        <v>69</v>
      </c>
      <c r="J8216" s="5" t="s">
        <v>24629</v>
      </c>
      <c r="K8216" s="2" t="s">
        <v>24630</v>
      </c>
      <c r="L8216" s="5" t="s">
        <v>24629</v>
      </c>
      <c r="M8216" s="2" t="s">
        <v>24630</v>
      </c>
      <c r="N8216" s="5" t="s">
        <v>24254</v>
      </c>
      <c r="O8216" s="5" t="s">
        <v>38</v>
      </c>
      <c r="P8216" s="5" t="s">
        <v>39</v>
      </c>
      <c r="Q8216" s="5" t="s">
        <v>40</v>
      </c>
      <c r="R8216" s="5" t="s">
        <v>24335</v>
      </c>
      <c r="S8216" s="5" t="s">
        <v>40</v>
      </c>
      <c r="T8216" s="5" t="s">
        <v>42</v>
      </c>
      <c r="U8216" s="2">
        <v>7.01</v>
      </c>
      <c r="V8216" s="2">
        <v>5.0519999999999996</v>
      </c>
      <c r="W8216" s="2">
        <v>9.5000000000000001E-2</v>
      </c>
      <c r="X8216" s="2">
        <v>12</v>
      </c>
      <c r="Y8216" s="2">
        <v>66.5</v>
      </c>
      <c r="Z8216" s="2">
        <v>118.9</v>
      </c>
      <c r="AA8216" s="5">
        <v>10</v>
      </c>
      <c r="AB8216" s="5" t="s">
        <v>43</v>
      </c>
      <c r="AC8216" s="5" t="s">
        <v>44</v>
      </c>
      <c r="AD8216" s="2" t="s">
        <v>25169</v>
      </c>
      <c r="AE8216" s="1"/>
    </row>
    <row r="8217" spans="1:31" ht="14.45">
      <c r="A8217" s="11"/>
      <c r="B8217" s="20"/>
      <c r="C8217" s="2" t="s">
        <v>25180</v>
      </c>
      <c r="D8217" s="14" t="s">
        <v>25181</v>
      </c>
      <c r="E8217" s="2" t="s">
        <v>25182</v>
      </c>
      <c r="F8217" s="2" t="s">
        <v>25163</v>
      </c>
      <c r="G8217" s="8">
        <v>143</v>
      </c>
      <c r="H8217" s="5">
        <v>5</v>
      </c>
      <c r="I8217" s="5" t="s">
        <v>69</v>
      </c>
      <c r="J8217" s="5" t="s">
        <v>24629</v>
      </c>
      <c r="K8217" s="2" t="s">
        <v>24630</v>
      </c>
      <c r="L8217" s="5" t="s">
        <v>24629</v>
      </c>
      <c r="M8217" s="2" t="s">
        <v>24630</v>
      </c>
      <c r="N8217" s="5" t="s">
        <v>24254</v>
      </c>
      <c r="O8217" s="5" t="s">
        <v>38</v>
      </c>
      <c r="P8217" s="5" t="s">
        <v>39</v>
      </c>
      <c r="Q8217" s="5" t="s">
        <v>40</v>
      </c>
      <c r="R8217" s="5" t="s">
        <v>24335</v>
      </c>
      <c r="S8217" s="5" t="s">
        <v>40</v>
      </c>
      <c r="T8217" s="5" t="s">
        <v>42</v>
      </c>
      <c r="U8217" s="2">
        <v>5.4029999999999996</v>
      </c>
      <c r="V8217" s="2">
        <v>4.2130000000000001</v>
      </c>
      <c r="W8217" s="2">
        <v>6.2E-2</v>
      </c>
      <c r="X8217" s="2">
        <v>12</v>
      </c>
      <c r="Y8217" s="2">
        <v>42.5</v>
      </c>
      <c r="Z8217" s="2">
        <v>122.4</v>
      </c>
      <c r="AA8217" s="5">
        <v>20</v>
      </c>
      <c r="AB8217" s="5" t="s">
        <v>43</v>
      </c>
      <c r="AC8217" s="5" t="s">
        <v>44</v>
      </c>
      <c r="AD8217" s="2" t="s">
        <v>25164</v>
      </c>
      <c r="AE8217" s="1"/>
    </row>
    <row r="8218" spans="1:31" ht="14.45">
      <c r="A8218" s="11"/>
      <c r="B8218" s="20"/>
      <c r="C8218" s="2" t="s">
        <v>25183</v>
      </c>
      <c r="D8218" s="14" t="s">
        <v>25184</v>
      </c>
      <c r="E8218" s="2" t="s">
        <v>25185</v>
      </c>
      <c r="F8218" s="2" t="s">
        <v>25163</v>
      </c>
      <c r="G8218" s="8">
        <v>271</v>
      </c>
      <c r="H8218" s="5">
        <v>10</v>
      </c>
      <c r="I8218" s="5" t="s">
        <v>69</v>
      </c>
      <c r="J8218" s="5" t="s">
        <v>24629</v>
      </c>
      <c r="K8218" s="2" t="s">
        <v>24630</v>
      </c>
      <c r="L8218" s="5" t="s">
        <v>24629</v>
      </c>
      <c r="M8218" s="2" t="s">
        <v>24630</v>
      </c>
      <c r="N8218" s="5" t="s">
        <v>24254</v>
      </c>
      <c r="O8218" s="5" t="s">
        <v>38</v>
      </c>
      <c r="P8218" s="5" t="s">
        <v>39</v>
      </c>
      <c r="Q8218" s="5" t="s">
        <v>40</v>
      </c>
      <c r="R8218" s="5" t="s">
        <v>24340</v>
      </c>
      <c r="S8218" s="5" t="s">
        <v>40</v>
      </c>
      <c r="T8218" s="5" t="s">
        <v>42</v>
      </c>
      <c r="U8218" s="2">
        <v>11.039</v>
      </c>
      <c r="V8218" s="2">
        <v>9.6669999999999998</v>
      </c>
      <c r="W8218" s="2">
        <v>6.2E-2</v>
      </c>
      <c r="X8218" s="2">
        <v>12</v>
      </c>
      <c r="Y8218" s="2">
        <v>42.5</v>
      </c>
      <c r="Z8218" s="2">
        <v>122.4</v>
      </c>
      <c r="AA8218" s="5">
        <v>20</v>
      </c>
      <c r="AB8218" s="5" t="s">
        <v>43</v>
      </c>
      <c r="AC8218" s="5" t="s">
        <v>44</v>
      </c>
      <c r="AD8218" s="2" t="s">
        <v>25176</v>
      </c>
      <c r="AE8218" s="1"/>
    </row>
    <row r="8219" spans="1:31" ht="14.45">
      <c r="A8219" s="11"/>
      <c r="B8219" s="20"/>
      <c r="C8219" s="2" t="s">
        <v>25186</v>
      </c>
      <c r="D8219" s="14" t="s">
        <v>25187</v>
      </c>
      <c r="E8219" s="2" t="s">
        <v>25188</v>
      </c>
      <c r="F8219" s="2" t="s">
        <v>25168</v>
      </c>
      <c r="G8219" s="8">
        <v>164</v>
      </c>
      <c r="H8219" s="5">
        <v>5</v>
      </c>
      <c r="I8219" s="5" t="s">
        <v>69</v>
      </c>
      <c r="J8219" s="5" t="s">
        <v>24629</v>
      </c>
      <c r="K8219" s="2" t="s">
        <v>24630</v>
      </c>
      <c r="L8219" s="5" t="s">
        <v>24629</v>
      </c>
      <c r="M8219" s="2" t="s">
        <v>24630</v>
      </c>
      <c r="N8219" s="5" t="s">
        <v>24254</v>
      </c>
      <c r="O8219" s="5" t="s">
        <v>38</v>
      </c>
      <c r="P8219" s="5" t="s">
        <v>39</v>
      </c>
      <c r="Q8219" s="5" t="s">
        <v>40</v>
      </c>
      <c r="R8219" s="5" t="s">
        <v>24335</v>
      </c>
      <c r="S8219" s="5" t="s">
        <v>40</v>
      </c>
      <c r="T8219" s="5" t="s">
        <v>42</v>
      </c>
      <c r="U8219" s="2">
        <v>7.9029999999999996</v>
      </c>
      <c r="V8219" s="2">
        <v>5.4210000000000003</v>
      </c>
      <c r="W8219" s="2">
        <v>0.111</v>
      </c>
      <c r="X8219" s="2">
        <v>12</v>
      </c>
      <c r="Y8219" s="2">
        <v>66.5</v>
      </c>
      <c r="Z8219" s="2">
        <v>138.9</v>
      </c>
      <c r="AA8219" s="5">
        <v>10</v>
      </c>
      <c r="AB8219" s="5" t="s">
        <v>43</v>
      </c>
      <c r="AC8219" s="5" t="s">
        <v>44</v>
      </c>
      <c r="AD8219" s="2" t="s">
        <v>25169</v>
      </c>
      <c r="AE8219" s="1"/>
    </row>
    <row r="8220" spans="1:31" ht="14.45">
      <c r="A8220" s="11"/>
      <c r="B8220" s="20"/>
      <c r="C8220" s="2" t="s">
        <v>25189</v>
      </c>
      <c r="D8220" s="14" t="s">
        <v>25190</v>
      </c>
      <c r="E8220" s="2" t="s">
        <v>25191</v>
      </c>
      <c r="F8220" s="2" t="s">
        <v>25163</v>
      </c>
      <c r="G8220" s="8">
        <v>120</v>
      </c>
      <c r="H8220" s="5">
        <v>10</v>
      </c>
      <c r="I8220" s="5" t="s">
        <v>69</v>
      </c>
      <c r="J8220" s="5" t="s">
        <v>24629</v>
      </c>
      <c r="K8220" s="2" t="s">
        <v>24630</v>
      </c>
      <c r="L8220" s="5" t="s">
        <v>24629</v>
      </c>
      <c r="M8220" s="2" t="s">
        <v>24630</v>
      </c>
      <c r="N8220" s="5" t="s">
        <v>24254</v>
      </c>
      <c r="O8220" s="5" t="s">
        <v>38</v>
      </c>
      <c r="P8220" s="5" t="s">
        <v>39</v>
      </c>
      <c r="Q8220" s="5" t="s">
        <v>40</v>
      </c>
      <c r="R8220" s="5" t="s">
        <v>24335</v>
      </c>
      <c r="S8220" s="5" t="s">
        <v>40</v>
      </c>
      <c r="T8220" s="5" t="s">
        <v>42</v>
      </c>
      <c r="U8220" s="2">
        <v>5.4630000000000001</v>
      </c>
      <c r="V8220" s="2">
        <v>4.1829999999999998</v>
      </c>
      <c r="W8220" s="2">
        <v>5.8999999999999997E-2</v>
      </c>
      <c r="X8220" s="2">
        <v>12</v>
      </c>
      <c r="Y8220" s="2">
        <v>42.5</v>
      </c>
      <c r="Z8220" s="2">
        <v>116.4</v>
      </c>
      <c r="AA8220" s="5">
        <v>20</v>
      </c>
      <c r="AB8220" s="5" t="s">
        <v>43</v>
      </c>
      <c r="AC8220" s="5" t="s">
        <v>44</v>
      </c>
      <c r="AD8220" s="2" t="s">
        <v>25164</v>
      </c>
      <c r="AE8220" s="1"/>
    </row>
    <row r="8221" spans="1:31" ht="14.45">
      <c r="A8221" s="11"/>
      <c r="B8221" s="20"/>
      <c r="C8221" s="2" t="s">
        <v>25192</v>
      </c>
      <c r="D8221" s="14" t="s">
        <v>25193</v>
      </c>
      <c r="E8221" s="2" t="s">
        <v>25194</v>
      </c>
      <c r="F8221" s="2" t="s">
        <v>25168</v>
      </c>
      <c r="G8221" s="8">
        <v>164</v>
      </c>
      <c r="H8221" s="5">
        <v>5</v>
      </c>
      <c r="I8221" s="5" t="s">
        <v>69</v>
      </c>
      <c r="J8221" s="5" t="s">
        <v>24629</v>
      </c>
      <c r="K8221" s="2" t="s">
        <v>24630</v>
      </c>
      <c r="L8221" s="5" t="s">
        <v>24629</v>
      </c>
      <c r="M8221" s="2" t="s">
        <v>24630</v>
      </c>
      <c r="N8221" s="5" t="s">
        <v>24254</v>
      </c>
      <c r="O8221" s="5" t="s">
        <v>38</v>
      </c>
      <c r="P8221" s="5" t="s">
        <v>39</v>
      </c>
      <c r="Q8221" s="5" t="s">
        <v>40</v>
      </c>
      <c r="R8221" s="5" t="s">
        <v>24335</v>
      </c>
      <c r="S8221" s="5" t="s">
        <v>40</v>
      </c>
      <c r="T8221" s="5" t="s">
        <v>42</v>
      </c>
      <c r="U8221" s="2">
        <v>7.2590000000000003</v>
      </c>
      <c r="V8221" s="2">
        <v>5.3010000000000002</v>
      </c>
      <c r="W8221" s="2">
        <v>9.5000000000000001E-2</v>
      </c>
      <c r="X8221" s="2">
        <v>12</v>
      </c>
      <c r="Y8221" s="2">
        <v>66.5</v>
      </c>
      <c r="Z8221" s="2">
        <v>118.9</v>
      </c>
      <c r="AA8221" s="5">
        <v>10</v>
      </c>
      <c r="AB8221" s="5" t="s">
        <v>43</v>
      </c>
      <c r="AC8221" s="5" t="s">
        <v>44</v>
      </c>
      <c r="AD8221" s="2" t="s">
        <v>25169</v>
      </c>
      <c r="AE8221" s="1"/>
    </row>
    <row r="8222" spans="1:31" ht="14.45">
      <c r="A8222" s="11"/>
      <c r="B8222" s="20"/>
      <c r="C8222" s="2" t="s">
        <v>25195</v>
      </c>
      <c r="D8222" s="14" t="s">
        <v>25196</v>
      </c>
      <c r="E8222" s="2" t="s">
        <v>25197</v>
      </c>
      <c r="F8222" s="2" t="s">
        <v>25163</v>
      </c>
      <c r="G8222" s="8">
        <v>131</v>
      </c>
      <c r="H8222" s="5">
        <v>5</v>
      </c>
      <c r="I8222" s="5" t="s">
        <v>69</v>
      </c>
      <c r="J8222" s="5" t="s">
        <v>24629</v>
      </c>
      <c r="K8222" s="2" t="s">
        <v>24630</v>
      </c>
      <c r="L8222" s="5" t="s">
        <v>24629</v>
      </c>
      <c r="M8222" s="2" t="s">
        <v>24630</v>
      </c>
      <c r="N8222" s="5" t="s">
        <v>24254</v>
      </c>
      <c r="O8222" s="5" t="s">
        <v>38</v>
      </c>
      <c r="P8222" s="5" t="s">
        <v>39</v>
      </c>
      <c r="Q8222" s="5" t="s">
        <v>40</v>
      </c>
      <c r="R8222" s="5" t="s">
        <v>24335</v>
      </c>
      <c r="S8222" s="5" t="s">
        <v>40</v>
      </c>
      <c r="T8222" s="5" t="s">
        <v>42</v>
      </c>
      <c r="U8222" s="2">
        <v>5.7539999999999996</v>
      </c>
      <c r="V8222" s="2">
        <v>4.4039999999999999</v>
      </c>
      <c r="W8222" s="2">
        <v>6.2E-2</v>
      </c>
      <c r="X8222" s="2">
        <v>12</v>
      </c>
      <c r="Y8222" s="2">
        <v>42.5</v>
      </c>
      <c r="Z8222" s="2">
        <v>122.4</v>
      </c>
      <c r="AA8222" s="5">
        <v>20</v>
      </c>
      <c r="AB8222" s="5" t="s">
        <v>43</v>
      </c>
      <c r="AC8222" s="5" t="s">
        <v>44</v>
      </c>
      <c r="AD8222" s="2" t="s">
        <v>25164</v>
      </c>
      <c r="AE8222" s="1"/>
    </row>
    <row r="8223" spans="1:31" ht="14.45">
      <c r="A8223" s="11"/>
      <c r="B8223" s="20"/>
      <c r="C8223" s="2" t="s">
        <v>25198</v>
      </c>
      <c r="D8223" s="14" t="s">
        <v>25199</v>
      </c>
      <c r="E8223" s="2" t="s">
        <v>25200</v>
      </c>
      <c r="F8223" s="2" t="s">
        <v>25163</v>
      </c>
      <c r="G8223" s="8">
        <v>282</v>
      </c>
      <c r="H8223" s="5">
        <v>10</v>
      </c>
      <c r="I8223" s="5" t="s">
        <v>69</v>
      </c>
      <c r="J8223" s="5" t="s">
        <v>24629</v>
      </c>
      <c r="K8223" s="2" t="s">
        <v>24630</v>
      </c>
      <c r="L8223" s="5" t="s">
        <v>24629</v>
      </c>
      <c r="M8223" s="2" t="s">
        <v>24630</v>
      </c>
      <c r="N8223" s="5" t="s">
        <v>24254</v>
      </c>
      <c r="O8223" s="5" t="s">
        <v>38</v>
      </c>
      <c r="P8223" s="5" t="s">
        <v>39</v>
      </c>
      <c r="Q8223" s="5" t="s">
        <v>40</v>
      </c>
      <c r="R8223" s="5" t="s">
        <v>24340</v>
      </c>
      <c r="S8223" s="5" t="s">
        <v>40</v>
      </c>
      <c r="T8223" s="5" t="s">
        <v>42</v>
      </c>
      <c r="U8223" s="2">
        <v>11.412000000000001</v>
      </c>
      <c r="V8223" s="2">
        <v>10.065</v>
      </c>
      <c r="W8223" s="2">
        <v>6.2E-2</v>
      </c>
      <c r="X8223" s="2">
        <v>12</v>
      </c>
      <c r="Y8223" s="2">
        <v>42.5</v>
      </c>
      <c r="Z8223" s="2">
        <v>122.4</v>
      </c>
      <c r="AA8223" s="5">
        <v>20</v>
      </c>
      <c r="AB8223" s="5" t="s">
        <v>43</v>
      </c>
      <c r="AC8223" s="5" t="s">
        <v>44</v>
      </c>
      <c r="AD8223" s="2" t="s">
        <v>25176</v>
      </c>
      <c r="AE8223" s="1"/>
    </row>
    <row r="8224" spans="1:31" ht="14.45">
      <c r="A8224" s="11"/>
      <c r="B8224" s="20"/>
      <c r="C8224" s="2" t="s">
        <v>25201</v>
      </c>
      <c r="D8224" s="14" t="s">
        <v>25202</v>
      </c>
      <c r="E8224" s="2" t="s">
        <v>25203</v>
      </c>
      <c r="F8224" s="2" t="s">
        <v>25168</v>
      </c>
      <c r="G8224" s="8">
        <v>179</v>
      </c>
      <c r="H8224" s="5">
        <v>5</v>
      </c>
      <c r="I8224" s="5" t="s">
        <v>69</v>
      </c>
      <c r="J8224" s="5" t="s">
        <v>24629</v>
      </c>
      <c r="K8224" s="2" t="s">
        <v>24630</v>
      </c>
      <c r="L8224" s="5" t="s">
        <v>24629</v>
      </c>
      <c r="M8224" s="2" t="s">
        <v>24630</v>
      </c>
      <c r="N8224" s="5" t="s">
        <v>24254</v>
      </c>
      <c r="O8224" s="5" t="s">
        <v>38</v>
      </c>
      <c r="P8224" s="5" t="s">
        <v>39</v>
      </c>
      <c r="Q8224" s="5" t="s">
        <v>40</v>
      </c>
      <c r="R8224" s="5" t="s">
        <v>24335</v>
      </c>
      <c r="S8224" s="5" t="s">
        <v>40</v>
      </c>
      <c r="T8224" s="5" t="s">
        <v>42</v>
      </c>
      <c r="U8224" s="2">
        <v>8.1530000000000005</v>
      </c>
      <c r="V8224" s="2">
        <v>5.6710000000000003</v>
      </c>
      <c r="W8224" s="2">
        <v>0.111</v>
      </c>
      <c r="X8224" s="2">
        <v>12</v>
      </c>
      <c r="Y8224" s="2">
        <v>66.5</v>
      </c>
      <c r="Z8224" s="2">
        <v>138.9</v>
      </c>
      <c r="AA8224" s="5">
        <v>10</v>
      </c>
      <c r="AB8224" s="5" t="s">
        <v>43</v>
      </c>
      <c r="AC8224" s="5" t="s">
        <v>44</v>
      </c>
      <c r="AD8224" s="2" t="s">
        <v>25169</v>
      </c>
      <c r="AE8224" s="1"/>
    </row>
    <row r="8225" spans="1:31" ht="14.45">
      <c r="A8225" s="11"/>
      <c r="B8225" s="20"/>
      <c r="C8225" s="2" t="s">
        <v>25204</v>
      </c>
      <c r="D8225" s="14" t="s">
        <v>25205</v>
      </c>
      <c r="E8225" s="2" t="s">
        <v>25206</v>
      </c>
      <c r="F8225" s="2" t="s">
        <v>25163</v>
      </c>
      <c r="G8225" s="8">
        <v>135</v>
      </c>
      <c r="H8225" s="5">
        <v>10</v>
      </c>
      <c r="I8225" s="5" t="s">
        <v>69</v>
      </c>
      <c r="J8225" s="5" t="s">
        <v>24629</v>
      </c>
      <c r="K8225" s="2" t="s">
        <v>24630</v>
      </c>
      <c r="L8225" s="5" t="s">
        <v>24629</v>
      </c>
      <c r="M8225" s="2" t="s">
        <v>24630</v>
      </c>
      <c r="N8225" s="5" t="s">
        <v>24254</v>
      </c>
      <c r="O8225" s="5" t="s">
        <v>38</v>
      </c>
      <c r="P8225" s="5" t="s">
        <v>39</v>
      </c>
      <c r="Q8225" s="5" t="s">
        <v>40</v>
      </c>
      <c r="R8225" s="5" t="s">
        <v>24335</v>
      </c>
      <c r="S8225" s="5" t="s">
        <v>40</v>
      </c>
      <c r="T8225" s="5" t="s">
        <v>42</v>
      </c>
      <c r="U8225" s="2">
        <v>6.3</v>
      </c>
      <c r="V8225" s="2">
        <v>4.7539999999999996</v>
      </c>
      <c r="W8225" s="2">
        <v>7.3999999999999996E-2</v>
      </c>
      <c r="X8225" s="2">
        <v>12</v>
      </c>
      <c r="Y8225" s="2">
        <v>42.5</v>
      </c>
      <c r="Z8225" s="2">
        <v>144.4</v>
      </c>
      <c r="AA8225" s="5">
        <v>20</v>
      </c>
      <c r="AB8225" s="5" t="s">
        <v>43</v>
      </c>
      <c r="AC8225" s="5" t="s">
        <v>44</v>
      </c>
      <c r="AD8225" s="2" t="s">
        <v>25164</v>
      </c>
      <c r="AE8225" s="1"/>
    </row>
    <row r="8226" spans="1:31" ht="14.45">
      <c r="A8226" s="11"/>
      <c r="B8226" s="20"/>
      <c r="C8226" s="2" t="s">
        <v>25207</v>
      </c>
      <c r="D8226" s="14" t="s">
        <v>25208</v>
      </c>
      <c r="E8226" s="2" t="s">
        <v>25209</v>
      </c>
      <c r="F8226" s="2" t="s">
        <v>25168</v>
      </c>
      <c r="G8226" s="8">
        <v>185</v>
      </c>
      <c r="H8226" s="5">
        <v>5</v>
      </c>
      <c r="I8226" s="5" t="s">
        <v>69</v>
      </c>
      <c r="J8226" s="5" t="s">
        <v>24629</v>
      </c>
      <c r="K8226" s="2" t="s">
        <v>24630</v>
      </c>
      <c r="L8226" s="5" t="s">
        <v>24629</v>
      </c>
      <c r="M8226" s="2" t="s">
        <v>24630</v>
      </c>
      <c r="N8226" s="5" t="s">
        <v>24254</v>
      </c>
      <c r="O8226" s="5" t="s">
        <v>38</v>
      </c>
      <c r="P8226" s="5" t="s">
        <v>39</v>
      </c>
      <c r="Q8226" s="5" t="s">
        <v>40</v>
      </c>
      <c r="R8226" s="5" t="s">
        <v>24335</v>
      </c>
      <c r="S8226" s="5" t="s">
        <v>40</v>
      </c>
      <c r="T8226" s="5" t="s">
        <v>42</v>
      </c>
      <c r="U8226" s="2">
        <v>8.6560000000000006</v>
      </c>
      <c r="V8226" s="2">
        <v>6.1829999999999998</v>
      </c>
      <c r="W8226" s="2">
        <v>0.128</v>
      </c>
      <c r="X8226" s="2">
        <v>12</v>
      </c>
      <c r="Y8226" s="2">
        <v>66.5</v>
      </c>
      <c r="Z8226" s="2">
        <v>160.9</v>
      </c>
      <c r="AA8226" s="5">
        <v>10</v>
      </c>
      <c r="AB8226" s="5" t="s">
        <v>43</v>
      </c>
      <c r="AC8226" s="5" t="s">
        <v>44</v>
      </c>
      <c r="AD8226" s="2" t="s">
        <v>25169</v>
      </c>
      <c r="AE8226" s="1"/>
    </row>
    <row r="8227" spans="1:31" ht="14.45">
      <c r="A8227" s="11"/>
      <c r="B8227" s="20"/>
      <c r="C8227" s="2" t="s">
        <v>25210</v>
      </c>
      <c r="D8227" s="14" t="s">
        <v>25211</v>
      </c>
      <c r="E8227" s="2" t="s">
        <v>25212</v>
      </c>
      <c r="F8227" s="2" t="s">
        <v>25163</v>
      </c>
      <c r="G8227" s="8">
        <v>129</v>
      </c>
      <c r="H8227" s="5">
        <v>10</v>
      </c>
      <c r="I8227" s="5" t="s">
        <v>69</v>
      </c>
      <c r="J8227" s="5" t="s">
        <v>24629</v>
      </c>
      <c r="K8227" s="2" t="s">
        <v>24630</v>
      </c>
      <c r="L8227" s="5" t="s">
        <v>24629</v>
      </c>
      <c r="M8227" s="2" t="s">
        <v>24630</v>
      </c>
      <c r="N8227" s="5" t="s">
        <v>24254</v>
      </c>
      <c r="O8227" s="5" t="s">
        <v>38</v>
      </c>
      <c r="P8227" s="5" t="s">
        <v>39</v>
      </c>
      <c r="Q8227" s="5" t="s">
        <v>40</v>
      </c>
      <c r="R8227" s="5" t="s">
        <v>24335</v>
      </c>
      <c r="S8227" s="5" t="s">
        <v>40</v>
      </c>
      <c r="T8227" s="5" t="s">
        <v>42</v>
      </c>
      <c r="U8227" s="2">
        <v>5.867</v>
      </c>
      <c r="V8227" s="2">
        <v>4.6289999999999996</v>
      </c>
      <c r="W8227" s="2">
        <v>5.8999999999999997E-2</v>
      </c>
      <c r="X8227" s="2">
        <v>12</v>
      </c>
      <c r="Y8227" s="2">
        <v>42.5</v>
      </c>
      <c r="Z8227" s="2">
        <v>116.4</v>
      </c>
      <c r="AA8227" s="5">
        <v>20</v>
      </c>
      <c r="AB8227" s="5" t="s">
        <v>43</v>
      </c>
      <c r="AC8227" s="5" t="s">
        <v>44</v>
      </c>
      <c r="AD8227" s="2" t="s">
        <v>25164</v>
      </c>
      <c r="AE8227" s="1"/>
    </row>
    <row r="8228" spans="1:31" ht="14.45">
      <c r="A8228" s="11"/>
      <c r="B8228" s="20"/>
      <c r="C8228" s="2" t="s">
        <v>25213</v>
      </c>
      <c r="D8228" s="14" t="s">
        <v>25214</v>
      </c>
      <c r="E8228" s="2" t="s">
        <v>25215</v>
      </c>
      <c r="F8228" s="2" t="s">
        <v>25168</v>
      </c>
      <c r="G8228" s="8">
        <v>175</v>
      </c>
      <c r="H8228" s="5">
        <v>5</v>
      </c>
      <c r="I8228" s="5" t="s">
        <v>69</v>
      </c>
      <c r="J8228" s="5" t="s">
        <v>24629</v>
      </c>
      <c r="K8228" s="2" t="s">
        <v>24630</v>
      </c>
      <c r="L8228" s="5" t="s">
        <v>24629</v>
      </c>
      <c r="M8228" s="2" t="s">
        <v>24630</v>
      </c>
      <c r="N8228" s="5" t="s">
        <v>24254</v>
      </c>
      <c r="O8228" s="5" t="s">
        <v>38</v>
      </c>
      <c r="P8228" s="5" t="s">
        <v>39</v>
      </c>
      <c r="Q8228" s="5" t="s">
        <v>40</v>
      </c>
      <c r="R8228" s="5" t="s">
        <v>24335</v>
      </c>
      <c r="S8228" s="5" t="s">
        <v>40</v>
      </c>
      <c r="T8228" s="5" t="s">
        <v>42</v>
      </c>
      <c r="U8228" s="2">
        <v>7.7670000000000003</v>
      </c>
      <c r="V8228" s="2">
        <v>5.8090000000000002</v>
      </c>
      <c r="W8228" s="2">
        <v>9.5000000000000001E-2</v>
      </c>
      <c r="X8228" s="2">
        <v>12</v>
      </c>
      <c r="Y8228" s="2">
        <v>66.5</v>
      </c>
      <c r="Z8228" s="2">
        <v>118.9</v>
      </c>
      <c r="AA8228" s="5">
        <v>10</v>
      </c>
      <c r="AB8228" s="5" t="s">
        <v>43</v>
      </c>
      <c r="AC8228" s="5" t="s">
        <v>44</v>
      </c>
      <c r="AD8228" s="2" t="s">
        <v>25169</v>
      </c>
      <c r="AE8228" s="1"/>
    </row>
    <row r="8229" spans="1:31" ht="14.45">
      <c r="A8229" s="11"/>
      <c r="B8229" s="20"/>
      <c r="C8229" s="2" t="s">
        <v>25216</v>
      </c>
      <c r="D8229" s="14" t="s">
        <v>25217</v>
      </c>
      <c r="E8229" s="2" t="s">
        <v>25218</v>
      </c>
      <c r="F8229" s="2" t="s">
        <v>25163</v>
      </c>
      <c r="G8229" s="8">
        <v>135</v>
      </c>
      <c r="H8229" s="5">
        <v>5</v>
      </c>
      <c r="I8229" s="5" t="s">
        <v>69</v>
      </c>
      <c r="J8229" s="5" t="s">
        <v>24629</v>
      </c>
      <c r="K8229" s="2" t="s">
        <v>24630</v>
      </c>
      <c r="L8229" s="5" t="s">
        <v>24629</v>
      </c>
      <c r="M8229" s="2" t="s">
        <v>24630</v>
      </c>
      <c r="N8229" s="5" t="s">
        <v>24254</v>
      </c>
      <c r="O8229" s="5" t="s">
        <v>38</v>
      </c>
      <c r="P8229" s="5" t="s">
        <v>39</v>
      </c>
      <c r="Q8229" s="5" t="s">
        <v>40</v>
      </c>
      <c r="R8229" s="5" t="s">
        <v>24335</v>
      </c>
      <c r="S8229" s="5" t="s">
        <v>40</v>
      </c>
      <c r="T8229" s="5" t="s">
        <v>42</v>
      </c>
      <c r="U8229" s="2">
        <v>6.1710000000000003</v>
      </c>
      <c r="V8229" s="2">
        <v>4.8490000000000002</v>
      </c>
      <c r="W8229" s="2">
        <v>6.2E-2</v>
      </c>
      <c r="X8229" s="2">
        <v>12</v>
      </c>
      <c r="Y8229" s="2">
        <v>42.5</v>
      </c>
      <c r="Z8229" s="2">
        <v>122.4</v>
      </c>
      <c r="AA8229" s="5">
        <v>20</v>
      </c>
      <c r="AB8229" s="5" t="s">
        <v>43</v>
      </c>
      <c r="AC8229" s="5" t="s">
        <v>44</v>
      </c>
      <c r="AD8229" s="2" t="s">
        <v>25164</v>
      </c>
      <c r="AE8229" s="1"/>
    </row>
    <row r="8230" spans="1:31" ht="14.45">
      <c r="A8230" s="11"/>
      <c r="B8230" s="20"/>
      <c r="C8230" s="2" t="s">
        <v>25219</v>
      </c>
      <c r="D8230" s="14" t="s">
        <v>25220</v>
      </c>
      <c r="E8230" s="2" t="s">
        <v>25221</v>
      </c>
      <c r="F8230" s="2" t="s">
        <v>25168</v>
      </c>
      <c r="G8230" s="8">
        <v>185</v>
      </c>
      <c r="H8230" s="5">
        <v>5</v>
      </c>
      <c r="I8230" s="5" t="s">
        <v>69</v>
      </c>
      <c r="J8230" s="5" t="s">
        <v>24629</v>
      </c>
      <c r="K8230" s="2" t="s">
        <v>24630</v>
      </c>
      <c r="L8230" s="5" t="s">
        <v>24629</v>
      </c>
      <c r="M8230" s="2" t="s">
        <v>24630</v>
      </c>
      <c r="N8230" s="5" t="s">
        <v>24254</v>
      </c>
      <c r="O8230" s="5" t="s">
        <v>38</v>
      </c>
      <c r="P8230" s="5" t="s">
        <v>39</v>
      </c>
      <c r="Q8230" s="5" t="s">
        <v>40</v>
      </c>
      <c r="R8230" s="5" t="s">
        <v>24335</v>
      </c>
      <c r="S8230" s="5" t="s">
        <v>40</v>
      </c>
      <c r="T8230" s="5" t="s">
        <v>42</v>
      </c>
      <c r="U8230" s="2">
        <v>8.6660000000000004</v>
      </c>
      <c r="V8230" s="2">
        <v>6.1840000000000002</v>
      </c>
      <c r="W8230" s="2">
        <v>0.111</v>
      </c>
      <c r="X8230" s="2">
        <v>12</v>
      </c>
      <c r="Y8230" s="2">
        <v>66.5</v>
      </c>
      <c r="Z8230" s="2">
        <v>138.9</v>
      </c>
      <c r="AA8230" s="5">
        <v>10</v>
      </c>
      <c r="AB8230" s="5" t="s">
        <v>43</v>
      </c>
      <c r="AC8230" s="5" t="s">
        <v>44</v>
      </c>
      <c r="AD8230" s="2" t="s">
        <v>25169</v>
      </c>
      <c r="AE8230" s="1"/>
    </row>
    <row r="8231" spans="1:31" ht="14.45">
      <c r="A8231" s="11"/>
      <c r="B8231" s="20"/>
      <c r="C8231" s="2" t="s">
        <v>25222</v>
      </c>
      <c r="D8231" s="14" t="s">
        <v>25223</v>
      </c>
      <c r="E8231" s="2" t="s">
        <v>25224</v>
      </c>
      <c r="F8231" s="2" t="s">
        <v>25163</v>
      </c>
      <c r="G8231" s="8">
        <v>142</v>
      </c>
      <c r="H8231" s="5">
        <v>5</v>
      </c>
      <c r="I8231" s="5" t="s">
        <v>69</v>
      </c>
      <c r="J8231" s="5" t="s">
        <v>24629</v>
      </c>
      <c r="K8231" s="2" t="s">
        <v>24630</v>
      </c>
      <c r="L8231" s="5" t="s">
        <v>24629</v>
      </c>
      <c r="M8231" s="2" t="s">
        <v>24630</v>
      </c>
      <c r="N8231" s="5" t="s">
        <v>24254</v>
      </c>
      <c r="O8231" s="5" t="s">
        <v>38</v>
      </c>
      <c r="P8231" s="5" t="s">
        <v>39</v>
      </c>
      <c r="Q8231" s="5" t="s">
        <v>40</v>
      </c>
      <c r="R8231" s="5" t="s">
        <v>24335</v>
      </c>
      <c r="S8231" s="5" t="s">
        <v>40</v>
      </c>
      <c r="T8231" s="5" t="s">
        <v>42</v>
      </c>
      <c r="U8231" s="2">
        <v>6.7220000000000004</v>
      </c>
      <c r="V8231" s="2">
        <v>5.2009999999999996</v>
      </c>
      <c r="W8231" s="2">
        <v>7.3999999999999996E-2</v>
      </c>
      <c r="X8231" s="2">
        <v>12</v>
      </c>
      <c r="Y8231" s="2">
        <v>42.5</v>
      </c>
      <c r="Z8231" s="2">
        <v>144.4</v>
      </c>
      <c r="AA8231" s="5">
        <v>20</v>
      </c>
      <c r="AB8231" s="5" t="s">
        <v>43</v>
      </c>
      <c r="AC8231" s="5" t="s">
        <v>44</v>
      </c>
      <c r="AD8231" s="2" t="s">
        <v>25164</v>
      </c>
      <c r="AE8231" s="1"/>
    </row>
    <row r="8232" spans="1:31" ht="14.45">
      <c r="A8232" s="11"/>
      <c r="B8232" s="20"/>
      <c r="C8232" s="2" t="s">
        <v>25225</v>
      </c>
      <c r="D8232" s="14" t="s">
        <v>25226</v>
      </c>
      <c r="E8232" s="2" t="s">
        <v>25227</v>
      </c>
      <c r="F8232" s="2" t="s">
        <v>25168</v>
      </c>
      <c r="G8232" s="8">
        <v>194</v>
      </c>
      <c r="H8232" s="5">
        <v>5</v>
      </c>
      <c r="I8232" s="5" t="s">
        <v>69</v>
      </c>
      <c r="J8232" s="5" t="s">
        <v>24629</v>
      </c>
      <c r="K8232" s="2" t="s">
        <v>24630</v>
      </c>
      <c r="L8232" s="5" t="s">
        <v>24629</v>
      </c>
      <c r="M8232" s="2" t="s">
        <v>24630</v>
      </c>
      <c r="N8232" s="5" t="s">
        <v>24254</v>
      </c>
      <c r="O8232" s="5" t="s">
        <v>38</v>
      </c>
      <c r="P8232" s="5" t="s">
        <v>39</v>
      </c>
      <c r="Q8232" s="5" t="s">
        <v>40</v>
      </c>
      <c r="R8232" s="5" t="s">
        <v>24335</v>
      </c>
      <c r="S8232" s="5" t="s">
        <v>40</v>
      </c>
      <c r="T8232" s="5" t="s">
        <v>42</v>
      </c>
      <c r="U8232" s="2">
        <v>9.1649999999999991</v>
      </c>
      <c r="V8232" s="2">
        <v>6.6920000000000002</v>
      </c>
      <c r="W8232" s="2">
        <v>0.128</v>
      </c>
      <c r="X8232" s="2">
        <v>12</v>
      </c>
      <c r="Y8232" s="2">
        <v>66.5</v>
      </c>
      <c r="Z8232" s="2">
        <v>160.9</v>
      </c>
      <c r="AA8232" s="5">
        <v>10</v>
      </c>
      <c r="AB8232" s="5" t="s">
        <v>43</v>
      </c>
      <c r="AC8232" s="5" t="s">
        <v>44</v>
      </c>
      <c r="AD8232" s="2" t="s">
        <v>25169</v>
      </c>
      <c r="AE8232" s="1"/>
    </row>
    <row r="8233" spans="1:31" ht="14.45">
      <c r="A8233" s="11"/>
      <c r="B8233" s="20"/>
      <c r="C8233" s="2" t="s">
        <v>25228</v>
      </c>
      <c r="D8233" s="14" t="s">
        <v>25229</v>
      </c>
      <c r="E8233" s="2" t="s">
        <v>25230</v>
      </c>
      <c r="F8233" s="2" t="s">
        <v>25163</v>
      </c>
      <c r="G8233" s="8">
        <v>162</v>
      </c>
      <c r="H8233" s="5">
        <v>10</v>
      </c>
      <c r="I8233" s="5" t="s">
        <v>69</v>
      </c>
      <c r="J8233" s="5" t="s">
        <v>24629</v>
      </c>
      <c r="K8233" s="2" t="s">
        <v>24630</v>
      </c>
      <c r="L8233" s="5" t="s">
        <v>24629</v>
      </c>
      <c r="M8233" s="2" t="s">
        <v>24630</v>
      </c>
      <c r="N8233" s="5" t="s">
        <v>24254</v>
      </c>
      <c r="O8233" s="5" t="s">
        <v>38</v>
      </c>
      <c r="P8233" s="5" t="s">
        <v>39</v>
      </c>
      <c r="Q8233" s="5" t="s">
        <v>40</v>
      </c>
      <c r="R8233" s="5" t="s">
        <v>24335</v>
      </c>
      <c r="S8233" s="5" t="s">
        <v>40</v>
      </c>
      <c r="T8233" s="5" t="s">
        <v>42</v>
      </c>
      <c r="U8233" s="2">
        <v>7.1109999999999998</v>
      </c>
      <c r="V8233" s="2">
        <v>5.42</v>
      </c>
      <c r="W8233" s="2">
        <v>8.4000000000000005E-2</v>
      </c>
      <c r="X8233" s="2">
        <v>12</v>
      </c>
      <c r="Y8233" s="2">
        <v>42.5</v>
      </c>
      <c r="Z8233" s="2">
        <v>164.4</v>
      </c>
      <c r="AA8233" s="5">
        <v>20</v>
      </c>
      <c r="AB8233" s="5" t="s">
        <v>43</v>
      </c>
      <c r="AC8233" s="5" t="s">
        <v>44</v>
      </c>
      <c r="AD8233" s="2" t="s">
        <v>25164</v>
      </c>
      <c r="AE8233" s="1"/>
    </row>
    <row r="8234" spans="1:31" ht="14.45">
      <c r="A8234" s="11"/>
      <c r="B8234" s="20"/>
      <c r="C8234" s="2" t="s">
        <v>25231</v>
      </c>
      <c r="D8234" s="14" t="s">
        <v>25232</v>
      </c>
      <c r="E8234" s="2" t="s">
        <v>25233</v>
      </c>
      <c r="F8234" s="2" t="s">
        <v>25168</v>
      </c>
      <c r="G8234" s="8">
        <v>221</v>
      </c>
      <c r="H8234" s="5">
        <v>5</v>
      </c>
      <c r="I8234" s="5" t="s">
        <v>69</v>
      </c>
      <c r="J8234" s="5" t="s">
        <v>24629</v>
      </c>
      <c r="K8234" s="2" t="s">
        <v>24630</v>
      </c>
      <c r="L8234" s="5" t="s">
        <v>24629</v>
      </c>
      <c r="M8234" s="2" t="s">
        <v>24630</v>
      </c>
      <c r="N8234" s="5" t="s">
        <v>24254</v>
      </c>
      <c r="O8234" s="5" t="s">
        <v>38</v>
      </c>
      <c r="P8234" s="5" t="s">
        <v>39</v>
      </c>
      <c r="Q8234" s="5" t="s">
        <v>40</v>
      </c>
      <c r="R8234" s="5" t="s">
        <v>24335</v>
      </c>
      <c r="S8234" s="5" t="s">
        <v>40</v>
      </c>
      <c r="T8234" s="5" t="s">
        <v>42</v>
      </c>
      <c r="U8234" s="2">
        <v>10.015000000000001</v>
      </c>
      <c r="V8234" s="2">
        <v>7.0640000000000001</v>
      </c>
      <c r="W8234" s="2">
        <v>0.13900000000000001</v>
      </c>
      <c r="X8234" s="2">
        <v>12</v>
      </c>
      <c r="Y8234" s="2">
        <v>66.5</v>
      </c>
      <c r="Z8234" s="2">
        <v>173.9</v>
      </c>
      <c r="AA8234" s="5">
        <v>10</v>
      </c>
      <c r="AB8234" s="5" t="s">
        <v>43</v>
      </c>
      <c r="AC8234" s="5" t="s">
        <v>44</v>
      </c>
      <c r="AD8234" s="2" t="s">
        <v>25169</v>
      </c>
      <c r="AE8234" s="1"/>
    </row>
    <row r="8235" spans="1:31" ht="14.45">
      <c r="A8235" s="11"/>
      <c r="B8235" s="20"/>
      <c r="C8235" s="2" t="s">
        <v>25234</v>
      </c>
      <c r="D8235" s="14" t="s">
        <v>25235</v>
      </c>
      <c r="E8235" s="2" t="s">
        <v>25236</v>
      </c>
      <c r="F8235" s="2" t="s">
        <v>25163</v>
      </c>
      <c r="G8235" s="8">
        <v>165</v>
      </c>
      <c r="H8235" s="5">
        <v>15</v>
      </c>
      <c r="I8235" s="5" t="s">
        <v>69</v>
      </c>
      <c r="J8235" s="5" t="s">
        <v>24629</v>
      </c>
      <c r="K8235" s="2" t="s">
        <v>24630</v>
      </c>
      <c r="L8235" s="5" t="s">
        <v>24629</v>
      </c>
      <c r="M8235" s="2" t="s">
        <v>24630</v>
      </c>
      <c r="N8235" s="5" t="s">
        <v>24254</v>
      </c>
      <c r="O8235" s="5" t="s">
        <v>38</v>
      </c>
      <c r="P8235" s="5" t="s">
        <v>39</v>
      </c>
      <c r="Q8235" s="5" t="s">
        <v>40</v>
      </c>
      <c r="R8235" s="5" t="s">
        <v>24335</v>
      </c>
      <c r="S8235" s="5" t="s">
        <v>40</v>
      </c>
      <c r="T8235" s="5" t="s">
        <v>42</v>
      </c>
      <c r="U8235" s="2">
        <v>7.68</v>
      </c>
      <c r="V8235" s="2">
        <v>5.7640000000000002</v>
      </c>
      <c r="W8235" s="2">
        <v>9.6000000000000002E-2</v>
      </c>
      <c r="X8235" s="2">
        <v>12</v>
      </c>
      <c r="Y8235" s="2">
        <v>42.5</v>
      </c>
      <c r="Z8235" s="2">
        <v>188.9</v>
      </c>
      <c r="AA8235" s="5">
        <v>20</v>
      </c>
      <c r="AB8235" s="5" t="s">
        <v>43</v>
      </c>
      <c r="AC8235" s="5" t="s">
        <v>44</v>
      </c>
      <c r="AD8235" s="2" t="s">
        <v>25164</v>
      </c>
      <c r="AE8235" s="1"/>
    </row>
    <row r="8236" spans="1:31" ht="14.45">
      <c r="A8236" s="11"/>
      <c r="B8236" s="20"/>
      <c r="C8236" s="2" t="s">
        <v>25237</v>
      </c>
      <c r="D8236" s="14" t="s">
        <v>25238</v>
      </c>
      <c r="E8236" s="2" t="s">
        <v>25239</v>
      </c>
      <c r="F8236" s="2" t="s">
        <v>25168</v>
      </c>
      <c r="G8236" s="8">
        <v>225</v>
      </c>
      <c r="H8236" s="5">
        <v>10</v>
      </c>
      <c r="I8236" s="5" t="s">
        <v>69</v>
      </c>
      <c r="J8236" s="5" t="s">
        <v>24629</v>
      </c>
      <c r="K8236" s="2" t="s">
        <v>24630</v>
      </c>
      <c r="L8236" s="5" t="s">
        <v>24629</v>
      </c>
      <c r="M8236" s="2" t="s">
        <v>24630</v>
      </c>
      <c r="N8236" s="5" t="s">
        <v>24254</v>
      </c>
      <c r="O8236" s="5" t="s">
        <v>38</v>
      </c>
      <c r="P8236" s="5" t="s">
        <v>39</v>
      </c>
      <c r="Q8236" s="5" t="s">
        <v>40</v>
      </c>
      <c r="R8236" s="5" t="s">
        <v>24335</v>
      </c>
      <c r="S8236" s="5" t="s">
        <v>40</v>
      </c>
      <c r="T8236" s="5" t="s">
        <v>42</v>
      </c>
      <c r="U8236" s="2">
        <v>10.478999999999999</v>
      </c>
      <c r="V8236" s="2">
        <v>7.5279999999999996</v>
      </c>
      <c r="W8236" s="2">
        <v>0.16</v>
      </c>
      <c r="X8236" s="2">
        <v>12</v>
      </c>
      <c r="Y8236" s="2">
        <v>66.5</v>
      </c>
      <c r="Z8236" s="2">
        <v>200.9</v>
      </c>
      <c r="AA8236" s="5">
        <v>10</v>
      </c>
      <c r="AB8236" s="5" t="s">
        <v>43</v>
      </c>
      <c r="AC8236" s="5" t="s">
        <v>44</v>
      </c>
      <c r="AD8236" s="2" t="s">
        <v>25169</v>
      </c>
      <c r="AE8236" s="1"/>
    </row>
    <row r="8237" spans="1:31" ht="14.45">
      <c r="A8237" s="11"/>
      <c r="B8237" s="20"/>
      <c r="C8237" s="2" t="s">
        <v>25240</v>
      </c>
      <c r="D8237" s="14" t="s">
        <v>25241</v>
      </c>
      <c r="E8237" s="2" t="s">
        <v>25242</v>
      </c>
      <c r="F8237" s="2" t="s">
        <v>25163</v>
      </c>
      <c r="G8237" s="8">
        <v>154</v>
      </c>
      <c r="H8237" s="5">
        <v>5</v>
      </c>
      <c r="I8237" s="5" t="s">
        <v>69</v>
      </c>
      <c r="J8237" s="5" t="s">
        <v>24629</v>
      </c>
      <c r="K8237" s="2" t="s">
        <v>24630</v>
      </c>
      <c r="L8237" s="5" t="s">
        <v>24629</v>
      </c>
      <c r="M8237" s="2" t="s">
        <v>24630</v>
      </c>
      <c r="N8237" s="5" t="s">
        <v>24254</v>
      </c>
      <c r="O8237" s="5" t="s">
        <v>38</v>
      </c>
      <c r="P8237" s="5" t="s">
        <v>39</v>
      </c>
      <c r="Q8237" s="5" t="s">
        <v>40</v>
      </c>
      <c r="R8237" s="5" t="s">
        <v>24335</v>
      </c>
      <c r="S8237" s="5" t="s">
        <v>40</v>
      </c>
      <c r="T8237" s="5" t="s">
        <v>42</v>
      </c>
      <c r="U8237" s="2">
        <v>6.5979999999999999</v>
      </c>
      <c r="V8237" s="2">
        <v>5.1289999999999996</v>
      </c>
      <c r="W8237" s="2">
        <v>7.3999999999999996E-2</v>
      </c>
      <c r="X8237" s="2">
        <v>12</v>
      </c>
      <c r="Y8237" s="2">
        <v>42.5</v>
      </c>
      <c r="Z8237" s="2">
        <v>144.4</v>
      </c>
      <c r="AA8237" s="5">
        <v>20</v>
      </c>
      <c r="AB8237" s="5" t="s">
        <v>43</v>
      </c>
      <c r="AC8237" s="5" t="s">
        <v>44</v>
      </c>
      <c r="AD8237" s="2" t="s">
        <v>25164</v>
      </c>
      <c r="AE8237" s="1"/>
    </row>
    <row r="8238" spans="1:31" ht="14.45">
      <c r="A8238" s="11"/>
      <c r="B8238" s="20"/>
      <c r="C8238" s="2" t="s">
        <v>25243</v>
      </c>
      <c r="D8238" s="14" t="s">
        <v>25244</v>
      </c>
      <c r="E8238" s="2" t="s">
        <v>25245</v>
      </c>
      <c r="F8238" s="2" t="s">
        <v>25168</v>
      </c>
      <c r="G8238" s="8">
        <v>210</v>
      </c>
      <c r="H8238" s="5">
        <v>5</v>
      </c>
      <c r="I8238" s="5" t="s">
        <v>69</v>
      </c>
      <c r="J8238" s="5" t="s">
        <v>24629</v>
      </c>
      <c r="K8238" s="2" t="s">
        <v>24630</v>
      </c>
      <c r="L8238" s="5" t="s">
        <v>24629</v>
      </c>
      <c r="M8238" s="2" t="s">
        <v>24630</v>
      </c>
      <c r="N8238" s="5" t="s">
        <v>24254</v>
      </c>
      <c r="O8238" s="5" t="s">
        <v>38</v>
      </c>
      <c r="P8238" s="5" t="s">
        <v>39</v>
      </c>
      <c r="Q8238" s="5" t="s">
        <v>40</v>
      </c>
      <c r="R8238" s="5" t="s">
        <v>24335</v>
      </c>
      <c r="S8238" s="5" t="s">
        <v>40</v>
      </c>
      <c r="T8238" s="5" t="s">
        <v>42</v>
      </c>
      <c r="U8238" s="2">
        <v>9.0239999999999991</v>
      </c>
      <c r="V8238" s="2">
        <v>6.5419999999999998</v>
      </c>
      <c r="W8238" s="2">
        <v>0.111</v>
      </c>
      <c r="X8238" s="2">
        <v>12</v>
      </c>
      <c r="Y8238" s="2">
        <v>66.5</v>
      </c>
      <c r="Z8238" s="2">
        <v>138.9</v>
      </c>
      <c r="AA8238" s="5">
        <v>10</v>
      </c>
      <c r="AB8238" s="5" t="s">
        <v>43</v>
      </c>
      <c r="AC8238" s="5" t="s">
        <v>44</v>
      </c>
      <c r="AD8238" s="2" t="s">
        <v>25169</v>
      </c>
      <c r="AE8238" s="1"/>
    </row>
    <row r="8239" spans="1:31" ht="14.45">
      <c r="A8239" s="11"/>
      <c r="B8239" s="20"/>
      <c r="C8239" s="2" t="s">
        <v>25246</v>
      </c>
      <c r="D8239" s="14" t="s">
        <v>25247</v>
      </c>
      <c r="E8239" s="2" t="s">
        <v>25248</v>
      </c>
      <c r="F8239" s="2" t="s">
        <v>25163</v>
      </c>
      <c r="G8239" s="8">
        <v>162</v>
      </c>
      <c r="H8239" s="5">
        <v>5</v>
      </c>
      <c r="I8239" s="5" t="s">
        <v>69</v>
      </c>
      <c r="J8239" s="5" t="s">
        <v>24629</v>
      </c>
      <c r="K8239" s="2" t="s">
        <v>24630</v>
      </c>
      <c r="L8239" s="5" t="s">
        <v>24629</v>
      </c>
      <c r="M8239" s="2" t="s">
        <v>24630</v>
      </c>
      <c r="N8239" s="5" t="s">
        <v>24254</v>
      </c>
      <c r="O8239" s="5" t="s">
        <v>38</v>
      </c>
      <c r="P8239" s="5" t="s">
        <v>39</v>
      </c>
      <c r="Q8239" s="5" t="s">
        <v>40</v>
      </c>
      <c r="R8239" s="5" t="s">
        <v>24335</v>
      </c>
      <c r="S8239" s="5" t="s">
        <v>40</v>
      </c>
      <c r="T8239" s="5" t="s">
        <v>42</v>
      </c>
      <c r="U8239" s="2">
        <v>6.95</v>
      </c>
      <c r="V8239" s="2">
        <v>5.4809999999999999</v>
      </c>
      <c r="W8239" s="2">
        <v>7.3999999999999996E-2</v>
      </c>
      <c r="X8239" s="2">
        <v>12</v>
      </c>
      <c r="Y8239" s="2">
        <v>42.5</v>
      </c>
      <c r="Z8239" s="2">
        <v>144.4</v>
      </c>
      <c r="AA8239" s="5">
        <v>20</v>
      </c>
      <c r="AB8239" s="5" t="s">
        <v>43</v>
      </c>
      <c r="AC8239" s="5" t="s">
        <v>44</v>
      </c>
      <c r="AD8239" s="2" t="s">
        <v>25164</v>
      </c>
      <c r="AE8239" s="1"/>
    </row>
    <row r="8240" spans="1:31" ht="14.45">
      <c r="A8240" s="11"/>
      <c r="B8240" s="20"/>
      <c r="C8240" s="2" t="s">
        <v>25249</v>
      </c>
      <c r="D8240" s="14" t="s">
        <v>25250</v>
      </c>
      <c r="E8240" s="2" t="s">
        <v>25251</v>
      </c>
      <c r="F8240" s="2" t="s">
        <v>25168</v>
      </c>
      <c r="G8240" s="8">
        <v>221</v>
      </c>
      <c r="H8240" s="5">
        <v>5</v>
      </c>
      <c r="I8240" s="5" t="s">
        <v>69</v>
      </c>
      <c r="J8240" s="5" t="s">
        <v>24629</v>
      </c>
      <c r="K8240" s="2" t="s">
        <v>24630</v>
      </c>
      <c r="L8240" s="5" t="s">
        <v>24629</v>
      </c>
      <c r="M8240" s="2" t="s">
        <v>24630</v>
      </c>
      <c r="N8240" s="5" t="s">
        <v>24254</v>
      </c>
      <c r="O8240" s="5" t="s">
        <v>38</v>
      </c>
      <c r="P8240" s="5" t="s">
        <v>39</v>
      </c>
      <c r="Q8240" s="5" t="s">
        <v>40</v>
      </c>
      <c r="R8240" s="5" t="s">
        <v>24335</v>
      </c>
      <c r="S8240" s="5" t="s">
        <v>40</v>
      </c>
      <c r="T8240" s="5" t="s">
        <v>42</v>
      </c>
      <c r="U8240" s="2">
        <v>9.5280000000000005</v>
      </c>
      <c r="V8240" s="2">
        <v>7.0549999999999997</v>
      </c>
      <c r="W8240" s="2">
        <v>0.128</v>
      </c>
      <c r="X8240" s="2">
        <v>12</v>
      </c>
      <c r="Y8240" s="2">
        <v>66.5</v>
      </c>
      <c r="Z8240" s="2">
        <v>160.9</v>
      </c>
      <c r="AA8240" s="5">
        <v>10</v>
      </c>
      <c r="AB8240" s="5" t="s">
        <v>43</v>
      </c>
      <c r="AC8240" s="5" t="s">
        <v>44</v>
      </c>
      <c r="AD8240" s="2" t="s">
        <v>25169</v>
      </c>
      <c r="AE8240" s="1"/>
    </row>
    <row r="8241" spans="1:31" ht="14.45">
      <c r="A8241" s="11"/>
      <c r="B8241" s="20"/>
      <c r="C8241" s="2" t="s">
        <v>25252</v>
      </c>
      <c r="D8241" s="14" t="s">
        <v>25253</v>
      </c>
      <c r="E8241" s="2" t="s">
        <v>25254</v>
      </c>
      <c r="F8241" s="2" t="s">
        <v>25163</v>
      </c>
      <c r="G8241" s="8">
        <v>172</v>
      </c>
      <c r="H8241" s="5">
        <v>15</v>
      </c>
      <c r="I8241" s="5" t="s">
        <v>69</v>
      </c>
      <c r="J8241" s="5" t="s">
        <v>24629</v>
      </c>
      <c r="K8241" s="2" t="s">
        <v>24630</v>
      </c>
      <c r="L8241" s="5" t="s">
        <v>24629</v>
      </c>
      <c r="M8241" s="2" t="s">
        <v>24630</v>
      </c>
      <c r="N8241" s="5" t="s">
        <v>24254</v>
      </c>
      <c r="O8241" s="5" t="s">
        <v>38</v>
      </c>
      <c r="P8241" s="5" t="s">
        <v>39</v>
      </c>
      <c r="Q8241" s="5" t="s">
        <v>40</v>
      </c>
      <c r="R8241" s="5" t="s">
        <v>24335</v>
      </c>
      <c r="S8241" s="5" t="s">
        <v>40</v>
      </c>
      <c r="T8241" s="5" t="s">
        <v>42</v>
      </c>
      <c r="U8241" s="2">
        <v>7.3540000000000001</v>
      </c>
      <c r="V8241" s="2">
        <v>5.7</v>
      </c>
      <c r="W8241" s="2">
        <v>8.4000000000000005E-2</v>
      </c>
      <c r="X8241" s="2">
        <v>12</v>
      </c>
      <c r="Y8241" s="2">
        <v>42.5</v>
      </c>
      <c r="Z8241" s="2">
        <v>164.4</v>
      </c>
      <c r="AA8241" s="5">
        <v>20</v>
      </c>
      <c r="AB8241" s="5" t="s">
        <v>43</v>
      </c>
      <c r="AC8241" s="5" t="s">
        <v>44</v>
      </c>
      <c r="AD8241" s="2" t="s">
        <v>25164</v>
      </c>
      <c r="AE8241" s="1"/>
    </row>
    <row r="8242" spans="1:31" ht="14.45">
      <c r="A8242" s="11"/>
      <c r="B8242" s="20"/>
      <c r="C8242" s="2" t="s">
        <v>25255</v>
      </c>
      <c r="D8242" s="14" t="s">
        <v>25256</v>
      </c>
      <c r="E8242" s="2" t="s">
        <v>25257</v>
      </c>
      <c r="F8242" s="2" t="s">
        <v>25168</v>
      </c>
      <c r="G8242" s="8">
        <v>234</v>
      </c>
      <c r="H8242" s="5">
        <v>5</v>
      </c>
      <c r="I8242" s="5" t="s">
        <v>69</v>
      </c>
      <c r="J8242" s="5" t="s">
        <v>24629</v>
      </c>
      <c r="K8242" s="2" t="s">
        <v>24630</v>
      </c>
      <c r="L8242" s="5" t="s">
        <v>24629</v>
      </c>
      <c r="M8242" s="2" t="s">
        <v>24630</v>
      </c>
      <c r="N8242" s="5" t="s">
        <v>24254</v>
      </c>
      <c r="O8242" s="5" t="s">
        <v>38</v>
      </c>
      <c r="P8242" s="5" t="s">
        <v>39</v>
      </c>
      <c r="Q8242" s="5" t="s">
        <v>40</v>
      </c>
      <c r="R8242" s="5" t="s">
        <v>24335</v>
      </c>
      <c r="S8242" s="5" t="s">
        <v>40</v>
      </c>
      <c r="T8242" s="5" t="s">
        <v>42</v>
      </c>
      <c r="U8242" s="2">
        <v>10.377000000000001</v>
      </c>
      <c r="V8242" s="2">
        <v>7.4260000000000002</v>
      </c>
      <c r="W8242" s="2">
        <v>0.16</v>
      </c>
      <c r="X8242" s="2">
        <v>12</v>
      </c>
      <c r="Y8242" s="2">
        <v>66.5</v>
      </c>
      <c r="Z8242" s="2">
        <v>200.9</v>
      </c>
      <c r="AA8242" s="5">
        <v>10</v>
      </c>
      <c r="AB8242" s="5" t="s">
        <v>43</v>
      </c>
      <c r="AC8242" s="5" t="s">
        <v>44</v>
      </c>
      <c r="AD8242" s="2" t="s">
        <v>25169</v>
      </c>
      <c r="AE8242" s="1"/>
    </row>
    <row r="8243" spans="1:31" ht="14.45">
      <c r="A8243" s="11"/>
      <c r="B8243" s="20"/>
      <c r="C8243" s="2" t="s">
        <v>25258</v>
      </c>
      <c r="D8243" s="14" t="s">
        <v>25259</v>
      </c>
      <c r="E8243" s="2" t="s">
        <v>25260</v>
      </c>
      <c r="F8243" s="2" t="s">
        <v>25163</v>
      </c>
      <c r="G8243" s="8">
        <v>162</v>
      </c>
      <c r="H8243" s="5">
        <v>5</v>
      </c>
      <c r="I8243" s="5" t="s">
        <v>69</v>
      </c>
      <c r="J8243" s="5" t="s">
        <v>24629</v>
      </c>
      <c r="K8243" s="2" t="s">
        <v>24630</v>
      </c>
      <c r="L8243" s="5" t="s">
        <v>24629</v>
      </c>
      <c r="M8243" s="2" t="s">
        <v>24630</v>
      </c>
      <c r="N8243" s="5" t="s">
        <v>24254</v>
      </c>
      <c r="O8243" s="5" t="s">
        <v>38</v>
      </c>
      <c r="P8243" s="5" t="s">
        <v>39</v>
      </c>
      <c r="Q8243" s="5" t="s">
        <v>40</v>
      </c>
      <c r="R8243" s="5" t="s">
        <v>24335</v>
      </c>
      <c r="S8243" s="5" t="s">
        <v>40</v>
      </c>
      <c r="T8243" s="5" t="s">
        <v>42</v>
      </c>
      <c r="U8243" s="2">
        <v>7.117</v>
      </c>
      <c r="V8243" s="2">
        <v>5.61</v>
      </c>
      <c r="W8243" s="2">
        <v>7.8E-2</v>
      </c>
      <c r="X8243" s="2">
        <v>12</v>
      </c>
      <c r="Y8243" s="2">
        <v>42.5</v>
      </c>
      <c r="Z8243" s="2">
        <v>152.4</v>
      </c>
      <c r="AA8243" s="5">
        <v>20</v>
      </c>
      <c r="AB8243" s="5" t="s">
        <v>43</v>
      </c>
      <c r="AC8243" s="5" t="s">
        <v>44</v>
      </c>
      <c r="AD8243" s="2" t="s">
        <v>25164</v>
      </c>
      <c r="AE8243" s="1"/>
    </row>
    <row r="8244" spans="1:31" ht="14.45">
      <c r="A8244" s="11"/>
      <c r="B8244" s="20"/>
      <c r="C8244" s="2" t="s">
        <v>25261</v>
      </c>
      <c r="D8244" s="14" t="s">
        <v>25262</v>
      </c>
      <c r="E8244" s="2" t="s">
        <v>25263</v>
      </c>
      <c r="F8244" s="2" t="s">
        <v>25168</v>
      </c>
      <c r="G8244" s="8">
        <v>221</v>
      </c>
      <c r="H8244" s="5">
        <v>5</v>
      </c>
      <c r="I8244" s="5" t="s">
        <v>69</v>
      </c>
      <c r="J8244" s="5" t="s">
        <v>24629</v>
      </c>
      <c r="K8244" s="2" t="s">
        <v>24630</v>
      </c>
      <c r="L8244" s="5" t="s">
        <v>24629</v>
      </c>
      <c r="M8244" s="2" t="s">
        <v>24630</v>
      </c>
      <c r="N8244" s="5" t="s">
        <v>24254</v>
      </c>
      <c r="O8244" s="5" t="s">
        <v>38</v>
      </c>
      <c r="P8244" s="5" t="s">
        <v>39</v>
      </c>
      <c r="Q8244" s="5" t="s">
        <v>40</v>
      </c>
      <c r="R8244" s="5" t="s">
        <v>24335</v>
      </c>
      <c r="S8244" s="5" t="s">
        <v>40</v>
      </c>
      <c r="T8244" s="5" t="s">
        <v>42</v>
      </c>
      <c r="U8244" s="2">
        <v>9.5969999999999995</v>
      </c>
      <c r="V8244" s="2">
        <v>7.1239999999999997</v>
      </c>
      <c r="W8244" s="2">
        <v>0.128</v>
      </c>
      <c r="X8244" s="2">
        <v>12</v>
      </c>
      <c r="Y8244" s="2">
        <v>66.5</v>
      </c>
      <c r="Z8244" s="2">
        <v>160.9</v>
      </c>
      <c r="AA8244" s="5">
        <v>10</v>
      </c>
      <c r="AB8244" s="5" t="s">
        <v>43</v>
      </c>
      <c r="AC8244" s="5" t="s">
        <v>44</v>
      </c>
      <c r="AD8244" s="2" t="s">
        <v>25169</v>
      </c>
      <c r="AE8244" s="1"/>
    </row>
    <row r="8245" spans="1:31" ht="14.45">
      <c r="A8245" s="11"/>
      <c r="B8245" s="20"/>
      <c r="C8245" s="2" t="s">
        <v>25264</v>
      </c>
      <c r="D8245" s="14" t="s">
        <v>25265</v>
      </c>
      <c r="E8245" s="2" t="s">
        <v>25266</v>
      </c>
      <c r="F8245" s="2" t="s">
        <v>25163</v>
      </c>
      <c r="G8245" s="8">
        <v>166</v>
      </c>
      <c r="H8245" s="5">
        <v>5</v>
      </c>
      <c r="I8245" s="5" t="s">
        <v>69</v>
      </c>
      <c r="J8245" s="5" t="s">
        <v>24629</v>
      </c>
      <c r="K8245" s="2" t="s">
        <v>24630</v>
      </c>
      <c r="L8245" s="5" t="s">
        <v>24629</v>
      </c>
      <c r="M8245" s="2" t="s">
        <v>24630</v>
      </c>
      <c r="N8245" s="5" t="s">
        <v>24254</v>
      </c>
      <c r="O8245" s="5" t="s">
        <v>38</v>
      </c>
      <c r="P8245" s="5" t="s">
        <v>39</v>
      </c>
      <c r="Q8245" s="5" t="s">
        <v>40</v>
      </c>
      <c r="R8245" s="5" t="s">
        <v>24335</v>
      </c>
      <c r="S8245" s="5" t="s">
        <v>40</v>
      </c>
      <c r="T8245" s="5" t="s">
        <v>42</v>
      </c>
      <c r="U8245" s="2">
        <v>7.468</v>
      </c>
      <c r="V8245" s="2">
        <v>5.9610000000000003</v>
      </c>
      <c r="W8245" s="2">
        <v>7.8E-2</v>
      </c>
      <c r="X8245" s="2">
        <v>12</v>
      </c>
      <c r="Y8245" s="2">
        <v>42.5</v>
      </c>
      <c r="Z8245" s="2">
        <v>152.4</v>
      </c>
      <c r="AA8245" s="5">
        <v>20</v>
      </c>
      <c r="AB8245" s="5" t="s">
        <v>43</v>
      </c>
      <c r="AC8245" s="5" t="s">
        <v>44</v>
      </c>
      <c r="AD8245" s="2" t="s">
        <v>25164</v>
      </c>
      <c r="AE8245" s="1"/>
    </row>
    <row r="8246" spans="1:31" ht="14.45">
      <c r="A8246" s="11"/>
      <c r="B8246" s="20"/>
      <c r="C8246" s="2" t="s">
        <v>25267</v>
      </c>
      <c r="D8246" s="14" t="s">
        <v>25268</v>
      </c>
      <c r="E8246" s="2" t="s">
        <v>25269</v>
      </c>
      <c r="F8246" s="2" t="s">
        <v>25168</v>
      </c>
      <c r="G8246" s="8">
        <v>227</v>
      </c>
      <c r="H8246" s="5">
        <v>5</v>
      </c>
      <c r="I8246" s="5" t="s">
        <v>69</v>
      </c>
      <c r="J8246" s="5" t="s">
        <v>24629</v>
      </c>
      <c r="K8246" s="2" t="s">
        <v>24630</v>
      </c>
      <c r="L8246" s="5" t="s">
        <v>24629</v>
      </c>
      <c r="M8246" s="2" t="s">
        <v>24630</v>
      </c>
      <c r="N8246" s="5" t="s">
        <v>24254</v>
      </c>
      <c r="O8246" s="5" t="s">
        <v>38</v>
      </c>
      <c r="P8246" s="5" t="s">
        <v>39</v>
      </c>
      <c r="Q8246" s="5" t="s">
        <v>40</v>
      </c>
      <c r="R8246" s="5" t="s">
        <v>24335</v>
      </c>
      <c r="S8246" s="5" t="s">
        <v>40</v>
      </c>
      <c r="T8246" s="5" t="s">
        <v>42</v>
      </c>
      <c r="U8246" s="2">
        <v>10.108000000000001</v>
      </c>
      <c r="V8246" s="2">
        <v>7.6349999999999998</v>
      </c>
      <c r="W8246" s="2">
        <v>0.128</v>
      </c>
      <c r="X8246" s="2">
        <v>12</v>
      </c>
      <c r="Y8246" s="2">
        <v>66.5</v>
      </c>
      <c r="Z8246" s="2">
        <v>160.9</v>
      </c>
      <c r="AA8246" s="5">
        <v>10</v>
      </c>
      <c r="AB8246" s="5" t="s">
        <v>43</v>
      </c>
      <c r="AC8246" s="5" t="s">
        <v>44</v>
      </c>
      <c r="AD8246" s="2" t="s">
        <v>25169</v>
      </c>
      <c r="AE8246" s="1"/>
    </row>
    <row r="8247" spans="1:31" ht="14.45">
      <c r="A8247" s="11"/>
      <c r="B8247" s="20"/>
      <c r="C8247" s="2" t="s">
        <v>25270</v>
      </c>
      <c r="D8247" s="14" t="s">
        <v>25271</v>
      </c>
      <c r="E8247" s="2" t="s">
        <v>25272</v>
      </c>
      <c r="F8247" s="2" t="s">
        <v>25163</v>
      </c>
      <c r="G8247" s="8">
        <v>184</v>
      </c>
      <c r="H8247" s="5">
        <v>15</v>
      </c>
      <c r="I8247" s="5" t="s">
        <v>69</v>
      </c>
      <c r="J8247" s="5" t="s">
        <v>24629</v>
      </c>
      <c r="K8247" s="2" t="s">
        <v>24630</v>
      </c>
      <c r="L8247" s="5" t="s">
        <v>24629</v>
      </c>
      <c r="M8247" s="2" t="s">
        <v>24630</v>
      </c>
      <c r="N8247" s="5" t="s">
        <v>24254</v>
      </c>
      <c r="O8247" s="5" t="s">
        <v>38</v>
      </c>
      <c r="P8247" s="5" t="s">
        <v>39</v>
      </c>
      <c r="Q8247" s="5" t="s">
        <v>40</v>
      </c>
      <c r="R8247" s="5" t="s">
        <v>24335</v>
      </c>
      <c r="S8247" s="5" t="s">
        <v>40</v>
      </c>
      <c r="T8247" s="5" t="s">
        <v>42</v>
      </c>
      <c r="U8247" s="2">
        <v>7.7949999999999999</v>
      </c>
      <c r="V8247" s="2">
        <v>6.18</v>
      </c>
      <c r="W8247" s="2">
        <v>8.4000000000000005E-2</v>
      </c>
      <c r="X8247" s="2">
        <v>12</v>
      </c>
      <c r="Y8247" s="2">
        <v>42.5</v>
      </c>
      <c r="Z8247" s="2">
        <v>164.4</v>
      </c>
      <c r="AA8247" s="5">
        <v>20</v>
      </c>
      <c r="AB8247" s="5" t="s">
        <v>43</v>
      </c>
      <c r="AC8247" s="5" t="s">
        <v>44</v>
      </c>
      <c r="AD8247" s="2" t="s">
        <v>25164</v>
      </c>
      <c r="AE8247" s="1"/>
    </row>
    <row r="8248" spans="1:31" ht="14.45">
      <c r="A8248" s="11"/>
      <c r="B8248" s="20"/>
      <c r="C8248" s="2" t="s">
        <v>25273</v>
      </c>
      <c r="D8248" s="14" t="s">
        <v>25274</v>
      </c>
      <c r="E8248" s="2" t="s">
        <v>25275</v>
      </c>
      <c r="F8248" s="2" t="s">
        <v>25168</v>
      </c>
      <c r="G8248" s="8">
        <v>251</v>
      </c>
      <c r="H8248" s="5">
        <v>5</v>
      </c>
      <c r="I8248" s="5" t="s">
        <v>69</v>
      </c>
      <c r="J8248" s="5" t="s">
        <v>24629</v>
      </c>
      <c r="K8248" s="2" t="s">
        <v>24630</v>
      </c>
      <c r="L8248" s="5" t="s">
        <v>24629</v>
      </c>
      <c r="M8248" s="2" t="s">
        <v>24630</v>
      </c>
      <c r="N8248" s="5" t="s">
        <v>24254</v>
      </c>
      <c r="O8248" s="5" t="s">
        <v>38</v>
      </c>
      <c r="P8248" s="5" t="s">
        <v>39</v>
      </c>
      <c r="Q8248" s="5" t="s">
        <v>40</v>
      </c>
      <c r="R8248" s="5" t="s">
        <v>24335</v>
      </c>
      <c r="S8248" s="5" t="s">
        <v>40</v>
      </c>
      <c r="T8248" s="5" t="s">
        <v>42</v>
      </c>
      <c r="U8248" s="2">
        <v>10.958</v>
      </c>
      <c r="V8248" s="2">
        <v>8.0069999999999997</v>
      </c>
      <c r="W8248" s="2">
        <v>0.16</v>
      </c>
      <c r="X8248" s="2">
        <v>12</v>
      </c>
      <c r="Y8248" s="2">
        <v>66.5</v>
      </c>
      <c r="Z8248" s="2">
        <v>200.9</v>
      </c>
      <c r="AA8248" s="5">
        <v>10</v>
      </c>
      <c r="AB8248" s="5" t="s">
        <v>43</v>
      </c>
      <c r="AC8248" s="5" t="s">
        <v>44</v>
      </c>
      <c r="AD8248" s="2" t="s">
        <v>25169</v>
      </c>
      <c r="AE8248" s="1"/>
    </row>
    <row r="8249" spans="1:31" ht="14.45">
      <c r="A8249" s="11"/>
      <c r="B8249" s="20"/>
      <c r="C8249" s="2" t="s">
        <v>25276</v>
      </c>
      <c r="D8249" s="14" t="s">
        <v>25277</v>
      </c>
      <c r="E8249" s="2" t="s">
        <v>25278</v>
      </c>
      <c r="F8249" s="2" t="s">
        <v>25163</v>
      </c>
      <c r="G8249" s="8">
        <v>162</v>
      </c>
      <c r="H8249" s="5">
        <v>15</v>
      </c>
      <c r="I8249" s="5" t="s">
        <v>69</v>
      </c>
      <c r="J8249" s="5" t="s">
        <v>24629</v>
      </c>
      <c r="K8249" s="2" t="s">
        <v>24630</v>
      </c>
      <c r="L8249" s="5" t="s">
        <v>24629</v>
      </c>
      <c r="M8249" s="2" t="s">
        <v>24630</v>
      </c>
      <c r="N8249" s="5" t="s">
        <v>24254</v>
      </c>
      <c r="O8249" s="5" t="s">
        <v>38</v>
      </c>
      <c r="P8249" s="5" t="s">
        <v>39</v>
      </c>
      <c r="Q8249" s="5" t="s">
        <v>40</v>
      </c>
      <c r="R8249" s="5" t="s">
        <v>24335</v>
      </c>
      <c r="S8249" s="5" t="s">
        <v>40</v>
      </c>
      <c r="T8249" s="5" t="s">
        <v>42</v>
      </c>
      <c r="U8249" s="2">
        <v>7.4980000000000002</v>
      </c>
      <c r="V8249" s="2">
        <v>5.7359999999999998</v>
      </c>
      <c r="W8249" s="2">
        <v>9.6000000000000002E-2</v>
      </c>
      <c r="X8249" s="2">
        <v>12</v>
      </c>
      <c r="Y8249" s="2">
        <v>42.5</v>
      </c>
      <c r="Z8249" s="2">
        <v>188.9</v>
      </c>
      <c r="AA8249" s="5">
        <v>20</v>
      </c>
      <c r="AB8249" s="5" t="s">
        <v>43</v>
      </c>
      <c r="AC8249" s="5" t="s">
        <v>44</v>
      </c>
      <c r="AD8249" s="2" t="s">
        <v>25164</v>
      </c>
      <c r="AE8249" s="1"/>
    </row>
    <row r="8250" spans="1:31" ht="14.45">
      <c r="A8250" s="11"/>
      <c r="B8250" s="20"/>
      <c r="C8250" s="2" t="s">
        <v>25279</v>
      </c>
      <c r="D8250" s="14" t="s">
        <v>25280</v>
      </c>
      <c r="E8250" s="2" t="s">
        <v>25281</v>
      </c>
      <c r="F8250" s="2" t="s">
        <v>25168</v>
      </c>
      <c r="G8250" s="8">
        <v>221</v>
      </c>
      <c r="H8250" s="5">
        <v>10</v>
      </c>
      <c r="I8250" s="5" t="s">
        <v>69</v>
      </c>
      <c r="J8250" s="5" t="s">
        <v>24629</v>
      </c>
      <c r="K8250" s="2" t="s">
        <v>24630</v>
      </c>
      <c r="L8250" s="5" t="s">
        <v>24629</v>
      </c>
      <c r="M8250" s="2" t="s">
        <v>24630</v>
      </c>
      <c r="N8250" s="5" t="s">
        <v>24254</v>
      </c>
      <c r="O8250" s="5" t="s">
        <v>38</v>
      </c>
      <c r="P8250" s="5" t="s">
        <v>39</v>
      </c>
      <c r="Q8250" s="5" t="s">
        <v>40</v>
      </c>
      <c r="R8250" s="5" t="s">
        <v>24335</v>
      </c>
      <c r="S8250" s="5" t="s">
        <v>40</v>
      </c>
      <c r="T8250" s="5" t="s">
        <v>42</v>
      </c>
      <c r="U8250" s="2">
        <v>10.102</v>
      </c>
      <c r="V8250" s="2">
        <v>7.181</v>
      </c>
      <c r="W8250" s="2">
        <v>0.16</v>
      </c>
      <c r="X8250" s="2">
        <v>12</v>
      </c>
      <c r="Y8250" s="2">
        <v>66.5</v>
      </c>
      <c r="Z8250" s="2">
        <v>200.9</v>
      </c>
      <c r="AA8250" s="5">
        <v>10</v>
      </c>
      <c r="AB8250" s="5" t="s">
        <v>43</v>
      </c>
      <c r="AC8250" s="5" t="s">
        <v>44</v>
      </c>
      <c r="AD8250" s="2" t="s">
        <v>25169</v>
      </c>
      <c r="AE8250" s="1"/>
    </row>
    <row r="8251" spans="1:31" ht="14.45">
      <c r="A8251" s="11"/>
      <c r="B8251" s="20"/>
      <c r="C8251" s="2" t="s">
        <v>25282</v>
      </c>
      <c r="D8251" s="14" t="s">
        <v>25283</v>
      </c>
      <c r="E8251" s="2" t="s">
        <v>25284</v>
      </c>
      <c r="F8251" s="2" t="s">
        <v>25163</v>
      </c>
      <c r="G8251" s="8">
        <v>176</v>
      </c>
      <c r="H8251" s="5">
        <v>15</v>
      </c>
      <c r="I8251" s="5" t="s">
        <v>69</v>
      </c>
      <c r="J8251" s="5" t="s">
        <v>24629</v>
      </c>
      <c r="K8251" s="2" t="s">
        <v>24630</v>
      </c>
      <c r="L8251" s="5" t="s">
        <v>24629</v>
      </c>
      <c r="M8251" s="2" t="s">
        <v>24630</v>
      </c>
      <c r="N8251" s="5" t="s">
        <v>24254</v>
      </c>
      <c r="O8251" s="5" t="s">
        <v>38</v>
      </c>
      <c r="P8251" s="5" t="s">
        <v>39</v>
      </c>
      <c r="Q8251" s="5" t="s">
        <v>40</v>
      </c>
      <c r="R8251" s="5" t="s">
        <v>24335</v>
      </c>
      <c r="S8251" s="5" t="s">
        <v>40</v>
      </c>
      <c r="T8251" s="5" t="s">
        <v>42</v>
      </c>
      <c r="U8251" s="2">
        <v>8.0990000000000002</v>
      </c>
      <c r="V8251" s="2">
        <v>6.3070000000000004</v>
      </c>
      <c r="W8251" s="2">
        <v>9.6000000000000002E-2</v>
      </c>
      <c r="X8251" s="2">
        <v>12</v>
      </c>
      <c r="Y8251" s="2">
        <v>42.5</v>
      </c>
      <c r="Z8251" s="2">
        <v>188.9</v>
      </c>
      <c r="AA8251" s="5">
        <v>20</v>
      </c>
      <c r="AB8251" s="5" t="s">
        <v>43</v>
      </c>
      <c r="AC8251" s="5" t="s">
        <v>44</v>
      </c>
      <c r="AD8251" s="2" t="s">
        <v>25164</v>
      </c>
      <c r="AE8251" s="1"/>
    </row>
    <row r="8252" spans="1:31" ht="14.45">
      <c r="A8252" s="11"/>
      <c r="B8252" s="20"/>
      <c r="C8252" s="2" t="s">
        <v>25285</v>
      </c>
      <c r="D8252" s="14" t="s">
        <v>25286</v>
      </c>
      <c r="E8252" s="2" t="s">
        <v>25287</v>
      </c>
      <c r="F8252" s="2" t="s">
        <v>25168</v>
      </c>
      <c r="G8252" s="8">
        <v>240</v>
      </c>
      <c r="H8252" s="5">
        <v>5</v>
      </c>
      <c r="I8252" s="5" t="s">
        <v>69</v>
      </c>
      <c r="J8252" s="5" t="s">
        <v>24629</v>
      </c>
      <c r="K8252" s="2" t="s">
        <v>24630</v>
      </c>
      <c r="L8252" s="5" t="s">
        <v>24629</v>
      </c>
      <c r="M8252" s="2" t="s">
        <v>24630</v>
      </c>
      <c r="N8252" s="5" t="s">
        <v>24254</v>
      </c>
      <c r="O8252" s="5" t="s">
        <v>38</v>
      </c>
      <c r="P8252" s="5" t="s">
        <v>39</v>
      </c>
      <c r="Q8252" s="5" t="s">
        <v>40</v>
      </c>
      <c r="R8252" s="5" t="s">
        <v>24335</v>
      </c>
      <c r="S8252" s="5" t="s">
        <v>40</v>
      </c>
      <c r="T8252" s="5" t="s">
        <v>42</v>
      </c>
      <c r="U8252" s="2">
        <v>11.037000000000001</v>
      </c>
      <c r="V8252" s="2">
        <v>8.0860000000000003</v>
      </c>
      <c r="W8252" s="2">
        <v>0.16</v>
      </c>
      <c r="X8252" s="2">
        <v>12</v>
      </c>
      <c r="Y8252" s="2">
        <v>66.5</v>
      </c>
      <c r="Z8252" s="2">
        <v>200.9</v>
      </c>
      <c r="AA8252" s="5">
        <v>10</v>
      </c>
      <c r="AB8252" s="5" t="s">
        <v>43</v>
      </c>
      <c r="AC8252" s="5" t="s">
        <v>44</v>
      </c>
      <c r="AD8252" s="2" t="s">
        <v>25169</v>
      </c>
      <c r="AE8252" s="1"/>
    </row>
    <row r="8253" spans="1:31" ht="14.45">
      <c r="A8253" s="11"/>
      <c r="B8253" s="20"/>
      <c r="C8253" s="2" t="s">
        <v>25288</v>
      </c>
      <c r="D8253" s="14" t="s">
        <v>25289</v>
      </c>
      <c r="E8253" s="2" t="s">
        <v>25290</v>
      </c>
      <c r="F8253" s="2" t="s">
        <v>25163</v>
      </c>
      <c r="G8253" s="8">
        <v>196</v>
      </c>
      <c r="H8253" s="5">
        <v>15</v>
      </c>
      <c r="I8253" s="5" t="s">
        <v>69</v>
      </c>
      <c r="J8253" s="5" t="s">
        <v>24629</v>
      </c>
      <c r="K8253" s="2" t="s">
        <v>24630</v>
      </c>
      <c r="L8253" s="5" t="s">
        <v>24629</v>
      </c>
      <c r="M8253" s="2" t="s">
        <v>24630</v>
      </c>
      <c r="N8253" s="5" t="s">
        <v>24254</v>
      </c>
      <c r="O8253" s="5" t="s">
        <v>38</v>
      </c>
      <c r="P8253" s="5" t="s">
        <v>39</v>
      </c>
      <c r="Q8253" s="5" t="s">
        <v>40</v>
      </c>
      <c r="R8253" s="5" t="s">
        <v>24335</v>
      </c>
      <c r="S8253" s="5" t="s">
        <v>40</v>
      </c>
      <c r="T8253" s="5" t="s">
        <v>42</v>
      </c>
      <c r="U8253" s="2">
        <v>8.3190000000000008</v>
      </c>
      <c r="V8253" s="2">
        <v>6.5270000000000001</v>
      </c>
      <c r="W8253" s="2">
        <v>9.6000000000000002E-2</v>
      </c>
      <c r="X8253" s="2">
        <v>12</v>
      </c>
      <c r="Y8253" s="2">
        <v>42.5</v>
      </c>
      <c r="Z8253" s="2">
        <v>188.9</v>
      </c>
      <c r="AA8253" s="5">
        <v>20</v>
      </c>
      <c r="AB8253" s="5" t="s">
        <v>43</v>
      </c>
      <c r="AC8253" s="5" t="s">
        <v>44</v>
      </c>
      <c r="AD8253" s="2" t="s">
        <v>25164</v>
      </c>
      <c r="AE8253" s="1"/>
    </row>
    <row r="8254" spans="1:31" ht="14.45">
      <c r="A8254" s="11"/>
      <c r="B8254" s="20"/>
      <c r="C8254" s="2" t="s">
        <v>25291</v>
      </c>
      <c r="D8254" s="14" t="s">
        <v>25292</v>
      </c>
      <c r="E8254" s="2" t="s">
        <v>25293</v>
      </c>
      <c r="F8254" s="2" t="s">
        <v>25168</v>
      </c>
      <c r="G8254" s="8">
        <v>268</v>
      </c>
      <c r="H8254" s="5">
        <v>10</v>
      </c>
      <c r="I8254" s="5" t="s">
        <v>69</v>
      </c>
      <c r="J8254" s="5" t="s">
        <v>24629</v>
      </c>
      <c r="K8254" s="2" t="s">
        <v>24630</v>
      </c>
      <c r="L8254" s="5" t="s">
        <v>24629</v>
      </c>
      <c r="M8254" s="2" t="s">
        <v>24630</v>
      </c>
      <c r="N8254" s="5" t="s">
        <v>24254</v>
      </c>
      <c r="O8254" s="5" t="s">
        <v>38</v>
      </c>
      <c r="P8254" s="5" t="s">
        <v>39</v>
      </c>
      <c r="Q8254" s="5" t="s">
        <v>40</v>
      </c>
      <c r="R8254" s="5" t="s">
        <v>24335</v>
      </c>
      <c r="S8254" s="5" t="s">
        <v>40</v>
      </c>
      <c r="T8254" s="5" t="s">
        <v>42</v>
      </c>
      <c r="U8254" s="2">
        <v>11.385</v>
      </c>
      <c r="V8254" s="2">
        <v>8.4339999999999993</v>
      </c>
      <c r="W8254" s="2">
        <v>0.16</v>
      </c>
      <c r="X8254" s="2">
        <v>12</v>
      </c>
      <c r="Y8254" s="2">
        <v>66.5</v>
      </c>
      <c r="Z8254" s="2">
        <v>200.9</v>
      </c>
      <c r="AA8254" s="5">
        <v>10</v>
      </c>
      <c r="AB8254" s="5" t="s">
        <v>43</v>
      </c>
      <c r="AC8254" s="5" t="s">
        <v>44</v>
      </c>
      <c r="AD8254" s="2" t="s">
        <v>25169</v>
      </c>
      <c r="AE8254" s="1"/>
    </row>
    <row r="8255" spans="1:31" ht="14.45">
      <c r="A8255" s="11"/>
      <c r="B8255" s="20"/>
      <c r="C8255" s="2" t="s">
        <v>25294</v>
      </c>
      <c r="D8255" s="14" t="s">
        <v>25295</v>
      </c>
      <c r="E8255" s="2" t="s">
        <v>25296</v>
      </c>
      <c r="F8255" s="2" t="s">
        <v>25163</v>
      </c>
      <c r="G8255" s="8">
        <v>281</v>
      </c>
      <c r="H8255" s="5">
        <v>15</v>
      </c>
      <c r="I8255" s="5" t="s">
        <v>69</v>
      </c>
      <c r="J8255" s="5" t="s">
        <v>24629</v>
      </c>
      <c r="K8255" s="2" t="s">
        <v>24630</v>
      </c>
      <c r="L8255" s="5" t="s">
        <v>24629</v>
      </c>
      <c r="M8255" s="2" t="s">
        <v>24630</v>
      </c>
      <c r="N8255" s="5" t="s">
        <v>24254</v>
      </c>
      <c r="O8255" s="5" t="s">
        <v>38</v>
      </c>
      <c r="P8255" s="5" t="s">
        <v>39</v>
      </c>
      <c r="Q8255" s="5" t="s">
        <v>40</v>
      </c>
      <c r="R8255" s="5" t="s">
        <v>24340</v>
      </c>
      <c r="S8255" s="5" t="s">
        <v>40</v>
      </c>
      <c r="T8255" s="5" t="s">
        <v>42</v>
      </c>
      <c r="U8255" s="2">
        <v>9.5440000000000005</v>
      </c>
      <c r="V8255" s="2">
        <v>8.6069999999999993</v>
      </c>
      <c r="W8255" s="2">
        <v>6.9000000000000006E-2</v>
      </c>
      <c r="X8255" s="2">
        <v>12</v>
      </c>
      <c r="Y8255" s="2">
        <v>42.5</v>
      </c>
      <c r="Z8255" s="2">
        <v>116.4</v>
      </c>
      <c r="AA8255" s="5">
        <v>20</v>
      </c>
      <c r="AB8255" s="5" t="s">
        <v>43</v>
      </c>
      <c r="AC8255" s="5" t="s">
        <v>44</v>
      </c>
      <c r="AD8255" s="2" t="s">
        <v>25297</v>
      </c>
      <c r="AE8255" s="1"/>
    </row>
    <row r="8256" spans="1:31" ht="14.45">
      <c r="A8256" s="11"/>
      <c r="B8256" s="20"/>
      <c r="C8256" s="2" t="s">
        <v>25298</v>
      </c>
      <c r="D8256" s="14" t="s">
        <v>25299</v>
      </c>
      <c r="E8256" s="2" t="s">
        <v>25300</v>
      </c>
      <c r="F8256" s="2" t="s">
        <v>25163</v>
      </c>
      <c r="G8256" s="8">
        <v>281</v>
      </c>
      <c r="H8256" s="5">
        <v>15</v>
      </c>
      <c r="I8256" s="5" t="s">
        <v>69</v>
      </c>
      <c r="J8256" s="5" t="s">
        <v>24629</v>
      </c>
      <c r="K8256" s="2" t="s">
        <v>24630</v>
      </c>
      <c r="L8256" s="5" t="s">
        <v>24629</v>
      </c>
      <c r="M8256" s="2" t="s">
        <v>24630</v>
      </c>
      <c r="N8256" s="5" t="s">
        <v>24254</v>
      </c>
      <c r="O8256" s="5" t="s">
        <v>38</v>
      </c>
      <c r="P8256" s="5" t="s">
        <v>39</v>
      </c>
      <c r="Q8256" s="5" t="s">
        <v>40</v>
      </c>
      <c r="R8256" s="5" t="s">
        <v>25301</v>
      </c>
      <c r="S8256" s="5" t="s">
        <v>40</v>
      </c>
      <c r="T8256" s="5" t="s">
        <v>42</v>
      </c>
      <c r="U8256" s="2">
        <v>7.1360000000000001</v>
      </c>
      <c r="V8256" s="2">
        <v>6.1989999999999998</v>
      </c>
      <c r="W8256" s="2">
        <v>6.9000000000000006E-2</v>
      </c>
      <c r="X8256" s="2">
        <v>12</v>
      </c>
      <c r="Y8256" s="2">
        <v>42.5</v>
      </c>
      <c r="Z8256" s="2">
        <v>116.4</v>
      </c>
      <c r="AA8256" s="5">
        <v>20</v>
      </c>
      <c r="AB8256" s="5" t="s">
        <v>43</v>
      </c>
      <c r="AC8256" s="5" t="s">
        <v>44</v>
      </c>
      <c r="AD8256" s="2" t="s">
        <v>25302</v>
      </c>
      <c r="AE8256" s="1"/>
    </row>
    <row r="8257" spans="1:31" ht="14.45">
      <c r="A8257" s="5"/>
      <c r="B8257" s="21"/>
      <c r="C8257" s="2" t="s">
        <v>25303</v>
      </c>
      <c r="D8257" s="14" t="s">
        <v>25304</v>
      </c>
      <c r="E8257" s="2" t="s">
        <v>25305</v>
      </c>
      <c r="F8257" s="2" t="s">
        <v>25306</v>
      </c>
      <c r="G8257" s="8">
        <v>328</v>
      </c>
      <c r="H8257" s="5">
        <v>20</v>
      </c>
      <c r="I8257" s="5" t="s">
        <v>69</v>
      </c>
      <c r="J8257" s="5" t="s">
        <v>24629</v>
      </c>
      <c r="K8257" s="2" t="s">
        <v>24630</v>
      </c>
      <c r="L8257" s="5" t="s">
        <v>24629</v>
      </c>
      <c r="M8257" s="2" t="s">
        <v>24630</v>
      </c>
      <c r="N8257" s="5" t="s">
        <v>24254</v>
      </c>
      <c r="O8257" s="5" t="s">
        <v>38</v>
      </c>
      <c r="P8257" s="5" t="s">
        <v>39</v>
      </c>
      <c r="Q8257" s="5" t="s">
        <v>40</v>
      </c>
      <c r="R8257" s="5" t="s">
        <v>25301</v>
      </c>
      <c r="S8257" s="5" t="s">
        <v>40</v>
      </c>
      <c r="T8257" s="5" t="s">
        <v>42</v>
      </c>
      <c r="U8257" s="2">
        <v>9.6270000000000007</v>
      </c>
      <c r="V8257" s="2">
        <v>8.69</v>
      </c>
      <c r="W8257" s="2">
        <v>5.8999999999999997E-2</v>
      </c>
      <c r="X8257" s="2">
        <v>12</v>
      </c>
      <c r="Y8257" s="2">
        <v>42.5</v>
      </c>
      <c r="Z8257" s="2">
        <v>116.4</v>
      </c>
      <c r="AA8257" s="5">
        <v>10</v>
      </c>
      <c r="AB8257" s="5" t="s">
        <v>43</v>
      </c>
      <c r="AC8257" s="5" t="s">
        <v>44</v>
      </c>
      <c r="AD8257" s="2"/>
      <c r="AE8257" s="1"/>
    </row>
    <row r="8258" spans="1:31" ht="14.45">
      <c r="A8258" s="11"/>
      <c r="B8258" s="20"/>
      <c r="C8258" s="2" t="s">
        <v>25307</v>
      </c>
      <c r="D8258" s="14" t="s">
        <v>25308</v>
      </c>
      <c r="E8258" s="2" t="s">
        <v>25309</v>
      </c>
      <c r="F8258" s="2" t="s">
        <v>25163</v>
      </c>
      <c r="G8258" s="8">
        <v>289</v>
      </c>
      <c r="H8258" s="5">
        <v>15</v>
      </c>
      <c r="I8258" s="5" t="s">
        <v>69</v>
      </c>
      <c r="J8258" s="5" t="s">
        <v>24629</v>
      </c>
      <c r="K8258" s="2" t="s">
        <v>24630</v>
      </c>
      <c r="L8258" s="5" t="s">
        <v>24629</v>
      </c>
      <c r="M8258" s="2" t="s">
        <v>24630</v>
      </c>
      <c r="N8258" s="5" t="s">
        <v>24254</v>
      </c>
      <c r="O8258" s="5" t="s">
        <v>38</v>
      </c>
      <c r="P8258" s="5" t="s">
        <v>39</v>
      </c>
      <c r="Q8258" s="5" t="s">
        <v>40</v>
      </c>
      <c r="R8258" s="5" t="s">
        <v>24340</v>
      </c>
      <c r="S8258" s="5" t="s">
        <v>40</v>
      </c>
      <c r="T8258" s="5" t="s">
        <v>42</v>
      </c>
      <c r="U8258" s="2">
        <v>10.579000000000001</v>
      </c>
      <c r="V8258" s="2">
        <v>9.4559999999999995</v>
      </c>
      <c r="W8258" s="2">
        <v>8.3000000000000004E-2</v>
      </c>
      <c r="X8258" s="2">
        <v>12</v>
      </c>
      <c r="Y8258" s="2">
        <v>42.5</v>
      </c>
      <c r="Z8258" s="2">
        <v>144.4</v>
      </c>
      <c r="AA8258" s="5">
        <v>20</v>
      </c>
      <c r="AB8258" s="5" t="s">
        <v>43</v>
      </c>
      <c r="AC8258" s="5" t="s">
        <v>44</v>
      </c>
      <c r="AD8258" s="2" t="s">
        <v>25297</v>
      </c>
      <c r="AE8258" s="1"/>
    </row>
    <row r="8259" spans="1:31" ht="14.45">
      <c r="A8259" s="11"/>
      <c r="B8259" s="20"/>
      <c r="C8259" s="2" t="s">
        <v>25310</v>
      </c>
      <c r="D8259" s="14" t="s">
        <v>25311</v>
      </c>
      <c r="E8259" s="2" t="s">
        <v>25312</v>
      </c>
      <c r="F8259" s="2" t="s">
        <v>25163</v>
      </c>
      <c r="G8259" s="8">
        <v>289</v>
      </c>
      <c r="H8259" s="5">
        <v>15</v>
      </c>
      <c r="I8259" s="5" t="s">
        <v>69</v>
      </c>
      <c r="J8259" s="5" t="s">
        <v>24629</v>
      </c>
      <c r="K8259" s="2" t="s">
        <v>24630</v>
      </c>
      <c r="L8259" s="5" t="s">
        <v>24629</v>
      </c>
      <c r="M8259" s="2" t="s">
        <v>24630</v>
      </c>
      <c r="N8259" s="5" t="s">
        <v>24254</v>
      </c>
      <c r="O8259" s="5" t="s">
        <v>38</v>
      </c>
      <c r="P8259" s="5" t="s">
        <v>39</v>
      </c>
      <c r="Q8259" s="5" t="s">
        <v>40</v>
      </c>
      <c r="R8259" s="5" t="s">
        <v>25301</v>
      </c>
      <c r="S8259" s="5" t="s">
        <v>40</v>
      </c>
      <c r="T8259" s="5" t="s">
        <v>42</v>
      </c>
      <c r="U8259" s="2">
        <v>9.5679999999999996</v>
      </c>
      <c r="V8259" s="2">
        <v>8.4450000000000003</v>
      </c>
      <c r="W8259" s="2">
        <v>8.3000000000000004E-2</v>
      </c>
      <c r="X8259" s="2">
        <v>12</v>
      </c>
      <c r="Y8259" s="2">
        <v>42.5</v>
      </c>
      <c r="Z8259" s="2">
        <v>144.4</v>
      </c>
      <c r="AA8259" s="5">
        <v>20</v>
      </c>
      <c r="AB8259" s="5" t="s">
        <v>43</v>
      </c>
      <c r="AC8259" s="5" t="s">
        <v>44</v>
      </c>
      <c r="AD8259" s="2" t="s">
        <v>25302</v>
      </c>
      <c r="AE8259" s="1"/>
    </row>
    <row r="8260" spans="1:31" ht="14.45">
      <c r="A8260" s="5"/>
      <c r="B8260" s="21"/>
      <c r="C8260" s="2" t="s">
        <v>25313</v>
      </c>
      <c r="D8260" s="14" t="s">
        <v>25314</v>
      </c>
      <c r="E8260" s="2" t="s">
        <v>25315</v>
      </c>
      <c r="F8260" s="2" t="s">
        <v>25306</v>
      </c>
      <c r="G8260" s="8">
        <v>339</v>
      </c>
      <c r="H8260" s="5">
        <v>20</v>
      </c>
      <c r="I8260" s="5" t="s">
        <v>69</v>
      </c>
      <c r="J8260" s="5" t="s">
        <v>24629</v>
      </c>
      <c r="K8260" s="2" t="s">
        <v>24630</v>
      </c>
      <c r="L8260" s="5" t="s">
        <v>24629</v>
      </c>
      <c r="M8260" s="2" t="s">
        <v>24630</v>
      </c>
      <c r="N8260" s="5" t="s">
        <v>24254</v>
      </c>
      <c r="O8260" s="5" t="s">
        <v>38</v>
      </c>
      <c r="P8260" s="5" t="s">
        <v>39</v>
      </c>
      <c r="Q8260" s="5" t="s">
        <v>40</v>
      </c>
      <c r="R8260" s="5" t="s">
        <v>25301</v>
      </c>
      <c r="S8260" s="5" t="s">
        <v>40</v>
      </c>
      <c r="T8260" s="5" t="s">
        <v>42</v>
      </c>
      <c r="U8260" s="2">
        <v>10.706</v>
      </c>
      <c r="V8260" s="2">
        <v>9.5830000000000002</v>
      </c>
      <c r="W8260" s="2">
        <v>7.3999999999999996E-2</v>
      </c>
      <c r="X8260" s="2">
        <v>12</v>
      </c>
      <c r="Y8260" s="2">
        <v>42.5</v>
      </c>
      <c r="Z8260" s="2">
        <v>144.4</v>
      </c>
      <c r="AA8260" s="5">
        <v>10</v>
      </c>
      <c r="AB8260" s="5" t="s">
        <v>43</v>
      </c>
      <c r="AC8260" s="5" t="s">
        <v>44</v>
      </c>
      <c r="AD8260" s="2"/>
      <c r="AE8260" s="1"/>
    </row>
    <row r="8261" spans="1:31" ht="14.45">
      <c r="A8261" s="11"/>
      <c r="B8261" s="20"/>
      <c r="C8261" s="2" t="s">
        <v>25316</v>
      </c>
      <c r="D8261" s="14" t="s">
        <v>25317</v>
      </c>
      <c r="E8261" s="2" t="s">
        <v>25318</v>
      </c>
      <c r="F8261" s="2" t="s">
        <v>25163</v>
      </c>
      <c r="G8261" s="8">
        <v>293</v>
      </c>
      <c r="H8261" s="5">
        <v>15</v>
      </c>
      <c r="I8261" s="5" t="s">
        <v>69</v>
      </c>
      <c r="J8261" s="5" t="s">
        <v>24629</v>
      </c>
      <c r="K8261" s="2" t="s">
        <v>24630</v>
      </c>
      <c r="L8261" s="5" t="s">
        <v>24629</v>
      </c>
      <c r="M8261" s="2" t="s">
        <v>24630</v>
      </c>
      <c r="N8261" s="5" t="s">
        <v>24254</v>
      </c>
      <c r="O8261" s="5" t="s">
        <v>38</v>
      </c>
      <c r="P8261" s="5" t="s">
        <v>39</v>
      </c>
      <c r="Q8261" s="5" t="s">
        <v>40</v>
      </c>
      <c r="R8261" s="5" t="s">
        <v>24340</v>
      </c>
      <c r="S8261" s="5" t="s">
        <v>40</v>
      </c>
      <c r="T8261" s="5" t="s">
        <v>42</v>
      </c>
      <c r="U8261" s="2">
        <v>11.554</v>
      </c>
      <c r="V8261" s="2">
        <v>10.298</v>
      </c>
      <c r="W8261" s="2">
        <v>9.2999999999999999E-2</v>
      </c>
      <c r="X8261" s="2">
        <v>12</v>
      </c>
      <c r="Y8261" s="2">
        <v>42.5</v>
      </c>
      <c r="Z8261" s="2">
        <v>164.4</v>
      </c>
      <c r="AA8261" s="5">
        <v>20</v>
      </c>
      <c r="AB8261" s="5" t="s">
        <v>43</v>
      </c>
      <c r="AC8261" s="5" t="s">
        <v>44</v>
      </c>
      <c r="AD8261" s="2" t="s">
        <v>25297</v>
      </c>
      <c r="AE8261" s="1"/>
    </row>
    <row r="8262" spans="1:31" ht="14.45">
      <c r="A8262" s="11"/>
      <c r="B8262" s="20"/>
      <c r="C8262" s="2" t="s">
        <v>25319</v>
      </c>
      <c r="D8262" s="14" t="s">
        <v>25320</v>
      </c>
      <c r="E8262" s="2" t="s">
        <v>25321</v>
      </c>
      <c r="F8262" s="2" t="s">
        <v>25163</v>
      </c>
      <c r="G8262" s="8">
        <v>293</v>
      </c>
      <c r="H8262" s="5">
        <v>15</v>
      </c>
      <c r="I8262" s="5" t="s">
        <v>69</v>
      </c>
      <c r="J8262" s="5" t="s">
        <v>24629</v>
      </c>
      <c r="K8262" s="2" t="s">
        <v>24630</v>
      </c>
      <c r="L8262" s="5" t="s">
        <v>24629</v>
      </c>
      <c r="M8262" s="2" t="s">
        <v>24630</v>
      </c>
      <c r="N8262" s="5" t="s">
        <v>24254</v>
      </c>
      <c r="O8262" s="5" t="s">
        <v>38</v>
      </c>
      <c r="P8262" s="5" t="s">
        <v>39</v>
      </c>
      <c r="Q8262" s="5" t="s">
        <v>40</v>
      </c>
      <c r="R8262" s="5" t="s">
        <v>25301</v>
      </c>
      <c r="S8262" s="5" t="s">
        <v>40</v>
      </c>
      <c r="T8262" s="5" t="s">
        <v>42</v>
      </c>
      <c r="U8262" s="2">
        <v>10.446999999999999</v>
      </c>
      <c r="V8262" s="2">
        <v>9.1910000000000007</v>
      </c>
      <c r="W8262" s="2">
        <v>9.2999999999999999E-2</v>
      </c>
      <c r="X8262" s="2">
        <v>12</v>
      </c>
      <c r="Y8262" s="2">
        <v>42.5</v>
      </c>
      <c r="Z8262" s="2">
        <v>164.4</v>
      </c>
      <c r="AA8262" s="5">
        <v>20</v>
      </c>
      <c r="AB8262" s="5" t="s">
        <v>43</v>
      </c>
      <c r="AC8262" s="5" t="s">
        <v>44</v>
      </c>
      <c r="AD8262" s="2" t="s">
        <v>25302</v>
      </c>
      <c r="AE8262" s="1"/>
    </row>
    <row r="8263" spans="1:31" ht="14.45">
      <c r="A8263" s="5"/>
      <c r="B8263" s="21"/>
      <c r="C8263" s="2" t="s">
        <v>25322</v>
      </c>
      <c r="D8263" s="14" t="s">
        <v>25323</v>
      </c>
      <c r="E8263" s="2" t="s">
        <v>25324</v>
      </c>
      <c r="F8263" s="2" t="s">
        <v>25306</v>
      </c>
      <c r="G8263" s="8">
        <v>345</v>
      </c>
      <c r="H8263" s="5">
        <v>20</v>
      </c>
      <c r="I8263" s="5" t="s">
        <v>69</v>
      </c>
      <c r="J8263" s="5" t="s">
        <v>24629</v>
      </c>
      <c r="K8263" s="2" t="s">
        <v>24630</v>
      </c>
      <c r="L8263" s="5" t="s">
        <v>24629</v>
      </c>
      <c r="M8263" s="2" t="s">
        <v>24630</v>
      </c>
      <c r="N8263" s="5" t="s">
        <v>24254</v>
      </c>
      <c r="O8263" s="5" t="s">
        <v>38</v>
      </c>
      <c r="P8263" s="5" t="s">
        <v>39</v>
      </c>
      <c r="Q8263" s="5" t="s">
        <v>40</v>
      </c>
      <c r="R8263" s="5" t="s">
        <v>25301</v>
      </c>
      <c r="S8263" s="5" t="s">
        <v>40</v>
      </c>
      <c r="T8263" s="5" t="s">
        <v>42</v>
      </c>
      <c r="U8263" s="2">
        <v>11.733000000000001</v>
      </c>
      <c r="V8263" s="2">
        <v>10.477</v>
      </c>
      <c r="W8263" s="2">
        <v>8.4000000000000005E-2</v>
      </c>
      <c r="X8263" s="2">
        <v>12</v>
      </c>
      <c r="Y8263" s="2">
        <v>42.5</v>
      </c>
      <c r="Z8263" s="2">
        <v>164.4</v>
      </c>
      <c r="AA8263" s="5">
        <v>10</v>
      </c>
      <c r="AB8263" s="5" t="s">
        <v>43</v>
      </c>
      <c r="AC8263" s="5" t="s">
        <v>44</v>
      </c>
      <c r="AD8263" s="2"/>
      <c r="AE8263" s="1"/>
    </row>
    <row r="8264" spans="1:31" ht="14.45">
      <c r="A8264" s="11"/>
      <c r="B8264" s="20"/>
      <c r="C8264" s="2" t="s">
        <v>25325</v>
      </c>
      <c r="D8264" s="14" t="s">
        <v>25326</v>
      </c>
      <c r="E8264" s="2" t="s">
        <v>25327</v>
      </c>
      <c r="F8264" s="2" t="s">
        <v>25163</v>
      </c>
      <c r="G8264" s="8">
        <v>293</v>
      </c>
      <c r="H8264" s="5">
        <v>15</v>
      </c>
      <c r="I8264" s="5" t="s">
        <v>69</v>
      </c>
      <c r="J8264" s="5" t="s">
        <v>24629</v>
      </c>
      <c r="K8264" s="2" t="s">
        <v>24630</v>
      </c>
      <c r="L8264" s="5" t="s">
        <v>24629</v>
      </c>
      <c r="M8264" s="2" t="s">
        <v>24630</v>
      </c>
      <c r="N8264" s="5" t="s">
        <v>24254</v>
      </c>
      <c r="O8264" s="5" t="s">
        <v>38</v>
      </c>
      <c r="P8264" s="5" t="s">
        <v>39</v>
      </c>
      <c r="Q8264" s="5" t="s">
        <v>40</v>
      </c>
      <c r="R8264" s="5" t="s">
        <v>24340</v>
      </c>
      <c r="S8264" s="5" t="s">
        <v>40</v>
      </c>
      <c r="T8264" s="5" t="s">
        <v>42</v>
      </c>
      <c r="U8264" s="2">
        <v>10.894</v>
      </c>
      <c r="V8264" s="2">
        <v>9.7710000000000008</v>
      </c>
      <c r="W8264" s="2">
        <v>8.3000000000000004E-2</v>
      </c>
      <c r="X8264" s="2">
        <v>12</v>
      </c>
      <c r="Y8264" s="2">
        <v>42.5</v>
      </c>
      <c r="Z8264" s="2">
        <v>144.4</v>
      </c>
      <c r="AA8264" s="5">
        <v>20</v>
      </c>
      <c r="AB8264" s="5" t="s">
        <v>43</v>
      </c>
      <c r="AC8264" s="5" t="s">
        <v>44</v>
      </c>
      <c r="AD8264" s="2" t="s">
        <v>25297</v>
      </c>
      <c r="AE8264" s="1"/>
    </row>
    <row r="8265" spans="1:31" ht="14.45">
      <c r="A8265" s="11"/>
      <c r="B8265" s="20"/>
      <c r="C8265" s="2" t="s">
        <v>25328</v>
      </c>
      <c r="D8265" s="14" t="s">
        <v>25329</v>
      </c>
      <c r="E8265" s="2" t="s">
        <v>25330</v>
      </c>
      <c r="F8265" s="2" t="s">
        <v>25163</v>
      </c>
      <c r="G8265" s="8">
        <v>293</v>
      </c>
      <c r="H8265" s="5">
        <v>15</v>
      </c>
      <c r="I8265" s="5" t="s">
        <v>69</v>
      </c>
      <c r="J8265" s="5" t="s">
        <v>24629</v>
      </c>
      <c r="K8265" s="2" t="s">
        <v>24630</v>
      </c>
      <c r="L8265" s="5" t="s">
        <v>24629</v>
      </c>
      <c r="M8265" s="2" t="s">
        <v>24630</v>
      </c>
      <c r="N8265" s="5" t="s">
        <v>24254</v>
      </c>
      <c r="O8265" s="5" t="s">
        <v>38</v>
      </c>
      <c r="P8265" s="5" t="s">
        <v>39</v>
      </c>
      <c r="Q8265" s="5" t="s">
        <v>40</v>
      </c>
      <c r="R8265" s="5" t="s">
        <v>25301</v>
      </c>
      <c r="S8265" s="5" t="s">
        <v>40</v>
      </c>
      <c r="T8265" s="5" t="s">
        <v>42</v>
      </c>
      <c r="U8265" s="2">
        <v>9.8450000000000006</v>
      </c>
      <c r="V8265" s="2">
        <v>8.7219999999999995</v>
      </c>
      <c r="W8265" s="2">
        <v>8.3000000000000004E-2</v>
      </c>
      <c r="X8265" s="2">
        <v>12</v>
      </c>
      <c r="Y8265" s="2">
        <v>42.5</v>
      </c>
      <c r="Z8265" s="2">
        <v>144.4</v>
      </c>
      <c r="AA8265" s="5">
        <v>20</v>
      </c>
      <c r="AB8265" s="5" t="s">
        <v>43</v>
      </c>
      <c r="AC8265" s="5" t="s">
        <v>44</v>
      </c>
      <c r="AD8265" s="2" t="s">
        <v>25302</v>
      </c>
      <c r="AE8265" s="1"/>
    </row>
    <row r="8266" spans="1:31" ht="14.45">
      <c r="A8266" s="5"/>
      <c r="B8266" s="21"/>
      <c r="C8266" s="2" t="s">
        <v>25331</v>
      </c>
      <c r="D8266" s="14" t="s">
        <v>25332</v>
      </c>
      <c r="E8266" s="2" t="s">
        <v>25333</v>
      </c>
      <c r="F8266" s="2" t="s">
        <v>25306</v>
      </c>
      <c r="G8266" s="8">
        <v>345</v>
      </c>
      <c r="H8266" s="5">
        <v>20</v>
      </c>
      <c r="I8266" s="5" t="s">
        <v>69</v>
      </c>
      <c r="J8266" s="5" t="s">
        <v>24629</v>
      </c>
      <c r="K8266" s="2" t="s">
        <v>24630</v>
      </c>
      <c r="L8266" s="5" t="s">
        <v>24629</v>
      </c>
      <c r="M8266" s="2" t="s">
        <v>24630</v>
      </c>
      <c r="N8266" s="5" t="s">
        <v>24254</v>
      </c>
      <c r="O8266" s="5" t="s">
        <v>38</v>
      </c>
      <c r="P8266" s="5" t="s">
        <v>39</v>
      </c>
      <c r="Q8266" s="5" t="s">
        <v>40</v>
      </c>
      <c r="R8266" s="5" t="s">
        <v>25301</v>
      </c>
      <c r="S8266" s="5" t="s">
        <v>40</v>
      </c>
      <c r="T8266" s="5" t="s">
        <v>42</v>
      </c>
      <c r="U8266" s="2">
        <v>11.061</v>
      </c>
      <c r="V8266" s="2">
        <v>9.9380000000000006</v>
      </c>
      <c r="W8266" s="2">
        <v>7.3999999999999996E-2</v>
      </c>
      <c r="X8266" s="2">
        <v>12</v>
      </c>
      <c r="Y8266" s="2">
        <v>42.5</v>
      </c>
      <c r="Z8266" s="2">
        <v>144.4</v>
      </c>
      <c r="AA8266" s="5">
        <v>10</v>
      </c>
      <c r="AB8266" s="5" t="s">
        <v>43</v>
      </c>
      <c r="AC8266" s="5" t="s">
        <v>44</v>
      </c>
      <c r="AD8266" s="2"/>
      <c r="AE8266" s="1"/>
    </row>
    <row r="8267" spans="1:31" ht="14.45">
      <c r="A8267" s="11"/>
      <c r="B8267" s="20"/>
      <c r="C8267" s="2" t="s">
        <v>25334</v>
      </c>
      <c r="D8267" s="14" t="s">
        <v>25335</v>
      </c>
      <c r="E8267" s="2" t="s">
        <v>25336</v>
      </c>
      <c r="F8267" s="2" t="s">
        <v>25163</v>
      </c>
      <c r="G8267" s="8">
        <v>306</v>
      </c>
      <c r="H8267" s="5">
        <v>15</v>
      </c>
      <c r="I8267" s="5" t="s">
        <v>69</v>
      </c>
      <c r="J8267" s="5" t="s">
        <v>24629</v>
      </c>
      <c r="K8267" s="2" t="s">
        <v>24630</v>
      </c>
      <c r="L8267" s="5" t="s">
        <v>24629</v>
      </c>
      <c r="M8267" s="2" t="s">
        <v>24630</v>
      </c>
      <c r="N8267" s="5" t="s">
        <v>24254</v>
      </c>
      <c r="O8267" s="5" t="s">
        <v>38</v>
      </c>
      <c r="P8267" s="5" t="s">
        <v>39</v>
      </c>
      <c r="Q8267" s="5" t="s">
        <v>40</v>
      </c>
      <c r="R8267" s="5" t="s">
        <v>24340</v>
      </c>
      <c r="S8267" s="5" t="s">
        <v>40</v>
      </c>
      <c r="T8267" s="5" t="s">
        <v>42</v>
      </c>
      <c r="U8267" s="2">
        <v>11.87</v>
      </c>
      <c r="V8267" s="2">
        <v>10.614000000000001</v>
      </c>
      <c r="W8267" s="2">
        <v>9.2999999999999999E-2</v>
      </c>
      <c r="X8267" s="2">
        <v>12</v>
      </c>
      <c r="Y8267" s="2">
        <v>42.5</v>
      </c>
      <c r="Z8267" s="2">
        <v>164.4</v>
      </c>
      <c r="AA8267" s="5">
        <v>20</v>
      </c>
      <c r="AB8267" s="5" t="s">
        <v>43</v>
      </c>
      <c r="AC8267" s="5" t="s">
        <v>44</v>
      </c>
      <c r="AD8267" s="2" t="s">
        <v>25297</v>
      </c>
      <c r="AE8267" s="1"/>
    </row>
    <row r="8268" spans="1:31" ht="14.45">
      <c r="A8268" s="11"/>
      <c r="B8268" s="20"/>
      <c r="C8268" s="2" t="s">
        <v>25337</v>
      </c>
      <c r="D8268" s="14" t="s">
        <v>25338</v>
      </c>
      <c r="E8268" s="2" t="s">
        <v>25339</v>
      </c>
      <c r="F8268" s="2" t="s">
        <v>25163</v>
      </c>
      <c r="G8268" s="8">
        <v>306</v>
      </c>
      <c r="H8268" s="5">
        <v>15</v>
      </c>
      <c r="I8268" s="5" t="s">
        <v>69</v>
      </c>
      <c r="J8268" s="5" t="s">
        <v>24629</v>
      </c>
      <c r="K8268" s="2" t="s">
        <v>24630</v>
      </c>
      <c r="L8268" s="5" t="s">
        <v>24629</v>
      </c>
      <c r="M8268" s="2" t="s">
        <v>24630</v>
      </c>
      <c r="N8268" s="5" t="s">
        <v>24254</v>
      </c>
      <c r="O8268" s="5" t="s">
        <v>38</v>
      </c>
      <c r="P8268" s="5" t="s">
        <v>39</v>
      </c>
      <c r="Q8268" s="5" t="s">
        <v>40</v>
      </c>
      <c r="R8268" s="5" t="s">
        <v>25301</v>
      </c>
      <c r="S8268" s="5" t="s">
        <v>40</v>
      </c>
      <c r="T8268" s="5" t="s">
        <v>42</v>
      </c>
      <c r="U8268" s="2">
        <v>10.725</v>
      </c>
      <c r="V8268" s="2">
        <v>9.4689999999999994</v>
      </c>
      <c r="W8268" s="2">
        <v>9.2999999999999999E-2</v>
      </c>
      <c r="X8268" s="2">
        <v>12</v>
      </c>
      <c r="Y8268" s="2">
        <v>42.5</v>
      </c>
      <c r="Z8268" s="2">
        <v>164.4</v>
      </c>
      <c r="AA8268" s="5">
        <v>20</v>
      </c>
      <c r="AB8268" s="5" t="s">
        <v>43</v>
      </c>
      <c r="AC8268" s="5" t="s">
        <v>44</v>
      </c>
      <c r="AD8268" s="2" t="s">
        <v>25302</v>
      </c>
      <c r="AE8268" s="1"/>
    </row>
    <row r="8269" spans="1:31" ht="14.45">
      <c r="A8269" s="5"/>
      <c r="B8269" s="21"/>
      <c r="C8269" s="2" t="s">
        <v>25340</v>
      </c>
      <c r="D8269" s="14" t="s">
        <v>25341</v>
      </c>
      <c r="E8269" s="2" t="s">
        <v>25342</v>
      </c>
      <c r="F8269" s="2" t="s">
        <v>25306</v>
      </c>
      <c r="G8269" s="8">
        <v>363</v>
      </c>
      <c r="H8269" s="5">
        <v>20</v>
      </c>
      <c r="I8269" s="5" t="s">
        <v>69</v>
      </c>
      <c r="J8269" s="5" t="s">
        <v>24629</v>
      </c>
      <c r="K8269" s="2" t="s">
        <v>24630</v>
      </c>
      <c r="L8269" s="5" t="s">
        <v>24629</v>
      </c>
      <c r="M8269" s="2" t="s">
        <v>24630</v>
      </c>
      <c r="N8269" s="5" t="s">
        <v>24254</v>
      </c>
      <c r="O8269" s="5" t="s">
        <v>38</v>
      </c>
      <c r="P8269" s="5" t="s">
        <v>39</v>
      </c>
      <c r="Q8269" s="5" t="s">
        <v>40</v>
      </c>
      <c r="R8269" s="5" t="s">
        <v>25301</v>
      </c>
      <c r="S8269" s="5" t="s">
        <v>40</v>
      </c>
      <c r="T8269" s="5" t="s">
        <v>42</v>
      </c>
      <c r="U8269" s="2">
        <v>12.089</v>
      </c>
      <c r="V8269" s="2">
        <v>10.833</v>
      </c>
      <c r="W8269" s="2">
        <v>8.4000000000000005E-2</v>
      </c>
      <c r="X8269" s="2">
        <v>12</v>
      </c>
      <c r="Y8269" s="2">
        <v>42.5</v>
      </c>
      <c r="Z8269" s="2">
        <v>164.4</v>
      </c>
      <c r="AA8269" s="5">
        <v>10</v>
      </c>
      <c r="AB8269" s="5" t="s">
        <v>43</v>
      </c>
      <c r="AC8269" s="5" t="s">
        <v>44</v>
      </c>
      <c r="AD8269" s="2"/>
      <c r="AE8269" s="1"/>
    </row>
    <row r="8270" spans="1:31" ht="14.45">
      <c r="A8270" s="11"/>
      <c r="B8270" s="20"/>
      <c r="C8270" s="2" t="s">
        <v>25343</v>
      </c>
      <c r="D8270" s="14" t="s">
        <v>25344</v>
      </c>
      <c r="E8270" s="2" t="s">
        <v>25345</v>
      </c>
      <c r="F8270" s="2" t="s">
        <v>25163</v>
      </c>
      <c r="G8270" s="8">
        <v>311</v>
      </c>
      <c r="H8270" s="5">
        <v>15</v>
      </c>
      <c r="I8270" s="5" t="s">
        <v>69</v>
      </c>
      <c r="J8270" s="5" t="s">
        <v>24629</v>
      </c>
      <c r="K8270" s="2" t="s">
        <v>24630</v>
      </c>
      <c r="L8270" s="5" t="s">
        <v>24629</v>
      </c>
      <c r="M8270" s="2" t="s">
        <v>24630</v>
      </c>
      <c r="N8270" s="5" t="s">
        <v>24254</v>
      </c>
      <c r="O8270" s="5" t="s">
        <v>38</v>
      </c>
      <c r="P8270" s="5" t="s">
        <v>39</v>
      </c>
      <c r="Q8270" s="5" t="s">
        <v>40</v>
      </c>
      <c r="R8270" s="5" t="s">
        <v>24340</v>
      </c>
      <c r="S8270" s="5" t="s">
        <v>40</v>
      </c>
      <c r="T8270" s="5" t="s">
        <v>42</v>
      </c>
      <c r="U8270" s="2">
        <v>12.962999999999999</v>
      </c>
      <c r="V8270" s="2">
        <v>11.544</v>
      </c>
      <c r="W8270" s="2">
        <v>0.11600000000000001</v>
      </c>
      <c r="X8270" s="2">
        <v>12</v>
      </c>
      <c r="Y8270" s="2">
        <v>42.5</v>
      </c>
      <c r="Z8270" s="2">
        <v>188.9</v>
      </c>
      <c r="AA8270" s="5">
        <v>20</v>
      </c>
      <c r="AB8270" s="5" t="s">
        <v>43</v>
      </c>
      <c r="AC8270" s="5" t="s">
        <v>44</v>
      </c>
      <c r="AD8270" s="2" t="s">
        <v>25297</v>
      </c>
      <c r="AE8270" s="1"/>
    </row>
    <row r="8271" spans="1:31" ht="14.45">
      <c r="A8271" s="11"/>
      <c r="B8271" s="20"/>
      <c r="C8271" s="2" t="s">
        <v>25346</v>
      </c>
      <c r="D8271" s="14" t="s">
        <v>25347</v>
      </c>
      <c r="E8271" s="2" t="s">
        <v>25348</v>
      </c>
      <c r="F8271" s="2" t="s">
        <v>25163</v>
      </c>
      <c r="G8271" s="8">
        <v>311</v>
      </c>
      <c r="H8271" s="5">
        <v>15</v>
      </c>
      <c r="I8271" s="5" t="s">
        <v>69</v>
      </c>
      <c r="J8271" s="5" t="s">
        <v>24629</v>
      </c>
      <c r="K8271" s="2" t="s">
        <v>24630</v>
      </c>
      <c r="L8271" s="5" t="s">
        <v>24629</v>
      </c>
      <c r="M8271" s="2" t="s">
        <v>24630</v>
      </c>
      <c r="N8271" s="5" t="s">
        <v>24254</v>
      </c>
      <c r="O8271" s="5" t="s">
        <v>38</v>
      </c>
      <c r="P8271" s="5" t="s">
        <v>39</v>
      </c>
      <c r="Q8271" s="5" t="s">
        <v>40</v>
      </c>
      <c r="R8271" s="5" t="s">
        <v>25301</v>
      </c>
      <c r="S8271" s="5" t="s">
        <v>40</v>
      </c>
      <c r="T8271" s="5" t="s">
        <v>42</v>
      </c>
      <c r="U8271" s="2">
        <v>11.71</v>
      </c>
      <c r="V8271" s="2">
        <v>10.291</v>
      </c>
      <c r="W8271" s="2">
        <v>0.11600000000000001</v>
      </c>
      <c r="X8271" s="2">
        <v>12</v>
      </c>
      <c r="Y8271" s="2">
        <v>42.5</v>
      </c>
      <c r="Z8271" s="2">
        <v>188.9</v>
      </c>
      <c r="AA8271" s="5">
        <v>20</v>
      </c>
      <c r="AB8271" s="5" t="s">
        <v>43</v>
      </c>
      <c r="AC8271" s="5" t="s">
        <v>44</v>
      </c>
      <c r="AD8271" s="2" t="s">
        <v>25302</v>
      </c>
      <c r="AE8271" s="1"/>
    </row>
    <row r="8272" spans="1:31" ht="14.45">
      <c r="A8272" s="5"/>
      <c r="B8272" s="21"/>
      <c r="C8272" s="2" t="s">
        <v>25349</v>
      </c>
      <c r="D8272" s="14" t="s">
        <v>25350</v>
      </c>
      <c r="E8272" s="2" t="s">
        <v>25351</v>
      </c>
      <c r="F8272" s="2" t="s">
        <v>25306</v>
      </c>
      <c r="G8272" s="8">
        <v>369</v>
      </c>
      <c r="H8272" s="5">
        <v>20</v>
      </c>
      <c r="I8272" s="5" t="s">
        <v>69</v>
      </c>
      <c r="J8272" s="5" t="s">
        <v>24629</v>
      </c>
      <c r="K8272" s="2" t="s">
        <v>24630</v>
      </c>
      <c r="L8272" s="5" t="s">
        <v>24629</v>
      </c>
      <c r="M8272" s="2" t="s">
        <v>24630</v>
      </c>
      <c r="N8272" s="5" t="s">
        <v>24254</v>
      </c>
      <c r="O8272" s="5" t="s">
        <v>38</v>
      </c>
      <c r="P8272" s="5" t="s">
        <v>39</v>
      </c>
      <c r="Q8272" s="5" t="s">
        <v>40</v>
      </c>
      <c r="R8272" s="5" t="s">
        <v>25301</v>
      </c>
      <c r="S8272" s="5" t="s">
        <v>40</v>
      </c>
      <c r="T8272" s="5" t="s">
        <v>42</v>
      </c>
      <c r="U8272" s="2">
        <v>13.236000000000001</v>
      </c>
      <c r="V8272" s="2">
        <v>11.817</v>
      </c>
      <c r="W8272" s="2">
        <v>9.6000000000000002E-2</v>
      </c>
      <c r="X8272" s="2">
        <v>12</v>
      </c>
      <c r="Y8272" s="2">
        <v>42.5</v>
      </c>
      <c r="Z8272" s="2">
        <v>188.9</v>
      </c>
      <c r="AA8272" s="5">
        <v>10</v>
      </c>
      <c r="AB8272" s="5" t="s">
        <v>43</v>
      </c>
      <c r="AC8272" s="5" t="s">
        <v>44</v>
      </c>
      <c r="AD8272" s="2"/>
      <c r="AE8272" s="1"/>
    </row>
    <row r="8273" spans="1:31" ht="14.45">
      <c r="A8273" s="11"/>
      <c r="B8273" s="20"/>
      <c r="C8273" s="2" t="s">
        <v>25352</v>
      </c>
      <c r="D8273" s="14" t="s">
        <v>25353</v>
      </c>
      <c r="E8273" s="2" t="s">
        <v>25354</v>
      </c>
      <c r="F8273" s="2" t="s">
        <v>25163</v>
      </c>
      <c r="G8273" s="8">
        <v>303</v>
      </c>
      <c r="H8273" s="5">
        <v>15</v>
      </c>
      <c r="I8273" s="5" t="s">
        <v>69</v>
      </c>
      <c r="J8273" s="5" t="s">
        <v>24629</v>
      </c>
      <c r="K8273" s="2" t="s">
        <v>24630</v>
      </c>
      <c r="L8273" s="5" t="s">
        <v>24629</v>
      </c>
      <c r="M8273" s="2" t="s">
        <v>24630</v>
      </c>
      <c r="N8273" s="5" t="s">
        <v>24254</v>
      </c>
      <c r="O8273" s="5" t="s">
        <v>38</v>
      </c>
      <c r="P8273" s="5" t="s">
        <v>39</v>
      </c>
      <c r="Q8273" s="5" t="s">
        <v>40</v>
      </c>
      <c r="R8273" s="5" t="s">
        <v>24340</v>
      </c>
      <c r="S8273" s="5" t="s">
        <v>40</v>
      </c>
      <c r="T8273" s="5" t="s">
        <v>42</v>
      </c>
      <c r="U8273" s="2">
        <v>11.475</v>
      </c>
      <c r="V8273" s="2">
        <v>10.352</v>
      </c>
      <c r="W8273" s="2">
        <v>8.3000000000000004E-2</v>
      </c>
      <c r="X8273" s="2">
        <v>12</v>
      </c>
      <c r="Y8273" s="2">
        <v>42.5</v>
      </c>
      <c r="Z8273" s="2">
        <v>144.4</v>
      </c>
      <c r="AA8273" s="5">
        <v>20</v>
      </c>
      <c r="AB8273" s="5" t="s">
        <v>43</v>
      </c>
      <c r="AC8273" s="5" t="s">
        <v>44</v>
      </c>
      <c r="AD8273" s="2" t="s">
        <v>25297</v>
      </c>
      <c r="AE8273" s="1"/>
    </row>
    <row r="8274" spans="1:31" ht="14.45">
      <c r="A8274" s="11"/>
      <c r="B8274" s="20"/>
      <c r="C8274" s="2" t="s">
        <v>25355</v>
      </c>
      <c r="D8274" s="14" t="s">
        <v>25356</v>
      </c>
      <c r="E8274" s="2" t="s">
        <v>25357</v>
      </c>
      <c r="F8274" s="2" t="s">
        <v>25163</v>
      </c>
      <c r="G8274" s="8">
        <v>303</v>
      </c>
      <c r="H8274" s="5">
        <v>15</v>
      </c>
      <c r="I8274" s="5" t="s">
        <v>69</v>
      </c>
      <c r="J8274" s="5" t="s">
        <v>24629</v>
      </c>
      <c r="K8274" s="2" t="s">
        <v>24630</v>
      </c>
      <c r="L8274" s="5" t="s">
        <v>24629</v>
      </c>
      <c r="M8274" s="2" t="s">
        <v>24630</v>
      </c>
      <c r="N8274" s="5" t="s">
        <v>24254</v>
      </c>
      <c r="O8274" s="5" t="s">
        <v>38</v>
      </c>
      <c r="P8274" s="5" t="s">
        <v>39</v>
      </c>
      <c r="Q8274" s="5" t="s">
        <v>40</v>
      </c>
      <c r="R8274" s="5" t="s">
        <v>25301</v>
      </c>
      <c r="S8274" s="5" t="s">
        <v>40</v>
      </c>
      <c r="T8274" s="5" t="s">
        <v>42</v>
      </c>
      <c r="U8274" s="2">
        <v>10.385</v>
      </c>
      <c r="V8274" s="2">
        <v>9.2620000000000005</v>
      </c>
      <c r="W8274" s="2">
        <v>8.3000000000000004E-2</v>
      </c>
      <c r="X8274" s="2">
        <v>12</v>
      </c>
      <c r="Y8274" s="2">
        <v>42.5</v>
      </c>
      <c r="Z8274" s="2">
        <v>144.4</v>
      </c>
      <c r="AA8274" s="5">
        <v>20</v>
      </c>
      <c r="AB8274" s="5" t="s">
        <v>43</v>
      </c>
      <c r="AC8274" s="5" t="s">
        <v>44</v>
      </c>
      <c r="AD8274" s="2" t="s">
        <v>25302</v>
      </c>
      <c r="AE8274" s="1"/>
    </row>
    <row r="8275" spans="1:31" ht="14.45">
      <c r="A8275" s="5"/>
      <c r="B8275" s="21"/>
      <c r="C8275" s="2" t="s">
        <v>25358</v>
      </c>
      <c r="D8275" s="14" t="s">
        <v>25359</v>
      </c>
      <c r="E8275" s="2" t="s">
        <v>25360</v>
      </c>
      <c r="F8275" s="2" t="s">
        <v>25306</v>
      </c>
      <c r="G8275" s="8">
        <v>358</v>
      </c>
      <c r="H8275" s="5">
        <v>20</v>
      </c>
      <c r="I8275" s="5" t="s">
        <v>69</v>
      </c>
      <c r="J8275" s="5" t="s">
        <v>24629</v>
      </c>
      <c r="K8275" s="2" t="s">
        <v>24630</v>
      </c>
      <c r="L8275" s="5" t="s">
        <v>24629</v>
      </c>
      <c r="M8275" s="2" t="s">
        <v>24630</v>
      </c>
      <c r="N8275" s="5" t="s">
        <v>24254</v>
      </c>
      <c r="O8275" s="5" t="s">
        <v>38</v>
      </c>
      <c r="P8275" s="5" t="s">
        <v>39</v>
      </c>
      <c r="Q8275" s="5" t="s">
        <v>40</v>
      </c>
      <c r="R8275" s="5" t="s">
        <v>25301</v>
      </c>
      <c r="S8275" s="5" t="s">
        <v>40</v>
      </c>
      <c r="T8275" s="5" t="s">
        <v>42</v>
      </c>
      <c r="U8275" s="2">
        <v>11.683</v>
      </c>
      <c r="V8275" s="2">
        <v>10.56</v>
      </c>
      <c r="W8275" s="2">
        <v>7.3999999999999996E-2</v>
      </c>
      <c r="X8275" s="2">
        <v>12</v>
      </c>
      <c r="Y8275" s="2">
        <v>42.5</v>
      </c>
      <c r="Z8275" s="2">
        <v>144.4</v>
      </c>
      <c r="AA8275" s="5">
        <v>10</v>
      </c>
      <c r="AB8275" s="5" t="s">
        <v>43</v>
      </c>
      <c r="AC8275" s="5" t="s">
        <v>44</v>
      </c>
      <c r="AD8275" s="2"/>
      <c r="AE8275" s="1"/>
    </row>
    <row r="8276" spans="1:31" ht="14.45">
      <c r="A8276" s="11"/>
      <c r="B8276" s="20"/>
      <c r="C8276" s="2" t="s">
        <v>25361</v>
      </c>
      <c r="D8276" s="14" t="s">
        <v>25362</v>
      </c>
      <c r="E8276" s="2" t="s">
        <v>25363</v>
      </c>
      <c r="F8276" s="2" t="s">
        <v>25163</v>
      </c>
      <c r="G8276" s="8">
        <v>311</v>
      </c>
      <c r="H8276" s="5">
        <v>15</v>
      </c>
      <c r="I8276" s="5" t="s">
        <v>69</v>
      </c>
      <c r="J8276" s="5" t="s">
        <v>24629</v>
      </c>
      <c r="K8276" s="2" t="s">
        <v>24630</v>
      </c>
      <c r="L8276" s="5" t="s">
        <v>24629</v>
      </c>
      <c r="M8276" s="2" t="s">
        <v>24630</v>
      </c>
      <c r="N8276" s="5" t="s">
        <v>24254</v>
      </c>
      <c r="O8276" s="5" t="s">
        <v>38</v>
      </c>
      <c r="P8276" s="5" t="s">
        <v>39</v>
      </c>
      <c r="Q8276" s="5" t="s">
        <v>40</v>
      </c>
      <c r="R8276" s="5" t="s">
        <v>24340</v>
      </c>
      <c r="S8276" s="5" t="s">
        <v>40</v>
      </c>
      <c r="T8276" s="5" t="s">
        <v>42</v>
      </c>
      <c r="U8276" s="2">
        <v>12.451000000000001</v>
      </c>
      <c r="V8276" s="2">
        <v>11.195</v>
      </c>
      <c r="W8276" s="2">
        <v>9.2999999999999999E-2</v>
      </c>
      <c r="X8276" s="2">
        <v>12</v>
      </c>
      <c r="Y8276" s="2">
        <v>42.5</v>
      </c>
      <c r="Z8276" s="2">
        <v>164.4</v>
      </c>
      <c r="AA8276" s="5">
        <v>20</v>
      </c>
      <c r="AB8276" s="5" t="s">
        <v>43</v>
      </c>
      <c r="AC8276" s="5" t="s">
        <v>44</v>
      </c>
      <c r="AD8276" s="2" t="s">
        <v>25297</v>
      </c>
      <c r="AE8276" s="1"/>
    </row>
    <row r="8277" spans="1:31" ht="14.45">
      <c r="A8277" s="11"/>
      <c r="B8277" s="20"/>
      <c r="C8277" s="2" t="s">
        <v>25364</v>
      </c>
      <c r="D8277" s="14" t="s">
        <v>25365</v>
      </c>
      <c r="E8277" s="2" t="s">
        <v>25366</v>
      </c>
      <c r="F8277" s="2" t="s">
        <v>25163</v>
      </c>
      <c r="G8277" s="8">
        <v>311</v>
      </c>
      <c r="H8277" s="5">
        <v>15</v>
      </c>
      <c r="I8277" s="5" t="s">
        <v>69</v>
      </c>
      <c r="J8277" s="5" t="s">
        <v>24629</v>
      </c>
      <c r="K8277" s="2" t="s">
        <v>24630</v>
      </c>
      <c r="L8277" s="5" t="s">
        <v>24629</v>
      </c>
      <c r="M8277" s="2" t="s">
        <v>24630</v>
      </c>
      <c r="N8277" s="5" t="s">
        <v>24254</v>
      </c>
      <c r="O8277" s="5" t="s">
        <v>38</v>
      </c>
      <c r="P8277" s="5" t="s">
        <v>39</v>
      </c>
      <c r="Q8277" s="5" t="s">
        <v>40</v>
      </c>
      <c r="R8277" s="5" t="s">
        <v>25301</v>
      </c>
      <c r="S8277" s="5" t="s">
        <v>40</v>
      </c>
      <c r="T8277" s="5" t="s">
        <v>42</v>
      </c>
      <c r="U8277" s="2">
        <v>11.265000000000001</v>
      </c>
      <c r="V8277" s="2">
        <v>10.009</v>
      </c>
      <c r="W8277" s="2">
        <v>9.2999999999999999E-2</v>
      </c>
      <c r="X8277" s="2">
        <v>12</v>
      </c>
      <c r="Y8277" s="2">
        <v>42.5</v>
      </c>
      <c r="Z8277" s="2">
        <v>164.4</v>
      </c>
      <c r="AA8277" s="5">
        <v>20</v>
      </c>
      <c r="AB8277" s="5" t="s">
        <v>43</v>
      </c>
      <c r="AC8277" s="5" t="s">
        <v>44</v>
      </c>
      <c r="AD8277" s="2" t="s">
        <v>25302</v>
      </c>
      <c r="AE8277" s="1"/>
    </row>
    <row r="8278" spans="1:31" ht="14.45">
      <c r="A8278" s="5"/>
      <c r="B8278" s="21"/>
      <c r="C8278" s="2" t="s">
        <v>25367</v>
      </c>
      <c r="D8278" s="14" t="s">
        <v>25368</v>
      </c>
      <c r="E8278" s="2" t="s">
        <v>25369</v>
      </c>
      <c r="F8278" s="2" t="s">
        <v>25306</v>
      </c>
      <c r="G8278" s="8">
        <v>369</v>
      </c>
      <c r="H8278" s="5">
        <v>20</v>
      </c>
      <c r="I8278" s="5" t="s">
        <v>69</v>
      </c>
      <c r="J8278" s="5" t="s">
        <v>24629</v>
      </c>
      <c r="K8278" s="2" t="s">
        <v>24630</v>
      </c>
      <c r="L8278" s="5" t="s">
        <v>24629</v>
      </c>
      <c r="M8278" s="2" t="s">
        <v>24630</v>
      </c>
      <c r="N8278" s="5" t="s">
        <v>24254</v>
      </c>
      <c r="O8278" s="5" t="s">
        <v>38</v>
      </c>
      <c r="P8278" s="5" t="s">
        <v>39</v>
      </c>
      <c r="Q8278" s="5" t="s">
        <v>40</v>
      </c>
      <c r="R8278" s="5" t="s">
        <v>25301</v>
      </c>
      <c r="S8278" s="5" t="s">
        <v>40</v>
      </c>
      <c r="T8278" s="5" t="s">
        <v>42</v>
      </c>
      <c r="U8278" s="2">
        <v>12.711</v>
      </c>
      <c r="V8278" s="2">
        <v>11.455</v>
      </c>
      <c r="W8278" s="2">
        <v>8.4000000000000005E-2</v>
      </c>
      <c r="X8278" s="2">
        <v>12</v>
      </c>
      <c r="Y8278" s="2">
        <v>42.5</v>
      </c>
      <c r="Z8278" s="2">
        <v>164.4</v>
      </c>
      <c r="AA8278" s="5">
        <v>10</v>
      </c>
      <c r="AB8278" s="5" t="s">
        <v>43</v>
      </c>
      <c r="AC8278" s="5" t="s">
        <v>44</v>
      </c>
      <c r="AD8278" s="2"/>
      <c r="AE8278" s="1"/>
    </row>
    <row r="8279" spans="1:31" ht="14.45">
      <c r="A8279" s="11"/>
      <c r="B8279" s="20"/>
      <c r="C8279" s="2" t="s">
        <v>25370</v>
      </c>
      <c r="D8279" s="14" t="s">
        <v>25371</v>
      </c>
      <c r="E8279" s="2" t="s">
        <v>25372</v>
      </c>
      <c r="F8279" s="2" t="s">
        <v>25163</v>
      </c>
      <c r="G8279" s="8">
        <v>319</v>
      </c>
      <c r="H8279" s="5">
        <v>20</v>
      </c>
      <c r="I8279" s="5" t="s">
        <v>69</v>
      </c>
      <c r="J8279" s="5" t="s">
        <v>24629</v>
      </c>
      <c r="K8279" s="2" t="s">
        <v>24630</v>
      </c>
      <c r="L8279" s="5" t="s">
        <v>24629</v>
      </c>
      <c r="M8279" s="2" t="s">
        <v>24630</v>
      </c>
      <c r="N8279" s="5" t="s">
        <v>24254</v>
      </c>
      <c r="O8279" s="5" t="s">
        <v>38</v>
      </c>
      <c r="P8279" s="5" t="s">
        <v>39</v>
      </c>
      <c r="Q8279" s="5" t="s">
        <v>40</v>
      </c>
      <c r="R8279" s="5" t="s">
        <v>24340</v>
      </c>
      <c r="S8279" s="5" t="s">
        <v>40</v>
      </c>
      <c r="T8279" s="5" t="s">
        <v>42</v>
      </c>
      <c r="U8279" s="2">
        <v>13.545</v>
      </c>
      <c r="V8279" s="2">
        <v>12.125999999999999</v>
      </c>
      <c r="W8279" s="2">
        <v>0.11600000000000001</v>
      </c>
      <c r="X8279" s="2">
        <v>12</v>
      </c>
      <c r="Y8279" s="2">
        <v>42.5</v>
      </c>
      <c r="Z8279" s="2">
        <v>188.9</v>
      </c>
      <c r="AA8279" s="5">
        <v>20</v>
      </c>
      <c r="AB8279" s="5" t="s">
        <v>43</v>
      </c>
      <c r="AC8279" s="5" t="s">
        <v>44</v>
      </c>
      <c r="AD8279" s="2" t="s">
        <v>25297</v>
      </c>
      <c r="AE8279" s="1"/>
    </row>
    <row r="8280" spans="1:31" ht="14.45">
      <c r="A8280" s="11"/>
      <c r="B8280" s="20"/>
      <c r="C8280" s="2" t="s">
        <v>25373</v>
      </c>
      <c r="D8280" s="14" t="s">
        <v>25374</v>
      </c>
      <c r="E8280" s="2" t="s">
        <v>25375</v>
      </c>
      <c r="F8280" s="2" t="s">
        <v>25163</v>
      </c>
      <c r="G8280" s="8">
        <v>319</v>
      </c>
      <c r="H8280" s="5">
        <v>15</v>
      </c>
      <c r="I8280" s="5" t="s">
        <v>69</v>
      </c>
      <c r="J8280" s="5" t="s">
        <v>24629</v>
      </c>
      <c r="K8280" s="2" t="s">
        <v>24630</v>
      </c>
      <c r="L8280" s="5" t="s">
        <v>24629</v>
      </c>
      <c r="M8280" s="2" t="s">
        <v>24630</v>
      </c>
      <c r="N8280" s="5" t="s">
        <v>24254</v>
      </c>
      <c r="O8280" s="5" t="s">
        <v>38</v>
      </c>
      <c r="P8280" s="5" t="s">
        <v>39</v>
      </c>
      <c r="Q8280" s="5" t="s">
        <v>40</v>
      </c>
      <c r="R8280" s="5" t="s">
        <v>25301</v>
      </c>
      <c r="S8280" s="5" t="s">
        <v>40</v>
      </c>
      <c r="T8280" s="5" t="s">
        <v>42</v>
      </c>
      <c r="U8280" s="2">
        <v>12.250999999999999</v>
      </c>
      <c r="V8280" s="2">
        <v>10.832000000000001</v>
      </c>
      <c r="W8280" s="2">
        <v>0.11600000000000001</v>
      </c>
      <c r="X8280" s="2">
        <v>12</v>
      </c>
      <c r="Y8280" s="2">
        <v>42.5</v>
      </c>
      <c r="Z8280" s="2">
        <v>188.9</v>
      </c>
      <c r="AA8280" s="5">
        <v>20</v>
      </c>
      <c r="AB8280" s="5" t="s">
        <v>43</v>
      </c>
      <c r="AC8280" s="5" t="s">
        <v>44</v>
      </c>
      <c r="AD8280" s="2" t="s">
        <v>25302</v>
      </c>
      <c r="AE8280" s="1"/>
    </row>
    <row r="8281" spans="1:31" ht="14.45">
      <c r="A8281" s="5"/>
      <c r="B8281" s="21"/>
      <c r="C8281" s="2" t="s">
        <v>25376</v>
      </c>
      <c r="D8281" s="14" t="s">
        <v>25377</v>
      </c>
      <c r="E8281" s="2" t="s">
        <v>25378</v>
      </c>
      <c r="F8281" s="2" t="s">
        <v>25306</v>
      </c>
      <c r="G8281" s="8">
        <v>380</v>
      </c>
      <c r="H8281" s="5">
        <v>20</v>
      </c>
      <c r="I8281" s="5" t="s">
        <v>69</v>
      </c>
      <c r="J8281" s="5" t="s">
        <v>24629</v>
      </c>
      <c r="K8281" s="2" t="s">
        <v>24630</v>
      </c>
      <c r="L8281" s="5" t="s">
        <v>24629</v>
      </c>
      <c r="M8281" s="2" t="s">
        <v>24630</v>
      </c>
      <c r="N8281" s="5" t="s">
        <v>24254</v>
      </c>
      <c r="O8281" s="5" t="s">
        <v>38</v>
      </c>
      <c r="P8281" s="5" t="s">
        <v>39</v>
      </c>
      <c r="Q8281" s="5" t="s">
        <v>40</v>
      </c>
      <c r="R8281" s="5" t="s">
        <v>25301</v>
      </c>
      <c r="S8281" s="5" t="s">
        <v>40</v>
      </c>
      <c r="T8281" s="5" t="s">
        <v>42</v>
      </c>
      <c r="U8281" s="2">
        <v>13.859</v>
      </c>
      <c r="V8281" s="2">
        <v>12.44</v>
      </c>
      <c r="W8281" s="2">
        <v>9.6000000000000002E-2</v>
      </c>
      <c r="X8281" s="2">
        <v>12</v>
      </c>
      <c r="Y8281" s="2">
        <v>42.5</v>
      </c>
      <c r="Z8281" s="2">
        <v>188.9</v>
      </c>
      <c r="AA8281" s="5">
        <v>10</v>
      </c>
      <c r="AB8281" s="5" t="s">
        <v>43</v>
      </c>
      <c r="AC8281" s="5" t="s">
        <v>44</v>
      </c>
      <c r="AD8281" s="2"/>
      <c r="AE8281" s="1"/>
    </row>
    <row r="8282" spans="1:31" ht="14.45">
      <c r="A8282" s="11"/>
      <c r="B8282" s="20"/>
      <c r="C8282" s="2" t="s">
        <v>25379</v>
      </c>
      <c r="D8282" s="14" t="s">
        <v>25380</v>
      </c>
      <c r="E8282" s="2" t="s">
        <v>25381</v>
      </c>
      <c r="F8282" s="2" t="s">
        <v>25163</v>
      </c>
      <c r="G8282" s="8">
        <v>343</v>
      </c>
      <c r="H8282" s="5">
        <v>15</v>
      </c>
      <c r="I8282" s="5" t="s">
        <v>69</v>
      </c>
      <c r="J8282" s="5" t="s">
        <v>24629</v>
      </c>
      <c r="K8282" s="2" t="s">
        <v>24630</v>
      </c>
      <c r="L8282" s="5" t="s">
        <v>24629</v>
      </c>
      <c r="M8282" s="2" t="s">
        <v>24630</v>
      </c>
      <c r="N8282" s="5" t="s">
        <v>24254</v>
      </c>
      <c r="O8282" s="5" t="s">
        <v>38</v>
      </c>
      <c r="P8282" s="5" t="s">
        <v>39</v>
      </c>
      <c r="Q8282" s="5" t="s">
        <v>40</v>
      </c>
      <c r="R8282" s="5" t="s">
        <v>24340</v>
      </c>
      <c r="S8282" s="5" t="s">
        <v>40</v>
      </c>
      <c r="T8282" s="5" t="s">
        <v>42</v>
      </c>
      <c r="U8282" s="2">
        <v>15.333</v>
      </c>
      <c r="V8282" s="2">
        <v>12.984</v>
      </c>
      <c r="W8282" s="2">
        <v>0.13600000000000001</v>
      </c>
      <c r="X8282" s="2">
        <v>12</v>
      </c>
      <c r="Y8282" s="2">
        <v>50</v>
      </c>
      <c r="Z8282" s="2">
        <v>227.4</v>
      </c>
      <c r="AA8282" s="5">
        <v>20</v>
      </c>
      <c r="AB8282" s="5" t="s">
        <v>43</v>
      </c>
      <c r="AC8282" s="5" t="s">
        <v>44</v>
      </c>
      <c r="AD8282" s="2" t="s">
        <v>25297</v>
      </c>
      <c r="AE8282" s="1"/>
    </row>
    <row r="8283" spans="1:31" ht="14.45">
      <c r="A8283" s="11"/>
      <c r="B8283" s="20"/>
      <c r="C8283" s="2" t="s">
        <v>25382</v>
      </c>
      <c r="D8283" s="14" t="s">
        <v>25383</v>
      </c>
      <c r="E8283" s="2" t="s">
        <v>25384</v>
      </c>
      <c r="F8283" s="2" t="s">
        <v>25163</v>
      </c>
      <c r="G8283" s="8">
        <v>343</v>
      </c>
      <c r="H8283" s="5">
        <v>15</v>
      </c>
      <c r="I8283" s="5" t="s">
        <v>69</v>
      </c>
      <c r="J8283" s="5" t="s">
        <v>24629</v>
      </c>
      <c r="K8283" s="2" t="s">
        <v>24630</v>
      </c>
      <c r="L8283" s="5" t="s">
        <v>24629</v>
      </c>
      <c r="M8283" s="2" t="s">
        <v>24630</v>
      </c>
      <c r="N8283" s="5" t="s">
        <v>24254</v>
      </c>
      <c r="O8283" s="5" t="s">
        <v>38</v>
      </c>
      <c r="P8283" s="5" t="s">
        <v>39</v>
      </c>
      <c r="Q8283" s="5" t="s">
        <v>40</v>
      </c>
      <c r="R8283" s="5" t="s">
        <v>25301</v>
      </c>
      <c r="S8283" s="5" t="s">
        <v>40</v>
      </c>
      <c r="T8283" s="5" t="s">
        <v>42</v>
      </c>
      <c r="U8283" s="2">
        <v>13.936999999999999</v>
      </c>
      <c r="V8283" s="2">
        <v>11.587999999999999</v>
      </c>
      <c r="W8283" s="2">
        <v>0.13600000000000001</v>
      </c>
      <c r="X8283" s="2">
        <v>12</v>
      </c>
      <c r="Y8283" s="2">
        <v>50</v>
      </c>
      <c r="Z8283" s="2">
        <v>227.4</v>
      </c>
      <c r="AA8283" s="5">
        <v>20</v>
      </c>
      <c r="AB8283" s="5" t="s">
        <v>43</v>
      </c>
      <c r="AC8283" s="5" t="s">
        <v>44</v>
      </c>
      <c r="AD8283" s="2" t="s">
        <v>25302</v>
      </c>
      <c r="AE8283" s="1"/>
    </row>
    <row r="8284" spans="1:31" ht="14.45">
      <c r="A8284" s="5"/>
      <c r="B8284" s="21"/>
      <c r="C8284" s="2" t="s">
        <v>25385</v>
      </c>
      <c r="D8284" s="14" t="s">
        <v>25386</v>
      </c>
      <c r="E8284" s="2" t="s">
        <v>25387</v>
      </c>
      <c r="F8284" s="2" t="s">
        <v>25306</v>
      </c>
      <c r="G8284" s="8">
        <v>413</v>
      </c>
      <c r="H8284" s="5">
        <v>20</v>
      </c>
      <c r="I8284" s="5" t="s">
        <v>69</v>
      </c>
      <c r="J8284" s="5" t="s">
        <v>24629</v>
      </c>
      <c r="K8284" s="2" t="s">
        <v>24630</v>
      </c>
      <c r="L8284" s="5" t="s">
        <v>24629</v>
      </c>
      <c r="M8284" s="2" t="s">
        <v>24630</v>
      </c>
      <c r="N8284" s="5" t="s">
        <v>24254</v>
      </c>
      <c r="O8284" s="5" t="s">
        <v>38</v>
      </c>
      <c r="P8284" s="5" t="s">
        <v>39</v>
      </c>
      <c r="Q8284" s="5" t="s">
        <v>40</v>
      </c>
      <c r="R8284" s="5" t="s">
        <v>25301</v>
      </c>
      <c r="S8284" s="5" t="s">
        <v>40</v>
      </c>
      <c r="T8284" s="5" t="s">
        <v>42</v>
      </c>
      <c r="U8284" s="2">
        <v>15.696999999999999</v>
      </c>
      <c r="V8284" s="2">
        <v>13.348000000000001</v>
      </c>
      <c r="W8284" s="2">
        <v>0.13600000000000001</v>
      </c>
      <c r="X8284" s="2">
        <v>12</v>
      </c>
      <c r="Y8284" s="2">
        <v>50</v>
      </c>
      <c r="Z8284" s="2">
        <v>227.4</v>
      </c>
      <c r="AA8284" s="5">
        <v>10</v>
      </c>
      <c r="AB8284" s="5" t="s">
        <v>43</v>
      </c>
      <c r="AC8284" s="5" t="s">
        <v>44</v>
      </c>
      <c r="AD8284" s="2"/>
      <c r="AE8284" s="1"/>
    </row>
    <row r="8285" spans="1:31" ht="14.45">
      <c r="A8285" s="11"/>
      <c r="B8285" s="20"/>
      <c r="C8285" s="2" t="s">
        <v>25388</v>
      </c>
      <c r="D8285" s="14" t="s">
        <v>25389</v>
      </c>
      <c r="E8285" s="2" t="s">
        <v>25390</v>
      </c>
      <c r="F8285" s="2" t="s">
        <v>25163</v>
      </c>
      <c r="G8285" s="8">
        <v>375</v>
      </c>
      <c r="H8285" s="5">
        <v>15</v>
      </c>
      <c r="I8285" s="5" t="s">
        <v>69</v>
      </c>
      <c r="J8285" s="5" t="s">
        <v>24629</v>
      </c>
      <c r="K8285" s="2" t="s">
        <v>24630</v>
      </c>
      <c r="L8285" s="5" t="s">
        <v>24629</v>
      </c>
      <c r="M8285" s="2" t="s">
        <v>24630</v>
      </c>
      <c r="N8285" s="5" t="s">
        <v>24254</v>
      </c>
      <c r="O8285" s="5" t="s">
        <v>38</v>
      </c>
      <c r="P8285" s="5" t="s">
        <v>39</v>
      </c>
      <c r="Q8285" s="5" t="s">
        <v>40</v>
      </c>
      <c r="R8285" s="5" t="s">
        <v>24340</v>
      </c>
      <c r="S8285" s="5" t="s">
        <v>40</v>
      </c>
      <c r="T8285" s="5" t="s">
        <v>42</v>
      </c>
      <c r="U8285" s="2">
        <v>18.350999999999999</v>
      </c>
      <c r="V8285" s="2">
        <v>16.004999999999999</v>
      </c>
      <c r="W8285" s="2">
        <v>0.13600000000000001</v>
      </c>
      <c r="X8285" s="2">
        <v>12</v>
      </c>
      <c r="Y8285" s="2">
        <v>50</v>
      </c>
      <c r="Z8285" s="2">
        <v>227.4</v>
      </c>
      <c r="AA8285" s="5">
        <v>20</v>
      </c>
      <c r="AB8285" s="5" t="s">
        <v>43</v>
      </c>
      <c r="AC8285" s="5" t="s">
        <v>44</v>
      </c>
      <c r="AD8285" s="2" t="s">
        <v>25297</v>
      </c>
      <c r="AE8285" s="1"/>
    </row>
    <row r="8286" spans="1:31" ht="14.45">
      <c r="A8286" s="11"/>
      <c r="B8286" s="20"/>
      <c r="C8286" s="2" t="s">
        <v>25391</v>
      </c>
      <c r="D8286" s="14" t="s">
        <v>25392</v>
      </c>
      <c r="E8286" s="2" t="s">
        <v>25393</v>
      </c>
      <c r="F8286" s="2" t="s">
        <v>25163</v>
      </c>
      <c r="G8286" s="8">
        <v>375</v>
      </c>
      <c r="H8286" s="5">
        <v>15</v>
      </c>
      <c r="I8286" s="5" t="s">
        <v>69</v>
      </c>
      <c r="J8286" s="5" t="s">
        <v>24629</v>
      </c>
      <c r="K8286" s="2" t="s">
        <v>24630</v>
      </c>
      <c r="L8286" s="5" t="s">
        <v>24629</v>
      </c>
      <c r="M8286" s="2" t="s">
        <v>24630</v>
      </c>
      <c r="N8286" s="5" t="s">
        <v>24254</v>
      </c>
      <c r="O8286" s="5" t="s">
        <v>38</v>
      </c>
      <c r="P8286" s="5" t="s">
        <v>39</v>
      </c>
      <c r="Q8286" s="5" t="s">
        <v>40</v>
      </c>
      <c r="R8286" s="5" t="s">
        <v>25301</v>
      </c>
      <c r="S8286" s="5" t="s">
        <v>40</v>
      </c>
      <c r="T8286" s="5" t="s">
        <v>42</v>
      </c>
      <c r="U8286" s="2">
        <v>16.297000000000001</v>
      </c>
      <c r="V8286" s="2">
        <v>13.951000000000001</v>
      </c>
      <c r="W8286" s="2">
        <v>0.13600000000000001</v>
      </c>
      <c r="X8286" s="2">
        <v>12</v>
      </c>
      <c r="Y8286" s="2">
        <v>50</v>
      </c>
      <c r="Z8286" s="2">
        <v>227.4</v>
      </c>
      <c r="AA8286" s="5">
        <v>20</v>
      </c>
      <c r="AB8286" s="5" t="s">
        <v>43</v>
      </c>
      <c r="AC8286" s="5" t="s">
        <v>44</v>
      </c>
      <c r="AD8286" s="2" t="s">
        <v>25302</v>
      </c>
      <c r="AE8286" s="1"/>
    </row>
    <row r="8287" spans="1:31" ht="14.45">
      <c r="A8287" s="11"/>
      <c r="B8287" s="20"/>
      <c r="C8287" s="2" t="s">
        <v>25394</v>
      </c>
      <c r="D8287" s="14" t="s">
        <v>25395</v>
      </c>
      <c r="E8287" s="2" t="s">
        <v>25396</v>
      </c>
      <c r="F8287" s="2" t="s">
        <v>25397</v>
      </c>
      <c r="G8287" s="8">
        <v>456</v>
      </c>
      <c r="H8287" s="5">
        <v>20</v>
      </c>
      <c r="I8287" s="5" t="s">
        <v>69</v>
      </c>
      <c r="J8287" s="5" t="s">
        <v>24629</v>
      </c>
      <c r="K8287" s="2" t="s">
        <v>24630</v>
      </c>
      <c r="L8287" s="5" t="s">
        <v>24629</v>
      </c>
      <c r="M8287" s="2" t="s">
        <v>24630</v>
      </c>
      <c r="N8287" s="5" t="s">
        <v>24254</v>
      </c>
      <c r="O8287" s="5" t="s">
        <v>38</v>
      </c>
      <c r="P8287" s="5" t="s">
        <v>39</v>
      </c>
      <c r="Q8287" s="5" t="s">
        <v>40</v>
      </c>
      <c r="R8287" s="5" t="s">
        <v>24340</v>
      </c>
      <c r="S8287" s="5" t="s">
        <v>40</v>
      </c>
      <c r="T8287" s="5" t="s">
        <v>42</v>
      </c>
      <c r="U8287" s="2">
        <v>21.135000000000002</v>
      </c>
      <c r="V8287" s="2">
        <v>18.789000000000001</v>
      </c>
      <c r="W8287" s="2">
        <v>0.13600000000000001</v>
      </c>
      <c r="X8287" s="2">
        <v>12</v>
      </c>
      <c r="Y8287" s="2">
        <v>50</v>
      </c>
      <c r="Z8287" s="2">
        <v>227.4</v>
      </c>
      <c r="AA8287" s="5">
        <v>10</v>
      </c>
      <c r="AB8287" s="5" t="s">
        <v>43</v>
      </c>
      <c r="AC8287" s="5" t="s">
        <v>44</v>
      </c>
      <c r="AD8287" s="2" t="s">
        <v>25398</v>
      </c>
      <c r="AE8287" s="1"/>
    </row>
    <row r="8288" spans="1:31" ht="14.45">
      <c r="A8288" s="11"/>
      <c r="B8288" s="20"/>
      <c r="C8288" s="2" t="s">
        <v>25399</v>
      </c>
      <c r="D8288" s="14" t="s">
        <v>25400</v>
      </c>
      <c r="E8288" s="2" t="s">
        <v>25401</v>
      </c>
      <c r="F8288" s="2" t="s">
        <v>25397</v>
      </c>
      <c r="G8288" s="8">
        <v>456</v>
      </c>
      <c r="H8288" s="5">
        <v>20</v>
      </c>
      <c r="I8288" s="5" t="s">
        <v>69</v>
      </c>
      <c r="J8288" s="5" t="s">
        <v>24629</v>
      </c>
      <c r="K8288" s="2" t="s">
        <v>24630</v>
      </c>
      <c r="L8288" s="5" t="s">
        <v>24629</v>
      </c>
      <c r="M8288" s="2" t="s">
        <v>24630</v>
      </c>
      <c r="N8288" s="5" t="s">
        <v>24254</v>
      </c>
      <c r="O8288" s="5" t="s">
        <v>38</v>
      </c>
      <c r="P8288" s="5" t="s">
        <v>39</v>
      </c>
      <c r="Q8288" s="5" t="s">
        <v>40</v>
      </c>
      <c r="R8288" s="5" t="s">
        <v>25301</v>
      </c>
      <c r="S8288" s="5" t="s">
        <v>40</v>
      </c>
      <c r="T8288" s="5" t="s">
        <v>42</v>
      </c>
      <c r="U8288" s="2">
        <v>19.081</v>
      </c>
      <c r="V8288" s="2">
        <v>16.734999999999999</v>
      </c>
      <c r="W8288" s="2">
        <v>0.13600000000000001</v>
      </c>
      <c r="X8288" s="2">
        <v>12</v>
      </c>
      <c r="Y8288" s="2">
        <v>50</v>
      </c>
      <c r="Z8288" s="2">
        <v>227.4</v>
      </c>
      <c r="AA8288" s="5">
        <v>10</v>
      </c>
      <c r="AB8288" s="5" t="s">
        <v>43</v>
      </c>
      <c r="AC8288" s="5" t="s">
        <v>44</v>
      </c>
      <c r="AD8288" s="2" t="s">
        <v>25402</v>
      </c>
      <c r="AE8288" s="1"/>
    </row>
    <row r="8289" spans="1:31" ht="14.45">
      <c r="A8289" s="11"/>
      <c r="B8289" s="20"/>
      <c r="C8289" s="2" t="s">
        <v>25403</v>
      </c>
      <c r="D8289" s="14" t="s">
        <v>25404</v>
      </c>
      <c r="E8289" s="2" t="s">
        <v>25405</v>
      </c>
      <c r="F8289" s="2" t="s">
        <v>25163</v>
      </c>
      <c r="G8289" s="8">
        <v>333</v>
      </c>
      <c r="H8289" s="5">
        <v>15</v>
      </c>
      <c r="I8289" s="5" t="s">
        <v>69</v>
      </c>
      <c r="J8289" s="5" t="s">
        <v>24629</v>
      </c>
      <c r="K8289" s="2" t="s">
        <v>24630</v>
      </c>
      <c r="L8289" s="5" t="s">
        <v>24629</v>
      </c>
      <c r="M8289" s="2" t="s">
        <v>24630</v>
      </c>
      <c r="N8289" s="5" t="s">
        <v>24254</v>
      </c>
      <c r="O8289" s="5" t="s">
        <v>38</v>
      </c>
      <c r="P8289" s="5" t="s">
        <v>39</v>
      </c>
      <c r="Q8289" s="5" t="s">
        <v>40</v>
      </c>
      <c r="R8289" s="5" t="s">
        <v>24340</v>
      </c>
      <c r="S8289" s="5" t="s">
        <v>40</v>
      </c>
      <c r="T8289" s="5" t="s">
        <v>42</v>
      </c>
      <c r="U8289" s="2">
        <v>12.916</v>
      </c>
      <c r="V8289" s="2">
        <v>11.66</v>
      </c>
      <c r="W8289" s="2">
        <v>9.2999999999999999E-2</v>
      </c>
      <c r="X8289" s="2">
        <v>12</v>
      </c>
      <c r="Y8289" s="2">
        <v>42.5</v>
      </c>
      <c r="Z8289" s="2">
        <v>164.4</v>
      </c>
      <c r="AA8289" s="5">
        <v>20</v>
      </c>
      <c r="AB8289" s="5" t="s">
        <v>43</v>
      </c>
      <c r="AC8289" s="5" t="s">
        <v>44</v>
      </c>
      <c r="AD8289" s="2" t="s">
        <v>25297</v>
      </c>
      <c r="AE8289" s="1"/>
    </row>
    <row r="8290" spans="1:31" ht="14.45">
      <c r="A8290" s="11"/>
      <c r="B8290" s="20"/>
      <c r="C8290" s="2" t="s">
        <v>25406</v>
      </c>
      <c r="D8290" s="14" t="s">
        <v>25407</v>
      </c>
      <c r="E8290" s="2" t="s">
        <v>25408</v>
      </c>
      <c r="F8290" s="2" t="s">
        <v>25163</v>
      </c>
      <c r="G8290" s="8">
        <v>333</v>
      </c>
      <c r="H8290" s="5">
        <v>15</v>
      </c>
      <c r="I8290" s="5" t="s">
        <v>69</v>
      </c>
      <c r="J8290" s="5" t="s">
        <v>24629</v>
      </c>
      <c r="K8290" s="2" t="s">
        <v>24630</v>
      </c>
      <c r="L8290" s="5" t="s">
        <v>24629</v>
      </c>
      <c r="M8290" s="2" t="s">
        <v>24630</v>
      </c>
      <c r="N8290" s="5" t="s">
        <v>24254</v>
      </c>
      <c r="O8290" s="5" t="s">
        <v>38</v>
      </c>
      <c r="P8290" s="5" t="s">
        <v>39</v>
      </c>
      <c r="Q8290" s="5" t="s">
        <v>40</v>
      </c>
      <c r="R8290" s="5" t="s">
        <v>25301</v>
      </c>
      <c r="S8290" s="5" t="s">
        <v>40</v>
      </c>
      <c r="T8290" s="5" t="s">
        <v>42</v>
      </c>
      <c r="U8290" s="2">
        <v>11.675000000000001</v>
      </c>
      <c r="V8290" s="2">
        <v>10.419</v>
      </c>
      <c r="W8290" s="2">
        <v>9.2999999999999999E-2</v>
      </c>
      <c r="X8290" s="2">
        <v>12</v>
      </c>
      <c r="Y8290" s="2">
        <v>42.5</v>
      </c>
      <c r="Z8290" s="2">
        <v>164.4</v>
      </c>
      <c r="AA8290" s="5">
        <v>20</v>
      </c>
      <c r="AB8290" s="5" t="s">
        <v>43</v>
      </c>
      <c r="AC8290" s="5" t="s">
        <v>44</v>
      </c>
      <c r="AD8290" s="2" t="s">
        <v>25302</v>
      </c>
      <c r="AE8290" s="1"/>
    </row>
    <row r="8291" spans="1:31" ht="14.45">
      <c r="A8291" s="5"/>
      <c r="B8291" s="21"/>
      <c r="C8291" s="2" t="s">
        <v>25409</v>
      </c>
      <c r="D8291" s="14" t="s">
        <v>25410</v>
      </c>
      <c r="E8291" s="2" t="s">
        <v>25411</v>
      </c>
      <c r="F8291" s="2" t="s">
        <v>25306</v>
      </c>
      <c r="G8291" s="8">
        <v>400</v>
      </c>
      <c r="H8291" s="5">
        <v>20</v>
      </c>
      <c r="I8291" s="5" t="s">
        <v>69</v>
      </c>
      <c r="J8291" s="5" t="s">
        <v>24629</v>
      </c>
      <c r="K8291" s="2" t="s">
        <v>24630</v>
      </c>
      <c r="L8291" s="5" t="s">
        <v>24629</v>
      </c>
      <c r="M8291" s="2" t="s">
        <v>24630</v>
      </c>
      <c r="N8291" s="5" t="s">
        <v>24254</v>
      </c>
      <c r="O8291" s="5" t="s">
        <v>38</v>
      </c>
      <c r="P8291" s="5" t="s">
        <v>39</v>
      </c>
      <c r="Q8291" s="5" t="s">
        <v>40</v>
      </c>
      <c r="R8291" s="5" t="s">
        <v>25301</v>
      </c>
      <c r="S8291" s="5" t="s">
        <v>40</v>
      </c>
      <c r="T8291" s="5" t="s">
        <v>42</v>
      </c>
      <c r="U8291" s="2">
        <v>13.228999999999999</v>
      </c>
      <c r="V8291" s="2">
        <v>11.973000000000001</v>
      </c>
      <c r="W8291" s="2">
        <v>8.4000000000000005E-2</v>
      </c>
      <c r="X8291" s="2">
        <v>12</v>
      </c>
      <c r="Y8291" s="2">
        <v>42.5</v>
      </c>
      <c r="Z8291" s="2">
        <v>164.4</v>
      </c>
      <c r="AA8291" s="5">
        <v>10</v>
      </c>
      <c r="AB8291" s="5" t="s">
        <v>43</v>
      </c>
      <c r="AC8291" s="5" t="s">
        <v>44</v>
      </c>
      <c r="AD8291" s="2"/>
      <c r="AE8291" s="1"/>
    </row>
    <row r="8292" spans="1:31" ht="14.45">
      <c r="A8292" s="11"/>
      <c r="B8292" s="20"/>
      <c r="C8292" s="2" t="s">
        <v>25412</v>
      </c>
      <c r="D8292" s="14" t="s">
        <v>25413</v>
      </c>
      <c r="E8292" s="2" t="s">
        <v>25414</v>
      </c>
      <c r="F8292" s="2" t="s">
        <v>25163</v>
      </c>
      <c r="G8292" s="8">
        <v>343</v>
      </c>
      <c r="H8292" s="5">
        <v>15</v>
      </c>
      <c r="I8292" s="5" t="s">
        <v>69</v>
      </c>
      <c r="J8292" s="5" t="s">
        <v>24629</v>
      </c>
      <c r="K8292" s="2" t="s">
        <v>24630</v>
      </c>
      <c r="L8292" s="5" t="s">
        <v>24629</v>
      </c>
      <c r="M8292" s="2" t="s">
        <v>24630</v>
      </c>
      <c r="N8292" s="5" t="s">
        <v>24254</v>
      </c>
      <c r="O8292" s="5" t="s">
        <v>38</v>
      </c>
      <c r="P8292" s="5" t="s">
        <v>39</v>
      </c>
      <c r="Q8292" s="5" t="s">
        <v>40</v>
      </c>
      <c r="R8292" s="5" t="s">
        <v>24340</v>
      </c>
      <c r="S8292" s="5" t="s">
        <v>40</v>
      </c>
      <c r="T8292" s="5" t="s">
        <v>42</v>
      </c>
      <c r="U8292" s="2">
        <v>14.01</v>
      </c>
      <c r="V8292" s="2">
        <v>12.590999999999999</v>
      </c>
      <c r="W8292" s="2">
        <v>0.11600000000000001</v>
      </c>
      <c r="X8292" s="2">
        <v>12</v>
      </c>
      <c r="Y8292" s="2">
        <v>42.5</v>
      </c>
      <c r="Z8292" s="2">
        <v>188.9</v>
      </c>
      <c r="AA8292" s="5">
        <v>20</v>
      </c>
      <c r="AB8292" s="5" t="s">
        <v>43</v>
      </c>
      <c r="AC8292" s="5" t="s">
        <v>44</v>
      </c>
      <c r="AD8292" s="2" t="s">
        <v>25297</v>
      </c>
      <c r="AE8292" s="1"/>
    </row>
    <row r="8293" spans="1:31" ht="14.45">
      <c r="A8293" s="11"/>
      <c r="B8293" s="20"/>
      <c r="C8293" s="2" t="s">
        <v>25415</v>
      </c>
      <c r="D8293" s="14" t="s">
        <v>25416</v>
      </c>
      <c r="E8293" s="2" t="s">
        <v>25417</v>
      </c>
      <c r="F8293" s="2" t="s">
        <v>25163</v>
      </c>
      <c r="G8293" s="8">
        <v>343</v>
      </c>
      <c r="H8293" s="5">
        <v>15</v>
      </c>
      <c r="I8293" s="5" t="s">
        <v>69</v>
      </c>
      <c r="J8293" s="5" t="s">
        <v>24629</v>
      </c>
      <c r="K8293" s="2" t="s">
        <v>24630</v>
      </c>
      <c r="L8293" s="5" t="s">
        <v>24629</v>
      </c>
      <c r="M8293" s="2" t="s">
        <v>24630</v>
      </c>
      <c r="N8293" s="5" t="s">
        <v>24254</v>
      </c>
      <c r="O8293" s="5" t="s">
        <v>38</v>
      </c>
      <c r="P8293" s="5" t="s">
        <v>39</v>
      </c>
      <c r="Q8293" s="5" t="s">
        <v>40</v>
      </c>
      <c r="R8293" s="5" t="s">
        <v>25301</v>
      </c>
      <c r="S8293" s="5" t="s">
        <v>40</v>
      </c>
      <c r="T8293" s="5" t="s">
        <v>42</v>
      </c>
      <c r="U8293" s="2">
        <v>12.661</v>
      </c>
      <c r="V8293" s="2">
        <v>11.242000000000001</v>
      </c>
      <c r="W8293" s="2">
        <v>0.11600000000000001</v>
      </c>
      <c r="X8293" s="2">
        <v>12</v>
      </c>
      <c r="Y8293" s="2">
        <v>42.5</v>
      </c>
      <c r="Z8293" s="2">
        <v>188.9</v>
      </c>
      <c r="AA8293" s="5">
        <v>20</v>
      </c>
      <c r="AB8293" s="5" t="s">
        <v>43</v>
      </c>
      <c r="AC8293" s="5" t="s">
        <v>44</v>
      </c>
      <c r="AD8293" s="2" t="s">
        <v>25302</v>
      </c>
      <c r="AE8293" s="1"/>
    </row>
    <row r="8294" spans="1:31" ht="14.45">
      <c r="A8294" s="5"/>
      <c r="B8294" s="21"/>
      <c r="C8294" s="2" t="s">
        <v>25418</v>
      </c>
      <c r="D8294" s="14" t="s">
        <v>25419</v>
      </c>
      <c r="E8294" s="2" t="s">
        <v>25420</v>
      </c>
      <c r="F8294" s="2" t="s">
        <v>25306</v>
      </c>
      <c r="G8294" s="8">
        <v>413</v>
      </c>
      <c r="H8294" s="5">
        <v>20</v>
      </c>
      <c r="I8294" s="5" t="s">
        <v>69</v>
      </c>
      <c r="J8294" s="5" t="s">
        <v>24629</v>
      </c>
      <c r="K8294" s="2" t="s">
        <v>24630</v>
      </c>
      <c r="L8294" s="5" t="s">
        <v>24629</v>
      </c>
      <c r="M8294" s="2" t="s">
        <v>24630</v>
      </c>
      <c r="N8294" s="5" t="s">
        <v>24254</v>
      </c>
      <c r="O8294" s="5" t="s">
        <v>38</v>
      </c>
      <c r="P8294" s="5" t="s">
        <v>39</v>
      </c>
      <c r="Q8294" s="5" t="s">
        <v>40</v>
      </c>
      <c r="R8294" s="5" t="s">
        <v>25301</v>
      </c>
      <c r="S8294" s="5" t="s">
        <v>40</v>
      </c>
      <c r="T8294" s="5" t="s">
        <v>42</v>
      </c>
      <c r="U8294" s="2">
        <v>14.377000000000001</v>
      </c>
      <c r="V8294" s="2">
        <v>12.958</v>
      </c>
      <c r="W8294" s="2">
        <v>9.6000000000000002E-2</v>
      </c>
      <c r="X8294" s="2">
        <v>12</v>
      </c>
      <c r="Y8294" s="2">
        <v>42.5</v>
      </c>
      <c r="Z8294" s="2">
        <v>188.9</v>
      </c>
      <c r="AA8294" s="5">
        <v>10</v>
      </c>
      <c r="AB8294" s="5" t="s">
        <v>43</v>
      </c>
      <c r="AC8294" s="5" t="s">
        <v>44</v>
      </c>
      <c r="AD8294" s="2"/>
      <c r="AE8294" s="1"/>
    </row>
    <row r="8295" spans="1:31" ht="14.45">
      <c r="A8295" s="11"/>
      <c r="B8295" s="20"/>
      <c r="C8295" s="2" t="s">
        <v>25421</v>
      </c>
      <c r="D8295" s="14" t="s">
        <v>25422</v>
      </c>
      <c r="E8295" s="2" t="s">
        <v>25423</v>
      </c>
      <c r="F8295" s="2" t="s">
        <v>25163</v>
      </c>
      <c r="G8295" s="8">
        <v>354</v>
      </c>
      <c r="H8295" s="5">
        <v>15</v>
      </c>
      <c r="I8295" s="5" t="s">
        <v>69</v>
      </c>
      <c r="J8295" s="5" t="s">
        <v>24629</v>
      </c>
      <c r="K8295" s="2" t="s">
        <v>24630</v>
      </c>
      <c r="L8295" s="5" t="s">
        <v>24629</v>
      </c>
      <c r="M8295" s="2" t="s">
        <v>24630</v>
      </c>
      <c r="N8295" s="5" t="s">
        <v>24254</v>
      </c>
      <c r="O8295" s="5" t="s">
        <v>38</v>
      </c>
      <c r="P8295" s="5" t="s">
        <v>39</v>
      </c>
      <c r="Q8295" s="5" t="s">
        <v>40</v>
      </c>
      <c r="R8295" s="5" t="s">
        <v>24340</v>
      </c>
      <c r="S8295" s="5" t="s">
        <v>40</v>
      </c>
      <c r="T8295" s="5" t="s">
        <v>42</v>
      </c>
      <c r="U8295" s="2">
        <v>15.797000000000001</v>
      </c>
      <c r="V8295" s="2">
        <v>13.448</v>
      </c>
      <c r="W8295" s="2">
        <v>0.13600000000000001</v>
      </c>
      <c r="X8295" s="2">
        <v>12</v>
      </c>
      <c r="Y8295" s="2">
        <v>50</v>
      </c>
      <c r="Z8295" s="2">
        <v>227.4</v>
      </c>
      <c r="AA8295" s="5">
        <v>20</v>
      </c>
      <c r="AB8295" s="5" t="s">
        <v>43</v>
      </c>
      <c r="AC8295" s="5" t="s">
        <v>44</v>
      </c>
      <c r="AD8295" s="2" t="s">
        <v>25297</v>
      </c>
      <c r="AE8295" s="1"/>
    </row>
    <row r="8296" spans="1:31" ht="14.45">
      <c r="A8296" s="11"/>
      <c r="B8296" s="20"/>
      <c r="C8296" s="2" t="s">
        <v>25424</v>
      </c>
      <c r="D8296" s="14" t="s">
        <v>25425</v>
      </c>
      <c r="E8296" s="2" t="s">
        <v>25426</v>
      </c>
      <c r="F8296" s="2" t="s">
        <v>25163</v>
      </c>
      <c r="G8296" s="8">
        <v>354</v>
      </c>
      <c r="H8296" s="5">
        <v>15</v>
      </c>
      <c r="I8296" s="5" t="s">
        <v>69</v>
      </c>
      <c r="J8296" s="5" t="s">
        <v>24629</v>
      </c>
      <c r="K8296" s="2" t="s">
        <v>24630</v>
      </c>
      <c r="L8296" s="5" t="s">
        <v>24629</v>
      </c>
      <c r="M8296" s="2" t="s">
        <v>24630</v>
      </c>
      <c r="N8296" s="5" t="s">
        <v>24254</v>
      </c>
      <c r="O8296" s="5" t="s">
        <v>38</v>
      </c>
      <c r="P8296" s="5" t="s">
        <v>39</v>
      </c>
      <c r="Q8296" s="5" t="s">
        <v>40</v>
      </c>
      <c r="R8296" s="5" t="s">
        <v>25301</v>
      </c>
      <c r="S8296" s="5" t="s">
        <v>40</v>
      </c>
      <c r="T8296" s="5" t="s">
        <v>42</v>
      </c>
      <c r="U8296" s="2">
        <v>14.346</v>
      </c>
      <c r="V8296" s="2">
        <v>11.997</v>
      </c>
      <c r="W8296" s="2">
        <v>0.13600000000000001</v>
      </c>
      <c r="X8296" s="2">
        <v>12</v>
      </c>
      <c r="Y8296" s="2">
        <v>50</v>
      </c>
      <c r="Z8296" s="2">
        <v>227.4</v>
      </c>
      <c r="AA8296" s="5">
        <v>20</v>
      </c>
      <c r="AB8296" s="5" t="s">
        <v>43</v>
      </c>
      <c r="AC8296" s="5" t="s">
        <v>44</v>
      </c>
      <c r="AD8296" s="2" t="s">
        <v>25302</v>
      </c>
      <c r="AE8296" s="1"/>
    </row>
    <row r="8297" spans="1:31" ht="14.45">
      <c r="A8297" s="5"/>
      <c r="B8297" s="21"/>
      <c r="C8297" s="2" t="s">
        <v>25427</v>
      </c>
      <c r="D8297" s="14" t="s">
        <v>25428</v>
      </c>
      <c r="E8297" s="2" t="s">
        <v>25429</v>
      </c>
      <c r="F8297" s="2" t="s">
        <v>25306</v>
      </c>
      <c r="G8297" s="8">
        <v>428</v>
      </c>
      <c r="H8297" s="5">
        <v>20</v>
      </c>
      <c r="I8297" s="5" t="s">
        <v>69</v>
      </c>
      <c r="J8297" s="5" t="s">
        <v>24629</v>
      </c>
      <c r="K8297" s="2" t="s">
        <v>24630</v>
      </c>
      <c r="L8297" s="5" t="s">
        <v>24629</v>
      </c>
      <c r="M8297" s="2" t="s">
        <v>24630</v>
      </c>
      <c r="N8297" s="5" t="s">
        <v>24254</v>
      </c>
      <c r="O8297" s="5" t="s">
        <v>38</v>
      </c>
      <c r="P8297" s="5" t="s">
        <v>39</v>
      </c>
      <c r="Q8297" s="5" t="s">
        <v>40</v>
      </c>
      <c r="R8297" s="5" t="s">
        <v>25301</v>
      </c>
      <c r="S8297" s="5" t="s">
        <v>40</v>
      </c>
      <c r="T8297" s="5" t="s">
        <v>42</v>
      </c>
      <c r="U8297" s="2">
        <v>16.213999999999999</v>
      </c>
      <c r="V8297" s="2">
        <v>13.865</v>
      </c>
      <c r="W8297" s="2">
        <v>0.13600000000000001</v>
      </c>
      <c r="X8297" s="2">
        <v>12</v>
      </c>
      <c r="Y8297" s="2">
        <v>50</v>
      </c>
      <c r="Z8297" s="2">
        <v>227.4</v>
      </c>
      <c r="AA8297" s="5">
        <v>10</v>
      </c>
      <c r="AB8297" s="5" t="s">
        <v>43</v>
      </c>
      <c r="AC8297" s="5" t="s">
        <v>44</v>
      </c>
      <c r="AD8297" s="2"/>
      <c r="AE8297" s="1"/>
    </row>
    <row r="8298" spans="1:31" ht="14.45">
      <c r="A8298" s="11"/>
      <c r="B8298" s="20"/>
      <c r="C8298" s="2" t="s">
        <v>25430</v>
      </c>
      <c r="D8298" s="14" t="s">
        <v>25431</v>
      </c>
      <c r="E8298" s="2" t="s">
        <v>25432</v>
      </c>
      <c r="F8298" s="2" t="s">
        <v>25163</v>
      </c>
      <c r="G8298" s="8">
        <v>396</v>
      </c>
      <c r="H8298" s="5">
        <v>15</v>
      </c>
      <c r="I8298" s="5" t="s">
        <v>69</v>
      </c>
      <c r="J8298" s="5" t="s">
        <v>24629</v>
      </c>
      <c r="K8298" s="2" t="s">
        <v>24630</v>
      </c>
      <c r="L8298" s="5" t="s">
        <v>24629</v>
      </c>
      <c r="M8298" s="2" t="s">
        <v>24630</v>
      </c>
      <c r="N8298" s="5" t="s">
        <v>24254</v>
      </c>
      <c r="O8298" s="5" t="s">
        <v>38</v>
      </c>
      <c r="P8298" s="5" t="s">
        <v>39</v>
      </c>
      <c r="Q8298" s="5" t="s">
        <v>40</v>
      </c>
      <c r="R8298" s="5" t="s">
        <v>24340</v>
      </c>
      <c r="S8298" s="5" t="s">
        <v>40</v>
      </c>
      <c r="T8298" s="5" t="s">
        <v>42</v>
      </c>
      <c r="U8298" s="2">
        <v>18.815000000000001</v>
      </c>
      <c r="V8298" s="2">
        <v>16.469000000000001</v>
      </c>
      <c r="W8298" s="2">
        <v>0.13600000000000001</v>
      </c>
      <c r="X8298" s="2">
        <v>12</v>
      </c>
      <c r="Y8298" s="2">
        <v>50</v>
      </c>
      <c r="Z8298" s="2">
        <v>227.4</v>
      </c>
      <c r="AA8298" s="5">
        <v>20</v>
      </c>
      <c r="AB8298" s="5" t="s">
        <v>43</v>
      </c>
      <c r="AC8298" s="5" t="s">
        <v>44</v>
      </c>
      <c r="AD8298" s="2" t="s">
        <v>25297</v>
      </c>
      <c r="AE8298" s="1"/>
    </row>
    <row r="8299" spans="1:31" ht="14.45">
      <c r="A8299" s="11"/>
      <c r="B8299" s="20"/>
      <c r="C8299" s="2" t="s">
        <v>25433</v>
      </c>
      <c r="D8299" s="14" t="s">
        <v>25434</v>
      </c>
      <c r="E8299" s="2" t="s">
        <v>25435</v>
      </c>
      <c r="F8299" s="2" t="s">
        <v>25163</v>
      </c>
      <c r="G8299" s="8">
        <v>396</v>
      </c>
      <c r="H8299" s="5">
        <v>15</v>
      </c>
      <c r="I8299" s="5" t="s">
        <v>69</v>
      </c>
      <c r="J8299" s="5" t="s">
        <v>24629</v>
      </c>
      <c r="K8299" s="2" t="s">
        <v>24630</v>
      </c>
      <c r="L8299" s="5" t="s">
        <v>24629</v>
      </c>
      <c r="M8299" s="2" t="s">
        <v>24630</v>
      </c>
      <c r="N8299" s="5" t="s">
        <v>24254</v>
      </c>
      <c r="O8299" s="5" t="s">
        <v>38</v>
      </c>
      <c r="P8299" s="5" t="s">
        <v>39</v>
      </c>
      <c r="Q8299" s="5" t="s">
        <v>40</v>
      </c>
      <c r="R8299" s="5" t="s">
        <v>25301</v>
      </c>
      <c r="S8299" s="5" t="s">
        <v>40</v>
      </c>
      <c r="T8299" s="5" t="s">
        <v>42</v>
      </c>
      <c r="U8299" s="2">
        <v>16.706</v>
      </c>
      <c r="V8299" s="2">
        <v>14.36</v>
      </c>
      <c r="W8299" s="2">
        <v>0.13600000000000001</v>
      </c>
      <c r="X8299" s="2">
        <v>12</v>
      </c>
      <c r="Y8299" s="2">
        <v>50</v>
      </c>
      <c r="Z8299" s="2">
        <v>227.4</v>
      </c>
      <c r="AA8299" s="5">
        <v>20</v>
      </c>
      <c r="AB8299" s="5" t="s">
        <v>43</v>
      </c>
      <c r="AC8299" s="5" t="s">
        <v>44</v>
      </c>
      <c r="AD8299" s="2" t="s">
        <v>25302</v>
      </c>
      <c r="AE8299" s="1"/>
    </row>
    <row r="8300" spans="1:31" ht="14.45">
      <c r="A8300" s="11"/>
      <c r="B8300" s="20"/>
      <c r="C8300" s="2" t="s">
        <v>25436</v>
      </c>
      <c r="D8300" s="14" t="s">
        <v>25437</v>
      </c>
      <c r="E8300" s="2" t="s">
        <v>25438</v>
      </c>
      <c r="F8300" s="2" t="s">
        <v>25397</v>
      </c>
      <c r="G8300" s="8">
        <v>485</v>
      </c>
      <c r="H8300" s="5">
        <v>20</v>
      </c>
      <c r="I8300" s="5" t="s">
        <v>69</v>
      </c>
      <c r="J8300" s="5" t="s">
        <v>24629</v>
      </c>
      <c r="K8300" s="2" t="s">
        <v>24630</v>
      </c>
      <c r="L8300" s="5" t="s">
        <v>24629</v>
      </c>
      <c r="M8300" s="2" t="s">
        <v>24630</v>
      </c>
      <c r="N8300" s="5" t="s">
        <v>24254</v>
      </c>
      <c r="O8300" s="5" t="s">
        <v>38</v>
      </c>
      <c r="P8300" s="5" t="s">
        <v>39</v>
      </c>
      <c r="Q8300" s="5" t="s">
        <v>40</v>
      </c>
      <c r="R8300" s="5" t="s">
        <v>24340</v>
      </c>
      <c r="S8300" s="5" t="s">
        <v>40</v>
      </c>
      <c r="T8300" s="5" t="s">
        <v>42</v>
      </c>
      <c r="U8300" s="2">
        <v>21.707000000000001</v>
      </c>
      <c r="V8300" s="2">
        <v>19.361000000000001</v>
      </c>
      <c r="W8300" s="2">
        <v>0.13600000000000001</v>
      </c>
      <c r="X8300" s="2">
        <v>12</v>
      </c>
      <c r="Y8300" s="2">
        <v>50</v>
      </c>
      <c r="Z8300" s="2">
        <v>227.4</v>
      </c>
      <c r="AA8300" s="5">
        <v>10</v>
      </c>
      <c r="AB8300" s="5" t="s">
        <v>43</v>
      </c>
      <c r="AC8300" s="5" t="s">
        <v>44</v>
      </c>
      <c r="AD8300" s="2" t="s">
        <v>25398</v>
      </c>
      <c r="AE8300" s="1"/>
    </row>
    <row r="8301" spans="1:31" ht="14.45">
      <c r="A8301" s="11"/>
      <c r="B8301" s="20"/>
      <c r="C8301" s="2" t="s">
        <v>25439</v>
      </c>
      <c r="D8301" s="14" t="s">
        <v>25440</v>
      </c>
      <c r="E8301" s="2" t="s">
        <v>25441</v>
      </c>
      <c r="F8301" s="2" t="s">
        <v>25397</v>
      </c>
      <c r="G8301" s="8">
        <v>485</v>
      </c>
      <c r="H8301" s="5">
        <v>20</v>
      </c>
      <c r="I8301" s="5" t="s">
        <v>69</v>
      </c>
      <c r="J8301" s="5" t="s">
        <v>24629</v>
      </c>
      <c r="K8301" s="2" t="s">
        <v>24630</v>
      </c>
      <c r="L8301" s="5" t="s">
        <v>24629</v>
      </c>
      <c r="M8301" s="2" t="s">
        <v>24630</v>
      </c>
      <c r="N8301" s="5" t="s">
        <v>24254</v>
      </c>
      <c r="O8301" s="5" t="s">
        <v>38</v>
      </c>
      <c r="P8301" s="5" t="s">
        <v>39</v>
      </c>
      <c r="Q8301" s="5" t="s">
        <v>40</v>
      </c>
      <c r="R8301" s="5" t="s">
        <v>25301</v>
      </c>
      <c r="S8301" s="5" t="s">
        <v>40</v>
      </c>
      <c r="T8301" s="5" t="s">
        <v>42</v>
      </c>
      <c r="U8301" s="2">
        <v>19.597999999999999</v>
      </c>
      <c r="V8301" s="2">
        <v>17.251999999999999</v>
      </c>
      <c r="W8301" s="2">
        <v>0.13600000000000001</v>
      </c>
      <c r="X8301" s="2">
        <v>12</v>
      </c>
      <c r="Y8301" s="2">
        <v>50</v>
      </c>
      <c r="Z8301" s="2">
        <v>227.4</v>
      </c>
      <c r="AA8301" s="5">
        <v>10</v>
      </c>
      <c r="AB8301" s="5" t="s">
        <v>43</v>
      </c>
      <c r="AC8301" s="5" t="s">
        <v>44</v>
      </c>
      <c r="AD8301" s="2" t="s">
        <v>25402</v>
      </c>
      <c r="AE8301" s="1"/>
    </row>
    <row r="8302" spans="1:31" ht="14.45">
      <c r="A8302" s="11"/>
      <c r="B8302" s="20"/>
      <c r="C8302" s="2" t="s">
        <v>25442</v>
      </c>
      <c r="D8302" s="14" t="s">
        <v>25443</v>
      </c>
      <c r="E8302" s="2" t="s">
        <v>25444</v>
      </c>
      <c r="F8302" s="2" t="s">
        <v>25163</v>
      </c>
      <c r="G8302" s="8">
        <v>343</v>
      </c>
      <c r="H8302" s="5">
        <v>15</v>
      </c>
      <c r="I8302" s="5" t="s">
        <v>69</v>
      </c>
      <c r="J8302" s="5" t="s">
        <v>24629</v>
      </c>
      <c r="K8302" s="2" t="s">
        <v>24630</v>
      </c>
      <c r="L8302" s="5" t="s">
        <v>24629</v>
      </c>
      <c r="M8302" s="2" t="s">
        <v>24630</v>
      </c>
      <c r="N8302" s="5" t="s">
        <v>24254</v>
      </c>
      <c r="O8302" s="5" t="s">
        <v>38</v>
      </c>
      <c r="P8302" s="5" t="s">
        <v>39</v>
      </c>
      <c r="Q8302" s="5" t="s">
        <v>40</v>
      </c>
      <c r="R8302" s="5" t="s">
        <v>24340</v>
      </c>
      <c r="S8302" s="5" t="s">
        <v>40</v>
      </c>
      <c r="T8302" s="5" t="s">
        <v>42</v>
      </c>
      <c r="U8302" s="2">
        <v>13.782999999999999</v>
      </c>
      <c r="V8302" s="2">
        <v>12.364000000000001</v>
      </c>
      <c r="W8302" s="2">
        <v>0.104</v>
      </c>
      <c r="X8302" s="2">
        <v>12</v>
      </c>
      <c r="Y8302" s="2">
        <v>42.5</v>
      </c>
      <c r="Z8302" s="2">
        <v>188.9</v>
      </c>
      <c r="AA8302" s="5">
        <v>20</v>
      </c>
      <c r="AB8302" s="5" t="s">
        <v>43</v>
      </c>
      <c r="AC8302" s="5" t="s">
        <v>44</v>
      </c>
      <c r="AD8302" s="2" t="s">
        <v>25297</v>
      </c>
      <c r="AE8302" s="1"/>
    </row>
    <row r="8303" spans="1:31" ht="14.45">
      <c r="A8303" s="11"/>
      <c r="B8303" s="20"/>
      <c r="C8303" s="2" t="s">
        <v>25445</v>
      </c>
      <c r="D8303" s="14" t="s">
        <v>25446</v>
      </c>
      <c r="E8303" s="2" t="s">
        <v>25447</v>
      </c>
      <c r="F8303" s="2" t="s">
        <v>25163</v>
      </c>
      <c r="G8303" s="8">
        <v>343</v>
      </c>
      <c r="H8303" s="5">
        <v>15</v>
      </c>
      <c r="I8303" s="5" t="s">
        <v>69</v>
      </c>
      <c r="J8303" s="5" t="s">
        <v>24629</v>
      </c>
      <c r="K8303" s="2" t="s">
        <v>24630</v>
      </c>
      <c r="L8303" s="5" t="s">
        <v>24629</v>
      </c>
      <c r="M8303" s="2" t="s">
        <v>24630</v>
      </c>
      <c r="N8303" s="5" t="s">
        <v>24254</v>
      </c>
      <c r="O8303" s="5" t="s">
        <v>38</v>
      </c>
      <c r="P8303" s="5" t="s">
        <v>39</v>
      </c>
      <c r="Q8303" s="5" t="s">
        <v>40</v>
      </c>
      <c r="R8303" s="5" t="s">
        <v>25301</v>
      </c>
      <c r="S8303" s="5" t="s">
        <v>40</v>
      </c>
      <c r="T8303" s="5" t="s">
        <v>42</v>
      </c>
      <c r="U8303" s="2">
        <v>12.474</v>
      </c>
      <c r="V8303" s="2">
        <v>11.055</v>
      </c>
      <c r="W8303" s="2">
        <v>0.104</v>
      </c>
      <c r="X8303" s="2">
        <v>12</v>
      </c>
      <c r="Y8303" s="2">
        <v>42.5</v>
      </c>
      <c r="Z8303" s="2">
        <v>188.9</v>
      </c>
      <c r="AA8303" s="5">
        <v>20</v>
      </c>
      <c r="AB8303" s="5" t="s">
        <v>43</v>
      </c>
      <c r="AC8303" s="5" t="s">
        <v>44</v>
      </c>
      <c r="AD8303" s="2" t="s">
        <v>25302</v>
      </c>
      <c r="AE8303" s="1"/>
    </row>
    <row r="8304" spans="1:31" ht="14.45">
      <c r="A8304" s="5"/>
      <c r="B8304" s="21"/>
      <c r="C8304" s="2" t="s">
        <v>25448</v>
      </c>
      <c r="D8304" s="14" t="s">
        <v>25449</v>
      </c>
      <c r="E8304" s="2" t="s">
        <v>25450</v>
      </c>
      <c r="F8304" s="2" t="s">
        <v>25306</v>
      </c>
      <c r="G8304" s="8">
        <v>413</v>
      </c>
      <c r="H8304" s="5">
        <v>20</v>
      </c>
      <c r="I8304" s="5" t="s">
        <v>69</v>
      </c>
      <c r="J8304" s="5" t="s">
        <v>24629</v>
      </c>
      <c r="K8304" s="2" t="s">
        <v>24630</v>
      </c>
      <c r="L8304" s="5" t="s">
        <v>24629</v>
      </c>
      <c r="M8304" s="2" t="s">
        <v>24630</v>
      </c>
      <c r="N8304" s="5" t="s">
        <v>24254</v>
      </c>
      <c r="O8304" s="5" t="s">
        <v>38</v>
      </c>
      <c r="P8304" s="5" t="s">
        <v>39</v>
      </c>
      <c r="Q8304" s="5" t="s">
        <v>40</v>
      </c>
      <c r="R8304" s="5" t="s">
        <v>25301</v>
      </c>
      <c r="S8304" s="5" t="s">
        <v>40</v>
      </c>
      <c r="T8304" s="5" t="s">
        <v>42</v>
      </c>
      <c r="U8304" s="2">
        <v>14.162000000000001</v>
      </c>
      <c r="V8304" s="2">
        <v>12.743</v>
      </c>
      <c r="W8304" s="2">
        <v>9.6000000000000002E-2</v>
      </c>
      <c r="X8304" s="2">
        <v>12</v>
      </c>
      <c r="Y8304" s="2">
        <v>42.5</v>
      </c>
      <c r="Z8304" s="2">
        <v>188.9</v>
      </c>
      <c r="AA8304" s="5">
        <v>10</v>
      </c>
      <c r="AB8304" s="5" t="s">
        <v>43</v>
      </c>
      <c r="AC8304" s="5" t="s">
        <v>44</v>
      </c>
      <c r="AD8304" s="2"/>
      <c r="AE8304" s="1"/>
    </row>
    <row r="8305" spans="1:31" ht="14.45">
      <c r="A8305" s="11"/>
      <c r="B8305" s="20"/>
      <c r="C8305" s="2" t="s">
        <v>25451</v>
      </c>
      <c r="D8305" s="14" t="s">
        <v>25452</v>
      </c>
      <c r="E8305" s="2" t="s">
        <v>25453</v>
      </c>
      <c r="F8305" s="2" t="s">
        <v>25163</v>
      </c>
      <c r="G8305" s="8">
        <v>348</v>
      </c>
      <c r="H8305" s="5">
        <v>20</v>
      </c>
      <c r="I8305" s="5" t="s">
        <v>69</v>
      </c>
      <c r="J8305" s="5" t="s">
        <v>24629</v>
      </c>
      <c r="K8305" s="2" t="s">
        <v>24630</v>
      </c>
      <c r="L8305" s="5" t="s">
        <v>24629</v>
      </c>
      <c r="M8305" s="2" t="s">
        <v>24630</v>
      </c>
      <c r="N8305" s="5" t="s">
        <v>24254</v>
      </c>
      <c r="O8305" s="5" t="s">
        <v>38</v>
      </c>
      <c r="P8305" s="5" t="s">
        <v>39</v>
      </c>
      <c r="Q8305" s="5" t="s">
        <v>40</v>
      </c>
      <c r="R8305" s="5" t="s">
        <v>24340</v>
      </c>
      <c r="S8305" s="5" t="s">
        <v>40</v>
      </c>
      <c r="T8305" s="5" t="s">
        <v>42</v>
      </c>
      <c r="U8305" s="2">
        <v>14.712</v>
      </c>
      <c r="V8305" s="2">
        <v>13.292999999999999</v>
      </c>
      <c r="W8305" s="2">
        <v>0.11600000000000001</v>
      </c>
      <c r="X8305" s="2">
        <v>12</v>
      </c>
      <c r="Y8305" s="2">
        <v>42.5</v>
      </c>
      <c r="Z8305" s="2">
        <v>188.9</v>
      </c>
      <c r="AA8305" s="5">
        <v>20</v>
      </c>
      <c r="AB8305" s="5" t="s">
        <v>43</v>
      </c>
      <c r="AC8305" s="5" t="s">
        <v>44</v>
      </c>
      <c r="AD8305" s="2" t="s">
        <v>25297</v>
      </c>
      <c r="AE8305" s="1"/>
    </row>
    <row r="8306" spans="1:31" ht="14.45">
      <c r="A8306" s="11"/>
      <c r="B8306" s="20"/>
      <c r="C8306" s="2" t="s">
        <v>25454</v>
      </c>
      <c r="D8306" s="14" t="s">
        <v>25455</v>
      </c>
      <c r="E8306" s="2" t="s">
        <v>25456</v>
      </c>
      <c r="F8306" s="2" t="s">
        <v>25163</v>
      </c>
      <c r="G8306" s="8">
        <v>348</v>
      </c>
      <c r="H8306" s="5">
        <v>15</v>
      </c>
      <c r="I8306" s="5" t="s">
        <v>69</v>
      </c>
      <c r="J8306" s="5" t="s">
        <v>24629</v>
      </c>
      <c r="K8306" s="2" t="s">
        <v>24630</v>
      </c>
      <c r="L8306" s="5" t="s">
        <v>24629</v>
      </c>
      <c r="M8306" s="2" t="s">
        <v>24630</v>
      </c>
      <c r="N8306" s="5" t="s">
        <v>24254</v>
      </c>
      <c r="O8306" s="5" t="s">
        <v>38</v>
      </c>
      <c r="P8306" s="5" t="s">
        <v>39</v>
      </c>
      <c r="Q8306" s="5" t="s">
        <v>40</v>
      </c>
      <c r="R8306" s="5" t="s">
        <v>25301</v>
      </c>
      <c r="S8306" s="5" t="s">
        <v>40</v>
      </c>
      <c r="T8306" s="5" t="s">
        <v>42</v>
      </c>
      <c r="U8306" s="2">
        <v>13.295</v>
      </c>
      <c r="V8306" s="2">
        <v>11.875999999999999</v>
      </c>
      <c r="W8306" s="2">
        <v>0.11600000000000001</v>
      </c>
      <c r="X8306" s="2">
        <v>12</v>
      </c>
      <c r="Y8306" s="2">
        <v>42.5</v>
      </c>
      <c r="Z8306" s="2">
        <v>188.9</v>
      </c>
      <c r="AA8306" s="5">
        <v>20</v>
      </c>
      <c r="AB8306" s="5" t="s">
        <v>43</v>
      </c>
      <c r="AC8306" s="5" t="s">
        <v>44</v>
      </c>
      <c r="AD8306" s="2" t="s">
        <v>25302</v>
      </c>
      <c r="AE8306" s="1"/>
    </row>
    <row r="8307" spans="1:31" ht="14.45">
      <c r="A8307" s="5"/>
      <c r="B8307" s="21"/>
      <c r="C8307" s="2" t="s">
        <v>25457</v>
      </c>
      <c r="D8307" s="14" t="s">
        <v>25458</v>
      </c>
      <c r="E8307" s="2" t="s">
        <v>25459</v>
      </c>
      <c r="F8307" s="2" t="s">
        <v>25306</v>
      </c>
      <c r="G8307" s="8">
        <v>419</v>
      </c>
      <c r="H8307" s="5">
        <v>20</v>
      </c>
      <c r="I8307" s="5" t="s">
        <v>69</v>
      </c>
      <c r="J8307" s="5" t="s">
        <v>24629</v>
      </c>
      <c r="K8307" s="2" t="s">
        <v>24630</v>
      </c>
      <c r="L8307" s="5" t="s">
        <v>24629</v>
      </c>
      <c r="M8307" s="2" t="s">
        <v>24630</v>
      </c>
      <c r="N8307" s="5" t="s">
        <v>24254</v>
      </c>
      <c r="O8307" s="5" t="s">
        <v>38</v>
      </c>
      <c r="P8307" s="5" t="s">
        <v>39</v>
      </c>
      <c r="Q8307" s="5" t="s">
        <v>40</v>
      </c>
      <c r="R8307" s="5" t="s">
        <v>25301</v>
      </c>
      <c r="S8307" s="5" t="s">
        <v>40</v>
      </c>
      <c r="T8307" s="5" t="s">
        <v>42</v>
      </c>
      <c r="U8307" s="2">
        <v>15.145</v>
      </c>
      <c r="V8307" s="2">
        <v>13.726000000000001</v>
      </c>
      <c r="W8307" s="2">
        <v>9.6000000000000002E-2</v>
      </c>
      <c r="X8307" s="2">
        <v>12</v>
      </c>
      <c r="Y8307" s="2">
        <v>42.5</v>
      </c>
      <c r="Z8307" s="2">
        <v>188.9</v>
      </c>
      <c r="AA8307" s="5">
        <v>10</v>
      </c>
      <c r="AB8307" s="5" t="s">
        <v>43</v>
      </c>
      <c r="AC8307" s="5" t="s">
        <v>44</v>
      </c>
      <c r="AD8307" s="2"/>
      <c r="AE8307" s="1"/>
    </row>
    <row r="8308" spans="1:31" ht="14.45">
      <c r="A8308" s="11"/>
      <c r="B8308" s="20"/>
      <c r="C8308" s="2" t="s">
        <v>25460</v>
      </c>
      <c r="D8308" s="14" t="s">
        <v>25461</v>
      </c>
      <c r="E8308" s="2" t="s">
        <v>25462</v>
      </c>
      <c r="F8308" s="2" t="s">
        <v>25163</v>
      </c>
      <c r="G8308" s="8">
        <v>368</v>
      </c>
      <c r="H8308" s="5">
        <v>15</v>
      </c>
      <c r="I8308" s="5" t="s">
        <v>69</v>
      </c>
      <c r="J8308" s="5" t="s">
        <v>24629</v>
      </c>
      <c r="K8308" s="2" t="s">
        <v>24630</v>
      </c>
      <c r="L8308" s="5" t="s">
        <v>24629</v>
      </c>
      <c r="M8308" s="2" t="s">
        <v>24630</v>
      </c>
      <c r="N8308" s="5" t="s">
        <v>24254</v>
      </c>
      <c r="O8308" s="5" t="s">
        <v>38</v>
      </c>
      <c r="P8308" s="5" t="s">
        <v>39</v>
      </c>
      <c r="Q8308" s="5" t="s">
        <v>40</v>
      </c>
      <c r="R8308" s="5" t="s">
        <v>24340</v>
      </c>
      <c r="S8308" s="5" t="s">
        <v>40</v>
      </c>
      <c r="T8308" s="5" t="s">
        <v>42</v>
      </c>
      <c r="U8308" s="2">
        <v>16.5</v>
      </c>
      <c r="V8308" s="2">
        <v>14.151</v>
      </c>
      <c r="W8308" s="2">
        <v>0.13600000000000001</v>
      </c>
      <c r="X8308" s="2">
        <v>12</v>
      </c>
      <c r="Y8308" s="2">
        <v>50</v>
      </c>
      <c r="Z8308" s="2">
        <v>227.4</v>
      </c>
      <c r="AA8308" s="5">
        <v>20</v>
      </c>
      <c r="AB8308" s="5" t="s">
        <v>43</v>
      </c>
      <c r="AC8308" s="5" t="s">
        <v>44</v>
      </c>
      <c r="AD8308" s="2" t="s">
        <v>25297</v>
      </c>
      <c r="AE8308" s="1"/>
    </row>
    <row r="8309" spans="1:31" ht="14.45">
      <c r="A8309" s="11"/>
      <c r="B8309" s="20"/>
      <c r="C8309" s="2" t="s">
        <v>25463</v>
      </c>
      <c r="D8309" s="14" t="s">
        <v>25464</v>
      </c>
      <c r="E8309" s="2" t="s">
        <v>25465</v>
      </c>
      <c r="F8309" s="2" t="s">
        <v>25163</v>
      </c>
      <c r="G8309" s="8">
        <v>368</v>
      </c>
      <c r="H8309" s="5">
        <v>15</v>
      </c>
      <c r="I8309" s="5" t="s">
        <v>69</v>
      </c>
      <c r="J8309" s="5" t="s">
        <v>24629</v>
      </c>
      <c r="K8309" s="2" t="s">
        <v>24630</v>
      </c>
      <c r="L8309" s="5" t="s">
        <v>24629</v>
      </c>
      <c r="M8309" s="2" t="s">
        <v>24630</v>
      </c>
      <c r="N8309" s="5" t="s">
        <v>24254</v>
      </c>
      <c r="O8309" s="5" t="s">
        <v>38</v>
      </c>
      <c r="P8309" s="5" t="s">
        <v>39</v>
      </c>
      <c r="Q8309" s="5" t="s">
        <v>40</v>
      </c>
      <c r="R8309" s="5" t="s">
        <v>25301</v>
      </c>
      <c r="S8309" s="5" t="s">
        <v>40</v>
      </c>
      <c r="T8309" s="5" t="s">
        <v>42</v>
      </c>
      <c r="U8309" s="2">
        <v>14.981</v>
      </c>
      <c r="V8309" s="2">
        <v>12.632</v>
      </c>
      <c r="W8309" s="2">
        <v>0.13600000000000001</v>
      </c>
      <c r="X8309" s="2">
        <v>12</v>
      </c>
      <c r="Y8309" s="2">
        <v>50</v>
      </c>
      <c r="Z8309" s="2">
        <v>227.4</v>
      </c>
      <c r="AA8309" s="5">
        <v>20</v>
      </c>
      <c r="AB8309" s="5" t="s">
        <v>43</v>
      </c>
      <c r="AC8309" s="5" t="s">
        <v>44</v>
      </c>
      <c r="AD8309" s="2" t="s">
        <v>25302</v>
      </c>
      <c r="AE8309" s="1"/>
    </row>
    <row r="8310" spans="1:31" ht="14.45">
      <c r="A8310" s="5"/>
      <c r="B8310" s="21"/>
      <c r="C8310" s="2" t="s">
        <v>25466</v>
      </c>
      <c r="D8310" s="14" t="s">
        <v>25467</v>
      </c>
      <c r="E8310" s="2" t="s">
        <v>25468</v>
      </c>
      <c r="F8310" s="2" t="s">
        <v>25469</v>
      </c>
      <c r="G8310" s="8">
        <v>448</v>
      </c>
      <c r="H8310" s="5">
        <v>20</v>
      </c>
      <c r="I8310" s="5" t="s">
        <v>69</v>
      </c>
      <c r="J8310" s="5" t="s">
        <v>24629</v>
      </c>
      <c r="K8310" s="2" t="s">
        <v>24630</v>
      </c>
      <c r="L8310" s="5" t="s">
        <v>24629</v>
      </c>
      <c r="M8310" s="2" t="s">
        <v>24630</v>
      </c>
      <c r="N8310" s="5" t="s">
        <v>24254</v>
      </c>
      <c r="O8310" s="5" t="s">
        <v>38</v>
      </c>
      <c r="P8310" s="5" t="s">
        <v>39</v>
      </c>
      <c r="Q8310" s="5" t="s">
        <v>40</v>
      </c>
      <c r="R8310" s="5" t="s">
        <v>25301</v>
      </c>
      <c r="S8310" s="5" t="s">
        <v>40</v>
      </c>
      <c r="T8310" s="5" t="s">
        <v>42</v>
      </c>
      <c r="U8310" s="2">
        <v>16.983000000000001</v>
      </c>
      <c r="V8310" s="2">
        <v>14.634</v>
      </c>
      <c r="W8310" s="2">
        <v>0.13600000000000001</v>
      </c>
      <c r="X8310" s="2">
        <v>12</v>
      </c>
      <c r="Y8310" s="2">
        <v>50</v>
      </c>
      <c r="Z8310" s="2">
        <v>227.4</v>
      </c>
      <c r="AA8310" s="5">
        <v>10</v>
      </c>
      <c r="AB8310" s="5" t="s">
        <v>43</v>
      </c>
      <c r="AC8310" s="5" t="s">
        <v>44</v>
      </c>
      <c r="AD8310" s="2"/>
      <c r="AE8310" s="1"/>
    </row>
    <row r="8311" spans="1:31" ht="14.45">
      <c r="A8311" s="11"/>
      <c r="B8311" s="20"/>
      <c r="C8311" s="2" t="s">
        <v>25470</v>
      </c>
      <c r="D8311" s="14" t="s">
        <v>25471</v>
      </c>
      <c r="E8311" s="2" t="s">
        <v>25472</v>
      </c>
      <c r="F8311" s="2" t="s">
        <v>25163</v>
      </c>
      <c r="G8311" s="8">
        <v>416</v>
      </c>
      <c r="H8311" s="5">
        <v>15</v>
      </c>
      <c r="I8311" s="5" t="s">
        <v>69</v>
      </c>
      <c r="J8311" s="5" t="s">
        <v>24629</v>
      </c>
      <c r="K8311" s="2" t="s">
        <v>24630</v>
      </c>
      <c r="L8311" s="5" t="s">
        <v>24629</v>
      </c>
      <c r="M8311" s="2" t="s">
        <v>24630</v>
      </c>
      <c r="N8311" s="5" t="s">
        <v>24254</v>
      </c>
      <c r="O8311" s="5" t="s">
        <v>38</v>
      </c>
      <c r="P8311" s="5" t="s">
        <v>39</v>
      </c>
      <c r="Q8311" s="5" t="s">
        <v>40</v>
      </c>
      <c r="R8311" s="5" t="s">
        <v>24340</v>
      </c>
      <c r="S8311" s="5" t="s">
        <v>40</v>
      </c>
      <c r="T8311" s="5" t="s">
        <v>42</v>
      </c>
      <c r="U8311" s="2">
        <v>19.518000000000001</v>
      </c>
      <c r="V8311" s="2">
        <v>17.172000000000001</v>
      </c>
      <c r="W8311" s="2">
        <v>0.13600000000000001</v>
      </c>
      <c r="X8311" s="2">
        <v>12</v>
      </c>
      <c r="Y8311" s="2">
        <v>50</v>
      </c>
      <c r="Z8311" s="2">
        <v>227.4</v>
      </c>
      <c r="AA8311" s="5">
        <v>20</v>
      </c>
      <c r="AB8311" s="5" t="s">
        <v>43</v>
      </c>
      <c r="AC8311" s="5" t="s">
        <v>44</v>
      </c>
      <c r="AD8311" s="2" t="s">
        <v>25297</v>
      </c>
      <c r="AE8311" s="1"/>
    </row>
    <row r="8312" spans="1:31" ht="14.45">
      <c r="A8312" s="11"/>
      <c r="B8312" s="20"/>
      <c r="C8312" s="2" t="s">
        <v>25473</v>
      </c>
      <c r="D8312" s="14" t="s">
        <v>25474</v>
      </c>
      <c r="E8312" s="2" t="s">
        <v>25475</v>
      </c>
      <c r="F8312" s="2" t="s">
        <v>25163</v>
      </c>
      <c r="G8312" s="8">
        <v>416</v>
      </c>
      <c r="H8312" s="5">
        <v>15</v>
      </c>
      <c r="I8312" s="5" t="s">
        <v>69</v>
      </c>
      <c r="J8312" s="5" t="s">
        <v>24629</v>
      </c>
      <c r="K8312" s="2" t="s">
        <v>24630</v>
      </c>
      <c r="L8312" s="5" t="s">
        <v>24629</v>
      </c>
      <c r="M8312" s="2" t="s">
        <v>24630</v>
      </c>
      <c r="N8312" s="5" t="s">
        <v>24254</v>
      </c>
      <c r="O8312" s="5" t="s">
        <v>38</v>
      </c>
      <c r="P8312" s="5" t="s">
        <v>39</v>
      </c>
      <c r="Q8312" s="5" t="s">
        <v>40</v>
      </c>
      <c r="R8312" s="5" t="s">
        <v>25301</v>
      </c>
      <c r="S8312" s="5" t="s">
        <v>40</v>
      </c>
      <c r="T8312" s="5" t="s">
        <v>42</v>
      </c>
      <c r="U8312" s="2">
        <v>17.341000000000001</v>
      </c>
      <c r="V8312" s="2">
        <v>14.994999999999999</v>
      </c>
      <c r="W8312" s="2">
        <v>0.13600000000000001</v>
      </c>
      <c r="X8312" s="2">
        <v>12</v>
      </c>
      <c r="Y8312" s="2">
        <v>50</v>
      </c>
      <c r="Z8312" s="2">
        <v>227.4</v>
      </c>
      <c r="AA8312" s="5">
        <v>20</v>
      </c>
      <c r="AB8312" s="5" t="s">
        <v>43</v>
      </c>
      <c r="AC8312" s="5" t="s">
        <v>44</v>
      </c>
      <c r="AD8312" s="2" t="s">
        <v>25302</v>
      </c>
      <c r="AE8312" s="1"/>
    </row>
    <row r="8313" spans="1:31" ht="14.45">
      <c r="A8313" s="11"/>
      <c r="B8313" s="20"/>
      <c r="C8313" s="2" t="s">
        <v>25476</v>
      </c>
      <c r="D8313" s="14" t="s">
        <v>25477</v>
      </c>
      <c r="E8313" s="2" t="s">
        <v>25478</v>
      </c>
      <c r="F8313" s="2" t="s">
        <v>25397</v>
      </c>
      <c r="G8313" s="8">
        <v>513</v>
      </c>
      <c r="H8313" s="5">
        <v>20</v>
      </c>
      <c r="I8313" s="5" t="s">
        <v>69</v>
      </c>
      <c r="J8313" s="5" t="s">
        <v>24629</v>
      </c>
      <c r="K8313" s="2" t="s">
        <v>24630</v>
      </c>
      <c r="L8313" s="5" t="s">
        <v>24629</v>
      </c>
      <c r="M8313" s="2" t="s">
        <v>24630</v>
      </c>
      <c r="N8313" s="5" t="s">
        <v>24254</v>
      </c>
      <c r="O8313" s="5" t="s">
        <v>38</v>
      </c>
      <c r="P8313" s="5" t="s">
        <v>39</v>
      </c>
      <c r="Q8313" s="5" t="s">
        <v>40</v>
      </c>
      <c r="R8313" s="5" t="s">
        <v>24340</v>
      </c>
      <c r="S8313" s="5" t="s">
        <v>40</v>
      </c>
      <c r="T8313" s="5" t="s">
        <v>42</v>
      </c>
      <c r="U8313" s="2">
        <v>22.544</v>
      </c>
      <c r="V8313" s="2">
        <v>20.198</v>
      </c>
      <c r="W8313" s="2">
        <v>0.13600000000000001</v>
      </c>
      <c r="X8313" s="2">
        <v>12</v>
      </c>
      <c r="Y8313" s="2">
        <v>50</v>
      </c>
      <c r="Z8313" s="2">
        <v>227.4</v>
      </c>
      <c r="AA8313" s="5">
        <v>10</v>
      </c>
      <c r="AB8313" s="5" t="s">
        <v>43</v>
      </c>
      <c r="AC8313" s="5" t="s">
        <v>44</v>
      </c>
      <c r="AD8313" s="2" t="s">
        <v>25398</v>
      </c>
      <c r="AE8313" s="1"/>
    </row>
    <row r="8314" spans="1:31" ht="14.45">
      <c r="A8314" s="11"/>
      <c r="B8314" s="20"/>
      <c r="C8314" s="2" t="s">
        <v>25479</v>
      </c>
      <c r="D8314" s="14" t="s">
        <v>25480</v>
      </c>
      <c r="E8314" s="2" t="s">
        <v>25481</v>
      </c>
      <c r="F8314" s="2" t="s">
        <v>25397</v>
      </c>
      <c r="G8314" s="8">
        <v>513</v>
      </c>
      <c r="H8314" s="5">
        <v>20</v>
      </c>
      <c r="I8314" s="5" t="s">
        <v>69</v>
      </c>
      <c r="J8314" s="5" t="s">
        <v>24629</v>
      </c>
      <c r="K8314" s="2" t="s">
        <v>24630</v>
      </c>
      <c r="L8314" s="5" t="s">
        <v>24629</v>
      </c>
      <c r="M8314" s="2" t="s">
        <v>24630</v>
      </c>
      <c r="N8314" s="5" t="s">
        <v>24254</v>
      </c>
      <c r="O8314" s="5" t="s">
        <v>38</v>
      </c>
      <c r="P8314" s="5" t="s">
        <v>39</v>
      </c>
      <c r="Q8314" s="5" t="s">
        <v>40</v>
      </c>
      <c r="R8314" s="5" t="s">
        <v>25301</v>
      </c>
      <c r="S8314" s="5" t="s">
        <v>40</v>
      </c>
      <c r="T8314" s="5" t="s">
        <v>42</v>
      </c>
      <c r="U8314" s="2">
        <v>20.367000000000001</v>
      </c>
      <c r="V8314" s="2">
        <v>18.021000000000001</v>
      </c>
      <c r="W8314" s="2">
        <v>0.13600000000000001</v>
      </c>
      <c r="X8314" s="2">
        <v>12</v>
      </c>
      <c r="Y8314" s="2">
        <v>50</v>
      </c>
      <c r="Z8314" s="2">
        <v>227.4</v>
      </c>
      <c r="AA8314" s="5">
        <v>10</v>
      </c>
      <c r="AB8314" s="5" t="s">
        <v>43</v>
      </c>
      <c r="AC8314" s="5" t="s">
        <v>44</v>
      </c>
      <c r="AD8314" s="2" t="s">
        <v>25402</v>
      </c>
      <c r="AE8314" s="1"/>
    </row>
    <row r="8315" spans="1:31" ht="14.45">
      <c r="A8315" s="11"/>
      <c r="B8315" s="20"/>
      <c r="C8315" s="2" t="s">
        <v>25482</v>
      </c>
      <c r="D8315" s="14" t="s">
        <v>25483</v>
      </c>
      <c r="E8315" s="2" t="s">
        <v>25484</v>
      </c>
      <c r="F8315" s="2" t="s">
        <v>25163</v>
      </c>
      <c r="G8315" s="8">
        <v>343</v>
      </c>
      <c r="H8315" s="5">
        <v>15</v>
      </c>
      <c r="I8315" s="5" t="s">
        <v>69</v>
      </c>
      <c r="J8315" s="5" t="s">
        <v>24629</v>
      </c>
      <c r="K8315" s="2" t="s">
        <v>24630</v>
      </c>
      <c r="L8315" s="5" t="s">
        <v>24629</v>
      </c>
      <c r="M8315" s="2" t="s">
        <v>24630</v>
      </c>
      <c r="N8315" s="5" t="s">
        <v>24254</v>
      </c>
      <c r="O8315" s="5" t="s">
        <v>38</v>
      </c>
      <c r="P8315" s="5" t="s">
        <v>39</v>
      </c>
      <c r="Q8315" s="5" t="s">
        <v>40</v>
      </c>
      <c r="R8315" s="5" t="s">
        <v>24340</v>
      </c>
      <c r="S8315" s="5" t="s">
        <v>40</v>
      </c>
      <c r="T8315" s="5" t="s">
        <v>42</v>
      </c>
      <c r="U8315" s="2">
        <v>13.515000000000001</v>
      </c>
      <c r="V8315" s="2">
        <v>12.096</v>
      </c>
      <c r="W8315" s="2">
        <v>0.11600000000000001</v>
      </c>
      <c r="X8315" s="2">
        <v>12</v>
      </c>
      <c r="Y8315" s="2">
        <v>42.5</v>
      </c>
      <c r="Z8315" s="2">
        <v>188.9</v>
      </c>
      <c r="AA8315" s="5">
        <v>20</v>
      </c>
      <c r="AB8315" s="5" t="s">
        <v>43</v>
      </c>
      <c r="AC8315" s="5" t="s">
        <v>44</v>
      </c>
      <c r="AD8315" s="2" t="s">
        <v>25297</v>
      </c>
      <c r="AE8315" s="1"/>
    </row>
    <row r="8316" spans="1:31" ht="14.45">
      <c r="A8316" s="11"/>
      <c r="B8316" s="20"/>
      <c r="C8316" s="2" t="s">
        <v>25485</v>
      </c>
      <c r="D8316" s="14" t="s">
        <v>25486</v>
      </c>
      <c r="E8316" s="2" t="s">
        <v>25487</v>
      </c>
      <c r="F8316" s="2" t="s">
        <v>25163</v>
      </c>
      <c r="G8316" s="8">
        <v>343</v>
      </c>
      <c r="H8316" s="5">
        <v>15</v>
      </c>
      <c r="I8316" s="5" t="s">
        <v>69</v>
      </c>
      <c r="J8316" s="5" t="s">
        <v>24629</v>
      </c>
      <c r="K8316" s="2" t="s">
        <v>24630</v>
      </c>
      <c r="L8316" s="5" t="s">
        <v>24629</v>
      </c>
      <c r="M8316" s="2" t="s">
        <v>24630</v>
      </c>
      <c r="N8316" s="5" t="s">
        <v>24254</v>
      </c>
      <c r="O8316" s="5" t="s">
        <v>38</v>
      </c>
      <c r="P8316" s="5" t="s">
        <v>39</v>
      </c>
      <c r="Q8316" s="5" t="s">
        <v>40</v>
      </c>
      <c r="R8316" s="5" t="s">
        <v>25301</v>
      </c>
      <c r="S8316" s="5" t="s">
        <v>40</v>
      </c>
      <c r="T8316" s="5" t="s">
        <v>42</v>
      </c>
      <c r="U8316" s="2">
        <v>12.233000000000001</v>
      </c>
      <c r="V8316" s="2">
        <v>10.814</v>
      </c>
      <c r="W8316" s="2">
        <v>0.11600000000000001</v>
      </c>
      <c r="X8316" s="2">
        <v>12</v>
      </c>
      <c r="Y8316" s="2">
        <v>42.5</v>
      </c>
      <c r="Z8316" s="2">
        <v>188.9</v>
      </c>
      <c r="AA8316" s="5">
        <v>20</v>
      </c>
      <c r="AB8316" s="5" t="s">
        <v>43</v>
      </c>
      <c r="AC8316" s="5" t="s">
        <v>44</v>
      </c>
      <c r="AD8316" s="2" t="s">
        <v>25302</v>
      </c>
      <c r="AE8316" s="1"/>
    </row>
    <row r="8317" spans="1:31" ht="14.45">
      <c r="A8317" s="5"/>
      <c r="B8317" s="21"/>
      <c r="C8317" s="2" t="s">
        <v>25488</v>
      </c>
      <c r="D8317" s="14" t="s">
        <v>25489</v>
      </c>
      <c r="E8317" s="2" t="s">
        <v>25490</v>
      </c>
      <c r="F8317" s="2" t="s">
        <v>25306</v>
      </c>
      <c r="G8317" s="8">
        <v>413</v>
      </c>
      <c r="H8317" s="5">
        <v>20</v>
      </c>
      <c r="I8317" s="5" t="s">
        <v>69</v>
      </c>
      <c r="J8317" s="5" t="s">
        <v>24629</v>
      </c>
      <c r="K8317" s="2" t="s">
        <v>24630</v>
      </c>
      <c r="L8317" s="5" t="s">
        <v>24629</v>
      </c>
      <c r="M8317" s="2" t="s">
        <v>24630</v>
      </c>
      <c r="N8317" s="5" t="s">
        <v>24254</v>
      </c>
      <c r="O8317" s="5" t="s">
        <v>38</v>
      </c>
      <c r="P8317" s="5" t="s">
        <v>39</v>
      </c>
      <c r="Q8317" s="5" t="s">
        <v>40</v>
      </c>
      <c r="R8317" s="5" t="s">
        <v>25301</v>
      </c>
      <c r="S8317" s="5" t="s">
        <v>40</v>
      </c>
      <c r="T8317" s="5" t="s">
        <v>42</v>
      </c>
      <c r="U8317" s="2">
        <v>13.909000000000001</v>
      </c>
      <c r="V8317" s="2">
        <v>12.49</v>
      </c>
      <c r="W8317" s="2">
        <v>9.6000000000000002E-2</v>
      </c>
      <c r="X8317" s="2">
        <v>12</v>
      </c>
      <c r="Y8317" s="2">
        <v>42.5</v>
      </c>
      <c r="Z8317" s="2">
        <v>188.9</v>
      </c>
      <c r="AA8317" s="5">
        <v>10</v>
      </c>
      <c r="AB8317" s="5" t="s">
        <v>43</v>
      </c>
      <c r="AC8317" s="5" t="s">
        <v>44</v>
      </c>
      <c r="AD8317" s="2"/>
      <c r="AE8317" s="1"/>
    </row>
    <row r="8318" spans="1:31" ht="14.45">
      <c r="A8318" s="11"/>
      <c r="B8318" s="20"/>
      <c r="C8318" s="2" t="s">
        <v>25491</v>
      </c>
      <c r="D8318" s="14" t="s">
        <v>25492</v>
      </c>
      <c r="E8318" s="2" t="s">
        <v>25493</v>
      </c>
      <c r="F8318" s="2" t="s">
        <v>25163</v>
      </c>
      <c r="G8318" s="8">
        <v>359</v>
      </c>
      <c r="H8318" s="5">
        <v>15</v>
      </c>
      <c r="I8318" s="5" t="s">
        <v>69</v>
      </c>
      <c r="J8318" s="5" t="s">
        <v>24629</v>
      </c>
      <c r="K8318" s="2" t="s">
        <v>24630</v>
      </c>
      <c r="L8318" s="5" t="s">
        <v>24629</v>
      </c>
      <c r="M8318" s="2" t="s">
        <v>24630</v>
      </c>
      <c r="N8318" s="5" t="s">
        <v>24254</v>
      </c>
      <c r="O8318" s="5" t="s">
        <v>38</v>
      </c>
      <c r="P8318" s="5" t="s">
        <v>39</v>
      </c>
      <c r="Q8318" s="5" t="s">
        <v>40</v>
      </c>
      <c r="R8318" s="5" t="s">
        <v>24340</v>
      </c>
      <c r="S8318" s="5" t="s">
        <v>40</v>
      </c>
      <c r="T8318" s="5" t="s">
        <v>42</v>
      </c>
      <c r="U8318" s="2">
        <v>15.287000000000001</v>
      </c>
      <c r="V8318" s="2">
        <v>13.868</v>
      </c>
      <c r="W8318" s="2">
        <v>0.11600000000000001</v>
      </c>
      <c r="X8318" s="2">
        <v>12</v>
      </c>
      <c r="Y8318" s="2">
        <v>42.5</v>
      </c>
      <c r="Z8318" s="2">
        <v>188.9</v>
      </c>
      <c r="AA8318" s="5">
        <v>20</v>
      </c>
      <c r="AB8318" s="5" t="s">
        <v>43</v>
      </c>
      <c r="AC8318" s="5" t="s">
        <v>44</v>
      </c>
      <c r="AD8318" s="2" t="s">
        <v>25297</v>
      </c>
      <c r="AE8318" s="1"/>
    </row>
    <row r="8319" spans="1:31" ht="14.45">
      <c r="A8319" s="11"/>
      <c r="B8319" s="20"/>
      <c r="C8319" s="2" t="s">
        <v>25494</v>
      </c>
      <c r="D8319" s="14" t="s">
        <v>25495</v>
      </c>
      <c r="E8319" s="2" t="s">
        <v>25496</v>
      </c>
      <c r="F8319" s="2" t="s">
        <v>25163</v>
      </c>
      <c r="G8319" s="8">
        <v>359</v>
      </c>
      <c r="H8319" s="5">
        <v>15</v>
      </c>
      <c r="I8319" s="5" t="s">
        <v>69</v>
      </c>
      <c r="J8319" s="5" t="s">
        <v>24629</v>
      </c>
      <c r="K8319" s="2" t="s">
        <v>24630</v>
      </c>
      <c r="L8319" s="5" t="s">
        <v>24629</v>
      </c>
      <c r="M8319" s="2" t="s">
        <v>24630</v>
      </c>
      <c r="N8319" s="5" t="s">
        <v>24254</v>
      </c>
      <c r="O8319" s="5" t="s">
        <v>38</v>
      </c>
      <c r="P8319" s="5" t="s">
        <v>39</v>
      </c>
      <c r="Q8319" s="5" t="s">
        <v>40</v>
      </c>
      <c r="R8319" s="5" t="s">
        <v>25301</v>
      </c>
      <c r="S8319" s="5" t="s">
        <v>40</v>
      </c>
      <c r="T8319" s="5" t="s">
        <v>42</v>
      </c>
      <c r="U8319" s="2">
        <v>13.801</v>
      </c>
      <c r="V8319" s="2">
        <v>12.382</v>
      </c>
      <c r="W8319" s="2">
        <v>0.11600000000000001</v>
      </c>
      <c r="X8319" s="2">
        <v>12</v>
      </c>
      <c r="Y8319" s="2">
        <v>42.5</v>
      </c>
      <c r="Z8319" s="2">
        <v>188.9</v>
      </c>
      <c r="AA8319" s="5">
        <v>20</v>
      </c>
      <c r="AB8319" s="5" t="s">
        <v>43</v>
      </c>
      <c r="AC8319" s="5" t="s">
        <v>44</v>
      </c>
      <c r="AD8319" s="2" t="s">
        <v>25302</v>
      </c>
      <c r="AE8319" s="1"/>
    </row>
    <row r="8320" spans="1:31" ht="14.45">
      <c r="A8320" s="5"/>
      <c r="B8320" s="21"/>
      <c r="C8320" s="2" t="s">
        <v>25497</v>
      </c>
      <c r="D8320" s="14" t="s">
        <v>25498</v>
      </c>
      <c r="E8320" s="2" t="s">
        <v>25499</v>
      </c>
      <c r="F8320" s="2" t="s">
        <v>25306</v>
      </c>
      <c r="G8320" s="8">
        <v>435</v>
      </c>
      <c r="H8320" s="5">
        <v>20</v>
      </c>
      <c r="I8320" s="5" t="s">
        <v>69</v>
      </c>
      <c r="J8320" s="5" t="s">
        <v>24629</v>
      </c>
      <c r="K8320" s="2" t="s">
        <v>24630</v>
      </c>
      <c r="L8320" s="5" t="s">
        <v>24629</v>
      </c>
      <c r="M8320" s="2" t="s">
        <v>24630</v>
      </c>
      <c r="N8320" s="5" t="s">
        <v>24254</v>
      </c>
      <c r="O8320" s="5" t="s">
        <v>38</v>
      </c>
      <c r="P8320" s="5" t="s">
        <v>39</v>
      </c>
      <c r="Q8320" s="5" t="s">
        <v>40</v>
      </c>
      <c r="R8320" s="5" t="s">
        <v>25301</v>
      </c>
      <c r="S8320" s="5" t="s">
        <v>40</v>
      </c>
      <c r="T8320" s="5" t="s">
        <v>42</v>
      </c>
      <c r="U8320" s="2">
        <v>15.787000000000001</v>
      </c>
      <c r="V8320" s="2">
        <v>14.368</v>
      </c>
      <c r="W8320" s="2">
        <v>9.6000000000000002E-2</v>
      </c>
      <c r="X8320" s="2">
        <v>12</v>
      </c>
      <c r="Y8320" s="2">
        <v>42.5</v>
      </c>
      <c r="Z8320" s="2">
        <v>188.9</v>
      </c>
      <c r="AA8320" s="5">
        <v>10</v>
      </c>
      <c r="AB8320" s="5" t="s">
        <v>43</v>
      </c>
      <c r="AC8320" s="5" t="s">
        <v>44</v>
      </c>
      <c r="AD8320" s="2"/>
      <c r="AE8320" s="1"/>
    </row>
    <row r="8321" spans="1:31" ht="14.45">
      <c r="A8321" s="11"/>
      <c r="B8321" s="20"/>
      <c r="C8321" s="2" t="s">
        <v>25500</v>
      </c>
      <c r="D8321" s="14" t="s">
        <v>25501</v>
      </c>
      <c r="E8321" s="2" t="s">
        <v>25502</v>
      </c>
      <c r="F8321" s="2" t="s">
        <v>25163</v>
      </c>
      <c r="G8321" s="8">
        <v>383</v>
      </c>
      <c r="H8321" s="5">
        <v>15</v>
      </c>
      <c r="I8321" s="5" t="s">
        <v>69</v>
      </c>
      <c r="J8321" s="5" t="s">
        <v>24629</v>
      </c>
      <c r="K8321" s="2" t="s">
        <v>24630</v>
      </c>
      <c r="L8321" s="5" t="s">
        <v>24629</v>
      </c>
      <c r="M8321" s="2" t="s">
        <v>24630</v>
      </c>
      <c r="N8321" s="5" t="s">
        <v>24254</v>
      </c>
      <c r="O8321" s="5" t="s">
        <v>38</v>
      </c>
      <c r="P8321" s="5" t="s">
        <v>39</v>
      </c>
      <c r="Q8321" s="5" t="s">
        <v>40</v>
      </c>
      <c r="R8321" s="5" t="s">
        <v>24340</v>
      </c>
      <c r="S8321" s="5" t="s">
        <v>40</v>
      </c>
      <c r="T8321" s="5" t="s">
        <v>42</v>
      </c>
      <c r="U8321" s="2">
        <v>17.074999999999999</v>
      </c>
      <c r="V8321" s="2">
        <v>14.726000000000001</v>
      </c>
      <c r="W8321" s="2">
        <v>0.13600000000000001</v>
      </c>
      <c r="X8321" s="2">
        <v>12</v>
      </c>
      <c r="Y8321" s="2">
        <v>50</v>
      </c>
      <c r="Z8321" s="2">
        <v>227.4</v>
      </c>
      <c r="AA8321" s="5">
        <v>20</v>
      </c>
      <c r="AB8321" s="5" t="s">
        <v>43</v>
      </c>
      <c r="AC8321" s="5" t="s">
        <v>44</v>
      </c>
      <c r="AD8321" s="2" t="s">
        <v>25297</v>
      </c>
      <c r="AE8321" s="1"/>
    </row>
    <row r="8322" spans="1:31" ht="14.45">
      <c r="A8322" s="11"/>
      <c r="B8322" s="20"/>
      <c r="C8322" s="2" t="s">
        <v>25503</v>
      </c>
      <c r="D8322" s="14" t="s">
        <v>25504</v>
      </c>
      <c r="E8322" s="2" t="s">
        <v>25505</v>
      </c>
      <c r="F8322" s="2" t="s">
        <v>25163</v>
      </c>
      <c r="G8322" s="8">
        <v>383</v>
      </c>
      <c r="H8322" s="5">
        <v>15</v>
      </c>
      <c r="I8322" s="5" t="s">
        <v>69</v>
      </c>
      <c r="J8322" s="5" t="s">
        <v>24629</v>
      </c>
      <c r="K8322" s="2" t="s">
        <v>24630</v>
      </c>
      <c r="L8322" s="5" t="s">
        <v>24629</v>
      </c>
      <c r="M8322" s="2" t="s">
        <v>24630</v>
      </c>
      <c r="N8322" s="5" t="s">
        <v>24254</v>
      </c>
      <c r="O8322" s="5" t="s">
        <v>38</v>
      </c>
      <c r="P8322" s="5" t="s">
        <v>39</v>
      </c>
      <c r="Q8322" s="5" t="s">
        <v>40</v>
      </c>
      <c r="R8322" s="5" t="s">
        <v>25301</v>
      </c>
      <c r="S8322" s="5" t="s">
        <v>40</v>
      </c>
      <c r="T8322" s="5" t="s">
        <v>42</v>
      </c>
      <c r="U8322" s="2">
        <v>15.487</v>
      </c>
      <c r="V8322" s="2">
        <v>13.138</v>
      </c>
      <c r="W8322" s="2">
        <v>0.13600000000000001</v>
      </c>
      <c r="X8322" s="2">
        <v>12</v>
      </c>
      <c r="Y8322" s="2">
        <v>50</v>
      </c>
      <c r="Z8322" s="2">
        <v>227.4</v>
      </c>
      <c r="AA8322" s="5">
        <v>20</v>
      </c>
      <c r="AB8322" s="5" t="s">
        <v>43</v>
      </c>
      <c r="AC8322" s="5" t="s">
        <v>44</v>
      </c>
      <c r="AD8322" s="2" t="s">
        <v>25302</v>
      </c>
      <c r="AE8322" s="1"/>
    </row>
    <row r="8323" spans="1:31" ht="14.45">
      <c r="A8323" s="5"/>
      <c r="B8323" s="21"/>
      <c r="C8323" s="2" t="s">
        <v>25506</v>
      </c>
      <c r="D8323" s="14" t="s">
        <v>25507</v>
      </c>
      <c r="E8323" s="2" t="s">
        <v>25508</v>
      </c>
      <c r="F8323" s="2" t="s">
        <v>25306</v>
      </c>
      <c r="G8323" s="8">
        <v>467</v>
      </c>
      <c r="H8323" s="5">
        <v>20</v>
      </c>
      <c r="I8323" s="5" t="s">
        <v>69</v>
      </c>
      <c r="J8323" s="5" t="s">
        <v>24629</v>
      </c>
      <c r="K8323" s="2" t="s">
        <v>24630</v>
      </c>
      <c r="L8323" s="5" t="s">
        <v>24629</v>
      </c>
      <c r="M8323" s="2" t="s">
        <v>24630</v>
      </c>
      <c r="N8323" s="5" t="s">
        <v>24254</v>
      </c>
      <c r="O8323" s="5" t="s">
        <v>38</v>
      </c>
      <c r="P8323" s="5" t="s">
        <v>39</v>
      </c>
      <c r="Q8323" s="5" t="s">
        <v>40</v>
      </c>
      <c r="R8323" s="5" t="s">
        <v>25301</v>
      </c>
      <c r="S8323" s="5" t="s">
        <v>40</v>
      </c>
      <c r="T8323" s="5" t="s">
        <v>42</v>
      </c>
      <c r="U8323" s="2">
        <v>17.625</v>
      </c>
      <c r="V8323" s="2">
        <v>15.276</v>
      </c>
      <c r="W8323" s="2">
        <v>0.13600000000000001</v>
      </c>
      <c r="X8323" s="2">
        <v>12</v>
      </c>
      <c r="Y8323" s="2">
        <v>50</v>
      </c>
      <c r="Z8323" s="2">
        <v>227.4</v>
      </c>
      <c r="AA8323" s="5">
        <v>10</v>
      </c>
      <c r="AB8323" s="5" t="s">
        <v>43</v>
      </c>
      <c r="AC8323" s="5" t="s">
        <v>44</v>
      </c>
      <c r="AD8323" s="2"/>
      <c r="AE8323" s="1"/>
    </row>
    <row r="8324" spans="1:31" ht="14.45">
      <c r="A8324" s="11"/>
      <c r="B8324" s="20"/>
      <c r="C8324" s="2" t="s">
        <v>25509</v>
      </c>
      <c r="D8324" s="14" t="s">
        <v>25510</v>
      </c>
      <c r="E8324" s="2" t="s">
        <v>25511</v>
      </c>
      <c r="F8324" s="2" t="s">
        <v>25163</v>
      </c>
      <c r="G8324" s="8">
        <v>139</v>
      </c>
      <c r="H8324" s="5">
        <v>10</v>
      </c>
      <c r="I8324" s="5" t="s">
        <v>69</v>
      </c>
      <c r="J8324" s="5" t="s">
        <v>24629</v>
      </c>
      <c r="K8324" s="2" t="s">
        <v>24630</v>
      </c>
      <c r="L8324" s="5" t="s">
        <v>24629</v>
      </c>
      <c r="M8324" s="2" t="s">
        <v>24630</v>
      </c>
      <c r="N8324" s="5" t="s">
        <v>24254</v>
      </c>
      <c r="O8324" s="5" t="s">
        <v>38</v>
      </c>
      <c r="P8324" s="5" t="s">
        <v>39</v>
      </c>
      <c r="Q8324" s="5" t="s">
        <v>40</v>
      </c>
      <c r="R8324" s="5" t="s">
        <v>24335</v>
      </c>
      <c r="S8324" s="5" t="s">
        <v>40</v>
      </c>
      <c r="T8324" s="5" t="s">
        <v>42</v>
      </c>
      <c r="U8324" s="2">
        <v>6.6230000000000002</v>
      </c>
      <c r="V8324" s="2">
        <v>5.3339999999999996</v>
      </c>
      <c r="W8324" s="2">
        <v>6.9000000000000006E-2</v>
      </c>
      <c r="X8324" s="2">
        <v>12</v>
      </c>
      <c r="Y8324" s="2">
        <v>50</v>
      </c>
      <c r="Z8324" s="2">
        <v>114.9</v>
      </c>
      <c r="AA8324" s="5">
        <v>20</v>
      </c>
      <c r="AB8324" s="5" t="s">
        <v>43</v>
      </c>
      <c r="AC8324" s="5" t="s">
        <v>44</v>
      </c>
      <c r="AD8324" s="2" t="s">
        <v>25512</v>
      </c>
      <c r="AE8324" s="1"/>
    </row>
    <row r="8325" spans="1:31" ht="14.45">
      <c r="A8325" s="11"/>
      <c r="B8325" s="20"/>
      <c r="C8325" s="2" t="s">
        <v>25513</v>
      </c>
      <c r="D8325" s="14" t="s">
        <v>25514</v>
      </c>
      <c r="E8325" s="2" t="s">
        <v>25515</v>
      </c>
      <c r="F8325" s="2" t="s">
        <v>25163</v>
      </c>
      <c r="G8325" s="8">
        <v>290</v>
      </c>
      <c r="H8325" s="5">
        <v>10</v>
      </c>
      <c r="I8325" s="5" t="s">
        <v>69</v>
      </c>
      <c r="J8325" s="5" t="s">
        <v>24629</v>
      </c>
      <c r="K8325" s="2" t="s">
        <v>24630</v>
      </c>
      <c r="L8325" s="5" t="s">
        <v>24629</v>
      </c>
      <c r="M8325" s="2" t="s">
        <v>24630</v>
      </c>
      <c r="N8325" s="5" t="s">
        <v>24254</v>
      </c>
      <c r="O8325" s="5" t="s">
        <v>38</v>
      </c>
      <c r="P8325" s="5" t="s">
        <v>39</v>
      </c>
      <c r="Q8325" s="5" t="s">
        <v>40</v>
      </c>
      <c r="R8325" s="5" t="s">
        <v>24340</v>
      </c>
      <c r="S8325" s="5" t="s">
        <v>40</v>
      </c>
      <c r="T8325" s="5" t="s">
        <v>42</v>
      </c>
      <c r="U8325" s="2">
        <v>10.625</v>
      </c>
      <c r="V8325" s="2">
        <v>9.3360000000000003</v>
      </c>
      <c r="W8325" s="2">
        <v>6.9000000000000006E-2</v>
      </c>
      <c r="X8325" s="2">
        <v>12</v>
      </c>
      <c r="Y8325" s="2">
        <v>50</v>
      </c>
      <c r="Z8325" s="2">
        <v>114.9</v>
      </c>
      <c r="AA8325" s="5">
        <v>20</v>
      </c>
      <c r="AB8325" s="5" t="s">
        <v>43</v>
      </c>
      <c r="AC8325" s="5" t="s">
        <v>44</v>
      </c>
      <c r="AD8325" s="2" t="s">
        <v>25516</v>
      </c>
      <c r="AE8325" s="1"/>
    </row>
    <row r="8326" spans="1:31" ht="14.45">
      <c r="A8326" s="11"/>
      <c r="B8326" s="20"/>
      <c r="C8326" s="2" t="s">
        <v>25517</v>
      </c>
      <c r="D8326" s="14" t="s">
        <v>25518</v>
      </c>
      <c r="E8326" s="2" t="s">
        <v>25519</v>
      </c>
      <c r="F8326" s="2" t="s">
        <v>25163</v>
      </c>
      <c r="G8326" s="8">
        <v>290</v>
      </c>
      <c r="H8326" s="5">
        <v>10</v>
      </c>
      <c r="I8326" s="5" t="s">
        <v>69</v>
      </c>
      <c r="J8326" s="5" t="s">
        <v>24629</v>
      </c>
      <c r="K8326" s="2" t="s">
        <v>24630</v>
      </c>
      <c r="L8326" s="5" t="s">
        <v>24629</v>
      </c>
      <c r="M8326" s="2" t="s">
        <v>24630</v>
      </c>
      <c r="N8326" s="5" t="s">
        <v>24254</v>
      </c>
      <c r="O8326" s="5" t="s">
        <v>38</v>
      </c>
      <c r="P8326" s="5" t="s">
        <v>39</v>
      </c>
      <c r="Q8326" s="5" t="s">
        <v>40</v>
      </c>
      <c r="R8326" s="5" t="s">
        <v>25301</v>
      </c>
      <c r="S8326" s="5" t="s">
        <v>40</v>
      </c>
      <c r="T8326" s="5" t="s">
        <v>42</v>
      </c>
      <c r="U8326" s="2">
        <v>9.718</v>
      </c>
      <c r="V8326" s="2">
        <v>8.4290000000000003</v>
      </c>
      <c r="W8326" s="2">
        <v>6.9000000000000006E-2</v>
      </c>
      <c r="X8326" s="2">
        <v>12</v>
      </c>
      <c r="Y8326" s="2">
        <v>50</v>
      </c>
      <c r="Z8326" s="2">
        <v>114.9</v>
      </c>
      <c r="AA8326" s="5">
        <v>20</v>
      </c>
      <c r="AB8326" s="5" t="s">
        <v>43</v>
      </c>
      <c r="AC8326" s="5" t="s">
        <v>44</v>
      </c>
      <c r="AD8326" s="2" t="s">
        <v>25520</v>
      </c>
      <c r="AE8326" s="1"/>
    </row>
    <row r="8327" spans="1:31" ht="14.45">
      <c r="A8327" s="11"/>
      <c r="B8327" s="20"/>
      <c r="C8327" s="2" t="s">
        <v>25521</v>
      </c>
      <c r="D8327" s="14" t="s">
        <v>25522</v>
      </c>
      <c r="E8327" s="2" t="s">
        <v>25523</v>
      </c>
      <c r="F8327" s="2" t="s">
        <v>25163</v>
      </c>
      <c r="G8327" s="8">
        <v>153</v>
      </c>
      <c r="H8327" s="5">
        <v>10</v>
      </c>
      <c r="I8327" s="5" t="s">
        <v>69</v>
      </c>
      <c r="J8327" s="5" t="s">
        <v>24629</v>
      </c>
      <c r="K8327" s="2" t="s">
        <v>24630</v>
      </c>
      <c r="L8327" s="5" t="s">
        <v>24629</v>
      </c>
      <c r="M8327" s="2" t="s">
        <v>24630</v>
      </c>
      <c r="N8327" s="5" t="s">
        <v>24254</v>
      </c>
      <c r="O8327" s="5" t="s">
        <v>38</v>
      </c>
      <c r="P8327" s="5" t="s">
        <v>39</v>
      </c>
      <c r="Q8327" s="5" t="s">
        <v>40</v>
      </c>
      <c r="R8327" s="5" t="s">
        <v>24335</v>
      </c>
      <c r="S8327" s="5" t="s">
        <v>40</v>
      </c>
      <c r="T8327" s="5" t="s">
        <v>42</v>
      </c>
      <c r="U8327" s="2">
        <v>6.5609999999999999</v>
      </c>
      <c r="V8327" s="2">
        <v>5.2720000000000002</v>
      </c>
      <c r="W8327" s="2">
        <v>6.9000000000000006E-2</v>
      </c>
      <c r="X8327" s="2">
        <v>12</v>
      </c>
      <c r="Y8327" s="2">
        <v>50</v>
      </c>
      <c r="Z8327" s="2">
        <v>114.9</v>
      </c>
      <c r="AA8327" s="5">
        <v>20</v>
      </c>
      <c r="AB8327" s="5" t="s">
        <v>43</v>
      </c>
      <c r="AC8327" s="5" t="s">
        <v>44</v>
      </c>
      <c r="AD8327" s="2"/>
      <c r="AE8327" s="1"/>
    </row>
    <row r="8328" spans="1:31" ht="14.45">
      <c r="A8328" s="11"/>
      <c r="B8328" s="20"/>
      <c r="C8328" s="2" t="s">
        <v>25524</v>
      </c>
      <c r="D8328" s="14" t="s">
        <v>25525</v>
      </c>
      <c r="E8328" s="2" t="s">
        <v>25526</v>
      </c>
      <c r="F8328" s="2" t="s">
        <v>25527</v>
      </c>
      <c r="G8328" s="8">
        <v>190</v>
      </c>
      <c r="H8328" s="5">
        <v>5</v>
      </c>
      <c r="I8328" s="5" t="s">
        <v>69</v>
      </c>
      <c r="J8328" s="5" t="s">
        <v>24629</v>
      </c>
      <c r="K8328" s="2" t="s">
        <v>24630</v>
      </c>
      <c r="L8328" s="5" t="s">
        <v>24629</v>
      </c>
      <c r="M8328" s="2" t="s">
        <v>24630</v>
      </c>
      <c r="N8328" s="5" t="s">
        <v>24254</v>
      </c>
      <c r="O8328" s="5" t="s">
        <v>38</v>
      </c>
      <c r="P8328" s="5" t="s">
        <v>39</v>
      </c>
      <c r="Q8328" s="5" t="s">
        <v>40</v>
      </c>
      <c r="R8328" s="5" t="s">
        <v>24335</v>
      </c>
      <c r="S8328" s="5" t="s">
        <v>40</v>
      </c>
      <c r="T8328" s="5" t="s">
        <v>42</v>
      </c>
      <c r="U8328" s="2">
        <v>9.3160000000000007</v>
      </c>
      <c r="V8328" s="2">
        <v>7.077</v>
      </c>
      <c r="W8328" s="2">
        <v>0.10299999999999999</v>
      </c>
      <c r="X8328" s="2">
        <v>12</v>
      </c>
      <c r="Y8328" s="2">
        <v>62</v>
      </c>
      <c r="Z8328" s="2">
        <v>137.9</v>
      </c>
      <c r="AA8328" s="5">
        <v>10</v>
      </c>
      <c r="AB8328" s="5" t="s">
        <v>43</v>
      </c>
      <c r="AC8328" s="5" t="s">
        <v>44</v>
      </c>
      <c r="AD8328" s="2" t="s">
        <v>25528</v>
      </c>
      <c r="AE8328" s="1"/>
    </row>
    <row r="8329" spans="1:31" ht="14.45">
      <c r="A8329" s="11"/>
      <c r="B8329" s="20"/>
      <c r="C8329" s="2" t="s">
        <v>25529</v>
      </c>
      <c r="D8329" s="14" t="s">
        <v>25530</v>
      </c>
      <c r="E8329" s="2" t="s">
        <v>25531</v>
      </c>
      <c r="F8329" s="2" t="s">
        <v>25532</v>
      </c>
      <c r="G8329" s="8">
        <v>341</v>
      </c>
      <c r="H8329" s="5">
        <v>10</v>
      </c>
      <c r="I8329" s="5" t="s">
        <v>69</v>
      </c>
      <c r="J8329" s="5" t="s">
        <v>24629</v>
      </c>
      <c r="K8329" s="2" t="s">
        <v>24630</v>
      </c>
      <c r="L8329" s="5" t="s">
        <v>24629</v>
      </c>
      <c r="M8329" s="2" t="s">
        <v>24630</v>
      </c>
      <c r="N8329" s="5" t="s">
        <v>24254</v>
      </c>
      <c r="O8329" s="5" t="s">
        <v>38</v>
      </c>
      <c r="P8329" s="5" t="s">
        <v>39</v>
      </c>
      <c r="Q8329" s="5" t="s">
        <v>40</v>
      </c>
      <c r="R8329" s="5" t="s">
        <v>24340</v>
      </c>
      <c r="S8329" s="5" t="s">
        <v>40</v>
      </c>
      <c r="T8329" s="5" t="s">
        <v>42</v>
      </c>
      <c r="U8329" s="2">
        <v>13.295</v>
      </c>
      <c r="V8329" s="2">
        <v>11.041</v>
      </c>
      <c r="W8329" s="2">
        <v>0.10299999999999999</v>
      </c>
      <c r="X8329" s="2">
        <v>12</v>
      </c>
      <c r="Y8329" s="2">
        <v>62</v>
      </c>
      <c r="Z8329" s="2">
        <v>137.9</v>
      </c>
      <c r="AA8329" s="5">
        <v>10</v>
      </c>
      <c r="AB8329" s="5" t="s">
        <v>43</v>
      </c>
      <c r="AC8329" s="5" t="s">
        <v>44</v>
      </c>
      <c r="AD8329" s="2" t="s">
        <v>25533</v>
      </c>
      <c r="AE8329" s="1"/>
    </row>
    <row r="8330" spans="1:31" ht="14.45">
      <c r="A8330" s="11"/>
      <c r="B8330" s="20"/>
      <c r="C8330" s="2" t="s">
        <v>25534</v>
      </c>
      <c r="D8330" s="14" t="s">
        <v>25535</v>
      </c>
      <c r="E8330" s="2" t="s">
        <v>25536</v>
      </c>
      <c r="F8330" s="2" t="s">
        <v>25537</v>
      </c>
      <c r="G8330" s="8">
        <v>341</v>
      </c>
      <c r="H8330" s="5">
        <v>10</v>
      </c>
      <c r="I8330" s="5" t="s">
        <v>69</v>
      </c>
      <c r="J8330" s="5" t="s">
        <v>24629</v>
      </c>
      <c r="K8330" s="2" t="s">
        <v>24630</v>
      </c>
      <c r="L8330" s="5" t="s">
        <v>24629</v>
      </c>
      <c r="M8330" s="2" t="s">
        <v>24630</v>
      </c>
      <c r="N8330" s="5" t="s">
        <v>24254</v>
      </c>
      <c r="O8330" s="5" t="s">
        <v>38</v>
      </c>
      <c r="P8330" s="5" t="s">
        <v>39</v>
      </c>
      <c r="Q8330" s="5" t="s">
        <v>40</v>
      </c>
      <c r="R8330" s="5" t="s">
        <v>25301</v>
      </c>
      <c r="S8330" s="5" t="s">
        <v>40</v>
      </c>
      <c r="T8330" s="5" t="s">
        <v>42</v>
      </c>
      <c r="U8330" s="2">
        <v>12.388</v>
      </c>
      <c r="V8330" s="2">
        <v>10.134</v>
      </c>
      <c r="W8330" s="2">
        <v>0.10299999999999999</v>
      </c>
      <c r="X8330" s="2">
        <v>12</v>
      </c>
      <c r="Y8330" s="2">
        <v>62</v>
      </c>
      <c r="Z8330" s="2">
        <v>137.9</v>
      </c>
      <c r="AA8330" s="5">
        <v>10</v>
      </c>
      <c r="AB8330" s="5" t="s">
        <v>43</v>
      </c>
      <c r="AC8330" s="5" t="s">
        <v>44</v>
      </c>
      <c r="AD8330" s="2" t="s">
        <v>25538</v>
      </c>
      <c r="AE8330" s="1"/>
    </row>
    <row r="8331" spans="1:31" ht="14.45">
      <c r="A8331" s="11"/>
      <c r="B8331" s="20"/>
      <c r="C8331" s="2" t="s">
        <v>25539</v>
      </c>
      <c r="D8331" s="14" t="s">
        <v>25540</v>
      </c>
      <c r="E8331" s="2" t="s">
        <v>25541</v>
      </c>
      <c r="F8331" s="2" t="s">
        <v>25163</v>
      </c>
      <c r="G8331" s="8">
        <v>148</v>
      </c>
      <c r="H8331" s="5">
        <v>10</v>
      </c>
      <c r="I8331" s="5" t="s">
        <v>69</v>
      </c>
      <c r="J8331" s="5" t="s">
        <v>24629</v>
      </c>
      <c r="K8331" s="2" t="s">
        <v>24630</v>
      </c>
      <c r="L8331" s="5" t="s">
        <v>24629</v>
      </c>
      <c r="M8331" s="2" t="s">
        <v>24630</v>
      </c>
      <c r="N8331" s="5" t="s">
        <v>24254</v>
      </c>
      <c r="O8331" s="5" t="s">
        <v>38</v>
      </c>
      <c r="P8331" s="5" t="s">
        <v>39</v>
      </c>
      <c r="Q8331" s="5" t="s">
        <v>40</v>
      </c>
      <c r="R8331" s="5" t="s">
        <v>24335</v>
      </c>
      <c r="S8331" s="5" t="s">
        <v>40</v>
      </c>
      <c r="T8331" s="5" t="s">
        <v>42</v>
      </c>
      <c r="U8331" s="2">
        <v>6.8339999999999996</v>
      </c>
      <c r="V8331" s="2">
        <v>5.5449999999999999</v>
      </c>
      <c r="W8331" s="2">
        <v>6.9000000000000006E-2</v>
      </c>
      <c r="X8331" s="2">
        <v>12</v>
      </c>
      <c r="Y8331" s="2">
        <v>50</v>
      </c>
      <c r="Z8331" s="2">
        <v>114.9</v>
      </c>
      <c r="AA8331" s="5">
        <v>20</v>
      </c>
      <c r="AB8331" s="5" t="s">
        <v>43</v>
      </c>
      <c r="AC8331" s="5" t="s">
        <v>44</v>
      </c>
      <c r="AD8331" s="2" t="s">
        <v>25512</v>
      </c>
      <c r="AE8331" s="1"/>
    </row>
    <row r="8332" spans="1:31" ht="14.45">
      <c r="A8332" s="11"/>
      <c r="B8332" s="20"/>
      <c r="C8332" s="2" t="s">
        <v>25542</v>
      </c>
      <c r="D8332" s="14" t="s">
        <v>25543</v>
      </c>
      <c r="E8332" s="2" t="s">
        <v>25544</v>
      </c>
      <c r="F8332" s="2" t="s">
        <v>25163</v>
      </c>
      <c r="G8332" s="8">
        <v>299</v>
      </c>
      <c r="H8332" s="5">
        <v>10</v>
      </c>
      <c r="I8332" s="5" t="s">
        <v>69</v>
      </c>
      <c r="J8332" s="5" t="s">
        <v>24629</v>
      </c>
      <c r="K8332" s="2" t="s">
        <v>24630</v>
      </c>
      <c r="L8332" s="5" t="s">
        <v>24629</v>
      </c>
      <c r="M8332" s="2" t="s">
        <v>24630</v>
      </c>
      <c r="N8332" s="5" t="s">
        <v>24254</v>
      </c>
      <c r="O8332" s="5" t="s">
        <v>38</v>
      </c>
      <c r="P8332" s="5" t="s">
        <v>39</v>
      </c>
      <c r="Q8332" s="5" t="s">
        <v>40</v>
      </c>
      <c r="R8332" s="5" t="s">
        <v>24340</v>
      </c>
      <c r="S8332" s="5" t="s">
        <v>40</v>
      </c>
      <c r="T8332" s="5" t="s">
        <v>42</v>
      </c>
      <c r="U8332" s="2">
        <v>11.222</v>
      </c>
      <c r="V8332" s="2">
        <v>9.9329999999999998</v>
      </c>
      <c r="W8332" s="2">
        <v>6.9000000000000006E-2</v>
      </c>
      <c r="X8332" s="2">
        <v>12</v>
      </c>
      <c r="Y8332" s="2">
        <v>50</v>
      </c>
      <c r="Z8332" s="2">
        <v>114.9</v>
      </c>
      <c r="AA8332" s="5">
        <v>20</v>
      </c>
      <c r="AB8332" s="5" t="s">
        <v>43</v>
      </c>
      <c r="AC8332" s="5" t="s">
        <v>44</v>
      </c>
      <c r="AD8332" s="2" t="s">
        <v>25516</v>
      </c>
      <c r="AE8332" s="1"/>
    </row>
    <row r="8333" spans="1:31" ht="14.45">
      <c r="A8333" s="11"/>
      <c r="B8333" s="20"/>
      <c r="C8333" s="2" t="s">
        <v>25545</v>
      </c>
      <c r="D8333" s="14" t="s">
        <v>25546</v>
      </c>
      <c r="E8333" s="2" t="s">
        <v>25547</v>
      </c>
      <c r="F8333" s="2" t="s">
        <v>25163</v>
      </c>
      <c r="G8333" s="8">
        <v>299</v>
      </c>
      <c r="H8333" s="5">
        <v>10</v>
      </c>
      <c r="I8333" s="5" t="s">
        <v>69</v>
      </c>
      <c r="J8333" s="5" t="s">
        <v>24629</v>
      </c>
      <c r="K8333" s="2" t="s">
        <v>24630</v>
      </c>
      <c r="L8333" s="5" t="s">
        <v>24629</v>
      </c>
      <c r="M8333" s="2" t="s">
        <v>24630</v>
      </c>
      <c r="N8333" s="5" t="s">
        <v>24254</v>
      </c>
      <c r="O8333" s="5" t="s">
        <v>38</v>
      </c>
      <c r="P8333" s="5" t="s">
        <v>39</v>
      </c>
      <c r="Q8333" s="5" t="s">
        <v>40</v>
      </c>
      <c r="R8333" s="5" t="s">
        <v>25301</v>
      </c>
      <c r="S8333" s="5" t="s">
        <v>40</v>
      </c>
      <c r="T8333" s="5" t="s">
        <v>42</v>
      </c>
      <c r="U8333" s="2">
        <v>10.218999999999999</v>
      </c>
      <c r="V8333" s="2">
        <v>8.93</v>
      </c>
      <c r="W8333" s="2">
        <v>6.9000000000000006E-2</v>
      </c>
      <c r="X8333" s="2">
        <v>12</v>
      </c>
      <c r="Y8333" s="2">
        <v>50</v>
      </c>
      <c r="Z8333" s="2">
        <v>114.9</v>
      </c>
      <c r="AA8333" s="5">
        <v>20</v>
      </c>
      <c r="AB8333" s="5" t="s">
        <v>43</v>
      </c>
      <c r="AC8333" s="5" t="s">
        <v>44</v>
      </c>
      <c r="AD8333" s="2" t="s">
        <v>25520</v>
      </c>
      <c r="AE8333" s="1"/>
    </row>
    <row r="8334" spans="1:31" ht="14.45">
      <c r="A8334" s="11"/>
      <c r="B8334" s="20"/>
      <c r="C8334" s="2" t="s">
        <v>25548</v>
      </c>
      <c r="D8334" s="14" t="s">
        <v>25549</v>
      </c>
      <c r="E8334" s="2" t="s">
        <v>25550</v>
      </c>
      <c r="F8334" s="2" t="s">
        <v>25163</v>
      </c>
      <c r="G8334" s="8">
        <v>163</v>
      </c>
      <c r="H8334" s="5">
        <v>10</v>
      </c>
      <c r="I8334" s="5" t="s">
        <v>69</v>
      </c>
      <c r="J8334" s="5" t="s">
        <v>24629</v>
      </c>
      <c r="K8334" s="2" t="s">
        <v>24630</v>
      </c>
      <c r="L8334" s="5" t="s">
        <v>24629</v>
      </c>
      <c r="M8334" s="2" t="s">
        <v>24630</v>
      </c>
      <c r="N8334" s="5" t="s">
        <v>24254</v>
      </c>
      <c r="O8334" s="5" t="s">
        <v>38</v>
      </c>
      <c r="P8334" s="5" t="s">
        <v>39</v>
      </c>
      <c r="Q8334" s="5" t="s">
        <v>40</v>
      </c>
      <c r="R8334" s="5" t="s">
        <v>24335</v>
      </c>
      <c r="S8334" s="5" t="s">
        <v>40</v>
      </c>
      <c r="T8334" s="5" t="s">
        <v>42</v>
      </c>
      <c r="U8334" s="2">
        <v>6.77</v>
      </c>
      <c r="V8334" s="2">
        <v>5.4809999999999999</v>
      </c>
      <c r="W8334" s="2">
        <v>6.9000000000000006E-2</v>
      </c>
      <c r="X8334" s="2">
        <v>12</v>
      </c>
      <c r="Y8334" s="2">
        <v>50</v>
      </c>
      <c r="Z8334" s="2">
        <v>114.9</v>
      </c>
      <c r="AA8334" s="5">
        <v>20</v>
      </c>
      <c r="AB8334" s="5" t="s">
        <v>43</v>
      </c>
      <c r="AC8334" s="5" t="s">
        <v>44</v>
      </c>
      <c r="AD8334" s="2"/>
      <c r="AE8334" s="1"/>
    </row>
    <row r="8335" spans="1:31" ht="14.45">
      <c r="A8335" s="11"/>
      <c r="B8335" s="20"/>
      <c r="C8335" s="2" t="s">
        <v>25551</v>
      </c>
      <c r="D8335" s="14" t="s">
        <v>25552</v>
      </c>
      <c r="E8335" s="2" t="s">
        <v>25553</v>
      </c>
      <c r="F8335" s="2" t="s">
        <v>25527</v>
      </c>
      <c r="G8335" s="8">
        <v>202</v>
      </c>
      <c r="H8335" s="5">
        <v>5</v>
      </c>
      <c r="I8335" s="5" t="s">
        <v>69</v>
      </c>
      <c r="J8335" s="5" t="s">
        <v>24629</v>
      </c>
      <c r="K8335" s="2" t="s">
        <v>24630</v>
      </c>
      <c r="L8335" s="5" t="s">
        <v>24629</v>
      </c>
      <c r="M8335" s="2" t="s">
        <v>24630</v>
      </c>
      <c r="N8335" s="5" t="s">
        <v>24254</v>
      </c>
      <c r="O8335" s="5" t="s">
        <v>38</v>
      </c>
      <c r="P8335" s="5" t="s">
        <v>39</v>
      </c>
      <c r="Q8335" s="5" t="s">
        <v>40</v>
      </c>
      <c r="R8335" s="5" t="s">
        <v>24335</v>
      </c>
      <c r="S8335" s="5" t="s">
        <v>40</v>
      </c>
      <c r="T8335" s="5" t="s">
        <v>42</v>
      </c>
      <c r="U8335" s="2">
        <v>9.7530000000000001</v>
      </c>
      <c r="V8335" s="2">
        <v>7.5140000000000002</v>
      </c>
      <c r="W8335" s="2">
        <v>0.10299999999999999</v>
      </c>
      <c r="X8335" s="2">
        <v>12</v>
      </c>
      <c r="Y8335" s="2">
        <v>62</v>
      </c>
      <c r="Z8335" s="2">
        <v>137.9</v>
      </c>
      <c r="AA8335" s="5">
        <v>10</v>
      </c>
      <c r="AB8335" s="5" t="s">
        <v>43</v>
      </c>
      <c r="AC8335" s="5" t="s">
        <v>44</v>
      </c>
      <c r="AD8335" s="2" t="s">
        <v>25528</v>
      </c>
      <c r="AE8335" s="1"/>
    </row>
    <row r="8336" spans="1:31" ht="14.45">
      <c r="A8336" s="11"/>
      <c r="B8336" s="20"/>
      <c r="C8336" s="2" t="s">
        <v>25554</v>
      </c>
      <c r="D8336" s="14" t="s">
        <v>25555</v>
      </c>
      <c r="E8336" s="2" t="s">
        <v>25556</v>
      </c>
      <c r="F8336" s="2" t="s">
        <v>25532</v>
      </c>
      <c r="G8336" s="8">
        <v>353</v>
      </c>
      <c r="H8336" s="5">
        <v>10</v>
      </c>
      <c r="I8336" s="5" t="s">
        <v>69</v>
      </c>
      <c r="J8336" s="5" t="s">
        <v>24629</v>
      </c>
      <c r="K8336" s="2" t="s">
        <v>24630</v>
      </c>
      <c r="L8336" s="5" t="s">
        <v>24629</v>
      </c>
      <c r="M8336" s="2" t="s">
        <v>24630</v>
      </c>
      <c r="N8336" s="5" t="s">
        <v>24254</v>
      </c>
      <c r="O8336" s="5" t="s">
        <v>38</v>
      </c>
      <c r="P8336" s="5" t="s">
        <v>39</v>
      </c>
      <c r="Q8336" s="5" t="s">
        <v>40</v>
      </c>
      <c r="R8336" s="5" t="s">
        <v>24340</v>
      </c>
      <c r="S8336" s="5" t="s">
        <v>40</v>
      </c>
      <c r="T8336" s="5" t="s">
        <v>42</v>
      </c>
      <c r="U8336" s="2">
        <v>14.103999999999999</v>
      </c>
      <c r="V8336" s="2">
        <v>11.85</v>
      </c>
      <c r="W8336" s="2">
        <v>0.10299999999999999</v>
      </c>
      <c r="X8336" s="2">
        <v>12</v>
      </c>
      <c r="Y8336" s="2">
        <v>62</v>
      </c>
      <c r="Z8336" s="2">
        <v>137.9</v>
      </c>
      <c r="AA8336" s="5">
        <v>10</v>
      </c>
      <c r="AB8336" s="5" t="s">
        <v>43</v>
      </c>
      <c r="AC8336" s="5" t="s">
        <v>44</v>
      </c>
      <c r="AD8336" s="2" t="s">
        <v>25533</v>
      </c>
      <c r="AE8336" s="1"/>
    </row>
    <row r="8337" spans="1:31" ht="14.45">
      <c r="A8337" s="11"/>
      <c r="B8337" s="20"/>
      <c r="C8337" s="2" t="s">
        <v>25557</v>
      </c>
      <c r="D8337" s="14" t="s">
        <v>25558</v>
      </c>
      <c r="E8337" s="2" t="s">
        <v>25559</v>
      </c>
      <c r="F8337" s="2" t="s">
        <v>25163</v>
      </c>
      <c r="G8337" s="8">
        <v>153</v>
      </c>
      <c r="H8337" s="5">
        <v>10</v>
      </c>
      <c r="I8337" s="5" t="s">
        <v>69</v>
      </c>
      <c r="J8337" s="5" t="s">
        <v>24629</v>
      </c>
      <c r="K8337" s="2" t="s">
        <v>24630</v>
      </c>
      <c r="L8337" s="5" t="s">
        <v>24629</v>
      </c>
      <c r="M8337" s="2" t="s">
        <v>24630</v>
      </c>
      <c r="N8337" s="5" t="s">
        <v>24254</v>
      </c>
      <c r="O8337" s="5" t="s">
        <v>38</v>
      </c>
      <c r="P8337" s="5" t="s">
        <v>39</v>
      </c>
      <c r="Q8337" s="5" t="s">
        <v>40</v>
      </c>
      <c r="R8337" s="5" t="s">
        <v>24335</v>
      </c>
      <c r="S8337" s="5" t="s">
        <v>40</v>
      </c>
      <c r="T8337" s="5" t="s">
        <v>42</v>
      </c>
      <c r="U8337" s="2">
        <v>7.1529999999999996</v>
      </c>
      <c r="V8337" s="2">
        <v>5.7549999999999999</v>
      </c>
      <c r="W8337" s="2">
        <v>7.5999999999999998E-2</v>
      </c>
      <c r="X8337" s="2">
        <v>12</v>
      </c>
      <c r="Y8337" s="2">
        <v>50</v>
      </c>
      <c r="Z8337" s="2">
        <v>125.9</v>
      </c>
      <c r="AA8337" s="5">
        <v>20</v>
      </c>
      <c r="AB8337" s="5" t="s">
        <v>43</v>
      </c>
      <c r="AC8337" s="5" t="s">
        <v>44</v>
      </c>
      <c r="AD8337" s="2" t="s">
        <v>25512</v>
      </c>
      <c r="AE8337" s="1"/>
    </row>
    <row r="8338" spans="1:31" ht="14.45">
      <c r="A8338" s="11"/>
      <c r="B8338" s="20"/>
      <c r="C8338" s="2" t="s">
        <v>25560</v>
      </c>
      <c r="D8338" s="14" t="s">
        <v>25561</v>
      </c>
      <c r="E8338" s="2" t="s">
        <v>25562</v>
      </c>
      <c r="F8338" s="2" t="s">
        <v>25163</v>
      </c>
      <c r="G8338" s="8">
        <v>304</v>
      </c>
      <c r="H8338" s="5">
        <v>10</v>
      </c>
      <c r="I8338" s="5" t="s">
        <v>69</v>
      </c>
      <c r="J8338" s="5" t="s">
        <v>24629</v>
      </c>
      <c r="K8338" s="2" t="s">
        <v>24630</v>
      </c>
      <c r="L8338" s="5" t="s">
        <v>24629</v>
      </c>
      <c r="M8338" s="2" t="s">
        <v>24630</v>
      </c>
      <c r="N8338" s="5" t="s">
        <v>24254</v>
      </c>
      <c r="O8338" s="5" t="s">
        <v>38</v>
      </c>
      <c r="P8338" s="5" t="s">
        <v>39</v>
      </c>
      <c r="Q8338" s="5" t="s">
        <v>40</v>
      </c>
      <c r="R8338" s="5" t="s">
        <v>24340</v>
      </c>
      <c r="S8338" s="5" t="s">
        <v>40</v>
      </c>
      <c r="T8338" s="5" t="s">
        <v>42</v>
      </c>
      <c r="U8338" s="2">
        <v>11.932</v>
      </c>
      <c r="V8338" s="2">
        <v>10.534000000000001</v>
      </c>
      <c r="W8338" s="2">
        <v>7.5999999999999998E-2</v>
      </c>
      <c r="X8338" s="2">
        <v>12</v>
      </c>
      <c r="Y8338" s="2">
        <v>50</v>
      </c>
      <c r="Z8338" s="2">
        <v>125.9</v>
      </c>
      <c r="AA8338" s="5">
        <v>20</v>
      </c>
      <c r="AB8338" s="5" t="s">
        <v>43</v>
      </c>
      <c r="AC8338" s="5" t="s">
        <v>44</v>
      </c>
      <c r="AD8338" s="2" t="s">
        <v>25516</v>
      </c>
      <c r="AE8338" s="1"/>
    </row>
    <row r="8339" spans="1:31" ht="14.45">
      <c r="A8339" s="11"/>
      <c r="B8339" s="20"/>
      <c r="C8339" s="2" t="s">
        <v>25563</v>
      </c>
      <c r="D8339" s="14" t="s">
        <v>25564</v>
      </c>
      <c r="E8339" s="2" t="s">
        <v>25565</v>
      </c>
      <c r="F8339" s="2" t="s">
        <v>25163</v>
      </c>
      <c r="G8339" s="8">
        <v>304</v>
      </c>
      <c r="H8339" s="5">
        <v>10</v>
      </c>
      <c r="I8339" s="5" t="s">
        <v>69</v>
      </c>
      <c r="J8339" s="5" t="s">
        <v>24629</v>
      </c>
      <c r="K8339" s="2" t="s">
        <v>24630</v>
      </c>
      <c r="L8339" s="5" t="s">
        <v>24629</v>
      </c>
      <c r="M8339" s="2" t="s">
        <v>24630</v>
      </c>
      <c r="N8339" s="5" t="s">
        <v>24254</v>
      </c>
      <c r="O8339" s="5" t="s">
        <v>38</v>
      </c>
      <c r="P8339" s="5" t="s">
        <v>39</v>
      </c>
      <c r="Q8339" s="5" t="s">
        <v>40</v>
      </c>
      <c r="R8339" s="5" t="s">
        <v>25301</v>
      </c>
      <c r="S8339" s="5" t="s">
        <v>40</v>
      </c>
      <c r="T8339" s="5" t="s">
        <v>42</v>
      </c>
      <c r="U8339" s="2">
        <v>10.821999999999999</v>
      </c>
      <c r="V8339" s="2">
        <v>9.4239999999999995</v>
      </c>
      <c r="W8339" s="2">
        <v>7.5999999999999998E-2</v>
      </c>
      <c r="X8339" s="2">
        <v>12</v>
      </c>
      <c r="Y8339" s="2">
        <v>50</v>
      </c>
      <c r="Z8339" s="2">
        <v>125.9</v>
      </c>
      <c r="AA8339" s="5">
        <v>20</v>
      </c>
      <c r="AB8339" s="5" t="s">
        <v>43</v>
      </c>
      <c r="AC8339" s="5" t="s">
        <v>44</v>
      </c>
      <c r="AD8339" s="2" t="s">
        <v>25520</v>
      </c>
      <c r="AE8339" s="1"/>
    </row>
    <row r="8340" spans="1:31" ht="14.45">
      <c r="A8340" s="11"/>
      <c r="B8340" s="20"/>
      <c r="C8340" s="2" t="s">
        <v>25566</v>
      </c>
      <c r="D8340" s="14" t="s">
        <v>25567</v>
      </c>
      <c r="E8340" s="2" t="s">
        <v>25568</v>
      </c>
      <c r="F8340" s="2" t="s">
        <v>25163</v>
      </c>
      <c r="G8340" s="8">
        <v>169</v>
      </c>
      <c r="H8340" s="5">
        <v>10</v>
      </c>
      <c r="I8340" s="5" t="s">
        <v>69</v>
      </c>
      <c r="J8340" s="5" t="s">
        <v>24629</v>
      </c>
      <c r="K8340" s="2" t="s">
        <v>24630</v>
      </c>
      <c r="L8340" s="5" t="s">
        <v>24629</v>
      </c>
      <c r="M8340" s="2" t="s">
        <v>24630</v>
      </c>
      <c r="N8340" s="5" t="s">
        <v>24254</v>
      </c>
      <c r="O8340" s="5" t="s">
        <v>38</v>
      </c>
      <c r="P8340" s="5" t="s">
        <v>39</v>
      </c>
      <c r="Q8340" s="5" t="s">
        <v>40</v>
      </c>
      <c r="R8340" s="5" t="s">
        <v>24335</v>
      </c>
      <c r="S8340" s="5" t="s">
        <v>40</v>
      </c>
      <c r="T8340" s="5" t="s">
        <v>42</v>
      </c>
      <c r="U8340" s="2">
        <v>7.0830000000000002</v>
      </c>
      <c r="V8340" s="2">
        <v>5.6849999999999996</v>
      </c>
      <c r="W8340" s="2">
        <v>7.5999999999999998E-2</v>
      </c>
      <c r="X8340" s="2">
        <v>12</v>
      </c>
      <c r="Y8340" s="2">
        <v>50</v>
      </c>
      <c r="Z8340" s="2">
        <v>125.9</v>
      </c>
      <c r="AA8340" s="5">
        <v>20</v>
      </c>
      <c r="AB8340" s="5" t="s">
        <v>43</v>
      </c>
      <c r="AC8340" s="5" t="s">
        <v>44</v>
      </c>
      <c r="AD8340" s="2"/>
      <c r="AE8340" s="1"/>
    </row>
    <row r="8341" spans="1:31" ht="14.45">
      <c r="A8341" s="11"/>
      <c r="B8341" s="20"/>
      <c r="C8341" s="2" t="s">
        <v>25569</v>
      </c>
      <c r="D8341" s="14" t="s">
        <v>25570</v>
      </c>
      <c r="E8341" s="2" t="s">
        <v>25571</v>
      </c>
      <c r="F8341" s="2" t="s">
        <v>25527</v>
      </c>
      <c r="G8341" s="8">
        <v>209</v>
      </c>
      <c r="H8341" s="5">
        <v>5</v>
      </c>
      <c r="I8341" s="5" t="s">
        <v>69</v>
      </c>
      <c r="J8341" s="5" t="s">
        <v>24629</v>
      </c>
      <c r="K8341" s="2" t="s">
        <v>24630</v>
      </c>
      <c r="L8341" s="5" t="s">
        <v>24629</v>
      </c>
      <c r="M8341" s="2" t="s">
        <v>24630</v>
      </c>
      <c r="N8341" s="5" t="s">
        <v>24254</v>
      </c>
      <c r="O8341" s="5" t="s">
        <v>38</v>
      </c>
      <c r="P8341" s="5" t="s">
        <v>39</v>
      </c>
      <c r="Q8341" s="5" t="s">
        <v>40</v>
      </c>
      <c r="R8341" s="5" t="s">
        <v>24335</v>
      </c>
      <c r="S8341" s="5" t="s">
        <v>40</v>
      </c>
      <c r="T8341" s="5" t="s">
        <v>42</v>
      </c>
      <c r="U8341" s="2">
        <v>10.186999999999999</v>
      </c>
      <c r="V8341" s="2">
        <v>7.9569999999999999</v>
      </c>
      <c r="W8341" s="2">
        <v>0.11899999999999999</v>
      </c>
      <c r="X8341" s="2">
        <v>12</v>
      </c>
      <c r="Y8341" s="2">
        <v>62</v>
      </c>
      <c r="Z8341" s="2">
        <v>159.9</v>
      </c>
      <c r="AA8341" s="5">
        <v>10</v>
      </c>
      <c r="AB8341" s="5" t="s">
        <v>43</v>
      </c>
      <c r="AC8341" s="5" t="s">
        <v>44</v>
      </c>
      <c r="AD8341" s="2" t="s">
        <v>25528</v>
      </c>
      <c r="AE8341" s="1"/>
    </row>
    <row r="8342" spans="1:31" ht="14.45">
      <c r="A8342" s="11"/>
      <c r="B8342" s="20"/>
      <c r="C8342" s="2" t="s">
        <v>25572</v>
      </c>
      <c r="D8342" s="14" t="s">
        <v>25573</v>
      </c>
      <c r="E8342" s="2" t="s">
        <v>25574</v>
      </c>
      <c r="F8342" s="2" t="s">
        <v>25532</v>
      </c>
      <c r="G8342" s="8">
        <v>360</v>
      </c>
      <c r="H8342" s="5">
        <v>10</v>
      </c>
      <c r="I8342" s="5" t="s">
        <v>69</v>
      </c>
      <c r="J8342" s="5" t="s">
        <v>24629</v>
      </c>
      <c r="K8342" s="2" t="s">
        <v>24630</v>
      </c>
      <c r="L8342" s="5" t="s">
        <v>24629</v>
      </c>
      <c r="M8342" s="2" t="s">
        <v>24630</v>
      </c>
      <c r="N8342" s="5" t="s">
        <v>24254</v>
      </c>
      <c r="O8342" s="5" t="s">
        <v>38</v>
      </c>
      <c r="P8342" s="5" t="s">
        <v>39</v>
      </c>
      <c r="Q8342" s="5" t="s">
        <v>40</v>
      </c>
      <c r="R8342" s="5" t="s">
        <v>24340</v>
      </c>
      <c r="S8342" s="5" t="s">
        <v>40</v>
      </c>
      <c r="T8342" s="5" t="s">
        <v>42</v>
      </c>
      <c r="U8342" s="2">
        <v>14.913</v>
      </c>
      <c r="V8342" s="2">
        <v>12.667999999999999</v>
      </c>
      <c r="W8342" s="2">
        <v>0.11899999999999999</v>
      </c>
      <c r="X8342" s="2">
        <v>12</v>
      </c>
      <c r="Y8342" s="2">
        <v>62</v>
      </c>
      <c r="Z8342" s="2">
        <v>159.9</v>
      </c>
      <c r="AA8342" s="5">
        <v>10</v>
      </c>
      <c r="AB8342" s="5" t="s">
        <v>43</v>
      </c>
      <c r="AC8342" s="5" t="s">
        <v>44</v>
      </c>
      <c r="AD8342" s="2" t="s">
        <v>25533</v>
      </c>
      <c r="AE8342" s="1"/>
    </row>
    <row r="8343" spans="1:31" ht="14.45">
      <c r="A8343" s="11"/>
      <c r="B8343" s="20"/>
      <c r="C8343" s="2" t="s">
        <v>25575</v>
      </c>
      <c r="D8343" s="14" t="s">
        <v>25576</v>
      </c>
      <c r="E8343" s="2" t="s">
        <v>25577</v>
      </c>
      <c r="F8343" s="2" t="s">
        <v>25537</v>
      </c>
      <c r="G8343" s="8">
        <v>360</v>
      </c>
      <c r="H8343" s="5">
        <v>10</v>
      </c>
      <c r="I8343" s="5" t="s">
        <v>69</v>
      </c>
      <c r="J8343" s="5" t="s">
        <v>24629</v>
      </c>
      <c r="K8343" s="2" t="s">
        <v>24630</v>
      </c>
      <c r="L8343" s="5" t="s">
        <v>24629</v>
      </c>
      <c r="M8343" s="2" t="s">
        <v>24630</v>
      </c>
      <c r="N8343" s="5" t="s">
        <v>24254</v>
      </c>
      <c r="O8343" s="5" t="s">
        <v>38</v>
      </c>
      <c r="P8343" s="5" t="s">
        <v>39</v>
      </c>
      <c r="Q8343" s="5" t="s">
        <v>40</v>
      </c>
      <c r="R8343" s="5" t="s">
        <v>25301</v>
      </c>
      <c r="S8343" s="5" t="s">
        <v>40</v>
      </c>
      <c r="T8343" s="5" t="s">
        <v>42</v>
      </c>
      <c r="U8343" s="2">
        <v>13.803000000000001</v>
      </c>
      <c r="V8343" s="2">
        <v>11.558</v>
      </c>
      <c r="W8343" s="2">
        <v>0.11899999999999999</v>
      </c>
      <c r="X8343" s="2">
        <v>12</v>
      </c>
      <c r="Y8343" s="2">
        <v>62</v>
      </c>
      <c r="Z8343" s="2">
        <v>159.9</v>
      </c>
      <c r="AA8343" s="5">
        <v>10</v>
      </c>
      <c r="AB8343" s="5" t="s">
        <v>43</v>
      </c>
      <c r="AC8343" s="5" t="s">
        <v>44</v>
      </c>
      <c r="AD8343" s="2" t="s">
        <v>25538</v>
      </c>
      <c r="AE8343" s="1"/>
    </row>
    <row r="8344" spans="1:31" ht="14.45">
      <c r="A8344" s="11"/>
      <c r="B8344" s="20"/>
      <c r="C8344" s="2" t="s">
        <v>25578</v>
      </c>
      <c r="D8344" s="14" t="s">
        <v>25579</v>
      </c>
      <c r="E8344" s="2" t="s">
        <v>25580</v>
      </c>
      <c r="F8344" s="2" t="s">
        <v>25163</v>
      </c>
      <c r="G8344" s="8">
        <v>153</v>
      </c>
      <c r="H8344" s="5">
        <v>15</v>
      </c>
      <c r="I8344" s="5" t="s">
        <v>69</v>
      </c>
      <c r="J8344" s="5" t="s">
        <v>24629</v>
      </c>
      <c r="K8344" s="2" t="s">
        <v>24630</v>
      </c>
      <c r="L8344" s="5" t="s">
        <v>24629</v>
      </c>
      <c r="M8344" s="2" t="s">
        <v>24630</v>
      </c>
      <c r="N8344" s="5" t="s">
        <v>24254</v>
      </c>
      <c r="O8344" s="5" t="s">
        <v>38</v>
      </c>
      <c r="P8344" s="5" t="s">
        <v>39</v>
      </c>
      <c r="Q8344" s="5" t="s">
        <v>40</v>
      </c>
      <c r="R8344" s="5" t="s">
        <v>24335</v>
      </c>
      <c r="S8344" s="5" t="s">
        <v>40</v>
      </c>
      <c r="T8344" s="5" t="s">
        <v>42</v>
      </c>
      <c r="U8344" s="2">
        <v>7.319</v>
      </c>
      <c r="V8344" s="2">
        <v>5.9210000000000003</v>
      </c>
      <c r="W8344" s="2">
        <v>7.5999999999999998E-2</v>
      </c>
      <c r="X8344" s="2">
        <v>12</v>
      </c>
      <c r="Y8344" s="2">
        <v>50</v>
      </c>
      <c r="Z8344" s="2">
        <v>125.9</v>
      </c>
      <c r="AA8344" s="5">
        <v>20</v>
      </c>
      <c r="AB8344" s="5" t="s">
        <v>43</v>
      </c>
      <c r="AC8344" s="5" t="s">
        <v>44</v>
      </c>
      <c r="AD8344" s="2" t="s">
        <v>25512</v>
      </c>
      <c r="AE8344" s="1"/>
    </row>
    <row r="8345" spans="1:31" ht="14.45">
      <c r="A8345" s="11"/>
      <c r="B8345" s="20"/>
      <c r="C8345" s="2" t="s">
        <v>25581</v>
      </c>
      <c r="D8345" s="14" t="s">
        <v>25582</v>
      </c>
      <c r="E8345" s="2" t="s">
        <v>25583</v>
      </c>
      <c r="F8345" s="2" t="s">
        <v>25163</v>
      </c>
      <c r="G8345" s="8">
        <v>304</v>
      </c>
      <c r="H8345" s="5">
        <v>10</v>
      </c>
      <c r="I8345" s="5" t="s">
        <v>69</v>
      </c>
      <c r="J8345" s="5" t="s">
        <v>24629</v>
      </c>
      <c r="K8345" s="2" t="s">
        <v>24630</v>
      </c>
      <c r="L8345" s="5" t="s">
        <v>24629</v>
      </c>
      <c r="M8345" s="2" t="s">
        <v>24630</v>
      </c>
      <c r="N8345" s="5" t="s">
        <v>24254</v>
      </c>
      <c r="O8345" s="5" t="s">
        <v>38</v>
      </c>
      <c r="P8345" s="5" t="s">
        <v>39</v>
      </c>
      <c r="Q8345" s="5" t="s">
        <v>40</v>
      </c>
      <c r="R8345" s="5" t="s">
        <v>24340</v>
      </c>
      <c r="S8345" s="5" t="s">
        <v>40</v>
      </c>
      <c r="T8345" s="5" t="s">
        <v>42</v>
      </c>
      <c r="U8345" s="2">
        <v>11.996</v>
      </c>
      <c r="V8345" s="2">
        <v>10.598000000000001</v>
      </c>
      <c r="W8345" s="2">
        <v>7.5999999999999998E-2</v>
      </c>
      <c r="X8345" s="2">
        <v>12</v>
      </c>
      <c r="Y8345" s="2">
        <v>50</v>
      </c>
      <c r="Z8345" s="2">
        <v>125.9</v>
      </c>
      <c r="AA8345" s="5">
        <v>20</v>
      </c>
      <c r="AB8345" s="5" t="s">
        <v>43</v>
      </c>
      <c r="AC8345" s="5" t="s">
        <v>44</v>
      </c>
      <c r="AD8345" s="2" t="s">
        <v>25516</v>
      </c>
      <c r="AE8345" s="1"/>
    </row>
    <row r="8346" spans="1:31" ht="14.45">
      <c r="A8346" s="11"/>
      <c r="B8346" s="20"/>
      <c r="C8346" s="2" t="s">
        <v>25584</v>
      </c>
      <c r="D8346" s="14" t="s">
        <v>25585</v>
      </c>
      <c r="E8346" s="2" t="s">
        <v>25586</v>
      </c>
      <c r="F8346" s="2" t="s">
        <v>25163</v>
      </c>
      <c r="G8346" s="8">
        <v>304</v>
      </c>
      <c r="H8346" s="5">
        <v>10</v>
      </c>
      <c r="I8346" s="5" t="s">
        <v>69</v>
      </c>
      <c r="J8346" s="5" t="s">
        <v>24629</v>
      </c>
      <c r="K8346" s="2" t="s">
        <v>24630</v>
      </c>
      <c r="L8346" s="5" t="s">
        <v>24629</v>
      </c>
      <c r="M8346" s="2" t="s">
        <v>24630</v>
      </c>
      <c r="N8346" s="5" t="s">
        <v>24254</v>
      </c>
      <c r="O8346" s="5" t="s">
        <v>38</v>
      </c>
      <c r="P8346" s="5" t="s">
        <v>39</v>
      </c>
      <c r="Q8346" s="5" t="s">
        <v>40</v>
      </c>
      <c r="R8346" s="5" t="s">
        <v>25301</v>
      </c>
      <c r="S8346" s="5" t="s">
        <v>40</v>
      </c>
      <c r="T8346" s="5" t="s">
        <v>42</v>
      </c>
      <c r="U8346" s="2">
        <v>10.928000000000001</v>
      </c>
      <c r="V8346" s="2">
        <v>9.5299999999999994</v>
      </c>
      <c r="W8346" s="2">
        <v>7.5999999999999998E-2</v>
      </c>
      <c r="X8346" s="2">
        <v>12</v>
      </c>
      <c r="Y8346" s="2">
        <v>50</v>
      </c>
      <c r="Z8346" s="2">
        <v>125.9</v>
      </c>
      <c r="AA8346" s="5">
        <v>20</v>
      </c>
      <c r="AB8346" s="5" t="s">
        <v>43</v>
      </c>
      <c r="AC8346" s="5" t="s">
        <v>44</v>
      </c>
      <c r="AD8346" s="2" t="s">
        <v>25520</v>
      </c>
      <c r="AE8346" s="1"/>
    </row>
    <row r="8347" spans="1:31" ht="14.45">
      <c r="A8347" s="11"/>
      <c r="B8347" s="20"/>
      <c r="C8347" s="2" t="s">
        <v>25587</v>
      </c>
      <c r="D8347" s="14" t="s">
        <v>25588</v>
      </c>
      <c r="E8347" s="2" t="s">
        <v>25589</v>
      </c>
      <c r="F8347" s="2" t="s">
        <v>25163</v>
      </c>
      <c r="G8347" s="8">
        <v>169</v>
      </c>
      <c r="H8347" s="5">
        <v>10</v>
      </c>
      <c r="I8347" s="5" t="s">
        <v>69</v>
      </c>
      <c r="J8347" s="5" t="s">
        <v>24629</v>
      </c>
      <c r="K8347" s="2" t="s">
        <v>24630</v>
      </c>
      <c r="L8347" s="5" t="s">
        <v>24629</v>
      </c>
      <c r="M8347" s="2" t="s">
        <v>24630</v>
      </c>
      <c r="N8347" s="5" t="s">
        <v>24254</v>
      </c>
      <c r="O8347" s="5" t="s">
        <v>38</v>
      </c>
      <c r="P8347" s="5" t="s">
        <v>39</v>
      </c>
      <c r="Q8347" s="5" t="s">
        <v>40</v>
      </c>
      <c r="R8347" s="5" t="s">
        <v>24335</v>
      </c>
      <c r="S8347" s="5" t="s">
        <v>40</v>
      </c>
      <c r="T8347" s="5" t="s">
        <v>42</v>
      </c>
      <c r="U8347" s="2">
        <v>7.4429999999999996</v>
      </c>
      <c r="V8347" s="2">
        <v>6.0449999999999999</v>
      </c>
      <c r="W8347" s="2">
        <v>7.5999999999999998E-2</v>
      </c>
      <c r="X8347" s="2">
        <v>12</v>
      </c>
      <c r="Y8347" s="2">
        <v>50</v>
      </c>
      <c r="Z8347" s="2">
        <v>125.9</v>
      </c>
      <c r="AA8347" s="5">
        <v>20</v>
      </c>
      <c r="AB8347" s="5" t="s">
        <v>43</v>
      </c>
      <c r="AC8347" s="5" t="s">
        <v>44</v>
      </c>
      <c r="AD8347" s="2"/>
      <c r="AE8347" s="1"/>
    </row>
    <row r="8348" spans="1:31" ht="14.45">
      <c r="A8348" s="11"/>
      <c r="B8348" s="20"/>
      <c r="C8348" s="2" t="s">
        <v>25590</v>
      </c>
      <c r="D8348" s="14" t="s">
        <v>25591</v>
      </c>
      <c r="E8348" s="2" t="s">
        <v>25592</v>
      </c>
      <c r="F8348" s="2" t="s">
        <v>25527</v>
      </c>
      <c r="G8348" s="8">
        <v>209</v>
      </c>
      <c r="H8348" s="5">
        <v>5</v>
      </c>
      <c r="I8348" s="5" t="s">
        <v>69</v>
      </c>
      <c r="J8348" s="5" t="s">
        <v>24629</v>
      </c>
      <c r="K8348" s="2" t="s">
        <v>24630</v>
      </c>
      <c r="L8348" s="5" t="s">
        <v>24629</v>
      </c>
      <c r="M8348" s="2" t="s">
        <v>24630</v>
      </c>
      <c r="N8348" s="5" t="s">
        <v>24254</v>
      </c>
      <c r="O8348" s="5" t="s">
        <v>38</v>
      </c>
      <c r="P8348" s="5" t="s">
        <v>39</v>
      </c>
      <c r="Q8348" s="5" t="s">
        <v>40</v>
      </c>
      <c r="R8348" s="5" t="s">
        <v>24335</v>
      </c>
      <c r="S8348" s="5" t="s">
        <v>40</v>
      </c>
      <c r="T8348" s="5" t="s">
        <v>42</v>
      </c>
      <c r="U8348" s="2">
        <v>10.27</v>
      </c>
      <c r="V8348" s="2">
        <v>8.0310000000000006</v>
      </c>
      <c r="W8348" s="2">
        <v>0.10299999999999999</v>
      </c>
      <c r="X8348" s="2">
        <v>12</v>
      </c>
      <c r="Y8348" s="2">
        <v>62</v>
      </c>
      <c r="Z8348" s="2">
        <v>137.9</v>
      </c>
      <c r="AA8348" s="5">
        <v>10</v>
      </c>
      <c r="AB8348" s="5" t="s">
        <v>43</v>
      </c>
      <c r="AC8348" s="5" t="s">
        <v>44</v>
      </c>
      <c r="AD8348" s="2" t="s">
        <v>25528</v>
      </c>
      <c r="AE8348" s="1"/>
    </row>
    <row r="8349" spans="1:31" ht="14.45">
      <c r="A8349" s="11"/>
      <c r="B8349" s="20"/>
      <c r="C8349" s="2" t="s">
        <v>25593</v>
      </c>
      <c r="D8349" s="14" t="s">
        <v>25594</v>
      </c>
      <c r="E8349" s="2" t="s">
        <v>25595</v>
      </c>
      <c r="F8349" s="2" t="s">
        <v>25532</v>
      </c>
      <c r="G8349" s="8">
        <v>360</v>
      </c>
      <c r="H8349" s="5">
        <v>10</v>
      </c>
      <c r="I8349" s="5" t="s">
        <v>69</v>
      </c>
      <c r="J8349" s="5" t="s">
        <v>24629</v>
      </c>
      <c r="K8349" s="2" t="s">
        <v>24630</v>
      </c>
      <c r="L8349" s="5" t="s">
        <v>24629</v>
      </c>
      <c r="M8349" s="2" t="s">
        <v>24630</v>
      </c>
      <c r="N8349" s="5" t="s">
        <v>24254</v>
      </c>
      <c r="O8349" s="5" t="s">
        <v>38</v>
      </c>
      <c r="P8349" s="5" t="s">
        <v>39</v>
      </c>
      <c r="Q8349" s="5" t="s">
        <v>40</v>
      </c>
      <c r="R8349" s="5" t="s">
        <v>24340</v>
      </c>
      <c r="S8349" s="5" t="s">
        <v>40</v>
      </c>
      <c r="T8349" s="5" t="s">
        <v>42</v>
      </c>
      <c r="U8349" s="2">
        <v>14.907999999999999</v>
      </c>
      <c r="V8349" s="2">
        <v>12.654</v>
      </c>
      <c r="W8349" s="2">
        <v>0.10299999999999999</v>
      </c>
      <c r="X8349" s="2">
        <v>12</v>
      </c>
      <c r="Y8349" s="2">
        <v>62</v>
      </c>
      <c r="Z8349" s="2">
        <v>137.9</v>
      </c>
      <c r="AA8349" s="5">
        <v>10</v>
      </c>
      <c r="AB8349" s="5" t="s">
        <v>43</v>
      </c>
      <c r="AC8349" s="5" t="s">
        <v>44</v>
      </c>
      <c r="AD8349" s="2" t="s">
        <v>25533</v>
      </c>
      <c r="AE8349" s="1"/>
    </row>
    <row r="8350" spans="1:31" ht="14.45">
      <c r="A8350" s="11"/>
      <c r="B8350" s="20"/>
      <c r="C8350" s="2" t="s">
        <v>25596</v>
      </c>
      <c r="D8350" s="14" t="s">
        <v>25597</v>
      </c>
      <c r="E8350" s="2" t="s">
        <v>25598</v>
      </c>
      <c r="F8350" s="2" t="s">
        <v>25163</v>
      </c>
      <c r="G8350" s="8">
        <v>167</v>
      </c>
      <c r="H8350" s="5">
        <v>10</v>
      </c>
      <c r="I8350" s="5" t="s">
        <v>69</v>
      </c>
      <c r="J8350" s="5" t="s">
        <v>24629</v>
      </c>
      <c r="K8350" s="2" t="s">
        <v>24630</v>
      </c>
      <c r="L8350" s="5" t="s">
        <v>24629</v>
      </c>
      <c r="M8350" s="2" t="s">
        <v>24630</v>
      </c>
      <c r="N8350" s="5" t="s">
        <v>24254</v>
      </c>
      <c r="O8350" s="5" t="s">
        <v>38</v>
      </c>
      <c r="P8350" s="5" t="s">
        <v>39</v>
      </c>
      <c r="Q8350" s="5" t="s">
        <v>40</v>
      </c>
      <c r="R8350" s="5" t="s">
        <v>24335</v>
      </c>
      <c r="S8350" s="5" t="s">
        <v>40</v>
      </c>
      <c r="T8350" s="5" t="s">
        <v>42</v>
      </c>
      <c r="U8350" s="2">
        <v>7.5289999999999999</v>
      </c>
      <c r="V8350" s="2">
        <v>6.1310000000000002</v>
      </c>
      <c r="W8350" s="2">
        <v>7.5999999999999998E-2</v>
      </c>
      <c r="X8350" s="2">
        <v>12</v>
      </c>
      <c r="Y8350" s="2">
        <v>50</v>
      </c>
      <c r="Z8350" s="2">
        <v>125.9</v>
      </c>
      <c r="AA8350" s="5">
        <v>20</v>
      </c>
      <c r="AB8350" s="5" t="s">
        <v>43</v>
      </c>
      <c r="AC8350" s="5" t="s">
        <v>44</v>
      </c>
      <c r="AD8350" s="2" t="s">
        <v>25512</v>
      </c>
      <c r="AE8350" s="1"/>
    </row>
    <row r="8351" spans="1:31" ht="14.45">
      <c r="A8351" s="11"/>
      <c r="B8351" s="20"/>
      <c r="C8351" s="2" t="s">
        <v>25599</v>
      </c>
      <c r="D8351" s="14" t="s">
        <v>25600</v>
      </c>
      <c r="E8351" s="2" t="s">
        <v>25601</v>
      </c>
      <c r="F8351" s="2" t="s">
        <v>25163</v>
      </c>
      <c r="G8351" s="8">
        <v>318</v>
      </c>
      <c r="H8351" s="5">
        <v>10</v>
      </c>
      <c r="I8351" s="5" t="s">
        <v>69</v>
      </c>
      <c r="J8351" s="5" t="s">
        <v>24629</v>
      </c>
      <c r="K8351" s="2" t="s">
        <v>24630</v>
      </c>
      <c r="L8351" s="5" t="s">
        <v>24629</v>
      </c>
      <c r="M8351" s="2" t="s">
        <v>24630</v>
      </c>
      <c r="N8351" s="5" t="s">
        <v>24254</v>
      </c>
      <c r="O8351" s="5" t="s">
        <v>38</v>
      </c>
      <c r="P8351" s="5" t="s">
        <v>39</v>
      </c>
      <c r="Q8351" s="5" t="s">
        <v>40</v>
      </c>
      <c r="R8351" s="5" t="s">
        <v>24340</v>
      </c>
      <c r="S8351" s="5" t="s">
        <v>40</v>
      </c>
      <c r="T8351" s="5" t="s">
        <v>42</v>
      </c>
      <c r="U8351" s="2">
        <v>12.597</v>
      </c>
      <c r="V8351" s="2">
        <v>11.199</v>
      </c>
      <c r="W8351" s="2">
        <v>7.5999999999999998E-2</v>
      </c>
      <c r="X8351" s="2">
        <v>12</v>
      </c>
      <c r="Y8351" s="2">
        <v>50</v>
      </c>
      <c r="Z8351" s="2">
        <v>125.9</v>
      </c>
      <c r="AA8351" s="5">
        <v>20</v>
      </c>
      <c r="AB8351" s="5" t="s">
        <v>43</v>
      </c>
      <c r="AC8351" s="5" t="s">
        <v>44</v>
      </c>
      <c r="AD8351" s="2" t="s">
        <v>25516</v>
      </c>
      <c r="AE8351" s="1"/>
    </row>
    <row r="8352" spans="1:31" ht="14.45">
      <c r="A8352" s="11"/>
      <c r="B8352" s="20"/>
      <c r="C8352" s="2" t="s">
        <v>25602</v>
      </c>
      <c r="D8352" s="14" t="s">
        <v>25603</v>
      </c>
      <c r="E8352" s="2" t="s">
        <v>25604</v>
      </c>
      <c r="F8352" s="2" t="s">
        <v>25163</v>
      </c>
      <c r="G8352" s="8">
        <v>318</v>
      </c>
      <c r="H8352" s="5">
        <v>10</v>
      </c>
      <c r="I8352" s="5" t="s">
        <v>69</v>
      </c>
      <c r="J8352" s="5" t="s">
        <v>24629</v>
      </c>
      <c r="K8352" s="2" t="s">
        <v>24630</v>
      </c>
      <c r="L8352" s="5" t="s">
        <v>24629</v>
      </c>
      <c r="M8352" s="2" t="s">
        <v>24630</v>
      </c>
      <c r="N8352" s="5" t="s">
        <v>24254</v>
      </c>
      <c r="O8352" s="5" t="s">
        <v>38</v>
      </c>
      <c r="P8352" s="5" t="s">
        <v>39</v>
      </c>
      <c r="Q8352" s="5" t="s">
        <v>40</v>
      </c>
      <c r="R8352" s="5" t="s">
        <v>25301</v>
      </c>
      <c r="S8352" s="5" t="s">
        <v>40</v>
      </c>
      <c r="T8352" s="5" t="s">
        <v>42</v>
      </c>
      <c r="U8352" s="2">
        <v>11.422000000000001</v>
      </c>
      <c r="V8352" s="2">
        <v>10.023999999999999</v>
      </c>
      <c r="W8352" s="2">
        <v>7.5999999999999998E-2</v>
      </c>
      <c r="X8352" s="2">
        <v>12</v>
      </c>
      <c r="Y8352" s="2">
        <v>50</v>
      </c>
      <c r="Z8352" s="2">
        <v>125.9</v>
      </c>
      <c r="AA8352" s="5">
        <v>20</v>
      </c>
      <c r="AB8352" s="5" t="s">
        <v>43</v>
      </c>
      <c r="AC8352" s="5" t="s">
        <v>44</v>
      </c>
      <c r="AD8352" s="2" t="s">
        <v>25520</v>
      </c>
      <c r="AE8352" s="1"/>
    </row>
    <row r="8353" spans="1:31" ht="14.45">
      <c r="A8353" s="11"/>
      <c r="B8353" s="20"/>
      <c r="C8353" s="2" t="s">
        <v>25605</v>
      </c>
      <c r="D8353" s="14" t="s">
        <v>25606</v>
      </c>
      <c r="E8353" s="2" t="s">
        <v>25607</v>
      </c>
      <c r="F8353" s="2" t="s">
        <v>25163</v>
      </c>
      <c r="G8353" s="8">
        <v>184</v>
      </c>
      <c r="H8353" s="5">
        <v>10</v>
      </c>
      <c r="I8353" s="5" t="s">
        <v>69</v>
      </c>
      <c r="J8353" s="5" t="s">
        <v>24629</v>
      </c>
      <c r="K8353" s="2" t="s">
        <v>24630</v>
      </c>
      <c r="L8353" s="5" t="s">
        <v>24629</v>
      </c>
      <c r="M8353" s="2" t="s">
        <v>24630</v>
      </c>
      <c r="N8353" s="5" t="s">
        <v>24254</v>
      </c>
      <c r="O8353" s="5" t="s">
        <v>38</v>
      </c>
      <c r="P8353" s="5" t="s">
        <v>39</v>
      </c>
      <c r="Q8353" s="5" t="s">
        <v>40</v>
      </c>
      <c r="R8353" s="5" t="s">
        <v>24335</v>
      </c>
      <c r="S8353" s="5" t="s">
        <v>40</v>
      </c>
      <c r="T8353" s="5" t="s">
        <v>42</v>
      </c>
      <c r="U8353" s="2">
        <v>7.6470000000000002</v>
      </c>
      <c r="V8353" s="2">
        <v>6.2489999999999997</v>
      </c>
      <c r="W8353" s="2">
        <v>7.5999999999999998E-2</v>
      </c>
      <c r="X8353" s="2">
        <v>12</v>
      </c>
      <c r="Y8353" s="2">
        <v>50</v>
      </c>
      <c r="Z8353" s="2">
        <v>125.9</v>
      </c>
      <c r="AA8353" s="5">
        <v>20</v>
      </c>
      <c r="AB8353" s="5" t="s">
        <v>43</v>
      </c>
      <c r="AC8353" s="5" t="s">
        <v>44</v>
      </c>
      <c r="AD8353" s="2"/>
      <c r="AE8353" s="1"/>
    </row>
    <row r="8354" spans="1:31" ht="14.45">
      <c r="A8354" s="11"/>
      <c r="B8354" s="20"/>
      <c r="C8354" s="2" t="s">
        <v>25608</v>
      </c>
      <c r="D8354" s="14" t="s">
        <v>25609</v>
      </c>
      <c r="E8354" s="2" t="s">
        <v>25610</v>
      </c>
      <c r="F8354" s="2" t="s">
        <v>25527</v>
      </c>
      <c r="G8354" s="8">
        <v>228</v>
      </c>
      <c r="H8354" s="5">
        <v>5</v>
      </c>
      <c r="I8354" s="5" t="s">
        <v>69</v>
      </c>
      <c r="J8354" s="5" t="s">
        <v>24629</v>
      </c>
      <c r="K8354" s="2" t="s">
        <v>24630</v>
      </c>
      <c r="L8354" s="5" t="s">
        <v>24629</v>
      </c>
      <c r="M8354" s="2" t="s">
        <v>24630</v>
      </c>
      <c r="N8354" s="5" t="s">
        <v>24254</v>
      </c>
      <c r="O8354" s="5" t="s">
        <v>38</v>
      </c>
      <c r="P8354" s="5" t="s">
        <v>39</v>
      </c>
      <c r="Q8354" s="5" t="s">
        <v>40</v>
      </c>
      <c r="R8354" s="5" t="s">
        <v>24335</v>
      </c>
      <c r="S8354" s="5" t="s">
        <v>40</v>
      </c>
      <c r="T8354" s="5" t="s">
        <v>42</v>
      </c>
      <c r="U8354" s="2">
        <v>10.704000000000001</v>
      </c>
      <c r="V8354" s="2">
        <v>8.4740000000000002</v>
      </c>
      <c r="W8354" s="2">
        <v>0.11899999999999999</v>
      </c>
      <c r="X8354" s="2">
        <v>12</v>
      </c>
      <c r="Y8354" s="2">
        <v>62</v>
      </c>
      <c r="Z8354" s="2">
        <v>159.9</v>
      </c>
      <c r="AA8354" s="5">
        <v>10</v>
      </c>
      <c r="AB8354" s="5" t="s">
        <v>43</v>
      </c>
      <c r="AC8354" s="5" t="s">
        <v>44</v>
      </c>
      <c r="AD8354" s="2" t="s">
        <v>25528</v>
      </c>
      <c r="AE8354" s="1"/>
    </row>
    <row r="8355" spans="1:31" ht="14.45">
      <c r="A8355" s="11"/>
      <c r="B8355" s="20"/>
      <c r="C8355" s="2" t="s">
        <v>25611</v>
      </c>
      <c r="D8355" s="14" t="s">
        <v>25612</v>
      </c>
      <c r="E8355" s="2" t="s">
        <v>25613</v>
      </c>
      <c r="F8355" s="2" t="s">
        <v>25532</v>
      </c>
      <c r="G8355" s="8">
        <v>379</v>
      </c>
      <c r="H8355" s="5">
        <v>10</v>
      </c>
      <c r="I8355" s="5" t="s">
        <v>69</v>
      </c>
      <c r="J8355" s="5" t="s">
        <v>24629</v>
      </c>
      <c r="K8355" s="2" t="s">
        <v>24630</v>
      </c>
      <c r="L8355" s="5" t="s">
        <v>24629</v>
      </c>
      <c r="M8355" s="2" t="s">
        <v>24630</v>
      </c>
      <c r="N8355" s="5" t="s">
        <v>24254</v>
      </c>
      <c r="O8355" s="5" t="s">
        <v>38</v>
      </c>
      <c r="P8355" s="5" t="s">
        <v>39</v>
      </c>
      <c r="Q8355" s="5" t="s">
        <v>40</v>
      </c>
      <c r="R8355" s="5" t="s">
        <v>24340</v>
      </c>
      <c r="S8355" s="5" t="s">
        <v>40</v>
      </c>
      <c r="T8355" s="5" t="s">
        <v>42</v>
      </c>
      <c r="U8355" s="2">
        <v>15.717000000000001</v>
      </c>
      <c r="V8355" s="2">
        <v>13.472</v>
      </c>
      <c r="W8355" s="2">
        <v>0.11899999999999999</v>
      </c>
      <c r="X8355" s="2">
        <v>12</v>
      </c>
      <c r="Y8355" s="2">
        <v>62</v>
      </c>
      <c r="Z8355" s="2">
        <v>159.9</v>
      </c>
      <c r="AA8355" s="5">
        <v>10</v>
      </c>
      <c r="AB8355" s="5" t="s">
        <v>43</v>
      </c>
      <c r="AC8355" s="5" t="s">
        <v>44</v>
      </c>
      <c r="AD8355" s="2" t="s">
        <v>25533</v>
      </c>
      <c r="AE8355" s="1"/>
    </row>
    <row r="8356" spans="1:31" ht="14.45">
      <c r="A8356" s="11"/>
      <c r="B8356" s="20"/>
      <c r="C8356" s="2" t="s">
        <v>25614</v>
      </c>
      <c r="D8356" s="14" t="s">
        <v>25615</v>
      </c>
      <c r="E8356" s="2" t="s">
        <v>25616</v>
      </c>
      <c r="F8356" s="2" t="s">
        <v>25537</v>
      </c>
      <c r="G8356" s="8">
        <v>379</v>
      </c>
      <c r="H8356" s="5">
        <v>10</v>
      </c>
      <c r="I8356" s="5" t="s">
        <v>69</v>
      </c>
      <c r="J8356" s="5" t="s">
        <v>24629</v>
      </c>
      <c r="K8356" s="2" t="s">
        <v>24630</v>
      </c>
      <c r="L8356" s="5" t="s">
        <v>24629</v>
      </c>
      <c r="M8356" s="2" t="s">
        <v>24630</v>
      </c>
      <c r="N8356" s="5" t="s">
        <v>24254</v>
      </c>
      <c r="O8356" s="5" t="s">
        <v>38</v>
      </c>
      <c r="P8356" s="5" t="s">
        <v>39</v>
      </c>
      <c r="Q8356" s="5" t="s">
        <v>40</v>
      </c>
      <c r="R8356" s="5" t="s">
        <v>25301</v>
      </c>
      <c r="S8356" s="5" t="s">
        <v>40</v>
      </c>
      <c r="T8356" s="5" t="s">
        <v>42</v>
      </c>
      <c r="U8356" s="2">
        <v>14.542</v>
      </c>
      <c r="V8356" s="2">
        <v>12.297000000000001</v>
      </c>
      <c r="W8356" s="2">
        <v>0.11899999999999999</v>
      </c>
      <c r="X8356" s="2">
        <v>12</v>
      </c>
      <c r="Y8356" s="2">
        <v>62</v>
      </c>
      <c r="Z8356" s="2">
        <v>159.9</v>
      </c>
      <c r="AA8356" s="5">
        <v>10</v>
      </c>
      <c r="AB8356" s="5" t="s">
        <v>43</v>
      </c>
      <c r="AC8356" s="5" t="s">
        <v>44</v>
      </c>
      <c r="AD8356" s="2" t="s">
        <v>25538</v>
      </c>
      <c r="AE8356" s="1"/>
    </row>
    <row r="8357" spans="1:31" ht="14.45">
      <c r="A8357" s="11"/>
      <c r="B8357" s="20"/>
      <c r="C8357" s="2" t="s">
        <v>25617</v>
      </c>
      <c r="D8357" s="14" t="s">
        <v>25618</v>
      </c>
      <c r="E8357" s="2" t="s">
        <v>25619</v>
      </c>
      <c r="F8357" s="2" t="s">
        <v>25163</v>
      </c>
      <c r="G8357" s="8">
        <v>172</v>
      </c>
      <c r="H8357" s="5">
        <v>15</v>
      </c>
      <c r="I8357" s="5" t="s">
        <v>69</v>
      </c>
      <c r="J8357" s="5" t="s">
        <v>24629</v>
      </c>
      <c r="K8357" s="2" t="s">
        <v>24630</v>
      </c>
      <c r="L8357" s="5" t="s">
        <v>24629</v>
      </c>
      <c r="M8357" s="2" t="s">
        <v>24630</v>
      </c>
      <c r="N8357" s="5" t="s">
        <v>24254</v>
      </c>
      <c r="O8357" s="5" t="s">
        <v>38</v>
      </c>
      <c r="P8357" s="5" t="s">
        <v>39</v>
      </c>
      <c r="Q8357" s="5" t="s">
        <v>40</v>
      </c>
      <c r="R8357" s="5" t="s">
        <v>24335</v>
      </c>
      <c r="S8357" s="5" t="s">
        <v>40</v>
      </c>
      <c r="T8357" s="5" t="s">
        <v>42</v>
      </c>
      <c r="U8357" s="2">
        <v>7.9950000000000001</v>
      </c>
      <c r="V8357" s="2">
        <v>6.3650000000000002</v>
      </c>
      <c r="W8357" s="2">
        <v>9.2999999999999999E-2</v>
      </c>
      <c r="X8357" s="2">
        <v>12</v>
      </c>
      <c r="Y8357" s="2">
        <v>50</v>
      </c>
      <c r="Z8357" s="2">
        <v>154.4</v>
      </c>
      <c r="AA8357" s="5">
        <v>20</v>
      </c>
      <c r="AB8357" s="5" t="s">
        <v>43</v>
      </c>
      <c r="AC8357" s="5" t="s">
        <v>44</v>
      </c>
      <c r="AD8357" s="2" t="s">
        <v>25512</v>
      </c>
      <c r="AE8357" s="1"/>
    </row>
    <row r="8358" spans="1:31" ht="14.45">
      <c r="A8358" s="11"/>
      <c r="B8358" s="20"/>
      <c r="C8358" s="2" t="s">
        <v>25620</v>
      </c>
      <c r="D8358" s="14" t="s">
        <v>25621</v>
      </c>
      <c r="E8358" s="2" t="s">
        <v>25622</v>
      </c>
      <c r="F8358" s="2" t="s">
        <v>25163</v>
      </c>
      <c r="G8358" s="8">
        <v>323</v>
      </c>
      <c r="H8358" s="5">
        <v>10</v>
      </c>
      <c r="I8358" s="5" t="s">
        <v>69</v>
      </c>
      <c r="J8358" s="5" t="s">
        <v>24629</v>
      </c>
      <c r="K8358" s="2" t="s">
        <v>24630</v>
      </c>
      <c r="L8358" s="5" t="s">
        <v>24629</v>
      </c>
      <c r="M8358" s="2" t="s">
        <v>24630</v>
      </c>
      <c r="N8358" s="5" t="s">
        <v>24254</v>
      </c>
      <c r="O8358" s="5" t="s">
        <v>38</v>
      </c>
      <c r="P8358" s="5" t="s">
        <v>39</v>
      </c>
      <c r="Q8358" s="5" t="s">
        <v>40</v>
      </c>
      <c r="R8358" s="5" t="s">
        <v>24340</v>
      </c>
      <c r="S8358" s="5" t="s">
        <v>40</v>
      </c>
      <c r="T8358" s="5" t="s">
        <v>42</v>
      </c>
      <c r="U8358" s="2">
        <v>13.478</v>
      </c>
      <c r="V8358" s="2">
        <v>11.848000000000001</v>
      </c>
      <c r="W8358" s="2">
        <v>9.2999999999999999E-2</v>
      </c>
      <c r="X8358" s="2">
        <v>12</v>
      </c>
      <c r="Y8358" s="2">
        <v>50</v>
      </c>
      <c r="Z8358" s="2">
        <v>154.4</v>
      </c>
      <c r="AA8358" s="5">
        <v>20</v>
      </c>
      <c r="AB8358" s="5" t="s">
        <v>43</v>
      </c>
      <c r="AC8358" s="5" t="s">
        <v>44</v>
      </c>
      <c r="AD8358" s="2" t="s">
        <v>25516</v>
      </c>
      <c r="AE8358" s="1"/>
    </row>
    <row r="8359" spans="1:31" ht="14.45">
      <c r="A8359" s="11"/>
      <c r="B8359" s="20"/>
      <c r="C8359" s="2" t="s">
        <v>25623</v>
      </c>
      <c r="D8359" s="14" t="s">
        <v>25624</v>
      </c>
      <c r="E8359" s="2" t="s">
        <v>25625</v>
      </c>
      <c r="F8359" s="2" t="s">
        <v>25163</v>
      </c>
      <c r="G8359" s="8">
        <v>323</v>
      </c>
      <c r="H8359" s="5">
        <v>10</v>
      </c>
      <c r="I8359" s="5" t="s">
        <v>69</v>
      </c>
      <c r="J8359" s="5" t="s">
        <v>24629</v>
      </c>
      <c r="K8359" s="2" t="s">
        <v>24630</v>
      </c>
      <c r="L8359" s="5" t="s">
        <v>24629</v>
      </c>
      <c r="M8359" s="2" t="s">
        <v>24630</v>
      </c>
      <c r="N8359" s="5" t="s">
        <v>24254</v>
      </c>
      <c r="O8359" s="5" t="s">
        <v>38</v>
      </c>
      <c r="P8359" s="5" t="s">
        <v>39</v>
      </c>
      <c r="Q8359" s="5" t="s">
        <v>40</v>
      </c>
      <c r="R8359" s="5" t="s">
        <v>25301</v>
      </c>
      <c r="S8359" s="5" t="s">
        <v>40</v>
      </c>
      <c r="T8359" s="5" t="s">
        <v>42</v>
      </c>
      <c r="U8359" s="2">
        <v>12.204000000000001</v>
      </c>
      <c r="V8359" s="2">
        <v>10.574</v>
      </c>
      <c r="W8359" s="2">
        <v>9.2999999999999999E-2</v>
      </c>
      <c r="X8359" s="2">
        <v>12</v>
      </c>
      <c r="Y8359" s="2">
        <v>50</v>
      </c>
      <c r="Z8359" s="2">
        <v>154.4</v>
      </c>
      <c r="AA8359" s="5">
        <v>20</v>
      </c>
      <c r="AB8359" s="5" t="s">
        <v>43</v>
      </c>
      <c r="AC8359" s="5" t="s">
        <v>44</v>
      </c>
      <c r="AD8359" s="2" t="s">
        <v>25520</v>
      </c>
      <c r="AE8359" s="1"/>
    </row>
    <row r="8360" spans="1:31" ht="14.45">
      <c r="A8360" s="11"/>
      <c r="B8360" s="20"/>
      <c r="C8360" s="2" t="s">
        <v>25626</v>
      </c>
      <c r="D8360" s="14" t="s">
        <v>25627</v>
      </c>
      <c r="E8360" s="2" t="s">
        <v>25628</v>
      </c>
      <c r="F8360" s="2" t="s">
        <v>25163</v>
      </c>
      <c r="G8360" s="8">
        <v>189</v>
      </c>
      <c r="H8360" s="5">
        <v>10</v>
      </c>
      <c r="I8360" s="5" t="s">
        <v>69</v>
      </c>
      <c r="J8360" s="5" t="s">
        <v>24629</v>
      </c>
      <c r="K8360" s="2" t="s">
        <v>24630</v>
      </c>
      <c r="L8360" s="5" t="s">
        <v>24629</v>
      </c>
      <c r="M8360" s="2" t="s">
        <v>24630</v>
      </c>
      <c r="N8360" s="5" t="s">
        <v>24254</v>
      </c>
      <c r="O8360" s="5" t="s">
        <v>38</v>
      </c>
      <c r="P8360" s="5" t="s">
        <v>39</v>
      </c>
      <c r="Q8360" s="5" t="s">
        <v>40</v>
      </c>
      <c r="R8360" s="5" t="s">
        <v>24335</v>
      </c>
      <c r="S8360" s="5" t="s">
        <v>40</v>
      </c>
      <c r="T8360" s="5" t="s">
        <v>42</v>
      </c>
      <c r="U8360" s="2">
        <v>8.1069999999999993</v>
      </c>
      <c r="V8360" s="2">
        <v>6.4770000000000003</v>
      </c>
      <c r="W8360" s="2">
        <v>9.2999999999999999E-2</v>
      </c>
      <c r="X8360" s="2">
        <v>12</v>
      </c>
      <c r="Y8360" s="2">
        <v>50</v>
      </c>
      <c r="Z8360" s="2">
        <v>154.4</v>
      </c>
      <c r="AA8360" s="5">
        <v>20</v>
      </c>
      <c r="AB8360" s="5" t="s">
        <v>43</v>
      </c>
      <c r="AC8360" s="5" t="s">
        <v>44</v>
      </c>
      <c r="AD8360" s="2"/>
      <c r="AE8360" s="1"/>
    </row>
    <row r="8361" spans="1:31" ht="14.45">
      <c r="A8361" s="11"/>
      <c r="B8361" s="20"/>
      <c r="C8361" s="2" t="s">
        <v>25629</v>
      </c>
      <c r="D8361" s="14" t="s">
        <v>25630</v>
      </c>
      <c r="E8361" s="2" t="s">
        <v>25631</v>
      </c>
      <c r="F8361" s="2" t="s">
        <v>25527</v>
      </c>
      <c r="G8361" s="8">
        <v>235</v>
      </c>
      <c r="H8361" s="5">
        <v>5</v>
      </c>
      <c r="I8361" s="5" t="s">
        <v>69</v>
      </c>
      <c r="J8361" s="5" t="s">
        <v>24629</v>
      </c>
      <c r="K8361" s="2" t="s">
        <v>24630</v>
      </c>
      <c r="L8361" s="5" t="s">
        <v>24629</v>
      </c>
      <c r="M8361" s="2" t="s">
        <v>24630</v>
      </c>
      <c r="N8361" s="5" t="s">
        <v>24254</v>
      </c>
      <c r="O8361" s="5" t="s">
        <v>38</v>
      </c>
      <c r="P8361" s="5" t="s">
        <v>39</v>
      </c>
      <c r="Q8361" s="5" t="s">
        <v>40</v>
      </c>
      <c r="R8361" s="5" t="s">
        <v>24335</v>
      </c>
      <c r="S8361" s="5" t="s">
        <v>40</v>
      </c>
      <c r="T8361" s="5" t="s">
        <v>42</v>
      </c>
      <c r="U8361" s="2">
        <v>11.35</v>
      </c>
      <c r="V8361" s="2">
        <v>8.9640000000000004</v>
      </c>
      <c r="W8361" s="2">
        <v>0.129</v>
      </c>
      <c r="X8361" s="2">
        <v>12</v>
      </c>
      <c r="Y8361" s="2">
        <v>62</v>
      </c>
      <c r="Z8361" s="2">
        <v>172.9</v>
      </c>
      <c r="AA8361" s="5">
        <v>10</v>
      </c>
      <c r="AB8361" s="5" t="s">
        <v>43</v>
      </c>
      <c r="AC8361" s="5" t="s">
        <v>44</v>
      </c>
      <c r="AD8361" s="2" t="s">
        <v>25528</v>
      </c>
      <c r="AE8361" s="1"/>
    </row>
    <row r="8362" spans="1:31" ht="14.45">
      <c r="A8362" s="11"/>
      <c r="B8362" s="20"/>
      <c r="C8362" s="2" t="s">
        <v>25632</v>
      </c>
      <c r="D8362" s="14" t="s">
        <v>25633</v>
      </c>
      <c r="E8362" s="2" t="s">
        <v>25634</v>
      </c>
      <c r="F8362" s="2" t="s">
        <v>25532</v>
      </c>
      <c r="G8362" s="8">
        <v>386</v>
      </c>
      <c r="H8362" s="5">
        <v>10</v>
      </c>
      <c r="I8362" s="5" t="s">
        <v>69</v>
      </c>
      <c r="J8362" s="5" t="s">
        <v>24629</v>
      </c>
      <c r="K8362" s="2" t="s">
        <v>24630</v>
      </c>
      <c r="L8362" s="5" t="s">
        <v>24629</v>
      </c>
      <c r="M8362" s="2" t="s">
        <v>24630</v>
      </c>
      <c r="N8362" s="5" t="s">
        <v>24254</v>
      </c>
      <c r="O8362" s="5" t="s">
        <v>38</v>
      </c>
      <c r="P8362" s="5" t="s">
        <v>39</v>
      </c>
      <c r="Q8362" s="5" t="s">
        <v>40</v>
      </c>
      <c r="R8362" s="5" t="s">
        <v>24340</v>
      </c>
      <c r="S8362" s="5" t="s">
        <v>40</v>
      </c>
      <c r="T8362" s="5" t="s">
        <v>42</v>
      </c>
      <c r="U8362" s="2">
        <v>16.763999999999999</v>
      </c>
      <c r="V8362" s="2">
        <v>14.363</v>
      </c>
      <c r="W8362" s="2">
        <v>0.129</v>
      </c>
      <c r="X8362" s="2">
        <v>12</v>
      </c>
      <c r="Y8362" s="2">
        <v>62</v>
      </c>
      <c r="Z8362" s="2">
        <v>172.9</v>
      </c>
      <c r="AA8362" s="5">
        <v>10</v>
      </c>
      <c r="AB8362" s="5" t="s">
        <v>43</v>
      </c>
      <c r="AC8362" s="5" t="s">
        <v>44</v>
      </c>
      <c r="AD8362" s="2" t="s">
        <v>25533</v>
      </c>
      <c r="AE8362" s="1"/>
    </row>
    <row r="8363" spans="1:31" ht="14.45">
      <c r="A8363" s="11"/>
      <c r="B8363" s="20"/>
      <c r="C8363" s="2" t="s">
        <v>25635</v>
      </c>
      <c r="D8363" s="14" t="s">
        <v>25636</v>
      </c>
      <c r="E8363" s="2" t="s">
        <v>25637</v>
      </c>
      <c r="F8363" s="2" t="s">
        <v>25163</v>
      </c>
      <c r="G8363" s="8">
        <v>164</v>
      </c>
      <c r="H8363" s="5">
        <v>10</v>
      </c>
      <c r="I8363" s="5" t="s">
        <v>69</v>
      </c>
      <c r="J8363" s="5" t="s">
        <v>24629</v>
      </c>
      <c r="K8363" s="2" t="s">
        <v>24630</v>
      </c>
      <c r="L8363" s="5" t="s">
        <v>24629</v>
      </c>
      <c r="M8363" s="2" t="s">
        <v>24630</v>
      </c>
      <c r="N8363" s="5" t="s">
        <v>24254</v>
      </c>
      <c r="O8363" s="5" t="s">
        <v>38</v>
      </c>
      <c r="P8363" s="5" t="s">
        <v>39</v>
      </c>
      <c r="Q8363" s="5" t="s">
        <v>40</v>
      </c>
      <c r="R8363" s="5" t="s">
        <v>24335</v>
      </c>
      <c r="S8363" s="5" t="s">
        <v>40</v>
      </c>
      <c r="T8363" s="5" t="s">
        <v>42</v>
      </c>
      <c r="U8363" s="2">
        <v>8.0470000000000006</v>
      </c>
      <c r="V8363" s="2">
        <v>6.5609999999999999</v>
      </c>
      <c r="W8363" s="2">
        <v>8.3000000000000004E-2</v>
      </c>
      <c r="X8363" s="2">
        <v>12</v>
      </c>
      <c r="Y8363" s="2">
        <v>50</v>
      </c>
      <c r="Z8363" s="2">
        <v>137.9</v>
      </c>
      <c r="AA8363" s="5">
        <v>20</v>
      </c>
      <c r="AB8363" s="5" t="s">
        <v>43</v>
      </c>
      <c r="AC8363" s="5" t="s">
        <v>44</v>
      </c>
      <c r="AD8363" s="2" t="s">
        <v>25512</v>
      </c>
      <c r="AE8363" s="1"/>
    </row>
    <row r="8364" spans="1:31" ht="14.45">
      <c r="A8364" s="11"/>
      <c r="B8364" s="20"/>
      <c r="C8364" s="2" t="s">
        <v>25638</v>
      </c>
      <c r="D8364" s="14" t="s">
        <v>25639</v>
      </c>
      <c r="E8364" s="2" t="s">
        <v>25640</v>
      </c>
      <c r="F8364" s="2" t="s">
        <v>25163</v>
      </c>
      <c r="G8364" s="8">
        <v>315</v>
      </c>
      <c r="H8364" s="5">
        <v>10</v>
      </c>
      <c r="I8364" s="5" t="s">
        <v>69</v>
      </c>
      <c r="J8364" s="5" t="s">
        <v>24629</v>
      </c>
      <c r="K8364" s="2" t="s">
        <v>24630</v>
      </c>
      <c r="L8364" s="5" t="s">
        <v>24629</v>
      </c>
      <c r="M8364" s="2" t="s">
        <v>24630</v>
      </c>
      <c r="N8364" s="5" t="s">
        <v>24254</v>
      </c>
      <c r="O8364" s="5" t="s">
        <v>38</v>
      </c>
      <c r="P8364" s="5" t="s">
        <v>39</v>
      </c>
      <c r="Q8364" s="5" t="s">
        <v>40</v>
      </c>
      <c r="R8364" s="5" t="s">
        <v>24340</v>
      </c>
      <c r="S8364" s="5" t="s">
        <v>40</v>
      </c>
      <c r="T8364" s="5" t="s">
        <v>42</v>
      </c>
      <c r="U8364" s="2">
        <v>13.087999999999999</v>
      </c>
      <c r="V8364" s="2">
        <v>11.602</v>
      </c>
      <c r="W8364" s="2">
        <v>8.3000000000000004E-2</v>
      </c>
      <c r="X8364" s="2">
        <v>12</v>
      </c>
      <c r="Y8364" s="2">
        <v>50</v>
      </c>
      <c r="Z8364" s="2">
        <v>137.9</v>
      </c>
      <c r="AA8364" s="5">
        <v>20</v>
      </c>
      <c r="AB8364" s="5" t="s">
        <v>43</v>
      </c>
      <c r="AC8364" s="5" t="s">
        <v>44</v>
      </c>
      <c r="AD8364" s="2" t="s">
        <v>25516</v>
      </c>
      <c r="AE8364" s="1"/>
    </row>
    <row r="8365" spans="1:31" ht="14.45">
      <c r="A8365" s="11"/>
      <c r="B8365" s="20"/>
      <c r="C8365" s="2" t="s">
        <v>25641</v>
      </c>
      <c r="D8365" s="14" t="s">
        <v>25642</v>
      </c>
      <c r="E8365" s="2" t="s">
        <v>25643</v>
      </c>
      <c r="F8365" s="2" t="s">
        <v>25163</v>
      </c>
      <c r="G8365" s="8">
        <v>315</v>
      </c>
      <c r="H8365" s="5">
        <v>10</v>
      </c>
      <c r="I8365" s="5" t="s">
        <v>69</v>
      </c>
      <c r="J8365" s="5" t="s">
        <v>24629</v>
      </c>
      <c r="K8365" s="2" t="s">
        <v>24630</v>
      </c>
      <c r="L8365" s="5" t="s">
        <v>24629</v>
      </c>
      <c r="M8365" s="2" t="s">
        <v>24630</v>
      </c>
      <c r="N8365" s="5" t="s">
        <v>24254</v>
      </c>
      <c r="O8365" s="5" t="s">
        <v>38</v>
      </c>
      <c r="P8365" s="5" t="s">
        <v>39</v>
      </c>
      <c r="Q8365" s="5" t="s">
        <v>40</v>
      </c>
      <c r="R8365" s="5" t="s">
        <v>25301</v>
      </c>
      <c r="S8365" s="5" t="s">
        <v>40</v>
      </c>
      <c r="T8365" s="5" t="s">
        <v>42</v>
      </c>
      <c r="U8365" s="2">
        <v>11.946999999999999</v>
      </c>
      <c r="V8365" s="2">
        <v>10.461</v>
      </c>
      <c r="W8365" s="2">
        <v>8.3000000000000004E-2</v>
      </c>
      <c r="X8365" s="2">
        <v>12</v>
      </c>
      <c r="Y8365" s="2">
        <v>50</v>
      </c>
      <c r="Z8365" s="2">
        <v>137.9</v>
      </c>
      <c r="AA8365" s="5">
        <v>20</v>
      </c>
      <c r="AB8365" s="5" t="s">
        <v>43</v>
      </c>
      <c r="AC8365" s="5" t="s">
        <v>44</v>
      </c>
      <c r="AD8365" s="2" t="s">
        <v>25520</v>
      </c>
      <c r="AE8365" s="1"/>
    </row>
    <row r="8366" spans="1:31" ht="14.45">
      <c r="A8366" s="11"/>
      <c r="B8366" s="20"/>
      <c r="C8366" s="2" t="s">
        <v>25644</v>
      </c>
      <c r="D8366" s="14" t="s">
        <v>25645</v>
      </c>
      <c r="E8366" s="2" t="s">
        <v>25646</v>
      </c>
      <c r="F8366" s="2" t="s">
        <v>25163</v>
      </c>
      <c r="G8366" s="8">
        <v>180</v>
      </c>
      <c r="H8366" s="5">
        <v>10</v>
      </c>
      <c r="I8366" s="5" t="s">
        <v>69</v>
      </c>
      <c r="J8366" s="5" t="s">
        <v>24629</v>
      </c>
      <c r="K8366" s="2" t="s">
        <v>24630</v>
      </c>
      <c r="L8366" s="5" t="s">
        <v>24629</v>
      </c>
      <c r="M8366" s="2" t="s">
        <v>24630</v>
      </c>
      <c r="N8366" s="5" t="s">
        <v>24254</v>
      </c>
      <c r="O8366" s="5" t="s">
        <v>38</v>
      </c>
      <c r="P8366" s="5" t="s">
        <v>39</v>
      </c>
      <c r="Q8366" s="5" t="s">
        <v>40</v>
      </c>
      <c r="R8366" s="5" t="s">
        <v>24335</v>
      </c>
      <c r="S8366" s="5" t="s">
        <v>40</v>
      </c>
      <c r="T8366" s="5" t="s">
        <v>42</v>
      </c>
      <c r="U8366" s="2">
        <v>8.0289999999999999</v>
      </c>
      <c r="V8366" s="2">
        <v>6.5430000000000001</v>
      </c>
      <c r="W8366" s="2">
        <v>8.3000000000000004E-2</v>
      </c>
      <c r="X8366" s="2">
        <v>12</v>
      </c>
      <c r="Y8366" s="2">
        <v>50</v>
      </c>
      <c r="Z8366" s="2">
        <v>137.9</v>
      </c>
      <c r="AA8366" s="5">
        <v>20</v>
      </c>
      <c r="AB8366" s="5" t="s">
        <v>43</v>
      </c>
      <c r="AC8366" s="5" t="s">
        <v>44</v>
      </c>
      <c r="AD8366" s="2"/>
      <c r="AE8366" s="1"/>
    </row>
    <row r="8367" spans="1:31" ht="14.45">
      <c r="A8367" s="11"/>
      <c r="B8367" s="20"/>
      <c r="C8367" s="2" t="s">
        <v>25647</v>
      </c>
      <c r="D8367" s="14" t="s">
        <v>25648</v>
      </c>
      <c r="E8367" s="2" t="s">
        <v>25649</v>
      </c>
      <c r="F8367" s="2" t="s">
        <v>25527</v>
      </c>
      <c r="G8367" s="8">
        <v>223</v>
      </c>
      <c r="H8367" s="5">
        <v>5</v>
      </c>
      <c r="I8367" s="5" t="s">
        <v>69</v>
      </c>
      <c r="J8367" s="5" t="s">
        <v>24629</v>
      </c>
      <c r="K8367" s="2" t="s">
        <v>24630</v>
      </c>
      <c r="L8367" s="5" t="s">
        <v>24629</v>
      </c>
      <c r="M8367" s="2" t="s">
        <v>24630</v>
      </c>
      <c r="N8367" s="5" t="s">
        <v>24254</v>
      </c>
      <c r="O8367" s="5" t="s">
        <v>38</v>
      </c>
      <c r="P8367" s="5" t="s">
        <v>39</v>
      </c>
      <c r="Q8367" s="5" t="s">
        <v>40</v>
      </c>
      <c r="R8367" s="5" t="s">
        <v>24335</v>
      </c>
      <c r="S8367" s="5" t="s">
        <v>40</v>
      </c>
      <c r="T8367" s="5" t="s">
        <v>42</v>
      </c>
      <c r="U8367" s="2">
        <v>11.055999999999999</v>
      </c>
      <c r="V8367" s="2">
        <v>8.8260000000000005</v>
      </c>
      <c r="W8367" s="2">
        <v>0.11899999999999999</v>
      </c>
      <c r="X8367" s="2">
        <v>12</v>
      </c>
      <c r="Y8367" s="2">
        <v>62</v>
      </c>
      <c r="Z8367" s="2">
        <v>159.9</v>
      </c>
      <c r="AA8367" s="5">
        <v>10</v>
      </c>
      <c r="AB8367" s="5" t="s">
        <v>43</v>
      </c>
      <c r="AC8367" s="5" t="s">
        <v>44</v>
      </c>
      <c r="AD8367" s="2" t="s">
        <v>25528</v>
      </c>
      <c r="AE8367" s="1"/>
    </row>
    <row r="8368" spans="1:31" ht="14.45">
      <c r="A8368" s="11"/>
      <c r="B8368" s="20"/>
      <c r="C8368" s="2" t="s">
        <v>25650</v>
      </c>
      <c r="D8368" s="14" t="s">
        <v>25651</v>
      </c>
      <c r="E8368" s="2" t="s">
        <v>25652</v>
      </c>
      <c r="F8368" s="2" t="s">
        <v>25532</v>
      </c>
      <c r="G8368" s="8">
        <v>374</v>
      </c>
      <c r="H8368" s="5">
        <v>10</v>
      </c>
      <c r="I8368" s="5" t="s">
        <v>69</v>
      </c>
      <c r="J8368" s="5" t="s">
        <v>24629</v>
      </c>
      <c r="K8368" s="2" t="s">
        <v>24630</v>
      </c>
      <c r="L8368" s="5" t="s">
        <v>24629</v>
      </c>
      <c r="M8368" s="2" t="s">
        <v>24630</v>
      </c>
      <c r="N8368" s="5" t="s">
        <v>24254</v>
      </c>
      <c r="O8368" s="5" t="s">
        <v>38</v>
      </c>
      <c r="P8368" s="5" t="s">
        <v>39</v>
      </c>
      <c r="Q8368" s="5" t="s">
        <v>40</v>
      </c>
      <c r="R8368" s="5" t="s">
        <v>24340</v>
      </c>
      <c r="S8368" s="5" t="s">
        <v>40</v>
      </c>
      <c r="T8368" s="5" t="s">
        <v>42</v>
      </c>
      <c r="U8368" s="2">
        <v>16.055</v>
      </c>
      <c r="V8368" s="2">
        <v>13.81</v>
      </c>
      <c r="W8368" s="2">
        <v>0.11899999999999999</v>
      </c>
      <c r="X8368" s="2">
        <v>12</v>
      </c>
      <c r="Y8368" s="2">
        <v>62</v>
      </c>
      <c r="Z8368" s="2">
        <v>159.9</v>
      </c>
      <c r="AA8368" s="5">
        <v>10</v>
      </c>
      <c r="AB8368" s="5" t="s">
        <v>43</v>
      </c>
      <c r="AC8368" s="5" t="s">
        <v>44</v>
      </c>
      <c r="AD8368" s="2" t="s">
        <v>25533</v>
      </c>
      <c r="AE8368" s="1"/>
    </row>
    <row r="8369" spans="1:31" ht="14.45">
      <c r="A8369" s="11"/>
      <c r="B8369" s="20"/>
      <c r="C8369" s="2" t="s">
        <v>25653</v>
      </c>
      <c r="D8369" s="14" t="s">
        <v>25654</v>
      </c>
      <c r="E8369" s="2" t="s">
        <v>25655</v>
      </c>
      <c r="F8369" s="2" t="s">
        <v>25537</v>
      </c>
      <c r="G8369" s="8">
        <v>374</v>
      </c>
      <c r="H8369" s="5">
        <v>10</v>
      </c>
      <c r="I8369" s="5" t="s">
        <v>69</v>
      </c>
      <c r="J8369" s="5" t="s">
        <v>24629</v>
      </c>
      <c r="K8369" s="2" t="s">
        <v>24630</v>
      </c>
      <c r="L8369" s="5" t="s">
        <v>24629</v>
      </c>
      <c r="M8369" s="2" t="s">
        <v>24630</v>
      </c>
      <c r="N8369" s="5" t="s">
        <v>24254</v>
      </c>
      <c r="O8369" s="5" t="s">
        <v>38</v>
      </c>
      <c r="P8369" s="5" t="s">
        <v>39</v>
      </c>
      <c r="Q8369" s="5" t="s">
        <v>40</v>
      </c>
      <c r="R8369" s="5" t="s">
        <v>25301</v>
      </c>
      <c r="S8369" s="5" t="s">
        <v>40</v>
      </c>
      <c r="T8369" s="5" t="s">
        <v>42</v>
      </c>
      <c r="U8369" s="2">
        <v>14.914</v>
      </c>
      <c r="V8369" s="2">
        <v>12.669</v>
      </c>
      <c r="W8369" s="2">
        <v>0.11899999999999999</v>
      </c>
      <c r="X8369" s="2">
        <v>12</v>
      </c>
      <c r="Y8369" s="2">
        <v>62</v>
      </c>
      <c r="Z8369" s="2">
        <v>159.9</v>
      </c>
      <c r="AA8369" s="5">
        <v>10</v>
      </c>
      <c r="AB8369" s="5" t="s">
        <v>43</v>
      </c>
      <c r="AC8369" s="5" t="s">
        <v>44</v>
      </c>
      <c r="AD8369" s="2" t="s">
        <v>25538</v>
      </c>
      <c r="AE8369" s="1"/>
    </row>
    <row r="8370" spans="1:31" ht="14.45">
      <c r="A8370" s="11"/>
      <c r="B8370" s="20"/>
      <c r="C8370" s="2" t="s">
        <v>25656</v>
      </c>
      <c r="D8370" s="14" t="s">
        <v>25657</v>
      </c>
      <c r="E8370" s="2" t="s">
        <v>25658</v>
      </c>
      <c r="F8370" s="2" t="s">
        <v>25163</v>
      </c>
      <c r="G8370" s="8">
        <v>172</v>
      </c>
      <c r="H8370" s="5">
        <v>10</v>
      </c>
      <c r="I8370" s="5" t="s">
        <v>69</v>
      </c>
      <c r="J8370" s="5" t="s">
        <v>24629</v>
      </c>
      <c r="K8370" s="2" t="s">
        <v>24630</v>
      </c>
      <c r="L8370" s="5" t="s">
        <v>24629</v>
      </c>
      <c r="M8370" s="2" t="s">
        <v>24630</v>
      </c>
      <c r="N8370" s="5" t="s">
        <v>24254</v>
      </c>
      <c r="O8370" s="5" t="s">
        <v>38</v>
      </c>
      <c r="P8370" s="5" t="s">
        <v>39</v>
      </c>
      <c r="Q8370" s="5" t="s">
        <v>40</v>
      </c>
      <c r="R8370" s="5" t="s">
        <v>24335</v>
      </c>
      <c r="S8370" s="5" t="s">
        <v>40</v>
      </c>
      <c r="T8370" s="5" t="s">
        <v>42</v>
      </c>
      <c r="U8370" s="2">
        <v>8.2569999999999997</v>
      </c>
      <c r="V8370" s="2">
        <v>6.7709999999999999</v>
      </c>
      <c r="W8370" s="2">
        <v>8.3000000000000004E-2</v>
      </c>
      <c r="X8370" s="2">
        <v>12</v>
      </c>
      <c r="Y8370" s="2">
        <v>50</v>
      </c>
      <c r="Z8370" s="2">
        <v>137.9</v>
      </c>
      <c r="AA8370" s="5">
        <v>20</v>
      </c>
      <c r="AB8370" s="5" t="s">
        <v>43</v>
      </c>
      <c r="AC8370" s="5" t="s">
        <v>44</v>
      </c>
      <c r="AD8370" s="2" t="s">
        <v>25512</v>
      </c>
      <c r="AE8370" s="1"/>
    </row>
    <row r="8371" spans="1:31" ht="14.45">
      <c r="A8371" s="11"/>
      <c r="B8371" s="20"/>
      <c r="C8371" s="2" t="s">
        <v>25659</v>
      </c>
      <c r="D8371" s="14" t="s">
        <v>25660</v>
      </c>
      <c r="E8371" s="2" t="s">
        <v>25661</v>
      </c>
      <c r="F8371" s="2" t="s">
        <v>25163</v>
      </c>
      <c r="G8371" s="8">
        <v>323</v>
      </c>
      <c r="H8371" s="5">
        <v>10</v>
      </c>
      <c r="I8371" s="5" t="s">
        <v>69</v>
      </c>
      <c r="J8371" s="5" t="s">
        <v>24629</v>
      </c>
      <c r="K8371" s="2" t="s">
        <v>24630</v>
      </c>
      <c r="L8371" s="5" t="s">
        <v>24629</v>
      </c>
      <c r="M8371" s="2" t="s">
        <v>24630</v>
      </c>
      <c r="N8371" s="5" t="s">
        <v>24254</v>
      </c>
      <c r="O8371" s="5" t="s">
        <v>38</v>
      </c>
      <c r="P8371" s="5" t="s">
        <v>39</v>
      </c>
      <c r="Q8371" s="5" t="s">
        <v>40</v>
      </c>
      <c r="R8371" s="5" t="s">
        <v>24340</v>
      </c>
      <c r="S8371" s="5" t="s">
        <v>40</v>
      </c>
      <c r="T8371" s="5" t="s">
        <v>42</v>
      </c>
      <c r="U8371" s="2">
        <v>13.689</v>
      </c>
      <c r="V8371" s="2">
        <v>12.202999999999999</v>
      </c>
      <c r="W8371" s="2">
        <v>8.3000000000000004E-2</v>
      </c>
      <c r="X8371" s="2">
        <v>12</v>
      </c>
      <c r="Y8371" s="2">
        <v>50</v>
      </c>
      <c r="Z8371" s="2">
        <v>137.9</v>
      </c>
      <c r="AA8371" s="5">
        <v>20</v>
      </c>
      <c r="AB8371" s="5" t="s">
        <v>43</v>
      </c>
      <c r="AC8371" s="5" t="s">
        <v>44</v>
      </c>
      <c r="AD8371" s="2" t="s">
        <v>25516</v>
      </c>
      <c r="AE8371" s="1"/>
    </row>
    <row r="8372" spans="1:31" ht="14.45">
      <c r="A8372" s="11"/>
      <c r="B8372" s="20"/>
      <c r="C8372" s="2" t="s">
        <v>25662</v>
      </c>
      <c r="D8372" s="14" t="s">
        <v>25663</v>
      </c>
      <c r="E8372" s="2" t="s">
        <v>25664</v>
      </c>
      <c r="F8372" s="2" t="s">
        <v>25163</v>
      </c>
      <c r="G8372" s="8">
        <v>323</v>
      </c>
      <c r="H8372" s="5">
        <v>10</v>
      </c>
      <c r="I8372" s="5" t="s">
        <v>69</v>
      </c>
      <c r="J8372" s="5" t="s">
        <v>24629</v>
      </c>
      <c r="K8372" s="2" t="s">
        <v>24630</v>
      </c>
      <c r="L8372" s="5" t="s">
        <v>24629</v>
      </c>
      <c r="M8372" s="2" t="s">
        <v>24630</v>
      </c>
      <c r="N8372" s="5" t="s">
        <v>24254</v>
      </c>
      <c r="O8372" s="5" t="s">
        <v>38</v>
      </c>
      <c r="P8372" s="5" t="s">
        <v>39</v>
      </c>
      <c r="Q8372" s="5" t="s">
        <v>40</v>
      </c>
      <c r="R8372" s="5" t="s">
        <v>25301</v>
      </c>
      <c r="S8372" s="5" t="s">
        <v>40</v>
      </c>
      <c r="T8372" s="5" t="s">
        <v>42</v>
      </c>
      <c r="U8372" s="2">
        <v>12.441000000000001</v>
      </c>
      <c r="V8372" s="2">
        <v>10.955</v>
      </c>
      <c r="W8372" s="2">
        <v>8.3000000000000004E-2</v>
      </c>
      <c r="X8372" s="2">
        <v>12</v>
      </c>
      <c r="Y8372" s="2">
        <v>50</v>
      </c>
      <c r="Z8372" s="2">
        <v>137.9</v>
      </c>
      <c r="AA8372" s="5">
        <v>20</v>
      </c>
      <c r="AB8372" s="5" t="s">
        <v>43</v>
      </c>
      <c r="AC8372" s="5" t="s">
        <v>44</v>
      </c>
      <c r="AD8372" s="2" t="s">
        <v>25520</v>
      </c>
      <c r="AE8372" s="1"/>
    </row>
    <row r="8373" spans="1:31" ht="14.45">
      <c r="A8373" s="11"/>
      <c r="B8373" s="20"/>
      <c r="C8373" s="2" t="s">
        <v>25665</v>
      </c>
      <c r="D8373" s="14" t="s">
        <v>25666</v>
      </c>
      <c r="E8373" s="2" t="s">
        <v>25667</v>
      </c>
      <c r="F8373" s="2" t="s">
        <v>25163</v>
      </c>
      <c r="G8373" s="8">
        <v>189</v>
      </c>
      <c r="H8373" s="5">
        <v>10</v>
      </c>
      <c r="I8373" s="5" t="s">
        <v>69</v>
      </c>
      <c r="J8373" s="5" t="s">
        <v>24629</v>
      </c>
      <c r="K8373" s="2" t="s">
        <v>24630</v>
      </c>
      <c r="L8373" s="5" t="s">
        <v>24629</v>
      </c>
      <c r="M8373" s="2" t="s">
        <v>24630</v>
      </c>
      <c r="N8373" s="5" t="s">
        <v>24254</v>
      </c>
      <c r="O8373" s="5" t="s">
        <v>38</v>
      </c>
      <c r="P8373" s="5" t="s">
        <v>39</v>
      </c>
      <c r="Q8373" s="5" t="s">
        <v>40</v>
      </c>
      <c r="R8373" s="5" t="s">
        <v>24335</v>
      </c>
      <c r="S8373" s="5" t="s">
        <v>40</v>
      </c>
      <c r="T8373" s="5" t="s">
        <v>42</v>
      </c>
      <c r="U8373" s="2">
        <v>8.2330000000000005</v>
      </c>
      <c r="V8373" s="2">
        <v>6.7469999999999999</v>
      </c>
      <c r="W8373" s="2">
        <v>8.3000000000000004E-2</v>
      </c>
      <c r="X8373" s="2">
        <v>12</v>
      </c>
      <c r="Y8373" s="2">
        <v>50</v>
      </c>
      <c r="Z8373" s="2">
        <v>137.9</v>
      </c>
      <c r="AA8373" s="5">
        <v>20</v>
      </c>
      <c r="AB8373" s="5" t="s">
        <v>43</v>
      </c>
      <c r="AC8373" s="5" t="s">
        <v>44</v>
      </c>
      <c r="AD8373" s="2"/>
      <c r="AE8373" s="1"/>
    </row>
    <row r="8374" spans="1:31" ht="14.45">
      <c r="A8374" s="11"/>
      <c r="B8374" s="20"/>
      <c r="C8374" s="2" t="s">
        <v>25668</v>
      </c>
      <c r="D8374" s="14" t="s">
        <v>25669</v>
      </c>
      <c r="E8374" s="2" t="s">
        <v>25670</v>
      </c>
      <c r="F8374" s="2" t="s">
        <v>25527</v>
      </c>
      <c r="G8374" s="8">
        <v>235</v>
      </c>
      <c r="H8374" s="5">
        <v>5</v>
      </c>
      <c r="I8374" s="5" t="s">
        <v>69</v>
      </c>
      <c r="J8374" s="5" t="s">
        <v>24629</v>
      </c>
      <c r="K8374" s="2" t="s">
        <v>24630</v>
      </c>
      <c r="L8374" s="5" t="s">
        <v>24629</v>
      </c>
      <c r="M8374" s="2" t="s">
        <v>24630</v>
      </c>
      <c r="N8374" s="5" t="s">
        <v>24254</v>
      </c>
      <c r="O8374" s="5" t="s">
        <v>38</v>
      </c>
      <c r="P8374" s="5" t="s">
        <v>39</v>
      </c>
      <c r="Q8374" s="5" t="s">
        <v>40</v>
      </c>
      <c r="R8374" s="5" t="s">
        <v>24335</v>
      </c>
      <c r="S8374" s="5" t="s">
        <v>40</v>
      </c>
      <c r="T8374" s="5" t="s">
        <v>42</v>
      </c>
      <c r="U8374" s="2">
        <v>11.499000000000001</v>
      </c>
      <c r="V8374" s="2">
        <v>9.2690000000000001</v>
      </c>
      <c r="W8374" s="2">
        <v>0.11899999999999999</v>
      </c>
      <c r="X8374" s="2">
        <v>12</v>
      </c>
      <c r="Y8374" s="2">
        <v>62</v>
      </c>
      <c r="Z8374" s="2">
        <v>159.9</v>
      </c>
      <c r="AA8374" s="5">
        <v>10</v>
      </c>
      <c r="AB8374" s="5" t="s">
        <v>43</v>
      </c>
      <c r="AC8374" s="5" t="s">
        <v>44</v>
      </c>
      <c r="AD8374" s="2" t="s">
        <v>25528</v>
      </c>
      <c r="AE8374" s="1"/>
    </row>
    <row r="8375" spans="1:31" ht="14.45">
      <c r="A8375" s="11"/>
      <c r="B8375" s="20"/>
      <c r="C8375" s="2" t="s">
        <v>25671</v>
      </c>
      <c r="D8375" s="14" t="s">
        <v>25672</v>
      </c>
      <c r="E8375" s="2" t="s">
        <v>25673</v>
      </c>
      <c r="F8375" s="2" t="s">
        <v>25532</v>
      </c>
      <c r="G8375" s="8">
        <v>386</v>
      </c>
      <c r="H8375" s="5">
        <v>10</v>
      </c>
      <c r="I8375" s="5" t="s">
        <v>69</v>
      </c>
      <c r="J8375" s="5" t="s">
        <v>24629</v>
      </c>
      <c r="K8375" s="2" t="s">
        <v>24630</v>
      </c>
      <c r="L8375" s="5" t="s">
        <v>24629</v>
      </c>
      <c r="M8375" s="2" t="s">
        <v>24630</v>
      </c>
      <c r="N8375" s="5" t="s">
        <v>24254</v>
      </c>
      <c r="O8375" s="5" t="s">
        <v>38</v>
      </c>
      <c r="P8375" s="5" t="s">
        <v>39</v>
      </c>
      <c r="Q8375" s="5" t="s">
        <v>40</v>
      </c>
      <c r="R8375" s="5" t="s">
        <v>24340</v>
      </c>
      <c r="S8375" s="5" t="s">
        <v>40</v>
      </c>
      <c r="T8375" s="5" t="s">
        <v>42</v>
      </c>
      <c r="U8375" s="2">
        <v>16.873000000000001</v>
      </c>
      <c r="V8375" s="2">
        <v>14.628</v>
      </c>
      <c r="W8375" s="2">
        <v>0.11899999999999999</v>
      </c>
      <c r="X8375" s="2">
        <v>12</v>
      </c>
      <c r="Y8375" s="2">
        <v>62</v>
      </c>
      <c r="Z8375" s="2">
        <v>159.9</v>
      </c>
      <c r="AA8375" s="5">
        <v>10</v>
      </c>
      <c r="AB8375" s="5" t="s">
        <v>43</v>
      </c>
      <c r="AC8375" s="5" t="s">
        <v>44</v>
      </c>
      <c r="AD8375" s="2" t="s">
        <v>25533</v>
      </c>
      <c r="AE8375" s="1"/>
    </row>
    <row r="8376" spans="1:31" ht="14.45">
      <c r="A8376" s="11"/>
      <c r="B8376" s="20"/>
      <c r="C8376" s="2" t="s">
        <v>25674</v>
      </c>
      <c r="D8376" s="14" t="s">
        <v>25675</v>
      </c>
      <c r="E8376" s="2" t="s">
        <v>25676</v>
      </c>
      <c r="F8376" s="2" t="s">
        <v>25537</v>
      </c>
      <c r="G8376" s="8">
        <v>386</v>
      </c>
      <c r="H8376" s="5">
        <v>10</v>
      </c>
      <c r="I8376" s="5" t="s">
        <v>69</v>
      </c>
      <c r="J8376" s="5" t="s">
        <v>24629</v>
      </c>
      <c r="K8376" s="2" t="s">
        <v>24630</v>
      </c>
      <c r="L8376" s="5" t="s">
        <v>24629</v>
      </c>
      <c r="M8376" s="2" t="s">
        <v>24630</v>
      </c>
      <c r="N8376" s="5" t="s">
        <v>24254</v>
      </c>
      <c r="O8376" s="5" t="s">
        <v>38</v>
      </c>
      <c r="P8376" s="5" t="s">
        <v>39</v>
      </c>
      <c r="Q8376" s="5" t="s">
        <v>40</v>
      </c>
      <c r="R8376" s="5" t="s">
        <v>25301</v>
      </c>
      <c r="S8376" s="5" t="s">
        <v>40</v>
      </c>
      <c r="T8376" s="5" t="s">
        <v>42</v>
      </c>
      <c r="U8376" s="2">
        <v>15.625</v>
      </c>
      <c r="V8376" s="2">
        <v>13.38</v>
      </c>
      <c r="W8376" s="2">
        <v>0.11899999999999999</v>
      </c>
      <c r="X8376" s="2">
        <v>12</v>
      </c>
      <c r="Y8376" s="2">
        <v>62</v>
      </c>
      <c r="Z8376" s="2">
        <v>159.9</v>
      </c>
      <c r="AA8376" s="5">
        <v>10</v>
      </c>
      <c r="AB8376" s="5" t="s">
        <v>43</v>
      </c>
      <c r="AC8376" s="5" t="s">
        <v>44</v>
      </c>
      <c r="AD8376" s="2" t="s">
        <v>25538</v>
      </c>
      <c r="AE8376" s="1"/>
    </row>
    <row r="8377" spans="1:31" ht="14.45">
      <c r="A8377" s="11"/>
      <c r="B8377" s="20"/>
      <c r="C8377" s="2" t="s">
        <v>25677</v>
      </c>
      <c r="D8377" s="14" t="s">
        <v>25678</v>
      </c>
      <c r="E8377" s="2" t="s">
        <v>25679</v>
      </c>
      <c r="F8377" s="2" t="s">
        <v>25163</v>
      </c>
      <c r="G8377" s="8">
        <v>181</v>
      </c>
      <c r="H8377" s="5">
        <v>5</v>
      </c>
      <c r="I8377" s="5" t="s">
        <v>69</v>
      </c>
      <c r="J8377" s="5" t="s">
        <v>24629</v>
      </c>
      <c r="K8377" s="2" t="s">
        <v>24630</v>
      </c>
      <c r="L8377" s="5" t="s">
        <v>24629</v>
      </c>
      <c r="M8377" s="2" t="s">
        <v>24630</v>
      </c>
      <c r="N8377" s="5" t="s">
        <v>24254</v>
      </c>
      <c r="O8377" s="5" t="s">
        <v>38</v>
      </c>
      <c r="P8377" s="5" t="s">
        <v>39</v>
      </c>
      <c r="Q8377" s="5" t="s">
        <v>40</v>
      </c>
      <c r="R8377" s="5" t="s">
        <v>24335</v>
      </c>
      <c r="S8377" s="5" t="s">
        <v>40</v>
      </c>
      <c r="T8377" s="5" t="s">
        <v>42</v>
      </c>
      <c r="U8377" s="2">
        <v>8.49</v>
      </c>
      <c r="V8377" s="2">
        <v>7.0919999999999996</v>
      </c>
      <c r="W8377" s="2">
        <v>9.2999999999999999E-2</v>
      </c>
      <c r="X8377" s="2">
        <v>12</v>
      </c>
      <c r="Y8377" s="2">
        <v>50</v>
      </c>
      <c r="Z8377" s="2">
        <v>154.4</v>
      </c>
      <c r="AA8377" s="5">
        <v>20</v>
      </c>
      <c r="AB8377" s="5" t="s">
        <v>43</v>
      </c>
      <c r="AC8377" s="5" t="s">
        <v>44</v>
      </c>
      <c r="AD8377" s="2" t="s">
        <v>25512</v>
      </c>
      <c r="AE8377" s="1"/>
    </row>
    <row r="8378" spans="1:31" ht="14.45">
      <c r="A8378" s="11"/>
      <c r="B8378" s="20"/>
      <c r="C8378" s="2" t="s">
        <v>25680</v>
      </c>
      <c r="D8378" s="14" t="s">
        <v>25681</v>
      </c>
      <c r="E8378" s="2" t="s">
        <v>25682</v>
      </c>
      <c r="F8378" s="2" t="s">
        <v>25163</v>
      </c>
      <c r="G8378" s="8">
        <v>332</v>
      </c>
      <c r="H8378" s="5">
        <v>10</v>
      </c>
      <c r="I8378" s="5" t="s">
        <v>69</v>
      </c>
      <c r="J8378" s="5" t="s">
        <v>24629</v>
      </c>
      <c r="K8378" s="2" t="s">
        <v>24630</v>
      </c>
      <c r="L8378" s="5" t="s">
        <v>24629</v>
      </c>
      <c r="M8378" s="2" t="s">
        <v>24630</v>
      </c>
      <c r="N8378" s="5" t="s">
        <v>24254</v>
      </c>
      <c r="O8378" s="5" t="s">
        <v>38</v>
      </c>
      <c r="P8378" s="5" t="s">
        <v>39</v>
      </c>
      <c r="Q8378" s="5" t="s">
        <v>40</v>
      </c>
      <c r="R8378" s="5" t="s">
        <v>24340</v>
      </c>
      <c r="S8378" s="5" t="s">
        <v>40</v>
      </c>
      <c r="T8378" s="5" t="s">
        <v>42</v>
      </c>
      <c r="U8378" s="2">
        <v>14.481999999999999</v>
      </c>
      <c r="V8378" s="2">
        <v>12.852</v>
      </c>
      <c r="W8378" s="2">
        <v>9.2999999999999999E-2</v>
      </c>
      <c r="X8378" s="2">
        <v>12</v>
      </c>
      <c r="Y8378" s="2">
        <v>50</v>
      </c>
      <c r="Z8378" s="2">
        <v>154.4</v>
      </c>
      <c r="AA8378" s="5">
        <v>20</v>
      </c>
      <c r="AB8378" s="5" t="s">
        <v>43</v>
      </c>
      <c r="AC8378" s="5" t="s">
        <v>44</v>
      </c>
      <c r="AD8378" s="2" t="s">
        <v>25516</v>
      </c>
      <c r="AE8378" s="1"/>
    </row>
    <row r="8379" spans="1:31" ht="14.45">
      <c r="A8379" s="11"/>
      <c r="B8379" s="20"/>
      <c r="C8379" s="2" t="s">
        <v>25683</v>
      </c>
      <c r="D8379" s="14" t="s">
        <v>25684</v>
      </c>
      <c r="E8379" s="2" t="s">
        <v>25685</v>
      </c>
      <c r="F8379" s="2" t="s">
        <v>25163</v>
      </c>
      <c r="G8379" s="8">
        <v>332</v>
      </c>
      <c r="H8379" s="5">
        <v>10</v>
      </c>
      <c r="I8379" s="5" t="s">
        <v>69</v>
      </c>
      <c r="J8379" s="5" t="s">
        <v>24629</v>
      </c>
      <c r="K8379" s="2" t="s">
        <v>24630</v>
      </c>
      <c r="L8379" s="5" t="s">
        <v>24629</v>
      </c>
      <c r="M8379" s="2" t="s">
        <v>24630</v>
      </c>
      <c r="N8379" s="5" t="s">
        <v>24254</v>
      </c>
      <c r="O8379" s="5" t="s">
        <v>38</v>
      </c>
      <c r="P8379" s="5" t="s">
        <v>39</v>
      </c>
      <c r="Q8379" s="5" t="s">
        <v>40</v>
      </c>
      <c r="R8379" s="5" t="s">
        <v>25301</v>
      </c>
      <c r="S8379" s="5" t="s">
        <v>40</v>
      </c>
      <c r="T8379" s="5" t="s">
        <v>42</v>
      </c>
      <c r="U8379" s="2">
        <v>13.135</v>
      </c>
      <c r="V8379" s="2">
        <v>11.505000000000001</v>
      </c>
      <c r="W8379" s="2">
        <v>9.2999999999999999E-2</v>
      </c>
      <c r="X8379" s="2">
        <v>12</v>
      </c>
      <c r="Y8379" s="2">
        <v>50</v>
      </c>
      <c r="Z8379" s="2">
        <v>154.4</v>
      </c>
      <c r="AA8379" s="5">
        <v>20</v>
      </c>
      <c r="AB8379" s="5" t="s">
        <v>43</v>
      </c>
      <c r="AC8379" s="5" t="s">
        <v>44</v>
      </c>
      <c r="AD8379" s="2" t="s">
        <v>25520</v>
      </c>
      <c r="AE8379" s="1"/>
    </row>
    <row r="8380" spans="1:31" ht="14.45">
      <c r="A8380" s="11"/>
      <c r="B8380" s="20"/>
      <c r="C8380" s="2" t="s">
        <v>25686</v>
      </c>
      <c r="D8380" s="14" t="s">
        <v>25687</v>
      </c>
      <c r="E8380" s="2" t="s">
        <v>25688</v>
      </c>
      <c r="F8380" s="2" t="s">
        <v>25163</v>
      </c>
      <c r="G8380" s="8">
        <v>199</v>
      </c>
      <c r="H8380" s="5">
        <v>10</v>
      </c>
      <c r="I8380" s="5" t="s">
        <v>69</v>
      </c>
      <c r="J8380" s="5" t="s">
        <v>24629</v>
      </c>
      <c r="K8380" s="2" t="s">
        <v>24630</v>
      </c>
      <c r="L8380" s="5" t="s">
        <v>24629</v>
      </c>
      <c r="M8380" s="2" t="s">
        <v>24630</v>
      </c>
      <c r="N8380" s="5" t="s">
        <v>24254</v>
      </c>
      <c r="O8380" s="5" t="s">
        <v>38</v>
      </c>
      <c r="P8380" s="5" t="s">
        <v>39</v>
      </c>
      <c r="Q8380" s="5" t="s">
        <v>40</v>
      </c>
      <c r="R8380" s="5" t="s">
        <v>24335</v>
      </c>
      <c r="S8380" s="5" t="s">
        <v>40</v>
      </c>
      <c r="T8380" s="5" t="s">
        <v>42</v>
      </c>
      <c r="U8380" s="2">
        <v>8.6050000000000004</v>
      </c>
      <c r="V8380" s="2">
        <v>6.9749999999999996</v>
      </c>
      <c r="W8380" s="2">
        <v>9.2999999999999999E-2</v>
      </c>
      <c r="X8380" s="2">
        <v>12</v>
      </c>
      <c r="Y8380" s="2">
        <v>50</v>
      </c>
      <c r="Z8380" s="2">
        <v>154.4</v>
      </c>
      <c r="AA8380" s="5">
        <v>20</v>
      </c>
      <c r="AB8380" s="5" t="s">
        <v>43</v>
      </c>
      <c r="AC8380" s="5" t="s">
        <v>44</v>
      </c>
      <c r="AD8380" s="2"/>
      <c r="AE8380" s="1"/>
    </row>
    <row r="8381" spans="1:31" ht="14.45">
      <c r="A8381" s="11"/>
      <c r="B8381" s="20"/>
      <c r="C8381" s="2" t="s">
        <v>25689</v>
      </c>
      <c r="D8381" s="14" t="s">
        <v>25690</v>
      </c>
      <c r="E8381" s="2" t="s">
        <v>25691</v>
      </c>
      <c r="F8381" s="2" t="s">
        <v>25527</v>
      </c>
      <c r="G8381" s="8">
        <v>247</v>
      </c>
      <c r="H8381" s="5">
        <v>5</v>
      </c>
      <c r="I8381" s="5" t="s">
        <v>69</v>
      </c>
      <c r="J8381" s="5" t="s">
        <v>24629</v>
      </c>
      <c r="K8381" s="2" t="s">
        <v>24630</v>
      </c>
      <c r="L8381" s="5" t="s">
        <v>24629</v>
      </c>
      <c r="M8381" s="2" t="s">
        <v>24630</v>
      </c>
      <c r="N8381" s="5" t="s">
        <v>24254</v>
      </c>
      <c r="O8381" s="5" t="s">
        <v>38</v>
      </c>
      <c r="P8381" s="5" t="s">
        <v>39</v>
      </c>
      <c r="Q8381" s="5" t="s">
        <v>40</v>
      </c>
      <c r="R8381" s="5" t="s">
        <v>24335</v>
      </c>
      <c r="S8381" s="5" t="s">
        <v>40</v>
      </c>
      <c r="T8381" s="5" t="s">
        <v>42</v>
      </c>
      <c r="U8381" s="2">
        <v>11.989000000000001</v>
      </c>
      <c r="V8381" s="2">
        <v>9.7590000000000003</v>
      </c>
      <c r="W8381" s="2">
        <v>0.11899999999999999</v>
      </c>
      <c r="X8381" s="2">
        <v>12</v>
      </c>
      <c r="Y8381" s="2">
        <v>62</v>
      </c>
      <c r="Z8381" s="2">
        <v>159.9</v>
      </c>
      <c r="AA8381" s="5">
        <v>10</v>
      </c>
      <c r="AB8381" s="5" t="s">
        <v>43</v>
      </c>
      <c r="AC8381" s="5" t="s">
        <v>44</v>
      </c>
      <c r="AD8381" s="2" t="s">
        <v>25528</v>
      </c>
      <c r="AE8381" s="1"/>
    </row>
    <row r="8382" spans="1:31" ht="14.45">
      <c r="A8382" s="11"/>
      <c r="B8382" s="20"/>
      <c r="C8382" s="2" t="s">
        <v>25692</v>
      </c>
      <c r="D8382" s="14" t="s">
        <v>25693</v>
      </c>
      <c r="E8382" s="2" t="s">
        <v>25694</v>
      </c>
      <c r="F8382" s="2" t="s">
        <v>25532</v>
      </c>
      <c r="G8382" s="8">
        <v>398</v>
      </c>
      <c r="H8382" s="5">
        <v>10</v>
      </c>
      <c r="I8382" s="5" t="s">
        <v>69</v>
      </c>
      <c r="J8382" s="5" t="s">
        <v>24629</v>
      </c>
      <c r="K8382" s="2" t="s">
        <v>24630</v>
      </c>
      <c r="L8382" s="5" t="s">
        <v>24629</v>
      </c>
      <c r="M8382" s="2" t="s">
        <v>24630</v>
      </c>
      <c r="N8382" s="5" t="s">
        <v>24254</v>
      </c>
      <c r="O8382" s="5" t="s">
        <v>38</v>
      </c>
      <c r="P8382" s="5" t="s">
        <v>39</v>
      </c>
      <c r="Q8382" s="5" t="s">
        <v>40</v>
      </c>
      <c r="R8382" s="5" t="s">
        <v>24340</v>
      </c>
      <c r="S8382" s="5" t="s">
        <v>40</v>
      </c>
      <c r="T8382" s="5" t="s">
        <v>42</v>
      </c>
      <c r="U8382" s="2">
        <v>17.763999999999999</v>
      </c>
      <c r="V8382" s="2">
        <v>15.519</v>
      </c>
      <c r="W8382" s="2">
        <v>0.129</v>
      </c>
      <c r="X8382" s="2">
        <v>12</v>
      </c>
      <c r="Y8382" s="2">
        <v>62</v>
      </c>
      <c r="Z8382" s="2">
        <v>172.9</v>
      </c>
      <c r="AA8382" s="5">
        <v>10</v>
      </c>
      <c r="AB8382" s="5" t="s">
        <v>43</v>
      </c>
      <c r="AC8382" s="5" t="s">
        <v>44</v>
      </c>
      <c r="AD8382" s="2" t="s">
        <v>25533</v>
      </c>
      <c r="AE8382" s="1"/>
    </row>
    <row r="8383" spans="1:31" ht="14.45">
      <c r="A8383" s="11"/>
      <c r="B8383" s="20"/>
      <c r="C8383" s="2" t="s">
        <v>25695</v>
      </c>
      <c r="D8383" s="14" t="s">
        <v>25696</v>
      </c>
      <c r="E8383" s="2" t="s">
        <v>25697</v>
      </c>
      <c r="F8383" s="2" t="s">
        <v>25537</v>
      </c>
      <c r="G8383" s="8">
        <v>398</v>
      </c>
      <c r="H8383" s="5">
        <v>10</v>
      </c>
      <c r="I8383" s="5" t="s">
        <v>69</v>
      </c>
      <c r="J8383" s="5" t="s">
        <v>24629</v>
      </c>
      <c r="K8383" s="2" t="s">
        <v>24630</v>
      </c>
      <c r="L8383" s="5" t="s">
        <v>24629</v>
      </c>
      <c r="M8383" s="2" t="s">
        <v>24630</v>
      </c>
      <c r="N8383" s="5" t="s">
        <v>24254</v>
      </c>
      <c r="O8383" s="5" t="s">
        <v>38</v>
      </c>
      <c r="P8383" s="5" t="s">
        <v>39</v>
      </c>
      <c r="Q8383" s="5" t="s">
        <v>40</v>
      </c>
      <c r="R8383" s="5" t="s">
        <v>25301</v>
      </c>
      <c r="S8383" s="5" t="s">
        <v>40</v>
      </c>
      <c r="T8383" s="5" t="s">
        <v>42</v>
      </c>
      <c r="U8383" s="2">
        <v>16.417000000000002</v>
      </c>
      <c r="V8383" s="2">
        <v>14.172000000000001</v>
      </c>
      <c r="W8383" s="2">
        <v>0.129</v>
      </c>
      <c r="X8383" s="2">
        <v>12</v>
      </c>
      <c r="Y8383" s="2">
        <v>62</v>
      </c>
      <c r="Z8383" s="2">
        <v>172.9</v>
      </c>
      <c r="AA8383" s="5">
        <v>10</v>
      </c>
      <c r="AB8383" s="5" t="s">
        <v>43</v>
      </c>
      <c r="AC8383" s="5" t="s">
        <v>44</v>
      </c>
      <c r="AD8383" s="2" t="s">
        <v>25538</v>
      </c>
      <c r="AE8383" s="1"/>
    </row>
    <row r="8384" spans="1:31" ht="14.45">
      <c r="A8384" s="11"/>
      <c r="B8384" s="20"/>
      <c r="C8384" s="2" t="s">
        <v>25698</v>
      </c>
      <c r="D8384" s="14" t="s">
        <v>25699</v>
      </c>
      <c r="E8384" s="2" t="s">
        <v>25700</v>
      </c>
      <c r="F8384" s="2" t="s">
        <v>25163</v>
      </c>
      <c r="G8384" s="8">
        <v>207</v>
      </c>
      <c r="H8384" s="5">
        <v>10</v>
      </c>
      <c r="I8384" s="5" t="s">
        <v>69</v>
      </c>
      <c r="J8384" s="5" t="s">
        <v>24629</v>
      </c>
      <c r="K8384" s="2" t="s">
        <v>24630</v>
      </c>
      <c r="L8384" s="5" t="s">
        <v>24629</v>
      </c>
      <c r="M8384" s="2" t="s">
        <v>24630</v>
      </c>
      <c r="N8384" s="5" t="s">
        <v>24254</v>
      </c>
      <c r="O8384" s="5" t="s">
        <v>38</v>
      </c>
      <c r="P8384" s="5" t="s">
        <v>39</v>
      </c>
      <c r="Q8384" s="5" t="s">
        <v>40</v>
      </c>
      <c r="R8384" s="5" t="s">
        <v>24335</v>
      </c>
      <c r="S8384" s="5" t="s">
        <v>40</v>
      </c>
      <c r="T8384" s="5" t="s">
        <v>42</v>
      </c>
      <c r="U8384" s="2">
        <v>8.9749999999999996</v>
      </c>
      <c r="V8384" s="2">
        <v>7.2210000000000001</v>
      </c>
      <c r="W8384" s="2">
        <v>0.104</v>
      </c>
      <c r="X8384" s="2">
        <v>12</v>
      </c>
      <c r="Y8384" s="2">
        <v>50</v>
      </c>
      <c r="Z8384" s="2">
        <v>173.9</v>
      </c>
      <c r="AA8384" s="5">
        <v>20</v>
      </c>
      <c r="AB8384" s="5" t="s">
        <v>43</v>
      </c>
      <c r="AC8384" s="5" t="s">
        <v>44</v>
      </c>
      <c r="AD8384" s="2" t="s">
        <v>25512</v>
      </c>
      <c r="AE8384" s="1"/>
    </row>
    <row r="8385" spans="1:31" ht="14.45">
      <c r="A8385" s="11"/>
      <c r="B8385" s="20"/>
      <c r="C8385" s="2" t="s">
        <v>25701</v>
      </c>
      <c r="D8385" s="14" t="s">
        <v>25702</v>
      </c>
      <c r="E8385" s="2" t="s">
        <v>25703</v>
      </c>
      <c r="F8385" s="2" t="s">
        <v>25163</v>
      </c>
      <c r="G8385" s="8">
        <v>358</v>
      </c>
      <c r="H8385" s="5">
        <v>10</v>
      </c>
      <c r="I8385" s="5" t="s">
        <v>69</v>
      </c>
      <c r="J8385" s="5" t="s">
        <v>24629</v>
      </c>
      <c r="K8385" s="2" t="s">
        <v>24630</v>
      </c>
      <c r="L8385" s="5" t="s">
        <v>24629</v>
      </c>
      <c r="M8385" s="2" t="s">
        <v>24630</v>
      </c>
      <c r="N8385" s="5" t="s">
        <v>24254</v>
      </c>
      <c r="O8385" s="5" t="s">
        <v>38</v>
      </c>
      <c r="P8385" s="5" t="s">
        <v>39</v>
      </c>
      <c r="Q8385" s="5" t="s">
        <v>40</v>
      </c>
      <c r="R8385" s="5" t="s">
        <v>24340</v>
      </c>
      <c r="S8385" s="5" t="s">
        <v>40</v>
      </c>
      <c r="T8385" s="5" t="s">
        <v>42</v>
      </c>
      <c r="U8385" s="2">
        <v>15.207000000000001</v>
      </c>
      <c r="V8385" s="2">
        <v>13.452999999999999</v>
      </c>
      <c r="W8385" s="2">
        <v>0.104</v>
      </c>
      <c r="X8385" s="2">
        <v>12</v>
      </c>
      <c r="Y8385" s="2">
        <v>50</v>
      </c>
      <c r="Z8385" s="2">
        <v>173.9</v>
      </c>
      <c r="AA8385" s="5">
        <v>20</v>
      </c>
      <c r="AB8385" s="5" t="s">
        <v>43</v>
      </c>
      <c r="AC8385" s="5" t="s">
        <v>44</v>
      </c>
      <c r="AD8385" s="2" t="s">
        <v>25516</v>
      </c>
      <c r="AE8385" s="1"/>
    </row>
    <row r="8386" spans="1:31" ht="14.45">
      <c r="A8386" s="11"/>
      <c r="B8386" s="20"/>
      <c r="C8386" s="2" t="s">
        <v>25704</v>
      </c>
      <c r="D8386" s="14" t="s">
        <v>25705</v>
      </c>
      <c r="E8386" s="2" t="s">
        <v>25706</v>
      </c>
      <c r="F8386" s="2" t="s">
        <v>25163</v>
      </c>
      <c r="G8386" s="8">
        <v>358</v>
      </c>
      <c r="H8386" s="5">
        <v>10</v>
      </c>
      <c r="I8386" s="5" t="s">
        <v>69</v>
      </c>
      <c r="J8386" s="5" t="s">
        <v>24629</v>
      </c>
      <c r="K8386" s="2" t="s">
        <v>24630</v>
      </c>
      <c r="L8386" s="5" t="s">
        <v>24629</v>
      </c>
      <c r="M8386" s="2" t="s">
        <v>24630</v>
      </c>
      <c r="N8386" s="5" t="s">
        <v>24254</v>
      </c>
      <c r="O8386" s="5" t="s">
        <v>38</v>
      </c>
      <c r="P8386" s="5" t="s">
        <v>39</v>
      </c>
      <c r="Q8386" s="5" t="s">
        <v>40</v>
      </c>
      <c r="R8386" s="5" t="s">
        <v>25301</v>
      </c>
      <c r="S8386" s="5" t="s">
        <v>40</v>
      </c>
      <c r="T8386" s="5" t="s">
        <v>42</v>
      </c>
      <c r="U8386" s="2">
        <v>13.763999999999999</v>
      </c>
      <c r="V8386" s="2">
        <v>12.01</v>
      </c>
      <c r="W8386" s="2">
        <v>0.104</v>
      </c>
      <c r="X8386" s="2">
        <v>12</v>
      </c>
      <c r="Y8386" s="2">
        <v>50</v>
      </c>
      <c r="Z8386" s="2">
        <v>173.9</v>
      </c>
      <c r="AA8386" s="5">
        <v>20</v>
      </c>
      <c r="AB8386" s="5" t="s">
        <v>43</v>
      </c>
      <c r="AC8386" s="5" t="s">
        <v>44</v>
      </c>
      <c r="AD8386" s="2" t="s">
        <v>25520</v>
      </c>
      <c r="AE8386" s="1"/>
    </row>
    <row r="8387" spans="1:31" ht="14.45">
      <c r="A8387" s="11"/>
      <c r="B8387" s="20"/>
      <c r="C8387" s="2" t="s">
        <v>25707</v>
      </c>
      <c r="D8387" s="14" t="s">
        <v>25708</v>
      </c>
      <c r="E8387" s="2" t="s">
        <v>25709</v>
      </c>
      <c r="F8387" s="2" t="s">
        <v>25163</v>
      </c>
      <c r="G8387" s="8">
        <v>227</v>
      </c>
      <c r="H8387" s="5">
        <v>10</v>
      </c>
      <c r="I8387" s="5" t="s">
        <v>69</v>
      </c>
      <c r="J8387" s="5" t="s">
        <v>24629</v>
      </c>
      <c r="K8387" s="2" t="s">
        <v>24630</v>
      </c>
      <c r="L8387" s="5" t="s">
        <v>24629</v>
      </c>
      <c r="M8387" s="2" t="s">
        <v>24630</v>
      </c>
      <c r="N8387" s="5" t="s">
        <v>24254</v>
      </c>
      <c r="O8387" s="5" t="s">
        <v>38</v>
      </c>
      <c r="P8387" s="5" t="s">
        <v>39</v>
      </c>
      <c r="Q8387" s="5" t="s">
        <v>40</v>
      </c>
      <c r="R8387" s="5" t="s">
        <v>24335</v>
      </c>
      <c r="S8387" s="5" t="s">
        <v>40</v>
      </c>
      <c r="T8387" s="5" t="s">
        <v>42</v>
      </c>
      <c r="U8387" s="2">
        <v>8.9380000000000006</v>
      </c>
      <c r="V8387" s="2">
        <v>7.1840000000000002</v>
      </c>
      <c r="W8387" s="2">
        <v>0.104</v>
      </c>
      <c r="X8387" s="2">
        <v>12</v>
      </c>
      <c r="Y8387" s="2">
        <v>50</v>
      </c>
      <c r="Z8387" s="2">
        <v>173.9</v>
      </c>
      <c r="AA8387" s="5">
        <v>20</v>
      </c>
      <c r="AB8387" s="5" t="s">
        <v>43</v>
      </c>
      <c r="AC8387" s="5" t="s">
        <v>44</v>
      </c>
      <c r="AD8387" s="2"/>
      <c r="AE8387" s="1"/>
    </row>
    <row r="8388" spans="1:31" ht="14.45">
      <c r="A8388" s="11"/>
      <c r="B8388" s="20"/>
      <c r="C8388" s="2" t="s">
        <v>25710</v>
      </c>
      <c r="D8388" s="14" t="s">
        <v>25711</v>
      </c>
      <c r="E8388" s="2" t="s">
        <v>25712</v>
      </c>
      <c r="F8388" s="2" t="s">
        <v>25527</v>
      </c>
      <c r="G8388" s="8">
        <v>282</v>
      </c>
      <c r="H8388" s="5">
        <v>5</v>
      </c>
      <c r="I8388" s="5" t="s">
        <v>69</v>
      </c>
      <c r="J8388" s="5" t="s">
        <v>24629</v>
      </c>
      <c r="K8388" s="2" t="s">
        <v>24630</v>
      </c>
      <c r="L8388" s="5" t="s">
        <v>24629</v>
      </c>
      <c r="M8388" s="2" t="s">
        <v>24630</v>
      </c>
      <c r="N8388" s="5" t="s">
        <v>24254</v>
      </c>
      <c r="O8388" s="5" t="s">
        <v>38</v>
      </c>
      <c r="P8388" s="5" t="s">
        <v>39</v>
      </c>
      <c r="Q8388" s="5" t="s">
        <v>40</v>
      </c>
      <c r="R8388" s="5" t="s">
        <v>24335</v>
      </c>
      <c r="S8388" s="5" t="s">
        <v>40</v>
      </c>
      <c r="T8388" s="5" t="s">
        <v>42</v>
      </c>
      <c r="U8388" s="2">
        <v>12.920999999999999</v>
      </c>
      <c r="V8388" s="2">
        <v>10.212999999999999</v>
      </c>
      <c r="W8388" s="2">
        <v>0.14899999999999999</v>
      </c>
      <c r="X8388" s="2">
        <v>12</v>
      </c>
      <c r="Y8388" s="2">
        <v>62</v>
      </c>
      <c r="Z8388" s="2">
        <v>199.9</v>
      </c>
      <c r="AA8388" s="5">
        <v>10</v>
      </c>
      <c r="AB8388" s="5" t="s">
        <v>43</v>
      </c>
      <c r="AC8388" s="5" t="s">
        <v>44</v>
      </c>
      <c r="AD8388" s="2" t="s">
        <v>25528</v>
      </c>
      <c r="AE8388" s="1"/>
    </row>
    <row r="8389" spans="1:31" ht="14.45">
      <c r="A8389" s="11"/>
      <c r="B8389" s="20"/>
      <c r="C8389" s="2" t="s">
        <v>25713</v>
      </c>
      <c r="D8389" s="14" t="s">
        <v>25714</v>
      </c>
      <c r="E8389" s="2" t="s">
        <v>25715</v>
      </c>
      <c r="F8389" s="2" t="s">
        <v>25532</v>
      </c>
      <c r="G8389" s="8">
        <v>433</v>
      </c>
      <c r="H8389" s="5">
        <v>10</v>
      </c>
      <c r="I8389" s="5" t="s">
        <v>69</v>
      </c>
      <c r="J8389" s="5" t="s">
        <v>24629</v>
      </c>
      <c r="K8389" s="2" t="s">
        <v>24630</v>
      </c>
      <c r="L8389" s="5" t="s">
        <v>24629</v>
      </c>
      <c r="M8389" s="2" t="s">
        <v>24630</v>
      </c>
      <c r="N8389" s="5" t="s">
        <v>24254</v>
      </c>
      <c r="O8389" s="5" t="s">
        <v>38</v>
      </c>
      <c r="P8389" s="5" t="s">
        <v>39</v>
      </c>
      <c r="Q8389" s="5" t="s">
        <v>40</v>
      </c>
      <c r="R8389" s="5" t="s">
        <v>24340</v>
      </c>
      <c r="S8389" s="5" t="s">
        <v>40</v>
      </c>
      <c r="T8389" s="5" t="s">
        <v>42</v>
      </c>
      <c r="U8389" s="2">
        <v>19.067</v>
      </c>
      <c r="V8389" s="2">
        <v>16.344000000000001</v>
      </c>
      <c r="W8389" s="2">
        <v>0.14899999999999999</v>
      </c>
      <c r="X8389" s="2">
        <v>12</v>
      </c>
      <c r="Y8389" s="2">
        <v>62</v>
      </c>
      <c r="Z8389" s="2">
        <v>199.9</v>
      </c>
      <c r="AA8389" s="5">
        <v>10</v>
      </c>
      <c r="AB8389" s="5" t="s">
        <v>43</v>
      </c>
      <c r="AC8389" s="5" t="s">
        <v>44</v>
      </c>
      <c r="AD8389" s="2" t="s">
        <v>25533</v>
      </c>
      <c r="AE8389" s="1"/>
    </row>
    <row r="8390" spans="1:31" ht="14.45">
      <c r="A8390" s="11"/>
      <c r="B8390" s="20"/>
      <c r="C8390" s="2" t="s">
        <v>25716</v>
      </c>
      <c r="D8390" s="14" t="s">
        <v>25717</v>
      </c>
      <c r="E8390" s="2" t="s">
        <v>25718</v>
      </c>
      <c r="F8390" s="2" t="s">
        <v>25537</v>
      </c>
      <c r="G8390" s="8">
        <v>433</v>
      </c>
      <c r="H8390" s="5">
        <v>10</v>
      </c>
      <c r="I8390" s="5" t="s">
        <v>69</v>
      </c>
      <c r="J8390" s="5" t="s">
        <v>24629</v>
      </c>
      <c r="K8390" s="2" t="s">
        <v>24630</v>
      </c>
      <c r="L8390" s="5" t="s">
        <v>24629</v>
      </c>
      <c r="M8390" s="2" t="s">
        <v>24630</v>
      </c>
      <c r="N8390" s="5" t="s">
        <v>24254</v>
      </c>
      <c r="O8390" s="5" t="s">
        <v>38</v>
      </c>
      <c r="P8390" s="5" t="s">
        <v>39</v>
      </c>
      <c r="Q8390" s="5" t="s">
        <v>40</v>
      </c>
      <c r="R8390" s="5" t="s">
        <v>25301</v>
      </c>
      <c r="S8390" s="5" t="s">
        <v>40</v>
      </c>
      <c r="T8390" s="5" t="s">
        <v>42</v>
      </c>
      <c r="U8390" s="2">
        <v>17.623999999999999</v>
      </c>
      <c r="V8390" s="2">
        <v>14.901</v>
      </c>
      <c r="W8390" s="2">
        <v>0.14899999999999999</v>
      </c>
      <c r="X8390" s="2">
        <v>12</v>
      </c>
      <c r="Y8390" s="2">
        <v>62</v>
      </c>
      <c r="Z8390" s="2">
        <v>199.9</v>
      </c>
      <c r="AA8390" s="5">
        <v>10</v>
      </c>
      <c r="AB8390" s="5" t="s">
        <v>43</v>
      </c>
      <c r="AC8390" s="5" t="s">
        <v>44</v>
      </c>
      <c r="AD8390" s="2" t="s">
        <v>25538</v>
      </c>
      <c r="AE8390" s="1"/>
    </row>
    <row r="8391" spans="1:31" ht="14.45">
      <c r="A8391" s="11"/>
      <c r="B8391" s="20"/>
      <c r="C8391" s="2" t="s">
        <v>25719</v>
      </c>
      <c r="D8391" s="14" t="s">
        <v>25720</v>
      </c>
      <c r="E8391" s="2" t="s">
        <v>25721</v>
      </c>
      <c r="F8391" s="2" t="s">
        <v>25163</v>
      </c>
      <c r="G8391" s="8">
        <v>210</v>
      </c>
      <c r="H8391" s="5">
        <v>15</v>
      </c>
      <c r="I8391" s="5" t="s">
        <v>69</v>
      </c>
      <c r="J8391" s="5" t="s">
        <v>24629</v>
      </c>
      <c r="K8391" s="2" t="s">
        <v>24630</v>
      </c>
      <c r="L8391" s="5" t="s">
        <v>24629</v>
      </c>
      <c r="M8391" s="2" t="s">
        <v>24630</v>
      </c>
      <c r="N8391" s="5" t="s">
        <v>24254</v>
      </c>
      <c r="O8391" s="5" t="s">
        <v>38</v>
      </c>
      <c r="P8391" s="5" t="s">
        <v>39</v>
      </c>
      <c r="Q8391" s="5" t="s">
        <v>40</v>
      </c>
      <c r="R8391" s="5" t="s">
        <v>24335</v>
      </c>
      <c r="S8391" s="5" t="s">
        <v>40</v>
      </c>
      <c r="T8391" s="5" t="s">
        <v>42</v>
      </c>
      <c r="U8391" s="2">
        <v>9.4049999999999994</v>
      </c>
      <c r="V8391" s="2">
        <v>7.4349999999999996</v>
      </c>
      <c r="W8391" s="2">
        <v>0.11600000000000001</v>
      </c>
      <c r="X8391" s="2">
        <v>12</v>
      </c>
      <c r="Y8391" s="2">
        <v>50</v>
      </c>
      <c r="Z8391" s="2">
        <v>193.9</v>
      </c>
      <c r="AA8391" s="5">
        <v>20</v>
      </c>
      <c r="AB8391" s="5" t="s">
        <v>43</v>
      </c>
      <c r="AC8391" s="5" t="s">
        <v>44</v>
      </c>
      <c r="AD8391" s="2" t="s">
        <v>25512</v>
      </c>
      <c r="AE8391" s="1"/>
    </row>
    <row r="8392" spans="1:31" ht="14.45">
      <c r="A8392" s="11"/>
      <c r="B8392" s="20"/>
      <c r="C8392" s="2" t="s">
        <v>25722</v>
      </c>
      <c r="D8392" s="14" t="s">
        <v>25723</v>
      </c>
      <c r="E8392" s="2" t="s">
        <v>25724</v>
      </c>
      <c r="F8392" s="2" t="s">
        <v>25163</v>
      </c>
      <c r="G8392" s="8">
        <v>361</v>
      </c>
      <c r="H8392" s="5">
        <v>10</v>
      </c>
      <c r="I8392" s="5" t="s">
        <v>69</v>
      </c>
      <c r="J8392" s="5" t="s">
        <v>24629</v>
      </c>
      <c r="K8392" s="2" t="s">
        <v>24630</v>
      </c>
      <c r="L8392" s="5" t="s">
        <v>24629</v>
      </c>
      <c r="M8392" s="2" t="s">
        <v>24630</v>
      </c>
      <c r="N8392" s="5" t="s">
        <v>24254</v>
      </c>
      <c r="O8392" s="5" t="s">
        <v>38</v>
      </c>
      <c r="P8392" s="5" t="s">
        <v>39</v>
      </c>
      <c r="Q8392" s="5" t="s">
        <v>40</v>
      </c>
      <c r="R8392" s="5" t="s">
        <v>24340</v>
      </c>
      <c r="S8392" s="5" t="s">
        <v>40</v>
      </c>
      <c r="T8392" s="5" t="s">
        <v>42</v>
      </c>
      <c r="U8392" s="2">
        <v>16.021000000000001</v>
      </c>
      <c r="V8392" s="2">
        <v>14.051</v>
      </c>
      <c r="W8392" s="2">
        <v>0.11600000000000001</v>
      </c>
      <c r="X8392" s="2">
        <v>12</v>
      </c>
      <c r="Y8392" s="2">
        <v>50</v>
      </c>
      <c r="Z8392" s="2">
        <v>193.9</v>
      </c>
      <c r="AA8392" s="5">
        <v>20</v>
      </c>
      <c r="AB8392" s="5" t="s">
        <v>43</v>
      </c>
      <c r="AC8392" s="5" t="s">
        <v>44</v>
      </c>
      <c r="AD8392" s="2" t="s">
        <v>25516</v>
      </c>
      <c r="AE8392" s="1"/>
    </row>
    <row r="8393" spans="1:31" ht="14.45">
      <c r="A8393" s="11"/>
      <c r="B8393" s="20"/>
      <c r="C8393" s="2" t="s">
        <v>25725</v>
      </c>
      <c r="D8393" s="14" t="s">
        <v>25726</v>
      </c>
      <c r="E8393" s="2" t="s">
        <v>25727</v>
      </c>
      <c r="F8393" s="2" t="s">
        <v>25163</v>
      </c>
      <c r="G8393" s="8">
        <v>361</v>
      </c>
      <c r="H8393" s="5">
        <v>10</v>
      </c>
      <c r="I8393" s="5" t="s">
        <v>69</v>
      </c>
      <c r="J8393" s="5" t="s">
        <v>24629</v>
      </c>
      <c r="K8393" s="2" t="s">
        <v>24630</v>
      </c>
      <c r="L8393" s="5" t="s">
        <v>24629</v>
      </c>
      <c r="M8393" s="2" t="s">
        <v>24630</v>
      </c>
      <c r="N8393" s="5" t="s">
        <v>24254</v>
      </c>
      <c r="O8393" s="5" t="s">
        <v>38</v>
      </c>
      <c r="P8393" s="5" t="s">
        <v>39</v>
      </c>
      <c r="Q8393" s="5" t="s">
        <v>40</v>
      </c>
      <c r="R8393" s="5" t="s">
        <v>25301</v>
      </c>
      <c r="S8393" s="5" t="s">
        <v>40</v>
      </c>
      <c r="T8393" s="5" t="s">
        <v>42</v>
      </c>
      <c r="U8393" s="2">
        <v>14.478</v>
      </c>
      <c r="V8393" s="2">
        <v>12.507999999999999</v>
      </c>
      <c r="W8393" s="2">
        <v>0.11600000000000001</v>
      </c>
      <c r="X8393" s="2">
        <v>12</v>
      </c>
      <c r="Y8393" s="2">
        <v>50</v>
      </c>
      <c r="Z8393" s="2">
        <v>193.9</v>
      </c>
      <c r="AA8393" s="5">
        <v>20</v>
      </c>
      <c r="AB8393" s="5" t="s">
        <v>43</v>
      </c>
      <c r="AC8393" s="5" t="s">
        <v>44</v>
      </c>
      <c r="AD8393" s="2" t="s">
        <v>25520</v>
      </c>
      <c r="AE8393" s="1"/>
    </row>
    <row r="8394" spans="1:31" ht="14.45">
      <c r="A8394" s="11"/>
      <c r="B8394" s="20"/>
      <c r="C8394" s="2" t="s">
        <v>25728</v>
      </c>
      <c r="D8394" s="14" t="s">
        <v>25729</v>
      </c>
      <c r="E8394" s="2" t="s">
        <v>25730</v>
      </c>
      <c r="F8394" s="2" t="s">
        <v>25163</v>
      </c>
      <c r="G8394" s="8">
        <v>231</v>
      </c>
      <c r="H8394" s="5">
        <v>10</v>
      </c>
      <c r="I8394" s="5" t="s">
        <v>69</v>
      </c>
      <c r="J8394" s="5" t="s">
        <v>24629</v>
      </c>
      <c r="K8394" s="2" t="s">
        <v>24630</v>
      </c>
      <c r="L8394" s="5" t="s">
        <v>24629</v>
      </c>
      <c r="M8394" s="2" t="s">
        <v>24630</v>
      </c>
      <c r="N8394" s="5" t="s">
        <v>24254</v>
      </c>
      <c r="O8394" s="5" t="s">
        <v>38</v>
      </c>
      <c r="P8394" s="5" t="s">
        <v>39</v>
      </c>
      <c r="Q8394" s="5" t="s">
        <v>40</v>
      </c>
      <c r="R8394" s="5" t="s">
        <v>24335</v>
      </c>
      <c r="S8394" s="5" t="s">
        <v>40</v>
      </c>
      <c r="T8394" s="5" t="s">
        <v>42</v>
      </c>
      <c r="U8394" s="2">
        <v>9.3640000000000008</v>
      </c>
      <c r="V8394" s="2">
        <v>7.3940000000000001</v>
      </c>
      <c r="W8394" s="2">
        <v>0.11600000000000001</v>
      </c>
      <c r="X8394" s="2">
        <v>12</v>
      </c>
      <c r="Y8394" s="2">
        <v>50</v>
      </c>
      <c r="Z8394" s="2">
        <v>193.9</v>
      </c>
      <c r="AA8394" s="5">
        <v>20</v>
      </c>
      <c r="AB8394" s="5" t="s">
        <v>43</v>
      </c>
      <c r="AC8394" s="5" t="s">
        <v>44</v>
      </c>
      <c r="AD8394" s="2"/>
      <c r="AE8394" s="1"/>
    </row>
    <row r="8395" spans="1:31" ht="14.45">
      <c r="A8395" s="11"/>
      <c r="B8395" s="20"/>
      <c r="C8395" s="2" t="s">
        <v>25731</v>
      </c>
      <c r="D8395" s="14" t="s">
        <v>25732</v>
      </c>
      <c r="E8395" s="2" t="s">
        <v>25733</v>
      </c>
      <c r="F8395" s="2" t="s">
        <v>25734</v>
      </c>
      <c r="G8395" s="8">
        <v>287</v>
      </c>
      <c r="H8395" s="5">
        <v>10</v>
      </c>
      <c r="I8395" s="5" t="s">
        <v>69</v>
      </c>
      <c r="J8395" s="5" t="s">
        <v>24629</v>
      </c>
      <c r="K8395" s="2" t="s">
        <v>24630</v>
      </c>
      <c r="L8395" s="5" t="s">
        <v>24629</v>
      </c>
      <c r="M8395" s="2" t="s">
        <v>24630</v>
      </c>
      <c r="N8395" s="5" t="s">
        <v>24254</v>
      </c>
      <c r="O8395" s="5" t="s">
        <v>38</v>
      </c>
      <c r="P8395" s="5" t="s">
        <v>39</v>
      </c>
      <c r="Q8395" s="5" t="s">
        <v>40</v>
      </c>
      <c r="R8395" s="5" t="s">
        <v>24335</v>
      </c>
      <c r="S8395" s="5" t="s">
        <v>40</v>
      </c>
      <c r="T8395" s="5" t="s">
        <v>42</v>
      </c>
      <c r="U8395" s="2">
        <v>13.262</v>
      </c>
      <c r="V8395" s="2">
        <v>10.539</v>
      </c>
      <c r="W8395" s="2">
        <v>0.14899999999999999</v>
      </c>
      <c r="X8395" s="2">
        <v>12</v>
      </c>
      <c r="Y8395" s="2">
        <v>62</v>
      </c>
      <c r="Z8395" s="2">
        <v>199.9</v>
      </c>
      <c r="AA8395" s="5">
        <v>10</v>
      </c>
      <c r="AB8395" s="5" t="s">
        <v>43</v>
      </c>
      <c r="AC8395" s="5" t="s">
        <v>44</v>
      </c>
      <c r="AD8395" s="2" t="s">
        <v>25528</v>
      </c>
      <c r="AE8395" s="1"/>
    </row>
    <row r="8396" spans="1:31" ht="14.45">
      <c r="A8396" s="11"/>
      <c r="B8396" s="20"/>
      <c r="C8396" s="2" t="s">
        <v>25735</v>
      </c>
      <c r="D8396" s="14" t="s">
        <v>25736</v>
      </c>
      <c r="E8396" s="2" t="s">
        <v>25737</v>
      </c>
      <c r="F8396" s="2" t="s">
        <v>25163</v>
      </c>
      <c r="G8396" s="8">
        <v>196</v>
      </c>
      <c r="H8396" s="5">
        <v>10</v>
      </c>
      <c r="I8396" s="5" t="s">
        <v>69</v>
      </c>
      <c r="J8396" s="5" t="s">
        <v>24629</v>
      </c>
      <c r="K8396" s="2" t="s">
        <v>24630</v>
      </c>
      <c r="L8396" s="5" t="s">
        <v>24629</v>
      </c>
      <c r="M8396" s="2" t="s">
        <v>24630</v>
      </c>
      <c r="N8396" s="5" t="s">
        <v>24254</v>
      </c>
      <c r="O8396" s="5" t="s">
        <v>38</v>
      </c>
      <c r="P8396" s="5" t="s">
        <v>39</v>
      </c>
      <c r="Q8396" s="5" t="s">
        <v>40</v>
      </c>
      <c r="R8396" s="5" t="s">
        <v>24335</v>
      </c>
      <c r="S8396" s="5" t="s">
        <v>40</v>
      </c>
      <c r="T8396" s="5" t="s">
        <v>42</v>
      </c>
      <c r="U8396" s="2">
        <v>8.9969999999999999</v>
      </c>
      <c r="V8396" s="2">
        <v>7.367</v>
      </c>
      <c r="W8396" s="2">
        <v>9.2999999999999999E-2</v>
      </c>
      <c r="X8396" s="2">
        <v>12</v>
      </c>
      <c r="Y8396" s="2">
        <v>50</v>
      </c>
      <c r="Z8396" s="2">
        <v>154.4</v>
      </c>
      <c r="AA8396" s="5">
        <v>20</v>
      </c>
      <c r="AB8396" s="5" t="s">
        <v>43</v>
      </c>
      <c r="AC8396" s="5" t="s">
        <v>44</v>
      </c>
      <c r="AD8396" s="2" t="s">
        <v>25512</v>
      </c>
      <c r="AE8396" s="1"/>
    </row>
    <row r="8397" spans="1:31" ht="14.45">
      <c r="A8397" s="11"/>
      <c r="B8397" s="20"/>
      <c r="C8397" s="2" t="s">
        <v>25738</v>
      </c>
      <c r="D8397" s="14" t="s">
        <v>25739</v>
      </c>
      <c r="E8397" s="2" t="s">
        <v>25740</v>
      </c>
      <c r="F8397" s="2" t="s">
        <v>25163</v>
      </c>
      <c r="G8397" s="8">
        <v>347</v>
      </c>
      <c r="H8397" s="5">
        <v>10</v>
      </c>
      <c r="I8397" s="5" t="s">
        <v>69</v>
      </c>
      <c r="J8397" s="5" t="s">
        <v>24629</v>
      </c>
      <c r="K8397" s="2" t="s">
        <v>24630</v>
      </c>
      <c r="L8397" s="5" t="s">
        <v>24629</v>
      </c>
      <c r="M8397" s="2" t="s">
        <v>24630</v>
      </c>
      <c r="N8397" s="5" t="s">
        <v>24254</v>
      </c>
      <c r="O8397" s="5" t="s">
        <v>38</v>
      </c>
      <c r="P8397" s="5" t="s">
        <v>39</v>
      </c>
      <c r="Q8397" s="5" t="s">
        <v>40</v>
      </c>
      <c r="R8397" s="5" t="s">
        <v>24340</v>
      </c>
      <c r="S8397" s="5" t="s">
        <v>40</v>
      </c>
      <c r="T8397" s="5" t="s">
        <v>42</v>
      </c>
      <c r="U8397" s="2">
        <v>14.814</v>
      </c>
      <c r="V8397" s="2">
        <v>13.183999999999999</v>
      </c>
      <c r="W8397" s="2">
        <v>9.2999999999999999E-2</v>
      </c>
      <c r="X8397" s="2">
        <v>12</v>
      </c>
      <c r="Y8397" s="2">
        <v>50</v>
      </c>
      <c r="Z8397" s="2">
        <v>154.4</v>
      </c>
      <c r="AA8397" s="5">
        <v>20</v>
      </c>
      <c r="AB8397" s="5" t="s">
        <v>43</v>
      </c>
      <c r="AC8397" s="5" t="s">
        <v>44</v>
      </c>
      <c r="AD8397" s="2" t="s">
        <v>25516</v>
      </c>
      <c r="AE8397" s="1"/>
    </row>
    <row r="8398" spans="1:31" ht="14.45">
      <c r="A8398" s="11"/>
      <c r="B8398" s="20"/>
      <c r="C8398" s="2" t="s">
        <v>25741</v>
      </c>
      <c r="D8398" s="14" t="s">
        <v>25742</v>
      </c>
      <c r="E8398" s="2" t="s">
        <v>25743</v>
      </c>
      <c r="F8398" s="2" t="s">
        <v>25163</v>
      </c>
      <c r="G8398" s="8">
        <v>347</v>
      </c>
      <c r="H8398" s="5">
        <v>10</v>
      </c>
      <c r="I8398" s="5" t="s">
        <v>69</v>
      </c>
      <c r="J8398" s="5" t="s">
        <v>24629</v>
      </c>
      <c r="K8398" s="2" t="s">
        <v>24630</v>
      </c>
      <c r="L8398" s="5" t="s">
        <v>24629</v>
      </c>
      <c r="M8398" s="2" t="s">
        <v>24630</v>
      </c>
      <c r="N8398" s="5" t="s">
        <v>24254</v>
      </c>
      <c r="O8398" s="5" t="s">
        <v>38</v>
      </c>
      <c r="P8398" s="5" t="s">
        <v>39</v>
      </c>
      <c r="Q8398" s="5" t="s">
        <v>40</v>
      </c>
      <c r="R8398" s="5" t="s">
        <v>25301</v>
      </c>
      <c r="S8398" s="5" t="s">
        <v>40</v>
      </c>
      <c r="T8398" s="5" t="s">
        <v>42</v>
      </c>
      <c r="U8398" s="2">
        <v>13.468</v>
      </c>
      <c r="V8398" s="2">
        <v>11.837999999999999</v>
      </c>
      <c r="W8398" s="2">
        <v>9.2999999999999999E-2</v>
      </c>
      <c r="X8398" s="2">
        <v>12</v>
      </c>
      <c r="Y8398" s="2">
        <v>50</v>
      </c>
      <c r="Z8398" s="2">
        <v>154.4</v>
      </c>
      <c r="AA8398" s="5">
        <v>20</v>
      </c>
      <c r="AB8398" s="5" t="s">
        <v>43</v>
      </c>
      <c r="AC8398" s="5" t="s">
        <v>44</v>
      </c>
      <c r="AD8398" s="2" t="s">
        <v>25520</v>
      </c>
      <c r="AE8398" s="1"/>
    </row>
    <row r="8399" spans="1:31" ht="14.45">
      <c r="A8399" s="11"/>
      <c r="B8399" s="20"/>
      <c r="C8399" s="2" t="s">
        <v>25744</v>
      </c>
      <c r="D8399" s="14" t="s">
        <v>25745</v>
      </c>
      <c r="E8399" s="2" t="s">
        <v>25746</v>
      </c>
      <c r="F8399" s="2" t="s">
        <v>25163</v>
      </c>
      <c r="G8399" s="8">
        <v>216</v>
      </c>
      <c r="H8399" s="5">
        <v>10</v>
      </c>
      <c r="I8399" s="5" t="s">
        <v>69</v>
      </c>
      <c r="J8399" s="5" t="s">
        <v>24629</v>
      </c>
      <c r="K8399" s="2" t="s">
        <v>24630</v>
      </c>
      <c r="L8399" s="5" t="s">
        <v>24629</v>
      </c>
      <c r="M8399" s="2" t="s">
        <v>24630</v>
      </c>
      <c r="N8399" s="5" t="s">
        <v>24254</v>
      </c>
      <c r="O8399" s="5" t="s">
        <v>38</v>
      </c>
      <c r="P8399" s="5" t="s">
        <v>39</v>
      </c>
      <c r="Q8399" s="5" t="s">
        <v>40</v>
      </c>
      <c r="R8399" s="5" t="s">
        <v>24335</v>
      </c>
      <c r="S8399" s="5" t="s">
        <v>40</v>
      </c>
      <c r="T8399" s="5" t="s">
        <v>42</v>
      </c>
      <c r="U8399" s="2">
        <v>9.5530000000000008</v>
      </c>
      <c r="V8399" s="2">
        <v>7.923</v>
      </c>
      <c r="W8399" s="2">
        <v>9.2999999999999999E-2</v>
      </c>
      <c r="X8399" s="2">
        <v>12</v>
      </c>
      <c r="Y8399" s="2">
        <v>50</v>
      </c>
      <c r="Z8399" s="2">
        <v>154.4</v>
      </c>
      <c r="AA8399" s="5">
        <v>20</v>
      </c>
      <c r="AB8399" s="5" t="s">
        <v>43</v>
      </c>
      <c r="AC8399" s="5" t="s">
        <v>44</v>
      </c>
      <c r="AD8399" s="2"/>
      <c r="AE8399" s="1"/>
    </row>
    <row r="8400" spans="1:31" ht="14.45">
      <c r="A8400" s="11"/>
      <c r="B8400" s="20"/>
      <c r="C8400" s="2" t="s">
        <v>25747</v>
      </c>
      <c r="D8400" s="14" t="s">
        <v>25748</v>
      </c>
      <c r="E8400" s="2" t="s">
        <v>25749</v>
      </c>
      <c r="F8400" s="2" t="s">
        <v>25527</v>
      </c>
      <c r="G8400" s="8">
        <v>268</v>
      </c>
      <c r="H8400" s="5">
        <v>5</v>
      </c>
      <c r="I8400" s="5" t="s">
        <v>69</v>
      </c>
      <c r="J8400" s="5" t="s">
        <v>24629</v>
      </c>
      <c r="K8400" s="2" t="s">
        <v>24630</v>
      </c>
      <c r="L8400" s="5" t="s">
        <v>24629</v>
      </c>
      <c r="M8400" s="2" t="s">
        <v>24630</v>
      </c>
      <c r="N8400" s="5" t="s">
        <v>24254</v>
      </c>
      <c r="O8400" s="5" t="s">
        <v>38</v>
      </c>
      <c r="P8400" s="5" t="s">
        <v>39</v>
      </c>
      <c r="Q8400" s="5" t="s">
        <v>40</v>
      </c>
      <c r="R8400" s="5" t="s">
        <v>24335</v>
      </c>
      <c r="S8400" s="5" t="s">
        <v>40</v>
      </c>
      <c r="T8400" s="5" t="s">
        <v>42</v>
      </c>
      <c r="U8400" s="2">
        <v>12.302</v>
      </c>
      <c r="V8400" s="2">
        <v>10.071999999999999</v>
      </c>
      <c r="W8400" s="2">
        <v>0.11899999999999999</v>
      </c>
      <c r="X8400" s="2">
        <v>12</v>
      </c>
      <c r="Y8400" s="2">
        <v>62</v>
      </c>
      <c r="Z8400" s="2">
        <v>159.9</v>
      </c>
      <c r="AA8400" s="5">
        <v>10</v>
      </c>
      <c r="AB8400" s="5" t="s">
        <v>43</v>
      </c>
      <c r="AC8400" s="5" t="s">
        <v>44</v>
      </c>
      <c r="AD8400" s="2" t="s">
        <v>25528</v>
      </c>
      <c r="AE8400" s="1"/>
    </row>
    <row r="8401" spans="1:31" ht="14.45">
      <c r="A8401" s="11"/>
      <c r="B8401" s="20"/>
      <c r="C8401" s="2" t="s">
        <v>25750</v>
      </c>
      <c r="D8401" s="14" t="s">
        <v>25751</v>
      </c>
      <c r="E8401" s="2" t="s">
        <v>25752</v>
      </c>
      <c r="F8401" s="2" t="s">
        <v>25532</v>
      </c>
      <c r="G8401" s="8">
        <v>419</v>
      </c>
      <c r="H8401" s="5">
        <v>10</v>
      </c>
      <c r="I8401" s="5" t="s">
        <v>69</v>
      </c>
      <c r="J8401" s="5" t="s">
        <v>24629</v>
      </c>
      <c r="K8401" s="2" t="s">
        <v>24630</v>
      </c>
      <c r="L8401" s="5" t="s">
        <v>24629</v>
      </c>
      <c r="M8401" s="2" t="s">
        <v>24630</v>
      </c>
      <c r="N8401" s="5" t="s">
        <v>24254</v>
      </c>
      <c r="O8401" s="5" t="s">
        <v>38</v>
      </c>
      <c r="P8401" s="5" t="s">
        <v>39</v>
      </c>
      <c r="Q8401" s="5" t="s">
        <v>40</v>
      </c>
      <c r="R8401" s="5" t="s">
        <v>24340</v>
      </c>
      <c r="S8401" s="5" t="s">
        <v>40</v>
      </c>
      <c r="T8401" s="5" t="s">
        <v>42</v>
      </c>
      <c r="U8401" s="2">
        <v>18.058</v>
      </c>
      <c r="V8401" s="2">
        <v>15.813000000000001</v>
      </c>
      <c r="W8401" s="2">
        <v>0.11899999999999999</v>
      </c>
      <c r="X8401" s="2">
        <v>12</v>
      </c>
      <c r="Y8401" s="2">
        <v>62</v>
      </c>
      <c r="Z8401" s="2">
        <v>159.9</v>
      </c>
      <c r="AA8401" s="5">
        <v>10</v>
      </c>
      <c r="AB8401" s="5" t="s">
        <v>43</v>
      </c>
      <c r="AC8401" s="5" t="s">
        <v>44</v>
      </c>
      <c r="AD8401" s="2" t="s">
        <v>25533</v>
      </c>
      <c r="AE8401" s="1"/>
    </row>
    <row r="8402" spans="1:31" ht="14.45">
      <c r="A8402" s="11"/>
      <c r="B8402" s="20"/>
      <c r="C8402" s="2" t="s">
        <v>25753</v>
      </c>
      <c r="D8402" s="14" t="s">
        <v>25754</v>
      </c>
      <c r="E8402" s="2" t="s">
        <v>25755</v>
      </c>
      <c r="F8402" s="2" t="s">
        <v>25163</v>
      </c>
      <c r="G8402" s="8">
        <v>207</v>
      </c>
      <c r="H8402" s="5">
        <v>10</v>
      </c>
      <c r="I8402" s="5" t="s">
        <v>69</v>
      </c>
      <c r="J8402" s="5" t="s">
        <v>24629</v>
      </c>
      <c r="K8402" s="2" t="s">
        <v>24630</v>
      </c>
      <c r="L8402" s="5" t="s">
        <v>24629</v>
      </c>
      <c r="M8402" s="2" t="s">
        <v>24630</v>
      </c>
      <c r="N8402" s="5" t="s">
        <v>24254</v>
      </c>
      <c r="O8402" s="5" t="s">
        <v>38</v>
      </c>
      <c r="P8402" s="5" t="s">
        <v>39</v>
      </c>
      <c r="Q8402" s="5" t="s">
        <v>40</v>
      </c>
      <c r="R8402" s="5" t="s">
        <v>24335</v>
      </c>
      <c r="S8402" s="5" t="s">
        <v>40</v>
      </c>
      <c r="T8402" s="5" t="s">
        <v>42</v>
      </c>
      <c r="U8402" s="2">
        <v>9.2309999999999999</v>
      </c>
      <c r="V8402" s="2">
        <v>7.601</v>
      </c>
      <c r="W8402" s="2">
        <v>9.2999999999999999E-2</v>
      </c>
      <c r="X8402" s="2">
        <v>12</v>
      </c>
      <c r="Y8402" s="2">
        <v>50</v>
      </c>
      <c r="Z8402" s="2">
        <v>154.4</v>
      </c>
      <c r="AA8402" s="5">
        <v>20</v>
      </c>
      <c r="AB8402" s="5" t="s">
        <v>43</v>
      </c>
      <c r="AC8402" s="5" t="s">
        <v>44</v>
      </c>
      <c r="AD8402" s="2" t="s">
        <v>25512</v>
      </c>
      <c r="AE8402" s="1"/>
    </row>
    <row r="8403" spans="1:31" ht="14.45">
      <c r="A8403" s="11"/>
      <c r="B8403" s="20"/>
      <c r="C8403" s="2" t="s">
        <v>25756</v>
      </c>
      <c r="D8403" s="14" t="s">
        <v>25757</v>
      </c>
      <c r="E8403" s="2" t="s">
        <v>25758</v>
      </c>
      <c r="F8403" s="2" t="s">
        <v>25163</v>
      </c>
      <c r="G8403" s="8">
        <v>358</v>
      </c>
      <c r="H8403" s="5">
        <v>10</v>
      </c>
      <c r="I8403" s="5" t="s">
        <v>69</v>
      </c>
      <c r="J8403" s="5" t="s">
        <v>24629</v>
      </c>
      <c r="K8403" s="2" t="s">
        <v>24630</v>
      </c>
      <c r="L8403" s="5" t="s">
        <v>24629</v>
      </c>
      <c r="M8403" s="2" t="s">
        <v>24630</v>
      </c>
      <c r="N8403" s="5" t="s">
        <v>24254</v>
      </c>
      <c r="O8403" s="5" t="s">
        <v>38</v>
      </c>
      <c r="P8403" s="5" t="s">
        <v>39</v>
      </c>
      <c r="Q8403" s="5" t="s">
        <v>40</v>
      </c>
      <c r="R8403" s="5" t="s">
        <v>24340</v>
      </c>
      <c r="S8403" s="5" t="s">
        <v>40</v>
      </c>
      <c r="T8403" s="5" t="s">
        <v>42</v>
      </c>
      <c r="U8403" s="2">
        <v>15.462999999999999</v>
      </c>
      <c r="V8403" s="2">
        <v>13.833</v>
      </c>
      <c r="W8403" s="2">
        <v>9.2999999999999999E-2</v>
      </c>
      <c r="X8403" s="2">
        <v>12</v>
      </c>
      <c r="Y8403" s="2">
        <v>50</v>
      </c>
      <c r="Z8403" s="2">
        <v>154.4</v>
      </c>
      <c r="AA8403" s="5">
        <v>20</v>
      </c>
      <c r="AB8403" s="5" t="s">
        <v>43</v>
      </c>
      <c r="AC8403" s="5" t="s">
        <v>44</v>
      </c>
      <c r="AD8403" s="2" t="s">
        <v>25516</v>
      </c>
      <c r="AE8403" s="1"/>
    </row>
    <row r="8404" spans="1:31" ht="14.45">
      <c r="A8404" s="11"/>
      <c r="B8404" s="20"/>
      <c r="C8404" s="2" t="s">
        <v>25759</v>
      </c>
      <c r="D8404" s="14" t="s">
        <v>25760</v>
      </c>
      <c r="E8404" s="2" t="s">
        <v>25761</v>
      </c>
      <c r="F8404" s="2" t="s">
        <v>25163</v>
      </c>
      <c r="G8404" s="8">
        <v>358</v>
      </c>
      <c r="H8404" s="5">
        <v>10</v>
      </c>
      <c r="I8404" s="5" t="s">
        <v>69</v>
      </c>
      <c r="J8404" s="5" t="s">
        <v>24629</v>
      </c>
      <c r="K8404" s="2" t="s">
        <v>24630</v>
      </c>
      <c r="L8404" s="5" t="s">
        <v>24629</v>
      </c>
      <c r="M8404" s="2" t="s">
        <v>24630</v>
      </c>
      <c r="N8404" s="5" t="s">
        <v>24254</v>
      </c>
      <c r="O8404" s="5" t="s">
        <v>38</v>
      </c>
      <c r="P8404" s="5" t="s">
        <v>39</v>
      </c>
      <c r="Q8404" s="5" t="s">
        <v>40</v>
      </c>
      <c r="R8404" s="5" t="s">
        <v>25301</v>
      </c>
      <c r="S8404" s="5" t="s">
        <v>40</v>
      </c>
      <c r="T8404" s="5" t="s">
        <v>42</v>
      </c>
      <c r="U8404" s="2">
        <v>14.018000000000001</v>
      </c>
      <c r="V8404" s="2">
        <v>12.388</v>
      </c>
      <c r="W8404" s="2">
        <v>9.2999999999999999E-2</v>
      </c>
      <c r="X8404" s="2">
        <v>12</v>
      </c>
      <c r="Y8404" s="2">
        <v>50</v>
      </c>
      <c r="Z8404" s="2">
        <v>154.4</v>
      </c>
      <c r="AA8404" s="5">
        <v>20</v>
      </c>
      <c r="AB8404" s="5" t="s">
        <v>43</v>
      </c>
      <c r="AC8404" s="5" t="s">
        <v>44</v>
      </c>
      <c r="AD8404" s="2" t="s">
        <v>25520</v>
      </c>
      <c r="AE8404" s="1"/>
    </row>
    <row r="8405" spans="1:31" ht="14.45">
      <c r="A8405" s="11"/>
      <c r="B8405" s="20"/>
      <c r="C8405" s="2" t="s">
        <v>25762</v>
      </c>
      <c r="D8405" s="14" t="s">
        <v>25763</v>
      </c>
      <c r="E8405" s="2" t="s">
        <v>25764</v>
      </c>
      <c r="F8405" s="2" t="s">
        <v>25163</v>
      </c>
      <c r="G8405" s="8">
        <v>227</v>
      </c>
      <c r="H8405" s="5">
        <v>10</v>
      </c>
      <c r="I8405" s="5" t="s">
        <v>69</v>
      </c>
      <c r="J8405" s="5" t="s">
        <v>24629</v>
      </c>
      <c r="K8405" s="2" t="s">
        <v>24630</v>
      </c>
      <c r="L8405" s="5" t="s">
        <v>24629</v>
      </c>
      <c r="M8405" s="2" t="s">
        <v>24630</v>
      </c>
      <c r="N8405" s="5" t="s">
        <v>24254</v>
      </c>
      <c r="O8405" s="5" t="s">
        <v>38</v>
      </c>
      <c r="P8405" s="5" t="s">
        <v>39</v>
      </c>
      <c r="Q8405" s="5" t="s">
        <v>40</v>
      </c>
      <c r="R8405" s="5" t="s">
        <v>24335</v>
      </c>
      <c r="S8405" s="5" t="s">
        <v>40</v>
      </c>
      <c r="T8405" s="5" t="s">
        <v>42</v>
      </c>
      <c r="U8405" s="2">
        <v>9.7810000000000006</v>
      </c>
      <c r="V8405" s="2">
        <v>8.1509999999999998</v>
      </c>
      <c r="W8405" s="2">
        <v>9.2999999999999999E-2</v>
      </c>
      <c r="X8405" s="2">
        <v>12</v>
      </c>
      <c r="Y8405" s="2">
        <v>50</v>
      </c>
      <c r="Z8405" s="2">
        <v>154.4</v>
      </c>
      <c r="AA8405" s="5">
        <v>20</v>
      </c>
      <c r="AB8405" s="5" t="s">
        <v>43</v>
      </c>
      <c r="AC8405" s="5" t="s">
        <v>44</v>
      </c>
      <c r="AD8405" s="2"/>
      <c r="AE8405" s="1"/>
    </row>
    <row r="8406" spans="1:31" ht="14.45">
      <c r="A8406" s="11"/>
      <c r="B8406" s="20"/>
      <c r="C8406" s="2" t="s">
        <v>25765</v>
      </c>
      <c r="D8406" s="14" t="s">
        <v>25766</v>
      </c>
      <c r="E8406" s="2" t="s">
        <v>25767</v>
      </c>
      <c r="F8406" s="2" t="s">
        <v>25527</v>
      </c>
      <c r="G8406" s="8">
        <v>282</v>
      </c>
      <c r="H8406" s="5">
        <v>5</v>
      </c>
      <c r="I8406" s="5" t="s">
        <v>69</v>
      </c>
      <c r="J8406" s="5" t="s">
        <v>24629</v>
      </c>
      <c r="K8406" s="2" t="s">
        <v>24630</v>
      </c>
      <c r="L8406" s="5" t="s">
        <v>24629</v>
      </c>
      <c r="M8406" s="2" t="s">
        <v>24630</v>
      </c>
      <c r="N8406" s="5" t="s">
        <v>24254</v>
      </c>
      <c r="O8406" s="5" t="s">
        <v>38</v>
      </c>
      <c r="P8406" s="5" t="s">
        <v>39</v>
      </c>
      <c r="Q8406" s="5" t="s">
        <v>40</v>
      </c>
      <c r="R8406" s="5" t="s">
        <v>24335</v>
      </c>
      <c r="S8406" s="5" t="s">
        <v>40</v>
      </c>
      <c r="T8406" s="5" t="s">
        <v>42</v>
      </c>
      <c r="U8406" s="2">
        <v>12.948</v>
      </c>
      <c r="V8406" s="2">
        <v>10.561999999999999</v>
      </c>
      <c r="W8406" s="2">
        <v>0.129</v>
      </c>
      <c r="X8406" s="2">
        <v>12</v>
      </c>
      <c r="Y8406" s="2">
        <v>62</v>
      </c>
      <c r="Z8406" s="2">
        <v>172.9</v>
      </c>
      <c r="AA8406" s="5">
        <v>10</v>
      </c>
      <c r="AB8406" s="5" t="s">
        <v>43</v>
      </c>
      <c r="AC8406" s="5" t="s">
        <v>44</v>
      </c>
      <c r="AD8406" s="2" t="s">
        <v>25528</v>
      </c>
      <c r="AE8406" s="1"/>
    </row>
    <row r="8407" spans="1:31" ht="14.45">
      <c r="A8407" s="11"/>
      <c r="B8407" s="20"/>
      <c r="C8407" s="2" t="s">
        <v>25768</v>
      </c>
      <c r="D8407" s="14" t="s">
        <v>25769</v>
      </c>
      <c r="E8407" s="2" t="s">
        <v>25770</v>
      </c>
      <c r="F8407" s="2" t="s">
        <v>25532</v>
      </c>
      <c r="G8407" s="8">
        <v>433</v>
      </c>
      <c r="H8407" s="5">
        <v>10</v>
      </c>
      <c r="I8407" s="5" t="s">
        <v>69</v>
      </c>
      <c r="J8407" s="5" t="s">
        <v>24629</v>
      </c>
      <c r="K8407" s="2" t="s">
        <v>24630</v>
      </c>
      <c r="L8407" s="5" t="s">
        <v>24629</v>
      </c>
      <c r="M8407" s="2" t="s">
        <v>24630</v>
      </c>
      <c r="N8407" s="5" t="s">
        <v>24254</v>
      </c>
      <c r="O8407" s="5" t="s">
        <v>38</v>
      </c>
      <c r="P8407" s="5" t="s">
        <v>39</v>
      </c>
      <c r="Q8407" s="5" t="s">
        <v>40</v>
      </c>
      <c r="R8407" s="5" t="s">
        <v>24340</v>
      </c>
      <c r="S8407" s="5" t="s">
        <v>40</v>
      </c>
      <c r="T8407" s="5" t="s">
        <v>42</v>
      </c>
      <c r="U8407" s="2">
        <v>19.105</v>
      </c>
      <c r="V8407" s="2">
        <v>16.704000000000001</v>
      </c>
      <c r="W8407" s="2">
        <v>0.129</v>
      </c>
      <c r="X8407" s="2">
        <v>12</v>
      </c>
      <c r="Y8407" s="2">
        <v>62</v>
      </c>
      <c r="Z8407" s="2">
        <v>172.9</v>
      </c>
      <c r="AA8407" s="5">
        <v>10</v>
      </c>
      <c r="AB8407" s="5" t="s">
        <v>43</v>
      </c>
      <c r="AC8407" s="5" t="s">
        <v>44</v>
      </c>
      <c r="AD8407" s="2" t="s">
        <v>25533</v>
      </c>
      <c r="AE8407" s="1"/>
    </row>
    <row r="8408" spans="1:31" ht="14.45">
      <c r="A8408" s="11"/>
      <c r="B8408" s="20"/>
      <c r="C8408" s="2" t="s">
        <v>25771</v>
      </c>
      <c r="D8408" s="14" t="s">
        <v>25772</v>
      </c>
      <c r="E8408" s="2" t="s">
        <v>25773</v>
      </c>
      <c r="F8408" s="2" t="s">
        <v>25163</v>
      </c>
      <c r="G8408" s="8">
        <v>219</v>
      </c>
      <c r="H8408" s="5">
        <v>10</v>
      </c>
      <c r="I8408" s="5" t="s">
        <v>69</v>
      </c>
      <c r="J8408" s="5" t="s">
        <v>24629</v>
      </c>
      <c r="K8408" s="2" t="s">
        <v>24630</v>
      </c>
      <c r="L8408" s="5" t="s">
        <v>24629</v>
      </c>
      <c r="M8408" s="2" t="s">
        <v>24630</v>
      </c>
      <c r="N8408" s="5" t="s">
        <v>24254</v>
      </c>
      <c r="O8408" s="5" t="s">
        <v>38</v>
      </c>
      <c r="P8408" s="5" t="s">
        <v>39</v>
      </c>
      <c r="Q8408" s="5" t="s">
        <v>40</v>
      </c>
      <c r="R8408" s="5" t="s">
        <v>24335</v>
      </c>
      <c r="S8408" s="5" t="s">
        <v>40</v>
      </c>
      <c r="T8408" s="5" t="s">
        <v>42</v>
      </c>
      <c r="U8408" s="2">
        <v>9.5719999999999992</v>
      </c>
      <c r="V8408" s="2">
        <v>7.8179999999999996</v>
      </c>
      <c r="W8408" s="2">
        <v>0.104</v>
      </c>
      <c r="X8408" s="2">
        <v>12</v>
      </c>
      <c r="Y8408" s="2">
        <v>50</v>
      </c>
      <c r="Z8408" s="2">
        <v>173.9</v>
      </c>
      <c r="AA8408" s="5">
        <v>20</v>
      </c>
      <c r="AB8408" s="5" t="s">
        <v>43</v>
      </c>
      <c r="AC8408" s="5" t="s">
        <v>44</v>
      </c>
      <c r="AD8408" s="2" t="s">
        <v>25512</v>
      </c>
      <c r="AE8408" s="1"/>
    </row>
    <row r="8409" spans="1:31" ht="14.45">
      <c r="A8409" s="11"/>
      <c r="B8409" s="20"/>
      <c r="C8409" s="2" t="s">
        <v>25774</v>
      </c>
      <c r="D8409" s="14" t="s">
        <v>25775</v>
      </c>
      <c r="E8409" s="2" t="s">
        <v>25776</v>
      </c>
      <c r="F8409" s="2" t="s">
        <v>25163</v>
      </c>
      <c r="G8409" s="8">
        <v>370</v>
      </c>
      <c r="H8409" s="5">
        <v>10</v>
      </c>
      <c r="I8409" s="5" t="s">
        <v>69</v>
      </c>
      <c r="J8409" s="5" t="s">
        <v>24629</v>
      </c>
      <c r="K8409" s="2" t="s">
        <v>24630</v>
      </c>
      <c r="L8409" s="5" t="s">
        <v>24629</v>
      </c>
      <c r="M8409" s="2" t="s">
        <v>24630</v>
      </c>
      <c r="N8409" s="5" t="s">
        <v>24254</v>
      </c>
      <c r="O8409" s="5" t="s">
        <v>38</v>
      </c>
      <c r="P8409" s="5" t="s">
        <v>39</v>
      </c>
      <c r="Q8409" s="5" t="s">
        <v>40</v>
      </c>
      <c r="R8409" s="5" t="s">
        <v>24340</v>
      </c>
      <c r="S8409" s="5" t="s">
        <v>40</v>
      </c>
      <c r="T8409" s="5" t="s">
        <v>42</v>
      </c>
      <c r="U8409" s="2">
        <v>16.189</v>
      </c>
      <c r="V8409" s="2">
        <v>14.435</v>
      </c>
      <c r="W8409" s="2">
        <v>0.104</v>
      </c>
      <c r="X8409" s="2">
        <v>12</v>
      </c>
      <c r="Y8409" s="2">
        <v>50</v>
      </c>
      <c r="Z8409" s="2">
        <v>173.9</v>
      </c>
      <c r="AA8409" s="5">
        <v>20</v>
      </c>
      <c r="AB8409" s="5" t="s">
        <v>43</v>
      </c>
      <c r="AC8409" s="5" t="s">
        <v>44</v>
      </c>
      <c r="AD8409" s="2" t="s">
        <v>25516</v>
      </c>
      <c r="AE8409" s="1"/>
    </row>
    <row r="8410" spans="1:31" ht="14.45">
      <c r="A8410" s="11"/>
      <c r="B8410" s="20"/>
      <c r="C8410" s="2" t="s">
        <v>25777</v>
      </c>
      <c r="D8410" s="14" t="s">
        <v>25778</v>
      </c>
      <c r="E8410" s="2" t="s">
        <v>25779</v>
      </c>
      <c r="F8410" s="2" t="s">
        <v>25163</v>
      </c>
      <c r="G8410" s="8">
        <v>370</v>
      </c>
      <c r="H8410" s="5">
        <v>10</v>
      </c>
      <c r="I8410" s="5" t="s">
        <v>69</v>
      </c>
      <c r="J8410" s="5" t="s">
        <v>24629</v>
      </c>
      <c r="K8410" s="2" t="s">
        <v>24630</v>
      </c>
      <c r="L8410" s="5" t="s">
        <v>24629</v>
      </c>
      <c r="M8410" s="2" t="s">
        <v>24630</v>
      </c>
      <c r="N8410" s="5" t="s">
        <v>24254</v>
      </c>
      <c r="O8410" s="5" t="s">
        <v>38</v>
      </c>
      <c r="P8410" s="5" t="s">
        <v>39</v>
      </c>
      <c r="Q8410" s="5" t="s">
        <v>40</v>
      </c>
      <c r="R8410" s="5" t="s">
        <v>25301</v>
      </c>
      <c r="S8410" s="5" t="s">
        <v>40</v>
      </c>
      <c r="T8410" s="5" t="s">
        <v>42</v>
      </c>
      <c r="U8410" s="2">
        <v>14.648</v>
      </c>
      <c r="V8410" s="2">
        <v>12.894</v>
      </c>
      <c r="W8410" s="2">
        <v>0.104</v>
      </c>
      <c r="X8410" s="2">
        <v>12</v>
      </c>
      <c r="Y8410" s="2">
        <v>50</v>
      </c>
      <c r="Z8410" s="2">
        <v>173.9</v>
      </c>
      <c r="AA8410" s="5">
        <v>20</v>
      </c>
      <c r="AB8410" s="5" t="s">
        <v>43</v>
      </c>
      <c r="AC8410" s="5" t="s">
        <v>44</v>
      </c>
      <c r="AD8410" s="2" t="s">
        <v>25520</v>
      </c>
      <c r="AE8410" s="1"/>
    </row>
    <row r="8411" spans="1:31" ht="14.45">
      <c r="A8411" s="11"/>
      <c r="B8411" s="20"/>
      <c r="C8411" s="2" t="s">
        <v>25780</v>
      </c>
      <c r="D8411" s="14" t="s">
        <v>25781</v>
      </c>
      <c r="E8411" s="2" t="s">
        <v>25782</v>
      </c>
      <c r="F8411" s="2" t="s">
        <v>25163</v>
      </c>
      <c r="G8411" s="8">
        <v>241</v>
      </c>
      <c r="H8411" s="5">
        <v>10</v>
      </c>
      <c r="I8411" s="5" t="s">
        <v>69</v>
      </c>
      <c r="J8411" s="5" t="s">
        <v>24629</v>
      </c>
      <c r="K8411" s="2" t="s">
        <v>24630</v>
      </c>
      <c r="L8411" s="5" t="s">
        <v>24629</v>
      </c>
      <c r="M8411" s="2" t="s">
        <v>24630</v>
      </c>
      <c r="N8411" s="5" t="s">
        <v>24254</v>
      </c>
      <c r="O8411" s="5" t="s">
        <v>38</v>
      </c>
      <c r="P8411" s="5" t="s">
        <v>39</v>
      </c>
      <c r="Q8411" s="5" t="s">
        <v>40</v>
      </c>
      <c r="R8411" s="5" t="s">
        <v>24335</v>
      </c>
      <c r="S8411" s="5" t="s">
        <v>40</v>
      </c>
      <c r="T8411" s="5" t="s">
        <v>42</v>
      </c>
      <c r="U8411" s="2">
        <v>10.115</v>
      </c>
      <c r="V8411" s="2">
        <v>8.3610000000000007</v>
      </c>
      <c r="W8411" s="2">
        <v>0.104</v>
      </c>
      <c r="X8411" s="2">
        <v>12</v>
      </c>
      <c r="Y8411" s="2">
        <v>50</v>
      </c>
      <c r="Z8411" s="2">
        <v>173.9</v>
      </c>
      <c r="AA8411" s="5">
        <v>20</v>
      </c>
      <c r="AB8411" s="5" t="s">
        <v>43</v>
      </c>
      <c r="AC8411" s="5" t="s">
        <v>44</v>
      </c>
      <c r="AD8411" s="2"/>
      <c r="AE8411" s="1"/>
    </row>
    <row r="8412" spans="1:31" ht="14.45">
      <c r="A8412" s="11"/>
      <c r="B8412" s="20"/>
      <c r="C8412" s="2" t="s">
        <v>25783</v>
      </c>
      <c r="D8412" s="14" t="s">
        <v>25784</v>
      </c>
      <c r="E8412" s="2" t="s">
        <v>25785</v>
      </c>
      <c r="F8412" s="2" t="s">
        <v>25527</v>
      </c>
      <c r="G8412" s="8">
        <v>298</v>
      </c>
      <c r="H8412" s="5">
        <v>5</v>
      </c>
      <c r="I8412" s="5" t="s">
        <v>69</v>
      </c>
      <c r="J8412" s="5" t="s">
        <v>24629</v>
      </c>
      <c r="K8412" s="2" t="s">
        <v>24630</v>
      </c>
      <c r="L8412" s="5" t="s">
        <v>24629</v>
      </c>
      <c r="M8412" s="2" t="s">
        <v>24630</v>
      </c>
      <c r="N8412" s="5" t="s">
        <v>24254</v>
      </c>
      <c r="O8412" s="5" t="s">
        <v>38</v>
      </c>
      <c r="P8412" s="5" t="s">
        <v>39</v>
      </c>
      <c r="Q8412" s="5" t="s">
        <v>40</v>
      </c>
      <c r="R8412" s="5" t="s">
        <v>24335</v>
      </c>
      <c r="S8412" s="5" t="s">
        <v>40</v>
      </c>
      <c r="T8412" s="5" t="s">
        <v>42</v>
      </c>
      <c r="U8412" s="2">
        <v>13.725</v>
      </c>
      <c r="V8412" s="2">
        <v>11.016999999999999</v>
      </c>
      <c r="W8412" s="2">
        <v>0.14899999999999999</v>
      </c>
      <c r="X8412" s="2">
        <v>12</v>
      </c>
      <c r="Y8412" s="2">
        <v>62</v>
      </c>
      <c r="Z8412" s="2">
        <v>199.9</v>
      </c>
      <c r="AA8412" s="5">
        <v>10</v>
      </c>
      <c r="AB8412" s="5" t="s">
        <v>43</v>
      </c>
      <c r="AC8412" s="5" t="s">
        <v>44</v>
      </c>
      <c r="AD8412" s="2" t="s">
        <v>25528</v>
      </c>
      <c r="AE8412" s="1"/>
    </row>
    <row r="8413" spans="1:31" ht="14.45">
      <c r="A8413" s="11"/>
      <c r="B8413" s="20"/>
      <c r="C8413" s="2" t="s">
        <v>25786</v>
      </c>
      <c r="D8413" s="14" t="s">
        <v>25787</v>
      </c>
      <c r="E8413" s="2" t="s">
        <v>25788</v>
      </c>
      <c r="F8413" s="2" t="s">
        <v>25532</v>
      </c>
      <c r="G8413" s="8">
        <v>449</v>
      </c>
      <c r="H8413" s="5">
        <v>10</v>
      </c>
      <c r="I8413" s="5" t="s">
        <v>69</v>
      </c>
      <c r="J8413" s="5" t="s">
        <v>24629</v>
      </c>
      <c r="K8413" s="2" t="s">
        <v>24630</v>
      </c>
      <c r="L8413" s="5" t="s">
        <v>24629</v>
      </c>
      <c r="M8413" s="2" t="s">
        <v>24630</v>
      </c>
      <c r="N8413" s="5" t="s">
        <v>24254</v>
      </c>
      <c r="O8413" s="5" t="s">
        <v>38</v>
      </c>
      <c r="P8413" s="5" t="s">
        <v>39</v>
      </c>
      <c r="Q8413" s="5" t="s">
        <v>40</v>
      </c>
      <c r="R8413" s="5" t="s">
        <v>24340</v>
      </c>
      <c r="S8413" s="5" t="s">
        <v>40</v>
      </c>
      <c r="T8413" s="5" t="s">
        <v>42</v>
      </c>
      <c r="U8413" s="2">
        <v>20.253</v>
      </c>
      <c r="V8413" s="2">
        <v>17.53</v>
      </c>
      <c r="W8413" s="2">
        <v>0.14899999999999999</v>
      </c>
      <c r="X8413" s="2">
        <v>12</v>
      </c>
      <c r="Y8413" s="2">
        <v>62</v>
      </c>
      <c r="Z8413" s="2">
        <v>199.9</v>
      </c>
      <c r="AA8413" s="5">
        <v>10</v>
      </c>
      <c r="AB8413" s="5" t="s">
        <v>43</v>
      </c>
      <c r="AC8413" s="5" t="s">
        <v>44</v>
      </c>
      <c r="AD8413" s="2" t="s">
        <v>25533</v>
      </c>
      <c r="AE8413" s="1"/>
    </row>
    <row r="8414" spans="1:31" ht="14.45">
      <c r="A8414" s="11"/>
      <c r="B8414" s="20"/>
      <c r="C8414" s="2" t="s">
        <v>25789</v>
      </c>
      <c r="D8414" s="14" t="s">
        <v>25790</v>
      </c>
      <c r="E8414" s="2" t="s">
        <v>25791</v>
      </c>
      <c r="F8414" s="2" t="s">
        <v>25163</v>
      </c>
      <c r="G8414" s="8">
        <v>207</v>
      </c>
      <c r="H8414" s="5">
        <v>10</v>
      </c>
      <c r="I8414" s="5" t="s">
        <v>69</v>
      </c>
      <c r="J8414" s="5" t="s">
        <v>24629</v>
      </c>
      <c r="K8414" s="2" t="s">
        <v>24630</v>
      </c>
      <c r="L8414" s="5" t="s">
        <v>24629</v>
      </c>
      <c r="M8414" s="2" t="s">
        <v>24630</v>
      </c>
      <c r="N8414" s="5" t="s">
        <v>24254</v>
      </c>
      <c r="O8414" s="5" t="s">
        <v>38</v>
      </c>
      <c r="P8414" s="5" t="s">
        <v>39</v>
      </c>
      <c r="Q8414" s="5" t="s">
        <v>40</v>
      </c>
      <c r="R8414" s="5" t="s">
        <v>24335</v>
      </c>
      <c r="S8414" s="5" t="s">
        <v>40</v>
      </c>
      <c r="T8414" s="5" t="s">
        <v>42</v>
      </c>
      <c r="U8414" s="2">
        <v>10.034000000000001</v>
      </c>
      <c r="V8414" s="2">
        <v>8.2799999999999994</v>
      </c>
      <c r="W8414" s="2">
        <v>0.104</v>
      </c>
      <c r="X8414" s="2">
        <v>12</v>
      </c>
      <c r="Y8414" s="2">
        <v>50</v>
      </c>
      <c r="Z8414" s="2">
        <v>173.9</v>
      </c>
      <c r="AA8414" s="5">
        <v>20</v>
      </c>
      <c r="AB8414" s="5" t="s">
        <v>43</v>
      </c>
      <c r="AC8414" s="5" t="s">
        <v>44</v>
      </c>
      <c r="AD8414" s="2" t="s">
        <v>25512</v>
      </c>
      <c r="AE8414" s="1"/>
    </row>
    <row r="8415" spans="1:31" ht="14.45">
      <c r="A8415" s="11"/>
      <c r="B8415" s="20"/>
      <c r="C8415" s="2" t="s">
        <v>25792</v>
      </c>
      <c r="D8415" s="14" t="s">
        <v>25793</v>
      </c>
      <c r="E8415" s="2" t="s">
        <v>25794</v>
      </c>
      <c r="F8415" s="2" t="s">
        <v>25163</v>
      </c>
      <c r="G8415" s="8">
        <v>358</v>
      </c>
      <c r="H8415" s="5">
        <v>10</v>
      </c>
      <c r="I8415" s="5" t="s">
        <v>69</v>
      </c>
      <c r="J8415" s="5" t="s">
        <v>24629</v>
      </c>
      <c r="K8415" s="2" t="s">
        <v>24630</v>
      </c>
      <c r="L8415" s="5" t="s">
        <v>24629</v>
      </c>
      <c r="M8415" s="2" t="s">
        <v>24630</v>
      </c>
      <c r="N8415" s="5" t="s">
        <v>24254</v>
      </c>
      <c r="O8415" s="5" t="s">
        <v>38</v>
      </c>
      <c r="P8415" s="5" t="s">
        <v>39</v>
      </c>
      <c r="Q8415" s="5" t="s">
        <v>40</v>
      </c>
      <c r="R8415" s="5" t="s">
        <v>24340</v>
      </c>
      <c r="S8415" s="5" t="s">
        <v>40</v>
      </c>
      <c r="T8415" s="5" t="s">
        <v>42</v>
      </c>
      <c r="U8415" s="2">
        <v>16.375</v>
      </c>
      <c r="V8415" s="2">
        <v>14.621</v>
      </c>
      <c r="W8415" s="2">
        <v>0.104</v>
      </c>
      <c r="X8415" s="2">
        <v>12</v>
      </c>
      <c r="Y8415" s="2">
        <v>50</v>
      </c>
      <c r="Z8415" s="2">
        <v>173.9</v>
      </c>
      <c r="AA8415" s="5">
        <v>20</v>
      </c>
      <c r="AB8415" s="5" t="s">
        <v>43</v>
      </c>
      <c r="AC8415" s="5" t="s">
        <v>44</v>
      </c>
      <c r="AD8415" s="2" t="s">
        <v>25516</v>
      </c>
      <c r="AE8415" s="1"/>
    </row>
    <row r="8416" spans="1:31" ht="14.45">
      <c r="A8416" s="11"/>
      <c r="B8416" s="20"/>
      <c r="C8416" s="2" t="s">
        <v>25795</v>
      </c>
      <c r="D8416" s="14" t="s">
        <v>25796</v>
      </c>
      <c r="E8416" s="2" t="s">
        <v>25797</v>
      </c>
      <c r="F8416" s="2" t="s">
        <v>25163</v>
      </c>
      <c r="G8416" s="8">
        <v>358</v>
      </c>
      <c r="H8416" s="5">
        <v>10</v>
      </c>
      <c r="I8416" s="5" t="s">
        <v>69</v>
      </c>
      <c r="J8416" s="5" t="s">
        <v>24629</v>
      </c>
      <c r="K8416" s="2" t="s">
        <v>24630</v>
      </c>
      <c r="L8416" s="5" t="s">
        <v>24629</v>
      </c>
      <c r="M8416" s="2" t="s">
        <v>24630</v>
      </c>
      <c r="N8416" s="5" t="s">
        <v>24254</v>
      </c>
      <c r="O8416" s="5" t="s">
        <v>38</v>
      </c>
      <c r="P8416" s="5" t="s">
        <v>39</v>
      </c>
      <c r="Q8416" s="5" t="s">
        <v>40</v>
      </c>
      <c r="R8416" s="5" t="s">
        <v>25301</v>
      </c>
      <c r="S8416" s="5" t="s">
        <v>40</v>
      </c>
      <c r="T8416" s="5" t="s">
        <v>42</v>
      </c>
      <c r="U8416" s="2">
        <v>14.909000000000001</v>
      </c>
      <c r="V8416" s="2">
        <v>13.154999999999999</v>
      </c>
      <c r="W8416" s="2">
        <v>0.104</v>
      </c>
      <c r="X8416" s="2">
        <v>12</v>
      </c>
      <c r="Y8416" s="2">
        <v>50</v>
      </c>
      <c r="Z8416" s="2">
        <v>173.9</v>
      </c>
      <c r="AA8416" s="5">
        <v>20</v>
      </c>
      <c r="AB8416" s="5" t="s">
        <v>43</v>
      </c>
      <c r="AC8416" s="5" t="s">
        <v>44</v>
      </c>
      <c r="AD8416" s="2" t="s">
        <v>25520</v>
      </c>
      <c r="AE8416" s="1"/>
    </row>
    <row r="8417" spans="1:31" ht="14.45">
      <c r="A8417" s="11"/>
      <c r="B8417" s="20"/>
      <c r="C8417" s="2" t="s">
        <v>25798</v>
      </c>
      <c r="D8417" s="14" t="s">
        <v>25799</v>
      </c>
      <c r="E8417" s="2" t="s">
        <v>25800</v>
      </c>
      <c r="F8417" s="2" t="s">
        <v>25163</v>
      </c>
      <c r="G8417" s="8">
        <v>227</v>
      </c>
      <c r="H8417" s="5">
        <v>10</v>
      </c>
      <c r="I8417" s="5" t="s">
        <v>69</v>
      </c>
      <c r="J8417" s="5" t="s">
        <v>24629</v>
      </c>
      <c r="K8417" s="2" t="s">
        <v>24630</v>
      </c>
      <c r="L8417" s="5" t="s">
        <v>24629</v>
      </c>
      <c r="M8417" s="2" t="s">
        <v>24630</v>
      </c>
      <c r="N8417" s="5" t="s">
        <v>24254</v>
      </c>
      <c r="O8417" s="5" t="s">
        <v>38</v>
      </c>
      <c r="P8417" s="5" t="s">
        <v>39</v>
      </c>
      <c r="Q8417" s="5" t="s">
        <v>40</v>
      </c>
      <c r="R8417" s="5" t="s">
        <v>24335</v>
      </c>
      <c r="S8417" s="5" t="s">
        <v>40</v>
      </c>
      <c r="T8417" s="5" t="s">
        <v>42</v>
      </c>
      <c r="U8417" s="2">
        <v>10.282</v>
      </c>
      <c r="V8417" s="2">
        <v>8.5280000000000005</v>
      </c>
      <c r="W8417" s="2">
        <v>0.104</v>
      </c>
      <c r="X8417" s="2">
        <v>12</v>
      </c>
      <c r="Y8417" s="2">
        <v>50</v>
      </c>
      <c r="Z8417" s="2">
        <v>173.9</v>
      </c>
      <c r="AA8417" s="5">
        <v>20</v>
      </c>
      <c r="AB8417" s="5" t="s">
        <v>43</v>
      </c>
      <c r="AC8417" s="5" t="s">
        <v>44</v>
      </c>
      <c r="AD8417" s="2"/>
      <c r="AE8417" s="1"/>
    </row>
    <row r="8418" spans="1:31" ht="14.45">
      <c r="A8418" s="11"/>
      <c r="B8418" s="20"/>
      <c r="C8418" s="2" t="s">
        <v>25801</v>
      </c>
      <c r="D8418" s="14" t="s">
        <v>25802</v>
      </c>
      <c r="E8418" s="2" t="s">
        <v>25803</v>
      </c>
      <c r="F8418" s="2" t="s">
        <v>25527</v>
      </c>
      <c r="G8418" s="8">
        <v>282</v>
      </c>
      <c r="H8418" s="5">
        <v>5</v>
      </c>
      <c r="I8418" s="5" t="s">
        <v>69</v>
      </c>
      <c r="J8418" s="5" t="s">
        <v>24629</v>
      </c>
      <c r="K8418" s="2" t="s">
        <v>24630</v>
      </c>
      <c r="L8418" s="5" t="s">
        <v>24629</v>
      </c>
      <c r="M8418" s="2" t="s">
        <v>24630</v>
      </c>
      <c r="N8418" s="5" t="s">
        <v>24254</v>
      </c>
      <c r="O8418" s="5" t="s">
        <v>38</v>
      </c>
      <c r="P8418" s="5" t="s">
        <v>39</v>
      </c>
      <c r="Q8418" s="5" t="s">
        <v>40</v>
      </c>
      <c r="R8418" s="5" t="s">
        <v>24335</v>
      </c>
      <c r="S8418" s="5" t="s">
        <v>40</v>
      </c>
      <c r="T8418" s="5" t="s">
        <v>42</v>
      </c>
      <c r="U8418" s="2">
        <v>13.545</v>
      </c>
      <c r="V8418" s="2">
        <v>11.159000000000001</v>
      </c>
      <c r="W8418" s="2">
        <v>0.129</v>
      </c>
      <c r="X8418" s="2">
        <v>12</v>
      </c>
      <c r="Y8418" s="2">
        <v>62</v>
      </c>
      <c r="Z8418" s="2">
        <v>172.9</v>
      </c>
      <c r="AA8418" s="5">
        <v>10</v>
      </c>
      <c r="AB8418" s="5" t="s">
        <v>43</v>
      </c>
      <c r="AC8418" s="5" t="s">
        <v>44</v>
      </c>
      <c r="AD8418" s="2" t="s">
        <v>25528</v>
      </c>
      <c r="AE8418" s="1"/>
    </row>
    <row r="8419" spans="1:31" ht="14.45">
      <c r="A8419" s="11"/>
      <c r="B8419" s="20"/>
      <c r="C8419" s="2" t="s">
        <v>25804</v>
      </c>
      <c r="D8419" s="14" t="s">
        <v>25805</v>
      </c>
      <c r="E8419" s="2" t="s">
        <v>25806</v>
      </c>
      <c r="F8419" s="2" t="s">
        <v>25532</v>
      </c>
      <c r="G8419" s="8">
        <v>433</v>
      </c>
      <c r="H8419" s="5">
        <v>10</v>
      </c>
      <c r="I8419" s="5" t="s">
        <v>69</v>
      </c>
      <c r="J8419" s="5" t="s">
        <v>24629</v>
      </c>
      <c r="K8419" s="2" t="s">
        <v>24630</v>
      </c>
      <c r="L8419" s="5" t="s">
        <v>24629</v>
      </c>
      <c r="M8419" s="2" t="s">
        <v>24630</v>
      </c>
      <c r="N8419" s="5" t="s">
        <v>24254</v>
      </c>
      <c r="O8419" s="5" t="s">
        <v>38</v>
      </c>
      <c r="P8419" s="5" t="s">
        <v>39</v>
      </c>
      <c r="Q8419" s="5" t="s">
        <v>40</v>
      </c>
      <c r="R8419" s="5" t="s">
        <v>24340</v>
      </c>
      <c r="S8419" s="5" t="s">
        <v>40</v>
      </c>
      <c r="T8419" s="5" t="s">
        <v>42</v>
      </c>
      <c r="U8419" s="2">
        <v>19.901</v>
      </c>
      <c r="V8419" s="2">
        <v>17.5</v>
      </c>
      <c r="W8419" s="2">
        <v>0.129</v>
      </c>
      <c r="X8419" s="2">
        <v>12</v>
      </c>
      <c r="Y8419" s="2">
        <v>62</v>
      </c>
      <c r="Z8419" s="2">
        <v>172.9</v>
      </c>
      <c r="AA8419" s="5">
        <v>10</v>
      </c>
      <c r="AB8419" s="5" t="s">
        <v>43</v>
      </c>
      <c r="AC8419" s="5" t="s">
        <v>44</v>
      </c>
      <c r="AD8419" s="2" t="s">
        <v>25533</v>
      </c>
      <c r="AE8419" s="1"/>
    </row>
    <row r="8420" spans="1:31" ht="14.45">
      <c r="A8420" s="11"/>
      <c r="B8420" s="20"/>
      <c r="C8420" s="2" t="s">
        <v>25807</v>
      </c>
      <c r="D8420" s="14" t="s">
        <v>25808</v>
      </c>
      <c r="E8420" s="2" t="s">
        <v>25809</v>
      </c>
      <c r="F8420" s="2" t="s">
        <v>25163</v>
      </c>
      <c r="G8420" s="8">
        <v>212</v>
      </c>
      <c r="H8420" s="5">
        <v>10</v>
      </c>
      <c r="I8420" s="5" t="s">
        <v>69</v>
      </c>
      <c r="J8420" s="5" t="s">
        <v>24629</v>
      </c>
      <c r="K8420" s="2" t="s">
        <v>24630</v>
      </c>
      <c r="L8420" s="5" t="s">
        <v>24629</v>
      </c>
      <c r="M8420" s="2" t="s">
        <v>24630</v>
      </c>
      <c r="N8420" s="5" t="s">
        <v>24254</v>
      </c>
      <c r="O8420" s="5" t="s">
        <v>38</v>
      </c>
      <c r="P8420" s="5" t="s">
        <v>39</v>
      </c>
      <c r="Q8420" s="5" t="s">
        <v>40</v>
      </c>
      <c r="R8420" s="5" t="s">
        <v>24335</v>
      </c>
      <c r="S8420" s="5" t="s">
        <v>40</v>
      </c>
      <c r="T8420" s="5" t="s">
        <v>42</v>
      </c>
      <c r="U8420" s="2">
        <v>10.244999999999999</v>
      </c>
      <c r="V8420" s="2">
        <v>8.4909999999999997</v>
      </c>
      <c r="W8420" s="2">
        <v>0.104</v>
      </c>
      <c r="X8420" s="2">
        <v>12</v>
      </c>
      <c r="Y8420" s="2">
        <v>50</v>
      </c>
      <c r="Z8420" s="2">
        <v>173.9</v>
      </c>
      <c r="AA8420" s="5">
        <v>20</v>
      </c>
      <c r="AB8420" s="5" t="s">
        <v>43</v>
      </c>
      <c r="AC8420" s="5" t="s">
        <v>44</v>
      </c>
      <c r="AD8420" s="2" t="s">
        <v>25512</v>
      </c>
      <c r="AE8420" s="1"/>
    </row>
    <row r="8421" spans="1:31" ht="14.45">
      <c r="A8421" s="11"/>
      <c r="B8421" s="20"/>
      <c r="C8421" s="2" t="s">
        <v>25810</v>
      </c>
      <c r="D8421" s="14" t="s">
        <v>25811</v>
      </c>
      <c r="E8421" s="2" t="s">
        <v>25812</v>
      </c>
      <c r="F8421" s="2" t="s">
        <v>25163</v>
      </c>
      <c r="G8421" s="8">
        <v>363</v>
      </c>
      <c r="H8421" s="5">
        <v>10</v>
      </c>
      <c r="I8421" s="5" t="s">
        <v>69</v>
      </c>
      <c r="J8421" s="5" t="s">
        <v>24629</v>
      </c>
      <c r="K8421" s="2" t="s">
        <v>24630</v>
      </c>
      <c r="L8421" s="5" t="s">
        <v>24629</v>
      </c>
      <c r="M8421" s="2" t="s">
        <v>24630</v>
      </c>
      <c r="N8421" s="5" t="s">
        <v>24254</v>
      </c>
      <c r="O8421" s="5" t="s">
        <v>38</v>
      </c>
      <c r="P8421" s="5" t="s">
        <v>39</v>
      </c>
      <c r="Q8421" s="5" t="s">
        <v>40</v>
      </c>
      <c r="R8421" s="5" t="s">
        <v>24340</v>
      </c>
      <c r="S8421" s="5" t="s">
        <v>40</v>
      </c>
      <c r="T8421" s="5" t="s">
        <v>42</v>
      </c>
      <c r="U8421" s="2">
        <v>17.001000000000001</v>
      </c>
      <c r="V8421" s="2">
        <v>15.247</v>
      </c>
      <c r="W8421" s="2">
        <v>0.104</v>
      </c>
      <c r="X8421" s="2">
        <v>12</v>
      </c>
      <c r="Y8421" s="2">
        <v>50</v>
      </c>
      <c r="Z8421" s="2">
        <v>173.9</v>
      </c>
      <c r="AA8421" s="5">
        <v>20</v>
      </c>
      <c r="AB8421" s="5" t="s">
        <v>43</v>
      </c>
      <c r="AC8421" s="5" t="s">
        <v>44</v>
      </c>
      <c r="AD8421" s="2" t="s">
        <v>25516</v>
      </c>
      <c r="AE8421" s="1"/>
    </row>
    <row r="8422" spans="1:31" ht="14.45">
      <c r="A8422" s="11"/>
      <c r="B8422" s="20"/>
      <c r="C8422" s="2" t="s">
        <v>25813</v>
      </c>
      <c r="D8422" s="14" t="s">
        <v>25814</v>
      </c>
      <c r="E8422" s="2" t="s">
        <v>25815</v>
      </c>
      <c r="F8422" s="2" t="s">
        <v>25163</v>
      </c>
      <c r="G8422" s="8">
        <v>363</v>
      </c>
      <c r="H8422" s="5">
        <v>10</v>
      </c>
      <c r="I8422" s="5" t="s">
        <v>69</v>
      </c>
      <c r="J8422" s="5" t="s">
        <v>24629</v>
      </c>
      <c r="K8422" s="2" t="s">
        <v>24630</v>
      </c>
      <c r="L8422" s="5" t="s">
        <v>24629</v>
      </c>
      <c r="M8422" s="2" t="s">
        <v>24630</v>
      </c>
      <c r="N8422" s="5" t="s">
        <v>24254</v>
      </c>
      <c r="O8422" s="5" t="s">
        <v>38</v>
      </c>
      <c r="P8422" s="5" t="s">
        <v>39</v>
      </c>
      <c r="Q8422" s="5" t="s">
        <v>40</v>
      </c>
      <c r="R8422" s="5" t="s">
        <v>25301</v>
      </c>
      <c r="S8422" s="5" t="s">
        <v>40</v>
      </c>
      <c r="T8422" s="5" t="s">
        <v>42</v>
      </c>
      <c r="U8422" s="2">
        <v>15.436</v>
      </c>
      <c r="V8422" s="2">
        <v>13.682</v>
      </c>
      <c r="W8422" s="2">
        <v>0.104</v>
      </c>
      <c r="X8422" s="2">
        <v>12</v>
      </c>
      <c r="Y8422" s="2">
        <v>50</v>
      </c>
      <c r="Z8422" s="2">
        <v>173.9</v>
      </c>
      <c r="AA8422" s="5">
        <v>20</v>
      </c>
      <c r="AB8422" s="5" t="s">
        <v>43</v>
      </c>
      <c r="AC8422" s="5" t="s">
        <v>44</v>
      </c>
      <c r="AD8422" s="2" t="s">
        <v>25520</v>
      </c>
      <c r="AE8422" s="1"/>
    </row>
    <row r="8423" spans="1:31" ht="14.45">
      <c r="A8423" s="11"/>
      <c r="B8423" s="20"/>
      <c r="C8423" s="2" t="s">
        <v>25816</v>
      </c>
      <c r="D8423" s="14" t="s">
        <v>25817</v>
      </c>
      <c r="E8423" s="2" t="s">
        <v>25818</v>
      </c>
      <c r="F8423" s="2" t="s">
        <v>25163</v>
      </c>
      <c r="G8423" s="8">
        <v>233</v>
      </c>
      <c r="H8423" s="5">
        <v>10</v>
      </c>
      <c r="I8423" s="5" t="s">
        <v>69</v>
      </c>
      <c r="J8423" s="5" t="s">
        <v>24629</v>
      </c>
      <c r="K8423" s="2" t="s">
        <v>24630</v>
      </c>
      <c r="L8423" s="5" t="s">
        <v>24629</v>
      </c>
      <c r="M8423" s="2" t="s">
        <v>24630</v>
      </c>
      <c r="N8423" s="5" t="s">
        <v>24254</v>
      </c>
      <c r="O8423" s="5" t="s">
        <v>38</v>
      </c>
      <c r="P8423" s="5" t="s">
        <v>39</v>
      </c>
      <c r="Q8423" s="5" t="s">
        <v>40</v>
      </c>
      <c r="R8423" s="5" t="s">
        <v>24335</v>
      </c>
      <c r="S8423" s="5" t="s">
        <v>40</v>
      </c>
      <c r="T8423" s="5" t="s">
        <v>42</v>
      </c>
      <c r="U8423" s="2">
        <v>10.487</v>
      </c>
      <c r="V8423" s="2">
        <v>8.7330000000000005</v>
      </c>
      <c r="W8423" s="2">
        <v>0.104</v>
      </c>
      <c r="X8423" s="2">
        <v>12</v>
      </c>
      <c r="Y8423" s="2">
        <v>50</v>
      </c>
      <c r="Z8423" s="2">
        <v>173.9</v>
      </c>
      <c r="AA8423" s="5">
        <v>20</v>
      </c>
      <c r="AB8423" s="5" t="s">
        <v>43</v>
      </c>
      <c r="AC8423" s="5" t="s">
        <v>44</v>
      </c>
      <c r="AD8423" s="2"/>
      <c r="AE8423" s="1"/>
    </row>
    <row r="8424" spans="1:31" ht="14.45">
      <c r="A8424" s="11"/>
      <c r="B8424" s="20"/>
      <c r="C8424" s="2" t="s">
        <v>25819</v>
      </c>
      <c r="D8424" s="14" t="s">
        <v>25820</v>
      </c>
      <c r="E8424" s="2" t="s">
        <v>25821</v>
      </c>
      <c r="F8424" s="2" t="s">
        <v>25527</v>
      </c>
      <c r="G8424" s="8">
        <v>289</v>
      </c>
      <c r="H8424" s="5">
        <v>5</v>
      </c>
      <c r="I8424" s="5" t="s">
        <v>69</v>
      </c>
      <c r="J8424" s="5" t="s">
        <v>24629</v>
      </c>
      <c r="K8424" s="2" t="s">
        <v>24630</v>
      </c>
      <c r="L8424" s="5" t="s">
        <v>24629</v>
      </c>
      <c r="M8424" s="2" t="s">
        <v>24630</v>
      </c>
      <c r="N8424" s="5" t="s">
        <v>24254</v>
      </c>
      <c r="O8424" s="5" t="s">
        <v>38</v>
      </c>
      <c r="P8424" s="5" t="s">
        <v>39</v>
      </c>
      <c r="Q8424" s="5" t="s">
        <v>40</v>
      </c>
      <c r="R8424" s="5" t="s">
        <v>24335</v>
      </c>
      <c r="S8424" s="5" t="s">
        <v>40</v>
      </c>
      <c r="T8424" s="5" t="s">
        <v>42</v>
      </c>
      <c r="U8424" s="2">
        <v>14.012</v>
      </c>
      <c r="V8424" s="2">
        <v>11.625999999999999</v>
      </c>
      <c r="W8424" s="2">
        <v>0.129</v>
      </c>
      <c r="X8424" s="2">
        <v>12</v>
      </c>
      <c r="Y8424" s="2">
        <v>62</v>
      </c>
      <c r="Z8424" s="2">
        <v>172.9</v>
      </c>
      <c r="AA8424" s="5">
        <v>10</v>
      </c>
      <c r="AB8424" s="5" t="s">
        <v>43</v>
      </c>
      <c r="AC8424" s="5" t="s">
        <v>44</v>
      </c>
      <c r="AD8424" s="2" t="s">
        <v>25528</v>
      </c>
      <c r="AE8424" s="1"/>
    </row>
    <row r="8425" spans="1:31" ht="14.45">
      <c r="A8425" s="11"/>
      <c r="B8425" s="20"/>
      <c r="C8425" s="2" t="s">
        <v>25822</v>
      </c>
      <c r="D8425" s="14" t="s">
        <v>25823</v>
      </c>
      <c r="E8425" s="2" t="s">
        <v>25824</v>
      </c>
      <c r="F8425" s="2" t="s">
        <v>25532</v>
      </c>
      <c r="G8425" s="8">
        <v>440</v>
      </c>
      <c r="H8425" s="5">
        <v>10</v>
      </c>
      <c r="I8425" s="5" t="s">
        <v>69</v>
      </c>
      <c r="J8425" s="5" t="s">
        <v>24629</v>
      </c>
      <c r="K8425" s="2" t="s">
        <v>24630</v>
      </c>
      <c r="L8425" s="5" t="s">
        <v>24629</v>
      </c>
      <c r="M8425" s="2" t="s">
        <v>24630</v>
      </c>
      <c r="N8425" s="5" t="s">
        <v>24254</v>
      </c>
      <c r="O8425" s="5" t="s">
        <v>38</v>
      </c>
      <c r="P8425" s="5" t="s">
        <v>39</v>
      </c>
      <c r="Q8425" s="5" t="s">
        <v>40</v>
      </c>
      <c r="R8425" s="5" t="s">
        <v>24340</v>
      </c>
      <c r="S8425" s="5" t="s">
        <v>40</v>
      </c>
      <c r="T8425" s="5" t="s">
        <v>42</v>
      </c>
      <c r="U8425" s="2">
        <v>20.768999999999998</v>
      </c>
      <c r="V8425" s="2">
        <v>18.367999999999999</v>
      </c>
      <c r="W8425" s="2">
        <v>0.129</v>
      </c>
      <c r="X8425" s="2">
        <v>12</v>
      </c>
      <c r="Y8425" s="2">
        <v>62</v>
      </c>
      <c r="Z8425" s="2">
        <v>172.9</v>
      </c>
      <c r="AA8425" s="5">
        <v>10</v>
      </c>
      <c r="AB8425" s="5" t="s">
        <v>43</v>
      </c>
      <c r="AC8425" s="5" t="s">
        <v>44</v>
      </c>
      <c r="AD8425" s="2" t="s">
        <v>25533</v>
      </c>
      <c r="AE8425" s="1"/>
    </row>
    <row r="8426" spans="1:31" ht="14.45">
      <c r="A8426" s="11"/>
      <c r="B8426" s="20"/>
      <c r="C8426" s="2" t="s">
        <v>25825</v>
      </c>
      <c r="D8426" s="14" t="s">
        <v>25826</v>
      </c>
      <c r="E8426" s="2" t="s">
        <v>25827</v>
      </c>
      <c r="F8426" s="2" t="s">
        <v>25163</v>
      </c>
      <c r="G8426" s="8">
        <v>234</v>
      </c>
      <c r="H8426" s="5">
        <v>15</v>
      </c>
      <c r="I8426" s="5" t="s">
        <v>69</v>
      </c>
      <c r="J8426" s="5" t="s">
        <v>24629</v>
      </c>
      <c r="K8426" s="2" t="s">
        <v>24630</v>
      </c>
      <c r="L8426" s="5" t="s">
        <v>24629</v>
      </c>
      <c r="M8426" s="2" t="s">
        <v>24630</v>
      </c>
      <c r="N8426" s="5" t="s">
        <v>24254</v>
      </c>
      <c r="O8426" s="5" t="s">
        <v>38</v>
      </c>
      <c r="P8426" s="5" t="s">
        <v>39</v>
      </c>
      <c r="Q8426" s="5" t="s">
        <v>40</v>
      </c>
      <c r="R8426" s="5" t="s">
        <v>24335</v>
      </c>
      <c r="S8426" s="5" t="s">
        <v>40</v>
      </c>
      <c r="T8426" s="5" t="s">
        <v>42</v>
      </c>
      <c r="U8426" s="2">
        <v>10.481</v>
      </c>
      <c r="V8426" s="2">
        <v>8.7270000000000003</v>
      </c>
      <c r="W8426" s="2">
        <v>0.104</v>
      </c>
      <c r="X8426" s="2">
        <v>12</v>
      </c>
      <c r="Y8426" s="2">
        <v>50</v>
      </c>
      <c r="Z8426" s="2">
        <v>173.9</v>
      </c>
      <c r="AA8426" s="5">
        <v>20</v>
      </c>
      <c r="AB8426" s="5" t="s">
        <v>43</v>
      </c>
      <c r="AC8426" s="5" t="s">
        <v>44</v>
      </c>
      <c r="AD8426" s="2" t="s">
        <v>25512</v>
      </c>
      <c r="AE8426" s="1"/>
    </row>
    <row r="8427" spans="1:31" ht="14.45">
      <c r="A8427" s="11"/>
      <c r="B8427" s="20"/>
      <c r="C8427" s="2" t="s">
        <v>25828</v>
      </c>
      <c r="D8427" s="14" t="s">
        <v>25829</v>
      </c>
      <c r="E8427" s="2" t="s">
        <v>25830</v>
      </c>
      <c r="F8427" s="2" t="s">
        <v>25163</v>
      </c>
      <c r="G8427" s="8">
        <v>385</v>
      </c>
      <c r="H8427" s="5">
        <v>10</v>
      </c>
      <c r="I8427" s="5" t="s">
        <v>69</v>
      </c>
      <c r="J8427" s="5" t="s">
        <v>24629</v>
      </c>
      <c r="K8427" s="2" t="s">
        <v>24630</v>
      </c>
      <c r="L8427" s="5" t="s">
        <v>24629</v>
      </c>
      <c r="M8427" s="2" t="s">
        <v>24630</v>
      </c>
      <c r="N8427" s="5" t="s">
        <v>24254</v>
      </c>
      <c r="O8427" s="5" t="s">
        <v>38</v>
      </c>
      <c r="P8427" s="5" t="s">
        <v>39</v>
      </c>
      <c r="Q8427" s="5" t="s">
        <v>40</v>
      </c>
      <c r="R8427" s="5" t="s">
        <v>24340</v>
      </c>
      <c r="S8427" s="5" t="s">
        <v>40</v>
      </c>
      <c r="T8427" s="5" t="s">
        <v>42</v>
      </c>
      <c r="U8427" s="2">
        <v>17.622</v>
      </c>
      <c r="V8427" s="2">
        <v>15.868</v>
      </c>
      <c r="W8427" s="2">
        <v>0.104</v>
      </c>
      <c r="X8427" s="2">
        <v>12</v>
      </c>
      <c r="Y8427" s="2">
        <v>50</v>
      </c>
      <c r="Z8427" s="2">
        <v>173.9</v>
      </c>
      <c r="AA8427" s="5">
        <v>20</v>
      </c>
      <c r="AB8427" s="5" t="s">
        <v>43</v>
      </c>
      <c r="AC8427" s="5" t="s">
        <v>44</v>
      </c>
      <c r="AD8427" s="2" t="s">
        <v>25516</v>
      </c>
      <c r="AE8427" s="1"/>
    </row>
    <row r="8428" spans="1:31" ht="14.45">
      <c r="A8428" s="11"/>
      <c r="B8428" s="20"/>
      <c r="C8428" s="2" t="s">
        <v>25831</v>
      </c>
      <c r="D8428" s="14" t="s">
        <v>25832</v>
      </c>
      <c r="E8428" s="2" t="s">
        <v>25833</v>
      </c>
      <c r="F8428" s="2" t="s">
        <v>25163</v>
      </c>
      <c r="G8428" s="8">
        <v>385</v>
      </c>
      <c r="H8428" s="5">
        <v>10</v>
      </c>
      <c r="I8428" s="5" t="s">
        <v>69</v>
      </c>
      <c r="J8428" s="5" t="s">
        <v>24629</v>
      </c>
      <c r="K8428" s="2" t="s">
        <v>24630</v>
      </c>
      <c r="L8428" s="5" t="s">
        <v>24629</v>
      </c>
      <c r="M8428" s="2" t="s">
        <v>24630</v>
      </c>
      <c r="N8428" s="5" t="s">
        <v>24254</v>
      </c>
      <c r="O8428" s="5" t="s">
        <v>38</v>
      </c>
      <c r="P8428" s="5" t="s">
        <v>39</v>
      </c>
      <c r="Q8428" s="5" t="s">
        <v>40</v>
      </c>
      <c r="R8428" s="5" t="s">
        <v>25301</v>
      </c>
      <c r="S8428" s="5" t="s">
        <v>40</v>
      </c>
      <c r="T8428" s="5" t="s">
        <v>42</v>
      </c>
      <c r="U8428" s="2">
        <v>15.961</v>
      </c>
      <c r="V8428" s="2">
        <v>14.207000000000001</v>
      </c>
      <c r="W8428" s="2">
        <v>0.104</v>
      </c>
      <c r="X8428" s="2">
        <v>12</v>
      </c>
      <c r="Y8428" s="2">
        <v>50</v>
      </c>
      <c r="Z8428" s="2">
        <v>173.9</v>
      </c>
      <c r="AA8428" s="5">
        <v>20</v>
      </c>
      <c r="AB8428" s="5" t="s">
        <v>43</v>
      </c>
      <c r="AC8428" s="5" t="s">
        <v>44</v>
      </c>
      <c r="AD8428" s="2" t="s">
        <v>25520</v>
      </c>
      <c r="AE8428" s="1"/>
    </row>
    <row r="8429" spans="1:31" ht="14.45">
      <c r="A8429" s="11"/>
      <c r="B8429" s="20"/>
      <c r="C8429" s="2" t="s">
        <v>25834</v>
      </c>
      <c r="D8429" s="14" t="s">
        <v>25835</v>
      </c>
      <c r="E8429" s="2" t="s">
        <v>25836</v>
      </c>
      <c r="F8429" s="2" t="s">
        <v>25163</v>
      </c>
      <c r="G8429" s="8">
        <v>258</v>
      </c>
      <c r="H8429" s="5">
        <v>10</v>
      </c>
      <c r="I8429" s="5" t="s">
        <v>69</v>
      </c>
      <c r="J8429" s="5" t="s">
        <v>24629</v>
      </c>
      <c r="K8429" s="2" t="s">
        <v>24630</v>
      </c>
      <c r="L8429" s="5" t="s">
        <v>24629</v>
      </c>
      <c r="M8429" s="2" t="s">
        <v>24630</v>
      </c>
      <c r="N8429" s="5" t="s">
        <v>24254</v>
      </c>
      <c r="O8429" s="5" t="s">
        <v>38</v>
      </c>
      <c r="P8429" s="5" t="s">
        <v>39</v>
      </c>
      <c r="Q8429" s="5" t="s">
        <v>40</v>
      </c>
      <c r="R8429" s="5" t="s">
        <v>24335</v>
      </c>
      <c r="S8429" s="5" t="s">
        <v>40</v>
      </c>
      <c r="T8429" s="5" t="s">
        <v>42</v>
      </c>
      <c r="U8429" s="2">
        <v>10.715999999999999</v>
      </c>
      <c r="V8429" s="2">
        <v>8.9619999999999997</v>
      </c>
      <c r="W8429" s="2">
        <v>0.104</v>
      </c>
      <c r="X8429" s="2">
        <v>12</v>
      </c>
      <c r="Y8429" s="2">
        <v>50</v>
      </c>
      <c r="Z8429" s="2">
        <v>173.9</v>
      </c>
      <c r="AA8429" s="5">
        <v>20</v>
      </c>
      <c r="AB8429" s="5" t="s">
        <v>43</v>
      </c>
      <c r="AC8429" s="5" t="s">
        <v>44</v>
      </c>
      <c r="AD8429" s="2"/>
      <c r="AE8429" s="1"/>
    </row>
    <row r="8430" spans="1:31" ht="14.45">
      <c r="A8430" s="11"/>
      <c r="B8430" s="20"/>
      <c r="C8430" s="2" t="s">
        <v>25837</v>
      </c>
      <c r="D8430" s="14" t="s">
        <v>25838</v>
      </c>
      <c r="E8430" s="2" t="s">
        <v>25839</v>
      </c>
      <c r="F8430" s="2" t="s">
        <v>25527</v>
      </c>
      <c r="G8430" s="8">
        <v>319</v>
      </c>
      <c r="H8430" s="5">
        <v>5</v>
      </c>
      <c r="I8430" s="5" t="s">
        <v>69</v>
      </c>
      <c r="J8430" s="5" t="s">
        <v>24629</v>
      </c>
      <c r="K8430" s="2" t="s">
        <v>24630</v>
      </c>
      <c r="L8430" s="5" t="s">
        <v>24629</v>
      </c>
      <c r="M8430" s="2" t="s">
        <v>24630</v>
      </c>
      <c r="N8430" s="5" t="s">
        <v>24254</v>
      </c>
      <c r="O8430" s="5" t="s">
        <v>38</v>
      </c>
      <c r="P8430" s="5" t="s">
        <v>39</v>
      </c>
      <c r="Q8430" s="5" t="s">
        <v>40</v>
      </c>
      <c r="R8430" s="5" t="s">
        <v>24335</v>
      </c>
      <c r="S8430" s="5" t="s">
        <v>40</v>
      </c>
      <c r="T8430" s="5" t="s">
        <v>42</v>
      </c>
      <c r="U8430" s="2">
        <v>14.808</v>
      </c>
      <c r="V8430" s="2">
        <v>12.1</v>
      </c>
      <c r="W8430" s="2">
        <v>0.14899999999999999</v>
      </c>
      <c r="X8430" s="2">
        <v>12</v>
      </c>
      <c r="Y8430" s="2">
        <v>62</v>
      </c>
      <c r="Z8430" s="2">
        <v>199.9</v>
      </c>
      <c r="AA8430" s="5">
        <v>10</v>
      </c>
      <c r="AB8430" s="5" t="s">
        <v>43</v>
      </c>
      <c r="AC8430" s="5" t="s">
        <v>44</v>
      </c>
      <c r="AD8430" s="2" t="s">
        <v>25528</v>
      </c>
      <c r="AE8430" s="1"/>
    </row>
    <row r="8431" spans="1:31" ht="14.45">
      <c r="A8431" s="11"/>
      <c r="B8431" s="20"/>
      <c r="C8431" s="2" t="s">
        <v>25840</v>
      </c>
      <c r="D8431" s="14" t="s">
        <v>25841</v>
      </c>
      <c r="E8431" s="2" t="s">
        <v>25842</v>
      </c>
      <c r="F8431" s="2" t="s">
        <v>25532</v>
      </c>
      <c r="G8431" s="8">
        <v>470</v>
      </c>
      <c r="H8431" s="5">
        <v>10</v>
      </c>
      <c r="I8431" s="5" t="s">
        <v>69</v>
      </c>
      <c r="J8431" s="5" t="s">
        <v>24629</v>
      </c>
      <c r="K8431" s="2" t="s">
        <v>24630</v>
      </c>
      <c r="L8431" s="5" t="s">
        <v>24629</v>
      </c>
      <c r="M8431" s="2" t="s">
        <v>24630</v>
      </c>
      <c r="N8431" s="5" t="s">
        <v>24254</v>
      </c>
      <c r="O8431" s="5" t="s">
        <v>38</v>
      </c>
      <c r="P8431" s="5" t="s">
        <v>39</v>
      </c>
      <c r="Q8431" s="5" t="s">
        <v>40</v>
      </c>
      <c r="R8431" s="5" t="s">
        <v>24340</v>
      </c>
      <c r="S8431" s="5" t="s">
        <v>40</v>
      </c>
      <c r="T8431" s="5" t="s">
        <v>42</v>
      </c>
      <c r="U8431" s="2">
        <v>21.936</v>
      </c>
      <c r="V8431" s="2">
        <v>19.213000000000001</v>
      </c>
      <c r="W8431" s="2">
        <v>0.14899999999999999</v>
      </c>
      <c r="X8431" s="2">
        <v>12</v>
      </c>
      <c r="Y8431" s="2">
        <v>62</v>
      </c>
      <c r="Z8431" s="2">
        <v>199.9</v>
      </c>
      <c r="AA8431" s="5">
        <v>10</v>
      </c>
      <c r="AB8431" s="5" t="s">
        <v>43</v>
      </c>
      <c r="AC8431" s="5" t="s">
        <v>44</v>
      </c>
      <c r="AD8431" s="2" t="s">
        <v>25533</v>
      </c>
      <c r="AE8431" s="1"/>
    </row>
    <row r="8432" spans="1:31" ht="14.45">
      <c r="A8432" s="11"/>
      <c r="B8432" s="20"/>
      <c r="C8432" s="2" t="s">
        <v>25843</v>
      </c>
      <c r="D8432" s="14" t="s">
        <v>25844</v>
      </c>
      <c r="E8432" s="2" t="s">
        <v>25845</v>
      </c>
      <c r="F8432" s="2" t="s">
        <v>25163</v>
      </c>
      <c r="G8432" s="8">
        <v>207</v>
      </c>
      <c r="H8432" s="5">
        <v>10</v>
      </c>
      <c r="I8432" s="5" t="s">
        <v>69</v>
      </c>
      <c r="J8432" s="5" t="s">
        <v>24629</v>
      </c>
      <c r="K8432" s="2" t="s">
        <v>24630</v>
      </c>
      <c r="L8432" s="5" t="s">
        <v>24629</v>
      </c>
      <c r="M8432" s="2" t="s">
        <v>24630</v>
      </c>
      <c r="N8432" s="5" t="s">
        <v>24254</v>
      </c>
      <c r="O8432" s="5" t="s">
        <v>38</v>
      </c>
      <c r="P8432" s="5" t="s">
        <v>39</v>
      </c>
      <c r="Q8432" s="5" t="s">
        <v>40</v>
      </c>
      <c r="R8432" s="5" t="s">
        <v>24335</v>
      </c>
      <c r="S8432" s="5" t="s">
        <v>40</v>
      </c>
      <c r="T8432" s="5" t="s">
        <v>42</v>
      </c>
      <c r="U8432" s="2">
        <v>10.734</v>
      </c>
      <c r="V8432" s="2">
        <v>8.7639999999999993</v>
      </c>
      <c r="W8432" s="2">
        <v>0.11600000000000001</v>
      </c>
      <c r="X8432" s="2">
        <v>12</v>
      </c>
      <c r="Y8432" s="2">
        <v>50</v>
      </c>
      <c r="Z8432" s="2">
        <v>193.9</v>
      </c>
      <c r="AA8432" s="5">
        <v>20</v>
      </c>
      <c r="AB8432" s="5" t="s">
        <v>43</v>
      </c>
      <c r="AC8432" s="5" t="s">
        <v>44</v>
      </c>
      <c r="AD8432" s="2" t="s">
        <v>25512</v>
      </c>
      <c r="AE8432" s="1"/>
    </row>
    <row r="8433" spans="1:31" ht="14.45">
      <c r="A8433" s="11"/>
      <c r="B8433" s="20"/>
      <c r="C8433" s="2" t="s">
        <v>25846</v>
      </c>
      <c r="D8433" s="14" t="s">
        <v>25847</v>
      </c>
      <c r="E8433" s="2" t="s">
        <v>25848</v>
      </c>
      <c r="F8433" s="2" t="s">
        <v>25163</v>
      </c>
      <c r="G8433" s="8">
        <v>358</v>
      </c>
      <c r="H8433" s="5">
        <v>10</v>
      </c>
      <c r="I8433" s="5" t="s">
        <v>69</v>
      </c>
      <c r="J8433" s="5" t="s">
        <v>24629</v>
      </c>
      <c r="K8433" s="2" t="s">
        <v>24630</v>
      </c>
      <c r="L8433" s="5" t="s">
        <v>24629</v>
      </c>
      <c r="M8433" s="2" t="s">
        <v>24630</v>
      </c>
      <c r="N8433" s="5" t="s">
        <v>24254</v>
      </c>
      <c r="O8433" s="5" t="s">
        <v>38</v>
      </c>
      <c r="P8433" s="5" t="s">
        <v>39</v>
      </c>
      <c r="Q8433" s="5" t="s">
        <v>40</v>
      </c>
      <c r="R8433" s="5" t="s">
        <v>24340</v>
      </c>
      <c r="S8433" s="5" t="s">
        <v>40</v>
      </c>
      <c r="T8433" s="5" t="s">
        <v>42</v>
      </c>
      <c r="U8433" s="2">
        <v>17.213999999999999</v>
      </c>
      <c r="V8433" s="2">
        <v>15.244</v>
      </c>
      <c r="W8433" s="2">
        <v>0.11600000000000001</v>
      </c>
      <c r="X8433" s="2">
        <v>12</v>
      </c>
      <c r="Y8433" s="2">
        <v>50</v>
      </c>
      <c r="Z8433" s="2">
        <v>193.9</v>
      </c>
      <c r="AA8433" s="5">
        <v>20</v>
      </c>
      <c r="AB8433" s="5" t="s">
        <v>43</v>
      </c>
      <c r="AC8433" s="5" t="s">
        <v>44</v>
      </c>
      <c r="AD8433" s="2" t="s">
        <v>25516</v>
      </c>
      <c r="AE8433" s="1"/>
    </row>
    <row r="8434" spans="1:31" ht="14.45">
      <c r="A8434" s="11"/>
      <c r="B8434" s="20"/>
      <c r="C8434" s="2" t="s">
        <v>25849</v>
      </c>
      <c r="D8434" s="14" t="s">
        <v>25850</v>
      </c>
      <c r="E8434" s="2" t="s">
        <v>25851</v>
      </c>
      <c r="F8434" s="2" t="s">
        <v>25163</v>
      </c>
      <c r="G8434" s="8">
        <v>358</v>
      </c>
      <c r="H8434" s="5">
        <v>10</v>
      </c>
      <c r="I8434" s="5" t="s">
        <v>69</v>
      </c>
      <c r="J8434" s="5" t="s">
        <v>24629</v>
      </c>
      <c r="K8434" s="2" t="s">
        <v>24630</v>
      </c>
      <c r="L8434" s="5" t="s">
        <v>24629</v>
      </c>
      <c r="M8434" s="2" t="s">
        <v>24630</v>
      </c>
      <c r="N8434" s="5" t="s">
        <v>24254</v>
      </c>
      <c r="O8434" s="5" t="s">
        <v>38</v>
      </c>
      <c r="P8434" s="5" t="s">
        <v>39</v>
      </c>
      <c r="Q8434" s="5" t="s">
        <v>40</v>
      </c>
      <c r="R8434" s="5" t="s">
        <v>25301</v>
      </c>
      <c r="S8434" s="5" t="s">
        <v>40</v>
      </c>
      <c r="T8434" s="5" t="s">
        <v>42</v>
      </c>
      <c r="U8434" s="2">
        <v>15.734999999999999</v>
      </c>
      <c r="V8434" s="2">
        <v>13.765000000000001</v>
      </c>
      <c r="W8434" s="2">
        <v>0.11600000000000001</v>
      </c>
      <c r="X8434" s="2">
        <v>12</v>
      </c>
      <c r="Y8434" s="2">
        <v>50</v>
      </c>
      <c r="Z8434" s="2">
        <v>193.9</v>
      </c>
      <c r="AA8434" s="5">
        <v>20</v>
      </c>
      <c r="AB8434" s="5" t="s">
        <v>43</v>
      </c>
      <c r="AC8434" s="5" t="s">
        <v>44</v>
      </c>
      <c r="AD8434" s="2" t="s">
        <v>25520</v>
      </c>
      <c r="AE8434" s="1"/>
    </row>
    <row r="8435" spans="1:31" ht="14.45">
      <c r="A8435" s="11"/>
      <c r="B8435" s="20"/>
      <c r="C8435" s="2" t="s">
        <v>25852</v>
      </c>
      <c r="D8435" s="14" t="s">
        <v>25853</v>
      </c>
      <c r="E8435" s="2" t="s">
        <v>25854</v>
      </c>
      <c r="F8435" s="2" t="s">
        <v>25163</v>
      </c>
      <c r="G8435" s="8">
        <v>227</v>
      </c>
      <c r="H8435" s="5">
        <v>10</v>
      </c>
      <c r="I8435" s="5" t="s">
        <v>69</v>
      </c>
      <c r="J8435" s="5" t="s">
        <v>24629</v>
      </c>
      <c r="K8435" s="2" t="s">
        <v>24630</v>
      </c>
      <c r="L8435" s="5" t="s">
        <v>24629</v>
      </c>
      <c r="M8435" s="2" t="s">
        <v>24630</v>
      </c>
      <c r="N8435" s="5" t="s">
        <v>24254</v>
      </c>
      <c r="O8435" s="5" t="s">
        <v>38</v>
      </c>
      <c r="P8435" s="5" t="s">
        <v>39</v>
      </c>
      <c r="Q8435" s="5" t="s">
        <v>40</v>
      </c>
      <c r="R8435" s="5" t="s">
        <v>24335</v>
      </c>
      <c r="S8435" s="5" t="s">
        <v>40</v>
      </c>
      <c r="T8435" s="5" t="s">
        <v>42</v>
      </c>
      <c r="U8435" s="2">
        <v>10.678000000000001</v>
      </c>
      <c r="V8435" s="2">
        <v>8.7080000000000002</v>
      </c>
      <c r="W8435" s="2">
        <v>0.11600000000000001</v>
      </c>
      <c r="X8435" s="2">
        <v>12</v>
      </c>
      <c r="Y8435" s="2">
        <v>50</v>
      </c>
      <c r="Z8435" s="2">
        <v>193.9</v>
      </c>
      <c r="AA8435" s="5">
        <v>20</v>
      </c>
      <c r="AB8435" s="5" t="s">
        <v>43</v>
      </c>
      <c r="AC8435" s="5" t="s">
        <v>44</v>
      </c>
      <c r="AD8435" s="2"/>
      <c r="AE8435" s="1"/>
    </row>
    <row r="8436" spans="1:31" ht="14.45">
      <c r="A8436" s="11"/>
      <c r="B8436" s="20"/>
      <c r="C8436" s="2" t="s">
        <v>25855</v>
      </c>
      <c r="D8436" s="14" t="s">
        <v>25856</v>
      </c>
      <c r="E8436" s="2" t="s">
        <v>25857</v>
      </c>
      <c r="F8436" s="2" t="s">
        <v>25527</v>
      </c>
      <c r="G8436" s="8">
        <v>282</v>
      </c>
      <c r="H8436" s="5">
        <v>5</v>
      </c>
      <c r="I8436" s="5" t="s">
        <v>69</v>
      </c>
      <c r="J8436" s="5" t="s">
        <v>24629</v>
      </c>
      <c r="K8436" s="2" t="s">
        <v>24630</v>
      </c>
      <c r="L8436" s="5" t="s">
        <v>24629</v>
      </c>
      <c r="M8436" s="2" t="s">
        <v>24630</v>
      </c>
      <c r="N8436" s="5" t="s">
        <v>24254</v>
      </c>
      <c r="O8436" s="5" t="s">
        <v>38</v>
      </c>
      <c r="P8436" s="5" t="s">
        <v>39</v>
      </c>
      <c r="Q8436" s="5" t="s">
        <v>40</v>
      </c>
      <c r="R8436" s="5" t="s">
        <v>24335</v>
      </c>
      <c r="S8436" s="5" t="s">
        <v>40</v>
      </c>
      <c r="T8436" s="5" t="s">
        <v>42</v>
      </c>
      <c r="U8436" s="2">
        <v>14.375</v>
      </c>
      <c r="V8436" s="2">
        <v>11.667</v>
      </c>
      <c r="W8436" s="2">
        <v>0.14899999999999999</v>
      </c>
      <c r="X8436" s="2">
        <v>12</v>
      </c>
      <c r="Y8436" s="2">
        <v>62</v>
      </c>
      <c r="Z8436" s="2">
        <v>199.9</v>
      </c>
      <c r="AA8436" s="5">
        <v>10</v>
      </c>
      <c r="AB8436" s="5" t="s">
        <v>43</v>
      </c>
      <c r="AC8436" s="5" t="s">
        <v>44</v>
      </c>
      <c r="AD8436" s="2" t="s">
        <v>25528</v>
      </c>
      <c r="AE8436" s="1"/>
    </row>
    <row r="8437" spans="1:31" ht="14.45">
      <c r="A8437" s="11"/>
      <c r="B8437" s="20"/>
      <c r="C8437" s="2" t="s">
        <v>25858</v>
      </c>
      <c r="D8437" s="14" t="s">
        <v>25859</v>
      </c>
      <c r="E8437" s="2" t="s">
        <v>25860</v>
      </c>
      <c r="F8437" s="2" t="s">
        <v>25163</v>
      </c>
      <c r="G8437" s="8">
        <v>224</v>
      </c>
      <c r="H8437" s="5">
        <v>10</v>
      </c>
      <c r="I8437" s="5" t="s">
        <v>69</v>
      </c>
      <c r="J8437" s="5" t="s">
        <v>24629</v>
      </c>
      <c r="K8437" s="2" t="s">
        <v>24630</v>
      </c>
      <c r="L8437" s="5" t="s">
        <v>24629</v>
      </c>
      <c r="M8437" s="2" t="s">
        <v>24630</v>
      </c>
      <c r="N8437" s="5" t="s">
        <v>24254</v>
      </c>
      <c r="O8437" s="5" t="s">
        <v>38</v>
      </c>
      <c r="P8437" s="5" t="s">
        <v>39</v>
      </c>
      <c r="Q8437" s="5" t="s">
        <v>40</v>
      </c>
      <c r="R8437" s="5" t="s">
        <v>24335</v>
      </c>
      <c r="S8437" s="5" t="s">
        <v>40</v>
      </c>
      <c r="T8437" s="5" t="s">
        <v>42</v>
      </c>
      <c r="U8437" s="2">
        <v>11.16</v>
      </c>
      <c r="V8437" s="2">
        <v>9.19</v>
      </c>
      <c r="W8437" s="2">
        <v>0.11600000000000001</v>
      </c>
      <c r="X8437" s="2">
        <v>12</v>
      </c>
      <c r="Y8437" s="2">
        <v>50</v>
      </c>
      <c r="Z8437" s="2">
        <v>193.9</v>
      </c>
      <c r="AA8437" s="5">
        <v>20</v>
      </c>
      <c r="AB8437" s="5" t="s">
        <v>43</v>
      </c>
      <c r="AC8437" s="5" t="s">
        <v>44</v>
      </c>
      <c r="AD8437" s="2" t="s">
        <v>25512</v>
      </c>
      <c r="AE8437" s="1"/>
    </row>
    <row r="8438" spans="1:31" ht="14.45">
      <c r="A8438" s="11"/>
      <c r="B8438" s="20"/>
      <c r="C8438" s="2" t="s">
        <v>25861</v>
      </c>
      <c r="D8438" s="14" t="s">
        <v>25862</v>
      </c>
      <c r="E8438" s="2" t="s">
        <v>25863</v>
      </c>
      <c r="F8438" s="2" t="s">
        <v>25163</v>
      </c>
      <c r="G8438" s="8">
        <v>375</v>
      </c>
      <c r="H8438" s="5">
        <v>10</v>
      </c>
      <c r="I8438" s="5" t="s">
        <v>69</v>
      </c>
      <c r="J8438" s="5" t="s">
        <v>24629</v>
      </c>
      <c r="K8438" s="2" t="s">
        <v>24630</v>
      </c>
      <c r="L8438" s="5" t="s">
        <v>24629</v>
      </c>
      <c r="M8438" s="2" t="s">
        <v>24630</v>
      </c>
      <c r="N8438" s="5" t="s">
        <v>24254</v>
      </c>
      <c r="O8438" s="5" t="s">
        <v>38</v>
      </c>
      <c r="P8438" s="5" t="s">
        <v>39</v>
      </c>
      <c r="Q8438" s="5" t="s">
        <v>40</v>
      </c>
      <c r="R8438" s="5" t="s">
        <v>24340</v>
      </c>
      <c r="S8438" s="5" t="s">
        <v>40</v>
      </c>
      <c r="T8438" s="5" t="s">
        <v>42</v>
      </c>
      <c r="U8438" s="2">
        <v>18.446000000000002</v>
      </c>
      <c r="V8438" s="2">
        <v>16.475999999999999</v>
      </c>
      <c r="W8438" s="2">
        <v>0.11600000000000001</v>
      </c>
      <c r="X8438" s="2">
        <v>12</v>
      </c>
      <c r="Y8438" s="2">
        <v>50</v>
      </c>
      <c r="Z8438" s="2">
        <v>193.9</v>
      </c>
      <c r="AA8438" s="5">
        <v>20</v>
      </c>
      <c r="AB8438" s="5" t="s">
        <v>43</v>
      </c>
      <c r="AC8438" s="5" t="s">
        <v>44</v>
      </c>
      <c r="AD8438" s="2" t="s">
        <v>25516</v>
      </c>
      <c r="AE8438" s="1"/>
    </row>
    <row r="8439" spans="1:31" ht="14.45">
      <c r="A8439" s="11"/>
      <c r="B8439" s="20"/>
      <c r="C8439" s="2" t="s">
        <v>25864</v>
      </c>
      <c r="D8439" s="14" t="s">
        <v>25865</v>
      </c>
      <c r="E8439" s="2" t="s">
        <v>25866</v>
      </c>
      <c r="F8439" s="2" t="s">
        <v>25163</v>
      </c>
      <c r="G8439" s="8">
        <v>375</v>
      </c>
      <c r="H8439" s="5">
        <v>10</v>
      </c>
      <c r="I8439" s="5" t="s">
        <v>69</v>
      </c>
      <c r="J8439" s="5" t="s">
        <v>24629</v>
      </c>
      <c r="K8439" s="2" t="s">
        <v>24630</v>
      </c>
      <c r="L8439" s="5" t="s">
        <v>24629</v>
      </c>
      <c r="M8439" s="2" t="s">
        <v>24630</v>
      </c>
      <c r="N8439" s="5" t="s">
        <v>24254</v>
      </c>
      <c r="O8439" s="5" t="s">
        <v>38</v>
      </c>
      <c r="P8439" s="5" t="s">
        <v>39</v>
      </c>
      <c r="Q8439" s="5" t="s">
        <v>40</v>
      </c>
      <c r="R8439" s="5" t="s">
        <v>25301</v>
      </c>
      <c r="S8439" s="5" t="s">
        <v>40</v>
      </c>
      <c r="T8439" s="5" t="s">
        <v>42</v>
      </c>
      <c r="U8439" s="2">
        <v>16.760999999999999</v>
      </c>
      <c r="V8439" s="2">
        <v>14.791</v>
      </c>
      <c r="W8439" s="2">
        <v>0.11600000000000001</v>
      </c>
      <c r="X8439" s="2">
        <v>12</v>
      </c>
      <c r="Y8439" s="2">
        <v>50</v>
      </c>
      <c r="Z8439" s="2">
        <v>193.9</v>
      </c>
      <c r="AA8439" s="5">
        <v>20</v>
      </c>
      <c r="AB8439" s="5" t="s">
        <v>43</v>
      </c>
      <c r="AC8439" s="5" t="s">
        <v>44</v>
      </c>
      <c r="AD8439" s="2" t="s">
        <v>25520</v>
      </c>
      <c r="AE8439" s="1"/>
    </row>
    <row r="8440" spans="1:31" ht="14.45">
      <c r="A8440" s="11"/>
      <c r="B8440" s="20"/>
      <c r="C8440" s="2" t="s">
        <v>25867</v>
      </c>
      <c r="D8440" s="14" t="s">
        <v>25868</v>
      </c>
      <c r="E8440" s="2" t="s">
        <v>25869</v>
      </c>
      <c r="F8440" s="2" t="s">
        <v>25163</v>
      </c>
      <c r="G8440" s="8">
        <v>246</v>
      </c>
      <c r="H8440" s="5">
        <v>10</v>
      </c>
      <c r="I8440" s="5" t="s">
        <v>69</v>
      </c>
      <c r="J8440" s="5" t="s">
        <v>24629</v>
      </c>
      <c r="K8440" s="2" t="s">
        <v>24630</v>
      </c>
      <c r="L8440" s="5" t="s">
        <v>24629</v>
      </c>
      <c r="M8440" s="2" t="s">
        <v>24630</v>
      </c>
      <c r="N8440" s="5" t="s">
        <v>24254</v>
      </c>
      <c r="O8440" s="5" t="s">
        <v>38</v>
      </c>
      <c r="P8440" s="5" t="s">
        <v>39</v>
      </c>
      <c r="Q8440" s="5" t="s">
        <v>40</v>
      </c>
      <c r="R8440" s="5" t="s">
        <v>24335</v>
      </c>
      <c r="S8440" s="5" t="s">
        <v>40</v>
      </c>
      <c r="T8440" s="5" t="s">
        <v>42</v>
      </c>
      <c r="U8440" s="2">
        <v>11.092000000000001</v>
      </c>
      <c r="V8440" s="2">
        <v>9.1219999999999999</v>
      </c>
      <c r="W8440" s="2">
        <v>0.11600000000000001</v>
      </c>
      <c r="X8440" s="2">
        <v>12</v>
      </c>
      <c r="Y8440" s="2">
        <v>50</v>
      </c>
      <c r="Z8440" s="2">
        <v>193.9</v>
      </c>
      <c r="AA8440" s="5">
        <v>20</v>
      </c>
      <c r="AB8440" s="5" t="s">
        <v>43</v>
      </c>
      <c r="AC8440" s="5" t="s">
        <v>44</v>
      </c>
      <c r="AD8440" s="2"/>
      <c r="AE8440" s="1"/>
    </row>
    <row r="8441" spans="1:31" ht="14.45">
      <c r="A8441" s="11"/>
      <c r="B8441" s="20"/>
      <c r="C8441" s="2" t="s">
        <v>25870</v>
      </c>
      <c r="D8441" s="14" t="s">
        <v>25871</v>
      </c>
      <c r="E8441" s="2" t="s">
        <v>25872</v>
      </c>
      <c r="F8441" s="2" t="s">
        <v>25527</v>
      </c>
      <c r="G8441" s="8">
        <v>305</v>
      </c>
      <c r="H8441" s="5">
        <v>5</v>
      </c>
      <c r="I8441" s="5" t="s">
        <v>69</v>
      </c>
      <c r="J8441" s="5" t="s">
        <v>24629</v>
      </c>
      <c r="K8441" s="2" t="s">
        <v>24630</v>
      </c>
      <c r="L8441" s="5" t="s">
        <v>24629</v>
      </c>
      <c r="M8441" s="2" t="s">
        <v>24630</v>
      </c>
      <c r="N8441" s="5" t="s">
        <v>24254</v>
      </c>
      <c r="O8441" s="5" t="s">
        <v>38</v>
      </c>
      <c r="P8441" s="5" t="s">
        <v>39</v>
      </c>
      <c r="Q8441" s="5" t="s">
        <v>40</v>
      </c>
      <c r="R8441" s="5" t="s">
        <v>24335</v>
      </c>
      <c r="S8441" s="5" t="s">
        <v>40</v>
      </c>
      <c r="T8441" s="5" t="s">
        <v>42</v>
      </c>
      <c r="U8441" s="2">
        <v>15.287000000000001</v>
      </c>
      <c r="V8441" s="2">
        <v>12.579000000000001</v>
      </c>
      <c r="W8441" s="2">
        <v>0.14899999999999999</v>
      </c>
      <c r="X8441" s="2">
        <v>12</v>
      </c>
      <c r="Y8441" s="2">
        <v>62</v>
      </c>
      <c r="Z8441" s="2">
        <v>199.9</v>
      </c>
      <c r="AA8441" s="5">
        <v>10</v>
      </c>
      <c r="AB8441" s="5" t="s">
        <v>43</v>
      </c>
      <c r="AC8441" s="5" t="s">
        <v>44</v>
      </c>
      <c r="AD8441" s="2" t="s">
        <v>25528</v>
      </c>
      <c r="AE8441" s="1"/>
    </row>
    <row r="8442" spans="1:31" ht="14.45">
      <c r="A8442" s="11"/>
      <c r="B8442" s="20"/>
      <c r="C8442" s="2" t="s">
        <v>25873</v>
      </c>
      <c r="D8442" s="14" t="s">
        <v>25874</v>
      </c>
      <c r="E8442" s="2" t="s">
        <v>25875</v>
      </c>
      <c r="F8442" s="2" t="s">
        <v>25532</v>
      </c>
      <c r="G8442" s="8">
        <v>456</v>
      </c>
      <c r="H8442" s="5">
        <v>10</v>
      </c>
      <c r="I8442" s="5" t="s">
        <v>69</v>
      </c>
      <c r="J8442" s="5" t="s">
        <v>24629</v>
      </c>
      <c r="K8442" s="2" t="s">
        <v>24630</v>
      </c>
      <c r="L8442" s="5" t="s">
        <v>24629</v>
      </c>
      <c r="M8442" s="2" t="s">
        <v>24630</v>
      </c>
      <c r="N8442" s="5" t="s">
        <v>24254</v>
      </c>
      <c r="O8442" s="5" t="s">
        <v>38</v>
      </c>
      <c r="P8442" s="5" t="s">
        <v>39</v>
      </c>
      <c r="Q8442" s="5" t="s">
        <v>40</v>
      </c>
      <c r="R8442" s="5" t="s">
        <v>24340</v>
      </c>
      <c r="S8442" s="5" t="s">
        <v>40</v>
      </c>
      <c r="T8442" s="5" t="s">
        <v>42</v>
      </c>
      <c r="U8442" s="2">
        <v>22.574000000000002</v>
      </c>
      <c r="V8442" s="2">
        <v>19.850999999999999</v>
      </c>
      <c r="W8442" s="2">
        <v>0.14899999999999999</v>
      </c>
      <c r="X8442" s="2">
        <v>12</v>
      </c>
      <c r="Y8442" s="2">
        <v>62</v>
      </c>
      <c r="Z8442" s="2">
        <v>199.9</v>
      </c>
      <c r="AA8442" s="5">
        <v>10</v>
      </c>
      <c r="AB8442" s="5" t="s">
        <v>43</v>
      </c>
      <c r="AC8442" s="5" t="s">
        <v>44</v>
      </c>
      <c r="AD8442" s="2" t="s">
        <v>25533</v>
      </c>
      <c r="AE8442" s="1"/>
    </row>
    <row r="8443" spans="1:31" ht="14.45">
      <c r="A8443" s="11"/>
      <c r="B8443" s="20"/>
      <c r="C8443" s="2" t="s">
        <v>25876</v>
      </c>
      <c r="D8443" s="14" t="s">
        <v>25877</v>
      </c>
      <c r="E8443" s="2" t="s">
        <v>25878</v>
      </c>
      <c r="F8443" s="2" t="s">
        <v>25163</v>
      </c>
      <c r="G8443" s="8">
        <v>250</v>
      </c>
      <c r="H8443" s="5">
        <v>15</v>
      </c>
      <c r="I8443" s="5" t="s">
        <v>69</v>
      </c>
      <c r="J8443" s="5" t="s">
        <v>24629</v>
      </c>
      <c r="K8443" s="2" t="s">
        <v>24630</v>
      </c>
      <c r="L8443" s="5" t="s">
        <v>24629</v>
      </c>
      <c r="M8443" s="2" t="s">
        <v>24630</v>
      </c>
      <c r="N8443" s="5" t="s">
        <v>24254</v>
      </c>
      <c r="O8443" s="5" t="s">
        <v>38</v>
      </c>
      <c r="P8443" s="5" t="s">
        <v>39</v>
      </c>
      <c r="Q8443" s="5" t="s">
        <v>40</v>
      </c>
      <c r="R8443" s="5" t="s">
        <v>24335</v>
      </c>
      <c r="S8443" s="5" t="s">
        <v>40</v>
      </c>
      <c r="T8443" s="5" t="s">
        <v>42</v>
      </c>
      <c r="U8443" s="2">
        <v>11.391</v>
      </c>
      <c r="V8443" s="2">
        <v>9.4209999999999994</v>
      </c>
      <c r="W8443" s="2">
        <v>0.11600000000000001</v>
      </c>
      <c r="X8443" s="2">
        <v>12</v>
      </c>
      <c r="Y8443" s="2">
        <v>50</v>
      </c>
      <c r="Z8443" s="2">
        <v>193.9</v>
      </c>
      <c r="AA8443" s="5">
        <v>20</v>
      </c>
      <c r="AB8443" s="5" t="s">
        <v>43</v>
      </c>
      <c r="AC8443" s="5" t="s">
        <v>44</v>
      </c>
      <c r="AD8443" s="2" t="s">
        <v>25512</v>
      </c>
      <c r="AE8443" s="1"/>
    </row>
    <row r="8444" spans="1:31" ht="14.45">
      <c r="A8444" s="11"/>
      <c r="B8444" s="20"/>
      <c r="C8444" s="2" t="s">
        <v>25879</v>
      </c>
      <c r="D8444" s="14" t="s">
        <v>25880</v>
      </c>
      <c r="E8444" s="2" t="s">
        <v>25881</v>
      </c>
      <c r="F8444" s="2" t="s">
        <v>25163</v>
      </c>
      <c r="G8444" s="8">
        <v>401</v>
      </c>
      <c r="H8444" s="5">
        <v>10</v>
      </c>
      <c r="I8444" s="5" t="s">
        <v>69</v>
      </c>
      <c r="J8444" s="5" t="s">
        <v>24629</v>
      </c>
      <c r="K8444" s="2" t="s">
        <v>24630</v>
      </c>
      <c r="L8444" s="5" t="s">
        <v>24629</v>
      </c>
      <c r="M8444" s="2" t="s">
        <v>24630</v>
      </c>
      <c r="N8444" s="5" t="s">
        <v>24254</v>
      </c>
      <c r="O8444" s="5" t="s">
        <v>38</v>
      </c>
      <c r="P8444" s="5" t="s">
        <v>39</v>
      </c>
      <c r="Q8444" s="5" t="s">
        <v>40</v>
      </c>
      <c r="R8444" s="5" t="s">
        <v>24340</v>
      </c>
      <c r="S8444" s="5" t="s">
        <v>40</v>
      </c>
      <c r="T8444" s="5" t="s">
        <v>42</v>
      </c>
      <c r="U8444" s="2">
        <v>19.062000000000001</v>
      </c>
      <c r="V8444" s="2">
        <v>17.091999999999999</v>
      </c>
      <c r="W8444" s="2">
        <v>0.11600000000000001</v>
      </c>
      <c r="X8444" s="2">
        <v>12</v>
      </c>
      <c r="Y8444" s="2">
        <v>50</v>
      </c>
      <c r="Z8444" s="2">
        <v>193.9</v>
      </c>
      <c r="AA8444" s="5">
        <v>20</v>
      </c>
      <c r="AB8444" s="5" t="s">
        <v>43</v>
      </c>
      <c r="AC8444" s="5" t="s">
        <v>44</v>
      </c>
      <c r="AD8444" s="2" t="s">
        <v>25516</v>
      </c>
      <c r="AE8444" s="1"/>
    </row>
    <row r="8445" spans="1:31" ht="14.45">
      <c r="A8445" s="11"/>
      <c r="B8445" s="20"/>
      <c r="C8445" s="2" t="s">
        <v>25882</v>
      </c>
      <c r="D8445" s="14" t="s">
        <v>25883</v>
      </c>
      <c r="E8445" s="2" t="s">
        <v>25884</v>
      </c>
      <c r="F8445" s="2" t="s">
        <v>25163</v>
      </c>
      <c r="G8445" s="8">
        <v>401</v>
      </c>
      <c r="H8445" s="5">
        <v>10</v>
      </c>
      <c r="I8445" s="5" t="s">
        <v>69</v>
      </c>
      <c r="J8445" s="5" t="s">
        <v>24629</v>
      </c>
      <c r="K8445" s="2" t="s">
        <v>24630</v>
      </c>
      <c r="L8445" s="5" t="s">
        <v>24629</v>
      </c>
      <c r="M8445" s="2" t="s">
        <v>24630</v>
      </c>
      <c r="N8445" s="5" t="s">
        <v>24254</v>
      </c>
      <c r="O8445" s="5" t="s">
        <v>38</v>
      </c>
      <c r="P8445" s="5" t="s">
        <v>39</v>
      </c>
      <c r="Q8445" s="5" t="s">
        <v>40</v>
      </c>
      <c r="R8445" s="5" t="s">
        <v>25301</v>
      </c>
      <c r="S8445" s="5" t="s">
        <v>40</v>
      </c>
      <c r="T8445" s="5" t="s">
        <v>42</v>
      </c>
      <c r="U8445" s="2">
        <v>17.280999999999999</v>
      </c>
      <c r="V8445" s="2">
        <v>15.311</v>
      </c>
      <c r="W8445" s="2">
        <v>0.11600000000000001</v>
      </c>
      <c r="X8445" s="2">
        <v>12</v>
      </c>
      <c r="Y8445" s="2">
        <v>50</v>
      </c>
      <c r="Z8445" s="2">
        <v>193.9</v>
      </c>
      <c r="AA8445" s="5">
        <v>20</v>
      </c>
      <c r="AB8445" s="5" t="s">
        <v>43</v>
      </c>
      <c r="AC8445" s="5" t="s">
        <v>44</v>
      </c>
      <c r="AD8445" s="2" t="s">
        <v>25520</v>
      </c>
      <c r="AE8445" s="1"/>
    </row>
    <row r="8446" spans="1:31" ht="14.45">
      <c r="A8446" s="11"/>
      <c r="B8446" s="20"/>
      <c r="C8446" s="2" t="s">
        <v>25885</v>
      </c>
      <c r="D8446" s="14" t="s">
        <v>25886</v>
      </c>
      <c r="E8446" s="2" t="s">
        <v>25887</v>
      </c>
      <c r="F8446" s="2" t="s">
        <v>25163</v>
      </c>
      <c r="G8446" s="8">
        <v>275</v>
      </c>
      <c r="H8446" s="5">
        <v>10</v>
      </c>
      <c r="I8446" s="5" t="s">
        <v>69</v>
      </c>
      <c r="J8446" s="5" t="s">
        <v>24629</v>
      </c>
      <c r="K8446" s="2" t="s">
        <v>24630</v>
      </c>
      <c r="L8446" s="5" t="s">
        <v>24629</v>
      </c>
      <c r="M8446" s="2" t="s">
        <v>24630</v>
      </c>
      <c r="N8446" s="5" t="s">
        <v>24254</v>
      </c>
      <c r="O8446" s="5" t="s">
        <v>38</v>
      </c>
      <c r="P8446" s="5" t="s">
        <v>39</v>
      </c>
      <c r="Q8446" s="5" t="s">
        <v>40</v>
      </c>
      <c r="R8446" s="5" t="s">
        <v>24335</v>
      </c>
      <c r="S8446" s="5" t="s">
        <v>40</v>
      </c>
      <c r="T8446" s="5" t="s">
        <v>42</v>
      </c>
      <c r="U8446" s="2">
        <v>11.316000000000001</v>
      </c>
      <c r="V8446" s="2">
        <v>9.3460000000000001</v>
      </c>
      <c r="W8446" s="2">
        <v>0.11600000000000001</v>
      </c>
      <c r="X8446" s="2">
        <v>12</v>
      </c>
      <c r="Y8446" s="2">
        <v>50</v>
      </c>
      <c r="Z8446" s="2">
        <v>193.9</v>
      </c>
      <c r="AA8446" s="5">
        <v>20</v>
      </c>
      <c r="AB8446" s="5" t="s">
        <v>43</v>
      </c>
      <c r="AC8446" s="5" t="s">
        <v>44</v>
      </c>
      <c r="AD8446" s="2"/>
      <c r="AE8446" s="1"/>
    </row>
    <row r="8447" spans="1:31" ht="14.45">
      <c r="A8447" s="11"/>
      <c r="B8447" s="20"/>
      <c r="C8447" s="2" t="s">
        <v>25888</v>
      </c>
      <c r="D8447" s="14" t="s">
        <v>25889</v>
      </c>
      <c r="E8447" s="2" t="s">
        <v>25890</v>
      </c>
      <c r="F8447" s="2" t="s">
        <v>25527</v>
      </c>
      <c r="G8447" s="8">
        <v>341</v>
      </c>
      <c r="H8447" s="5">
        <v>10</v>
      </c>
      <c r="I8447" s="5" t="s">
        <v>69</v>
      </c>
      <c r="J8447" s="5" t="s">
        <v>24629</v>
      </c>
      <c r="K8447" s="2" t="s">
        <v>24630</v>
      </c>
      <c r="L8447" s="5" t="s">
        <v>24629</v>
      </c>
      <c r="M8447" s="2" t="s">
        <v>24630</v>
      </c>
      <c r="N8447" s="5" t="s">
        <v>24254</v>
      </c>
      <c r="O8447" s="5" t="s">
        <v>38</v>
      </c>
      <c r="P8447" s="5" t="s">
        <v>39</v>
      </c>
      <c r="Q8447" s="5" t="s">
        <v>40</v>
      </c>
      <c r="R8447" s="5" t="s">
        <v>24335</v>
      </c>
      <c r="S8447" s="5" t="s">
        <v>40</v>
      </c>
      <c r="T8447" s="5" t="s">
        <v>42</v>
      </c>
      <c r="U8447" s="2">
        <v>15.742000000000001</v>
      </c>
      <c r="V8447" s="2">
        <v>13.019</v>
      </c>
      <c r="W8447" s="2">
        <v>0.14899999999999999</v>
      </c>
      <c r="X8447" s="2">
        <v>12</v>
      </c>
      <c r="Y8447" s="2">
        <v>62</v>
      </c>
      <c r="Z8447" s="2">
        <v>199.9</v>
      </c>
      <c r="AA8447" s="5">
        <v>10</v>
      </c>
      <c r="AB8447" s="5" t="s">
        <v>43</v>
      </c>
      <c r="AC8447" s="5" t="s">
        <v>44</v>
      </c>
      <c r="AD8447" s="2" t="s">
        <v>25528</v>
      </c>
      <c r="AE8447" s="1"/>
    </row>
    <row r="8448" spans="1:31" ht="14.45">
      <c r="A8448" s="11"/>
      <c r="B8448" s="20"/>
      <c r="C8448" s="2" t="s">
        <v>25891</v>
      </c>
      <c r="D8448" s="14" t="s">
        <v>25892</v>
      </c>
      <c r="E8448" s="2" t="s">
        <v>25893</v>
      </c>
      <c r="F8448" s="2" t="s">
        <v>25537</v>
      </c>
      <c r="G8448" s="8">
        <v>492</v>
      </c>
      <c r="H8448" s="5">
        <v>10</v>
      </c>
      <c r="I8448" s="5" t="s">
        <v>69</v>
      </c>
      <c r="J8448" s="5" t="s">
        <v>24629</v>
      </c>
      <c r="K8448" s="2" t="s">
        <v>24630</v>
      </c>
      <c r="L8448" s="5" t="s">
        <v>24629</v>
      </c>
      <c r="M8448" s="2" t="s">
        <v>24630</v>
      </c>
      <c r="N8448" s="5" t="s">
        <v>24254</v>
      </c>
      <c r="O8448" s="5" t="s">
        <v>38</v>
      </c>
      <c r="P8448" s="5" t="s">
        <v>39</v>
      </c>
      <c r="Q8448" s="5" t="s">
        <v>40</v>
      </c>
      <c r="R8448" s="5" t="s">
        <v>25301</v>
      </c>
      <c r="S8448" s="5" t="s">
        <v>40</v>
      </c>
      <c r="T8448" s="5" t="s">
        <v>42</v>
      </c>
      <c r="U8448" s="2">
        <v>21.632000000000001</v>
      </c>
      <c r="V8448" s="2">
        <v>18.908999999999999</v>
      </c>
      <c r="W8448" s="2">
        <v>0.14899999999999999</v>
      </c>
      <c r="X8448" s="2">
        <v>12</v>
      </c>
      <c r="Y8448" s="2">
        <v>62</v>
      </c>
      <c r="Z8448" s="2">
        <v>199.9</v>
      </c>
      <c r="AA8448" s="5">
        <v>10</v>
      </c>
      <c r="AB8448" s="5" t="s">
        <v>43</v>
      </c>
      <c r="AC8448" s="5" t="s">
        <v>44</v>
      </c>
      <c r="AD8448" s="2" t="s">
        <v>25538</v>
      </c>
      <c r="AE8448" s="1"/>
    </row>
    <row r="8449" spans="1:31" ht="14.45">
      <c r="A8449" s="11"/>
      <c r="B8449" s="20"/>
      <c r="C8449" s="2" t="s">
        <v>25894</v>
      </c>
      <c r="D8449" s="14" t="s">
        <v>25895</v>
      </c>
      <c r="E8449" s="2" t="s">
        <v>25896</v>
      </c>
      <c r="F8449" s="2" t="s">
        <v>25163</v>
      </c>
      <c r="G8449" s="8">
        <v>100</v>
      </c>
      <c r="H8449" s="5">
        <v>5</v>
      </c>
      <c r="I8449" s="5" t="s">
        <v>69</v>
      </c>
      <c r="J8449" s="5" t="s">
        <v>24629</v>
      </c>
      <c r="K8449" s="2" t="s">
        <v>24630</v>
      </c>
      <c r="L8449" s="5" t="s">
        <v>24629</v>
      </c>
      <c r="M8449" s="2" t="s">
        <v>24630</v>
      </c>
      <c r="N8449" s="5" t="s">
        <v>24254</v>
      </c>
      <c r="O8449" s="5" t="s">
        <v>38</v>
      </c>
      <c r="P8449" s="5" t="s">
        <v>39</v>
      </c>
      <c r="Q8449" s="5" t="s">
        <v>40</v>
      </c>
      <c r="R8449" s="5" t="s">
        <v>24335</v>
      </c>
      <c r="S8449" s="5" t="s">
        <v>40</v>
      </c>
      <c r="T8449" s="5" t="s">
        <v>42</v>
      </c>
      <c r="U8449" s="2">
        <v>4.2919999999999998</v>
      </c>
      <c r="V8449" s="2">
        <v>3.3330000000000002</v>
      </c>
      <c r="W8449" s="2">
        <v>4.8000000000000001E-2</v>
      </c>
      <c r="X8449" s="2">
        <v>12</v>
      </c>
      <c r="Y8449" s="2">
        <v>42.5</v>
      </c>
      <c r="Z8449" s="2">
        <v>93.4</v>
      </c>
      <c r="AA8449" s="5">
        <v>20</v>
      </c>
      <c r="AB8449" s="5" t="s">
        <v>43</v>
      </c>
      <c r="AC8449" s="5" t="s">
        <v>44</v>
      </c>
      <c r="AD8449" s="2" t="s">
        <v>25897</v>
      </c>
      <c r="AE8449" s="1"/>
    </row>
    <row r="8450" spans="1:31" ht="14.45">
      <c r="A8450" s="11"/>
      <c r="B8450" s="20"/>
      <c r="C8450" s="2" t="s">
        <v>25898</v>
      </c>
      <c r="D8450" s="14" t="s">
        <v>25899</v>
      </c>
      <c r="E8450" s="2" t="s">
        <v>25900</v>
      </c>
      <c r="F8450" s="2" t="s">
        <v>25163</v>
      </c>
      <c r="G8450" s="8">
        <v>251</v>
      </c>
      <c r="H8450" s="5">
        <v>10</v>
      </c>
      <c r="I8450" s="5" t="s">
        <v>69</v>
      </c>
      <c r="J8450" s="5" t="s">
        <v>24629</v>
      </c>
      <c r="K8450" s="2" t="s">
        <v>24630</v>
      </c>
      <c r="L8450" s="5" t="s">
        <v>24629</v>
      </c>
      <c r="M8450" s="2" t="s">
        <v>24630</v>
      </c>
      <c r="N8450" s="5" t="s">
        <v>24254</v>
      </c>
      <c r="O8450" s="5" t="s">
        <v>38</v>
      </c>
      <c r="P8450" s="5" t="s">
        <v>39</v>
      </c>
      <c r="Q8450" s="5" t="s">
        <v>40</v>
      </c>
      <c r="R8450" s="5" t="s">
        <v>24340</v>
      </c>
      <c r="S8450" s="5" t="s">
        <v>40</v>
      </c>
      <c r="T8450" s="5" t="s">
        <v>42</v>
      </c>
      <c r="U8450" s="2">
        <v>8.8140000000000001</v>
      </c>
      <c r="V8450" s="2">
        <v>7.87</v>
      </c>
      <c r="W8450" s="2">
        <v>4.8000000000000001E-2</v>
      </c>
      <c r="X8450" s="2">
        <v>12</v>
      </c>
      <c r="Y8450" s="2">
        <v>42.5</v>
      </c>
      <c r="Z8450" s="2">
        <v>93.4</v>
      </c>
      <c r="AA8450" s="5">
        <v>20</v>
      </c>
      <c r="AB8450" s="5" t="s">
        <v>43</v>
      </c>
      <c r="AC8450" s="5" t="s">
        <v>44</v>
      </c>
      <c r="AD8450" s="2" t="s">
        <v>25901</v>
      </c>
      <c r="AE8450" s="1"/>
    </row>
    <row r="8451" spans="1:31" ht="14.45">
      <c r="A8451" s="11"/>
      <c r="B8451" s="20"/>
      <c r="C8451" s="2" t="s">
        <v>25902</v>
      </c>
      <c r="D8451" s="14" t="s">
        <v>25903</v>
      </c>
      <c r="E8451" s="2" t="s">
        <v>25904</v>
      </c>
      <c r="F8451" s="2" t="s">
        <v>25163</v>
      </c>
      <c r="G8451" s="8">
        <v>251</v>
      </c>
      <c r="H8451" s="5">
        <v>5</v>
      </c>
      <c r="I8451" s="5" t="s">
        <v>69</v>
      </c>
      <c r="J8451" s="5" t="s">
        <v>24629</v>
      </c>
      <c r="K8451" s="2" t="s">
        <v>24630</v>
      </c>
      <c r="L8451" s="5" t="s">
        <v>24629</v>
      </c>
      <c r="M8451" s="2" t="s">
        <v>24630</v>
      </c>
      <c r="N8451" s="5" t="s">
        <v>24254</v>
      </c>
      <c r="O8451" s="5" t="s">
        <v>38</v>
      </c>
      <c r="P8451" s="5" t="s">
        <v>39</v>
      </c>
      <c r="Q8451" s="5" t="s">
        <v>40</v>
      </c>
      <c r="R8451" s="5" t="s">
        <v>25301</v>
      </c>
      <c r="S8451" s="5" t="s">
        <v>40</v>
      </c>
      <c r="T8451" s="5" t="s">
        <v>42</v>
      </c>
      <c r="U8451" s="2">
        <v>8.0839999999999996</v>
      </c>
      <c r="V8451" s="2">
        <v>6.798</v>
      </c>
      <c r="W8451" s="2">
        <v>4.8000000000000001E-2</v>
      </c>
      <c r="X8451" s="2">
        <v>12</v>
      </c>
      <c r="Y8451" s="2">
        <v>42.5</v>
      </c>
      <c r="Z8451" s="2">
        <v>93.4</v>
      </c>
      <c r="AA8451" s="5">
        <v>20</v>
      </c>
      <c r="AB8451" s="5" t="s">
        <v>43</v>
      </c>
      <c r="AC8451" s="5" t="s">
        <v>44</v>
      </c>
      <c r="AD8451" s="2" t="s">
        <v>25905</v>
      </c>
      <c r="AE8451" s="1"/>
    </row>
    <row r="8452" spans="1:31" ht="14.45">
      <c r="A8452" s="11"/>
      <c r="B8452" s="20"/>
      <c r="C8452" s="2" t="s">
        <v>25906</v>
      </c>
      <c r="D8452" s="14" t="s">
        <v>25907</v>
      </c>
      <c r="E8452" s="2" t="s">
        <v>25908</v>
      </c>
      <c r="F8452" s="2" t="s">
        <v>25909</v>
      </c>
      <c r="G8452" s="8">
        <v>136</v>
      </c>
      <c r="H8452" s="5">
        <v>5</v>
      </c>
      <c r="I8452" s="5" t="s">
        <v>69</v>
      </c>
      <c r="J8452" s="5" t="s">
        <v>24629</v>
      </c>
      <c r="K8452" s="2" t="s">
        <v>24630</v>
      </c>
      <c r="L8452" s="5" t="s">
        <v>24629</v>
      </c>
      <c r="M8452" s="2" t="s">
        <v>24630</v>
      </c>
      <c r="N8452" s="5" t="s">
        <v>24254</v>
      </c>
      <c r="O8452" s="5" t="s">
        <v>38</v>
      </c>
      <c r="P8452" s="5" t="s">
        <v>39</v>
      </c>
      <c r="Q8452" s="5" t="s">
        <v>40</v>
      </c>
      <c r="R8452" s="5" t="s">
        <v>24335</v>
      </c>
      <c r="S8452" s="5" t="s">
        <v>40</v>
      </c>
      <c r="T8452" s="5" t="s">
        <v>42</v>
      </c>
      <c r="U8452" s="2">
        <v>5.5949999999999998</v>
      </c>
      <c r="V8452" s="2">
        <v>4.218</v>
      </c>
      <c r="W8452" s="2">
        <v>6.9000000000000006E-2</v>
      </c>
      <c r="X8452" s="2">
        <v>12</v>
      </c>
      <c r="Y8452" s="2">
        <v>50</v>
      </c>
      <c r="Z8452" s="2">
        <v>114.9</v>
      </c>
      <c r="AA8452" s="5">
        <v>10</v>
      </c>
      <c r="AB8452" s="5" t="s">
        <v>43</v>
      </c>
      <c r="AC8452" s="5" t="s">
        <v>44</v>
      </c>
      <c r="AD8452" s="2" t="s">
        <v>25910</v>
      </c>
      <c r="AE8452" s="1"/>
    </row>
    <row r="8453" spans="1:31" ht="14.45">
      <c r="A8453" s="11"/>
      <c r="B8453" s="20"/>
      <c r="C8453" s="2" t="s">
        <v>25911</v>
      </c>
      <c r="D8453" s="14" t="s">
        <v>25912</v>
      </c>
      <c r="E8453" s="2" t="s">
        <v>25913</v>
      </c>
      <c r="F8453" s="2" t="s">
        <v>25163</v>
      </c>
      <c r="G8453" s="8">
        <v>106</v>
      </c>
      <c r="H8453" s="5">
        <v>5</v>
      </c>
      <c r="I8453" s="5" t="s">
        <v>69</v>
      </c>
      <c r="J8453" s="5" t="s">
        <v>24629</v>
      </c>
      <c r="K8453" s="2" t="s">
        <v>24630</v>
      </c>
      <c r="L8453" s="5" t="s">
        <v>24629</v>
      </c>
      <c r="M8453" s="2" t="s">
        <v>24630</v>
      </c>
      <c r="N8453" s="5" t="s">
        <v>24254</v>
      </c>
      <c r="O8453" s="5" t="s">
        <v>38</v>
      </c>
      <c r="P8453" s="5" t="s">
        <v>39</v>
      </c>
      <c r="Q8453" s="5" t="s">
        <v>40</v>
      </c>
      <c r="R8453" s="5" t="s">
        <v>24335</v>
      </c>
      <c r="S8453" s="5" t="s">
        <v>40</v>
      </c>
      <c r="T8453" s="5" t="s">
        <v>42</v>
      </c>
      <c r="U8453" s="2">
        <v>4.7160000000000002</v>
      </c>
      <c r="V8453" s="2">
        <v>3.6040000000000001</v>
      </c>
      <c r="W8453" s="2">
        <v>5.8999999999999997E-2</v>
      </c>
      <c r="X8453" s="2">
        <v>12</v>
      </c>
      <c r="Y8453" s="2">
        <v>42.5</v>
      </c>
      <c r="Z8453" s="2">
        <v>116.4</v>
      </c>
      <c r="AA8453" s="5">
        <v>20</v>
      </c>
      <c r="AB8453" s="5" t="s">
        <v>43</v>
      </c>
      <c r="AC8453" s="5" t="s">
        <v>44</v>
      </c>
      <c r="AD8453" s="2" t="s">
        <v>25897</v>
      </c>
      <c r="AE8453" s="1"/>
    </row>
    <row r="8454" spans="1:31" ht="14.45">
      <c r="A8454" s="11"/>
      <c r="B8454" s="20"/>
      <c r="C8454" s="2" t="s">
        <v>25914</v>
      </c>
      <c r="D8454" s="14" t="s">
        <v>25915</v>
      </c>
      <c r="E8454" s="2" t="s">
        <v>25916</v>
      </c>
      <c r="F8454" s="2" t="s">
        <v>25163</v>
      </c>
      <c r="G8454" s="8">
        <v>257</v>
      </c>
      <c r="H8454" s="5">
        <v>5</v>
      </c>
      <c r="I8454" s="5" t="s">
        <v>69</v>
      </c>
      <c r="J8454" s="5" t="s">
        <v>24629</v>
      </c>
      <c r="K8454" s="2" t="s">
        <v>24630</v>
      </c>
      <c r="L8454" s="5" t="s">
        <v>24629</v>
      </c>
      <c r="M8454" s="2" t="s">
        <v>24630</v>
      </c>
      <c r="N8454" s="5" t="s">
        <v>24254</v>
      </c>
      <c r="O8454" s="5" t="s">
        <v>38</v>
      </c>
      <c r="P8454" s="5" t="s">
        <v>39</v>
      </c>
      <c r="Q8454" s="5" t="s">
        <v>40</v>
      </c>
      <c r="R8454" s="5" t="s">
        <v>24340</v>
      </c>
      <c r="S8454" s="5" t="s">
        <v>40</v>
      </c>
      <c r="T8454" s="5" t="s">
        <v>42</v>
      </c>
      <c r="U8454" s="2">
        <v>9.7690000000000001</v>
      </c>
      <c r="V8454" s="2">
        <v>8.6720000000000006</v>
      </c>
      <c r="W8454" s="2">
        <v>5.8999999999999997E-2</v>
      </c>
      <c r="X8454" s="2">
        <v>12</v>
      </c>
      <c r="Y8454" s="2">
        <v>42.5</v>
      </c>
      <c r="Z8454" s="2">
        <v>116.4</v>
      </c>
      <c r="AA8454" s="5">
        <v>20</v>
      </c>
      <c r="AB8454" s="5" t="s">
        <v>43</v>
      </c>
      <c r="AC8454" s="5" t="s">
        <v>44</v>
      </c>
      <c r="AD8454" s="2" t="s">
        <v>25901</v>
      </c>
      <c r="AE8454" s="1"/>
    </row>
    <row r="8455" spans="1:31" ht="14.45">
      <c r="A8455" s="11"/>
      <c r="B8455" s="20"/>
      <c r="C8455" s="2" t="s">
        <v>25917</v>
      </c>
      <c r="D8455" s="14" t="s">
        <v>25918</v>
      </c>
      <c r="E8455" s="2" t="s">
        <v>25919</v>
      </c>
      <c r="F8455" s="2" t="s">
        <v>25163</v>
      </c>
      <c r="G8455" s="8">
        <v>257</v>
      </c>
      <c r="H8455" s="5">
        <v>5</v>
      </c>
      <c r="I8455" s="5" t="s">
        <v>69</v>
      </c>
      <c r="J8455" s="5" t="s">
        <v>24629</v>
      </c>
      <c r="K8455" s="2" t="s">
        <v>24630</v>
      </c>
      <c r="L8455" s="5" t="s">
        <v>24629</v>
      </c>
      <c r="M8455" s="2" t="s">
        <v>24630</v>
      </c>
      <c r="N8455" s="5" t="s">
        <v>24254</v>
      </c>
      <c r="O8455" s="5" t="s">
        <v>38</v>
      </c>
      <c r="P8455" s="5" t="s">
        <v>39</v>
      </c>
      <c r="Q8455" s="5" t="s">
        <v>40</v>
      </c>
      <c r="R8455" s="5" t="s">
        <v>25301</v>
      </c>
      <c r="S8455" s="5" t="s">
        <v>40</v>
      </c>
      <c r="T8455" s="5" t="s">
        <v>42</v>
      </c>
      <c r="U8455" s="2">
        <v>8.7490000000000006</v>
      </c>
      <c r="V8455" s="2">
        <v>7.4630000000000001</v>
      </c>
      <c r="W8455" s="2">
        <v>5.8999999999999997E-2</v>
      </c>
      <c r="X8455" s="2">
        <v>12</v>
      </c>
      <c r="Y8455" s="2">
        <v>42.5</v>
      </c>
      <c r="Z8455" s="2">
        <v>116.4</v>
      </c>
      <c r="AA8455" s="5">
        <v>20</v>
      </c>
      <c r="AB8455" s="5" t="s">
        <v>43</v>
      </c>
      <c r="AC8455" s="5" t="s">
        <v>44</v>
      </c>
      <c r="AD8455" s="2" t="s">
        <v>25905</v>
      </c>
      <c r="AE8455" s="1"/>
    </row>
    <row r="8456" spans="1:31" ht="14.45">
      <c r="A8456" s="11"/>
      <c r="B8456" s="20"/>
      <c r="C8456" s="2" t="s">
        <v>25920</v>
      </c>
      <c r="D8456" s="14" t="s">
        <v>25921</v>
      </c>
      <c r="E8456" s="2" t="s">
        <v>25922</v>
      </c>
      <c r="F8456" s="2" t="s">
        <v>25909</v>
      </c>
      <c r="G8456" s="8">
        <v>144</v>
      </c>
      <c r="H8456" s="5">
        <v>5</v>
      </c>
      <c r="I8456" s="5" t="s">
        <v>69</v>
      </c>
      <c r="J8456" s="5" t="s">
        <v>24629</v>
      </c>
      <c r="K8456" s="2" t="s">
        <v>24630</v>
      </c>
      <c r="L8456" s="5" t="s">
        <v>24629</v>
      </c>
      <c r="M8456" s="2" t="s">
        <v>24630</v>
      </c>
      <c r="N8456" s="5" t="s">
        <v>24254</v>
      </c>
      <c r="O8456" s="5" t="s">
        <v>38</v>
      </c>
      <c r="P8456" s="5" t="s">
        <v>39</v>
      </c>
      <c r="Q8456" s="5" t="s">
        <v>40</v>
      </c>
      <c r="R8456" s="5" t="s">
        <v>24335</v>
      </c>
      <c r="S8456" s="5" t="s">
        <v>40</v>
      </c>
      <c r="T8456" s="5" t="s">
        <v>42</v>
      </c>
      <c r="U8456" s="2">
        <v>6.0110000000000001</v>
      </c>
      <c r="V8456" s="2">
        <v>4.6340000000000003</v>
      </c>
      <c r="W8456" s="2">
        <v>6.9000000000000006E-2</v>
      </c>
      <c r="X8456" s="2">
        <v>12</v>
      </c>
      <c r="Y8456" s="2">
        <v>50</v>
      </c>
      <c r="Z8456" s="2">
        <v>114.9</v>
      </c>
      <c r="AA8456" s="5">
        <v>10</v>
      </c>
      <c r="AB8456" s="5" t="s">
        <v>43</v>
      </c>
      <c r="AC8456" s="5" t="s">
        <v>44</v>
      </c>
      <c r="AD8456" s="2" t="s">
        <v>25910</v>
      </c>
      <c r="AE8456" s="1"/>
    </row>
    <row r="8457" spans="1:31" ht="14.45">
      <c r="A8457" s="11"/>
      <c r="B8457" s="20"/>
      <c r="C8457" s="2" t="s">
        <v>25923</v>
      </c>
      <c r="D8457" s="14" t="s">
        <v>25924</v>
      </c>
      <c r="E8457" s="2" t="s">
        <v>25925</v>
      </c>
      <c r="F8457" s="2" t="s">
        <v>25163</v>
      </c>
      <c r="G8457" s="8">
        <v>109</v>
      </c>
      <c r="H8457" s="5">
        <v>5</v>
      </c>
      <c r="I8457" s="5" t="s">
        <v>69</v>
      </c>
      <c r="J8457" s="5" t="s">
        <v>24629</v>
      </c>
      <c r="K8457" s="2" t="s">
        <v>24630</v>
      </c>
      <c r="L8457" s="5" t="s">
        <v>24629</v>
      </c>
      <c r="M8457" s="2" t="s">
        <v>24630</v>
      </c>
      <c r="N8457" s="5" t="s">
        <v>24254</v>
      </c>
      <c r="O8457" s="5" t="s">
        <v>38</v>
      </c>
      <c r="P8457" s="5" t="s">
        <v>39</v>
      </c>
      <c r="Q8457" s="5" t="s">
        <v>40</v>
      </c>
      <c r="R8457" s="5" t="s">
        <v>24335</v>
      </c>
      <c r="S8457" s="5" t="s">
        <v>40</v>
      </c>
      <c r="T8457" s="5" t="s">
        <v>42</v>
      </c>
      <c r="U8457" s="2">
        <v>5.0259999999999998</v>
      </c>
      <c r="V8457" s="2">
        <v>3.8740000000000001</v>
      </c>
      <c r="W8457" s="2">
        <v>6.2E-2</v>
      </c>
      <c r="X8457" s="2">
        <v>12</v>
      </c>
      <c r="Y8457" s="2">
        <v>42.5</v>
      </c>
      <c r="Z8457" s="2">
        <v>122.4</v>
      </c>
      <c r="AA8457" s="5">
        <v>20</v>
      </c>
      <c r="AB8457" s="5" t="s">
        <v>43</v>
      </c>
      <c r="AC8457" s="5" t="s">
        <v>44</v>
      </c>
      <c r="AD8457" s="2" t="s">
        <v>25897</v>
      </c>
      <c r="AE8457" s="1"/>
    </row>
    <row r="8458" spans="1:31" ht="14.45">
      <c r="A8458" s="11"/>
      <c r="B8458" s="20"/>
      <c r="C8458" s="2" t="s">
        <v>25926</v>
      </c>
      <c r="D8458" s="14" t="s">
        <v>25927</v>
      </c>
      <c r="E8458" s="2" t="s">
        <v>25928</v>
      </c>
      <c r="F8458" s="2" t="s">
        <v>25163</v>
      </c>
      <c r="G8458" s="8">
        <v>260</v>
      </c>
      <c r="H8458" s="5">
        <v>5</v>
      </c>
      <c r="I8458" s="5" t="s">
        <v>69</v>
      </c>
      <c r="J8458" s="5" t="s">
        <v>24629</v>
      </c>
      <c r="K8458" s="2" t="s">
        <v>24630</v>
      </c>
      <c r="L8458" s="5" t="s">
        <v>24629</v>
      </c>
      <c r="M8458" s="2" t="s">
        <v>24630</v>
      </c>
      <c r="N8458" s="5" t="s">
        <v>24254</v>
      </c>
      <c r="O8458" s="5" t="s">
        <v>38</v>
      </c>
      <c r="P8458" s="5" t="s">
        <v>39</v>
      </c>
      <c r="Q8458" s="5" t="s">
        <v>40</v>
      </c>
      <c r="R8458" s="5" t="s">
        <v>24340</v>
      </c>
      <c r="S8458" s="5" t="s">
        <v>40</v>
      </c>
      <c r="T8458" s="5" t="s">
        <v>42</v>
      </c>
      <c r="U8458" s="2">
        <v>10.754</v>
      </c>
      <c r="V8458" s="2">
        <v>9.4689999999999994</v>
      </c>
      <c r="W8458" s="2">
        <v>6.2E-2</v>
      </c>
      <c r="X8458" s="2">
        <v>12</v>
      </c>
      <c r="Y8458" s="2">
        <v>42.5</v>
      </c>
      <c r="Z8458" s="2">
        <v>122.4</v>
      </c>
      <c r="AA8458" s="5">
        <v>20</v>
      </c>
      <c r="AB8458" s="5" t="s">
        <v>43</v>
      </c>
      <c r="AC8458" s="5" t="s">
        <v>44</v>
      </c>
      <c r="AD8458" s="2" t="s">
        <v>25901</v>
      </c>
      <c r="AE8458" s="1"/>
    </row>
    <row r="8459" spans="1:31" ht="14.45">
      <c r="A8459" s="11"/>
      <c r="B8459" s="20"/>
      <c r="C8459" s="2" t="s">
        <v>25929</v>
      </c>
      <c r="D8459" s="14" t="s">
        <v>25930</v>
      </c>
      <c r="E8459" s="2" t="s">
        <v>25931</v>
      </c>
      <c r="F8459" s="2" t="s">
        <v>25163</v>
      </c>
      <c r="G8459" s="8">
        <v>260</v>
      </c>
      <c r="H8459" s="5">
        <v>15</v>
      </c>
      <c r="I8459" s="5" t="s">
        <v>69</v>
      </c>
      <c r="J8459" s="5" t="s">
        <v>24629</v>
      </c>
      <c r="K8459" s="2" t="s">
        <v>24630</v>
      </c>
      <c r="L8459" s="5" t="s">
        <v>24629</v>
      </c>
      <c r="M8459" s="2" t="s">
        <v>24630</v>
      </c>
      <c r="N8459" s="5" t="s">
        <v>24254</v>
      </c>
      <c r="O8459" s="5" t="s">
        <v>38</v>
      </c>
      <c r="P8459" s="5" t="s">
        <v>39</v>
      </c>
      <c r="Q8459" s="5" t="s">
        <v>40</v>
      </c>
      <c r="R8459" s="5" t="s">
        <v>25301</v>
      </c>
      <c r="S8459" s="5" t="s">
        <v>40</v>
      </c>
      <c r="T8459" s="5" t="s">
        <v>42</v>
      </c>
      <c r="U8459" s="2">
        <v>9.2609999999999992</v>
      </c>
      <c r="V8459" s="2">
        <v>8.1229999999999993</v>
      </c>
      <c r="W8459" s="2">
        <v>6.2E-2</v>
      </c>
      <c r="X8459" s="2">
        <v>12</v>
      </c>
      <c r="Y8459" s="2">
        <v>42.5</v>
      </c>
      <c r="Z8459" s="2">
        <v>122.4</v>
      </c>
      <c r="AA8459" s="5">
        <v>20</v>
      </c>
      <c r="AB8459" s="5" t="s">
        <v>43</v>
      </c>
      <c r="AC8459" s="5" t="s">
        <v>44</v>
      </c>
      <c r="AD8459" s="2" t="s">
        <v>25905</v>
      </c>
      <c r="AE8459" s="1"/>
    </row>
    <row r="8460" spans="1:31" ht="14.45">
      <c r="A8460" s="11"/>
      <c r="B8460" s="20"/>
      <c r="C8460" s="2" t="s">
        <v>25932</v>
      </c>
      <c r="D8460" s="14" t="s">
        <v>25933</v>
      </c>
      <c r="E8460" s="2" t="s">
        <v>25934</v>
      </c>
      <c r="F8460" s="2" t="s">
        <v>25909</v>
      </c>
      <c r="G8460" s="8">
        <v>149</v>
      </c>
      <c r="H8460" s="5">
        <v>5</v>
      </c>
      <c r="I8460" s="5" t="s">
        <v>69</v>
      </c>
      <c r="J8460" s="5" t="s">
        <v>24629</v>
      </c>
      <c r="K8460" s="2" t="s">
        <v>24630</v>
      </c>
      <c r="L8460" s="5" t="s">
        <v>24629</v>
      </c>
      <c r="M8460" s="2" t="s">
        <v>24630</v>
      </c>
      <c r="N8460" s="5" t="s">
        <v>24254</v>
      </c>
      <c r="O8460" s="5" t="s">
        <v>38</v>
      </c>
      <c r="P8460" s="5" t="s">
        <v>39</v>
      </c>
      <c r="Q8460" s="5" t="s">
        <v>40</v>
      </c>
      <c r="R8460" s="5" t="s">
        <v>24335</v>
      </c>
      <c r="S8460" s="5" t="s">
        <v>40</v>
      </c>
      <c r="T8460" s="5" t="s">
        <v>42</v>
      </c>
      <c r="U8460" s="2">
        <v>6.5389999999999997</v>
      </c>
      <c r="V8460" s="2">
        <v>5.0529999999999999</v>
      </c>
      <c r="W8460" s="2">
        <v>7.5999999999999998E-2</v>
      </c>
      <c r="X8460" s="2">
        <v>12</v>
      </c>
      <c r="Y8460" s="2">
        <v>50</v>
      </c>
      <c r="Z8460" s="2">
        <v>125.9</v>
      </c>
      <c r="AA8460" s="5">
        <v>10</v>
      </c>
      <c r="AB8460" s="5" t="s">
        <v>43</v>
      </c>
      <c r="AC8460" s="5" t="s">
        <v>44</v>
      </c>
      <c r="AD8460" s="2" t="s">
        <v>25910</v>
      </c>
      <c r="AE8460" s="1"/>
    </row>
    <row r="8461" spans="1:31" ht="14.45">
      <c r="A8461" s="11"/>
      <c r="B8461" s="20"/>
      <c r="C8461" s="2" t="s">
        <v>25935</v>
      </c>
      <c r="D8461" s="14" t="s">
        <v>25936</v>
      </c>
      <c r="E8461" s="2" t="s">
        <v>25937</v>
      </c>
      <c r="F8461" s="2" t="s">
        <v>25163</v>
      </c>
      <c r="G8461" s="8">
        <v>109</v>
      </c>
      <c r="H8461" s="5">
        <v>5</v>
      </c>
      <c r="I8461" s="5" t="s">
        <v>69</v>
      </c>
      <c r="J8461" s="5" t="s">
        <v>24629</v>
      </c>
      <c r="K8461" s="2" t="s">
        <v>24630</v>
      </c>
      <c r="L8461" s="5" t="s">
        <v>24629</v>
      </c>
      <c r="M8461" s="2" t="s">
        <v>24630</v>
      </c>
      <c r="N8461" s="5" t="s">
        <v>24254</v>
      </c>
      <c r="O8461" s="5" t="s">
        <v>38</v>
      </c>
      <c r="P8461" s="5" t="s">
        <v>39</v>
      </c>
      <c r="Q8461" s="5" t="s">
        <v>40</v>
      </c>
      <c r="R8461" s="5" t="s">
        <v>24335</v>
      </c>
      <c r="S8461" s="5" t="s">
        <v>40</v>
      </c>
      <c r="T8461" s="5" t="s">
        <v>42</v>
      </c>
      <c r="U8461" s="2">
        <v>4.8550000000000004</v>
      </c>
      <c r="V8461" s="2">
        <v>3.7429999999999999</v>
      </c>
      <c r="W8461" s="2">
        <v>5.8999999999999997E-2</v>
      </c>
      <c r="X8461" s="2">
        <v>12</v>
      </c>
      <c r="Y8461" s="2">
        <v>42.5</v>
      </c>
      <c r="Z8461" s="2">
        <v>116.4</v>
      </c>
      <c r="AA8461" s="5">
        <v>20</v>
      </c>
      <c r="AB8461" s="5" t="s">
        <v>43</v>
      </c>
      <c r="AC8461" s="5" t="s">
        <v>44</v>
      </c>
      <c r="AD8461" s="2" t="s">
        <v>25897</v>
      </c>
      <c r="AE8461" s="1"/>
    </row>
    <row r="8462" spans="1:31" ht="14.45">
      <c r="A8462" s="11"/>
      <c r="B8462" s="20"/>
      <c r="C8462" s="2" t="s">
        <v>25938</v>
      </c>
      <c r="D8462" s="14" t="s">
        <v>25939</v>
      </c>
      <c r="E8462" s="2" t="s">
        <v>25940</v>
      </c>
      <c r="F8462" s="2" t="s">
        <v>25163</v>
      </c>
      <c r="G8462" s="8">
        <v>260</v>
      </c>
      <c r="H8462" s="5">
        <v>5</v>
      </c>
      <c r="I8462" s="5" t="s">
        <v>69</v>
      </c>
      <c r="J8462" s="5" t="s">
        <v>24629</v>
      </c>
      <c r="K8462" s="2" t="s">
        <v>24630</v>
      </c>
      <c r="L8462" s="5" t="s">
        <v>24629</v>
      </c>
      <c r="M8462" s="2" t="s">
        <v>24630</v>
      </c>
      <c r="N8462" s="5" t="s">
        <v>24254</v>
      </c>
      <c r="O8462" s="5" t="s">
        <v>38</v>
      </c>
      <c r="P8462" s="5" t="s">
        <v>39</v>
      </c>
      <c r="Q8462" s="5" t="s">
        <v>40</v>
      </c>
      <c r="R8462" s="5" t="s">
        <v>24340</v>
      </c>
      <c r="S8462" s="5" t="s">
        <v>40</v>
      </c>
      <c r="T8462" s="5" t="s">
        <v>42</v>
      </c>
      <c r="U8462" s="2">
        <v>10.532</v>
      </c>
      <c r="V8462" s="2">
        <v>9.0340000000000007</v>
      </c>
      <c r="W8462" s="2">
        <v>5.8999999999999997E-2</v>
      </c>
      <c r="X8462" s="2">
        <v>12</v>
      </c>
      <c r="Y8462" s="2">
        <v>42.5</v>
      </c>
      <c r="Z8462" s="2">
        <v>116.4</v>
      </c>
      <c r="AA8462" s="5">
        <v>20</v>
      </c>
      <c r="AB8462" s="5" t="s">
        <v>43</v>
      </c>
      <c r="AC8462" s="5" t="s">
        <v>44</v>
      </c>
      <c r="AD8462" s="2" t="s">
        <v>25901</v>
      </c>
      <c r="AE8462" s="1"/>
    </row>
    <row r="8463" spans="1:31" ht="14.45">
      <c r="A8463" s="11"/>
      <c r="B8463" s="20"/>
      <c r="C8463" s="2" t="s">
        <v>25941</v>
      </c>
      <c r="D8463" s="14" t="s">
        <v>25942</v>
      </c>
      <c r="E8463" s="2" t="s">
        <v>25943</v>
      </c>
      <c r="F8463" s="2" t="s">
        <v>25163</v>
      </c>
      <c r="G8463" s="8">
        <v>260</v>
      </c>
      <c r="H8463" s="5">
        <v>15</v>
      </c>
      <c r="I8463" s="5" t="s">
        <v>69</v>
      </c>
      <c r="J8463" s="5" t="s">
        <v>24629</v>
      </c>
      <c r="K8463" s="2" t="s">
        <v>24630</v>
      </c>
      <c r="L8463" s="5" t="s">
        <v>24629</v>
      </c>
      <c r="M8463" s="2" t="s">
        <v>24630</v>
      </c>
      <c r="N8463" s="5" t="s">
        <v>24254</v>
      </c>
      <c r="O8463" s="5" t="s">
        <v>38</v>
      </c>
      <c r="P8463" s="5" t="s">
        <v>39</v>
      </c>
      <c r="Q8463" s="5" t="s">
        <v>40</v>
      </c>
      <c r="R8463" s="5" t="s">
        <v>25301</v>
      </c>
      <c r="S8463" s="5" t="s">
        <v>40</v>
      </c>
      <c r="T8463" s="5" t="s">
        <v>42</v>
      </c>
      <c r="U8463" s="2">
        <v>8.8710000000000004</v>
      </c>
      <c r="V8463" s="2">
        <v>7.7729999999999997</v>
      </c>
      <c r="W8463" s="2">
        <v>5.8999999999999997E-2</v>
      </c>
      <c r="X8463" s="2">
        <v>12</v>
      </c>
      <c r="Y8463" s="2">
        <v>42.5</v>
      </c>
      <c r="Z8463" s="2">
        <v>116.4</v>
      </c>
      <c r="AA8463" s="5">
        <v>20</v>
      </c>
      <c r="AB8463" s="5" t="s">
        <v>43</v>
      </c>
      <c r="AC8463" s="5" t="s">
        <v>44</v>
      </c>
      <c r="AD8463" s="2" t="s">
        <v>25905</v>
      </c>
      <c r="AE8463" s="1"/>
    </row>
    <row r="8464" spans="1:31" ht="14.45">
      <c r="A8464" s="11"/>
      <c r="B8464" s="20"/>
      <c r="C8464" s="2" t="s">
        <v>25944</v>
      </c>
      <c r="D8464" s="14" t="s">
        <v>25945</v>
      </c>
      <c r="E8464" s="2" t="s">
        <v>25946</v>
      </c>
      <c r="F8464" s="2" t="s">
        <v>25909</v>
      </c>
      <c r="G8464" s="8">
        <v>149</v>
      </c>
      <c r="H8464" s="5">
        <v>5</v>
      </c>
      <c r="I8464" s="5" t="s">
        <v>69</v>
      </c>
      <c r="J8464" s="5" t="s">
        <v>24629</v>
      </c>
      <c r="K8464" s="2" t="s">
        <v>24630</v>
      </c>
      <c r="L8464" s="5" t="s">
        <v>24629</v>
      </c>
      <c r="M8464" s="2" t="s">
        <v>24630</v>
      </c>
      <c r="N8464" s="5" t="s">
        <v>24254</v>
      </c>
      <c r="O8464" s="5" t="s">
        <v>38</v>
      </c>
      <c r="P8464" s="5" t="s">
        <v>39</v>
      </c>
      <c r="Q8464" s="5" t="s">
        <v>40</v>
      </c>
      <c r="R8464" s="5" t="s">
        <v>24335</v>
      </c>
      <c r="S8464" s="5" t="s">
        <v>40</v>
      </c>
      <c r="T8464" s="5" t="s">
        <v>42</v>
      </c>
      <c r="U8464" s="2">
        <v>6.319</v>
      </c>
      <c r="V8464" s="2">
        <v>4.8330000000000002</v>
      </c>
      <c r="W8464" s="2">
        <v>7.5999999999999998E-2</v>
      </c>
      <c r="X8464" s="2">
        <v>12</v>
      </c>
      <c r="Y8464" s="2">
        <v>50</v>
      </c>
      <c r="Z8464" s="2">
        <v>125.9</v>
      </c>
      <c r="AA8464" s="5">
        <v>10</v>
      </c>
      <c r="AB8464" s="5" t="s">
        <v>43</v>
      </c>
      <c r="AC8464" s="5" t="s">
        <v>44</v>
      </c>
      <c r="AD8464" s="2" t="s">
        <v>25910</v>
      </c>
      <c r="AE8464" s="1"/>
    </row>
    <row r="8465" spans="1:31" ht="14.45">
      <c r="A8465" s="11"/>
      <c r="B8465" s="20"/>
      <c r="C8465" s="2" t="s">
        <v>25947</v>
      </c>
      <c r="D8465" s="14" t="s">
        <v>25948</v>
      </c>
      <c r="E8465" s="2" t="s">
        <v>25949</v>
      </c>
      <c r="F8465" s="2" t="s">
        <v>25163</v>
      </c>
      <c r="G8465" s="8">
        <v>119</v>
      </c>
      <c r="H8465" s="5">
        <v>5</v>
      </c>
      <c r="I8465" s="5" t="s">
        <v>69</v>
      </c>
      <c r="J8465" s="5" t="s">
        <v>24629</v>
      </c>
      <c r="K8465" s="2" t="s">
        <v>24630</v>
      </c>
      <c r="L8465" s="5" t="s">
        <v>24629</v>
      </c>
      <c r="M8465" s="2" t="s">
        <v>24630</v>
      </c>
      <c r="N8465" s="5" t="s">
        <v>24254</v>
      </c>
      <c r="O8465" s="5" t="s">
        <v>38</v>
      </c>
      <c r="P8465" s="5" t="s">
        <v>39</v>
      </c>
      <c r="Q8465" s="5" t="s">
        <v>40</v>
      </c>
      <c r="R8465" s="5" t="s">
        <v>24335</v>
      </c>
      <c r="S8465" s="5" t="s">
        <v>40</v>
      </c>
      <c r="T8465" s="5" t="s">
        <v>42</v>
      </c>
      <c r="U8465" s="2">
        <v>5.1660000000000004</v>
      </c>
      <c r="V8465" s="2">
        <v>4.0140000000000002</v>
      </c>
      <c r="W8465" s="2">
        <v>6.2E-2</v>
      </c>
      <c r="X8465" s="2">
        <v>12</v>
      </c>
      <c r="Y8465" s="2">
        <v>42.5</v>
      </c>
      <c r="Z8465" s="2">
        <v>122.4</v>
      </c>
      <c r="AA8465" s="5">
        <v>20</v>
      </c>
      <c r="AB8465" s="5" t="s">
        <v>43</v>
      </c>
      <c r="AC8465" s="5" t="s">
        <v>44</v>
      </c>
      <c r="AD8465" s="2" t="s">
        <v>25897</v>
      </c>
      <c r="AE8465" s="1"/>
    </row>
    <row r="8466" spans="1:31" ht="14.45">
      <c r="A8466" s="11"/>
      <c r="B8466" s="20"/>
      <c r="C8466" s="2" t="s">
        <v>25950</v>
      </c>
      <c r="D8466" s="14" t="s">
        <v>25951</v>
      </c>
      <c r="E8466" s="2" t="s">
        <v>25952</v>
      </c>
      <c r="F8466" s="2" t="s">
        <v>25163</v>
      </c>
      <c r="G8466" s="8">
        <v>270</v>
      </c>
      <c r="H8466" s="5">
        <v>5</v>
      </c>
      <c r="I8466" s="5" t="s">
        <v>69</v>
      </c>
      <c r="J8466" s="5" t="s">
        <v>24629</v>
      </c>
      <c r="K8466" s="2" t="s">
        <v>24630</v>
      </c>
      <c r="L8466" s="5" t="s">
        <v>24629</v>
      </c>
      <c r="M8466" s="2" t="s">
        <v>24630</v>
      </c>
      <c r="N8466" s="5" t="s">
        <v>24254</v>
      </c>
      <c r="O8466" s="5" t="s">
        <v>38</v>
      </c>
      <c r="P8466" s="5" t="s">
        <v>39</v>
      </c>
      <c r="Q8466" s="5" t="s">
        <v>40</v>
      </c>
      <c r="R8466" s="5" t="s">
        <v>24340</v>
      </c>
      <c r="S8466" s="5" t="s">
        <v>40</v>
      </c>
      <c r="T8466" s="5" t="s">
        <v>42</v>
      </c>
      <c r="U8466" s="2">
        <v>11.329000000000001</v>
      </c>
      <c r="V8466" s="2">
        <v>9.8309999999999995</v>
      </c>
      <c r="W8466" s="2">
        <v>6.2E-2</v>
      </c>
      <c r="X8466" s="2">
        <v>12</v>
      </c>
      <c r="Y8466" s="2">
        <v>42.5</v>
      </c>
      <c r="Z8466" s="2">
        <v>122.4</v>
      </c>
      <c r="AA8466" s="5">
        <v>20</v>
      </c>
      <c r="AB8466" s="5" t="s">
        <v>43</v>
      </c>
      <c r="AC8466" s="5" t="s">
        <v>44</v>
      </c>
      <c r="AD8466" s="2" t="s">
        <v>25901</v>
      </c>
      <c r="AE8466" s="1"/>
    </row>
    <row r="8467" spans="1:31" ht="14.45">
      <c r="A8467" s="11"/>
      <c r="B8467" s="20"/>
      <c r="C8467" s="2" t="s">
        <v>25953</v>
      </c>
      <c r="D8467" s="14" t="s">
        <v>25954</v>
      </c>
      <c r="E8467" s="2" t="s">
        <v>25955</v>
      </c>
      <c r="F8467" s="2" t="s">
        <v>25163</v>
      </c>
      <c r="G8467" s="8">
        <v>270</v>
      </c>
      <c r="H8467" s="5">
        <v>5</v>
      </c>
      <c r="I8467" s="5" t="s">
        <v>69</v>
      </c>
      <c r="J8467" s="5" t="s">
        <v>24629</v>
      </c>
      <c r="K8467" s="2" t="s">
        <v>24630</v>
      </c>
      <c r="L8467" s="5" t="s">
        <v>24629</v>
      </c>
      <c r="M8467" s="2" t="s">
        <v>24630</v>
      </c>
      <c r="N8467" s="5" t="s">
        <v>24254</v>
      </c>
      <c r="O8467" s="5" t="s">
        <v>38</v>
      </c>
      <c r="P8467" s="5" t="s">
        <v>39</v>
      </c>
      <c r="Q8467" s="5" t="s">
        <v>40</v>
      </c>
      <c r="R8467" s="5" t="s">
        <v>25301</v>
      </c>
      <c r="S8467" s="5" t="s">
        <v>40</v>
      </c>
      <c r="T8467" s="5" t="s">
        <v>42</v>
      </c>
      <c r="U8467" s="2">
        <v>9.9369999999999994</v>
      </c>
      <c r="V8467" s="2">
        <v>8.4380000000000006</v>
      </c>
      <c r="W8467" s="2">
        <v>6.2E-2</v>
      </c>
      <c r="X8467" s="2">
        <v>12</v>
      </c>
      <c r="Y8467" s="2">
        <v>42.5</v>
      </c>
      <c r="Z8467" s="2">
        <v>122.4</v>
      </c>
      <c r="AA8467" s="5">
        <v>20</v>
      </c>
      <c r="AB8467" s="5" t="s">
        <v>43</v>
      </c>
      <c r="AC8467" s="5" t="s">
        <v>44</v>
      </c>
      <c r="AD8467" s="2" t="s">
        <v>25905</v>
      </c>
      <c r="AE8467" s="1"/>
    </row>
    <row r="8468" spans="1:31" ht="14.45">
      <c r="A8468" s="11"/>
      <c r="B8468" s="20"/>
      <c r="C8468" s="2" t="s">
        <v>25956</v>
      </c>
      <c r="D8468" s="14" t="s">
        <v>25957</v>
      </c>
      <c r="E8468" s="2" t="s">
        <v>25958</v>
      </c>
      <c r="F8468" s="2" t="s">
        <v>25909</v>
      </c>
      <c r="G8468" s="8">
        <v>163</v>
      </c>
      <c r="H8468" s="5">
        <v>5</v>
      </c>
      <c r="I8468" s="5" t="s">
        <v>69</v>
      </c>
      <c r="J8468" s="5" t="s">
        <v>24629</v>
      </c>
      <c r="K8468" s="2" t="s">
        <v>24630</v>
      </c>
      <c r="L8468" s="5" t="s">
        <v>24629</v>
      </c>
      <c r="M8468" s="2" t="s">
        <v>24630</v>
      </c>
      <c r="N8468" s="5" t="s">
        <v>24254</v>
      </c>
      <c r="O8468" s="5" t="s">
        <v>38</v>
      </c>
      <c r="P8468" s="5" t="s">
        <v>39</v>
      </c>
      <c r="Q8468" s="5" t="s">
        <v>40</v>
      </c>
      <c r="R8468" s="5" t="s">
        <v>24335</v>
      </c>
      <c r="S8468" s="5" t="s">
        <v>40</v>
      </c>
      <c r="T8468" s="5" t="s">
        <v>42</v>
      </c>
      <c r="U8468" s="2">
        <v>6.7389999999999999</v>
      </c>
      <c r="V8468" s="2">
        <v>5.2530000000000001</v>
      </c>
      <c r="W8468" s="2">
        <v>7.5999999999999998E-2</v>
      </c>
      <c r="X8468" s="2">
        <v>12</v>
      </c>
      <c r="Y8468" s="2">
        <v>50</v>
      </c>
      <c r="Z8468" s="2">
        <v>125.9</v>
      </c>
      <c r="AA8468" s="5">
        <v>10</v>
      </c>
      <c r="AB8468" s="5" t="s">
        <v>43</v>
      </c>
      <c r="AC8468" s="5" t="s">
        <v>44</v>
      </c>
      <c r="AD8468" s="2" t="s">
        <v>25910</v>
      </c>
      <c r="AE8468" s="1"/>
    </row>
    <row r="8469" spans="1:31" ht="14.45">
      <c r="A8469" s="11"/>
      <c r="B8469" s="20"/>
      <c r="C8469" s="2" t="s">
        <v>25959</v>
      </c>
      <c r="D8469" s="14" t="s">
        <v>25960</v>
      </c>
      <c r="E8469" s="2" t="s">
        <v>25961</v>
      </c>
      <c r="F8469" s="2" t="s">
        <v>25163</v>
      </c>
      <c r="G8469" s="8">
        <v>123</v>
      </c>
      <c r="H8469" s="5">
        <v>10</v>
      </c>
      <c r="I8469" s="5" t="s">
        <v>69</v>
      </c>
      <c r="J8469" s="5" t="s">
        <v>24629</v>
      </c>
      <c r="K8469" s="2" t="s">
        <v>24630</v>
      </c>
      <c r="L8469" s="5" t="s">
        <v>24629</v>
      </c>
      <c r="M8469" s="2" t="s">
        <v>24630</v>
      </c>
      <c r="N8469" s="5" t="s">
        <v>24254</v>
      </c>
      <c r="O8469" s="5" t="s">
        <v>38</v>
      </c>
      <c r="P8469" s="5" t="s">
        <v>39</v>
      </c>
      <c r="Q8469" s="5" t="s">
        <v>40</v>
      </c>
      <c r="R8469" s="5" t="s">
        <v>24335</v>
      </c>
      <c r="S8469" s="5" t="s">
        <v>40</v>
      </c>
      <c r="T8469" s="5" t="s">
        <v>42</v>
      </c>
      <c r="U8469" s="2">
        <v>5.5919999999999996</v>
      </c>
      <c r="V8469" s="2">
        <v>4.2939999999999996</v>
      </c>
      <c r="W8469" s="2">
        <v>7.3999999999999996E-2</v>
      </c>
      <c r="X8469" s="2">
        <v>12</v>
      </c>
      <c r="Y8469" s="2">
        <v>42.5</v>
      </c>
      <c r="Z8469" s="2">
        <v>144.4</v>
      </c>
      <c r="AA8469" s="5">
        <v>20</v>
      </c>
      <c r="AB8469" s="5" t="s">
        <v>43</v>
      </c>
      <c r="AC8469" s="5" t="s">
        <v>44</v>
      </c>
      <c r="AD8469" s="2" t="s">
        <v>25897</v>
      </c>
      <c r="AE8469" s="1"/>
    </row>
    <row r="8470" spans="1:31" ht="14.45">
      <c r="A8470" s="11"/>
      <c r="B8470" s="20"/>
      <c r="C8470" s="2" t="s">
        <v>25962</v>
      </c>
      <c r="D8470" s="14" t="s">
        <v>25963</v>
      </c>
      <c r="E8470" s="2" t="s">
        <v>25964</v>
      </c>
      <c r="F8470" s="2" t="s">
        <v>25163</v>
      </c>
      <c r="G8470" s="8">
        <v>274</v>
      </c>
      <c r="H8470" s="5">
        <v>5</v>
      </c>
      <c r="I8470" s="5" t="s">
        <v>69</v>
      </c>
      <c r="J8470" s="5" t="s">
        <v>24629</v>
      </c>
      <c r="K8470" s="2" t="s">
        <v>24630</v>
      </c>
      <c r="L8470" s="5" t="s">
        <v>24629</v>
      </c>
      <c r="M8470" s="2" t="s">
        <v>24630</v>
      </c>
      <c r="N8470" s="5" t="s">
        <v>24254</v>
      </c>
      <c r="O8470" s="5" t="s">
        <v>38</v>
      </c>
      <c r="P8470" s="5" t="s">
        <v>39</v>
      </c>
      <c r="Q8470" s="5" t="s">
        <v>40</v>
      </c>
      <c r="R8470" s="5" t="s">
        <v>24340</v>
      </c>
      <c r="S8470" s="5" t="s">
        <v>40</v>
      </c>
      <c r="T8470" s="5" t="s">
        <v>42</v>
      </c>
      <c r="U8470" s="2">
        <v>12.151</v>
      </c>
      <c r="V8470" s="2">
        <v>10.653</v>
      </c>
      <c r="W8470" s="2">
        <v>7.3999999999999996E-2</v>
      </c>
      <c r="X8470" s="2">
        <v>12</v>
      </c>
      <c r="Y8470" s="2">
        <v>42.5</v>
      </c>
      <c r="Z8470" s="2">
        <v>144.4</v>
      </c>
      <c r="AA8470" s="5">
        <v>20</v>
      </c>
      <c r="AB8470" s="5" t="s">
        <v>43</v>
      </c>
      <c r="AC8470" s="5" t="s">
        <v>44</v>
      </c>
      <c r="AD8470" s="2" t="s">
        <v>25901</v>
      </c>
      <c r="AE8470" s="1"/>
    </row>
    <row r="8471" spans="1:31" ht="14.45">
      <c r="A8471" s="11"/>
      <c r="B8471" s="20"/>
      <c r="C8471" s="2" t="s">
        <v>25965</v>
      </c>
      <c r="D8471" s="14" t="s">
        <v>25966</v>
      </c>
      <c r="E8471" s="2" t="s">
        <v>25967</v>
      </c>
      <c r="F8471" s="2" t="s">
        <v>25163</v>
      </c>
      <c r="G8471" s="8">
        <v>274</v>
      </c>
      <c r="H8471" s="5">
        <v>15</v>
      </c>
      <c r="I8471" s="5" t="s">
        <v>69</v>
      </c>
      <c r="J8471" s="5" t="s">
        <v>24629</v>
      </c>
      <c r="K8471" s="2" t="s">
        <v>24630</v>
      </c>
      <c r="L8471" s="5" t="s">
        <v>24629</v>
      </c>
      <c r="M8471" s="2" t="s">
        <v>24630</v>
      </c>
      <c r="N8471" s="5" t="s">
        <v>24254</v>
      </c>
      <c r="O8471" s="5" t="s">
        <v>38</v>
      </c>
      <c r="P8471" s="5" t="s">
        <v>39</v>
      </c>
      <c r="Q8471" s="5" t="s">
        <v>40</v>
      </c>
      <c r="R8471" s="5" t="s">
        <v>25301</v>
      </c>
      <c r="S8471" s="5" t="s">
        <v>40</v>
      </c>
      <c r="T8471" s="5" t="s">
        <v>42</v>
      </c>
      <c r="U8471" s="2">
        <v>10.406000000000001</v>
      </c>
      <c r="V8471" s="2">
        <v>9.1219999999999999</v>
      </c>
      <c r="W8471" s="2">
        <v>7.3999999999999996E-2</v>
      </c>
      <c r="X8471" s="2">
        <v>12</v>
      </c>
      <c r="Y8471" s="2">
        <v>42.5</v>
      </c>
      <c r="Z8471" s="2">
        <v>144.4</v>
      </c>
      <c r="AA8471" s="5">
        <v>20</v>
      </c>
      <c r="AB8471" s="5" t="s">
        <v>43</v>
      </c>
      <c r="AC8471" s="5" t="s">
        <v>44</v>
      </c>
      <c r="AD8471" s="2" t="s">
        <v>25905</v>
      </c>
      <c r="AE8471" s="1"/>
    </row>
    <row r="8472" spans="1:31" ht="14.45">
      <c r="A8472" s="11"/>
      <c r="B8472" s="20"/>
      <c r="C8472" s="2" t="s">
        <v>25968</v>
      </c>
      <c r="D8472" s="14" t="s">
        <v>25969</v>
      </c>
      <c r="E8472" s="2" t="s">
        <v>25970</v>
      </c>
      <c r="F8472" s="2" t="s">
        <v>25909</v>
      </c>
      <c r="G8472" s="8">
        <v>168</v>
      </c>
      <c r="H8472" s="5">
        <v>5</v>
      </c>
      <c r="I8472" s="5" t="s">
        <v>69</v>
      </c>
      <c r="J8472" s="5" t="s">
        <v>24629</v>
      </c>
      <c r="K8472" s="2" t="s">
        <v>24630</v>
      </c>
      <c r="L8472" s="5" t="s">
        <v>24629</v>
      </c>
      <c r="M8472" s="2" t="s">
        <v>24630</v>
      </c>
      <c r="N8472" s="5" t="s">
        <v>24254</v>
      </c>
      <c r="O8472" s="5" t="s">
        <v>38</v>
      </c>
      <c r="P8472" s="5" t="s">
        <v>39</v>
      </c>
      <c r="Q8472" s="5" t="s">
        <v>40</v>
      </c>
      <c r="R8472" s="5" t="s">
        <v>24335</v>
      </c>
      <c r="S8472" s="5" t="s">
        <v>40</v>
      </c>
      <c r="T8472" s="5" t="s">
        <v>42</v>
      </c>
      <c r="U8472" s="2">
        <v>7.4080000000000004</v>
      </c>
      <c r="V8472" s="2">
        <v>5.69</v>
      </c>
      <c r="W8472" s="2">
        <v>9.2999999999999999E-2</v>
      </c>
      <c r="X8472" s="2">
        <v>12</v>
      </c>
      <c r="Y8472" s="2">
        <v>50</v>
      </c>
      <c r="Z8472" s="2">
        <v>154.4</v>
      </c>
      <c r="AA8472" s="5">
        <v>10</v>
      </c>
      <c r="AB8472" s="5" t="s">
        <v>43</v>
      </c>
      <c r="AC8472" s="5" t="s">
        <v>44</v>
      </c>
      <c r="AD8472" s="2" t="s">
        <v>25910</v>
      </c>
      <c r="AE8472" s="1"/>
    </row>
    <row r="8473" spans="1:31" ht="14.45">
      <c r="A8473" s="11"/>
      <c r="B8473" s="20"/>
      <c r="C8473" s="2" t="s">
        <v>25971</v>
      </c>
      <c r="D8473" s="14" t="s">
        <v>25972</v>
      </c>
      <c r="E8473" s="2" t="s">
        <v>25973</v>
      </c>
      <c r="F8473" s="2" t="s">
        <v>25163</v>
      </c>
      <c r="G8473" s="8">
        <v>117</v>
      </c>
      <c r="H8473" s="5">
        <v>5</v>
      </c>
      <c r="I8473" s="5" t="s">
        <v>69</v>
      </c>
      <c r="J8473" s="5" t="s">
        <v>24629</v>
      </c>
      <c r="K8473" s="2" t="s">
        <v>24630</v>
      </c>
      <c r="L8473" s="5" t="s">
        <v>24629</v>
      </c>
      <c r="M8473" s="2" t="s">
        <v>24630</v>
      </c>
      <c r="N8473" s="5" t="s">
        <v>24254</v>
      </c>
      <c r="O8473" s="5" t="s">
        <v>38</v>
      </c>
      <c r="P8473" s="5" t="s">
        <v>39</v>
      </c>
      <c r="Q8473" s="5" t="s">
        <v>40</v>
      </c>
      <c r="R8473" s="5" t="s">
        <v>24335</v>
      </c>
      <c r="S8473" s="5" t="s">
        <v>40</v>
      </c>
      <c r="T8473" s="5" t="s">
        <v>42</v>
      </c>
      <c r="U8473" s="2">
        <v>5.2869999999999999</v>
      </c>
      <c r="V8473" s="2">
        <v>4.1749999999999998</v>
      </c>
      <c r="W8473" s="2">
        <v>5.8999999999999997E-2</v>
      </c>
      <c r="X8473" s="2">
        <v>12</v>
      </c>
      <c r="Y8473" s="2">
        <v>42.5</v>
      </c>
      <c r="Z8473" s="2">
        <v>116.4</v>
      </c>
      <c r="AA8473" s="5">
        <v>20</v>
      </c>
      <c r="AB8473" s="5" t="s">
        <v>43</v>
      </c>
      <c r="AC8473" s="5" t="s">
        <v>44</v>
      </c>
      <c r="AD8473" s="2" t="s">
        <v>25897</v>
      </c>
      <c r="AE8473" s="1"/>
    </row>
    <row r="8474" spans="1:31" ht="14.45">
      <c r="A8474" s="11"/>
      <c r="B8474" s="20"/>
      <c r="C8474" s="2" t="s">
        <v>25974</v>
      </c>
      <c r="D8474" s="14" t="s">
        <v>25975</v>
      </c>
      <c r="E8474" s="2" t="s">
        <v>25976</v>
      </c>
      <c r="F8474" s="2" t="s">
        <v>25163</v>
      </c>
      <c r="G8474" s="8">
        <v>268</v>
      </c>
      <c r="H8474" s="5">
        <v>5</v>
      </c>
      <c r="I8474" s="5" t="s">
        <v>69</v>
      </c>
      <c r="J8474" s="5" t="s">
        <v>24629</v>
      </c>
      <c r="K8474" s="2" t="s">
        <v>24630</v>
      </c>
      <c r="L8474" s="5" t="s">
        <v>24629</v>
      </c>
      <c r="M8474" s="2" t="s">
        <v>24630</v>
      </c>
      <c r="N8474" s="5" t="s">
        <v>24254</v>
      </c>
      <c r="O8474" s="5" t="s">
        <v>38</v>
      </c>
      <c r="P8474" s="5" t="s">
        <v>39</v>
      </c>
      <c r="Q8474" s="5" t="s">
        <v>40</v>
      </c>
      <c r="R8474" s="5" t="s">
        <v>24340</v>
      </c>
      <c r="S8474" s="5" t="s">
        <v>40</v>
      </c>
      <c r="T8474" s="5" t="s">
        <v>42</v>
      </c>
      <c r="U8474" s="2">
        <v>10.779</v>
      </c>
      <c r="V8474" s="2">
        <v>9.6820000000000004</v>
      </c>
      <c r="W8474" s="2">
        <v>5.8999999999999997E-2</v>
      </c>
      <c r="X8474" s="2">
        <v>12</v>
      </c>
      <c r="Y8474" s="2">
        <v>42.5</v>
      </c>
      <c r="Z8474" s="2">
        <v>116.4</v>
      </c>
      <c r="AA8474" s="5">
        <v>20</v>
      </c>
      <c r="AB8474" s="5" t="s">
        <v>43</v>
      </c>
      <c r="AC8474" s="5" t="s">
        <v>44</v>
      </c>
      <c r="AD8474" s="2" t="s">
        <v>25901</v>
      </c>
      <c r="AE8474" s="1"/>
    </row>
    <row r="8475" spans="1:31" ht="14.45">
      <c r="A8475" s="11"/>
      <c r="B8475" s="20"/>
      <c r="C8475" s="2" t="s">
        <v>25977</v>
      </c>
      <c r="D8475" s="14" t="s">
        <v>25978</v>
      </c>
      <c r="E8475" s="2" t="s">
        <v>25979</v>
      </c>
      <c r="F8475" s="2" t="s">
        <v>25163</v>
      </c>
      <c r="G8475" s="8">
        <v>268</v>
      </c>
      <c r="H8475" s="5">
        <v>5</v>
      </c>
      <c r="I8475" s="5" t="s">
        <v>69</v>
      </c>
      <c r="J8475" s="5" t="s">
        <v>24629</v>
      </c>
      <c r="K8475" s="2" t="s">
        <v>24630</v>
      </c>
      <c r="L8475" s="5" t="s">
        <v>24629</v>
      </c>
      <c r="M8475" s="2" t="s">
        <v>24630</v>
      </c>
      <c r="N8475" s="5" t="s">
        <v>24254</v>
      </c>
      <c r="O8475" s="5" t="s">
        <v>38</v>
      </c>
      <c r="P8475" s="5" t="s">
        <v>39</v>
      </c>
      <c r="Q8475" s="5" t="s">
        <v>40</v>
      </c>
      <c r="R8475" s="5" t="s">
        <v>25301</v>
      </c>
      <c r="S8475" s="5" t="s">
        <v>40</v>
      </c>
      <c r="T8475" s="5" t="s">
        <v>42</v>
      </c>
      <c r="U8475" s="2">
        <v>10.036</v>
      </c>
      <c r="V8475" s="2">
        <v>8.391</v>
      </c>
      <c r="W8475" s="2">
        <v>5.8999999999999997E-2</v>
      </c>
      <c r="X8475" s="2">
        <v>12</v>
      </c>
      <c r="Y8475" s="2">
        <v>42.5</v>
      </c>
      <c r="Z8475" s="2">
        <v>116.4</v>
      </c>
      <c r="AA8475" s="5">
        <v>20</v>
      </c>
      <c r="AB8475" s="5" t="s">
        <v>43</v>
      </c>
      <c r="AC8475" s="5" t="s">
        <v>44</v>
      </c>
      <c r="AD8475" s="2" t="s">
        <v>25905</v>
      </c>
      <c r="AE8475" s="1"/>
    </row>
    <row r="8476" spans="1:31" ht="14.45">
      <c r="A8476" s="11"/>
      <c r="B8476" s="20"/>
      <c r="C8476" s="2" t="s">
        <v>25980</v>
      </c>
      <c r="D8476" s="14" t="s">
        <v>25981</v>
      </c>
      <c r="E8476" s="2" t="s">
        <v>25982</v>
      </c>
      <c r="F8476" s="2" t="s">
        <v>25909</v>
      </c>
      <c r="G8476" s="8">
        <v>159</v>
      </c>
      <c r="H8476" s="5">
        <v>5</v>
      </c>
      <c r="I8476" s="5" t="s">
        <v>69</v>
      </c>
      <c r="J8476" s="5" t="s">
        <v>24629</v>
      </c>
      <c r="K8476" s="2" t="s">
        <v>24630</v>
      </c>
      <c r="L8476" s="5" t="s">
        <v>24629</v>
      </c>
      <c r="M8476" s="2" t="s">
        <v>24630</v>
      </c>
      <c r="N8476" s="5" t="s">
        <v>24254</v>
      </c>
      <c r="O8476" s="5" t="s">
        <v>38</v>
      </c>
      <c r="P8476" s="5" t="s">
        <v>39</v>
      </c>
      <c r="Q8476" s="5" t="s">
        <v>40</v>
      </c>
      <c r="R8476" s="5" t="s">
        <v>24335</v>
      </c>
      <c r="S8476" s="5" t="s">
        <v>40</v>
      </c>
      <c r="T8476" s="5" t="s">
        <v>42</v>
      </c>
      <c r="U8476" s="2">
        <v>6.7709999999999999</v>
      </c>
      <c r="V8476" s="2">
        <v>5.2850000000000001</v>
      </c>
      <c r="W8476" s="2">
        <v>7.5999999999999998E-2</v>
      </c>
      <c r="X8476" s="2">
        <v>12</v>
      </c>
      <c r="Y8476" s="2">
        <v>50</v>
      </c>
      <c r="Z8476" s="2">
        <v>125.9</v>
      </c>
      <c r="AA8476" s="5">
        <v>10</v>
      </c>
      <c r="AB8476" s="5" t="s">
        <v>43</v>
      </c>
      <c r="AC8476" s="5" t="s">
        <v>44</v>
      </c>
      <c r="AD8476" s="2" t="s">
        <v>25910</v>
      </c>
      <c r="AE8476" s="1"/>
    </row>
    <row r="8477" spans="1:31" ht="14.45">
      <c r="A8477" s="11"/>
      <c r="B8477" s="20"/>
      <c r="C8477" s="2" t="s">
        <v>25983</v>
      </c>
      <c r="D8477" s="14" t="s">
        <v>25984</v>
      </c>
      <c r="E8477" s="2" t="s">
        <v>25985</v>
      </c>
      <c r="F8477" s="2" t="s">
        <v>25163</v>
      </c>
      <c r="G8477" s="8">
        <v>123</v>
      </c>
      <c r="H8477" s="5">
        <v>5</v>
      </c>
      <c r="I8477" s="5" t="s">
        <v>69</v>
      </c>
      <c r="J8477" s="5" t="s">
        <v>24629</v>
      </c>
      <c r="K8477" s="2" t="s">
        <v>24630</v>
      </c>
      <c r="L8477" s="5" t="s">
        <v>24629</v>
      </c>
      <c r="M8477" s="2" t="s">
        <v>24630</v>
      </c>
      <c r="N8477" s="5" t="s">
        <v>24254</v>
      </c>
      <c r="O8477" s="5" t="s">
        <v>38</v>
      </c>
      <c r="P8477" s="5" t="s">
        <v>39</v>
      </c>
      <c r="Q8477" s="5" t="s">
        <v>40</v>
      </c>
      <c r="R8477" s="5" t="s">
        <v>24335</v>
      </c>
      <c r="S8477" s="5" t="s">
        <v>40</v>
      </c>
      <c r="T8477" s="5" t="s">
        <v>42</v>
      </c>
      <c r="U8477" s="2">
        <v>5.5190000000000001</v>
      </c>
      <c r="V8477" s="2">
        <v>4.3789999999999996</v>
      </c>
      <c r="W8477" s="2">
        <v>6.2E-2</v>
      </c>
      <c r="X8477" s="2">
        <v>12</v>
      </c>
      <c r="Y8477" s="2">
        <v>42.5</v>
      </c>
      <c r="Z8477" s="2">
        <v>122.4</v>
      </c>
      <c r="AA8477" s="5">
        <v>20</v>
      </c>
      <c r="AB8477" s="5" t="s">
        <v>43</v>
      </c>
      <c r="AC8477" s="5" t="s">
        <v>44</v>
      </c>
      <c r="AD8477" s="2" t="s">
        <v>25897</v>
      </c>
      <c r="AE8477" s="1"/>
    </row>
    <row r="8478" spans="1:31" ht="14.45">
      <c r="A8478" s="11"/>
      <c r="B8478" s="20"/>
      <c r="C8478" s="2" t="s">
        <v>25986</v>
      </c>
      <c r="D8478" s="14" t="s">
        <v>25987</v>
      </c>
      <c r="E8478" s="2" t="s">
        <v>25988</v>
      </c>
      <c r="F8478" s="2" t="s">
        <v>25163</v>
      </c>
      <c r="G8478" s="8">
        <v>274</v>
      </c>
      <c r="H8478" s="5">
        <v>15</v>
      </c>
      <c r="I8478" s="5" t="s">
        <v>69</v>
      </c>
      <c r="J8478" s="5" t="s">
        <v>24629</v>
      </c>
      <c r="K8478" s="2" t="s">
        <v>24630</v>
      </c>
      <c r="L8478" s="5" t="s">
        <v>24629</v>
      </c>
      <c r="M8478" s="2" t="s">
        <v>24630</v>
      </c>
      <c r="N8478" s="5" t="s">
        <v>24254</v>
      </c>
      <c r="O8478" s="5" t="s">
        <v>38</v>
      </c>
      <c r="P8478" s="5" t="s">
        <v>39</v>
      </c>
      <c r="Q8478" s="5" t="s">
        <v>40</v>
      </c>
      <c r="R8478" s="5" t="s">
        <v>24340</v>
      </c>
      <c r="S8478" s="5" t="s">
        <v>40</v>
      </c>
      <c r="T8478" s="5" t="s">
        <v>42</v>
      </c>
      <c r="U8478" s="2">
        <v>11.615</v>
      </c>
      <c r="V8478" s="2">
        <v>10.478</v>
      </c>
      <c r="W8478" s="2">
        <v>6.2E-2</v>
      </c>
      <c r="X8478" s="2">
        <v>12</v>
      </c>
      <c r="Y8478" s="2">
        <v>42.5</v>
      </c>
      <c r="Z8478" s="2">
        <v>122.4</v>
      </c>
      <c r="AA8478" s="5">
        <v>20</v>
      </c>
      <c r="AB8478" s="5" t="s">
        <v>43</v>
      </c>
      <c r="AC8478" s="5" t="s">
        <v>44</v>
      </c>
      <c r="AD8478" s="2" t="s">
        <v>25901</v>
      </c>
      <c r="AE8478" s="1"/>
    </row>
    <row r="8479" spans="1:31" ht="14.45">
      <c r="A8479" s="11"/>
      <c r="B8479" s="20"/>
      <c r="C8479" s="2" t="s">
        <v>25989</v>
      </c>
      <c r="D8479" s="14" t="s">
        <v>25990</v>
      </c>
      <c r="E8479" s="2" t="s">
        <v>25991</v>
      </c>
      <c r="F8479" s="2" t="s">
        <v>25163</v>
      </c>
      <c r="G8479" s="8">
        <v>274</v>
      </c>
      <c r="H8479" s="5">
        <v>5</v>
      </c>
      <c r="I8479" s="5" t="s">
        <v>69</v>
      </c>
      <c r="J8479" s="5" t="s">
        <v>24629</v>
      </c>
      <c r="K8479" s="2" t="s">
        <v>24630</v>
      </c>
      <c r="L8479" s="5" t="s">
        <v>24629</v>
      </c>
      <c r="M8479" s="2" t="s">
        <v>24630</v>
      </c>
      <c r="N8479" s="5" t="s">
        <v>24254</v>
      </c>
      <c r="O8479" s="5" t="s">
        <v>38</v>
      </c>
      <c r="P8479" s="5" t="s">
        <v>39</v>
      </c>
      <c r="Q8479" s="5" t="s">
        <v>40</v>
      </c>
      <c r="R8479" s="5" t="s">
        <v>25301</v>
      </c>
      <c r="S8479" s="5" t="s">
        <v>40</v>
      </c>
      <c r="T8479" s="5" t="s">
        <v>42</v>
      </c>
      <c r="U8479" s="2">
        <v>10.699</v>
      </c>
      <c r="V8479" s="2">
        <v>9.0540000000000003</v>
      </c>
      <c r="W8479" s="2">
        <v>6.2E-2</v>
      </c>
      <c r="X8479" s="2">
        <v>12</v>
      </c>
      <c r="Y8479" s="2">
        <v>42.5</v>
      </c>
      <c r="Z8479" s="2">
        <v>122.4</v>
      </c>
      <c r="AA8479" s="5">
        <v>20</v>
      </c>
      <c r="AB8479" s="5" t="s">
        <v>43</v>
      </c>
      <c r="AC8479" s="5" t="s">
        <v>44</v>
      </c>
      <c r="AD8479" s="2" t="s">
        <v>25905</v>
      </c>
      <c r="AE8479" s="1"/>
    </row>
    <row r="8480" spans="1:31" ht="14.45">
      <c r="A8480" s="11"/>
      <c r="B8480" s="20"/>
      <c r="C8480" s="2" t="s">
        <v>25992</v>
      </c>
      <c r="D8480" s="14" t="s">
        <v>25993</v>
      </c>
      <c r="E8480" s="2" t="s">
        <v>25994</v>
      </c>
      <c r="F8480" s="2" t="s">
        <v>25909</v>
      </c>
      <c r="G8480" s="8">
        <v>168</v>
      </c>
      <c r="H8480" s="5">
        <v>5</v>
      </c>
      <c r="I8480" s="5" t="s">
        <v>69</v>
      </c>
      <c r="J8480" s="5" t="s">
        <v>24629</v>
      </c>
      <c r="K8480" s="2" t="s">
        <v>24630</v>
      </c>
      <c r="L8480" s="5" t="s">
        <v>24629</v>
      </c>
      <c r="M8480" s="2" t="s">
        <v>24630</v>
      </c>
      <c r="N8480" s="5" t="s">
        <v>24254</v>
      </c>
      <c r="O8480" s="5" t="s">
        <v>38</v>
      </c>
      <c r="P8480" s="5" t="s">
        <v>39</v>
      </c>
      <c r="Q8480" s="5" t="s">
        <v>40</v>
      </c>
      <c r="R8480" s="5" t="s">
        <v>24335</v>
      </c>
      <c r="S8480" s="5" t="s">
        <v>40</v>
      </c>
      <c r="T8480" s="5" t="s">
        <v>42</v>
      </c>
      <c r="U8480" s="2">
        <v>7.1959999999999997</v>
      </c>
      <c r="V8480" s="2">
        <v>5.71</v>
      </c>
      <c r="W8480" s="2">
        <v>7.5999999999999998E-2</v>
      </c>
      <c r="X8480" s="2">
        <v>12</v>
      </c>
      <c r="Y8480" s="2">
        <v>50</v>
      </c>
      <c r="Z8480" s="2">
        <v>125.9</v>
      </c>
      <c r="AA8480" s="5">
        <v>10</v>
      </c>
      <c r="AB8480" s="5" t="s">
        <v>43</v>
      </c>
      <c r="AC8480" s="5" t="s">
        <v>44</v>
      </c>
      <c r="AD8480" s="2" t="s">
        <v>25910</v>
      </c>
      <c r="AE8480" s="1"/>
    </row>
    <row r="8481" spans="1:31" ht="14.45">
      <c r="A8481" s="11"/>
      <c r="B8481" s="20"/>
      <c r="C8481" s="2" t="s">
        <v>25995</v>
      </c>
      <c r="D8481" s="14" t="s">
        <v>25996</v>
      </c>
      <c r="E8481" s="2" t="s">
        <v>25997</v>
      </c>
      <c r="F8481" s="2" t="s">
        <v>25163</v>
      </c>
      <c r="G8481" s="8">
        <v>129</v>
      </c>
      <c r="H8481" s="5">
        <v>5</v>
      </c>
      <c r="I8481" s="5" t="s">
        <v>69</v>
      </c>
      <c r="J8481" s="5" t="s">
        <v>24629</v>
      </c>
      <c r="K8481" s="2" t="s">
        <v>24630</v>
      </c>
      <c r="L8481" s="5" t="s">
        <v>24629</v>
      </c>
      <c r="M8481" s="2" t="s">
        <v>24630</v>
      </c>
      <c r="N8481" s="5" t="s">
        <v>24254</v>
      </c>
      <c r="O8481" s="5" t="s">
        <v>38</v>
      </c>
      <c r="P8481" s="5" t="s">
        <v>39</v>
      </c>
      <c r="Q8481" s="5" t="s">
        <v>40</v>
      </c>
      <c r="R8481" s="5" t="s">
        <v>24335</v>
      </c>
      <c r="S8481" s="5" t="s">
        <v>40</v>
      </c>
      <c r="T8481" s="5" t="s">
        <v>42</v>
      </c>
      <c r="U8481" s="2">
        <v>6.0250000000000004</v>
      </c>
      <c r="V8481" s="2">
        <v>4.7270000000000003</v>
      </c>
      <c r="W8481" s="2">
        <v>7.3999999999999996E-2</v>
      </c>
      <c r="X8481" s="2">
        <v>12</v>
      </c>
      <c r="Y8481" s="2">
        <v>42.5</v>
      </c>
      <c r="Z8481" s="2">
        <v>144.4</v>
      </c>
      <c r="AA8481" s="5">
        <v>20</v>
      </c>
      <c r="AB8481" s="5" t="s">
        <v>43</v>
      </c>
      <c r="AC8481" s="5" t="s">
        <v>44</v>
      </c>
      <c r="AD8481" s="2" t="s">
        <v>25897</v>
      </c>
      <c r="AE8481" s="1"/>
    </row>
    <row r="8482" spans="1:31" ht="14.45">
      <c r="A8482" s="11"/>
      <c r="B8482" s="20"/>
      <c r="C8482" s="2" t="s">
        <v>25998</v>
      </c>
      <c r="D8482" s="14" t="s">
        <v>25999</v>
      </c>
      <c r="E8482" s="2" t="s">
        <v>26000</v>
      </c>
      <c r="F8482" s="2" t="s">
        <v>25163</v>
      </c>
      <c r="G8482" s="8">
        <v>280</v>
      </c>
      <c r="H8482" s="5">
        <v>5</v>
      </c>
      <c r="I8482" s="5" t="s">
        <v>69</v>
      </c>
      <c r="J8482" s="5" t="s">
        <v>24629</v>
      </c>
      <c r="K8482" s="2" t="s">
        <v>24630</v>
      </c>
      <c r="L8482" s="5" t="s">
        <v>24629</v>
      </c>
      <c r="M8482" s="2" t="s">
        <v>24630</v>
      </c>
      <c r="N8482" s="5" t="s">
        <v>24254</v>
      </c>
      <c r="O8482" s="5" t="s">
        <v>38</v>
      </c>
      <c r="P8482" s="5" t="s">
        <v>39</v>
      </c>
      <c r="Q8482" s="5" t="s">
        <v>40</v>
      </c>
      <c r="R8482" s="5" t="s">
        <v>24340</v>
      </c>
      <c r="S8482" s="5" t="s">
        <v>40</v>
      </c>
      <c r="T8482" s="5" t="s">
        <v>42</v>
      </c>
      <c r="U8482" s="2">
        <v>12.946999999999999</v>
      </c>
      <c r="V8482" s="2">
        <v>11.303000000000001</v>
      </c>
      <c r="W8482" s="2">
        <v>7.3999999999999996E-2</v>
      </c>
      <c r="X8482" s="2">
        <v>12</v>
      </c>
      <c r="Y8482" s="2">
        <v>42.5</v>
      </c>
      <c r="Z8482" s="2">
        <v>144.4</v>
      </c>
      <c r="AA8482" s="5">
        <v>20</v>
      </c>
      <c r="AB8482" s="5" t="s">
        <v>43</v>
      </c>
      <c r="AC8482" s="5" t="s">
        <v>44</v>
      </c>
      <c r="AD8482" s="2" t="s">
        <v>25901</v>
      </c>
      <c r="AE8482" s="1"/>
    </row>
    <row r="8483" spans="1:31" ht="14.45">
      <c r="A8483" s="11"/>
      <c r="B8483" s="20"/>
      <c r="C8483" s="2" t="s">
        <v>26001</v>
      </c>
      <c r="D8483" s="14" t="s">
        <v>26002</v>
      </c>
      <c r="E8483" s="2" t="s">
        <v>26003</v>
      </c>
      <c r="F8483" s="2" t="s">
        <v>25163</v>
      </c>
      <c r="G8483" s="8">
        <v>280</v>
      </c>
      <c r="H8483" s="5">
        <v>5</v>
      </c>
      <c r="I8483" s="5" t="s">
        <v>69</v>
      </c>
      <c r="J8483" s="5" t="s">
        <v>24629</v>
      </c>
      <c r="K8483" s="2" t="s">
        <v>24630</v>
      </c>
      <c r="L8483" s="5" t="s">
        <v>24629</v>
      </c>
      <c r="M8483" s="2" t="s">
        <v>24630</v>
      </c>
      <c r="N8483" s="5" t="s">
        <v>24254</v>
      </c>
      <c r="O8483" s="5" t="s">
        <v>38</v>
      </c>
      <c r="P8483" s="5" t="s">
        <v>39</v>
      </c>
      <c r="Q8483" s="5" t="s">
        <v>40</v>
      </c>
      <c r="R8483" s="5" t="s">
        <v>25301</v>
      </c>
      <c r="S8483" s="5" t="s">
        <v>40</v>
      </c>
      <c r="T8483" s="5" t="s">
        <v>42</v>
      </c>
      <c r="U8483" s="2">
        <v>11.385999999999999</v>
      </c>
      <c r="V8483" s="2">
        <v>9.7409999999999997</v>
      </c>
      <c r="W8483" s="2">
        <v>7.3999999999999996E-2</v>
      </c>
      <c r="X8483" s="2">
        <v>12</v>
      </c>
      <c r="Y8483" s="2">
        <v>42.5</v>
      </c>
      <c r="Z8483" s="2">
        <v>144.4</v>
      </c>
      <c r="AA8483" s="5">
        <v>20</v>
      </c>
      <c r="AB8483" s="5" t="s">
        <v>43</v>
      </c>
      <c r="AC8483" s="5" t="s">
        <v>44</v>
      </c>
      <c r="AD8483" s="2" t="s">
        <v>25905</v>
      </c>
      <c r="AE8483" s="1"/>
    </row>
    <row r="8484" spans="1:31" ht="14.45">
      <c r="A8484" s="11"/>
      <c r="B8484" s="20"/>
      <c r="C8484" s="2" t="s">
        <v>26004</v>
      </c>
      <c r="D8484" s="14" t="s">
        <v>26005</v>
      </c>
      <c r="E8484" s="2" t="s">
        <v>26006</v>
      </c>
      <c r="F8484" s="2" t="s">
        <v>25909</v>
      </c>
      <c r="G8484" s="8">
        <v>176</v>
      </c>
      <c r="H8484" s="5">
        <v>5</v>
      </c>
      <c r="I8484" s="5" t="s">
        <v>69</v>
      </c>
      <c r="J8484" s="5" t="s">
        <v>24629</v>
      </c>
      <c r="K8484" s="2" t="s">
        <v>24630</v>
      </c>
      <c r="L8484" s="5" t="s">
        <v>24629</v>
      </c>
      <c r="M8484" s="2" t="s">
        <v>24630</v>
      </c>
      <c r="N8484" s="5" t="s">
        <v>24254</v>
      </c>
      <c r="O8484" s="5" t="s">
        <v>38</v>
      </c>
      <c r="P8484" s="5" t="s">
        <v>39</v>
      </c>
      <c r="Q8484" s="5" t="s">
        <v>40</v>
      </c>
      <c r="R8484" s="5" t="s">
        <v>24335</v>
      </c>
      <c r="S8484" s="5" t="s">
        <v>40</v>
      </c>
      <c r="T8484" s="5" t="s">
        <v>42</v>
      </c>
      <c r="U8484" s="2">
        <v>7.8609999999999998</v>
      </c>
      <c r="V8484" s="2">
        <v>6.1429999999999998</v>
      </c>
      <c r="W8484" s="2">
        <v>9.2999999999999999E-2</v>
      </c>
      <c r="X8484" s="2">
        <v>12</v>
      </c>
      <c r="Y8484" s="2">
        <v>50</v>
      </c>
      <c r="Z8484" s="2">
        <v>154.4</v>
      </c>
      <c r="AA8484" s="5">
        <v>10</v>
      </c>
      <c r="AB8484" s="5" t="s">
        <v>43</v>
      </c>
      <c r="AC8484" s="5" t="s">
        <v>44</v>
      </c>
      <c r="AD8484" s="2" t="s">
        <v>25910</v>
      </c>
      <c r="AE8484" s="1"/>
    </row>
    <row r="8485" spans="1:31" ht="14.45">
      <c r="A8485" s="11"/>
      <c r="B8485" s="20"/>
      <c r="C8485" s="2" t="s">
        <v>26007</v>
      </c>
      <c r="D8485" s="14" t="s">
        <v>26008</v>
      </c>
      <c r="E8485" s="2" t="s">
        <v>26009</v>
      </c>
      <c r="F8485" s="2" t="s">
        <v>25163</v>
      </c>
      <c r="G8485" s="8">
        <v>148</v>
      </c>
      <c r="H8485" s="5">
        <v>10</v>
      </c>
      <c r="I8485" s="5" t="s">
        <v>69</v>
      </c>
      <c r="J8485" s="5" t="s">
        <v>24629</v>
      </c>
      <c r="K8485" s="2" t="s">
        <v>24630</v>
      </c>
      <c r="L8485" s="5" t="s">
        <v>24629</v>
      </c>
      <c r="M8485" s="2" t="s">
        <v>24630</v>
      </c>
      <c r="N8485" s="5" t="s">
        <v>24254</v>
      </c>
      <c r="O8485" s="5" t="s">
        <v>38</v>
      </c>
      <c r="P8485" s="5" t="s">
        <v>39</v>
      </c>
      <c r="Q8485" s="5" t="s">
        <v>40</v>
      </c>
      <c r="R8485" s="5" t="s">
        <v>24335</v>
      </c>
      <c r="S8485" s="5" t="s">
        <v>40</v>
      </c>
      <c r="T8485" s="5" t="s">
        <v>42</v>
      </c>
      <c r="U8485" s="2">
        <v>6.4290000000000003</v>
      </c>
      <c r="V8485" s="2">
        <v>4.9980000000000002</v>
      </c>
      <c r="W8485" s="2">
        <v>8.4000000000000005E-2</v>
      </c>
      <c r="X8485" s="2">
        <v>12</v>
      </c>
      <c r="Y8485" s="2">
        <v>42.5</v>
      </c>
      <c r="Z8485" s="2">
        <v>164.4</v>
      </c>
      <c r="AA8485" s="5">
        <v>20</v>
      </c>
      <c r="AB8485" s="5" t="s">
        <v>43</v>
      </c>
      <c r="AC8485" s="5" t="s">
        <v>44</v>
      </c>
      <c r="AD8485" s="2" t="s">
        <v>25897</v>
      </c>
      <c r="AE8485" s="1"/>
    </row>
    <row r="8486" spans="1:31" ht="14.45">
      <c r="A8486" s="11"/>
      <c r="B8486" s="20"/>
      <c r="C8486" s="2" t="s">
        <v>26010</v>
      </c>
      <c r="D8486" s="14" t="s">
        <v>26011</v>
      </c>
      <c r="E8486" s="2" t="s">
        <v>26012</v>
      </c>
      <c r="F8486" s="2" t="s">
        <v>25163</v>
      </c>
      <c r="G8486" s="8">
        <v>299</v>
      </c>
      <c r="H8486" s="5">
        <v>10</v>
      </c>
      <c r="I8486" s="5" t="s">
        <v>69</v>
      </c>
      <c r="J8486" s="5" t="s">
        <v>24629</v>
      </c>
      <c r="K8486" s="2" t="s">
        <v>24630</v>
      </c>
      <c r="L8486" s="5" t="s">
        <v>24629</v>
      </c>
      <c r="M8486" s="2" t="s">
        <v>24630</v>
      </c>
      <c r="N8486" s="5" t="s">
        <v>24254</v>
      </c>
      <c r="O8486" s="5" t="s">
        <v>38</v>
      </c>
      <c r="P8486" s="5" t="s">
        <v>39</v>
      </c>
      <c r="Q8486" s="5" t="s">
        <v>40</v>
      </c>
      <c r="R8486" s="5" t="s">
        <v>24340</v>
      </c>
      <c r="S8486" s="5" t="s">
        <v>40</v>
      </c>
      <c r="T8486" s="5" t="s">
        <v>42</v>
      </c>
      <c r="U8486" s="2">
        <v>13.75</v>
      </c>
      <c r="V8486" s="2">
        <v>12.106</v>
      </c>
      <c r="W8486" s="2">
        <v>8.4000000000000005E-2</v>
      </c>
      <c r="X8486" s="2">
        <v>12</v>
      </c>
      <c r="Y8486" s="2">
        <v>42.5</v>
      </c>
      <c r="Z8486" s="2">
        <v>164.4</v>
      </c>
      <c r="AA8486" s="5">
        <v>20</v>
      </c>
      <c r="AB8486" s="5" t="s">
        <v>43</v>
      </c>
      <c r="AC8486" s="5" t="s">
        <v>44</v>
      </c>
      <c r="AD8486" s="2" t="s">
        <v>25901</v>
      </c>
      <c r="AE8486" s="1"/>
    </row>
    <row r="8487" spans="1:31" ht="14.45">
      <c r="A8487" s="11"/>
      <c r="B8487" s="20"/>
      <c r="C8487" s="2" t="s">
        <v>26013</v>
      </c>
      <c r="D8487" s="14" t="s">
        <v>26014</v>
      </c>
      <c r="E8487" s="2" t="s">
        <v>26015</v>
      </c>
      <c r="F8487" s="2" t="s">
        <v>25163</v>
      </c>
      <c r="G8487" s="8">
        <v>299</v>
      </c>
      <c r="H8487" s="5">
        <v>15</v>
      </c>
      <c r="I8487" s="5" t="s">
        <v>69</v>
      </c>
      <c r="J8487" s="5" t="s">
        <v>24629</v>
      </c>
      <c r="K8487" s="2" t="s">
        <v>24630</v>
      </c>
      <c r="L8487" s="5" t="s">
        <v>24629</v>
      </c>
      <c r="M8487" s="2" t="s">
        <v>24630</v>
      </c>
      <c r="N8487" s="5" t="s">
        <v>24254</v>
      </c>
      <c r="O8487" s="5" t="s">
        <v>38</v>
      </c>
      <c r="P8487" s="5" t="s">
        <v>39</v>
      </c>
      <c r="Q8487" s="5" t="s">
        <v>40</v>
      </c>
      <c r="R8487" s="5" t="s">
        <v>25301</v>
      </c>
      <c r="S8487" s="5" t="s">
        <v>40</v>
      </c>
      <c r="T8487" s="5" t="s">
        <v>42</v>
      </c>
      <c r="U8487" s="2">
        <v>11.823</v>
      </c>
      <c r="V8487" s="2">
        <v>10.406000000000001</v>
      </c>
      <c r="W8487" s="2">
        <v>8.4000000000000005E-2</v>
      </c>
      <c r="X8487" s="2">
        <v>12</v>
      </c>
      <c r="Y8487" s="2">
        <v>42.5</v>
      </c>
      <c r="Z8487" s="2">
        <v>164.4</v>
      </c>
      <c r="AA8487" s="5">
        <v>20</v>
      </c>
      <c r="AB8487" s="5" t="s">
        <v>43</v>
      </c>
      <c r="AC8487" s="5" t="s">
        <v>44</v>
      </c>
      <c r="AD8487" s="2" t="s">
        <v>25905</v>
      </c>
      <c r="AE8487" s="1"/>
    </row>
    <row r="8488" spans="1:31" ht="14.45">
      <c r="A8488" s="11"/>
      <c r="B8488" s="20"/>
      <c r="C8488" s="2" t="s">
        <v>26016</v>
      </c>
      <c r="D8488" s="14" t="s">
        <v>26017</v>
      </c>
      <c r="E8488" s="2" t="s">
        <v>26018</v>
      </c>
      <c r="F8488" s="2" t="s">
        <v>25909</v>
      </c>
      <c r="G8488" s="8">
        <v>201</v>
      </c>
      <c r="H8488" s="5">
        <v>5</v>
      </c>
      <c r="I8488" s="5" t="s">
        <v>69</v>
      </c>
      <c r="J8488" s="5" t="s">
        <v>24629</v>
      </c>
      <c r="K8488" s="2" t="s">
        <v>24630</v>
      </c>
      <c r="L8488" s="5" t="s">
        <v>24629</v>
      </c>
      <c r="M8488" s="2" t="s">
        <v>24630</v>
      </c>
      <c r="N8488" s="5" t="s">
        <v>24254</v>
      </c>
      <c r="O8488" s="5" t="s">
        <v>38</v>
      </c>
      <c r="P8488" s="5" t="s">
        <v>39</v>
      </c>
      <c r="Q8488" s="5" t="s">
        <v>40</v>
      </c>
      <c r="R8488" s="5" t="s">
        <v>24335</v>
      </c>
      <c r="S8488" s="5" t="s">
        <v>40</v>
      </c>
      <c r="T8488" s="5" t="s">
        <v>42</v>
      </c>
      <c r="U8488" s="2">
        <v>8.4079999999999995</v>
      </c>
      <c r="V8488" s="2">
        <v>6.5659999999999998</v>
      </c>
      <c r="W8488" s="2">
        <v>0.104</v>
      </c>
      <c r="X8488" s="2">
        <v>12</v>
      </c>
      <c r="Y8488" s="2">
        <v>50</v>
      </c>
      <c r="Z8488" s="2">
        <v>173.9</v>
      </c>
      <c r="AA8488" s="5">
        <v>10</v>
      </c>
      <c r="AB8488" s="5" t="s">
        <v>43</v>
      </c>
      <c r="AC8488" s="5" t="s">
        <v>44</v>
      </c>
      <c r="AD8488" s="2" t="s">
        <v>25910</v>
      </c>
      <c r="AE8488" s="1"/>
    </row>
    <row r="8489" spans="1:31" ht="14.45">
      <c r="A8489" s="11"/>
      <c r="B8489" s="20"/>
      <c r="C8489" s="2" t="s">
        <v>26019</v>
      </c>
      <c r="D8489" s="14" t="s">
        <v>26020</v>
      </c>
      <c r="E8489" s="2" t="s">
        <v>26021</v>
      </c>
      <c r="F8489" s="2" t="s">
        <v>25163</v>
      </c>
      <c r="G8489" s="8">
        <v>150</v>
      </c>
      <c r="H8489" s="5">
        <v>10</v>
      </c>
      <c r="I8489" s="5" t="s">
        <v>69</v>
      </c>
      <c r="J8489" s="5" t="s">
        <v>24629</v>
      </c>
      <c r="K8489" s="2" t="s">
        <v>24630</v>
      </c>
      <c r="L8489" s="5" t="s">
        <v>24629</v>
      </c>
      <c r="M8489" s="2" t="s">
        <v>24630</v>
      </c>
      <c r="N8489" s="5" t="s">
        <v>24254</v>
      </c>
      <c r="O8489" s="5" t="s">
        <v>38</v>
      </c>
      <c r="P8489" s="5" t="s">
        <v>39</v>
      </c>
      <c r="Q8489" s="5" t="s">
        <v>40</v>
      </c>
      <c r="R8489" s="5" t="s">
        <v>24335</v>
      </c>
      <c r="S8489" s="5" t="s">
        <v>40</v>
      </c>
      <c r="T8489" s="5" t="s">
        <v>42</v>
      </c>
      <c r="U8489" s="2">
        <v>6.9169999999999998</v>
      </c>
      <c r="V8489" s="2">
        <v>5.3380000000000001</v>
      </c>
      <c r="W8489" s="2">
        <v>9.6000000000000002E-2</v>
      </c>
      <c r="X8489" s="2">
        <v>12</v>
      </c>
      <c r="Y8489" s="2">
        <v>42.5</v>
      </c>
      <c r="Z8489" s="2">
        <v>188.9</v>
      </c>
      <c r="AA8489" s="5">
        <v>20</v>
      </c>
      <c r="AB8489" s="5" t="s">
        <v>43</v>
      </c>
      <c r="AC8489" s="5" t="s">
        <v>44</v>
      </c>
      <c r="AD8489" s="2" t="s">
        <v>25897</v>
      </c>
      <c r="AE8489" s="1"/>
    </row>
    <row r="8490" spans="1:31" ht="14.45">
      <c r="A8490" s="11"/>
      <c r="B8490" s="20"/>
      <c r="C8490" s="2" t="s">
        <v>26022</v>
      </c>
      <c r="D8490" s="14" t="s">
        <v>26023</v>
      </c>
      <c r="E8490" s="2" t="s">
        <v>26024</v>
      </c>
      <c r="F8490" s="2" t="s">
        <v>25909</v>
      </c>
      <c r="G8490" s="8">
        <v>205</v>
      </c>
      <c r="H8490" s="5">
        <v>5</v>
      </c>
      <c r="I8490" s="5" t="s">
        <v>69</v>
      </c>
      <c r="J8490" s="5" t="s">
        <v>24629</v>
      </c>
      <c r="K8490" s="2" t="s">
        <v>24630</v>
      </c>
      <c r="L8490" s="5" t="s">
        <v>24629</v>
      </c>
      <c r="M8490" s="2" t="s">
        <v>24630</v>
      </c>
      <c r="N8490" s="5" t="s">
        <v>24254</v>
      </c>
      <c r="O8490" s="5" t="s">
        <v>38</v>
      </c>
      <c r="P8490" s="5" t="s">
        <v>39</v>
      </c>
      <c r="Q8490" s="5" t="s">
        <v>40</v>
      </c>
      <c r="R8490" s="5" t="s">
        <v>24335</v>
      </c>
      <c r="S8490" s="5" t="s">
        <v>40</v>
      </c>
      <c r="T8490" s="5" t="s">
        <v>42</v>
      </c>
      <c r="U8490" s="2">
        <v>8.984</v>
      </c>
      <c r="V8490" s="2">
        <v>6.9139999999999997</v>
      </c>
      <c r="W8490" s="2">
        <v>0.11600000000000001</v>
      </c>
      <c r="X8490" s="2">
        <v>12</v>
      </c>
      <c r="Y8490" s="2">
        <v>50</v>
      </c>
      <c r="Z8490" s="2">
        <v>193.9</v>
      </c>
      <c r="AA8490" s="5">
        <v>10</v>
      </c>
      <c r="AB8490" s="5" t="s">
        <v>43</v>
      </c>
      <c r="AC8490" s="5" t="s">
        <v>44</v>
      </c>
      <c r="AD8490" s="2" t="s">
        <v>25910</v>
      </c>
      <c r="AE8490" s="1"/>
    </row>
    <row r="8491" spans="1:31" ht="14.45">
      <c r="A8491" s="11"/>
      <c r="B8491" s="20"/>
      <c r="C8491" s="2" t="s">
        <v>26025</v>
      </c>
      <c r="D8491" s="14" t="s">
        <v>26026</v>
      </c>
      <c r="E8491" s="2" t="s">
        <v>26027</v>
      </c>
      <c r="F8491" s="2" t="s">
        <v>25163</v>
      </c>
      <c r="G8491" s="8">
        <v>172</v>
      </c>
      <c r="H8491" s="5">
        <v>15</v>
      </c>
      <c r="I8491" s="5" t="s">
        <v>69</v>
      </c>
      <c r="J8491" s="5" t="s">
        <v>24629</v>
      </c>
      <c r="K8491" s="2" t="s">
        <v>24630</v>
      </c>
      <c r="L8491" s="5" t="s">
        <v>24629</v>
      </c>
      <c r="M8491" s="2" t="s">
        <v>24630</v>
      </c>
      <c r="N8491" s="5" t="s">
        <v>24254</v>
      </c>
      <c r="O8491" s="5" t="s">
        <v>38</v>
      </c>
      <c r="P8491" s="5" t="s">
        <v>39</v>
      </c>
      <c r="Q8491" s="5" t="s">
        <v>40</v>
      </c>
      <c r="R8491" s="5" t="s">
        <v>24335</v>
      </c>
      <c r="S8491" s="5" t="s">
        <v>40</v>
      </c>
      <c r="T8491" s="5" t="s">
        <v>42</v>
      </c>
      <c r="U8491" s="2">
        <v>7.375</v>
      </c>
      <c r="V8491" s="2">
        <v>5.8869999999999996</v>
      </c>
      <c r="W8491" s="2">
        <v>8.4000000000000005E-2</v>
      </c>
      <c r="X8491" s="2">
        <v>12</v>
      </c>
      <c r="Y8491" s="2">
        <v>42.5</v>
      </c>
      <c r="Z8491" s="2">
        <v>164.4</v>
      </c>
      <c r="AA8491" s="5">
        <v>20</v>
      </c>
      <c r="AB8491" s="5" t="s">
        <v>43</v>
      </c>
      <c r="AC8491" s="5" t="s">
        <v>44</v>
      </c>
      <c r="AD8491" s="2" t="s">
        <v>25897</v>
      </c>
      <c r="AE8491" s="1"/>
    </row>
    <row r="8492" spans="1:31" ht="14.45">
      <c r="A8492" s="11"/>
      <c r="B8492" s="20"/>
      <c r="C8492" s="2" t="s">
        <v>26028</v>
      </c>
      <c r="D8492" s="14" t="s">
        <v>26029</v>
      </c>
      <c r="E8492" s="2" t="s">
        <v>26030</v>
      </c>
      <c r="F8492" s="2" t="s">
        <v>25163</v>
      </c>
      <c r="G8492" s="8">
        <v>323</v>
      </c>
      <c r="H8492" s="5">
        <v>15</v>
      </c>
      <c r="I8492" s="5" t="s">
        <v>69</v>
      </c>
      <c r="J8492" s="5" t="s">
        <v>24629</v>
      </c>
      <c r="K8492" s="2" t="s">
        <v>24630</v>
      </c>
      <c r="L8492" s="5" t="s">
        <v>24629</v>
      </c>
      <c r="M8492" s="2" t="s">
        <v>24630</v>
      </c>
      <c r="N8492" s="5" t="s">
        <v>24254</v>
      </c>
      <c r="O8492" s="5" t="s">
        <v>38</v>
      </c>
      <c r="P8492" s="5" t="s">
        <v>39</v>
      </c>
      <c r="Q8492" s="5" t="s">
        <v>40</v>
      </c>
      <c r="R8492" s="5" t="s">
        <v>24340</v>
      </c>
      <c r="S8492" s="5" t="s">
        <v>40</v>
      </c>
      <c r="T8492" s="5" t="s">
        <v>42</v>
      </c>
      <c r="U8492" s="2">
        <v>16.247</v>
      </c>
      <c r="V8492" s="2">
        <v>14.759</v>
      </c>
      <c r="W8492" s="2">
        <v>8.4000000000000005E-2</v>
      </c>
      <c r="X8492" s="2">
        <v>12</v>
      </c>
      <c r="Y8492" s="2">
        <v>42.5</v>
      </c>
      <c r="Z8492" s="2">
        <v>164.4</v>
      </c>
      <c r="AA8492" s="5">
        <v>20</v>
      </c>
      <c r="AB8492" s="5" t="s">
        <v>43</v>
      </c>
      <c r="AC8492" s="5" t="s">
        <v>44</v>
      </c>
      <c r="AD8492" s="2" t="s">
        <v>25901</v>
      </c>
      <c r="AE8492" s="1"/>
    </row>
    <row r="8493" spans="1:31" ht="14.45">
      <c r="A8493" s="11"/>
      <c r="B8493" s="20"/>
      <c r="C8493" s="2" t="s">
        <v>26031</v>
      </c>
      <c r="D8493" s="14" t="s">
        <v>26032</v>
      </c>
      <c r="E8493" s="2" t="s">
        <v>26033</v>
      </c>
      <c r="F8493" s="2" t="s">
        <v>25163</v>
      </c>
      <c r="G8493" s="8">
        <v>323</v>
      </c>
      <c r="H8493" s="5">
        <v>15</v>
      </c>
      <c r="I8493" s="5" t="s">
        <v>69</v>
      </c>
      <c r="J8493" s="5" t="s">
        <v>24629</v>
      </c>
      <c r="K8493" s="2" t="s">
        <v>24630</v>
      </c>
      <c r="L8493" s="5" t="s">
        <v>24629</v>
      </c>
      <c r="M8493" s="2" t="s">
        <v>24630</v>
      </c>
      <c r="N8493" s="5" t="s">
        <v>24254</v>
      </c>
      <c r="O8493" s="5" t="s">
        <v>38</v>
      </c>
      <c r="P8493" s="5" t="s">
        <v>39</v>
      </c>
      <c r="Q8493" s="5" t="s">
        <v>40</v>
      </c>
      <c r="R8493" s="5" t="s">
        <v>25301</v>
      </c>
      <c r="S8493" s="5" t="s">
        <v>40</v>
      </c>
      <c r="T8493" s="5" t="s">
        <v>42</v>
      </c>
      <c r="U8493" s="2">
        <v>13.944000000000001</v>
      </c>
      <c r="V8493" s="2">
        <v>12.455</v>
      </c>
      <c r="W8493" s="2">
        <v>8.4000000000000005E-2</v>
      </c>
      <c r="X8493" s="2">
        <v>12</v>
      </c>
      <c r="Y8493" s="2">
        <v>42.5</v>
      </c>
      <c r="Z8493" s="2">
        <v>164.4</v>
      </c>
      <c r="AA8493" s="5">
        <v>20</v>
      </c>
      <c r="AB8493" s="5" t="s">
        <v>43</v>
      </c>
      <c r="AC8493" s="5" t="s">
        <v>44</v>
      </c>
      <c r="AD8493" s="2" t="s">
        <v>25905</v>
      </c>
      <c r="AE8493" s="1"/>
    </row>
    <row r="8494" spans="1:31" ht="14.45">
      <c r="A8494" s="11"/>
      <c r="B8494" s="20"/>
      <c r="C8494" s="2" t="s">
        <v>26034</v>
      </c>
      <c r="D8494" s="14" t="s">
        <v>26035</v>
      </c>
      <c r="E8494" s="2" t="s">
        <v>26036</v>
      </c>
      <c r="F8494" s="2" t="s">
        <v>26037</v>
      </c>
      <c r="G8494" s="8">
        <v>235</v>
      </c>
      <c r="H8494" s="5">
        <v>10</v>
      </c>
      <c r="I8494" s="5" t="s">
        <v>69</v>
      </c>
      <c r="J8494" s="5" t="s">
        <v>24629</v>
      </c>
      <c r="K8494" s="2" t="s">
        <v>24630</v>
      </c>
      <c r="L8494" s="5" t="s">
        <v>24629</v>
      </c>
      <c r="M8494" s="2" t="s">
        <v>24630</v>
      </c>
      <c r="N8494" s="5" t="s">
        <v>24254</v>
      </c>
      <c r="O8494" s="5" t="s">
        <v>38</v>
      </c>
      <c r="P8494" s="5" t="s">
        <v>39</v>
      </c>
      <c r="Q8494" s="5" t="s">
        <v>40</v>
      </c>
      <c r="R8494" s="5" t="s">
        <v>24335</v>
      </c>
      <c r="S8494" s="5" t="s">
        <v>40</v>
      </c>
      <c r="T8494" s="5" t="s">
        <v>42</v>
      </c>
      <c r="U8494" s="2">
        <v>10.526</v>
      </c>
      <c r="V8494" s="2">
        <v>8.4079999999999995</v>
      </c>
      <c r="W8494" s="2">
        <v>0.11600000000000001</v>
      </c>
      <c r="X8494" s="2">
        <v>12</v>
      </c>
      <c r="Y8494" s="2">
        <v>50</v>
      </c>
      <c r="Z8494" s="2">
        <v>193.9</v>
      </c>
      <c r="AA8494" s="5">
        <v>10</v>
      </c>
      <c r="AB8494" s="5" t="s">
        <v>43</v>
      </c>
      <c r="AC8494" s="5" t="s">
        <v>44</v>
      </c>
      <c r="AD8494" s="2" t="s">
        <v>25910</v>
      </c>
      <c r="AE8494" s="1"/>
    </row>
    <row r="8495" spans="1:31" ht="14.45">
      <c r="A8495" s="11"/>
      <c r="B8495" s="20"/>
      <c r="C8495" s="2" t="s">
        <v>26038</v>
      </c>
      <c r="D8495" s="14" t="s">
        <v>26039</v>
      </c>
      <c r="E8495" s="2" t="s">
        <v>26040</v>
      </c>
      <c r="F8495" s="2" t="s">
        <v>25397</v>
      </c>
      <c r="G8495" s="8">
        <v>386</v>
      </c>
      <c r="H8495" s="5">
        <v>15</v>
      </c>
      <c r="I8495" s="5" t="s">
        <v>69</v>
      </c>
      <c r="J8495" s="5" t="s">
        <v>24629</v>
      </c>
      <c r="K8495" s="2" t="s">
        <v>24630</v>
      </c>
      <c r="L8495" s="5" t="s">
        <v>24629</v>
      </c>
      <c r="M8495" s="2" t="s">
        <v>24630</v>
      </c>
      <c r="N8495" s="5" t="s">
        <v>24254</v>
      </c>
      <c r="O8495" s="5" t="s">
        <v>38</v>
      </c>
      <c r="P8495" s="5" t="s">
        <v>39</v>
      </c>
      <c r="Q8495" s="5" t="s">
        <v>40</v>
      </c>
      <c r="R8495" s="5" t="s">
        <v>24340</v>
      </c>
      <c r="S8495" s="5" t="s">
        <v>40</v>
      </c>
      <c r="T8495" s="5" t="s">
        <v>42</v>
      </c>
      <c r="U8495" s="2">
        <v>19.407</v>
      </c>
      <c r="V8495" s="2">
        <v>17.541</v>
      </c>
      <c r="W8495" s="2">
        <v>0.11600000000000001</v>
      </c>
      <c r="X8495" s="2">
        <v>12</v>
      </c>
      <c r="Y8495" s="2">
        <v>50</v>
      </c>
      <c r="Z8495" s="2">
        <v>193.9</v>
      </c>
      <c r="AA8495" s="5">
        <v>10</v>
      </c>
      <c r="AB8495" s="5" t="s">
        <v>43</v>
      </c>
      <c r="AC8495" s="5" t="s">
        <v>44</v>
      </c>
      <c r="AD8495" s="2" t="s">
        <v>26041</v>
      </c>
      <c r="AE8495" s="1"/>
    </row>
    <row r="8496" spans="1:31" ht="14.45">
      <c r="A8496" s="11"/>
      <c r="B8496" s="20"/>
      <c r="C8496" s="2" t="s">
        <v>26042</v>
      </c>
      <c r="D8496" s="14" t="s">
        <v>26043</v>
      </c>
      <c r="E8496" s="2" t="s">
        <v>26044</v>
      </c>
      <c r="F8496" s="2" t="s">
        <v>25397</v>
      </c>
      <c r="G8496" s="8">
        <v>386</v>
      </c>
      <c r="H8496" s="5">
        <v>15</v>
      </c>
      <c r="I8496" s="5" t="s">
        <v>69</v>
      </c>
      <c r="J8496" s="5" t="s">
        <v>24629</v>
      </c>
      <c r="K8496" s="2" t="s">
        <v>24630</v>
      </c>
      <c r="L8496" s="5" t="s">
        <v>24629</v>
      </c>
      <c r="M8496" s="2" t="s">
        <v>24630</v>
      </c>
      <c r="N8496" s="5" t="s">
        <v>24254</v>
      </c>
      <c r="O8496" s="5" t="s">
        <v>38</v>
      </c>
      <c r="P8496" s="5" t="s">
        <v>39</v>
      </c>
      <c r="Q8496" s="5" t="s">
        <v>40</v>
      </c>
      <c r="R8496" s="5" t="s">
        <v>25301</v>
      </c>
      <c r="S8496" s="5" t="s">
        <v>40</v>
      </c>
      <c r="T8496" s="5" t="s">
        <v>42</v>
      </c>
      <c r="U8496" s="2">
        <v>17.103999999999999</v>
      </c>
      <c r="V8496" s="2">
        <v>15.237</v>
      </c>
      <c r="W8496" s="2">
        <v>0.11600000000000001</v>
      </c>
      <c r="X8496" s="2">
        <v>12</v>
      </c>
      <c r="Y8496" s="2">
        <v>50</v>
      </c>
      <c r="Z8496" s="2">
        <v>193.9</v>
      </c>
      <c r="AA8496" s="5">
        <v>10</v>
      </c>
      <c r="AB8496" s="5" t="s">
        <v>43</v>
      </c>
      <c r="AC8496" s="5" t="s">
        <v>44</v>
      </c>
      <c r="AD8496" s="2" t="s">
        <v>26045</v>
      </c>
      <c r="AE8496" s="1"/>
    </row>
    <row r="8497" spans="1:31" ht="14.45">
      <c r="A8497" s="11"/>
      <c r="B8497" s="20"/>
      <c r="C8497" s="2" t="s">
        <v>26046</v>
      </c>
      <c r="D8497" s="14" t="s">
        <v>26047</v>
      </c>
      <c r="E8497" s="2" t="s">
        <v>26048</v>
      </c>
      <c r="F8497" s="2" t="s">
        <v>25163</v>
      </c>
      <c r="G8497" s="8">
        <v>140</v>
      </c>
      <c r="H8497" s="5">
        <v>5</v>
      </c>
      <c r="I8497" s="5" t="s">
        <v>69</v>
      </c>
      <c r="J8497" s="5" t="s">
        <v>24629</v>
      </c>
      <c r="K8497" s="2" t="s">
        <v>24630</v>
      </c>
      <c r="L8497" s="5" t="s">
        <v>24629</v>
      </c>
      <c r="M8497" s="2" t="s">
        <v>24630</v>
      </c>
      <c r="N8497" s="5" t="s">
        <v>24254</v>
      </c>
      <c r="O8497" s="5" t="s">
        <v>38</v>
      </c>
      <c r="P8497" s="5" t="s">
        <v>39</v>
      </c>
      <c r="Q8497" s="5" t="s">
        <v>40</v>
      </c>
      <c r="R8497" s="5" t="s">
        <v>24335</v>
      </c>
      <c r="S8497" s="5" t="s">
        <v>40</v>
      </c>
      <c r="T8497" s="5" t="s">
        <v>42</v>
      </c>
      <c r="U8497" s="2">
        <v>5.9489999999999998</v>
      </c>
      <c r="V8497" s="2">
        <v>4.6509999999999998</v>
      </c>
      <c r="W8497" s="2">
        <v>7.3999999999999996E-2</v>
      </c>
      <c r="X8497" s="2">
        <v>12</v>
      </c>
      <c r="Y8497" s="2">
        <v>42.5</v>
      </c>
      <c r="Z8497" s="2">
        <v>144.4</v>
      </c>
      <c r="AA8497" s="5">
        <v>20</v>
      </c>
      <c r="AB8497" s="5" t="s">
        <v>43</v>
      </c>
      <c r="AC8497" s="5" t="s">
        <v>44</v>
      </c>
      <c r="AD8497" s="2" t="s">
        <v>25897</v>
      </c>
      <c r="AE8497" s="1"/>
    </row>
    <row r="8498" spans="1:31" ht="14.45">
      <c r="A8498" s="11"/>
      <c r="B8498" s="20"/>
      <c r="C8498" s="2" t="s">
        <v>26049</v>
      </c>
      <c r="D8498" s="14" t="s">
        <v>26050</v>
      </c>
      <c r="E8498" s="2" t="s">
        <v>26051</v>
      </c>
      <c r="F8498" s="2" t="s">
        <v>25163</v>
      </c>
      <c r="G8498" s="8">
        <v>291</v>
      </c>
      <c r="H8498" s="5">
        <v>5</v>
      </c>
      <c r="I8498" s="5" t="s">
        <v>69</v>
      </c>
      <c r="J8498" s="5" t="s">
        <v>24629</v>
      </c>
      <c r="K8498" s="2" t="s">
        <v>24630</v>
      </c>
      <c r="L8498" s="5" t="s">
        <v>24629</v>
      </c>
      <c r="M8498" s="2" t="s">
        <v>24630</v>
      </c>
      <c r="N8498" s="5" t="s">
        <v>24254</v>
      </c>
      <c r="O8498" s="5" t="s">
        <v>38</v>
      </c>
      <c r="P8498" s="5" t="s">
        <v>39</v>
      </c>
      <c r="Q8498" s="5" t="s">
        <v>40</v>
      </c>
      <c r="R8498" s="5" t="s">
        <v>24340</v>
      </c>
      <c r="S8498" s="5" t="s">
        <v>40</v>
      </c>
      <c r="T8498" s="5" t="s">
        <v>42</v>
      </c>
      <c r="U8498" s="2">
        <v>12.641999999999999</v>
      </c>
      <c r="V8498" s="2">
        <v>10.997999999999999</v>
      </c>
      <c r="W8498" s="2">
        <v>7.3999999999999996E-2</v>
      </c>
      <c r="X8498" s="2">
        <v>12</v>
      </c>
      <c r="Y8498" s="2">
        <v>42.5</v>
      </c>
      <c r="Z8498" s="2">
        <v>144.4</v>
      </c>
      <c r="AA8498" s="5">
        <v>20</v>
      </c>
      <c r="AB8498" s="5" t="s">
        <v>43</v>
      </c>
      <c r="AC8498" s="5" t="s">
        <v>44</v>
      </c>
      <c r="AD8498" s="2" t="s">
        <v>25901</v>
      </c>
      <c r="AE8498" s="1"/>
    </row>
    <row r="8499" spans="1:31" ht="14.45">
      <c r="A8499" s="11"/>
      <c r="B8499" s="20"/>
      <c r="C8499" s="2" t="s">
        <v>26052</v>
      </c>
      <c r="D8499" s="14" t="s">
        <v>26053</v>
      </c>
      <c r="E8499" s="2" t="s">
        <v>26054</v>
      </c>
      <c r="F8499" s="2" t="s">
        <v>25163</v>
      </c>
      <c r="G8499" s="8">
        <v>291</v>
      </c>
      <c r="H8499" s="5">
        <v>15</v>
      </c>
      <c r="I8499" s="5" t="s">
        <v>69</v>
      </c>
      <c r="J8499" s="5" t="s">
        <v>24629</v>
      </c>
      <c r="K8499" s="2" t="s">
        <v>24630</v>
      </c>
      <c r="L8499" s="5" t="s">
        <v>24629</v>
      </c>
      <c r="M8499" s="2" t="s">
        <v>24630</v>
      </c>
      <c r="N8499" s="5" t="s">
        <v>24254</v>
      </c>
      <c r="O8499" s="5" t="s">
        <v>38</v>
      </c>
      <c r="P8499" s="5" t="s">
        <v>39</v>
      </c>
      <c r="Q8499" s="5" t="s">
        <v>40</v>
      </c>
      <c r="R8499" s="5" t="s">
        <v>25301</v>
      </c>
      <c r="S8499" s="5" t="s">
        <v>40</v>
      </c>
      <c r="T8499" s="5" t="s">
        <v>42</v>
      </c>
      <c r="U8499" s="2">
        <v>10.798</v>
      </c>
      <c r="V8499" s="2">
        <v>9.5139999999999993</v>
      </c>
      <c r="W8499" s="2">
        <v>7.3999999999999996E-2</v>
      </c>
      <c r="X8499" s="2">
        <v>12</v>
      </c>
      <c r="Y8499" s="2">
        <v>42.5</v>
      </c>
      <c r="Z8499" s="2">
        <v>144.4</v>
      </c>
      <c r="AA8499" s="5">
        <v>20</v>
      </c>
      <c r="AB8499" s="5" t="s">
        <v>43</v>
      </c>
      <c r="AC8499" s="5" t="s">
        <v>44</v>
      </c>
      <c r="AD8499" s="2" t="s">
        <v>25905</v>
      </c>
      <c r="AE8499" s="1"/>
    </row>
    <row r="8500" spans="1:31" ht="14.45">
      <c r="A8500" s="11"/>
      <c r="B8500" s="20"/>
      <c r="C8500" s="2" t="s">
        <v>26055</v>
      </c>
      <c r="D8500" s="14" t="s">
        <v>26056</v>
      </c>
      <c r="E8500" s="2" t="s">
        <v>26057</v>
      </c>
      <c r="F8500" s="2" t="s">
        <v>25909</v>
      </c>
      <c r="G8500" s="8">
        <v>191</v>
      </c>
      <c r="H8500" s="5">
        <v>5</v>
      </c>
      <c r="I8500" s="5" t="s">
        <v>69</v>
      </c>
      <c r="J8500" s="5" t="s">
        <v>24629</v>
      </c>
      <c r="K8500" s="2" t="s">
        <v>24630</v>
      </c>
      <c r="L8500" s="5" t="s">
        <v>24629</v>
      </c>
      <c r="M8500" s="2" t="s">
        <v>24630</v>
      </c>
      <c r="N8500" s="5" t="s">
        <v>24254</v>
      </c>
      <c r="O8500" s="5" t="s">
        <v>38</v>
      </c>
      <c r="P8500" s="5" t="s">
        <v>39</v>
      </c>
      <c r="Q8500" s="5" t="s">
        <v>40</v>
      </c>
      <c r="R8500" s="5" t="s">
        <v>24335</v>
      </c>
      <c r="S8500" s="5" t="s">
        <v>40</v>
      </c>
      <c r="T8500" s="5" t="s">
        <v>42</v>
      </c>
      <c r="U8500" s="2">
        <v>7.5670000000000002</v>
      </c>
      <c r="V8500" s="2">
        <v>5.9930000000000003</v>
      </c>
      <c r="W8500" s="2">
        <v>8.3000000000000004E-2</v>
      </c>
      <c r="X8500" s="2">
        <v>12</v>
      </c>
      <c r="Y8500" s="2">
        <v>50</v>
      </c>
      <c r="Z8500" s="2">
        <v>137.9</v>
      </c>
      <c r="AA8500" s="5">
        <v>10</v>
      </c>
      <c r="AB8500" s="5" t="s">
        <v>43</v>
      </c>
      <c r="AC8500" s="5" t="s">
        <v>44</v>
      </c>
      <c r="AD8500" s="2" t="s">
        <v>25910</v>
      </c>
      <c r="AE8500" s="1"/>
    </row>
    <row r="8501" spans="1:31" ht="14.45">
      <c r="A8501" s="11"/>
      <c r="B8501" s="20"/>
      <c r="C8501" s="2" t="s">
        <v>26058</v>
      </c>
      <c r="D8501" s="14" t="s">
        <v>26059</v>
      </c>
      <c r="E8501" s="2" t="s">
        <v>26060</v>
      </c>
      <c r="F8501" s="2" t="s">
        <v>25163</v>
      </c>
      <c r="G8501" s="8">
        <v>148</v>
      </c>
      <c r="H8501" s="5">
        <v>5</v>
      </c>
      <c r="I8501" s="5" t="s">
        <v>69</v>
      </c>
      <c r="J8501" s="5" t="s">
        <v>24629</v>
      </c>
      <c r="K8501" s="2" t="s">
        <v>24630</v>
      </c>
      <c r="L8501" s="5" t="s">
        <v>24629</v>
      </c>
      <c r="M8501" s="2" t="s">
        <v>24630</v>
      </c>
      <c r="N8501" s="5" t="s">
        <v>24254</v>
      </c>
      <c r="O8501" s="5" t="s">
        <v>38</v>
      </c>
      <c r="P8501" s="5" t="s">
        <v>39</v>
      </c>
      <c r="Q8501" s="5" t="s">
        <v>40</v>
      </c>
      <c r="R8501" s="5" t="s">
        <v>24335</v>
      </c>
      <c r="S8501" s="5" t="s">
        <v>40</v>
      </c>
      <c r="T8501" s="5" t="s">
        <v>42</v>
      </c>
      <c r="U8501" s="2">
        <v>6.2290000000000001</v>
      </c>
      <c r="V8501" s="2">
        <v>4.931</v>
      </c>
      <c r="W8501" s="2">
        <v>7.3999999999999996E-2</v>
      </c>
      <c r="X8501" s="2">
        <v>12</v>
      </c>
      <c r="Y8501" s="2">
        <v>42.5</v>
      </c>
      <c r="Z8501" s="2">
        <v>144.4</v>
      </c>
      <c r="AA8501" s="5">
        <v>20</v>
      </c>
      <c r="AB8501" s="5" t="s">
        <v>43</v>
      </c>
      <c r="AC8501" s="5" t="s">
        <v>44</v>
      </c>
      <c r="AD8501" s="2" t="s">
        <v>25897</v>
      </c>
      <c r="AE8501" s="1"/>
    </row>
    <row r="8502" spans="1:31" ht="14.45">
      <c r="A8502" s="11"/>
      <c r="B8502" s="20"/>
      <c r="C8502" s="2" t="s">
        <v>26061</v>
      </c>
      <c r="D8502" s="14" t="s">
        <v>26062</v>
      </c>
      <c r="E8502" s="2" t="s">
        <v>26063</v>
      </c>
      <c r="F8502" s="2" t="s">
        <v>25163</v>
      </c>
      <c r="G8502" s="8">
        <v>299</v>
      </c>
      <c r="H8502" s="5">
        <v>5</v>
      </c>
      <c r="I8502" s="5" t="s">
        <v>69</v>
      </c>
      <c r="J8502" s="5" t="s">
        <v>24629</v>
      </c>
      <c r="K8502" s="2" t="s">
        <v>24630</v>
      </c>
      <c r="L8502" s="5" t="s">
        <v>24629</v>
      </c>
      <c r="M8502" s="2" t="s">
        <v>24630</v>
      </c>
      <c r="N8502" s="5" t="s">
        <v>24254</v>
      </c>
      <c r="O8502" s="5" t="s">
        <v>38</v>
      </c>
      <c r="P8502" s="5" t="s">
        <v>39</v>
      </c>
      <c r="Q8502" s="5" t="s">
        <v>40</v>
      </c>
      <c r="R8502" s="5" t="s">
        <v>24340</v>
      </c>
      <c r="S8502" s="5" t="s">
        <v>40</v>
      </c>
      <c r="T8502" s="5" t="s">
        <v>42</v>
      </c>
      <c r="U8502" s="2">
        <v>13.464</v>
      </c>
      <c r="V8502" s="2">
        <v>11.82</v>
      </c>
      <c r="W8502" s="2">
        <v>7.3999999999999996E-2</v>
      </c>
      <c r="X8502" s="2">
        <v>12</v>
      </c>
      <c r="Y8502" s="2">
        <v>42.5</v>
      </c>
      <c r="Z8502" s="2">
        <v>144.4</v>
      </c>
      <c r="AA8502" s="5">
        <v>20</v>
      </c>
      <c r="AB8502" s="5" t="s">
        <v>43</v>
      </c>
      <c r="AC8502" s="5" t="s">
        <v>44</v>
      </c>
      <c r="AD8502" s="2" t="s">
        <v>25901</v>
      </c>
      <c r="AE8502" s="1"/>
    </row>
    <row r="8503" spans="1:31" ht="14.45">
      <c r="A8503" s="11"/>
      <c r="B8503" s="20"/>
      <c r="C8503" s="2" t="s">
        <v>26064</v>
      </c>
      <c r="D8503" s="14" t="s">
        <v>26065</v>
      </c>
      <c r="E8503" s="2" t="s">
        <v>26066</v>
      </c>
      <c r="F8503" s="2" t="s">
        <v>25163</v>
      </c>
      <c r="G8503" s="8">
        <v>299</v>
      </c>
      <c r="H8503" s="5">
        <v>15</v>
      </c>
      <c r="I8503" s="5" t="s">
        <v>69</v>
      </c>
      <c r="J8503" s="5" t="s">
        <v>24629</v>
      </c>
      <c r="K8503" s="2" t="s">
        <v>24630</v>
      </c>
      <c r="L8503" s="5" t="s">
        <v>24629</v>
      </c>
      <c r="M8503" s="2" t="s">
        <v>24630</v>
      </c>
      <c r="N8503" s="5" t="s">
        <v>24254</v>
      </c>
      <c r="O8503" s="5" t="s">
        <v>38</v>
      </c>
      <c r="P8503" s="5" t="s">
        <v>39</v>
      </c>
      <c r="Q8503" s="5" t="s">
        <v>40</v>
      </c>
      <c r="R8503" s="5" t="s">
        <v>25301</v>
      </c>
      <c r="S8503" s="5" t="s">
        <v>40</v>
      </c>
      <c r="T8503" s="5" t="s">
        <v>42</v>
      </c>
      <c r="U8503" s="2">
        <v>11.484</v>
      </c>
      <c r="V8503" s="2">
        <v>10.199999999999999</v>
      </c>
      <c r="W8503" s="2">
        <v>7.3999999999999996E-2</v>
      </c>
      <c r="X8503" s="2">
        <v>12</v>
      </c>
      <c r="Y8503" s="2">
        <v>42.5</v>
      </c>
      <c r="Z8503" s="2">
        <v>144.4</v>
      </c>
      <c r="AA8503" s="5">
        <v>20</v>
      </c>
      <c r="AB8503" s="5" t="s">
        <v>43</v>
      </c>
      <c r="AC8503" s="5" t="s">
        <v>44</v>
      </c>
      <c r="AD8503" s="2" t="s">
        <v>25905</v>
      </c>
      <c r="AE8503" s="1"/>
    </row>
    <row r="8504" spans="1:31" ht="14.45">
      <c r="A8504" s="11"/>
      <c r="B8504" s="20"/>
      <c r="C8504" s="2" t="s">
        <v>26067</v>
      </c>
      <c r="D8504" s="14" t="s">
        <v>26068</v>
      </c>
      <c r="E8504" s="2" t="s">
        <v>26069</v>
      </c>
      <c r="F8504" s="2" t="s">
        <v>25909</v>
      </c>
      <c r="G8504" s="8">
        <v>201</v>
      </c>
      <c r="H8504" s="5">
        <v>5</v>
      </c>
      <c r="I8504" s="5" t="s">
        <v>69</v>
      </c>
      <c r="J8504" s="5" t="s">
        <v>24629</v>
      </c>
      <c r="K8504" s="2" t="s">
        <v>24630</v>
      </c>
      <c r="L8504" s="5" t="s">
        <v>24629</v>
      </c>
      <c r="M8504" s="2" t="s">
        <v>24630</v>
      </c>
      <c r="N8504" s="5" t="s">
        <v>24254</v>
      </c>
      <c r="O8504" s="5" t="s">
        <v>38</v>
      </c>
      <c r="P8504" s="5" t="s">
        <v>39</v>
      </c>
      <c r="Q8504" s="5" t="s">
        <v>40</v>
      </c>
      <c r="R8504" s="5" t="s">
        <v>24335</v>
      </c>
      <c r="S8504" s="5" t="s">
        <v>40</v>
      </c>
      <c r="T8504" s="5" t="s">
        <v>42</v>
      </c>
      <c r="U8504" s="2">
        <v>8.1489999999999991</v>
      </c>
      <c r="V8504" s="2">
        <v>6.431</v>
      </c>
      <c r="W8504" s="2">
        <v>9.2999999999999999E-2</v>
      </c>
      <c r="X8504" s="2">
        <v>12</v>
      </c>
      <c r="Y8504" s="2">
        <v>50</v>
      </c>
      <c r="Z8504" s="2">
        <v>154.4</v>
      </c>
      <c r="AA8504" s="5">
        <v>10</v>
      </c>
      <c r="AB8504" s="5" t="s">
        <v>43</v>
      </c>
      <c r="AC8504" s="5" t="s">
        <v>44</v>
      </c>
      <c r="AD8504" s="2" t="s">
        <v>25910</v>
      </c>
      <c r="AE8504" s="1"/>
    </row>
    <row r="8505" spans="1:31" ht="14.45">
      <c r="A8505" s="11"/>
      <c r="B8505" s="20"/>
      <c r="C8505" s="2" t="s">
        <v>26070</v>
      </c>
      <c r="D8505" s="14" t="s">
        <v>26071</v>
      </c>
      <c r="E8505" s="2" t="s">
        <v>26072</v>
      </c>
      <c r="F8505" s="2" t="s">
        <v>25163</v>
      </c>
      <c r="G8505" s="8">
        <v>156</v>
      </c>
      <c r="H8505" s="5">
        <v>5</v>
      </c>
      <c r="I8505" s="5" t="s">
        <v>69</v>
      </c>
      <c r="J8505" s="5" t="s">
        <v>24629</v>
      </c>
      <c r="K8505" s="2" t="s">
        <v>24630</v>
      </c>
      <c r="L8505" s="5" t="s">
        <v>24629</v>
      </c>
      <c r="M8505" s="2" t="s">
        <v>24630</v>
      </c>
      <c r="N8505" s="5" t="s">
        <v>24254</v>
      </c>
      <c r="O8505" s="5" t="s">
        <v>38</v>
      </c>
      <c r="P8505" s="5" t="s">
        <v>39</v>
      </c>
      <c r="Q8505" s="5" t="s">
        <v>40</v>
      </c>
      <c r="R8505" s="5" t="s">
        <v>24335</v>
      </c>
      <c r="S8505" s="5" t="s">
        <v>40</v>
      </c>
      <c r="T8505" s="5" t="s">
        <v>42</v>
      </c>
      <c r="U8505" s="2">
        <v>6.6319999999999997</v>
      </c>
      <c r="V8505" s="2">
        <v>5.2009999999999996</v>
      </c>
      <c r="W8505" s="2">
        <v>8.4000000000000005E-2</v>
      </c>
      <c r="X8505" s="2">
        <v>12</v>
      </c>
      <c r="Y8505" s="2">
        <v>42.5</v>
      </c>
      <c r="Z8505" s="2">
        <v>164.4</v>
      </c>
      <c r="AA8505" s="5">
        <v>20</v>
      </c>
      <c r="AB8505" s="5" t="s">
        <v>43</v>
      </c>
      <c r="AC8505" s="5" t="s">
        <v>44</v>
      </c>
      <c r="AD8505" s="2" t="s">
        <v>25897</v>
      </c>
      <c r="AE8505" s="1"/>
    </row>
    <row r="8506" spans="1:31" ht="14.45">
      <c r="A8506" s="11"/>
      <c r="B8506" s="20"/>
      <c r="C8506" s="2" t="s">
        <v>26073</v>
      </c>
      <c r="D8506" s="14" t="s">
        <v>26074</v>
      </c>
      <c r="E8506" s="2" t="s">
        <v>26075</v>
      </c>
      <c r="F8506" s="2" t="s">
        <v>25163</v>
      </c>
      <c r="G8506" s="8">
        <v>307</v>
      </c>
      <c r="H8506" s="5">
        <v>5</v>
      </c>
      <c r="I8506" s="5" t="s">
        <v>69</v>
      </c>
      <c r="J8506" s="5" t="s">
        <v>24629</v>
      </c>
      <c r="K8506" s="2" t="s">
        <v>24630</v>
      </c>
      <c r="L8506" s="5" t="s">
        <v>24629</v>
      </c>
      <c r="M8506" s="2" t="s">
        <v>24630</v>
      </c>
      <c r="N8506" s="5" t="s">
        <v>24254</v>
      </c>
      <c r="O8506" s="5" t="s">
        <v>38</v>
      </c>
      <c r="P8506" s="5" t="s">
        <v>39</v>
      </c>
      <c r="Q8506" s="5" t="s">
        <v>40</v>
      </c>
      <c r="R8506" s="5" t="s">
        <v>24340</v>
      </c>
      <c r="S8506" s="5" t="s">
        <v>40</v>
      </c>
      <c r="T8506" s="5" t="s">
        <v>42</v>
      </c>
      <c r="U8506" s="2">
        <v>14.266</v>
      </c>
      <c r="V8506" s="2">
        <v>12.622</v>
      </c>
      <c r="W8506" s="2">
        <v>8.4000000000000005E-2</v>
      </c>
      <c r="X8506" s="2">
        <v>12</v>
      </c>
      <c r="Y8506" s="2">
        <v>42.5</v>
      </c>
      <c r="Z8506" s="2">
        <v>164.4</v>
      </c>
      <c r="AA8506" s="5">
        <v>20</v>
      </c>
      <c r="AB8506" s="5" t="s">
        <v>43</v>
      </c>
      <c r="AC8506" s="5" t="s">
        <v>44</v>
      </c>
      <c r="AD8506" s="2" t="s">
        <v>25901</v>
      </c>
      <c r="AE8506" s="1"/>
    </row>
    <row r="8507" spans="1:31" ht="14.45">
      <c r="A8507" s="11"/>
      <c r="B8507" s="20"/>
      <c r="C8507" s="2" t="s">
        <v>26076</v>
      </c>
      <c r="D8507" s="14" t="s">
        <v>26077</v>
      </c>
      <c r="E8507" s="2" t="s">
        <v>26078</v>
      </c>
      <c r="F8507" s="2" t="s">
        <v>25163</v>
      </c>
      <c r="G8507" s="8">
        <v>307</v>
      </c>
      <c r="H8507" s="5">
        <v>15</v>
      </c>
      <c r="I8507" s="5" t="s">
        <v>69</v>
      </c>
      <c r="J8507" s="5" t="s">
        <v>24629</v>
      </c>
      <c r="K8507" s="2" t="s">
        <v>24630</v>
      </c>
      <c r="L8507" s="5" t="s">
        <v>24629</v>
      </c>
      <c r="M8507" s="2" t="s">
        <v>24630</v>
      </c>
      <c r="N8507" s="5" t="s">
        <v>24254</v>
      </c>
      <c r="O8507" s="5" t="s">
        <v>38</v>
      </c>
      <c r="P8507" s="5" t="s">
        <v>39</v>
      </c>
      <c r="Q8507" s="5" t="s">
        <v>40</v>
      </c>
      <c r="R8507" s="5" t="s">
        <v>25301</v>
      </c>
      <c r="S8507" s="5" t="s">
        <v>40</v>
      </c>
      <c r="T8507" s="5" t="s">
        <v>42</v>
      </c>
      <c r="U8507" s="2">
        <v>12.282999999999999</v>
      </c>
      <c r="V8507" s="2">
        <v>10.866</v>
      </c>
      <c r="W8507" s="2">
        <v>8.4000000000000005E-2</v>
      </c>
      <c r="X8507" s="2">
        <v>12</v>
      </c>
      <c r="Y8507" s="2">
        <v>42.5</v>
      </c>
      <c r="Z8507" s="2">
        <v>164.4</v>
      </c>
      <c r="AA8507" s="5">
        <v>20</v>
      </c>
      <c r="AB8507" s="5" t="s">
        <v>43</v>
      </c>
      <c r="AC8507" s="5" t="s">
        <v>44</v>
      </c>
      <c r="AD8507" s="2" t="s">
        <v>25905</v>
      </c>
      <c r="AE8507" s="1"/>
    </row>
    <row r="8508" spans="1:31" ht="14.45">
      <c r="A8508" s="11"/>
      <c r="B8508" s="20"/>
      <c r="C8508" s="2" t="s">
        <v>26079</v>
      </c>
      <c r="D8508" s="14" t="s">
        <v>26080</v>
      </c>
      <c r="E8508" s="2" t="s">
        <v>26081</v>
      </c>
      <c r="F8508" s="2" t="s">
        <v>25909</v>
      </c>
      <c r="G8508" s="8">
        <v>213</v>
      </c>
      <c r="H8508" s="5">
        <v>5</v>
      </c>
      <c r="I8508" s="5" t="s">
        <v>69</v>
      </c>
      <c r="J8508" s="5" t="s">
        <v>24629</v>
      </c>
      <c r="K8508" s="2" t="s">
        <v>24630</v>
      </c>
      <c r="L8508" s="5" t="s">
        <v>24629</v>
      </c>
      <c r="M8508" s="2" t="s">
        <v>24630</v>
      </c>
      <c r="N8508" s="5" t="s">
        <v>24254</v>
      </c>
      <c r="O8508" s="5" t="s">
        <v>38</v>
      </c>
      <c r="P8508" s="5" t="s">
        <v>39</v>
      </c>
      <c r="Q8508" s="5" t="s">
        <v>40</v>
      </c>
      <c r="R8508" s="5" t="s">
        <v>24335</v>
      </c>
      <c r="S8508" s="5" t="s">
        <v>40</v>
      </c>
      <c r="T8508" s="5" t="s">
        <v>42</v>
      </c>
      <c r="U8508" s="2">
        <v>8.6950000000000003</v>
      </c>
      <c r="V8508" s="2">
        <v>6.8529999999999998</v>
      </c>
      <c r="W8508" s="2">
        <v>0.104</v>
      </c>
      <c r="X8508" s="2">
        <v>12</v>
      </c>
      <c r="Y8508" s="2">
        <v>50</v>
      </c>
      <c r="Z8508" s="2">
        <v>173.9</v>
      </c>
      <c r="AA8508" s="5">
        <v>10</v>
      </c>
      <c r="AB8508" s="5" t="s">
        <v>43</v>
      </c>
      <c r="AC8508" s="5" t="s">
        <v>44</v>
      </c>
      <c r="AD8508" s="2" t="s">
        <v>25910</v>
      </c>
      <c r="AE8508" s="1"/>
    </row>
    <row r="8509" spans="1:31" ht="14.45">
      <c r="A8509" s="11"/>
      <c r="B8509" s="20"/>
      <c r="C8509" s="2" t="s">
        <v>26082</v>
      </c>
      <c r="D8509" s="14" t="s">
        <v>26083</v>
      </c>
      <c r="E8509" s="2" t="s">
        <v>26084</v>
      </c>
      <c r="F8509" s="2" t="s">
        <v>25163</v>
      </c>
      <c r="G8509" s="8">
        <v>188</v>
      </c>
      <c r="H8509" s="5">
        <v>10</v>
      </c>
      <c r="I8509" s="5" t="s">
        <v>69</v>
      </c>
      <c r="J8509" s="5" t="s">
        <v>24629</v>
      </c>
      <c r="K8509" s="2" t="s">
        <v>24630</v>
      </c>
      <c r="L8509" s="5" t="s">
        <v>24629</v>
      </c>
      <c r="M8509" s="2" t="s">
        <v>24630</v>
      </c>
      <c r="N8509" s="5" t="s">
        <v>24254</v>
      </c>
      <c r="O8509" s="5" t="s">
        <v>38</v>
      </c>
      <c r="P8509" s="5" t="s">
        <v>39</v>
      </c>
      <c r="Q8509" s="5" t="s">
        <v>40</v>
      </c>
      <c r="R8509" s="5" t="s">
        <v>24335</v>
      </c>
      <c r="S8509" s="5" t="s">
        <v>40</v>
      </c>
      <c r="T8509" s="5" t="s">
        <v>42</v>
      </c>
      <c r="U8509" s="2">
        <v>7.585</v>
      </c>
      <c r="V8509" s="2">
        <v>6.0970000000000004</v>
      </c>
      <c r="W8509" s="2">
        <v>8.4000000000000005E-2</v>
      </c>
      <c r="X8509" s="2">
        <v>12</v>
      </c>
      <c r="Y8509" s="2">
        <v>42.5</v>
      </c>
      <c r="Z8509" s="2">
        <v>164.4</v>
      </c>
      <c r="AA8509" s="5">
        <v>20</v>
      </c>
      <c r="AB8509" s="5" t="s">
        <v>43</v>
      </c>
      <c r="AC8509" s="5" t="s">
        <v>44</v>
      </c>
      <c r="AD8509" s="2" t="s">
        <v>25897</v>
      </c>
      <c r="AE8509" s="1"/>
    </row>
    <row r="8510" spans="1:31" ht="14.45">
      <c r="A8510" s="11"/>
      <c r="B8510" s="20"/>
      <c r="C8510" s="2" t="s">
        <v>26085</v>
      </c>
      <c r="D8510" s="14" t="s">
        <v>26086</v>
      </c>
      <c r="E8510" s="2" t="s">
        <v>26087</v>
      </c>
      <c r="F8510" s="2" t="s">
        <v>25163</v>
      </c>
      <c r="G8510" s="8">
        <v>339</v>
      </c>
      <c r="H8510" s="5">
        <v>15</v>
      </c>
      <c r="I8510" s="5" t="s">
        <v>69</v>
      </c>
      <c r="J8510" s="5" t="s">
        <v>24629</v>
      </c>
      <c r="K8510" s="2" t="s">
        <v>24630</v>
      </c>
      <c r="L8510" s="5" t="s">
        <v>24629</v>
      </c>
      <c r="M8510" s="2" t="s">
        <v>24630</v>
      </c>
      <c r="N8510" s="5" t="s">
        <v>24254</v>
      </c>
      <c r="O8510" s="5" t="s">
        <v>38</v>
      </c>
      <c r="P8510" s="5" t="s">
        <v>39</v>
      </c>
      <c r="Q8510" s="5" t="s">
        <v>40</v>
      </c>
      <c r="R8510" s="5" t="s">
        <v>24340</v>
      </c>
      <c r="S8510" s="5" t="s">
        <v>40</v>
      </c>
      <c r="T8510" s="5" t="s">
        <v>42</v>
      </c>
      <c r="U8510" s="2">
        <v>16.77</v>
      </c>
      <c r="V8510" s="2">
        <v>15.282</v>
      </c>
      <c r="W8510" s="2">
        <v>8.4000000000000005E-2</v>
      </c>
      <c r="X8510" s="2">
        <v>12</v>
      </c>
      <c r="Y8510" s="2">
        <v>42.5</v>
      </c>
      <c r="Z8510" s="2">
        <v>164.4</v>
      </c>
      <c r="AA8510" s="5">
        <v>20</v>
      </c>
      <c r="AB8510" s="5" t="s">
        <v>43</v>
      </c>
      <c r="AC8510" s="5" t="s">
        <v>44</v>
      </c>
      <c r="AD8510" s="2" t="s">
        <v>25901</v>
      </c>
      <c r="AE8510" s="1"/>
    </row>
    <row r="8511" spans="1:31" ht="14.45">
      <c r="A8511" s="11"/>
      <c r="B8511" s="20"/>
      <c r="C8511" s="2" t="s">
        <v>26088</v>
      </c>
      <c r="D8511" s="14" t="s">
        <v>26089</v>
      </c>
      <c r="E8511" s="2" t="s">
        <v>26090</v>
      </c>
      <c r="F8511" s="2" t="s">
        <v>25163</v>
      </c>
      <c r="G8511" s="8">
        <v>339</v>
      </c>
      <c r="H8511" s="5">
        <v>15</v>
      </c>
      <c r="I8511" s="5" t="s">
        <v>69</v>
      </c>
      <c r="J8511" s="5" t="s">
        <v>24629</v>
      </c>
      <c r="K8511" s="2" t="s">
        <v>24630</v>
      </c>
      <c r="L8511" s="5" t="s">
        <v>24629</v>
      </c>
      <c r="M8511" s="2" t="s">
        <v>24630</v>
      </c>
      <c r="N8511" s="5" t="s">
        <v>24254</v>
      </c>
      <c r="O8511" s="5" t="s">
        <v>38</v>
      </c>
      <c r="P8511" s="5" t="s">
        <v>39</v>
      </c>
      <c r="Q8511" s="5" t="s">
        <v>40</v>
      </c>
      <c r="R8511" s="5" t="s">
        <v>25301</v>
      </c>
      <c r="S8511" s="5" t="s">
        <v>40</v>
      </c>
      <c r="T8511" s="5" t="s">
        <v>42</v>
      </c>
      <c r="U8511" s="2">
        <v>14.411</v>
      </c>
      <c r="V8511" s="2">
        <v>12.922000000000001</v>
      </c>
      <c r="W8511" s="2">
        <v>8.4000000000000005E-2</v>
      </c>
      <c r="X8511" s="2">
        <v>12</v>
      </c>
      <c r="Y8511" s="2">
        <v>42.5</v>
      </c>
      <c r="Z8511" s="2">
        <v>164.4</v>
      </c>
      <c r="AA8511" s="5">
        <v>20</v>
      </c>
      <c r="AB8511" s="5" t="s">
        <v>43</v>
      </c>
      <c r="AC8511" s="5" t="s">
        <v>44</v>
      </c>
      <c r="AD8511" s="2" t="s">
        <v>25905</v>
      </c>
      <c r="AE8511" s="1"/>
    </row>
    <row r="8512" spans="1:31" ht="14.45">
      <c r="A8512" s="11"/>
      <c r="B8512" s="20"/>
      <c r="C8512" s="2" t="s">
        <v>26091</v>
      </c>
      <c r="D8512" s="14" t="s">
        <v>26092</v>
      </c>
      <c r="E8512" s="2" t="s">
        <v>26093</v>
      </c>
      <c r="F8512" s="2" t="s">
        <v>26037</v>
      </c>
      <c r="G8512" s="8">
        <v>257</v>
      </c>
      <c r="H8512" s="5">
        <v>5</v>
      </c>
      <c r="I8512" s="5" t="s">
        <v>69</v>
      </c>
      <c r="J8512" s="5" t="s">
        <v>24629</v>
      </c>
      <c r="K8512" s="2" t="s">
        <v>24630</v>
      </c>
      <c r="L8512" s="5" t="s">
        <v>24629</v>
      </c>
      <c r="M8512" s="2" t="s">
        <v>24630</v>
      </c>
      <c r="N8512" s="5" t="s">
        <v>24254</v>
      </c>
      <c r="O8512" s="5" t="s">
        <v>38</v>
      </c>
      <c r="P8512" s="5" t="s">
        <v>39</v>
      </c>
      <c r="Q8512" s="5" t="s">
        <v>40</v>
      </c>
      <c r="R8512" s="5" t="s">
        <v>24335</v>
      </c>
      <c r="S8512" s="5" t="s">
        <v>40</v>
      </c>
      <c r="T8512" s="5" t="s">
        <v>42</v>
      </c>
      <c r="U8512" s="2">
        <v>10.839</v>
      </c>
      <c r="V8512" s="2">
        <v>8.7210000000000001</v>
      </c>
      <c r="W8512" s="2">
        <v>0.11600000000000001</v>
      </c>
      <c r="X8512" s="2">
        <v>12</v>
      </c>
      <c r="Y8512" s="2">
        <v>50</v>
      </c>
      <c r="Z8512" s="2">
        <v>193.9</v>
      </c>
      <c r="AA8512" s="5">
        <v>10</v>
      </c>
      <c r="AB8512" s="5" t="s">
        <v>43</v>
      </c>
      <c r="AC8512" s="5" t="s">
        <v>44</v>
      </c>
      <c r="AD8512" s="2" t="s">
        <v>25910</v>
      </c>
      <c r="AE8512" s="1"/>
    </row>
    <row r="8513" spans="1:31" ht="14.45">
      <c r="A8513" s="11"/>
      <c r="B8513" s="20"/>
      <c r="C8513" s="2" t="s">
        <v>26094</v>
      </c>
      <c r="D8513" s="14" t="s">
        <v>26095</v>
      </c>
      <c r="E8513" s="2" t="s">
        <v>26096</v>
      </c>
      <c r="F8513" s="2" t="s">
        <v>25397</v>
      </c>
      <c r="G8513" s="8">
        <v>408</v>
      </c>
      <c r="H8513" s="5">
        <v>15</v>
      </c>
      <c r="I8513" s="5" t="s">
        <v>69</v>
      </c>
      <c r="J8513" s="5" t="s">
        <v>24629</v>
      </c>
      <c r="K8513" s="2" t="s">
        <v>24630</v>
      </c>
      <c r="L8513" s="5" t="s">
        <v>24629</v>
      </c>
      <c r="M8513" s="2" t="s">
        <v>24630</v>
      </c>
      <c r="N8513" s="5" t="s">
        <v>24254</v>
      </c>
      <c r="O8513" s="5" t="s">
        <v>38</v>
      </c>
      <c r="P8513" s="5" t="s">
        <v>39</v>
      </c>
      <c r="Q8513" s="5" t="s">
        <v>40</v>
      </c>
      <c r="R8513" s="5" t="s">
        <v>24340</v>
      </c>
      <c r="S8513" s="5" t="s">
        <v>40</v>
      </c>
      <c r="T8513" s="5" t="s">
        <v>42</v>
      </c>
      <c r="U8513" s="2">
        <v>20.04</v>
      </c>
      <c r="V8513" s="2">
        <v>18.173999999999999</v>
      </c>
      <c r="W8513" s="2">
        <v>0.11600000000000001</v>
      </c>
      <c r="X8513" s="2">
        <v>12</v>
      </c>
      <c r="Y8513" s="2">
        <v>50</v>
      </c>
      <c r="Z8513" s="2">
        <v>193.9</v>
      </c>
      <c r="AA8513" s="5">
        <v>10</v>
      </c>
      <c r="AB8513" s="5" t="s">
        <v>43</v>
      </c>
      <c r="AC8513" s="5" t="s">
        <v>44</v>
      </c>
      <c r="AD8513" s="2" t="s">
        <v>26041</v>
      </c>
      <c r="AE8513" s="1"/>
    </row>
    <row r="8514" spans="1:31" ht="14.45">
      <c r="A8514" s="11"/>
      <c r="B8514" s="20"/>
      <c r="C8514" s="2" t="s">
        <v>26097</v>
      </c>
      <c r="D8514" s="14" t="s">
        <v>26098</v>
      </c>
      <c r="E8514" s="2" t="s">
        <v>26099</v>
      </c>
      <c r="F8514" s="2" t="s">
        <v>25397</v>
      </c>
      <c r="G8514" s="8">
        <v>408</v>
      </c>
      <c r="H8514" s="5">
        <v>15</v>
      </c>
      <c r="I8514" s="5" t="s">
        <v>69</v>
      </c>
      <c r="J8514" s="5" t="s">
        <v>24629</v>
      </c>
      <c r="K8514" s="2" t="s">
        <v>24630</v>
      </c>
      <c r="L8514" s="5" t="s">
        <v>24629</v>
      </c>
      <c r="M8514" s="2" t="s">
        <v>24630</v>
      </c>
      <c r="N8514" s="5" t="s">
        <v>24254</v>
      </c>
      <c r="O8514" s="5" t="s">
        <v>38</v>
      </c>
      <c r="P8514" s="5" t="s">
        <v>39</v>
      </c>
      <c r="Q8514" s="5" t="s">
        <v>40</v>
      </c>
      <c r="R8514" s="5" t="s">
        <v>25301</v>
      </c>
      <c r="S8514" s="5" t="s">
        <v>40</v>
      </c>
      <c r="T8514" s="5" t="s">
        <v>42</v>
      </c>
      <c r="U8514" s="2">
        <v>17.681000000000001</v>
      </c>
      <c r="V8514" s="2">
        <v>15.814</v>
      </c>
      <c r="W8514" s="2">
        <v>0.11600000000000001</v>
      </c>
      <c r="X8514" s="2">
        <v>12</v>
      </c>
      <c r="Y8514" s="2">
        <v>50</v>
      </c>
      <c r="Z8514" s="2">
        <v>193.9</v>
      </c>
      <c r="AA8514" s="5">
        <v>10</v>
      </c>
      <c r="AB8514" s="5" t="s">
        <v>43</v>
      </c>
      <c r="AC8514" s="5" t="s">
        <v>44</v>
      </c>
      <c r="AD8514" s="2" t="s">
        <v>26045</v>
      </c>
      <c r="AE8514" s="1"/>
    </row>
    <row r="8515" spans="1:31" ht="14.45">
      <c r="A8515" s="11"/>
      <c r="B8515" s="20"/>
      <c r="C8515" s="2" t="s">
        <v>26100</v>
      </c>
      <c r="D8515" s="14" t="s">
        <v>26101</v>
      </c>
      <c r="E8515" s="2" t="s">
        <v>26102</v>
      </c>
      <c r="F8515" s="2" t="s">
        <v>25163</v>
      </c>
      <c r="G8515" s="8">
        <v>148</v>
      </c>
      <c r="H8515" s="5">
        <v>5</v>
      </c>
      <c r="I8515" s="5" t="s">
        <v>69</v>
      </c>
      <c r="J8515" s="5" t="s">
        <v>24629</v>
      </c>
      <c r="K8515" s="2" t="s">
        <v>24630</v>
      </c>
      <c r="L8515" s="5" t="s">
        <v>24629</v>
      </c>
      <c r="M8515" s="2" t="s">
        <v>24630</v>
      </c>
      <c r="N8515" s="5" t="s">
        <v>24254</v>
      </c>
      <c r="O8515" s="5" t="s">
        <v>38</v>
      </c>
      <c r="P8515" s="5" t="s">
        <v>39</v>
      </c>
      <c r="Q8515" s="5" t="s">
        <v>40</v>
      </c>
      <c r="R8515" s="5" t="s">
        <v>24335</v>
      </c>
      <c r="S8515" s="5" t="s">
        <v>40</v>
      </c>
      <c r="T8515" s="5" t="s">
        <v>42</v>
      </c>
      <c r="U8515" s="2">
        <v>6.43</v>
      </c>
      <c r="V8515" s="2">
        <v>5.0789999999999997</v>
      </c>
      <c r="W8515" s="2">
        <v>7.8E-2</v>
      </c>
      <c r="X8515" s="2">
        <v>12</v>
      </c>
      <c r="Y8515" s="2">
        <v>42.5</v>
      </c>
      <c r="Z8515" s="2">
        <v>152.4</v>
      </c>
      <c r="AA8515" s="5">
        <v>20</v>
      </c>
      <c r="AB8515" s="5" t="s">
        <v>43</v>
      </c>
      <c r="AC8515" s="5" t="s">
        <v>44</v>
      </c>
      <c r="AD8515" s="2" t="s">
        <v>25897</v>
      </c>
      <c r="AE8515" s="1"/>
    </row>
    <row r="8516" spans="1:31" ht="14.45">
      <c r="A8516" s="11"/>
      <c r="B8516" s="20"/>
      <c r="C8516" s="2" t="s">
        <v>26103</v>
      </c>
      <c r="D8516" s="14" t="s">
        <v>26104</v>
      </c>
      <c r="E8516" s="2" t="s">
        <v>26105</v>
      </c>
      <c r="F8516" s="2" t="s">
        <v>25163</v>
      </c>
      <c r="G8516" s="8">
        <v>299</v>
      </c>
      <c r="H8516" s="5">
        <v>5</v>
      </c>
      <c r="I8516" s="5" t="s">
        <v>69</v>
      </c>
      <c r="J8516" s="5" t="s">
        <v>24629</v>
      </c>
      <c r="K8516" s="2" t="s">
        <v>24630</v>
      </c>
      <c r="L8516" s="5" t="s">
        <v>24629</v>
      </c>
      <c r="M8516" s="2" t="s">
        <v>24630</v>
      </c>
      <c r="N8516" s="5" t="s">
        <v>24254</v>
      </c>
      <c r="O8516" s="5" t="s">
        <v>38</v>
      </c>
      <c r="P8516" s="5" t="s">
        <v>39</v>
      </c>
      <c r="Q8516" s="5" t="s">
        <v>40</v>
      </c>
      <c r="R8516" s="5" t="s">
        <v>24340</v>
      </c>
      <c r="S8516" s="5" t="s">
        <v>40</v>
      </c>
      <c r="T8516" s="5" t="s">
        <v>42</v>
      </c>
      <c r="U8516" s="2">
        <v>13.121</v>
      </c>
      <c r="V8516" s="2">
        <v>11.785</v>
      </c>
      <c r="W8516" s="2">
        <v>7.8E-2</v>
      </c>
      <c r="X8516" s="2">
        <v>12</v>
      </c>
      <c r="Y8516" s="2">
        <v>42.5</v>
      </c>
      <c r="Z8516" s="2">
        <v>152.4</v>
      </c>
      <c r="AA8516" s="5">
        <v>20</v>
      </c>
      <c r="AB8516" s="5" t="s">
        <v>43</v>
      </c>
      <c r="AC8516" s="5" t="s">
        <v>44</v>
      </c>
      <c r="AD8516" s="2" t="s">
        <v>25901</v>
      </c>
      <c r="AE8516" s="1"/>
    </row>
    <row r="8517" spans="1:31" ht="14.45">
      <c r="A8517" s="11"/>
      <c r="B8517" s="20"/>
      <c r="C8517" s="2" t="s">
        <v>26106</v>
      </c>
      <c r="D8517" s="14" t="s">
        <v>26107</v>
      </c>
      <c r="E8517" s="2" t="s">
        <v>26108</v>
      </c>
      <c r="F8517" s="2" t="s">
        <v>25163</v>
      </c>
      <c r="G8517" s="8">
        <v>299</v>
      </c>
      <c r="H8517" s="5">
        <v>5</v>
      </c>
      <c r="I8517" s="5" t="s">
        <v>69</v>
      </c>
      <c r="J8517" s="5" t="s">
        <v>24629</v>
      </c>
      <c r="K8517" s="2" t="s">
        <v>24630</v>
      </c>
      <c r="L8517" s="5" t="s">
        <v>24629</v>
      </c>
      <c r="M8517" s="2" t="s">
        <v>24630</v>
      </c>
      <c r="N8517" s="5" t="s">
        <v>24254</v>
      </c>
      <c r="O8517" s="5" t="s">
        <v>38</v>
      </c>
      <c r="P8517" s="5" t="s">
        <v>39</v>
      </c>
      <c r="Q8517" s="5" t="s">
        <v>40</v>
      </c>
      <c r="R8517" s="5" t="s">
        <v>25301</v>
      </c>
      <c r="S8517" s="5" t="s">
        <v>40</v>
      </c>
      <c r="T8517" s="5" t="s">
        <v>42</v>
      </c>
      <c r="U8517" s="2">
        <v>11.88</v>
      </c>
      <c r="V8517" s="2">
        <v>10.234999999999999</v>
      </c>
      <c r="W8517" s="2">
        <v>7.8E-2</v>
      </c>
      <c r="X8517" s="2">
        <v>12</v>
      </c>
      <c r="Y8517" s="2">
        <v>42.5</v>
      </c>
      <c r="Z8517" s="2">
        <v>152.4</v>
      </c>
      <c r="AA8517" s="5">
        <v>20</v>
      </c>
      <c r="AB8517" s="5" t="s">
        <v>43</v>
      </c>
      <c r="AC8517" s="5" t="s">
        <v>44</v>
      </c>
      <c r="AD8517" s="2" t="s">
        <v>25905</v>
      </c>
      <c r="AE8517" s="1"/>
    </row>
    <row r="8518" spans="1:31" ht="14.45">
      <c r="A8518" s="11"/>
      <c r="B8518" s="20"/>
      <c r="C8518" s="2" t="s">
        <v>26109</v>
      </c>
      <c r="D8518" s="14" t="s">
        <v>26110</v>
      </c>
      <c r="E8518" s="2" t="s">
        <v>26111</v>
      </c>
      <c r="F8518" s="2" t="s">
        <v>25909</v>
      </c>
      <c r="G8518" s="8">
        <v>201</v>
      </c>
      <c r="H8518" s="5">
        <v>5</v>
      </c>
      <c r="I8518" s="5" t="s">
        <v>69</v>
      </c>
      <c r="J8518" s="5" t="s">
        <v>24629</v>
      </c>
      <c r="K8518" s="2" t="s">
        <v>24630</v>
      </c>
      <c r="L8518" s="5" t="s">
        <v>24629</v>
      </c>
      <c r="M8518" s="2" t="s">
        <v>24630</v>
      </c>
      <c r="N8518" s="5" t="s">
        <v>24254</v>
      </c>
      <c r="O8518" s="5" t="s">
        <v>38</v>
      </c>
      <c r="P8518" s="5" t="s">
        <v>39</v>
      </c>
      <c r="Q8518" s="5" t="s">
        <v>40</v>
      </c>
      <c r="R8518" s="5" t="s">
        <v>24335</v>
      </c>
      <c r="S8518" s="5" t="s">
        <v>40</v>
      </c>
      <c r="T8518" s="5" t="s">
        <v>42</v>
      </c>
      <c r="U8518" s="2">
        <v>8.3249999999999993</v>
      </c>
      <c r="V8518" s="2">
        <v>6.4829999999999997</v>
      </c>
      <c r="W8518" s="2">
        <v>0.104</v>
      </c>
      <c r="X8518" s="2">
        <v>12</v>
      </c>
      <c r="Y8518" s="2">
        <v>50</v>
      </c>
      <c r="Z8518" s="2">
        <v>173.9</v>
      </c>
      <c r="AA8518" s="5">
        <v>10</v>
      </c>
      <c r="AB8518" s="5" t="s">
        <v>43</v>
      </c>
      <c r="AC8518" s="5" t="s">
        <v>44</v>
      </c>
      <c r="AD8518" s="2" t="s">
        <v>25910</v>
      </c>
      <c r="AE8518" s="1"/>
    </row>
    <row r="8519" spans="1:31" ht="14.45">
      <c r="A8519" s="11"/>
      <c r="B8519" s="20"/>
      <c r="C8519" s="2" t="s">
        <v>26112</v>
      </c>
      <c r="D8519" s="14" t="s">
        <v>26113</v>
      </c>
      <c r="E8519" s="2" t="s">
        <v>26114</v>
      </c>
      <c r="F8519" s="2" t="s">
        <v>25163</v>
      </c>
      <c r="G8519" s="8">
        <v>151</v>
      </c>
      <c r="H8519" s="5">
        <v>5</v>
      </c>
      <c r="I8519" s="5" t="s">
        <v>69</v>
      </c>
      <c r="J8519" s="5" t="s">
        <v>24629</v>
      </c>
      <c r="K8519" s="2" t="s">
        <v>24630</v>
      </c>
      <c r="L8519" s="5" t="s">
        <v>24629</v>
      </c>
      <c r="M8519" s="2" t="s">
        <v>24630</v>
      </c>
      <c r="N8519" s="5" t="s">
        <v>24254</v>
      </c>
      <c r="O8519" s="5" t="s">
        <v>38</v>
      </c>
      <c r="P8519" s="5" t="s">
        <v>39</v>
      </c>
      <c r="Q8519" s="5" t="s">
        <v>40</v>
      </c>
      <c r="R8519" s="5" t="s">
        <v>24335</v>
      </c>
      <c r="S8519" s="5" t="s">
        <v>40</v>
      </c>
      <c r="T8519" s="5" t="s">
        <v>42</v>
      </c>
      <c r="U8519" s="2">
        <v>6.7089999999999996</v>
      </c>
      <c r="V8519" s="2">
        <v>5.3579999999999997</v>
      </c>
      <c r="W8519" s="2">
        <v>7.8E-2</v>
      </c>
      <c r="X8519" s="2">
        <v>12</v>
      </c>
      <c r="Y8519" s="2">
        <v>42.5</v>
      </c>
      <c r="Z8519" s="2">
        <v>152.4</v>
      </c>
      <c r="AA8519" s="5">
        <v>20</v>
      </c>
      <c r="AB8519" s="5" t="s">
        <v>43</v>
      </c>
      <c r="AC8519" s="5" t="s">
        <v>44</v>
      </c>
      <c r="AD8519" s="2" t="s">
        <v>25897</v>
      </c>
      <c r="AE8519" s="1"/>
    </row>
    <row r="8520" spans="1:31" ht="14.45">
      <c r="A8520" s="11"/>
      <c r="B8520" s="20"/>
      <c r="C8520" s="2" t="s">
        <v>26115</v>
      </c>
      <c r="D8520" s="14" t="s">
        <v>26116</v>
      </c>
      <c r="E8520" s="2" t="s">
        <v>26117</v>
      </c>
      <c r="F8520" s="2" t="s">
        <v>25163</v>
      </c>
      <c r="G8520" s="8">
        <v>302</v>
      </c>
      <c r="H8520" s="5">
        <v>5</v>
      </c>
      <c r="I8520" s="5" t="s">
        <v>69</v>
      </c>
      <c r="J8520" s="5" t="s">
        <v>24629</v>
      </c>
      <c r="K8520" s="2" t="s">
        <v>24630</v>
      </c>
      <c r="L8520" s="5" t="s">
        <v>24629</v>
      </c>
      <c r="M8520" s="2" t="s">
        <v>24630</v>
      </c>
      <c r="N8520" s="5" t="s">
        <v>24254</v>
      </c>
      <c r="O8520" s="5" t="s">
        <v>38</v>
      </c>
      <c r="P8520" s="5" t="s">
        <v>39</v>
      </c>
      <c r="Q8520" s="5" t="s">
        <v>40</v>
      </c>
      <c r="R8520" s="5" t="s">
        <v>24340</v>
      </c>
      <c r="S8520" s="5" t="s">
        <v>40</v>
      </c>
      <c r="T8520" s="5" t="s">
        <v>42</v>
      </c>
      <c r="U8520" s="2">
        <v>14.250999999999999</v>
      </c>
      <c r="V8520" s="2">
        <v>12.606999999999999</v>
      </c>
      <c r="W8520" s="2">
        <v>7.8E-2</v>
      </c>
      <c r="X8520" s="2">
        <v>12</v>
      </c>
      <c r="Y8520" s="2">
        <v>42.5</v>
      </c>
      <c r="Z8520" s="2">
        <v>152.4</v>
      </c>
      <c r="AA8520" s="5">
        <v>20</v>
      </c>
      <c r="AB8520" s="5" t="s">
        <v>43</v>
      </c>
      <c r="AC8520" s="5" t="s">
        <v>44</v>
      </c>
      <c r="AD8520" s="2" t="s">
        <v>25901</v>
      </c>
      <c r="AE8520" s="1"/>
    </row>
    <row r="8521" spans="1:31" ht="14.45">
      <c r="A8521" s="11"/>
      <c r="B8521" s="20"/>
      <c r="C8521" s="2" t="s">
        <v>26118</v>
      </c>
      <c r="D8521" s="14" t="s">
        <v>26119</v>
      </c>
      <c r="E8521" s="2" t="s">
        <v>26120</v>
      </c>
      <c r="F8521" s="2" t="s">
        <v>25163</v>
      </c>
      <c r="G8521" s="8">
        <v>302</v>
      </c>
      <c r="H8521" s="5">
        <v>15</v>
      </c>
      <c r="I8521" s="5" t="s">
        <v>69</v>
      </c>
      <c r="J8521" s="5" t="s">
        <v>24629</v>
      </c>
      <c r="K8521" s="2" t="s">
        <v>24630</v>
      </c>
      <c r="L8521" s="5" t="s">
        <v>24629</v>
      </c>
      <c r="M8521" s="2" t="s">
        <v>24630</v>
      </c>
      <c r="N8521" s="5" t="s">
        <v>24254</v>
      </c>
      <c r="O8521" s="5" t="s">
        <v>38</v>
      </c>
      <c r="P8521" s="5" t="s">
        <v>39</v>
      </c>
      <c r="Q8521" s="5" t="s">
        <v>40</v>
      </c>
      <c r="R8521" s="5" t="s">
        <v>25301</v>
      </c>
      <c r="S8521" s="5" t="s">
        <v>40</v>
      </c>
      <c r="T8521" s="5" t="s">
        <v>42</v>
      </c>
      <c r="U8521" s="2">
        <v>12.255000000000001</v>
      </c>
      <c r="V8521" s="2">
        <v>10.917999999999999</v>
      </c>
      <c r="W8521" s="2">
        <v>7.8E-2</v>
      </c>
      <c r="X8521" s="2">
        <v>12</v>
      </c>
      <c r="Y8521" s="2">
        <v>42.5</v>
      </c>
      <c r="Z8521" s="2">
        <v>152.4</v>
      </c>
      <c r="AA8521" s="5">
        <v>20</v>
      </c>
      <c r="AB8521" s="5" t="s">
        <v>43</v>
      </c>
      <c r="AC8521" s="5" t="s">
        <v>44</v>
      </c>
      <c r="AD8521" s="2" t="s">
        <v>25905</v>
      </c>
      <c r="AE8521" s="1"/>
    </row>
    <row r="8522" spans="1:31" ht="14.45">
      <c r="A8522" s="11"/>
      <c r="B8522" s="20"/>
      <c r="C8522" s="2" t="s">
        <v>26121</v>
      </c>
      <c r="D8522" s="14" t="s">
        <v>26122</v>
      </c>
      <c r="E8522" s="2" t="s">
        <v>26123</v>
      </c>
      <c r="F8522" s="2" t="s">
        <v>25909</v>
      </c>
      <c r="G8522" s="8">
        <v>206</v>
      </c>
      <c r="H8522" s="5">
        <v>5</v>
      </c>
      <c r="I8522" s="5" t="s">
        <v>69</v>
      </c>
      <c r="J8522" s="5" t="s">
        <v>24629</v>
      </c>
      <c r="K8522" s="2" t="s">
        <v>24630</v>
      </c>
      <c r="L8522" s="5" t="s">
        <v>24629</v>
      </c>
      <c r="M8522" s="2" t="s">
        <v>24630</v>
      </c>
      <c r="N8522" s="5" t="s">
        <v>24254</v>
      </c>
      <c r="O8522" s="5" t="s">
        <v>38</v>
      </c>
      <c r="P8522" s="5" t="s">
        <v>39</v>
      </c>
      <c r="Q8522" s="5" t="s">
        <v>40</v>
      </c>
      <c r="R8522" s="5" t="s">
        <v>24335</v>
      </c>
      <c r="S8522" s="5" t="s">
        <v>40</v>
      </c>
      <c r="T8522" s="5" t="s">
        <v>42</v>
      </c>
      <c r="U8522" s="2">
        <v>8.7620000000000005</v>
      </c>
      <c r="V8522" s="2">
        <v>6.92</v>
      </c>
      <c r="W8522" s="2">
        <v>0.104</v>
      </c>
      <c r="X8522" s="2">
        <v>12</v>
      </c>
      <c r="Y8522" s="2">
        <v>50</v>
      </c>
      <c r="Z8522" s="2">
        <v>173.9</v>
      </c>
      <c r="AA8522" s="5">
        <v>10</v>
      </c>
      <c r="AB8522" s="5" t="s">
        <v>43</v>
      </c>
      <c r="AC8522" s="5" t="s">
        <v>44</v>
      </c>
      <c r="AD8522" s="2" t="s">
        <v>25910</v>
      </c>
      <c r="AE8522" s="1"/>
    </row>
    <row r="8523" spans="1:31" ht="14.45">
      <c r="A8523" s="11"/>
      <c r="B8523" s="20"/>
      <c r="C8523" s="2" t="s">
        <v>26124</v>
      </c>
      <c r="D8523" s="14" t="s">
        <v>26125</v>
      </c>
      <c r="E8523" s="2" t="s">
        <v>26126</v>
      </c>
      <c r="F8523" s="2" t="s">
        <v>25163</v>
      </c>
      <c r="G8523" s="8">
        <v>167</v>
      </c>
      <c r="H8523" s="5">
        <v>10</v>
      </c>
      <c r="I8523" s="5" t="s">
        <v>69</v>
      </c>
      <c r="J8523" s="5" t="s">
        <v>24629</v>
      </c>
      <c r="K8523" s="2" t="s">
        <v>24630</v>
      </c>
      <c r="L8523" s="5" t="s">
        <v>24629</v>
      </c>
      <c r="M8523" s="2" t="s">
        <v>24630</v>
      </c>
      <c r="N8523" s="5" t="s">
        <v>24254</v>
      </c>
      <c r="O8523" s="5" t="s">
        <v>38</v>
      </c>
      <c r="P8523" s="5" t="s">
        <v>39</v>
      </c>
      <c r="Q8523" s="5" t="s">
        <v>40</v>
      </c>
      <c r="R8523" s="5" t="s">
        <v>24335</v>
      </c>
      <c r="S8523" s="5" t="s">
        <v>40</v>
      </c>
      <c r="T8523" s="5" t="s">
        <v>42</v>
      </c>
      <c r="U8523" s="2">
        <v>7.06</v>
      </c>
      <c r="V8523" s="2">
        <v>5.6289999999999996</v>
      </c>
      <c r="W8523" s="2">
        <v>8.4000000000000005E-2</v>
      </c>
      <c r="X8523" s="2">
        <v>12</v>
      </c>
      <c r="Y8523" s="2">
        <v>42.5</v>
      </c>
      <c r="Z8523" s="2">
        <v>164.4</v>
      </c>
      <c r="AA8523" s="5">
        <v>20</v>
      </c>
      <c r="AB8523" s="5" t="s">
        <v>43</v>
      </c>
      <c r="AC8523" s="5" t="s">
        <v>44</v>
      </c>
      <c r="AD8523" s="2" t="s">
        <v>25897</v>
      </c>
      <c r="AE8523" s="1"/>
    </row>
    <row r="8524" spans="1:31" ht="14.45">
      <c r="A8524" s="11"/>
      <c r="B8524" s="20"/>
      <c r="C8524" s="2" t="s">
        <v>26127</v>
      </c>
      <c r="D8524" s="14" t="s">
        <v>26128</v>
      </c>
      <c r="E8524" s="2" t="s">
        <v>26129</v>
      </c>
      <c r="F8524" s="2" t="s">
        <v>25163</v>
      </c>
      <c r="G8524" s="8">
        <v>318</v>
      </c>
      <c r="H8524" s="5">
        <v>5</v>
      </c>
      <c r="I8524" s="5" t="s">
        <v>69</v>
      </c>
      <c r="J8524" s="5" t="s">
        <v>24629</v>
      </c>
      <c r="K8524" s="2" t="s">
        <v>24630</v>
      </c>
      <c r="L8524" s="5" t="s">
        <v>24629</v>
      </c>
      <c r="M8524" s="2" t="s">
        <v>24630</v>
      </c>
      <c r="N8524" s="5" t="s">
        <v>24254</v>
      </c>
      <c r="O8524" s="5" t="s">
        <v>38</v>
      </c>
      <c r="P8524" s="5" t="s">
        <v>39</v>
      </c>
      <c r="Q8524" s="5" t="s">
        <v>40</v>
      </c>
      <c r="R8524" s="5" t="s">
        <v>24340</v>
      </c>
      <c r="S8524" s="5" t="s">
        <v>40</v>
      </c>
      <c r="T8524" s="5" t="s">
        <v>42</v>
      </c>
      <c r="U8524" s="2">
        <v>15.054</v>
      </c>
      <c r="V8524" s="2">
        <v>13.41</v>
      </c>
      <c r="W8524" s="2">
        <v>8.4000000000000005E-2</v>
      </c>
      <c r="X8524" s="2">
        <v>12</v>
      </c>
      <c r="Y8524" s="2">
        <v>42.5</v>
      </c>
      <c r="Z8524" s="2">
        <v>164.4</v>
      </c>
      <c r="AA8524" s="5">
        <v>20</v>
      </c>
      <c r="AB8524" s="5" t="s">
        <v>43</v>
      </c>
      <c r="AC8524" s="5" t="s">
        <v>44</v>
      </c>
      <c r="AD8524" s="2" t="s">
        <v>25901</v>
      </c>
      <c r="AE8524" s="1"/>
    </row>
    <row r="8525" spans="1:31" ht="14.45">
      <c r="A8525" s="11"/>
      <c r="B8525" s="20"/>
      <c r="C8525" s="2" t="s">
        <v>26130</v>
      </c>
      <c r="D8525" s="14" t="s">
        <v>26131</v>
      </c>
      <c r="E8525" s="2" t="s">
        <v>26132</v>
      </c>
      <c r="F8525" s="2" t="s">
        <v>25163</v>
      </c>
      <c r="G8525" s="8">
        <v>318</v>
      </c>
      <c r="H8525" s="5">
        <v>15</v>
      </c>
      <c r="I8525" s="5" t="s">
        <v>69</v>
      </c>
      <c r="J8525" s="5" t="s">
        <v>24629</v>
      </c>
      <c r="K8525" s="2" t="s">
        <v>24630</v>
      </c>
      <c r="L8525" s="5" t="s">
        <v>24629</v>
      </c>
      <c r="M8525" s="2" t="s">
        <v>24630</v>
      </c>
      <c r="N8525" s="5" t="s">
        <v>24254</v>
      </c>
      <c r="O8525" s="5" t="s">
        <v>38</v>
      </c>
      <c r="P8525" s="5" t="s">
        <v>39</v>
      </c>
      <c r="Q8525" s="5" t="s">
        <v>40</v>
      </c>
      <c r="R8525" s="5" t="s">
        <v>25301</v>
      </c>
      <c r="S8525" s="5" t="s">
        <v>40</v>
      </c>
      <c r="T8525" s="5" t="s">
        <v>42</v>
      </c>
      <c r="U8525" s="2">
        <v>13.002000000000001</v>
      </c>
      <c r="V8525" s="2">
        <v>11.585000000000001</v>
      </c>
      <c r="W8525" s="2">
        <v>8.4000000000000005E-2</v>
      </c>
      <c r="X8525" s="2">
        <v>12</v>
      </c>
      <c r="Y8525" s="2">
        <v>42.5</v>
      </c>
      <c r="Z8525" s="2">
        <v>164.4</v>
      </c>
      <c r="AA8525" s="5">
        <v>20</v>
      </c>
      <c r="AB8525" s="5" t="s">
        <v>43</v>
      </c>
      <c r="AC8525" s="5" t="s">
        <v>44</v>
      </c>
      <c r="AD8525" s="2" t="s">
        <v>25905</v>
      </c>
      <c r="AE8525" s="1"/>
    </row>
    <row r="8526" spans="1:31" ht="14.45">
      <c r="A8526" s="11"/>
      <c r="B8526" s="20"/>
      <c r="C8526" s="2" t="s">
        <v>26133</v>
      </c>
      <c r="D8526" s="14" t="s">
        <v>26134</v>
      </c>
      <c r="E8526" s="2" t="s">
        <v>26135</v>
      </c>
      <c r="F8526" s="2" t="s">
        <v>25909</v>
      </c>
      <c r="G8526" s="8">
        <v>228</v>
      </c>
      <c r="H8526" s="5">
        <v>5</v>
      </c>
      <c r="I8526" s="5" t="s">
        <v>69</v>
      </c>
      <c r="J8526" s="5" t="s">
        <v>24629</v>
      </c>
      <c r="K8526" s="2" t="s">
        <v>24630</v>
      </c>
      <c r="L8526" s="5" t="s">
        <v>24629</v>
      </c>
      <c r="M8526" s="2" t="s">
        <v>24630</v>
      </c>
      <c r="N8526" s="5" t="s">
        <v>24254</v>
      </c>
      <c r="O8526" s="5" t="s">
        <v>38</v>
      </c>
      <c r="P8526" s="5" t="s">
        <v>39</v>
      </c>
      <c r="Q8526" s="5" t="s">
        <v>40</v>
      </c>
      <c r="R8526" s="5" t="s">
        <v>24335</v>
      </c>
      <c r="S8526" s="5" t="s">
        <v>40</v>
      </c>
      <c r="T8526" s="5" t="s">
        <v>42</v>
      </c>
      <c r="U8526" s="2">
        <v>9.1850000000000005</v>
      </c>
      <c r="V8526" s="2">
        <v>7.343</v>
      </c>
      <c r="W8526" s="2">
        <v>0.104</v>
      </c>
      <c r="X8526" s="2">
        <v>12</v>
      </c>
      <c r="Y8526" s="2">
        <v>50</v>
      </c>
      <c r="Z8526" s="2">
        <v>173.9</v>
      </c>
      <c r="AA8526" s="5">
        <v>10</v>
      </c>
      <c r="AB8526" s="5" t="s">
        <v>43</v>
      </c>
      <c r="AC8526" s="5" t="s">
        <v>44</v>
      </c>
      <c r="AD8526" s="2" t="s">
        <v>25910</v>
      </c>
      <c r="AE8526" s="1"/>
    </row>
    <row r="8527" spans="1:31" ht="14.45">
      <c r="A8527" s="11"/>
      <c r="B8527" s="20"/>
      <c r="C8527" s="2" t="s">
        <v>26136</v>
      </c>
      <c r="D8527" s="14" t="s">
        <v>26137</v>
      </c>
      <c r="E8527" s="2" t="s">
        <v>26138</v>
      </c>
      <c r="F8527" s="2" t="s">
        <v>25163</v>
      </c>
      <c r="G8527" s="8">
        <v>204</v>
      </c>
      <c r="H8527" s="5">
        <v>10</v>
      </c>
      <c r="I8527" s="5" t="s">
        <v>69</v>
      </c>
      <c r="J8527" s="5" t="s">
        <v>24629</v>
      </c>
      <c r="K8527" s="2" t="s">
        <v>24630</v>
      </c>
      <c r="L8527" s="5" t="s">
        <v>24629</v>
      </c>
      <c r="M8527" s="2" t="s">
        <v>24630</v>
      </c>
      <c r="N8527" s="5" t="s">
        <v>24254</v>
      </c>
      <c r="O8527" s="5" t="s">
        <v>38</v>
      </c>
      <c r="P8527" s="5" t="s">
        <v>39</v>
      </c>
      <c r="Q8527" s="5" t="s">
        <v>40</v>
      </c>
      <c r="R8527" s="5" t="s">
        <v>24335</v>
      </c>
      <c r="S8527" s="5" t="s">
        <v>40</v>
      </c>
      <c r="T8527" s="5" t="s">
        <v>42</v>
      </c>
      <c r="U8527" s="2">
        <v>7.9939999999999998</v>
      </c>
      <c r="V8527" s="2">
        <v>6.5060000000000002</v>
      </c>
      <c r="W8527" s="2">
        <v>9.6000000000000002E-2</v>
      </c>
      <c r="X8527" s="2">
        <v>12</v>
      </c>
      <c r="Y8527" s="2">
        <v>42.5</v>
      </c>
      <c r="Z8527" s="2">
        <v>188.9</v>
      </c>
      <c r="AA8527" s="5">
        <v>20</v>
      </c>
      <c r="AB8527" s="5" t="s">
        <v>43</v>
      </c>
      <c r="AC8527" s="5" t="s">
        <v>44</v>
      </c>
      <c r="AD8527" s="2" t="s">
        <v>25897</v>
      </c>
      <c r="AE8527" s="1"/>
    </row>
    <row r="8528" spans="1:31" ht="14.45">
      <c r="A8528" s="11"/>
      <c r="B8528" s="20"/>
      <c r="C8528" s="2" t="s">
        <v>26139</v>
      </c>
      <c r="D8528" s="14" t="s">
        <v>26140</v>
      </c>
      <c r="E8528" s="2" t="s">
        <v>26141</v>
      </c>
      <c r="F8528" s="2" t="s">
        <v>25163</v>
      </c>
      <c r="G8528" s="8">
        <v>355</v>
      </c>
      <c r="H8528" s="5">
        <v>15</v>
      </c>
      <c r="I8528" s="5" t="s">
        <v>69</v>
      </c>
      <c r="J8528" s="5" t="s">
        <v>24629</v>
      </c>
      <c r="K8528" s="2" t="s">
        <v>24630</v>
      </c>
      <c r="L8528" s="5" t="s">
        <v>24629</v>
      </c>
      <c r="M8528" s="2" t="s">
        <v>24630</v>
      </c>
      <c r="N8528" s="5" t="s">
        <v>24254</v>
      </c>
      <c r="O8528" s="5" t="s">
        <v>38</v>
      </c>
      <c r="P8528" s="5" t="s">
        <v>39</v>
      </c>
      <c r="Q8528" s="5" t="s">
        <v>40</v>
      </c>
      <c r="R8528" s="5" t="s">
        <v>24340</v>
      </c>
      <c r="S8528" s="5" t="s">
        <v>40</v>
      </c>
      <c r="T8528" s="5" t="s">
        <v>42</v>
      </c>
      <c r="U8528" s="2">
        <v>17.558</v>
      </c>
      <c r="V8528" s="2">
        <v>16.07</v>
      </c>
      <c r="W8528" s="2">
        <v>9.6000000000000002E-2</v>
      </c>
      <c r="X8528" s="2">
        <v>12</v>
      </c>
      <c r="Y8528" s="2">
        <v>42.5</v>
      </c>
      <c r="Z8528" s="2">
        <v>188.9</v>
      </c>
      <c r="AA8528" s="5">
        <v>20</v>
      </c>
      <c r="AB8528" s="5" t="s">
        <v>43</v>
      </c>
      <c r="AC8528" s="5" t="s">
        <v>44</v>
      </c>
      <c r="AD8528" s="2" t="s">
        <v>25901</v>
      </c>
      <c r="AE8528" s="1"/>
    </row>
    <row r="8529" spans="1:31" ht="14.45">
      <c r="A8529" s="11"/>
      <c r="B8529" s="20"/>
      <c r="C8529" s="2" t="s">
        <v>26142</v>
      </c>
      <c r="D8529" s="14" t="s">
        <v>26143</v>
      </c>
      <c r="E8529" s="2" t="s">
        <v>26144</v>
      </c>
      <c r="F8529" s="2" t="s">
        <v>25163</v>
      </c>
      <c r="G8529" s="8">
        <v>355</v>
      </c>
      <c r="H8529" s="5">
        <v>15</v>
      </c>
      <c r="I8529" s="5" t="s">
        <v>69</v>
      </c>
      <c r="J8529" s="5" t="s">
        <v>24629</v>
      </c>
      <c r="K8529" s="2" t="s">
        <v>24630</v>
      </c>
      <c r="L8529" s="5" t="s">
        <v>24629</v>
      </c>
      <c r="M8529" s="2" t="s">
        <v>24630</v>
      </c>
      <c r="N8529" s="5" t="s">
        <v>24254</v>
      </c>
      <c r="O8529" s="5" t="s">
        <v>38</v>
      </c>
      <c r="P8529" s="5" t="s">
        <v>39</v>
      </c>
      <c r="Q8529" s="5" t="s">
        <v>40</v>
      </c>
      <c r="R8529" s="5" t="s">
        <v>25301</v>
      </c>
      <c r="S8529" s="5" t="s">
        <v>40</v>
      </c>
      <c r="T8529" s="5" t="s">
        <v>42</v>
      </c>
      <c r="U8529" s="2">
        <v>15.13</v>
      </c>
      <c r="V8529" s="2">
        <v>13.641</v>
      </c>
      <c r="W8529" s="2">
        <v>9.6000000000000002E-2</v>
      </c>
      <c r="X8529" s="2">
        <v>12</v>
      </c>
      <c r="Y8529" s="2">
        <v>42.5</v>
      </c>
      <c r="Z8529" s="2">
        <v>188.9</v>
      </c>
      <c r="AA8529" s="5">
        <v>20</v>
      </c>
      <c r="AB8529" s="5" t="s">
        <v>43</v>
      </c>
      <c r="AC8529" s="5" t="s">
        <v>44</v>
      </c>
      <c r="AD8529" s="2" t="s">
        <v>25905</v>
      </c>
      <c r="AE8529" s="1"/>
    </row>
    <row r="8530" spans="1:31" ht="14.45">
      <c r="A8530" s="11"/>
      <c r="B8530" s="20"/>
      <c r="C8530" s="2" t="s">
        <v>26145</v>
      </c>
      <c r="D8530" s="14" t="s">
        <v>26146</v>
      </c>
      <c r="E8530" s="2" t="s">
        <v>26147</v>
      </c>
      <c r="F8530" s="2" t="s">
        <v>26037</v>
      </c>
      <c r="G8530" s="8">
        <v>279</v>
      </c>
      <c r="H8530" s="5">
        <v>5</v>
      </c>
      <c r="I8530" s="5" t="s">
        <v>69</v>
      </c>
      <c r="J8530" s="5" t="s">
        <v>24629</v>
      </c>
      <c r="K8530" s="2" t="s">
        <v>24630</v>
      </c>
      <c r="L8530" s="5" t="s">
        <v>24629</v>
      </c>
      <c r="M8530" s="2" t="s">
        <v>24630</v>
      </c>
      <c r="N8530" s="5" t="s">
        <v>24254</v>
      </c>
      <c r="O8530" s="5" t="s">
        <v>38</v>
      </c>
      <c r="P8530" s="5" t="s">
        <v>39</v>
      </c>
      <c r="Q8530" s="5" t="s">
        <v>40</v>
      </c>
      <c r="R8530" s="5" t="s">
        <v>24335</v>
      </c>
      <c r="S8530" s="5" t="s">
        <v>40</v>
      </c>
      <c r="T8530" s="5" t="s">
        <v>42</v>
      </c>
      <c r="U8530" s="2">
        <v>11.417</v>
      </c>
      <c r="V8530" s="2">
        <v>9.5510000000000002</v>
      </c>
      <c r="W8530" s="2">
        <v>0.11600000000000001</v>
      </c>
      <c r="X8530" s="2">
        <v>12</v>
      </c>
      <c r="Y8530" s="2">
        <v>50</v>
      </c>
      <c r="Z8530" s="2">
        <v>193.9</v>
      </c>
      <c r="AA8530" s="5">
        <v>10</v>
      </c>
      <c r="AB8530" s="5" t="s">
        <v>43</v>
      </c>
      <c r="AC8530" s="5" t="s">
        <v>44</v>
      </c>
      <c r="AD8530" s="2" t="s">
        <v>25910</v>
      </c>
      <c r="AE8530" s="1"/>
    </row>
    <row r="8531" spans="1:31" ht="14.45">
      <c r="A8531" s="11"/>
      <c r="B8531" s="20"/>
      <c r="C8531" s="2" t="s">
        <v>26148</v>
      </c>
      <c r="D8531" s="14" t="s">
        <v>26149</v>
      </c>
      <c r="E8531" s="2" t="s">
        <v>26150</v>
      </c>
      <c r="F8531" s="2" t="s">
        <v>25397</v>
      </c>
      <c r="G8531" s="8">
        <v>430</v>
      </c>
      <c r="H8531" s="5">
        <v>15</v>
      </c>
      <c r="I8531" s="5" t="s">
        <v>69</v>
      </c>
      <c r="J8531" s="5" t="s">
        <v>24629</v>
      </c>
      <c r="K8531" s="2" t="s">
        <v>24630</v>
      </c>
      <c r="L8531" s="5" t="s">
        <v>24629</v>
      </c>
      <c r="M8531" s="2" t="s">
        <v>24630</v>
      </c>
      <c r="N8531" s="5" t="s">
        <v>24254</v>
      </c>
      <c r="O8531" s="5" t="s">
        <v>38</v>
      </c>
      <c r="P8531" s="5" t="s">
        <v>39</v>
      </c>
      <c r="Q8531" s="5" t="s">
        <v>40</v>
      </c>
      <c r="R8531" s="5" t="s">
        <v>24340</v>
      </c>
      <c r="S8531" s="5" t="s">
        <v>40</v>
      </c>
      <c r="T8531" s="5" t="s">
        <v>42</v>
      </c>
      <c r="U8531" s="2">
        <v>20.962</v>
      </c>
      <c r="V8531" s="2">
        <v>19.096</v>
      </c>
      <c r="W8531" s="2">
        <v>0.11600000000000001</v>
      </c>
      <c r="X8531" s="2">
        <v>12</v>
      </c>
      <c r="Y8531" s="2">
        <v>50</v>
      </c>
      <c r="Z8531" s="2">
        <v>193.9</v>
      </c>
      <c r="AA8531" s="5">
        <v>10</v>
      </c>
      <c r="AB8531" s="5" t="s">
        <v>43</v>
      </c>
      <c r="AC8531" s="5" t="s">
        <v>44</v>
      </c>
      <c r="AD8531" s="2" t="s">
        <v>26041</v>
      </c>
      <c r="AE8531" s="1"/>
    </row>
    <row r="8532" spans="1:31" ht="14.45">
      <c r="A8532" s="11"/>
      <c r="B8532" s="20"/>
      <c r="C8532" s="2" t="s">
        <v>26151</v>
      </c>
      <c r="D8532" s="14" t="s">
        <v>26152</v>
      </c>
      <c r="E8532" s="2" t="s">
        <v>26153</v>
      </c>
      <c r="F8532" s="2" t="s">
        <v>25397</v>
      </c>
      <c r="G8532" s="8">
        <v>430</v>
      </c>
      <c r="H8532" s="5">
        <v>15</v>
      </c>
      <c r="I8532" s="5" t="s">
        <v>69</v>
      </c>
      <c r="J8532" s="5" t="s">
        <v>24629</v>
      </c>
      <c r="K8532" s="2" t="s">
        <v>24630</v>
      </c>
      <c r="L8532" s="5" t="s">
        <v>24629</v>
      </c>
      <c r="M8532" s="2" t="s">
        <v>24630</v>
      </c>
      <c r="N8532" s="5" t="s">
        <v>24254</v>
      </c>
      <c r="O8532" s="5" t="s">
        <v>38</v>
      </c>
      <c r="P8532" s="5" t="s">
        <v>39</v>
      </c>
      <c r="Q8532" s="5" t="s">
        <v>40</v>
      </c>
      <c r="R8532" s="5" t="s">
        <v>25301</v>
      </c>
      <c r="S8532" s="5" t="s">
        <v>40</v>
      </c>
      <c r="T8532" s="5" t="s">
        <v>42</v>
      </c>
      <c r="U8532" s="2">
        <v>18.533999999999999</v>
      </c>
      <c r="V8532" s="2">
        <v>16.667000000000002</v>
      </c>
      <c r="W8532" s="2">
        <v>0.11600000000000001</v>
      </c>
      <c r="X8532" s="2">
        <v>12</v>
      </c>
      <c r="Y8532" s="2">
        <v>50</v>
      </c>
      <c r="Z8532" s="2">
        <v>193.9</v>
      </c>
      <c r="AA8532" s="5">
        <v>10</v>
      </c>
      <c r="AB8532" s="5" t="s">
        <v>43</v>
      </c>
      <c r="AC8532" s="5" t="s">
        <v>44</v>
      </c>
      <c r="AD8532" s="2" t="s">
        <v>26045</v>
      </c>
      <c r="AE8532" s="1"/>
    </row>
    <row r="8533" spans="1:31" ht="14.45">
      <c r="A8533" s="11"/>
      <c r="B8533" s="20"/>
      <c r="C8533" s="2" t="s">
        <v>26154</v>
      </c>
      <c r="D8533" s="14" t="s">
        <v>26155</v>
      </c>
      <c r="E8533" s="2" t="s">
        <v>26156</v>
      </c>
      <c r="F8533" s="2" t="s">
        <v>25163</v>
      </c>
      <c r="G8533" s="8">
        <v>148</v>
      </c>
      <c r="H8533" s="5">
        <v>5</v>
      </c>
      <c r="I8533" s="5" t="s">
        <v>69</v>
      </c>
      <c r="J8533" s="5" t="s">
        <v>24629</v>
      </c>
      <c r="K8533" s="2" t="s">
        <v>24630</v>
      </c>
      <c r="L8533" s="5" t="s">
        <v>24629</v>
      </c>
      <c r="M8533" s="2" t="s">
        <v>24630</v>
      </c>
      <c r="N8533" s="5" t="s">
        <v>24254</v>
      </c>
      <c r="O8533" s="5" t="s">
        <v>38</v>
      </c>
      <c r="P8533" s="5" t="s">
        <v>39</v>
      </c>
      <c r="Q8533" s="5" t="s">
        <v>40</v>
      </c>
      <c r="R8533" s="5" t="s">
        <v>24335</v>
      </c>
      <c r="S8533" s="5" t="s">
        <v>40</v>
      </c>
      <c r="T8533" s="5" t="s">
        <v>42</v>
      </c>
      <c r="U8533" s="2">
        <v>6.6660000000000004</v>
      </c>
      <c r="V8533" s="2">
        <v>5.0720000000000001</v>
      </c>
      <c r="W8533" s="2">
        <v>8.4000000000000005E-2</v>
      </c>
      <c r="X8533" s="2">
        <v>12</v>
      </c>
      <c r="Y8533" s="2">
        <v>42.5</v>
      </c>
      <c r="Z8533" s="2">
        <v>164.4</v>
      </c>
      <c r="AA8533" s="5">
        <v>20</v>
      </c>
      <c r="AB8533" s="5" t="s">
        <v>43</v>
      </c>
      <c r="AC8533" s="5" t="s">
        <v>44</v>
      </c>
      <c r="AD8533" s="2" t="s">
        <v>25897</v>
      </c>
      <c r="AE8533" s="1"/>
    </row>
    <row r="8534" spans="1:31" ht="14.45">
      <c r="A8534" s="11"/>
      <c r="B8534" s="20"/>
      <c r="C8534" s="2" t="s">
        <v>26157</v>
      </c>
      <c r="D8534" s="14" t="s">
        <v>26158</v>
      </c>
      <c r="E8534" s="2" t="s">
        <v>26159</v>
      </c>
      <c r="F8534" s="2" t="s">
        <v>25163</v>
      </c>
      <c r="G8534" s="8">
        <v>299</v>
      </c>
      <c r="H8534" s="5">
        <v>5</v>
      </c>
      <c r="I8534" s="5" t="s">
        <v>69</v>
      </c>
      <c r="J8534" s="5" t="s">
        <v>24629</v>
      </c>
      <c r="K8534" s="2" t="s">
        <v>24630</v>
      </c>
      <c r="L8534" s="5" t="s">
        <v>24629</v>
      </c>
      <c r="M8534" s="2" t="s">
        <v>24630</v>
      </c>
      <c r="N8534" s="5" t="s">
        <v>24254</v>
      </c>
      <c r="O8534" s="5" t="s">
        <v>38</v>
      </c>
      <c r="P8534" s="5" t="s">
        <v>39</v>
      </c>
      <c r="Q8534" s="5" t="s">
        <v>40</v>
      </c>
      <c r="R8534" s="5" t="s">
        <v>24340</v>
      </c>
      <c r="S8534" s="5" t="s">
        <v>40</v>
      </c>
      <c r="T8534" s="5" t="s">
        <v>42</v>
      </c>
      <c r="U8534" s="2">
        <v>13.420999999999999</v>
      </c>
      <c r="V8534" s="2">
        <v>11.627000000000001</v>
      </c>
      <c r="W8534" s="2">
        <v>8.4000000000000005E-2</v>
      </c>
      <c r="X8534" s="2">
        <v>12</v>
      </c>
      <c r="Y8534" s="2">
        <v>42.5</v>
      </c>
      <c r="Z8534" s="2">
        <v>164.4</v>
      </c>
      <c r="AA8534" s="5">
        <v>20</v>
      </c>
      <c r="AB8534" s="5" t="s">
        <v>43</v>
      </c>
      <c r="AC8534" s="5" t="s">
        <v>44</v>
      </c>
      <c r="AD8534" s="2" t="s">
        <v>25901</v>
      </c>
      <c r="AE8534" s="1"/>
    </row>
    <row r="8535" spans="1:31" ht="14.45">
      <c r="A8535" s="11"/>
      <c r="B8535" s="20"/>
      <c r="C8535" s="2" t="s">
        <v>26160</v>
      </c>
      <c r="D8535" s="14" t="s">
        <v>26161</v>
      </c>
      <c r="E8535" s="2" t="s">
        <v>26162</v>
      </c>
      <c r="F8535" s="2" t="s">
        <v>25163</v>
      </c>
      <c r="G8535" s="8">
        <v>299</v>
      </c>
      <c r="H8535" s="5">
        <v>15</v>
      </c>
      <c r="I8535" s="5" t="s">
        <v>69</v>
      </c>
      <c r="J8535" s="5" t="s">
        <v>24629</v>
      </c>
      <c r="K8535" s="2" t="s">
        <v>24630</v>
      </c>
      <c r="L8535" s="5" t="s">
        <v>24629</v>
      </c>
      <c r="M8535" s="2" t="s">
        <v>24630</v>
      </c>
      <c r="N8535" s="5" t="s">
        <v>24254</v>
      </c>
      <c r="O8535" s="5" t="s">
        <v>38</v>
      </c>
      <c r="P8535" s="5" t="s">
        <v>39</v>
      </c>
      <c r="Q8535" s="5" t="s">
        <v>40</v>
      </c>
      <c r="R8535" s="5" t="s">
        <v>25301</v>
      </c>
      <c r="S8535" s="5" t="s">
        <v>40</v>
      </c>
      <c r="T8535" s="5" t="s">
        <v>42</v>
      </c>
      <c r="U8535" s="2">
        <v>11.718999999999999</v>
      </c>
      <c r="V8535" s="2">
        <v>10.138999999999999</v>
      </c>
      <c r="W8535" s="2">
        <v>8.4000000000000005E-2</v>
      </c>
      <c r="X8535" s="2">
        <v>12</v>
      </c>
      <c r="Y8535" s="2">
        <v>42.5</v>
      </c>
      <c r="Z8535" s="2">
        <v>164.4</v>
      </c>
      <c r="AA8535" s="5">
        <v>20</v>
      </c>
      <c r="AB8535" s="5" t="s">
        <v>43</v>
      </c>
      <c r="AC8535" s="5" t="s">
        <v>44</v>
      </c>
      <c r="AD8535" s="2" t="s">
        <v>25905</v>
      </c>
      <c r="AE8535" s="1"/>
    </row>
    <row r="8536" spans="1:31" ht="14.45">
      <c r="A8536" s="11"/>
      <c r="B8536" s="20"/>
      <c r="C8536" s="2" t="s">
        <v>26163</v>
      </c>
      <c r="D8536" s="14" t="s">
        <v>26164</v>
      </c>
      <c r="E8536" s="2" t="s">
        <v>26165</v>
      </c>
      <c r="F8536" s="2" t="s">
        <v>25909</v>
      </c>
      <c r="G8536" s="8">
        <v>201</v>
      </c>
      <c r="H8536" s="5">
        <v>5</v>
      </c>
      <c r="I8536" s="5" t="s">
        <v>69</v>
      </c>
      <c r="J8536" s="5" t="s">
        <v>24629</v>
      </c>
      <c r="K8536" s="2" t="s">
        <v>24630</v>
      </c>
      <c r="L8536" s="5" t="s">
        <v>24629</v>
      </c>
      <c r="M8536" s="2" t="s">
        <v>24630</v>
      </c>
      <c r="N8536" s="5" t="s">
        <v>24254</v>
      </c>
      <c r="O8536" s="5" t="s">
        <v>38</v>
      </c>
      <c r="P8536" s="5" t="s">
        <v>39</v>
      </c>
      <c r="Q8536" s="5" t="s">
        <v>40</v>
      </c>
      <c r="R8536" s="5" t="s">
        <v>24335</v>
      </c>
      <c r="S8536" s="5" t="s">
        <v>40</v>
      </c>
      <c r="T8536" s="5" t="s">
        <v>42</v>
      </c>
      <c r="U8536" s="2">
        <v>8.2739999999999991</v>
      </c>
      <c r="V8536" s="2">
        <v>6.4320000000000004</v>
      </c>
      <c r="W8536" s="2">
        <v>0.104</v>
      </c>
      <c r="X8536" s="2">
        <v>12</v>
      </c>
      <c r="Y8536" s="2">
        <v>50</v>
      </c>
      <c r="Z8536" s="2">
        <v>173.9</v>
      </c>
      <c r="AA8536" s="5">
        <v>10</v>
      </c>
      <c r="AB8536" s="5" t="s">
        <v>43</v>
      </c>
      <c r="AC8536" s="5" t="s">
        <v>44</v>
      </c>
      <c r="AD8536" s="2" t="s">
        <v>25910</v>
      </c>
      <c r="AE8536" s="1"/>
    </row>
    <row r="8537" spans="1:31" ht="14.45">
      <c r="A8537" s="11"/>
      <c r="B8537" s="20"/>
      <c r="C8537" s="2" t="s">
        <v>26166</v>
      </c>
      <c r="D8537" s="14" t="s">
        <v>26167</v>
      </c>
      <c r="E8537" s="2" t="s">
        <v>26168</v>
      </c>
      <c r="F8537" s="2" t="s">
        <v>25163</v>
      </c>
      <c r="G8537" s="8">
        <v>160</v>
      </c>
      <c r="H8537" s="5">
        <v>5</v>
      </c>
      <c r="I8537" s="5" t="s">
        <v>69</v>
      </c>
      <c r="J8537" s="5" t="s">
        <v>24629</v>
      </c>
      <c r="K8537" s="2" t="s">
        <v>24630</v>
      </c>
      <c r="L8537" s="5" t="s">
        <v>24629</v>
      </c>
      <c r="M8537" s="2" t="s">
        <v>24630</v>
      </c>
      <c r="N8537" s="5" t="s">
        <v>24254</v>
      </c>
      <c r="O8537" s="5" t="s">
        <v>38</v>
      </c>
      <c r="P8537" s="5" t="s">
        <v>39</v>
      </c>
      <c r="Q8537" s="5" t="s">
        <v>40</v>
      </c>
      <c r="R8537" s="5" t="s">
        <v>24335</v>
      </c>
      <c r="S8537" s="5" t="s">
        <v>40</v>
      </c>
      <c r="T8537" s="5" t="s">
        <v>42</v>
      </c>
      <c r="U8537" s="2">
        <v>7.2160000000000002</v>
      </c>
      <c r="V8537" s="2">
        <v>5.6219999999999999</v>
      </c>
      <c r="W8537" s="2">
        <v>9.6000000000000002E-2</v>
      </c>
      <c r="X8537" s="2">
        <v>12</v>
      </c>
      <c r="Y8537" s="2">
        <v>42.5</v>
      </c>
      <c r="Z8537" s="2">
        <v>188.9</v>
      </c>
      <c r="AA8537" s="5">
        <v>20</v>
      </c>
      <c r="AB8537" s="5" t="s">
        <v>43</v>
      </c>
      <c r="AC8537" s="5" t="s">
        <v>44</v>
      </c>
      <c r="AD8537" s="2" t="s">
        <v>25897</v>
      </c>
      <c r="AE8537" s="1"/>
    </row>
    <row r="8538" spans="1:31" ht="14.45">
      <c r="A8538" s="11"/>
      <c r="B8538" s="20"/>
      <c r="C8538" s="2" t="s">
        <v>26169</v>
      </c>
      <c r="D8538" s="14" t="s">
        <v>26170</v>
      </c>
      <c r="E8538" s="2" t="s">
        <v>26171</v>
      </c>
      <c r="F8538" s="2" t="s">
        <v>25163</v>
      </c>
      <c r="G8538" s="8">
        <v>311</v>
      </c>
      <c r="H8538" s="5">
        <v>5</v>
      </c>
      <c r="I8538" s="5" t="s">
        <v>69</v>
      </c>
      <c r="J8538" s="5" t="s">
        <v>24629</v>
      </c>
      <c r="K8538" s="2" t="s">
        <v>24630</v>
      </c>
      <c r="L8538" s="5" t="s">
        <v>24629</v>
      </c>
      <c r="M8538" s="2" t="s">
        <v>24630</v>
      </c>
      <c r="N8538" s="5" t="s">
        <v>24254</v>
      </c>
      <c r="O8538" s="5" t="s">
        <v>38</v>
      </c>
      <c r="P8538" s="5" t="s">
        <v>39</v>
      </c>
      <c r="Q8538" s="5" t="s">
        <v>40</v>
      </c>
      <c r="R8538" s="5" t="s">
        <v>24340</v>
      </c>
      <c r="S8538" s="5" t="s">
        <v>40</v>
      </c>
      <c r="T8538" s="5" t="s">
        <v>42</v>
      </c>
      <c r="U8538" s="2">
        <v>15.039</v>
      </c>
      <c r="V8538" s="2">
        <v>13.244999999999999</v>
      </c>
      <c r="W8538" s="2">
        <v>9.6000000000000002E-2</v>
      </c>
      <c r="X8538" s="2">
        <v>12</v>
      </c>
      <c r="Y8538" s="2">
        <v>42.5</v>
      </c>
      <c r="Z8538" s="2">
        <v>188.9</v>
      </c>
      <c r="AA8538" s="5">
        <v>20</v>
      </c>
      <c r="AB8538" s="5" t="s">
        <v>43</v>
      </c>
      <c r="AC8538" s="5" t="s">
        <v>44</v>
      </c>
      <c r="AD8538" s="2" t="s">
        <v>25901</v>
      </c>
      <c r="AE8538" s="1"/>
    </row>
    <row r="8539" spans="1:31" ht="14.45">
      <c r="A8539" s="11"/>
      <c r="B8539" s="20"/>
      <c r="C8539" s="2" t="s">
        <v>26172</v>
      </c>
      <c r="D8539" s="14" t="s">
        <v>26173</v>
      </c>
      <c r="E8539" s="2" t="s">
        <v>26174</v>
      </c>
      <c r="F8539" s="2" t="s">
        <v>25163</v>
      </c>
      <c r="G8539" s="8">
        <v>311</v>
      </c>
      <c r="H8539" s="5">
        <v>15</v>
      </c>
      <c r="I8539" s="5" t="s">
        <v>69</v>
      </c>
      <c r="J8539" s="5" t="s">
        <v>24629</v>
      </c>
      <c r="K8539" s="2" t="s">
        <v>24630</v>
      </c>
      <c r="L8539" s="5" t="s">
        <v>24629</v>
      </c>
      <c r="M8539" s="2" t="s">
        <v>24630</v>
      </c>
      <c r="N8539" s="5" t="s">
        <v>24254</v>
      </c>
      <c r="O8539" s="5" t="s">
        <v>38</v>
      </c>
      <c r="P8539" s="5" t="s">
        <v>39</v>
      </c>
      <c r="Q8539" s="5" t="s">
        <v>40</v>
      </c>
      <c r="R8539" s="5" t="s">
        <v>25301</v>
      </c>
      <c r="S8539" s="5" t="s">
        <v>40</v>
      </c>
      <c r="T8539" s="5" t="s">
        <v>42</v>
      </c>
      <c r="U8539" s="2">
        <v>13.067</v>
      </c>
      <c r="V8539" s="2">
        <v>11.487</v>
      </c>
      <c r="W8539" s="2">
        <v>9.6000000000000002E-2</v>
      </c>
      <c r="X8539" s="2">
        <v>12</v>
      </c>
      <c r="Y8539" s="2">
        <v>42.5</v>
      </c>
      <c r="Z8539" s="2">
        <v>188.9</v>
      </c>
      <c r="AA8539" s="5">
        <v>20</v>
      </c>
      <c r="AB8539" s="5" t="s">
        <v>43</v>
      </c>
      <c r="AC8539" s="5" t="s">
        <v>44</v>
      </c>
      <c r="AD8539" s="2" t="s">
        <v>25905</v>
      </c>
      <c r="AE8539" s="1"/>
    </row>
    <row r="8540" spans="1:31" ht="14.45">
      <c r="A8540" s="11"/>
      <c r="B8540" s="20"/>
      <c r="C8540" s="2" t="s">
        <v>26175</v>
      </c>
      <c r="D8540" s="14" t="s">
        <v>26176</v>
      </c>
      <c r="E8540" s="2" t="s">
        <v>26177</v>
      </c>
      <c r="F8540" s="2" t="s">
        <v>25909</v>
      </c>
      <c r="G8540" s="8">
        <v>218</v>
      </c>
      <c r="H8540" s="5">
        <v>5</v>
      </c>
      <c r="I8540" s="5" t="s">
        <v>69</v>
      </c>
      <c r="J8540" s="5" t="s">
        <v>24629</v>
      </c>
      <c r="K8540" s="2" t="s">
        <v>24630</v>
      </c>
      <c r="L8540" s="5" t="s">
        <v>24629</v>
      </c>
      <c r="M8540" s="2" t="s">
        <v>24630</v>
      </c>
      <c r="N8540" s="5" t="s">
        <v>24254</v>
      </c>
      <c r="O8540" s="5" t="s">
        <v>38</v>
      </c>
      <c r="P8540" s="5" t="s">
        <v>39</v>
      </c>
      <c r="Q8540" s="5" t="s">
        <v>40</v>
      </c>
      <c r="R8540" s="5" t="s">
        <v>24335</v>
      </c>
      <c r="S8540" s="5" t="s">
        <v>40</v>
      </c>
      <c r="T8540" s="5" t="s">
        <v>42</v>
      </c>
      <c r="U8540" s="2">
        <v>9.1310000000000002</v>
      </c>
      <c r="V8540" s="2">
        <v>7.2889999999999997</v>
      </c>
      <c r="W8540" s="2">
        <v>0.104</v>
      </c>
      <c r="X8540" s="2">
        <v>12</v>
      </c>
      <c r="Y8540" s="2">
        <v>50</v>
      </c>
      <c r="Z8540" s="2">
        <v>173.9</v>
      </c>
      <c r="AA8540" s="5">
        <v>10</v>
      </c>
      <c r="AB8540" s="5" t="s">
        <v>43</v>
      </c>
      <c r="AC8540" s="5" t="s">
        <v>44</v>
      </c>
      <c r="AD8540" s="2" t="s">
        <v>25910</v>
      </c>
      <c r="AE8540" s="1"/>
    </row>
    <row r="8541" spans="1:31" ht="14.45">
      <c r="A8541" s="11"/>
      <c r="B8541" s="20"/>
      <c r="C8541" s="2" t="s">
        <v>26178</v>
      </c>
      <c r="D8541" s="14" t="s">
        <v>26179</v>
      </c>
      <c r="E8541" s="2" t="s">
        <v>26180</v>
      </c>
      <c r="F8541" s="2" t="s">
        <v>25163</v>
      </c>
      <c r="G8541" s="8">
        <v>178</v>
      </c>
      <c r="H8541" s="5">
        <v>10</v>
      </c>
      <c r="I8541" s="5" t="s">
        <v>69</v>
      </c>
      <c r="J8541" s="5" t="s">
        <v>24629</v>
      </c>
      <c r="K8541" s="2" t="s">
        <v>24630</v>
      </c>
      <c r="L8541" s="5" t="s">
        <v>24629</v>
      </c>
      <c r="M8541" s="2" t="s">
        <v>24630</v>
      </c>
      <c r="N8541" s="5" t="s">
        <v>24254</v>
      </c>
      <c r="O8541" s="5" t="s">
        <v>38</v>
      </c>
      <c r="P8541" s="5" t="s">
        <v>39</v>
      </c>
      <c r="Q8541" s="5" t="s">
        <v>40</v>
      </c>
      <c r="R8541" s="5" t="s">
        <v>24335</v>
      </c>
      <c r="S8541" s="5" t="s">
        <v>40</v>
      </c>
      <c r="T8541" s="5" t="s">
        <v>42</v>
      </c>
      <c r="U8541" s="2">
        <v>7.5220000000000002</v>
      </c>
      <c r="V8541" s="2">
        <v>5.9429999999999996</v>
      </c>
      <c r="W8541" s="2">
        <v>9.6000000000000002E-2</v>
      </c>
      <c r="X8541" s="2">
        <v>12</v>
      </c>
      <c r="Y8541" s="2">
        <v>42.5</v>
      </c>
      <c r="Z8541" s="2">
        <v>188.9</v>
      </c>
      <c r="AA8541" s="5">
        <v>20</v>
      </c>
      <c r="AB8541" s="5" t="s">
        <v>43</v>
      </c>
      <c r="AC8541" s="5" t="s">
        <v>44</v>
      </c>
      <c r="AD8541" s="2" t="s">
        <v>25897</v>
      </c>
      <c r="AE8541" s="1"/>
    </row>
    <row r="8542" spans="1:31" ht="14.45">
      <c r="A8542" s="11"/>
      <c r="B8542" s="20"/>
      <c r="C8542" s="2" t="s">
        <v>26181</v>
      </c>
      <c r="D8542" s="14" t="s">
        <v>26182</v>
      </c>
      <c r="E8542" s="2" t="s">
        <v>26183</v>
      </c>
      <c r="F8542" s="2" t="s">
        <v>25163</v>
      </c>
      <c r="G8542" s="8">
        <v>329</v>
      </c>
      <c r="H8542" s="5">
        <v>10</v>
      </c>
      <c r="I8542" s="5" t="s">
        <v>69</v>
      </c>
      <c r="J8542" s="5" t="s">
        <v>24629</v>
      </c>
      <c r="K8542" s="2" t="s">
        <v>24630</v>
      </c>
      <c r="L8542" s="5" t="s">
        <v>24629</v>
      </c>
      <c r="M8542" s="2" t="s">
        <v>24630</v>
      </c>
      <c r="N8542" s="5" t="s">
        <v>24254</v>
      </c>
      <c r="O8542" s="5" t="s">
        <v>38</v>
      </c>
      <c r="P8542" s="5" t="s">
        <v>39</v>
      </c>
      <c r="Q8542" s="5" t="s">
        <v>40</v>
      </c>
      <c r="R8542" s="5" t="s">
        <v>24340</v>
      </c>
      <c r="S8542" s="5" t="s">
        <v>40</v>
      </c>
      <c r="T8542" s="5" t="s">
        <v>42</v>
      </c>
      <c r="U8542" s="2">
        <v>15.842000000000001</v>
      </c>
      <c r="V8542" s="2">
        <v>14.048</v>
      </c>
      <c r="W8542" s="2">
        <v>9.6000000000000002E-2</v>
      </c>
      <c r="X8542" s="2">
        <v>12</v>
      </c>
      <c r="Y8542" s="2">
        <v>42.5</v>
      </c>
      <c r="Z8542" s="2">
        <v>188.9</v>
      </c>
      <c r="AA8542" s="5">
        <v>20</v>
      </c>
      <c r="AB8542" s="5" t="s">
        <v>43</v>
      </c>
      <c r="AC8542" s="5" t="s">
        <v>44</v>
      </c>
      <c r="AD8542" s="2" t="s">
        <v>25901</v>
      </c>
      <c r="AE8542" s="1"/>
    </row>
    <row r="8543" spans="1:31" ht="14.45">
      <c r="A8543" s="11"/>
      <c r="B8543" s="20"/>
      <c r="C8543" s="2" t="s">
        <v>26184</v>
      </c>
      <c r="D8543" s="14" t="s">
        <v>26185</v>
      </c>
      <c r="E8543" s="2" t="s">
        <v>26186</v>
      </c>
      <c r="F8543" s="2" t="s">
        <v>25163</v>
      </c>
      <c r="G8543" s="8">
        <v>329</v>
      </c>
      <c r="H8543" s="5">
        <v>15</v>
      </c>
      <c r="I8543" s="5" t="s">
        <v>69</v>
      </c>
      <c r="J8543" s="5" t="s">
        <v>24629</v>
      </c>
      <c r="K8543" s="2" t="s">
        <v>24630</v>
      </c>
      <c r="L8543" s="5" t="s">
        <v>24629</v>
      </c>
      <c r="M8543" s="2" t="s">
        <v>24630</v>
      </c>
      <c r="N8543" s="5" t="s">
        <v>24254</v>
      </c>
      <c r="O8543" s="5" t="s">
        <v>38</v>
      </c>
      <c r="P8543" s="5" t="s">
        <v>39</v>
      </c>
      <c r="Q8543" s="5" t="s">
        <v>40</v>
      </c>
      <c r="R8543" s="5" t="s">
        <v>25301</v>
      </c>
      <c r="S8543" s="5" t="s">
        <v>40</v>
      </c>
      <c r="T8543" s="5" t="s">
        <v>42</v>
      </c>
      <c r="U8543" s="2">
        <v>13.734</v>
      </c>
      <c r="V8543" s="2">
        <v>12.154</v>
      </c>
      <c r="W8543" s="2">
        <v>9.6000000000000002E-2</v>
      </c>
      <c r="X8543" s="2">
        <v>12</v>
      </c>
      <c r="Y8543" s="2">
        <v>42.5</v>
      </c>
      <c r="Z8543" s="2">
        <v>188.9</v>
      </c>
      <c r="AA8543" s="5">
        <v>20</v>
      </c>
      <c r="AB8543" s="5" t="s">
        <v>43</v>
      </c>
      <c r="AC8543" s="5" t="s">
        <v>44</v>
      </c>
      <c r="AD8543" s="2" t="s">
        <v>25905</v>
      </c>
      <c r="AE8543" s="1"/>
    </row>
    <row r="8544" spans="1:31" ht="14.45">
      <c r="A8544" s="11"/>
      <c r="B8544" s="20"/>
      <c r="C8544" s="2" t="s">
        <v>26187</v>
      </c>
      <c r="D8544" s="14" t="s">
        <v>26188</v>
      </c>
      <c r="E8544" s="2" t="s">
        <v>26189</v>
      </c>
      <c r="F8544" s="2" t="s">
        <v>25909</v>
      </c>
      <c r="G8544" s="8">
        <v>243</v>
      </c>
      <c r="H8544" s="5">
        <v>5</v>
      </c>
      <c r="I8544" s="5" t="s">
        <v>69</v>
      </c>
      <c r="J8544" s="5" t="s">
        <v>24629</v>
      </c>
      <c r="K8544" s="2" t="s">
        <v>24630</v>
      </c>
      <c r="L8544" s="5" t="s">
        <v>24629</v>
      </c>
      <c r="M8544" s="2" t="s">
        <v>24630</v>
      </c>
      <c r="N8544" s="5" t="s">
        <v>24254</v>
      </c>
      <c r="O8544" s="5" t="s">
        <v>38</v>
      </c>
      <c r="P8544" s="5" t="s">
        <v>39</v>
      </c>
      <c r="Q8544" s="5" t="s">
        <v>40</v>
      </c>
      <c r="R8544" s="5" t="s">
        <v>24335</v>
      </c>
      <c r="S8544" s="5" t="s">
        <v>40</v>
      </c>
      <c r="T8544" s="5" t="s">
        <v>42</v>
      </c>
      <c r="U8544" s="2">
        <v>9.7690000000000001</v>
      </c>
      <c r="V8544" s="2">
        <v>7.7110000000000003</v>
      </c>
      <c r="W8544" s="2">
        <v>0.11600000000000001</v>
      </c>
      <c r="X8544" s="2">
        <v>12</v>
      </c>
      <c r="Y8544" s="2">
        <v>50</v>
      </c>
      <c r="Z8544" s="2">
        <v>193.9</v>
      </c>
      <c r="AA8544" s="5">
        <v>10</v>
      </c>
      <c r="AB8544" s="5" t="s">
        <v>43</v>
      </c>
      <c r="AC8544" s="5" t="s">
        <v>44</v>
      </c>
      <c r="AD8544" s="2" t="s">
        <v>25910</v>
      </c>
      <c r="AE8544" s="1"/>
    </row>
    <row r="8545" spans="1:31" ht="14.45">
      <c r="A8545" s="11"/>
      <c r="B8545" s="20"/>
      <c r="C8545" s="2" t="s">
        <v>26190</v>
      </c>
      <c r="D8545" s="14" t="s">
        <v>26191</v>
      </c>
      <c r="E8545" s="2" t="s">
        <v>26192</v>
      </c>
      <c r="F8545" s="2" t="s">
        <v>26193</v>
      </c>
      <c r="G8545" s="8">
        <v>580</v>
      </c>
      <c r="H8545" s="5">
        <v>5</v>
      </c>
      <c r="I8545" s="5" t="s">
        <v>69</v>
      </c>
      <c r="J8545" s="5" t="s">
        <v>24629</v>
      </c>
      <c r="K8545" s="2" t="s">
        <v>24630</v>
      </c>
      <c r="L8545" s="5" t="s">
        <v>24629</v>
      </c>
      <c r="M8545" s="2" t="s">
        <v>24630</v>
      </c>
      <c r="N8545" s="5" t="s">
        <v>24254</v>
      </c>
      <c r="O8545" s="5" t="s">
        <v>38</v>
      </c>
      <c r="P8545" s="5" t="s">
        <v>39</v>
      </c>
      <c r="Q8545" s="5" t="s">
        <v>40</v>
      </c>
      <c r="R8545" s="5" t="s">
        <v>24335</v>
      </c>
      <c r="S8545" s="5" t="s">
        <v>40</v>
      </c>
      <c r="T8545" s="5" t="s">
        <v>42</v>
      </c>
      <c r="U8545" s="2">
        <v>11.087999999999999</v>
      </c>
      <c r="V8545" s="2">
        <v>8.6210000000000004</v>
      </c>
      <c r="W8545" s="2">
        <v>0.13600000000000001</v>
      </c>
      <c r="X8545" s="2">
        <v>12</v>
      </c>
      <c r="Y8545" s="2">
        <v>50</v>
      </c>
      <c r="Z8545" s="2">
        <v>227.4</v>
      </c>
      <c r="AA8545" s="5">
        <v>20</v>
      </c>
      <c r="AB8545" s="5" t="s">
        <v>43</v>
      </c>
      <c r="AC8545" s="5" t="s">
        <v>44</v>
      </c>
      <c r="AD8545" s="2" t="s">
        <v>25910</v>
      </c>
      <c r="AE8545" s="1"/>
    </row>
    <row r="8546" spans="1:31" ht="14.45">
      <c r="A8546" s="11"/>
      <c r="B8546" s="20"/>
      <c r="C8546" s="2" t="s">
        <v>26194</v>
      </c>
      <c r="D8546" s="14" t="s">
        <v>26195</v>
      </c>
      <c r="E8546" s="2" t="s">
        <v>26196</v>
      </c>
      <c r="F8546" s="2" t="s">
        <v>26197</v>
      </c>
      <c r="G8546" s="8">
        <v>986</v>
      </c>
      <c r="H8546" s="5">
        <v>15</v>
      </c>
      <c r="I8546" s="5" t="s">
        <v>69</v>
      </c>
      <c r="J8546" s="5" t="s">
        <v>24629</v>
      </c>
      <c r="K8546" s="2" t="s">
        <v>24630</v>
      </c>
      <c r="L8546" s="5" t="s">
        <v>24629</v>
      </c>
      <c r="M8546" s="2" t="s">
        <v>24630</v>
      </c>
      <c r="N8546" s="5" t="s">
        <v>24254</v>
      </c>
      <c r="O8546" s="5" t="s">
        <v>38</v>
      </c>
      <c r="P8546" s="5" t="s">
        <v>39</v>
      </c>
      <c r="Q8546" s="5" t="s">
        <v>40</v>
      </c>
      <c r="R8546" s="5" t="s">
        <v>24340</v>
      </c>
      <c r="S8546" s="5" t="s">
        <v>40</v>
      </c>
      <c r="T8546" s="5" t="s">
        <v>42</v>
      </c>
      <c r="U8546" s="2">
        <v>19.521000000000001</v>
      </c>
      <c r="V8546" s="2">
        <v>17.04</v>
      </c>
      <c r="W8546" s="2">
        <v>0.13600000000000001</v>
      </c>
      <c r="X8546" s="2">
        <v>12</v>
      </c>
      <c r="Y8546" s="2">
        <v>50</v>
      </c>
      <c r="Z8546" s="2">
        <v>227.4</v>
      </c>
      <c r="AA8546" s="5">
        <v>20</v>
      </c>
      <c r="AB8546" s="5" t="s">
        <v>43</v>
      </c>
      <c r="AC8546" s="5" t="s">
        <v>44</v>
      </c>
      <c r="AD8546" s="2" t="s">
        <v>26041</v>
      </c>
      <c r="AE8546" s="1"/>
    </row>
    <row r="8547" spans="1:31" ht="14.45">
      <c r="A8547" s="11"/>
      <c r="B8547" s="20"/>
      <c r="C8547" s="2" t="s">
        <v>26198</v>
      </c>
      <c r="D8547" s="14" t="s">
        <v>26199</v>
      </c>
      <c r="E8547" s="2" t="s">
        <v>26200</v>
      </c>
      <c r="F8547" s="2" t="s">
        <v>26193</v>
      </c>
      <c r="G8547" s="8">
        <v>609</v>
      </c>
      <c r="H8547" s="5">
        <v>5</v>
      </c>
      <c r="I8547" s="5" t="s">
        <v>69</v>
      </c>
      <c r="J8547" s="5" t="s">
        <v>24629</v>
      </c>
      <c r="K8547" s="2" t="s">
        <v>24630</v>
      </c>
      <c r="L8547" s="5" t="s">
        <v>24629</v>
      </c>
      <c r="M8547" s="2" t="s">
        <v>24630</v>
      </c>
      <c r="N8547" s="5" t="s">
        <v>24254</v>
      </c>
      <c r="O8547" s="5" t="s">
        <v>38</v>
      </c>
      <c r="P8547" s="5" t="s">
        <v>39</v>
      </c>
      <c r="Q8547" s="5" t="s">
        <v>40</v>
      </c>
      <c r="R8547" s="5" t="s">
        <v>24335</v>
      </c>
      <c r="S8547" s="5" t="s">
        <v>40</v>
      </c>
      <c r="T8547" s="5" t="s">
        <v>42</v>
      </c>
      <c r="U8547" s="2">
        <v>11.526</v>
      </c>
      <c r="V8547" s="2">
        <v>9.0589999999999993</v>
      </c>
      <c r="W8547" s="2">
        <v>0.15</v>
      </c>
      <c r="X8547" s="2">
        <v>12</v>
      </c>
      <c r="Y8547" s="2">
        <v>50</v>
      </c>
      <c r="Z8547" s="2">
        <v>249.9</v>
      </c>
      <c r="AA8547" s="5">
        <v>20</v>
      </c>
      <c r="AB8547" s="5" t="s">
        <v>43</v>
      </c>
      <c r="AC8547" s="5" t="s">
        <v>44</v>
      </c>
      <c r="AD8547" s="2" t="s">
        <v>25910</v>
      </c>
      <c r="AE8547" s="1"/>
    </row>
    <row r="8548" spans="1:31" ht="14.45">
      <c r="A8548" s="11"/>
      <c r="B8548" s="20"/>
      <c r="C8548" s="2" t="s">
        <v>26201</v>
      </c>
      <c r="D8548" s="14" t="s">
        <v>26202</v>
      </c>
      <c r="E8548" s="2" t="s">
        <v>26203</v>
      </c>
      <c r="F8548" s="2" t="s">
        <v>26197</v>
      </c>
      <c r="G8548" s="8">
        <v>1035</v>
      </c>
      <c r="H8548" s="5">
        <v>15</v>
      </c>
      <c r="I8548" s="5" t="s">
        <v>69</v>
      </c>
      <c r="J8548" s="5" t="s">
        <v>24629</v>
      </c>
      <c r="K8548" s="2" t="s">
        <v>24630</v>
      </c>
      <c r="L8548" s="5" t="s">
        <v>24629</v>
      </c>
      <c r="M8548" s="2" t="s">
        <v>24630</v>
      </c>
      <c r="N8548" s="5" t="s">
        <v>24254</v>
      </c>
      <c r="O8548" s="5" t="s">
        <v>38</v>
      </c>
      <c r="P8548" s="5" t="s">
        <v>39</v>
      </c>
      <c r="Q8548" s="5" t="s">
        <v>40</v>
      </c>
      <c r="R8548" s="5" t="s">
        <v>24340</v>
      </c>
      <c r="S8548" s="5" t="s">
        <v>40</v>
      </c>
      <c r="T8548" s="5" t="s">
        <v>42</v>
      </c>
      <c r="U8548" s="2">
        <v>20.503</v>
      </c>
      <c r="V8548" s="2">
        <v>18.021999999999998</v>
      </c>
      <c r="W8548" s="2">
        <v>0.13600000000000001</v>
      </c>
      <c r="X8548" s="2">
        <v>12</v>
      </c>
      <c r="Y8548" s="2">
        <v>50</v>
      </c>
      <c r="Z8548" s="2">
        <v>227.4</v>
      </c>
      <c r="AA8548" s="5">
        <v>20</v>
      </c>
      <c r="AB8548" s="5" t="s">
        <v>43</v>
      </c>
      <c r="AC8548" s="5" t="s">
        <v>44</v>
      </c>
      <c r="AD8548" s="2" t="s">
        <v>26041</v>
      </c>
      <c r="AE8548" s="1"/>
    </row>
    <row r="8549" spans="1:31" ht="14.45">
      <c r="A8549" s="11"/>
      <c r="B8549" s="20"/>
      <c r="C8549" s="2" t="s">
        <v>26204</v>
      </c>
      <c r="D8549" s="14" t="s">
        <v>26205</v>
      </c>
      <c r="E8549" s="2" t="s">
        <v>26206</v>
      </c>
      <c r="F8549" s="2" t="s">
        <v>25163</v>
      </c>
      <c r="G8549" s="8">
        <v>126</v>
      </c>
      <c r="H8549" s="5">
        <v>10</v>
      </c>
      <c r="I8549" s="5" t="s">
        <v>69</v>
      </c>
      <c r="J8549" s="5" t="s">
        <v>24629</v>
      </c>
      <c r="K8549" s="2" t="s">
        <v>24630</v>
      </c>
      <c r="L8549" s="5" t="s">
        <v>24629</v>
      </c>
      <c r="M8549" s="2" t="s">
        <v>24630</v>
      </c>
      <c r="N8549" s="5" t="s">
        <v>24254</v>
      </c>
      <c r="O8549" s="5" t="s">
        <v>38</v>
      </c>
      <c r="P8549" s="5" t="s">
        <v>39</v>
      </c>
      <c r="Q8549" s="5" t="s">
        <v>40</v>
      </c>
      <c r="R8549" s="5" t="s">
        <v>24335</v>
      </c>
      <c r="S8549" s="5" t="s">
        <v>40</v>
      </c>
      <c r="T8549" s="5" t="s">
        <v>42</v>
      </c>
      <c r="U8549" s="2">
        <v>4.8499999999999996</v>
      </c>
      <c r="V8549" s="2">
        <v>3.5819999999999999</v>
      </c>
      <c r="W8549" s="2">
        <v>5.8999999999999997E-2</v>
      </c>
      <c r="X8549" s="2">
        <v>12</v>
      </c>
      <c r="Y8549" s="2">
        <v>42.5</v>
      </c>
      <c r="Z8549" s="2">
        <v>116.4</v>
      </c>
      <c r="AA8549" s="5">
        <v>20</v>
      </c>
      <c r="AB8549" s="5" t="s">
        <v>43</v>
      </c>
      <c r="AC8549" s="5" t="s">
        <v>44</v>
      </c>
      <c r="AD8549" s="2" t="s">
        <v>26207</v>
      </c>
      <c r="AE8549" s="1"/>
    </row>
    <row r="8550" spans="1:31" ht="14.45">
      <c r="A8550" s="11"/>
      <c r="B8550" s="20"/>
      <c r="C8550" s="2" t="s">
        <v>26208</v>
      </c>
      <c r="D8550" s="14" t="s">
        <v>26209</v>
      </c>
      <c r="E8550" s="2" t="s">
        <v>26210</v>
      </c>
      <c r="F8550" s="2" t="s">
        <v>26211</v>
      </c>
      <c r="G8550" s="8">
        <v>171</v>
      </c>
      <c r="H8550" s="5">
        <v>5</v>
      </c>
      <c r="I8550" s="5" t="s">
        <v>69</v>
      </c>
      <c r="J8550" s="5" t="s">
        <v>24629</v>
      </c>
      <c r="K8550" s="2" t="s">
        <v>24630</v>
      </c>
      <c r="L8550" s="5" t="s">
        <v>24629</v>
      </c>
      <c r="M8550" s="2" t="s">
        <v>24630</v>
      </c>
      <c r="N8550" s="5" t="s">
        <v>24254</v>
      </c>
      <c r="O8550" s="5" t="s">
        <v>38</v>
      </c>
      <c r="P8550" s="5" t="s">
        <v>39</v>
      </c>
      <c r="Q8550" s="5" t="s">
        <v>40</v>
      </c>
      <c r="R8550" s="5" t="s">
        <v>24335</v>
      </c>
      <c r="S8550" s="5" t="s">
        <v>40</v>
      </c>
      <c r="T8550" s="5" t="s">
        <v>42</v>
      </c>
      <c r="U8550" s="2">
        <v>7.827</v>
      </c>
      <c r="V8550" s="2">
        <v>5.3170000000000002</v>
      </c>
      <c r="W8550" s="2">
        <v>0.121</v>
      </c>
      <c r="X8550" s="2">
        <v>12</v>
      </c>
      <c r="Y8550" s="2">
        <v>77</v>
      </c>
      <c r="Z8550" s="2">
        <v>131.4</v>
      </c>
      <c r="AA8550" s="5">
        <v>10</v>
      </c>
      <c r="AB8550" s="5" t="s">
        <v>43</v>
      </c>
      <c r="AC8550" s="5" t="s">
        <v>44</v>
      </c>
      <c r="AD8550" s="2" t="s">
        <v>26212</v>
      </c>
      <c r="AE8550" s="1"/>
    </row>
    <row r="8551" spans="1:31" ht="14.45">
      <c r="A8551" s="11"/>
      <c r="B8551" s="20"/>
      <c r="C8551" s="2" t="s">
        <v>26213</v>
      </c>
      <c r="D8551" s="14" t="s">
        <v>26214</v>
      </c>
      <c r="E8551" s="2" t="s">
        <v>26215</v>
      </c>
      <c r="F8551" s="2" t="s">
        <v>25163</v>
      </c>
      <c r="G8551" s="8">
        <v>133</v>
      </c>
      <c r="H8551" s="5">
        <v>10</v>
      </c>
      <c r="I8551" s="5" t="s">
        <v>69</v>
      </c>
      <c r="J8551" s="5" t="s">
        <v>24629</v>
      </c>
      <c r="K8551" s="2" t="s">
        <v>24630</v>
      </c>
      <c r="L8551" s="5" t="s">
        <v>24629</v>
      </c>
      <c r="M8551" s="2" t="s">
        <v>24630</v>
      </c>
      <c r="N8551" s="5" t="s">
        <v>24254</v>
      </c>
      <c r="O8551" s="5" t="s">
        <v>38</v>
      </c>
      <c r="P8551" s="5" t="s">
        <v>39</v>
      </c>
      <c r="Q8551" s="5" t="s">
        <v>40</v>
      </c>
      <c r="R8551" s="5" t="s">
        <v>24335</v>
      </c>
      <c r="S8551" s="5" t="s">
        <v>40</v>
      </c>
      <c r="T8551" s="5" t="s">
        <v>42</v>
      </c>
      <c r="U8551" s="2">
        <v>5.1029999999999998</v>
      </c>
      <c r="V8551" s="2">
        <v>3.835</v>
      </c>
      <c r="W8551" s="2">
        <v>5.8999999999999997E-2</v>
      </c>
      <c r="X8551" s="2">
        <v>12</v>
      </c>
      <c r="Y8551" s="2">
        <v>42.5</v>
      </c>
      <c r="Z8551" s="2">
        <v>116.4</v>
      </c>
      <c r="AA8551" s="5">
        <v>20</v>
      </c>
      <c r="AB8551" s="5" t="s">
        <v>43</v>
      </c>
      <c r="AC8551" s="5" t="s">
        <v>44</v>
      </c>
      <c r="AD8551" s="2" t="s">
        <v>26207</v>
      </c>
      <c r="AE8551" s="1"/>
    </row>
    <row r="8552" spans="1:31" ht="14.45">
      <c r="A8552" s="11"/>
      <c r="B8552" s="20"/>
      <c r="C8552" s="2" t="s">
        <v>26216</v>
      </c>
      <c r="D8552" s="14" t="s">
        <v>26217</v>
      </c>
      <c r="E8552" s="2" t="s">
        <v>26218</v>
      </c>
      <c r="F8552" s="2" t="s">
        <v>25163</v>
      </c>
      <c r="G8552" s="8">
        <v>147</v>
      </c>
      <c r="H8552" s="5">
        <v>5</v>
      </c>
      <c r="I8552" s="5" t="s">
        <v>69</v>
      </c>
      <c r="J8552" s="5" t="s">
        <v>24629</v>
      </c>
      <c r="K8552" s="2" t="s">
        <v>24630</v>
      </c>
      <c r="L8552" s="5" t="s">
        <v>24629</v>
      </c>
      <c r="M8552" s="2" t="s">
        <v>24630</v>
      </c>
      <c r="N8552" s="5" t="s">
        <v>24254</v>
      </c>
      <c r="O8552" s="5" t="s">
        <v>38</v>
      </c>
      <c r="P8552" s="5" t="s">
        <v>39</v>
      </c>
      <c r="Q8552" s="5" t="s">
        <v>40</v>
      </c>
      <c r="R8552" s="5" t="s">
        <v>24335</v>
      </c>
      <c r="S8552" s="5" t="s">
        <v>40</v>
      </c>
      <c r="T8552" s="5" t="s">
        <v>42</v>
      </c>
      <c r="U8552" s="2">
        <v>6.343</v>
      </c>
      <c r="V8552" s="2">
        <v>3.8420000000000001</v>
      </c>
      <c r="W8552" s="2">
        <v>5.8999999999999997E-2</v>
      </c>
      <c r="X8552" s="2">
        <v>12</v>
      </c>
      <c r="Y8552" s="2">
        <v>42.5</v>
      </c>
      <c r="Z8552" s="2">
        <v>116.4</v>
      </c>
      <c r="AA8552" s="5">
        <v>20</v>
      </c>
      <c r="AB8552" s="5" t="s">
        <v>43</v>
      </c>
      <c r="AC8552" s="5" t="s">
        <v>44</v>
      </c>
      <c r="AD8552" s="2"/>
      <c r="AE8552" s="1"/>
    </row>
    <row r="8553" spans="1:31" ht="14.45">
      <c r="A8553" s="11"/>
      <c r="B8553" s="20"/>
      <c r="C8553" s="2" t="s">
        <v>26219</v>
      </c>
      <c r="D8553" s="14" t="s">
        <v>26220</v>
      </c>
      <c r="E8553" s="2" t="s">
        <v>26221</v>
      </c>
      <c r="F8553" s="2" t="s">
        <v>26211</v>
      </c>
      <c r="G8553" s="8">
        <v>182</v>
      </c>
      <c r="H8553" s="5">
        <v>5</v>
      </c>
      <c r="I8553" s="5" t="s">
        <v>69</v>
      </c>
      <c r="J8553" s="5" t="s">
        <v>24629</v>
      </c>
      <c r="K8553" s="2" t="s">
        <v>24630</v>
      </c>
      <c r="L8553" s="5" t="s">
        <v>24629</v>
      </c>
      <c r="M8553" s="2" t="s">
        <v>24630</v>
      </c>
      <c r="N8553" s="5" t="s">
        <v>24254</v>
      </c>
      <c r="O8553" s="5" t="s">
        <v>38</v>
      </c>
      <c r="P8553" s="5" t="s">
        <v>39</v>
      </c>
      <c r="Q8553" s="5" t="s">
        <v>40</v>
      </c>
      <c r="R8553" s="5" t="s">
        <v>24335</v>
      </c>
      <c r="S8553" s="5" t="s">
        <v>40</v>
      </c>
      <c r="T8553" s="5" t="s">
        <v>42</v>
      </c>
      <c r="U8553" s="2">
        <v>8.2919999999999998</v>
      </c>
      <c r="V8553" s="2">
        <v>5.782</v>
      </c>
      <c r="W8553" s="2">
        <v>0.121</v>
      </c>
      <c r="X8553" s="2">
        <v>12</v>
      </c>
      <c r="Y8553" s="2">
        <v>77</v>
      </c>
      <c r="Z8553" s="2">
        <v>131.4</v>
      </c>
      <c r="AA8553" s="5">
        <v>10</v>
      </c>
      <c r="AB8553" s="5" t="s">
        <v>43</v>
      </c>
      <c r="AC8553" s="5" t="s">
        <v>44</v>
      </c>
      <c r="AD8553" s="2" t="s">
        <v>26212</v>
      </c>
      <c r="AE8553" s="1"/>
    </row>
    <row r="8554" spans="1:31" ht="14.45">
      <c r="A8554" s="11"/>
      <c r="B8554" s="20"/>
      <c r="C8554" s="2" t="s">
        <v>26222</v>
      </c>
      <c r="D8554" s="14" t="s">
        <v>26223</v>
      </c>
      <c r="E8554" s="2" t="s">
        <v>26224</v>
      </c>
      <c r="F8554" s="2" t="s">
        <v>25163</v>
      </c>
      <c r="G8554" s="8">
        <v>138</v>
      </c>
      <c r="H8554" s="5">
        <v>10</v>
      </c>
      <c r="I8554" s="5" t="s">
        <v>69</v>
      </c>
      <c r="J8554" s="5" t="s">
        <v>24629</v>
      </c>
      <c r="K8554" s="2" t="s">
        <v>24630</v>
      </c>
      <c r="L8554" s="5" t="s">
        <v>24629</v>
      </c>
      <c r="M8554" s="2" t="s">
        <v>24630</v>
      </c>
      <c r="N8554" s="5" t="s">
        <v>24254</v>
      </c>
      <c r="O8554" s="5" t="s">
        <v>38</v>
      </c>
      <c r="P8554" s="5" t="s">
        <v>39</v>
      </c>
      <c r="Q8554" s="5" t="s">
        <v>40</v>
      </c>
      <c r="R8554" s="5" t="s">
        <v>24335</v>
      </c>
      <c r="S8554" s="5" t="s">
        <v>40</v>
      </c>
      <c r="T8554" s="5" t="s">
        <v>42</v>
      </c>
      <c r="U8554" s="2">
        <v>5.5380000000000003</v>
      </c>
      <c r="V8554" s="2">
        <v>4.0990000000000002</v>
      </c>
      <c r="W8554" s="2">
        <v>7.3999999999999996E-2</v>
      </c>
      <c r="X8554" s="2">
        <v>12</v>
      </c>
      <c r="Y8554" s="2">
        <v>42.5</v>
      </c>
      <c r="Z8554" s="2">
        <v>144.4</v>
      </c>
      <c r="AA8554" s="5">
        <v>20</v>
      </c>
      <c r="AB8554" s="5" t="s">
        <v>43</v>
      </c>
      <c r="AC8554" s="5" t="s">
        <v>44</v>
      </c>
      <c r="AD8554" s="2" t="s">
        <v>26207</v>
      </c>
      <c r="AE8554" s="1"/>
    </row>
    <row r="8555" spans="1:31" ht="14.45">
      <c r="A8555" s="11"/>
      <c r="B8555" s="20"/>
      <c r="C8555" s="2" t="s">
        <v>26225</v>
      </c>
      <c r="D8555" s="14" t="s">
        <v>26226</v>
      </c>
      <c r="E8555" s="2" t="s">
        <v>26227</v>
      </c>
      <c r="F8555" s="2" t="s">
        <v>25163</v>
      </c>
      <c r="G8555" s="8">
        <v>152</v>
      </c>
      <c r="H8555" s="5">
        <v>5</v>
      </c>
      <c r="I8555" s="5" t="s">
        <v>69</v>
      </c>
      <c r="J8555" s="5" t="s">
        <v>24629</v>
      </c>
      <c r="K8555" s="2" t="s">
        <v>24630</v>
      </c>
      <c r="L8555" s="5" t="s">
        <v>24629</v>
      </c>
      <c r="M8555" s="2" t="s">
        <v>24630</v>
      </c>
      <c r="N8555" s="5" t="s">
        <v>24254</v>
      </c>
      <c r="O8555" s="5" t="s">
        <v>38</v>
      </c>
      <c r="P8555" s="5" t="s">
        <v>39</v>
      </c>
      <c r="Q8555" s="5" t="s">
        <v>40</v>
      </c>
      <c r="R8555" s="5" t="s">
        <v>24335</v>
      </c>
      <c r="S8555" s="5" t="s">
        <v>40</v>
      </c>
      <c r="T8555" s="5" t="s">
        <v>42</v>
      </c>
      <c r="U8555" s="2">
        <v>6.5880000000000001</v>
      </c>
      <c r="V8555" s="2">
        <v>4.0869999999999997</v>
      </c>
      <c r="W8555" s="2">
        <v>7.3999999999999996E-2</v>
      </c>
      <c r="X8555" s="2">
        <v>12</v>
      </c>
      <c r="Y8555" s="2">
        <v>42.5</v>
      </c>
      <c r="Z8555" s="2">
        <v>144.4</v>
      </c>
      <c r="AA8555" s="5">
        <v>20</v>
      </c>
      <c r="AB8555" s="5" t="s">
        <v>43</v>
      </c>
      <c r="AC8555" s="5" t="s">
        <v>44</v>
      </c>
      <c r="AD8555" s="2"/>
      <c r="AE8555" s="1"/>
    </row>
    <row r="8556" spans="1:31" ht="14.45">
      <c r="A8556" s="11"/>
      <c r="B8556" s="20"/>
      <c r="C8556" s="2" t="s">
        <v>26228</v>
      </c>
      <c r="D8556" s="14" t="s">
        <v>26229</v>
      </c>
      <c r="E8556" s="2" t="s">
        <v>26230</v>
      </c>
      <c r="F8556" s="2" t="s">
        <v>26211</v>
      </c>
      <c r="G8556" s="8">
        <v>188</v>
      </c>
      <c r="H8556" s="5">
        <v>5</v>
      </c>
      <c r="I8556" s="5" t="s">
        <v>69</v>
      </c>
      <c r="J8556" s="5" t="s">
        <v>24629</v>
      </c>
      <c r="K8556" s="2" t="s">
        <v>24630</v>
      </c>
      <c r="L8556" s="5" t="s">
        <v>24629</v>
      </c>
      <c r="M8556" s="2" t="s">
        <v>24630</v>
      </c>
      <c r="N8556" s="5" t="s">
        <v>24254</v>
      </c>
      <c r="O8556" s="5" t="s">
        <v>38</v>
      </c>
      <c r="P8556" s="5" t="s">
        <v>39</v>
      </c>
      <c r="Q8556" s="5" t="s">
        <v>40</v>
      </c>
      <c r="R8556" s="5" t="s">
        <v>24335</v>
      </c>
      <c r="S8556" s="5" t="s">
        <v>40</v>
      </c>
      <c r="T8556" s="5" t="s">
        <v>42</v>
      </c>
      <c r="U8556" s="2">
        <v>8.7309999999999999</v>
      </c>
      <c r="V8556" s="2">
        <v>6.2450000000000001</v>
      </c>
      <c r="W8556" s="2">
        <v>0.14299999999999999</v>
      </c>
      <c r="X8556" s="2">
        <v>12</v>
      </c>
      <c r="Y8556" s="2">
        <v>77</v>
      </c>
      <c r="Z8556" s="2">
        <v>154.9</v>
      </c>
      <c r="AA8556" s="5">
        <v>10</v>
      </c>
      <c r="AB8556" s="5" t="s">
        <v>43</v>
      </c>
      <c r="AC8556" s="5" t="s">
        <v>44</v>
      </c>
      <c r="AD8556" s="2" t="s">
        <v>26212</v>
      </c>
      <c r="AE8556" s="1"/>
    </row>
    <row r="8557" spans="1:31" ht="14.45">
      <c r="A8557" s="11"/>
      <c r="B8557" s="20"/>
      <c r="C8557" s="2" t="s">
        <v>26231</v>
      </c>
      <c r="D8557" s="14" t="s">
        <v>26232</v>
      </c>
      <c r="E8557" s="2" t="s">
        <v>26233</v>
      </c>
      <c r="F8557" s="2" t="s">
        <v>25163</v>
      </c>
      <c r="G8557" s="8">
        <v>138</v>
      </c>
      <c r="H8557" s="5">
        <v>10</v>
      </c>
      <c r="I8557" s="5" t="s">
        <v>69</v>
      </c>
      <c r="J8557" s="5" t="s">
        <v>24629</v>
      </c>
      <c r="K8557" s="2" t="s">
        <v>24630</v>
      </c>
      <c r="L8557" s="5" t="s">
        <v>24629</v>
      </c>
      <c r="M8557" s="2" t="s">
        <v>24630</v>
      </c>
      <c r="N8557" s="5" t="s">
        <v>24254</v>
      </c>
      <c r="O8557" s="5" t="s">
        <v>38</v>
      </c>
      <c r="P8557" s="5" t="s">
        <v>39</v>
      </c>
      <c r="Q8557" s="5" t="s">
        <v>40</v>
      </c>
      <c r="R8557" s="5" t="s">
        <v>24335</v>
      </c>
      <c r="S8557" s="5" t="s">
        <v>40</v>
      </c>
      <c r="T8557" s="5" t="s">
        <v>42</v>
      </c>
      <c r="U8557" s="2">
        <v>5.4820000000000002</v>
      </c>
      <c r="V8557" s="2">
        <v>4.0279999999999996</v>
      </c>
      <c r="W8557" s="2">
        <v>7.3999999999999996E-2</v>
      </c>
      <c r="X8557" s="2">
        <v>12</v>
      </c>
      <c r="Y8557" s="2">
        <v>42.5</v>
      </c>
      <c r="Z8557" s="2">
        <v>144.4</v>
      </c>
      <c r="AA8557" s="5">
        <v>20</v>
      </c>
      <c r="AB8557" s="5" t="s">
        <v>43</v>
      </c>
      <c r="AC8557" s="5" t="s">
        <v>44</v>
      </c>
      <c r="AD8557" s="2" t="s">
        <v>26207</v>
      </c>
      <c r="AE8557" s="1"/>
    </row>
    <row r="8558" spans="1:31" ht="14.45">
      <c r="A8558" s="11"/>
      <c r="B8558" s="20"/>
      <c r="C8558" s="2" t="s">
        <v>26234</v>
      </c>
      <c r="D8558" s="14" t="s">
        <v>26235</v>
      </c>
      <c r="E8558" s="2" t="s">
        <v>26236</v>
      </c>
      <c r="F8558" s="2" t="s">
        <v>26211</v>
      </c>
      <c r="G8558" s="8">
        <v>188</v>
      </c>
      <c r="H8558" s="5">
        <v>10</v>
      </c>
      <c r="I8558" s="5" t="s">
        <v>69</v>
      </c>
      <c r="J8558" s="5" t="s">
        <v>24629</v>
      </c>
      <c r="K8558" s="2" t="s">
        <v>24630</v>
      </c>
      <c r="L8558" s="5" t="s">
        <v>24629</v>
      </c>
      <c r="M8558" s="2" t="s">
        <v>24630</v>
      </c>
      <c r="N8558" s="5" t="s">
        <v>24254</v>
      </c>
      <c r="O8558" s="5" t="s">
        <v>38</v>
      </c>
      <c r="P8558" s="5" t="s">
        <v>39</v>
      </c>
      <c r="Q8558" s="5" t="s">
        <v>40</v>
      </c>
      <c r="R8558" s="5" t="s">
        <v>24335</v>
      </c>
      <c r="S8558" s="5" t="s">
        <v>40</v>
      </c>
      <c r="T8558" s="5" t="s">
        <v>42</v>
      </c>
      <c r="U8558" s="2">
        <v>8.5860000000000003</v>
      </c>
      <c r="V8558" s="2">
        <v>6.0759999999999996</v>
      </c>
      <c r="W8558" s="2">
        <v>0.121</v>
      </c>
      <c r="X8558" s="2">
        <v>12</v>
      </c>
      <c r="Y8558" s="2">
        <v>77</v>
      </c>
      <c r="Z8558" s="2">
        <v>131.4</v>
      </c>
      <c r="AA8558" s="5">
        <v>10</v>
      </c>
      <c r="AB8558" s="5" t="s">
        <v>43</v>
      </c>
      <c r="AC8558" s="5" t="s">
        <v>44</v>
      </c>
      <c r="AD8558" s="2" t="s">
        <v>26212</v>
      </c>
      <c r="AE8558" s="1"/>
    </row>
    <row r="8559" spans="1:31" ht="14.45">
      <c r="A8559" s="11"/>
      <c r="B8559" s="20"/>
      <c r="C8559" s="2" t="s">
        <v>26237</v>
      </c>
      <c r="D8559" s="14" t="s">
        <v>26238</v>
      </c>
      <c r="E8559" s="2" t="s">
        <v>26239</v>
      </c>
      <c r="F8559" s="2" t="s">
        <v>25163</v>
      </c>
      <c r="G8559" s="8">
        <v>150</v>
      </c>
      <c r="H8559" s="5">
        <v>10</v>
      </c>
      <c r="I8559" s="5" t="s">
        <v>69</v>
      </c>
      <c r="J8559" s="5" t="s">
        <v>24629</v>
      </c>
      <c r="K8559" s="2" t="s">
        <v>24630</v>
      </c>
      <c r="L8559" s="5" t="s">
        <v>24629</v>
      </c>
      <c r="M8559" s="2" t="s">
        <v>24630</v>
      </c>
      <c r="N8559" s="5" t="s">
        <v>24254</v>
      </c>
      <c r="O8559" s="5" t="s">
        <v>38</v>
      </c>
      <c r="P8559" s="5" t="s">
        <v>39</v>
      </c>
      <c r="Q8559" s="5" t="s">
        <v>40</v>
      </c>
      <c r="R8559" s="5" t="s">
        <v>24335</v>
      </c>
      <c r="S8559" s="5" t="s">
        <v>40</v>
      </c>
      <c r="T8559" s="5" t="s">
        <v>42</v>
      </c>
      <c r="U8559" s="2">
        <v>5.7309999999999999</v>
      </c>
      <c r="V8559" s="2">
        <v>4.2919999999999998</v>
      </c>
      <c r="W8559" s="2">
        <v>7.3999999999999996E-2</v>
      </c>
      <c r="X8559" s="2">
        <v>12</v>
      </c>
      <c r="Y8559" s="2">
        <v>42.5</v>
      </c>
      <c r="Z8559" s="2">
        <v>144.4</v>
      </c>
      <c r="AA8559" s="5">
        <v>20</v>
      </c>
      <c r="AB8559" s="5" t="s">
        <v>43</v>
      </c>
      <c r="AC8559" s="5" t="s">
        <v>44</v>
      </c>
      <c r="AD8559" s="2" t="s">
        <v>26207</v>
      </c>
      <c r="AE8559" s="1"/>
    </row>
    <row r="8560" spans="1:31" ht="14.45">
      <c r="A8560" s="11"/>
      <c r="B8560" s="20"/>
      <c r="C8560" s="2" t="s">
        <v>26240</v>
      </c>
      <c r="D8560" s="14" t="s">
        <v>26241</v>
      </c>
      <c r="E8560" s="2" t="s">
        <v>26242</v>
      </c>
      <c r="F8560" s="2" t="s">
        <v>25163</v>
      </c>
      <c r="G8560" s="8">
        <v>165</v>
      </c>
      <c r="H8560" s="5">
        <v>5</v>
      </c>
      <c r="I8560" s="5" t="s">
        <v>69</v>
      </c>
      <c r="J8560" s="5" t="s">
        <v>24629</v>
      </c>
      <c r="K8560" s="2" t="s">
        <v>24630</v>
      </c>
      <c r="L8560" s="5" t="s">
        <v>24629</v>
      </c>
      <c r="M8560" s="2" t="s">
        <v>24630</v>
      </c>
      <c r="N8560" s="5" t="s">
        <v>24254</v>
      </c>
      <c r="O8560" s="5" t="s">
        <v>38</v>
      </c>
      <c r="P8560" s="5" t="s">
        <v>39</v>
      </c>
      <c r="Q8560" s="5" t="s">
        <v>40</v>
      </c>
      <c r="R8560" s="5" t="s">
        <v>24335</v>
      </c>
      <c r="S8560" s="5" t="s">
        <v>40</v>
      </c>
      <c r="T8560" s="5" t="s">
        <v>42</v>
      </c>
      <c r="U8560" s="2">
        <v>6.9390000000000001</v>
      </c>
      <c r="V8560" s="2">
        <v>4.282</v>
      </c>
      <c r="W8560" s="2">
        <v>7.3999999999999996E-2</v>
      </c>
      <c r="X8560" s="2">
        <v>12</v>
      </c>
      <c r="Y8560" s="2">
        <v>42.5</v>
      </c>
      <c r="Z8560" s="2">
        <v>144.4</v>
      </c>
      <c r="AA8560" s="5">
        <v>20</v>
      </c>
      <c r="AB8560" s="5" t="s">
        <v>43</v>
      </c>
      <c r="AC8560" s="5" t="s">
        <v>44</v>
      </c>
      <c r="AD8560" s="2"/>
      <c r="AE8560" s="1"/>
    </row>
    <row r="8561" spans="1:31" ht="14.45">
      <c r="A8561" s="11"/>
      <c r="B8561" s="20"/>
      <c r="C8561" s="2" t="s">
        <v>26243</v>
      </c>
      <c r="D8561" s="14" t="s">
        <v>26244</v>
      </c>
      <c r="E8561" s="2" t="s">
        <v>26245</v>
      </c>
      <c r="F8561" s="2" t="s">
        <v>26211</v>
      </c>
      <c r="G8561" s="8">
        <v>205</v>
      </c>
      <c r="H8561" s="5">
        <v>5</v>
      </c>
      <c r="I8561" s="5" t="s">
        <v>69</v>
      </c>
      <c r="J8561" s="5" t="s">
        <v>24629</v>
      </c>
      <c r="K8561" s="2" t="s">
        <v>24630</v>
      </c>
      <c r="L8561" s="5" t="s">
        <v>24629</v>
      </c>
      <c r="M8561" s="2" t="s">
        <v>24630</v>
      </c>
      <c r="N8561" s="5" t="s">
        <v>24254</v>
      </c>
      <c r="O8561" s="5" t="s">
        <v>38</v>
      </c>
      <c r="P8561" s="5" t="s">
        <v>39</v>
      </c>
      <c r="Q8561" s="5" t="s">
        <v>40</v>
      </c>
      <c r="R8561" s="5" t="s">
        <v>24335</v>
      </c>
      <c r="S8561" s="5" t="s">
        <v>40</v>
      </c>
      <c r="T8561" s="5" t="s">
        <v>42</v>
      </c>
      <c r="U8561" s="2">
        <v>9.0809999999999995</v>
      </c>
      <c r="V8561" s="2">
        <v>6.5949999999999998</v>
      </c>
      <c r="W8561" s="2">
        <v>0.14299999999999999</v>
      </c>
      <c r="X8561" s="2">
        <v>12</v>
      </c>
      <c r="Y8561" s="2">
        <v>77</v>
      </c>
      <c r="Z8561" s="2">
        <v>154.9</v>
      </c>
      <c r="AA8561" s="5">
        <v>10</v>
      </c>
      <c r="AB8561" s="5" t="s">
        <v>43</v>
      </c>
      <c r="AC8561" s="5" t="s">
        <v>44</v>
      </c>
      <c r="AD8561" s="2" t="s">
        <v>26212</v>
      </c>
      <c r="AE8561" s="1"/>
    </row>
    <row r="8562" spans="1:31" ht="14.45">
      <c r="A8562" s="11"/>
      <c r="B8562" s="20"/>
      <c r="C8562" s="2" t="s">
        <v>26246</v>
      </c>
      <c r="D8562" s="14" t="s">
        <v>26247</v>
      </c>
      <c r="E8562" s="2" t="s">
        <v>26248</v>
      </c>
      <c r="F8562" s="2" t="s">
        <v>25163</v>
      </c>
      <c r="G8562" s="8">
        <v>155</v>
      </c>
      <c r="H8562" s="5">
        <v>5</v>
      </c>
      <c r="I8562" s="5" t="s">
        <v>69</v>
      </c>
      <c r="J8562" s="5" t="s">
        <v>24629</v>
      </c>
      <c r="K8562" s="2" t="s">
        <v>24630</v>
      </c>
      <c r="L8562" s="5" t="s">
        <v>24629</v>
      </c>
      <c r="M8562" s="2" t="s">
        <v>24630</v>
      </c>
      <c r="N8562" s="5" t="s">
        <v>24254</v>
      </c>
      <c r="O8562" s="5" t="s">
        <v>38</v>
      </c>
      <c r="P8562" s="5" t="s">
        <v>39</v>
      </c>
      <c r="Q8562" s="5" t="s">
        <v>40</v>
      </c>
      <c r="R8562" s="5" t="s">
        <v>24335</v>
      </c>
      <c r="S8562" s="5" t="s">
        <v>40</v>
      </c>
      <c r="T8562" s="5" t="s">
        <v>42</v>
      </c>
      <c r="U8562" s="2">
        <v>7.31</v>
      </c>
      <c r="V8562" s="2">
        <v>4.7389999999999999</v>
      </c>
      <c r="W8562" s="2">
        <v>8.4000000000000005E-2</v>
      </c>
      <c r="X8562" s="2">
        <v>12</v>
      </c>
      <c r="Y8562" s="2">
        <v>42.5</v>
      </c>
      <c r="Z8562" s="2">
        <v>164.4</v>
      </c>
      <c r="AA8562" s="5">
        <v>20</v>
      </c>
      <c r="AB8562" s="5" t="s">
        <v>43</v>
      </c>
      <c r="AC8562" s="5" t="s">
        <v>44</v>
      </c>
      <c r="AD8562" s="2" t="s">
        <v>26207</v>
      </c>
      <c r="AE8562" s="1"/>
    </row>
    <row r="8563" spans="1:31" ht="14.45">
      <c r="A8563" s="11"/>
      <c r="B8563" s="20"/>
      <c r="C8563" s="2" t="s">
        <v>26249</v>
      </c>
      <c r="D8563" s="14" t="s">
        <v>26250</v>
      </c>
      <c r="E8563" s="2" t="s">
        <v>26251</v>
      </c>
      <c r="F8563" s="2" t="s">
        <v>26211</v>
      </c>
      <c r="G8563" s="8">
        <v>211</v>
      </c>
      <c r="H8563" s="5">
        <v>10</v>
      </c>
      <c r="I8563" s="5" t="s">
        <v>69</v>
      </c>
      <c r="J8563" s="5" t="s">
        <v>24629</v>
      </c>
      <c r="K8563" s="2" t="s">
        <v>24630</v>
      </c>
      <c r="L8563" s="5" t="s">
        <v>24629</v>
      </c>
      <c r="M8563" s="2" t="s">
        <v>24630</v>
      </c>
      <c r="N8563" s="5" t="s">
        <v>24254</v>
      </c>
      <c r="O8563" s="5" t="s">
        <v>38</v>
      </c>
      <c r="P8563" s="5" t="s">
        <v>39</v>
      </c>
      <c r="Q8563" s="5" t="s">
        <v>40</v>
      </c>
      <c r="R8563" s="5" t="s">
        <v>24335</v>
      </c>
      <c r="S8563" s="5" t="s">
        <v>40</v>
      </c>
      <c r="T8563" s="5" t="s">
        <v>42</v>
      </c>
      <c r="U8563" s="2">
        <v>9.702</v>
      </c>
      <c r="V8563" s="2">
        <v>7.0449999999999999</v>
      </c>
      <c r="W8563" s="2">
        <v>0.16</v>
      </c>
      <c r="X8563" s="2">
        <v>12</v>
      </c>
      <c r="Y8563" s="2">
        <v>77</v>
      </c>
      <c r="Z8563" s="2">
        <v>173.4</v>
      </c>
      <c r="AA8563" s="5">
        <v>10</v>
      </c>
      <c r="AB8563" s="5" t="s">
        <v>43</v>
      </c>
      <c r="AC8563" s="5" t="s">
        <v>44</v>
      </c>
      <c r="AD8563" s="2" t="s">
        <v>26212</v>
      </c>
      <c r="AE8563" s="1"/>
    </row>
    <row r="8564" spans="1:31" ht="14.45">
      <c r="A8564" s="11"/>
      <c r="B8564" s="20"/>
      <c r="C8564" s="2" t="s">
        <v>26252</v>
      </c>
      <c r="D8564" s="14" t="s">
        <v>26253</v>
      </c>
      <c r="E8564" s="2" t="s">
        <v>26254</v>
      </c>
      <c r="F8564" s="2" t="s">
        <v>25163</v>
      </c>
      <c r="G8564" s="8">
        <v>147</v>
      </c>
      <c r="H8564" s="5">
        <v>10</v>
      </c>
      <c r="I8564" s="5" t="s">
        <v>69</v>
      </c>
      <c r="J8564" s="5" t="s">
        <v>24629</v>
      </c>
      <c r="K8564" s="2" t="s">
        <v>24630</v>
      </c>
      <c r="L8564" s="5" t="s">
        <v>24629</v>
      </c>
      <c r="M8564" s="2" t="s">
        <v>24630</v>
      </c>
      <c r="N8564" s="5" t="s">
        <v>24254</v>
      </c>
      <c r="O8564" s="5" t="s">
        <v>38</v>
      </c>
      <c r="P8564" s="5" t="s">
        <v>39</v>
      </c>
      <c r="Q8564" s="5" t="s">
        <v>40</v>
      </c>
      <c r="R8564" s="5" t="s">
        <v>24335</v>
      </c>
      <c r="S8564" s="5" t="s">
        <v>40</v>
      </c>
      <c r="T8564" s="5" t="s">
        <v>42</v>
      </c>
      <c r="U8564" s="2">
        <v>5.9349999999999996</v>
      </c>
      <c r="V8564" s="2">
        <v>4.4809999999999999</v>
      </c>
      <c r="W8564" s="2">
        <v>7.3999999999999996E-2</v>
      </c>
      <c r="X8564" s="2">
        <v>12</v>
      </c>
      <c r="Y8564" s="2">
        <v>42.5</v>
      </c>
      <c r="Z8564" s="2">
        <v>144.4</v>
      </c>
      <c r="AA8564" s="5">
        <v>20</v>
      </c>
      <c r="AB8564" s="5" t="s">
        <v>43</v>
      </c>
      <c r="AC8564" s="5" t="s">
        <v>44</v>
      </c>
      <c r="AD8564" s="2" t="s">
        <v>26207</v>
      </c>
      <c r="AE8564" s="1"/>
    </row>
    <row r="8565" spans="1:31" ht="14.45">
      <c r="A8565" s="11"/>
      <c r="B8565" s="20"/>
      <c r="C8565" s="2" t="s">
        <v>26255</v>
      </c>
      <c r="D8565" s="14" t="s">
        <v>26256</v>
      </c>
      <c r="E8565" s="2" t="s">
        <v>26257</v>
      </c>
      <c r="F8565" s="2" t="s">
        <v>26211</v>
      </c>
      <c r="G8565" s="8">
        <v>201</v>
      </c>
      <c r="H8565" s="5">
        <v>5</v>
      </c>
      <c r="I8565" s="5" t="s">
        <v>69</v>
      </c>
      <c r="J8565" s="5" t="s">
        <v>24629</v>
      </c>
      <c r="K8565" s="2" t="s">
        <v>24630</v>
      </c>
      <c r="L8565" s="5" t="s">
        <v>24629</v>
      </c>
      <c r="M8565" s="2" t="s">
        <v>24630</v>
      </c>
      <c r="N8565" s="5" t="s">
        <v>24254</v>
      </c>
      <c r="O8565" s="5" t="s">
        <v>38</v>
      </c>
      <c r="P8565" s="5" t="s">
        <v>39</v>
      </c>
      <c r="Q8565" s="5" t="s">
        <v>40</v>
      </c>
      <c r="R8565" s="5" t="s">
        <v>24335</v>
      </c>
      <c r="S8565" s="5" t="s">
        <v>40</v>
      </c>
      <c r="T8565" s="5" t="s">
        <v>42</v>
      </c>
      <c r="U8565" s="2">
        <v>9.2200000000000006</v>
      </c>
      <c r="V8565" s="2">
        <v>6.7190000000000003</v>
      </c>
      <c r="W8565" s="2">
        <v>0.14299999999999999</v>
      </c>
      <c r="X8565" s="2">
        <v>12</v>
      </c>
      <c r="Y8565" s="2">
        <v>77</v>
      </c>
      <c r="Z8565" s="2">
        <v>154.9</v>
      </c>
      <c r="AA8565" s="5">
        <v>10</v>
      </c>
      <c r="AB8565" s="5" t="s">
        <v>43</v>
      </c>
      <c r="AC8565" s="5" t="s">
        <v>44</v>
      </c>
      <c r="AD8565" s="2" t="s">
        <v>26212</v>
      </c>
      <c r="AE8565" s="1"/>
    </row>
    <row r="8566" spans="1:31" ht="14.45">
      <c r="A8566" s="11"/>
      <c r="B8566" s="20"/>
      <c r="C8566" s="2" t="s">
        <v>26258</v>
      </c>
      <c r="D8566" s="14" t="s">
        <v>26259</v>
      </c>
      <c r="E8566" s="2" t="s">
        <v>26260</v>
      </c>
      <c r="F8566" s="2" t="s">
        <v>25163</v>
      </c>
      <c r="G8566" s="8">
        <v>155</v>
      </c>
      <c r="H8566" s="5">
        <v>10</v>
      </c>
      <c r="I8566" s="5" t="s">
        <v>69</v>
      </c>
      <c r="J8566" s="5" t="s">
        <v>24629</v>
      </c>
      <c r="K8566" s="2" t="s">
        <v>24630</v>
      </c>
      <c r="L8566" s="5" t="s">
        <v>24629</v>
      </c>
      <c r="M8566" s="2" t="s">
        <v>24630</v>
      </c>
      <c r="N8566" s="5" t="s">
        <v>24254</v>
      </c>
      <c r="O8566" s="5" t="s">
        <v>38</v>
      </c>
      <c r="P8566" s="5" t="s">
        <v>39</v>
      </c>
      <c r="Q8566" s="5" t="s">
        <v>40</v>
      </c>
      <c r="R8566" s="5" t="s">
        <v>24335</v>
      </c>
      <c r="S8566" s="5" t="s">
        <v>40</v>
      </c>
      <c r="T8566" s="5" t="s">
        <v>42</v>
      </c>
      <c r="U8566" s="2">
        <v>6.1849999999999996</v>
      </c>
      <c r="V8566" s="2">
        <v>4.7460000000000004</v>
      </c>
      <c r="W8566" s="2">
        <v>7.3999999999999996E-2</v>
      </c>
      <c r="X8566" s="2">
        <v>12</v>
      </c>
      <c r="Y8566" s="2">
        <v>42.5</v>
      </c>
      <c r="Z8566" s="2">
        <v>144.4</v>
      </c>
      <c r="AA8566" s="5">
        <v>20</v>
      </c>
      <c r="AB8566" s="5" t="s">
        <v>43</v>
      </c>
      <c r="AC8566" s="5" t="s">
        <v>44</v>
      </c>
      <c r="AD8566" s="2" t="s">
        <v>26207</v>
      </c>
      <c r="AE8566" s="1"/>
    </row>
    <row r="8567" spans="1:31" ht="14.45">
      <c r="A8567" s="11"/>
      <c r="B8567" s="20"/>
      <c r="C8567" s="2" t="s">
        <v>26261</v>
      </c>
      <c r="D8567" s="14" t="s">
        <v>26262</v>
      </c>
      <c r="E8567" s="2" t="s">
        <v>26263</v>
      </c>
      <c r="F8567" s="2" t="s">
        <v>25163</v>
      </c>
      <c r="G8567" s="8">
        <v>170</v>
      </c>
      <c r="H8567" s="5">
        <v>5</v>
      </c>
      <c r="I8567" s="5" t="s">
        <v>69</v>
      </c>
      <c r="J8567" s="5" t="s">
        <v>24629</v>
      </c>
      <c r="K8567" s="2" t="s">
        <v>24630</v>
      </c>
      <c r="L8567" s="5" t="s">
        <v>24629</v>
      </c>
      <c r="M8567" s="2" t="s">
        <v>24630</v>
      </c>
      <c r="N8567" s="5" t="s">
        <v>24254</v>
      </c>
      <c r="O8567" s="5" t="s">
        <v>38</v>
      </c>
      <c r="P8567" s="5" t="s">
        <v>39</v>
      </c>
      <c r="Q8567" s="5" t="s">
        <v>40</v>
      </c>
      <c r="R8567" s="5" t="s">
        <v>24335</v>
      </c>
      <c r="S8567" s="5" t="s">
        <v>40</v>
      </c>
      <c r="T8567" s="5" t="s">
        <v>42</v>
      </c>
      <c r="U8567" s="2">
        <v>7.7149999999999999</v>
      </c>
      <c r="V8567" s="2">
        <v>4.7359999999999998</v>
      </c>
      <c r="W8567" s="2">
        <v>7.3999999999999996E-2</v>
      </c>
      <c r="X8567" s="2">
        <v>12</v>
      </c>
      <c r="Y8567" s="2">
        <v>42.5</v>
      </c>
      <c r="Z8567" s="2">
        <v>144.4</v>
      </c>
      <c r="AA8567" s="5">
        <v>20</v>
      </c>
      <c r="AB8567" s="5" t="s">
        <v>43</v>
      </c>
      <c r="AC8567" s="5" t="s">
        <v>44</v>
      </c>
      <c r="AD8567" s="2"/>
      <c r="AE8567" s="1"/>
    </row>
    <row r="8568" spans="1:31" ht="14.45">
      <c r="A8568" s="11"/>
      <c r="B8568" s="20"/>
      <c r="C8568" s="2" t="s">
        <v>26264</v>
      </c>
      <c r="D8568" s="14" t="s">
        <v>26265</v>
      </c>
      <c r="E8568" s="2" t="s">
        <v>26266</v>
      </c>
      <c r="F8568" s="2" t="s">
        <v>26211</v>
      </c>
      <c r="G8568" s="8">
        <v>211</v>
      </c>
      <c r="H8568" s="5">
        <v>5</v>
      </c>
      <c r="I8568" s="5" t="s">
        <v>69</v>
      </c>
      <c r="J8568" s="5" t="s">
        <v>24629</v>
      </c>
      <c r="K8568" s="2" t="s">
        <v>24630</v>
      </c>
      <c r="L8568" s="5" t="s">
        <v>24629</v>
      </c>
      <c r="M8568" s="2" t="s">
        <v>24630</v>
      </c>
      <c r="N8568" s="5" t="s">
        <v>24254</v>
      </c>
      <c r="O8568" s="5" t="s">
        <v>38</v>
      </c>
      <c r="P8568" s="5" t="s">
        <v>39</v>
      </c>
      <c r="Q8568" s="5" t="s">
        <v>40</v>
      </c>
      <c r="R8568" s="5" t="s">
        <v>24335</v>
      </c>
      <c r="S8568" s="5" t="s">
        <v>40</v>
      </c>
      <c r="T8568" s="5" t="s">
        <v>42</v>
      </c>
      <c r="U8568" s="2">
        <v>9.6869999999999994</v>
      </c>
      <c r="V8568" s="2">
        <v>7.2009999999999996</v>
      </c>
      <c r="W8568" s="2">
        <v>0.14299999999999999</v>
      </c>
      <c r="X8568" s="2">
        <v>12</v>
      </c>
      <c r="Y8568" s="2">
        <v>77</v>
      </c>
      <c r="Z8568" s="2">
        <v>154.9</v>
      </c>
      <c r="AA8568" s="5">
        <v>10</v>
      </c>
      <c r="AB8568" s="5" t="s">
        <v>43</v>
      </c>
      <c r="AC8568" s="5" t="s">
        <v>44</v>
      </c>
      <c r="AD8568" s="2" t="s">
        <v>26212</v>
      </c>
      <c r="AE8568" s="1"/>
    </row>
    <row r="8569" spans="1:31" ht="14.45">
      <c r="A8569" s="11"/>
      <c r="B8569" s="20"/>
      <c r="C8569" s="2" t="s">
        <v>26267</v>
      </c>
      <c r="D8569" s="14" t="s">
        <v>26268</v>
      </c>
      <c r="E8569" s="2" t="s">
        <v>26269</v>
      </c>
      <c r="F8569" s="2" t="s">
        <v>25163</v>
      </c>
      <c r="G8569" s="8">
        <v>163</v>
      </c>
      <c r="H8569" s="5">
        <v>10</v>
      </c>
      <c r="I8569" s="5" t="s">
        <v>69</v>
      </c>
      <c r="J8569" s="5" t="s">
        <v>24629</v>
      </c>
      <c r="K8569" s="2" t="s">
        <v>24630</v>
      </c>
      <c r="L8569" s="5" t="s">
        <v>24629</v>
      </c>
      <c r="M8569" s="2" t="s">
        <v>24630</v>
      </c>
      <c r="N8569" s="5" t="s">
        <v>24254</v>
      </c>
      <c r="O8569" s="5" t="s">
        <v>38</v>
      </c>
      <c r="P8569" s="5" t="s">
        <v>39</v>
      </c>
      <c r="Q8569" s="5" t="s">
        <v>40</v>
      </c>
      <c r="R8569" s="5" t="s">
        <v>24335</v>
      </c>
      <c r="S8569" s="5" t="s">
        <v>40</v>
      </c>
      <c r="T8569" s="5" t="s">
        <v>42</v>
      </c>
      <c r="U8569" s="2">
        <v>6.5819999999999999</v>
      </c>
      <c r="V8569" s="2">
        <v>4.9950000000000001</v>
      </c>
      <c r="W8569" s="2">
        <v>8.4000000000000005E-2</v>
      </c>
      <c r="X8569" s="2">
        <v>12</v>
      </c>
      <c r="Y8569" s="2">
        <v>42.5</v>
      </c>
      <c r="Z8569" s="2">
        <v>164.4</v>
      </c>
      <c r="AA8569" s="5">
        <v>20</v>
      </c>
      <c r="AB8569" s="5" t="s">
        <v>43</v>
      </c>
      <c r="AC8569" s="5" t="s">
        <v>44</v>
      </c>
      <c r="AD8569" s="2" t="s">
        <v>26207</v>
      </c>
      <c r="AE8569" s="1"/>
    </row>
    <row r="8570" spans="1:31" ht="14.45">
      <c r="A8570" s="11"/>
      <c r="B8570" s="20"/>
      <c r="C8570" s="2" t="s">
        <v>26270</v>
      </c>
      <c r="D8570" s="14" t="s">
        <v>26271</v>
      </c>
      <c r="E8570" s="2" t="s">
        <v>26272</v>
      </c>
      <c r="F8570" s="2" t="s">
        <v>25163</v>
      </c>
      <c r="G8570" s="8">
        <v>179</v>
      </c>
      <c r="H8570" s="5">
        <v>5</v>
      </c>
      <c r="I8570" s="5" t="s">
        <v>69</v>
      </c>
      <c r="J8570" s="5" t="s">
        <v>24629</v>
      </c>
      <c r="K8570" s="2" t="s">
        <v>24630</v>
      </c>
      <c r="L8570" s="5" t="s">
        <v>24629</v>
      </c>
      <c r="M8570" s="2" t="s">
        <v>24630</v>
      </c>
      <c r="N8570" s="5" t="s">
        <v>24254</v>
      </c>
      <c r="O8570" s="5" t="s">
        <v>38</v>
      </c>
      <c r="P8570" s="5" t="s">
        <v>39</v>
      </c>
      <c r="Q8570" s="5" t="s">
        <v>40</v>
      </c>
      <c r="R8570" s="5" t="s">
        <v>24335</v>
      </c>
      <c r="S8570" s="5" t="s">
        <v>40</v>
      </c>
      <c r="T8570" s="5" t="s">
        <v>42</v>
      </c>
      <c r="U8570" s="2">
        <v>7.9710000000000001</v>
      </c>
      <c r="V8570" s="2">
        <v>4.992</v>
      </c>
      <c r="W8570" s="2">
        <v>8.4000000000000005E-2</v>
      </c>
      <c r="X8570" s="2">
        <v>12</v>
      </c>
      <c r="Y8570" s="2">
        <v>42.5</v>
      </c>
      <c r="Z8570" s="2">
        <v>164.4</v>
      </c>
      <c r="AA8570" s="5">
        <v>20</v>
      </c>
      <c r="AB8570" s="5" t="s">
        <v>43</v>
      </c>
      <c r="AC8570" s="5" t="s">
        <v>44</v>
      </c>
      <c r="AD8570" s="2"/>
      <c r="AE8570" s="1"/>
    </row>
    <row r="8571" spans="1:31" ht="14.45">
      <c r="A8571" s="11"/>
      <c r="B8571" s="20"/>
      <c r="C8571" s="2" t="s">
        <v>26273</v>
      </c>
      <c r="D8571" s="14" t="s">
        <v>26274</v>
      </c>
      <c r="E8571" s="2" t="s">
        <v>26275</v>
      </c>
      <c r="F8571" s="2" t="s">
        <v>26211</v>
      </c>
      <c r="G8571" s="8">
        <v>222</v>
      </c>
      <c r="H8571" s="5">
        <v>5</v>
      </c>
      <c r="I8571" s="5" t="s">
        <v>69</v>
      </c>
      <c r="J8571" s="5" t="s">
        <v>24629</v>
      </c>
      <c r="K8571" s="2" t="s">
        <v>24630</v>
      </c>
      <c r="L8571" s="5" t="s">
        <v>24629</v>
      </c>
      <c r="M8571" s="2" t="s">
        <v>24630</v>
      </c>
      <c r="N8571" s="5" t="s">
        <v>24254</v>
      </c>
      <c r="O8571" s="5" t="s">
        <v>38</v>
      </c>
      <c r="P8571" s="5" t="s">
        <v>39</v>
      </c>
      <c r="Q8571" s="5" t="s">
        <v>40</v>
      </c>
      <c r="R8571" s="5" t="s">
        <v>24335</v>
      </c>
      <c r="S8571" s="5" t="s">
        <v>40</v>
      </c>
      <c r="T8571" s="5" t="s">
        <v>42</v>
      </c>
      <c r="U8571" s="2">
        <v>10.349</v>
      </c>
      <c r="V8571" s="2">
        <v>7.6920000000000002</v>
      </c>
      <c r="W8571" s="2">
        <v>0.16</v>
      </c>
      <c r="X8571" s="2">
        <v>12</v>
      </c>
      <c r="Y8571" s="2">
        <v>77</v>
      </c>
      <c r="Z8571" s="2">
        <v>173.4</v>
      </c>
      <c r="AA8571" s="5">
        <v>10</v>
      </c>
      <c r="AB8571" s="5" t="s">
        <v>43</v>
      </c>
      <c r="AC8571" s="5" t="s">
        <v>44</v>
      </c>
      <c r="AD8571" s="2" t="s">
        <v>26212</v>
      </c>
      <c r="AE8571" s="1"/>
    </row>
    <row r="8572" spans="1:31" ht="14.45">
      <c r="A8572" s="11"/>
      <c r="B8572" s="20"/>
      <c r="C8572" s="2" t="s">
        <v>26276</v>
      </c>
      <c r="D8572" s="14" t="s">
        <v>26277</v>
      </c>
      <c r="E8572" s="2" t="s">
        <v>26278</v>
      </c>
      <c r="F8572" s="2" t="s">
        <v>25163</v>
      </c>
      <c r="G8572" s="8">
        <v>186</v>
      </c>
      <c r="H8572" s="5">
        <v>5</v>
      </c>
      <c r="I8572" s="5" t="s">
        <v>69</v>
      </c>
      <c r="J8572" s="5" t="s">
        <v>24629</v>
      </c>
      <c r="K8572" s="2" t="s">
        <v>24630</v>
      </c>
      <c r="L8572" s="5" t="s">
        <v>24629</v>
      </c>
      <c r="M8572" s="2" t="s">
        <v>24630</v>
      </c>
      <c r="N8572" s="5" t="s">
        <v>24254</v>
      </c>
      <c r="O8572" s="5" t="s">
        <v>38</v>
      </c>
      <c r="P8572" s="5" t="s">
        <v>39</v>
      </c>
      <c r="Q8572" s="5" t="s">
        <v>40</v>
      </c>
      <c r="R8572" s="5" t="s">
        <v>24335</v>
      </c>
      <c r="S8572" s="5" t="s">
        <v>40</v>
      </c>
      <c r="T8572" s="5" t="s">
        <v>42</v>
      </c>
      <c r="U8572" s="2">
        <v>8.3800000000000008</v>
      </c>
      <c r="V8572" s="2">
        <v>5.4870000000000001</v>
      </c>
      <c r="W8572" s="2">
        <v>9.6000000000000002E-2</v>
      </c>
      <c r="X8572" s="2">
        <v>12</v>
      </c>
      <c r="Y8572" s="2">
        <v>42.5</v>
      </c>
      <c r="Z8572" s="2">
        <v>188.9</v>
      </c>
      <c r="AA8572" s="5">
        <v>20</v>
      </c>
      <c r="AB8572" s="5" t="s">
        <v>43</v>
      </c>
      <c r="AC8572" s="5" t="s">
        <v>44</v>
      </c>
      <c r="AD8572" s="2" t="s">
        <v>26207</v>
      </c>
      <c r="AE8572" s="1"/>
    </row>
    <row r="8573" spans="1:31" ht="14.45">
      <c r="A8573" s="11"/>
      <c r="B8573" s="20"/>
      <c r="C8573" s="2" t="s">
        <v>26279</v>
      </c>
      <c r="D8573" s="14" t="s">
        <v>26280</v>
      </c>
      <c r="E8573" s="2" t="s">
        <v>26281</v>
      </c>
      <c r="F8573" s="2" t="s">
        <v>26211</v>
      </c>
      <c r="G8573" s="8">
        <v>254</v>
      </c>
      <c r="H8573" s="5">
        <v>10</v>
      </c>
      <c r="I8573" s="5" t="s">
        <v>69</v>
      </c>
      <c r="J8573" s="5" t="s">
        <v>24629</v>
      </c>
      <c r="K8573" s="2" t="s">
        <v>24630</v>
      </c>
      <c r="L8573" s="5" t="s">
        <v>24629</v>
      </c>
      <c r="M8573" s="2" t="s">
        <v>24630</v>
      </c>
      <c r="N8573" s="5" t="s">
        <v>24254</v>
      </c>
      <c r="O8573" s="5" t="s">
        <v>38</v>
      </c>
      <c r="P8573" s="5" t="s">
        <v>39</v>
      </c>
      <c r="Q8573" s="5" t="s">
        <v>40</v>
      </c>
      <c r="R8573" s="5" t="s">
        <v>24335</v>
      </c>
      <c r="S8573" s="5" t="s">
        <v>40</v>
      </c>
      <c r="T8573" s="5" t="s">
        <v>42</v>
      </c>
      <c r="U8573" s="2">
        <v>11.105</v>
      </c>
      <c r="V8573" s="2">
        <v>8.1259999999999994</v>
      </c>
      <c r="W8573" s="2">
        <v>0.19500000000000001</v>
      </c>
      <c r="X8573" s="2">
        <v>12</v>
      </c>
      <c r="Y8573" s="2">
        <v>77</v>
      </c>
      <c r="Z8573" s="2">
        <v>210.9</v>
      </c>
      <c r="AA8573" s="5">
        <v>10</v>
      </c>
      <c r="AB8573" s="5" t="s">
        <v>43</v>
      </c>
      <c r="AC8573" s="5" t="s">
        <v>44</v>
      </c>
      <c r="AD8573" s="2" t="s">
        <v>26212</v>
      </c>
      <c r="AE8573" s="1"/>
    </row>
    <row r="8574" spans="1:31" ht="14.45">
      <c r="A8574" s="11"/>
      <c r="B8574" s="20"/>
      <c r="C8574" s="2" t="s">
        <v>26282</v>
      </c>
      <c r="D8574" s="14" t="s">
        <v>26283</v>
      </c>
      <c r="E8574" s="2" t="s">
        <v>26284</v>
      </c>
      <c r="F8574" s="2" t="s">
        <v>25163</v>
      </c>
      <c r="G8574" s="8">
        <v>189</v>
      </c>
      <c r="H8574" s="5">
        <v>5</v>
      </c>
      <c r="I8574" s="5" t="s">
        <v>69</v>
      </c>
      <c r="J8574" s="5" t="s">
        <v>24629</v>
      </c>
      <c r="K8574" s="2" t="s">
        <v>24630</v>
      </c>
      <c r="L8574" s="5" t="s">
        <v>24629</v>
      </c>
      <c r="M8574" s="2" t="s">
        <v>24630</v>
      </c>
      <c r="N8574" s="5" t="s">
        <v>24254</v>
      </c>
      <c r="O8574" s="5" t="s">
        <v>38</v>
      </c>
      <c r="P8574" s="5" t="s">
        <v>39</v>
      </c>
      <c r="Q8574" s="5" t="s">
        <v>40</v>
      </c>
      <c r="R8574" s="5" t="s">
        <v>24335</v>
      </c>
      <c r="S8574" s="5" t="s">
        <v>40</v>
      </c>
      <c r="T8574" s="5" t="s">
        <v>42</v>
      </c>
      <c r="U8574" s="2">
        <v>8.6349999999999998</v>
      </c>
      <c r="V8574" s="2">
        <v>5.742</v>
      </c>
      <c r="W8574" s="2">
        <v>9.6000000000000002E-2</v>
      </c>
      <c r="X8574" s="2">
        <v>12</v>
      </c>
      <c r="Y8574" s="2">
        <v>42.5</v>
      </c>
      <c r="Z8574" s="2">
        <v>188.9</v>
      </c>
      <c r="AA8574" s="5">
        <v>20</v>
      </c>
      <c r="AB8574" s="5" t="s">
        <v>43</v>
      </c>
      <c r="AC8574" s="5" t="s">
        <v>44</v>
      </c>
      <c r="AD8574" s="2" t="s">
        <v>26207</v>
      </c>
      <c r="AE8574" s="1"/>
    </row>
    <row r="8575" spans="1:31" ht="14.45">
      <c r="A8575" s="11"/>
      <c r="B8575" s="20"/>
      <c r="C8575" s="2" t="s">
        <v>26285</v>
      </c>
      <c r="D8575" s="14" t="s">
        <v>26286</v>
      </c>
      <c r="E8575" s="2" t="s">
        <v>26287</v>
      </c>
      <c r="F8575" s="2" t="s">
        <v>26211</v>
      </c>
      <c r="G8575" s="8">
        <v>258</v>
      </c>
      <c r="H8575" s="5">
        <v>10</v>
      </c>
      <c r="I8575" s="5" t="s">
        <v>69</v>
      </c>
      <c r="J8575" s="5" t="s">
        <v>24629</v>
      </c>
      <c r="K8575" s="2" t="s">
        <v>24630</v>
      </c>
      <c r="L8575" s="5" t="s">
        <v>24629</v>
      </c>
      <c r="M8575" s="2" t="s">
        <v>24630</v>
      </c>
      <c r="N8575" s="5" t="s">
        <v>24254</v>
      </c>
      <c r="O8575" s="5" t="s">
        <v>38</v>
      </c>
      <c r="P8575" s="5" t="s">
        <v>39</v>
      </c>
      <c r="Q8575" s="5" t="s">
        <v>40</v>
      </c>
      <c r="R8575" s="5" t="s">
        <v>24335</v>
      </c>
      <c r="S8575" s="5" t="s">
        <v>40</v>
      </c>
      <c r="T8575" s="5" t="s">
        <v>42</v>
      </c>
      <c r="U8575" s="2">
        <v>11.574</v>
      </c>
      <c r="V8575" s="2">
        <v>8.5950000000000006</v>
      </c>
      <c r="W8575" s="2">
        <v>0.19500000000000001</v>
      </c>
      <c r="X8575" s="2">
        <v>12</v>
      </c>
      <c r="Y8575" s="2">
        <v>77</v>
      </c>
      <c r="Z8575" s="2">
        <v>210.9</v>
      </c>
      <c r="AA8575" s="5">
        <v>10</v>
      </c>
      <c r="AB8575" s="5" t="s">
        <v>43</v>
      </c>
      <c r="AC8575" s="5" t="s">
        <v>44</v>
      </c>
      <c r="AD8575" s="2" t="s">
        <v>26212</v>
      </c>
      <c r="AE8575" s="1"/>
    </row>
    <row r="8576" spans="1:31" ht="14.45">
      <c r="A8576" s="11"/>
      <c r="B8576" s="20"/>
      <c r="C8576" s="2" t="s">
        <v>26288</v>
      </c>
      <c r="D8576" s="14" t="s">
        <v>26289</v>
      </c>
      <c r="E8576" s="2" t="s">
        <v>26290</v>
      </c>
      <c r="F8576" s="2" t="s">
        <v>25163</v>
      </c>
      <c r="G8576" s="8">
        <v>177</v>
      </c>
      <c r="H8576" s="5">
        <v>10</v>
      </c>
      <c r="I8576" s="5" t="s">
        <v>69</v>
      </c>
      <c r="J8576" s="5" t="s">
        <v>24629</v>
      </c>
      <c r="K8576" s="2" t="s">
        <v>24630</v>
      </c>
      <c r="L8576" s="5" t="s">
        <v>24629</v>
      </c>
      <c r="M8576" s="2" t="s">
        <v>24630</v>
      </c>
      <c r="N8576" s="5" t="s">
        <v>24254</v>
      </c>
      <c r="O8576" s="5" t="s">
        <v>38</v>
      </c>
      <c r="P8576" s="5" t="s">
        <v>39</v>
      </c>
      <c r="Q8576" s="5" t="s">
        <v>40</v>
      </c>
      <c r="R8576" s="5" t="s">
        <v>24335</v>
      </c>
      <c r="S8576" s="5" t="s">
        <v>40</v>
      </c>
      <c r="T8576" s="5" t="s">
        <v>42</v>
      </c>
      <c r="U8576" s="2">
        <v>5.3940000000000001</v>
      </c>
      <c r="V8576" s="2">
        <v>5.0389999999999997</v>
      </c>
      <c r="W8576" s="2">
        <v>7.8E-2</v>
      </c>
      <c r="X8576" s="2">
        <v>12</v>
      </c>
      <c r="Y8576" s="2">
        <v>42.5</v>
      </c>
      <c r="Z8576" s="2">
        <v>152.4</v>
      </c>
      <c r="AA8576" s="5">
        <v>20</v>
      </c>
      <c r="AB8576" s="5" t="s">
        <v>43</v>
      </c>
      <c r="AC8576" s="5" t="s">
        <v>44</v>
      </c>
      <c r="AD8576" s="2" t="s">
        <v>26207</v>
      </c>
      <c r="AE8576" s="1"/>
    </row>
    <row r="8577" spans="1:31" ht="14.45">
      <c r="A8577" s="11"/>
      <c r="B8577" s="20"/>
      <c r="C8577" s="2" t="s">
        <v>26291</v>
      </c>
      <c r="D8577" s="14" t="s">
        <v>26292</v>
      </c>
      <c r="E8577" s="2" t="s">
        <v>26293</v>
      </c>
      <c r="F8577" s="2" t="s">
        <v>26211</v>
      </c>
      <c r="G8577" s="8">
        <v>241</v>
      </c>
      <c r="H8577" s="5">
        <v>5</v>
      </c>
      <c r="I8577" s="5" t="s">
        <v>69</v>
      </c>
      <c r="J8577" s="5" t="s">
        <v>24629</v>
      </c>
      <c r="K8577" s="2" t="s">
        <v>24630</v>
      </c>
      <c r="L8577" s="5" t="s">
        <v>24629</v>
      </c>
      <c r="M8577" s="2" t="s">
        <v>24630</v>
      </c>
      <c r="N8577" s="5" t="s">
        <v>24254</v>
      </c>
      <c r="O8577" s="5" t="s">
        <v>38</v>
      </c>
      <c r="P8577" s="5" t="s">
        <v>39</v>
      </c>
      <c r="Q8577" s="5" t="s">
        <v>40</v>
      </c>
      <c r="R8577" s="5" t="s">
        <v>24335</v>
      </c>
      <c r="S8577" s="5" t="s">
        <v>40</v>
      </c>
      <c r="T8577" s="5" t="s">
        <v>42</v>
      </c>
      <c r="U8577" s="2">
        <v>10.166</v>
      </c>
      <c r="V8577" s="2">
        <v>7.68</v>
      </c>
      <c r="W8577" s="2">
        <v>0.14299999999999999</v>
      </c>
      <c r="X8577" s="2">
        <v>12</v>
      </c>
      <c r="Y8577" s="2">
        <v>77</v>
      </c>
      <c r="Z8577" s="2">
        <v>154.9</v>
      </c>
      <c r="AA8577" s="5">
        <v>10</v>
      </c>
      <c r="AB8577" s="5" t="s">
        <v>43</v>
      </c>
      <c r="AC8577" s="5" t="s">
        <v>44</v>
      </c>
      <c r="AD8577" s="2" t="s">
        <v>26212</v>
      </c>
      <c r="AE8577" s="1"/>
    </row>
    <row r="8578" spans="1:31" ht="14.45">
      <c r="A8578" s="11"/>
      <c r="B8578" s="20"/>
      <c r="C8578" s="2" t="s">
        <v>26294</v>
      </c>
      <c r="D8578" s="14" t="s">
        <v>26295</v>
      </c>
      <c r="E8578" s="2" t="s">
        <v>26296</v>
      </c>
      <c r="F8578" s="2" t="s">
        <v>25163</v>
      </c>
      <c r="G8578" s="8">
        <v>186</v>
      </c>
      <c r="H8578" s="5">
        <v>10</v>
      </c>
      <c r="I8578" s="5" t="s">
        <v>69</v>
      </c>
      <c r="J8578" s="5" t="s">
        <v>24629</v>
      </c>
      <c r="K8578" s="2" t="s">
        <v>24630</v>
      </c>
      <c r="L8578" s="5" t="s">
        <v>24629</v>
      </c>
      <c r="M8578" s="2" t="s">
        <v>24630</v>
      </c>
      <c r="N8578" s="5" t="s">
        <v>24254</v>
      </c>
      <c r="O8578" s="5" t="s">
        <v>38</v>
      </c>
      <c r="P8578" s="5" t="s">
        <v>39</v>
      </c>
      <c r="Q8578" s="5" t="s">
        <v>40</v>
      </c>
      <c r="R8578" s="5" t="s">
        <v>24335</v>
      </c>
      <c r="S8578" s="5" t="s">
        <v>40</v>
      </c>
      <c r="T8578" s="5" t="s">
        <v>42</v>
      </c>
      <c r="U8578" s="2">
        <v>6.875</v>
      </c>
      <c r="V8578" s="2">
        <v>5.2880000000000003</v>
      </c>
      <c r="W8578" s="2">
        <v>8.4000000000000005E-2</v>
      </c>
      <c r="X8578" s="2">
        <v>12</v>
      </c>
      <c r="Y8578" s="2">
        <v>42.5</v>
      </c>
      <c r="Z8578" s="2">
        <v>164.4</v>
      </c>
      <c r="AA8578" s="5">
        <v>20</v>
      </c>
      <c r="AB8578" s="5" t="s">
        <v>43</v>
      </c>
      <c r="AC8578" s="5" t="s">
        <v>44</v>
      </c>
      <c r="AD8578" s="2" t="s">
        <v>26207</v>
      </c>
      <c r="AE8578" s="1"/>
    </row>
    <row r="8579" spans="1:31" ht="14.45">
      <c r="A8579" s="11"/>
      <c r="B8579" s="20"/>
      <c r="C8579" s="2" t="s">
        <v>26297</v>
      </c>
      <c r="D8579" s="14" t="s">
        <v>26298</v>
      </c>
      <c r="E8579" s="2" t="s">
        <v>26299</v>
      </c>
      <c r="F8579" s="2" t="s">
        <v>26211</v>
      </c>
      <c r="G8579" s="8">
        <v>254</v>
      </c>
      <c r="H8579" s="5">
        <v>5</v>
      </c>
      <c r="I8579" s="5" t="s">
        <v>69</v>
      </c>
      <c r="J8579" s="5" t="s">
        <v>24629</v>
      </c>
      <c r="K8579" s="2" t="s">
        <v>24630</v>
      </c>
      <c r="L8579" s="5" t="s">
        <v>24629</v>
      </c>
      <c r="M8579" s="2" t="s">
        <v>24630</v>
      </c>
      <c r="N8579" s="5" t="s">
        <v>24254</v>
      </c>
      <c r="O8579" s="5" t="s">
        <v>38</v>
      </c>
      <c r="P8579" s="5" t="s">
        <v>39</v>
      </c>
      <c r="Q8579" s="5" t="s">
        <v>40</v>
      </c>
      <c r="R8579" s="5" t="s">
        <v>24335</v>
      </c>
      <c r="S8579" s="5" t="s">
        <v>40</v>
      </c>
      <c r="T8579" s="5" t="s">
        <v>42</v>
      </c>
      <c r="U8579" s="2">
        <v>10.826000000000001</v>
      </c>
      <c r="V8579" s="2">
        <v>8.1690000000000005</v>
      </c>
      <c r="W8579" s="2">
        <v>0.16</v>
      </c>
      <c r="X8579" s="2">
        <v>12</v>
      </c>
      <c r="Y8579" s="2">
        <v>77</v>
      </c>
      <c r="Z8579" s="2">
        <v>173.4</v>
      </c>
      <c r="AA8579" s="5">
        <v>10</v>
      </c>
      <c r="AB8579" s="5" t="s">
        <v>43</v>
      </c>
      <c r="AC8579" s="5" t="s">
        <v>44</v>
      </c>
      <c r="AD8579" s="2" t="s">
        <v>26212</v>
      </c>
      <c r="AE8579" s="1"/>
    </row>
    <row r="8580" spans="1:31" ht="14.45">
      <c r="A8580" s="11"/>
      <c r="B8580" s="20"/>
      <c r="C8580" s="2" t="s">
        <v>26300</v>
      </c>
      <c r="D8580" s="14" t="s">
        <v>26301</v>
      </c>
      <c r="E8580" s="2" t="s">
        <v>26302</v>
      </c>
      <c r="F8580" s="2" t="s">
        <v>25163</v>
      </c>
      <c r="G8580" s="8">
        <v>197</v>
      </c>
      <c r="H8580" s="5">
        <v>10</v>
      </c>
      <c r="I8580" s="5" t="s">
        <v>69</v>
      </c>
      <c r="J8580" s="5" t="s">
        <v>24629</v>
      </c>
      <c r="K8580" s="2" t="s">
        <v>24630</v>
      </c>
      <c r="L8580" s="5" t="s">
        <v>24629</v>
      </c>
      <c r="M8580" s="2" t="s">
        <v>24630</v>
      </c>
      <c r="N8580" s="5" t="s">
        <v>24254</v>
      </c>
      <c r="O8580" s="5" t="s">
        <v>38</v>
      </c>
      <c r="P8580" s="5" t="s">
        <v>39</v>
      </c>
      <c r="Q8580" s="5" t="s">
        <v>40</v>
      </c>
      <c r="R8580" s="5" t="s">
        <v>24335</v>
      </c>
      <c r="S8580" s="5" t="s">
        <v>40</v>
      </c>
      <c r="T8580" s="5" t="s">
        <v>42</v>
      </c>
      <c r="U8580" s="2">
        <v>7.2930000000000001</v>
      </c>
      <c r="V8580" s="2">
        <v>5.5430000000000001</v>
      </c>
      <c r="W8580" s="2">
        <v>9.6000000000000002E-2</v>
      </c>
      <c r="X8580" s="2">
        <v>12</v>
      </c>
      <c r="Y8580" s="2">
        <v>42.5</v>
      </c>
      <c r="Z8580" s="2">
        <v>188.9</v>
      </c>
      <c r="AA8580" s="5">
        <v>20</v>
      </c>
      <c r="AB8580" s="5" t="s">
        <v>43</v>
      </c>
      <c r="AC8580" s="5" t="s">
        <v>44</v>
      </c>
      <c r="AD8580" s="2" t="s">
        <v>26207</v>
      </c>
      <c r="AE8580" s="1"/>
    </row>
    <row r="8581" spans="1:31" ht="14.45">
      <c r="A8581" s="11"/>
      <c r="B8581" s="20"/>
      <c r="C8581" s="2" t="s">
        <v>26303</v>
      </c>
      <c r="D8581" s="14" t="s">
        <v>26304</v>
      </c>
      <c r="E8581" s="2" t="s">
        <v>26305</v>
      </c>
      <c r="F8581" s="2" t="s">
        <v>26211</v>
      </c>
      <c r="G8581" s="8">
        <v>268</v>
      </c>
      <c r="H8581" s="5">
        <v>5</v>
      </c>
      <c r="I8581" s="5" t="s">
        <v>69</v>
      </c>
      <c r="J8581" s="5" t="s">
        <v>24629</v>
      </c>
      <c r="K8581" s="2" t="s">
        <v>24630</v>
      </c>
      <c r="L8581" s="5" t="s">
        <v>24629</v>
      </c>
      <c r="M8581" s="2" t="s">
        <v>24630</v>
      </c>
      <c r="N8581" s="5" t="s">
        <v>24254</v>
      </c>
      <c r="O8581" s="5" t="s">
        <v>38</v>
      </c>
      <c r="P8581" s="5" t="s">
        <v>39</v>
      </c>
      <c r="Q8581" s="5" t="s">
        <v>40</v>
      </c>
      <c r="R8581" s="5" t="s">
        <v>24335</v>
      </c>
      <c r="S8581" s="5" t="s">
        <v>40</v>
      </c>
      <c r="T8581" s="5" t="s">
        <v>42</v>
      </c>
      <c r="U8581" s="2">
        <v>11.647</v>
      </c>
      <c r="V8581" s="2">
        <v>8.6679999999999993</v>
      </c>
      <c r="W8581" s="2">
        <v>0.19500000000000001</v>
      </c>
      <c r="X8581" s="2">
        <v>12</v>
      </c>
      <c r="Y8581" s="2">
        <v>77</v>
      </c>
      <c r="Z8581" s="2">
        <v>210.9</v>
      </c>
      <c r="AA8581" s="5">
        <v>10</v>
      </c>
      <c r="AB8581" s="5" t="s">
        <v>43</v>
      </c>
      <c r="AC8581" s="5" t="s">
        <v>44</v>
      </c>
      <c r="AD8581" s="2" t="s">
        <v>26212</v>
      </c>
      <c r="AE8581" s="1"/>
    </row>
    <row r="8582" spans="1:31" ht="14.45">
      <c r="A8582" s="11"/>
      <c r="B8582" s="20"/>
      <c r="C8582" s="2" t="s">
        <v>26306</v>
      </c>
      <c r="D8582" s="14" t="s">
        <v>26307</v>
      </c>
      <c r="E8582" s="2" t="s">
        <v>26308</v>
      </c>
      <c r="F8582" s="2" t="s">
        <v>25163</v>
      </c>
      <c r="G8582" s="8">
        <v>186</v>
      </c>
      <c r="H8582" s="5">
        <v>10</v>
      </c>
      <c r="I8582" s="5" t="s">
        <v>69</v>
      </c>
      <c r="J8582" s="5" t="s">
        <v>24629</v>
      </c>
      <c r="K8582" s="2" t="s">
        <v>24630</v>
      </c>
      <c r="L8582" s="5" t="s">
        <v>24629</v>
      </c>
      <c r="M8582" s="2" t="s">
        <v>24630</v>
      </c>
      <c r="N8582" s="5" t="s">
        <v>24254</v>
      </c>
      <c r="O8582" s="5" t="s">
        <v>38</v>
      </c>
      <c r="P8582" s="5" t="s">
        <v>39</v>
      </c>
      <c r="Q8582" s="5" t="s">
        <v>40</v>
      </c>
      <c r="R8582" s="5" t="s">
        <v>24335</v>
      </c>
      <c r="S8582" s="5" t="s">
        <v>40</v>
      </c>
      <c r="T8582" s="5" t="s">
        <v>42</v>
      </c>
      <c r="U8582" s="2">
        <v>7.2709999999999999</v>
      </c>
      <c r="V8582" s="2">
        <v>5.5359999999999996</v>
      </c>
      <c r="W8582" s="2">
        <v>9.6000000000000002E-2</v>
      </c>
      <c r="X8582" s="2">
        <v>12</v>
      </c>
      <c r="Y8582" s="2">
        <v>42.5</v>
      </c>
      <c r="Z8582" s="2">
        <v>188.9</v>
      </c>
      <c r="AA8582" s="5">
        <v>20</v>
      </c>
      <c r="AB8582" s="5" t="s">
        <v>43</v>
      </c>
      <c r="AC8582" s="5" t="s">
        <v>44</v>
      </c>
      <c r="AD8582" s="2" t="s">
        <v>26207</v>
      </c>
      <c r="AE8582" s="1"/>
    </row>
    <row r="8583" spans="1:31" ht="14.45">
      <c r="A8583" s="11"/>
      <c r="B8583" s="20"/>
      <c r="C8583" s="2" t="s">
        <v>26309</v>
      </c>
      <c r="D8583" s="14" t="s">
        <v>26310</v>
      </c>
      <c r="E8583" s="2" t="s">
        <v>26311</v>
      </c>
      <c r="F8583" s="2" t="s">
        <v>26211</v>
      </c>
      <c r="G8583" s="8">
        <v>254</v>
      </c>
      <c r="H8583" s="5">
        <v>5</v>
      </c>
      <c r="I8583" s="5" t="s">
        <v>69</v>
      </c>
      <c r="J8583" s="5" t="s">
        <v>24629</v>
      </c>
      <c r="K8583" s="2" t="s">
        <v>24630</v>
      </c>
      <c r="L8583" s="5" t="s">
        <v>24629</v>
      </c>
      <c r="M8583" s="2" t="s">
        <v>24630</v>
      </c>
      <c r="N8583" s="5" t="s">
        <v>24254</v>
      </c>
      <c r="O8583" s="5" t="s">
        <v>38</v>
      </c>
      <c r="P8583" s="5" t="s">
        <v>39</v>
      </c>
      <c r="Q8583" s="5" t="s">
        <v>40</v>
      </c>
      <c r="R8583" s="5" t="s">
        <v>24335</v>
      </c>
      <c r="S8583" s="5" t="s">
        <v>40</v>
      </c>
      <c r="T8583" s="5" t="s">
        <v>42</v>
      </c>
      <c r="U8583" s="2">
        <v>11.069000000000001</v>
      </c>
      <c r="V8583" s="2">
        <v>8.4269999999999996</v>
      </c>
      <c r="W8583" s="2">
        <v>0.16</v>
      </c>
      <c r="X8583" s="2">
        <v>12</v>
      </c>
      <c r="Y8583" s="2">
        <v>77</v>
      </c>
      <c r="Z8583" s="2">
        <v>173.4</v>
      </c>
      <c r="AA8583" s="5">
        <v>10</v>
      </c>
      <c r="AB8583" s="5" t="s">
        <v>43</v>
      </c>
      <c r="AC8583" s="5" t="s">
        <v>44</v>
      </c>
      <c r="AD8583" s="2" t="s">
        <v>26212</v>
      </c>
      <c r="AE8583" s="1"/>
    </row>
    <row r="8584" spans="1:31" ht="14.45">
      <c r="A8584" s="11"/>
      <c r="B8584" s="20"/>
      <c r="C8584" s="2" t="s">
        <v>26312</v>
      </c>
      <c r="D8584" s="14" t="s">
        <v>26313</v>
      </c>
      <c r="E8584" s="2" t="s">
        <v>26314</v>
      </c>
      <c r="F8584" s="2" t="s">
        <v>25163</v>
      </c>
      <c r="G8584" s="8">
        <v>191</v>
      </c>
      <c r="H8584" s="5">
        <v>10</v>
      </c>
      <c r="I8584" s="5" t="s">
        <v>69</v>
      </c>
      <c r="J8584" s="5" t="s">
        <v>24629</v>
      </c>
      <c r="K8584" s="2" t="s">
        <v>24630</v>
      </c>
      <c r="L8584" s="5" t="s">
        <v>24629</v>
      </c>
      <c r="M8584" s="2" t="s">
        <v>24630</v>
      </c>
      <c r="N8584" s="5" t="s">
        <v>24254</v>
      </c>
      <c r="O8584" s="5" t="s">
        <v>38</v>
      </c>
      <c r="P8584" s="5" t="s">
        <v>39</v>
      </c>
      <c r="Q8584" s="5" t="s">
        <v>40</v>
      </c>
      <c r="R8584" s="5" t="s">
        <v>24335</v>
      </c>
      <c r="S8584" s="5" t="s">
        <v>40</v>
      </c>
      <c r="T8584" s="5" t="s">
        <v>42</v>
      </c>
      <c r="U8584" s="2">
        <v>7.5140000000000002</v>
      </c>
      <c r="V8584" s="2">
        <v>5.7640000000000002</v>
      </c>
      <c r="W8584" s="2">
        <v>9.6000000000000002E-2</v>
      </c>
      <c r="X8584" s="2">
        <v>12</v>
      </c>
      <c r="Y8584" s="2">
        <v>42.5</v>
      </c>
      <c r="Z8584" s="2">
        <v>188.9</v>
      </c>
      <c r="AA8584" s="5">
        <v>20</v>
      </c>
      <c r="AB8584" s="5" t="s">
        <v>43</v>
      </c>
      <c r="AC8584" s="5" t="s">
        <v>44</v>
      </c>
      <c r="AD8584" s="2" t="s">
        <v>26207</v>
      </c>
      <c r="AE8584" s="1"/>
    </row>
    <row r="8585" spans="1:31" ht="14.45">
      <c r="A8585" s="11"/>
      <c r="B8585" s="20"/>
      <c r="C8585" s="2" t="s">
        <v>26315</v>
      </c>
      <c r="D8585" s="14" t="s">
        <v>26316</v>
      </c>
      <c r="E8585" s="2" t="s">
        <v>26317</v>
      </c>
      <c r="F8585" s="2" t="s">
        <v>25163</v>
      </c>
      <c r="G8585" s="8">
        <v>210</v>
      </c>
      <c r="H8585" s="5">
        <v>5</v>
      </c>
      <c r="I8585" s="5" t="s">
        <v>69</v>
      </c>
      <c r="J8585" s="5" t="s">
        <v>24629</v>
      </c>
      <c r="K8585" s="2" t="s">
        <v>24630</v>
      </c>
      <c r="L8585" s="5" t="s">
        <v>24629</v>
      </c>
      <c r="M8585" s="2" t="s">
        <v>24630</v>
      </c>
      <c r="N8585" s="5" t="s">
        <v>24254</v>
      </c>
      <c r="O8585" s="5" t="s">
        <v>38</v>
      </c>
      <c r="P8585" s="5" t="s">
        <v>39</v>
      </c>
      <c r="Q8585" s="5" t="s">
        <v>40</v>
      </c>
      <c r="R8585" s="5" t="s">
        <v>24335</v>
      </c>
      <c r="S8585" s="5" t="s">
        <v>40</v>
      </c>
      <c r="T8585" s="5" t="s">
        <v>42</v>
      </c>
      <c r="U8585" s="2">
        <v>8.82</v>
      </c>
      <c r="V8585" s="2">
        <v>5.8410000000000002</v>
      </c>
      <c r="W8585" s="2">
        <v>9.6000000000000002E-2</v>
      </c>
      <c r="X8585" s="2">
        <v>12</v>
      </c>
      <c r="Y8585" s="2">
        <v>42.5</v>
      </c>
      <c r="Z8585" s="2">
        <v>188.9</v>
      </c>
      <c r="AA8585" s="5">
        <v>20</v>
      </c>
      <c r="AB8585" s="5" t="s">
        <v>43</v>
      </c>
      <c r="AC8585" s="5" t="s">
        <v>44</v>
      </c>
      <c r="AD8585" s="2"/>
      <c r="AE8585" s="1"/>
    </row>
    <row r="8586" spans="1:31" ht="14.45">
      <c r="A8586" s="11"/>
      <c r="B8586" s="20"/>
      <c r="C8586" s="2" t="s">
        <v>26318</v>
      </c>
      <c r="D8586" s="14" t="s">
        <v>26319</v>
      </c>
      <c r="E8586" s="2" t="s">
        <v>26320</v>
      </c>
      <c r="F8586" s="2" t="s">
        <v>26211</v>
      </c>
      <c r="G8586" s="8">
        <v>260</v>
      </c>
      <c r="H8586" s="5">
        <v>10</v>
      </c>
      <c r="I8586" s="5" t="s">
        <v>69</v>
      </c>
      <c r="J8586" s="5" t="s">
        <v>24629</v>
      </c>
      <c r="K8586" s="2" t="s">
        <v>24630</v>
      </c>
      <c r="L8586" s="5" t="s">
        <v>24629</v>
      </c>
      <c r="M8586" s="2" t="s">
        <v>24630</v>
      </c>
      <c r="N8586" s="5" t="s">
        <v>24254</v>
      </c>
      <c r="O8586" s="5" t="s">
        <v>38</v>
      </c>
      <c r="P8586" s="5" t="s">
        <v>39</v>
      </c>
      <c r="Q8586" s="5" t="s">
        <v>40</v>
      </c>
      <c r="R8586" s="5" t="s">
        <v>24335</v>
      </c>
      <c r="S8586" s="5" t="s">
        <v>40</v>
      </c>
      <c r="T8586" s="5" t="s">
        <v>42</v>
      </c>
      <c r="U8586" s="2">
        <v>11.571999999999999</v>
      </c>
      <c r="V8586" s="2">
        <v>8.9149999999999991</v>
      </c>
      <c r="W8586" s="2">
        <v>0.16</v>
      </c>
      <c r="X8586" s="2">
        <v>12</v>
      </c>
      <c r="Y8586" s="2">
        <v>77</v>
      </c>
      <c r="Z8586" s="2">
        <v>173.4</v>
      </c>
      <c r="AA8586" s="5">
        <v>10</v>
      </c>
      <c r="AB8586" s="5" t="s">
        <v>43</v>
      </c>
      <c r="AC8586" s="5" t="s">
        <v>44</v>
      </c>
      <c r="AD8586" s="2" t="s">
        <v>26212</v>
      </c>
      <c r="AE8586" s="1"/>
    </row>
    <row r="8587" spans="1:31" ht="14.45">
      <c r="A8587" s="11"/>
      <c r="B8587" s="20"/>
      <c r="C8587" s="2" t="s">
        <v>26321</v>
      </c>
      <c r="D8587" s="14" t="s">
        <v>26322</v>
      </c>
      <c r="E8587" s="2" t="s">
        <v>26323</v>
      </c>
      <c r="F8587" s="2" t="s">
        <v>25163</v>
      </c>
      <c r="G8587" s="8">
        <v>211</v>
      </c>
      <c r="H8587" s="5">
        <v>5</v>
      </c>
      <c r="I8587" s="5" t="s">
        <v>69</v>
      </c>
      <c r="J8587" s="5" t="s">
        <v>24629</v>
      </c>
      <c r="K8587" s="2" t="s">
        <v>24630</v>
      </c>
      <c r="L8587" s="5" t="s">
        <v>24629</v>
      </c>
      <c r="M8587" s="2" t="s">
        <v>24630</v>
      </c>
      <c r="N8587" s="5" t="s">
        <v>24254</v>
      </c>
      <c r="O8587" s="5" t="s">
        <v>38</v>
      </c>
      <c r="P8587" s="5" t="s">
        <v>39</v>
      </c>
      <c r="Q8587" s="5" t="s">
        <v>40</v>
      </c>
      <c r="R8587" s="5" t="s">
        <v>24335</v>
      </c>
      <c r="S8587" s="5" t="s">
        <v>40</v>
      </c>
      <c r="T8587" s="5" t="s">
        <v>42</v>
      </c>
      <c r="U8587" s="2">
        <v>9.18</v>
      </c>
      <c r="V8587" s="2">
        <v>6.3019999999999996</v>
      </c>
      <c r="W8587" s="2">
        <v>9.6000000000000002E-2</v>
      </c>
      <c r="X8587" s="2">
        <v>12</v>
      </c>
      <c r="Y8587" s="2">
        <v>42.5</v>
      </c>
      <c r="Z8587" s="2">
        <v>188.9</v>
      </c>
      <c r="AA8587" s="5">
        <v>20</v>
      </c>
      <c r="AB8587" s="5" t="s">
        <v>43</v>
      </c>
      <c r="AC8587" s="5" t="s">
        <v>44</v>
      </c>
      <c r="AD8587" s="2" t="s">
        <v>26207</v>
      </c>
      <c r="AE8587" s="1"/>
    </row>
    <row r="8588" spans="1:31" ht="14.45">
      <c r="A8588" s="11"/>
      <c r="B8588" s="20"/>
      <c r="C8588" s="2" t="s">
        <v>26324</v>
      </c>
      <c r="D8588" s="14" t="s">
        <v>26325</v>
      </c>
      <c r="E8588" s="2" t="s">
        <v>26326</v>
      </c>
      <c r="F8588" s="2" t="s">
        <v>26211</v>
      </c>
      <c r="G8588" s="8">
        <v>287</v>
      </c>
      <c r="H8588" s="5">
        <v>10</v>
      </c>
      <c r="I8588" s="5" t="s">
        <v>69</v>
      </c>
      <c r="J8588" s="5" t="s">
        <v>24629</v>
      </c>
      <c r="K8588" s="2" t="s">
        <v>24630</v>
      </c>
      <c r="L8588" s="5" t="s">
        <v>24629</v>
      </c>
      <c r="M8588" s="2" t="s">
        <v>24630</v>
      </c>
      <c r="N8588" s="5" t="s">
        <v>24254</v>
      </c>
      <c r="O8588" s="5" t="s">
        <v>38</v>
      </c>
      <c r="P8588" s="5" t="s">
        <v>39</v>
      </c>
      <c r="Q8588" s="5" t="s">
        <v>40</v>
      </c>
      <c r="R8588" s="5" t="s">
        <v>24335</v>
      </c>
      <c r="S8588" s="5" t="s">
        <v>40</v>
      </c>
      <c r="T8588" s="5" t="s">
        <v>42</v>
      </c>
      <c r="U8588" s="2">
        <v>12.348000000000001</v>
      </c>
      <c r="V8588" s="2">
        <v>9.3689999999999998</v>
      </c>
      <c r="W8588" s="2">
        <v>0.19500000000000001</v>
      </c>
      <c r="X8588" s="2">
        <v>12</v>
      </c>
      <c r="Y8588" s="2">
        <v>77</v>
      </c>
      <c r="Z8588" s="2">
        <v>210.9</v>
      </c>
      <c r="AA8588" s="5">
        <v>10</v>
      </c>
      <c r="AB8588" s="5" t="s">
        <v>43</v>
      </c>
      <c r="AC8588" s="5" t="s">
        <v>44</v>
      </c>
      <c r="AD8588" s="2" t="s">
        <v>26212</v>
      </c>
      <c r="AE8588" s="1"/>
    </row>
    <row r="8589" spans="1:31" ht="14.45">
      <c r="A8589" s="11"/>
      <c r="B8589" s="20"/>
      <c r="C8589" s="2" t="s">
        <v>26327</v>
      </c>
      <c r="D8589" s="14" t="s">
        <v>26328</v>
      </c>
      <c r="E8589" s="2" t="s">
        <v>26329</v>
      </c>
      <c r="F8589" s="2" t="s">
        <v>25163</v>
      </c>
      <c r="G8589" s="8">
        <v>186</v>
      </c>
      <c r="H8589" s="5">
        <v>10</v>
      </c>
      <c r="I8589" s="5" t="s">
        <v>69</v>
      </c>
      <c r="J8589" s="5" t="s">
        <v>24629</v>
      </c>
      <c r="K8589" s="2" t="s">
        <v>24630</v>
      </c>
      <c r="L8589" s="5" t="s">
        <v>24629</v>
      </c>
      <c r="M8589" s="2" t="s">
        <v>24630</v>
      </c>
      <c r="N8589" s="5" t="s">
        <v>24254</v>
      </c>
      <c r="O8589" s="5" t="s">
        <v>38</v>
      </c>
      <c r="P8589" s="5" t="s">
        <v>39</v>
      </c>
      <c r="Q8589" s="5" t="s">
        <v>40</v>
      </c>
      <c r="R8589" s="5" t="s">
        <v>24335</v>
      </c>
      <c r="S8589" s="5" t="s">
        <v>40</v>
      </c>
      <c r="T8589" s="5" t="s">
        <v>42</v>
      </c>
      <c r="U8589" s="2">
        <v>7.3890000000000002</v>
      </c>
      <c r="V8589" s="2">
        <v>5.6390000000000002</v>
      </c>
      <c r="W8589" s="2">
        <v>9.6000000000000002E-2</v>
      </c>
      <c r="X8589" s="2">
        <v>12</v>
      </c>
      <c r="Y8589" s="2">
        <v>42.5</v>
      </c>
      <c r="Z8589" s="2">
        <v>188.9</v>
      </c>
      <c r="AA8589" s="5">
        <v>20</v>
      </c>
      <c r="AB8589" s="5" t="s">
        <v>43</v>
      </c>
      <c r="AC8589" s="5" t="s">
        <v>44</v>
      </c>
      <c r="AD8589" s="2" t="s">
        <v>26207</v>
      </c>
      <c r="AE8589" s="1"/>
    </row>
    <row r="8590" spans="1:31" ht="14.45">
      <c r="A8590" s="11"/>
      <c r="B8590" s="20"/>
      <c r="C8590" s="2" t="s">
        <v>26330</v>
      </c>
      <c r="D8590" s="14" t="s">
        <v>26331</v>
      </c>
      <c r="E8590" s="2" t="s">
        <v>26332</v>
      </c>
      <c r="F8590" s="2" t="s">
        <v>25163</v>
      </c>
      <c r="G8590" s="8">
        <v>205</v>
      </c>
      <c r="H8590" s="5">
        <v>5</v>
      </c>
      <c r="I8590" s="5" t="s">
        <v>69</v>
      </c>
      <c r="J8590" s="5" t="s">
        <v>24629</v>
      </c>
      <c r="K8590" s="2" t="s">
        <v>24630</v>
      </c>
      <c r="L8590" s="5" t="s">
        <v>24629</v>
      </c>
      <c r="M8590" s="2" t="s">
        <v>24630</v>
      </c>
      <c r="N8590" s="5" t="s">
        <v>24254</v>
      </c>
      <c r="O8590" s="5" t="s">
        <v>38</v>
      </c>
      <c r="P8590" s="5" t="s">
        <v>39</v>
      </c>
      <c r="Q8590" s="5" t="s">
        <v>40</v>
      </c>
      <c r="R8590" s="5" t="s">
        <v>24335</v>
      </c>
      <c r="S8590" s="5" t="s">
        <v>40</v>
      </c>
      <c r="T8590" s="5" t="s">
        <v>42</v>
      </c>
      <c r="U8590" s="2">
        <v>8.6359999999999992</v>
      </c>
      <c r="V8590" s="2">
        <v>5.657</v>
      </c>
      <c r="W8590" s="2">
        <v>9.6000000000000002E-2</v>
      </c>
      <c r="X8590" s="2">
        <v>12</v>
      </c>
      <c r="Y8590" s="2">
        <v>42.5</v>
      </c>
      <c r="Z8590" s="2">
        <v>188.9</v>
      </c>
      <c r="AA8590" s="5">
        <v>20</v>
      </c>
      <c r="AB8590" s="5" t="s">
        <v>43</v>
      </c>
      <c r="AC8590" s="5" t="s">
        <v>44</v>
      </c>
      <c r="AD8590" s="2"/>
      <c r="AE8590" s="1"/>
    </row>
    <row r="8591" spans="1:31" ht="14.45">
      <c r="A8591" s="11"/>
      <c r="B8591" s="20"/>
      <c r="C8591" s="2" t="s">
        <v>26333</v>
      </c>
      <c r="D8591" s="14" t="s">
        <v>26334</v>
      </c>
      <c r="E8591" s="2" t="s">
        <v>26335</v>
      </c>
      <c r="F8591" s="2" t="s">
        <v>26211</v>
      </c>
      <c r="G8591" s="8">
        <v>254</v>
      </c>
      <c r="H8591" s="5">
        <v>5</v>
      </c>
      <c r="I8591" s="5" t="s">
        <v>69</v>
      </c>
      <c r="J8591" s="5" t="s">
        <v>24629</v>
      </c>
      <c r="K8591" s="2" t="s">
        <v>24630</v>
      </c>
      <c r="L8591" s="5" t="s">
        <v>24629</v>
      </c>
      <c r="M8591" s="2" t="s">
        <v>24630</v>
      </c>
      <c r="N8591" s="5" t="s">
        <v>24254</v>
      </c>
      <c r="O8591" s="5" t="s">
        <v>38</v>
      </c>
      <c r="P8591" s="5" t="s">
        <v>39</v>
      </c>
      <c r="Q8591" s="5" t="s">
        <v>40</v>
      </c>
      <c r="R8591" s="5" t="s">
        <v>24335</v>
      </c>
      <c r="S8591" s="5" t="s">
        <v>40</v>
      </c>
      <c r="T8591" s="5" t="s">
        <v>42</v>
      </c>
      <c r="U8591" s="2">
        <v>11.568</v>
      </c>
      <c r="V8591" s="2">
        <v>8.5890000000000004</v>
      </c>
      <c r="W8591" s="2">
        <v>0.19500000000000001</v>
      </c>
      <c r="X8591" s="2">
        <v>12</v>
      </c>
      <c r="Y8591" s="2">
        <v>77</v>
      </c>
      <c r="Z8591" s="2">
        <v>210.9</v>
      </c>
      <c r="AA8591" s="5">
        <v>10</v>
      </c>
      <c r="AB8591" s="5" t="s">
        <v>43</v>
      </c>
      <c r="AC8591" s="5" t="s">
        <v>44</v>
      </c>
      <c r="AD8591" s="2" t="s">
        <v>26212</v>
      </c>
      <c r="AE8591" s="1"/>
    </row>
    <row r="8592" spans="1:31" ht="14.45">
      <c r="A8592" s="11"/>
      <c r="B8592" s="20"/>
      <c r="C8592" s="2" t="s">
        <v>26336</v>
      </c>
      <c r="D8592" s="14" t="s">
        <v>26337</v>
      </c>
      <c r="E8592" s="2" t="s">
        <v>26338</v>
      </c>
      <c r="F8592" s="2" t="s">
        <v>25163</v>
      </c>
      <c r="G8592" s="8">
        <v>201</v>
      </c>
      <c r="H8592" s="5">
        <v>10</v>
      </c>
      <c r="I8592" s="5" t="s">
        <v>69</v>
      </c>
      <c r="J8592" s="5" t="s">
        <v>24629</v>
      </c>
      <c r="K8592" s="2" t="s">
        <v>24630</v>
      </c>
      <c r="L8592" s="5" t="s">
        <v>24629</v>
      </c>
      <c r="M8592" s="2" t="s">
        <v>24630</v>
      </c>
      <c r="N8592" s="5" t="s">
        <v>24254</v>
      </c>
      <c r="O8592" s="5" t="s">
        <v>38</v>
      </c>
      <c r="P8592" s="5" t="s">
        <v>39</v>
      </c>
      <c r="Q8592" s="5" t="s">
        <v>40</v>
      </c>
      <c r="R8592" s="5" t="s">
        <v>24335</v>
      </c>
      <c r="S8592" s="5" t="s">
        <v>40</v>
      </c>
      <c r="T8592" s="5" t="s">
        <v>42</v>
      </c>
      <c r="U8592" s="2">
        <v>7.8869999999999996</v>
      </c>
      <c r="V8592" s="2">
        <v>6.1369999999999996</v>
      </c>
      <c r="W8592" s="2">
        <v>9.6000000000000002E-2</v>
      </c>
      <c r="X8592" s="2">
        <v>12</v>
      </c>
      <c r="Y8592" s="2">
        <v>42.5</v>
      </c>
      <c r="Z8592" s="2">
        <v>188.9</v>
      </c>
      <c r="AA8592" s="5">
        <v>20</v>
      </c>
      <c r="AB8592" s="5" t="s">
        <v>43</v>
      </c>
      <c r="AC8592" s="5" t="s">
        <v>44</v>
      </c>
      <c r="AD8592" s="2" t="s">
        <v>26207</v>
      </c>
      <c r="AE8592" s="1"/>
    </row>
    <row r="8593" spans="1:31" ht="14.45">
      <c r="A8593" s="11"/>
      <c r="B8593" s="20"/>
      <c r="C8593" s="2" t="s">
        <v>26339</v>
      </c>
      <c r="D8593" s="14" t="s">
        <v>26340</v>
      </c>
      <c r="E8593" s="2" t="s">
        <v>26341</v>
      </c>
      <c r="F8593" s="2" t="s">
        <v>26211</v>
      </c>
      <c r="G8593" s="8">
        <v>275</v>
      </c>
      <c r="H8593" s="5">
        <v>10</v>
      </c>
      <c r="I8593" s="5" t="s">
        <v>69</v>
      </c>
      <c r="J8593" s="5" t="s">
        <v>24629</v>
      </c>
      <c r="K8593" s="2" t="s">
        <v>24630</v>
      </c>
      <c r="L8593" s="5" t="s">
        <v>24629</v>
      </c>
      <c r="M8593" s="2" t="s">
        <v>24630</v>
      </c>
      <c r="N8593" s="5" t="s">
        <v>24254</v>
      </c>
      <c r="O8593" s="5" t="s">
        <v>38</v>
      </c>
      <c r="P8593" s="5" t="s">
        <v>39</v>
      </c>
      <c r="Q8593" s="5" t="s">
        <v>40</v>
      </c>
      <c r="R8593" s="5" t="s">
        <v>24335</v>
      </c>
      <c r="S8593" s="5" t="s">
        <v>40</v>
      </c>
      <c r="T8593" s="5" t="s">
        <v>42</v>
      </c>
      <c r="U8593" s="2">
        <v>12.522</v>
      </c>
      <c r="V8593" s="2">
        <v>9.5429999999999993</v>
      </c>
      <c r="W8593" s="2">
        <v>0.19500000000000001</v>
      </c>
      <c r="X8593" s="2">
        <v>12</v>
      </c>
      <c r="Y8593" s="2">
        <v>77</v>
      </c>
      <c r="Z8593" s="2">
        <v>210.9</v>
      </c>
      <c r="AA8593" s="5">
        <v>10</v>
      </c>
      <c r="AB8593" s="5" t="s">
        <v>43</v>
      </c>
      <c r="AC8593" s="5" t="s">
        <v>44</v>
      </c>
      <c r="AD8593" s="2" t="s">
        <v>26212</v>
      </c>
      <c r="AE8593" s="1"/>
    </row>
    <row r="8594" spans="1:31" ht="14.45">
      <c r="A8594" s="11"/>
      <c r="B8594" s="20"/>
      <c r="C8594" s="2" t="s">
        <v>26342</v>
      </c>
      <c r="D8594" s="14" t="s">
        <v>26343</v>
      </c>
      <c r="E8594" s="2" t="s">
        <v>26344</v>
      </c>
      <c r="F8594" s="2" t="s">
        <v>25163</v>
      </c>
      <c r="G8594" s="8">
        <v>225</v>
      </c>
      <c r="H8594" s="5">
        <v>5</v>
      </c>
      <c r="I8594" s="5" t="s">
        <v>69</v>
      </c>
      <c r="J8594" s="5" t="s">
        <v>24629</v>
      </c>
      <c r="K8594" s="2" t="s">
        <v>24630</v>
      </c>
      <c r="L8594" s="5" t="s">
        <v>24629</v>
      </c>
      <c r="M8594" s="2" t="s">
        <v>24630</v>
      </c>
      <c r="N8594" s="5" t="s">
        <v>24254</v>
      </c>
      <c r="O8594" s="5" t="s">
        <v>38</v>
      </c>
      <c r="P8594" s="5" t="s">
        <v>39</v>
      </c>
      <c r="Q8594" s="5" t="s">
        <v>40</v>
      </c>
      <c r="R8594" s="5" t="s">
        <v>24335</v>
      </c>
      <c r="S8594" s="5" t="s">
        <v>40</v>
      </c>
      <c r="T8594" s="5" t="s">
        <v>42</v>
      </c>
      <c r="U8594" s="2">
        <v>9.5530000000000008</v>
      </c>
      <c r="V8594" s="2">
        <v>6.6749999999999998</v>
      </c>
      <c r="W8594" s="2">
        <v>9.6000000000000002E-2</v>
      </c>
      <c r="X8594" s="2">
        <v>12</v>
      </c>
      <c r="Y8594" s="2">
        <v>42.5</v>
      </c>
      <c r="Z8594" s="2">
        <v>188.9</v>
      </c>
      <c r="AA8594" s="5">
        <v>20</v>
      </c>
      <c r="AB8594" s="5" t="s">
        <v>43</v>
      </c>
      <c r="AC8594" s="5" t="s">
        <v>44</v>
      </c>
      <c r="AD8594" s="2" t="s">
        <v>26207</v>
      </c>
      <c r="AE8594" s="1"/>
    </row>
    <row r="8595" spans="1:31" ht="14.45">
      <c r="A8595" s="11"/>
      <c r="B8595" s="20"/>
      <c r="C8595" s="2" t="s">
        <v>26345</v>
      </c>
      <c r="D8595" s="14" t="s">
        <v>26346</v>
      </c>
      <c r="E8595" s="2" t="s">
        <v>26347</v>
      </c>
      <c r="F8595" s="2" t="s">
        <v>26211</v>
      </c>
      <c r="G8595" s="8">
        <v>307</v>
      </c>
      <c r="H8595" s="5">
        <v>10</v>
      </c>
      <c r="I8595" s="5" t="s">
        <v>69</v>
      </c>
      <c r="J8595" s="5" t="s">
        <v>24629</v>
      </c>
      <c r="K8595" s="2" t="s">
        <v>24630</v>
      </c>
      <c r="L8595" s="5" t="s">
        <v>24629</v>
      </c>
      <c r="M8595" s="2" t="s">
        <v>24630</v>
      </c>
      <c r="N8595" s="5" t="s">
        <v>24254</v>
      </c>
      <c r="O8595" s="5" t="s">
        <v>38</v>
      </c>
      <c r="P8595" s="5" t="s">
        <v>39</v>
      </c>
      <c r="Q8595" s="5" t="s">
        <v>40</v>
      </c>
      <c r="R8595" s="5" t="s">
        <v>24335</v>
      </c>
      <c r="S8595" s="5" t="s">
        <v>40</v>
      </c>
      <c r="T8595" s="5" t="s">
        <v>42</v>
      </c>
      <c r="U8595" s="2">
        <v>12.972</v>
      </c>
      <c r="V8595" s="2">
        <v>9.9930000000000003</v>
      </c>
      <c r="W8595" s="2">
        <v>0.19500000000000001</v>
      </c>
      <c r="X8595" s="2">
        <v>12</v>
      </c>
      <c r="Y8595" s="2">
        <v>77</v>
      </c>
      <c r="Z8595" s="2">
        <v>210.9</v>
      </c>
      <c r="AA8595" s="5">
        <v>10</v>
      </c>
      <c r="AB8595" s="5" t="s">
        <v>43</v>
      </c>
      <c r="AC8595" s="5" t="s">
        <v>44</v>
      </c>
      <c r="AD8595" s="2" t="s">
        <v>26212</v>
      </c>
      <c r="AE8595" s="1"/>
    </row>
    <row r="8596" spans="1:31" ht="14.45">
      <c r="A8596" s="5" t="s">
        <v>116</v>
      </c>
      <c r="B8596" s="21"/>
      <c r="C8596" s="2" t="s">
        <v>26348</v>
      </c>
      <c r="D8596" s="14" t="s">
        <v>26349</v>
      </c>
      <c r="E8596" s="2" t="s">
        <v>26350</v>
      </c>
      <c r="F8596" s="2" t="s">
        <v>26351</v>
      </c>
      <c r="G8596" s="8">
        <v>105</v>
      </c>
      <c r="H8596" s="5">
        <v>5</v>
      </c>
      <c r="I8596" s="5" t="s">
        <v>69</v>
      </c>
      <c r="J8596" s="5" t="s">
        <v>24629</v>
      </c>
      <c r="K8596" s="2" t="s">
        <v>24630</v>
      </c>
      <c r="L8596" s="5" t="s">
        <v>24629</v>
      </c>
      <c r="M8596" s="2" t="s">
        <v>24630</v>
      </c>
      <c r="N8596" s="5" t="s">
        <v>24254</v>
      </c>
      <c r="O8596" s="5" t="s">
        <v>38</v>
      </c>
      <c r="P8596" s="5" t="s">
        <v>39</v>
      </c>
      <c r="Q8596" s="5" t="s">
        <v>40</v>
      </c>
      <c r="R8596" s="5" t="s">
        <v>24335</v>
      </c>
      <c r="S8596" s="5" t="s">
        <v>40</v>
      </c>
      <c r="T8596" s="5" t="s">
        <v>42</v>
      </c>
      <c r="U8596" s="2">
        <v>4.9939999999999998</v>
      </c>
      <c r="V8596" s="2">
        <v>3.8639999999999999</v>
      </c>
      <c r="W8596" s="2">
        <v>6.2E-2</v>
      </c>
      <c r="X8596" s="2">
        <v>12</v>
      </c>
      <c r="Y8596" s="2">
        <v>42.5</v>
      </c>
      <c r="Z8596" s="2">
        <v>122.4</v>
      </c>
      <c r="AA8596" s="5">
        <v>20</v>
      </c>
      <c r="AB8596" s="5" t="s">
        <v>43</v>
      </c>
      <c r="AC8596" s="5" t="s">
        <v>44</v>
      </c>
      <c r="AD8596" s="2" t="s">
        <v>26352</v>
      </c>
      <c r="AE8596" s="1"/>
    </row>
    <row r="8597" spans="1:31" ht="14.45">
      <c r="A8597" s="5" t="s">
        <v>116</v>
      </c>
      <c r="B8597" s="21"/>
      <c r="C8597" s="2" t="s">
        <v>26353</v>
      </c>
      <c r="D8597" s="14" t="s">
        <v>26354</v>
      </c>
      <c r="E8597" s="2" t="s">
        <v>26355</v>
      </c>
      <c r="F8597" s="2" t="s">
        <v>26356</v>
      </c>
      <c r="G8597" s="8">
        <v>143</v>
      </c>
      <c r="H8597" s="5">
        <v>5</v>
      </c>
      <c r="I8597" s="5" t="s">
        <v>69</v>
      </c>
      <c r="J8597" s="5" t="s">
        <v>24629</v>
      </c>
      <c r="K8597" s="2" t="s">
        <v>24630</v>
      </c>
      <c r="L8597" s="5" t="s">
        <v>24629</v>
      </c>
      <c r="M8597" s="2" t="s">
        <v>24630</v>
      </c>
      <c r="N8597" s="5" t="s">
        <v>24254</v>
      </c>
      <c r="O8597" s="5" t="s">
        <v>38</v>
      </c>
      <c r="P8597" s="5" t="s">
        <v>39</v>
      </c>
      <c r="Q8597" s="5" t="s">
        <v>40</v>
      </c>
      <c r="R8597" s="5" t="s">
        <v>24335</v>
      </c>
      <c r="S8597" s="5" t="s">
        <v>40</v>
      </c>
      <c r="T8597" s="5" t="s">
        <v>42</v>
      </c>
      <c r="U8597" s="2">
        <v>5.8710000000000004</v>
      </c>
      <c r="V8597" s="2">
        <v>4.8869999999999996</v>
      </c>
      <c r="W8597" s="2">
        <v>6.2E-2</v>
      </c>
      <c r="X8597" s="2">
        <v>12</v>
      </c>
      <c r="Y8597" s="2">
        <v>42.5</v>
      </c>
      <c r="Z8597" s="2">
        <v>122.4</v>
      </c>
      <c r="AA8597" s="5">
        <v>10</v>
      </c>
      <c r="AB8597" s="5" t="s">
        <v>43</v>
      </c>
      <c r="AC8597" s="5" t="s">
        <v>44</v>
      </c>
      <c r="AD8597" s="2" t="s">
        <v>26357</v>
      </c>
      <c r="AE8597" s="1"/>
    </row>
    <row r="8598" spans="1:31" ht="14.45">
      <c r="A8598" s="5" t="s">
        <v>116</v>
      </c>
      <c r="B8598" s="21"/>
      <c r="C8598" s="2" t="s">
        <v>26358</v>
      </c>
      <c r="D8598" s="14" t="s">
        <v>26359</v>
      </c>
      <c r="E8598" s="2" t="s">
        <v>26360</v>
      </c>
      <c r="F8598" s="2" t="s">
        <v>26351</v>
      </c>
      <c r="G8598" s="8">
        <v>111</v>
      </c>
      <c r="H8598" s="5">
        <v>5</v>
      </c>
      <c r="I8598" s="5" t="s">
        <v>69</v>
      </c>
      <c r="J8598" s="5" t="s">
        <v>24629</v>
      </c>
      <c r="K8598" s="2" t="s">
        <v>24630</v>
      </c>
      <c r="L8598" s="5" t="s">
        <v>24629</v>
      </c>
      <c r="M8598" s="2" t="s">
        <v>24630</v>
      </c>
      <c r="N8598" s="5" t="s">
        <v>24254</v>
      </c>
      <c r="O8598" s="5" t="s">
        <v>38</v>
      </c>
      <c r="P8598" s="5" t="s">
        <v>39</v>
      </c>
      <c r="Q8598" s="5" t="s">
        <v>40</v>
      </c>
      <c r="R8598" s="5" t="s">
        <v>24335</v>
      </c>
      <c r="S8598" s="5" t="s">
        <v>40</v>
      </c>
      <c r="T8598" s="5" t="s">
        <v>42</v>
      </c>
      <c r="U8598" s="2">
        <v>5.2140000000000004</v>
      </c>
      <c r="V8598" s="2">
        <v>4.0839999999999996</v>
      </c>
      <c r="W8598" s="2">
        <v>6.2E-2</v>
      </c>
      <c r="X8598" s="2">
        <v>12</v>
      </c>
      <c r="Y8598" s="2">
        <v>42.5</v>
      </c>
      <c r="Z8598" s="2">
        <v>122.4</v>
      </c>
      <c r="AA8598" s="5">
        <v>20</v>
      </c>
      <c r="AB8598" s="5" t="s">
        <v>43</v>
      </c>
      <c r="AC8598" s="5" t="s">
        <v>44</v>
      </c>
      <c r="AD8598" s="2" t="s">
        <v>26352</v>
      </c>
      <c r="AE8598" s="1"/>
    </row>
    <row r="8599" spans="1:31" ht="14.45">
      <c r="A8599" s="5" t="s">
        <v>116</v>
      </c>
      <c r="B8599" s="21"/>
      <c r="C8599" s="2" t="s">
        <v>26361</v>
      </c>
      <c r="D8599" s="14" t="s">
        <v>26362</v>
      </c>
      <c r="E8599" s="2" t="s">
        <v>26363</v>
      </c>
      <c r="F8599" s="2" t="s">
        <v>26356</v>
      </c>
      <c r="G8599" s="8">
        <v>151</v>
      </c>
      <c r="H8599" s="5">
        <v>5</v>
      </c>
      <c r="I8599" s="5" t="s">
        <v>69</v>
      </c>
      <c r="J8599" s="5" t="s">
        <v>24629</v>
      </c>
      <c r="K8599" s="2" t="s">
        <v>24630</v>
      </c>
      <c r="L8599" s="5" t="s">
        <v>24629</v>
      </c>
      <c r="M8599" s="2" t="s">
        <v>24630</v>
      </c>
      <c r="N8599" s="5" t="s">
        <v>24254</v>
      </c>
      <c r="O8599" s="5" t="s">
        <v>38</v>
      </c>
      <c r="P8599" s="5" t="s">
        <v>39</v>
      </c>
      <c r="Q8599" s="5" t="s">
        <v>40</v>
      </c>
      <c r="R8599" s="5" t="s">
        <v>24335</v>
      </c>
      <c r="S8599" s="5" t="s">
        <v>40</v>
      </c>
      <c r="T8599" s="5" t="s">
        <v>42</v>
      </c>
      <c r="U8599" s="2">
        <v>6.2350000000000003</v>
      </c>
      <c r="V8599" s="2">
        <v>5.2510000000000003</v>
      </c>
      <c r="W8599" s="2">
        <v>6.2E-2</v>
      </c>
      <c r="X8599" s="2">
        <v>12</v>
      </c>
      <c r="Y8599" s="2">
        <v>42.5</v>
      </c>
      <c r="Z8599" s="2">
        <v>122.4</v>
      </c>
      <c r="AA8599" s="5">
        <v>10</v>
      </c>
      <c r="AB8599" s="5" t="s">
        <v>43</v>
      </c>
      <c r="AC8599" s="5" t="s">
        <v>44</v>
      </c>
      <c r="AD8599" s="2" t="s">
        <v>26357</v>
      </c>
      <c r="AE8599" s="1"/>
    </row>
    <row r="8600" spans="1:31" ht="14.45">
      <c r="A8600" s="5" t="s">
        <v>116</v>
      </c>
      <c r="B8600" s="21"/>
      <c r="C8600" s="2" t="s">
        <v>26364</v>
      </c>
      <c r="D8600" s="14" t="s">
        <v>26365</v>
      </c>
      <c r="E8600" s="2" t="s">
        <v>26366</v>
      </c>
      <c r="F8600" s="2" t="s">
        <v>26351</v>
      </c>
      <c r="G8600" s="8">
        <v>115</v>
      </c>
      <c r="H8600" s="5">
        <v>5</v>
      </c>
      <c r="I8600" s="5" t="s">
        <v>69</v>
      </c>
      <c r="J8600" s="5" t="s">
        <v>24629</v>
      </c>
      <c r="K8600" s="2" t="s">
        <v>24630</v>
      </c>
      <c r="L8600" s="5" t="s">
        <v>24629</v>
      </c>
      <c r="M8600" s="2" t="s">
        <v>24630</v>
      </c>
      <c r="N8600" s="5" t="s">
        <v>24254</v>
      </c>
      <c r="O8600" s="5" t="s">
        <v>38</v>
      </c>
      <c r="P8600" s="5" t="s">
        <v>39</v>
      </c>
      <c r="Q8600" s="5" t="s">
        <v>40</v>
      </c>
      <c r="R8600" s="5" t="s">
        <v>24335</v>
      </c>
      <c r="S8600" s="5" t="s">
        <v>40</v>
      </c>
      <c r="T8600" s="5" t="s">
        <v>42</v>
      </c>
      <c r="U8600" s="2">
        <v>5.4329999999999998</v>
      </c>
      <c r="V8600" s="2">
        <v>4.3029999999999999</v>
      </c>
      <c r="W8600" s="2">
        <v>7.3999999999999996E-2</v>
      </c>
      <c r="X8600" s="2">
        <v>12</v>
      </c>
      <c r="Y8600" s="2">
        <v>42.5</v>
      </c>
      <c r="Z8600" s="2">
        <v>144.4</v>
      </c>
      <c r="AA8600" s="5">
        <v>20</v>
      </c>
      <c r="AB8600" s="5" t="s">
        <v>43</v>
      </c>
      <c r="AC8600" s="5" t="s">
        <v>44</v>
      </c>
      <c r="AD8600" s="2" t="s">
        <v>26352</v>
      </c>
      <c r="AE8600" s="1"/>
    </row>
    <row r="8601" spans="1:31" ht="14.45">
      <c r="A8601" s="5" t="s">
        <v>116</v>
      </c>
      <c r="B8601" s="21"/>
      <c r="C8601" s="2" t="s">
        <v>26367</v>
      </c>
      <c r="D8601" s="14" t="s">
        <v>26368</v>
      </c>
      <c r="E8601" s="2" t="s">
        <v>26369</v>
      </c>
      <c r="F8601" s="2" t="s">
        <v>26356</v>
      </c>
      <c r="G8601" s="8">
        <v>157</v>
      </c>
      <c r="H8601" s="5">
        <v>5</v>
      </c>
      <c r="I8601" s="5" t="s">
        <v>69</v>
      </c>
      <c r="J8601" s="5" t="s">
        <v>24629</v>
      </c>
      <c r="K8601" s="2" t="s">
        <v>24630</v>
      </c>
      <c r="L8601" s="5" t="s">
        <v>24629</v>
      </c>
      <c r="M8601" s="2" t="s">
        <v>24630</v>
      </c>
      <c r="N8601" s="5" t="s">
        <v>24254</v>
      </c>
      <c r="O8601" s="5" t="s">
        <v>38</v>
      </c>
      <c r="P8601" s="5" t="s">
        <v>39</v>
      </c>
      <c r="Q8601" s="5" t="s">
        <v>40</v>
      </c>
      <c r="R8601" s="5" t="s">
        <v>24335</v>
      </c>
      <c r="S8601" s="5" t="s">
        <v>40</v>
      </c>
      <c r="T8601" s="5" t="s">
        <v>42</v>
      </c>
      <c r="U8601" s="2">
        <v>7.8330000000000002</v>
      </c>
      <c r="V8601" s="2">
        <v>5.6189999999999998</v>
      </c>
      <c r="W8601" s="2">
        <v>7.3999999999999996E-2</v>
      </c>
      <c r="X8601" s="2">
        <v>12</v>
      </c>
      <c r="Y8601" s="2">
        <v>42.5</v>
      </c>
      <c r="Z8601" s="2">
        <v>144.4</v>
      </c>
      <c r="AA8601" s="5">
        <v>10</v>
      </c>
      <c r="AB8601" s="5" t="s">
        <v>43</v>
      </c>
      <c r="AC8601" s="5" t="s">
        <v>44</v>
      </c>
      <c r="AD8601" s="2" t="s">
        <v>26357</v>
      </c>
      <c r="AE8601" s="1"/>
    </row>
    <row r="8602" spans="1:31" ht="14.45">
      <c r="A8602" s="5" t="s">
        <v>116</v>
      </c>
      <c r="B8602" s="21"/>
      <c r="C8602" s="2" t="s">
        <v>26370</v>
      </c>
      <c r="D8602" s="14" t="s">
        <v>26371</v>
      </c>
      <c r="E8602" s="2" t="s">
        <v>26372</v>
      </c>
      <c r="F8602" s="2" t="s">
        <v>26351</v>
      </c>
      <c r="G8602" s="8">
        <v>115</v>
      </c>
      <c r="H8602" s="5">
        <v>5</v>
      </c>
      <c r="I8602" s="5" t="s">
        <v>69</v>
      </c>
      <c r="J8602" s="5" t="s">
        <v>24629</v>
      </c>
      <c r="K8602" s="2" t="s">
        <v>24630</v>
      </c>
      <c r="L8602" s="5" t="s">
        <v>24629</v>
      </c>
      <c r="M8602" s="2" t="s">
        <v>24630</v>
      </c>
      <c r="N8602" s="5" t="s">
        <v>24254</v>
      </c>
      <c r="O8602" s="5" t="s">
        <v>38</v>
      </c>
      <c r="P8602" s="5" t="s">
        <v>39</v>
      </c>
      <c r="Q8602" s="5" t="s">
        <v>40</v>
      </c>
      <c r="R8602" s="5" t="s">
        <v>24335</v>
      </c>
      <c r="S8602" s="5" t="s">
        <v>40</v>
      </c>
      <c r="T8602" s="5" t="s">
        <v>42</v>
      </c>
      <c r="U8602" s="2">
        <v>5.423</v>
      </c>
      <c r="V8602" s="2">
        <v>4.24</v>
      </c>
      <c r="W8602" s="2">
        <v>7.3999999999999996E-2</v>
      </c>
      <c r="X8602" s="2">
        <v>12</v>
      </c>
      <c r="Y8602" s="2">
        <v>42.5</v>
      </c>
      <c r="Z8602" s="2">
        <v>144.4</v>
      </c>
      <c r="AA8602" s="5">
        <v>20</v>
      </c>
      <c r="AB8602" s="5" t="s">
        <v>43</v>
      </c>
      <c r="AC8602" s="5" t="s">
        <v>44</v>
      </c>
      <c r="AD8602" s="2" t="s">
        <v>26352</v>
      </c>
      <c r="AE8602" s="1"/>
    </row>
    <row r="8603" spans="1:31" ht="14.45">
      <c r="A8603" s="5" t="s">
        <v>116</v>
      </c>
      <c r="B8603" s="21"/>
      <c r="C8603" s="2" t="s">
        <v>26373</v>
      </c>
      <c r="D8603" s="14" t="s">
        <v>26374</v>
      </c>
      <c r="E8603" s="2" t="s">
        <v>26375</v>
      </c>
      <c r="F8603" s="2" t="s">
        <v>26356</v>
      </c>
      <c r="G8603" s="8">
        <v>157</v>
      </c>
      <c r="H8603" s="5">
        <v>5</v>
      </c>
      <c r="I8603" s="5" t="s">
        <v>69</v>
      </c>
      <c r="J8603" s="5" t="s">
        <v>24629</v>
      </c>
      <c r="K8603" s="2" t="s">
        <v>24630</v>
      </c>
      <c r="L8603" s="5" t="s">
        <v>24629</v>
      </c>
      <c r="M8603" s="2" t="s">
        <v>24630</v>
      </c>
      <c r="N8603" s="5" t="s">
        <v>24254</v>
      </c>
      <c r="O8603" s="5" t="s">
        <v>38</v>
      </c>
      <c r="P8603" s="5" t="s">
        <v>39</v>
      </c>
      <c r="Q8603" s="5" t="s">
        <v>40</v>
      </c>
      <c r="R8603" s="5" t="s">
        <v>24335</v>
      </c>
      <c r="S8603" s="5" t="s">
        <v>40</v>
      </c>
      <c r="T8603" s="5" t="s">
        <v>42</v>
      </c>
      <c r="U8603" s="2">
        <v>6.6159999999999997</v>
      </c>
      <c r="V8603" s="2">
        <v>5.4859999999999998</v>
      </c>
      <c r="W8603" s="2">
        <v>7.3999999999999996E-2</v>
      </c>
      <c r="X8603" s="2">
        <v>12</v>
      </c>
      <c r="Y8603" s="2">
        <v>42.5</v>
      </c>
      <c r="Z8603" s="2">
        <v>144.4</v>
      </c>
      <c r="AA8603" s="5">
        <v>10</v>
      </c>
      <c r="AB8603" s="5" t="s">
        <v>43</v>
      </c>
      <c r="AC8603" s="5" t="s">
        <v>44</v>
      </c>
      <c r="AD8603" s="2" t="s">
        <v>26357</v>
      </c>
      <c r="AE8603" s="1"/>
    </row>
    <row r="8604" spans="1:31" ht="14.45">
      <c r="A8604" s="5" t="s">
        <v>116</v>
      </c>
      <c r="B8604" s="21"/>
      <c r="C8604" s="2" t="s">
        <v>26376</v>
      </c>
      <c r="D8604" s="14" t="s">
        <v>26377</v>
      </c>
      <c r="E8604" s="2" t="s">
        <v>26378</v>
      </c>
      <c r="F8604" s="2" t="s">
        <v>26351</v>
      </c>
      <c r="G8604" s="8">
        <v>125</v>
      </c>
      <c r="H8604" s="5">
        <v>5</v>
      </c>
      <c r="I8604" s="5" t="s">
        <v>69</v>
      </c>
      <c r="J8604" s="5" t="s">
        <v>24629</v>
      </c>
      <c r="K8604" s="2" t="s">
        <v>24630</v>
      </c>
      <c r="L8604" s="5" t="s">
        <v>24629</v>
      </c>
      <c r="M8604" s="2" t="s">
        <v>24630</v>
      </c>
      <c r="N8604" s="5" t="s">
        <v>24254</v>
      </c>
      <c r="O8604" s="5" t="s">
        <v>38</v>
      </c>
      <c r="P8604" s="5" t="s">
        <v>39</v>
      </c>
      <c r="Q8604" s="5" t="s">
        <v>40</v>
      </c>
      <c r="R8604" s="5" t="s">
        <v>24335</v>
      </c>
      <c r="S8604" s="5" t="s">
        <v>40</v>
      </c>
      <c r="T8604" s="5" t="s">
        <v>42</v>
      </c>
      <c r="U8604" s="2">
        <v>5.62</v>
      </c>
      <c r="V8604" s="2">
        <v>4.49</v>
      </c>
      <c r="W8604" s="2">
        <v>7.3999999999999996E-2</v>
      </c>
      <c r="X8604" s="2">
        <v>12</v>
      </c>
      <c r="Y8604" s="2">
        <v>42.5</v>
      </c>
      <c r="Z8604" s="2">
        <v>144.4</v>
      </c>
      <c r="AA8604" s="5">
        <v>20</v>
      </c>
      <c r="AB8604" s="5" t="s">
        <v>43</v>
      </c>
      <c r="AC8604" s="5" t="s">
        <v>44</v>
      </c>
      <c r="AD8604" s="2" t="s">
        <v>26352</v>
      </c>
      <c r="AE8604" s="1"/>
    </row>
    <row r="8605" spans="1:31" ht="14.45">
      <c r="A8605" s="5" t="s">
        <v>116</v>
      </c>
      <c r="B8605" s="21"/>
      <c r="C8605" s="2" t="s">
        <v>26379</v>
      </c>
      <c r="D8605" s="14" t="s">
        <v>26380</v>
      </c>
      <c r="E8605" s="2" t="s">
        <v>26381</v>
      </c>
      <c r="F8605" s="2" t="s">
        <v>26356</v>
      </c>
      <c r="G8605" s="8">
        <v>171</v>
      </c>
      <c r="H8605" s="5">
        <v>5</v>
      </c>
      <c r="I8605" s="5" t="s">
        <v>69</v>
      </c>
      <c r="J8605" s="5" t="s">
        <v>24629</v>
      </c>
      <c r="K8605" s="2" t="s">
        <v>24630</v>
      </c>
      <c r="L8605" s="5" t="s">
        <v>24629</v>
      </c>
      <c r="M8605" s="2" t="s">
        <v>24630</v>
      </c>
      <c r="N8605" s="5" t="s">
        <v>24254</v>
      </c>
      <c r="O8605" s="5" t="s">
        <v>38</v>
      </c>
      <c r="P8605" s="5" t="s">
        <v>39</v>
      </c>
      <c r="Q8605" s="5" t="s">
        <v>40</v>
      </c>
      <c r="R8605" s="5" t="s">
        <v>24335</v>
      </c>
      <c r="S8605" s="5" t="s">
        <v>40</v>
      </c>
      <c r="T8605" s="5" t="s">
        <v>42</v>
      </c>
      <c r="U8605" s="2">
        <v>6.984</v>
      </c>
      <c r="V8605" s="2">
        <v>5.8540000000000001</v>
      </c>
      <c r="W8605" s="2">
        <v>7.3999999999999996E-2</v>
      </c>
      <c r="X8605" s="2">
        <v>12</v>
      </c>
      <c r="Y8605" s="2">
        <v>42.5</v>
      </c>
      <c r="Z8605" s="2">
        <v>144.4</v>
      </c>
      <c r="AA8605" s="5">
        <v>10</v>
      </c>
      <c r="AB8605" s="5" t="s">
        <v>43</v>
      </c>
      <c r="AC8605" s="5" t="s">
        <v>44</v>
      </c>
      <c r="AD8605" s="2" t="s">
        <v>26357</v>
      </c>
      <c r="AE8605" s="1"/>
    </row>
    <row r="8606" spans="1:31" ht="14.45">
      <c r="A8606" s="5" t="s">
        <v>116</v>
      </c>
      <c r="B8606" s="21"/>
      <c r="C8606" s="2" t="s">
        <v>26382</v>
      </c>
      <c r="D8606" s="14" t="s">
        <v>26383</v>
      </c>
      <c r="E8606" s="2" t="s">
        <v>26384</v>
      </c>
      <c r="F8606" s="2" t="s">
        <v>26351</v>
      </c>
      <c r="G8606" s="8">
        <v>129</v>
      </c>
      <c r="H8606" s="5">
        <v>5</v>
      </c>
      <c r="I8606" s="5" t="s">
        <v>69</v>
      </c>
      <c r="J8606" s="5" t="s">
        <v>24629</v>
      </c>
      <c r="K8606" s="2" t="s">
        <v>24630</v>
      </c>
      <c r="L8606" s="5" t="s">
        <v>24629</v>
      </c>
      <c r="M8606" s="2" t="s">
        <v>24630</v>
      </c>
      <c r="N8606" s="5" t="s">
        <v>24254</v>
      </c>
      <c r="O8606" s="5" t="s">
        <v>38</v>
      </c>
      <c r="P8606" s="5" t="s">
        <v>39</v>
      </c>
      <c r="Q8606" s="5" t="s">
        <v>40</v>
      </c>
      <c r="R8606" s="5" t="s">
        <v>24335</v>
      </c>
      <c r="S8606" s="5" t="s">
        <v>40</v>
      </c>
      <c r="T8606" s="5" t="s">
        <v>42</v>
      </c>
      <c r="U8606" s="2">
        <v>5.88</v>
      </c>
      <c r="V8606" s="2">
        <v>4.6970000000000001</v>
      </c>
      <c r="W8606" s="2">
        <v>7.8E-2</v>
      </c>
      <c r="X8606" s="2">
        <v>12</v>
      </c>
      <c r="Y8606" s="2">
        <v>42.5</v>
      </c>
      <c r="Z8606" s="2">
        <v>152.4</v>
      </c>
      <c r="AA8606" s="5">
        <v>20</v>
      </c>
      <c r="AB8606" s="5" t="s">
        <v>43</v>
      </c>
      <c r="AC8606" s="5" t="s">
        <v>44</v>
      </c>
      <c r="AD8606" s="2" t="s">
        <v>26352</v>
      </c>
      <c r="AE8606" s="1"/>
    </row>
    <row r="8607" spans="1:31" ht="14.45">
      <c r="A8607" s="5" t="s">
        <v>116</v>
      </c>
      <c r="B8607" s="21"/>
      <c r="C8607" s="2" t="s">
        <v>26385</v>
      </c>
      <c r="D8607" s="14" t="s">
        <v>26386</v>
      </c>
      <c r="E8607" s="2" t="s">
        <v>26387</v>
      </c>
      <c r="F8607" s="2" t="s">
        <v>26356</v>
      </c>
      <c r="G8607" s="8">
        <v>176</v>
      </c>
      <c r="H8607" s="5">
        <v>5</v>
      </c>
      <c r="I8607" s="5" t="s">
        <v>69</v>
      </c>
      <c r="J8607" s="5" t="s">
        <v>24629</v>
      </c>
      <c r="K8607" s="2" t="s">
        <v>24630</v>
      </c>
      <c r="L8607" s="5" t="s">
        <v>24629</v>
      </c>
      <c r="M8607" s="2" t="s">
        <v>24630</v>
      </c>
      <c r="N8607" s="5" t="s">
        <v>24254</v>
      </c>
      <c r="O8607" s="5" t="s">
        <v>38</v>
      </c>
      <c r="P8607" s="5" t="s">
        <v>39</v>
      </c>
      <c r="Q8607" s="5" t="s">
        <v>40</v>
      </c>
      <c r="R8607" s="5" t="s">
        <v>24335</v>
      </c>
      <c r="S8607" s="5" t="s">
        <v>40</v>
      </c>
      <c r="T8607" s="5" t="s">
        <v>42</v>
      </c>
      <c r="U8607" s="2">
        <v>7.4359999999999999</v>
      </c>
      <c r="V8607" s="2">
        <v>6.2530000000000001</v>
      </c>
      <c r="W8607" s="2">
        <v>7.8E-2</v>
      </c>
      <c r="X8607" s="2">
        <v>12</v>
      </c>
      <c r="Y8607" s="2">
        <v>42.5</v>
      </c>
      <c r="Z8607" s="2">
        <v>152.4</v>
      </c>
      <c r="AA8607" s="5">
        <v>10</v>
      </c>
      <c r="AB8607" s="5" t="s">
        <v>43</v>
      </c>
      <c r="AC8607" s="5" t="s">
        <v>44</v>
      </c>
      <c r="AD8607" s="2" t="s">
        <v>26357</v>
      </c>
      <c r="AE8607" s="1"/>
    </row>
    <row r="8608" spans="1:31" ht="14.45">
      <c r="A8608" s="5" t="s">
        <v>116</v>
      </c>
      <c r="B8608" s="21"/>
      <c r="C8608" s="2" t="s">
        <v>26388</v>
      </c>
      <c r="D8608" s="14" t="s">
        <v>26389</v>
      </c>
      <c r="E8608" s="2" t="s">
        <v>26390</v>
      </c>
      <c r="F8608" s="2" t="s">
        <v>26351</v>
      </c>
      <c r="G8608" s="8">
        <v>123</v>
      </c>
      <c r="H8608" s="5">
        <v>5</v>
      </c>
      <c r="I8608" s="5" t="s">
        <v>69</v>
      </c>
      <c r="J8608" s="5" t="s">
        <v>24629</v>
      </c>
      <c r="K8608" s="2" t="s">
        <v>24630</v>
      </c>
      <c r="L8608" s="5" t="s">
        <v>24629</v>
      </c>
      <c r="M8608" s="2" t="s">
        <v>24630</v>
      </c>
      <c r="N8608" s="5" t="s">
        <v>24254</v>
      </c>
      <c r="O8608" s="5" t="s">
        <v>38</v>
      </c>
      <c r="P8608" s="5" t="s">
        <v>39</v>
      </c>
      <c r="Q8608" s="5" t="s">
        <v>40</v>
      </c>
      <c r="R8608" s="5" t="s">
        <v>24335</v>
      </c>
      <c r="S8608" s="5" t="s">
        <v>40</v>
      </c>
      <c r="T8608" s="5" t="s">
        <v>42</v>
      </c>
      <c r="U8608" s="2">
        <v>6.069</v>
      </c>
      <c r="V8608" s="2">
        <v>4.6429999999999998</v>
      </c>
      <c r="W8608" s="2">
        <v>7.3999999999999996E-2</v>
      </c>
      <c r="X8608" s="2">
        <v>12</v>
      </c>
      <c r="Y8608" s="2">
        <v>42.5</v>
      </c>
      <c r="Z8608" s="2">
        <v>144.4</v>
      </c>
      <c r="AA8608" s="5">
        <v>20</v>
      </c>
      <c r="AB8608" s="5" t="s">
        <v>43</v>
      </c>
      <c r="AC8608" s="5" t="s">
        <v>44</v>
      </c>
      <c r="AD8608" s="2" t="s">
        <v>26352</v>
      </c>
      <c r="AE8608" s="1"/>
    </row>
    <row r="8609" spans="1:31" ht="14.45">
      <c r="A8609" s="5" t="s">
        <v>116</v>
      </c>
      <c r="B8609" s="21"/>
      <c r="C8609" s="2" t="s">
        <v>26391</v>
      </c>
      <c r="D8609" s="14" t="s">
        <v>26392</v>
      </c>
      <c r="E8609" s="2" t="s">
        <v>26393</v>
      </c>
      <c r="F8609" s="2" t="s">
        <v>26356</v>
      </c>
      <c r="G8609" s="8">
        <v>167</v>
      </c>
      <c r="H8609" s="5">
        <v>5</v>
      </c>
      <c r="I8609" s="5" t="s">
        <v>69</v>
      </c>
      <c r="J8609" s="5" t="s">
        <v>24629</v>
      </c>
      <c r="K8609" s="2" t="s">
        <v>24630</v>
      </c>
      <c r="L8609" s="5" t="s">
        <v>24629</v>
      </c>
      <c r="M8609" s="2" t="s">
        <v>24630</v>
      </c>
      <c r="N8609" s="5" t="s">
        <v>24254</v>
      </c>
      <c r="O8609" s="5" t="s">
        <v>38</v>
      </c>
      <c r="P8609" s="5" t="s">
        <v>39</v>
      </c>
      <c r="Q8609" s="5" t="s">
        <v>40</v>
      </c>
      <c r="R8609" s="5" t="s">
        <v>24335</v>
      </c>
      <c r="S8609" s="5" t="s">
        <v>40</v>
      </c>
      <c r="T8609" s="5" t="s">
        <v>42</v>
      </c>
      <c r="U8609" s="2">
        <v>7.101</v>
      </c>
      <c r="V8609" s="2">
        <v>5.9710000000000001</v>
      </c>
      <c r="W8609" s="2">
        <v>7.3999999999999996E-2</v>
      </c>
      <c r="X8609" s="2">
        <v>12</v>
      </c>
      <c r="Y8609" s="2">
        <v>42.5</v>
      </c>
      <c r="Z8609" s="2">
        <v>144.4</v>
      </c>
      <c r="AA8609" s="5">
        <v>10</v>
      </c>
      <c r="AB8609" s="5" t="s">
        <v>43</v>
      </c>
      <c r="AC8609" s="5" t="s">
        <v>44</v>
      </c>
      <c r="AD8609" s="2" t="s">
        <v>26357</v>
      </c>
      <c r="AE8609" s="1"/>
    </row>
    <row r="8610" spans="1:31" ht="14.45">
      <c r="A8610" s="5" t="s">
        <v>116</v>
      </c>
      <c r="B8610" s="21"/>
      <c r="C8610" s="2" t="s">
        <v>26394</v>
      </c>
      <c r="D8610" s="14" t="s">
        <v>26395</v>
      </c>
      <c r="E8610" s="2" t="s">
        <v>26396</v>
      </c>
      <c r="F8610" s="2" t="s">
        <v>26351</v>
      </c>
      <c r="G8610" s="8">
        <v>129</v>
      </c>
      <c r="H8610" s="5">
        <v>5</v>
      </c>
      <c r="I8610" s="5" t="s">
        <v>69</v>
      </c>
      <c r="J8610" s="5" t="s">
        <v>24629</v>
      </c>
      <c r="K8610" s="2" t="s">
        <v>24630</v>
      </c>
      <c r="L8610" s="5" t="s">
        <v>24629</v>
      </c>
      <c r="M8610" s="2" t="s">
        <v>24630</v>
      </c>
      <c r="N8610" s="5" t="s">
        <v>24254</v>
      </c>
      <c r="O8610" s="5" t="s">
        <v>38</v>
      </c>
      <c r="P8610" s="5" t="s">
        <v>39</v>
      </c>
      <c r="Q8610" s="5" t="s">
        <v>40</v>
      </c>
      <c r="R8610" s="5" t="s">
        <v>24335</v>
      </c>
      <c r="S8610" s="5" t="s">
        <v>40</v>
      </c>
      <c r="T8610" s="5" t="s">
        <v>42</v>
      </c>
      <c r="U8610" s="2">
        <v>6.0279999999999996</v>
      </c>
      <c r="V8610" s="2">
        <v>4.8979999999999997</v>
      </c>
      <c r="W8610" s="2">
        <v>7.3999999999999996E-2</v>
      </c>
      <c r="X8610" s="2">
        <v>12</v>
      </c>
      <c r="Y8610" s="2">
        <v>42.5</v>
      </c>
      <c r="Z8610" s="2">
        <v>144.4</v>
      </c>
      <c r="AA8610" s="5">
        <v>20</v>
      </c>
      <c r="AB8610" s="5" t="s">
        <v>43</v>
      </c>
      <c r="AC8610" s="5" t="s">
        <v>44</v>
      </c>
      <c r="AD8610" s="2" t="s">
        <v>26352</v>
      </c>
      <c r="AE8610" s="1"/>
    </row>
    <row r="8611" spans="1:31" ht="14.45">
      <c r="A8611" s="5" t="s">
        <v>116</v>
      </c>
      <c r="B8611" s="21"/>
      <c r="C8611" s="2" t="s">
        <v>26397</v>
      </c>
      <c r="D8611" s="14" t="s">
        <v>26398</v>
      </c>
      <c r="E8611" s="2" t="s">
        <v>26399</v>
      </c>
      <c r="F8611" s="2" t="s">
        <v>26356</v>
      </c>
      <c r="G8611" s="8">
        <v>176</v>
      </c>
      <c r="H8611" s="5">
        <v>5</v>
      </c>
      <c r="I8611" s="5" t="s">
        <v>69</v>
      </c>
      <c r="J8611" s="5" t="s">
        <v>24629</v>
      </c>
      <c r="K8611" s="2" t="s">
        <v>24630</v>
      </c>
      <c r="L8611" s="5" t="s">
        <v>24629</v>
      </c>
      <c r="M8611" s="2" t="s">
        <v>24630</v>
      </c>
      <c r="N8611" s="5" t="s">
        <v>24254</v>
      </c>
      <c r="O8611" s="5" t="s">
        <v>38</v>
      </c>
      <c r="P8611" s="5" t="s">
        <v>39</v>
      </c>
      <c r="Q8611" s="5" t="s">
        <v>40</v>
      </c>
      <c r="R8611" s="5" t="s">
        <v>24335</v>
      </c>
      <c r="S8611" s="5" t="s">
        <v>40</v>
      </c>
      <c r="T8611" s="5" t="s">
        <v>42</v>
      </c>
      <c r="U8611" s="2">
        <v>7.4740000000000002</v>
      </c>
      <c r="V8611" s="2">
        <v>6.3440000000000003</v>
      </c>
      <c r="W8611" s="2">
        <v>7.3999999999999996E-2</v>
      </c>
      <c r="X8611" s="2">
        <v>12</v>
      </c>
      <c r="Y8611" s="2">
        <v>42.5</v>
      </c>
      <c r="Z8611" s="2">
        <v>144.4</v>
      </c>
      <c r="AA8611" s="5">
        <v>10</v>
      </c>
      <c r="AB8611" s="5" t="s">
        <v>43</v>
      </c>
      <c r="AC8611" s="5" t="s">
        <v>44</v>
      </c>
      <c r="AD8611" s="2" t="s">
        <v>26357</v>
      </c>
      <c r="AE8611" s="1"/>
    </row>
    <row r="8612" spans="1:31" ht="14.45">
      <c r="A8612" s="5" t="s">
        <v>116</v>
      </c>
      <c r="B8612" s="21"/>
      <c r="C8612" s="2" t="s">
        <v>26400</v>
      </c>
      <c r="D8612" s="14" t="s">
        <v>26401</v>
      </c>
      <c r="E8612" s="2" t="s">
        <v>26402</v>
      </c>
      <c r="F8612" s="2" t="s">
        <v>26351</v>
      </c>
      <c r="G8612" s="8">
        <v>136</v>
      </c>
      <c r="H8612" s="5">
        <v>5</v>
      </c>
      <c r="I8612" s="5" t="s">
        <v>69</v>
      </c>
      <c r="J8612" s="5" t="s">
        <v>24629</v>
      </c>
      <c r="K8612" s="2" t="s">
        <v>24630</v>
      </c>
      <c r="L8612" s="5" t="s">
        <v>24629</v>
      </c>
      <c r="M8612" s="2" t="s">
        <v>24630</v>
      </c>
      <c r="N8612" s="5" t="s">
        <v>24254</v>
      </c>
      <c r="O8612" s="5" t="s">
        <v>38</v>
      </c>
      <c r="P8612" s="5" t="s">
        <v>39</v>
      </c>
      <c r="Q8612" s="5" t="s">
        <v>40</v>
      </c>
      <c r="R8612" s="5" t="s">
        <v>24335</v>
      </c>
      <c r="S8612" s="5" t="s">
        <v>40</v>
      </c>
      <c r="T8612" s="5" t="s">
        <v>42</v>
      </c>
      <c r="U8612" s="2">
        <v>6.3140000000000001</v>
      </c>
      <c r="V8612" s="2">
        <v>5.1310000000000002</v>
      </c>
      <c r="W8612" s="2">
        <v>7.8E-2</v>
      </c>
      <c r="X8612" s="2">
        <v>12</v>
      </c>
      <c r="Y8612" s="2">
        <v>42.5</v>
      </c>
      <c r="Z8612" s="2">
        <v>152.4</v>
      </c>
      <c r="AA8612" s="5">
        <v>20</v>
      </c>
      <c r="AB8612" s="5" t="s">
        <v>43</v>
      </c>
      <c r="AC8612" s="5" t="s">
        <v>44</v>
      </c>
      <c r="AD8612" s="2" t="s">
        <v>26352</v>
      </c>
      <c r="AE8612" s="1"/>
    </row>
    <row r="8613" spans="1:31" ht="14.45">
      <c r="A8613" s="5" t="s">
        <v>116</v>
      </c>
      <c r="B8613" s="21"/>
      <c r="C8613" s="2" t="s">
        <v>26403</v>
      </c>
      <c r="D8613" s="14" t="s">
        <v>26404</v>
      </c>
      <c r="E8613" s="2" t="s">
        <v>26405</v>
      </c>
      <c r="F8613" s="2" t="s">
        <v>26356</v>
      </c>
      <c r="G8613" s="8">
        <v>185</v>
      </c>
      <c r="H8613" s="5">
        <v>5</v>
      </c>
      <c r="I8613" s="5" t="s">
        <v>69</v>
      </c>
      <c r="J8613" s="5" t="s">
        <v>24629</v>
      </c>
      <c r="K8613" s="2" t="s">
        <v>24630</v>
      </c>
      <c r="L8613" s="5" t="s">
        <v>24629</v>
      </c>
      <c r="M8613" s="2" t="s">
        <v>24630</v>
      </c>
      <c r="N8613" s="5" t="s">
        <v>24254</v>
      </c>
      <c r="O8613" s="5" t="s">
        <v>38</v>
      </c>
      <c r="P8613" s="5" t="s">
        <v>39</v>
      </c>
      <c r="Q8613" s="5" t="s">
        <v>40</v>
      </c>
      <c r="R8613" s="5" t="s">
        <v>24335</v>
      </c>
      <c r="S8613" s="5" t="s">
        <v>40</v>
      </c>
      <c r="T8613" s="5" t="s">
        <v>42</v>
      </c>
      <c r="U8613" s="2">
        <v>7.9219999999999997</v>
      </c>
      <c r="V8613" s="2">
        <v>6.7389999999999999</v>
      </c>
      <c r="W8613" s="2">
        <v>7.8E-2</v>
      </c>
      <c r="X8613" s="2">
        <v>12</v>
      </c>
      <c r="Y8613" s="2">
        <v>42.5</v>
      </c>
      <c r="Z8613" s="2">
        <v>152.4</v>
      </c>
      <c r="AA8613" s="5">
        <v>10</v>
      </c>
      <c r="AB8613" s="5" t="s">
        <v>43</v>
      </c>
      <c r="AC8613" s="5" t="s">
        <v>44</v>
      </c>
      <c r="AD8613" s="2" t="s">
        <v>26357</v>
      </c>
      <c r="AE8613" s="1"/>
    </row>
    <row r="8614" spans="1:31" ht="14.45">
      <c r="A8614" s="5" t="s">
        <v>116</v>
      </c>
      <c r="B8614" s="21"/>
      <c r="C8614" s="2" t="s">
        <v>26406</v>
      </c>
      <c r="D8614" s="14" t="s">
        <v>26407</v>
      </c>
      <c r="E8614" s="2" t="s">
        <v>26408</v>
      </c>
      <c r="F8614" s="2" t="s">
        <v>26351</v>
      </c>
      <c r="G8614" s="8">
        <v>155</v>
      </c>
      <c r="H8614" s="5">
        <v>5</v>
      </c>
      <c r="I8614" s="5" t="s">
        <v>69</v>
      </c>
      <c r="J8614" s="5" t="s">
        <v>24629</v>
      </c>
      <c r="K8614" s="2" t="s">
        <v>24630</v>
      </c>
      <c r="L8614" s="5" t="s">
        <v>24629</v>
      </c>
      <c r="M8614" s="2" t="s">
        <v>24630</v>
      </c>
      <c r="N8614" s="5" t="s">
        <v>24254</v>
      </c>
      <c r="O8614" s="5" t="s">
        <v>38</v>
      </c>
      <c r="P8614" s="5" t="s">
        <v>39</v>
      </c>
      <c r="Q8614" s="5" t="s">
        <v>40</v>
      </c>
      <c r="R8614" s="5" t="s">
        <v>24335</v>
      </c>
      <c r="S8614" s="5" t="s">
        <v>40</v>
      </c>
      <c r="T8614" s="5" t="s">
        <v>42</v>
      </c>
      <c r="U8614" s="2">
        <v>6.7750000000000004</v>
      </c>
      <c r="V8614" s="2">
        <v>5.3490000000000002</v>
      </c>
      <c r="W8614" s="2">
        <v>9.6000000000000002E-2</v>
      </c>
      <c r="X8614" s="2">
        <v>12</v>
      </c>
      <c r="Y8614" s="2">
        <v>42.5</v>
      </c>
      <c r="Z8614" s="2">
        <v>188.9</v>
      </c>
      <c r="AA8614" s="5">
        <v>20</v>
      </c>
      <c r="AB8614" s="5" t="s">
        <v>43</v>
      </c>
      <c r="AC8614" s="5" t="s">
        <v>44</v>
      </c>
      <c r="AD8614" s="2" t="s">
        <v>26352</v>
      </c>
      <c r="AE8614" s="1"/>
    </row>
    <row r="8615" spans="1:31" ht="14.45">
      <c r="A8615" s="5" t="s">
        <v>116</v>
      </c>
      <c r="B8615" s="21"/>
      <c r="C8615" s="2" t="s">
        <v>26409</v>
      </c>
      <c r="D8615" s="14" t="s">
        <v>26410</v>
      </c>
      <c r="E8615" s="2" t="s">
        <v>26411</v>
      </c>
      <c r="F8615" s="2" t="s">
        <v>26356</v>
      </c>
      <c r="G8615" s="8">
        <v>211</v>
      </c>
      <c r="H8615" s="5">
        <v>5</v>
      </c>
      <c r="I8615" s="5" t="s">
        <v>69</v>
      </c>
      <c r="J8615" s="5" t="s">
        <v>24629</v>
      </c>
      <c r="K8615" s="2" t="s">
        <v>24630</v>
      </c>
      <c r="L8615" s="5" t="s">
        <v>24629</v>
      </c>
      <c r="M8615" s="2" t="s">
        <v>24630</v>
      </c>
      <c r="N8615" s="5" t="s">
        <v>24254</v>
      </c>
      <c r="O8615" s="5" t="s">
        <v>38</v>
      </c>
      <c r="P8615" s="5" t="s">
        <v>39</v>
      </c>
      <c r="Q8615" s="5" t="s">
        <v>40</v>
      </c>
      <c r="R8615" s="5" t="s">
        <v>24335</v>
      </c>
      <c r="S8615" s="5" t="s">
        <v>40</v>
      </c>
      <c r="T8615" s="5" t="s">
        <v>42</v>
      </c>
      <c r="U8615" s="2">
        <v>8.5350000000000001</v>
      </c>
      <c r="V8615" s="2">
        <v>7.109</v>
      </c>
      <c r="W8615" s="2">
        <v>9.6000000000000002E-2</v>
      </c>
      <c r="X8615" s="2">
        <v>12</v>
      </c>
      <c r="Y8615" s="2">
        <v>42.5</v>
      </c>
      <c r="Z8615" s="2">
        <v>188.9</v>
      </c>
      <c r="AA8615" s="5">
        <v>10</v>
      </c>
      <c r="AB8615" s="5" t="s">
        <v>43</v>
      </c>
      <c r="AC8615" s="5" t="s">
        <v>44</v>
      </c>
      <c r="AD8615" s="2" t="s">
        <v>26357</v>
      </c>
      <c r="AE8615" s="1"/>
    </row>
    <row r="8616" spans="1:31" ht="14.45">
      <c r="A8616" s="5" t="s">
        <v>116</v>
      </c>
      <c r="B8616" s="21"/>
      <c r="C8616" s="2" t="s">
        <v>26412</v>
      </c>
      <c r="D8616" s="14" t="s">
        <v>26413</v>
      </c>
      <c r="E8616" s="2" t="s">
        <v>26414</v>
      </c>
      <c r="F8616" s="2" t="s">
        <v>26351</v>
      </c>
      <c r="G8616" s="8">
        <v>158</v>
      </c>
      <c r="H8616" s="5">
        <v>5</v>
      </c>
      <c r="I8616" s="5" t="s">
        <v>69</v>
      </c>
      <c r="J8616" s="5" t="s">
        <v>24629</v>
      </c>
      <c r="K8616" s="2" t="s">
        <v>24630</v>
      </c>
      <c r="L8616" s="5" t="s">
        <v>24629</v>
      </c>
      <c r="M8616" s="2" t="s">
        <v>24630</v>
      </c>
      <c r="N8616" s="5" t="s">
        <v>24254</v>
      </c>
      <c r="O8616" s="5" t="s">
        <v>38</v>
      </c>
      <c r="P8616" s="5" t="s">
        <v>39</v>
      </c>
      <c r="Q8616" s="5" t="s">
        <v>40</v>
      </c>
      <c r="R8616" s="5" t="s">
        <v>24335</v>
      </c>
      <c r="S8616" s="5" t="s">
        <v>40</v>
      </c>
      <c r="T8616" s="5" t="s">
        <v>42</v>
      </c>
      <c r="U8616" s="2">
        <v>6.9550000000000001</v>
      </c>
      <c r="V8616" s="2">
        <v>5.5289999999999999</v>
      </c>
      <c r="W8616" s="2">
        <v>9.6000000000000002E-2</v>
      </c>
      <c r="X8616" s="2">
        <v>12</v>
      </c>
      <c r="Y8616" s="2">
        <v>42.5</v>
      </c>
      <c r="Z8616" s="2">
        <v>188.9</v>
      </c>
      <c r="AA8616" s="5">
        <v>20</v>
      </c>
      <c r="AB8616" s="5" t="s">
        <v>43</v>
      </c>
      <c r="AC8616" s="5" t="s">
        <v>44</v>
      </c>
      <c r="AD8616" s="2" t="s">
        <v>26352</v>
      </c>
      <c r="AE8616" s="1"/>
    </row>
    <row r="8617" spans="1:31" ht="14.45">
      <c r="A8617" s="5" t="s">
        <v>116</v>
      </c>
      <c r="B8617" s="21"/>
      <c r="C8617" s="2" t="s">
        <v>26415</v>
      </c>
      <c r="D8617" s="14" t="s">
        <v>26416</v>
      </c>
      <c r="E8617" s="2" t="s">
        <v>26417</v>
      </c>
      <c r="F8617" s="2" t="s">
        <v>26356</v>
      </c>
      <c r="G8617" s="8">
        <v>215</v>
      </c>
      <c r="H8617" s="5">
        <v>5</v>
      </c>
      <c r="I8617" s="5" t="s">
        <v>69</v>
      </c>
      <c r="J8617" s="5" t="s">
        <v>24629</v>
      </c>
      <c r="K8617" s="2" t="s">
        <v>24630</v>
      </c>
      <c r="L8617" s="5" t="s">
        <v>24629</v>
      </c>
      <c r="M8617" s="2" t="s">
        <v>24630</v>
      </c>
      <c r="N8617" s="5" t="s">
        <v>24254</v>
      </c>
      <c r="O8617" s="5" t="s">
        <v>38</v>
      </c>
      <c r="P8617" s="5" t="s">
        <v>39</v>
      </c>
      <c r="Q8617" s="5" t="s">
        <v>40</v>
      </c>
      <c r="R8617" s="5" t="s">
        <v>24335</v>
      </c>
      <c r="S8617" s="5" t="s">
        <v>40</v>
      </c>
      <c r="T8617" s="5" t="s">
        <v>42</v>
      </c>
      <c r="U8617" s="2">
        <v>10.744999999999999</v>
      </c>
      <c r="V8617" s="2">
        <v>7.4630000000000001</v>
      </c>
      <c r="W8617" s="2">
        <v>9.6000000000000002E-2</v>
      </c>
      <c r="X8617" s="2">
        <v>12</v>
      </c>
      <c r="Y8617" s="2">
        <v>42.5</v>
      </c>
      <c r="Z8617" s="2">
        <v>188.9</v>
      </c>
      <c r="AA8617" s="5">
        <v>10</v>
      </c>
      <c r="AB8617" s="5" t="s">
        <v>43</v>
      </c>
      <c r="AC8617" s="5" t="s">
        <v>44</v>
      </c>
      <c r="AD8617" s="2" t="s">
        <v>26357</v>
      </c>
      <c r="AE8617" s="1"/>
    </row>
    <row r="8618" spans="1:31" ht="14.45">
      <c r="A8618" s="5" t="s">
        <v>116</v>
      </c>
      <c r="B8618" s="21"/>
      <c r="C8618" s="2" t="s">
        <v>26418</v>
      </c>
      <c r="D8618" s="14" t="s">
        <v>26419</v>
      </c>
      <c r="E8618" s="2" t="s">
        <v>26420</v>
      </c>
      <c r="F8618" s="2" t="s">
        <v>26351</v>
      </c>
      <c r="G8618" s="8">
        <v>147</v>
      </c>
      <c r="H8618" s="5">
        <v>5</v>
      </c>
      <c r="I8618" s="5" t="s">
        <v>69</v>
      </c>
      <c r="J8618" s="5" t="s">
        <v>24629</v>
      </c>
      <c r="K8618" s="2" t="s">
        <v>24630</v>
      </c>
      <c r="L8618" s="5" t="s">
        <v>24629</v>
      </c>
      <c r="M8618" s="2" t="s">
        <v>24630</v>
      </c>
      <c r="N8618" s="5" t="s">
        <v>24254</v>
      </c>
      <c r="O8618" s="5" t="s">
        <v>38</v>
      </c>
      <c r="P8618" s="5" t="s">
        <v>39</v>
      </c>
      <c r="Q8618" s="5" t="s">
        <v>40</v>
      </c>
      <c r="R8618" s="5" t="s">
        <v>24335</v>
      </c>
      <c r="S8618" s="5" t="s">
        <v>40</v>
      </c>
      <c r="T8618" s="5" t="s">
        <v>42</v>
      </c>
      <c r="U8618" s="2">
        <v>6.5140000000000002</v>
      </c>
      <c r="V8618" s="2">
        <v>5.0880000000000001</v>
      </c>
      <c r="W8618" s="2">
        <v>8.4000000000000005E-2</v>
      </c>
      <c r="X8618" s="2">
        <v>12</v>
      </c>
      <c r="Y8618" s="2">
        <v>42.5</v>
      </c>
      <c r="Z8618" s="2">
        <v>164.4</v>
      </c>
      <c r="AA8618" s="5">
        <v>20</v>
      </c>
      <c r="AB8618" s="5" t="s">
        <v>43</v>
      </c>
      <c r="AC8618" s="5" t="s">
        <v>44</v>
      </c>
      <c r="AD8618" s="2" t="s">
        <v>26352</v>
      </c>
      <c r="AE8618" s="1"/>
    </row>
    <row r="8619" spans="1:31" ht="14.45">
      <c r="A8619" s="5" t="s">
        <v>116</v>
      </c>
      <c r="B8619" s="21"/>
      <c r="C8619" s="2" t="s">
        <v>26421</v>
      </c>
      <c r="D8619" s="14" t="s">
        <v>26422</v>
      </c>
      <c r="E8619" s="2" t="s">
        <v>26423</v>
      </c>
      <c r="F8619" s="2" t="s">
        <v>26356</v>
      </c>
      <c r="G8619" s="8">
        <v>201</v>
      </c>
      <c r="H8619" s="5">
        <v>5</v>
      </c>
      <c r="I8619" s="5" t="s">
        <v>69</v>
      </c>
      <c r="J8619" s="5" t="s">
        <v>24629</v>
      </c>
      <c r="K8619" s="2" t="s">
        <v>24630</v>
      </c>
      <c r="L8619" s="5" t="s">
        <v>24629</v>
      </c>
      <c r="M8619" s="2" t="s">
        <v>24630</v>
      </c>
      <c r="N8619" s="5" t="s">
        <v>24254</v>
      </c>
      <c r="O8619" s="5" t="s">
        <v>38</v>
      </c>
      <c r="P8619" s="5" t="s">
        <v>39</v>
      </c>
      <c r="Q8619" s="5" t="s">
        <v>40</v>
      </c>
      <c r="R8619" s="5" t="s">
        <v>24335</v>
      </c>
      <c r="S8619" s="5" t="s">
        <v>40</v>
      </c>
      <c r="T8619" s="5" t="s">
        <v>42</v>
      </c>
      <c r="U8619" s="2">
        <v>7.9349999999999996</v>
      </c>
      <c r="V8619" s="2">
        <v>6.6719999999999997</v>
      </c>
      <c r="W8619" s="2">
        <v>8.4000000000000005E-2</v>
      </c>
      <c r="X8619" s="2">
        <v>12</v>
      </c>
      <c r="Y8619" s="2">
        <v>42.5</v>
      </c>
      <c r="Z8619" s="2">
        <v>164.4</v>
      </c>
      <c r="AA8619" s="5">
        <v>10</v>
      </c>
      <c r="AB8619" s="5" t="s">
        <v>43</v>
      </c>
      <c r="AC8619" s="5" t="s">
        <v>44</v>
      </c>
      <c r="AD8619" s="2" t="s">
        <v>26357</v>
      </c>
      <c r="AE8619" s="1"/>
    </row>
    <row r="8620" spans="1:31" ht="14.45">
      <c r="A8620" s="5" t="s">
        <v>116</v>
      </c>
      <c r="B8620" s="21"/>
      <c r="C8620" s="2" t="s">
        <v>26424</v>
      </c>
      <c r="D8620" s="14" t="s">
        <v>26425</v>
      </c>
      <c r="E8620" s="2" t="s">
        <v>26426</v>
      </c>
      <c r="F8620" s="2" t="s">
        <v>26351</v>
      </c>
      <c r="G8620" s="8">
        <v>155</v>
      </c>
      <c r="H8620" s="5">
        <v>5</v>
      </c>
      <c r="I8620" s="5" t="s">
        <v>69</v>
      </c>
      <c r="J8620" s="5" t="s">
        <v>24629</v>
      </c>
      <c r="K8620" s="2" t="s">
        <v>24630</v>
      </c>
      <c r="L8620" s="5" t="s">
        <v>24629</v>
      </c>
      <c r="M8620" s="2" t="s">
        <v>24630</v>
      </c>
      <c r="N8620" s="5" t="s">
        <v>24254</v>
      </c>
      <c r="O8620" s="5" t="s">
        <v>38</v>
      </c>
      <c r="P8620" s="5" t="s">
        <v>39</v>
      </c>
      <c r="Q8620" s="5" t="s">
        <v>40</v>
      </c>
      <c r="R8620" s="5" t="s">
        <v>24335</v>
      </c>
      <c r="S8620" s="5" t="s">
        <v>40</v>
      </c>
      <c r="T8620" s="5" t="s">
        <v>42</v>
      </c>
      <c r="U8620" s="2">
        <v>6.7519999999999998</v>
      </c>
      <c r="V8620" s="2">
        <v>5.3259999999999996</v>
      </c>
      <c r="W8620" s="2">
        <v>8.4000000000000005E-2</v>
      </c>
      <c r="X8620" s="2">
        <v>12</v>
      </c>
      <c r="Y8620" s="2">
        <v>42.5</v>
      </c>
      <c r="Z8620" s="2">
        <v>164.4</v>
      </c>
      <c r="AA8620" s="5">
        <v>20</v>
      </c>
      <c r="AB8620" s="5" t="s">
        <v>43</v>
      </c>
      <c r="AC8620" s="5" t="s">
        <v>44</v>
      </c>
      <c r="AD8620" s="2" t="s">
        <v>26352</v>
      </c>
      <c r="AE8620" s="1"/>
    </row>
    <row r="8621" spans="1:31" ht="14.45">
      <c r="A8621" s="5" t="s">
        <v>116</v>
      </c>
      <c r="B8621" s="21"/>
      <c r="C8621" s="2" t="s">
        <v>26427</v>
      </c>
      <c r="D8621" s="14" t="s">
        <v>26428</v>
      </c>
      <c r="E8621" s="2" t="s">
        <v>26429</v>
      </c>
      <c r="F8621" s="2" t="s">
        <v>26356</v>
      </c>
      <c r="G8621" s="8">
        <v>211</v>
      </c>
      <c r="H8621" s="5">
        <v>5</v>
      </c>
      <c r="I8621" s="5" t="s">
        <v>69</v>
      </c>
      <c r="J8621" s="5" t="s">
        <v>24629</v>
      </c>
      <c r="K8621" s="2" t="s">
        <v>24630</v>
      </c>
      <c r="L8621" s="5" t="s">
        <v>24629</v>
      </c>
      <c r="M8621" s="2" t="s">
        <v>24630</v>
      </c>
      <c r="N8621" s="5" t="s">
        <v>24254</v>
      </c>
      <c r="O8621" s="5" t="s">
        <v>38</v>
      </c>
      <c r="P8621" s="5" t="s">
        <v>39</v>
      </c>
      <c r="Q8621" s="5" t="s">
        <v>40</v>
      </c>
      <c r="R8621" s="5" t="s">
        <v>24335</v>
      </c>
      <c r="S8621" s="5" t="s">
        <v>40</v>
      </c>
      <c r="T8621" s="5" t="s">
        <v>42</v>
      </c>
      <c r="U8621" s="2">
        <v>8.3350000000000009</v>
      </c>
      <c r="V8621" s="2">
        <v>7.0720000000000001</v>
      </c>
      <c r="W8621" s="2">
        <v>8.4000000000000005E-2</v>
      </c>
      <c r="X8621" s="2">
        <v>12</v>
      </c>
      <c r="Y8621" s="2">
        <v>42.5</v>
      </c>
      <c r="Z8621" s="2">
        <v>164.4</v>
      </c>
      <c r="AA8621" s="5">
        <v>10</v>
      </c>
      <c r="AB8621" s="5" t="s">
        <v>43</v>
      </c>
      <c r="AC8621" s="5" t="s">
        <v>44</v>
      </c>
      <c r="AD8621" s="2" t="s">
        <v>26357</v>
      </c>
      <c r="AE8621" s="1"/>
    </row>
    <row r="8622" spans="1:31" ht="14.45">
      <c r="A8622" s="5" t="s">
        <v>116</v>
      </c>
      <c r="B8622" s="21"/>
      <c r="C8622" s="2" t="s">
        <v>26430</v>
      </c>
      <c r="D8622" s="14" t="s">
        <v>26431</v>
      </c>
      <c r="E8622" s="2" t="s">
        <v>26432</v>
      </c>
      <c r="F8622" s="2" t="s">
        <v>26351</v>
      </c>
      <c r="G8622" s="8">
        <v>164</v>
      </c>
      <c r="H8622" s="5">
        <v>5</v>
      </c>
      <c r="I8622" s="5" t="s">
        <v>69</v>
      </c>
      <c r="J8622" s="5" t="s">
        <v>24629</v>
      </c>
      <c r="K8622" s="2" t="s">
        <v>24630</v>
      </c>
      <c r="L8622" s="5" t="s">
        <v>24629</v>
      </c>
      <c r="M8622" s="2" t="s">
        <v>24630</v>
      </c>
      <c r="N8622" s="5" t="s">
        <v>24254</v>
      </c>
      <c r="O8622" s="5" t="s">
        <v>38</v>
      </c>
      <c r="P8622" s="5" t="s">
        <v>39</v>
      </c>
      <c r="Q8622" s="5" t="s">
        <v>40</v>
      </c>
      <c r="R8622" s="5" t="s">
        <v>24335</v>
      </c>
      <c r="S8622" s="5" t="s">
        <v>40</v>
      </c>
      <c r="T8622" s="5" t="s">
        <v>42</v>
      </c>
      <c r="U8622" s="2">
        <v>6.9690000000000003</v>
      </c>
      <c r="V8622" s="2">
        <v>5.5430000000000001</v>
      </c>
      <c r="W8622" s="2">
        <v>9.6000000000000002E-2</v>
      </c>
      <c r="X8622" s="2">
        <v>12</v>
      </c>
      <c r="Y8622" s="2">
        <v>42.5</v>
      </c>
      <c r="Z8622" s="2">
        <v>188.9</v>
      </c>
      <c r="AA8622" s="5">
        <v>20</v>
      </c>
      <c r="AB8622" s="5" t="s">
        <v>43</v>
      </c>
      <c r="AC8622" s="5" t="s">
        <v>44</v>
      </c>
      <c r="AD8622" s="2" t="s">
        <v>26352</v>
      </c>
      <c r="AE8622" s="1"/>
    </row>
    <row r="8623" spans="1:31" ht="14.45">
      <c r="A8623" s="5" t="s">
        <v>116</v>
      </c>
      <c r="B8623" s="21"/>
      <c r="C8623" s="2" t="s">
        <v>26433</v>
      </c>
      <c r="D8623" s="14" t="s">
        <v>26434</v>
      </c>
      <c r="E8623" s="2" t="s">
        <v>26435</v>
      </c>
      <c r="F8623" s="2" t="s">
        <v>26356</v>
      </c>
      <c r="G8623" s="8">
        <v>224</v>
      </c>
      <c r="H8623" s="5">
        <v>5</v>
      </c>
      <c r="I8623" s="5" t="s">
        <v>69</v>
      </c>
      <c r="J8623" s="5" t="s">
        <v>24629</v>
      </c>
      <c r="K8623" s="2" t="s">
        <v>24630</v>
      </c>
      <c r="L8623" s="5" t="s">
        <v>24629</v>
      </c>
      <c r="M8623" s="2" t="s">
        <v>24630</v>
      </c>
      <c r="N8623" s="5" t="s">
        <v>24254</v>
      </c>
      <c r="O8623" s="5" t="s">
        <v>38</v>
      </c>
      <c r="P8623" s="5" t="s">
        <v>39</v>
      </c>
      <c r="Q8623" s="5" t="s">
        <v>40</v>
      </c>
      <c r="R8623" s="5" t="s">
        <v>24335</v>
      </c>
      <c r="S8623" s="5" t="s">
        <v>40</v>
      </c>
      <c r="T8623" s="5" t="s">
        <v>42</v>
      </c>
      <c r="U8623" s="2">
        <v>8.8670000000000009</v>
      </c>
      <c r="V8623" s="2">
        <v>7.4409999999999998</v>
      </c>
      <c r="W8623" s="2">
        <v>9.6000000000000002E-2</v>
      </c>
      <c r="X8623" s="2">
        <v>12</v>
      </c>
      <c r="Y8623" s="2">
        <v>42.5</v>
      </c>
      <c r="Z8623" s="2">
        <v>188.9</v>
      </c>
      <c r="AA8623" s="5">
        <v>10</v>
      </c>
      <c r="AB8623" s="5" t="s">
        <v>43</v>
      </c>
      <c r="AC8623" s="5" t="s">
        <v>44</v>
      </c>
      <c r="AD8623" s="2" t="s">
        <v>26357</v>
      </c>
      <c r="AE8623" s="1"/>
    </row>
    <row r="8624" spans="1:31" ht="14.45">
      <c r="A8624" s="5" t="s">
        <v>116</v>
      </c>
      <c r="B8624" s="21"/>
      <c r="C8624" s="2" t="s">
        <v>26436</v>
      </c>
      <c r="D8624" s="14" t="s">
        <v>26437</v>
      </c>
      <c r="E8624" s="2" t="s">
        <v>26438</v>
      </c>
      <c r="F8624" s="2" t="s">
        <v>26351</v>
      </c>
      <c r="G8624" s="8">
        <v>155</v>
      </c>
      <c r="H8624" s="5">
        <v>5</v>
      </c>
      <c r="I8624" s="5" t="s">
        <v>69</v>
      </c>
      <c r="J8624" s="5" t="s">
        <v>24629</v>
      </c>
      <c r="K8624" s="2" t="s">
        <v>24630</v>
      </c>
      <c r="L8624" s="5" t="s">
        <v>24629</v>
      </c>
      <c r="M8624" s="2" t="s">
        <v>24630</v>
      </c>
      <c r="N8624" s="5" t="s">
        <v>24254</v>
      </c>
      <c r="O8624" s="5" t="s">
        <v>38</v>
      </c>
      <c r="P8624" s="5" t="s">
        <v>39</v>
      </c>
      <c r="Q8624" s="5" t="s">
        <v>40</v>
      </c>
      <c r="R8624" s="5" t="s">
        <v>24335</v>
      </c>
      <c r="S8624" s="5" t="s">
        <v>40</v>
      </c>
      <c r="T8624" s="5" t="s">
        <v>42</v>
      </c>
      <c r="U8624" s="2">
        <v>6.9290000000000003</v>
      </c>
      <c r="V8624" s="2">
        <v>5.5030000000000001</v>
      </c>
      <c r="W8624" s="2">
        <v>9.6000000000000002E-2</v>
      </c>
      <c r="X8624" s="2">
        <v>12</v>
      </c>
      <c r="Y8624" s="2">
        <v>42.5</v>
      </c>
      <c r="Z8624" s="2">
        <v>188.9</v>
      </c>
      <c r="AA8624" s="5">
        <v>20</v>
      </c>
      <c r="AB8624" s="5" t="s">
        <v>43</v>
      </c>
      <c r="AC8624" s="5" t="s">
        <v>44</v>
      </c>
      <c r="AD8624" s="2" t="s">
        <v>26352</v>
      </c>
      <c r="AE8624" s="1"/>
    </row>
    <row r="8625" spans="1:31" ht="14.45">
      <c r="A8625" s="5" t="s">
        <v>116</v>
      </c>
      <c r="B8625" s="21"/>
      <c r="C8625" s="2" t="s">
        <v>26439</v>
      </c>
      <c r="D8625" s="14" t="s">
        <v>26440</v>
      </c>
      <c r="E8625" s="2" t="s">
        <v>26441</v>
      </c>
      <c r="F8625" s="2" t="s">
        <v>26356</v>
      </c>
      <c r="G8625" s="8">
        <v>211</v>
      </c>
      <c r="H8625" s="5">
        <v>5</v>
      </c>
      <c r="I8625" s="5" t="s">
        <v>69</v>
      </c>
      <c r="J8625" s="5" t="s">
        <v>24629</v>
      </c>
      <c r="K8625" s="2" t="s">
        <v>24630</v>
      </c>
      <c r="L8625" s="5" t="s">
        <v>24629</v>
      </c>
      <c r="M8625" s="2" t="s">
        <v>24630</v>
      </c>
      <c r="N8625" s="5" t="s">
        <v>24254</v>
      </c>
      <c r="O8625" s="5" t="s">
        <v>38</v>
      </c>
      <c r="P8625" s="5" t="s">
        <v>39</v>
      </c>
      <c r="Q8625" s="5" t="s">
        <v>40</v>
      </c>
      <c r="R8625" s="5" t="s">
        <v>24335</v>
      </c>
      <c r="S8625" s="5" t="s">
        <v>40</v>
      </c>
      <c r="T8625" s="5" t="s">
        <v>42</v>
      </c>
      <c r="U8625" s="2">
        <v>8.6470000000000002</v>
      </c>
      <c r="V8625" s="2">
        <v>7.2210000000000001</v>
      </c>
      <c r="W8625" s="2">
        <v>9.6000000000000002E-2</v>
      </c>
      <c r="X8625" s="2">
        <v>12</v>
      </c>
      <c r="Y8625" s="2">
        <v>42.5</v>
      </c>
      <c r="Z8625" s="2">
        <v>188.9</v>
      </c>
      <c r="AA8625" s="5">
        <v>10</v>
      </c>
      <c r="AB8625" s="5" t="s">
        <v>43</v>
      </c>
      <c r="AC8625" s="5" t="s">
        <v>44</v>
      </c>
      <c r="AD8625" s="2" t="s">
        <v>26357</v>
      </c>
      <c r="AE8625" s="1"/>
    </row>
    <row r="8626" spans="1:31" ht="14.45">
      <c r="A8626" s="5" t="s">
        <v>116</v>
      </c>
      <c r="B8626" s="21"/>
      <c r="C8626" s="2" t="s">
        <v>26442</v>
      </c>
      <c r="D8626" s="14" t="s">
        <v>26443</v>
      </c>
      <c r="E8626" s="2" t="s">
        <v>26444</v>
      </c>
      <c r="F8626" s="2" t="s">
        <v>26351</v>
      </c>
      <c r="G8626" s="8">
        <v>159</v>
      </c>
      <c r="H8626" s="5">
        <v>5</v>
      </c>
      <c r="I8626" s="5" t="s">
        <v>69</v>
      </c>
      <c r="J8626" s="5" t="s">
        <v>24629</v>
      </c>
      <c r="K8626" s="2" t="s">
        <v>24630</v>
      </c>
      <c r="L8626" s="5" t="s">
        <v>24629</v>
      </c>
      <c r="M8626" s="2" t="s">
        <v>24630</v>
      </c>
      <c r="N8626" s="5" t="s">
        <v>24254</v>
      </c>
      <c r="O8626" s="5" t="s">
        <v>38</v>
      </c>
      <c r="P8626" s="5" t="s">
        <v>39</v>
      </c>
      <c r="Q8626" s="5" t="s">
        <v>40</v>
      </c>
      <c r="R8626" s="5" t="s">
        <v>24335</v>
      </c>
      <c r="S8626" s="5" t="s">
        <v>40</v>
      </c>
      <c r="T8626" s="5" t="s">
        <v>42</v>
      </c>
      <c r="U8626" s="2">
        <v>7.1660000000000004</v>
      </c>
      <c r="V8626" s="2">
        <v>5.74</v>
      </c>
      <c r="W8626" s="2">
        <v>9.6000000000000002E-2</v>
      </c>
      <c r="X8626" s="2">
        <v>12</v>
      </c>
      <c r="Y8626" s="2">
        <v>42.5</v>
      </c>
      <c r="Z8626" s="2">
        <v>188.9</v>
      </c>
      <c r="AA8626" s="5">
        <v>20</v>
      </c>
      <c r="AB8626" s="5" t="s">
        <v>43</v>
      </c>
      <c r="AC8626" s="5" t="s">
        <v>44</v>
      </c>
      <c r="AD8626" s="2" t="s">
        <v>26352</v>
      </c>
      <c r="AE8626" s="1"/>
    </row>
    <row r="8627" spans="1:31" ht="14.45">
      <c r="A8627" s="5" t="s">
        <v>116</v>
      </c>
      <c r="B8627" s="21"/>
      <c r="C8627" s="2" t="s">
        <v>26445</v>
      </c>
      <c r="D8627" s="14" t="s">
        <v>26446</v>
      </c>
      <c r="E8627" s="2" t="s">
        <v>26447</v>
      </c>
      <c r="F8627" s="2" t="s">
        <v>26356</v>
      </c>
      <c r="G8627" s="8">
        <v>217</v>
      </c>
      <c r="H8627" s="5">
        <v>5</v>
      </c>
      <c r="I8627" s="5" t="s">
        <v>69</v>
      </c>
      <c r="J8627" s="5" t="s">
        <v>24629</v>
      </c>
      <c r="K8627" s="2" t="s">
        <v>24630</v>
      </c>
      <c r="L8627" s="5" t="s">
        <v>24629</v>
      </c>
      <c r="M8627" s="2" t="s">
        <v>24630</v>
      </c>
      <c r="N8627" s="5" t="s">
        <v>24254</v>
      </c>
      <c r="O8627" s="5" t="s">
        <v>38</v>
      </c>
      <c r="P8627" s="5" t="s">
        <v>39</v>
      </c>
      <c r="Q8627" s="5" t="s">
        <v>40</v>
      </c>
      <c r="R8627" s="5" t="s">
        <v>24335</v>
      </c>
      <c r="S8627" s="5" t="s">
        <v>40</v>
      </c>
      <c r="T8627" s="5" t="s">
        <v>42</v>
      </c>
      <c r="U8627" s="2">
        <v>9.0459999999999994</v>
      </c>
      <c r="V8627" s="2">
        <v>7.62</v>
      </c>
      <c r="W8627" s="2">
        <v>9.6000000000000002E-2</v>
      </c>
      <c r="X8627" s="2">
        <v>12</v>
      </c>
      <c r="Y8627" s="2">
        <v>42.5</v>
      </c>
      <c r="Z8627" s="2">
        <v>188.9</v>
      </c>
      <c r="AA8627" s="5">
        <v>10</v>
      </c>
      <c r="AB8627" s="5" t="s">
        <v>43</v>
      </c>
      <c r="AC8627" s="5" t="s">
        <v>44</v>
      </c>
      <c r="AD8627" s="2" t="s">
        <v>26357</v>
      </c>
      <c r="AE8627" s="1"/>
    </row>
    <row r="8628" spans="1:31" ht="14.45">
      <c r="A8628" s="5" t="s">
        <v>116</v>
      </c>
      <c r="B8628" s="21"/>
      <c r="C8628" s="2" t="s">
        <v>26448</v>
      </c>
      <c r="D8628" s="14" t="s">
        <v>26449</v>
      </c>
      <c r="E8628" s="2" t="s">
        <v>26450</v>
      </c>
      <c r="F8628" s="2" t="s">
        <v>26351</v>
      </c>
      <c r="G8628" s="8">
        <v>176</v>
      </c>
      <c r="H8628" s="5">
        <v>5</v>
      </c>
      <c r="I8628" s="5" t="s">
        <v>69</v>
      </c>
      <c r="J8628" s="5" t="s">
        <v>24629</v>
      </c>
      <c r="K8628" s="2" t="s">
        <v>24630</v>
      </c>
      <c r="L8628" s="5" t="s">
        <v>24629</v>
      </c>
      <c r="M8628" s="2" t="s">
        <v>24630</v>
      </c>
      <c r="N8628" s="5" t="s">
        <v>24254</v>
      </c>
      <c r="O8628" s="5" t="s">
        <v>38</v>
      </c>
      <c r="P8628" s="5" t="s">
        <v>39</v>
      </c>
      <c r="Q8628" s="5" t="s">
        <v>40</v>
      </c>
      <c r="R8628" s="5" t="s">
        <v>24335</v>
      </c>
      <c r="S8628" s="5" t="s">
        <v>40</v>
      </c>
      <c r="T8628" s="5" t="s">
        <v>42</v>
      </c>
      <c r="U8628" s="2">
        <v>7.3840000000000003</v>
      </c>
      <c r="V8628" s="2">
        <v>5.9580000000000002</v>
      </c>
      <c r="W8628" s="2">
        <v>9.6000000000000002E-2</v>
      </c>
      <c r="X8628" s="2">
        <v>12</v>
      </c>
      <c r="Y8628" s="2">
        <v>42.5</v>
      </c>
      <c r="Z8628" s="2">
        <v>188.9</v>
      </c>
      <c r="AA8628" s="5">
        <v>20</v>
      </c>
      <c r="AB8628" s="5" t="s">
        <v>43</v>
      </c>
      <c r="AC8628" s="5" t="s">
        <v>44</v>
      </c>
      <c r="AD8628" s="2" t="s">
        <v>26352</v>
      </c>
      <c r="AE8628" s="1"/>
    </row>
    <row r="8629" spans="1:31" ht="14.45">
      <c r="A8629" s="5" t="s">
        <v>116</v>
      </c>
      <c r="B8629" s="21"/>
      <c r="C8629" s="2" t="s">
        <v>26451</v>
      </c>
      <c r="D8629" s="14" t="s">
        <v>26452</v>
      </c>
      <c r="E8629" s="2" t="s">
        <v>26453</v>
      </c>
      <c r="F8629" s="2" t="s">
        <v>26356</v>
      </c>
      <c r="G8629" s="8">
        <v>240</v>
      </c>
      <c r="H8629" s="5">
        <v>5</v>
      </c>
      <c r="I8629" s="5" t="s">
        <v>69</v>
      </c>
      <c r="J8629" s="5" t="s">
        <v>24629</v>
      </c>
      <c r="K8629" s="2" t="s">
        <v>24630</v>
      </c>
      <c r="L8629" s="5" t="s">
        <v>24629</v>
      </c>
      <c r="M8629" s="2" t="s">
        <v>24630</v>
      </c>
      <c r="N8629" s="5" t="s">
        <v>24254</v>
      </c>
      <c r="O8629" s="5" t="s">
        <v>38</v>
      </c>
      <c r="P8629" s="5" t="s">
        <v>39</v>
      </c>
      <c r="Q8629" s="5" t="s">
        <v>40</v>
      </c>
      <c r="R8629" s="5" t="s">
        <v>24335</v>
      </c>
      <c r="S8629" s="5" t="s">
        <v>40</v>
      </c>
      <c r="T8629" s="5" t="s">
        <v>42</v>
      </c>
      <c r="U8629" s="2">
        <v>10.795999999999999</v>
      </c>
      <c r="V8629" s="2">
        <v>7.99</v>
      </c>
      <c r="W8629" s="2">
        <v>9.6000000000000002E-2</v>
      </c>
      <c r="X8629" s="2">
        <v>12</v>
      </c>
      <c r="Y8629" s="2">
        <v>42.5</v>
      </c>
      <c r="Z8629" s="2">
        <v>188.9</v>
      </c>
      <c r="AA8629" s="5">
        <v>10</v>
      </c>
      <c r="AB8629" s="5" t="s">
        <v>43</v>
      </c>
      <c r="AC8629" s="5" t="s">
        <v>44</v>
      </c>
      <c r="AD8629" s="2" t="s">
        <v>26357</v>
      </c>
      <c r="AE8629" s="1"/>
    </row>
    <row r="8630" spans="1:31" ht="14.45">
      <c r="A8630" s="5" t="s">
        <v>116</v>
      </c>
      <c r="B8630" s="21"/>
      <c r="C8630" s="2" t="s">
        <v>26454</v>
      </c>
      <c r="D8630" s="14" t="s">
        <v>26455</v>
      </c>
      <c r="E8630" s="2" t="s">
        <v>26456</v>
      </c>
      <c r="F8630" s="2" t="s">
        <v>26351</v>
      </c>
      <c r="G8630" s="8">
        <v>155</v>
      </c>
      <c r="H8630" s="5">
        <v>5</v>
      </c>
      <c r="I8630" s="5" t="s">
        <v>69</v>
      </c>
      <c r="J8630" s="5" t="s">
        <v>24629</v>
      </c>
      <c r="K8630" s="2" t="s">
        <v>24630</v>
      </c>
      <c r="L8630" s="5" t="s">
        <v>24629</v>
      </c>
      <c r="M8630" s="2" t="s">
        <v>24630</v>
      </c>
      <c r="N8630" s="5" t="s">
        <v>24254</v>
      </c>
      <c r="O8630" s="5" t="s">
        <v>38</v>
      </c>
      <c r="P8630" s="5" t="s">
        <v>39</v>
      </c>
      <c r="Q8630" s="5" t="s">
        <v>40</v>
      </c>
      <c r="R8630" s="5" t="s">
        <v>24335</v>
      </c>
      <c r="S8630" s="5" t="s">
        <v>40</v>
      </c>
      <c r="T8630" s="5" t="s">
        <v>42</v>
      </c>
      <c r="U8630" s="2">
        <v>7.1970000000000001</v>
      </c>
      <c r="V8630" s="2">
        <v>5.44</v>
      </c>
      <c r="W8630" s="2">
        <v>0.13600000000000001</v>
      </c>
      <c r="X8630" s="2">
        <v>12</v>
      </c>
      <c r="Y8630" s="2">
        <v>50</v>
      </c>
      <c r="Z8630" s="2">
        <v>227.4</v>
      </c>
      <c r="AA8630" s="5">
        <v>20</v>
      </c>
      <c r="AB8630" s="5" t="s">
        <v>43</v>
      </c>
      <c r="AC8630" s="5" t="s">
        <v>44</v>
      </c>
      <c r="AD8630" s="2" t="s">
        <v>26352</v>
      </c>
      <c r="AE8630" s="1"/>
    </row>
    <row r="8631" spans="1:31" ht="14.45">
      <c r="A8631" s="5" t="s">
        <v>116</v>
      </c>
      <c r="B8631" s="21"/>
      <c r="C8631" s="2" t="s">
        <v>26457</v>
      </c>
      <c r="D8631" s="14" t="s">
        <v>26458</v>
      </c>
      <c r="E8631" s="2" t="s">
        <v>26459</v>
      </c>
      <c r="F8631" s="2" t="s">
        <v>26356</v>
      </c>
      <c r="G8631" s="8">
        <v>211</v>
      </c>
      <c r="H8631" s="5">
        <v>5</v>
      </c>
      <c r="I8631" s="5" t="s">
        <v>69</v>
      </c>
      <c r="J8631" s="5" t="s">
        <v>24629</v>
      </c>
      <c r="K8631" s="2" t="s">
        <v>24630</v>
      </c>
      <c r="L8631" s="5" t="s">
        <v>24629</v>
      </c>
      <c r="M8631" s="2" t="s">
        <v>24630</v>
      </c>
      <c r="N8631" s="5" t="s">
        <v>24254</v>
      </c>
      <c r="O8631" s="5" t="s">
        <v>38</v>
      </c>
      <c r="P8631" s="5" t="s">
        <v>39</v>
      </c>
      <c r="Q8631" s="5" t="s">
        <v>40</v>
      </c>
      <c r="R8631" s="5" t="s">
        <v>24335</v>
      </c>
      <c r="S8631" s="5" t="s">
        <v>40</v>
      </c>
      <c r="T8631" s="5" t="s">
        <v>42</v>
      </c>
      <c r="U8631" s="2">
        <v>11.346</v>
      </c>
      <c r="V8631" s="2">
        <v>7.2789999999999999</v>
      </c>
      <c r="W8631" s="2">
        <v>0.13600000000000001</v>
      </c>
      <c r="X8631" s="2">
        <v>12</v>
      </c>
      <c r="Y8631" s="2">
        <v>50</v>
      </c>
      <c r="Z8631" s="2">
        <v>227.4</v>
      </c>
      <c r="AA8631" s="5">
        <v>10</v>
      </c>
      <c r="AB8631" s="5" t="s">
        <v>43</v>
      </c>
      <c r="AC8631" s="5" t="s">
        <v>44</v>
      </c>
      <c r="AD8631" s="2" t="s">
        <v>26357</v>
      </c>
      <c r="AE8631" s="1"/>
    </row>
    <row r="8632" spans="1:31" ht="14.45">
      <c r="A8632" s="5" t="s">
        <v>116</v>
      </c>
      <c r="B8632" s="21"/>
      <c r="C8632" s="2" t="s">
        <v>26460</v>
      </c>
      <c r="D8632" s="14" t="s">
        <v>26461</v>
      </c>
      <c r="E8632" s="2" t="s">
        <v>26462</v>
      </c>
      <c r="F8632" s="2" t="s">
        <v>26351</v>
      </c>
      <c r="G8632" s="8">
        <v>168</v>
      </c>
      <c r="H8632" s="5">
        <v>5</v>
      </c>
      <c r="I8632" s="5" t="s">
        <v>69</v>
      </c>
      <c r="J8632" s="5" t="s">
        <v>24629</v>
      </c>
      <c r="K8632" s="2" t="s">
        <v>24630</v>
      </c>
      <c r="L8632" s="5" t="s">
        <v>24629</v>
      </c>
      <c r="M8632" s="2" t="s">
        <v>24630</v>
      </c>
      <c r="N8632" s="5" t="s">
        <v>24254</v>
      </c>
      <c r="O8632" s="5" t="s">
        <v>38</v>
      </c>
      <c r="P8632" s="5" t="s">
        <v>39</v>
      </c>
      <c r="Q8632" s="5" t="s">
        <v>40</v>
      </c>
      <c r="R8632" s="5" t="s">
        <v>24335</v>
      </c>
      <c r="S8632" s="5" t="s">
        <v>40</v>
      </c>
      <c r="T8632" s="5" t="s">
        <v>42</v>
      </c>
      <c r="U8632" s="2">
        <v>7.6539999999999999</v>
      </c>
      <c r="V8632" s="2">
        <v>5.8970000000000002</v>
      </c>
      <c r="W8632" s="2">
        <v>0.13600000000000001</v>
      </c>
      <c r="X8632" s="2">
        <v>12</v>
      </c>
      <c r="Y8632" s="2">
        <v>50</v>
      </c>
      <c r="Z8632" s="2">
        <v>227.4</v>
      </c>
      <c r="AA8632" s="5">
        <v>20</v>
      </c>
      <c r="AB8632" s="5" t="s">
        <v>43</v>
      </c>
      <c r="AC8632" s="5" t="s">
        <v>44</v>
      </c>
      <c r="AD8632" s="2" t="s">
        <v>26352</v>
      </c>
      <c r="AE8632" s="1"/>
    </row>
    <row r="8633" spans="1:31" ht="14.45">
      <c r="A8633" s="5" t="s">
        <v>116</v>
      </c>
      <c r="B8633" s="21"/>
      <c r="C8633" s="2" t="s">
        <v>26463</v>
      </c>
      <c r="D8633" s="14" t="s">
        <v>26464</v>
      </c>
      <c r="E8633" s="2" t="s">
        <v>26465</v>
      </c>
      <c r="F8633" s="2" t="s">
        <v>26356</v>
      </c>
      <c r="G8633" s="8">
        <v>229</v>
      </c>
      <c r="H8633" s="5">
        <v>5</v>
      </c>
      <c r="I8633" s="5" t="s">
        <v>69</v>
      </c>
      <c r="J8633" s="5" t="s">
        <v>24629</v>
      </c>
      <c r="K8633" s="2" t="s">
        <v>24630</v>
      </c>
      <c r="L8633" s="5" t="s">
        <v>24629</v>
      </c>
      <c r="M8633" s="2" t="s">
        <v>24630</v>
      </c>
      <c r="N8633" s="5" t="s">
        <v>24254</v>
      </c>
      <c r="O8633" s="5" t="s">
        <v>38</v>
      </c>
      <c r="P8633" s="5" t="s">
        <v>39</v>
      </c>
      <c r="Q8633" s="5" t="s">
        <v>40</v>
      </c>
      <c r="R8633" s="5" t="s">
        <v>24335</v>
      </c>
      <c r="S8633" s="5" t="s">
        <v>40</v>
      </c>
      <c r="T8633" s="5" t="s">
        <v>42</v>
      </c>
      <c r="U8633" s="2">
        <v>12.113</v>
      </c>
      <c r="V8633" s="2">
        <v>8.0459999999999994</v>
      </c>
      <c r="W8633" s="2">
        <v>0.13600000000000001</v>
      </c>
      <c r="X8633" s="2">
        <v>12</v>
      </c>
      <c r="Y8633" s="2">
        <v>50</v>
      </c>
      <c r="Z8633" s="2">
        <v>227.4</v>
      </c>
      <c r="AA8633" s="5">
        <v>10</v>
      </c>
      <c r="AB8633" s="5" t="s">
        <v>43</v>
      </c>
      <c r="AC8633" s="5" t="s">
        <v>44</v>
      </c>
      <c r="AD8633" s="2" t="s">
        <v>26357</v>
      </c>
      <c r="AE8633" s="1"/>
    </row>
    <row r="8634" spans="1:31" ht="14.45">
      <c r="A8634" s="5" t="s">
        <v>116</v>
      </c>
      <c r="B8634" s="21"/>
      <c r="C8634" s="2" t="s">
        <v>26466</v>
      </c>
      <c r="D8634" s="14" t="s">
        <v>26467</v>
      </c>
      <c r="E8634" s="2" t="s">
        <v>26468</v>
      </c>
      <c r="F8634" s="2" t="s">
        <v>26351</v>
      </c>
      <c r="G8634" s="8">
        <v>187</v>
      </c>
      <c r="H8634" s="5">
        <v>5</v>
      </c>
      <c r="I8634" s="5" t="s">
        <v>69</v>
      </c>
      <c r="J8634" s="5" t="s">
        <v>24629</v>
      </c>
      <c r="K8634" s="2" t="s">
        <v>24630</v>
      </c>
      <c r="L8634" s="5" t="s">
        <v>24629</v>
      </c>
      <c r="M8634" s="2" t="s">
        <v>24630</v>
      </c>
      <c r="N8634" s="5" t="s">
        <v>24254</v>
      </c>
      <c r="O8634" s="5" t="s">
        <v>38</v>
      </c>
      <c r="P8634" s="5" t="s">
        <v>39</v>
      </c>
      <c r="Q8634" s="5" t="s">
        <v>40</v>
      </c>
      <c r="R8634" s="5" t="s">
        <v>24335</v>
      </c>
      <c r="S8634" s="5" t="s">
        <v>40</v>
      </c>
      <c r="T8634" s="5" t="s">
        <v>42</v>
      </c>
      <c r="U8634" s="2">
        <v>7.8719999999999999</v>
      </c>
      <c r="V8634" s="2">
        <v>6.1150000000000002</v>
      </c>
      <c r="W8634" s="2">
        <v>0.13600000000000001</v>
      </c>
      <c r="X8634" s="2">
        <v>12</v>
      </c>
      <c r="Y8634" s="2">
        <v>50</v>
      </c>
      <c r="Z8634" s="2">
        <v>227.4</v>
      </c>
      <c r="AA8634" s="5">
        <v>20</v>
      </c>
      <c r="AB8634" s="5" t="s">
        <v>43</v>
      </c>
      <c r="AC8634" s="5" t="s">
        <v>44</v>
      </c>
      <c r="AD8634" s="2" t="s">
        <v>26352</v>
      </c>
      <c r="AE8634" s="1"/>
    </row>
    <row r="8635" spans="1:31" ht="14.45">
      <c r="A8635" s="5" t="s">
        <v>116</v>
      </c>
      <c r="B8635" s="21"/>
      <c r="C8635" s="2" t="s">
        <v>26469</v>
      </c>
      <c r="D8635" s="14" t="s">
        <v>26470</v>
      </c>
      <c r="E8635" s="2" t="s">
        <v>26471</v>
      </c>
      <c r="F8635" s="2" t="s">
        <v>26356</v>
      </c>
      <c r="G8635" s="8">
        <v>255</v>
      </c>
      <c r="H8635" s="5">
        <v>5</v>
      </c>
      <c r="I8635" s="5" t="s">
        <v>69</v>
      </c>
      <c r="J8635" s="5" t="s">
        <v>24629</v>
      </c>
      <c r="K8635" s="2" t="s">
        <v>24630</v>
      </c>
      <c r="L8635" s="5" t="s">
        <v>24629</v>
      </c>
      <c r="M8635" s="2" t="s">
        <v>24630</v>
      </c>
      <c r="N8635" s="5" t="s">
        <v>24254</v>
      </c>
      <c r="O8635" s="5" t="s">
        <v>38</v>
      </c>
      <c r="P8635" s="5" t="s">
        <v>39</v>
      </c>
      <c r="Q8635" s="5" t="s">
        <v>40</v>
      </c>
      <c r="R8635" s="5" t="s">
        <v>24335</v>
      </c>
      <c r="S8635" s="5" t="s">
        <v>40</v>
      </c>
      <c r="T8635" s="5" t="s">
        <v>42</v>
      </c>
      <c r="U8635" s="2">
        <v>12.483000000000001</v>
      </c>
      <c r="V8635" s="2">
        <v>8.4160000000000004</v>
      </c>
      <c r="W8635" s="2">
        <v>0.13600000000000001</v>
      </c>
      <c r="X8635" s="2">
        <v>12</v>
      </c>
      <c r="Y8635" s="2">
        <v>50</v>
      </c>
      <c r="Z8635" s="2">
        <v>227.4</v>
      </c>
      <c r="AA8635" s="5">
        <v>10</v>
      </c>
      <c r="AB8635" s="5" t="s">
        <v>43</v>
      </c>
      <c r="AC8635" s="5" t="s">
        <v>44</v>
      </c>
      <c r="AD8635" s="2" t="s">
        <v>26357</v>
      </c>
      <c r="AE8635" s="1"/>
    </row>
    <row r="8636" spans="1:31" ht="14.45">
      <c r="A8636" s="11"/>
      <c r="B8636" s="20"/>
      <c r="C8636" s="2" t="s">
        <v>26472</v>
      </c>
      <c r="D8636" s="14" t="s">
        <v>26473</v>
      </c>
      <c r="E8636" s="2" t="s">
        <v>26474</v>
      </c>
      <c r="F8636" s="2" t="s">
        <v>25163</v>
      </c>
      <c r="G8636" s="8">
        <v>100</v>
      </c>
      <c r="H8636" s="5">
        <v>5</v>
      </c>
      <c r="I8636" s="5" t="s">
        <v>69</v>
      </c>
      <c r="J8636" s="5" t="s">
        <v>24629</v>
      </c>
      <c r="K8636" s="2" t="s">
        <v>24630</v>
      </c>
      <c r="L8636" s="5" t="s">
        <v>24629</v>
      </c>
      <c r="M8636" s="2" t="s">
        <v>24630</v>
      </c>
      <c r="N8636" s="5" t="s">
        <v>24254</v>
      </c>
      <c r="O8636" s="5" t="s">
        <v>38</v>
      </c>
      <c r="P8636" s="5" t="s">
        <v>39</v>
      </c>
      <c r="Q8636" s="5" t="s">
        <v>40</v>
      </c>
      <c r="R8636" s="5" t="s">
        <v>24335</v>
      </c>
      <c r="S8636" s="5" t="s">
        <v>40</v>
      </c>
      <c r="T8636" s="5" t="s">
        <v>42</v>
      </c>
      <c r="U8636" s="2">
        <v>4.2649999999999997</v>
      </c>
      <c r="V8636" s="2">
        <v>3.1469999999999998</v>
      </c>
      <c r="W8636" s="2">
        <v>5.8999999999999997E-2</v>
      </c>
      <c r="X8636" s="2">
        <v>12</v>
      </c>
      <c r="Y8636" s="2">
        <v>42.5</v>
      </c>
      <c r="Z8636" s="2">
        <v>116.4</v>
      </c>
      <c r="AA8636" s="5">
        <v>20</v>
      </c>
      <c r="AB8636" s="5" t="s">
        <v>43</v>
      </c>
      <c r="AC8636" s="5" t="s">
        <v>44</v>
      </c>
      <c r="AD8636" s="2" t="s">
        <v>26475</v>
      </c>
      <c r="AE8636" s="1"/>
    </row>
    <row r="8637" spans="1:31" ht="14.45">
      <c r="A8637" s="11"/>
      <c r="B8637" s="20"/>
      <c r="C8637" s="2" t="s">
        <v>26476</v>
      </c>
      <c r="D8637" s="14" t="s">
        <v>26477</v>
      </c>
      <c r="E8637" s="2" t="s">
        <v>26478</v>
      </c>
      <c r="F8637" s="2" t="s">
        <v>26479</v>
      </c>
      <c r="G8637" s="8">
        <v>136</v>
      </c>
      <c r="H8637" s="5">
        <v>5</v>
      </c>
      <c r="I8637" s="5" t="s">
        <v>69</v>
      </c>
      <c r="J8637" s="5" t="s">
        <v>24629</v>
      </c>
      <c r="K8637" s="2" t="s">
        <v>24630</v>
      </c>
      <c r="L8637" s="5" t="s">
        <v>24629</v>
      </c>
      <c r="M8637" s="2" t="s">
        <v>24630</v>
      </c>
      <c r="N8637" s="5" t="s">
        <v>24254</v>
      </c>
      <c r="O8637" s="5" t="s">
        <v>38</v>
      </c>
      <c r="P8637" s="5" t="s">
        <v>39</v>
      </c>
      <c r="Q8637" s="5" t="s">
        <v>40</v>
      </c>
      <c r="R8637" s="5" t="s">
        <v>24335</v>
      </c>
      <c r="S8637" s="5" t="s">
        <v>40</v>
      </c>
      <c r="T8637" s="5" t="s">
        <v>42</v>
      </c>
      <c r="U8637" s="2">
        <v>5.4630000000000001</v>
      </c>
      <c r="V8637" s="2">
        <v>4.165</v>
      </c>
      <c r="W8637" s="2">
        <v>6.9000000000000006E-2</v>
      </c>
      <c r="X8637" s="2">
        <v>12</v>
      </c>
      <c r="Y8637" s="2">
        <v>50</v>
      </c>
      <c r="Z8637" s="2">
        <v>114.9</v>
      </c>
      <c r="AA8637" s="5">
        <v>10</v>
      </c>
      <c r="AB8637" s="5" t="s">
        <v>43</v>
      </c>
      <c r="AC8637" s="5" t="s">
        <v>44</v>
      </c>
      <c r="AD8637" s="2" t="s">
        <v>26480</v>
      </c>
      <c r="AE8637" s="1"/>
    </row>
    <row r="8638" spans="1:31" ht="14.45">
      <c r="A8638" s="11"/>
      <c r="B8638" s="20"/>
      <c r="C8638" s="2" t="s">
        <v>26481</v>
      </c>
      <c r="D8638" s="14" t="s">
        <v>26482</v>
      </c>
      <c r="E8638" s="2" t="s">
        <v>26483</v>
      </c>
      <c r="F8638" s="2" t="s">
        <v>25163</v>
      </c>
      <c r="G8638" s="8">
        <v>106</v>
      </c>
      <c r="H8638" s="5">
        <v>5</v>
      </c>
      <c r="I8638" s="5" t="s">
        <v>69</v>
      </c>
      <c r="J8638" s="5" t="s">
        <v>24629</v>
      </c>
      <c r="K8638" s="2" t="s">
        <v>24630</v>
      </c>
      <c r="L8638" s="5" t="s">
        <v>24629</v>
      </c>
      <c r="M8638" s="2" t="s">
        <v>24630</v>
      </c>
      <c r="N8638" s="5" t="s">
        <v>24254</v>
      </c>
      <c r="O8638" s="5" t="s">
        <v>38</v>
      </c>
      <c r="P8638" s="5" t="s">
        <v>39</v>
      </c>
      <c r="Q8638" s="5" t="s">
        <v>40</v>
      </c>
      <c r="R8638" s="5" t="s">
        <v>24335</v>
      </c>
      <c r="S8638" s="5" t="s">
        <v>40</v>
      </c>
      <c r="T8638" s="5" t="s">
        <v>42</v>
      </c>
      <c r="U8638" s="2">
        <v>4.4880000000000004</v>
      </c>
      <c r="V8638" s="2">
        <v>3.37</v>
      </c>
      <c r="W8638" s="2">
        <v>5.8999999999999997E-2</v>
      </c>
      <c r="X8638" s="2">
        <v>12</v>
      </c>
      <c r="Y8638" s="2">
        <v>42.5</v>
      </c>
      <c r="Z8638" s="2">
        <v>116.4</v>
      </c>
      <c r="AA8638" s="5">
        <v>20</v>
      </c>
      <c r="AB8638" s="5" t="s">
        <v>43</v>
      </c>
      <c r="AC8638" s="5" t="s">
        <v>44</v>
      </c>
      <c r="AD8638" s="2" t="s">
        <v>26475</v>
      </c>
      <c r="AE8638" s="1"/>
    </row>
    <row r="8639" spans="1:31" ht="14.45">
      <c r="A8639" s="11"/>
      <c r="B8639" s="20"/>
      <c r="C8639" s="2" t="s">
        <v>26484</v>
      </c>
      <c r="D8639" s="14" t="s">
        <v>26485</v>
      </c>
      <c r="E8639" s="2" t="s">
        <v>26486</v>
      </c>
      <c r="F8639" s="2" t="s">
        <v>26479</v>
      </c>
      <c r="G8639" s="8">
        <v>144</v>
      </c>
      <c r="H8639" s="5">
        <v>5</v>
      </c>
      <c r="I8639" s="5" t="s">
        <v>69</v>
      </c>
      <c r="J8639" s="5" t="s">
        <v>24629</v>
      </c>
      <c r="K8639" s="2" t="s">
        <v>24630</v>
      </c>
      <c r="L8639" s="5" t="s">
        <v>24629</v>
      </c>
      <c r="M8639" s="2" t="s">
        <v>24630</v>
      </c>
      <c r="N8639" s="5" t="s">
        <v>24254</v>
      </c>
      <c r="O8639" s="5" t="s">
        <v>38</v>
      </c>
      <c r="P8639" s="5" t="s">
        <v>39</v>
      </c>
      <c r="Q8639" s="5" t="s">
        <v>40</v>
      </c>
      <c r="R8639" s="5" t="s">
        <v>24335</v>
      </c>
      <c r="S8639" s="5" t="s">
        <v>40</v>
      </c>
      <c r="T8639" s="5" t="s">
        <v>42</v>
      </c>
      <c r="U8639" s="2">
        <v>5.83</v>
      </c>
      <c r="V8639" s="2">
        <v>4.532</v>
      </c>
      <c r="W8639" s="2">
        <v>6.9000000000000006E-2</v>
      </c>
      <c r="X8639" s="2">
        <v>12</v>
      </c>
      <c r="Y8639" s="2">
        <v>50</v>
      </c>
      <c r="Z8639" s="2">
        <v>114.9</v>
      </c>
      <c r="AA8639" s="5">
        <v>10</v>
      </c>
      <c r="AB8639" s="5" t="s">
        <v>43</v>
      </c>
      <c r="AC8639" s="5" t="s">
        <v>44</v>
      </c>
      <c r="AD8639" s="2" t="s">
        <v>26480</v>
      </c>
      <c r="AE8639" s="1"/>
    </row>
    <row r="8640" spans="1:31" ht="14.45">
      <c r="A8640" s="11"/>
      <c r="B8640" s="20"/>
      <c r="C8640" s="2" t="s">
        <v>26487</v>
      </c>
      <c r="D8640" s="14" t="s">
        <v>26488</v>
      </c>
      <c r="E8640" s="2" t="s">
        <v>26489</v>
      </c>
      <c r="F8640" s="2" t="s">
        <v>25163</v>
      </c>
      <c r="G8640" s="8">
        <v>109</v>
      </c>
      <c r="H8640" s="5">
        <v>10</v>
      </c>
      <c r="I8640" s="5" t="s">
        <v>69</v>
      </c>
      <c r="J8640" s="5" t="s">
        <v>24629</v>
      </c>
      <c r="K8640" s="2" t="s">
        <v>24630</v>
      </c>
      <c r="L8640" s="5" t="s">
        <v>24629</v>
      </c>
      <c r="M8640" s="2" t="s">
        <v>24630</v>
      </c>
      <c r="N8640" s="5" t="s">
        <v>24254</v>
      </c>
      <c r="O8640" s="5" t="s">
        <v>38</v>
      </c>
      <c r="P8640" s="5" t="s">
        <v>39</v>
      </c>
      <c r="Q8640" s="5" t="s">
        <v>40</v>
      </c>
      <c r="R8640" s="5" t="s">
        <v>24335</v>
      </c>
      <c r="S8640" s="5" t="s">
        <v>40</v>
      </c>
      <c r="T8640" s="5" t="s">
        <v>42</v>
      </c>
      <c r="U8640" s="2">
        <v>4.7480000000000002</v>
      </c>
      <c r="V8640" s="2">
        <v>3.59</v>
      </c>
      <c r="W8640" s="2">
        <v>6.2E-2</v>
      </c>
      <c r="X8640" s="2">
        <v>12</v>
      </c>
      <c r="Y8640" s="2">
        <v>42.5</v>
      </c>
      <c r="Z8640" s="2">
        <v>122.4</v>
      </c>
      <c r="AA8640" s="5">
        <v>20</v>
      </c>
      <c r="AB8640" s="5" t="s">
        <v>43</v>
      </c>
      <c r="AC8640" s="5" t="s">
        <v>44</v>
      </c>
      <c r="AD8640" s="2" t="s">
        <v>26475</v>
      </c>
      <c r="AE8640" s="1"/>
    </row>
    <row r="8641" spans="1:31" ht="14.45">
      <c r="A8641" s="11"/>
      <c r="B8641" s="20"/>
      <c r="C8641" s="2" t="s">
        <v>26490</v>
      </c>
      <c r="D8641" s="14" t="s">
        <v>26491</v>
      </c>
      <c r="E8641" s="2" t="s">
        <v>26492</v>
      </c>
      <c r="F8641" s="2" t="s">
        <v>26479</v>
      </c>
      <c r="G8641" s="8">
        <v>149</v>
      </c>
      <c r="H8641" s="5">
        <v>5</v>
      </c>
      <c r="I8641" s="5" t="s">
        <v>69</v>
      </c>
      <c r="J8641" s="5" t="s">
        <v>24629</v>
      </c>
      <c r="K8641" s="2" t="s">
        <v>24630</v>
      </c>
      <c r="L8641" s="5" t="s">
        <v>24629</v>
      </c>
      <c r="M8641" s="2" t="s">
        <v>24630</v>
      </c>
      <c r="N8641" s="5" t="s">
        <v>24254</v>
      </c>
      <c r="O8641" s="5" t="s">
        <v>38</v>
      </c>
      <c r="P8641" s="5" t="s">
        <v>39</v>
      </c>
      <c r="Q8641" s="5" t="s">
        <v>40</v>
      </c>
      <c r="R8641" s="5" t="s">
        <v>24335</v>
      </c>
      <c r="S8641" s="5" t="s">
        <v>40</v>
      </c>
      <c r="T8641" s="5" t="s">
        <v>42</v>
      </c>
      <c r="U8641" s="2">
        <v>6.3979999999999997</v>
      </c>
      <c r="V8641" s="2">
        <v>4.9029999999999996</v>
      </c>
      <c r="W8641" s="2">
        <v>9.2999999999999999E-2</v>
      </c>
      <c r="X8641" s="2">
        <v>12</v>
      </c>
      <c r="Y8641" s="2">
        <v>50</v>
      </c>
      <c r="Z8641" s="2">
        <v>154.4</v>
      </c>
      <c r="AA8641" s="5">
        <v>10</v>
      </c>
      <c r="AB8641" s="5" t="s">
        <v>43</v>
      </c>
      <c r="AC8641" s="5" t="s">
        <v>44</v>
      </c>
      <c r="AD8641" s="2" t="s">
        <v>26480</v>
      </c>
      <c r="AE8641" s="1"/>
    </row>
    <row r="8642" spans="1:31" ht="14.45">
      <c r="A8642" s="11"/>
      <c r="B8642" s="20"/>
      <c r="C8642" s="2" t="s">
        <v>26493</v>
      </c>
      <c r="D8642" s="14" t="s">
        <v>26494</v>
      </c>
      <c r="E8642" s="2" t="s">
        <v>26495</v>
      </c>
      <c r="F8642" s="2" t="s">
        <v>25163</v>
      </c>
      <c r="G8642" s="8">
        <v>109</v>
      </c>
      <c r="H8642" s="5">
        <v>5</v>
      </c>
      <c r="I8642" s="5" t="s">
        <v>69</v>
      </c>
      <c r="J8642" s="5" t="s">
        <v>24629</v>
      </c>
      <c r="K8642" s="2" t="s">
        <v>24630</v>
      </c>
      <c r="L8642" s="5" t="s">
        <v>24629</v>
      </c>
      <c r="M8642" s="2" t="s">
        <v>24630</v>
      </c>
      <c r="N8642" s="5" t="s">
        <v>24254</v>
      </c>
      <c r="O8642" s="5" t="s">
        <v>38</v>
      </c>
      <c r="P8642" s="5" t="s">
        <v>39</v>
      </c>
      <c r="Q8642" s="5" t="s">
        <v>40</v>
      </c>
      <c r="R8642" s="5" t="s">
        <v>24335</v>
      </c>
      <c r="S8642" s="5" t="s">
        <v>40</v>
      </c>
      <c r="T8642" s="5" t="s">
        <v>42</v>
      </c>
      <c r="U8642" s="2">
        <v>4.6210000000000004</v>
      </c>
      <c r="V8642" s="2">
        <v>3.5030000000000001</v>
      </c>
      <c r="W8642" s="2">
        <v>5.8999999999999997E-2</v>
      </c>
      <c r="X8642" s="2">
        <v>12</v>
      </c>
      <c r="Y8642" s="2">
        <v>42.5</v>
      </c>
      <c r="Z8642" s="2">
        <v>116.4</v>
      </c>
      <c r="AA8642" s="5">
        <v>20</v>
      </c>
      <c r="AB8642" s="5" t="s">
        <v>43</v>
      </c>
      <c r="AC8642" s="5" t="s">
        <v>44</v>
      </c>
      <c r="AD8642" s="2" t="s">
        <v>26475</v>
      </c>
      <c r="AE8642" s="1"/>
    </row>
    <row r="8643" spans="1:31" ht="14.45">
      <c r="A8643" s="11"/>
      <c r="B8643" s="20"/>
      <c r="C8643" s="2" t="s">
        <v>26496</v>
      </c>
      <c r="D8643" s="14" t="s">
        <v>26497</v>
      </c>
      <c r="E8643" s="2" t="s">
        <v>26498</v>
      </c>
      <c r="F8643" s="2" t="s">
        <v>26479</v>
      </c>
      <c r="G8643" s="8">
        <v>149</v>
      </c>
      <c r="H8643" s="5">
        <v>5</v>
      </c>
      <c r="I8643" s="5" t="s">
        <v>69</v>
      </c>
      <c r="J8643" s="5" t="s">
        <v>24629</v>
      </c>
      <c r="K8643" s="2" t="s">
        <v>24630</v>
      </c>
      <c r="L8643" s="5" t="s">
        <v>24629</v>
      </c>
      <c r="M8643" s="2" t="s">
        <v>24630</v>
      </c>
      <c r="N8643" s="5" t="s">
        <v>24254</v>
      </c>
      <c r="O8643" s="5" t="s">
        <v>38</v>
      </c>
      <c r="P8643" s="5" t="s">
        <v>39</v>
      </c>
      <c r="Q8643" s="5" t="s">
        <v>40</v>
      </c>
      <c r="R8643" s="5" t="s">
        <v>24335</v>
      </c>
      <c r="S8643" s="5" t="s">
        <v>40</v>
      </c>
      <c r="T8643" s="5" t="s">
        <v>42</v>
      </c>
      <c r="U8643" s="2">
        <v>6.15</v>
      </c>
      <c r="V8643" s="2">
        <v>4.7430000000000003</v>
      </c>
      <c r="W8643" s="2">
        <v>7.5999999999999998E-2</v>
      </c>
      <c r="X8643" s="2">
        <v>12</v>
      </c>
      <c r="Y8643" s="2">
        <v>50</v>
      </c>
      <c r="Z8643" s="2">
        <v>125.9</v>
      </c>
      <c r="AA8643" s="5">
        <v>10</v>
      </c>
      <c r="AB8643" s="5" t="s">
        <v>43</v>
      </c>
      <c r="AC8643" s="5" t="s">
        <v>44</v>
      </c>
      <c r="AD8643" s="2" t="s">
        <v>26480</v>
      </c>
      <c r="AE8643" s="1"/>
    </row>
    <row r="8644" spans="1:31" ht="14.45">
      <c r="A8644" s="11"/>
      <c r="B8644" s="20"/>
      <c r="C8644" s="2" t="s">
        <v>26499</v>
      </c>
      <c r="D8644" s="14" t="s">
        <v>26500</v>
      </c>
      <c r="E8644" s="2" t="s">
        <v>26501</v>
      </c>
      <c r="F8644" s="2" t="s">
        <v>25163</v>
      </c>
      <c r="G8644" s="8">
        <v>119</v>
      </c>
      <c r="H8644" s="5">
        <v>5</v>
      </c>
      <c r="I8644" s="5" t="s">
        <v>69</v>
      </c>
      <c r="J8644" s="5" t="s">
        <v>24629</v>
      </c>
      <c r="K8644" s="2" t="s">
        <v>24630</v>
      </c>
      <c r="L8644" s="5" t="s">
        <v>24629</v>
      </c>
      <c r="M8644" s="2" t="s">
        <v>24630</v>
      </c>
      <c r="N8644" s="5" t="s">
        <v>24254</v>
      </c>
      <c r="O8644" s="5" t="s">
        <v>38</v>
      </c>
      <c r="P8644" s="5" t="s">
        <v>39</v>
      </c>
      <c r="Q8644" s="5" t="s">
        <v>40</v>
      </c>
      <c r="R8644" s="5" t="s">
        <v>24335</v>
      </c>
      <c r="S8644" s="5" t="s">
        <v>40</v>
      </c>
      <c r="T8644" s="5" t="s">
        <v>42</v>
      </c>
      <c r="U8644" s="2">
        <v>4.8819999999999997</v>
      </c>
      <c r="V8644" s="2">
        <v>3.7240000000000002</v>
      </c>
      <c r="W8644" s="2">
        <v>6.2E-2</v>
      </c>
      <c r="X8644" s="2">
        <v>12</v>
      </c>
      <c r="Y8644" s="2">
        <v>42.5</v>
      </c>
      <c r="Z8644" s="2">
        <v>122.4</v>
      </c>
      <c r="AA8644" s="5">
        <v>20</v>
      </c>
      <c r="AB8644" s="5" t="s">
        <v>43</v>
      </c>
      <c r="AC8644" s="5" t="s">
        <v>44</v>
      </c>
      <c r="AD8644" s="2" t="s">
        <v>26475</v>
      </c>
      <c r="AE8644" s="1"/>
    </row>
    <row r="8645" spans="1:31" ht="14.45">
      <c r="A8645" s="11"/>
      <c r="B8645" s="20"/>
      <c r="C8645" s="2" t="s">
        <v>26502</v>
      </c>
      <c r="D8645" s="14" t="s">
        <v>26503</v>
      </c>
      <c r="E8645" s="2" t="s">
        <v>26504</v>
      </c>
      <c r="F8645" s="2" t="s">
        <v>26479</v>
      </c>
      <c r="G8645" s="8">
        <v>163</v>
      </c>
      <c r="H8645" s="5">
        <v>5</v>
      </c>
      <c r="I8645" s="5" t="s">
        <v>69</v>
      </c>
      <c r="J8645" s="5" t="s">
        <v>24629</v>
      </c>
      <c r="K8645" s="2" t="s">
        <v>24630</v>
      </c>
      <c r="L8645" s="5" t="s">
        <v>24629</v>
      </c>
      <c r="M8645" s="2" t="s">
        <v>24630</v>
      </c>
      <c r="N8645" s="5" t="s">
        <v>24254</v>
      </c>
      <c r="O8645" s="5" t="s">
        <v>38</v>
      </c>
      <c r="P8645" s="5" t="s">
        <v>39</v>
      </c>
      <c r="Q8645" s="5" t="s">
        <v>40</v>
      </c>
      <c r="R8645" s="5" t="s">
        <v>24335</v>
      </c>
      <c r="S8645" s="5" t="s">
        <v>40</v>
      </c>
      <c r="T8645" s="5" t="s">
        <v>42</v>
      </c>
      <c r="U8645" s="2">
        <v>6.6109999999999998</v>
      </c>
      <c r="V8645" s="2">
        <v>5.1159999999999997</v>
      </c>
      <c r="W8645" s="2">
        <v>8.3000000000000004E-2</v>
      </c>
      <c r="X8645" s="2">
        <v>12</v>
      </c>
      <c r="Y8645" s="2">
        <v>50</v>
      </c>
      <c r="Z8645" s="2">
        <v>137.9</v>
      </c>
      <c r="AA8645" s="5">
        <v>10</v>
      </c>
      <c r="AB8645" s="5" t="s">
        <v>43</v>
      </c>
      <c r="AC8645" s="5" t="s">
        <v>44</v>
      </c>
      <c r="AD8645" s="2" t="s">
        <v>26480</v>
      </c>
      <c r="AE8645" s="1"/>
    </row>
    <row r="8646" spans="1:31" ht="14.45">
      <c r="A8646" s="11"/>
      <c r="B8646" s="20"/>
      <c r="C8646" s="2" t="s">
        <v>26505</v>
      </c>
      <c r="D8646" s="14" t="s">
        <v>26506</v>
      </c>
      <c r="E8646" s="2" t="s">
        <v>26507</v>
      </c>
      <c r="F8646" s="2" t="s">
        <v>25163</v>
      </c>
      <c r="G8646" s="8">
        <v>123</v>
      </c>
      <c r="H8646" s="5">
        <v>5</v>
      </c>
      <c r="I8646" s="5" t="s">
        <v>69</v>
      </c>
      <c r="J8646" s="5" t="s">
        <v>24629</v>
      </c>
      <c r="K8646" s="2" t="s">
        <v>24630</v>
      </c>
      <c r="L8646" s="5" t="s">
        <v>24629</v>
      </c>
      <c r="M8646" s="2" t="s">
        <v>24630</v>
      </c>
      <c r="N8646" s="5" t="s">
        <v>24254</v>
      </c>
      <c r="O8646" s="5" t="s">
        <v>38</v>
      </c>
      <c r="P8646" s="5" t="s">
        <v>39</v>
      </c>
      <c r="Q8646" s="5" t="s">
        <v>40</v>
      </c>
      <c r="R8646" s="5" t="s">
        <v>24335</v>
      </c>
      <c r="S8646" s="5" t="s">
        <v>40</v>
      </c>
      <c r="T8646" s="5" t="s">
        <v>42</v>
      </c>
      <c r="U8646" s="2">
        <v>5.2709999999999999</v>
      </c>
      <c r="V8646" s="2">
        <v>3.9670000000000001</v>
      </c>
      <c r="W8646" s="2">
        <v>7.3999999999999996E-2</v>
      </c>
      <c r="X8646" s="2">
        <v>12</v>
      </c>
      <c r="Y8646" s="2">
        <v>42.5</v>
      </c>
      <c r="Z8646" s="2">
        <v>144.4</v>
      </c>
      <c r="AA8646" s="5">
        <v>20</v>
      </c>
      <c r="AB8646" s="5" t="s">
        <v>43</v>
      </c>
      <c r="AC8646" s="5" t="s">
        <v>44</v>
      </c>
      <c r="AD8646" s="2" t="s">
        <v>26475</v>
      </c>
      <c r="AE8646" s="1"/>
    </row>
    <row r="8647" spans="1:31" ht="14.45">
      <c r="A8647" s="11"/>
      <c r="B8647" s="20"/>
      <c r="C8647" s="2" t="s">
        <v>26508</v>
      </c>
      <c r="D8647" s="14" t="s">
        <v>26509</v>
      </c>
      <c r="E8647" s="2" t="s">
        <v>26510</v>
      </c>
      <c r="F8647" s="2" t="s">
        <v>26479</v>
      </c>
      <c r="G8647" s="8">
        <v>168</v>
      </c>
      <c r="H8647" s="5">
        <v>5</v>
      </c>
      <c r="I8647" s="5" t="s">
        <v>69</v>
      </c>
      <c r="J8647" s="5" t="s">
        <v>24629</v>
      </c>
      <c r="K8647" s="2" t="s">
        <v>24630</v>
      </c>
      <c r="L8647" s="5" t="s">
        <v>24629</v>
      </c>
      <c r="M8647" s="2" t="s">
        <v>24630</v>
      </c>
      <c r="N8647" s="5" t="s">
        <v>24254</v>
      </c>
      <c r="O8647" s="5" t="s">
        <v>38</v>
      </c>
      <c r="P8647" s="5" t="s">
        <v>39</v>
      </c>
      <c r="Q8647" s="5" t="s">
        <v>40</v>
      </c>
      <c r="R8647" s="5" t="s">
        <v>24335</v>
      </c>
      <c r="S8647" s="5" t="s">
        <v>40</v>
      </c>
      <c r="T8647" s="5" t="s">
        <v>42</v>
      </c>
      <c r="U8647" s="2">
        <v>7.1639999999999997</v>
      </c>
      <c r="V8647" s="2">
        <v>5.5250000000000004</v>
      </c>
      <c r="W8647" s="2">
        <v>9.2999999999999999E-2</v>
      </c>
      <c r="X8647" s="2">
        <v>12</v>
      </c>
      <c r="Y8647" s="2">
        <v>50</v>
      </c>
      <c r="Z8647" s="2">
        <v>154.4</v>
      </c>
      <c r="AA8647" s="5">
        <v>10</v>
      </c>
      <c r="AB8647" s="5" t="s">
        <v>43</v>
      </c>
      <c r="AC8647" s="5" t="s">
        <v>44</v>
      </c>
      <c r="AD8647" s="2" t="s">
        <v>26480</v>
      </c>
      <c r="AE8647" s="1"/>
    </row>
    <row r="8648" spans="1:31" ht="14.45">
      <c r="A8648" s="11"/>
      <c r="B8648" s="20"/>
      <c r="C8648" s="2" t="s">
        <v>26511</v>
      </c>
      <c r="D8648" s="14" t="s">
        <v>26512</v>
      </c>
      <c r="E8648" s="2" t="s">
        <v>26513</v>
      </c>
      <c r="F8648" s="2" t="s">
        <v>25163</v>
      </c>
      <c r="G8648" s="8">
        <v>117</v>
      </c>
      <c r="H8648" s="5">
        <v>5</v>
      </c>
      <c r="I8648" s="5" t="s">
        <v>69</v>
      </c>
      <c r="J8648" s="5" t="s">
        <v>24629</v>
      </c>
      <c r="K8648" s="2" t="s">
        <v>24630</v>
      </c>
      <c r="L8648" s="5" t="s">
        <v>24629</v>
      </c>
      <c r="M8648" s="2" t="s">
        <v>24630</v>
      </c>
      <c r="N8648" s="5" t="s">
        <v>24254</v>
      </c>
      <c r="O8648" s="5" t="s">
        <v>38</v>
      </c>
      <c r="P8648" s="5" t="s">
        <v>39</v>
      </c>
      <c r="Q8648" s="5" t="s">
        <v>40</v>
      </c>
      <c r="R8648" s="5" t="s">
        <v>24335</v>
      </c>
      <c r="S8648" s="5" t="s">
        <v>40</v>
      </c>
      <c r="T8648" s="5" t="s">
        <v>42</v>
      </c>
      <c r="U8648" s="2">
        <v>5.234</v>
      </c>
      <c r="V8648" s="2">
        <v>3.93</v>
      </c>
      <c r="W8648" s="2">
        <v>7.3999999999999996E-2</v>
      </c>
      <c r="X8648" s="2">
        <v>12</v>
      </c>
      <c r="Y8648" s="2">
        <v>42.5</v>
      </c>
      <c r="Z8648" s="2">
        <v>144.4</v>
      </c>
      <c r="AA8648" s="5">
        <v>20</v>
      </c>
      <c r="AB8648" s="5" t="s">
        <v>43</v>
      </c>
      <c r="AC8648" s="5" t="s">
        <v>44</v>
      </c>
      <c r="AD8648" s="2" t="s">
        <v>26475</v>
      </c>
      <c r="AE8648" s="1"/>
    </row>
    <row r="8649" spans="1:31" ht="14.45">
      <c r="A8649" s="11"/>
      <c r="B8649" s="20"/>
      <c r="C8649" s="2" t="s">
        <v>26514</v>
      </c>
      <c r="D8649" s="14" t="s">
        <v>26515</v>
      </c>
      <c r="E8649" s="2" t="s">
        <v>26516</v>
      </c>
      <c r="F8649" s="2" t="s">
        <v>26479</v>
      </c>
      <c r="G8649" s="8">
        <v>159</v>
      </c>
      <c r="H8649" s="5">
        <v>5</v>
      </c>
      <c r="I8649" s="5" t="s">
        <v>69</v>
      </c>
      <c r="J8649" s="5" t="s">
        <v>24629</v>
      </c>
      <c r="K8649" s="2" t="s">
        <v>24630</v>
      </c>
      <c r="L8649" s="5" t="s">
        <v>24629</v>
      </c>
      <c r="M8649" s="2" t="s">
        <v>24630</v>
      </c>
      <c r="N8649" s="5" t="s">
        <v>24254</v>
      </c>
      <c r="O8649" s="5" t="s">
        <v>38</v>
      </c>
      <c r="P8649" s="5" t="s">
        <v>39</v>
      </c>
      <c r="Q8649" s="5" t="s">
        <v>40</v>
      </c>
      <c r="R8649" s="5" t="s">
        <v>24335</v>
      </c>
      <c r="S8649" s="5" t="s">
        <v>40</v>
      </c>
      <c r="T8649" s="5" t="s">
        <v>42</v>
      </c>
      <c r="U8649" s="2">
        <v>6.7450000000000001</v>
      </c>
      <c r="V8649" s="2">
        <v>5.25</v>
      </c>
      <c r="W8649" s="2">
        <v>8.3000000000000004E-2</v>
      </c>
      <c r="X8649" s="2">
        <v>12</v>
      </c>
      <c r="Y8649" s="2">
        <v>50</v>
      </c>
      <c r="Z8649" s="2">
        <v>137.9</v>
      </c>
      <c r="AA8649" s="5">
        <v>10</v>
      </c>
      <c r="AB8649" s="5" t="s">
        <v>43</v>
      </c>
      <c r="AC8649" s="5" t="s">
        <v>44</v>
      </c>
      <c r="AD8649" s="2" t="s">
        <v>26480</v>
      </c>
      <c r="AE8649" s="1"/>
    </row>
    <row r="8650" spans="1:31" ht="14.45">
      <c r="A8650" s="11"/>
      <c r="B8650" s="20"/>
      <c r="C8650" s="2" t="s">
        <v>26517</v>
      </c>
      <c r="D8650" s="14" t="s">
        <v>26518</v>
      </c>
      <c r="E8650" s="2" t="s">
        <v>26519</v>
      </c>
      <c r="F8650" s="2" t="s">
        <v>25163</v>
      </c>
      <c r="G8650" s="8">
        <v>123</v>
      </c>
      <c r="H8650" s="5">
        <v>5</v>
      </c>
      <c r="I8650" s="5" t="s">
        <v>69</v>
      </c>
      <c r="J8650" s="5" t="s">
        <v>24629</v>
      </c>
      <c r="K8650" s="2" t="s">
        <v>24630</v>
      </c>
      <c r="L8650" s="5" t="s">
        <v>24629</v>
      </c>
      <c r="M8650" s="2" t="s">
        <v>24630</v>
      </c>
      <c r="N8650" s="5" t="s">
        <v>24254</v>
      </c>
      <c r="O8650" s="5" t="s">
        <v>38</v>
      </c>
      <c r="P8650" s="5" t="s">
        <v>39</v>
      </c>
      <c r="Q8650" s="5" t="s">
        <v>40</v>
      </c>
      <c r="R8650" s="5" t="s">
        <v>24335</v>
      </c>
      <c r="S8650" s="5" t="s">
        <v>40</v>
      </c>
      <c r="T8650" s="5" t="s">
        <v>42</v>
      </c>
      <c r="U8650" s="2">
        <v>5.4550000000000001</v>
      </c>
      <c r="V8650" s="2">
        <v>4.1509999999999998</v>
      </c>
      <c r="W8650" s="2">
        <v>7.3999999999999996E-2</v>
      </c>
      <c r="X8650" s="2">
        <v>12</v>
      </c>
      <c r="Y8650" s="2">
        <v>42.5</v>
      </c>
      <c r="Z8650" s="2">
        <v>144.4</v>
      </c>
      <c r="AA8650" s="5">
        <v>20</v>
      </c>
      <c r="AB8650" s="5" t="s">
        <v>43</v>
      </c>
      <c r="AC8650" s="5" t="s">
        <v>44</v>
      </c>
      <c r="AD8650" s="2" t="s">
        <v>26475</v>
      </c>
      <c r="AE8650" s="1"/>
    </row>
    <row r="8651" spans="1:31" ht="14.45">
      <c r="A8651" s="11"/>
      <c r="B8651" s="20"/>
      <c r="C8651" s="2" t="s">
        <v>26520</v>
      </c>
      <c r="D8651" s="14" t="s">
        <v>26521</v>
      </c>
      <c r="E8651" s="2" t="s">
        <v>26522</v>
      </c>
      <c r="F8651" s="2" t="s">
        <v>26479</v>
      </c>
      <c r="G8651" s="8">
        <v>168</v>
      </c>
      <c r="H8651" s="5">
        <v>5</v>
      </c>
      <c r="I8651" s="5" t="s">
        <v>69</v>
      </c>
      <c r="J8651" s="5" t="s">
        <v>24629</v>
      </c>
      <c r="K8651" s="2" t="s">
        <v>24630</v>
      </c>
      <c r="L8651" s="5" t="s">
        <v>24629</v>
      </c>
      <c r="M8651" s="2" t="s">
        <v>24630</v>
      </c>
      <c r="N8651" s="5" t="s">
        <v>24254</v>
      </c>
      <c r="O8651" s="5" t="s">
        <v>38</v>
      </c>
      <c r="P8651" s="5" t="s">
        <v>39</v>
      </c>
      <c r="Q8651" s="5" t="s">
        <v>40</v>
      </c>
      <c r="R8651" s="5" t="s">
        <v>24335</v>
      </c>
      <c r="S8651" s="5" t="s">
        <v>40</v>
      </c>
      <c r="T8651" s="5" t="s">
        <v>42</v>
      </c>
      <c r="U8651" s="2">
        <v>7.117</v>
      </c>
      <c r="V8651" s="2">
        <v>5.6219999999999999</v>
      </c>
      <c r="W8651" s="2">
        <v>8.3000000000000004E-2</v>
      </c>
      <c r="X8651" s="2">
        <v>12</v>
      </c>
      <c r="Y8651" s="2">
        <v>50</v>
      </c>
      <c r="Z8651" s="2">
        <v>137.9</v>
      </c>
      <c r="AA8651" s="5">
        <v>10</v>
      </c>
      <c r="AB8651" s="5" t="s">
        <v>43</v>
      </c>
      <c r="AC8651" s="5" t="s">
        <v>44</v>
      </c>
      <c r="AD8651" s="2" t="s">
        <v>26480</v>
      </c>
      <c r="AE8651" s="1"/>
    </row>
    <row r="8652" spans="1:31" ht="14.45">
      <c r="A8652" s="11"/>
      <c r="B8652" s="20"/>
      <c r="C8652" s="2" t="s">
        <v>26523</v>
      </c>
      <c r="D8652" s="14" t="s">
        <v>26524</v>
      </c>
      <c r="E8652" s="2" t="s">
        <v>26525</v>
      </c>
      <c r="F8652" s="2" t="s">
        <v>25163</v>
      </c>
      <c r="G8652" s="8">
        <v>129</v>
      </c>
      <c r="H8652" s="5">
        <v>5</v>
      </c>
      <c r="I8652" s="5" t="s">
        <v>69</v>
      </c>
      <c r="J8652" s="5" t="s">
        <v>24629</v>
      </c>
      <c r="K8652" s="2" t="s">
        <v>24630</v>
      </c>
      <c r="L8652" s="5" t="s">
        <v>24629</v>
      </c>
      <c r="M8652" s="2" t="s">
        <v>24630</v>
      </c>
      <c r="N8652" s="5" t="s">
        <v>24254</v>
      </c>
      <c r="O8652" s="5" t="s">
        <v>38</v>
      </c>
      <c r="P8652" s="5" t="s">
        <v>39</v>
      </c>
      <c r="Q8652" s="5" t="s">
        <v>40</v>
      </c>
      <c r="R8652" s="5" t="s">
        <v>24335</v>
      </c>
      <c r="S8652" s="5" t="s">
        <v>40</v>
      </c>
      <c r="T8652" s="5" t="s">
        <v>42</v>
      </c>
      <c r="U8652" s="2">
        <v>5.6989999999999998</v>
      </c>
      <c r="V8652" s="2">
        <v>4.3949999999999996</v>
      </c>
      <c r="W8652" s="2">
        <v>7.3999999999999996E-2</v>
      </c>
      <c r="X8652" s="2">
        <v>12</v>
      </c>
      <c r="Y8652" s="2">
        <v>42.5</v>
      </c>
      <c r="Z8652" s="2">
        <v>144.4</v>
      </c>
      <c r="AA8652" s="5">
        <v>20</v>
      </c>
      <c r="AB8652" s="5" t="s">
        <v>43</v>
      </c>
      <c r="AC8652" s="5" t="s">
        <v>44</v>
      </c>
      <c r="AD8652" s="2" t="s">
        <v>26475</v>
      </c>
      <c r="AE8652" s="1"/>
    </row>
    <row r="8653" spans="1:31" ht="14.45">
      <c r="A8653" s="11"/>
      <c r="B8653" s="20"/>
      <c r="C8653" s="2" t="s">
        <v>26526</v>
      </c>
      <c r="D8653" s="14" t="s">
        <v>26527</v>
      </c>
      <c r="E8653" s="2" t="s">
        <v>26528</v>
      </c>
      <c r="F8653" s="2" t="s">
        <v>26479</v>
      </c>
      <c r="G8653" s="8">
        <v>176</v>
      </c>
      <c r="H8653" s="5">
        <v>5</v>
      </c>
      <c r="I8653" s="5" t="s">
        <v>69</v>
      </c>
      <c r="J8653" s="5" t="s">
        <v>24629</v>
      </c>
      <c r="K8653" s="2" t="s">
        <v>24630</v>
      </c>
      <c r="L8653" s="5" t="s">
        <v>24629</v>
      </c>
      <c r="M8653" s="2" t="s">
        <v>24630</v>
      </c>
      <c r="N8653" s="5" t="s">
        <v>24254</v>
      </c>
      <c r="O8653" s="5" t="s">
        <v>38</v>
      </c>
      <c r="P8653" s="5" t="s">
        <v>39</v>
      </c>
      <c r="Q8653" s="5" t="s">
        <v>40</v>
      </c>
      <c r="R8653" s="5" t="s">
        <v>24335</v>
      </c>
      <c r="S8653" s="5" t="s">
        <v>40</v>
      </c>
      <c r="T8653" s="5" t="s">
        <v>42</v>
      </c>
      <c r="U8653" s="2">
        <v>7.6710000000000003</v>
      </c>
      <c r="V8653" s="2">
        <v>6.032</v>
      </c>
      <c r="W8653" s="2">
        <v>9.2999999999999999E-2</v>
      </c>
      <c r="X8653" s="2">
        <v>12</v>
      </c>
      <c r="Y8653" s="2">
        <v>50</v>
      </c>
      <c r="Z8653" s="2">
        <v>154.4</v>
      </c>
      <c r="AA8653" s="5">
        <v>10</v>
      </c>
      <c r="AB8653" s="5" t="s">
        <v>43</v>
      </c>
      <c r="AC8653" s="5" t="s">
        <v>44</v>
      </c>
      <c r="AD8653" s="2" t="s">
        <v>26480</v>
      </c>
      <c r="AE8653" s="1"/>
    </row>
    <row r="8654" spans="1:31" ht="14.45">
      <c r="A8654" s="11"/>
      <c r="B8654" s="20"/>
      <c r="C8654" s="2" t="s">
        <v>26529</v>
      </c>
      <c r="D8654" s="14" t="s">
        <v>26530</v>
      </c>
      <c r="E8654" s="2" t="s">
        <v>26531</v>
      </c>
      <c r="F8654" s="2" t="s">
        <v>25163</v>
      </c>
      <c r="G8654" s="8">
        <v>148</v>
      </c>
      <c r="H8654" s="5">
        <v>5</v>
      </c>
      <c r="I8654" s="5" t="s">
        <v>69</v>
      </c>
      <c r="J8654" s="5" t="s">
        <v>24629</v>
      </c>
      <c r="K8654" s="2" t="s">
        <v>24630</v>
      </c>
      <c r="L8654" s="5" t="s">
        <v>24629</v>
      </c>
      <c r="M8654" s="2" t="s">
        <v>24630</v>
      </c>
      <c r="N8654" s="5" t="s">
        <v>24254</v>
      </c>
      <c r="O8654" s="5" t="s">
        <v>38</v>
      </c>
      <c r="P8654" s="5" t="s">
        <v>39</v>
      </c>
      <c r="Q8654" s="5" t="s">
        <v>40</v>
      </c>
      <c r="R8654" s="5" t="s">
        <v>24335</v>
      </c>
      <c r="S8654" s="5" t="s">
        <v>40</v>
      </c>
      <c r="T8654" s="5" t="s">
        <v>42</v>
      </c>
      <c r="U8654" s="2">
        <v>6.0549999999999997</v>
      </c>
      <c r="V8654" s="2">
        <v>4.6180000000000003</v>
      </c>
      <c r="W8654" s="2">
        <v>8.4000000000000005E-2</v>
      </c>
      <c r="X8654" s="2">
        <v>12</v>
      </c>
      <c r="Y8654" s="2">
        <v>42.5</v>
      </c>
      <c r="Z8654" s="2">
        <v>164.4</v>
      </c>
      <c r="AA8654" s="5">
        <v>20</v>
      </c>
      <c r="AB8654" s="5" t="s">
        <v>43</v>
      </c>
      <c r="AC8654" s="5" t="s">
        <v>44</v>
      </c>
      <c r="AD8654" s="2" t="s">
        <v>26475</v>
      </c>
      <c r="AE8654" s="1"/>
    </row>
    <row r="8655" spans="1:31" ht="14.45">
      <c r="A8655" s="11"/>
      <c r="B8655" s="20"/>
      <c r="C8655" s="2" t="s">
        <v>26532</v>
      </c>
      <c r="D8655" s="14" t="s">
        <v>26533</v>
      </c>
      <c r="E8655" s="2" t="s">
        <v>26534</v>
      </c>
      <c r="F8655" s="2" t="s">
        <v>26479</v>
      </c>
      <c r="G8655" s="8">
        <v>201</v>
      </c>
      <c r="H8655" s="5">
        <v>5</v>
      </c>
      <c r="I8655" s="5" t="s">
        <v>69</v>
      </c>
      <c r="J8655" s="5" t="s">
        <v>24629</v>
      </c>
      <c r="K8655" s="2" t="s">
        <v>24630</v>
      </c>
      <c r="L8655" s="5" t="s">
        <v>24629</v>
      </c>
      <c r="M8655" s="2" t="s">
        <v>24630</v>
      </c>
      <c r="N8655" s="5" t="s">
        <v>24254</v>
      </c>
      <c r="O8655" s="5" t="s">
        <v>38</v>
      </c>
      <c r="P8655" s="5" t="s">
        <v>39</v>
      </c>
      <c r="Q8655" s="5" t="s">
        <v>40</v>
      </c>
      <c r="R8655" s="5" t="s">
        <v>24335</v>
      </c>
      <c r="S8655" s="5" t="s">
        <v>40</v>
      </c>
      <c r="T8655" s="5" t="s">
        <v>42</v>
      </c>
      <c r="U8655" s="2">
        <v>8.1709999999999994</v>
      </c>
      <c r="V8655" s="2">
        <v>6.4080000000000004</v>
      </c>
      <c r="W8655" s="2">
        <v>0.104</v>
      </c>
      <c r="X8655" s="2">
        <v>12</v>
      </c>
      <c r="Y8655" s="2">
        <v>50</v>
      </c>
      <c r="Z8655" s="2">
        <v>173.9</v>
      </c>
      <c r="AA8655" s="5">
        <v>10</v>
      </c>
      <c r="AB8655" s="5" t="s">
        <v>43</v>
      </c>
      <c r="AC8655" s="5" t="s">
        <v>44</v>
      </c>
      <c r="AD8655" s="2" t="s">
        <v>26480</v>
      </c>
      <c r="AE8655" s="1"/>
    </row>
    <row r="8656" spans="1:31" ht="14.45">
      <c r="A8656" s="11"/>
      <c r="B8656" s="20"/>
      <c r="C8656" s="2" t="s">
        <v>26535</v>
      </c>
      <c r="D8656" s="14" t="s">
        <v>26536</v>
      </c>
      <c r="E8656" s="2" t="s">
        <v>26537</v>
      </c>
      <c r="F8656" s="2" t="s">
        <v>25163</v>
      </c>
      <c r="G8656" s="8">
        <v>150</v>
      </c>
      <c r="H8656" s="5">
        <v>5</v>
      </c>
      <c r="I8656" s="5" t="s">
        <v>69</v>
      </c>
      <c r="J8656" s="5" t="s">
        <v>24629</v>
      </c>
      <c r="K8656" s="2" t="s">
        <v>24630</v>
      </c>
      <c r="L8656" s="5" t="s">
        <v>24629</v>
      </c>
      <c r="M8656" s="2" t="s">
        <v>24630</v>
      </c>
      <c r="N8656" s="5" t="s">
        <v>24254</v>
      </c>
      <c r="O8656" s="5" t="s">
        <v>38</v>
      </c>
      <c r="P8656" s="5" t="s">
        <v>39</v>
      </c>
      <c r="Q8656" s="5" t="s">
        <v>40</v>
      </c>
      <c r="R8656" s="5" t="s">
        <v>24335</v>
      </c>
      <c r="S8656" s="5" t="s">
        <v>40</v>
      </c>
      <c r="T8656" s="5" t="s">
        <v>42</v>
      </c>
      <c r="U8656" s="2">
        <v>6.5359999999999996</v>
      </c>
      <c r="V8656" s="2">
        <v>4.8330000000000002</v>
      </c>
      <c r="W8656" s="2">
        <v>8.4000000000000005E-2</v>
      </c>
      <c r="X8656" s="2">
        <v>12</v>
      </c>
      <c r="Y8656" s="2">
        <v>42.5</v>
      </c>
      <c r="Z8656" s="2">
        <v>164.4</v>
      </c>
      <c r="AA8656" s="5">
        <v>20</v>
      </c>
      <c r="AB8656" s="5" t="s">
        <v>43</v>
      </c>
      <c r="AC8656" s="5" t="s">
        <v>44</v>
      </c>
      <c r="AD8656" s="2" t="s">
        <v>26475</v>
      </c>
      <c r="AE8656" s="1"/>
    </row>
    <row r="8657" spans="1:31" ht="14.45">
      <c r="A8657" s="11"/>
      <c r="B8657" s="20"/>
      <c r="C8657" s="2" t="s">
        <v>26538</v>
      </c>
      <c r="D8657" s="14" t="s">
        <v>26539</v>
      </c>
      <c r="E8657" s="2" t="s">
        <v>26540</v>
      </c>
      <c r="F8657" s="2" t="s">
        <v>26479</v>
      </c>
      <c r="G8657" s="8">
        <v>205</v>
      </c>
      <c r="H8657" s="5">
        <v>10</v>
      </c>
      <c r="I8657" s="5" t="s">
        <v>69</v>
      </c>
      <c r="J8657" s="5" t="s">
        <v>24629</v>
      </c>
      <c r="K8657" s="2" t="s">
        <v>24630</v>
      </c>
      <c r="L8657" s="5" t="s">
        <v>24629</v>
      </c>
      <c r="M8657" s="2" t="s">
        <v>24630</v>
      </c>
      <c r="N8657" s="5" t="s">
        <v>24254</v>
      </c>
      <c r="O8657" s="5" t="s">
        <v>38</v>
      </c>
      <c r="P8657" s="5" t="s">
        <v>39</v>
      </c>
      <c r="Q8657" s="5" t="s">
        <v>40</v>
      </c>
      <c r="R8657" s="5" t="s">
        <v>24335</v>
      </c>
      <c r="S8657" s="5" t="s">
        <v>40</v>
      </c>
      <c r="T8657" s="5" t="s">
        <v>42</v>
      </c>
      <c r="U8657" s="2">
        <v>8.7309999999999999</v>
      </c>
      <c r="V8657" s="2">
        <v>6.7519999999999998</v>
      </c>
      <c r="W8657" s="2">
        <v>0.11600000000000001</v>
      </c>
      <c r="X8657" s="2">
        <v>12</v>
      </c>
      <c r="Y8657" s="2">
        <v>50</v>
      </c>
      <c r="Z8657" s="2">
        <v>193.9</v>
      </c>
      <c r="AA8657" s="5">
        <v>10</v>
      </c>
      <c r="AB8657" s="5" t="s">
        <v>43</v>
      </c>
      <c r="AC8657" s="5" t="s">
        <v>44</v>
      </c>
      <c r="AD8657" s="2" t="s">
        <v>26480</v>
      </c>
      <c r="AE8657" s="1"/>
    </row>
    <row r="8658" spans="1:31" ht="14.45">
      <c r="A8658" s="11"/>
      <c r="B8658" s="20"/>
      <c r="C8658" s="2" t="s">
        <v>26541</v>
      </c>
      <c r="D8658" s="14" t="s">
        <v>26542</v>
      </c>
      <c r="E8658" s="2" t="s">
        <v>26543</v>
      </c>
      <c r="F8658" s="2" t="s">
        <v>25163</v>
      </c>
      <c r="G8658" s="8">
        <v>172</v>
      </c>
      <c r="H8658" s="5">
        <v>15</v>
      </c>
      <c r="I8658" s="5" t="s">
        <v>69</v>
      </c>
      <c r="J8658" s="5" t="s">
        <v>24629</v>
      </c>
      <c r="K8658" s="2" t="s">
        <v>24630</v>
      </c>
      <c r="L8658" s="5" t="s">
        <v>24629</v>
      </c>
      <c r="M8658" s="2" t="s">
        <v>24630</v>
      </c>
      <c r="N8658" s="5" t="s">
        <v>24254</v>
      </c>
      <c r="O8658" s="5" t="s">
        <v>38</v>
      </c>
      <c r="P8658" s="5" t="s">
        <v>39</v>
      </c>
      <c r="Q8658" s="5" t="s">
        <v>40</v>
      </c>
      <c r="R8658" s="5" t="s">
        <v>24335</v>
      </c>
      <c r="S8658" s="5" t="s">
        <v>40</v>
      </c>
      <c r="T8658" s="5" t="s">
        <v>42</v>
      </c>
      <c r="U8658" s="2">
        <v>6.1980000000000004</v>
      </c>
      <c r="V8658" s="2">
        <v>4.8739999999999997</v>
      </c>
      <c r="W8658" s="2">
        <v>8.4000000000000005E-2</v>
      </c>
      <c r="X8658" s="2">
        <v>12</v>
      </c>
      <c r="Y8658" s="2">
        <v>42.5</v>
      </c>
      <c r="Z8658" s="2">
        <v>164.4</v>
      </c>
      <c r="AA8658" s="5">
        <v>20</v>
      </c>
      <c r="AB8658" s="5" t="s">
        <v>43</v>
      </c>
      <c r="AC8658" s="5" t="s">
        <v>44</v>
      </c>
      <c r="AD8658" s="2" t="s">
        <v>26475</v>
      </c>
      <c r="AE8658" s="1"/>
    </row>
    <row r="8659" spans="1:31" ht="14.45">
      <c r="A8659" s="11"/>
      <c r="B8659" s="20"/>
      <c r="C8659" s="2" t="s">
        <v>26544</v>
      </c>
      <c r="D8659" s="14" t="s">
        <v>26545</v>
      </c>
      <c r="E8659" s="2" t="s">
        <v>26546</v>
      </c>
      <c r="F8659" s="2" t="s">
        <v>25397</v>
      </c>
      <c r="G8659" s="8">
        <v>235</v>
      </c>
      <c r="H8659" s="5">
        <v>15</v>
      </c>
      <c r="I8659" s="5" t="s">
        <v>69</v>
      </c>
      <c r="J8659" s="5" t="s">
        <v>24629</v>
      </c>
      <c r="K8659" s="2" t="s">
        <v>24630</v>
      </c>
      <c r="L8659" s="5" t="s">
        <v>24629</v>
      </c>
      <c r="M8659" s="2" t="s">
        <v>24630</v>
      </c>
      <c r="N8659" s="5" t="s">
        <v>24254</v>
      </c>
      <c r="O8659" s="5" t="s">
        <v>38</v>
      </c>
      <c r="P8659" s="5" t="s">
        <v>39</v>
      </c>
      <c r="Q8659" s="5" t="s">
        <v>40</v>
      </c>
      <c r="R8659" s="5" t="s">
        <v>24335</v>
      </c>
      <c r="S8659" s="5" t="s">
        <v>40</v>
      </c>
      <c r="T8659" s="5" t="s">
        <v>42</v>
      </c>
      <c r="U8659" s="2">
        <v>11.007</v>
      </c>
      <c r="V8659" s="2">
        <v>9.19</v>
      </c>
      <c r="W8659" s="2">
        <v>0.11600000000000001</v>
      </c>
      <c r="X8659" s="2">
        <v>12</v>
      </c>
      <c r="Y8659" s="2">
        <v>50</v>
      </c>
      <c r="Z8659" s="2">
        <v>193.9</v>
      </c>
      <c r="AA8659" s="5">
        <v>10</v>
      </c>
      <c r="AB8659" s="5" t="s">
        <v>43</v>
      </c>
      <c r="AC8659" s="5" t="s">
        <v>44</v>
      </c>
      <c r="AD8659" s="2" t="s">
        <v>26480</v>
      </c>
      <c r="AE8659" s="1"/>
    </row>
    <row r="8660" spans="1:31" ht="14.45">
      <c r="A8660" s="11"/>
      <c r="B8660" s="20"/>
      <c r="C8660" s="2" t="s">
        <v>26547</v>
      </c>
      <c r="D8660" s="14" t="s">
        <v>26548</v>
      </c>
      <c r="E8660" s="2" t="s">
        <v>26549</v>
      </c>
      <c r="F8660" s="2" t="s">
        <v>25163</v>
      </c>
      <c r="G8660" s="8">
        <v>140</v>
      </c>
      <c r="H8660" s="5">
        <v>5</v>
      </c>
      <c r="I8660" s="5" t="s">
        <v>69</v>
      </c>
      <c r="J8660" s="5" t="s">
        <v>24629</v>
      </c>
      <c r="K8660" s="2" t="s">
        <v>24630</v>
      </c>
      <c r="L8660" s="5" t="s">
        <v>24629</v>
      </c>
      <c r="M8660" s="2" t="s">
        <v>24630</v>
      </c>
      <c r="N8660" s="5" t="s">
        <v>24254</v>
      </c>
      <c r="O8660" s="5" t="s">
        <v>38</v>
      </c>
      <c r="P8660" s="5" t="s">
        <v>39</v>
      </c>
      <c r="Q8660" s="5" t="s">
        <v>40</v>
      </c>
      <c r="R8660" s="5" t="s">
        <v>24335</v>
      </c>
      <c r="S8660" s="5" t="s">
        <v>40</v>
      </c>
      <c r="T8660" s="5" t="s">
        <v>42</v>
      </c>
      <c r="U8660" s="2">
        <v>5.65</v>
      </c>
      <c r="V8660" s="2">
        <v>4.3460000000000001</v>
      </c>
      <c r="W8660" s="2">
        <v>7.3999999999999996E-2</v>
      </c>
      <c r="X8660" s="2">
        <v>12</v>
      </c>
      <c r="Y8660" s="2">
        <v>42.5</v>
      </c>
      <c r="Z8660" s="2">
        <v>144.4</v>
      </c>
      <c r="AA8660" s="5">
        <v>20</v>
      </c>
      <c r="AB8660" s="5" t="s">
        <v>43</v>
      </c>
      <c r="AC8660" s="5" t="s">
        <v>44</v>
      </c>
      <c r="AD8660" s="2" t="s">
        <v>26475</v>
      </c>
      <c r="AE8660" s="1"/>
    </row>
    <row r="8661" spans="1:31" ht="14.45">
      <c r="A8661" s="11"/>
      <c r="B8661" s="20"/>
      <c r="C8661" s="2" t="s">
        <v>26550</v>
      </c>
      <c r="D8661" s="14" t="s">
        <v>26551</v>
      </c>
      <c r="E8661" s="2" t="s">
        <v>26552</v>
      </c>
      <c r="F8661" s="2" t="s">
        <v>26479</v>
      </c>
      <c r="G8661" s="8">
        <v>191</v>
      </c>
      <c r="H8661" s="5">
        <v>5</v>
      </c>
      <c r="I8661" s="5" t="s">
        <v>69</v>
      </c>
      <c r="J8661" s="5" t="s">
        <v>24629</v>
      </c>
      <c r="K8661" s="2" t="s">
        <v>24630</v>
      </c>
      <c r="L8661" s="5" t="s">
        <v>24629</v>
      </c>
      <c r="M8661" s="2" t="s">
        <v>24630</v>
      </c>
      <c r="N8661" s="5" t="s">
        <v>24254</v>
      </c>
      <c r="O8661" s="5" t="s">
        <v>38</v>
      </c>
      <c r="P8661" s="5" t="s">
        <v>39</v>
      </c>
      <c r="Q8661" s="5" t="s">
        <v>40</v>
      </c>
      <c r="R8661" s="5" t="s">
        <v>24335</v>
      </c>
      <c r="S8661" s="5" t="s">
        <v>40</v>
      </c>
      <c r="T8661" s="5" t="s">
        <v>42</v>
      </c>
      <c r="U8661" s="2">
        <v>7.69</v>
      </c>
      <c r="V8661" s="2">
        <v>5.9269999999999996</v>
      </c>
      <c r="W8661" s="2">
        <v>0.104</v>
      </c>
      <c r="X8661" s="2">
        <v>12</v>
      </c>
      <c r="Y8661" s="2">
        <v>50</v>
      </c>
      <c r="Z8661" s="2">
        <v>173.9</v>
      </c>
      <c r="AA8661" s="5">
        <v>10</v>
      </c>
      <c r="AB8661" s="5" t="s">
        <v>43</v>
      </c>
      <c r="AC8661" s="5" t="s">
        <v>44</v>
      </c>
      <c r="AD8661" s="2" t="s">
        <v>26480</v>
      </c>
      <c r="AE8661" s="1"/>
    </row>
    <row r="8662" spans="1:31" ht="14.45">
      <c r="A8662" s="11"/>
      <c r="B8662" s="20"/>
      <c r="C8662" s="2" t="s">
        <v>26553</v>
      </c>
      <c r="D8662" s="14" t="s">
        <v>26554</v>
      </c>
      <c r="E8662" s="2" t="s">
        <v>26555</v>
      </c>
      <c r="F8662" s="2" t="s">
        <v>25163</v>
      </c>
      <c r="G8662" s="8">
        <v>148</v>
      </c>
      <c r="H8662" s="5">
        <v>5</v>
      </c>
      <c r="I8662" s="5" t="s">
        <v>69</v>
      </c>
      <c r="J8662" s="5" t="s">
        <v>24629</v>
      </c>
      <c r="K8662" s="2" t="s">
        <v>24630</v>
      </c>
      <c r="L8662" s="5" t="s">
        <v>24629</v>
      </c>
      <c r="M8662" s="2" t="s">
        <v>24630</v>
      </c>
      <c r="N8662" s="5" t="s">
        <v>24254</v>
      </c>
      <c r="O8662" s="5" t="s">
        <v>38</v>
      </c>
      <c r="P8662" s="5" t="s">
        <v>39</v>
      </c>
      <c r="Q8662" s="5" t="s">
        <v>40</v>
      </c>
      <c r="R8662" s="5" t="s">
        <v>24335</v>
      </c>
      <c r="S8662" s="5" t="s">
        <v>40</v>
      </c>
      <c r="T8662" s="5" t="s">
        <v>42</v>
      </c>
      <c r="U8662" s="2">
        <v>5.8940000000000001</v>
      </c>
      <c r="V8662" s="2">
        <v>4.59</v>
      </c>
      <c r="W8662" s="2">
        <v>7.3999999999999996E-2</v>
      </c>
      <c r="X8662" s="2">
        <v>12</v>
      </c>
      <c r="Y8662" s="2">
        <v>42.5</v>
      </c>
      <c r="Z8662" s="2">
        <v>144.4</v>
      </c>
      <c r="AA8662" s="5">
        <v>20</v>
      </c>
      <c r="AB8662" s="5" t="s">
        <v>43</v>
      </c>
      <c r="AC8662" s="5" t="s">
        <v>44</v>
      </c>
      <c r="AD8662" s="2" t="s">
        <v>26475</v>
      </c>
      <c r="AE8662" s="1"/>
    </row>
    <row r="8663" spans="1:31" ht="14.45">
      <c r="A8663" s="11"/>
      <c r="B8663" s="20"/>
      <c r="C8663" s="2" t="s">
        <v>26556</v>
      </c>
      <c r="D8663" s="14" t="s">
        <v>26557</v>
      </c>
      <c r="E8663" s="2" t="s">
        <v>26558</v>
      </c>
      <c r="F8663" s="2" t="s">
        <v>26479</v>
      </c>
      <c r="G8663" s="8">
        <v>201</v>
      </c>
      <c r="H8663" s="5">
        <v>5</v>
      </c>
      <c r="I8663" s="5" t="s">
        <v>69</v>
      </c>
      <c r="J8663" s="5" t="s">
        <v>24629</v>
      </c>
      <c r="K8663" s="2" t="s">
        <v>24630</v>
      </c>
      <c r="L8663" s="5" t="s">
        <v>24629</v>
      </c>
      <c r="M8663" s="2" t="s">
        <v>24630</v>
      </c>
      <c r="N8663" s="5" t="s">
        <v>24254</v>
      </c>
      <c r="O8663" s="5" t="s">
        <v>38</v>
      </c>
      <c r="P8663" s="5" t="s">
        <v>39</v>
      </c>
      <c r="Q8663" s="5" t="s">
        <v>40</v>
      </c>
      <c r="R8663" s="5" t="s">
        <v>24335</v>
      </c>
      <c r="S8663" s="5" t="s">
        <v>40</v>
      </c>
      <c r="T8663" s="5" t="s">
        <v>42</v>
      </c>
      <c r="U8663" s="2">
        <v>8.1</v>
      </c>
      <c r="V8663" s="2">
        <v>6.3369999999999997</v>
      </c>
      <c r="W8663" s="2">
        <v>0.104</v>
      </c>
      <c r="X8663" s="2">
        <v>12</v>
      </c>
      <c r="Y8663" s="2">
        <v>50</v>
      </c>
      <c r="Z8663" s="2">
        <v>173.9</v>
      </c>
      <c r="AA8663" s="5">
        <v>10</v>
      </c>
      <c r="AB8663" s="5" t="s">
        <v>43</v>
      </c>
      <c r="AC8663" s="5" t="s">
        <v>44</v>
      </c>
      <c r="AD8663" s="2" t="s">
        <v>26480</v>
      </c>
      <c r="AE8663" s="1"/>
    </row>
    <row r="8664" spans="1:31" ht="14.45">
      <c r="A8664" s="11"/>
      <c r="B8664" s="20"/>
      <c r="C8664" s="2" t="s">
        <v>26559</v>
      </c>
      <c r="D8664" s="14" t="s">
        <v>26560</v>
      </c>
      <c r="E8664" s="2" t="s">
        <v>26561</v>
      </c>
      <c r="F8664" s="2" t="s">
        <v>25163</v>
      </c>
      <c r="G8664" s="8">
        <v>156</v>
      </c>
      <c r="H8664" s="5">
        <v>5</v>
      </c>
      <c r="I8664" s="5" t="s">
        <v>69</v>
      </c>
      <c r="J8664" s="5" t="s">
        <v>24629</v>
      </c>
      <c r="K8664" s="2" t="s">
        <v>24630</v>
      </c>
      <c r="L8664" s="5" t="s">
        <v>24629</v>
      </c>
      <c r="M8664" s="2" t="s">
        <v>24630</v>
      </c>
      <c r="N8664" s="5" t="s">
        <v>24254</v>
      </c>
      <c r="O8664" s="5" t="s">
        <v>38</v>
      </c>
      <c r="P8664" s="5" t="s">
        <v>39</v>
      </c>
      <c r="Q8664" s="5" t="s">
        <v>40</v>
      </c>
      <c r="R8664" s="5" t="s">
        <v>24335</v>
      </c>
      <c r="S8664" s="5" t="s">
        <v>40</v>
      </c>
      <c r="T8664" s="5" t="s">
        <v>42</v>
      </c>
      <c r="U8664" s="2">
        <v>6.2489999999999997</v>
      </c>
      <c r="V8664" s="2">
        <v>4.8120000000000003</v>
      </c>
      <c r="W8664" s="2">
        <v>8.4000000000000005E-2</v>
      </c>
      <c r="X8664" s="2">
        <v>12</v>
      </c>
      <c r="Y8664" s="2">
        <v>42.5</v>
      </c>
      <c r="Z8664" s="2">
        <v>164.4</v>
      </c>
      <c r="AA8664" s="5">
        <v>20</v>
      </c>
      <c r="AB8664" s="5" t="s">
        <v>43</v>
      </c>
      <c r="AC8664" s="5" t="s">
        <v>44</v>
      </c>
      <c r="AD8664" s="2" t="s">
        <v>26475</v>
      </c>
      <c r="AE8664" s="1"/>
    </row>
    <row r="8665" spans="1:31" ht="14.45">
      <c r="A8665" s="11"/>
      <c r="B8665" s="20"/>
      <c r="C8665" s="2" t="s">
        <v>26562</v>
      </c>
      <c r="D8665" s="14" t="s">
        <v>26563</v>
      </c>
      <c r="E8665" s="2" t="s">
        <v>26564</v>
      </c>
      <c r="F8665" s="2" t="s">
        <v>26479</v>
      </c>
      <c r="G8665" s="8">
        <v>213</v>
      </c>
      <c r="H8665" s="5">
        <v>5</v>
      </c>
      <c r="I8665" s="5" t="s">
        <v>69</v>
      </c>
      <c r="J8665" s="5" t="s">
        <v>24629</v>
      </c>
      <c r="K8665" s="2" t="s">
        <v>24630</v>
      </c>
      <c r="L8665" s="5" t="s">
        <v>24629</v>
      </c>
      <c r="M8665" s="2" t="s">
        <v>24630</v>
      </c>
      <c r="N8665" s="5" t="s">
        <v>24254</v>
      </c>
      <c r="O8665" s="5" t="s">
        <v>38</v>
      </c>
      <c r="P8665" s="5" t="s">
        <v>39</v>
      </c>
      <c r="Q8665" s="5" t="s">
        <v>40</v>
      </c>
      <c r="R8665" s="5" t="s">
        <v>24335</v>
      </c>
      <c r="S8665" s="5" t="s">
        <v>40</v>
      </c>
      <c r="T8665" s="5" t="s">
        <v>42</v>
      </c>
      <c r="U8665" s="2">
        <v>8.1890000000000001</v>
      </c>
      <c r="V8665" s="2">
        <v>6.4260000000000002</v>
      </c>
      <c r="W8665" s="2">
        <v>0.104</v>
      </c>
      <c r="X8665" s="2">
        <v>12</v>
      </c>
      <c r="Y8665" s="2">
        <v>50</v>
      </c>
      <c r="Z8665" s="2">
        <v>173.9</v>
      </c>
      <c r="AA8665" s="5">
        <v>10</v>
      </c>
      <c r="AB8665" s="5" t="s">
        <v>43</v>
      </c>
      <c r="AC8665" s="5" t="s">
        <v>44</v>
      </c>
      <c r="AD8665" s="2" t="s">
        <v>26480</v>
      </c>
      <c r="AE8665" s="1"/>
    </row>
    <row r="8666" spans="1:31" ht="14.45">
      <c r="A8666" s="11"/>
      <c r="B8666" s="20"/>
      <c r="C8666" s="2" t="s">
        <v>26565</v>
      </c>
      <c r="D8666" s="14" t="s">
        <v>26566</v>
      </c>
      <c r="E8666" s="2" t="s">
        <v>26567</v>
      </c>
      <c r="F8666" s="2" t="s">
        <v>25163</v>
      </c>
      <c r="G8666" s="8">
        <v>188</v>
      </c>
      <c r="H8666" s="5">
        <v>15</v>
      </c>
      <c r="I8666" s="5" t="s">
        <v>69</v>
      </c>
      <c r="J8666" s="5" t="s">
        <v>24629</v>
      </c>
      <c r="K8666" s="2" t="s">
        <v>24630</v>
      </c>
      <c r="L8666" s="5" t="s">
        <v>24629</v>
      </c>
      <c r="M8666" s="2" t="s">
        <v>24630</v>
      </c>
      <c r="N8666" s="5" t="s">
        <v>24254</v>
      </c>
      <c r="O8666" s="5" t="s">
        <v>38</v>
      </c>
      <c r="P8666" s="5" t="s">
        <v>39</v>
      </c>
      <c r="Q8666" s="5" t="s">
        <v>40</v>
      </c>
      <c r="R8666" s="5" t="s">
        <v>24335</v>
      </c>
      <c r="S8666" s="5" t="s">
        <v>40</v>
      </c>
      <c r="T8666" s="5" t="s">
        <v>42</v>
      </c>
      <c r="U8666" s="2">
        <v>6.3959999999999999</v>
      </c>
      <c r="V8666" s="2">
        <v>5.0720000000000001</v>
      </c>
      <c r="W8666" s="2">
        <v>8.4000000000000005E-2</v>
      </c>
      <c r="X8666" s="2">
        <v>12</v>
      </c>
      <c r="Y8666" s="2">
        <v>42.5</v>
      </c>
      <c r="Z8666" s="2">
        <v>164.4</v>
      </c>
      <c r="AA8666" s="5">
        <v>20</v>
      </c>
      <c r="AB8666" s="5" t="s">
        <v>43</v>
      </c>
      <c r="AC8666" s="5" t="s">
        <v>44</v>
      </c>
      <c r="AD8666" s="2" t="s">
        <v>26475</v>
      </c>
      <c r="AE8666" s="1"/>
    </row>
    <row r="8667" spans="1:31" ht="14.45">
      <c r="A8667" s="11"/>
      <c r="B8667" s="20"/>
      <c r="C8667" s="2" t="s">
        <v>26568</v>
      </c>
      <c r="D8667" s="14" t="s">
        <v>26569</v>
      </c>
      <c r="E8667" s="2" t="s">
        <v>26570</v>
      </c>
      <c r="F8667" s="2" t="s">
        <v>25397</v>
      </c>
      <c r="G8667" s="8">
        <v>257</v>
      </c>
      <c r="H8667" s="5">
        <v>15</v>
      </c>
      <c r="I8667" s="5" t="s">
        <v>69</v>
      </c>
      <c r="J8667" s="5" t="s">
        <v>24629</v>
      </c>
      <c r="K8667" s="2" t="s">
        <v>24630</v>
      </c>
      <c r="L8667" s="5" t="s">
        <v>24629</v>
      </c>
      <c r="M8667" s="2" t="s">
        <v>24630</v>
      </c>
      <c r="N8667" s="5" t="s">
        <v>24254</v>
      </c>
      <c r="O8667" s="5" t="s">
        <v>38</v>
      </c>
      <c r="P8667" s="5" t="s">
        <v>39</v>
      </c>
      <c r="Q8667" s="5" t="s">
        <v>40</v>
      </c>
      <c r="R8667" s="5" t="s">
        <v>24335</v>
      </c>
      <c r="S8667" s="5" t="s">
        <v>40</v>
      </c>
      <c r="T8667" s="5" t="s">
        <v>42</v>
      </c>
      <c r="U8667" s="2">
        <v>11.381</v>
      </c>
      <c r="V8667" s="2">
        <v>9.5640000000000001</v>
      </c>
      <c r="W8667" s="2">
        <v>0.11600000000000001</v>
      </c>
      <c r="X8667" s="2">
        <v>12</v>
      </c>
      <c r="Y8667" s="2">
        <v>50</v>
      </c>
      <c r="Z8667" s="2">
        <v>193.9</v>
      </c>
      <c r="AA8667" s="5">
        <v>10</v>
      </c>
      <c r="AB8667" s="5" t="s">
        <v>43</v>
      </c>
      <c r="AC8667" s="5" t="s">
        <v>44</v>
      </c>
      <c r="AD8667" s="2" t="s">
        <v>26480</v>
      </c>
      <c r="AE8667" s="1"/>
    </row>
    <row r="8668" spans="1:31" ht="14.45">
      <c r="A8668" s="11"/>
      <c r="B8668" s="20"/>
      <c r="C8668" s="2" t="s">
        <v>26571</v>
      </c>
      <c r="D8668" s="14" t="s">
        <v>26572</v>
      </c>
      <c r="E8668" s="2" t="s">
        <v>26573</v>
      </c>
      <c r="F8668" s="2" t="s">
        <v>25163</v>
      </c>
      <c r="G8668" s="8">
        <v>148</v>
      </c>
      <c r="H8668" s="5">
        <v>5</v>
      </c>
      <c r="I8668" s="5" t="s">
        <v>69</v>
      </c>
      <c r="J8668" s="5" t="s">
        <v>24629</v>
      </c>
      <c r="K8668" s="2" t="s">
        <v>24630</v>
      </c>
      <c r="L8668" s="5" t="s">
        <v>24629</v>
      </c>
      <c r="M8668" s="2" t="s">
        <v>24630</v>
      </c>
      <c r="N8668" s="5" t="s">
        <v>24254</v>
      </c>
      <c r="O8668" s="5" t="s">
        <v>38</v>
      </c>
      <c r="P8668" s="5" t="s">
        <v>39</v>
      </c>
      <c r="Q8668" s="5" t="s">
        <v>40</v>
      </c>
      <c r="R8668" s="5" t="s">
        <v>24335</v>
      </c>
      <c r="S8668" s="5" t="s">
        <v>40</v>
      </c>
      <c r="T8668" s="5" t="s">
        <v>42</v>
      </c>
      <c r="U8668" s="2">
        <v>6.181</v>
      </c>
      <c r="V8668" s="2">
        <v>4.7439999999999998</v>
      </c>
      <c r="W8668" s="2">
        <v>8.4000000000000005E-2</v>
      </c>
      <c r="X8668" s="2">
        <v>12</v>
      </c>
      <c r="Y8668" s="2">
        <v>42.5</v>
      </c>
      <c r="Z8668" s="2">
        <v>164.4</v>
      </c>
      <c r="AA8668" s="5">
        <v>20</v>
      </c>
      <c r="AB8668" s="5" t="s">
        <v>43</v>
      </c>
      <c r="AC8668" s="5" t="s">
        <v>44</v>
      </c>
      <c r="AD8668" s="2" t="s">
        <v>26475</v>
      </c>
      <c r="AE8668" s="1"/>
    </row>
    <row r="8669" spans="1:31" ht="14.45">
      <c r="A8669" s="11"/>
      <c r="B8669" s="20"/>
      <c r="C8669" s="2" t="s">
        <v>26574</v>
      </c>
      <c r="D8669" s="14" t="s">
        <v>26575</v>
      </c>
      <c r="E8669" s="2" t="s">
        <v>26576</v>
      </c>
      <c r="F8669" s="2" t="s">
        <v>26479</v>
      </c>
      <c r="G8669" s="8">
        <v>201</v>
      </c>
      <c r="H8669" s="5">
        <v>5</v>
      </c>
      <c r="I8669" s="5" t="s">
        <v>69</v>
      </c>
      <c r="J8669" s="5" t="s">
        <v>24629</v>
      </c>
      <c r="K8669" s="2" t="s">
        <v>24630</v>
      </c>
      <c r="L8669" s="5" t="s">
        <v>24629</v>
      </c>
      <c r="M8669" s="2" t="s">
        <v>24630</v>
      </c>
      <c r="N8669" s="5" t="s">
        <v>24254</v>
      </c>
      <c r="O8669" s="5" t="s">
        <v>38</v>
      </c>
      <c r="P8669" s="5" t="s">
        <v>39</v>
      </c>
      <c r="Q8669" s="5" t="s">
        <v>40</v>
      </c>
      <c r="R8669" s="5" t="s">
        <v>24335</v>
      </c>
      <c r="S8669" s="5" t="s">
        <v>40</v>
      </c>
      <c r="T8669" s="5" t="s">
        <v>42</v>
      </c>
      <c r="U8669" s="2">
        <v>8.2420000000000009</v>
      </c>
      <c r="V8669" s="2">
        <v>6.4790000000000001</v>
      </c>
      <c r="W8669" s="2">
        <v>0.104</v>
      </c>
      <c r="X8669" s="2">
        <v>12</v>
      </c>
      <c r="Y8669" s="2">
        <v>50</v>
      </c>
      <c r="Z8669" s="2">
        <v>173.9</v>
      </c>
      <c r="AA8669" s="5">
        <v>10</v>
      </c>
      <c r="AB8669" s="5" t="s">
        <v>43</v>
      </c>
      <c r="AC8669" s="5" t="s">
        <v>44</v>
      </c>
      <c r="AD8669" s="2" t="s">
        <v>26480</v>
      </c>
      <c r="AE8669" s="1"/>
    </row>
    <row r="8670" spans="1:31" ht="14.45">
      <c r="A8670" s="11"/>
      <c r="B8670" s="20"/>
      <c r="C8670" s="2" t="s">
        <v>26577</v>
      </c>
      <c r="D8670" s="14" t="s">
        <v>26578</v>
      </c>
      <c r="E8670" s="2" t="s">
        <v>26579</v>
      </c>
      <c r="F8670" s="2" t="s">
        <v>25163</v>
      </c>
      <c r="G8670" s="8">
        <v>151</v>
      </c>
      <c r="H8670" s="5">
        <v>5</v>
      </c>
      <c r="I8670" s="5" t="s">
        <v>69</v>
      </c>
      <c r="J8670" s="5" t="s">
        <v>24629</v>
      </c>
      <c r="K8670" s="2" t="s">
        <v>24630</v>
      </c>
      <c r="L8670" s="5" t="s">
        <v>24629</v>
      </c>
      <c r="M8670" s="2" t="s">
        <v>24630</v>
      </c>
      <c r="N8670" s="5" t="s">
        <v>24254</v>
      </c>
      <c r="O8670" s="5" t="s">
        <v>38</v>
      </c>
      <c r="P8670" s="5" t="s">
        <v>39</v>
      </c>
      <c r="Q8670" s="5" t="s">
        <v>40</v>
      </c>
      <c r="R8670" s="5" t="s">
        <v>24335</v>
      </c>
      <c r="S8670" s="5" t="s">
        <v>40</v>
      </c>
      <c r="T8670" s="5" t="s">
        <v>42</v>
      </c>
      <c r="U8670" s="2">
        <v>6.4240000000000004</v>
      </c>
      <c r="V8670" s="2">
        <v>4.9870000000000001</v>
      </c>
      <c r="W8670" s="2">
        <v>8.4000000000000005E-2</v>
      </c>
      <c r="X8670" s="2">
        <v>12</v>
      </c>
      <c r="Y8670" s="2">
        <v>42.5</v>
      </c>
      <c r="Z8670" s="2">
        <v>164.4</v>
      </c>
      <c r="AA8670" s="5">
        <v>20</v>
      </c>
      <c r="AB8670" s="5" t="s">
        <v>43</v>
      </c>
      <c r="AC8670" s="5" t="s">
        <v>44</v>
      </c>
      <c r="AD8670" s="2" t="s">
        <v>26475</v>
      </c>
      <c r="AE8670" s="1"/>
    </row>
    <row r="8671" spans="1:31" ht="14.45">
      <c r="A8671" s="11"/>
      <c r="B8671" s="20"/>
      <c r="C8671" s="2" t="s">
        <v>26580</v>
      </c>
      <c r="D8671" s="14" t="s">
        <v>26581</v>
      </c>
      <c r="E8671" s="2" t="s">
        <v>26582</v>
      </c>
      <c r="F8671" s="2" t="s">
        <v>26479</v>
      </c>
      <c r="G8671" s="8">
        <v>206</v>
      </c>
      <c r="H8671" s="5">
        <v>5</v>
      </c>
      <c r="I8671" s="5" t="s">
        <v>69</v>
      </c>
      <c r="J8671" s="5" t="s">
        <v>24629</v>
      </c>
      <c r="K8671" s="2" t="s">
        <v>24630</v>
      </c>
      <c r="L8671" s="5" t="s">
        <v>24629</v>
      </c>
      <c r="M8671" s="2" t="s">
        <v>24630</v>
      </c>
      <c r="N8671" s="5" t="s">
        <v>24254</v>
      </c>
      <c r="O8671" s="5" t="s">
        <v>38</v>
      </c>
      <c r="P8671" s="5" t="s">
        <v>39</v>
      </c>
      <c r="Q8671" s="5" t="s">
        <v>40</v>
      </c>
      <c r="R8671" s="5" t="s">
        <v>24335</v>
      </c>
      <c r="S8671" s="5" t="s">
        <v>40</v>
      </c>
      <c r="T8671" s="5" t="s">
        <v>42</v>
      </c>
      <c r="U8671" s="2">
        <v>8.6509999999999998</v>
      </c>
      <c r="V8671" s="2">
        <v>6.8879999999999999</v>
      </c>
      <c r="W8671" s="2">
        <v>0.104</v>
      </c>
      <c r="X8671" s="2">
        <v>12</v>
      </c>
      <c r="Y8671" s="2">
        <v>50</v>
      </c>
      <c r="Z8671" s="2">
        <v>173.9</v>
      </c>
      <c r="AA8671" s="5">
        <v>10</v>
      </c>
      <c r="AB8671" s="5" t="s">
        <v>43</v>
      </c>
      <c r="AC8671" s="5" t="s">
        <v>44</v>
      </c>
      <c r="AD8671" s="2" t="s">
        <v>26480</v>
      </c>
      <c r="AE8671" s="1"/>
    </row>
    <row r="8672" spans="1:31" ht="14.45">
      <c r="A8672" s="11"/>
      <c r="B8672" s="20"/>
      <c r="C8672" s="2" t="s">
        <v>26583</v>
      </c>
      <c r="D8672" s="14" t="s">
        <v>26584</v>
      </c>
      <c r="E8672" s="2" t="s">
        <v>26585</v>
      </c>
      <c r="F8672" s="2" t="s">
        <v>25163</v>
      </c>
      <c r="G8672" s="8">
        <v>167</v>
      </c>
      <c r="H8672" s="5">
        <v>5</v>
      </c>
      <c r="I8672" s="5" t="s">
        <v>69</v>
      </c>
      <c r="J8672" s="5" t="s">
        <v>24629</v>
      </c>
      <c r="K8672" s="2" t="s">
        <v>24630</v>
      </c>
      <c r="L8672" s="5" t="s">
        <v>24629</v>
      </c>
      <c r="M8672" s="2" t="s">
        <v>24630</v>
      </c>
      <c r="N8672" s="5" t="s">
        <v>24254</v>
      </c>
      <c r="O8672" s="5" t="s">
        <v>38</v>
      </c>
      <c r="P8672" s="5" t="s">
        <v>39</v>
      </c>
      <c r="Q8672" s="5" t="s">
        <v>40</v>
      </c>
      <c r="R8672" s="5" t="s">
        <v>24335</v>
      </c>
      <c r="S8672" s="5" t="s">
        <v>40</v>
      </c>
      <c r="T8672" s="5" t="s">
        <v>42</v>
      </c>
      <c r="U8672" s="2">
        <v>6.6470000000000002</v>
      </c>
      <c r="V8672" s="2">
        <v>5.21</v>
      </c>
      <c r="W8672" s="2">
        <v>8.4000000000000005E-2</v>
      </c>
      <c r="X8672" s="2">
        <v>12</v>
      </c>
      <c r="Y8672" s="2">
        <v>42.5</v>
      </c>
      <c r="Z8672" s="2">
        <v>164.4</v>
      </c>
      <c r="AA8672" s="5">
        <v>20</v>
      </c>
      <c r="AB8672" s="5" t="s">
        <v>43</v>
      </c>
      <c r="AC8672" s="5" t="s">
        <v>44</v>
      </c>
      <c r="AD8672" s="2" t="s">
        <v>26475</v>
      </c>
      <c r="AE8672" s="1"/>
    </row>
    <row r="8673" spans="1:31" ht="14.45">
      <c r="A8673" s="11"/>
      <c r="B8673" s="20"/>
      <c r="C8673" s="2" t="s">
        <v>26586</v>
      </c>
      <c r="D8673" s="14" t="s">
        <v>26587</v>
      </c>
      <c r="E8673" s="2" t="s">
        <v>26588</v>
      </c>
      <c r="F8673" s="2" t="s">
        <v>26479</v>
      </c>
      <c r="G8673" s="8">
        <v>228</v>
      </c>
      <c r="H8673" s="5">
        <v>5</v>
      </c>
      <c r="I8673" s="5" t="s">
        <v>69</v>
      </c>
      <c r="J8673" s="5" t="s">
        <v>24629</v>
      </c>
      <c r="K8673" s="2" t="s">
        <v>24630</v>
      </c>
      <c r="L8673" s="5" t="s">
        <v>24629</v>
      </c>
      <c r="M8673" s="2" t="s">
        <v>24630</v>
      </c>
      <c r="N8673" s="5" t="s">
        <v>24254</v>
      </c>
      <c r="O8673" s="5" t="s">
        <v>38</v>
      </c>
      <c r="P8673" s="5" t="s">
        <v>39</v>
      </c>
      <c r="Q8673" s="5" t="s">
        <v>40</v>
      </c>
      <c r="R8673" s="5" t="s">
        <v>24335</v>
      </c>
      <c r="S8673" s="5" t="s">
        <v>40</v>
      </c>
      <c r="T8673" s="5" t="s">
        <v>42</v>
      </c>
      <c r="U8673" s="2">
        <v>9.2420000000000009</v>
      </c>
      <c r="V8673" s="2">
        <v>7.2629999999999999</v>
      </c>
      <c r="W8673" s="2">
        <v>0.11600000000000001</v>
      </c>
      <c r="X8673" s="2">
        <v>12</v>
      </c>
      <c r="Y8673" s="2">
        <v>50</v>
      </c>
      <c r="Z8673" s="2">
        <v>193.9</v>
      </c>
      <c r="AA8673" s="5">
        <v>10</v>
      </c>
      <c r="AB8673" s="5" t="s">
        <v>43</v>
      </c>
      <c r="AC8673" s="5" t="s">
        <v>44</v>
      </c>
      <c r="AD8673" s="2" t="s">
        <v>26480</v>
      </c>
      <c r="AE8673" s="1"/>
    </row>
    <row r="8674" spans="1:31" ht="14.45">
      <c r="A8674" s="11"/>
      <c r="B8674" s="20"/>
      <c r="C8674" s="2" t="s">
        <v>26589</v>
      </c>
      <c r="D8674" s="14" t="s">
        <v>26590</v>
      </c>
      <c r="E8674" s="2" t="s">
        <v>26591</v>
      </c>
      <c r="F8674" s="2" t="s">
        <v>25163</v>
      </c>
      <c r="G8674" s="8">
        <v>204</v>
      </c>
      <c r="H8674" s="5">
        <v>15</v>
      </c>
      <c r="I8674" s="5" t="s">
        <v>69</v>
      </c>
      <c r="J8674" s="5" t="s">
        <v>24629</v>
      </c>
      <c r="K8674" s="2" t="s">
        <v>24630</v>
      </c>
      <c r="L8674" s="5" t="s">
        <v>24629</v>
      </c>
      <c r="M8674" s="2" t="s">
        <v>24630</v>
      </c>
      <c r="N8674" s="5" t="s">
        <v>24254</v>
      </c>
      <c r="O8674" s="5" t="s">
        <v>38</v>
      </c>
      <c r="P8674" s="5" t="s">
        <v>39</v>
      </c>
      <c r="Q8674" s="5" t="s">
        <v>40</v>
      </c>
      <c r="R8674" s="5" t="s">
        <v>24335</v>
      </c>
      <c r="S8674" s="5" t="s">
        <v>40</v>
      </c>
      <c r="T8674" s="5" t="s">
        <v>42</v>
      </c>
      <c r="U8674" s="2">
        <v>6.7939999999999996</v>
      </c>
      <c r="V8674" s="2">
        <v>5.47</v>
      </c>
      <c r="W8674" s="2">
        <v>8.4000000000000005E-2</v>
      </c>
      <c r="X8674" s="2">
        <v>12</v>
      </c>
      <c r="Y8674" s="2">
        <v>42.5</v>
      </c>
      <c r="Z8674" s="2">
        <v>164.4</v>
      </c>
      <c r="AA8674" s="5">
        <v>20</v>
      </c>
      <c r="AB8674" s="5" t="s">
        <v>43</v>
      </c>
      <c r="AC8674" s="5" t="s">
        <v>44</v>
      </c>
      <c r="AD8674" s="2" t="s">
        <v>26475</v>
      </c>
      <c r="AE8674" s="1"/>
    </row>
    <row r="8675" spans="1:31" ht="14.45">
      <c r="A8675" s="11"/>
      <c r="B8675" s="20"/>
      <c r="C8675" s="2" t="s">
        <v>26592</v>
      </c>
      <c r="D8675" s="14" t="s">
        <v>26593</v>
      </c>
      <c r="E8675" s="2" t="s">
        <v>26594</v>
      </c>
      <c r="F8675" s="2" t="s">
        <v>25397</v>
      </c>
      <c r="G8675" s="8">
        <v>279</v>
      </c>
      <c r="H8675" s="5">
        <v>15</v>
      </c>
      <c r="I8675" s="5" t="s">
        <v>69</v>
      </c>
      <c r="J8675" s="5" t="s">
        <v>24629</v>
      </c>
      <c r="K8675" s="2" t="s">
        <v>24630</v>
      </c>
      <c r="L8675" s="5" t="s">
        <v>24629</v>
      </c>
      <c r="M8675" s="2" t="s">
        <v>24630</v>
      </c>
      <c r="N8675" s="5" t="s">
        <v>24254</v>
      </c>
      <c r="O8675" s="5" t="s">
        <v>38</v>
      </c>
      <c r="P8675" s="5" t="s">
        <v>39</v>
      </c>
      <c r="Q8675" s="5" t="s">
        <v>40</v>
      </c>
      <c r="R8675" s="5" t="s">
        <v>24335</v>
      </c>
      <c r="S8675" s="5" t="s">
        <v>40</v>
      </c>
      <c r="T8675" s="5" t="s">
        <v>42</v>
      </c>
      <c r="U8675" s="2">
        <v>10.198</v>
      </c>
      <c r="V8675" s="2">
        <v>8.4960000000000004</v>
      </c>
      <c r="W8675" s="2">
        <v>0.11600000000000001</v>
      </c>
      <c r="X8675" s="2">
        <v>12</v>
      </c>
      <c r="Y8675" s="2">
        <v>50</v>
      </c>
      <c r="Z8675" s="2">
        <v>193.9</v>
      </c>
      <c r="AA8675" s="5">
        <v>10</v>
      </c>
      <c r="AB8675" s="5" t="s">
        <v>43</v>
      </c>
      <c r="AC8675" s="5" t="s">
        <v>44</v>
      </c>
      <c r="AD8675" s="2" t="s">
        <v>26480</v>
      </c>
      <c r="AE8675" s="1"/>
    </row>
    <row r="8676" spans="1:31" ht="14.45">
      <c r="A8676" s="11"/>
      <c r="B8676" s="20"/>
      <c r="C8676" s="2" t="s">
        <v>26595</v>
      </c>
      <c r="D8676" s="14" t="s">
        <v>26596</v>
      </c>
      <c r="E8676" s="2" t="s">
        <v>26597</v>
      </c>
      <c r="F8676" s="2" t="s">
        <v>25163</v>
      </c>
      <c r="G8676" s="8">
        <v>148</v>
      </c>
      <c r="H8676" s="5">
        <v>10</v>
      </c>
      <c r="I8676" s="5" t="s">
        <v>69</v>
      </c>
      <c r="J8676" s="5" t="s">
        <v>24629</v>
      </c>
      <c r="K8676" s="2" t="s">
        <v>24630</v>
      </c>
      <c r="L8676" s="5" t="s">
        <v>24629</v>
      </c>
      <c r="M8676" s="2" t="s">
        <v>24630</v>
      </c>
      <c r="N8676" s="5" t="s">
        <v>24254</v>
      </c>
      <c r="O8676" s="5" t="s">
        <v>38</v>
      </c>
      <c r="P8676" s="5" t="s">
        <v>39</v>
      </c>
      <c r="Q8676" s="5" t="s">
        <v>40</v>
      </c>
      <c r="R8676" s="5" t="s">
        <v>24335</v>
      </c>
      <c r="S8676" s="5" t="s">
        <v>40</v>
      </c>
      <c r="T8676" s="5" t="s">
        <v>42</v>
      </c>
      <c r="U8676" s="2">
        <v>6.359</v>
      </c>
      <c r="V8676" s="2">
        <v>4.7590000000000003</v>
      </c>
      <c r="W8676" s="2">
        <v>9.6000000000000002E-2</v>
      </c>
      <c r="X8676" s="2">
        <v>12</v>
      </c>
      <c r="Y8676" s="2">
        <v>42.5</v>
      </c>
      <c r="Z8676" s="2">
        <v>188.9</v>
      </c>
      <c r="AA8676" s="5">
        <v>20</v>
      </c>
      <c r="AB8676" s="5" t="s">
        <v>43</v>
      </c>
      <c r="AC8676" s="5" t="s">
        <v>44</v>
      </c>
      <c r="AD8676" s="2" t="s">
        <v>26475</v>
      </c>
      <c r="AE8676" s="1"/>
    </row>
    <row r="8677" spans="1:31" ht="14.45">
      <c r="A8677" s="11"/>
      <c r="B8677" s="20"/>
      <c r="C8677" s="2" t="s">
        <v>26598</v>
      </c>
      <c r="D8677" s="14" t="s">
        <v>26599</v>
      </c>
      <c r="E8677" s="2" t="s">
        <v>26600</v>
      </c>
      <c r="F8677" s="2" t="s">
        <v>26479</v>
      </c>
      <c r="G8677" s="8">
        <v>201</v>
      </c>
      <c r="H8677" s="5">
        <v>10</v>
      </c>
      <c r="I8677" s="5" t="s">
        <v>69</v>
      </c>
      <c r="J8677" s="5" t="s">
        <v>24629</v>
      </c>
      <c r="K8677" s="2" t="s">
        <v>24630</v>
      </c>
      <c r="L8677" s="5" t="s">
        <v>24629</v>
      </c>
      <c r="M8677" s="2" t="s">
        <v>24630</v>
      </c>
      <c r="N8677" s="5" t="s">
        <v>24254</v>
      </c>
      <c r="O8677" s="5" t="s">
        <v>38</v>
      </c>
      <c r="P8677" s="5" t="s">
        <v>39</v>
      </c>
      <c r="Q8677" s="5" t="s">
        <v>40</v>
      </c>
      <c r="R8677" s="5" t="s">
        <v>24335</v>
      </c>
      <c r="S8677" s="5" t="s">
        <v>40</v>
      </c>
      <c r="T8677" s="5" t="s">
        <v>42</v>
      </c>
      <c r="U8677" s="2">
        <v>8.4420000000000002</v>
      </c>
      <c r="V8677" s="2">
        <v>6.4630000000000001</v>
      </c>
      <c r="W8677" s="2">
        <v>0.11600000000000001</v>
      </c>
      <c r="X8677" s="2">
        <v>12</v>
      </c>
      <c r="Y8677" s="2">
        <v>50</v>
      </c>
      <c r="Z8677" s="2">
        <v>193.9</v>
      </c>
      <c r="AA8677" s="5">
        <v>10</v>
      </c>
      <c r="AB8677" s="5" t="s">
        <v>43</v>
      </c>
      <c r="AC8677" s="5" t="s">
        <v>44</v>
      </c>
      <c r="AD8677" s="2" t="s">
        <v>26480</v>
      </c>
      <c r="AE8677" s="1"/>
    </row>
    <row r="8678" spans="1:31" ht="14.45">
      <c r="A8678" s="11"/>
      <c r="B8678" s="20"/>
      <c r="C8678" s="2" t="s">
        <v>26601</v>
      </c>
      <c r="D8678" s="14" t="s">
        <v>26602</v>
      </c>
      <c r="E8678" s="2" t="s">
        <v>26603</v>
      </c>
      <c r="F8678" s="2" t="s">
        <v>25163</v>
      </c>
      <c r="G8678" s="8">
        <v>160</v>
      </c>
      <c r="H8678" s="5">
        <v>5</v>
      </c>
      <c r="I8678" s="5" t="s">
        <v>69</v>
      </c>
      <c r="J8678" s="5" t="s">
        <v>24629</v>
      </c>
      <c r="K8678" s="2" t="s">
        <v>24630</v>
      </c>
      <c r="L8678" s="5" t="s">
        <v>24629</v>
      </c>
      <c r="M8678" s="2" t="s">
        <v>24630</v>
      </c>
      <c r="N8678" s="5" t="s">
        <v>24254</v>
      </c>
      <c r="O8678" s="5" t="s">
        <v>38</v>
      </c>
      <c r="P8678" s="5" t="s">
        <v>39</v>
      </c>
      <c r="Q8678" s="5" t="s">
        <v>40</v>
      </c>
      <c r="R8678" s="5" t="s">
        <v>24335</v>
      </c>
      <c r="S8678" s="5" t="s">
        <v>40</v>
      </c>
      <c r="T8678" s="5" t="s">
        <v>42</v>
      </c>
      <c r="U8678" s="2">
        <v>6.8330000000000002</v>
      </c>
      <c r="V8678" s="2">
        <v>5.2329999999999997</v>
      </c>
      <c r="W8678" s="2">
        <v>9.6000000000000002E-2</v>
      </c>
      <c r="X8678" s="2">
        <v>12</v>
      </c>
      <c r="Y8678" s="2">
        <v>42.5</v>
      </c>
      <c r="Z8678" s="2">
        <v>188.9</v>
      </c>
      <c r="AA8678" s="5">
        <v>20</v>
      </c>
      <c r="AB8678" s="5" t="s">
        <v>43</v>
      </c>
      <c r="AC8678" s="5" t="s">
        <v>44</v>
      </c>
      <c r="AD8678" s="2" t="s">
        <v>26475</v>
      </c>
      <c r="AE8678" s="1"/>
    </row>
    <row r="8679" spans="1:31" ht="14.45">
      <c r="A8679" s="11"/>
      <c r="B8679" s="20"/>
      <c r="C8679" s="2" t="s">
        <v>26604</v>
      </c>
      <c r="D8679" s="14" t="s">
        <v>26605</v>
      </c>
      <c r="E8679" s="2" t="s">
        <v>26606</v>
      </c>
      <c r="F8679" s="2" t="s">
        <v>26479</v>
      </c>
      <c r="G8679" s="8">
        <v>218</v>
      </c>
      <c r="H8679" s="5">
        <v>5</v>
      </c>
      <c r="I8679" s="5" t="s">
        <v>69</v>
      </c>
      <c r="J8679" s="5" t="s">
        <v>24629</v>
      </c>
      <c r="K8679" s="2" t="s">
        <v>24630</v>
      </c>
      <c r="L8679" s="5" t="s">
        <v>24629</v>
      </c>
      <c r="M8679" s="2" t="s">
        <v>24630</v>
      </c>
      <c r="N8679" s="5" t="s">
        <v>24254</v>
      </c>
      <c r="O8679" s="5" t="s">
        <v>38</v>
      </c>
      <c r="P8679" s="5" t="s">
        <v>39</v>
      </c>
      <c r="Q8679" s="5" t="s">
        <v>40</v>
      </c>
      <c r="R8679" s="5" t="s">
        <v>24335</v>
      </c>
      <c r="S8679" s="5" t="s">
        <v>40</v>
      </c>
      <c r="T8679" s="5" t="s">
        <v>42</v>
      </c>
      <c r="U8679" s="2">
        <v>9.2479999999999993</v>
      </c>
      <c r="V8679" s="2">
        <v>7.2690000000000001</v>
      </c>
      <c r="W8679" s="2">
        <v>0.11600000000000001</v>
      </c>
      <c r="X8679" s="2">
        <v>12</v>
      </c>
      <c r="Y8679" s="2">
        <v>50</v>
      </c>
      <c r="Z8679" s="2">
        <v>193.9</v>
      </c>
      <c r="AA8679" s="5">
        <v>10</v>
      </c>
      <c r="AB8679" s="5" t="s">
        <v>43</v>
      </c>
      <c r="AC8679" s="5" t="s">
        <v>44</v>
      </c>
      <c r="AD8679" s="2" t="s">
        <v>26480</v>
      </c>
      <c r="AE8679" s="1"/>
    </row>
    <row r="8680" spans="1:31" ht="14.45">
      <c r="A8680" s="11"/>
      <c r="B8680" s="20"/>
      <c r="C8680" s="2" t="s">
        <v>26607</v>
      </c>
      <c r="D8680" s="14" t="s">
        <v>26608</v>
      </c>
      <c r="E8680" s="2" t="s">
        <v>26609</v>
      </c>
      <c r="F8680" s="2" t="s">
        <v>25163</v>
      </c>
      <c r="G8680" s="8">
        <v>178</v>
      </c>
      <c r="H8680" s="5">
        <v>15</v>
      </c>
      <c r="I8680" s="5" t="s">
        <v>69</v>
      </c>
      <c r="J8680" s="5" t="s">
        <v>24629</v>
      </c>
      <c r="K8680" s="2" t="s">
        <v>24630</v>
      </c>
      <c r="L8680" s="5" t="s">
        <v>24629</v>
      </c>
      <c r="M8680" s="2" t="s">
        <v>24630</v>
      </c>
      <c r="N8680" s="5" t="s">
        <v>24254</v>
      </c>
      <c r="O8680" s="5" t="s">
        <v>38</v>
      </c>
      <c r="P8680" s="5" t="s">
        <v>39</v>
      </c>
      <c r="Q8680" s="5" t="s">
        <v>40</v>
      </c>
      <c r="R8680" s="5" t="s">
        <v>24335</v>
      </c>
      <c r="S8680" s="5" t="s">
        <v>40</v>
      </c>
      <c r="T8680" s="5" t="s">
        <v>42</v>
      </c>
      <c r="U8680" s="2">
        <v>7.0460000000000003</v>
      </c>
      <c r="V8680" s="2">
        <v>5.4459999999999997</v>
      </c>
      <c r="W8680" s="2">
        <v>9.6000000000000002E-2</v>
      </c>
      <c r="X8680" s="2">
        <v>12</v>
      </c>
      <c r="Y8680" s="2">
        <v>42.5</v>
      </c>
      <c r="Z8680" s="2">
        <v>188.9</v>
      </c>
      <c r="AA8680" s="5">
        <v>20</v>
      </c>
      <c r="AB8680" s="5" t="s">
        <v>43</v>
      </c>
      <c r="AC8680" s="5" t="s">
        <v>44</v>
      </c>
      <c r="AD8680" s="2" t="s">
        <v>26475</v>
      </c>
      <c r="AE8680" s="1"/>
    </row>
    <row r="8681" spans="1:31" ht="14.45">
      <c r="A8681" s="11"/>
      <c r="B8681" s="20"/>
      <c r="C8681" s="2" t="s">
        <v>26610</v>
      </c>
      <c r="D8681" s="14" t="s">
        <v>26611</v>
      </c>
      <c r="E8681" s="2" t="s">
        <v>26612</v>
      </c>
      <c r="F8681" s="2" t="s">
        <v>26479</v>
      </c>
      <c r="G8681" s="8">
        <v>243</v>
      </c>
      <c r="H8681" s="5">
        <v>5</v>
      </c>
      <c r="I8681" s="5" t="s">
        <v>69</v>
      </c>
      <c r="J8681" s="5" t="s">
        <v>24629</v>
      </c>
      <c r="K8681" s="2" t="s">
        <v>24630</v>
      </c>
      <c r="L8681" s="5" t="s">
        <v>24629</v>
      </c>
      <c r="M8681" s="2" t="s">
        <v>24630</v>
      </c>
      <c r="N8681" s="5" t="s">
        <v>24254</v>
      </c>
      <c r="O8681" s="5" t="s">
        <v>38</v>
      </c>
      <c r="P8681" s="5" t="s">
        <v>39</v>
      </c>
      <c r="Q8681" s="5" t="s">
        <v>40</v>
      </c>
      <c r="R8681" s="5" t="s">
        <v>24335</v>
      </c>
      <c r="S8681" s="5" t="s">
        <v>40</v>
      </c>
      <c r="T8681" s="5" t="s">
        <v>42</v>
      </c>
      <c r="U8681" s="2">
        <v>9.3239999999999998</v>
      </c>
      <c r="V8681" s="2">
        <v>7.6210000000000004</v>
      </c>
      <c r="W8681" s="2">
        <v>0.11600000000000001</v>
      </c>
      <c r="X8681" s="2">
        <v>12</v>
      </c>
      <c r="Y8681" s="2">
        <v>50</v>
      </c>
      <c r="Z8681" s="2">
        <v>193.9</v>
      </c>
      <c r="AA8681" s="5">
        <v>10</v>
      </c>
      <c r="AB8681" s="5" t="s">
        <v>43</v>
      </c>
      <c r="AC8681" s="5" t="s">
        <v>44</v>
      </c>
      <c r="AD8681" s="2" t="s">
        <v>26480</v>
      </c>
      <c r="AE8681" s="1"/>
    </row>
    <row r="8682" spans="1:31" ht="14.45">
      <c r="A8682" s="11"/>
      <c r="B8682" s="20"/>
      <c r="C8682" s="2" t="s">
        <v>26613</v>
      </c>
      <c r="D8682" s="14" t="s">
        <v>26614</v>
      </c>
      <c r="E8682" s="2" t="s">
        <v>26615</v>
      </c>
      <c r="F8682" s="2" t="s">
        <v>25163</v>
      </c>
      <c r="G8682" s="8">
        <v>100</v>
      </c>
      <c r="H8682" s="5">
        <v>5</v>
      </c>
      <c r="I8682" s="5" t="s">
        <v>69</v>
      </c>
      <c r="J8682" s="5" t="s">
        <v>24629</v>
      </c>
      <c r="K8682" s="2" t="s">
        <v>24630</v>
      </c>
      <c r="L8682" s="5" t="s">
        <v>24629</v>
      </c>
      <c r="M8682" s="2" t="s">
        <v>24630</v>
      </c>
      <c r="N8682" s="5" t="s">
        <v>24254</v>
      </c>
      <c r="O8682" s="5" t="s">
        <v>38</v>
      </c>
      <c r="P8682" s="5" t="s">
        <v>39</v>
      </c>
      <c r="Q8682" s="5" t="s">
        <v>40</v>
      </c>
      <c r="R8682" s="5" t="s">
        <v>24335</v>
      </c>
      <c r="S8682" s="5" t="s">
        <v>40</v>
      </c>
      <c r="T8682" s="5" t="s">
        <v>42</v>
      </c>
      <c r="U8682" s="2">
        <v>4.7969999999999997</v>
      </c>
      <c r="V8682" s="2">
        <v>3.4329999999999998</v>
      </c>
      <c r="W8682" s="2">
        <v>6.9000000000000006E-2</v>
      </c>
      <c r="X8682" s="2">
        <v>12</v>
      </c>
      <c r="Y8682" s="2">
        <v>50</v>
      </c>
      <c r="Z8682" s="2">
        <v>114.9</v>
      </c>
      <c r="AA8682" s="5">
        <v>20</v>
      </c>
      <c r="AB8682" s="5" t="s">
        <v>43</v>
      </c>
      <c r="AC8682" s="5" t="s">
        <v>44</v>
      </c>
      <c r="AD8682" s="2" t="s">
        <v>26616</v>
      </c>
      <c r="AE8682" s="1"/>
    </row>
    <row r="8683" spans="1:31" ht="14.45">
      <c r="A8683" s="11"/>
      <c r="B8683" s="20"/>
      <c r="C8683" s="2" t="s">
        <v>26617</v>
      </c>
      <c r="D8683" s="14" t="s">
        <v>26618</v>
      </c>
      <c r="E8683" s="2" t="s">
        <v>26619</v>
      </c>
      <c r="F8683" s="2" t="s">
        <v>26620</v>
      </c>
      <c r="G8683" s="8">
        <v>136</v>
      </c>
      <c r="H8683" s="5">
        <v>5</v>
      </c>
      <c r="I8683" s="5" t="s">
        <v>69</v>
      </c>
      <c r="J8683" s="5" t="s">
        <v>24629</v>
      </c>
      <c r="K8683" s="2" t="s">
        <v>24630</v>
      </c>
      <c r="L8683" s="5" t="s">
        <v>24629</v>
      </c>
      <c r="M8683" s="2" t="s">
        <v>24630</v>
      </c>
      <c r="N8683" s="5" t="s">
        <v>24254</v>
      </c>
      <c r="O8683" s="5" t="s">
        <v>38</v>
      </c>
      <c r="P8683" s="5" t="s">
        <v>39</v>
      </c>
      <c r="Q8683" s="5" t="s">
        <v>40</v>
      </c>
      <c r="R8683" s="5" t="s">
        <v>24335</v>
      </c>
      <c r="S8683" s="5" t="s">
        <v>40</v>
      </c>
      <c r="T8683" s="5" t="s">
        <v>42</v>
      </c>
      <c r="U8683" s="2">
        <v>6.43</v>
      </c>
      <c r="V8683" s="2">
        <v>4.6390000000000002</v>
      </c>
      <c r="W8683" s="2">
        <v>0.121</v>
      </c>
      <c r="X8683" s="2">
        <v>12</v>
      </c>
      <c r="Y8683" s="2">
        <v>77</v>
      </c>
      <c r="Z8683" s="2">
        <v>131.4</v>
      </c>
      <c r="AA8683" s="5">
        <v>10</v>
      </c>
      <c r="AB8683" s="5" t="s">
        <v>43</v>
      </c>
      <c r="AC8683" s="5" t="s">
        <v>44</v>
      </c>
      <c r="AD8683" s="2" t="s">
        <v>26621</v>
      </c>
      <c r="AE8683" s="1"/>
    </row>
    <row r="8684" spans="1:31" ht="14.45">
      <c r="A8684" s="11"/>
      <c r="B8684" s="20"/>
      <c r="C8684" s="2" t="s">
        <v>26622</v>
      </c>
      <c r="D8684" s="14" t="s">
        <v>26623</v>
      </c>
      <c r="E8684" s="2" t="s">
        <v>26624</v>
      </c>
      <c r="F8684" s="2" t="s">
        <v>25163</v>
      </c>
      <c r="G8684" s="8">
        <v>106</v>
      </c>
      <c r="H8684" s="5">
        <v>5</v>
      </c>
      <c r="I8684" s="5" t="s">
        <v>69</v>
      </c>
      <c r="J8684" s="5" t="s">
        <v>24629</v>
      </c>
      <c r="K8684" s="2" t="s">
        <v>24630</v>
      </c>
      <c r="L8684" s="5" t="s">
        <v>24629</v>
      </c>
      <c r="M8684" s="2" t="s">
        <v>24630</v>
      </c>
      <c r="N8684" s="5" t="s">
        <v>24254</v>
      </c>
      <c r="O8684" s="5" t="s">
        <v>38</v>
      </c>
      <c r="P8684" s="5" t="s">
        <v>39</v>
      </c>
      <c r="Q8684" s="5" t="s">
        <v>40</v>
      </c>
      <c r="R8684" s="5" t="s">
        <v>24335</v>
      </c>
      <c r="S8684" s="5" t="s">
        <v>40</v>
      </c>
      <c r="T8684" s="5" t="s">
        <v>42</v>
      </c>
      <c r="U8684" s="2">
        <v>5.0309999999999997</v>
      </c>
      <c r="V8684" s="2">
        <v>3.6669999999999998</v>
      </c>
      <c r="W8684" s="2">
        <v>6.9000000000000006E-2</v>
      </c>
      <c r="X8684" s="2">
        <v>12</v>
      </c>
      <c r="Y8684" s="2">
        <v>50</v>
      </c>
      <c r="Z8684" s="2">
        <v>114.9</v>
      </c>
      <c r="AA8684" s="5">
        <v>20</v>
      </c>
      <c r="AB8684" s="5" t="s">
        <v>43</v>
      </c>
      <c r="AC8684" s="5" t="s">
        <v>44</v>
      </c>
      <c r="AD8684" s="2" t="s">
        <v>26616</v>
      </c>
      <c r="AE8684" s="1"/>
    </row>
    <row r="8685" spans="1:31" ht="14.45">
      <c r="A8685" s="11"/>
      <c r="B8685" s="20"/>
      <c r="C8685" s="2" t="s">
        <v>26625</v>
      </c>
      <c r="D8685" s="14" t="s">
        <v>26626</v>
      </c>
      <c r="E8685" s="2" t="s">
        <v>26627</v>
      </c>
      <c r="F8685" s="2" t="s">
        <v>26620</v>
      </c>
      <c r="G8685" s="8">
        <v>144</v>
      </c>
      <c r="H8685" s="5">
        <v>5</v>
      </c>
      <c r="I8685" s="5" t="s">
        <v>69</v>
      </c>
      <c r="J8685" s="5" t="s">
        <v>24629</v>
      </c>
      <c r="K8685" s="2" t="s">
        <v>24630</v>
      </c>
      <c r="L8685" s="5" t="s">
        <v>24629</v>
      </c>
      <c r="M8685" s="2" t="s">
        <v>24630</v>
      </c>
      <c r="N8685" s="5" t="s">
        <v>24254</v>
      </c>
      <c r="O8685" s="5" t="s">
        <v>38</v>
      </c>
      <c r="P8685" s="5" t="s">
        <v>39</v>
      </c>
      <c r="Q8685" s="5" t="s">
        <v>40</v>
      </c>
      <c r="R8685" s="5" t="s">
        <v>24335</v>
      </c>
      <c r="S8685" s="5" t="s">
        <v>40</v>
      </c>
      <c r="T8685" s="5" t="s">
        <v>42</v>
      </c>
      <c r="U8685" s="2">
        <v>6.8070000000000004</v>
      </c>
      <c r="V8685" s="2">
        <v>5.016</v>
      </c>
      <c r="W8685" s="2">
        <v>0.121</v>
      </c>
      <c r="X8685" s="2">
        <v>12</v>
      </c>
      <c r="Y8685" s="2">
        <v>77</v>
      </c>
      <c r="Z8685" s="2">
        <v>131.4</v>
      </c>
      <c r="AA8685" s="5">
        <v>10</v>
      </c>
      <c r="AB8685" s="5" t="s">
        <v>43</v>
      </c>
      <c r="AC8685" s="5" t="s">
        <v>44</v>
      </c>
      <c r="AD8685" s="2" t="s">
        <v>26621</v>
      </c>
      <c r="AE8685" s="1"/>
    </row>
    <row r="8686" spans="1:31" ht="14.45">
      <c r="A8686" s="11"/>
      <c r="B8686" s="20"/>
      <c r="C8686" s="2" t="s">
        <v>26628</v>
      </c>
      <c r="D8686" s="14" t="s">
        <v>26629</v>
      </c>
      <c r="E8686" s="2" t="s">
        <v>26630</v>
      </c>
      <c r="F8686" s="2" t="s">
        <v>25163</v>
      </c>
      <c r="G8686" s="8">
        <v>109</v>
      </c>
      <c r="H8686" s="5">
        <v>5</v>
      </c>
      <c r="I8686" s="5" t="s">
        <v>69</v>
      </c>
      <c r="J8686" s="5" t="s">
        <v>24629</v>
      </c>
      <c r="K8686" s="2" t="s">
        <v>24630</v>
      </c>
      <c r="L8686" s="5" t="s">
        <v>24629</v>
      </c>
      <c r="M8686" s="2" t="s">
        <v>24630</v>
      </c>
      <c r="N8686" s="5" t="s">
        <v>24254</v>
      </c>
      <c r="O8686" s="5" t="s">
        <v>38</v>
      </c>
      <c r="P8686" s="5" t="s">
        <v>39</v>
      </c>
      <c r="Q8686" s="5" t="s">
        <v>40</v>
      </c>
      <c r="R8686" s="5" t="s">
        <v>24335</v>
      </c>
      <c r="S8686" s="5" t="s">
        <v>40</v>
      </c>
      <c r="T8686" s="5" t="s">
        <v>42</v>
      </c>
      <c r="U8686" s="2">
        <v>5.7779999999999996</v>
      </c>
      <c r="V8686" s="2">
        <v>3.8820000000000001</v>
      </c>
      <c r="W8686" s="2">
        <v>7.5999999999999998E-2</v>
      </c>
      <c r="X8686" s="2">
        <v>12</v>
      </c>
      <c r="Y8686" s="2">
        <v>50</v>
      </c>
      <c r="Z8686" s="2">
        <v>125.9</v>
      </c>
      <c r="AA8686" s="5">
        <v>20</v>
      </c>
      <c r="AB8686" s="5" t="s">
        <v>43</v>
      </c>
      <c r="AC8686" s="5" t="s">
        <v>44</v>
      </c>
      <c r="AD8686" s="2" t="s">
        <v>26616</v>
      </c>
      <c r="AE8686" s="1"/>
    </row>
    <row r="8687" spans="1:31" ht="14.45">
      <c r="A8687" s="11"/>
      <c r="B8687" s="20"/>
      <c r="C8687" s="2" t="s">
        <v>26631</v>
      </c>
      <c r="D8687" s="14" t="s">
        <v>26632</v>
      </c>
      <c r="E8687" s="2" t="s">
        <v>26633</v>
      </c>
      <c r="F8687" s="2" t="s">
        <v>26620</v>
      </c>
      <c r="G8687" s="8">
        <v>149</v>
      </c>
      <c r="H8687" s="5">
        <v>5</v>
      </c>
      <c r="I8687" s="5" t="s">
        <v>69</v>
      </c>
      <c r="J8687" s="5" t="s">
        <v>24629</v>
      </c>
      <c r="K8687" s="2" t="s">
        <v>24630</v>
      </c>
      <c r="L8687" s="5" t="s">
        <v>24629</v>
      </c>
      <c r="M8687" s="2" t="s">
        <v>24630</v>
      </c>
      <c r="N8687" s="5" t="s">
        <v>24254</v>
      </c>
      <c r="O8687" s="5" t="s">
        <v>38</v>
      </c>
      <c r="P8687" s="5" t="s">
        <v>39</v>
      </c>
      <c r="Q8687" s="5" t="s">
        <v>40</v>
      </c>
      <c r="R8687" s="5" t="s">
        <v>24335</v>
      </c>
      <c r="S8687" s="5" t="s">
        <v>40</v>
      </c>
      <c r="T8687" s="5" t="s">
        <v>42</v>
      </c>
      <c r="U8687" s="2">
        <v>7.6769999999999996</v>
      </c>
      <c r="V8687" s="2">
        <v>5.4009999999999998</v>
      </c>
      <c r="W8687" s="2">
        <v>0.14299999999999999</v>
      </c>
      <c r="X8687" s="2">
        <v>12</v>
      </c>
      <c r="Y8687" s="2">
        <v>77</v>
      </c>
      <c r="Z8687" s="2">
        <v>154.9</v>
      </c>
      <c r="AA8687" s="5">
        <v>10</v>
      </c>
      <c r="AB8687" s="5" t="s">
        <v>43</v>
      </c>
      <c r="AC8687" s="5" t="s">
        <v>44</v>
      </c>
      <c r="AD8687" s="2" t="s">
        <v>26621</v>
      </c>
      <c r="AE8687" s="1"/>
    </row>
    <row r="8688" spans="1:31" ht="14.45">
      <c r="A8688" s="11"/>
      <c r="B8688" s="20"/>
      <c r="C8688" s="2" t="s">
        <v>26634</v>
      </c>
      <c r="D8688" s="14" t="s">
        <v>26635</v>
      </c>
      <c r="E8688" s="2" t="s">
        <v>26636</v>
      </c>
      <c r="F8688" s="2" t="s">
        <v>25163</v>
      </c>
      <c r="G8688" s="8">
        <v>109</v>
      </c>
      <c r="H8688" s="5">
        <v>5</v>
      </c>
      <c r="I8688" s="5" t="s">
        <v>69</v>
      </c>
      <c r="J8688" s="5" t="s">
        <v>24629</v>
      </c>
      <c r="K8688" s="2" t="s">
        <v>24630</v>
      </c>
      <c r="L8688" s="5" t="s">
        <v>24629</v>
      </c>
      <c r="M8688" s="2" t="s">
        <v>24630</v>
      </c>
      <c r="N8688" s="5" t="s">
        <v>24254</v>
      </c>
      <c r="O8688" s="5" t="s">
        <v>38</v>
      </c>
      <c r="P8688" s="5" t="s">
        <v>39</v>
      </c>
      <c r="Q8688" s="5" t="s">
        <v>40</v>
      </c>
      <c r="R8688" s="5" t="s">
        <v>24335</v>
      </c>
      <c r="S8688" s="5" t="s">
        <v>40</v>
      </c>
      <c r="T8688" s="5" t="s">
        <v>42</v>
      </c>
      <c r="U8688" s="2">
        <v>5.8460000000000001</v>
      </c>
      <c r="V8688" s="2">
        <v>3.8250000000000002</v>
      </c>
      <c r="W8688" s="2">
        <v>7.5999999999999998E-2</v>
      </c>
      <c r="X8688" s="2">
        <v>12</v>
      </c>
      <c r="Y8688" s="2">
        <v>50</v>
      </c>
      <c r="Z8688" s="2">
        <v>125.9</v>
      </c>
      <c r="AA8688" s="5">
        <v>20</v>
      </c>
      <c r="AB8688" s="5" t="s">
        <v>43</v>
      </c>
      <c r="AC8688" s="5" t="s">
        <v>44</v>
      </c>
      <c r="AD8688" s="2" t="s">
        <v>26616</v>
      </c>
      <c r="AE8688" s="1"/>
    </row>
    <row r="8689" spans="1:31" ht="14.45">
      <c r="A8689" s="11"/>
      <c r="B8689" s="20"/>
      <c r="C8689" s="2" t="s">
        <v>26637</v>
      </c>
      <c r="D8689" s="14" t="s">
        <v>26638</v>
      </c>
      <c r="E8689" s="2" t="s">
        <v>26639</v>
      </c>
      <c r="F8689" s="2" t="s">
        <v>26620</v>
      </c>
      <c r="G8689" s="8">
        <v>149</v>
      </c>
      <c r="H8689" s="5">
        <v>5</v>
      </c>
      <c r="I8689" s="5" t="s">
        <v>69</v>
      </c>
      <c r="J8689" s="5" t="s">
        <v>24629</v>
      </c>
      <c r="K8689" s="2" t="s">
        <v>24630</v>
      </c>
      <c r="L8689" s="5" t="s">
        <v>24629</v>
      </c>
      <c r="M8689" s="2" t="s">
        <v>24630</v>
      </c>
      <c r="N8689" s="5" t="s">
        <v>24254</v>
      </c>
      <c r="O8689" s="5" t="s">
        <v>38</v>
      </c>
      <c r="P8689" s="5" t="s">
        <v>39</v>
      </c>
      <c r="Q8689" s="5" t="s">
        <v>40</v>
      </c>
      <c r="R8689" s="5" t="s">
        <v>24335</v>
      </c>
      <c r="S8689" s="5" t="s">
        <v>40</v>
      </c>
      <c r="T8689" s="5" t="s">
        <v>42</v>
      </c>
      <c r="U8689" s="2">
        <v>7.55</v>
      </c>
      <c r="V8689" s="2">
        <v>5.274</v>
      </c>
      <c r="W8689" s="2">
        <v>0.121</v>
      </c>
      <c r="X8689" s="2">
        <v>12</v>
      </c>
      <c r="Y8689" s="2">
        <v>77</v>
      </c>
      <c r="Z8689" s="2">
        <v>131.4</v>
      </c>
      <c r="AA8689" s="5">
        <v>10</v>
      </c>
      <c r="AB8689" s="5" t="s">
        <v>43</v>
      </c>
      <c r="AC8689" s="5" t="s">
        <v>44</v>
      </c>
      <c r="AD8689" s="2" t="s">
        <v>26621</v>
      </c>
      <c r="AE8689" s="1"/>
    </row>
    <row r="8690" spans="1:31" ht="14.45">
      <c r="A8690" s="11"/>
      <c r="B8690" s="20"/>
      <c r="C8690" s="2" t="s">
        <v>26640</v>
      </c>
      <c r="D8690" s="14" t="s">
        <v>26641</v>
      </c>
      <c r="E8690" s="2" t="s">
        <v>26642</v>
      </c>
      <c r="F8690" s="2" t="s">
        <v>25163</v>
      </c>
      <c r="G8690" s="8">
        <v>119</v>
      </c>
      <c r="H8690" s="5">
        <v>5</v>
      </c>
      <c r="I8690" s="5" t="s">
        <v>69</v>
      </c>
      <c r="J8690" s="5" t="s">
        <v>24629</v>
      </c>
      <c r="K8690" s="2" t="s">
        <v>24630</v>
      </c>
      <c r="L8690" s="5" t="s">
        <v>24629</v>
      </c>
      <c r="M8690" s="2" t="s">
        <v>24630</v>
      </c>
      <c r="N8690" s="5" t="s">
        <v>24254</v>
      </c>
      <c r="O8690" s="5" t="s">
        <v>38</v>
      </c>
      <c r="P8690" s="5" t="s">
        <v>39</v>
      </c>
      <c r="Q8690" s="5" t="s">
        <v>40</v>
      </c>
      <c r="R8690" s="5" t="s">
        <v>24335</v>
      </c>
      <c r="S8690" s="5" t="s">
        <v>40</v>
      </c>
      <c r="T8690" s="5" t="s">
        <v>42</v>
      </c>
      <c r="U8690" s="2">
        <v>5.5140000000000002</v>
      </c>
      <c r="V8690" s="2">
        <v>4.0410000000000004</v>
      </c>
      <c r="W8690" s="2">
        <v>7.5999999999999998E-2</v>
      </c>
      <c r="X8690" s="2">
        <v>12</v>
      </c>
      <c r="Y8690" s="2">
        <v>50</v>
      </c>
      <c r="Z8690" s="2">
        <v>125.9</v>
      </c>
      <c r="AA8690" s="5">
        <v>20</v>
      </c>
      <c r="AB8690" s="5" t="s">
        <v>43</v>
      </c>
      <c r="AC8690" s="5" t="s">
        <v>44</v>
      </c>
      <c r="AD8690" s="2" t="s">
        <v>26616</v>
      </c>
      <c r="AE8690" s="1"/>
    </row>
    <row r="8691" spans="1:31" ht="14.45">
      <c r="A8691" s="11"/>
      <c r="B8691" s="20"/>
      <c r="C8691" s="2" t="s">
        <v>26643</v>
      </c>
      <c r="D8691" s="14" t="s">
        <v>26644</v>
      </c>
      <c r="E8691" s="2" t="s">
        <v>26645</v>
      </c>
      <c r="F8691" s="2" t="s">
        <v>26620</v>
      </c>
      <c r="G8691" s="8">
        <v>163</v>
      </c>
      <c r="H8691" s="5">
        <v>5</v>
      </c>
      <c r="I8691" s="5" t="s">
        <v>69</v>
      </c>
      <c r="J8691" s="5" t="s">
        <v>24629</v>
      </c>
      <c r="K8691" s="2" t="s">
        <v>24630</v>
      </c>
      <c r="L8691" s="5" t="s">
        <v>24629</v>
      </c>
      <c r="M8691" s="2" t="s">
        <v>24630</v>
      </c>
      <c r="N8691" s="5" t="s">
        <v>24254</v>
      </c>
      <c r="O8691" s="5" t="s">
        <v>38</v>
      </c>
      <c r="P8691" s="5" t="s">
        <v>39</v>
      </c>
      <c r="Q8691" s="5" t="s">
        <v>40</v>
      </c>
      <c r="R8691" s="5" t="s">
        <v>24335</v>
      </c>
      <c r="S8691" s="5" t="s">
        <v>40</v>
      </c>
      <c r="T8691" s="5" t="s">
        <v>42</v>
      </c>
      <c r="U8691" s="2">
        <v>7.7649999999999997</v>
      </c>
      <c r="V8691" s="2">
        <v>5.4649999999999999</v>
      </c>
      <c r="W8691" s="2">
        <v>0.14299999999999999</v>
      </c>
      <c r="X8691" s="2">
        <v>12</v>
      </c>
      <c r="Y8691" s="2">
        <v>77</v>
      </c>
      <c r="Z8691" s="2">
        <v>154.9</v>
      </c>
      <c r="AA8691" s="5">
        <v>10</v>
      </c>
      <c r="AB8691" s="5" t="s">
        <v>43</v>
      </c>
      <c r="AC8691" s="5" t="s">
        <v>44</v>
      </c>
      <c r="AD8691" s="2" t="s">
        <v>26621</v>
      </c>
      <c r="AE8691" s="1"/>
    </row>
    <row r="8692" spans="1:31" ht="14.45">
      <c r="A8692" s="11"/>
      <c r="B8692" s="20"/>
      <c r="C8692" s="2" t="s">
        <v>26646</v>
      </c>
      <c r="D8692" s="14" t="s">
        <v>26647</v>
      </c>
      <c r="E8692" s="2" t="s">
        <v>26648</v>
      </c>
      <c r="F8692" s="2" t="s">
        <v>25163</v>
      </c>
      <c r="G8692" s="8">
        <v>123</v>
      </c>
      <c r="H8692" s="5">
        <v>5</v>
      </c>
      <c r="I8692" s="5" t="s">
        <v>69</v>
      </c>
      <c r="J8692" s="5" t="s">
        <v>24629</v>
      </c>
      <c r="K8692" s="2" t="s">
        <v>24630</v>
      </c>
      <c r="L8692" s="5" t="s">
        <v>24629</v>
      </c>
      <c r="M8692" s="2" t="s">
        <v>24630</v>
      </c>
      <c r="N8692" s="5" t="s">
        <v>24254</v>
      </c>
      <c r="O8692" s="5" t="s">
        <v>38</v>
      </c>
      <c r="P8692" s="5" t="s">
        <v>39</v>
      </c>
      <c r="Q8692" s="5" t="s">
        <v>40</v>
      </c>
      <c r="R8692" s="5" t="s">
        <v>24335</v>
      </c>
      <c r="S8692" s="5" t="s">
        <v>40</v>
      </c>
      <c r="T8692" s="5" t="s">
        <v>42</v>
      </c>
      <c r="U8692" s="2">
        <v>6.3029999999999999</v>
      </c>
      <c r="V8692" s="2">
        <v>4.282</v>
      </c>
      <c r="W8692" s="2">
        <v>9.2999999999999999E-2</v>
      </c>
      <c r="X8692" s="2">
        <v>12</v>
      </c>
      <c r="Y8692" s="2">
        <v>50</v>
      </c>
      <c r="Z8692" s="2">
        <v>154.4</v>
      </c>
      <c r="AA8692" s="5">
        <v>20</v>
      </c>
      <c r="AB8692" s="5" t="s">
        <v>43</v>
      </c>
      <c r="AC8692" s="5" t="s">
        <v>44</v>
      </c>
      <c r="AD8692" s="2" t="s">
        <v>26616</v>
      </c>
      <c r="AE8692" s="1"/>
    </row>
    <row r="8693" spans="1:31" ht="14.45">
      <c r="A8693" s="11"/>
      <c r="B8693" s="20"/>
      <c r="C8693" s="2" t="s">
        <v>26649</v>
      </c>
      <c r="D8693" s="14" t="s">
        <v>26650</v>
      </c>
      <c r="E8693" s="2" t="s">
        <v>26651</v>
      </c>
      <c r="F8693" s="2" t="s">
        <v>26620</v>
      </c>
      <c r="G8693" s="8">
        <v>168</v>
      </c>
      <c r="H8693" s="5">
        <v>5</v>
      </c>
      <c r="I8693" s="5" t="s">
        <v>69</v>
      </c>
      <c r="J8693" s="5" t="s">
        <v>24629</v>
      </c>
      <c r="K8693" s="2" t="s">
        <v>24630</v>
      </c>
      <c r="L8693" s="5" t="s">
        <v>24629</v>
      </c>
      <c r="M8693" s="2" t="s">
        <v>24630</v>
      </c>
      <c r="N8693" s="5" t="s">
        <v>24254</v>
      </c>
      <c r="O8693" s="5" t="s">
        <v>38</v>
      </c>
      <c r="P8693" s="5" t="s">
        <v>39</v>
      </c>
      <c r="Q8693" s="5" t="s">
        <v>40</v>
      </c>
      <c r="R8693" s="5" t="s">
        <v>24335</v>
      </c>
      <c r="S8693" s="5" t="s">
        <v>40</v>
      </c>
      <c r="T8693" s="5" t="s">
        <v>42</v>
      </c>
      <c r="U8693" s="2">
        <v>8.3550000000000004</v>
      </c>
      <c r="V8693" s="2">
        <v>6.0789999999999997</v>
      </c>
      <c r="W8693" s="2">
        <v>0.16</v>
      </c>
      <c r="X8693" s="2">
        <v>12</v>
      </c>
      <c r="Y8693" s="2">
        <v>77</v>
      </c>
      <c r="Z8693" s="2">
        <v>173.4</v>
      </c>
      <c r="AA8693" s="5">
        <v>10</v>
      </c>
      <c r="AB8693" s="5" t="s">
        <v>43</v>
      </c>
      <c r="AC8693" s="5" t="s">
        <v>44</v>
      </c>
      <c r="AD8693" s="2" t="s">
        <v>26621</v>
      </c>
      <c r="AE8693" s="1"/>
    </row>
    <row r="8694" spans="1:31" ht="14.45">
      <c r="A8694" s="11"/>
      <c r="B8694" s="20"/>
      <c r="C8694" s="2" t="s">
        <v>26652</v>
      </c>
      <c r="D8694" s="14" t="s">
        <v>26653</v>
      </c>
      <c r="E8694" s="2" t="s">
        <v>26654</v>
      </c>
      <c r="F8694" s="2" t="s">
        <v>25163</v>
      </c>
      <c r="G8694" s="8">
        <v>117</v>
      </c>
      <c r="H8694" s="5">
        <v>5</v>
      </c>
      <c r="I8694" s="5" t="s">
        <v>69</v>
      </c>
      <c r="J8694" s="5" t="s">
        <v>24629</v>
      </c>
      <c r="K8694" s="2" t="s">
        <v>24630</v>
      </c>
      <c r="L8694" s="5" t="s">
        <v>24629</v>
      </c>
      <c r="M8694" s="2" t="s">
        <v>24630</v>
      </c>
      <c r="N8694" s="5" t="s">
        <v>24254</v>
      </c>
      <c r="O8694" s="5" t="s">
        <v>38</v>
      </c>
      <c r="P8694" s="5" t="s">
        <v>39</v>
      </c>
      <c r="Q8694" s="5" t="s">
        <v>40</v>
      </c>
      <c r="R8694" s="5" t="s">
        <v>24335</v>
      </c>
      <c r="S8694" s="5" t="s">
        <v>40</v>
      </c>
      <c r="T8694" s="5" t="s">
        <v>42</v>
      </c>
      <c r="U8694" s="2">
        <v>5.8040000000000003</v>
      </c>
      <c r="V8694" s="2">
        <v>4.2430000000000003</v>
      </c>
      <c r="W8694" s="2">
        <v>8.3000000000000004E-2</v>
      </c>
      <c r="X8694" s="2">
        <v>12</v>
      </c>
      <c r="Y8694" s="2">
        <v>50</v>
      </c>
      <c r="Z8694" s="2">
        <v>137.9</v>
      </c>
      <c r="AA8694" s="5">
        <v>20</v>
      </c>
      <c r="AB8694" s="5" t="s">
        <v>43</v>
      </c>
      <c r="AC8694" s="5" t="s">
        <v>44</v>
      </c>
      <c r="AD8694" s="2" t="s">
        <v>26616</v>
      </c>
      <c r="AE8694" s="1"/>
    </row>
    <row r="8695" spans="1:31" ht="14.45">
      <c r="A8695" s="11"/>
      <c r="B8695" s="20"/>
      <c r="C8695" s="2" t="s">
        <v>26655</v>
      </c>
      <c r="D8695" s="14" t="s">
        <v>26656</v>
      </c>
      <c r="E8695" s="2" t="s">
        <v>26657</v>
      </c>
      <c r="F8695" s="2" t="s">
        <v>26620</v>
      </c>
      <c r="G8695" s="8">
        <v>159</v>
      </c>
      <c r="H8695" s="5">
        <v>5</v>
      </c>
      <c r="I8695" s="5" t="s">
        <v>69</v>
      </c>
      <c r="J8695" s="5" t="s">
        <v>24629</v>
      </c>
      <c r="K8695" s="2" t="s">
        <v>24630</v>
      </c>
      <c r="L8695" s="5" t="s">
        <v>24629</v>
      </c>
      <c r="M8695" s="2" t="s">
        <v>24630</v>
      </c>
      <c r="N8695" s="5" t="s">
        <v>24254</v>
      </c>
      <c r="O8695" s="5" t="s">
        <v>38</v>
      </c>
      <c r="P8695" s="5" t="s">
        <v>39</v>
      </c>
      <c r="Q8695" s="5" t="s">
        <v>40</v>
      </c>
      <c r="R8695" s="5" t="s">
        <v>24335</v>
      </c>
      <c r="S8695" s="5" t="s">
        <v>40</v>
      </c>
      <c r="T8695" s="5" t="s">
        <v>42</v>
      </c>
      <c r="U8695" s="2">
        <v>8.1150000000000002</v>
      </c>
      <c r="V8695" s="2">
        <v>5.83</v>
      </c>
      <c r="W8695" s="2">
        <v>0.14299999999999999</v>
      </c>
      <c r="X8695" s="2">
        <v>12</v>
      </c>
      <c r="Y8695" s="2">
        <v>77</v>
      </c>
      <c r="Z8695" s="2">
        <v>154.9</v>
      </c>
      <c r="AA8695" s="5">
        <v>10</v>
      </c>
      <c r="AB8695" s="5" t="s">
        <v>43</v>
      </c>
      <c r="AC8695" s="5" t="s">
        <v>44</v>
      </c>
      <c r="AD8695" s="2" t="s">
        <v>26621</v>
      </c>
      <c r="AE8695" s="1"/>
    </row>
    <row r="8696" spans="1:31" ht="14.45">
      <c r="A8696" s="11"/>
      <c r="B8696" s="20"/>
      <c r="C8696" s="2" t="s">
        <v>26658</v>
      </c>
      <c r="D8696" s="14" t="s">
        <v>26659</v>
      </c>
      <c r="E8696" s="2" t="s">
        <v>26660</v>
      </c>
      <c r="F8696" s="2" t="s">
        <v>25163</v>
      </c>
      <c r="G8696" s="8">
        <v>123</v>
      </c>
      <c r="H8696" s="5">
        <v>5</v>
      </c>
      <c r="I8696" s="5" t="s">
        <v>69</v>
      </c>
      <c r="J8696" s="5" t="s">
        <v>24629</v>
      </c>
      <c r="K8696" s="2" t="s">
        <v>24630</v>
      </c>
      <c r="L8696" s="5" t="s">
        <v>24629</v>
      </c>
      <c r="M8696" s="2" t="s">
        <v>24630</v>
      </c>
      <c r="N8696" s="5" t="s">
        <v>24254</v>
      </c>
      <c r="O8696" s="5" t="s">
        <v>38</v>
      </c>
      <c r="P8696" s="5" t="s">
        <v>39</v>
      </c>
      <c r="Q8696" s="5" t="s">
        <v>40</v>
      </c>
      <c r="R8696" s="5" t="s">
        <v>24335</v>
      </c>
      <c r="S8696" s="5" t="s">
        <v>40</v>
      </c>
      <c r="T8696" s="5" t="s">
        <v>42</v>
      </c>
      <c r="U8696" s="2">
        <v>6.0209999999999999</v>
      </c>
      <c r="V8696" s="2">
        <v>4.46</v>
      </c>
      <c r="W8696" s="2">
        <v>8.3000000000000004E-2</v>
      </c>
      <c r="X8696" s="2">
        <v>12</v>
      </c>
      <c r="Y8696" s="2">
        <v>50</v>
      </c>
      <c r="Z8696" s="2">
        <v>137.9</v>
      </c>
      <c r="AA8696" s="5">
        <v>20</v>
      </c>
      <c r="AB8696" s="5" t="s">
        <v>43</v>
      </c>
      <c r="AC8696" s="5" t="s">
        <v>44</v>
      </c>
      <c r="AD8696" s="2" t="s">
        <v>26616</v>
      </c>
      <c r="AE8696" s="1"/>
    </row>
    <row r="8697" spans="1:31" ht="14.45">
      <c r="A8697" s="11"/>
      <c r="B8697" s="20"/>
      <c r="C8697" s="2" t="s">
        <v>26661</v>
      </c>
      <c r="D8697" s="14" t="s">
        <v>26662</v>
      </c>
      <c r="E8697" s="2" t="s">
        <v>26663</v>
      </c>
      <c r="F8697" s="2" t="s">
        <v>26620</v>
      </c>
      <c r="G8697" s="8">
        <v>168</v>
      </c>
      <c r="H8697" s="5">
        <v>5</v>
      </c>
      <c r="I8697" s="5" t="s">
        <v>69</v>
      </c>
      <c r="J8697" s="5" t="s">
        <v>24629</v>
      </c>
      <c r="K8697" s="2" t="s">
        <v>24630</v>
      </c>
      <c r="L8697" s="5" t="s">
        <v>24629</v>
      </c>
      <c r="M8697" s="2" t="s">
        <v>24630</v>
      </c>
      <c r="N8697" s="5" t="s">
        <v>24254</v>
      </c>
      <c r="O8697" s="5" t="s">
        <v>38</v>
      </c>
      <c r="P8697" s="5" t="s">
        <v>39</v>
      </c>
      <c r="Q8697" s="5" t="s">
        <v>40</v>
      </c>
      <c r="R8697" s="5" t="s">
        <v>24335</v>
      </c>
      <c r="S8697" s="5" t="s">
        <v>40</v>
      </c>
      <c r="T8697" s="5" t="s">
        <v>42</v>
      </c>
      <c r="U8697" s="2">
        <v>8.2569999999999997</v>
      </c>
      <c r="V8697" s="2">
        <v>5.9660000000000002</v>
      </c>
      <c r="W8697" s="2">
        <v>0.14299999999999999</v>
      </c>
      <c r="X8697" s="2">
        <v>12</v>
      </c>
      <c r="Y8697" s="2">
        <v>77</v>
      </c>
      <c r="Z8697" s="2">
        <v>154.9</v>
      </c>
      <c r="AA8697" s="5">
        <v>10</v>
      </c>
      <c r="AB8697" s="5" t="s">
        <v>43</v>
      </c>
      <c r="AC8697" s="5" t="s">
        <v>44</v>
      </c>
      <c r="AD8697" s="2" t="s">
        <v>26621</v>
      </c>
      <c r="AE8697" s="1"/>
    </row>
    <row r="8698" spans="1:31" ht="14.45">
      <c r="A8698" s="11"/>
      <c r="B8698" s="20"/>
      <c r="C8698" s="2" t="s">
        <v>26664</v>
      </c>
      <c r="D8698" s="14" t="s">
        <v>26665</v>
      </c>
      <c r="E8698" s="2" t="s">
        <v>26666</v>
      </c>
      <c r="F8698" s="2" t="s">
        <v>25163</v>
      </c>
      <c r="G8698" s="8">
        <v>129</v>
      </c>
      <c r="H8698" s="5">
        <v>5</v>
      </c>
      <c r="I8698" s="5" t="s">
        <v>69</v>
      </c>
      <c r="J8698" s="5" t="s">
        <v>24629</v>
      </c>
      <c r="K8698" s="2" t="s">
        <v>24630</v>
      </c>
      <c r="L8698" s="5" t="s">
        <v>24629</v>
      </c>
      <c r="M8698" s="2" t="s">
        <v>24630</v>
      </c>
      <c r="N8698" s="5" t="s">
        <v>24254</v>
      </c>
      <c r="O8698" s="5" t="s">
        <v>38</v>
      </c>
      <c r="P8698" s="5" t="s">
        <v>39</v>
      </c>
      <c r="Q8698" s="5" t="s">
        <v>40</v>
      </c>
      <c r="R8698" s="5" t="s">
        <v>24335</v>
      </c>
      <c r="S8698" s="5" t="s">
        <v>40</v>
      </c>
      <c r="T8698" s="5" t="s">
        <v>42</v>
      </c>
      <c r="U8698" s="2">
        <v>6.4059999999999997</v>
      </c>
      <c r="V8698" s="2">
        <v>4.7009999999999996</v>
      </c>
      <c r="W8698" s="2">
        <v>9.2999999999999999E-2</v>
      </c>
      <c r="X8698" s="2">
        <v>12</v>
      </c>
      <c r="Y8698" s="2">
        <v>50</v>
      </c>
      <c r="Z8698" s="2">
        <v>154.4</v>
      </c>
      <c r="AA8698" s="5">
        <v>20</v>
      </c>
      <c r="AB8698" s="5" t="s">
        <v>43</v>
      </c>
      <c r="AC8698" s="5" t="s">
        <v>44</v>
      </c>
      <c r="AD8698" s="2" t="s">
        <v>26616</v>
      </c>
      <c r="AE8698" s="1"/>
    </row>
    <row r="8699" spans="1:31" ht="14.45">
      <c r="A8699" s="11"/>
      <c r="B8699" s="20"/>
      <c r="C8699" s="2" t="s">
        <v>26667</v>
      </c>
      <c r="D8699" s="14" t="s">
        <v>26668</v>
      </c>
      <c r="E8699" s="2" t="s">
        <v>26669</v>
      </c>
      <c r="F8699" s="2" t="s">
        <v>26620</v>
      </c>
      <c r="G8699" s="8">
        <v>176</v>
      </c>
      <c r="H8699" s="5">
        <v>5</v>
      </c>
      <c r="I8699" s="5" t="s">
        <v>69</v>
      </c>
      <c r="J8699" s="5" t="s">
        <v>24629</v>
      </c>
      <c r="K8699" s="2" t="s">
        <v>24630</v>
      </c>
      <c r="L8699" s="5" t="s">
        <v>24629</v>
      </c>
      <c r="M8699" s="2" t="s">
        <v>24630</v>
      </c>
      <c r="N8699" s="5" t="s">
        <v>24254</v>
      </c>
      <c r="O8699" s="5" t="s">
        <v>38</v>
      </c>
      <c r="P8699" s="5" t="s">
        <v>39</v>
      </c>
      <c r="Q8699" s="5" t="s">
        <v>40</v>
      </c>
      <c r="R8699" s="5" t="s">
        <v>24335</v>
      </c>
      <c r="S8699" s="5" t="s">
        <v>40</v>
      </c>
      <c r="T8699" s="5" t="s">
        <v>42</v>
      </c>
      <c r="U8699" s="2">
        <v>8.8239999999999998</v>
      </c>
      <c r="V8699" s="2">
        <v>6.3769999999999998</v>
      </c>
      <c r="W8699" s="2">
        <v>0.16</v>
      </c>
      <c r="X8699" s="2">
        <v>12</v>
      </c>
      <c r="Y8699" s="2">
        <v>77</v>
      </c>
      <c r="Z8699" s="2">
        <v>173.4</v>
      </c>
      <c r="AA8699" s="5">
        <v>10</v>
      </c>
      <c r="AB8699" s="5" t="s">
        <v>43</v>
      </c>
      <c r="AC8699" s="5" t="s">
        <v>44</v>
      </c>
      <c r="AD8699" s="2" t="s">
        <v>26621</v>
      </c>
      <c r="AE8699" s="1"/>
    </row>
    <row r="8700" spans="1:31" ht="14.45">
      <c r="A8700" s="11"/>
      <c r="B8700" s="20"/>
      <c r="C8700" s="2" t="s">
        <v>26670</v>
      </c>
      <c r="D8700" s="14" t="s">
        <v>26671</v>
      </c>
      <c r="E8700" s="2" t="s">
        <v>26672</v>
      </c>
      <c r="F8700" s="2" t="s">
        <v>25163</v>
      </c>
      <c r="G8700" s="8">
        <v>148</v>
      </c>
      <c r="H8700" s="5">
        <v>5</v>
      </c>
      <c r="I8700" s="5" t="s">
        <v>69</v>
      </c>
      <c r="J8700" s="5" t="s">
        <v>24629</v>
      </c>
      <c r="K8700" s="2" t="s">
        <v>24630</v>
      </c>
      <c r="L8700" s="5" t="s">
        <v>24629</v>
      </c>
      <c r="M8700" s="2" t="s">
        <v>24630</v>
      </c>
      <c r="N8700" s="5" t="s">
        <v>24254</v>
      </c>
      <c r="O8700" s="5" t="s">
        <v>38</v>
      </c>
      <c r="P8700" s="5" t="s">
        <v>39</v>
      </c>
      <c r="Q8700" s="5" t="s">
        <v>40</v>
      </c>
      <c r="R8700" s="5" t="s">
        <v>24335</v>
      </c>
      <c r="S8700" s="5" t="s">
        <v>40</v>
      </c>
      <c r="T8700" s="5" t="s">
        <v>42</v>
      </c>
      <c r="U8700" s="2">
        <v>7.7569999999999997</v>
      </c>
      <c r="V8700" s="2">
        <v>4.9589999999999996</v>
      </c>
      <c r="W8700" s="2">
        <v>0.104</v>
      </c>
      <c r="X8700" s="2">
        <v>12</v>
      </c>
      <c r="Y8700" s="2">
        <v>50</v>
      </c>
      <c r="Z8700" s="2">
        <v>173.9</v>
      </c>
      <c r="AA8700" s="5">
        <v>20</v>
      </c>
      <c r="AB8700" s="5" t="s">
        <v>43</v>
      </c>
      <c r="AC8700" s="5" t="s">
        <v>44</v>
      </c>
      <c r="AD8700" s="2" t="s">
        <v>26616</v>
      </c>
      <c r="AE8700" s="1"/>
    </row>
    <row r="8701" spans="1:31" ht="14.45">
      <c r="A8701" s="11"/>
      <c r="B8701" s="20"/>
      <c r="C8701" s="2" t="s">
        <v>26673</v>
      </c>
      <c r="D8701" s="14" t="s">
        <v>26674</v>
      </c>
      <c r="E8701" s="2" t="s">
        <v>26675</v>
      </c>
      <c r="F8701" s="2" t="s">
        <v>26620</v>
      </c>
      <c r="G8701" s="8">
        <v>201</v>
      </c>
      <c r="H8701" s="5">
        <v>5</v>
      </c>
      <c r="I8701" s="5" t="s">
        <v>69</v>
      </c>
      <c r="J8701" s="5" t="s">
        <v>24629</v>
      </c>
      <c r="K8701" s="2" t="s">
        <v>24630</v>
      </c>
      <c r="L8701" s="5" t="s">
        <v>24629</v>
      </c>
      <c r="M8701" s="2" t="s">
        <v>24630</v>
      </c>
      <c r="N8701" s="5" t="s">
        <v>24254</v>
      </c>
      <c r="O8701" s="5" t="s">
        <v>38</v>
      </c>
      <c r="P8701" s="5" t="s">
        <v>39</v>
      </c>
      <c r="Q8701" s="5" t="s">
        <v>40</v>
      </c>
      <c r="R8701" s="5" t="s">
        <v>24335</v>
      </c>
      <c r="S8701" s="5" t="s">
        <v>40</v>
      </c>
      <c r="T8701" s="5" t="s">
        <v>42</v>
      </c>
      <c r="U8701" s="2">
        <v>9.7769999999999992</v>
      </c>
      <c r="V8701" s="2">
        <v>7.0229999999999997</v>
      </c>
      <c r="W8701" s="2">
        <v>0.19500000000000001</v>
      </c>
      <c r="X8701" s="2">
        <v>12</v>
      </c>
      <c r="Y8701" s="2">
        <v>77</v>
      </c>
      <c r="Z8701" s="2">
        <v>210.9</v>
      </c>
      <c r="AA8701" s="5">
        <v>10</v>
      </c>
      <c r="AB8701" s="5" t="s">
        <v>43</v>
      </c>
      <c r="AC8701" s="5" t="s">
        <v>44</v>
      </c>
      <c r="AD8701" s="2" t="s">
        <v>26621</v>
      </c>
      <c r="AE8701" s="1"/>
    </row>
    <row r="8702" spans="1:31" ht="14.45">
      <c r="A8702" s="11"/>
      <c r="B8702" s="20"/>
      <c r="C8702" s="2" t="s">
        <v>26676</v>
      </c>
      <c r="D8702" s="14" t="s">
        <v>26677</v>
      </c>
      <c r="E8702" s="2" t="s">
        <v>26678</v>
      </c>
      <c r="F8702" s="2" t="s">
        <v>25163</v>
      </c>
      <c r="G8702" s="8">
        <v>150</v>
      </c>
      <c r="H8702" s="5">
        <v>5</v>
      </c>
      <c r="I8702" s="5" t="s">
        <v>69</v>
      </c>
      <c r="J8702" s="5" t="s">
        <v>24629</v>
      </c>
      <c r="K8702" s="2" t="s">
        <v>24630</v>
      </c>
      <c r="L8702" s="5" t="s">
        <v>24629</v>
      </c>
      <c r="M8702" s="2" t="s">
        <v>24630</v>
      </c>
      <c r="N8702" s="5" t="s">
        <v>24254</v>
      </c>
      <c r="O8702" s="5" t="s">
        <v>38</v>
      </c>
      <c r="P8702" s="5" t="s">
        <v>39</v>
      </c>
      <c r="Q8702" s="5" t="s">
        <v>40</v>
      </c>
      <c r="R8702" s="5" t="s">
        <v>24335</v>
      </c>
      <c r="S8702" s="5" t="s">
        <v>40</v>
      </c>
      <c r="T8702" s="5" t="s">
        <v>42</v>
      </c>
      <c r="U8702" s="2">
        <v>7.9889999999999999</v>
      </c>
      <c r="V8702" s="2">
        <v>5.1909999999999998</v>
      </c>
      <c r="W8702" s="2">
        <v>0.11600000000000001</v>
      </c>
      <c r="X8702" s="2">
        <v>12</v>
      </c>
      <c r="Y8702" s="2">
        <v>50</v>
      </c>
      <c r="Z8702" s="2">
        <v>193.9</v>
      </c>
      <c r="AA8702" s="5">
        <v>20</v>
      </c>
      <c r="AB8702" s="5" t="s">
        <v>43</v>
      </c>
      <c r="AC8702" s="5" t="s">
        <v>44</v>
      </c>
      <c r="AD8702" s="2" t="s">
        <v>26616</v>
      </c>
      <c r="AE8702" s="1"/>
    </row>
    <row r="8703" spans="1:31" ht="14.45">
      <c r="A8703" s="11"/>
      <c r="B8703" s="20"/>
      <c r="C8703" s="2" t="s">
        <v>26679</v>
      </c>
      <c r="D8703" s="14" t="s">
        <v>26680</v>
      </c>
      <c r="E8703" s="2" t="s">
        <v>26681</v>
      </c>
      <c r="F8703" s="2" t="s">
        <v>26620</v>
      </c>
      <c r="G8703" s="8">
        <v>205</v>
      </c>
      <c r="H8703" s="5">
        <v>10</v>
      </c>
      <c r="I8703" s="5" t="s">
        <v>69</v>
      </c>
      <c r="J8703" s="5" t="s">
        <v>24629</v>
      </c>
      <c r="K8703" s="2" t="s">
        <v>24630</v>
      </c>
      <c r="L8703" s="5" t="s">
        <v>24629</v>
      </c>
      <c r="M8703" s="2" t="s">
        <v>24630</v>
      </c>
      <c r="N8703" s="5" t="s">
        <v>24254</v>
      </c>
      <c r="O8703" s="5" t="s">
        <v>38</v>
      </c>
      <c r="P8703" s="5" t="s">
        <v>39</v>
      </c>
      <c r="Q8703" s="5" t="s">
        <v>40</v>
      </c>
      <c r="R8703" s="5" t="s">
        <v>24335</v>
      </c>
      <c r="S8703" s="5" t="s">
        <v>40</v>
      </c>
      <c r="T8703" s="5" t="s">
        <v>42</v>
      </c>
      <c r="U8703" s="2">
        <v>10.18</v>
      </c>
      <c r="V8703" s="2">
        <v>7.4109999999999996</v>
      </c>
      <c r="W8703" s="2">
        <v>0.19500000000000001</v>
      </c>
      <c r="X8703" s="2">
        <v>12</v>
      </c>
      <c r="Y8703" s="2">
        <v>77</v>
      </c>
      <c r="Z8703" s="2">
        <v>210.9</v>
      </c>
      <c r="AA8703" s="5">
        <v>10</v>
      </c>
      <c r="AB8703" s="5" t="s">
        <v>43</v>
      </c>
      <c r="AC8703" s="5" t="s">
        <v>44</v>
      </c>
      <c r="AD8703" s="2" t="s">
        <v>26621</v>
      </c>
      <c r="AE8703" s="1"/>
    </row>
    <row r="8704" spans="1:31" ht="14.45">
      <c r="A8704" s="11"/>
      <c r="B8704" s="20"/>
      <c r="C8704" s="2" t="s">
        <v>26682</v>
      </c>
      <c r="D8704" s="14" t="s">
        <v>26683</v>
      </c>
      <c r="E8704" s="2" t="s">
        <v>26684</v>
      </c>
      <c r="F8704" s="2" t="s">
        <v>25163</v>
      </c>
      <c r="G8704" s="8">
        <v>140</v>
      </c>
      <c r="H8704" s="5">
        <v>5</v>
      </c>
      <c r="I8704" s="5" t="s">
        <v>69</v>
      </c>
      <c r="J8704" s="5" t="s">
        <v>24629</v>
      </c>
      <c r="K8704" s="2" t="s">
        <v>24630</v>
      </c>
      <c r="L8704" s="5" t="s">
        <v>24629</v>
      </c>
      <c r="M8704" s="2" t="s">
        <v>24630</v>
      </c>
      <c r="N8704" s="5" t="s">
        <v>24254</v>
      </c>
      <c r="O8704" s="5" t="s">
        <v>38</v>
      </c>
      <c r="P8704" s="5" t="s">
        <v>39</v>
      </c>
      <c r="Q8704" s="5" t="s">
        <v>40</v>
      </c>
      <c r="R8704" s="5" t="s">
        <v>24335</v>
      </c>
      <c r="S8704" s="5" t="s">
        <v>40</v>
      </c>
      <c r="T8704" s="5" t="s">
        <v>42</v>
      </c>
      <c r="U8704" s="2">
        <v>6.4020000000000001</v>
      </c>
      <c r="V8704" s="2">
        <v>4.6970000000000001</v>
      </c>
      <c r="W8704" s="2">
        <v>9.2999999999999999E-2</v>
      </c>
      <c r="X8704" s="2">
        <v>12</v>
      </c>
      <c r="Y8704" s="2">
        <v>50</v>
      </c>
      <c r="Z8704" s="2">
        <v>154.4</v>
      </c>
      <c r="AA8704" s="5">
        <v>20</v>
      </c>
      <c r="AB8704" s="5" t="s">
        <v>43</v>
      </c>
      <c r="AC8704" s="5" t="s">
        <v>44</v>
      </c>
      <c r="AD8704" s="2" t="s">
        <v>26616</v>
      </c>
      <c r="AE8704" s="1"/>
    </row>
    <row r="8705" spans="1:31" ht="14.45">
      <c r="A8705" s="11"/>
      <c r="B8705" s="20"/>
      <c r="C8705" s="2" t="s">
        <v>26685</v>
      </c>
      <c r="D8705" s="14" t="s">
        <v>26686</v>
      </c>
      <c r="E8705" s="2" t="s">
        <v>26687</v>
      </c>
      <c r="F8705" s="2" t="s">
        <v>26620</v>
      </c>
      <c r="G8705" s="8">
        <v>191</v>
      </c>
      <c r="H8705" s="5">
        <v>5</v>
      </c>
      <c r="I8705" s="5" t="s">
        <v>69</v>
      </c>
      <c r="J8705" s="5" t="s">
        <v>24629</v>
      </c>
      <c r="K8705" s="2" t="s">
        <v>24630</v>
      </c>
      <c r="L8705" s="5" t="s">
        <v>24629</v>
      </c>
      <c r="M8705" s="2" t="s">
        <v>24630</v>
      </c>
      <c r="N8705" s="5" t="s">
        <v>24254</v>
      </c>
      <c r="O8705" s="5" t="s">
        <v>38</v>
      </c>
      <c r="P8705" s="5" t="s">
        <v>39</v>
      </c>
      <c r="Q8705" s="5" t="s">
        <v>40</v>
      </c>
      <c r="R8705" s="5" t="s">
        <v>24335</v>
      </c>
      <c r="S8705" s="5" t="s">
        <v>40</v>
      </c>
      <c r="T8705" s="5" t="s">
        <v>42</v>
      </c>
      <c r="U8705" s="2">
        <v>8.8680000000000003</v>
      </c>
      <c r="V8705" s="2">
        <v>6.5919999999999996</v>
      </c>
      <c r="W8705" s="2">
        <v>0.14299999999999999</v>
      </c>
      <c r="X8705" s="2">
        <v>12</v>
      </c>
      <c r="Y8705" s="2">
        <v>77</v>
      </c>
      <c r="Z8705" s="2">
        <v>154.9</v>
      </c>
      <c r="AA8705" s="5">
        <v>10</v>
      </c>
      <c r="AB8705" s="5" t="s">
        <v>43</v>
      </c>
      <c r="AC8705" s="5" t="s">
        <v>44</v>
      </c>
      <c r="AD8705" s="2" t="s">
        <v>26621</v>
      </c>
      <c r="AE8705" s="1"/>
    </row>
    <row r="8706" spans="1:31" ht="14.45">
      <c r="A8706" s="11"/>
      <c r="B8706" s="20"/>
      <c r="C8706" s="2" t="s">
        <v>26688</v>
      </c>
      <c r="D8706" s="14" t="s">
        <v>26689</v>
      </c>
      <c r="E8706" s="2" t="s">
        <v>26690</v>
      </c>
      <c r="F8706" s="2" t="s">
        <v>25163</v>
      </c>
      <c r="G8706" s="8">
        <v>148</v>
      </c>
      <c r="H8706" s="5">
        <v>5</v>
      </c>
      <c r="I8706" s="5" t="s">
        <v>69</v>
      </c>
      <c r="J8706" s="5" t="s">
        <v>24629</v>
      </c>
      <c r="K8706" s="2" t="s">
        <v>24630</v>
      </c>
      <c r="L8706" s="5" t="s">
        <v>24629</v>
      </c>
      <c r="M8706" s="2" t="s">
        <v>24630</v>
      </c>
      <c r="N8706" s="5" t="s">
        <v>24254</v>
      </c>
      <c r="O8706" s="5" t="s">
        <v>38</v>
      </c>
      <c r="P8706" s="5" t="s">
        <v>39</v>
      </c>
      <c r="Q8706" s="5" t="s">
        <v>40</v>
      </c>
      <c r="R8706" s="5" t="s">
        <v>24335</v>
      </c>
      <c r="S8706" s="5" t="s">
        <v>40</v>
      </c>
      <c r="T8706" s="5" t="s">
        <v>42</v>
      </c>
      <c r="U8706" s="2">
        <v>6.6479999999999997</v>
      </c>
      <c r="V8706" s="2">
        <v>4.9429999999999996</v>
      </c>
      <c r="W8706" s="2">
        <v>9.2999999999999999E-2</v>
      </c>
      <c r="X8706" s="2">
        <v>12</v>
      </c>
      <c r="Y8706" s="2">
        <v>50</v>
      </c>
      <c r="Z8706" s="2">
        <v>154.4</v>
      </c>
      <c r="AA8706" s="5">
        <v>20</v>
      </c>
      <c r="AB8706" s="5" t="s">
        <v>43</v>
      </c>
      <c r="AC8706" s="5" t="s">
        <v>44</v>
      </c>
      <c r="AD8706" s="2" t="s">
        <v>26616</v>
      </c>
      <c r="AE8706" s="1"/>
    </row>
    <row r="8707" spans="1:31" ht="14.45">
      <c r="A8707" s="11"/>
      <c r="B8707" s="20"/>
      <c r="C8707" s="2" t="s">
        <v>26691</v>
      </c>
      <c r="D8707" s="14" t="s">
        <v>26692</v>
      </c>
      <c r="E8707" s="2" t="s">
        <v>26693</v>
      </c>
      <c r="F8707" s="2" t="s">
        <v>26620</v>
      </c>
      <c r="G8707" s="8">
        <v>201</v>
      </c>
      <c r="H8707" s="5">
        <v>5</v>
      </c>
      <c r="I8707" s="5" t="s">
        <v>69</v>
      </c>
      <c r="J8707" s="5" t="s">
        <v>24629</v>
      </c>
      <c r="K8707" s="2" t="s">
        <v>24630</v>
      </c>
      <c r="L8707" s="5" t="s">
        <v>24629</v>
      </c>
      <c r="M8707" s="2" t="s">
        <v>24630</v>
      </c>
      <c r="N8707" s="5" t="s">
        <v>24254</v>
      </c>
      <c r="O8707" s="5" t="s">
        <v>38</v>
      </c>
      <c r="P8707" s="5" t="s">
        <v>39</v>
      </c>
      <c r="Q8707" s="5" t="s">
        <v>40</v>
      </c>
      <c r="R8707" s="5" t="s">
        <v>24335</v>
      </c>
      <c r="S8707" s="5" t="s">
        <v>40</v>
      </c>
      <c r="T8707" s="5" t="s">
        <v>42</v>
      </c>
      <c r="U8707" s="2">
        <v>9.4440000000000008</v>
      </c>
      <c r="V8707" s="2">
        <v>7.0119999999999996</v>
      </c>
      <c r="W8707" s="2">
        <v>0.16</v>
      </c>
      <c r="X8707" s="2">
        <v>12</v>
      </c>
      <c r="Y8707" s="2">
        <v>77</v>
      </c>
      <c r="Z8707" s="2">
        <v>173.4</v>
      </c>
      <c r="AA8707" s="5">
        <v>10</v>
      </c>
      <c r="AB8707" s="5" t="s">
        <v>43</v>
      </c>
      <c r="AC8707" s="5" t="s">
        <v>44</v>
      </c>
      <c r="AD8707" s="2" t="s">
        <v>26621</v>
      </c>
      <c r="AE8707" s="1"/>
    </row>
    <row r="8708" spans="1:31" ht="14.45">
      <c r="A8708" s="11"/>
      <c r="B8708" s="20"/>
      <c r="C8708" s="2" t="s">
        <v>26694</v>
      </c>
      <c r="D8708" s="14" t="s">
        <v>26695</v>
      </c>
      <c r="E8708" s="2" t="s">
        <v>26696</v>
      </c>
      <c r="F8708" s="2" t="s">
        <v>25163</v>
      </c>
      <c r="G8708" s="8">
        <v>156</v>
      </c>
      <c r="H8708" s="5">
        <v>5</v>
      </c>
      <c r="I8708" s="5" t="s">
        <v>69</v>
      </c>
      <c r="J8708" s="5" t="s">
        <v>24629</v>
      </c>
      <c r="K8708" s="2" t="s">
        <v>24630</v>
      </c>
      <c r="L8708" s="5" t="s">
        <v>24629</v>
      </c>
      <c r="M8708" s="2" t="s">
        <v>24630</v>
      </c>
      <c r="N8708" s="5" t="s">
        <v>24254</v>
      </c>
      <c r="O8708" s="5" t="s">
        <v>38</v>
      </c>
      <c r="P8708" s="5" t="s">
        <v>39</v>
      </c>
      <c r="Q8708" s="5" t="s">
        <v>40</v>
      </c>
      <c r="R8708" s="5" t="s">
        <v>24335</v>
      </c>
      <c r="S8708" s="5" t="s">
        <v>40</v>
      </c>
      <c r="T8708" s="5" t="s">
        <v>42</v>
      </c>
      <c r="U8708" s="2">
        <v>7.9980000000000002</v>
      </c>
      <c r="V8708" s="2">
        <v>5.2</v>
      </c>
      <c r="W8708" s="2">
        <v>0.104</v>
      </c>
      <c r="X8708" s="2">
        <v>12</v>
      </c>
      <c r="Y8708" s="2">
        <v>50</v>
      </c>
      <c r="Z8708" s="2">
        <v>173.9</v>
      </c>
      <c r="AA8708" s="5">
        <v>20</v>
      </c>
      <c r="AB8708" s="5" t="s">
        <v>43</v>
      </c>
      <c r="AC8708" s="5" t="s">
        <v>44</v>
      </c>
      <c r="AD8708" s="2" t="s">
        <v>26616</v>
      </c>
      <c r="AE8708" s="1"/>
    </row>
    <row r="8709" spans="1:31" ht="14.45">
      <c r="A8709" s="11"/>
      <c r="B8709" s="20"/>
      <c r="C8709" s="2" t="s">
        <v>26697</v>
      </c>
      <c r="D8709" s="14" t="s">
        <v>26698</v>
      </c>
      <c r="E8709" s="2" t="s">
        <v>26699</v>
      </c>
      <c r="F8709" s="2" t="s">
        <v>26620</v>
      </c>
      <c r="G8709" s="8">
        <v>213</v>
      </c>
      <c r="H8709" s="5">
        <v>5</v>
      </c>
      <c r="I8709" s="5" t="s">
        <v>69</v>
      </c>
      <c r="J8709" s="5" t="s">
        <v>24629</v>
      </c>
      <c r="K8709" s="2" t="s">
        <v>24630</v>
      </c>
      <c r="L8709" s="5" t="s">
        <v>24629</v>
      </c>
      <c r="M8709" s="2" t="s">
        <v>24630</v>
      </c>
      <c r="N8709" s="5" t="s">
        <v>24254</v>
      </c>
      <c r="O8709" s="5" t="s">
        <v>38</v>
      </c>
      <c r="P8709" s="5" t="s">
        <v>39</v>
      </c>
      <c r="Q8709" s="5" t="s">
        <v>40</v>
      </c>
      <c r="R8709" s="5" t="s">
        <v>24335</v>
      </c>
      <c r="S8709" s="5" t="s">
        <v>40</v>
      </c>
      <c r="T8709" s="5" t="s">
        <v>42</v>
      </c>
      <c r="U8709" s="2">
        <v>10.153</v>
      </c>
      <c r="V8709" s="2">
        <v>7.399</v>
      </c>
      <c r="W8709" s="2">
        <v>0.19500000000000001</v>
      </c>
      <c r="X8709" s="2">
        <v>12</v>
      </c>
      <c r="Y8709" s="2">
        <v>77</v>
      </c>
      <c r="Z8709" s="2">
        <v>210.9</v>
      </c>
      <c r="AA8709" s="5">
        <v>10</v>
      </c>
      <c r="AB8709" s="5" t="s">
        <v>43</v>
      </c>
      <c r="AC8709" s="5" t="s">
        <v>44</v>
      </c>
      <c r="AD8709" s="2" t="s">
        <v>26621</v>
      </c>
      <c r="AE8709" s="1"/>
    </row>
    <row r="8710" spans="1:31" ht="14.45">
      <c r="A8710" s="11"/>
      <c r="B8710" s="20"/>
      <c r="C8710" s="2" t="s">
        <v>26700</v>
      </c>
      <c r="D8710" s="14" t="s">
        <v>26701</v>
      </c>
      <c r="E8710" s="2" t="s">
        <v>26702</v>
      </c>
      <c r="F8710" s="2" t="s">
        <v>25163</v>
      </c>
      <c r="G8710" s="8">
        <v>148</v>
      </c>
      <c r="H8710" s="5">
        <v>5</v>
      </c>
      <c r="I8710" s="5" t="s">
        <v>69</v>
      </c>
      <c r="J8710" s="5" t="s">
        <v>24629</v>
      </c>
      <c r="K8710" s="2" t="s">
        <v>24630</v>
      </c>
      <c r="L8710" s="5" t="s">
        <v>24629</v>
      </c>
      <c r="M8710" s="2" t="s">
        <v>24630</v>
      </c>
      <c r="N8710" s="5" t="s">
        <v>24254</v>
      </c>
      <c r="O8710" s="5" t="s">
        <v>38</v>
      </c>
      <c r="P8710" s="5" t="s">
        <v>39</v>
      </c>
      <c r="Q8710" s="5" t="s">
        <v>40</v>
      </c>
      <c r="R8710" s="5" t="s">
        <v>24335</v>
      </c>
      <c r="S8710" s="5" t="s">
        <v>40</v>
      </c>
      <c r="T8710" s="5" t="s">
        <v>42</v>
      </c>
      <c r="U8710" s="2">
        <v>6.9550000000000001</v>
      </c>
      <c r="V8710" s="2">
        <v>5.1260000000000003</v>
      </c>
      <c r="W8710" s="2">
        <v>0.104</v>
      </c>
      <c r="X8710" s="2">
        <v>12</v>
      </c>
      <c r="Y8710" s="2">
        <v>50</v>
      </c>
      <c r="Z8710" s="2">
        <v>173.9</v>
      </c>
      <c r="AA8710" s="5">
        <v>20</v>
      </c>
      <c r="AB8710" s="5" t="s">
        <v>43</v>
      </c>
      <c r="AC8710" s="5" t="s">
        <v>44</v>
      </c>
      <c r="AD8710" s="2" t="s">
        <v>26616</v>
      </c>
      <c r="AE8710" s="1"/>
    </row>
    <row r="8711" spans="1:31" ht="14.45">
      <c r="A8711" s="11"/>
      <c r="B8711" s="20"/>
      <c r="C8711" s="2" t="s">
        <v>26703</v>
      </c>
      <c r="D8711" s="14" t="s">
        <v>26704</v>
      </c>
      <c r="E8711" s="2" t="s">
        <v>26705</v>
      </c>
      <c r="F8711" s="2" t="s">
        <v>26620</v>
      </c>
      <c r="G8711" s="8">
        <v>201</v>
      </c>
      <c r="H8711" s="5">
        <v>5</v>
      </c>
      <c r="I8711" s="5" t="s">
        <v>69</v>
      </c>
      <c r="J8711" s="5" t="s">
        <v>24629</v>
      </c>
      <c r="K8711" s="2" t="s">
        <v>24630</v>
      </c>
      <c r="L8711" s="5" t="s">
        <v>24629</v>
      </c>
      <c r="M8711" s="2" t="s">
        <v>24630</v>
      </c>
      <c r="N8711" s="5" t="s">
        <v>24254</v>
      </c>
      <c r="O8711" s="5" t="s">
        <v>38</v>
      </c>
      <c r="P8711" s="5" t="s">
        <v>39</v>
      </c>
      <c r="Q8711" s="5" t="s">
        <v>40</v>
      </c>
      <c r="R8711" s="5" t="s">
        <v>24335</v>
      </c>
      <c r="S8711" s="5" t="s">
        <v>40</v>
      </c>
      <c r="T8711" s="5" t="s">
        <v>42</v>
      </c>
      <c r="U8711" s="2">
        <v>9.64</v>
      </c>
      <c r="V8711" s="2">
        <v>7.2080000000000002</v>
      </c>
      <c r="W8711" s="2">
        <v>0.16</v>
      </c>
      <c r="X8711" s="2">
        <v>12</v>
      </c>
      <c r="Y8711" s="2">
        <v>77</v>
      </c>
      <c r="Z8711" s="2">
        <v>173.4</v>
      </c>
      <c r="AA8711" s="5">
        <v>10</v>
      </c>
      <c r="AB8711" s="5" t="s">
        <v>43</v>
      </c>
      <c r="AC8711" s="5" t="s">
        <v>44</v>
      </c>
      <c r="AD8711" s="2" t="s">
        <v>26621</v>
      </c>
      <c r="AE8711" s="1"/>
    </row>
    <row r="8712" spans="1:31" ht="14.45">
      <c r="A8712" s="11"/>
      <c r="B8712" s="20"/>
      <c r="C8712" s="2" t="s">
        <v>26706</v>
      </c>
      <c r="D8712" s="14" t="s">
        <v>26707</v>
      </c>
      <c r="E8712" s="2" t="s">
        <v>26708</v>
      </c>
      <c r="F8712" s="2" t="s">
        <v>25163</v>
      </c>
      <c r="G8712" s="8">
        <v>151</v>
      </c>
      <c r="H8712" s="5">
        <v>5</v>
      </c>
      <c r="I8712" s="5" t="s">
        <v>69</v>
      </c>
      <c r="J8712" s="5" t="s">
        <v>24629</v>
      </c>
      <c r="K8712" s="2" t="s">
        <v>24630</v>
      </c>
      <c r="L8712" s="5" t="s">
        <v>24629</v>
      </c>
      <c r="M8712" s="2" t="s">
        <v>24630</v>
      </c>
      <c r="N8712" s="5" t="s">
        <v>24254</v>
      </c>
      <c r="O8712" s="5" t="s">
        <v>38</v>
      </c>
      <c r="P8712" s="5" t="s">
        <v>39</v>
      </c>
      <c r="Q8712" s="5" t="s">
        <v>40</v>
      </c>
      <c r="R8712" s="5" t="s">
        <v>24335</v>
      </c>
      <c r="S8712" s="5" t="s">
        <v>40</v>
      </c>
      <c r="T8712" s="5" t="s">
        <v>42</v>
      </c>
      <c r="U8712" s="2">
        <v>8.1649999999999991</v>
      </c>
      <c r="V8712" s="2">
        <v>5.367</v>
      </c>
      <c r="W8712" s="2">
        <v>0.104</v>
      </c>
      <c r="X8712" s="2">
        <v>12</v>
      </c>
      <c r="Y8712" s="2">
        <v>50</v>
      </c>
      <c r="Z8712" s="2">
        <v>173.9</v>
      </c>
      <c r="AA8712" s="5">
        <v>20</v>
      </c>
      <c r="AB8712" s="5" t="s">
        <v>43</v>
      </c>
      <c r="AC8712" s="5" t="s">
        <v>44</v>
      </c>
      <c r="AD8712" s="2" t="s">
        <v>26616</v>
      </c>
      <c r="AE8712" s="1"/>
    </row>
    <row r="8713" spans="1:31" ht="14.45">
      <c r="A8713" s="11"/>
      <c r="B8713" s="20"/>
      <c r="C8713" s="2" t="s">
        <v>26709</v>
      </c>
      <c r="D8713" s="14" t="s">
        <v>26710</v>
      </c>
      <c r="E8713" s="2" t="s">
        <v>26711</v>
      </c>
      <c r="F8713" s="2" t="s">
        <v>26620</v>
      </c>
      <c r="G8713" s="8">
        <v>206</v>
      </c>
      <c r="H8713" s="5">
        <v>5</v>
      </c>
      <c r="I8713" s="5" t="s">
        <v>69</v>
      </c>
      <c r="J8713" s="5" t="s">
        <v>24629</v>
      </c>
      <c r="K8713" s="2" t="s">
        <v>24630</v>
      </c>
      <c r="L8713" s="5" t="s">
        <v>24629</v>
      </c>
      <c r="M8713" s="2" t="s">
        <v>24630</v>
      </c>
      <c r="N8713" s="5" t="s">
        <v>24254</v>
      </c>
      <c r="O8713" s="5" t="s">
        <v>38</v>
      </c>
      <c r="P8713" s="5" t="s">
        <v>39</v>
      </c>
      <c r="Q8713" s="5" t="s">
        <v>40</v>
      </c>
      <c r="R8713" s="5" t="s">
        <v>24335</v>
      </c>
      <c r="S8713" s="5" t="s">
        <v>40</v>
      </c>
      <c r="T8713" s="5" t="s">
        <v>42</v>
      </c>
      <c r="U8713" s="2">
        <v>10.058999999999999</v>
      </c>
      <c r="V8713" s="2">
        <v>7.6269999999999998</v>
      </c>
      <c r="W8713" s="2">
        <v>0.16</v>
      </c>
      <c r="X8713" s="2">
        <v>12</v>
      </c>
      <c r="Y8713" s="2">
        <v>77</v>
      </c>
      <c r="Z8713" s="2">
        <v>173.4</v>
      </c>
      <c r="AA8713" s="5">
        <v>10</v>
      </c>
      <c r="AB8713" s="5" t="s">
        <v>43</v>
      </c>
      <c r="AC8713" s="5" t="s">
        <v>44</v>
      </c>
      <c r="AD8713" s="2" t="s">
        <v>26621</v>
      </c>
      <c r="AE8713" s="1"/>
    </row>
    <row r="8714" spans="1:31" ht="14.45">
      <c r="A8714" s="11"/>
      <c r="B8714" s="20"/>
      <c r="C8714" s="2" t="s">
        <v>26712</v>
      </c>
      <c r="D8714" s="14" t="s">
        <v>26713</v>
      </c>
      <c r="E8714" s="2" t="s">
        <v>26714</v>
      </c>
      <c r="F8714" s="2" t="s">
        <v>25163</v>
      </c>
      <c r="G8714" s="8">
        <v>167</v>
      </c>
      <c r="H8714" s="5">
        <v>5</v>
      </c>
      <c r="I8714" s="5" t="s">
        <v>69</v>
      </c>
      <c r="J8714" s="5" t="s">
        <v>24629</v>
      </c>
      <c r="K8714" s="2" t="s">
        <v>24630</v>
      </c>
      <c r="L8714" s="5" t="s">
        <v>24629</v>
      </c>
      <c r="M8714" s="2" t="s">
        <v>24630</v>
      </c>
      <c r="N8714" s="5" t="s">
        <v>24254</v>
      </c>
      <c r="O8714" s="5" t="s">
        <v>38</v>
      </c>
      <c r="P8714" s="5" t="s">
        <v>39</v>
      </c>
      <c r="Q8714" s="5" t="s">
        <v>40</v>
      </c>
      <c r="R8714" s="5" t="s">
        <v>24335</v>
      </c>
      <c r="S8714" s="5" t="s">
        <v>40</v>
      </c>
      <c r="T8714" s="5" t="s">
        <v>42</v>
      </c>
      <c r="U8714" s="2">
        <v>8.4269999999999996</v>
      </c>
      <c r="V8714" s="2">
        <v>5.6289999999999996</v>
      </c>
      <c r="W8714" s="2">
        <v>0.104</v>
      </c>
      <c r="X8714" s="2">
        <v>12</v>
      </c>
      <c r="Y8714" s="2">
        <v>50</v>
      </c>
      <c r="Z8714" s="2">
        <v>173.9</v>
      </c>
      <c r="AA8714" s="5">
        <v>20</v>
      </c>
      <c r="AB8714" s="5" t="s">
        <v>43</v>
      </c>
      <c r="AC8714" s="5" t="s">
        <v>44</v>
      </c>
      <c r="AD8714" s="2" t="s">
        <v>26616</v>
      </c>
      <c r="AE8714" s="1"/>
    </row>
    <row r="8715" spans="1:31" ht="14.45">
      <c r="A8715" s="11"/>
      <c r="B8715" s="20"/>
      <c r="C8715" s="2" t="s">
        <v>26715</v>
      </c>
      <c r="D8715" s="14" t="s">
        <v>26716</v>
      </c>
      <c r="E8715" s="2" t="s">
        <v>26717</v>
      </c>
      <c r="F8715" s="2" t="s">
        <v>26620</v>
      </c>
      <c r="G8715" s="8">
        <v>228</v>
      </c>
      <c r="H8715" s="5">
        <v>5</v>
      </c>
      <c r="I8715" s="5" t="s">
        <v>69</v>
      </c>
      <c r="J8715" s="5" t="s">
        <v>24629</v>
      </c>
      <c r="K8715" s="2" t="s">
        <v>24630</v>
      </c>
      <c r="L8715" s="5" t="s">
        <v>24629</v>
      </c>
      <c r="M8715" s="2" t="s">
        <v>24630</v>
      </c>
      <c r="N8715" s="5" t="s">
        <v>24254</v>
      </c>
      <c r="O8715" s="5" t="s">
        <v>38</v>
      </c>
      <c r="P8715" s="5" t="s">
        <v>39</v>
      </c>
      <c r="Q8715" s="5" t="s">
        <v>40</v>
      </c>
      <c r="R8715" s="5" t="s">
        <v>24335</v>
      </c>
      <c r="S8715" s="5" t="s">
        <v>40</v>
      </c>
      <c r="T8715" s="5" t="s">
        <v>42</v>
      </c>
      <c r="U8715" s="2">
        <v>10.769</v>
      </c>
      <c r="V8715" s="2">
        <v>8.0150000000000006</v>
      </c>
      <c r="W8715" s="2">
        <v>0.19500000000000001</v>
      </c>
      <c r="X8715" s="2">
        <v>12</v>
      </c>
      <c r="Y8715" s="2">
        <v>77</v>
      </c>
      <c r="Z8715" s="2">
        <v>210.9</v>
      </c>
      <c r="AA8715" s="5">
        <v>10</v>
      </c>
      <c r="AB8715" s="5" t="s">
        <v>43</v>
      </c>
      <c r="AC8715" s="5" t="s">
        <v>44</v>
      </c>
      <c r="AD8715" s="2" t="s">
        <v>26621</v>
      </c>
      <c r="AE8715" s="1"/>
    </row>
    <row r="8716" spans="1:31" ht="14.45">
      <c r="A8716" s="11"/>
      <c r="B8716" s="20"/>
      <c r="C8716" s="2" t="s">
        <v>26718</v>
      </c>
      <c r="D8716" s="14" t="s">
        <v>26719</v>
      </c>
      <c r="E8716" s="2" t="s">
        <v>26720</v>
      </c>
      <c r="F8716" s="2" t="s">
        <v>25163</v>
      </c>
      <c r="G8716" s="8">
        <v>148</v>
      </c>
      <c r="H8716" s="5">
        <v>5</v>
      </c>
      <c r="I8716" s="5" t="s">
        <v>69</v>
      </c>
      <c r="J8716" s="5" t="s">
        <v>24629</v>
      </c>
      <c r="K8716" s="2" t="s">
        <v>24630</v>
      </c>
      <c r="L8716" s="5" t="s">
        <v>24629</v>
      </c>
      <c r="M8716" s="2" t="s">
        <v>24630</v>
      </c>
      <c r="N8716" s="5" t="s">
        <v>24254</v>
      </c>
      <c r="O8716" s="5" t="s">
        <v>38</v>
      </c>
      <c r="P8716" s="5" t="s">
        <v>39</v>
      </c>
      <c r="Q8716" s="5" t="s">
        <v>40</v>
      </c>
      <c r="R8716" s="5" t="s">
        <v>24335</v>
      </c>
      <c r="S8716" s="5" t="s">
        <v>40</v>
      </c>
      <c r="T8716" s="5" t="s">
        <v>42</v>
      </c>
      <c r="U8716" s="2">
        <v>8.0150000000000006</v>
      </c>
      <c r="V8716" s="2">
        <v>5.2169999999999996</v>
      </c>
      <c r="W8716" s="2">
        <v>0.11600000000000001</v>
      </c>
      <c r="X8716" s="2">
        <v>12</v>
      </c>
      <c r="Y8716" s="2">
        <v>50</v>
      </c>
      <c r="Z8716" s="2">
        <v>193.9</v>
      </c>
      <c r="AA8716" s="5">
        <v>20</v>
      </c>
      <c r="AB8716" s="5" t="s">
        <v>43</v>
      </c>
      <c r="AC8716" s="5" t="s">
        <v>44</v>
      </c>
      <c r="AD8716" s="2" t="s">
        <v>26616</v>
      </c>
      <c r="AE8716" s="1"/>
    </row>
    <row r="8717" spans="1:31" ht="14.45">
      <c r="A8717" s="11"/>
      <c r="B8717" s="20"/>
      <c r="C8717" s="2" t="s">
        <v>26721</v>
      </c>
      <c r="D8717" s="14" t="s">
        <v>26722</v>
      </c>
      <c r="E8717" s="2" t="s">
        <v>26723</v>
      </c>
      <c r="F8717" s="2" t="s">
        <v>26620</v>
      </c>
      <c r="G8717" s="8">
        <v>201</v>
      </c>
      <c r="H8717" s="5">
        <v>5</v>
      </c>
      <c r="I8717" s="5" t="s">
        <v>69</v>
      </c>
      <c r="J8717" s="5" t="s">
        <v>24629</v>
      </c>
      <c r="K8717" s="2" t="s">
        <v>24630</v>
      </c>
      <c r="L8717" s="5" t="s">
        <v>24629</v>
      </c>
      <c r="M8717" s="2" t="s">
        <v>24630</v>
      </c>
      <c r="N8717" s="5" t="s">
        <v>24254</v>
      </c>
      <c r="O8717" s="5" t="s">
        <v>38</v>
      </c>
      <c r="P8717" s="5" t="s">
        <v>39</v>
      </c>
      <c r="Q8717" s="5" t="s">
        <v>40</v>
      </c>
      <c r="R8717" s="5" t="s">
        <v>24335</v>
      </c>
      <c r="S8717" s="5" t="s">
        <v>40</v>
      </c>
      <c r="T8717" s="5" t="s">
        <v>42</v>
      </c>
      <c r="U8717" s="2">
        <v>10.055</v>
      </c>
      <c r="V8717" s="2">
        <v>7.3010000000000002</v>
      </c>
      <c r="W8717" s="2">
        <v>0.19500000000000001</v>
      </c>
      <c r="X8717" s="2">
        <v>12</v>
      </c>
      <c r="Y8717" s="2">
        <v>77</v>
      </c>
      <c r="Z8717" s="2">
        <v>210.9</v>
      </c>
      <c r="AA8717" s="5">
        <v>10</v>
      </c>
      <c r="AB8717" s="5" t="s">
        <v>43</v>
      </c>
      <c r="AC8717" s="5" t="s">
        <v>44</v>
      </c>
      <c r="AD8717" s="2" t="s">
        <v>26621</v>
      </c>
      <c r="AE8717" s="1"/>
    </row>
    <row r="8718" spans="1:31" ht="14.45">
      <c r="A8718" s="11"/>
      <c r="B8718" s="20"/>
      <c r="C8718" s="2" t="s">
        <v>26724</v>
      </c>
      <c r="D8718" s="14" t="s">
        <v>26725</v>
      </c>
      <c r="E8718" s="2" t="s">
        <v>26726</v>
      </c>
      <c r="F8718" s="2" t="s">
        <v>25163</v>
      </c>
      <c r="G8718" s="8">
        <v>160</v>
      </c>
      <c r="H8718" s="5">
        <v>5</v>
      </c>
      <c r="I8718" s="5" t="s">
        <v>69</v>
      </c>
      <c r="J8718" s="5" t="s">
        <v>24629</v>
      </c>
      <c r="K8718" s="2" t="s">
        <v>24630</v>
      </c>
      <c r="L8718" s="5" t="s">
        <v>24629</v>
      </c>
      <c r="M8718" s="2" t="s">
        <v>24630</v>
      </c>
      <c r="N8718" s="5" t="s">
        <v>24254</v>
      </c>
      <c r="O8718" s="5" t="s">
        <v>38</v>
      </c>
      <c r="P8718" s="5" t="s">
        <v>39</v>
      </c>
      <c r="Q8718" s="5" t="s">
        <v>40</v>
      </c>
      <c r="R8718" s="5" t="s">
        <v>24335</v>
      </c>
      <c r="S8718" s="5" t="s">
        <v>40</v>
      </c>
      <c r="T8718" s="5" t="s">
        <v>42</v>
      </c>
      <c r="U8718" s="2">
        <v>8.4719999999999995</v>
      </c>
      <c r="V8718" s="2">
        <v>5.6740000000000004</v>
      </c>
      <c r="W8718" s="2">
        <v>0.11600000000000001</v>
      </c>
      <c r="X8718" s="2">
        <v>12</v>
      </c>
      <c r="Y8718" s="2">
        <v>50</v>
      </c>
      <c r="Z8718" s="2">
        <v>193.9</v>
      </c>
      <c r="AA8718" s="5">
        <v>20</v>
      </c>
      <c r="AB8718" s="5" t="s">
        <v>43</v>
      </c>
      <c r="AC8718" s="5" t="s">
        <v>44</v>
      </c>
      <c r="AD8718" s="2" t="s">
        <v>26616</v>
      </c>
      <c r="AE8718" s="1"/>
    </row>
    <row r="8719" spans="1:31" ht="14.45">
      <c r="A8719" s="11"/>
      <c r="B8719" s="20"/>
      <c r="C8719" s="2" t="s">
        <v>26727</v>
      </c>
      <c r="D8719" s="14" t="s">
        <v>26728</v>
      </c>
      <c r="E8719" s="2" t="s">
        <v>26729</v>
      </c>
      <c r="F8719" s="2" t="s">
        <v>26620</v>
      </c>
      <c r="G8719" s="8">
        <v>218</v>
      </c>
      <c r="H8719" s="5">
        <v>5</v>
      </c>
      <c r="I8719" s="5" t="s">
        <v>69</v>
      </c>
      <c r="J8719" s="5" t="s">
        <v>24629</v>
      </c>
      <c r="K8719" s="2" t="s">
        <v>24630</v>
      </c>
      <c r="L8719" s="5" t="s">
        <v>24629</v>
      </c>
      <c r="M8719" s="2" t="s">
        <v>24630</v>
      </c>
      <c r="N8719" s="5" t="s">
        <v>24254</v>
      </c>
      <c r="O8719" s="5" t="s">
        <v>38</v>
      </c>
      <c r="P8719" s="5" t="s">
        <v>39</v>
      </c>
      <c r="Q8719" s="5" t="s">
        <v>40</v>
      </c>
      <c r="R8719" s="5" t="s">
        <v>24335</v>
      </c>
      <c r="S8719" s="5" t="s">
        <v>40</v>
      </c>
      <c r="T8719" s="5" t="s">
        <v>42</v>
      </c>
      <c r="U8719" s="2">
        <v>10.856999999999999</v>
      </c>
      <c r="V8719" s="2">
        <v>8.1029999999999998</v>
      </c>
      <c r="W8719" s="2">
        <v>0.19500000000000001</v>
      </c>
      <c r="X8719" s="2">
        <v>12</v>
      </c>
      <c r="Y8719" s="2">
        <v>77</v>
      </c>
      <c r="Z8719" s="2">
        <v>210.9</v>
      </c>
      <c r="AA8719" s="5">
        <v>10</v>
      </c>
      <c r="AB8719" s="5" t="s">
        <v>43</v>
      </c>
      <c r="AC8719" s="5" t="s">
        <v>44</v>
      </c>
      <c r="AD8719" s="2" t="s">
        <v>26621</v>
      </c>
      <c r="AE8719" s="1"/>
    </row>
    <row r="8720" spans="1:31" ht="14.45">
      <c r="A8720" s="11"/>
      <c r="B8720" s="20"/>
      <c r="C8720" s="2" t="s">
        <v>26730</v>
      </c>
      <c r="D8720" s="14" t="s">
        <v>26731</v>
      </c>
      <c r="E8720" s="2" t="s">
        <v>26732</v>
      </c>
      <c r="F8720" s="2" t="s">
        <v>25163</v>
      </c>
      <c r="G8720" s="8">
        <v>178</v>
      </c>
      <c r="H8720" s="5">
        <v>5</v>
      </c>
      <c r="I8720" s="5" t="s">
        <v>69</v>
      </c>
      <c r="J8720" s="5" t="s">
        <v>24629</v>
      </c>
      <c r="K8720" s="2" t="s">
        <v>24630</v>
      </c>
      <c r="L8720" s="5" t="s">
        <v>24629</v>
      </c>
      <c r="M8720" s="2" t="s">
        <v>24630</v>
      </c>
      <c r="N8720" s="5" t="s">
        <v>24254</v>
      </c>
      <c r="O8720" s="5" t="s">
        <v>38</v>
      </c>
      <c r="P8720" s="5" t="s">
        <v>39</v>
      </c>
      <c r="Q8720" s="5" t="s">
        <v>40</v>
      </c>
      <c r="R8720" s="5" t="s">
        <v>24335</v>
      </c>
      <c r="S8720" s="5" t="s">
        <v>40</v>
      </c>
      <c r="T8720" s="5" t="s">
        <v>42</v>
      </c>
      <c r="U8720" s="2">
        <v>8.734</v>
      </c>
      <c r="V8720" s="2">
        <v>5.9359999999999999</v>
      </c>
      <c r="W8720" s="2">
        <v>0.11600000000000001</v>
      </c>
      <c r="X8720" s="2">
        <v>12</v>
      </c>
      <c r="Y8720" s="2">
        <v>50</v>
      </c>
      <c r="Z8720" s="2">
        <v>193.9</v>
      </c>
      <c r="AA8720" s="5">
        <v>20</v>
      </c>
      <c r="AB8720" s="5" t="s">
        <v>43</v>
      </c>
      <c r="AC8720" s="5" t="s">
        <v>44</v>
      </c>
      <c r="AD8720" s="2" t="s">
        <v>26616</v>
      </c>
      <c r="AE8720" s="1"/>
    </row>
    <row r="8721" spans="1:31" ht="14.45">
      <c r="A8721" s="11"/>
      <c r="B8721" s="20"/>
      <c r="C8721" s="2" t="s">
        <v>26733</v>
      </c>
      <c r="D8721" s="14" t="s">
        <v>26734</v>
      </c>
      <c r="E8721" s="2" t="s">
        <v>26735</v>
      </c>
      <c r="F8721" s="2" t="s">
        <v>26620</v>
      </c>
      <c r="G8721" s="8">
        <v>243</v>
      </c>
      <c r="H8721" s="5">
        <v>10</v>
      </c>
      <c r="I8721" s="5" t="s">
        <v>69</v>
      </c>
      <c r="J8721" s="5" t="s">
        <v>24629</v>
      </c>
      <c r="K8721" s="2" t="s">
        <v>24630</v>
      </c>
      <c r="L8721" s="5" t="s">
        <v>24629</v>
      </c>
      <c r="M8721" s="2" t="s">
        <v>24630</v>
      </c>
      <c r="N8721" s="5" t="s">
        <v>24254</v>
      </c>
      <c r="O8721" s="5" t="s">
        <v>38</v>
      </c>
      <c r="P8721" s="5" t="s">
        <v>39</v>
      </c>
      <c r="Q8721" s="5" t="s">
        <v>40</v>
      </c>
      <c r="R8721" s="5" t="s">
        <v>24335</v>
      </c>
      <c r="S8721" s="5" t="s">
        <v>40</v>
      </c>
      <c r="T8721" s="5" t="s">
        <v>42</v>
      </c>
      <c r="U8721" s="2">
        <v>11.301</v>
      </c>
      <c r="V8721" s="2">
        <v>8.532</v>
      </c>
      <c r="W8721" s="2">
        <v>0.19500000000000001</v>
      </c>
      <c r="X8721" s="2">
        <v>12</v>
      </c>
      <c r="Y8721" s="2">
        <v>77</v>
      </c>
      <c r="Z8721" s="2">
        <v>210.9</v>
      </c>
      <c r="AA8721" s="5">
        <v>10</v>
      </c>
      <c r="AB8721" s="5" t="s">
        <v>43</v>
      </c>
      <c r="AC8721" s="5" t="s">
        <v>44</v>
      </c>
      <c r="AD8721" s="2" t="s">
        <v>26621</v>
      </c>
      <c r="AE8721" s="1"/>
    </row>
    <row r="8722" spans="1:31" ht="14.45">
      <c r="A8722" s="11"/>
      <c r="B8722" s="20"/>
      <c r="C8722" s="2" t="s">
        <v>26736</v>
      </c>
      <c r="D8722" s="14" t="s">
        <v>26737</v>
      </c>
      <c r="E8722" s="2" t="s">
        <v>26738</v>
      </c>
      <c r="F8722" s="2" t="s">
        <v>24427</v>
      </c>
      <c r="G8722" s="8">
        <v>642</v>
      </c>
      <c r="H8722" s="5">
        <v>30</v>
      </c>
      <c r="I8722" s="5" t="s">
        <v>69</v>
      </c>
      <c r="J8722" s="5" t="s">
        <v>24629</v>
      </c>
      <c r="K8722" s="2" t="s">
        <v>24630</v>
      </c>
      <c r="L8722" s="5" t="s">
        <v>24629</v>
      </c>
      <c r="M8722" s="2" t="s">
        <v>24630</v>
      </c>
      <c r="N8722" s="5" t="s">
        <v>24254</v>
      </c>
      <c r="O8722" s="5" t="s">
        <v>38</v>
      </c>
      <c r="P8722" s="5" t="s">
        <v>39</v>
      </c>
      <c r="Q8722" s="5" t="s">
        <v>40</v>
      </c>
      <c r="R8722" s="5" t="s">
        <v>24340</v>
      </c>
      <c r="S8722" s="5" t="s">
        <v>40</v>
      </c>
      <c r="T8722" s="5" t="s">
        <v>42</v>
      </c>
      <c r="U8722" s="2">
        <v>10.619</v>
      </c>
      <c r="V8722" s="2">
        <v>8.3979999999999997</v>
      </c>
      <c r="W8722" s="2">
        <v>9.5000000000000001E-2</v>
      </c>
      <c r="X8722" s="2">
        <v>12</v>
      </c>
      <c r="Y8722" s="2">
        <v>66.5</v>
      </c>
      <c r="Z8722" s="2">
        <v>118.9</v>
      </c>
      <c r="AA8722" s="5">
        <v>10</v>
      </c>
      <c r="AB8722" s="5" t="s">
        <v>43</v>
      </c>
      <c r="AC8722" s="5" t="s">
        <v>44</v>
      </c>
      <c r="AD8722" s="2" t="s">
        <v>26739</v>
      </c>
      <c r="AE8722" s="1"/>
    </row>
    <row r="8723" spans="1:31" ht="14.45">
      <c r="A8723" s="11"/>
      <c r="B8723" s="20"/>
      <c r="C8723" s="2" t="s">
        <v>26740</v>
      </c>
      <c r="D8723" s="14" t="s">
        <v>26741</v>
      </c>
      <c r="E8723" s="2" t="s">
        <v>26742</v>
      </c>
      <c r="F8723" s="2" t="s">
        <v>24461</v>
      </c>
      <c r="G8723" s="8">
        <v>478</v>
      </c>
      <c r="H8723" s="5">
        <v>5</v>
      </c>
      <c r="I8723" s="5" t="s">
        <v>69</v>
      </c>
      <c r="J8723" s="5" t="s">
        <v>24629</v>
      </c>
      <c r="K8723" s="2" t="s">
        <v>24630</v>
      </c>
      <c r="L8723" s="5" t="s">
        <v>24629</v>
      </c>
      <c r="M8723" s="2" t="s">
        <v>24630</v>
      </c>
      <c r="N8723" s="5" t="s">
        <v>24254</v>
      </c>
      <c r="O8723" s="5" t="s">
        <v>38</v>
      </c>
      <c r="P8723" s="5" t="s">
        <v>39</v>
      </c>
      <c r="Q8723" s="5" t="s">
        <v>40</v>
      </c>
      <c r="R8723" s="5" t="s">
        <v>25301</v>
      </c>
      <c r="S8723" s="5" t="s">
        <v>40</v>
      </c>
      <c r="T8723" s="5" t="s">
        <v>42</v>
      </c>
      <c r="U8723" s="2">
        <v>12.702999999999999</v>
      </c>
      <c r="V8723" s="2">
        <v>10.481999999999999</v>
      </c>
      <c r="W8723" s="2">
        <v>9.5000000000000001E-2</v>
      </c>
      <c r="X8723" s="2">
        <v>12</v>
      </c>
      <c r="Y8723" s="2">
        <v>66.5</v>
      </c>
      <c r="Z8723" s="2">
        <v>118.9</v>
      </c>
      <c r="AA8723" s="5">
        <v>10</v>
      </c>
      <c r="AB8723" s="5" t="s">
        <v>43</v>
      </c>
      <c r="AC8723" s="5" t="s">
        <v>44</v>
      </c>
      <c r="AD8723" s="2" t="s">
        <v>26743</v>
      </c>
      <c r="AE8723" s="1"/>
    </row>
    <row r="8724" spans="1:31" ht="14.45">
      <c r="A8724" s="11"/>
      <c r="B8724" s="20"/>
      <c r="C8724" s="2" t="s">
        <v>26744</v>
      </c>
      <c r="D8724" s="14" t="s">
        <v>26745</v>
      </c>
      <c r="E8724" s="2" t="s">
        <v>26746</v>
      </c>
      <c r="F8724" s="2" t="s">
        <v>24427</v>
      </c>
      <c r="G8724" s="8">
        <v>714</v>
      </c>
      <c r="H8724" s="5">
        <v>30</v>
      </c>
      <c r="I8724" s="5" t="s">
        <v>69</v>
      </c>
      <c r="J8724" s="5" t="s">
        <v>24629</v>
      </c>
      <c r="K8724" s="2" t="s">
        <v>24630</v>
      </c>
      <c r="L8724" s="5" t="s">
        <v>24629</v>
      </c>
      <c r="M8724" s="2" t="s">
        <v>24630</v>
      </c>
      <c r="N8724" s="5" t="s">
        <v>24254</v>
      </c>
      <c r="O8724" s="5" t="s">
        <v>38</v>
      </c>
      <c r="P8724" s="5" t="s">
        <v>39</v>
      </c>
      <c r="Q8724" s="5" t="s">
        <v>40</v>
      </c>
      <c r="R8724" s="5" t="s">
        <v>24340</v>
      </c>
      <c r="S8724" s="5" t="s">
        <v>40</v>
      </c>
      <c r="T8724" s="5" t="s">
        <v>42</v>
      </c>
      <c r="U8724" s="2">
        <v>10.817</v>
      </c>
      <c r="V8724" s="2">
        <v>8.5960000000000001</v>
      </c>
      <c r="W8724" s="2">
        <v>9.5000000000000001E-2</v>
      </c>
      <c r="X8724" s="2">
        <v>12</v>
      </c>
      <c r="Y8724" s="2">
        <v>66.5</v>
      </c>
      <c r="Z8724" s="2">
        <v>118.9</v>
      </c>
      <c r="AA8724" s="5">
        <v>10</v>
      </c>
      <c r="AB8724" s="5" t="s">
        <v>43</v>
      </c>
      <c r="AC8724" s="5" t="s">
        <v>44</v>
      </c>
      <c r="AD8724" s="2" t="s">
        <v>26739</v>
      </c>
      <c r="AE8724" s="1"/>
    </row>
    <row r="8725" spans="1:31" ht="14.45">
      <c r="A8725" s="11"/>
      <c r="B8725" s="20"/>
      <c r="C8725" s="2" t="s">
        <v>26747</v>
      </c>
      <c r="D8725" s="14" t="s">
        <v>26748</v>
      </c>
      <c r="E8725" s="2" t="s">
        <v>26749</v>
      </c>
      <c r="F8725" s="2" t="s">
        <v>24461</v>
      </c>
      <c r="G8725" s="8">
        <v>550</v>
      </c>
      <c r="H8725" s="5">
        <v>5</v>
      </c>
      <c r="I8725" s="5" t="s">
        <v>69</v>
      </c>
      <c r="J8725" s="5" t="s">
        <v>24629</v>
      </c>
      <c r="K8725" s="2" t="s">
        <v>24630</v>
      </c>
      <c r="L8725" s="5" t="s">
        <v>24629</v>
      </c>
      <c r="M8725" s="2" t="s">
        <v>24630</v>
      </c>
      <c r="N8725" s="5" t="s">
        <v>24254</v>
      </c>
      <c r="O8725" s="5" t="s">
        <v>38</v>
      </c>
      <c r="P8725" s="5" t="s">
        <v>39</v>
      </c>
      <c r="Q8725" s="5" t="s">
        <v>40</v>
      </c>
      <c r="R8725" s="5" t="s">
        <v>25301</v>
      </c>
      <c r="S8725" s="5" t="s">
        <v>40</v>
      </c>
      <c r="T8725" s="5" t="s">
        <v>42</v>
      </c>
      <c r="U8725" s="2">
        <v>9.8699999999999992</v>
      </c>
      <c r="V8725" s="2">
        <v>7.649</v>
      </c>
      <c r="W8725" s="2">
        <v>9.5000000000000001E-2</v>
      </c>
      <c r="X8725" s="2">
        <v>12</v>
      </c>
      <c r="Y8725" s="2">
        <v>66.5</v>
      </c>
      <c r="Z8725" s="2">
        <v>118.9</v>
      </c>
      <c r="AA8725" s="5">
        <v>10</v>
      </c>
      <c r="AB8725" s="5" t="s">
        <v>43</v>
      </c>
      <c r="AC8725" s="5" t="s">
        <v>44</v>
      </c>
      <c r="AD8725" s="2" t="s">
        <v>26743</v>
      </c>
      <c r="AE8725" s="1"/>
    </row>
    <row r="8726" spans="1:31" ht="14.45">
      <c r="A8726" s="11"/>
      <c r="B8726" s="20"/>
      <c r="C8726" s="2" t="s">
        <v>26750</v>
      </c>
      <c r="D8726" s="14" t="s">
        <v>26751</v>
      </c>
      <c r="E8726" s="2" t="s">
        <v>26752</v>
      </c>
      <c r="F8726" s="2" t="s">
        <v>25163</v>
      </c>
      <c r="G8726" s="8">
        <v>100</v>
      </c>
      <c r="H8726" s="5">
        <v>5</v>
      </c>
      <c r="I8726" s="5" t="s">
        <v>69</v>
      </c>
      <c r="J8726" s="5" t="s">
        <v>24629</v>
      </c>
      <c r="K8726" s="2" t="s">
        <v>24630</v>
      </c>
      <c r="L8726" s="5" t="s">
        <v>24629</v>
      </c>
      <c r="M8726" s="2" t="s">
        <v>24630</v>
      </c>
      <c r="N8726" s="5" t="s">
        <v>24254</v>
      </c>
      <c r="O8726" s="5" t="s">
        <v>38</v>
      </c>
      <c r="P8726" s="5" t="s">
        <v>39</v>
      </c>
      <c r="Q8726" s="5" t="s">
        <v>40</v>
      </c>
      <c r="R8726" s="5" t="s">
        <v>24335</v>
      </c>
      <c r="S8726" s="5" t="s">
        <v>40</v>
      </c>
      <c r="T8726" s="5" t="s">
        <v>42</v>
      </c>
      <c r="U8726" s="2">
        <v>6.1470000000000002</v>
      </c>
      <c r="V8726" s="2">
        <v>4.8179999999999996</v>
      </c>
      <c r="W8726" s="2">
        <v>6.9000000000000006E-2</v>
      </c>
      <c r="X8726" s="2">
        <v>12</v>
      </c>
      <c r="Y8726" s="2">
        <v>50</v>
      </c>
      <c r="Z8726" s="2">
        <v>114.9</v>
      </c>
      <c r="AA8726" s="5">
        <v>20</v>
      </c>
      <c r="AB8726" s="5" t="s">
        <v>43</v>
      </c>
      <c r="AC8726" s="5" t="s">
        <v>44</v>
      </c>
      <c r="AD8726" s="2" t="s">
        <v>26753</v>
      </c>
      <c r="AE8726" s="1"/>
    </row>
    <row r="8727" spans="1:31" ht="14.45">
      <c r="A8727" s="11"/>
      <c r="B8727" s="20"/>
      <c r="C8727" s="2" t="s">
        <v>26754</v>
      </c>
      <c r="D8727" s="14" t="s">
        <v>26755</v>
      </c>
      <c r="E8727" s="2" t="s">
        <v>26756</v>
      </c>
      <c r="F8727" s="2" t="s">
        <v>25163</v>
      </c>
      <c r="G8727" s="8">
        <v>251</v>
      </c>
      <c r="H8727" s="5">
        <v>5</v>
      </c>
      <c r="I8727" s="5" t="s">
        <v>69</v>
      </c>
      <c r="J8727" s="5" t="s">
        <v>24629</v>
      </c>
      <c r="K8727" s="2" t="s">
        <v>24630</v>
      </c>
      <c r="L8727" s="5" t="s">
        <v>24629</v>
      </c>
      <c r="M8727" s="2" t="s">
        <v>24630</v>
      </c>
      <c r="N8727" s="5" t="s">
        <v>24254</v>
      </c>
      <c r="O8727" s="5" t="s">
        <v>38</v>
      </c>
      <c r="P8727" s="5" t="s">
        <v>39</v>
      </c>
      <c r="Q8727" s="5" t="s">
        <v>40</v>
      </c>
      <c r="R8727" s="5" t="s">
        <v>24340</v>
      </c>
      <c r="S8727" s="5" t="s">
        <v>40</v>
      </c>
      <c r="T8727" s="5" t="s">
        <v>42</v>
      </c>
      <c r="U8727" s="2">
        <v>9.6549999999999994</v>
      </c>
      <c r="V8727" s="2">
        <v>8.3260000000000005</v>
      </c>
      <c r="W8727" s="2">
        <v>6.9000000000000006E-2</v>
      </c>
      <c r="X8727" s="2">
        <v>12</v>
      </c>
      <c r="Y8727" s="2">
        <v>50</v>
      </c>
      <c r="Z8727" s="2">
        <v>114.9</v>
      </c>
      <c r="AA8727" s="5">
        <v>20</v>
      </c>
      <c r="AB8727" s="5" t="s">
        <v>43</v>
      </c>
      <c r="AC8727" s="5" t="s">
        <v>44</v>
      </c>
      <c r="AD8727" s="2" t="s">
        <v>26757</v>
      </c>
      <c r="AE8727" s="1"/>
    </row>
    <row r="8728" spans="1:31" ht="14.45">
      <c r="A8728" s="11"/>
      <c r="B8728" s="20"/>
      <c r="C8728" s="2" t="s">
        <v>26758</v>
      </c>
      <c r="D8728" s="14" t="s">
        <v>26759</v>
      </c>
      <c r="E8728" s="2" t="s">
        <v>26760</v>
      </c>
      <c r="F8728" s="2" t="s">
        <v>25163</v>
      </c>
      <c r="G8728" s="8">
        <v>251</v>
      </c>
      <c r="H8728" s="5">
        <v>15</v>
      </c>
      <c r="I8728" s="5" t="s">
        <v>69</v>
      </c>
      <c r="J8728" s="5" t="s">
        <v>24629</v>
      </c>
      <c r="K8728" s="2" t="s">
        <v>24630</v>
      </c>
      <c r="L8728" s="5" t="s">
        <v>24629</v>
      </c>
      <c r="M8728" s="2" t="s">
        <v>24630</v>
      </c>
      <c r="N8728" s="5" t="s">
        <v>24254</v>
      </c>
      <c r="O8728" s="5" t="s">
        <v>38</v>
      </c>
      <c r="P8728" s="5" t="s">
        <v>39</v>
      </c>
      <c r="Q8728" s="5" t="s">
        <v>40</v>
      </c>
      <c r="R8728" s="5" t="s">
        <v>25301</v>
      </c>
      <c r="S8728" s="5" t="s">
        <v>40</v>
      </c>
      <c r="T8728" s="5" t="s">
        <v>42</v>
      </c>
      <c r="U8728" s="2">
        <v>8.9920000000000009</v>
      </c>
      <c r="V8728" s="2">
        <v>7.7030000000000003</v>
      </c>
      <c r="W8728" s="2">
        <v>6.9000000000000006E-2</v>
      </c>
      <c r="X8728" s="2">
        <v>12</v>
      </c>
      <c r="Y8728" s="2">
        <v>50</v>
      </c>
      <c r="Z8728" s="2">
        <v>114.9</v>
      </c>
      <c r="AA8728" s="5">
        <v>20</v>
      </c>
      <c r="AB8728" s="5" t="s">
        <v>43</v>
      </c>
      <c r="AC8728" s="5" t="s">
        <v>44</v>
      </c>
      <c r="AD8728" s="2" t="s">
        <v>26761</v>
      </c>
      <c r="AE8728" s="1"/>
    </row>
    <row r="8729" spans="1:31" ht="14.45">
      <c r="A8729" s="11"/>
      <c r="B8729" s="20"/>
      <c r="C8729" s="2" t="s">
        <v>26762</v>
      </c>
      <c r="D8729" s="14" t="s">
        <v>26763</v>
      </c>
      <c r="E8729" s="2" t="s">
        <v>26764</v>
      </c>
      <c r="F8729" s="2" t="s">
        <v>26765</v>
      </c>
      <c r="G8729" s="8">
        <v>136</v>
      </c>
      <c r="H8729" s="5">
        <v>5</v>
      </c>
      <c r="I8729" s="5" t="s">
        <v>69</v>
      </c>
      <c r="J8729" s="5" t="s">
        <v>24629</v>
      </c>
      <c r="K8729" s="2" t="s">
        <v>24630</v>
      </c>
      <c r="L8729" s="5" t="s">
        <v>24629</v>
      </c>
      <c r="M8729" s="2" t="s">
        <v>24630</v>
      </c>
      <c r="N8729" s="5" t="s">
        <v>24254</v>
      </c>
      <c r="O8729" s="5" t="s">
        <v>38</v>
      </c>
      <c r="P8729" s="5" t="s">
        <v>39</v>
      </c>
      <c r="Q8729" s="5" t="s">
        <v>40</v>
      </c>
      <c r="R8729" s="5" t="s">
        <v>24335</v>
      </c>
      <c r="S8729" s="5" t="s">
        <v>40</v>
      </c>
      <c r="T8729" s="5" t="s">
        <v>42</v>
      </c>
      <c r="U8729" s="2">
        <v>7.2919999999999998</v>
      </c>
      <c r="V8729" s="2">
        <v>5.819</v>
      </c>
      <c r="W8729" s="2">
        <v>8.8999999999999996E-2</v>
      </c>
      <c r="X8729" s="2">
        <v>12</v>
      </c>
      <c r="Y8729" s="2">
        <v>62</v>
      </c>
      <c r="Z8729" s="2">
        <v>119.4</v>
      </c>
      <c r="AA8729" s="5">
        <v>10</v>
      </c>
      <c r="AB8729" s="5" t="s">
        <v>43</v>
      </c>
      <c r="AC8729" s="5" t="s">
        <v>44</v>
      </c>
      <c r="AD8729" s="2" t="s">
        <v>26766</v>
      </c>
      <c r="AE8729" s="1"/>
    </row>
    <row r="8730" spans="1:31" ht="14.45">
      <c r="A8730" s="11"/>
      <c r="B8730" s="20"/>
      <c r="C8730" s="2" t="s">
        <v>26767</v>
      </c>
      <c r="D8730" s="14" t="s">
        <v>26768</v>
      </c>
      <c r="E8730" s="2" t="s">
        <v>26769</v>
      </c>
      <c r="F8730" s="2" t="s">
        <v>25163</v>
      </c>
      <c r="G8730" s="8">
        <v>106</v>
      </c>
      <c r="H8730" s="5">
        <v>5</v>
      </c>
      <c r="I8730" s="5" t="s">
        <v>69</v>
      </c>
      <c r="J8730" s="5" t="s">
        <v>24629</v>
      </c>
      <c r="K8730" s="2" t="s">
        <v>24630</v>
      </c>
      <c r="L8730" s="5" t="s">
        <v>24629</v>
      </c>
      <c r="M8730" s="2" t="s">
        <v>24630</v>
      </c>
      <c r="N8730" s="5" t="s">
        <v>24254</v>
      </c>
      <c r="O8730" s="5" t="s">
        <v>38</v>
      </c>
      <c r="P8730" s="5" t="s">
        <v>39</v>
      </c>
      <c r="Q8730" s="5" t="s">
        <v>40</v>
      </c>
      <c r="R8730" s="5" t="s">
        <v>24335</v>
      </c>
      <c r="S8730" s="5" t="s">
        <v>40</v>
      </c>
      <c r="T8730" s="5" t="s">
        <v>42</v>
      </c>
      <c r="U8730" s="2">
        <v>6.3869999999999996</v>
      </c>
      <c r="V8730" s="2">
        <v>5.0579999999999998</v>
      </c>
      <c r="W8730" s="2">
        <v>6.9000000000000006E-2</v>
      </c>
      <c r="X8730" s="2">
        <v>12</v>
      </c>
      <c r="Y8730" s="2">
        <v>50</v>
      </c>
      <c r="Z8730" s="2">
        <v>114.9</v>
      </c>
      <c r="AA8730" s="5">
        <v>20</v>
      </c>
      <c r="AB8730" s="5" t="s">
        <v>43</v>
      </c>
      <c r="AC8730" s="5" t="s">
        <v>44</v>
      </c>
      <c r="AD8730" s="2" t="s">
        <v>26753</v>
      </c>
      <c r="AE8730" s="1"/>
    </row>
    <row r="8731" spans="1:31" ht="14.45">
      <c r="A8731" s="11"/>
      <c r="B8731" s="20"/>
      <c r="C8731" s="2" t="s">
        <v>26770</v>
      </c>
      <c r="D8731" s="14" t="s">
        <v>26771</v>
      </c>
      <c r="E8731" s="2" t="s">
        <v>26772</v>
      </c>
      <c r="F8731" s="2" t="s">
        <v>25163</v>
      </c>
      <c r="G8731" s="8">
        <v>257</v>
      </c>
      <c r="H8731" s="5">
        <v>5</v>
      </c>
      <c r="I8731" s="5" t="s">
        <v>69</v>
      </c>
      <c r="J8731" s="5" t="s">
        <v>24629</v>
      </c>
      <c r="K8731" s="2" t="s">
        <v>24630</v>
      </c>
      <c r="L8731" s="5" t="s">
        <v>24629</v>
      </c>
      <c r="M8731" s="2" t="s">
        <v>24630</v>
      </c>
      <c r="N8731" s="5" t="s">
        <v>24254</v>
      </c>
      <c r="O8731" s="5" t="s">
        <v>38</v>
      </c>
      <c r="P8731" s="5" t="s">
        <v>39</v>
      </c>
      <c r="Q8731" s="5" t="s">
        <v>40</v>
      </c>
      <c r="R8731" s="5" t="s">
        <v>24340</v>
      </c>
      <c r="S8731" s="5" t="s">
        <v>40</v>
      </c>
      <c r="T8731" s="5" t="s">
        <v>42</v>
      </c>
      <c r="U8731" s="2">
        <v>10.313000000000001</v>
      </c>
      <c r="V8731" s="2">
        <v>8.984</v>
      </c>
      <c r="W8731" s="2">
        <v>6.9000000000000006E-2</v>
      </c>
      <c r="X8731" s="2">
        <v>12</v>
      </c>
      <c r="Y8731" s="2">
        <v>50</v>
      </c>
      <c r="Z8731" s="2">
        <v>114.9</v>
      </c>
      <c r="AA8731" s="5">
        <v>20</v>
      </c>
      <c r="AB8731" s="5" t="s">
        <v>43</v>
      </c>
      <c r="AC8731" s="5" t="s">
        <v>44</v>
      </c>
      <c r="AD8731" s="2" t="s">
        <v>26757</v>
      </c>
      <c r="AE8731" s="1"/>
    </row>
    <row r="8732" spans="1:31" ht="14.45">
      <c r="A8732" s="11"/>
      <c r="B8732" s="20"/>
      <c r="C8732" s="2" t="s">
        <v>26773</v>
      </c>
      <c r="D8732" s="14" t="s">
        <v>26774</v>
      </c>
      <c r="E8732" s="2" t="s">
        <v>26775</v>
      </c>
      <c r="F8732" s="2" t="s">
        <v>25163</v>
      </c>
      <c r="G8732" s="8">
        <v>257</v>
      </c>
      <c r="H8732" s="5">
        <v>5</v>
      </c>
      <c r="I8732" s="5" t="s">
        <v>69</v>
      </c>
      <c r="J8732" s="5" t="s">
        <v>24629</v>
      </c>
      <c r="K8732" s="2" t="s">
        <v>24630</v>
      </c>
      <c r="L8732" s="5" t="s">
        <v>24629</v>
      </c>
      <c r="M8732" s="2" t="s">
        <v>24630</v>
      </c>
      <c r="N8732" s="5" t="s">
        <v>24254</v>
      </c>
      <c r="O8732" s="5" t="s">
        <v>38</v>
      </c>
      <c r="P8732" s="5" t="s">
        <v>39</v>
      </c>
      <c r="Q8732" s="5" t="s">
        <v>40</v>
      </c>
      <c r="R8732" s="5" t="s">
        <v>25301</v>
      </c>
      <c r="S8732" s="5" t="s">
        <v>40</v>
      </c>
      <c r="T8732" s="5" t="s">
        <v>42</v>
      </c>
      <c r="U8732" s="2">
        <v>9.5269999999999992</v>
      </c>
      <c r="V8732" s="2">
        <v>8.2379999999999995</v>
      </c>
      <c r="W8732" s="2">
        <v>6.9000000000000006E-2</v>
      </c>
      <c r="X8732" s="2">
        <v>12</v>
      </c>
      <c r="Y8732" s="2">
        <v>50</v>
      </c>
      <c r="Z8732" s="2">
        <v>114.9</v>
      </c>
      <c r="AA8732" s="5">
        <v>20</v>
      </c>
      <c r="AB8732" s="5" t="s">
        <v>43</v>
      </c>
      <c r="AC8732" s="5" t="s">
        <v>44</v>
      </c>
      <c r="AD8732" s="2" t="s">
        <v>26761</v>
      </c>
      <c r="AE8732" s="1"/>
    </row>
    <row r="8733" spans="1:31" ht="14.45">
      <c r="A8733" s="11"/>
      <c r="B8733" s="20"/>
      <c r="C8733" s="2" t="s">
        <v>26776</v>
      </c>
      <c r="D8733" s="14" t="s">
        <v>26777</v>
      </c>
      <c r="E8733" s="2" t="s">
        <v>26778</v>
      </c>
      <c r="F8733" s="2" t="s">
        <v>26765</v>
      </c>
      <c r="G8733" s="8">
        <v>144</v>
      </c>
      <c r="H8733" s="5">
        <v>5</v>
      </c>
      <c r="I8733" s="5" t="s">
        <v>69</v>
      </c>
      <c r="J8733" s="5" t="s">
        <v>24629</v>
      </c>
      <c r="K8733" s="2" t="s">
        <v>24630</v>
      </c>
      <c r="L8733" s="5" t="s">
        <v>24629</v>
      </c>
      <c r="M8733" s="2" t="s">
        <v>24630</v>
      </c>
      <c r="N8733" s="5" t="s">
        <v>24254</v>
      </c>
      <c r="O8733" s="5" t="s">
        <v>38</v>
      </c>
      <c r="P8733" s="5" t="s">
        <v>39</v>
      </c>
      <c r="Q8733" s="5" t="s">
        <v>40</v>
      </c>
      <c r="R8733" s="5" t="s">
        <v>24335</v>
      </c>
      <c r="S8733" s="5" t="s">
        <v>40</v>
      </c>
      <c r="T8733" s="5" t="s">
        <v>42</v>
      </c>
      <c r="U8733" s="2">
        <v>7.6760000000000002</v>
      </c>
      <c r="V8733" s="2">
        <v>6.2030000000000003</v>
      </c>
      <c r="W8733" s="2">
        <v>8.8999999999999996E-2</v>
      </c>
      <c r="X8733" s="2">
        <v>12</v>
      </c>
      <c r="Y8733" s="2">
        <v>62</v>
      </c>
      <c r="Z8733" s="2">
        <v>119.4</v>
      </c>
      <c r="AA8733" s="5">
        <v>10</v>
      </c>
      <c r="AB8733" s="5" t="s">
        <v>43</v>
      </c>
      <c r="AC8733" s="5" t="s">
        <v>44</v>
      </c>
      <c r="AD8733" s="2" t="s">
        <v>26766</v>
      </c>
      <c r="AE8733" s="1"/>
    </row>
    <row r="8734" spans="1:31" ht="14.45">
      <c r="A8734" s="11"/>
      <c r="B8734" s="20"/>
      <c r="C8734" s="2" t="s">
        <v>26779</v>
      </c>
      <c r="D8734" s="14" t="s">
        <v>26780</v>
      </c>
      <c r="E8734" s="2" t="s">
        <v>26781</v>
      </c>
      <c r="F8734" s="2" t="s">
        <v>25163</v>
      </c>
      <c r="G8734" s="8">
        <v>109</v>
      </c>
      <c r="H8734" s="5">
        <v>5</v>
      </c>
      <c r="I8734" s="5" t="s">
        <v>69</v>
      </c>
      <c r="J8734" s="5" t="s">
        <v>24629</v>
      </c>
      <c r="K8734" s="2" t="s">
        <v>24630</v>
      </c>
      <c r="L8734" s="5" t="s">
        <v>24629</v>
      </c>
      <c r="M8734" s="2" t="s">
        <v>24630</v>
      </c>
      <c r="N8734" s="5" t="s">
        <v>24254</v>
      </c>
      <c r="O8734" s="5" t="s">
        <v>38</v>
      </c>
      <c r="P8734" s="5" t="s">
        <v>39</v>
      </c>
      <c r="Q8734" s="5" t="s">
        <v>40</v>
      </c>
      <c r="R8734" s="5" t="s">
        <v>24335</v>
      </c>
      <c r="S8734" s="5" t="s">
        <v>40</v>
      </c>
      <c r="T8734" s="5" t="s">
        <v>42</v>
      </c>
      <c r="U8734" s="2">
        <v>6.702</v>
      </c>
      <c r="V8734" s="2">
        <v>5.2640000000000002</v>
      </c>
      <c r="W8734" s="2">
        <v>7.5999999999999998E-2</v>
      </c>
      <c r="X8734" s="2">
        <v>12</v>
      </c>
      <c r="Y8734" s="2">
        <v>50</v>
      </c>
      <c r="Z8734" s="2">
        <v>125.9</v>
      </c>
      <c r="AA8734" s="5">
        <v>20</v>
      </c>
      <c r="AB8734" s="5" t="s">
        <v>43</v>
      </c>
      <c r="AC8734" s="5" t="s">
        <v>44</v>
      </c>
      <c r="AD8734" s="2" t="s">
        <v>26753</v>
      </c>
      <c r="AE8734" s="1"/>
    </row>
    <row r="8735" spans="1:31" ht="14.45">
      <c r="A8735" s="11"/>
      <c r="B8735" s="20"/>
      <c r="C8735" s="2" t="s">
        <v>26782</v>
      </c>
      <c r="D8735" s="14" t="s">
        <v>26783</v>
      </c>
      <c r="E8735" s="2" t="s">
        <v>26784</v>
      </c>
      <c r="F8735" s="2" t="s">
        <v>25163</v>
      </c>
      <c r="G8735" s="8">
        <v>260</v>
      </c>
      <c r="H8735" s="5">
        <v>10</v>
      </c>
      <c r="I8735" s="5" t="s">
        <v>69</v>
      </c>
      <c r="J8735" s="5" t="s">
        <v>24629</v>
      </c>
      <c r="K8735" s="2" t="s">
        <v>24630</v>
      </c>
      <c r="L8735" s="5" t="s">
        <v>24629</v>
      </c>
      <c r="M8735" s="2" t="s">
        <v>24630</v>
      </c>
      <c r="N8735" s="5" t="s">
        <v>24254</v>
      </c>
      <c r="O8735" s="5" t="s">
        <v>38</v>
      </c>
      <c r="P8735" s="5" t="s">
        <v>39</v>
      </c>
      <c r="Q8735" s="5" t="s">
        <v>40</v>
      </c>
      <c r="R8735" s="5" t="s">
        <v>24340</v>
      </c>
      <c r="S8735" s="5" t="s">
        <v>40</v>
      </c>
      <c r="T8735" s="5" t="s">
        <v>42</v>
      </c>
      <c r="U8735" s="2">
        <v>11.076000000000001</v>
      </c>
      <c r="V8735" s="2">
        <v>9.6379999999999999</v>
      </c>
      <c r="W8735" s="2">
        <v>7.5999999999999998E-2</v>
      </c>
      <c r="X8735" s="2">
        <v>12</v>
      </c>
      <c r="Y8735" s="2">
        <v>50</v>
      </c>
      <c r="Z8735" s="2">
        <v>125.9</v>
      </c>
      <c r="AA8735" s="5">
        <v>20</v>
      </c>
      <c r="AB8735" s="5" t="s">
        <v>43</v>
      </c>
      <c r="AC8735" s="5" t="s">
        <v>44</v>
      </c>
      <c r="AD8735" s="2" t="s">
        <v>26757</v>
      </c>
      <c r="AE8735" s="1"/>
    </row>
    <row r="8736" spans="1:31" ht="14.45">
      <c r="A8736" s="11"/>
      <c r="B8736" s="20"/>
      <c r="C8736" s="2" t="s">
        <v>26785</v>
      </c>
      <c r="D8736" s="14" t="s">
        <v>26786</v>
      </c>
      <c r="E8736" s="2" t="s">
        <v>26787</v>
      </c>
      <c r="F8736" s="2" t="s">
        <v>25163</v>
      </c>
      <c r="G8736" s="8">
        <v>260</v>
      </c>
      <c r="H8736" s="5">
        <v>15</v>
      </c>
      <c r="I8736" s="5" t="s">
        <v>69</v>
      </c>
      <c r="J8736" s="5" t="s">
        <v>24629</v>
      </c>
      <c r="K8736" s="2" t="s">
        <v>24630</v>
      </c>
      <c r="L8736" s="5" t="s">
        <v>24629</v>
      </c>
      <c r="M8736" s="2" t="s">
        <v>24630</v>
      </c>
      <c r="N8736" s="5" t="s">
        <v>24254</v>
      </c>
      <c r="O8736" s="5" t="s">
        <v>38</v>
      </c>
      <c r="P8736" s="5" t="s">
        <v>39</v>
      </c>
      <c r="Q8736" s="5" t="s">
        <v>40</v>
      </c>
      <c r="R8736" s="5" t="s">
        <v>25301</v>
      </c>
      <c r="S8736" s="5" t="s">
        <v>40</v>
      </c>
      <c r="T8736" s="5" t="s">
        <v>42</v>
      </c>
      <c r="U8736" s="2">
        <v>10.169</v>
      </c>
      <c r="V8736" s="2">
        <v>8.7710000000000008</v>
      </c>
      <c r="W8736" s="2">
        <v>7.5999999999999998E-2</v>
      </c>
      <c r="X8736" s="2">
        <v>12</v>
      </c>
      <c r="Y8736" s="2">
        <v>50</v>
      </c>
      <c r="Z8736" s="2">
        <v>125.9</v>
      </c>
      <c r="AA8736" s="5">
        <v>20</v>
      </c>
      <c r="AB8736" s="5" t="s">
        <v>43</v>
      </c>
      <c r="AC8736" s="5" t="s">
        <v>44</v>
      </c>
      <c r="AD8736" s="2" t="s">
        <v>26761</v>
      </c>
      <c r="AE8736" s="1"/>
    </row>
    <row r="8737" spans="1:31" ht="14.45">
      <c r="A8737" s="11"/>
      <c r="B8737" s="20"/>
      <c r="C8737" s="2" t="s">
        <v>26788</v>
      </c>
      <c r="D8737" s="14" t="s">
        <v>26789</v>
      </c>
      <c r="E8737" s="2" t="s">
        <v>26790</v>
      </c>
      <c r="F8737" s="2" t="s">
        <v>26765</v>
      </c>
      <c r="G8737" s="8">
        <v>149</v>
      </c>
      <c r="H8737" s="5">
        <v>5</v>
      </c>
      <c r="I8737" s="5" t="s">
        <v>69</v>
      </c>
      <c r="J8737" s="5" t="s">
        <v>24629</v>
      </c>
      <c r="K8737" s="2" t="s">
        <v>24630</v>
      </c>
      <c r="L8737" s="5" t="s">
        <v>24629</v>
      </c>
      <c r="M8737" s="2" t="s">
        <v>24630</v>
      </c>
      <c r="N8737" s="5" t="s">
        <v>24254</v>
      </c>
      <c r="O8737" s="5" t="s">
        <v>38</v>
      </c>
      <c r="P8737" s="5" t="s">
        <v>39</v>
      </c>
      <c r="Q8737" s="5" t="s">
        <v>40</v>
      </c>
      <c r="R8737" s="5" t="s">
        <v>24335</v>
      </c>
      <c r="S8737" s="5" t="s">
        <v>40</v>
      </c>
      <c r="T8737" s="5" t="s">
        <v>42</v>
      </c>
      <c r="U8737" s="2">
        <v>8.2080000000000002</v>
      </c>
      <c r="V8737" s="2">
        <v>6.5579999999999998</v>
      </c>
      <c r="W8737" s="2">
        <v>0.10299999999999999</v>
      </c>
      <c r="X8737" s="2">
        <v>12</v>
      </c>
      <c r="Y8737" s="2">
        <v>62</v>
      </c>
      <c r="Z8737" s="2">
        <v>137.9</v>
      </c>
      <c r="AA8737" s="5">
        <v>10</v>
      </c>
      <c r="AB8737" s="5" t="s">
        <v>43</v>
      </c>
      <c r="AC8737" s="5" t="s">
        <v>44</v>
      </c>
      <c r="AD8737" s="2" t="s">
        <v>26766</v>
      </c>
      <c r="AE8737" s="1"/>
    </row>
    <row r="8738" spans="1:31" ht="14.45">
      <c r="A8738" s="11"/>
      <c r="B8738" s="20"/>
      <c r="C8738" s="2" t="s">
        <v>26791</v>
      </c>
      <c r="D8738" s="14" t="s">
        <v>26792</v>
      </c>
      <c r="E8738" s="2" t="s">
        <v>26793</v>
      </c>
      <c r="F8738" s="2" t="s">
        <v>25163</v>
      </c>
      <c r="G8738" s="8">
        <v>109</v>
      </c>
      <c r="H8738" s="5">
        <v>5</v>
      </c>
      <c r="I8738" s="5" t="s">
        <v>69</v>
      </c>
      <c r="J8738" s="5" t="s">
        <v>24629</v>
      </c>
      <c r="K8738" s="2" t="s">
        <v>24630</v>
      </c>
      <c r="L8738" s="5" t="s">
        <v>24629</v>
      </c>
      <c r="M8738" s="2" t="s">
        <v>24630</v>
      </c>
      <c r="N8738" s="5" t="s">
        <v>24254</v>
      </c>
      <c r="O8738" s="5" t="s">
        <v>38</v>
      </c>
      <c r="P8738" s="5" t="s">
        <v>39</v>
      </c>
      <c r="Q8738" s="5" t="s">
        <v>40</v>
      </c>
      <c r="R8738" s="5" t="s">
        <v>24335</v>
      </c>
      <c r="S8738" s="5" t="s">
        <v>40</v>
      </c>
      <c r="T8738" s="5" t="s">
        <v>42</v>
      </c>
      <c r="U8738" s="2">
        <v>6.7889999999999997</v>
      </c>
      <c r="V8738" s="2">
        <v>5.351</v>
      </c>
      <c r="W8738" s="2">
        <v>7.5999999999999998E-2</v>
      </c>
      <c r="X8738" s="2">
        <v>12</v>
      </c>
      <c r="Y8738" s="2">
        <v>50</v>
      </c>
      <c r="Z8738" s="2">
        <v>125.9</v>
      </c>
      <c r="AA8738" s="5">
        <v>20</v>
      </c>
      <c r="AB8738" s="5" t="s">
        <v>43</v>
      </c>
      <c r="AC8738" s="5" t="s">
        <v>44</v>
      </c>
      <c r="AD8738" s="2" t="s">
        <v>26753</v>
      </c>
      <c r="AE8738" s="1"/>
    </row>
    <row r="8739" spans="1:31" ht="14.45">
      <c r="A8739" s="11"/>
      <c r="B8739" s="20"/>
      <c r="C8739" s="2" t="s">
        <v>26794</v>
      </c>
      <c r="D8739" s="14" t="s">
        <v>26795</v>
      </c>
      <c r="E8739" s="2" t="s">
        <v>26796</v>
      </c>
      <c r="F8739" s="2" t="s">
        <v>25163</v>
      </c>
      <c r="G8739" s="8">
        <v>260</v>
      </c>
      <c r="H8739" s="5">
        <v>15</v>
      </c>
      <c r="I8739" s="5" t="s">
        <v>69</v>
      </c>
      <c r="J8739" s="5" t="s">
        <v>24629</v>
      </c>
      <c r="K8739" s="2" t="s">
        <v>24630</v>
      </c>
      <c r="L8739" s="5" t="s">
        <v>24629</v>
      </c>
      <c r="M8739" s="2" t="s">
        <v>24630</v>
      </c>
      <c r="N8739" s="5" t="s">
        <v>24254</v>
      </c>
      <c r="O8739" s="5" t="s">
        <v>38</v>
      </c>
      <c r="P8739" s="5" t="s">
        <v>39</v>
      </c>
      <c r="Q8739" s="5" t="s">
        <v>40</v>
      </c>
      <c r="R8739" s="5" t="s">
        <v>24340</v>
      </c>
      <c r="S8739" s="5" t="s">
        <v>40</v>
      </c>
      <c r="T8739" s="5" t="s">
        <v>42</v>
      </c>
      <c r="U8739" s="2">
        <v>10.962</v>
      </c>
      <c r="V8739" s="2">
        <v>9.5640000000000001</v>
      </c>
      <c r="W8739" s="2">
        <v>7.5999999999999998E-2</v>
      </c>
      <c r="X8739" s="2">
        <v>12</v>
      </c>
      <c r="Y8739" s="2">
        <v>50</v>
      </c>
      <c r="Z8739" s="2">
        <v>125.9</v>
      </c>
      <c r="AA8739" s="5">
        <v>20</v>
      </c>
      <c r="AB8739" s="5" t="s">
        <v>43</v>
      </c>
      <c r="AC8739" s="5" t="s">
        <v>44</v>
      </c>
      <c r="AD8739" s="2" t="s">
        <v>26757</v>
      </c>
      <c r="AE8739" s="1"/>
    </row>
    <row r="8740" spans="1:31" ht="14.45">
      <c r="A8740" s="11"/>
      <c r="B8740" s="20"/>
      <c r="C8740" s="2" t="s">
        <v>26797</v>
      </c>
      <c r="D8740" s="14" t="s">
        <v>26798</v>
      </c>
      <c r="E8740" s="2" t="s">
        <v>26799</v>
      </c>
      <c r="F8740" s="2" t="s">
        <v>25163</v>
      </c>
      <c r="G8740" s="8">
        <v>260</v>
      </c>
      <c r="H8740" s="5">
        <v>5</v>
      </c>
      <c r="I8740" s="5" t="s">
        <v>69</v>
      </c>
      <c r="J8740" s="5" t="s">
        <v>24629</v>
      </c>
      <c r="K8740" s="2" t="s">
        <v>24630</v>
      </c>
      <c r="L8740" s="5" t="s">
        <v>24629</v>
      </c>
      <c r="M8740" s="2" t="s">
        <v>24630</v>
      </c>
      <c r="N8740" s="5" t="s">
        <v>24254</v>
      </c>
      <c r="O8740" s="5" t="s">
        <v>38</v>
      </c>
      <c r="P8740" s="5" t="s">
        <v>39</v>
      </c>
      <c r="Q8740" s="5" t="s">
        <v>40</v>
      </c>
      <c r="R8740" s="5" t="s">
        <v>25301</v>
      </c>
      <c r="S8740" s="5" t="s">
        <v>40</v>
      </c>
      <c r="T8740" s="5" t="s">
        <v>42</v>
      </c>
      <c r="U8740" s="2">
        <v>10.996</v>
      </c>
      <c r="V8740" s="2">
        <v>8.766</v>
      </c>
      <c r="W8740" s="2">
        <v>7.5999999999999998E-2</v>
      </c>
      <c r="X8740" s="2">
        <v>12</v>
      </c>
      <c r="Y8740" s="2">
        <v>50</v>
      </c>
      <c r="Z8740" s="2">
        <v>125.9</v>
      </c>
      <c r="AA8740" s="5">
        <v>20</v>
      </c>
      <c r="AB8740" s="5" t="s">
        <v>43</v>
      </c>
      <c r="AC8740" s="5" t="s">
        <v>44</v>
      </c>
      <c r="AD8740" s="2" t="s">
        <v>26761</v>
      </c>
      <c r="AE8740" s="1"/>
    </row>
    <row r="8741" spans="1:31" ht="14.45">
      <c r="A8741" s="11"/>
      <c r="B8741" s="20"/>
      <c r="C8741" s="2" t="s">
        <v>26800</v>
      </c>
      <c r="D8741" s="14" t="s">
        <v>26801</v>
      </c>
      <c r="E8741" s="2" t="s">
        <v>26802</v>
      </c>
      <c r="F8741" s="2" t="s">
        <v>26765</v>
      </c>
      <c r="G8741" s="8">
        <v>149</v>
      </c>
      <c r="H8741" s="5">
        <v>5</v>
      </c>
      <c r="I8741" s="5" t="s">
        <v>69</v>
      </c>
      <c r="J8741" s="5" t="s">
        <v>24629</v>
      </c>
      <c r="K8741" s="2" t="s">
        <v>24630</v>
      </c>
      <c r="L8741" s="5" t="s">
        <v>24629</v>
      </c>
      <c r="M8741" s="2" t="s">
        <v>24630</v>
      </c>
      <c r="N8741" s="5" t="s">
        <v>24254</v>
      </c>
      <c r="O8741" s="5" t="s">
        <v>38</v>
      </c>
      <c r="P8741" s="5" t="s">
        <v>39</v>
      </c>
      <c r="Q8741" s="5" t="s">
        <v>40</v>
      </c>
      <c r="R8741" s="5" t="s">
        <v>24335</v>
      </c>
      <c r="S8741" s="5" t="s">
        <v>40</v>
      </c>
      <c r="T8741" s="5" t="s">
        <v>42</v>
      </c>
      <c r="U8741" s="2">
        <v>8.2249999999999996</v>
      </c>
      <c r="V8741" s="2">
        <v>6.5750000000000002</v>
      </c>
      <c r="W8741" s="2">
        <v>0.10299999999999999</v>
      </c>
      <c r="X8741" s="2">
        <v>12</v>
      </c>
      <c r="Y8741" s="2">
        <v>62</v>
      </c>
      <c r="Z8741" s="2">
        <v>137.9</v>
      </c>
      <c r="AA8741" s="5">
        <v>10</v>
      </c>
      <c r="AB8741" s="5" t="s">
        <v>43</v>
      </c>
      <c r="AC8741" s="5" t="s">
        <v>44</v>
      </c>
      <c r="AD8741" s="2" t="s">
        <v>26766</v>
      </c>
      <c r="AE8741" s="1"/>
    </row>
    <row r="8742" spans="1:31" ht="14.45">
      <c r="A8742" s="11"/>
      <c r="B8742" s="20"/>
      <c r="C8742" s="2" t="s">
        <v>26803</v>
      </c>
      <c r="D8742" s="14" t="s">
        <v>26804</v>
      </c>
      <c r="E8742" s="2" t="s">
        <v>26805</v>
      </c>
      <c r="F8742" s="2" t="s">
        <v>25163</v>
      </c>
      <c r="G8742" s="8">
        <v>119</v>
      </c>
      <c r="H8742" s="5">
        <v>5</v>
      </c>
      <c r="I8742" s="5" t="s">
        <v>69</v>
      </c>
      <c r="J8742" s="5" t="s">
        <v>24629</v>
      </c>
      <c r="K8742" s="2" t="s">
        <v>24630</v>
      </c>
      <c r="L8742" s="5" t="s">
        <v>24629</v>
      </c>
      <c r="M8742" s="2" t="s">
        <v>24630</v>
      </c>
      <c r="N8742" s="5" t="s">
        <v>24254</v>
      </c>
      <c r="O8742" s="5" t="s">
        <v>38</v>
      </c>
      <c r="P8742" s="5" t="s">
        <v>39</v>
      </c>
      <c r="Q8742" s="5" t="s">
        <v>40</v>
      </c>
      <c r="R8742" s="5" t="s">
        <v>24335</v>
      </c>
      <c r="S8742" s="5" t="s">
        <v>40</v>
      </c>
      <c r="T8742" s="5" t="s">
        <v>42</v>
      </c>
      <c r="U8742" s="2">
        <v>6.9950000000000001</v>
      </c>
      <c r="V8742" s="2">
        <v>5.5570000000000004</v>
      </c>
      <c r="W8742" s="2">
        <v>7.5999999999999998E-2</v>
      </c>
      <c r="X8742" s="2">
        <v>12</v>
      </c>
      <c r="Y8742" s="2">
        <v>50</v>
      </c>
      <c r="Z8742" s="2">
        <v>125.9</v>
      </c>
      <c r="AA8742" s="5">
        <v>20</v>
      </c>
      <c r="AB8742" s="5" t="s">
        <v>43</v>
      </c>
      <c r="AC8742" s="5" t="s">
        <v>44</v>
      </c>
      <c r="AD8742" s="2" t="s">
        <v>26753</v>
      </c>
      <c r="AE8742" s="1"/>
    </row>
    <row r="8743" spans="1:31" ht="14.45">
      <c r="A8743" s="11"/>
      <c r="B8743" s="20"/>
      <c r="C8743" s="2" t="s">
        <v>26806</v>
      </c>
      <c r="D8743" s="14" t="s">
        <v>26807</v>
      </c>
      <c r="E8743" s="2" t="s">
        <v>26808</v>
      </c>
      <c r="F8743" s="2" t="s">
        <v>25163</v>
      </c>
      <c r="G8743" s="8">
        <v>270</v>
      </c>
      <c r="H8743" s="5">
        <v>5</v>
      </c>
      <c r="I8743" s="5" t="s">
        <v>69</v>
      </c>
      <c r="J8743" s="5" t="s">
        <v>24629</v>
      </c>
      <c r="K8743" s="2" t="s">
        <v>24630</v>
      </c>
      <c r="L8743" s="5" t="s">
        <v>24629</v>
      </c>
      <c r="M8743" s="2" t="s">
        <v>24630</v>
      </c>
      <c r="N8743" s="5" t="s">
        <v>24254</v>
      </c>
      <c r="O8743" s="5" t="s">
        <v>38</v>
      </c>
      <c r="P8743" s="5" t="s">
        <v>39</v>
      </c>
      <c r="Q8743" s="5" t="s">
        <v>40</v>
      </c>
      <c r="R8743" s="5" t="s">
        <v>24340</v>
      </c>
      <c r="S8743" s="5" t="s">
        <v>40</v>
      </c>
      <c r="T8743" s="5" t="s">
        <v>42</v>
      </c>
      <c r="U8743" s="2">
        <v>11.566000000000001</v>
      </c>
      <c r="V8743" s="2">
        <v>10.128</v>
      </c>
      <c r="W8743" s="2">
        <v>7.5999999999999998E-2</v>
      </c>
      <c r="X8743" s="2">
        <v>12</v>
      </c>
      <c r="Y8743" s="2">
        <v>50</v>
      </c>
      <c r="Z8743" s="2">
        <v>125.9</v>
      </c>
      <c r="AA8743" s="5">
        <v>20</v>
      </c>
      <c r="AB8743" s="5" t="s">
        <v>43</v>
      </c>
      <c r="AC8743" s="5" t="s">
        <v>44</v>
      </c>
      <c r="AD8743" s="2" t="s">
        <v>26757</v>
      </c>
      <c r="AE8743" s="1"/>
    </row>
    <row r="8744" spans="1:31" ht="14.45">
      <c r="A8744" s="11"/>
      <c r="B8744" s="20"/>
      <c r="C8744" s="2" t="s">
        <v>26809</v>
      </c>
      <c r="D8744" s="14" t="s">
        <v>26810</v>
      </c>
      <c r="E8744" s="2" t="s">
        <v>26811</v>
      </c>
      <c r="F8744" s="2" t="s">
        <v>25163</v>
      </c>
      <c r="G8744" s="8">
        <v>270</v>
      </c>
      <c r="H8744" s="5">
        <v>10</v>
      </c>
      <c r="I8744" s="5" t="s">
        <v>69</v>
      </c>
      <c r="J8744" s="5" t="s">
        <v>24629</v>
      </c>
      <c r="K8744" s="2" t="s">
        <v>24630</v>
      </c>
      <c r="L8744" s="5" t="s">
        <v>24629</v>
      </c>
      <c r="M8744" s="2" t="s">
        <v>24630</v>
      </c>
      <c r="N8744" s="5" t="s">
        <v>24254</v>
      </c>
      <c r="O8744" s="5" t="s">
        <v>38</v>
      </c>
      <c r="P8744" s="5" t="s">
        <v>39</v>
      </c>
      <c r="Q8744" s="5" t="s">
        <v>40</v>
      </c>
      <c r="R8744" s="5" t="s">
        <v>25301</v>
      </c>
      <c r="S8744" s="5" t="s">
        <v>40</v>
      </c>
      <c r="T8744" s="5" t="s">
        <v>42</v>
      </c>
      <c r="U8744" s="2">
        <v>10.638999999999999</v>
      </c>
      <c r="V8744" s="2">
        <v>9.2409999999999997</v>
      </c>
      <c r="W8744" s="2">
        <v>7.5999999999999998E-2</v>
      </c>
      <c r="X8744" s="2">
        <v>12</v>
      </c>
      <c r="Y8744" s="2">
        <v>50</v>
      </c>
      <c r="Z8744" s="2">
        <v>125.9</v>
      </c>
      <c r="AA8744" s="5">
        <v>20</v>
      </c>
      <c r="AB8744" s="5" t="s">
        <v>43</v>
      </c>
      <c r="AC8744" s="5" t="s">
        <v>44</v>
      </c>
      <c r="AD8744" s="2" t="s">
        <v>26761</v>
      </c>
      <c r="AE8744" s="1"/>
    </row>
    <row r="8745" spans="1:31" ht="14.45">
      <c r="A8745" s="11"/>
      <c r="B8745" s="20"/>
      <c r="C8745" s="2" t="s">
        <v>26812</v>
      </c>
      <c r="D8745" s="14" t="s">
        <v>26813</v>
      </c>
      <c r="E8745" s="2" t="s">
        <v>26814</v>
      </c>
      <c r="F8745" s="2" t="s">
        <v>26765</v>
      </c>
      <c r="G8745" s="8">
        <v>163</v>
      </c>
      <c r="H8745" s="5">
        <v>5</v>
      </c>
      <c r="I8745" s="5" t="s">
        <v>69</v>
      </c>
      <c r="J8745" s="5" t="s">
        <v>24629</v>
      </c>
      <c r="K8745" s="2" t="s">
        <v>24630</v>
      </c>
      <c r="L8745" s="5" t="s">
        <v>24629</v>
      </c>
      <c r="M8745" s="2" t="s">
        <v>24630</v>
      </c>
      <c r="N8745" s="5" t="s">
        <v>24254</v>
      </c>
      <c r="O8745" s="5" t="s">
        <v>38</v>
      </c>
      <c r="P8745" s="5" t="s">
        <v>39</v>
      </c>
      <c r="Q8745" s="5" t="s">
        <v>40</v>
      </c>
      <c r="R8745" s="5" t="s">
        <v>24335</v>
      </c>
      <c r="S8745" s="5" t="s">
        <v>40</v>
      </c>
      <c r="T8745" s="5" t="s">
        <v>42</v>
      </c>
      <c r="U8745" s="2">
        <v>8.5790000000000006</v>
      </c>
      <c r="V8745" s="2">
        <v>6.9290000000000003</v>
      </c>
      <c r="W8745" s="2">
        <v>0.10299999999999999</v>
      </c>
      <c r="X8745" s="2">
        <v>12</v>
      </c>
      <c r="Y8745" s="2">
        <v>62</v>
      </c>
      <c r="Z8745" s="2">
        <v>137.9</v>
      </c>
      <c r="AA8745" s="5">
        <v>10</v>
      </c>
      <c r="AB8745" s="5" t="s">
        <v>43</v>
      </c>
      <c r="AC8745" s="5" t="s">
        <v>44</v>
      </c>
      <c r="AD8745" s="2" t="s">
        <v>26766</v>
      </c>
      <c r="AE8745" s="1"/>
    </row>
    <row r="8746" spans="1:31" ht="14.45">
      <c r="A8746" s="11"/>
      <c r="B8746" s="20"/>
      <c r="C8746" s="2" t="s">
        <v>26815</v>
      </c>
      <c r="D8746" s="14" t="s">
        <v>26816</v>
      </c>
      <c r="E8746" s="2" t="s">
        <v>26817</v>
      </c>
      <c r="F8746" s="2" t="s">
        <v>25163</v>
      </c>
      <c r="G8746" s="8">
        <v>123</v>
      </c>
      <c r="H8746" s="5">
        <v>5</v>
      </c>
      <c r="I8746" s="5" t="s">
        <v>69</v>
      </c>
      <c r="J8746" s="5" t="s">
        <v>24629</v>
      </c>
      <c r="K8746" s="2" t="s">
        <v>24630</v>
      </c>
      <c r="L8746" s="5" t="s">
        <v>24629</v>
      </c>
      <c r="M8746" s="2" t="s">
        <v>24630</v>
      </c>
      <c r="N8746" s="5" t="s">
        <v>24254</v>
      </c>
      <c r="O8746" s="5" t="s">
        <v>38</v>
      </c>
      <c r="P8746" s="5" t="s">
        <v>39</v>
      </c>
      <c r="Q8746" s="5" t="s">
        <v>40</v>
      </c>
      <c r="R8746" s="5" t="s">
        <v>24335</v>
      </c>
      <c r="S8746" s="5" t="s">
        <v>40</v>
      </c>
      <c r="T8746" s="5" t="s">
        <v>42</v>
      </c>
      <c r="U8746" s="2">
        <v>7.5250000000000004</v>
      </c>
      <c r="V8746" s="2">
        <v>5.8550000000000004</v>
      </c>
      <c r="W8746" s="2">
        <v>9.2999999999999999E-2</v>
      </c>
      <c r="X8746" s="2">
        <v>12</v>
      </c>
      <c r="Y8746" s="2">
        <v>50</v>
      </c>
      <c r="Z8746" s="2">
        <v>154.4</v>
      </c>
      <c r="AA8746" s="5">
        <v>20</v>
      </c>
      <c r="AB8746" s="5" t="s">
        <v>43</v>
      </c>
      <c r="AC8746" s="5" t="s">
        <v>44</v>
      </c>
      <c r="AD8746" s="2" t="s">
        <v>26753</v>
      </c>
      <c r="AE8746" s="1"/>
    </row>
    <row r="8747" spans="1:31" ht="14.45">
      <c r="A8747" s="11"/>
      <c r="B8747" s="20"/>
      <c r="C8747" s="2" t="s">
        <v>26818</v>
      </c>
      <c r="D8747" s="14" t="s">
        <v>26819</v>
      </c>
      <c r="E8747" s="2" t="s">
        <v>26820</v>
      </c>
      <c r="F8747" s="2" t="s">
        <v>25163</v>
      </c>
      <c r="G8747" s="8">
        <v>274</v>
      </c>
      <c r="H8747" s="5">
        <v>15</v>
      </c>
      <c r="I8747" s="5" t="s">
        <v>69</v>
      </c>
      <c r="J8747" s="5" t="s">
        <v>24629</v>
      </c>
      <c r="K8747" s="2" t="s">
        <v>24630</v>
      </c>
      <c r="L8747" s="5" t="s">
        <v>24629</v>
      </c>
      <c r="M8747" s="2" t="s">
        <v>24630</v>
      </c>
      <c r="N8747" s="5" t="s">
        <v>24254</v>
      </c>
      <c r="O8747" s="5" t="s">
        <v>38</v>
      </c>
      <c r="P8747" s="5" t="s">
        <v>39</v>
      </c>
      <c r="Q8747" s="5" t="s">
        <v>40</v>
      </c>
      <c r="R8747" s="5" t="s">
        <v>24340</v>
      </c>
      <c r="S8747" s="5" t="s">
        <v>40</v>
      </c>
      <c r="T8747" s="5" t="s">
        <v>42</v>
      </c>
      <c r="U8747" s="2">
        <v>12.534000000000001</v>
      </c>
      <c r="V8747" s="2">
        <v>10.904</v>
      </c>
      <c r="W8747" s="2">
        <v>9.2999999999999999E-2</v>
      </c>
      <c r="X8747" s="2">
        <v>12</v>
      </c>
      <c r="Y8747" s="2">
        <v>50</v>
      </c>
      <c r="Z8747" s="2">
        <v>154.4</v>
      </c>
      <c r="AA8747" s="5">
        <v>20</v>
      </c>
      <c r="AB8747" s="5" t="s">
        <v>43</v>
      </c>
      <c r="AC8747" s="5" t="s">
        <v>44</v>
      </c>
      <c r="AD8747" s="2" t="s">
        <v>26757</v>
      </c>
      <c r="AE8747" s="1"/>
    </row>
    <row r="8748" spans="1:31" ht="14.45">
      <c r="A8748" s="11"/>
      <c r="B8748" s="20"/>
      <c r="C8748" s="2" t="s">
        <v>26821</v>
      </c>
      <c r="D8748" s="14" t="s">
        <v>26822</v>
      </c>
      <c r="E8748" s="2" t="s">
        <v>26823</v>
      </c>
      <c r="F8748" s="2" t="s">
        <v>25163</v>
      </c>
      <c r="G8748" s="8">
        <v>274</v>
      </c>
      <c r="H8748" s="5">
        <v>5</v>
      </c>
      <c r="I8748" s="5" t="s">
        <v>69</v>
      </c>
      <c r="J8748" s="5" t="s">
        <v>24629</v>
      </c>
      <c r="K8748" s="2" t="s">
        <v>24630</v>
      </c>
      <c r="L8748" s="5" t="s">
        <v>24629</v>
      </c>
      <c r="M8748" s="2" t="s">
        <v>24630</v>
      </c>
      <c r="N8748" s="5" t="s">
        <v>24254</v>
      </c>
      <c r="O8748" s="5" t="s">
        <v>38</v>
      </c>
      <c r="P8748" s="5" t="s">
        <v>39</v>
      </c>
      <c r="Q8748" s="5" t="s">
        <v>40</v>
      </c>
      <c r="R8748" s="5" t="s">
        <v>25301</v>
      </c>
      <c r="S8748" s="5" t="s">
        <v>40</v>
      </c>
      <c r="T8748" s="5" t="s">
        <v>42</v>
      </c>
      <c r="U8748" s="2">
        <v>12.157999999999999</v>
      </c>
      <c r="V8748" s="2">
        <v>9.9280000000000008</v>
      </c>
      <c r="W8748" s="2">
        <v>9.2999999999999999E-2</v>
      </c>
      <c r="X8748" s="2">
        <v>12</v>
      </c>
      <c r="Y8748" s="2">
        <v>50</v>
      </c>
      <c r="Z8748" s="2">
        <v>154.4</v>
      </c>
      <c r="AA8748" s="5">
        <v>20</v>
      </c>
      <c r="AB8748" s="5" t="s">
        <v>43</v>
      </c>
      <c r="AC8748" s="5" t="s">
        <v>44</v>
      </c>
      <c r="AD8748" s="2" t="s">
        <v>26761</v>
      </c>
      <c r="AE8748" s="1"/>
    </row>
    <row r="8749" spans="1:31" ht="14.45">
      <c r="A8749" s="11"/>
      <c r="B8749" s="20"/>
      <c r="C8749" s="2" t="s">
        <v>26824</v>
      </c>
      <c r="D8749" s="14" t="s">
        <v>26825</v>
      </c>
      <c r="E8749" s="2" t="s">
        <v>26826</v>
      </c>
      <c r="F8749" s="2" t="s">
        <v>26765</v>
      </c>
      <c r="G8749" s="8">
        <v>168</v>
      </c>
      <c r="H8749" s="5">
        <v>5</v>
      </c>
      <c r="I8749" s="5" t="s">
        <v>69</v>
      </c>
      <c r="J8749" s="5" t="s">
        <v>24629</v>
      </c>
      <c r="K8749" s="2" t="s">
        <v>24630</v>
      </c>
      <c r="L8749" s="5" t="s">
        <v>24629</v>
      </c>
      <c r="M8749" s="2" t="s">
        <v>24630</v>
      </c>
      <c r="N8749" s="5" t="s">
        <v>24254</v>
      </c>
      <c r="O8749" s="5" t="s">
        <v>38</v>
      </c>
      <c r="P8749" s="5" t="s">
        <v>39</v>
      </c>
      <c r="Q8749" s="5" t="s">
        <v>40</v>
      </c>
      <c r="R8749" s="5" t="s">
        <v>24335</v>
      </c>
      <c r="S8749" s="5" t="s">
        <v>40</v>
      </c>
      <c r="T8749" s="5" t="s">
        <v>42</v>
      </c>
      <c r="U8749" s="2">
        <v>9.2490000000000006</v>
      </c>
      <c r="V8749" s="2">
        <v>7.3879999999999999</v>
      </c>
      <c r="W8749" s="2">
        <v>0.11899999999999999</v>
      </c>
      <c r="X8749" s="2">
        <v>12</v>
      </c>
      <c r="Y8749" s="2">
        <v>62</v>
      </c>
      <c r="Z8749" s="2">
        <v>159.9</v>
      </c>
      <c r="AA8749" s="5">
        <v>10</v>
      </c>
      <c r="AB8749" s="5" t="s">
        <v>43</v>
      </c>
      <c r="AC8749" s="5" t="s">
        <v>44</v>
      </c>
      <c r="AD8749" s="2" t="s">
        <v>26766</v>
      </c>
      <c r="AE8749" s="1"/>
    </row>
    <row r="8750" spans="1:31" ht="14.45">
      <c r="A8750" s="11"/>
      <c r="B8750" s="20"/>
      <c r="C8750" s="2" t="s">
        <v>26827</v>
      </c>
      <c r="D8750" s="14" t="s">
        <v>26828</v>
      </c>
      <c r="E8750" s="2" t="s">
        <v>26829</v>
      </c>
      <c r="F8750" s="2" t="s">
        <v>25163</v>
      </c>
      <c r="G8750" s="8">
        <v>117</v>
      </c>
      <c r="H8750" s="5">
        <v>5</v>
      </c>
      <c r="I8750" s="5" t="s">
        <v>69</v>
      </c>
      <c r="J8750" s="5" t="s">
        <v>24629</v>
      </c>
      <c r="K8750" s="2" t="s">
        <v>24630</v>
      </c>
      <c r="L8750" s="5" t="s">
        <v>24629</v>
      </c>
      <c r="M8750" s="2" t="s">
        <v>24630</v>
      </c>
      <c r="N8750" s="5" t="s">
        <v>24254</v>
      </c>
      <c r="O8750" s="5" t="s">
        <v>38</v>
      </c>
      <c r="P8750" s="5" t="s">
        <v>39</v>
      </c>
      <c r="Q8750" s="5" t="s">
        <v>40</v>
      </c>
      <c r="R8750" s="5" t="s">
        <v>24335</v>
      </c>
      <c r="S8750" s="5" t="s">
        <v>40</v>
      </c>
      <c r="T8750" s="5" t="s">
        <v>42</v>
      </c>
      <c r="U8750" s="2">
        <v>7.34</v>
      </c>
      <c r="V8750" s="2">
        <v>5.8140000000000001</v>
      </c>
      <c r="W8750" s="2">
        <v>8.3000000000000004E-2</v>
      </c>
      <c r="X8750" s="2">
        <v>12</v>
      </c>
      <c r="Y8750" s="2">
        <v>50</v>
      </c>
      <c r="Z8750" s="2">
        <v>137.9</v>
      </c>
      <c r="AA8750" s="5">
        <v>20</v>
      </c>
      <c r="AB8750" s="5" t="s">
        <v>43</v>
      </c>
      <c r="AC8750" s="5" t="s">
        <v>44</v>
      </c>
      <c r="AD8750" s="2" t="s">
        <v>26753</v>
      </c>
      <c r="AE8750" s="1"/>
    </row>
    <row r="8751" spans="1:31" ht="14.45">
      <c r="A8751" s="11"/>
      <c r="B8751" s="20"/>
      <c r="C8751" s="2" t="s">
        <v>26830</v>
      </c>
      <c r="D8751" s="14" t="s">
        <v>26831</v>
      </c>
      <c r="E8751" s="2" t="s">
        <v>26832</v>
      </c>
      <c r="F8751" s="2" t="s">
        <v>25163</v>
      </c>
      <c r="G8751" s="8">
        <v>268</v>
      </c>
      <c r="H8751" s="5">
        <v>5</v>
      </c>
      <c r="I8751" s="5" t="s">
        <v>69</v>
      </c>
      <c r="J8751" s="5" t="s">
        <v>24629</v>
      </c>
      <c r="K8751" s="2" t="s">
        <v>24630</v>
      </c>
      <c r="L8751" s="5" t="s">
        <v>24629</v>
      </c>
      <c r="M8751" s="2" t="s">
        <v>24630</v>
      </c>
      <c r="N8751" s="5" t="s">
        <v>24254</v>
      </c>
      <c r="O8751" s="5" t="s">
        <v>38</v>
      </c>
      <c r="P8751" s="5" t="s">
        <v>39</v>
      </c>
      <c r="Q8751" s="5" t="s">
        <v>40</v>
      </c>
      <c r="R8751" s="5" t="s">
        <v>24340</v>
      </c>
      <c r="S8751" s="5" t="s">
        <v>40</v>
      </c>
      <c r="T8751" s="5" t="s">
        <v>42</v>
      </c>
      <c r="U8751" s="2">
        <v>10.414</v>
      </c>
      <c r="V8751" s="2">
        <v>8.8879999999999999</v>
      </c>
      <c r="W8751" s="2">
        <v>8.3000000000000004E-2</v>
      </c>
      <c r="X8751" s="2">
        <v>12</v>
      </c>
      <c r="Y8751" s="2">
        <v>50</v>
      </c>
      <c r="Z8751" s="2">
        <v>137.9</v>
      </c>
      <c r="AA8751" s="5">
        <v>20</v>
      </c>
      <c r="AB8751" s="5" t="s">
        <v>43</v>
      </c>
      <c r="AC8751" s="5" t="s">
        <v>44</v>
      </c>
      <c r="AD8751" s="2" t="s">
        <v>26757</v>
      </c>
      <c r="AE8751" s="1"/>
    </row>
    <row r="8752" spans="1:31" ht="14.45">
      <c r="A8752" s="11"/>
      <c r="B8752" s="20"/>
      <c r="C8752" s="2" t="s">
        <v>26833</v>
      </c>
      <c r="D8752" s="14" t="s">
        <v>26834</v>
      </c>
      <c r="E8752" s="2" t="s">
        <v>26835</v>
      </c>
      <c r="F8752" s="2" t="s">
        <v>25163</v>
      </c>
      <c r="G8752" s="8">
        <v>268</v>
      </c>
      <c r="H8752" s="5">
        <v>5</v>
      </c>
      <c r="I8752" s="5" t="s">
        <v>69</v>
      </c>
      <c r="J8752" s="5" t="s">
        <v>24629</v>
      </c>
      <c r="K8752" s="2" t="s">
        <v>24630</v>
      </c>
      <c r="L8752" s="5" t="s">
        <v>24629</v>
      </c>
      <c r="M8752" s="2" t="s">
        <v>24630</v>
      </c>
      <c r="N8752" s="5" t="s">
        <v>24254</v>
      </c>
      <c r="O8752" s="5" t="s">
        <v>38</v>
      </c>
      <c r="P8752" s="5" t="s">
        <v>39</v>
      </c>
      <c r="Q8752" s="5" t="s">
        <v>40</v>
      </c>
      <c r="R8752" s="5" t="s">
        <v>25301</v>
      </c>
      <c r="S8752" s="5" t="s">
        <v>40</v>
      </c>
      <c r="T8752" s="5" t="s">
        <v>42</v>
      </c>
      <c r="U8752" s="2">
        <v>10.865</v>
      </c>
      <c r="V8752" s="2">
        <v>9.5909999999999993</v>
      </c>
      <c r="W8752" s="2">
        <v>8.3000000000000004E-2</v>
      </c>
      <c r="X8752" s="2">
        <v>12</v>
      </c>
      <c r="Y8752" s="2">
        <v>50</v>
      </c>
      <c r="Z8752" s="2">
        <v>137.9</v>
      </c>
      <c r="AA8752" s="5">
        <v>20</v>
      </c>
      <c r="AB8752" s="5" t="s">
        <v>43</v>
      </c>
      <c r="AC8752" s="5" t="s">
        <v>44</v>
      </c>
      <c r="AD8752" s="2" t="s">
        <v>26761</v>
      </c>
      <c r="AE8752" s="1"/>
    </row>
    <row r="8753" spans="1:31" ht="14.45">
      <c r="A8753" s="11"/>
      <c r="B8753" s="20"/>
      <c r="C8753" s="2" t="s">
        <v>26836</v>
      </c>
      <c r="D8753" s="14" t="s">
        <v>26837</v>
      </c>
      <c r="E8753" s="2" t="s">
        <v>26838</v>
      </c>
      <c r="F8753" s="2" t="s">
        <v>26765</v>
      </c>
      <c r="G8753" s="8">
        <v>159</v>
      </c>
      <c r="H8753" s="5">
        <v>5</v>
      </c>
      <c r="I8753" s="5" t="s">
        <v>69</v>
      </c>
      <c r="J8753" s="5" t="s">
        <v>24629</v>
      </c>
      <c r="K8753" s="2" t="s">
        <v>24630</v>
      </c>
      <c r="L8753" s="5" t="s">
        <v>24629</v>
      </c>
      <c r="M8753" s="2" t="s">
        <v>24630</v>
      </c>
      <c r="N8753" s="5" t="s">
        <v>24254</v>
      </c>
      <c r="O8753" s="5" t="s">
        <v>38</v>
      </c>
      <c r="P8753" s="5" t="s">
        <v>39</v>
      </c>
      <c r="Q8753" s="5" t="s">
        <v>40</v>
      </c>
      <c r="R8753" s="5" t="s">
        <v>24335</v>
      </c>
      <c r="S8753" s="5" t="s">
        <v>40</v>
      </c>
      <c r="T8753" s="5" t="s">
        <v>42</v>
      </c>
      <c r="U8753" s="2">
        <v>8.77</v>
      </c>
      <c r="V8753" s="2">
        <v>7.12</v>
      </c>
      <c r="W8753" s="2">
        <v>0.10299999999999999</v>
      </c>
      <c r="X8753" s="2">
        <v>12</v>
      </c>
      <c r="Y8753" s="2">
        <v>62</v>
      </c>
      <c r="Z8753" s="2">
        <v>137.9</v>
      </c>
      <c r="AA8753" s="5">
        <v>10</v>
      </c>
      <c r="AB8753" s="5" t="s">
        <v>43</v>
      </c>
      <c r="AC8753" s="5" t="s">
        <v>44</v>
      </c>
      <c r="AD8753" s="2" t="s">
        <v>26766</v>
      </c>
      <c r="AE8753" s="1"/>
    </row>
    <row r="8754" spans="1:31" ht="14.45">
      <c r="A8754" s="11"/>
      <c r="B8754" s="20"/>
      <c r="C8754" s="2" t="s">
        <v>26839</v>
      </c>
      <c r="D8754" s="14" t="s">
        <v>26840</v>
      </c>
      <c r="E8754" s="2" t="s">
        <v>26841</v>
      </c>
      <c r="F8754" s="2" t="s">
        <v>25163</v>
      </c>
      <c r="G8754" s="8">
        <v>123</v>
      </c>
      <c r="H8754" s="5">
        <v>5</v>
      </c>
      <c r="I8754" s="5" t="s">
        <v>69</v>
      </c>
      <c r="J8754" s="5" t="s">
        <v>24629</v>
      </c>
      <c r="K8754" s="2" t="s">
        <v>24630</v>
      </c>
      <c r="L8754" s="5" t="s">
        <v>24629</v>
      </c>
      <c r="M8754" s="2" t="s">
        <v>24630</v>
      </c>
      <c r="N8754" s="5" t="s">
        <v>24254</v>
      </c>
      <c r="O8754" s="5" t="s">
        <v>38</v>
      </c>
      <c r="P8754" s="5" t="s">
        <v>39</v>
      </c>
      <c r="Q8754" s="5" t="s">
        <v>40</v>
      </c>
      <c r="R8754" s="5" t="s">
        <v>24335</v>
      </c>
      <c r="S8754" s="5" t="s">
        <v>40</v>
      </c>
      <c r="T8754" s="5" t="s">
        <v>42</v>
      </c>
      <c r="U8754" s="2">
        <v>7.5510000000000002</v>
      </c>
      <c r="V8754" s="2">
        <v>6.0250000000000004</v>
      </c>
      <c r="W8754" s="2">
        <v>8.3000000000000004E-2</v>
      </c>
      <c r="X8754" s="2">
        <v>12</v>
      </c>
      <c r="Y8754" s="2">
        <v>50</v>
      </c>
      <c r="Z8754" s="2">
        <v>137.9</v>
      </c>
      <c r="AA8754" s="5">
        <v>20</v>
      </c>
      <c r="AB8754" s="5" t="s">
        <v>43</v>
      </c>
      <c r="AC8754" s="5" t="s">
        <v>44</v>
      </c>
      <c r="AD8754" s="2" t="s">
        <v>26753</v>
      </c>
      <c r="AE8754" s="1"/>
    </row>
    <row r="8755" spans="1:31" ht="14.45">
      <c r="A8755" s="11"/>
      <c r="B8755" s="20"/>
      <c r="C8755" s="2" t="s">
        <v>26842</v>
      </c>
      <c r="D8755" s="14" t="s">
        <v>26843</v>
      </c>
      <c r="E8755" s="2" t="s">
        <v>26844</v>
      </c>
      <c r="F8755" s="2" t="s">
        <v>25163</v>
      </c>
      <c r="G8755" s="8">
        <v>274</v>
      </c>
      <c r="H8755" s="5">
        <v>5</v>
      </c>
      <c r="I8755" s="5" t="s">
        <v>69</v>
      </c>
      <c r="J8755" s="5" t="s">
        <v>24629</v>
      </c>
      <c r="K8755" s="2" t="s">
        <v>24630</v>
      </c>
      <c r="L8755" s="5" t="s">
        <v>24629</v>
      </c>
      <c r="M8755" s="2" t="s">
        <v>24630</v>
      </c>
      <c r="N8755" s="5" t="s">
        <v>24254</v>
      </c>
      <c r="O8755" s="5" t="s">
        <v>38</v>
      </c>
      <c r="P8755" s="5" t="s">
        <v>39</v>
      </c>
      <c r="Q8755" s="5" t="s">
        <v>40</v>
      </c>
      <c r="R8755" s="5" t="s">
        <v>24340</v>
      </c>
      <c r="S8755" s="5" t="s">
        <v>40</v>
      </c>
      <c r="T8755" s="5" t="s">
        <v>42</v>
      </c>
      <c r="U8755" s="2">
        <v>11.073</v>
      </c>
      <c r="V8755" s="2">
        <v>9.5470000000000006</v>
      </c>
      <c r="W8755" s="2">
        <v>8.3000000000000004E-2</v>
      </c>
      <c r="X8755" s="2">
        <v>12</v>
      </c>
      <c r="Y8755" s="2">
        <v>50</v>
      </c>
      <c r="Z8755" s="2">
        <v>137.9</v>
      </c>
      <c r="AA8755" s="5">
        <v>20</v>
      </c>
      <c r="AB8755" s="5" t="s">
        <v>43</v>
      </c>
      <c r="AC8755" s="5" t="s">
        <v>44</v>
      </c>
      <c r="AD8755" s="2" t="s">
        <v>26757</v>
      </c>
      <c r="AE8755" s="1"/>
    </row>
    <row r="8756" spans="1:31" ht="14.45">
      <c r="A8756" s="11"/>
      <c r="B8756" s="20"/>
      <c r="C8756" s="2" t="s">
        <v>26845</v>
      </c>
      <c r="D8756" s="14" t="s">
        <v>26846</v>
      </c>
      <c r="E8756" s="2" t="s">
        <v>26847</v>
      </c>
      <c r="F8756" s="2" t="s">
        <v>25163</v>
      </c>
      <c r="G8756" s="8">
        <v>274</v>
      </c>
      <c r="H8756" s="5">
        <v>10</v>
      </c>
      <c r="I8756" s="5" t="s">
        <v>69</v>
      </c>
      <c r="J8756" s="5" t="s">
        <v>24629</v>
      </c>
      <c r="K8756" s="2" t="s">
        <v>24630</v>
      </c>
      <c r="L8756" s="5" t="s">
        <v>24629</v>
      </c>
      <c r="M8756" s="2" t="s">
        <v>24630</v>
      </c>
      <c r="N8756" s="5" t="s">
        <v>24254</v>
      </c>
      <c r="O8756" s="5" t="s">
        <v>38</v>
      </c>
      <c r="P8756" s="5" t="s">
        <v>39</v>
      </c>
      <c r="Q8756" s="5" t="s">
        <v>40</v>
      </c>
      <c r="R8756" s="5" t="s">
        <v>25301</v>
      </c>
      <c r="S8756" s="5" t="s">
        <v>40</v>
      </c>
      <c r="T8756" s="5" t="s">
        <v>42</v>
      </c>
      <c r="U8756" s="2">
        <v>11.518000000000001</v>
      </c>
      <c r="V8756" s="2">
        <v>10.032</v>
      </c>
      <c r="W8756" s="2">
        <v>8.3000000000000004E-2</v>
      </c>
      <c r="X8756" s="2">
        <v>12</v>
      </c>
      <c r="Y8756" s="2">
        <v>50</v>
      </c>
      <c r="Z8756" s="2">
        <v>137.9</v>
      </c>
      <c r="AA8756" s="5">
        <v>20</v>
      </c>
      <c r="AB8756" s="5" t="s">
        <v>43</v>
      </c>
      <c r="AC8756" s="5" t="s">
        <v>44</v>
      </c>
      <c r="AD8756" s="2" t="s">
        <v>26761</v>
      </c>
      <c r="AE8756" s="1"/>
    </row>
    <row r="8757" spans="1:31" ht="14.45">
      <c r="A8757" s="11"/>
      <c r="B8757" s="20"/>
      <c r="C8757" s="2" t="s">
        <v>26848</v>
      </c>
      <c r="D8757" s="14" t="s">
        <v>26849</v>
      </c>
      <c r="E8757" s="2" t="s">
        <v>26850</v>
      </c>
      <c r="F8757" s="2" t="s">
        <v>26765</v>
      </c>
      <c r="G8757" s="8">
        <v>168</v>
      </c>
      <c r="H8757" s="5">
        <v>5</v>
      </c>
      <c r="I8757" s="5" t="s">
        <v>69</v>
      </c>
      <c r="J8757" s="5" t="s">
        <v>24629</v>
      </c>
      <c r="K8757" s="2" t="s">
        <v>24630</v>
      </c>
      <c r="L8757" s="5" t="s">
        <v>24629</v>
      </c>
      <c r="M8757" s="2" t="s">
        <v>24630</v>
      </c>
      <c r="N8757" s="5" t="s">
        <v>24254</v>
      </c>
      <c r="O8757" s="5" t="s">
        <v>38</v>
      </c>
      <c r="P8757" s="5" t="s">
        <v>39</v>
      </c>
      <c r="Q8757" s="5" t="s">
        <v>40</v>
      </c>
      <c r="R8757" s="5" t="s">
        <v>24335</v>
      </c>
      <c r="S8757" s="5" t="s">
        <v>40</v>
      </c>
      <c r="T8757" s="5" t="s">
        <v>42</v>
      </c>
      <c r="U8757" s="2">
        <v>9.1289999999999996</v>
      </c>
      <c r="V8757" s="2">
        <v>7.4790000000000001</v>
      </c>
      <c r="W8757" s="2">
        <v>0.10299999999999999</v>
      </c>
      <c r="X8757" s="2">
        <v>12</v>
      </c>
      <c r="Y8757" s="2">
        <v>62</v>
      </c>
      <c r="Z8757" s="2">
        <v>137.9</v>
      </c>
      <c r="AA8757" s="5">
        <v>10</v>
      </c>
      <c r="AB8757" s="5" t="s">
        <v>43</v>
      </c>
      <c r="AC8757" s="5" t="s">
        <v>44</v>
      </c>
      <c r="AD8757" s="2" t="s">
        <v>26766</v>
      </c>
      <c r="AE8757" s="1"/>
    </row>
    <row r="8758" spans="1:31" ht="14.45">
      <c r="A8758" s="11"/>
      <c r="B8758" s="20"/>
      <c r="C8758" s="2" t="s">
        <v>26851</v>
      </c>
      <c r="D8758" s="14" t="s">
        <v>26852</v>
      </c>
      <c r="E8758" s="2" t="s">
        <v>26853</v>
      </c>
      <c r="F8758" s="2" t="s">
        <v>25163</v>
      </c>
      <c r="G8758" s="8">
        <v>129</v>
      </c>
      <c r="H8758" s="5">
        <v>5</v>
      </c>
      <c r="I8758" s="5" t="s">
        <v>69</v>
      </c>
      <c r="J8758" s="5" t="s">
        <v>24629</v>
      </c>
      <c r="K8758" s="2" t="s">
        <v>24630</v>
      </c>
      <c r="L8758" s="5" t="s">
        <v>24629</v>
      </c>
      <c r="M8758" s="2" t="s">
        <v>24630</v>
      </c>
      <c r="N8758" s="5" t="s">
        <v>24254</v>
      </c>
      <c r="O8758" s="5" t="s">
        <v>38</v>
      </c>
      <c r="P8758" s="5" t="s">
        <v>39</v>
      </c>
      <c r="Q8758" s="5" t="s">
        <v>40</v>
      </c>
      <c r="R8758" s="5" t="s">
        <v>24335</v>
      </c>
      <c r="S8758" s="5" t="s">
        <v>40</v>
      </c>
      <c r="T8758" s="5" t="s">
        <v>42</v>
      </c>
      <c r="U8758" s="2">
        <v>7.9880000000000004</v>
      </c>
      <c r="V8758" s="2">
        <v>6.3179999999999996</v>
      </c>
      <c r="W8758" s="2">
        <v>9.2999999999999999E-2</v>
      </c>
      <c r="X8758" s="2">
        <v>12</v>
      </c>
      <c r="Y8758" s="2">
        <v>50</v>
      </c>
      <c r="Z8758" s="2">
        <v>154.4</v>
      </c>
      <c r="AA8758" s="5">
        <v>20</v>
      </c>
      <c r="AB8758" s="5" t="s">
        <v>43</v>
      </c>
      <c r="AC8758" s="5" t="s">
        <v>44</v>
      </c>
      <c r="AD8758" s="2" t="s">
        <v>26753</v>
      </c>
      <c r="AE8758" s="1"/>
    </row>
    <row r="8759" spans="1:31" ht="14.45">
      <c r="A8759" s="11"/>
      <c r="B8759" s="20"/>
      <c r="C8759" s="2" t="s">
        <v>26854</v>
      </c>
      <c r="D8759" s="14" t="s">
        <v>26855</v>
      </c>
      <c r="E8759" s="2" t="s">
        <v>26856</v>
      </c>
      <c r="F8759" s="2" t="s">
        <v>25163</v>
      </c>
      <c r="G8759" s="8">
        <v>280</v>
      </c>
      <c r="H8759" s="5">
        <v>5</v>
      </c>
      <c r="I8759" s="5" t="s">
        <v>69</v>
      </c>
      <c r="J8759" s="5" t="s">
        <v>24629</v>
      </c>
      <c r="K8759" s="2" t="s">
        <v>24630</v>
      </c>
      <c r="L8759" s="5" t="s">
        <v>24629</v>
      </c>
      <c r="M8759" s="2" t="s">
        <v>24630</v>
      </c>
      <c r="N8759" s="5" t="s">
        <v>24254</v>
      </c>
      <c r="O8759" s="5" t="s">
        <v>38</v>
      </c>
      <c r="P8759" s="5" t="s">
        <v>39</v>
      </c>
      <c r="Q8759" s="5" t="s">
        <v>40</v>
      </c>
      <c r="R8759" s="5" t="s">
        <v>24340</v>
      </c>
      <c r="S8759" s="5" t="s">
        <v>40</v>
      </c>
      <c r="T8759" s="5" t="s">
        <v>42</v>
      </c>
      <c r="U8759" s="2">
        <v>11.933999999999999</v>
      </c>
      <c r="V8759" s="2">
        <v>10.263999999999999</v>
      </c>
      <c r="W8759" s="2">
        <v>9.2999999999999999E-2</v>
      </c>
      <c r="X8759" s="2">
        <v>12</v>
      </c>
      <c r="Y8759" s="2">
        <v>50</v>
      </c>
      <c r="Z8759" s="2">
        <v>154.4</v>
      </c>
      <c r="AA8759" s="5">
        <v>20</v>
      </c>
      <c r="AB8759" s="5" t="s">
        <v>43</v>
      </c>
      <c r="AC8759" s="5" t="s">
        <v>44</v>
      </c>
      <c r="AD8759" s="2" t="s">
        <v>26757</v>
      </c>
      <c r="AE8759" s="1"/>
    </row>
    <row r="8760" spans="1:31" ht="14.45">
      <c r="A8760" s="11"/>
      <c r="B8760" s="20"/>
      <c r="C8760" s="2" t="s">
        <v>26857</v>
      </c>
      <c r="D8760" s="14" t="s">
        <v>26858</v>
      </c>
      <c r="E8760" s="2" t="s">
        <v>26859</v>
      </c>
      <c r="F8760" s="2" t="s">
        <v>25163</v>
      </c>
      <c r="G8760" s="8">
        <v>280</v>
      </c>
      <c r="H8760" s="5">
        <v>10</v>
      </c>
      <c r="I8760" s="5" t="s">
        <v>69</v>
      </c>
      <c r="J8760" s="5" t="s">
        <v>24629</v>
      </c>
      <c r="K8760" s="2" t="s">
        <v>24630</v>
      </c>
      <c r="L8760" s="5" t="s">
        <v>24629</v>
      </c>
      <c r="M8760" s="2" t="s">
        <v>24630</v>
      </c>
      <c r="N8760" s="5" t="s">
        <v>24254</v>
      </c>
      <c r="O8760" s="5" t="s">
        <v>38</v>
      </c>
      <c r="P8760" s="5" t="s">
        <v>39</v>
      </c>
      <c r="Q8760" s="5" t="s">
        <v>40</v>
      </c>
      <c r="R8760" s="5" t="s">
        <v>25301</v>
      </c>
      <c r="S8760" s="5" t="s">
        <v>40</v>
      </c>
      <c r="T8760" s="5" t="s">
        <v>42</v>
      </c>
      <c r="U8760" s="2">
        <v>12.254</v>
      </c>
      <c r="V8760" s="2">
        <v>10.624000000000001</v>
      </c>
      <c r="W8760" s="2">
        <v>9.2999999999999999E-2</v>
      </c>
      <c r="X8760" s="2">
        <v>12</v>
      </c>
      <c r="Y8760" s="2">
        <v>50</v>
      </c>
      <c r="Z8760" s="2">
        <v>154.4</v>
      </c>
      <c r="AA8760" s="5">
        <v>20</v>
      </c>
      <c r="AB8760" s="5" t="s">
        <v>43</v>
      </c>
      <c r="AC8760" s="5" t="s">
        <v>44</v>
      </c>
      <c r="AD8760" s="2" t="s">
        <v>26761</v>
      </c>
      <c r="AE8760" s="1"/>
    </row>
    <row r="8761" spans="1:31" ht="14.45">
      <c r="A8761" s="11"/>
      <c r="B8761" s="20"/>
      <c r="C8761" s="2" t="s">
        <v>26860</v>
      </c>
      <c r="D8761" s="14" t="s">
        <v>26861</v>
      </c>
      <c r="E8761" s="2" t="s">
        <v>26862</v>
      </c>
      <c r="F8761" s="2" t="s">
        <v>26765</v>
      </c>
      <c r="G8761" s="8">
        <v>176</v>
      </c>
      <c r="H8761" s="5">
        <v>5</v>
      </c>
      <c r="I8761" s="5" t="s">
        <v>69</v>
      </c>
      <c r="J8761" s="5" t="s">
        <v>24629</v>
      </c>
      <c r="K8761" s="2" t="s">
        <v>24630</v>
      </c>
      <c r="L8761" s="5" t="s">
        <v>24629</v>
      </c>
      <c r="M8761" s="2" t="s">
        <v>24630</v>
      </c>
      <c r="N8761" s="5" t="s">
        <v>24254</v>
      </c>
      <c r="O8761" s="5" t="s">
        <v>38</v>
      </c>
      <c r="P8761" s="5" t="s">
        <v>39</v>
      </c>
      <c r="Q8761" s="5" t="s">
        <v>40</v>
      </c>
      <c r="R8761" s="5" t="s">
        <v>24335</v>
      </c>
      <c r="S8761" s="5" t="s">
        <v>40</v>
      </c>
      <c r="T8761" s="5" t="s">
        <v>42</v>
      </c>
      <c r="U8761" s="2">
        <v>9.7949999999999999</v>
      </c>
      <c r="V8761" s="2">
        <v>7.9340000000000002</v>
      </c>
      <c r="W8761" s="2">
        <v>0.11899999999999999</v>
      </c>
      <c r="X8761" s="2">
        <v>12</v>
      </c>
      <c r="Y8761" s="2">
        <v>62</v>
      </c>
      <c r="Z8761" s="2">
        <v>159.9</v>
      </c>
      <c r="AA8761" s="5">
        <v>10</v>
      </c>
      <c r="AB8761" s="5" t="s">
        <v>43</v>
      </c>
      <c r="AC8761" s="5" t="s">
        <v>44</v>
      </c>
      <c r="AD8761" s="2" t="s">
        <v>26766</v>
      </c>
      <c r="AE8761" s="1"/>
    </row>
    <row r="8762" spans="1:31" ht="14.45">
      <c r="A8762" s="11"/>
      <c r="B8762" s="20"/>
      <c r="C8762" s="2" t="s">
        <v>26863</v>
      </c>
      <c r="D8762" s="14" t="s">
        <v>26864</v>
      </c>
      <c r="E8762" s="2" t="s">
        <v>26865</v>
      </c>
      <c r="F8762" s="2" t="s">
        <v>25163</v>
      </c>
      <c r="G8762" s="8">
        <v>148</v>
      </c>
      <c r="H8762" s="5">
        <v>5</v>
      </c>
      <c r="I8762" s="5" t="s">
        <v>69</v>
      </c>
      <c r="J8762" s="5" t="s">
        <v>24629</v>
      </c>
      <c r="K8762" s="2" t="s">
        <v>24630</v>
      </c>
      <c r="L8762" s="5" t="s">
        <v>24629</v>
      </c>
      <c r="M8762" s="2" t="s">
        <v>24630</v>
      </c>
      <c r="N8762" s="5" t="s">
        <v>24254</v>
      </c>
      <c r="O8762" s="5" t="s">
        <v>38</v>
      </c>
      <c r="P8762" s="5" t="s">
        <v>39</v>
      </c>
      <c r="Q8762" s="5" t="s">
        <v>40</v>
      </c>
      <c r="R8762" s="5" t="s">
        <v>24335</v>
      </c>
      <c r="S8762" s="5" t="s">
        <v>40</v>
      </c>
      <c r="T8762" s="5" t="s">
        <v>42</v>
      </c>
      <c r="U8762" s="2">
        <v>8.3569999999999993</v>
      </c>
      <c r="V8762" s="2">
        <v>6.5629999999999997</v>
      </c>
      <c r="W8762" s="2">
        <v>0.104</v>
      </c>
      <c r="X8762" s="2">
        <v>12</v>
      </c>
      <c r="Y8762" s="2">
        <v>50</v>
      </c>
      <c r="Z8762" s="2">
        <v>173.9</v>
      </c>
      <c r="AA8762" s="5">
        <v>20</v>
      </c>
      <c r="AB8762" s="5" t="s">
        <v>43</v>
      </c>
      <c r="AC8762" s="5" t="s">
        <v>44</v>
      </c>
      <c r="AD8762" s="2" t="s">
        <v>26753</v>
      </c>
      <c r="AE8762" s="1"/>
    </row>
    <row r="8763" spans="1:31" ht="14.45">
      <c r="A8763" s="11"/>
      <c r="B8763" s="20"/>
      <c r="C8763" s="2" t="s">
        <v>26866</v>
      </c>
      <c r="D8763" s="14" t="s">
        <v>26867</v>
      </c>
      <c r="E8763" s="2" t="s">
        <v>26868</v>
      </c>
      <c r="F8763" s="2" t="s">
        <v>25163</v>
      </c>
      <c r="G8763" s="8">
        <v>299</v>
      </c>
      <c r="H8763" s="5">
        <v>5</v>
      </c>
      <c r="I8763" s="5" t="s">
        <v>69</v>
      </c>
      <c r="J8763" s="5" t="s">
        <v>24629</v>
      </c>
      <c r="K8763" s="2" t="s">
        <v>24630</v>
      </c>
      <c r="L8763" s="5" t="s">
        <v>24629</v>
      </c>
      <c r="M8763" s="2" t="s">
        <v>24630</v>
      </c>
      <c r="N8763" s="5" t="s">
        <v>24254</v>
      </c>
      <c r="O8763" s="5" t="s">
        <v>38</v>
      </c>
      <c r="P8763" s="5" t="s">
        <v>39</v>
      </c>
      <c r="Q8763" s="5" t="s">
        <v>40</v>
      </c>
      <c r="R8763" s="5" t="s">
        <v>24340</v>
      </c>
      <c r="S8763" s="5" t="s">
        <v>40</v>
      </c>
      <c r="T8763" s="5" t="s">
        <v>42</v>
      </c>
      <c r="U8763" s="2">
        <v>14.872999999999999</v>
      </c>
      <c r="V8763" s="2">
        <v>12.487</v>
      </c>
      <c r="W8763" s="2">
        <v>0.104</v>
      </c>
      <c r="X8763" s="2">
        <v>12</v>
      </c>
      <c r="Y8763" s="2">
        <v>50</v>
      </c>
      <c r="Z8763" s="2">
        <v>173.9</v>
      </c>
      <c r="AA8763" s="5">
        <v>20</v>
      </c>
      <c r="AB8763" s="5" t="s">
        <v>43</v>
      </c>
      <c r="AC8763" s="5" t="s">
        <v>44</v>
      </c>
      <c r="AD8763" s="2" t="s">
        <v>26757</v>
      </c>
      <c r="AE8763" s="1"/>
    </row>
    <row r="8764" spans="1:31" ht="14.45">
      <c r="A8764" s="11"/>
      <c r="B8764" s="20"/>
      <c r="C8764" s="2" t="s">
        <v>26869</v>
      </c>
      <c r="D8764" s="14" t="s">
        <v>26870</v>
      </c>
      <c r="E8764" s="2" t="s">
        <v>26871</v>
      </c>
      <c r="F8764" s="2" t="s">
        <v>25163</v>
      </c>
      <c r="G8764" s="8">
        <v>299</v>
      </c>
      <c r="H8764" s="5">
        <v>5</v>
      </c>
      <c r="I8764" s="5" t="s">
        <v>69</v>
      </c>
      <c r="J8764" s="5" t="s">
        <v>24629</v>
      </c>
      <c r="K8764" s="2" t="s">
        <v>24630</v>
      </c>
      <c r="L8764" s="5" t="s">
        <v>24629</v>
      </c>
      <c r="M8764" s="2" t="s">
        <v>24630</v>
      </c>
      <c r="N8764" s="5" t="s">
        <v>24254</v>
      </c>
      <c r="O8764" s="5" t="s">
        <v>38</v>
      </c>
      <c r="P8764" s="5" t="s">
        <v>39</v>
      </c>
      <c r="Q8764" s="5" t="s">
        <v>40</v>
      </c>
      <c r="R8764" s="5" t="s">
        <v>25301</v>
      </c>
      <c r="S8764" s="5" t="s">
        <v>40</v>
      </c>
      <c r="T8764" s="5" t="s">
        <v>42</v>
      </c>
      <c r="U8764" s="2">
        <v>13.667999999999999</v>
      </c>
      <c r="V8764" s="2">
        <v>11.282</v>
      </c>
      <c r="W8764" s="2">
        <v>0.104</v>
      </c>
      <c r="X8764" s="2">
        <v>12</v>
      </c>
      <c r="Y8764" s="2">
        <v>50</v>
      </c>
      <c r="Z8764" s="2">
        <v>173.9</v>
      </c>
      <c r="AA8764" s="5">
        <v>20</v>
      </c>
      <c r="AB8764" s="5" t="s">
        <v>43</v>
      </c>
      <c r="AC8764" s="5" t="s">
        <v>44</v>
      </c>
      <c r="AD8764" s="2" t="s">
        <v>26761</v>
      </c>
      <c r="AE8764" s="1"/>
    </row>
    <row r="8765" spans="1:31" ht="14.45">
      <c r="A8765" s="11"/>
      <c r="B8765" s="20"/>
      <c r="C8765" s="2" t="s">
        <v>26872</v>
      </c>
      <c r="D8765" s="14" t="s">
        <v>26873</v>
      </c>
      <c r="E8765" s="2" t="s">
        <v>26874</v>
      </c>
      <c r="F8765" s="2" t="s">
        <v>26765</v>
      </c>
      <c r="G8765" s="8">
        <v>201</v>
      </c>
      <c r="H8765" s="5">
        <v>5</v>
      </c>
      <c r="I8765" s="5" t="s">
        <v>69</v>
      </c>
      <c r="J8765" s="5" t="s">
        <v>24629</v>
      </c>
      <c r="K8765" s="2" t="s">
        <v>24630</v>
      </c>
      <c r="L8765" s="5" t="s">
        <v>24629</v>
      </c>
      <c r="M8765" s="2" t="s">
        <v>24630</v>
      </c>
      <c r="N8765" s="5" t="s">
        <v>24254</v>
      </c>
      <c r="O8765" s="5" t="s">
        <v>38</v>
      </c>
      <c r="P8765" s="5" t="s">
        <v>39</v>
      </c>
      <c r="Q8765" s="5" t="s">
        <v>40</v>
      </c>
      <c r="R8765" s="5" t="s">
        <v>24335</v>
      </c>
      <c r="S8765" s="5" t="s">
        <v>40</v>
      </c>
      <c r="T8765" s="5" t="s">
        <v>42</v>
      </c>
      <c r="U8765" s="2">
        <v>10.317</v>
      </c>
      <c r="V8765" s="2">
        <v>8.3309999999999995</v>
      </c>
      <c r="W8765" s="2">
        <v>0.129</v>
      </c>
      <c r="X8765" s="2">
        <v>12</v>
      </c>
      <c r="Y8765" s="2">
        <v>62</v>
      </c>
      <c r="Z8765" s="2">
        <v>172.9</v>
      </c>
      <c r="AA8765" s="5">
        <v>10</v>
      </c>
      <c r="AB8765" s="5" t="s">
        <v>43</v>
      </c>
      <c r="AC8765" s="5" t="s">
        <v>44</v>
      </c>
      <c r="AD8765" s="2" t="s">
        <v>26766</v>
      </c>
      <c r="AE8765" s="1"/>
    </row>
    <row r="8766" spans="1:31" ht="14.45">
      <c r="A8766" s="11"/>
      <c r="B8766" s="20"/>
      <c r="C8766" s="2" t="s">
        <v>26875</v>
      </c>
      <c r="D8766" s="14" t="s">
        <v>26876</v>
      </c>
      <c r="E8766" s="2" t="s">
        <v>26877</v>
      </c>
      <c r="F8766" s="2" t="s">
        <v>25163</v>
      </c>
      <c r="G8766" s="8">
        <v>150</v>
      </c>
      <c r="H8766" s="5">
        <v>5</v>
      </c>
      <c r="I8766" s="5" t="s">
        <v>69</v>
      </c>
      <c r="J8766" s="5" t="s">
        <v>24629</v>
      </c>
      <c r="K8766" s="2" t="s">
        <v>24630</v>
      </c>
      <c r="L8766" s="5" t="s">
        <v>24629</v>
      </c>
      <c r="M8766" s="2" t="s">
        <v>24630</v>
      </c>
      <c r="N8766" s="5" t="s">
        <v>24254</v>
      </c>
      <c r="O8766" s="5" t="s">
        <v>38</v>
      </c>
      <c r="P8766" s="5" t="s">
        <v>39</v>
      </c>
      <c r="Q8766" s="5" t="s">
        <v>40</v>
      </c>
      <c r="R8766" s="5" t="s">
        <v>24335</v>
      </c>
      <c r="S8766" s="5" t="s">
        <v>40</v>
      </c>
      <c r="T8766" s="5" t="s">
        <v>42</v>
      </c>
      <c r="U8766" s="2">
        <v>8.8510000000000009</v>
      </c>
      <c r="V8766" s="2">
        <v>7.157</v>
      </c>
      <c r="W8766" s="2">
        <v>0.11600000000000001</v>
      </c>
      <c r="X8766" s="2">
        <v>12</v>
      </c>
      <c r="Y8766" s="2">
        <v>50</v>
      </c>
      <c r="Z8766" s="2">
        <v>193.9</v>
      </c>
      <c r="AA8766" s="5">
        <v>20</v>
      </c>
      <c r="AB8766" s="5" t="s">
        <v>43</v>
      </c>
      <c r="AC8766" s="5" t="s">
        <v>44</v>
      </c>
      <c r="AD8766" s="2" t="s">
        <v>26753</v>
      </c>
      <c r="AE8766" s="1"/>
    </row>
    <row r="8767" spans="1:31" ht="14.45">
      <c r="A8767" s="11"/>
      <c r="B8767" s="20"/>
      <c r="C8767" s="2" t="s">
        <v>26878</v>
      </c>
      <c r="D8767" s="14" t="s">
        <v>26879</v>
      </c>
      <c r="E8767" s="2" t="s">
        <v>26880</v>
      </c>
      <c r="F8767" s="2" t="s">
        <v>25163</v>
      </c>
      <c r="G8767" s="8">
        <v>301</v>
      </c>
      <c r="H8767" s="5">
        <v>15</v>
      </c>
      <c r="I8767" s="5" t="s">
        <v>69</v>
      </c>
      <c r="J8767" s="5" t="s">
        <v>24629</v>
      </c>
      <c r="K8767" s="2" t="s">
        <v>24630</v>
      </c>
      <c r="L8767" s="5" t="s">
        <v>24629</v>
      </c>
      <c r="M8767" s="2" t="s">
        <v>24630</v>
      </c>
      <c r="N8767" s="5" t="s">
        <v>24254</v>
      </c>
      <c r="O8767" s="5" t="s">
        <v>38</v>
      </c>
      <c r="P8767" s="5" t="s">
        <v>39</v>
      </c>
      <c r="Q8767" s="5" t="s">
        <v>40</v>
      </c>
      <c r="R8767" s="5" t="s">
        <v>24340</v>
      </c>
      <c r="S8767" s="5" t="s">
        <v>40</v>
      </c>
      <c r="T8767" s="5" t="s">
        <v>42</v>
      </c>
      <c r="U8767" s="2">
        <v>14.991</v>
      </c>
      <c r="V8767" s="2">
        <v>13.021000000000001</v>
      </c>
      <c r="W8767" s="2">
        <v>0.11600000000000001</v>
      </c>
      <c r="X8767" s="2">
        <v>12</v>
      </c>
      <c r="Y8767" s="2">
        <v>50</v>
      </c>
      <c r="Z8767" s="2">
        <v>193.9</v>
      </c>
      <c r="AA8767" s="5">
        <v>20</v>
      </c>
      <c r="AB8767" s="5" t="s">
        <v>43</v>
      </c>
      <c r="AC8767" s="5" t="s">
        <v>44</v>
      </c>
      <c r="AD8767" s="2" t="s">
        <v>26757</v>
      </c>
      <c r="AE8767" s="1"/>
    </row>
    <row r="8768" spans="1:31" ht="14.45">
      <c r="A8768" s="11"/>
      <c r="B8768" s="20"/>
      <c r="C8768" s="2" t="s">
        <v>26881</v>
      </c>
      <c r="D8768" s="14" t="s">
        <v>26882</v>
      </c>
      <c r="E8768" s="2" t="s">
        <v>26883</v>
      </c>
      <c r="F8768" s="2" t="s">
        <v>25163</v>
      </c>
      <c r="G8768" s="8">
        <v>301</v>
      </c>
      <c r="H8768" s="5">
        <v>15</v>
      </c>
      <c r="I8768" s="5" t="s">
        <v>69</v>
      </c>
      <c r="J8768" s="5" t="s">
        <v>24629</v>
      </c>
      <c r="K8768" s="2" t="s">
        <v>24630</v>
      </c>
      <c r="L8768" s="5" t="s">
        <v>24629</v>
      </c>
      <c r="M8768" s="2" t="s">
        <v>24630</v>
      </c>
      <c r="N8768" s="5" t="s">
        <v>24254</v>
      </c>
      <c r="O8768" s="5" t="s">
        <v>38</v>
      </c>
      <c r="P8768" s="5" t="s">
        <v>39</v>
      </c>
      <c r="Q8768" s="5" t="s">
        <v>40</v>
      </c>
      <c r="R8768" s="5" t="s">
        <v>25301</v>
      </c>
      <c r="S8768" s="5" t="s">
        <v>40</v>
      </c>
      <c r="T8768" s="5" t="s">
        <v>42</v>
      </c>
      <c r="U8768" s="2">
        <v>13.673999999999999</v>
      </c>
      <c r="V8768" s="2">
        <v>11.704000000000001</v>
      </c>
      <c r="W8768" s="2">
        <v>0.11600000000000001</v>
      </c>
      <c r="X8768" s="2">
        <v>12</v>
      </c>
      <c r="Y8768" s="2">
        <v>50</v>
      </c>
      <c r="Z8768" s="2">
        <v>193.9</v>
      </c>
      <c r="AA8768" s="5">
        <v>20</v>
      </c>
      <c r="AB8768" s="5" t="s">
        <v>43</v>
      </c>
      <c r="AC8768" s="5" t="s">
        <v>44</v>
      </c>
      <c r="AD8768" s="2" t="s">
        <v>26761</v>
      </c>
      <c r="AE8768" s="1"/>
    </row>
    <row r="8769" spans="1:31" ht="14.45">
      <c r="A8769" s="11"/>
      <c r="B8769" s="20"/>
      <c r="C8769" s="2" t="s">
        <v>26884</v>
      </c>
      <c r="D8769" s="14" t="s">
        <v>26885</v>
      </c>
      <c r="E8769" s="2" t="s">
        <v>26886</v>
      </c>
      <c r="F8769" s="2" t="s">
        <v>26765</v>
      </c>
      <c r="G8769" s="8">
        <v>205</v>
      </c>
      <c r="H8769" s="5">
        <v>5</v>
      </c>
      <c r="I8769" s="5" t="s">
        <v>69</v>
      </c>
      <c r="J8769" s="5" t="s">
        <v>24629</v>
      </c>
      <c r="K8769" s="2" t="s">
        <v>24630</v>
      </c>
      <c r="L8769" s="5" t="s">
        <v>24629</v>
      </c>
      <c r="M8769" s="2" t="s">
        <v>24630</v>
      </c>
      <c r="N8769" s="5" t="s">
        <v>24254</v>
      </c>
      <c r="O8769" s="5" t="s">
        <v>38</v>
      </c>
      <c r="P8769" s="5" t="s">
        <v>39</v>
      </c>
      <c r="Q8769" s="5" t="s">
        <v>40</v>
      </c>
      <c r="R8769" s="5" t="s">
        <v>24335</v>
      </c>
      <c r="S8769" s="5" t="s">
        <v>40</v>
      </c>
      <c r="T8769" s="5" t="s">
        <v>42</v>
      </c>
      <c r="U8769" s="2">
        <v>11.752000000000001</v>
      </c>
      <c r="V8769" s="2">
        <v>9.0440000000000005</v>
      </c>
      <c r="W8769" s="2">
        <v>0.14899999999999999</v>
      </c>
      <c r="X8769" s="2">
        <v>12</v>
      </c>
      <c r="Y8769" s="2">
        <v>62</v>
      </c>
      <c r="Z8769" s="2">
        <v>199.9</v>
      </c>
      <c r="AA8769" s="5">
        <v>10</v>
      </c>
      <c r="AB8769" s="5" t="s">
        <v>43</v>
      </c>
      <c r="AC8769" s="5" t="s">
        <v>44</v>
      </c>
      <c r="AD8769" s="2" t="s">
        <v>26766</v>
      </c>
      <c r="AE8769" s="1"/>
    </row>
    <row r="8770" spans="1:31" ht="14.45">
      <c r="A8770" s="11"/>
      <c r="B8770" s="20"/>
      <c r="C8770" s="2" t="s">
        <v>26887</v>
      </c>
      <c r="D8770" s="14" t="s">
        <v>26888</v>
      </c>
      <c r="E8770" s="2" t="s">
        <v>26889</v>
      </c>
      <c r="F8770" s="2" t="s">
        <v>25163</v>
      </c>
      <c r="G8770" s="8">
        <v>172</v>
      </c>
      <c r="H8770" s="5">
        <v>10</v>
      </c>
      <c r="I8770" s="5" t="s">
        <v>69</v>
      </c>
      <c r="J8770" s="5" t="s">
        <v>24629</v>
      </c>
      <c r="K8770" s="2" t="s">
        <v>24630</v>
      </c>
      <c r="L8770" s="5" t="s">
        <v>24629</v>
      </c>
      <c r="M8770" s="2" t="s">
        <v>24630</v>
      </c>
      <c r="N8770" s="5" t="s">
        <v>24254</v>
      </c>
      <c r="O8770" s="5" t="s">
        <v>38</v>
      </c>
      <c r="P8770" s="5" t="s">
        <v>39</v>
      </c>
      <c r="Q8770" s="5" t="s">
        <v>40</v>
      </c>
      <c r="R8770" s="5" t="s">
        <v>24335</v>
      </c>
      <c r="S8770" s="5" t="s">
        <v>40</v>
      </c>
      <c r="T8770" s="5" t="s">
        <v>42</v>
      </c>
      <c r="U8770" s="2">
        <v>8.7579999999999991</v>
      </c>
      <c r="V8770" s="2">
        <v>7.2149999999999999</v>
      </c>
      <c r="W8770" s="2">
        <v>0.104</v>
      </c>
      <c r="X8770" s="2">
        <v>12</v>
      </c>
      <c r="Y8770" s="2">
        <v>50</v>
      </c>
      <c r="Z8770" s="2">
        <v>173.9</v>
      </c>
      <c r="AA8770" s="5">
        <v>20</v>
      </c>
      <c r="AB8770" s="5" t="s">
        <v>43</v>
      </c>
      <c r="AC8770" s="5" t="s">
        <v>44</v>
      </c>
      <c r="AD8770" s="2" t="s">
        <v>26753</v>
      </c>
      <c r="AE8770" s="1"/>
    </row>
    <row r="8771" spans="1:31" ht="14.45">
      <c r="A8771" s="11"/>
      <c r="B8771" s="20"/>
      <c r="C8771" s="2" t="s">
        <v>26890</v>
      </c>
      <c r="D8771" s="14" t="s">
        <v>26891</v>
      </c>
      <c r="E8771" s="2" t="s">
        <v>26892</v>
      </c>
      <c r="F8771" s="2" t="s">
        <v>25163</v>
      </c>
      <c r="G8771" s="8">
        <v>323</v>
      </c>
      <c r="H8771" s="5">
        <v>15</v>
      </c>
      <c r="I8771" s="5" t="s">
        <v>69</v>
      </c>
      <c r="J8771" s="5" t="s">
        <v>24629</v>
      </c>
      <c r="K8771" s="2" t="s">
        <v>24630</v>
      </c>
      <c r="L8771" s="5" t="s">
        <v>24629</v>
      </c>
      <c r="M8771" s="2" t="s">
        <v>24630</v>
      </c>
      <c r="N8771" s="5" t="s">
        <v>24254</v>
      </c>
      <c r="O8771" s="5" t="s">
        <v>38</v>
      </c>
      <c r="P8771" s="5" t="s">
        <v>39</v>
      </c>
      <c r="Q8771" s="5" t="s">
        <v>40</v>
      </c>
      <c r="R8771" s="5" t="s">
        <v>24340</v>
      </c>
      <c r="S8771" s="5" t="s">
        <v>40</v>
      </c>
      <c r="T8771" s="5" t="s">
        <v>42</v>
      </c>
      <c r="U8771" s="2">
        <v>14.67</v>
      </c>
      <c r="V8771" s="2">
        <v>13.127000000000001</v>
      </c>
      <c r="W8771" s="2">
        <v>0.104</v>
      </c>
      <c r="X8771" s="2">
        <v>12</v>
      </c>
      <c r="Y8771" s="2">
        <v>50</v>
      </c>
      <c r="Z8771" s="2">
        <v>173.9</v>
      </c>
      <c r="AA8771" s="5">
        <v>20</v>
      </c>
      <c r="AB8771" s="5" t="s">
        <v>43</v>
      </c>
      <c r="AC8771" s="5" t="s">
        <v>44</v>
      </c>
      <c r="AD8771" s="2" t="s">
        <v>26757</v>
      </c>
      <c r="AE8771" s="1"/>
    </row>
    <row r="8772" spans="1:31" ht="14.45">
      <c r="A8772" s="11"/>
      <c r="B8772" s="20"/>
      <c r="C8772" s="2" t="s">
        <v>26893</v>
      </c>
      <c r="D8772" s="14" t="s">
        <v>26894</v>
      </c>
      <c r="E8772" s="2" t="s">
        <v>26895</v>
      </c>
      <c r="F8772" s="2" t="s">
        <v>25163</v>
      </c>
      <c r="G8772" s="8">
        <v>323</v>
      </c>
      <c r="H8772" s="5">
        <v>15</v>
      </c>
      <c r="I8772" s="5" t="s">
        <v>69</v>
      </c>
      <c r="J8772" s="5" t="s">
        <v>24629</v>
      </c>
      <c r="K8772" s="2" t="s">
        <v>24630</v>
      </c>
      <c r="L8772" s="5" t="s">
        <v>24629</v>
      </c>
      <c r="M8772" s="2" t="s">
        <v>24630</v>
      </c>
      <c r="N8772" s="5" t="s">
        <v>24254</v>
      </c>
      <c r="O8772" s="5" t="s">
        <v>38</v>
      </c>
      <c r="P8772" s="5" t="s">
        <v>39</v>
      </c>
      <c r="Q8772" s="5" t="s">
        <v>40</v>
      </c>
      <c r="R8772" s="5" t="s">
        <v>25301</v>
      </c>
      <c r="S8772" s="5" t="s">
        <v>40</v>
      </c>
      <c r="T8772" s="5" t="s">
        <v>42</v>
      </c>
      <c r="U8772" s="2">
        <v>13.206</v>
      </c>
      <c r="V8772" s="2">
        <v>11.663</v>
      </c>
      <c r="W8772" s="2">
        <v>0.104</v>
      </c>
      <c r="X8772" s="2">
        <v>12</v>
      </c>
      <c r="Y8772" s="2">
        <v>50</v>
      </c>
      <c r="Z8772" s="2">
        <v>173.9</v>
      </c>
      <c r="AA8772" s="5">
        <v>20</v>
      </c>
      <c r="AB8772" s="5" t="s">
        <v>43</v>
      </c>
      <c r="AC8772" s="5" t="s">
        <v>44</v>
      </c>
      <c r="AD8772" s="2" t="s">
        <v>26761</v>
      </c>
      <c r="AE8772" s="1"/>
    </row>
    <row r="8773" spans="1:31" ht="14.45">
      <c r="A8773" s="11"/>
      <c r="B8773" s="20"/>
      <c r="C8773" s="2" t="s">
        <v>26896</v>
      </c>
      <c r="D8773" s="14" t="s">
        <v>26897</v>
      </c>
      <c r="E8773" s="2" t="s">
        <v>26898</v>
      </c>
      <c r="F8773" s="2" t="s">
        <v>25397</v>
      </c>
      <c r="G8773" s="8">
        <v>235</v>
      </c>
      <c r="H8773" s="5">
        <v>5</v>
      </c>
      <c r="I8773" s="5" t="s">
        <v>69</v>
      </c>
      <c r="J8773" s="5" t="s">
        <v>24629</v>
      </c>
      <c r="K8773" s="2" t="s">
        <v>24630</v>
      </c>
      <c r="L8773" s="5" t="s">
        <v>24629</v>
      </c>
      <c r="M8773" s="2" t="s">
        <v>24630</v>
      </c>
      <c r="N8773" s="5" t="s">
        <v>24254</v>
      </c>
      <c r="O8773" s="5" t="s">
        <v>38</v>
      </c>
      <c r="P8773" s="5" t="s">
        <v>39</v>
      </c>
      <c r="Q8773" s="5" t="s">
        <v>40</v>
      </c>
      <c r="R8773" s="5" t="s">
        <v>24335</v>
      </c>
      <c r="S8773" s="5" t="s">
        <v>40</v>
      </c>
      <c r="T8773" s="5" t="s">
        <v>42</v>
      </c>
      <c r="U8773" s="2">
        <v>14.241</v>
      </c>
      <c r="V8773" s="2">
        <v>11.531000000000001</v>
      </c>
      <c r="W8773" s="2">
        <v>0.14899999999999999</v>
      </c>
      <c r="X8773" s="2">
        <v>12</v>
      </c>
      <c r="Y8773" s="2">
        <v>62</v>
      </c>
      <c r="Z8773" s="2">
        <v>199.9</v>
      </c>
      <c r="AA8773" s="5">
        <v>10</v>
      </c>
      <c r="AB8773" s="5" t="s">
        <v>43</v>
      </c>
      <c r="AC8773" s="5" t="s">
        <v>44</v>
      </c>
      <c r="AD8773" s="2" t="s">
        <v>26766</v>
      </c>
      <c r="AE8773" s="1"/>
    </row>
    <row r="8774" spans="1:31" ht="14.45">
      <c r="A8774" s="11"/>
      <c r="B8774" s="20"/>
      <c r="C8774" s="2" t="s">
        <v>26899</v>
      </c>
      <c r="D8774" s="14" t="s">
        <v>26900</v>
      </c>
      <c r="E8774" s="2" t="s">
        <v>26901</v>
      </c>
      <c r="F8774" s="2" t="s">
        <v>25397</v>
      </c>
      <c r="G8774" s="8">
        <v>386</v>
      </c>
      <c r="H8774" s="5">
        <v>15</v>
      </c>
      <c r="I8774" s="5" t="s">
        <v>69</v>
      </c>
      <c r="J8774" s="5" t="s">
        <v>24629</v>
      </c>
      <c r="K8774" s="2" t="s">
        <v>24630</v>
      </c>
      <c r="L8774" s="5" t="s">
        <v>24629</v>
      </c>
      <c r="M8774" s="2" t="s">
        <v>24630</v>
      </c>
      <c r="N8774" s="5" t="s">
        <v>24254</v>
      </c>
      <c r="O8774" s="5" t="s">
        <v>38</v>
      </c>
      <c r="P8774" s="5" t="s">
        <v>39</v>
      </c>
      <c r="Q8774" s="5" t="s">
        <v>40</v>
      </c>
      <c r="R8774" s="5" t="s">
        <v>24340</v>
      </c>
      <c r="S8774" s="5" t="s">
        <v>40</v>
      </c>
      <c r="T8774" s="5" t="s">
        <v>42</v>
      </c>
      <c r="U8774" s="2">
        <v>20.091000000000001</v>
      </c>
      <c r="V8774" s="2">
        <v>17.384</v>
      </c>
      <c r="W8774" s="2">
        <v>0.14899999999999999</v>
      </c>
      <c r="X8774" s="2">
        <v>12</v>
      </c>
      <c r="Y8774" s="2">
        <v>62</v>
      </c>
      <c r="Z8774" s="2">
        <v>199.9</v>
      </c>
      <c r="AA8774" s="5">
        <v>10</v>
      </c>
      <c r="AB8774" s="5" t="s">
        <v>43</v>
      </c>
      <c r="AC8774" s="5" t="s">
        <v>44</v>
      </c>
      <c r="AD8774" s="2" t="s">
        <v>26902</v>
      </c>
      <c r="AE8774" s="1"/>
    </row>
    <row r="8775" spans="1:31" ht="14.45">
      <c r="A8775" s="11"/>
      <c r="B8775" s="20"/>
      <c r="C8775" s="2" t="s">
        <v>26903</v>
      </c>
      <c r="D8775" s="14" t="s">
        <v>26904</v>
      </c>
      <c r="E8775" s="2" t="s">
        <v>26905</v>
      </c>
      <c r="F8775" s="2" t="s">
        <v>25397</v>
      </c>
      <c r="G8775" s="8">
        <v>386</v>
      </c>
      <c r="H8775" s="5">
        <v>15</v>
      </c>
      <c r="I8775" s="5" t="s">
        <v>69</v>
      </c>
      <c r="J8775" s="5" t="s">
        <v>24629</v>
      </c>
      <c r="K8775" s="2" t="s">
        <v>24630</v>
      </c>
      <c r="L8775" s="5" t="s">
        <v>24629</v>
      </c>
      <c r="M8775" s="2" t="s">
        <v>24630</v>
      </c>
      <c r="N8775" s="5" t="s">
        <v>24254</v>
      </c>
      <c r="O8775" s="5" t="s">
        <v>38</v>
      </c>
      <c r="P8775" s="5" t="s">
        <v>39</v>
      </c>
      <c r="Q8775" s="5" t="s">
        <v>40</v>
      </c>
      <c r="R8775" s="5" t="s">
        <v>25301</v>
      </c>
      <c r="S8775" s="5" t="s">
        <v>40</v>
      </c>
      <c r="T8775" s="5" t="s">
        <v>42</v>
      </c>
      <c r="U8775" s="2">
        <v>17.039000000000001</v>
      </c>
      <c r="V8775" s="2">
        <v>14.317</v>
      </c>
      <c r="W8775" s="2">
        <v>0.14899999999999999</v>
      </c>
      <c r="X8775" s="2">
        <v>12</v>
      </c>
      <c r="Y8775" s="2">
        <v>62</v>
      </c>
      <c r="Z8775" s="2">
        <v>199.9</v>
      </c>
      <c r="AA8775" s="5">
        <v>10</v>
      </c>
      <c r="AB8775" s="5" t="s">
        <v>43</v>
      </c>
      <c r="AC8775" s="5" t="s">
        <v>44</v>
      </c>
      <c r="AD8775" s="2" t="s">
        <v>26906</v>
      </c>
      <c r="AE8775" s="1"/>
    </row>
    <row r="8776" spans="1:31" ht="14.45">
      <c r="A8776" s="11"/>
      <c r="B8776" s="20"/>
      <c r="C8776" s="2" t="s">
        <v>26907</v>
      </c>
      <c r="D8776" s="14" t="s">
        <v>26908</v>
      </c>
      <c r="E8776" s="2" t="s">
        <v>26909</v>
      </c>
      <c r="F8776" s="2" t="s">
        <v>25163</v>
      </c>
      <c r="G8776" s="8">
        <v>140</v>
      </c>
      <c r="H8776" s="5">
        <v>5</v>
      </c>
      <c r="I8776" s="5" t="s">
        <v>69</v>
      </c>
      <c r="J8776" s="5" t="s">
        <v>24629</v>
      </c>
      <c r="K8776" s="2" t="s">
        <v>24630</v>
      </c>
      <c r="L8776" s="5" t="s">
        <v>24629</v>
      </c>
      <c r="M8776" s="2" t="s">
        <v>24630</v>
      </c>
      <c r="N8776" s="5" t="s">
        <v>24254</v>
      </c>
      <c r="O8776" s="5" t="s">
        <v>38</v>
      </c>
      <c r="P8776" s="5" t="s">
        <v>39</v>
      </c>
      <c r="Q8776" s="5" t="s">
        <v>40</v>
      </c>
      <c r="R8776" s="5" t="s">
        <v>24335</v>
      </c>
      <c r="S8776" s="5" t="s">
        <v>40</v>
      </c>
      <c r="T8776" s="5" t="s">
        <v>42</v>
      </c>
      <c r="U8776" s="2">
        <v>8.2230000000000008</v>
      </c>
      <c r="V8776" s="2">
        <v>6.5529999999999999</v>
      </c>
      <c r="W8776" s="2">
        <v>9.2999999999999999E-2</v>
      </c>
      <c r="X8776" s="2">
        <v>12</v>
      </c>
      <c r="Y8776" s="2">
        <v>50</v>
      </c>
      <c r="Z8776" s="2">
        <v>154.4</v>
      </c>
      <c r="AA8776" s="5">
        <v>20</v>
      </c>
      <c r="AB8776" s="5" t="s">
        <v>43</v>
      </c>
      <c r="AC8776" s="5" t="s">
        <v>44</v>
      </c>
      <c r="AD8776" s="2" t="s">
        <v>26753</v>
      </c>
      <c r="AE8776" s="1"/>
    </row>
    <row r="8777" spans="1:31" ht="14.45">
      <c r="A8777" s="11"/>
      <c r="B8777" s="20"/>
      <c r="C8777" s="2" t="s">
        <v>26910</v>
      </c>
      <c r="D8777" s="14" t="s">
        <v>26911</v>
      </c>
      <c r="E8777" s="2" t="s">
        <v>26912</v>
      </c>
      <c r="F8777" s="2" t="s">
        <v>25163</v>
      </c>
      <c r="G8777" s="8">
        <v>291</v>
      </c>
      <c r="H8777" s="5">
        <v>15</v>
      </c>
      <c r="I8777" s="5" t="s">
        <v>69</v>
      </c>
      <c r="J8777" s="5" t="s">
        <v>24629</v>
      </c>
      <c r="K8777" s="2" t="s">
        <v>24630</v>
      </c>
      <c r="L8777" s="5" t="s">
        <v>24629</v>
      </c>
      <c r="M8777" s="2" t="s">
        <v>24630</v>
      </c>
      <c r="N8777" s="5" t="s">
        <v>24254</v>
      </c>
      <c r="O8777" s="5" t="s">
        <v>38</v>
      </c>
      <c r="P8777" s="5" t="s">
        <v>39</v>
      </c>
      <c r="Q8777" s="5" t="s">
        <v>40</v>
      </c>
      <c r="R8777" s="5" t="s">
        <v>24340</v>
      </c>
      <c r="S8777" s="5" t="s">
        <v>40</v>
      </c>
      <c r="T8777" s="5" t="s">
        <v>42</v>
      </c>
      <c r="U8777" s="2">
        <v>13.404</v>
      </c>
      <c r="V8777" s="2">
        <v>11.773999999999999</v>
      </c>
      <c r="W8777" s="2">
        <v>9.2999999999999999E-2</v>
      </c>
      <c r="X8777" s="2">
        <v>12</v>
      </c>
      <c r="Y8777" s="2">
        <v>50</v>
      </c>
      <c r="Z8777" s="2">
        <v>154.4</v>
      </c>
      <c r="AA8777" s="5">
        <v>20</v>
      </c>
      <c r="AB8777" s="5" t="s">
        <v>43</v>
      </c>
      <c r="AC8777" s="5" t="s">
        <v>44</v>
      </c>
      <c r="AD8777" s="2" t="s">
        <v>26757</v>
      </c>
      <c r="AE8777" s="1"/>
    </row>
    <row r="8778" spans="1:31" ht="14.45">
      <c r="A8778" s="11"/>
      <c r="B8778" s="20"/>
      <c r="C8778" s="2" t="s">
        <v>26913</v>
      </c>
      <c r="D8778" s="14" t="s">
        <v>26914</v>
      </c>
      <c r="E8778" s="2" t="s">
        <v>26915</v>
      </c>
      <c r="F8778" s="2" t="s">
        <v>25163</v>
      </c>
      <c r="G8778" s="8">
        <v>291</v>
      </c>
      <c r="H8778" s="5">
        <v>5</v>
      </c>
      <c r="I8778" s="5" t="s">
        <v>69</v>
      </c>
      <c r="J8778" s="5" t="s">
        <v>24629</v>
      </c>
      <c r="K8778" s="2" t="s">
        <v>24630</v>
      </c>
      <c r="L8778" s="5" t="s">
        <v>24629</v>
      </c>
      <c r="M8778" s="2" t="s">
        <v>24630</v>
      </c>
      <c r="N8778" s="5" t="s">
        <v>24254</v>
      </c>
      <c r="O8778" s="5" t="s">
        <v>38</v>
      </c>
      <c r="P8778" s="5" t="s">
        <v>39</v>
      </c>
      <c r="Q8778" s="5" t="s">
        <v>40</v>
      </c>
      <c r="R8778" s="5" t="s">
        <v>25301</v>
      </c>
      <c r="S8778" s="5" t="s">
        <v>40</v>
      </c>
      <c r="T8778" s="5" t="s">
        <v>42</v>
      </c>
      <c r="U8778" s="2">
        <v>13.193</v>
      </c>
      <c r="V8778" s="2">
        <v>10.807</v>
      </c>
      <c r="W8778" s="2">
        <v>9.2999999999999999E-2</v>
      </c>
      <c r="X8778" s="2">
        <v>12</v>
      </c>
      <c r="Y8778" s="2">
        <v>50</v>
      </c>
      <c r="Z8778" s="2">
        <v>154.4</v>
      </c>
      <c r="AA8778" s="5">
        <v>20</v>
      </c>
      <c r="AB8778" s="5" t="s">
        <v>43</v>
      </c>
      <c r="AC8778" s="5" t="s">
        <v>44</v>
      </c>
      <c r="AD8778" s="2" t="s">
        <v>26761</v>
      </c>
      <c r="AE8778" s="1"/>
    </row>
    <row r="8779" spans="1:31" ht="14.45">
      <c r="A8779" s="11"/>
      <c r="B8779" s="20"/>
      <c r="C8779" s="2" t="s">
        <v>26916</v>
      </c>
      <c r="D8779" s="14" t="s">
        <v>26917</v>
      </c>
      <c r="E8779" s="2" t="s">
        <v>26918</v>
      </c>
      <c r="F8779" s="2" t="s">
        <v>26765</v>
      </c>
      <c r="G8779" s="8">
        <v>191</v>
      </c>
      <c r="H8779" s="5">
        <v>5</v>
      </c>
      <c r="I8779" s="5" t="s">
        <v>69</v>
      </c>
      <c r="J8779" s="5" t="s">
        <v>24629</v>
      </c>
      <c r="K8779" s="2" t="s">
        <v>24630</v>
      </c>
      <c r="L8779" s="5" t="s">
        <v>24629</v>
      </c>
      <c r="M8779" s="2" t="s">
        <v>24630</v>
      </c>
      <c r="N8779" s="5" t="s">
        <v>24254</v>
      </c>
      <c r="O8779" s="5" t="s">
        <v>38</v>
      </c>
      <c r="P8779" s="5" t="s">
        <v>39</v>
      </c>
      <c r="Q8779" s="5" t="s">
        <v>40</v>
      </c>
      <c r="R8779" s="5" t="s">
        <v>24335</v>
      </c>
      <c r="S8779" s="5" t="s">
        <v>40</v>
      </c>
      <c r="T8779" s="5" t="s">
        <v>42</v>
      </c>
      <c r="U8779" s="2">
        <v>9.9760000000000009</v>
      </c>
      <c r="V8779" s="2">
        <v>8.1150000000000002</v>
      </c>
      <c r="W8779" s="2">
        <v>0.11899999999999999</v>
      </c>
      <c r="X8779" s="2">
        <v>12</v>
      </c>
      <c r="Y8779" s="2">
        <v>62</v>
      </c>
      <c r="Z8779" s="2">
        <v>159.9</v>
      </c>
      <c r="AA8779" s="5">
        <v>10</v>
      </c>
      <c r="AB8779" s="5" t="s">
        <v>43</v>
      </c>
      <c r="AC8779" s="5" t="s">
        <v>44</v>
      </c>
      <c r="AD8779" s="2" t="s">
        <v>26766</v>
      </c>
      <c r="AE8779" s="1"/>
    </row>
    <row r="8780" spans="1:31" ht="14.45">
      <c r="A8780" s="11"/>
      <c r="B8780" s="20"/>
      <c r="C8780" s="2" t="s">
        <v>26919</v>
      </c>
      <c r="D8780" s="14" t="s">
        <v>26920</v>
      </c>
      <c r="E8780" s="2" t="s">
        <v>26921</v>
      </c>
      <c r="F8780" s="2" t="s">
        <v>25163</v>
      </c>
      <c r="G8780" s="8">
        <v>148</v>
      </c>
      <c r="H8780" s="5">
        <v>5</v>
      </c>
      <c r="I8780" s="5" t="s">
        <v>69</v>
      </c>
      <c r="J8780" s="5" t="s">
        <v>24629</v>
      </c>
      <c r="K8780" s="2" t="s">
        <v>24630</v>
      </c>
      <c r="L8780" s="5" t="s">
        <v>24629</v>
      </c>
      <c r="M8780" s="2" t="s">
        <v>24630</v>
      </c>
      <c r="N8780" s="5" t="s">
        <v>24254</v>
      </c>
      <c r="O8780" s="5" t="s">
        <v>38</v>
      </c>
      <c r="P8780" s="5" t="s">
        <v>39</v>
      </c>
      <c r="Q8780" s="5" t="s">
        <v>40</v>
      </c>
      <c r="R8780" s="5" t="s">
        <v>24335</v>
      </c>
      <c r="S8780" s="5" t="s">
        <v>40</v>
      </c>
      <c r="T8780" s="5" t="s">
        <v>42</v>
      </c>
      <c r="U8780" s="2">
        <v>8.5190000000000001</v>
      </c>
      <c r="V8780" s="2">
        <v>6.8490000000000002</v>
      </c>
      <c r="W8780" s="2">
        <v>9.2999999999999999E-2</v>
      </c>
      <c r="X8780" s="2">
        <v>12</v>
      </c>
      <c r="Y8780" s="2">
        <v>50</v>
      </c>
      <c r="Z8780" s="2">
        <v>154.4</v>
      </c>
      <c r="AA8780" s="5">
        <v>20</v>
      </c>
      <c r="AB8780" s="5" t="s">
        <v>43</v>
      </c>
      <c r="AC8780" s="5" t="s">
        <v>44</v>
      </c>
      <c r="AD8780" s="2" t="s">
        <v>26753</v>
      </c>
      <c r="AE8780" s="1"/>
    </row>
    <row r="8781" spans="1:31" ht="14.45">
      <c r="A8781" s="11"/>
      <c r="B8781" s="20"/>
      <c r="C8781" s="2" t="s">
        <v>26922</v>
      </c>
      <c r="D8781" s="14" t="s">
        <v>26923</v>
      </c>
      <c r="E8781" s="2" t="s">
        <v>26924</v>
      </c>
      <c r="F8781" s="2" t="s">
        <v>25163</v>
      </c>
      <c r="G8781" s="8">
        <v>299</v>
      </c>
      <c r="H8781" s="5">
        <v>15</v>
      </c>
      <c r="I8781" s="5" t="s">
        <v>69</v>
      </c>
      <c r="J8781" s="5" t="s">
        <v>24629</v>
      </c>
      <c r="K8781" s="2" t="s">
        <v>24630</v>
      </c>
      <c r="L8781" s="5" t="s">
        <v>24629</v>
      </c>
      <c r="M8781" s="2" t="s">
        <v>24630</v>
      </c>
      <c r="N8781" s="5" t="s">
        <v>24254</v>
      </c>
      <c r="O8781" s="5" t="s">
        <v>38</v>
      </c>
      <c r="P8781" s="5" t="s">
        <v>39</v>
      </c>
      <c r="Q8781" s="5" t="s">
        <v>40</v>
      </c>
      <c r="R8781" s="5" t="s">
        <v>24340</v>
      </c>
      <c r="S8781" s="5" t="s">
        <v>40</v>
      </c>
      <c r="T8781" s="5" t="s">
        <v>42</v>
      </c>
      <c r="U8781" s="2">
        <v>14.106</v>
      </c>
      <c r="V8781" s="2">
        <v>12.476000000000001</v>
      </c>
      <c r="W8781" s="2">
        <v>9.2999999999999999E-2</v>
      </c>
      <c r="X8781" s="2">
        <v>12</v>
      </c>
      <c r="Y8781" s="2">
        <v>50</v>
      </c>
      <c r="Z8781" s="2">
        <v>154.4</v>
      </c>
      <c r="AA8781" s="5">
        <v>20</v>
      </c>
      <c r="AB8781" s="5" t="s">
        <v>43</v>
      </c>
      <c r="AC8781" s="5" t="s">
        <v>44</v>
      </c>
      <c r="AD8781" s="2" t="s">
        <v>26757</v>
      </c>
      <c r="AE8781" s="1"/>
    </row>
    <row r="8782" spans="1:31" ht="14.45">
      <c r="A8782" s="11"/>
      <c r="B8782" s="20"/>
      <c r="C8782" s="2" t="s">
        <v>26925</v>
      </c>
      <c r="D8782" s="14" t="s">
        <v>26926</v>
      </c>
      <c r="E8782" s="2" t="s">
        <v>26927</v>
      </c>
      <c r="F8782" s="2" t="s">
        <v>25163</v>
      </c>
      <c r="G8782" s="8">
        <v>299</v>
      </c>
      <c r="H8782" s="5">
        <v>5</v>
      </c>
      <c r="I8782" s="5" t="s">
        <v>69</v>
      </c>
      <c r="J8782" s="5" t="s">
        <v>24629</v>
      </c>
      <c r="K8782" s="2" t="s">
        <v>24630</v>
      </c>
      <c r="L8782" s="5" t="s">
        <v>24629</v>
      </c>
      <c r="M8782" s="2" t="s">
        <v>24630</v>
      </c>
      <c r="N8782" s="5" t="s">
        <v>24254</v>
      </c>
      <c r="O8782" s="5" t="s">
        <v>38</v>
      </c>
      <c r="P8782" s="5" t="s">
        <v>39</v>
      </c>
      <c r="Q8782" s="5" t="s">
        <v>40</v>
      </c>
      <c r="R8782" s="5" t="s">
        <v>25301</v>
      </c>
      <c r="S8782" s="5" t="s">
        <v>40</v>
      </c>
      <c r="T8782" s="5" t="s">
        <v>42</v>
      </c>
      <c r="U8782" s="2">
        <v>13.803000000000001</v>
      </c>
      <c r="V8782" s="2">
        <v>11.417</v>
      </c>
      <c r="W8782" s="2">
        <v>9.2999999999999999E-2</v>
      </c>
      <c r="X8782" s="2">
        <v>12</v>
      </c>
      <c r="Y8782" s="2">
        <v>50</v>
      </c>
      <c r="Z8782" s="2">
        <v>154.4</v>
      </c>
      <c r="AA8782" s="5">
        <v>20</v>
      </c>
      <c r="AB8782" s="5" t="s">
        <v>43</v>
      </c>
      <c r="AC8782" s="5" t="s">
        <v>44</v>
      </c>
      <c r="AD8782" s="2" t="s">
        <v>26761</v>
      </c>
      <c r="AE8782" s="1"/>
    </row>
    <row r="8783" spans="1:31" ht="14.45">
      <c r="A8783" s="11"/>
      <c r="B8783" s="20"/>
      <c r="C8783" s="2" t="s">
        <v>26928</v>
      </c>
      <c r="D8783" s="14" t="s">
        <v>26929</v>
      </c>
      <c r="E8783" s="2" t="s">
        <v>26930</v>
      </c>
      <c r="F8783" s="2" t="s">
        <v>26765</v>
      </c>
      <c r="G8783" s="8">
        <v>201</v>
      </c>
      <c r="H8783" s="5">
        <v>5</v>
      </c>
      <c r="I8783" s="5" t="s">
        <v>69</v>
      </c>
      <c r="J8783" s="5" t="s">
        <v>24629</v>
      </c>
      <c r="K8783" s="2" t="s">
        <v>24630</v>
      </c>
      <c r="L8783" s="5" t="s">
        <v>24629</v>
      </c>
      <c r="M8783" s="2" t="s">
        <v>24630</v>
      </c>
      <c r="N8783" s="5" t="s">
        <v>24254</v>
      </c>
      <c r="O8783" s="5" t="s">
        <v>38</v>
      </c>
      <c r="P8783" s="5" t="s">
        <v>39</v>
      </c>
      <c r="Q8783" s="5" t="s">
        <v>40</v>
      </c>
      <c r="R8783" s="5" t="s">
        <v>24335</v>
      </c>
      <c r="S8783" s="5" t="s">
        <v>40</v>
      </c>
      <c r="T8783" s="5" t="s">
        <v>42</v>
      </c>
      <c r="U8783" s="2">
        <v>10.433999999999999</v>
      </c>
      <c r="V8783" s="2">
        <v>8.5730000000000004</v>
      </c>
      <c r="W8783" s="2">
        <v>0.11899999999999999</v>
      </c>
      <c r="X8783" s="2">
        <v>12</v>
      </c>
      <c r="Y8783" s="2">
        <v>62</v>
      </c>
      <c r="Z8783" s="2">
        <v>159.9</v>
      </c>
      <c r="AA8783" s="5">
        <v>10</v>
      </c>
      <c r="AB8783" s="5" t="s">
        <v>43</v>
      </c>
      <c r="AC8783" s="5" t="s">
        <v>44</v>
      </c>
      <c r="AD8783" s="2" t="s">
        <v>26766</v>
      </c>
      <c r="AE8783" s="1"/>
    </row>
    <row r="8784" spans="1:31" ht="14.45">
      <c r="A8784" s="11"/>
      <c r="B8784" s="20"/>
      <c r="C8784" s="2" t="s">
        <v>26931</v>
      </c>
      <c r="D8784" s="14" t="s">
        <v>26932</v>
      </c>
      <c r="E8784" s="2" t="s">
        <v>26933</v>
      </c>
      <c r="F8784" s="2" t="s">
        <v>25163</v>
      </c>
      <c r="G8784" s="8">
        <v>156</v>
      </c>
      <c r="H8784" s="5">
        <v>5</v>
      </c>
      <c r="I8784" s="5" t="s">
        <v>69</v>
      </c>
      <c r="J8784" s="5" t="s">
        <v>24629</v>
      </c>
      <c r="K8784" s="2" t="s">
        <v>24630</v>
      </c>
      <c r="L8784" s="5" t="s">
        <v>24629</v>
      </c>
      <c r="M8784" s="2" t="s">
        <v>24630</v>
      </c>
      <c r="N8784" s="5" t="s">
        <v>24254</v>
      </c>
      <c r="O8784" s="5" t="s">
        <v>38</v>
      </c>
      <c r="P8784" s="5" t="s">
        <v>39</v>
      </c>
      <c r="Q8784" s="5" t="s">
        <v>40</v>
      </c>
      <c r="R8784" s="5" t="s">
        <v>24335</v>
      </c>
      <c r="S8784" s="5" t="s">
        <v>40</v>
      </c>
      <c r="T8784" s="5" t="s">
        <v>42</v>
      </c>
      <c r="U8784" s="2">
        <v>8.8870000000000005</v>
      </c>
      <c r="V8784" s="2">
        <v>7.093</v>
      </c>
      <c r="W8784" s="2">
        <v>0.104</v>
      </c>
      <c r="X8784" s="2">
        <v>12</v>
      </c>
      <c r="Y8784" s="2">
        <v>50</v>
      </c>
      <c r="Z8784" s="2">
        <v>173.9</v>
      </c>
      <c r="AA8784" s="5">
        <v>20</v>
      </c>
      <c r="AB8784" s="5" t="s">
        <v>43</v>
      </c>
      <c r="AC8784" s="5" t="s">
        <v>44</v>
      </c>
      <c r="AD8784" s="2" t="s">
        <v>26753</v>
      </c>
      <c r="AE8784" s="1"/>
    </row>
    <row r="8785" spans="1:31" ht="14.45">
      <c r="A8785" s="11"/>
      <c r="B8785" s="20"/>
      <c r="C8785" s="2" t="s">
        <v>26934</v>
      </c>
      <c r="D8785" s="14" t="s">
        <v>26935</v>
      </c>
      <c r="E8785" s="2" t="s">
        <v>26936</v>
      </c>
      <c r="F8785" s="2" t="s">
        <v>25163</v>
      </c>
      <c r="G8785" s="8">
        <v>307</v>
      </c>
      <c r="H8785" s="5">
        <v>5</v>
      </c>
      <c r="I8785" s="5" t="s">
        <v>69</v>
      </c>
      <c r="J8785" s="5" t="s">
        <v>24629</v>
      </c>
      <c r="K8785" s="2" t="s">
        <v>24630</v>
      </c>
      <c r="L8785" s="5" t="s">
        <v>24629</v>
      </c>
      <c r="M8785" s="2" t="s">
        <v>24630</v>
      </c>
      <c r="N8785" s="5" t="s">
        <v>24254</v>
      </c>
      <c r="O8785" s="5" t="s">
        <v>38</v>
      </c>
      <c r="P8785" s="5" t="s">
        <v>39</v>
      </c>
      <c r="Q8785" s="5" t="s">
        <v>40</v>
      </c>
      <c r="R8785" s="5" t="s">
        <v>24340</v>
      </c>
      <c r="S8785" s="5" t="s">
        <v>40</v>
      </c>
      <c r="T8785" s="5" t="s">
        <v>42</v>
      </c>
      <c r="U8785" s="2">
        <v>14.808999999999999</v>
      </c>
      <c r="V8785" s="2">
        <v>13.015000000000001</v>
      </c>
      <c r="W8785" s="2">
        <v>0.104</v>
      </c>
      <c r="X8785" s="2">
        <v>12</v>
      </c>
      <c r="Y8785" s="2">
        <v>50</v>
      </c>
      <c r="Z8785" s="2">
        <v>173.9</v>
      </c>
      <c r="AA8785" s="5">
        <v>20</v>
      </c>
      <c r="AB8785" s="5" t="s">
        <v>43</v>
      </c>
      <c r="AC8785" s="5" t="s">
        <v>44</v>
      </c>
      <c r="AD8785" s="2" t="s">
        <v>26757</v>
      </c>
      <c r="AE8785" s="1"/>
    </row>
    <row r="8786" spans="1:31" ht="14.45">
      <c r="A8786" s="11"/>
      <c r="B8786" s="20"/>
      <c r="C8786" s="2" t="s">
        <v>26937</v>
      </c>
      <c r="D8786" s="14" t="s">
        <v>26938</v>
      </c>
      <c r="E8786" s="2" t="s">
        <v>26939</v>
      </c>
      <c r="F8786" s="2" t="s">
        <v>25163</v>
      </c>
      <c r="G8786" s="8">
        <v>307</v>
      </c>
      <c r="H8786" s="5">
        <v>15</v>
      </c>
      <c r="I8786" s="5" t="s">
        <v>69</v>
      </c>
      <c r="J8786" s="5" t="s">
        <v>24629</v>
      </c>
      <c r="K8786" s="2" t="s">
        <v>24630</v>
      </c>
      <c r="L8786" s="5" t="s">
        <v>24629</v>
      </c>
      <c r="M8786" s="2" t="s">
        <v>24630</v>
      </c>
      <c r="N8786" s="5" t="s">
        <v>24254</v>
      </c>
      <c r="O8786" s="5" t="s">
        <v>38</v>
      </c>
      <c r="P8786" s="5" t="s">
        <v>39</v>
      </c>
      <c r="Q8786" s="5" t="s">
        <v>40</v>
      </c>
      <c r="R8786" s="5" t="s">
        <v>25301</v>
      </c>
      <c r="S8786" s="5" t="s">
        <v>40</v>
      </c>
      <c r="T8786" s="5" t="s">
        <v>42</v>
      </c>
      <c r="U8786" s="2">
        <v>13.612</v>
      </c>
      <c r="V8786" s="2">
        <v>11.858000000000001</v>
      </c>
      <c r="W8786" s="2">
        <v>0.104</v>
      </c>
      <c r="X8786" s="2">
        <v>12</v>
      </c>
      <c r="Y8786" s="2">
        <v>50</v>
      </c>
      <c r="Z8786" s="2">
        <v>173.9</v>
      </c>
      <c r="AA8786" s="5">
        <v>20</v>
      </c>
      <c r="AB8786" s="5" t="s">
        <v>43</v>
      </c>
      <c r="AC8786" s="5" t="s">
        <v>44</v>
      </c>
      <c r="AD8786" s="2" t="s">
        <v>26761</v>
      </c>
      <c r="AE8786" s="1"/>
    </row>
    <row r="8787" spans="1:31" ht="14.45">
      <c r="A8787" s="11"/>
      <c r="B8787" s="20"/>
      <c r="C8787" s="2" t="s">
        <v>26940</v>
      </c>
      <c r="D8787" s="14" t="s">
        <v>26941</v>
      </c>
      <c r="E8787" s="2" t="s">
        <v>26942</v>
      </c>
      <c r="F8787" s="2" t="s">
        <v>26765</v>
      </c>
      <c r="G8787" s="8">
        <v>213</v>
      </c>
      <c r="H8787" s="5">
        <v>5</v>
      </c>
      <c r="I8787" s="5" t="s">
        <v>69</v>
      </c>
      <c r="J8787" s="5" t="s">
        <v>24629</v>
      </c>
      <c r="K8787" s="2" t="s">
        <v>24630</v>
      </c>
      <c r="L8787" s="5" t="s">
        <v>24629</v>
      </c>
      <c r="M8787" s="2" t="s">
        <v>24630</v>
      </c>
      <c r="N8787" s="5" t="s">
        <v>24254</v>
      </c>
      <c r="O8787" s="5" t="s">
        <v>38</v>
      </c>
      <c r="P8787" s="5" t="s">
        <v>39</v>
      </c>
      <c r="Q8787" s="5" t="s">
        <v>40</v>
      </c>
      <c r="R8787" s="5" t="s">
        <v>24335</v>
      </c>
      <c r="S8787" s="5" t="s">
        <v>40</v>
      </c>
      <c r="T8787" s="5" t="s">
        <v>42</v>
      </c>
      <c r="U8787" s="2">
        <v>10.955</v>
      </c>
      <c r="V8787" s="2">
        <v>8.9689999999999994</v>
      </c>
      <c r="W8787" s="2">
        <v>0.129</v>
      </c>
      <c r="X8787" s="2">
        <v>12</v>
      </c>
      <c r="Y8787" s="2">
        <v>62</v>
      </c>
      <c r="Z8787" s="2">
        <v>172.9</v>
      </c>
      <c r="AA8787" s="5">
        <v>10</v>
      </c>
      <c r="AB8787" s="5" t="s">
        <v>43</v>
      </c>
      <c r="AC8787" s="5" t="s">
        <v>44</v>
      </c>
      <c r="AD8787" s="2" t="s">
        <v>26766</v>
      </c>
      <c r="AE8787" s="1"/>
    </row>
    <row r="8788" spans="1:31" ht="14.45">
      <c r="A8788" s="11"/>
      <c r="B8788" s="20"/>
      <c r="C8788" s="2" t="s">
        <v>26943</v>
      </c>
      <c r="D8788" s="14" t="s">
        <v>26944</v>
      </c>
      <c r="E8788" s="2" t="s">
        <v>26945</v>
      </c>
      <c r="F8788" s="2" t="s">
        <v>25163</v>
      </c>
      <c r="G8788" s="8">
        <v>188</v>
      </c>
      <c r="H8788" s="5">
        <v>5</v>
      </c>
      <c r="I8788" s="5" t="s">
        <v>69</v>
      </c>
      <c r="J8788" s="5" t="s">
        <v>24629</v>
      </c>
      <c r="K8788" s="2" t="s">
        <v>24630</v>
      </c>
      <c r="L8788" s="5" t="s">
        <v>24629</v>
      </c>
      <c r="M8788" s="2" t="s">
        <v>24630</v>
      </c>
      <c r="N8788" s="5" t="s">
        <v>24254</v>
      </c>
      <c r="O8788" s="5" t="s">
        <v>38</v>
      </c>
      <c r="P8788" s="5" t="s">
        <v>39</v>
      </c>
      <c r="Q8788" s="5" t="s">
        <v>40</v>
      </c>
      <c r="R8788" s="5" t="s">
        <v>24335</v>
      </c>
      <c r="S8788" s="5" t="s">
        <v>40</v>
      </c>
      <c r="T8788" s="5" t="s">
        <v>42</v>
      </c>
      <c r="U8788" s="2">
        <v>9.2479999999999993</v>
      </c>
      <c r="V8788" s="2">
        <v>7.7050000000000001</v>
      </c>
      <c r="W8788" s="2">
        <v>0.104</v>
      </c>
      <c r="X8788" s="2">
        <v>12</v>
      </c>
      <c r="Y8788" s="2">
        <v>50</v>
      </c>
      <c r="Z8788" s="2">
        <v>173.9</v>
      </c>
      <c r="AA8788" s="5">
        <v>20</v>
      </c>
      <c r="AB8788" s="5" t="s">
        <v>43</v>
      </c>
      <c r="AC8788" s="5" t="s">
        <v>44</v>
      </c>
      <c r="AD8788" s="2" t="s">
        <v>26753</v>
      </c>
      <c r="AE8788" s="1"/>
    </row>
    <row r="8789" spans="1:31" ht="14.45">
      <c r="A8789" s="11"/>
      <c r="B8789" s="20"/>
      <c r="C8789" s="2" t="s">
        <v>26946</v>
      </c>
      <c r="D8789" s="14" t="s">
        <v>26947</v>
      </c>
      <c r="E8789" s="2" t="s">
        <v>26948</v>
      </c>
      <c r="F8789" s="2" t="s">
        <v>25163</v>
      </c>
      <c r="G8789" s="8">
        <v>339</v>
      </c>
      <c r="H8789" s="5">
        <v>15</v>
      </c>
      <c r="I8789" s="5" t="s">
        <v>69</v>
      </c>
      <c r="J8789" s="5" t="s">
        <v>24629</v>
      </c>
      <c r="K8789" s="2" t="s">
        <v>24630</v>
      </c>
      <c r="L8789" s="5" t="s">
        <v>24629</v>
      </c>
      <c r="M8789" s="2" t="s">
        <v>24630</v>
      </c>
      <c r="N8789" s="5" t="s">
        <v>24254</v>
      </c>
      <c r="O8789" s="5" t="s">
        <v>38</v>
      </c>
      <c r="P8789" s="5" t="s">
        <v>39</v>
      </c>
      <c r="Q8789" s="5" t="s">
        <v>40</v>
      </c>
      <c r="R8789" s="5" t="s">
        <v>24340</v>
      </c>
      <c r="S8789" s="5" t="s">
        <v>40</v>
      </c>
      <c r="T8789" s="5" t="s">
        <v>42</v>
      </c>
      <c r="U8789" s="2">
        <v>15.481999999999999</v>
      </c>
      <c r="V8789" s="2">
        <v>13.939</v>
      </c>
      <c r="W8789" s="2">
        <v>0.104</v>
      </c>
      <c r="X8789" s="2">
        <v>12</v>
      </c>
      <c r="Y8789" s="2">
        <v>50</v>
      </c>
      <c r="Z8789" s="2">
        <v>173.9</v>
      </c>
      <c r="AA8789" s="5">
        <v>20</v>
      </c>
      <c r="AB8789" s="5" t="s">
        <v>43</v>
      </c>
      <c r="AC8789" s="5" t="s">
        <v>44</v>
      </c>
      <c r="AD8789" s="2" t="s">
        <v>26757</v>
      </c>
      <c r="AE8789" s="1"/>
    </row>
    <row r="8790" spans="1:31" ht="14.45">
      <c r="A8790" s="11"/>
      <c r="B8790" s="20"/>
      <c r="C8790" s="2" t="s">
        <v>26949</v>
      </c>
      <c r="D8790" s="14" t="s">
        <v>26950</v>
      </c>
      <c r="E8790" s="2" t="s">
        <v>26951</v>
      </c>
      <c r="F8790" s="2" t="s">
        <v>25163</v>
      </c>
      <c r="G8790" s="8">
        <v>339</v>
      </c>
      <c r="H8790" s="5">
        <v>15</v>
      </c>
      <c r="I8790" s="5" t="s">
        <v>69</v>
      </c>
      <c r="J8790" s="5" t="s">
        <v>24629</v>
      </c>
      <c r="K8790" s="2" t="s">
        <v>24630</v>
      </c>
      <c r="L8790" s="5" t="s">
        <v>24629</v>
      </c>
      <c r="M8790" s="2" t="s">
        <v>24630</v>
      </c>
      <c r="N8790" s="5" t="s">
        <v>24254</v>
      </c>
      <c r="O8790" s="5" t="s">
        <v>38</v>
      </c>
      <c r="P8790" s="5" t="s">
        <v>39</v>
      </c>
      <c r="Q8790" s="5" t="s">
        <v>40</v>
      </c>
      <c r="R8790" s="5" t="s">
        <v>25301</v>
      </c>
      <c r="S8790" s="5" t="s">
        <v>40</v>
      </c>
      <c r="T8790" s="5" t="s">
        <v>42</v>
      </c>
      <c r="U8790" s="2">
        <v>13.967000000000001</v>
      </c>
      <c r="V8790" s="2">
        <v>12.423999999999999</v>
      </c>
      <c r="W8790" s="2">
        <v>0.104</v>
      </c>
      <c r="X8790" s="2">
        <v>12</v>
      </c>
      <c r="Y8790" s="2">
        <v>50</v>
      </c>
      <c r="Z8790" s="2">
        <v>173.9</v>
      </c>
      <c r="AA8790" s="5">
        <v>20</v>
      </c>
      <c r="AB8790" s="5" t="s">
        <v>43</v>
      </c>
      <c r="AC8790" s="5" t="s">
        <v>44</v>
      </c>
      <c r="AD8790" s="2" t="s">
        <v>26761</v>
      </c>
      <c r="AE8790" s="1"/>
    </row>
    <row r="8791" spans="1:31" ht="14.45">
      <c r="A8791" s="11"/>
      <c r="B8791" s="20"/>
      <c r="C8791" s="2" t="s">
        <v>26952</v>
      </c>
      <c r="D8791" s="14" t="s">
        <v>26953</v>
      </c>
      <c r="E8791" s="2" t="s">
        <v>26954</v>
      </c>
      <c r="F8791" s="2" t="s">
        <v>25397</v>
      </c>
      <c r="G8791" s="8">
        <v>257</v>
      </c>
      <c r="H8791" s="5">
        <v>5</v>
      </c>
      <c r="I8791" s="5" t="s">
        <v>69</v>
      </c>
      <c r="J8791" s="5" t="s">
        <v>24629</v>
      </c>
      <c r="K8791" s="2" t="s">
        <v>24630</v>
      </c>
      <c r="L8791" s="5" t="s">
        <v>24629</v>
      </c>
      <c r="M8791" s="2" t="s">
        <v>24630</v>
      </c>
      <c r="N8791" s="5" t="s">
        <v>24254</v>
      </c>
      <c r="O8791" s="5" t="s">
        <v>38</v>
      </c>
      <c r="P8791" s="5" t="s">
        <v>39</v>
      </c>
      <c r="Q8791" s="5" t="s">
        <v>40</v>
      </c>
      <c r="R8791" s="5" t="s">
        <v>24335</v>
      </c>
      <c r="S8791" s="5" t="s">
        <v>40</v>
      </c>
      <c r="T8791" s="5" t="s">
        <v>42</v>
      </c>
      <c r="U8791" s="2">
        <v>14.907</v>
      </c>
      <c r="V8791" s="2">
        <v>12.196999999999999</v>
      </c>
      <c r="W8791" s="2">
        <v>0.14899999999999999</v>
      </c>
      <c r="X8791" s="2">
        <v>12</v>
      </c>
      <c r="Y8791" s="2">
        <v>62</v>
      </c>
      <c r="Z8791" s="2">
        <v>199.9</v>
      </c>
      <c r="AA8791" s="5">
        <v>10</v>
      </c>
      <c r="AB8791" s="5" t="s">
        <v>43</v>
      </c>
      <c r="AC8791" s="5" t="s">
        <v>44</v>
      </c>
      <c r="AD8791" s="2" t="s">
        <v>26766</v>
      </c>
      <c r="AE8791" s="1"/>
    </row>
    <row r="8792" spans="1:31" ht="14.45">
      <c r="A8792" s="11"/>
      <c r="B8792" s="20"/>
      <c r="C8792" s="2" t="s">
        <v>26955</v>
      </c>
      <c r="D8792" s="14" t="s">
        <v>26956</v>
      </c>
      <c r="E8792" s="2" t="s">
        <v>26957</v>
      </c>
      <c r="F8792" s="2" t="s">
        <v>25397</v>
      </c>
      <c r="G8792" s="8">
        <v>408</v>
      </c>
      <c r="H8792" s="5">
        <v>15</v>
      </c>
      <c r="I8792" s="5" t="s">
        <v>69</v>
      </c>
      <c r="J8792" s="5" t="s">
        <v>24629</v>
      </c>
      <c r="K8792" s="2" t="s">
        <v>24630</v>
      </c>
      <c r="L8792" s="5" t="s">
        <v>24629</v>
      </c>
      <c r="M8792" s="2" t="s">
        <v>24630</v>
      </c>
      <c r="N8792" s="5" t="s">
        <v>24254</v>
      </c>
      <c r="O8792" s="5" t="s">
        <v>38</v>
      </c>
      <c r="P8792" s="5" t="s">
        <v>39</v>
      </c>
      <c r="Q8792" s="5" t="s">
        <v>40</v>
      </c>
      <c r="R8792" s="5" t="s">
        <v>24340</v>
      </c>
      <c r="S8792" s="5" t="s">
        <v>40</v>
      </c>
      <c r="T8792" s="5" t="s">
        <v>42</v>
      </c>
      <c r="U8792" s="2">
        <v>21.079000000000001</v>
      </c>
      <c r="V8792" s="2">
        <v>18.372</v>
      </c>
      <c r="W8792" s="2">
        <v>0.14899999999999999</v>
      </c>
      <c r="X8792" s="2">
        <v>12</v>
      </c>
      <c r="Y8792" s="2">
        <v>62</v>
      </c>
      <c r="Z8792" s="2">
        <v>199.9</v>
      </c>
      <c r="AA8792" s="5">
        <v>10</v>
      </c>
      <c r="AB8792" s="5" t="s">
        <v>43</v>
      </c>
      <c r="AC8792" s="5" t="s">
        <v>44</v>
      </c>
      <c r="AD8792" s="2" t="s">
        <v>26902</v>
      </c>
      <c r="AE8792" s="1"/>
    </row>
    <row r="8793" spans="1:31" ht="14.45">
      <c r="A8793" s="11"/>
      <c r="B8793" s="20"/>
      <c r="C8793" s="2" t="s">
        <v>26958</v>
      </c>
      <c r="D8793" s="14" t="s">
        <v>26959</v>
      </c>
      <c r="E8793" s="2" t="s">
        <v>26960</v>
      </c>
      <c r="F8793" s="2" t="s">
        <v>25397</v>
      </c>
      <c r="G8793" s="8">
        <v>408</v>
      </c>
      <c r="H8793" s="5">
        <v>15</v>
      </c>
      <c r="I8793" s="5" t="s">
        <v>69</v>
      </c>
      <c r="J8793" s="5" t="s">
        <v>24629</v>
      </c>
      <c r="K8793" s="2" t="s">
        <v>24630</v>
      </c>
      <c r="L8793" s="5" t="s">
        <v>24629</v>
      </c>
      <c r="M8793" s="2" t="s">
        <v>24630</v>
      </c>
      <c r="N8793" s="5" t="s">
        <v>24254</v>
      </c>
      <c r="O8793" s="5" t="s">
        <v>38</v>
      </c>
      <c r="P8793" s="5" t="s">
        <v>39</v>
      </c>
      <c r="Q8793" s="5" t="s">
        <v>40</v>
      </c>
      <c r="R8793" s="5" t="s">
        <v>25301</v>
      </c>
      <c r="S8793" s="5" t="s">
        <v>40</v>
      </c>
      <c r="T8793" s="5" t="s">
        <v>42</v>
      </c>
      <c r="U8793" s="2">
        <v>17.908000000000001</v>
      </c>
      <c r="V8793" s="2">
        <v>15.186</v>
      </c>
      <c r="W8793" s="2">
        <v>0.14899999999999999</v>
      </c>
      <c r="X8793" s="2">
        <v>12</v>
      </c>
      <c r="Y8793" s="2">
        <v>62</v>
      </c>
      <c r="Z8793" s="2">
        <v>199.9</v>
      </c>
      <c r="AA8793" s="5">
        <v>10</v>
      </c>
      <c r="AB8793" s="5" t="s">
        <v>43</v>
      </c>
      <c r="AC8793" s="5" t="s">
        <v>44</v>
      </c>
      <c r="AD8793" s="2" t="s">
        <v>26906</v>
      </c>
      <c r="AE8793" s="1"/>
    </row>
    <row r="8794" spans="1:31" ht="14.45">
      <c r="A8794" s="11"/>
      <c r="B8794" s="20"/>
      <c r="C8794" s="2" t="s">
        <v>26961</v>
      </c>
      <c r="D8794" s="14" t="s">
        <v>26962</v>
      </c>
      <c r="E8794" s="2" t="s">
        <v>26963</v>
      </c>
      <c r="F8794" s="2" t="s">
        <v>25163</v>
      </c>
      <c r="G8794" s="8">
        <v>148</v>
      </c>
      <c r="H8794" s="5">
        <v>5</v>
      </c>
      <c r="I8794" s="5" t="s">
        <v>69</v>
      </c>
      <c r="J8794" s="5" t="s">
        <v>24629</v>
      </c>
      <c r="K8794" s="2" t="s">
        <v>24630</v>
      </c>
      <c r="L8794" s="5" t="s">
        <v>24629</v>
      </c>
      <c r="M8794" s="2" t="s">
        <v>24630</v>
      </c>
      <c r="N8794" s="5" t="s">
        <v>24254</v>
      </c>
      <c r="O8794" s="5" t="s">
        <v>38</v>
      </c>
      <c r="P8794" s="5" t="s">
        <v>39</v>
      </c>
      <c r="Q8794" s="5" t="s">
        <v>40</v>
      </c>
      <c r="R8794" s="5" t="s">
        <v>24335</v>
      </c>
      <c r="S8794" s="5" t="s">
        <v>40</v>
      </c>
      <c r="T8794" s="5" t="s">
        <v>42</v>
      </c>
      <c r="U8794" s="2">
        <v>9.0139999999999993</v>
      </c>
      <c r="V8794" s="2">
        <v>7.22</v>
      </c>
      <c r="W8794" s="2">
        <v>0.104</v>
      </c>
      <c r="X8794" s="2">
        <v>12</v>
      </c>
      <c r="Y8794" s="2">
        <v>50</v>
      </c>
      <c r="Z8794" s="2">
        <v>173.9</v>
      </c>
      <c r="AA8794" s="5">
        <v>20</v>
      </c>
      <c r="AB8794" s="5" t="s">
        <v>43</v>
      </c>
      <c r="AC8794" s="5" t="s">
        <v>44</v>
      </c>
      <c r="AD8794" s="2" t="s">
        <v>26753</v>
      </c>
      <c r="AE8794" s="1"/>
    </row>
    <row r="8795" spans="1:31" ht="14.45">
      <c r="A8795" s="11"/>
      <c r="B8795" s="20"/>
      <c r="C8795" s="2" t="s">
        <v>26964</v>
      </c>
      <c r="D8795" s="14" t="s">
        <v>26965</v>
      </c>
      <c r="E8795" s="2" t="s">
        <v>26966</v>
      </c>
      <c r="F8795" s="2" t="s">
        <v>25163</v>
      </c>
      <c r="G8795" s="8">
        <v>299</v>
      </c>
      <c r="H8795" s="5">
        <v>5</v>
      </c>
      <c r="I8795" s="5" t="s">
        <v>69</v>
      </c>
      <c r="J8795" s="5" t="s">
        <v>24629</v>
      </c>
      <c r="K8795" s="2" t="s">
        <v>24630</v>
      </c>
      <c r="L8795" s="5" t="s">
        <v>24629</v>
      </c>
      <c r="M8795" s="2" t="s">
        <v>24630</v>
      </c>
      <c r="N8795" s="5" t="s">
        <v>24254</v>
      </c>
      <c r="O8795" s="5" t="s">
        <v>38</v>
      </c>
      <c r="P8795" s="5" t="s">
        <v>39</v>
      </c>
      <c r="Q8795" s="5" t="s">
        <v>40</v>
      </c>
      <c r="R8795" s="5" t="s">
        <v>24340</v>
      </c>
      <c r="S8795" s="5" t="s">
        <v>40</v>
      </c>
      <c r="T8795" s="5" t="s">
        <v>42</v>
      </c>
      <c r="U8795" s="2">
        <v>14.441000000000001</v>
      </c>
      <c r="V8795" s="2">
        <v>12.647</v>
      </c>
      <c r="W8795" s="2">
        <v>0.104</v>
      </c>
      <c r="X8795" s="2">
        <v>12</v>
      </c>
      <c r="Y8795" s="2">
        <v>50</v>
      </c>
      <c r="Z8795" s="2">
        <v>173.9</v>
      </c>
      <c r="AA8795" s="5">
        <v>20</v>
      </c>
      <c r="AB8795" s="5" t="s">
        <v>43</v>
      </c>
      <c r="AC8795" s="5" t="s">
        <v>44</v>
      </c>
      <c r="AD8795" s="2" t="s">
        <v>26757</v>
      </c>
      <c r="AE8795" s="1"/>
    </row>
    <row r="8796" spans="1:31" ht="14.45">
      <c r="A8796" s="11"/>
      <c r="B8796" s="20"/>
      <c r="C8796" s="2" t="s">
        <v>26967</v>
      </c>
      <c r="D8796" s="14" t="s">
        <v>26968</v>
      </c>
      <c r="E8796" s="2" t="s">
        <v>26969</v>
      </c>
      <c r="F8796" s="2" t="s">
        <v>25163</v>
      </c>
      <c r="G8796" s="8">
        <v>299</v>
      </c>
      <c r="H8796" s="5">
        <v>5</v>
      </c>
      <c r="I8796" s="5" t="s">
        <v>69</v>
      </c>
      <c r="J8796" s="5" t="s">
        <v>24629</v>
      </c>
      <c r="K8796" s="2" t="s">
        <v>24630</v>
      </c>
      <c r="L8796" s="5" t="s">
        <v>24629</v>
      </c>
      <c r="M8796" s="2" t="s">
        <v>24630</v>
      </c>
      <c r="N8796" s="5" t="s">
        <v>24254</v>
      </c>
      <c r="O8796" s="5" t="s">
        <v>38</v>
      </c>
      <c r="P8796" s="5" t="s">
        <v>39</v>
      </c>
      <c r="Q8796" s="5" t="s">
        <v>40</v>
      </c>
      <c r="R8796" s="5" t="s">
        <v>25301</v>
      </c>
      <c r="S8796" s="5" t="s">
        <v>40</v>
      </c>
      <c r="T8796" s="5" t="s">
        <v>42</v>
      </c>
      <c r="U8796" s="2">
        <v>14.2</v>
      </c>
      <c r="V8796" s="2">
        <v>11.814</v>
      </c>
      <c r="W8796" s="2">
        <v>0.104</v>
      </c>
      <c r="X8796" s="2">
        <v>12</v>
      </c>
      <c r="Y8796" s="2">
        <v>50</v>
      </c>
      <c r="Z8796" s="2">
        <v>173.9</v>
      </c>
      <c r="AA8796" s="5">
        <v>20</v>
      </c>
      <c r="AB8796" s="5" t="s">
        <v>43</v>
      </c>
      <c r="AC8796" s="5" t="s">
        <v>44</v>
      </c>
      <c r="AD8796" s="2" t="s">
        <v>26761</v>
      </c>
      <c r="AE8796" s="1"/>
    </row>
    <row r="8797" spans="1:31" ht="14.45">
      <c r="A8797" s="11"/>
      <c r="B8797" s="20"/>
      <c r="C8797" s="2" t="s">
        <v>26970</v>
      </c>
      <c r="D8797" s="14" t="s">
        <v>26971</v>
      </c>
      <c r="E8797" s="2" t="s">
        <v>26972</v>
      </c>
      <c r="F8797" s="2" t="s">
        <v>26765</v>
      </c>
      <c r="G8797" s="8">
        <v>201</v>
      </c>
      <c r="H8797" s="5">
        <v>5</v>
      </c>
      <c r="I8797" s="5" t="s">
        <v>69</v>
      </c>
      <c r="J8797" s="5" t="s">
        <v>24629</v>
      </c>
      <c r="K8797" s="2" t="s">
        <v>24630</v>
      </c>
      <c r="L8797" s="5" t="s">
        <v>24629</v>
      </c>
      <c r="M8797" s="2" t="s">
        <v>24630</v>
      </c>
      <c r="N8797" s="5" t="s">
        <v>24254</v>
      </c>
      <c r="O8797" s="5" t="s">
        <v>38</v>
      </c>
      <c r="P8797" s="5" t="s">
        <v>39</v>
      </c>
      <c r="Q8797" s="5" t="s">
        <v>40</v>
      </c>
      <c r="R8797" s="5" t="s">
        <v>24335</v>
      </c>
      <c r="S8797" s="5" t="s">
        <v>40</v>
      </c>
      <c r="T8797" s="5" t="s">
        <v>42</v>
      </c>
      <c r="U8797" s="2">
        <v>10.903</v>
      </c>
      <c r="V8797" s="2">
        <v>8.9169999999999998</v>
      </c>
      <c r="W8797" s="2">
        <v>0.129</v>
      </c>
      <c r="X8797" s="2">
        <v>12</v>
      </c>
      <c r="Y8797" s="2">
        <v>62</v>
      </c>
      <c r="Z8797" s="2">
        <v>172.9</v>
      </c>
      <c r="AA8797" s="5">
        <v>10</v>
      </c>
      <c r="AB8797" s="5" t="s">
        <v>43</v>
      </c>
      <c r="AC8797" s="5" t="s">
        <v>44</v>
      </c>
      <c r="AD8797" s="2" t="s">
        <v>26766</v>
      </c>
      <c r="AE8797" s="1"/>
    </row>
    <row r="8798" spans="1:31" ht="14.45">
      <c r="A8798" s="11"/>
      <c r="B8798" s="20"/>
      <c r="C8798" s="2" t="s">
        <v>26973</v>
      </c>
      <c r="D8798" s="14" t="s">
        <v>26974</v>
      </c>
      <c r="E8798" s="2" t="s">
        <v>26975</v>
      </c>
      <c r="F8798" s="2" t="s">
        <v>25163</v>
      </c>
      <c r="G8798" s="8">
        <v>151</v>
      </c>
      <c r="H8798" s="5">
        <v>5</v>
      </c>
      <c r="I8798" s="5" t="s">
        <v>69</v>
      </c>
      <c r="J8798" s="5" t="s">
        <v>24629</v>
      </c>
      <c r="K8798" s="2" t="s">
        <v>24630</v>
      </c>
      <c r="L8798" s="5" t="s">
        <v>24629</v>
      </c>
      <c r="M8798" s="2" t="s">
        <v>24630</v>
      </c>
      <c r="N8798" s="5" t="s">
        <v>24254</v>
      </c>
      <c r="O8798" s="5" t="s">
        <v>38</v>
      </c>
      <c r="P8798" s="5" t="s">
        <v>39</v>
      </c>
      <c r="Q8798" s="5" t="s">
        <v>40</v>
      </c>
      <c r="R8798" s="5" t="s">
        <v>24335</v>
      </c>
      <c r="S8798" s="5" t="s">
        <v>40</v>
      </c>
      <c r="T8798" s="5" t="s">
        <v>42</v>
      </c>
      <c r="U8798" s="2">
        <v>9.3089999999999993</v>
      </c>
      <c r="V8798" s="2">
        <v>7.5149999999999997</v>
      </c>
      <c r="W8798" s="2">
        <v>0.104</v>
      </c>
      <c r="X8798" s="2">
        <v>12</v>
      </c>
      <c r="Y8798" s="2">
        <v>50</v>
      </c>
      <c r="Z8798" s="2">
        <v>173.9</v>
      </c>
      <c r="AA8798" s="5">
        <v>20</v>
      </c>
      <c r="AB8798" s="5" t="s">
        <v>43</v>
      </c>
      <c r="AC8798" s="5" t="s">
        <v>44</v>
      </c>
      <c r="AD8798" s="2" t="s">
        <v>26753</v>
      </c>
      <c r="AE8798" s="1"/>
    </row>
    <row r="8799" spans="1:31" ht="14.45">
      <c r="A8799" s="11"/>
      <c r="B8799" s="20"/>
      <c r="C8799" s="2" t="s">
        <v>26976</v>
      </c>
      <c r="D8799" s="14" t="s">
        <v>26977</v>
      </c>
      <c r="E8799" s="2" t="s">
        <v>26978</v>
      </c>
      <c r="F8799" s="2" t="s">
        <v>25163</v>
      </c>
      <c r="G8799" s="8">
        <v>302</v>
      </c>
      <c r="H8799" s="5">
        <v>10</v>
      </c>
      <c r="I8799" s="5" t="s">
        <v>69</v>
      </c>
      <c r="J8799" s="5" t="s">
        <v>24629</v>
      </c>
      <c r="K8799" s="2" t="s">
        <v>24630</v>
      </c>
      <c r="L8799" s="5" t="s">
        <v>24629</v>
      </c>
      <c r="M8799" s="2" t="s">
        <v>24630</v>
      </c>
      <c r="N8799" s="5" t="s">
        <v>24254</v>
      </c>
      <c r="O8799" s="5" t="s">
        <v>38</v>
      </c>
      <c r="P8799" s="5" t="s">
        <v>39</v>
      </c>
      <c r="Q8799" s="5" t="s">
        <v>40</v>
      </c>
      <c r="R8799" s="5" t="s">
        <v>24340</v>
      </c>
      <c r="S8799" s="5" t="s">
        <v>40</v>
      </c>
      <c r="T8799" s="5" t="s">
        <v>42</v>
      </c>
      <c r="U8799" s="2">
        <v>15.16</v>
      </c>
      <c r="V8799" s="2">
        <v>13.366</v>
      </c>
      <c r="W8799" s="2">
        <v>0.104</v>
      </c>
      <c r="X8799" s="2">
        <v>12</v>
      </c>
      <c r="Y8799" s="2">
        <v>50</v>
      </c>
      <c r="Z8799" s="2">
        <v>173.9</v>
      </c>
      <c r="AA8799" s="5">
        <v>20</v>
      </c>
      <c r="AB8799" s="5" t="s">
        <v>43</v>
      </c>
      <c r="AC8799" s="5" t="s">
        <v>44</v>
      </c>
      <c r="AD8799" s="2" t="s">
        <v>26757</v>
      </c>
      <c r="AE8799" s="1"/>
    </row>
    <row r="8800" spans="1:31" ht="14.45">
      <c r="A8800" s="11"/>
      <c r="B8800" s="20"/>
      <c r="C8800" s="2" t="s">
        <v>26979</v>
      </c>
      <c r="D8800" s="14" t="s">
        <v>26980</v>
      </c>
      <c r="E8800" s="2" t="s">
        <v>26981</v>
      </c>
      <c r="F8800" s="2" t="s">
        <v>25163</v>
      </c>
      <c r="G8800" s="8">
        <v>302</v>
      </c>
      <c r="H8800" s="5">
        <v>5</v>
      </c>
      <c r="I8800" s="5" t="s">
        <v>69</v>
      </c>
      <c r="J8800" s="5" t="s">
        <v>24629</v>
      </c>
      <c r="K8800" s="2" t="s">
        <v>24630</v>
      </c>
      <c r="L8800" s="5" t="s">
        <v>24629</v>
      </c>
      <c r="M8800" s="2" t="s">
        <v>24630</v>
      </c>
      <c r="N8800" s="5" t="s">
        <v>24254</v>
      </c>
      <c r="O8800" s="5" t="s">
        <v>38</v>
      </c>
      <c r="P8800" s="5" t="s">
        <v>39</v>
      </c>
      <c r="Q8800" s="5" t="s">
        <v>40</v>
      </c>
      <c r="R8800" s="5" t="s">
        <v>25301</v>
      </c>
      <c r="S8800" s="5" t="s">
        <v>40</v>
      </c>
      <c r="T8800" s="5" t="s">
        <v>42</v>
      </c>
      <c r="U8800" s="2">
        <v>14.808999999999999</v>
      </c>
      <c r="V8800" s="2">
        <v>12.423</v>
      </c>
      <c r="W8800" s="2">
        <v>0.104</v>
      </c>
      <c r="X8800" s="2">
        <v>12</v>
      </c>
      <c r="Y8800" s="2">
        <v>50</v>
      </c>
      <c r="Z8800" s="2">
        <v>173.9</v>
      </c>
      <c r="AA8800" s="5">
        <v>20</v>
      </c>
      <c r="AB8800" s="5" t="s">
        <v>43</v>
      </c>
      <c r="AC8800" s="5" t="s">
        <v>44</v>
      </c>
      <c r="AD8800" s="2" t="s">
        <v>26761</v>
      </c>
      <c r="AE8800" s="1"/>
    </row>
    <row r="8801" spans="1:31" ht="14.45">
      <c r="A8801" s="11"/>
      <c r="B8801" s="20"/>
      <c r="C8801" s="2" t="s">
        <v>26982</v>
      </c>
      <c r="D8801" s="14" t="s">
        <v>26983</v>
      </c>
      <c r="E8801" s="2" t="s">
        <v>26984</v>
      </c>
      <c r="F8801" s="2" t="s">
        <v>26765</v>
      </c>
      <c r="G8801" s="8">
        <v>206</v>
      </c>
      <c r="H8801" s="5">
        <v>5</v>
      </c>
      <c r="I8801" s="5" t="s">
        <v>69</v>
      </c>
      <c r="J8801" s="5" t="s">
        <v>24629</v>
      </c>
      <c r="K8801" s="2" t="s">
        <v>24630</v>
      </c>
      <c r="L8801" s="5" t="s">
        <v>24629</v>
      </c>
      <c r="M8801" s="2" t="s">
        <v>24630</v>
      </c>
      <c r="N8801" s="5" t="s">
        <v>24254</v>
      </c>
      <c r="O8801" s="5" t="s">
        <v>38</v>
      </c>
      <c r="P8801" s="5" t="s">
        <v>39</v>
      </c>
      <c r="Q8801" s="5" t="s">
        <v>40</v>
      </c>
      <c r="R8801" s="5" t="s">
        <v>24335</v>
      </c>
      <c r="S8801" s="5" t="s">
        <v>40</v>
      </c>
      <c r="T8801" s="5" t="s">
        <v>42</v>
      </c>
      <c r="U8801" s="2">
        <v>11.36</v>
      </c>
      <c r="V8801" s="2">
        <v>9.3740000000000006</v>
      </c>
      <c r="W8801" s="2">
        <v>0.129</v>
      </c>
      <c r="X8801" s="2">
        <v>12</v>
      </c>
      <c r="Y8801" s="2">
        <v>62</v>
      </c>
      <c r="Z8801" s="2">
        <v>172.9</v>
      </c>
      <c r="AA8801" s="5">
        <v>10</v>
      </c>
      <c r="AB8801" s="5" t="s">
        <v>43</v>
      </c>
      <c r="AC8801" s="5" t="s">
        <v>44</v>
      </c>
      <c r="AD8801" s="2" t="s">
        <v>26766</v>
      </c>
      <c r="AE8801" s="1"/>
    </row>
    <row r="8802" spans="1:31" ht="14.45">
      <c r="A8802" s="11"/>
      <c r="B8802" s="20"/>
      <c r="C8802" s="2" t="s">
        <v>26985</v>
      </c>
      <c r="D8802" s="14" t="s">
        <v>26986</v>
      </c>
      <c r="E8802" s="2" t="s">
        <v>26987</v>
      </c>
      <c r="F8802" s="2" t="s">
        <v>25163</v>
      </c>
      <c r="G8802" s="8">
        <v>167</v>
      </c>
      <c r="H8802" s="5">
        <v>5</v>
      </c>
      <c r="I8802" s="5" t="s">
        <v>69</v>
      </c>
      <c r="J8802" s="5" t="s">
        <v>24629</v>
      </c>
      <c r="K8802" s="2" t="s">
        <v>24630</v>
      </c>
      <c r="L8802" s="5" t="s">
        <v>24629</v>
      </c>
      <c r="M8802" s="2" t="s">
        <v>24630</v>
      </c>
      <c r="N8802" s="5" t="s">
        <v>24254</v>
      </c>
      <c r="O8802" s="5" t="s">
        <v>38</v>
      </c>
      <c r="P8802" s="5" t="s">
        <v>39</v>
      </c>
      <c r="Q8802" s="5" t="s">
        <v>40</v>
      </c>
      <c r="R8802" s="5" t="s">
        <v>24335</v>
      </c>
      <c r="S8802" s="5" t="s">
        <v>40</v>
      </c>
      <c r="T8802" s="5" t="s">
        <v>42</v>
      </c>
      <c r="U8802" s="2">
        <v>9.5519999999999996</v>
      </c>
      <c r="V8802" s="2">
        <v>7.758</v>
      </c>
      <c r="W8802" s="2">
        <v>0.104</v>
      </c>
      <c r="X8802" s="2">
        <v>12</v>
      </c>
      <c r="Y8802" s="2">
        <v>50</v>
      </c>
      <c r="Z8802" s="2">
        <v>173.9</v>
      </c>
      <c r="AA8802" s="5">
        <v>20</v>
      </c>
      <c r="AB8802" s="5" t="s">
        <v>43</v>
      </c>
      <c r="AC8802" s="5" t="s">
        <v>44</v>
      </c>
      <c r="AD8802" s="2" t="s">
        <v>26753</v>
      </c>
      <c r="AE8802" s="1"/>
    </row>
    <row r="8803" spans="1:31" ht="14.45">
      <c r="A8803" s="11"/>
      <c r="B8803" s="20"/>
      <c r="C8803" s="2" t="s">
        <v>26988</v>
      </c>
      <c r="D8803" s="14" t="s">
        <v>26989</v>
      </c>
      <c r="E8803" s="2" t="s">
        <v>26990</v>
      </c>
      <c r="F8803" s="2" t="s">
        <v>25163</v>
      </c>
      <c r="G8803" s="8">
        <v>318</v>
      </c>
      <c r="H8803" s="5">
        <v>5</v>
      </c>
      <c r="I8803" s="5" t="s">
        <v>69</v>
      </c>
      <c r="J8803" s="5" t="s">
        <v>24629</v>
      </c>
      <c r="K8803" s="2" t="s">
        <v>24630</v>
      </c>
      <c r="L8803" s="5" t="s">
        <v>24629</v>
      </c>
      <c r="M8803" s="2" t="s">
        <v>24630</v>
      </c>
      <c r="N8803" s="5" t="s">
        <v>24254</v>
      </c>
      <c r="O8803" s="5" t="s">
        <v>38</v>
      </c>
      <c r="P8803" s="5" t="s">
        <v>39</v>
      </c>
      <c r="Q8803" s="5" t="s">
        <v>40</v>
      </c>
      <c r="R8803" s="5" t="s">
        <v>24340</v>
      </c>
      <c r="S8803" s="5" t="s">
        <v>40</v>
      </c>
      <c r="T8803" s="5" t="s">
        <v>42</v>
      </c>
      <c r="U8803" s="2">
        <v>16.686</v>
      </c>
      <c r="V8803" s="2">
        <v>14.3</v>
      </c>
      <c r="W8803" s="2">
        <v>0.104</v>
      </c>
      <c r="X8803" s="2">
        <v>12</v>
      </c>
      <c r="Y8803" s="2">
        <v>50</v>
      </c>
      <c r="Z8803" s="2">
        <v>173.9</v>
      </c>
      <c r="AA8803" s="5">
        <v>20</v>
      </c>
      <c r="AB8803" s="5" t="s">
        <v>43</v>
      </c>
      <c r="AC8803" s="5" t="s">
        <v>44</v>
      </c>
      <c r="AD8803" s="2" t="s">
        <v>26757</v>
      </c>
      <c r="AE8803" s="1"/>
    </row>
    <row r="8804" spans="1:31" ht="14.45">
      <c r="A8804" s="11"/>
      <c r="B8804" s="20"/>
      <c r="C8804" s="2" t="s">
        <v>26991</v>
      </c>
      <c r="D8804" s="14" t="s">
        <v>26992</v>
      </c>
      <c r="E8804" s="2" t="s">
        <v>26993</v>
      </c>
      <c r="F8804" s="2" t="s">
        <v>25163</v>
      </c>
      <c r="G8804" s="8">
        <v>318</v>
      </c>
      <c r="H8804" s="5">
        <v>5</v>
      </c>
      <c r="I8804" s="5" t="s">
        <v>69</v>
      </c>
      <c r="J8804" s="5" t="s">
        <v>24629</v>
      </c>
      <c r="K8804" s="2" t="s">
        <v>24630</v>
      </c>
      <c r="L8804" s="5" t="s">
        <v>24629</v>
      </c>
      <c r="M8804" s="2" t="s">
        <v>24630</v>
      </c>
      <c r="N8804" s="5" t="s">
        <v>24254</v>
      </c>
      <c r="O8804" s="5" t="s">
        <v>38</v>
      </c>
      <c r="P8804" s="5" t="s">
        <v>39</v>
      </c>
      <c r="Q8804" s="5" t="s">
        <v>40</v>
      </c>
      <c r="R8804" s="5" t="s">
        <v>25301</v>
      </c>
      <c r="S8804" s="5" t="s">
        <v>40</v>
      </c>
      <c r="T8804" s="5" t="s">
        <v>42</v>
      </c>
      <c r="U8804" s="2">
        <v>15.37</v>
      </c>
      <c r="V8804" s="2">
        <v>12.984</v>
      </c>
      <c r="W8804" s="2">
        <v>0.104</v>
      </c>
      <c r="X8804" s="2">
        <v>12</v>
      </c>
      <c r="Y8804" s="2">
        <v>50</v>
      </c>
      <c r="Z8804" s="2">
        <v>173.9</v>
      </c>
      <c r="AA8804" s="5">
        <v>20</v>
      </c>
      <c r="AB8804" s="5" t="s">
        <v>43</v>
      </c>
      <c r="AC8804" s="5" t="s">
        <v>44</v>
      </c>
      <c r="AD8804" s="2" t="s">
        <v>26761</v>
      </c>
      <c r="AE8804" s="1"/>
    </row>
    <row r="8805" spans="1:31" ht="14.45">
      <c r="A8805" s="11"/>
      <c r="B8805" s="20"/>
      <c r="C8805" s="2" t="s">
        <v>26994</v>
      </c>
      <c r="D8805" s="14" t="s">
        <v>26995</v>
      </c>
      <c r="E8805" s="2" t="s">
        <v>26996</v>
      </c>
      <c r="F8805" s="2" t="s">
        <v>26765</v>
      </c>
      <c r="G8805" s="8">
        <v>228</v>
      </c>
      <c r="H8805" s="5">
        <v>5</v>
      </c>
      <c r="I8805" s="5" t="s">
        <v>69</v>
      </c>
      <c r="J8805" s="5" t="s">
        <v>24629</v>
      </c>
      <c r="K8805" s="2" t="s">
        <v>24630</v>
      </c>
      <c r="L8805" s="5" t="s">
        <v>24629</v>
      </c>
      <c r="M8805" s="2" t="s">
        <v>24630</v>
      </c>
      <c r="N8805" s="5" t="s">
        <v>24254</v>
      </c>
      <c r="O8805" s="5" t="s">
        <v>38</v>
      </c>
      <c r="P8805" s="5" t="s">
        <v>39</v>
      </c>
      <c r="Q8805" s="5" t="s">
        <v>40</v>
      </c>
      <c r="R8805" s="5" t="s">
        <v>24335</v>
      </c>
      <c r="S8805" s="5" t="s">
        <v>40</v>
      </c>
      <c r="T8805" s="5" t="s">
        <v>42</v>
      </c>
      <c r="U8805" s="2">
        <v>11.755000000000001</v>
      </c>
      <c r="V8805" s="2">
        <v>9.7690000000000001</v>
      </c>
      <c r="W8805" s="2">
        <v>0.129</v>
      </c>
      <c r="X8805" s="2">
        <v>12</v>
      </c>
      <c r="Y8805" s="2">
        <v>62</v>
      </c>
      <c r="Z8805" s="2">
        <v>172.9</v>
      </c>
      <c r="AA8805" s="5">
        <v>10</v>
      </c>
      <c r="AB8805" s="5" t="s">
        <v>43</v>
      </c>
      <c r="AC8805" s="5" t="s">
        <v>44</v>
      </c>
      <c r="AD8805" s="2" t="s">
        <v>26766</v>
      </c>
      <c r="AE8805" s="1"/>
    </row>
    <row r="8806" spans="1:31" ht="14.45">
      <c r="A8806" s="11"/>
      <c r="B8806" s="20"/>
      <c r="C8806" s="2" t="s">
        <v>26997</v>
      </c>
      <c r="D8806" s="14" t="s">
        <v>26998</v>
      </c>
      <c r="E8806" s="2" t="s">
        <v>26999</v>
      </c>
      <c r="F8806" s="2" t="s">
        <v>25163</v>
      </c>
      <c r="G8806" s="8">
        <v>204</v>
      </c>
      <c r="H8806" s="5">
        <v>5</v>
      </c>
      <c r="I8806" s="5" t="s">
        <v>69</v>
      </c>
      <c r="J8806" s="5" t="s">
        <v>24629</v>
      </c>
      <c r="K8806" s="2" t="s">
        <v>24630</v>
      </c>
      <c r="L8806" s="5" t="s">
        <v>24629</v>
      </c>
      <c r="M8806" s="2" t="s">
        <v>24630</v>
      </c>
      <c r="N8806" s="5" t="s">
        <v>24254</v>
      </c>
      <c r="O8806" s="5" t="s">
        <v>38</v>
      </c>
      <c r="P8806" s="5" t="s">
        <v>39</v>
      </c>
      <c r="Q8806" s="5" t="s">
        <v>40</v>
      </c>
      <c r="R8806" s="5" t="s">
        <v>24335</v>
      </c>
      <c r="S8806" s="5" t="s">
        <v>40</v>
      </c>
      <c r="T8806" s="5" t="s">
        <v>42</v>
      </c>
      <c r="U8806" s="2">
        <v>9.9570000000000007</v>
      </c>
      <c r="V8806" s="2">
        <v>8.4139999999999997</v>
      </c>
      <c r="W8806" s="2">
        <v>0.104</v>
      </c>
      <c r="X8806" s="2">
        <v>12</v>
      </c>
      <c r="Y8806" s="2">
        <v>50</v>
      </c>
      <c r="Z8806" s="2">
        <v>173.9</v>
      </c>
      <c r="AA8806" s="5">
        <v>20</v>
      </c>
      <c r="AB8806" s="5" t="s">
        <v>43</v>
      </c>
      <c r="AC8806" s="5" t="s">
        <v>44</v>
      </c>
      <c r="AD8806" s="2" t="s">
        <v>26753</v>
      </c>
      <c r="AE8806" s="1"/>
    </row>
    <row r="8807" spans="1:31" ht="14.45">
      <c r="A8807" s="11"/>
      <c r="B8807" s="20"/>
      <c r="C8807" s="2" t="s">
        <v>27000</v>
      </c>
      <c r="D8807" s="14" t="s">
        <v>27001</v>
      </c>
      <c r="E8807" s="2" t="s">
        <v>27002</v>
      </c>
      <c r="F8807" s="2" t="s">
        <v>25163</v>
      </c>
      <c r="G8807" s="8">
        <v>355</v>
      </c>
      <c r="H8807" s="5">
        <v>15</v>
      </c>
      <c r="I8807" s="5" t="s">
        <v>69</v>
      </c>
      <c r="J8807" s="5" t="s">
        <v>24629</v>
      </c>
      <c r="K8807" s="2" t="s">
        <v>24630</v>
      </c>
      <c r="L8807" s="5" t="s">
        <v>24629</v>
      </c>
      <c r="M8807" s="2" t="s">
        <v>24630</v>
      </c>
      <c r="N8807" s="5" t="s">
        <v>24254</v>
      </c>
      <c r="O8807" s="5" t="s">
        <v>38</v>
      </c>
      <c r="P8807" s="5" t="s">
        <v>39</v>
      </c>
      <c r="Q8807" s="5" t="s">
        <v>40</v>
      </c>
      <c r="R8807" s="5" t="s">
        <v>24340</v>
      </c>
      <c r="S8807" s="5" t="s">
        <v>40</v>
      </c>
      <c r="T8807" s="5" t="s">
        <v>42</v>
      </c>
      <c r="U8807" s="2">
        <v>16.452999999999999</v>
      </c>
      <c r="V8807" s="2">
        <v>14.91</v>
      </c>
      <c r="W8807" s="2">
        <v>0.104</v>
      </c>
      <c r="X8807" s="2">
        <v>12</v>
      </c>
      <c r="Y8807" s="2">
        <v>50</v>
      </c>
      <c r="Z8807" s="2">
        <v>173.9</v>
      </c>
      <c r="AA8807" s="5">
        <v>20</v>
      </c>
      <c r="AB8807" s="5" t="s">
        <v>43</v>
      </c>
      <c r="AC8807" s="5" t="s">
        <v>44</v>
      </c>
      <c r="AD8807" s="2" t="s">
        <v>26757</v>
      </c>
      <c r="AE8807" s="1"/>
    </row>
    <row r="8808" spans="1:31" ht="14.45">
      <c r="A8808" s="11"/>
      <c r="B8808" s="20"/>
      <c r="C8808" s="2" t="s">
        <v>27003</v>
      </c>
      <c r="D8808" s="14" t="s">
        <v>27004</v>
      </c>
      <c r="E8808" s="2" t="s">
        <v>27005</v>
      </c>
      <c r="F8808" s="2" t="s">
        <v>25163</v>
      </c>
      <c r="G8808" s="8">
        <v>355</v>
      </c>
      <c r="H8808" s="5">
        <v>15</v>
      </c>
      <c r="I8808" s="5" t="s">
        <v>69</v>
      </c>
      <c r="J8808" s="5" t="s">
        <v>24629</v>
      </c>
      <c r="K8808" s="2" t="s">
        <v>24630</v>
      </c>
      <c r="L8808" s="5" t="s">
        <v>24629</v>
      </c>
      <c r="M8808" s="2" t="s">
        <v>24630</v>
      </c>
      <c r="N8808" s="5" t="s">
        <v>24254</v>
      </c>
      <c r="O8808" s="5" t="s">
        <v>38</v>
      </c>
      <c r="P8808" s="5" t="s">
        <v>39</v>
      </c>
      <c r="Q8808" s="5" t="s">
        <v>40</v>
      </c>
      <c r="R8808" s="5" t="s">
        <v>25301</v>
      </c>
      <c r="S8808" s="5" t="s">
        <v>40</v>
      </c>
      <c r="T8808" s="5" t="s">
        <v>42</v>
      </c>
      <c r="U8808" s="2">
        <v>14.878</v>
      </c>
      <c r="V8808" s="2">
        <v>13.335000000000001</v>
      </c>
      <c r="W8808" s="2">
        <v>0.104</v>
      </c>
      <c r="X8808" s="2">
        <v>12</v>
      </c>
      <c r="Y8808" s="2">
        <v>50</v>
      </c>
      <c r="Z8808" s="2">
        <v>173.9</v>
      </c>
      <c r="AA8808" s="5">
        <v>20</v>
      </c>
      <c r="AB8808" s="5" t="s">
        <v>43</v>
      </c>
      <c r="AC8808" s="5" t="s">
        <v>44</v>
      </c>
      <c r="AD8808" s="2" t="s">
        <v>26761</v>
      </c>
      <c r="AE8808" s="1"/>
    </row>
    <row r="8809" spans="1:31" ht="14.45">
      <c r="A8809" s="11"/>
      <c r="B8809" s="20"/>
      <c r="C8809" s="2" t="s">
        <v>27006</v>
      </c>
      <c r="D8809" s="14" t="s">
        <v>27007</v>
      </c>
      <c r="E8809" s="2" t="s">
        <v>27008</v>
      </c>
      <c r="F8809" s="2" t="s">
        <v>25397</v>
      </c>
      <c r="G8809" s="8">
        <v>279</v>
      </c>
      <c r="H8809" s="5">
        <v>5</v>
      </c>
      <c r="I8809" s="5" t="s">
        <v>69</v>
      </c>
      <c r="J8809" s="5" t="s">
        <v>24629</v>
      </c>
      <c r="K8809" s="2" t="s">
        <v>24630</v>
      </c>
      <c r="L8809" s="5" t="s">
        <v>24629</v>
      </c>
      <c r="M8809" s="2" t="s">
        <v>24630</v>
      </c>
      <c r="N8809" s="5" t="s">
        <v>24254</v>
      </c>
      <c r="O8809" s="5" t="s">
        <v>38</v>
      </c>
      <c r="P8809" s="5" t="s">
        <v>39</v>
      </c>
      <c r="Q8809" s="5" t="s">
        <v>40</v>
      </c>
      <c r="R8809" s="5" t="s">
        <v>24335</v>
      </c>
      <c r="S8809" s="5" t="s">
        <v>40</v>
      </c>
      <c r="T8809" s="5" t="s">
        <v>42</v>
      </c>
      <c r="U8809" s="2">
        <v>14.147</v>
      </c>
      <c r="V8809" s="2">
        <v>11.44</v>
      </c>
      <c r="W8809" s="2">
        <v>0.14899999999999999</v>
      </c>
      <c r="X8809" s="2">
        <v>12</v>
      </c>
      <c r="Y8809" s="2">
        <v>62</v>
      </c>
      <c r="Z8809" s="2">
        <v>199.9</v>
      </c>
      <c r="AA8809" s="5">
        <v>10</v>
      </c>
      <c r="AB8809" s="5" t="s">
        <v>43</v>
      </c>
      <c r="AC8809" s="5" t="s">
        <v>44</v>
      </c>
      <c r="AD8809" s="2" t="s">
        <v>26766</v>
      </c>
      <c r="AE8809" s="1"/>
    </row>
    <row r="8810" spans="1:31" ht="14.45">
      <c r="A8810" s="11"/>
      <c r="B8810" s="20"/>
      <c r="C8810" s="2" t="s">
        <v>27009</v>
      </c>
      <c r="D8810" s="14" t="s">
        <v>27010</v>
      </c>
      <c r="E8810" s="2" t="s">
        <v>27011</v>
      </c>
      <c r="F8810" s="2" t="s">
        <v>25397</v>
      </c>
      <c r="G8810" s="8">
        <v>430</v>
      </c>
      <c r="H8810" s="5">
        <v>15</v>
      </c>
      <c r="I8810" s="5" t="s">
        <v>69</v>
      </c>
      <c r="J8810" s="5" t="s">
        <v>24629</v>
      </c>
      <c r="K8810" s="2" t="s">
        <v>24630</v>
      </c>
      <c r="L8810" s="5" t="s">
        <v>24629</v>
      </c>
      <c r="M8810" s="2" t="s">
        <v>24630</v>
      </c>
      <c r="N8810" s="5" t="s">
        <v>24254</v>
      </c>
      <c r="O8810" s="5" t="s">
        <v>38</v>
      </c>
      <c r="P8810" s="5" t="s">
        <v>39</v>
      </c>
      <c r="Q8810" s="5" t="s">
        <v>40</v>
      </c>
      <c r="R8810" s="5" t="s">
        <v>24340</v>
      </c>
      <c r="S8810" s="5" t="s">
        <v>40</v>
      </c>
      <c r="T8810" s="5" t="s">
        <v>42</v>
      </c>
      <c r="U8810" s="2">
        <v>20.643000000000001</v>
      </c>
      <c r="V8810" s="2">
        <v>17.936</v>
      </c>
      <c r="W8810" s="2">
        <v>0.14899999999999999</v>
      </c>
      <c r="X8810" s="2">
        <v>12</v>
      </c>
      <c r="Y8810" s="2">
        <v>62</v>
      </c>
      <c r="Z8810" s="2">
        <v>199.9</v>
      </c>
      <c r="AA8810" s="5">
        <v>10</v>
      </c>
      <c r="AB8810" s="5" t="s">
        <v>43</v>
      </c>
      <c r="AC8810" s="5" t="s">
        <v>44</v>
      </c>
      <c r="AD8810" s="2" t="s">
        <v>26902</v>
      </c>
      <c r="AE8810" s="1"/>
    </row>
    <row r="8811" spans="1:31" ht="14.45">
      <c r="A8811" s="11"/>
      <c r="B8811" s="20"/>
      <c r="C8811" s="2" t="s">
        <v>27012</v>
      </c>
      <c r="D8811" s="14" t="s">
        <v>27013</v>
      </c>
      <c r="E8811" s="2" t="s">
        <v>27014</v>
      </c>
      <c r="F8811" s="2" t="s">
        <v>25397</v>
      </c>
      <c r="G8811" s="8">
        <v>430</v>
      </c>
      <c r="H8811" s="5">
        <v>15</v>
      </c>
      <c r="I8811" s="5" t="s">
        <v>69</v>
      </c>
      <c r="J8811" s="5" t="s">
        <v>24629</v>
      </c>
      <c r="K8811" s="2" t="s">
        <v>24630</v>
      </c>
      <c r="L8811" s="5" t="s">
        <v>24629</v>
      </c>
      <c r="M8811" s="2" t="s">
        <v>24630</v>
      </c>
      <c r="N8811" s="5" t="s">
        <v>24254</v>
      </c>
      <c r="O8811" s="5" t="s">
        <v>38</v>
      </c>
      <c r="P8811" s="5" t="s">
        <v>39</v>
      </c>
      <c r="Q8811" s="5" t="s">
        <v>40</v>
      </c>
      <c r="R8811" s="5" t="s">
        <v>25301</v>
      </c>
      <c r="S8811" s="5" t="s">
        <v>40</v>
      </c>
      <c r="T8811" s="5" t="s">
        <v>42</v>
      </c>
      <c r="U8811" s="2">
        <v>18.933</v>
      </c>
      <c r="V8811" s="2">
        <v>16.210999999999999</v>
      </c>
      <c r="W8811" s="2">
        <v>0.14899999999999999</v>
      </c>
      <c r="X8811" s="2">
        <v>12</v>
      </c>
      <c r="Y8811" s="2">
        <v>62</v>
      </c>
      <c r="Z8811" s="2">
        <v>199.9</v>
      </c>
      <c r="AA8811" s="5">
        <v>10</v>
      </c>
      <c r="AB8811" s="5" t="s">
        <v>43</v>
      </c>
      <c r="AC8811" s="5" t="s">
        <v>44</v>
      </c>
      <c r="AD8811" s="2" t="s">
        <v>26906</v>
      </c>
      <c r="AE8811" s="1"/>
    </row>
    <row r="8812" spans="1:31" ht="14.45">
      <c r="A8812" s="11"/>
      <c r="B8812" s="20"/>
      <c r="C8812" s="2" t="s">
        <v>27015</v>
      </c>
      <c r="D8812" s="14" t="s">
        <v>27016</v>
      </c>
      <c r="E8812" s="2" t="s">
        <v>27017</v>
      </c>
      <c r="F8812" s="2" t="s">
        <v>25163</v>
      </c>
      <c r="G8812" s="8">
        <v>148</v>
      </c>
      <c r="H8812" s="5">
        <v>5</v>
      </c>
      <c r="I8812" s="5" t="s">
        <v>69</v>
      </c>
      <c r="J8812" s="5" t="s">
        <v>24629</v>
      </c>
      <c r="K8812" s="2" t="s">
        <v>24630</v>
      </c>
      <c r="L8812" s="5" t="s">
        <v>24629</v>
      </c>
      <c r="M8812" s="2" t="s">
        <v>24630</v>
      </c>
      <c r="N8812" s="5" t="s">
        <v>24254</v>
      </c>
      <c r="O8812" s="5" t="s">
        <v>38</v>
      </c>
      <c r="P8812" s="5" t="s">
        <v>39</v>
      </c>
      <c r="Q8812" s="5" t="s">
        <v>40</v>
      </c>
      <c r="R8812" s="5" t="s">
        <v>24335</v>
      </c>
      <c r="S8812" s="5" t="s">
        <v>40</v>
      </c>
      <c r="T8812" s="5" t="s">
        <v>42</v>
      </c>
      <c r="U8812" s="2">
        <v>9.5630000000000006</v>
      </c>
      <c r="V8812" s="2">
        <v>7.5529999999999999</v>
      </c>
      <c r="W8812" s="2">
        <v>0.11600000000000001</v>
      </c>
      <c r="X8812" s="2">
        <v>12</v>
      </c>
      <c r="Y8812" s="2">
        <v>50</v>
      </c>
      <c r="Z8812" s="2">
        <v>193.9</v>
      </c>
      <c r="AA8812" s="5">
        <v>20</v>
      </c>
      <c r="AB8812" s="5" t="s">
        <v>43</v>
      </c>
      <c r="AC8812" s="5" t="s">
        <v>44</v>
      </c>
      <c r="AD8812" s="2" t="s">
        <v>26753</v>
      </c>
      <c r="AE8812" s="1"/>
    </row>
    <row r="8813" spans="1:31" ht="14.45">
      <c r="A8813" s="11"/>
      <c r="B8813" s="20"/>
      <c r="C8813" s="2" t="s">
        <v>27018</v>
      </c>
      <c r="D8813" s="14" t="s">
        <v>27019</v>
      </c>
      <c r="E8813" s="2" t="s">
        <v>27020</v>
      </c>
      <c r="F8813" s="2" t="s">
        <v>25163</v>
      </c>
      <c r="G8813" s="8">
        <v>299</v>
      </c>
      <c r="H8813" s="5">
        <v>5</v>
      </c>
      <c r="I8813" s="5" t="s">
        <v>69</v>
      </c>
      <c r="J8813" s="5" t="s">
        <v>24629</v>
      </c>
      <c r="K8813" s="2" t="s">
        <v>24630</v>
      </c>
      <c r="L8813" s="5" t="s">
        <v>24629</v>
      </c>
      <c r="M8813" s="2" t="s">
        <v>24630</v>
      </c>
      <c r="N8813" s="5" t="s">
        <v>24254</v>
      </c>
      <c r="O8813" s="5" t="s">
        <v>38</v>
      </c>
      <c r="P8813" s="5" t="s">
        <v>39</v>
      </c>
      <c r="Q8813" s="5" t="s">
        <v>40</v>
      </c>
      <c r="R8813" s="5" t="s">
        <v>24340</v>
      </c>
      <c r="S8813" s="5" t="s">
        <v>40</v>
      </c>
      <c r="T8813" s="5" t="s">
        <v>42</v>
      </c>
      <c r="U8813" s="2">
        <v>14.897</v>
      </c>
      <c r="V8813" s="2">
        <v>12.887</v>
      </c>
      <c r="W8813" s="2">
        <v>0.11600000000000001</v>
      </c>
      <c r="X8813" s="2">
        <v>12</v>
      </c>
      <c r="Y8813" s="2">
        <v>50</v>
      </c>
      <c r="Z8813" s="2">
        <v>193.9</v>
      </c>
      <c r="AA8813" s="5">
        <v>20</v>
      </c>
      <c r="AB8813" s="5" t="s">
        <v>43</v>
      </c>
      <c r="AC8813" s="5" t="s">
        <v>44</v>
      </c>
      <c r="AD8813" s="2" t="s">
        <v>26757</v>
      </c>
      <c r="AE8813" s="1"/>
    </row>
    <row r="8814" spans="1:31" ht="14.45">
      <c r="A8814" s="11"/>
      <c r="B8814" s="20"/>
      <c r="C8814" s="2" t="s">
        <v>27021</v>
      </c>
      <c r="D8814" s="14" t="s">
        <v>27022</v>
      </c>
      <c r="E8814" s="2" t="s">
        <v>27023</v>
      </c>
      <c r="F8814" s="2" t="s">
        <v>25163</v>
      </c>
      <c r="G8814" s="8">
        <v>299</v>
      </c>
      <c r="H8814" s="5">
        <v>5</v>
      </c>
      <c r="I8814" s="5" t="s">
        <v>69</v>
      </c>
      <c r="J8814" s="5" t="s">
        <v>24629</v>
      </c>
      <c r="K8814" s="2" t="s">
        <v>24630</v>
      </c>
      <c r="L8814" s="5" t="s">
        <v>24629</v>
      </c>
      <c r="M8814" s="2" t="s">
        <v>24630</v>
      </c>
      <c r="N8814" s="5" t="s">
        <v>24254</v>
      </c>
      <c r="O8814" s="5" t="s">
        <v>38</v>
      </c>
      <c r="P8814" s="5" t="s">
        <v>39</v>
      </c>
      <c r="Q8814" s="5" t="s">
        <v>40</v>
      </c>
      <c r="R8814" s="5" t="s">
        <v>25301</v>
      </c>
      <c r="S8814" s="5" t="s">
        <v>40</v>
      </c>
      <c r="T8814" s="5" t="s">
        <v>42</v>
      </c>
      <c r="U8814" s="2">
        <v>14.83</v>
      </c>
      <c r="V8814" s="2">
        <v>12.122</v>
      </c>
      <c r="W8814" s="2">
        <v>0.11600000000000001</v>
      </c>
      <c r="X8814" s="2">
        <v>12</v>
      </c>
      <c r="Y8814" s="2">
        <v>50</v>
      </c>
      <c r="Z8814" s="2">
        <v>193.9</v>
      </c>
      <c r="AA8814" s="5">
        <v>20</v>
      </c>
      <c r="AB8814" s="5" t="s">
        <v>43</v>
      </c>
      <c r="AC8814" s="5" t="s">
        <v>44</v>
      </c>
      <c r="AD8814" s="2" t="s">
        <v>26761</v>
      </c>
      <c r="AE8814" s="1"/>
    </row>
    <row r="8815" spans="1:31" ht="14.45">
      <c r="A8815" s="11"/>
      <c r="B8815" s="20"/>
      <c r="C8815" s="2" t="s">
        <v>27024</v>
      </c>
      <c r="D8815" s="14" t="s">
        <v>27025</v>
      </c>
      <c r="E8815" s="2" t="s">
        <v>27026</v>
      </c>
      <c r="F8815" s="2" t="s">
        <v>26765</v>
      </c>
      <c r="G8815" s="8">
        <v>201</v>
      </c>
      <c r="H8815" s="5">
        <v>5</v>
      </c>
      <c r="I8815" s="5" t="s">
        <v>69</v>
      </c>
      <c r="J8815" s="5" t="s">
        <v>24629</v>
      </c>
      <c r="K8815" s="2" t="s">
        <v>24630</v>
      </c>
      <c r="L8815" s="5" t="s">
        <v>24629</v>
      </c>
      <c r="M8815" s="2" t="s">
        <v>24630</v>
      </c>
      <c r="N8815" s="5" t="s">
        <v>24254</v>
      </c>
      <c r="O8815" s="5" t="s">
        <v>38</v>
      </c>
      <c r="P8815" s="5" t="s">
        <v>39</v>
      </c>
      <c r="Q8815" s="5" t="s">
        <v>40</v>
      </c>
      <c r="R8815" s="5" t="s">
        <v>24335</v>
      </c>
      <c r="S8815" s="5" t="s">
        <v>40</v>
      </c>
      <c r="T8815" s="5" t="s">
        <v>42</v>
      </c>
      <c r="U8815" s="2">
        <v>12.002000000000001</v>
      </c>
      <c r="V8815" s="2">
        <v>9.2390000000000008</v>
      </c>
      <c r="W8815" s="2">
        <v>0.14899999999999999</v>
      </c>
      <c r="X8815" s="2">
        <v>12</v>
      </c>
      <c r="Y8815" s="2">
        <v>62</v>
      </c>
      <c r="Z8815" s="2">
        <v>199.9</v>
      </c>
      <c r="AA8815" s="5">
        <v>10</v>
      </c>
      <c r="AB8815" s="5" t="s">
        <v>43</v>
      </c>
      <c r="AC8815" s="5" t="s">
        <v>44</v>
      </c>
      <c r="AD8815" s="2" t="s">
        <v>26766</v>
      </c>
      <c r="AE8815" s="1"/>
    </row>
    <row r="8816" spans="1:31" ht="14.45">
      <c r="A8816" s="11"/>
      <c r="B8816" s="20"/>
      <c r="C8816" s="2" t="s">
        <v>27027</v>
      </c>
      <c r="D8816" s="14" t="s">
        <v>27028</v>
      </c>
      <c r="E8816" s="2" t="s">
        <v>27029</v>
      </c>
      <c r="F8816" s="2" t="s">
        <v>27030</v>
      </c>
      <c r="G8816" s="8">
        <v>352</v>
      </c>
      <c r="H8816" s="5">
        <v>10</v>
      </c>
      <c r="I8816" s="5" t="s">
        <v>69</v>
      </c>
      <c r="J8816" s="5" t="s">
        <v>24629</v>
      </c>
      <c r="K8816" s="2" t="s">
        <v>24630</v>
      </c>
      <c r="L8816" s="5" t="s">
        <v>24629</v>
      </c>
      <c r="M8816" s="2" t="s">
        <v>24630</v>
      </c>
      <c r="N8816" s="5" t="s">
        <v>24254</v>
      </c>
      <c r="O8816" s="5" t="s">
        <v>38</v>
      </c>
      <c r="P8816" s="5" t="s">
        <v>39</v>
      </c>
      <c r="Q8816" s="5" t="s">
        <v>40</v>
      </c>
      <c r="R8816" s="5" t="s">
        <v>25301</v>
      </c>
      <c r="S8816" s="5" t="s">
        <v>40</v>
      </c>
      <c r="T8816" s="5" t="s">
        <v>42</v>
      </c>
      <c r="U8816" s="2">
        <v>15.382</v>
      </c>
      <c r="V8816" s="2">
        <v>12.659000000000001</v>
      </c>
      <c r="W8816" s="2">
        <v>0.14899999999999999</v>
      </c>
      <c r="X8816" s="2">
        <v>12</v>
      </c>
      <c r="Y8816" s="2">
        <v>62</v>
      </c>
      <c r="Z8816" s="2">
        <v>199.9</v>
      </c>
      <c r="AA8816" s="5">
        <v>10</v>
      </c>
      <c r="AB8816" s="5" t="s">
        <v>43</v>
      </c>
      <c r="AC8816" s="5" t="s">
        <v>44</v>
      </c>
      <c r="AD8816" s="2"/>
      <c r="AE8816" s="1"/>
    </row>
    <row r="8817" spans="1:31" ht="14.45">
      <c r="A8817" s="11"/>
      <c r="B8817" s="20"/>
      <c r="C8817" s="2" t="s">
        <v>27031</v>
      </c>
      <c r="D8817" s="14" t="s">
        <v>27032</v>
      </c>
      <c r="E8817" s="2" t="s">
        <v>27033</v>
      </c>
      <c r="F8817" s="2" t="s">
        <v>25163</v>
      </c>
      <c r="G8817" s="8">
        <v>160</v>
      </c>
      <c r="H8817" s="5">
        <v>5</v>
      </c>
      <c r="I8817" s="5" t="s">
        <v>69</v>
      </c>
      <c r="J8817" s="5" t="s">
        <v>24629</v>
      </c>
      <c r="K8817" s="2" t="s">
        <v>24630</v>
      </c>
      <c r="L8817" s="5" t="s">
        <v>24629</v>
      </c>
      <c r="M8817" s="2" t="s">
        <v>24630</v>
      </c>
      <c r="N8817" s="5" t="s">
        <v>24254</v>
      </c>
      <c r="O8817" s="5" t="s">
        <v>38</v>
      </c>
      <c r="P8817" s="5" t="s">
        <v>39</v>
      </c>
      <c r="Q8817" s="5" t="s">
        <v>40</v>
      </c>
      <c r="R8817" s="5" t="s">
        <v>24335</v>
      </c>
      <c r="S8817" s="5" t="s">
        <v>40</v>
      </c>
      <c r="T8817" s="5" t="s">
        <v>42</v>
      </c>
      <c r="U8817" s="2">
        <v>10.064</v>
      </c>
      <c r="V8817" s="2">
        <v>8.0540000000000003</v>
      </c>
      <c r="W8817" s="2">
        <v>0.11600000000000001</v>
      </c>
      <c r="X8817" s="2">
        <v>12</v>
      </c>
      <c r="Y8817" s="2">
        <v>50</v>
      </c>
      <c r="Z8817" s="2">
        <v>193.9</v>
      </c>
      <c r="AA8817" s="5">
        <v>20</v>
      </c>
      <c r="AB8817" s="5" t="s">
        <v>43</v>
      </c>
      <c r="AC8817" s="5" t="s">
        <v>44</v>
      </c>
      <c r="AD8817" s="2" t="s">
        <v>26753</v>
      </c>
      <c r="AE8817" s="1"/>
    </row>
    <row r="8818" spans="1:31" ht="14.45">
      <c r="A8818" s="11"/>
      <c r="B8818" s="20"/>
      <c r="C8818" s="2" t="s">
        <v>27034</v>
      </c>
      <c r="D8818" s="14" t="s">
        <v>27035</v>
      </c>
      <c r="E8818" s="2" t="s">
        <v>27036</v>
      </c>
      <c r="F8818" s="2" t="s">
        <v>25163</v>
      </c>
      <c r="G8818" s="8">
        <v>311</v>
      </c>
      <c r="H8818" s="5">
        <v>5</v>
      </c>
      <c r="I8818" s="5" t="s">
        <v>69</v>
      </c>
      <c r="J8818" s="5" t="s">
        <v>24629</v>
      </c>
      <c r="K8818" s="2" t="s">
        <v>24630</v>
      </c>
      <c r="L8818" s="5" t="s">
        <v>24629</v>
      </c>
      <c r="M8818" s="2" t="s">
        <v>24630</v>
      </c>
      <c r="N8818" s="5" t="s">
        <v>24254</v>
      </c>
      <c r="O8818" s="5" t="s">
        <v>38</v>
      </c>
      <c r="P8818" s="5" t="s">
        <v>39</v>
      </c>
      <c r="Q8818" s="5" t="s">
        <v>40</v>
      </c>
      <c r="R8818" s="5" t="s">
        <v>24340</v>
      </c>
      <c r="S8818" s="5" t="s">
        <v>40</v>
      </c>
      <c r="T8818" s="5" t="s">
        <v>42</v>
      </c>
      <c r="U8818" s="2">
        <v>16.27</v>
      </c>
      <c r="V8818" s="2">
        <v>14.26</v>
      </c>
      <c r="W8818" s="2">
        <v>0.11600000000000001</v>
      </c>
      <c r="X8818" s="2">
        <v>12</v>
      </c>
      <c r="Y8818" s="2">
        <v>50</v>
      </c>
      <c r="Z8818" s="2">
        <v>193.9</v>
      </c>
      <c r="AA8818" s="5">
        <v>20</v>
      </c>
      <c r="AB8818" s="5" t="s">
        <v>43</v>
      </c>
      <c r="AC8818" s="5" t="s">
        <v>44</v>
      </c>
      <c r="AD8818" s="2" t="s">
        <v>26757</v>
      </c>
      <c r="AE8818" s="1"/>
    </row>
    <row r="8819" spans="1:31" ht="14.45">
      <c r="A8819" s="11"/>
      <c r="B8819" s="20"/>
      <c r="C8819" s="2" t="s">
        <v>27037</v>
      </c>
      <c r="D8819" s="14" t="s">
        <v>27038</v>
      </c>
      <c r="E8819" s="2" t="s">
        <v>27039</v>
      </c>
      <c r="F8819" s="2" t="s">
        <v>25163</v>
      </c>
      <c r="G8819" s="8">
        <v>311</v>
      </c>
      <c r="H8819" s="5">
        <v>15</v>
      </c>
      <c r="I8819" s="5" t="s">
        <v>69</v>
      </c>
      <c r="J8819" s="5" t="s">
        <v>24629</v>
      </c>
      <c r="K8819" s="2" t="s">
        <v>24630</v>
      </c>
      <c r="L8819" s="5" t="s">
        <v>24629</v>
      </c>
      <c r="M8819" s="2" t="s">
        <v>24630</v>
      </c>
      <c r="N8819" s="5" t="s">
        <v>24254</v>
      </c>
      <c r="O8819" s="5" t="s">
        <v>38</v>
      </c>
      <c r="P8819" s="5" t="s">
        <v>39</v>
      </c>
      <c r="Q8819" s="5" t="s">
        <v>40</v>
      </c>
      <c r="R8819" s="5" t="s">
        <v>25301</v>
      </c>
      <c r="S8819" s="5" t="s">
        <v>40</v>
      </c>
      <c r="T8819" s="5" t="s">
        <v>42</v>
      </c>
      <c r="U8819" s="2">
        <v>15.204000000000001</v>
      </c>
      <c r="V8819" s="2">
        <v>13.234</v>
      </c>
      <c r="W8819" s="2">
        <v>0.11600000000000001</v>
      </c>
      <c r="X8819" s="2">
        <v>12</v>
      </c>
      <c r="Y8819" s="2">
        <v>50</v>
      </c>
      <c r="Z8819" s="2">
        <v>193.9</v>
      </c>
      <c r="AA8819" s="5">
        <v>20</v>
      </c>
      <c r="AB8819" s="5" t="s">
        <v>43</v>
      </c>
      <c r="AC8819" s="5" t="s">
        <v>44</v>
      </c>
      <c r="AD8819" s="2" t="s">
        <v>26761</v>
      </c>
      <c r="AE8819" s="1"/>
    </row>
    <row r="8820" spans="1:31" ht="14.45">
      <c r="A8820" s="11"/>
      <c r="B8820" s="20"/>
      <c r="C8820" s="2" t="s">
        <v>27040</v>
      </c>
      <c r="D8820" s="14" t="s">
        <v>27041</v>
      </c>
      <c r="E8820" s="2" t="s">
        <v>27042</v>
      </c>
      <c r="F8820" s="2" t="s">
        <v>26765</v>
      </c>
      <c r="G8820" s="8">
        <v>218</v>
      </c>
      <c r="H8820" s="5">
        <v>5</v>
      </c>
      <c r="I8820" s="5" t="s">
        <v>69</v>
      </c>
      <c r="J8820" s="5" t="s">
        <v>24629</v>
      </c>
      <c r="K8820" s="2" t="s">
        <v>24630</v>
      </c>
      <c r="L8820" s="5" t="s">
        <v>24629</v>
      </c>
      <c r="M8820" s="2" t="s">
        <v>24630</v>
      </c>
      <c r="N8820" s="5" t="s">
        <v>24254</v>
      </c>
      <c r="O8820" s="5" t="s">
        <v>38</v>
      </c>
      <c r="P8820" s="5" t="s">
        <v>39</v>
      </c>
      <c r="Q8820" s="5" t="s">
        <v>40</v>
      </c>
      <c r="R8820" s="5" t="s">
        <v>24335</v>
      </c>
      <c r="S8820" s="5" t="s">
        <v>40</v>
      </c>
      <c r="T8820" s="5" t="s">
        <v>42</v>
      </c>
      <c r="U8820" s="2">
        <v>12.813000000000001</v>
      </c>
      <c r="V8820" s="2">
        <v>10.050000000000001</v>
      </c>
      <c r="W8820" s="2">
        <v>0.14899999999999999</v>
      </c>
      <c r="X8820" s="2">
        <v>12</v>
      </c>
      <c r="Y8820" s="2">
        <v>62</v>
      </c>
      <c r="Z8820" s="2">
        <v>199.9</v>
      </c>
      <c r="AA8820" s="5">
        <v>10</v>
      </c>
      <c r="AB8820" s="5" t="s">
        <v>43</v>
      </c>
      <c r="AC8820" s="5" t="s">
        <v>44</v>
      </c>
      <c r="AD8820" s="2" t="s">
        <v>26766</v>
      </c>
      <c r="AE8820" s="1"/>
    </row>
    <row r="8821" spans="1:31" ht="14.45">
      <c r="A8821" s="11"/>
      <c r="B8821" s="20"/>
      <c r="C8821" s="2" t="s">
        <v>27043</v>
      </c>
      <c r="D8821" s="14" t="s">
        <v>27044</v>
      </c>
      <c r="E8821" s="2" t="s">
        <v>27045</v>
      </c>
      <c r="F8821" s="2" t="s">
        <v>25163</v>
      </c>
      <c r="G8821" s="8">
        <v>178</v>
      </c>
      <c r="H8821" s="5">
        <v>5</v>
      </c>
      <c r="I8821" s="5" t="s">
        <v>69</v>
      </c>
      <c r="J8821" s="5" t="s">
        <v>24629</v>
      </c>
      <c r="K8821" s="2" t="s">
        <v>24630</v>
      </c>
      <c r="L8821" s="5" t="s">
        <v>24629</v>
      </c>
      <c r="M8821" s="2" t="s">
        <v>24630</v>
      </c>
      <c r="N8821" s="5" t="s">
        <v>24254</v>
      </c>
      <c r="O8821" s="5" t="s">
        <v>38</v>
      </c>
      <c r="P8821" s="5" t="s">
        <v>39</v>
      </c>
      <c r="Q8821" s="5" t="s">
        <v>40</v>
      </c>
      <c r="R8821" s="5" t="s">
        <v>24335</v>
      </c>
      <c r="S8821" s="5" t="s">
        <v>40</v>
      </c>
      <c r="T8821" s="5" t="s">
        <v>42</v>
      </c>
      <c r="U8821" s="2">
        <v>10.305999999999999</v>
      </c>
      <c r="V8821" s="2">
        <v>8.2959999999999994</v>
      </c>
      <c r="W8821" s="2">
        <v>0.11600000000000001</v>
      </c>
      <c r="X8821" s="2">
        <v>12</v>
      </c>
      <c r="Y8821" s="2">
        <v>50</v>
      </c>
      <c r="Z8821" s="2">
        <v>193.9</v>
      </c>
      <c r="AA8821" s="5">
        <v>20</v>
      </c>
      <c r="AB8821" s="5" t="s">
        <v>43</v>
      </c>
      <c r="AC8821" s="5" t="s">
        <v>44</v>
      </c>
      <c r="AD8821" s="2" t="s">
        <v>26753</v>
      </c>
      <c r="AE8821" s="1"/>
    </row>
    <row r="8822" spans="1:31" ht="14.45">
      <c r="A8822" s="11"/>
      <c r="B8822" s="20"/>
      <c r="C8822" s="2" t="s">
        <v>27046</v>
      </c>
      <c r="D8822" s="14" t="s">
        <v>27047</v>
      </c>
      <c r="E8822" s="2" t="s">
        <v>27048</v>
      </c>
      <c r="F8822" s="2" t="s">
        <v>25163</v>
      </c>
      <c r="G8822" s="8">
        <v>329</v>
      </c>
      <c r="H8822" s="5">
        <v>5</v>
      </c>
      <c r="I8822" s="5" t="s">
        <v>69</v>
      </c>
      <c r="J8822" s="5" t="s">
        <v>24629</v>
      </c>
      <c r="K8822" s="2" t="s">
        <v>24630</v>
      </c>
      <c r="L8822" s="5" t="s">
        <v>24629</v>
      </c>
      <c r="M8822" s="2" t="s">
        <v>24630</v>
      </c>
      <c r="N8822" s="5" t="s">
        <v>24254</v>
      </c>
      <c r="O8822" s="5" t="s">
        <v>38</v>
      </c>
      <c r="P8822" s="5" t="s">
        <v>39</v>
      </c>
      <c r="Q8822" s="5" t="s">
        <v>40</v>
      </c>
      <c r="R8822" s="5" t="s">
        <v>24340</v>
      </c>
      <c r="S8822" s="5" t="s">
        <v>40</v>
      </c>
      <c r="T8822" s="5" t="s">
        <v>42</v>
      </c>
      <c r="U8822" s="2">
        <v>17.931000000000001</v>
      </c>
      <c r="V8822" s="2">
        <v>15.223000000000001</v>
      </c>
      <c r="W8822" s="2">
        <v>0.11600000000000001</v>
      </c>
      <c r="X8822" s="2">
        <v>12</v>
      </c>
      <c r="Y8822" s="2">
        <v>50</v>
      </c>
      <c r="Z8822" s="2">
        <v>193.9</v>
      </c>
      <c r="AA8822" s="5">
        <v>20</v>
      </c>
      <c r="AB8822" s="5" t="s">
        <v>43</v>
      </c>
      <c r="AC8822" s="5" t="s">
        <v>44</v>
      </c>
      <c r="AD8822" s="2" t="s">
        <v>26757</v>
      </c>
      <c r="AE8822" s="1"/>
    </row>
    <row r="8823" spans="1:31" ht="14.45">
      <c r="A8823" s="11"/>
      <c r="B8823" s="20"/>
      <c r="C8823" s="2" t="s">
        <v>27049</v>
      </c>
      <c r="D8823" s="14" t="s">
        <v>27050</v>
      </c>
      <c r="E8823" s="2" t="s">
        <v>27051</v>
      </c>
      <c r="F8823" s="2" t="s">
        <v>25163</v>
      </c>
      <c r="G8823" s="8">
        <v>329</v>
      </c>
      <c r="H8823" s="5">
        <v>10</v>
      </c>
      <c r="I8823" s="5" t="s">
        <v>69</v>
      </c>
      <c r="J8823" s="5" t="s">
        <v>24629</v>
      </c>
      <c r="K8823" s="2" t="s">
        <v>24630</v>
      </c>
      <c r="L8823" s="5" t="s">
        <v>24629</v>
      </c>
      <c r="M8823" s="2" t="s">
        <v>24630</v>
      </c>
      <c r="N8823" s="5" t="s">
        <v>24254</v>
      </c>
      <c r="O8823" s="5" t="s">
        <v>38</v>
      </c>
      <c r="P8823" s="5" t="s">
        <v>39</v>
      </c>
      <c r="Q8823" s="5" t="s">
        <v>40</v>
      </c>
      <c r="R8823" s="5" t="s">
        <v>25301</v>
      </c>
      <c r="S8823" s="5" t="s">
        <v>40</v>
      </c>
      <c r="T8823" s="5" t="s">
        <v>42</v>
      </c>
      <c r="U8823" s="2">
        <v>16.553000000000001</v>
      </c>
      <c r="V8823" s="2">
        <v>13.845000000000001</v>
      </c>
      <c r="W8823" s="2">
        <v>0.11600000000000001</v>
      </c>
      <c r="X8823" s="2">
        <v>12</v>
      </c>
      <c r="Y8823" s="2">
        <v>50</v>
      </c>
      <c r="Z8823" s="2">
        <v>193.9</v>
      </c>
      <c r="AA8823" s="5">
        <v>20</v>
      </c>
      <c r="AB8823" s="5" t="s">
        <v>43</v>
      </c>
      <c r="AC8823" s="5" t="s">
        <v>44</v>
      </c>
      <c r="AD8823" s="2" t="s">
        <v>26761</v>
      </c>
      <c r="AE8823" s="1"/>
    </row>
    <row r="8824" spans="1:31" ht="14.45">
      <c r="A8824" s="11"/>
      <c r="B8824" s="20"/>
      <c r="C8824" s="2" t="s">
        <v>27052</v>
      </c>
      <c r="D8824" s="14" t="s">
        <v>27053</v>
      </c>
      <c r="E8824" s="2" t="s">
        <v>27054</v>
      </c>
      <c r="F8824" s="2" t="s">
        <v>26765</v>
      </c>
      <c r="G8824" s="8">
        <v>243</v>
      </c>
      <c r="H8824" s="5">
        <v>5</v>
      </c>
      <c r="I8824" s="5" t="s">
        <v>69</v>
      </c>
      <c r="J8824" s="5" t="s">
        <v>24629</v>
      </c>
      <c r="K8824" s="2" t="s">
        <v>24630</v>
      </c>
      <c r="L8824" s="5" t="s">
        <v>24629</v>
      </c>
      <c r="M8824" s="2" t="s">
        <v>24630</v>
      </c>
      <c r="N8824" s="5" t="s">
        <v>24254</v>
      </c>
      <c r="O8824" s="5" t="s">
        <v>38</v>
      </c>
      <c r="P8824" s="5" t="s">
        <v>39</v>
      </c>
      <c r="Q8824" s="5" t="s">
        <v>40</v>
      </c>
      <c r="R8824" s="5" t="s">
        <v>24335</v>
      </c>
      <c r="S8824" s="5" t="s">
        <v>40</v>
      </c>
      <c r="T8824" s="5" t="s">
        <v>42</v>
      </c>
      <c r="U8824" s="2">
        <v>13.5</v>
      </c>
      <c r="V8824" s="2">
        <v>10.792</v>
      </c>
      <c r="W8824" s="2">
        <v>0.14899999999999999</v>
      </c>
      <c r="X8824" s="2">
        <v>12</v>
      </c>
      <c r="Y8824" s="2">
        <v>62</v>
      </c>
      <c r="Z8824" s="2">
        <v>199.9</v>
      </c>
      <c r="AA8824" s="5">
        <v>10</v>
      </c>
      <c r="AB8824" s="5" t="s">
        <v>43</v>
      </c>
      <c r="AC8824" s="5" t="s">
        <v>44</v>
      </c>
      <c r="AD8824" s="2" t="s">
        <v>26766</v>
      </c>
      <c r="AE8824" s="1"/>
    </row>
    <row r="8825" spans="1:31" ht="14.45">
      <c r="A8825" s="11"/>
      <c r="B8825" s="20"/>
      <c r="C8825" s="2" t="s">
        <v>27055</v>
      </c>
      <c r="D8825" s="14" t="s">
        <v>27056</v>
      </c>
      <c r="E8825" s="2" t="s">
        <v>27057</v>
      </c>
      <c r="F8825" s="2" t="s">
        <v>27058</v>
      </c>
      <c r="G8825" s="8">
        <v>580</v>
      </c>
      <c r="H8825" s="5">
        <v>5</v>
      </c>
      <c r="I8825" s="5" t="s">
        <v>69</v>
      </c>
      <c r="J8825" s="5" t="s">
        <v>24629</v>
      </c>
      <c r="K8825" s="2" t="s">
        <v>24630</v>
      </c>
      <c r="L8825" s="5" t="s">
        <v>24629</v>
      </c>
      <c r="M8825" s="2" t="s">
        <v>24630</v>
      </c>
      <c r="N8825" s="5" t="s">
        <v>24254</v>
      </c>
      <c r="O8825" s="5" t="s">
        <v>38</v>
      </c>
      <c r="P8825" s="5" t="s">
        <v>39</v>
      </c>
      <c r="Q8825" s="5" t="s">
        <v>40</v>
      </c>
      <c r="R8825" s="5" t="s">
        <v>24335</v>
      </c>
      <c r="S8825" s="5" t="s">
        <v>40</v>
      </c>
      <c r="T8825" s="5" t="s">
        <v>42</v>
      </c>
      <c r="U8825" s="2">
        <v>14.69</v>
      </c>
      <c r="V8825" s="2">
        <v>12.032</v>
      </c>
      <c r="W8825" s="2">
        <v>0.15</v>
      </c>
      <c r="X8825" s="2">
        <v>12</v>
      </c>
      <c r="Y8825" s="2">
        <v>50</v>
      </c>
      <c r="Z8825" s="2">
        <v>249.9</v>
      </c>
      <c r="AA8825" s="5">
        <v>20</v>
      </c>
      <c r="AB8825" s="5" t="s">
        <v>43</v>
      </c>
      <c r="AC8825" s="5" t="s">
        <v>44</v>
      </c>
      <c r="AD8825" s="2" t="s">
        <v>27059</v>
      </c>
      <c r="AE8825" s="1"/>
    </row>
    <row r="8826" spans="1:31" ht="14.45">
      <c r="A8826" s="11"/>
      <c r="B8826" s="20"/>
      <c r="C8826" s="2" t="s">
        <v>27060</v>
      </c>
      <c r="D8826" s="14" t="s">
        <v>27061</v>
      </c>
      <c r="E8826" s="2" t="s">
        <v>27062</v>
      </c>
      <c r="F8826" s="2" t="s">
        <v>27063</v>
      </c>
      <c r="G8826" s="8">
        <v>986</v>
      </c>
      <c r="H8826" s="5">
        <v>15</v>
      </c>
      <c r="I8826" s="5" t="s">
        <v>69</v>
      </c>
      <c r="J8826" s="5" t="s">
        <v>24629</v>
      </c>
      <c r="K8826" s="2" t="s">
        <v>24630</v>
      </c>
      <c r="L8826" s="5" t="s">
        <v>24629</v>
      </c>
      <c r="M8826" s="2" t="s">
        <v>24630</v>
      </c>
      <c r="N8826" s="5" t="s">
        <v>24254</v>
      </c>
      <c r="O8826" s="5" t="s">
        <v>38</v>
      </c>
      <c r="P8826" s="5" t="s">
        <v>39</v>
      </c>
      <c r="Q8826" s="5" t="s">
        <v>40</v>
      </c>
      <c r="R8826" s="5" t="s">
        <v>24340</v>
      </c>
      <c r="S8826" s="5" t="s">
        <v>40</v>
      </c>
      <c r="T8826" s="5" t="s">
        <v>42</v>
      </c>
      <c r="U8826" s="2">
        <v>21.896000000000001</v>
      </c>
      <c r="V8826" s="2">
        <v>19.236000000000001</v>
      </c>
      <c r="W8826" s="2">
        <v>0.15</v>
      </c>
      <c r="X8826" s="2">
        <v>12</v>
      </c>
      <c r="Y8826" s="2">
        <v>50</v>
      </c>
      <c r="Z8826" s="2">
        <v>249.9</v>
      </c>
      <c r="AA8826" s="5">
        <v>20</v>
      </c>
      <c r="AB8826" s="5" t="s">
        <v>43</v>
      </c>
      <c r="AC8826" s="5" t="s">
        <v>44</v>
      </c>
      <c r="AD8826" s="2" t="s">
        <v>27064</v>
      </c>
      <c r="AE8826" s="1"/>
    </row>
    <row r="8827" spans="1:31" ht="14.45">
      <c r="A8827" s="11"/>
      <c r="B8827" s="20"/>
      <c r="C8827" s="2" t="s">
        <v>27065</v>
      </c>
      <c r="D8827" s="14" t="s">
        <v>27066</v>
      </c>
      <c r="E8827" s="2" t="s">
        <v>27067</v>
      </c>
      <c r="F8827" s="2" t="s">
        <v>27058</v>
      </c>
      <c r="G8827" s="8">
        <v>609</v>
      </c>
      <c r="H8827" s="5">
        <v>5</v>
      </c>
      <c r="I8827" s="5" t="s">
        <v>69</v>
      </c>
      <c r="J8827" s="5" t="s">
        <v>24629</v>
      </c>
      <c r="K8827" s="2" t="s">
        <v>24630</v>
      </c>
      <c r="L8827" s="5" t="s">
        <v>24629</v>
      </c>
      <c r="M8827" s="2" t="s">
        <v>24630</v>
      </c>
      <c r="N8827" s="5" t="s">
        <v>24254</v>
      </c>
      <c r="O8827" s="5" t="s">
        <v>38</v>
      </c>
      <c r="P8827" s="5" t="s">
        <v>39</v>
      </c>
      <c r="Q8827" s="5" t="s">
        <v>40</v>
      </c>
      <c r="R8827" s="5" t="s">
        <v>24335</v>
      </c>
      <c r="S8827" s="5" t="s">
        <v>40</v>
      </c>
      <c r="T8827" s="5" t="s">
        <v>42</v>
      </c>
      <c r="U8827" s="2">
        <v>15.148</v>
      </c>
      <c r="V8827" s="2">
        <v>12.49</v>
      </c>
      <c r="W8827" s="2">
        <v>0.15</v>
      </c>
      <c r="X8827" s="2">
        <v>12</v>
      </c>
      <c r="Y8827" s="2">
        <v>50</v>
      </c>
      <c r="Z8827" s="2">
        <v>249.9</v>
      </c>
      <c r="AA8827" s="5">
        <v>20</v>
      </c>
      <c r="AB8827" s="5" t="s">
        <v>43</v>
      </c>
      <c r="AC8827" s="5" t="s">
        <v>44</v>
      </c>
      <c r="AD8827" s="2" t="s">
        <v>27059</v>
      </c>
      <c r="AE8827" s="1"/>
    </row>
    <row r="8828" spans="1:31" ht="14.45">
      <c r="A8828" s="11"/>
      <c r="B8828" s="20"/>
      <c r="C8828" s="2" t="s">
        <v>27068</v>
      </c>
      <c r="D8828" s="14" t="s">
        <v>27069</v>
      </c>
      <c r="E8828" s="2" t="s">
        <v>27070</v>
      </c>
      <c r="F8828" s="2" t="s">
        <v>27063</v>
      </c>
      <c r="G8828" s="8">
        <v>1035</v>
      </c>
      <c r="H8828" s="5">
        <v>15</v>
      </c>
      <c r="I8828" s="5" t="s">
        <v>69</v>
      </c>
      <c r="J8828" s="5" t="s">
        <v>24629</v>
      </c>
      <c r="K8828" s="2" t="s">
        <v>24630</v>
      </c>
      <c r="L8828" s="5" t="s">
        <v>24629</v>
      </c>
      <c r="M8828" s="2" t="s">
        <v>24630</v>
      </c>
      <c r="N8828" s="5" t="s">
        <v>24254</v>
      </c>
      <c r="O8828" s="5" t="s">
        <v>38</v>
      </c>
      <c r="P8828" s="5" t="s">
        <v>39</v>
      </c>
      <c r="Q8828" s="5" t="s">
        <v>40</v>
      </c>
      <c r="R8828" s="5" t="s">
        <v>24340</v>
      </c>
      <c r="S8828" s="5" t="s">
        <v>40</v>
      </c>
      <c r="T8828" s="5" t="s">
        <v>42</v>
      </c>
      <c r="U8828" s="2">
        <v>22.777999999999999</v>
      </c>
      <c r="V8828" s="2">
        <v>20.117999999999999</v>
      </c>
      <c r="W8828" s="2">
        <v>0.15</v>
      </c>
      <c r="X8828" s="2">
        <v>12</v>
      </c>
      <c r="Y8828" s="2">
        <v>50</v>
      </c>
      <c r="Z8828" s="2">
        <v>249.9</v>
      </c>
      <c r="AA8828" s="5">
        <v>20</v>
      </c>
      <c r="AB8828" s="5" t="s">
        <v>43</v>
      </c>
      <c r="AC8828" s="5" t="s">
        <v>44</v>
      </c>
      <c r="AD8828" s="2" t="s">
        <v>27064</v>
      </c>
      <c r="AE8828" s="1"/>
    </row>
    <row r="8829" spans="1:31" ht="14.45">
      <c r="A8829" s="11"/>
      <c r="B8829" s="20"/>
      <c r="C8829" s="2" t="s">
        <v>27071</v>
      </c>
      <c r="D8829" s="14" t="s">
        <v>27072</v>
      </c>
      <c r="E8829" s="2" t="s">
        <v>27073</v>
      </c>
      <c r="F8829" s="2"/>
      <c r="G8829" s="8">
        <v>192</v>
      </c>
      <c r="H8829" s="5">
        <v>10</v>
      </c>
      <c r="I8829" s="5" t="s">
        <v>69</v>
      </c>
      <c r="J8829" s="5" t="s">
        <v>27074</v>
      </c>
      <c r="K8829" s="2" t="s">
        <v>27075</v>
      </c>
      <c r="L8829" s="5" t="s">
        <v>27074</v>
      </c>
      <c r="M8829" s="2" t="s">
        <v>27075</v>
      </c>
      <c r="N8829" s="5" t="s">
        <v>24254</v>
      </c>
      <c r="O8829" s="5" t="s">
        <v>38</v>
      </c>
      <c r="P8829" s="5" t="s">
        <v>39</v>
      </c>
      <c r="Q8829" s="5" t="s">
        <v>40</v>
      </c>
      <c r="R8829" s="5" t="s">
        <v>24335</v>
      </c>
      <c r="S8829" s="5" t="s">
        <v>40</v>
      </c>
      <c r="T8829" s="5" t="s">
        <v>42</v>
      </c>
      <c r="U8829" s="2">
        <v>9.7780000000000005</v>
      </c>
      <c r="V8829" s="2">
        <v>7.6820000000000004</v>
      </c>
      <c r="W8829" s="2">
        <v>0.11899999999999999</v>
      </c>
      <c r="X8829" s="2">
        <v>12</v>
      </c>
      <c r="Y8829" s="2">
        <v>62</v>
      </c>
      <c r="Z8829" s="2">
        <v>159.9</v>
      </c>
      <c r="AA8829" s="5">
        <v>20</v>
      </c>
      <c r="AB8829" s="5" t="s">
        <v>43</v>
      </c>
      <c r="AC8829" s="5" t="s">
        <v>44</v>
      </c>
      <c r="AD8829" s="2" t="s">
        <v>27076</v>
      </c>
      <c r="AE8829" s="1"/>
    </row>
    <row r="8830" spans="1:31" ht="14.45">
      <c r="A8830" s="11"/>
      <c r="B8830" s="20"/>
      <c r="C8830" s="2" t="s">
        <v>27077</v>
      </c>
      <c r="D8830" s="14" t="s">
        <v>27078</v>
      </c>
      <c r="E8830" s="2" t="s">
        <v>27079</v>
      </c>
      <c r="F8830" s="2"/>
      <c r="G8830" s="8">
        <v>609</v>
      </c>
      <c r="H8830" s="5">
        <v>10</v>
      </c>
      <c r="I8830" s="5" t="s">
        <v>69</v>
      </c>
      <c r="J8830" s="5" t="s">
        <v>27074</v>
      </c>
      <c r="K8830" s="2" t="s">
        <v>27075</v>
      </c>
      <c r="L8830" s="5" t="s">
        <v>27074</v>
      </c>
      <c r="M8830" s="2" t="s">
        <v>27075</v>
      </c>
      <c r="N8830" s="5" t="s">
        <v>24254</v>
      </c>
      <c r="O8830" s="5" t="s">
        <v>38</v>
      </c>
      <c r="P8830" s="5" t="s">
        <v>39</v>
      </c>
      <c r="Q8830" s="5" t="s">
        <v>40</v>
      </c>
      <c r="R8830" s="5" t="s">
        <v>24335</v>
      </c>
      <c r="S8830" s="5" t="s">
        <v>40</v>
      </c>
      <c r="T8830" s="5" t="s">
        <v>42</v>
      </c>
      <c r="U8830" s="2">
        <v>11.821999999999999</v>
      </c>
      <c r="V8830" s="2">
        <v>9.8179999999999996</v>
      </c>
      <c r="W8830" s="2">
        <v>0.11899999999999999</v>
      </c>
      <c r="X8830" s="2">
        <v>12</v>
      </c>
      <c r="Y8830" s="2">
        <v>62</v>
      </c>
      <c r="Z8830" s="2">
        <v>159.9</v>
      </c>
      <c r="AA8830" s="5">
        <v>20</v>
      </c>
      <c r="AB8830" s="5" t="s">
        <v>43</v>
      </c>
      <c r="AC8830" s="5" t="s">
        <v>44</v>
      </c>
      <c r="AD8830" s="2"/>
      <c r="AE8830" s="1"/>
    </row>
    <row r="8831" spans="1:31" ht="14.45">
      <c r="A8831" s="11"/>
      <c r="B8831" s="20"/>
      <c r="C8831" s="2" t="s">
        <v>27080</v>
      </c>
      <c r="D8831" s="14" t="s">
        <v>27081</v>
      </c>
      <c r="E8831" s="2" t="s">
        <v>27082</v>
      </c>
      <c r="F8831" s="2"/>
      <c r="G8831" s="8">
        <v>1477</v>
      </c>
      <c r="H8831" s="5">
        <v>10</v>
      </c>
      <c r="I8831" s="5" t="s">
        <v>69</v>
      </c>
      <c r="J8831" s="5" t="s">
        <v>27074</v>
      </c>
      <c r="K8831" s="2" t="s">
        <v>27075</v>
      </c>
      <c r="L8831" s="5" t="s">
        <v>27074</v>
      </c>
      <c r="M8831" s="2" t="s">
        <v>27075</v>
      </c>
      <c r="N8831" s="5" t="s">
        <v>24254</v>
      </c>
      <c r="O8831" s="5" t="s">
        <v>38</v>
      </c>
      <c r="P8831" s="5" t="s">
        <v>39</v>
      </c>
      <c r="Q8831" s="5" t="s">
        <v>40</v>
      </c>
      <c r="R8831" s="5" t="s">
        <v>24335</v>
      </c>
      <c r="S8831" s="5" t="s">
        <v>40</v>
      </c>
      <c r="T8831" s="5" t="s">
        <v>42</v>
      </c>
      <c r="U8831" s="2">
        <v>16.004999999999999</v>
      </c>
      <c r="V8831" s="2">
        <v>11.943</v>
      </c>
      <c r="W8831" s="2">
        <v>0.19700000000000001</v>
      </c>
      <c r="X8831" s="2">
        <v>12</v>
      </c>
      <c r="Y8831" s="2">
        <v>50</v>
      </c>
      <c r="Z8831" s="2">
        <v>328.9</v>
      </c>
      <c r="AA8831" s="5">
        <v>20</v>
      </c>
      <c r="AB8831" s="5" t="s">
        <v>43</v>
      </c>
      <c r="AC8831" s="5" t="s">
        <v>44</v>
      </c>
      <c r="AD8831" s="2"/>
      <c r="AE8831" s="1"/>
    </row>
    <row r="8832" spans="1:31" ht="14.45">
      <c r="A8832" s="11"/>
      <c r="B8832" s="20"/>
      <c r="C8832" s="2" t="s">
        <v>27083</v>
      </c>
      <c r="D8832" s="14" t="s">
        <v>27084</v>
      </c>
      <c r="E8832" s="2" t="s">
        <v>27085</v>
      </c>
      <c r="F8832" s="2"/>
      <c r="G8832" s="8">
        <v>266</v>
      </c>
      <c r="H8832" s="5">
        <v>10</v>
      </c>
      <c r="I8832" s="5" t="s">
        <v>69</v>
      </c>
      <c r="J8832" s="5" t="s">
        <v>27074</v>
      </c>
      <c r="K8832" s="2" t="s">
        <v>27075</v>
      </c>
      <c r="L8832" s="5" t="s">
        <v>27074</v>
      </c>
      <c r="M8832" s="2" t="s">
        <v>27075</v>
      </c>
      <c r="N8832" s="5" t="s">
        <v>24254</v>
      </c>
      <c r="O8832" s="5" t="s">
        <v>38</v>
      </c>
      <c r="P8832" s="5" t="s">
        <v>39</v>
      </c>
      <c r="Q8832" s="5" t="s">
        <v>40</v>
      </c>
      <c r="R8832" s="5" t="s">
        <v>24335</v>
      </c>
      <c r="S8832" s="5" t="s">
        <v>40</v>
      </c>
      <c r="T8832" s="5" t="s">
        <v>42</v>
      </c>
      <c r="U8832" s="2">
        <v>11.746</v>
      </c>
      <c r="V8832" s="2">
        <v>9.65</v>
      </c>
      <c r="W8832" s="2">
        <v>0.11899999999999999</v>
      </c>
      <c r="X8832" s="2">
        <v>12</v>
      </c>
      <c r="Y8832" s="2">
        <v>62</v>
      </c>
      <c r="Z8832" s="2">
        <v>159.9</v>
      </c>
      <c r="AA8832" s="5">
        <v>20</v>
      </c>
      <c r="AB8832" s="5" t="s">
        <v>43</v>
      </c>
      <c r="AC8832" s="5" t="s">
        <v>44</v>
      </c>
      <c r="AD8832" s="2" t="s">
        <v>27086</v>
      </c>
      <c r="AE8832" s="1"/>
    </row>
    <row r="8833" spans="1:31" ht="14.45">
      <c r="A8833" s="11"/>
      <c r="B8833" s="20"/>
      <c r="C8833" s="2" t="s">
        <v>27087</v>
      </c>
      <c r="D8833" s="14" t="s">
        <v>27088</v>
      </c>
      <c r="E8833" s="2" t="s">
        <v>27089</v>
      </c>
      <c r="F8833" s="2"/>
      <c r="G8833" s="8">
        <v>266</v>
      </c>
      <c r="H8833" s="5">
        <v>10</v>
      </c>
      <c r="I8833" s="5" t="s">
        <v>69</v>
      </c>
      <c r="J8833" s="5" t="s">
        <v>27074</v>
      </c>
      <c r="K8833" s="2" t="s">
        <v>27075</v>
      </c>
      <c r="L8833" s="5" t="s">
        <v>27074</v>
      </c>
      <c r="M8833" s="2" t="s">
        <v>27075</v>
      </c>
      <c r="N8833" s="5" t="s">
        <v>24254</v>
      </c>
      <c r="O8833" s="5" t="s">
        <v>38</v>
      </c>
      <c r="P8833" s="5" t="s">
        <v>39</v>
      </c>
      <c r="Q8833" s="5" t="s">
        <v>40</v>
      </c>
      <c r="R8833" s="5" t="s">
        <v>24335</v>
      </c>
      <c r="S8833" s="5" t="s">
        <v>40</v>
      </c>
      <c r="T8833" s="5" t="s">
        <v>42</v>
      </c>
      <c r="U8833" s="2">
        <v>6.726</v>
      </c>
      <c r="V8833" s="2">
        <v>4.63</v>
      </c>
      <c r="W8833" s="2">
        <v>0.11899999999999999</v>
      </c>
      <c r="X8833" s="2">
        <v>12</v>
      </c>
      <c r="Y8833" s="2">
        <v>62</v>
      </c>
      <c r="Z8833" s="2">
        <v>159.9</v>
      </c>
      <c r="AA8833" s="5">
        <v>20</v>
      </c>
      <c r="AB8833" s="5" t="s">
        <v>43</v>
      </c>
      <c r="AC8833" s="5" t="s">
        <v>44</v>
      </c>
      <c r="AD8833" s="2" t="s">
        <v>27086</v>
      </c>
      <c r="AE8833" s="1"/>
    </row>
    <row r="8834" spans="1:31" ht="14.45">
      <c r="A8834" s="11"/>
      <c r="B8834" s="20"/>
      <c r="C8834" s="2" t="s">
        <v>27090</v>
      </c>
      <c r="D8834" s="14" t="s">
        <v>27091</v>
      </c>
      <c r="E8834" s="2" t="s">
        <v>27092</v>
      </c>
      <c r="F8834" s="2"/>
      <c r="G8834" s="8">
        <v>266</v>
      </c>
      <c r="H8834" s="5">
        <v>10</v>
      </c>
      <c r="I8834" s="5" t="s">
        <v>69</v>
      </c>
      <c r="J8834" s="5" t="s">
        <v>27074</v>
      </c>
      <c r="K8834" s="2" t="s">
        <v>27075</v>
      </c>
      <c r="L8834" s="5" t="s">
        <v>27074</v>
      </c>
      <c r="M8834" s="2" t="s">
        <v>27075</v>
      </c>
      <c r="N8834" s="5" t="s">
        <v>24254</v>
      </c>
      <c r="O8834" s="5" t="s">
        <v>38</v>
      </c>
      <c r="P8834" s="5" t="s">
        <v>39</v>
      </c>
      <c r="Q8834" s="5" t="s">
        <v>40</v>
      </c>
      <c r="R8834" s="5" t="s">
        <v>24335</v>
      </c>
      <c r="S8834" s="5" t="s">
        <v>40</v>
      </c>
      <c r="T8834" s="5" t="s">
        <v>42</v>
      </c>
      <c r="U8834" s="2">
        <v>8.5670000000000002</v>
      </c>
      <c r="V8834" s="2">
        <v>6.5049999999999999</v>
      </c>
      <c r="W8834" s="2">
        <v>0.11899999999999999</v>
      </c>
      <c r="X8834" s="2">
        <v>12</v>
      </c>
      <c r="Y8834" s="2">
        <v>62</v>
      </c>
      <c r="Z8834" s="2">
        <v>159.9</v>
      </c>
      <c r="AA8834" s="5">
        <v>20</v>
      </c>
      <c r="AB8834" s="5" t="s">
        <v>43</v>
      </c>
      <c r="AC8834" s="5" t="s">
        <v>44</v>
      </c>
      <c r="AD8834" s="2" t="s">
        <v>27076</v>
      </c>
      <c r="AE8834" s="1"/>
    </row>
    <row r="8835" spans="1:31" ht="14.45">
      <c r="A8835" s="11"/>
      <c r="B8835" s="20"/>
      <c r="C8835" s="2" t="s">
        <v>27093</v>
      </c>
      <c r="D8835" s="14" t="s">
        <v>27094</v>
      </c>
      <c r="E8835" s="2" t="s">
        <v>27095</v>
      </c>
      <c r="F8835" s="2"/>
      <c r="G8835" s="8">
        <v>346</v>
      </c>
      <c r="H8835" s="5">
        <v>10</v>
      </c>
      <c r="I8835" s="5" t="s">
        <v>69</v>
      </c>
      <c r="J8835" s="5" t="s">
        <v>27074</v>
      </c>
      <c r="K8835" s="2" t="s">
        <v>27075</v>
      </c>
      <c r="L8835" s="5" t="s">
        <v>27074</v>
      </c>
      <c r="M8835" s="2" t="s">
        <v>27075</v>
      </c>
      <c r="N8835" s="5" t="s">
        <v>24254</v>
      </c>
      <c r="O8835" s="5" t="s">
        <v>38</v>
      </c>
      <c r="P8835" s="5" t="s">
        <v>39</v>
      </c>
      <c r="Q8835" s="5" t="s">
        <v>40</v>
      </c>
      <c r="R8835" s="5" t="s">
        <v>24340</v>
      </c>
      <c r="S8835" s="5" t="s">
        <v>40</v>
      </c>
      <c r="T8835" s="5" t="s">
        <v>42</v>
      </c>
      <c r="U8835" s="2">
        <v>20.866</v>
      </c>
      <c r="V8835" s="2">
        <v>18.77</v>
      </c>
      <c r="W8835" s="2">
        <v>0.11899999999999999</v>
      </c>
      <c r="X8835" s="2">
        <v>12</v>
      </c>
      <c r="Y8835" s="2">
        <v>62</v>
      </c>
      <c r="Z8835" s="2">
        <v>159.9</v>
      </c>
      <c r="AA8835" s="5">
        <v>20</v>
      </c>
      <c r="AB8835" s="5" t="s">
        <v>43</v>
      </c>
      <c r="AC8835" s="5" t="s">
        <v>44</v>
      </c>
      <c r="AD8835" s="2" t="s">
        <v>27096</v>
      </c>
      <c r="AE8835" s="1"/>
    </row>
    <row r="8836" spans="1:31" ht="14.45">
      <c r="A8836" s="11"/>
      <c r="B8836" s="20"/>
      <c r="C8836" s="2" t="s">
        <v>27097</v>
      </c>
      <c r="D8836" s="14" t="s">
        <v>27098</v>
      </c>
      <c r="E8836" s="2" t="s">
        <v>27099</v>
      </c>
      <c r="F8836" s="2"/>
      <c r="G8836" s="8">
        <v>917</v>
      </c>
      <c r="H8836" s="5">
        <v>10</v>
      </c>
      <c r="I8836" s="5" t="s">
        <v>69</v>
      </c>
      <c r="J8836" s="5" t="s">
        <v>27074</v>
      </c>
      <c r="K8836" s="2" t="s">
        <v>27075</v>
      </c>
      <c r="L8836" s="5" t="s">
        <v>27074</v>
      </c>
      <c r="M8836" s="2" t="s">
        <v>27075</v>
      </c>
      <c r="N8836" s="5" t="s">
        <v>24254</v>
      </c>
      <c r="O8836" s="5" t="s">
        <v>38</v>
      </c>
      <c r="P8836" s="5" t="s">
        <v>39</v>
      </c>
      <c r="Q8836" s="5" t="s">
        <v>40</v>
      </c>
      <c r="R8836" s="5" t="s">
        <v>24340</v>
      </c>
      <c r="S8836" s="5" t="s">
        <v>40</v>
      </c>
      <c r="T8836" s="5" t="s">
        <v>42</v>
      </c>
      <c r="U8836" s="2">
        <v>25.422000000000001</v>
      </c>
      <c r="V8836" s="2">
        <v>23.417999999999999</v>
      </c>
      <c r="W8836" s="2">
        <v>0.11899999999999999</v>
      </c>
      <c r="X8836" s="2">
        <v>12</v>
      </c>
      <c r="Y8836" s="2">
        <v>62</v>
      </c>
      <c r="Z8836" s="2">
        <v>159.9</v>
      </c>
      <c r="AA8836" s="5">
        <v>20</v>
      </c>
      <c r="AB8836" s="5" t="s">
        <v>43</v>
      </c>
      <c r="AC8836" s="5" t="s">
        <v>44</v>
      </c>
      <c r="AD8836" s="2"/>
      <c r="AE8836" s="1"/>
    </row>
    <row r="8837" spans="1:31" ht="14.45">
      <c r="A8837" s="11"/>
      <c r="B8837" s="20"/>
      <c r="C8837" s="2" t="s">
        <v>27100</v>
      </c>
      <c r="D8837" s="14" t="s">
        <v>27101</v>
      </c>
      <c r="E8837" s="2" t="s">
        <v>27102</v>
      </c>
      <c r="F8837" s="2"/>
      <c r="G8837" s="8">
        <v>1939</v>
      </c>
      <c r="H8837" s="5">
        <v>10</v>
      </c>
      <c r="I8837" s="5" t="s">
        <v>69</v>
      </c>
      <c r="J8837" s="5" t="s">
        <v>27074</v>
      </c>
      <c r="K8837" s="2" t="s">
        <v>27075</v>
      </c>
      <c r="L8837" s="5" t="s">
        <v>27074</v>
      </c>
      <c r="M8837" s="2" t="s">
        <v>27075</v>
      </c>
      <c r="N8837" s="5" t="s">
        <v>24254</v>
      </c>
      <c r="O8837" s="5" t="s">
        <v>38</v>
      </c>
      <c r="P8837" s="5" t="s">
        <v>39</v>
      </c>
      <c r="Q8837" s="5" t="s">
        <v>40</v>
      </c>
      <c r="R8837" s="5" t="s">
        <v>24340</v>
      </c>
      <c r="S8837" s="5" t="s">
        <v>40</v>
      </c>
      <c r="T8837" s="5" t="s">
        <v>42</v>
      </c>
      <c r="U8837" s="2">
        <v>31.812000000000001</v>
      </c>
      <c r="V8837" s="2">
        <v>27.75</v>
      </c>
      <c r="W8837" s="2">
        <v>0.19700000000000001</v>
      </c>
      <c r="X8837" s="2">
        <v>12</v>
      </c>
      <c r="Y8837" s="2">
        <v>50</v>
      </c>
      <c r="Z8837" s="2">
        <v>328.9</v>
      </c>
      <c r="AA8837" s="5">
        <v>20</v>
      </c>
      <c r="AB8837" s="5" t="s">
        <v>43</v>
      </c>
      <c r="AC8837" s="5" t="s">
        <v>44</v>
      </c>
      <c r="AD8837" s="2"/>
      <c r="AE8837" s="1"/>
    </row>
    <row r="8838" spans="1:31" ht="14.45">
      <c r="A8838" s="11"/>
      <c r="B8838" s="20"/>
      <c r="C8838" s="2" t="s">
        <v>27103</v>
      </c>
      <c r="D8838" s="14" t="s">
        <v>27104</v>
      </c>
      <c r="E8838" s="2" t="s">
        <v>27105</v>
      </c>
      <c r="F8838" s="2"/>
      <c r="G8838" s="8">
        <v>420</v>
      </c>
      <c r="H8838" s="5">
        <v>10</v>
      </c>
      <c r="I8838" s="5" t="s">
        <v>69</v>
      </c>
      <c r="J8838" s="5" t="s">
        <v>27074</v>
      </c>
      <c r="K8838" s="2" t="s">
        <v>27075</v>
      </c>
      <c r="L8838" s="5" t="s">
        <v>27074</v>
      </c>
      <c r="M8838" s="2" t="s">
        <v>27075</v>
      </c>
      <c r="N8838" s="5" t="s">
        <v>24254</v>
      </c>
      <c r="O8838" s="5" t="s">
        <v>38</v>
      </c>
      <c r="P8838" s="5" t="s">
        <v>39</v>
      </c>
      <c r="Q8838" s="5" t="s">
        <v>40</v>
      </c>
      <c r="R8838" s="5" t="s">
        <v>24340</v>
      </c>
      <c r="S8838" s="5" t="s">
        <v>40</v>
      </c>
      <c r="T8838" s="5" t="s">
        <v>42</v>
      </c>
      <c r="U8838" s="2">
        <v>25.385999999999999</v>
      </c>
      <c r="V8838" s="2">
        <v>23.29</v>
      </c>
      <c r="W8838" s="2">
        <v>0.11899999999999999</v>
      </c>
      <c r="X8838" s="2">
        <v>12</v>
      </c>
      <c r="Y8838" s="2">
        <v>62</v>
      </c>
      <c r="Z8838" s="2">
        <v>159.9</v>
      </c>
      <c r="AA8838" s="5">
        <v>20</v>
      </c>
      <c r="AB8838" s="5" t="s">
        <v>43</v>
      </c>
      <c r="AC8838" s="5" t="s">
        <v>44</v>
      </c>
      <c r="AD8838" s="2" t="s">
        <v>27106</v>
      </c>
      <c r="AE8838" s="1"/>
    </row>
    <row r="8839" spans="1:31" ht="14.45">
      <c r="A8839" s="11"/>
      <c r="B8839" s="20"/>
      <c r="C8839" s="2" t="s">
        <v>27107</v>
      </c>
      <c r="D8839" s="14" t="s">
        <v>27108</v>
      </c>
      <c r="E8839" s="2" t="s">
        <v>27109</v>
      </c>
      <c r="F8839" s="2"/>
      <c r="G8839" s="8">
        <v>420</v>
      </c>
      <c r="H8839" s="5">
        <v>10</v>
      </c>
      <c r="I8839" s="5" t="s">
        <v>69</v>
      </c>
      <c r="J8839" s="5" t="s">
        <v>27074</v>
      </c>
      <c r="K8839" s="2" t="s">
        <v>27075</v>
      </c>
      <c r="L8839" s="5" t="s">
        <v>27074</v>
      </c>
      <c r="M8839" s="2" t="s">
        <v>27075</v>
      </c>
      <c r="N8839" s="5" t="s">
        <v>24254</v>
      </c>
      <c r="O8839" s="5" t="s">
        <v>38</v>
      </c>
      <c r="P8839" s="5" t="s">
        <v>39</v>
      </c>
      <c r="Q8839" s="5" t="s">
        <v>40</v>
      </c>
      <c r="R8839" s="5" t="s">
        <v>24340</v>
      </c>
      <c r="S8839" s="5" t="s">
        <v>40</v>
      </c>
      <c r="T8839" s="5" t="s">
        <v>42</v>
      </c>
      <c r="U8839" s="2">
        <v>10.544</v>
      </c>
      <c r="V8839" s="2">
        <v>8.4480000000000004</v>
      </c>
      <c r="W8839" s="2">
        <v>0.11899999999999999</v>
      </c>
      <c r="X8839" s="2">
        <v>12</v>
      </c>
      <c r="Y8839" s="2">
        <v>62</v>
      </c>
      <c r="Z8839" s="2">
        <v>159.9</v>
      </c>
      <c r="AA8839" s="5">
        <v>20</v>
      </c>
      <c r="AB8839" s="5" t="s">
        <v>43</v>
      </c>
      <c r="AC8839" s="5" t="s">
        <v>44</v>
      </c>
      <c r="AD8839" s="2" t="s">
        <v>27106</v>
      </c>
      <c r="AE8839" s="1"/>
    </row>
    <row r="8840" spans="1:31" ht="14.45">
      <c r="A8840" s="11"/>
      <c r="B8840" s="20"/>
      <c r="C8840" s="2" t="s">
        <v>27110</v>
      </c>
      <c r="D8840" s="14" t="s">
        <v>27111</v>
      </c>
      <c r="E8840" s="2" t="s">
        <v>27112</v>
      </c>
      <c r="F8840" s="2"/>
      <c r="G8840" s="8">
        <v>420</v>
      </c>
      <c r="H8840" s="5">
        <v>10</v>
      </c>
      <c r="I8840" s="5" t="s">
        <v>69</v>
      </c>
      <c r="J8840" s="5" t="s">
        <v>27074</v>
      </c>
      <c r="K8840" s="2" t="s">
        <v>27075</v>
      </c>
      <c r="L8840" s="5" t="s">
        <v>27074</v>
      </c>
      <c r="M8840" s="2" t="s">
        <v>27075</v>
      </c>
      <c r="N8840" s="5" t="s">
        <v>24254</v>
      </c>
      <c r="O8840" s="5" t="s">
        <v>38</v>
      </c>
      <c r="P8840" s="5" t="s">
        <v>39</v>
      </c>
      <c r="Q8840" s="5" t="s">
        <v>40</v>
      </c>
      <c r="R8840" s="5" t="s">
        <v>24340</v>
      </c>
      <c r="S8840" s="5" t="s">
        <v>40</v>
      </c>
      <c r="T8840" s="5" t="s">
        <v>42</v>
      </c>
      <c r="U8840" s="2">
        <v>19.760000000000002</v>
      </c>
      <c r="V8840" s="2">
        <v>17.698</v>
      </c>
      <c r="W8840" s="2">
        <v>0.11899999999999999</v>
      </c>
      <c r="X8840" s="2">
        <v>12</v>
      </c>
      <c r="Y8840" s="2">
        <v>62</v>
      </c>
      <c r="Z8840" s="2">
        <v>159.9</v>
      </c>
      <c r="AA8840" s="5">
        <v>20</v>
      </c>
      <c r="AB8840" s="5" t="s">
        <v>43</v>
      </c>
      <c r="AC8840" s="5" t="s">
        <v>44</v>
      </c>
      <c r="AD8840" s="2" t="s">
        <v>27096</v>
      </c>
      <c r="AE8840" s="1"/>
    </row>
    <row r="8841" spans="1:31" ht="14.45">
      <c r="A8841" s="11"/>
      <c r="B8841" s="20"/>
      <c r="C8841" s="2" t="s">
        <v>27113</v>
      </c>
      <c r="D8841" s="14" t="s">
        <v>27114</v>
      </c>
      <c r="E8841" s="2" t="s">
        <v>27115</v>
      </c>
      <c r="F8841" s="2"/>
      <c r="G8841" s="8">
        <v>346</v>
      </c>
      <c r="H8841" s="5">
        <v>10</v>
      </c>
      <c r="I8841" s="5" t="s">
        <v>69</v>
      </c>
      <c r="J8841" s="5" t="s">
        <v>27074</v>
      </c>
      <c r="K8841" s="2" t="s">
        <v>27075</v>
      </c>
      <c r="L8841" s="5" t="s">
        <v>27074</v>
      </c>
      <c r="M8841" s="2" t="s">
        <v>27075</v>
      </c>
      <c r="N8841" s="5" t="s">
        <v>24254</v>
      </c>
      <c r="O8841" s="5" t="s">
        <v>38</v>
      </c>
      <c r="P8841" s="5" t="s">
        <v>39</v>
      </c>
      <c r="Q8841" s="5" t="s">
        <v>40</v>
      </c>
      <c r="R8841" s="5" t="s">
        <v>25301</v>
      </c>
      <c r="S8841" s="5" t="s">
        <v>40</v>
      </c>
      <c r="T8841" s="5" t="s">
        <v>42</v>
      </c>
      <c r="U8841" s="2">
        <v>18.042999999999999</v>
      </c>
      <c r="V8841" s="2">
        <v>15.946999999999999</v>
      </c>
      <c r="W8841" s="2">
        <v>0.11899999999999999</v>
      </c>
      <c r="X8841" s="2">
        <v>12</v>
      </c>
      <c r="Y8841" s="2">
        <v>62</v>
      </c>
      <c r="Z8841" s="2">
        <v>159.9</v>
      </c>
      <c r="AA8841" s="5">
        <v>20</v>
      </c>
      <c r="AB8841" s="5" t="s">
        <v>43</v>
      </c>
      <c r="AC8841" s="5" t="s">
        <v>44</v>
      </c>
      <c r="AD8841" s="2" t="s">
        <v>27116</v>
      </c>
      <c r="AE8841" s="1"/>
    </row>
    <row r="8842" spans="1:31" ht="14.45">
      <c r="A8842" s="11"/>
      <c r="B8842" s="20"/>
      <c r="C8842" s="2" t="s">
        <v>27117</v>
      </c>
      <c r="D8842" s="14" t="s">
        <v>27118</v>
      </c>
      <c r="E8842" s="2" t="s">
        <v>27119</v>
      </c>
      <c r="F8842" s="2"/>
      <c r="G8842" s="8">
        <v>917</v>
      </c>
      <c r="H8842" s="5">
        <v>10</v>
      </c>
      <c r="I8842" s="5" t="s">
        <v>69</v>
      </c>
      <c r="J8842" s="5" t="s">
        <v>27074</v>
      </c>
      <c r="K8842" s="2" t="s">
        <v>27075</v>
      </c>
      <c r="L8842" s="5" t="s">
        <v>27074</v>
      </c>
      <c r="M8842" s="2" t="s">
        <v>27075</v>
      </c>
      <c r="N8842" s="5" t="s">
        <v>24254</v>
      </c>
      <c r="O8842" s="5" t="s">
        <v>38</v>
      </c>
      <c r="P8842" s="5" t="s">
        <v>39</v>
      </c>
      <c r="Q8842" s="5" t="s">
        <v>40</v>
      </c>
      <c r="R8842" s="5" t="s">
        <v>25301</v>
      </c>
      <c r="S8842" s="5" t="s">
        <v>40</v>
      </c>
      <c r="T8842" s="5" t="s">
        <v>42</v>
      </c>
      <c r="U8842" s="2">
        <v>21.706</v>
      </c>
      <c r="V8842" s="2">
        <v>19.702000000000002</v>
      </c>
      <c r="W8842" s="2">
        <v>0.11899999999999999</v>
      </c>
      <c r="X8842" s="2">
        <v>12</v>
      </c>
      <c r="Y8842" s="2">
        <v>62</v>
      </c>
      <c r="Z8842" s="2">
        <v>159.9</v>
      </c>
      <c r="AA8842" s="5">
        <v>20</v>
      </c>
      <c r="AB8842" s="5" t="s">
        <v>43</v>
      </c>
      <c r="AC8842" s="5" t="s">
        <v>44</v>
      </c>
      <c r="AD8842" s="2"/>
      <c r="AE8842" s="1"/>
    </row>
    <row r="8843" spans="1:31" ht="14.45">
      <c r="A8843" s="11"/>
      <c r="B8843" s="20"/>
      <c r="C8843" s="2" t="s">
        <v>27120</v>
      </c>
      <c r="D8843" s="14" t="s">
        <v>27121</v>
      </c>
      <c r="E8843" s="2" t="s">
        <v>27122</v>
      </c>
      <c r="F8843" s="2"/>
      <c r="G8843" s="8">
        <v>1939</v>
      </c>
      <c r="H8843" s="5">
        <v>10</v>
      </c>
      <c r="I8843" s="5" t="s">
        <v>69</v>
      </c>
      <c r="J8843" s="5" t="s">
        <v>27074</v>
      </c>
      <c r="K8843" s="2" t="s">
        <v>27075</v>
      </c>
      <c r="L8843" s="5" t="s">
        <v>27074</v>
      </c>
      <c r="M8843" s="2" t="s">
        <v>27075</v>
      </c>
      <c r="N8843" s="5" t="s">
        <v>24254</v>
      </c>
      <c r="O8843" s="5" t="s">
        <v>38</v>
      </c>
      <c r="P8843" s="5" t="s">
        <v>39</v>
      </c>
      <c r="Q8843" s="5" t="s">
        <v>40</v>
      </c>
      <c r="R8843" s="5" t="s">
        <v>25301</v>
      </c>
      <c r="S8843" s="5" t="s">
        <v>40</v>
      </c>
      <c r="T8843" s="5" t="s">
        <v>42</v>
      </c>
      <c r="U8843" s="2">
        <v>27.690999999999999</v>
      </c>
      <c r="V8843" s="2">
        <v>23.629000000000001</v>
      </c>
      <c r="W8843" s="2">
        <v>0.19700000000000001</v>
      </c>
      <c r="X8843" s="2">
        <v>12</v>
      </c>
      <c r="Y8843" s="2">
        <v>50</v>
      </c>
      <c r="Z8843" s="2">
        <v>328.9</v>
      </c>
      <c r="AA8843" s="5">
        <v>20</v>
      </c>
      <c r="AB8843" s="5" t="s">
        <v>43</v>
      </c>
      <c r="AC8843" s="5" t="s">
        <v>44</v>
      </c>
      <c r="AD8843" s="2"/>
      <c r="AE8843" s="1"/>
    </row>
    <row r="8844" spans="1:31" ht="14.45">
      <c r="A8844" s="11"/>
      <c r="B8844" s="20"/>
      <c r="C8844" s="2" t="s">
        <v>27123</v>
      </c>
      <c r="D8844" s="14" t="s">
        <v>27124</v>
      </c>
      <c r="E8844" s="2" t="s">
        <v>27125</v>
      </c>
      <c r="F8844" s="2"/>
      <c r="G8844" s="8">
        <v>420</v>
      </c>
      <c r="H8844" s="5">
        <v>10</v>
      </c>
      <c r="I8844" s="5" t="s">
        <v>69</v>
      </c>
      <c r="J8844" s="5" t="s">
        <v>27074</v>
      </c>
      <c r="K8844" s="2" t="s">
        <v>27075</v>
      </c>
      <c r="L8844" s="5" t="s">
        <v>27074</v>
      </c>
      <c r="M8844" s="2" t="s">
        <v>27075</v>
      </c>
      <c r="N8844" s="5" t="s">
        <v>24254</v>
      </c>
      <c r="O8844" s="5" t="s">
        <v>38</v>
      </c>
      <c r="P8844" s="5" t="s">
        <v>39</v>
      </c>
      <c r="Q8844" s="5" t="s">
        <v>40</v>
      </c>
      <c r="R8844" s="5" t="s">
        <v>25301</v>
      </c>
      <c r="S8844" s="5" t="s">
        <v>40</v>
      </c>
      <c r="T8844" s="5" t="s">
        <v>42</v>
      </c>
      <c r="U8844" s="2">
        <v>21.887</v>
      </c>
      <c r="V8844" s="2">
        <v>19.791</v>
      </c>
      <c r="W8844" s="2">
        <v>0.11899999999999999</v>
      </c>
      <c r="X8844" s="2">
        <v>12</v>
      </c>
      <c r="Y8844" s="2">
        <v>62</v>
      </c>
      <c r="Z8844" s="2">
        <v>159.9</v>
      </c>
      <c r="AA8844" s="5">
        <v>20</v>
      </c>
      <c r="AB8844" s="5" t="s">
        <v>43</v>
      </c>
      <c r="AC8844" s="5" t="s">
        <v>44</v>
      </c>
      <c r="AD8844" s="2" t="s">
        <v>27126</v>
      </c>
      <c r="AE8844" s="1"/>
    </row>
    <row r="8845" spans="1:31" ht="14.45">
      <c r="A8845" s="11"/>
      <c r="B8845" s="20"/>
      <c r="C8845" s="2" t="s">
        <v>27127</v>
      </c>
      <c r="D8845" s="14" t="s">
        <v>27128</v>
      </c>
      <c r="E8845" s="2" t="s">
        <v>27129</v>
      </c>
      <c r="F8845" s="2"/>
      <c r="G8845" s="8">
        <v>420</v>
      </c>
      <c r="H8845" s="5">
        <v>10</v>
      </c>
      <c r="I8845" s="5" t="s">
        <v>69</v>
      </c>
      <c r="J8845" s="5" t="s">
        <v>27074</v>
      </c>
      <c r="K8845" s="2" t="s">
        <v>27075</v>
      </c>
      <c r="L8845" s="5" t="s">
        <v>27074</v>
      </c>
      <c r="M8845" s="2" t="s">
        <v>27075</v>
      </c>
      <c r="N8845" s="5" t="s">
        <v>24254</v>
      </c>
      <c r="O8845" s="5" t="s">
        <v>38</v>
      </c>
      <c r="P8845" s="5" t="s">
        <v>39</v>
      </c>
      <c r="Q8845" s="5" t="s">
        <v>40</v>
      </c>
      <c r="R8845" s="5" t="s">
        <v>25301</v>
      </c>
      <c r="S8845" s="5" t="s">
        <v>40</v>
      </c>
      <c r="T8845" s="5" t="s">
        <v>42</v>
      </c>
      <c r="U8845" s="2">
        <v>9.7569999999999997</v>
      </c>
      <c r="V8845" s="2">
        <v>7.6609999999999996</v>
      </c>
      <c r="W8845" s="2">
        <v>0.11899999999999999</v>
      </c>
      <c r="X8845" s="2">
        <v>12</v>
      </c>
      <c r="Y8845" s="2">
        <v>62</v>
      </c>
      <c r="Z8845" s="2">
        <v>159.9</v>
      </c>
      <c r="AA8845" s="5">
        <v>20</v>
      </c>
      <c r="AB8845" s="5" t="s">
        <v>43</v>
      </c>
      <c r="AC8845" s="5" t="s">
        <v>44</v>
      </c>
      <c r="AD8845" s="2" t="s">
        <v>27126</v>
      </c>
      <c r="AE8845" s="1"/>
    </row>
    <row r="8846" spans="1:31" ht="14.45">
      <c r="A8846" s="11"/>
      <c r="B8846" s="20"/>
      <c r="C8846" s="2" t="s">
        <v>27130</v>
      </c>
      <c r="D8846" s="14" t="s">
        <v>27131</v>
      </c>
      <c r="E8846" s="2" t="s">
        <v>27132</v>
      </c>
      <c r="F8846" s="2"/>
      <c r="G8846" s="8">
        <v>420</v>
      </c>
      <c r="H8846" s="5">
        <v>10</v>
      </c>
      <c r="I8846" s="5" t="s">
        <v>69</v>
      </c>
      <c r="J8846" s="5" t="s">
        <v>27074</v>
      </c>
      <c r="K8846" s="2" t="s">
        <v>27075</v>
      </c>
      <c r="L8846" s="5" t="s">
        <v>27074</v>
      </c>
      <c r="M8846" s="2" t="s">
        <v>27075</v>
      </c>
      <c r="N8846" s="5" t="s">
        <v>24254</v>
      </c>
      <c r="O8846" s="5" t="s">
        <v>38</v>
      </c>
      <c r="P8846" s="5" t="s">
        <v>39</v>
      </c>
      <c r="Q8846" s="5" t="s">
        <v>40</v>
      </c>
      <c r="R8846" s="5" t="s">
        <v>25301</v>
      </c>
      <c r="S8846" s="5" t="s">
        <v>40</v>
      </c>
      <c r="T8846" s="5" t="s">
        <v>42</v>
      </c>
      <c r="U8846" s="2">
        <v>16.803000000000001</v>
      </c>
      <c r="V8846" s="2">
        <v>14.741</v>
      </c>
      <c r="W8846" s="2">
        <v>0.11899999999999999</v>
      </c>
      <c r="X8846" s="2">
        <v>12</v>
      </c>
      <c r="Y8846" s="2">
        <v>62</v>
      </c>
      <c r="Z8846" s="2">
        <v>159.9</v>
      </c>
      <c r="AA8846" s="5">
        <v>20</v>
      </c>
      <c r="AB8846" s="5" t="s">
        <v>43</v>
      </c>
      <c r="AC8846" s="5" t="s">
        <v>44</v>
      </c>
      <c r="AD8846" s="2" t="s">
        <v>27116</v>
      </c>
      <c r="AE8846" s="1"/>
    </row>
    <row r="8847" spans="1:31" ht="14.45">
      <c r="A8847" s="11"/>
      <c r="B8847" s="20"/>
      <c r="C8847" s="2" t="s">
        <v>27133</v>
      </c>
      <c r="D8847" s="14" t="s">
        <v>27134</v>
      </c>
      <c r="E8847" s="2" t="s">
        <v>27135</v>
      </c>
      <c r="F8847" s="2"/>
      <c r="G8847" s="8">
        <v>192</v>
      </c>
      <c r="H8847" s="5">
        <v>10</v>
      </c>
      <c r="I8847" s="5" t="s">
        <v>69</v>
      </c>
      <c r="J8847" s="5" t="s">
        <v>27074</v>
      </c>
      <c r="K8847" s="2" t="s">
        <v>27075</v>
      </c>
      <c r="L8847" s="5" t="s">
        <v>27074</v>
      </c>
      <c r="M8847" s="2" t="s">
        <v>27075</v>
      </c>
      <c r="N8847" s="5" t="s">
        <v>24254</v>
      </c>
      <c r="O8847" s="5" t="s">
        <v>38</v>
      </c>
      <c r="P8847" s="5" t="s">
        <v>39</v>
      </c>
      <c r="Q8847" s="5" t="s">
        <v>40</v>
      </c>
      <c r="R8847" s="5" t="s">
        <v>24335</v>
      </c>
      <c r="S8847" s="5" t="s">
        <v>40</v>
      </c>
      <c r="T8847" s="5" t="s">
        <v>42</v>
      </c>
      <c r="U8847" s="2">
        <v>7.7709999999999999</v>
      </c>
      <c r="V8847" s="2">
        <v>5.7889999999999997</v>
      </c>
      <c r="W8847" s="2">
        <v>0.11899999999999999</v>
      </c>
      <c r="X8847" s="2">
        <v>12</v>
      </c>
      <c r="Y8847" s="2">
        <v>62</v>
      </c>
      <c r="Z8847" s="2">
        <v>159.9</v>
      </c>
      <c r="AA8847" s="5">
        <v>20</v>
      </c>
      <c r="AB8847" s="5" t="s">
        <v>43</v>
      </c>
      <c r="AC8847" s="5" t="s">
        <v>44</v>
      </c>
      <c r="AD8847" s="2" t="s">
        <v>27136</v>
      </c>
      <c r="AE8847" s="1"/>
    </row>
    <row r="8848" spans="1:31" ht="14.45">
      <c r="A8848" s="11"/>
      <c r="B8848" s="20"/>
      <c r="C8848" s="2" t="s">
        <v>27137</v>
      </c>
      <c r="D8848" s="14" t="s">
        <v>27138</v>
      </c>
      <c r="E8848" s="2" t="s">
        <v>27139</v>
      </c>
      <c r="F8848" s="2"/>
      <c r="G8848" s="8">
        <v>609</v>
      </c>
      <c r="H8848" s="5">
        <v>10</v>
      </c>
      <c r="I8848" s="5" t="s">
        <v>69</v>
      </c>
      <c r="J8848" s="5" t="s">
        <v>27074</v>
      </c>
      <c r="K8848" s="2" t="s">
        <v>27075</v>
      </c>
      <c r="L8848" s="5" t="s">
        <v>27074</v>
      </c>
      <c r="M8848" s="2" t="s">
        <v>27075</v>
      </c>
      <c r="N8848" s="5" t="s">
        <v>24254</v>
      </c>
      <c r="O8848" s="5" t="s">
        <v>38</v>
      </c>
      <c r="P8848" s="5" t="s">
        <v>39</v>
      </c>
      <c r="Q8848" s="5" t="s">
        <v>40</v>
      </c>
      <c r="R8848" s="5" t="s">
        <v>24335</v>
      </c>
      <c r="S8848" s="5" t="s">
        <v>40</v>
      </c>
      <c r="T8848" s="5" t="s">
        <v>42</v>
      </c>
      <c r="U8848" s="2">
        <v>10.731</v>
      </c>
      <c r="V8848" s="2">
        <v>7.9560000000000004</v>
      </c>
      <c r="W8848" s="2">
        <v>0.11899999999999999</v>
      </c>
      <c r="X8848" s="2">
        <v>12</v>
      </c>
      <c r="Y8848" s="2">
        <v>62</v>
      </c>
      <c r="Z8848" s="2">
        <v>159.9</v>
      </c>
      <c r="AA8848" s="5">
        <v>20</v>
      </c>
      <c r="AB8848" s="5" t="s">
        <v>43</v>
      </c>
      <c r="AC8848" s="5" t="s">
        <v>44</v>
      </c>
      <c r="AD8848" s="2"/>
      <c r="AE8848" s="1"/>
    </row>
    <row r="8849" spans="1:31" ht="14.45">
      <c r="A8849" s="11"/>
      <c r="B8849" s="20"/>
      <c r="C8849" s="2" t="s">
        <v>27140</v>
      </c>
      <c r="D8849" s="14" t="s">
        <v>27141</v>
      </c>
      <c r="E8849" s="2" t="s">
        <v>27142</v>
      </c>
      <c r="F8849" s="2"/>
      <c r="G8849" s="8">
        <v>1477</v>
      </c>
      <c r="H8849" s="5">
        <v>10</v>
      </c>
      <c r="I8849" s="5" t="s">
        <v>69</v>
      </c>
      <c r="J8849" s="5" t="s">
        <v>27074</v>
      </c>
      <c r="K8849" s="2" t="s">
        <v>27075</v>
      </c>
      <c r="L8849" s="5" t="s">
        <v>27074</v>
      </c>
      <c r="M8849" s="2" t="s">
        <v>27075</v>
      </c>
      <c r="N8849" s="5" t="s">
        <v>24254</v>
      </c>
      <c r="O8849" s="5" t="s">
        <v>38</v>
      </c>
      <c r="P8849" s="5" t="s">
        <v>39</v>
      </c>
      <c r="Q8849" s="5" t="s">
        <v>40</v>
      </c>
      <c r="R8849" s="5" t="s">
        <v>24335</v>
      </c>
      <c r="S8849" s="5" t="s">
        <v>40</v>
      </c>
      <c r="T8849" s="5" t="s">
        <v>42</v>
      </c>
      <c r="U8849" s="2">
        <v>14.074999999999999</v>
      </c>
      <c r="V8849" s="2">
        <v>10.009</v>
      </c>
      <c r="W8849" s="2">
        <v>0.19700000000000001</v>
      </c>
      <c r="X8849" s="2">
        <v>12</v>
      </c>
      <c r="Y8849" s="2">
        <v>50</v>
      </c>
      <c r="Z8849" s="2">
        <v>328.9</v>
      </c>
      <c r="AA8849" s="5">
        <v>20</v>
      </c>
      <c r="AB8849" s="5" t="s">
        <v>43</v>
      </c>
      <c r="AC8849" s="5" t="s">
        <v>44</v>
      </c>
      <c r="AD8849" s="2"/>
      <c r="AE8849" s="1"/>
    </row>
    <row r="8850" spans="1:31" ht="14.45">
      <c r="A8850" s="11"/>
      <c r="B8850" s="20"/>
      <c r="C8850" s="2" t="s">
        <v>27143</v>
      </c>
      <c r="D8850" s="14" t="s">
        <v>27144</v>
      </c>
      <c r="E8850" s="2" t="s">
        <v>27145</v>
      </c>
      <c r="F8850" s="2"/>
      <c r="G8850" s="8">
        <v>266</v>
      </c>
      <c r="H8850" s="5">
        <v>10</v>
      </c>
      <c r="I8850" s="5" t="s">
        <v>69</v>
      </c>
      <c r="J8850" s="5" t="s">
        <v>27074</v>
      </c>
      <c r="K8850" s="2" t="s">
        <v>27075</v>
      </c>
      <c r="L8850" s="5" t="s">
        <v>27074</v>
      </c>
      <c r="M8850" s="2" t="s">
        <v>27075</v>
      </c>
      <c r="N8850" s="5" t="s">
        <v>24254</v>
      </c>
      <c r="O8850" s="5" t="s">
        <v>38</v>
      </c>
      <c r="P8850" s="5" t="s">
        <v>39</v>
      </c>
      <c r="Q8850" s="5" t="s">
        <v>40</v>
      </c>
      <c r="R8850" s="5" t="s">
        <v>24335</v>
      </c>
      <c r="S8850" s="5" t="s">
        <v>40</v>
      </c>
      <c r="T8850" s="5" t="s">
        <v>42</v>
      </c>
      <c r="U8850" s="2">
        <v>8.609</v>
      </c>
      <c r="V8850" s="2">
        <v>6.6269999999999998</v>
      </c>
      <c r="W8850" s="2">
        <v>0.11899999999999999</v>
      </c>
      <c r="X8850" s="2">
        <v>12</v>
      </c>
      <c r="Y8850" s="2">
        <v>62</v>
      </c>
      <c r="Z8850" s="2">
        <v>159.9</v>
      </c>
      <c r="AA8850" s="5">
        <v>20</v>
      </c>
      <c r="AB8850" s="5" t="s">
        <v>43</v>
      </c>
      <c r="AC8850" s="5" t="s">
        <v>44</v>
      </c>
      <c r="AD8850" s="2" t="s">
        <v>27146</v>
      </c>
      <c r="AE8850" s="1"/>
    </row>
    <row r="8851" spans="1:31" ht="14.45">
      <c r="A8851" s="11"/>
      <c r="B8851" s="20"/>
      <c r="C8851" s="2" t="s">
        <v>27147</v>
      </c>
      <c r="D8851" s="14" t="s">
        <v>27148</v>
      </c>
      <c r="E8851" s="2" t="s">
        <v>27149</v>
      </c>
      <c r="F8851" s="2"/>
      <c r="G8851" s="8">
        <v>266</v>
      </c>
      <c r="H8851" s="5">
        <v>10</v>
      </c>
      <c r="I8851" s="5" t="s">
        <v>69</v>
      </c>
      <c r="J8851" s="5" t="s">
        <v>27074</v>
      </c>
      <c r="K8851" s="2" t="s">
        <v>27075</v>
      </c>
      <c r="L8851" s="5" t="s">
        <v>27074</v>
      </c>
      <c r="M8851" s="2" t="s">
        <v>27075</v>
      </c>
      <c r="N8851" s="5" t="s">
        <v>24254</v>
      </c>
      <c r="O8851" s="5" t="s">
        <v>38</v>
      </c>
      <c r="P8851" s="5" t="s">
        <v>39</v>
      </c>
      <c r="Q8851" s="5" t="s">
        <v>40</v>
      </c>
      <c r="R8851" s="5" t="s">
        <v>24335</v>
      </c>
      <c r="S8851" s="5" t="s">
        <v>40</v>
      </c>
      <c r="T8851" s="5" t="s">
        <v>42</v>
      </c>
      <c r="U8851" s="2">
        <v>6.5419999999999998</v>
      </c>
      <c r="V8851" s="2">
        <v>4.5640000000000001</v>
      </c>
      <c r="W8851" s="2">
        <v>0.11899999999999999</v>
      </c>
      <c r="X8851" s="2">
        <v>12</v>
      </c>
      <c r="Y8851" s="2">
        <v>62</v>
      </c>
      <c r="Z8851" s="2">
        <v>159.9</v>
      </c>
      <c r="AA8851" s="5">
        <v>20</v>
      </c>
      <c r="AB8851" s="5" t="s">
        <v>43</v>
      </c>
      <c r="AC8851" s="5" t="s">
        <v>44</v>
      </c>
      <c r="AD8851" s="2" t="s">
        <v>27146</v>
      </c>
      <c r="AE8851" s="1"/>
    </row>
    <row r="8852" spans="1:31" ht="14.45">
      <c r="A8852" s="11"/>
      <c r="B8852" s="20"/>
      <c r="C8852" s="2" t="s">
        <v>27150</v>
      </c>
      <c r="D8852" s="14" t="s">
        <v>27151</v>
      </c>
      <c r="E8852" s="2" t="s">
        <v>27152</v>
      </c>
      <c r="F8852" s="2"/>
      <c r="G8852" s="8">
        <v>266</v>
      </c>
      <c r="H8852" s="5">
        <v>10</v>
      </c>
      <c r="I8852" s="5" t="s">
        <v>69</v>
      </c>
      <c r="J8852" s="5" t="s">
        <v>27074</v>
      </c>
      <c r="K8852" s="2" t="s">
        <v>27075</v>
      </c>
      <c r="L8852" s="5" t="s">
        <v>27074</v>
      </c>
      <c r="M8852" s="2" t="s">
        <v>27075</v>
      </c>
      <c r="N8852" s="5" t="s">
        <v>24254</v>
      </c>
      <c r="O8852" s="5" t="s">
        <v>38</v>
      </c>
      <c r="P8852" s="5" t="s">
        <v>39</v>
      </c>
      <c r="Q8852" s="5" t="s">
        <v>40</v>
      </c>
      <c r="R8852" s="5" t="s">
        <v>24335</v>
      </c>
      <c r="S8852" s="5" t="s">
        <v>40</v>
      </c>
      <c r="T8852" s="5" t="s">
        <v>42</v>
      </c>
      <c r="U8852" s="2">
        <v>5.5030000000000001</v>
      </c>
      <c r="V8852" s="2">
        <v>3.5550000000000002</v>
      </c>
      <c r="W8852" s="2">
        <v>0.11899999999999999</v>
      </c>
      <c r="X8852" s="2">
        <v>12</v>
      </c>
      <c r="Y8852" s="2">
        <v>62</v>
      </c>
      <c r="Z8852" s="2">
        <v>159.9</v>
      </c>
      <c r="AA8852" s="5">
        <v>20</v>
      </c>
      <c r="AB8852" s="5" t="s">
        <v>43</v>
      </c>
      <c r="AC8852" s="5" t="s">
        <v>44</v>
      </c>
      <c r="AD8852" s="2" t="s">
        <v>27136</v>
      </c>
      <c r="AE8852" s="1"/>
    </row>
    <row r="8853" spans="1:31" ht="14.45">
      <c r="A8853" s="11"/>
      <c r="B8853" s="20"/>
      <c r="C8853" s="2" t="s">
        <v>27153</v>
      </c>
      <c r="D8853" s="14" t="s">
        <v>27154</v>
      </c>
      <c r="E8853" s="2" t="s">
        <v>27155</v>
      </c>
      <c r="F8853" s="2"/>
      <c r="G8853" s="8">
        <v>346</v>
      </c>
      <c r="H8853" s="5">
        <v>10</v>
      </c>
      <c r="I8853" s="5" t="s">
        <v>69</v>
      </c>
      <c r="J8853" s="5" t="s">
        <v>27074</v>
      </c>
      <c r="K8853" s="2" t="s">
        <v>27075</v>
      </c>
      <c r="L8853" s="5" t="s">
        <v>27074</v>
      </c>
      <c r="M8853" s="2" t="s">
        <v>27075</v>
      </c>
      <c r="N8853" s="5" t="s">
        <v>24254</v>
      </c>
      <c r="O8853" s="5" t="s">
        <v>38</v>
      </c>
      <c r="P8853" s="5" t="s">
        <v>39</v>
      </c>
      <c r="Q8853" s="5" t="s">
        <v>40</v>
      </c>
      <c r="R8853" s="5" t="s">
        <v>24340</v>
      </c>
      <c r="S8853" s="5" t="s">
        <v>40</v>
      </c>
      <c r="T8853" s="5" t="s">
        <v>42</v>
      </c>
      <c r="U8853" s="2">
        <v>15.423</v>
      </c>
      <c r="V8853" s="2">
        <v>13.442</v>
      </c>
      <c r="W8853" s="2">
        <v>0.11899999999999999</v>
      </c>
      <c r="X8853" s="2">
        <v>12</v>
      </c>
      <c r="Y8853" s="2">
        <v>62</v>
      </c>
      <c r="Z8853" s="2">
        <v>159.9</v>
      </c>
      <c r="AA8853" s="5">
        <v>20</v>
      </c>
      <c r="AB8853" s="5" t="s">
        <v>43</v>
      </c>
      <c r="AC8853" s="5" t="s">
        <v>44</v>
      </c>
      <c r="AD8853" s="2" t="s">
        <v>27156</v>
      </c>
      <c r="AE8853" s="1"/>
    </row>
    <row r="8854" spans="1:31" ht="14.45">
      <c r="A8854" s="11"/>
      <c r="B8854" s="20"/>
      <c r="C8854" s="2" t="s">
        <v>27157</v>
      </c>
      <c r="D8854" s="14" t="s">
        <v>27158</v>
      </c>
      <c r="E8854" s="2" t="s">
        <v>27159</v>
      </c>
      <c r="F8854" s="2"/>
      <c r="G8854" s="8">
        <v>917</v>
      </c>
      <c r="H8854" s="5">
        <v>10</v>
      </c>
      <c r="I8854" s="5" t="s">
        <v>69</v>
      </c>
      <c r="J8854" s="5" t="s">
        <v>27074</v>
      </c>
      <c r="K8854" s="2" t="s">
        <v>27075</v>
      </c>
      <c r="L8854" s="5" t="s">
        <v>27074</v>
      </c>
      <c r="M8854" s="2" t="s">
        <v>27075</v>
      </c>
      <c r="N8854" s="5" t="s">
        <v>24254</v>
      </c>
      <c r="O8854" s="5" t="s">
        <v>38</v>
      </c>
      <c r="P8854" s="5" t="s">
        <v>39</v>
      </c>
      <c r="Q8854" s="5" t="s">
        <v>40</v>
      </c>
      <c r="R8854" s="5" t="s">
        <v>24340</v>
      </c>
      <c r="S8854" s="5" t="s">
        <v>40</v>
      </c>
      <c r="T8854" s="5" t="s">
        <v>42</v>
      </c>
      <c r="U8854" s="2">
        <v>20.564</v>
      </c>
      <c r="V8854" s="2">
        <v>17.79</v>
      </c>
      <c r="W8854" s="2">
        <v>0.11899999999999999</v>
      </c>
      <c r="X8854" s="2">
        <v>12</v>
      </c>
      <c r="Y8854" s="2">
        <v>62</v>
      </c>
      <c r="Z8854" s="2">
        <v>159.9</v>
      </c>
      <c r="AA8854" s="5">
        <v>20</v>
      </c>
      <c r="AB8854" s="5" t="s">
        <v>43</v>
      </c>
      <c r="AC8854" s="5" t="s">
        <v>44</v>
      </c>
      <c r="AD8854" s="2"/>
      <c r="AE8854" s="1"/>
    </row>
    <row r="8855" spans="1:31" ht="14.45">
      <c r="A8855" s="11"/>
      <c r="B8855" s="20"/>
      <c r="C8855" s="2" t="s">
        <v>27160</v>
      </c>
      <c r="D8855" s="14" t="s">
        <v>27161</v>
      </c>
      <c r="E8855" s="2" t="s">
        <v>27162</v>
      </c>
      <c r="F8855" s="2"/>
      <c r="G8855" s="8">
        <v>1939</v>
      </c>
      <c r="H8855" s="5">
        <v>10</v>
      </c>
      <c r="I8855" s="5" t="s">
        <v>69</v>
      </c>
      <c r="J8855" s="5" t="s">
        <v>27074</v>
      </c>
      <c r="K8855" s="2" t="s">
        <v>27075</v>
      </c>
      <c r="L8855" s="5" t="s">
        <v>27074</v>
      </c>
      <c r="M8855" s="2" t="s">
        <v>27075</v>
      </c>
      <c r="N8855" s="5" t="s">
        <v>24254</v>
      </c>
      <c r="O8855" s="5" t="s">
        <v>38</v>
      </c>
      <c r="P8855" s="5" t="s">
        <v>39</v>
      </c>
      <c r="Q8855" s="5" t="s">
        <v>40</v>
      </c>
      <c r="R8855" s="5" t="s">
        <v>24340</v>
      </c>
      <c r="S8855" s="5" t="s">
        <v>40</v>
      </c>
      <c r="T8855" s="5" t="s">
        <v>42</v>
      </c>
      <c r="U8855" s="2">
        <v>26.088999999999999</v>
      </c>
      <c r="V8855" s="2">
        <v>22.024000000000001</v>
      </c>
      <c r="W8855" s="2">
        <v>0.19700000000000001</v>
      </c>
      <c r="X8855" s="2">
        <v>12</v>
      </c>
      <c r="Y8855" s="2">
        <v>50</v>
      </c>
      <c r="Z8855" s="2">
        <v>328.9</v>
      </c>
      <c r="AA8855" s="5">
        <v>20</v>
      </c>
      <c r="AB8855" s="5" t="s">
        <v>43</v>
      </c>
      <c r="AC8855" s="5" t="s">
        <v>44</v>
      </c>
      <c r="AD8855" s="2"/>
      <c r="AE8855" s="1"/>
    </row>
    <row r="8856" spans="1:31" ht="14.45">
      <c r="A8856" s="11"/>
      <c r="B8856" s="20"/>
      <c r="C8856" s="2" t="s">
        <v>27163</v>
      </c>
      <c r="D8856" s="14" t="s">
        <v>27164</v>
      </c>
      <c r="E8856" s="2" t="s">
        <v>27165</v>
      </c>
      <c r="F8856" s="2"/>
      <c r="G8856" s="8">
        <v>420</v>
      </c>
      <c r="H8856" s="5">
        <v>10</v>
      </c>
      <c r="I8856" s="5" t="s">
        <v>69</v>
      </c>
      <c r="J8856" s="5" t="s">
        <v>27074</v>
      </c>
      <c r="K8856" s="2" t="s">
        <v>27075</v>
      </c>
      <c r="L8856" s="5" t="s">
        <v>27074</v>
      </c>
      <c r="M8856" s="2" t="s">
        <v>27075</v>
      </c>
      <c r="N8856" s="5" t="s">
        <v>24254</v>
      </c>
      <c r="O8856" s="5" t="s">
        <v>38</v>
      </c>
      <c r="P8856" s="5" t="s">
        <v>39</v>
      </c>
      <c r="Q8856" s="5" t="s">
        <v>40</v>
      </c>
      <c r="R8856" s="5" t="s">
        <v>24340</v>
      </c>
      <c r="S8856" s="5" t="s">
        <v>40</v>
      </c>
      <c r="T8856" s="5" t="s">
        <v>42</v>
      </c>
      <c r="U8856" s="2">
        <v>15.6</v>
      </c>
      <c r="V8856" s="2">
        <v>13.619</v>
      </c>
      <c r="W8856" s="2">
        <v>0.11899999999999999</v>
      </c>
      <c r="X8856" s="2">
        <v>12</v>
      </c>
      <c r="Y8856" s="2">
        <v>62</v>
      </c>
      <c r="Z8856" s="2">
        <v>159.9</v>
      </c>
      <c r="AA8856" s="5">
        <v>20</v>
      </c>
      <c r="AB8856" s="5" t="s">
        <v>43</v>
      </c>
      <c r="AC8856" s="5" t="s">
        <v>44</v>
      </c>
      <c r="AD8856" s="2" t="s">
        <v>27166</v>
      </c>
      <c r="AE8856" s="1"/>
    </row>
    <row r="8857" spans="1:31" ht="14.45">
      <c r="A8857" s="11"/>
      <c r="B8857" s="20"/>
      <c r="C8857" s="2" t="s">
        <v>27167</v>
      </c>
      <c r="D8857" s="14" t="s">
        <v>27168</v>
      </c>
      <c r="E8857" s="2" t="s">
        <v>27169</v>
      </c>
      <c r="F8857" s="2"/>
      <c r="G8857" s="8">
        <v>420</v>
      </c>
      <c r="H8857" s="5">
        <v>10</v>
      </c>
      <c r="I8857" s="5" t="s">
        <v>69</v>
      </c>
      <c r="J8857" s="5" t="s">
        <v>27074</v>
      </c>
      <c r="K8857" s="2" t="s">
        <v>27075</v>
      </c>
      <c r="L8857" s="5" t="s">
        <v>27074</v>
      </c>
      <c r="M8857" s="2" t="s">
        <v>27075</v>
      </c>
      <c r="N8857" s="5" t="s">
        <v>24254</v>
      </c>
      <c r="O8857" s="5" t="s">
        <v>38</v>
      </c>
      <c r="P8857" s="5" t="s">
        <v>39</v>
      </c>
      <c r="Q8857" s="5" t="s">
        <v>40</v>
      </c>
      <c r="R8857" s="5" t="s">
        <v>24340</v>
      </c>
      <c r="S8857" s="5" t="s">
        <v>40</v>
      </c>
      <c r="T8857" s="5" t="s">
        <v>42</v>
      </c>
      <c r="U8857" s="2">
        <v>10.226000000000001</v>
      </c>
      <c r="V8857" s="2">
        <v>8.2479999999999993</v>
      </c>
      <c r="W8857" s="2">
        <v>0.11899999999999999</v>
      </c>
      <c r="X8857" s="2">
        <v>12</v>
      </c>
      <c r="Y8857" s="2">
        <v>62</v>
      </c>
      <c r="Z8857" s="2">
        <v>159.9</v>
      </c>
      <c r="AA8857" s="5">
        <v>20</v>
      </c>
      <c r="AB8857" s="5" t="s">
        <v>43</v>
      </c>
      <c r="AC8857" s="5" t="s">
        <v>44</v>
      </c>
      <c r="AD8857" s="2" t="s">
        <v>27166</v>
      </c>
      <c r="AE8857" s="1"/>
    </row>
    <row r="8858" spans="1:31" ht="14.45">
      <c r="A8858" s="11"/>
      <c r="B8858" s="20"/>
      <c r="C8858" s="2" t="s">
        <v>27170</v>
      </c>
      <c r="D8858" s="14" t="s">
        <v>27171</v>
      </c>
      <c r="E8858" s="2" t="s">
        <v>27172</v>
      </c>
      <c r="F8858" s="2"/>
      <c r="G8858" s="8">
        <v>420</v>
      </c>
      <c r="H8858" s="5">
        <v>10</v>
      </c>
      <c r="I8858" s="5" t="s">
        <v>69</v>
      </c>
      <c r="J8858" s="5" t="s">
        <v>27074</v>
      </c>
      <c r="K8858" s="2" t="s">
        <v>27075</v>
      </c>
      <c r="L8858" s="5" t="s">
        <v>27074</v>
      </c>
      <c r="M8858" s="2" t="s">
        <v>27075</v>
      </c>
      <c r="N8858" s="5" t="s">
        <v>24254</v>
      </c>
      <c r="O8858" s="5" t="s">
        <v>38</v>
      </c>
      <c r="P8858" s="5" t="s">
        <v>39</v>
      </c>
      <c r="Q8858" s="5" t="s">
        <v>40</v>
      </c>
      <c r="R8858" s="5" t="s">
        <v>24340</v>
      </c>
      <c r="S8858" s="5" t="s">
        <v>40</v>
      </c>
      <c r="T8858" s="5" t="s">
        <v>42</v>
      </c>
      <c r="U8858" s="2">
        <v>9.9749999999999996</v>
      </c>
      <c r="V8858" s="2">
        <v>8.0280000000000005</v>
      </c>
      <c r="W8858" s="2">
        <v>0.11899999999999999</v>
      </c>
      <c r="X8858" s="2">
        <v>12</v>
      </c>
      <c r="Y8858" s="2">
        <v>62</v>
      </c>
      <c r="Z8858" s="2">
        <v>159.9</v>
      </c>
      <c r="AA8858" s="5">
        <v>20</v>
      </c>
      <c r="AB8858" s="5" t="s">
        <v>43</v>
      </c>
      <c r="AC8858" s="5" t="s">
        <v>44</v>
      </c>
      <c r="AD8858" s="2" t="s">
        <v>27156</v>
      </c>
      <c r="AE8858" s="1"/>
    </row>
    <row r="8859" spans="1:31" ht="14.45">
      <c r="A8859" s="11"/>
      <c r="B8859" s="20"/>
      <c r="C8859" s="2" t="s">
        <v>27173</v>
      </c>
      <c r="D8859" s="14" t="s">
        <v>27174</v>
      </c>
      <c r="E8859" s="2" t="s">
        <v>27175</v>
      </c>
      <c r="F8859" s="2"/>
      <c r="G8859" s="8">
        <v>346</v>
      </c>
      <c r="H8859" s="5">
        <v>10</v>
      </c>
      <c r="I8859" s="5" t="s">
        <v>69</v>
      </c>
      <c r="J8859" s="5" t="s">
        <v>27074</v>
      </c>
      <c r="K8859" s="2" t="s">
        <v>27075</v>
      </c>
      <c r="L8859" s="5" t="s">
        <v>27074</v>
      </c>
      <c r="M8859" s="2" t="s">
        <v>27075</v>
      </c>
      <c r="N8859" s="5" t="s">
        <v>24254</v>
      </c>
      <c r="O8859" s="5" t="s">
        <v>38</v>
      </c>
      <c r="P8859" s="5" t="s">
        <v>39</v>
      </c>
      <c r="Q8859" s="5" t="s">
        <v>40</v>
      </c>
      <c r="R8859" s="5" t="s">
        <v>25301</v>
      </c>
      <c r="S8859" s="5" t="s">
        <v>40</v>
      </c>
      <c r="T8859" s="5" t="s">
        <v>42</v>
      </c>
      <c r="U8859" s="2">
        <v>12.848000000000001</v>
      </c>
      <c r="V8859" s="2">
        <v>10.867000000000001</v>
      </c>
      <c r="W8859" s="2">
        <v>0.11899999999999999</v>
      </c>
      <c r="X8859" s="2">
        <v>12</v>
      </c>
      <c r="Y8859" s="2">
        <v>62</v>
      </c>
      <c r="Z8859" s="2">
        <v>159.9</v>
      </c>
      <c r="AA8859" s="5">
        <v>20</v>
      </c>
      <c r="AB8859" s="5" t="s">
        <v>43</v>
      </c>
      <c r="AC8859" s="5" t="s">
        <v>44</v>
      </c>
      <c r="AD8859" s="2" t="s">
        <v>27176</v>
      </c>
      <c r="AE8859" s="1"/>
    </row>
    <row r="8860" spans="1:31" ht="14.45">
      <c r="A8860" s="11"/>
      <c r="B8860" s="20"/>
      <c r="C8860" s="2" t="s">
        <v>27177</v>
      </c>
      <c r="D8860" s="14" t="s">
        <v>27178</v>
      </c>
      <c r="E8860" s="2" t="s">
        <v>27179</v>
      </c>
      <c r="F8860" s="2"/>
      <c r="G8860" s="8">
        <v>917</v>
      </c>
      <c r="H8860" s="5">
        <v>10</v>
      </c>
      <c r="I8860" s="5" t="s">
        <v>69</v>
      </c>
      <c r="J8860" s="5" t="s">
        <v>27074</v>
      </c>
      <c r="K8860" s="2" t="s">
        <v>27075</v>
      </c>
      <c r="L8860" s="5" t="s">
        <v>27074</v>
      </c>
      <c r="M8860" s="2" t="s">
        <v>27075</v>
      </c>
      <c r="N8860" s="5" t="s">
        <v>24254</v>
      </c>
      <c r="O8860" s="5" t="s">
        <v>38</v>
      </c>
      <c r="P8860" s="5" t="s">
        <v>39</v>
      </c>
      <c r="Q8860" s="5" t="s">
        <v>40</v>
      </c>
      <c r="R8860" s="5" t="s">
        <v>25301</v>
      </c>
      <c r="S8860" s="5" t="s">
        <v>40</v>
      </c>
      <c r="T8860" s="5" t="s">
        <v>42</v>
      </c>
      <c r="U8860" s="2">
        <v>17.437000000000001</v>
      </c>
      <c r="V8860" s="2">
        <v>14.663</v>
      </c>
      <c r="W8860" s="2">
        <v>0.11899999999999999</v>
      </c>
      <c r="X8860" s="2">
        <v>12</v>
      </c>
      <c r="Y8860" s="2">
        <v>62</v>
      </c>
      <c r="Z8860" s="2">
        <v>159.9</v>
      </c>
      <c r="AA8860" s="5">
        <v>20</v>
      </c>
      <c r="AB8860" s="5" t="s">
        <v>43</v>
      </c>
      <c r="AC8860" s="5" t="s">
        <v>44</v>
      </c>
      <c r="AD8860" s="2"/>
      <c r="AE8860" s="1"/>
    </row>
    <row r="8861" spans="1:31" ht="14.45">
      <c r="A8861" s="11"/>
      <c r="B8861" s="20"/>
      <c r="C8861" s="2" t="s">
        <v>27180</v>
      </c>
      <c r="D8861" s="14" t="s">
        <v>27181</v>
      </c>
      <c r="E8861" s="2" t="s">
        <v>27182</v>
      </c>
      <c r="F8861" s="2"/>
      <c r="G8861" s="8">
        <v>1939</v>
      </c>
      <c r="H8861" s="5">
        <v>10</v>
      </c>
      <c r="I8861" s="5" t="s">
        <v>69</v>
      </c>
      <c r="J8861" s="5" t="s">
        <v>27074</v>
      </c>
      <c r="K8861" s="2" t="s">
        <v>27075</v>
      </c>
      <c r="L8861" s="5" t="s">
        <v>27074</v>
      </c>
      <c r="M8861" s="2" t="s">
        <v>27075</v>
      </c>
      <c r="N8861" s="5" t="s">
        <v>24254</v>
      </c>
      <c r="O8861" s="5" t="s">
        <v>38</v>
      </c>
      <c r="P8861" s="5" t="s">
        <v>39</v>
      </c>
      <c r="Q8861" s="5" t="s">
        <v>40</v>
      </c>
      <c r="R8861" s="5" t="s">
        <v>25301</v>
      </c>
      <c r="S8861" s="5" t="s">
        <v>40</v>
      </c>
      <c r="T8861" s="5" t="s">
        <v>42</v>
      </c>
      <c r="U8861" s="2">
        <v>22.41</v>
      </c>
      <c r="V8861" s="2">
        <v>18.344999999999999</v>
      </c>
      <c r="W8861" s="2">
        <v>0.19700000000000001</v>
      </c>
      <c r="X8861" s="2">
        <v>12</v>
      </c>
      <c r="Y8861" s="2">
        <v>50</v>
      </c>
      <c r="Z8861" s="2">
        <v>328.9</v>
      </c>
      <c r="AA8861" s="5">
        <v>20</v>
      </c>
      <c r="AB8861" s="5" t="s">
        <v>43</v>
      </c>
      <c r="AC8861" s="5" t="s">
        <v>44</v>
      </c>
      <c r="AD8861" s="2"/>
      <c r="AE8861" s="1"/>
    </row>
    <row r="8862" spans="1:31" ht="14.45">
      <c r="A8862" s="11"/>
      <c r="B8862" s="20"/>
      <c r="C8862" s="2" t="s">
        <v>27183</v>
      </c>
      <c r="D8862" s="14" t="s">
        <v>27184</v>
      </c>
      <c r="E8862" s="2" t="s">
        <v>27185</v>
      </c>
      <c r="F8862" s="2"/>
      <c r="G8862" s="8">
        <v>420</v>
      </c>
      <c r="H8862" s="5">
        <v>10</v>
      </c>
      <c r="I8862" s="5" t="s">
        <v>69</v>
      </c>
      <c r="J8862" s="5" t="s">
        <v>27074</v>
      </c>
      <c r="K8862" s="2" t="s">
        <v>27075</v>
      </c>
      <c r="L8862" s="5" t="s">
        <v>27074</v>
      </c>
      <c r="M8862" s="2" t="s">
        <v>27075</v>
      </c>
      <c r="N8862" s="5" t="s">
        <v>24254</v>
      </c>
      <c r="O8862" s="5" t="s">
        <v>38</v>
      </c>
      <c r="P8862" s="5" t="s">
        <v>39</v>
      </c>
      <c r="Q8862" s="5" t="s">
        <v>40</v>
      </c>
      <c r="R8862" s="5" t="s">
        <v>25301</v>
      </c>
      <c r="S8862" s="5" t="s">
        <v>40</v>
      </c>
      <c r="T8862" s="5" t="s">
        <v>42</v>
      </c>
      <c r="U8862" s="2">
        <v>13.628</v>
      </c>
      <c r="V8862" s="2">
        <v>11.647</v>
      </c>
      <c r="W8862" s="2">
        <v>0.11899999999999999</v>
      </c>
      <c r="X8862" s="2">
        <v>12</v>
      </c>
      <c r="Y8862" s="2">
        <v>62</v>
      </c>
      <c r="Z8862" s="2">
        <v>159.9</v>
      </c>
      <c r="AA8862" s="5">
        <v>20</v>
      </c>
      <c r="AB8862" s="5" t="s">
        <v>43</v>
      </c>
      <c r="AC8862" s="5" t="s">
        <v>44</v>
      </c>
      <c r="AD8862" s="2" t="s">
        <v>27186</v>
      </c>
      <c r="AE8862" s="1"/>
    </row>
    <row r="8863" spans="1:31" ht="14.45">
      <c r="A8863" s="11"/>
      <c r="B8863" s="20"/>
      <c r="C8863" s="2" t="s">
        <v>27187</v>
      </c>
      <c r="D8863" s="14" t="s">
        <v>27188</v>
      </c>
      <c r="E8863" s="2" t="s">
        <v>27189</v>
      </c>
      <c r="F8863" s="2"/>
      <c r="G8863" s="8">
        <v>420</v>
      </c>
      <c r="H8863" s="5">
        <v>10</v>
      </c>
      <c r="I8863" s="5" t="s">
        <v>69</v>
      </c>
      <c r="J8863" s="5" t="s">
        <v>27074</v>
      </c>
      <c r="K8863" s="2" t="s">
        <v>27075</v>
      </c>
      <c r="L8863" s="5" t="s">
        <v>27074</v>
      </c>
      <c r="M8863" s="2" t="s">
        <v>27075</v>
      </c>
      <c r="N8863" s="5" t="s">
        <v>24254</v>
      </c>
      <c r="O8863" s="5" t="s">
        <v>38</v>
      </c>
      <c r="P8863" s="5" t="s">
        <v>39</v>
      </c>
      <c r="Q8863" s="5" t="s">
        <v>40</v>
      </c>
      <c r="R8863" s="5" t="s">
        <v>25301</v>
      </c>
      <c r="S8863" s="5" t="s">
        <v>40</v>
      </c>
      <c r="T8863" s="5" t="s">
        <v>42</v>
      </c>
      <c r="U8863" s="2">
        <v>9.4649999999999999</v>
      </c>
      <c r="V8863" s="2">
        <v>7.4870000000000001</v>
      </c>
      <c r="W8863" s="2">
        <v>0.11899999999999999</v>
      </c>
      <c r="X8863" s="2">
        <v>12</v>
      </c>
      <c r="Y8863" s="2">
        <v>62</v>
      </c>
      <c r="Z8863" s="2">
        <v>159.9</v>
      </c>
      <c r="AA8863" s="5">
        <v>20</v>
      </c>
      <c r="AB8863" s="5" t="s">
        <v>43</v>
      </c>
      <c r="AC8863" s="5" t="s">
        <v>44</v>
      </c>
      <c r="AD8863" s="2" t="s">
        <v>27186</v>
      </c>
      <c r="AE8863" s="1"/>
    </row>
    <row r="8864" spans="1:31" ht="14.45">
      <c r="A8864" s="11"/>
      <c r="B8864" s="20"/>
      <c r="C8864" s="2" t="s">
        <v>27190</v>
      </c>
      <c r="D8864" s="14" t="s">
        <v>27191</v>
      </c>
      <c r="E8864" s="2" t="s">
        <v>27192</v>
      </c>
      <c r="F8864" s="2"/>
      <c r="G8864" s="8">
        <v>420</v>
      </c>
      <c r="H8864" s="5">
        <v>10</v>
      </c>
      <c r="I8864" s="5" t="s">
        <v>69</v>
      </c>
      <c r="J8864" s="5" t="s">
        <v>27074</v>
      </c>
      <c r="K8864" s="2" t="s">
        <v>27075</v>
      </c>
      <c r="L8864" s="5" t="s">
        <v>27074</v>
      </c>
      <c r="M8864" s="2" t="s">
        <v>27075</v>
      </c>
      <c r="N8864" s="5" t="s">
        <v>24254</v>
      </c>
      <c r="O8864" s="5" t="s">
        <v>38</v>
      </c>
      <c r="P8864" s="5" t="s">
        <v>39</v>
      </c>
      <c r="Q8864" s="5" t="s">
        <v>40</v>
      </c>
      <c r="R8864" s="5" t="s">
        <v>25301</v>
      </c>
      <c r="S8864" s="5" t="s">
        <v>40</v>
      </c>
      <c r="T8864" s="5" t="s">
        <v>42</v>
      </c>
      <c r="U8864" s="2">
        <v>8.5449999999999999</v>
      </c>
      <c r="V8864" s="2">
        <v>6.5979999999999999</v>
      </c>
      <c r="W8864" s="2">
        <v>0.11899999999999999</v>
      </c>
      <c r="X8864" s="2">
        <v>12</v>
      </c>
      <c r="Y8864" s="2">
        <v>62</v>
      </c>
      <c r="Z8864" s="2">
        <v>159.9</v>
      </c>
      <c r="AA8864" s="5">
        <v>20</v>
      </c>
      <c r="AB8864" s="5" t="s">
        <v>43</v>
      </c>
      <c r="AC8864" s="5" t="s">
        <v>44</v>
      </c>
      <c r="AD8864" s="2" t="s">
        <v>27176</v>
      </c>
      <c r="AE8864" s="1"/>
    </row>
    <row r="8865" spans="1:31" ht="14.45">
      <c r="A8865" s="11"/>
      <c r="B8865" s="20"/>
      <c r="C8865" s="2" t="s">
        <v>27193</v>
      </c>
      <c r="D8865" s="14" t="s">
        <v>27194</v>
      </c>
      <c r="E8865" s="2" t="s">
        <v>27195</v>
      </c>
      <c r="F8865" s="2"/>
      <c r="G8865" s="8">
        <v>192</v>
      </c>
      <c r="H8865" s="5">
        <v>5</v>
      </c>
      <c r="I8865" s="5" t="s">
        <v>69</v>
      </c>
      <c r="J8865" s="5" t="s">
        <v>27074</v>
      </c>
      <c r="K8865" s="2" t="s">
        <v>27075</v>
      </c>
      <c r="L8865" s="5" t="s">
        <v>27074</v>
      </c>
      <c r="M8865" s="2" t="s">
        <v>27075</v>
      </c>
      <c r="N8865" s="5" t="s">
        <v>24254</v>
      </c>
      <c r="O8865" s="5" t="s">
        <v>38</v>
      </c>
      <c r="P8865" s="5" t="s">
        <v>39</v>
      </c>
      <c r="Q8865" s="5" t="s">
        <v>40</v>
      </c>
      <c r="R8865" s="5" t="s">
        <v>24335</v>
      </c>
      <c r="S8865" s="5" t="s">
        <v>40</v>
      </c>
      <c r="T8865" s="5" t="s">
        <v>42</v>
      </c>
      <c r="U8865" s="2">
        <v>8.3030000000000008</v>
      </c>
      <c r="V8865" s="2">
        <v>6.3209999999999997</v>
      </c>
      <c r="W8865" s="2">
        <v>0.11899999999999999</v>
      </c>
      <c r="X8865" s="2">
        <v>12</v>
      </c>
      <c r="Y8865" s="2">
        <v>62</v>
      </c>
      <c r="Z8865" s="2">
        <v>159.9</v>
      </c>
      <c r="AA8865" s="5">
        <v>20</v>
      </c>
      <c r="AB8865" s="5" t="s">
        <v>43</v>
      </c>
      <c r="AC8865" s="5" t="s">
        <v>44</v>
      </c>
      <c r="AD8865" s="2" t="s">
        <v>27196</v>
      </c>
      <c r="AE8865" s="1"/>
    </row>
    <row r="8866" spans="1:31" ht="14.45">
      <c r="A8866" s="11"/>
      <c r="B8866" s="20"/>
      <c r="C8866" s="2" t="s">
        <v>27197</v>
      </c>
      <c r="D8866" s="14" t="s">
        <v>27198</v>
      </c>
      <c r="E8866" s="2" t="s">
        <v>27199</v>
      </c>
      <c r="F8866" s="2"/>
      <c r="G8866" s="8">
        <v>609</v>
      </c>
      <c r="H8866" s="5">
        <v>10</v>
      </c>
      <c r="I8866" s="5" t="s">
        <v>69</v>
      </c>
      <c r="J8866" s="5" t="s">
        <v>27074</v>
      </c>
      <c r="K8866" s="2" t="s">
        <v>27075</v>
      </c>
      <c r="L8866" s="5" t="s">
        <v>27074</v>
      </c>
      <c r="M8866" s="2" t="s">
        <v>27075</v>
      </c>
      <c r="N8866" s="5" t="s">
        <v>24254</v>
      </c>
      <c r="O8866" s="5" t="s">
        <v>38</v>
      </c>
      <c r="P8866" s="5" t="s">
        <v>39</v>
      </c>
      <c r="Q8866" s="5" t="s">
        <v>40</v>
      </c>
      <c r="R8866" s="5" t="s">
        <v>24335</v>
      </c>
      <c r="S8866" s="5" t="s">
        <v>40</v>
      </c>
      <c r="T8866" s="5" t="s">
        <v>42</v>
      </c>
      <c r="U8866" s="2">
        <v>11.385</v>
      </c>
      <c r="V8866" s="2">
        <v>8.61</v>
      </c>
      <c r="W8866" s="2">
        <v>0.11899999999999999</v>
      </c>
      <c r="X8866" s="2">
        <v>12</v>
      </c>
      <c r="Y8866" s="2">
        <v>62</v>
      </c>
      <c r="Z8866" s="2">
        <v>159.9</v>
      </c>
      <c r="AA8866" s="5">
        <v>20</v>
      </c>
      <c r="AB8866" s="5" t="s">
        <v>43</v>
      </c>
      <c r="AC8866" s="5" t="s">
        <v>44</v>
      </c>
      <c r="AD8866" s="2"/>
      <c r="AE8866" s="1"/>
    </row>
    <row r="8867" spans="1:31" ht="14.45">
      <c r="A8867" s="11"/>
      <c r="B8867" s="20"/>
      <c r="C8867" s="2" t="s">
        <v>27200</v>
      </c>
      <c r="D8867" s="14" t="s">
        <v>27201</v>
      </c>
      <c r="E8867" s="2" t="s">
        <v>27202</v>
      </c>
      <c r="F8867" s="2"/>
      <c r="G8867" s="8">
        <v>1477</v>
      </c>
      <c r="H8867" s="5">
        <v>10</v>
      </c>
      <c r="I8867" s="5" t="s">
        <v>69</v>
      </c>
      <c r="J8867" s="5" t="s">
        <v>27074</v>
      </c>
      <c r="K8867" s="2" t="s">
        <v>27075</v>
      </c>
      <c r="L8867" s="5" t="s">
        <v>27074</v>
      </c>
      <c r="M8867" s="2" t="s">
        <v>27075</v>
      </c>
      <c r="N8867" s="5" t="s">
        <v>24254</v>
      </c>
      <c r="O8867" s="5" t="s">
        <v>38</v>
      </c>
      <c r="P8867" s="5" t="s">
        <v>39</v>
      </c>
      <c r="Q8867" s="5" t="s">
        <v>40</v>
      </c>
      <c r="R8867" s="5" t="s">
        <v>24335</v>
      </c>
      <c r="S8867" s="5" t="s">
        <v>40</v>
      </c>
      <c r="T8867" s="5" t="s">
        <v>42</v>
      </c>
      <c r="U8867" s="2">
        <v>14.882</v>
      </c>
      <c r="V8867" s="2">
        <v>10.816000000000001</v>
      </c>
      <c r="W8867" s="2">
        <v>0.19700000000000001</v>
      </c>
      <c r="X8867" s="2">
        <v>12</v>
      </c>
      <c r="Y8867" s="2">
        <v>50</v>
      </c>
      <c r="Z8867" s="2">
        <v>328.9</v>
      </c>
      <c r="AA8867" s="5">
        <v>20</v>
      </c>
      <c r="AB8867" s="5" t="s">
        <v>43</v>
      </c>
      <c r="AC8867" s="5" t="s">
        <v>44</v>
      </c>
      <c r="AD8867" s="2"/>
      <c r="AE8867" s="1"/>
    </row>
    <row r="8868" spans="1:31" ht="14.45">
      <c r="A8868" s="11"/>
      <c r="B8868" s="20"/>
      <c r="C8868" s="2" t="s">
        <v>27203</v>
      </c>
      <c r="D8868" s="14" t="s">
        <v>27204</v>
      </c>
      <c r="E8868" s="2" t="s">
        <v>27205</v>
      </c>
      <c r="F8868" s="2"/>
      <c r="G8868" s="8">
        <v>266</v>
      </c>
      <c r="H8868" s="5">
        <v>5</v>
      </c>
      <c r="I8868" s="5" t="s">
        <v>69</v>
      </c>
      <c r="J8868" s="5" t="s">
        <v>27074</v>
      </c>
      <c r="K8868" s="2" t="s">
        <v>27075</v>
      </c>
      <c r="L8868" s="5" t="s">
        <v>27074</v>
      </c>
      <c r="M8868" s="2" t="s">
        <v>27075</v>
      </c>
      <c r="N8868" s="5" t="s">
        <v>24254</v>
      </c>
      <c r="O8868" s="5" t="s">
        <v>38</v>
      </c>
      <c r="P8868" s="5" t="s">
        <v>39</v>
      </c>
      <c r="Q8868" s="5" t="s">
        <v>40</v>
      </c>
      <c r="R8868" s="5" t="s">
        <v>24335</v>
      </c>
      <c r="S8868" s="5" t="s">
        <v>40</v>
      </c>
      <c r="T8868" s="5" t="s">
        <v>42</v>
      </c>
      <c r="U8868" s="2">
        <v>8.9220000000000006</v>
      </c>
      <c r="V8868" s="2">
        <v>6.94</v>
      </c>
      <c r="W8868" s="2">
        <v>0.11899999999999999</v>
      </c>
      <c r="X8868" s="2">
        <v>12</v>
      </c>
      <c r="Y8868" s="2">
        <v>62</v>
      </c>
      <c r="Z8868" s="2">
        <v>159.9</v>
      </c>
      <c r="AA8868" s="5">
        <v>20</v>
      </c>
      <c r="AB8868" s="5" t="s">
        <v>43</v>
      </c>
      <c r="AC8868" s="5" t="s">
        <v>44</v>
      </c>
      <c r="AD8868" s="2" t="s">
        <v>27206</v>
      </c>
      <c r="AE8868" s="1"/>
    </row>
    <row r="8869" spans="1:31" ht="14.45">
      <c r="A8869" s="11"/>
      <c r="B8869" s="20"/>
      <c r="C8869" s="2" t="s">
        <v>27207</v>
      </c>
      <c r="D8869" s="14" t="s">
        <v>27208</v>
      </c>
      <c r="E8869" s="2" t="s">
        <v>27209</v>
      </c>
      <c r="F8869" s="2"/>
      <c r="G8869" s="8">
        <v>266</v>
      </c>
      <c r="H8869" s="5">
        <v>10</v>
      </c>
      <c r="I8869" s="5" t="s">
        <v>69</v>
      </c>
      <c r="J8869" s="5" t="s">
        <v>27074</v>
      </c>
      <c r="K8869" s="2" t="s">
        <v>27075</v>
      </c>
      <c r="L8869" s="5" t="s">
        <v>27074</v>
      </c>
      <c r="M8869" s="2" t="s">
        <v>27075</v>
      </c>
      <c r="N8869" s="5" t="s">
        <v>24254</v>
      </c>
      <c r="O8869" s="5" t="s">
        <v>38</v>
      </c>
      <c r="P8869" s="5" t="s">
        <v>39</v>
      </c>
      <c r="Q8869" s="5" t="s">
        <v>40</v>
      </c>
      <c r="R8869" s="5" t="s">
        <v>24335</v>
      </c>
      <c r="S8869" s="5" t="s">
        <v>40</v>
      </c>
      <c r="T8869" s="5" t="s">
        <v>42</v>
      </c>
      <c r="U8869" s="2">
        <v>5.7949999999999999</v>
      </c>
      <c r="V8869" s="2">
        <v>3.8170000000000002</v>
      </c>
      <c r="W8869" s="2">
        <v>0.11899999999999999</v>
      </c>
      <c r="X8869" s="2">
        <v>12</v>
      </c>
      <c r="Y8869" s="2">
        <v>62</v>
      </c>
      <c r="Z8869" s="2">
        <v>159.9</v>
      </c>
      <c r="AA8869" s="5">
        <v>20</v>
      </c>
      <c r="AB8869" s="5" t="s">
        <v>43</v>
      </c>
      <c r="AC8869" s="5" t="s">
        <v>44</v>
      </c>
      <c r="AD8869" s="2" t="s">
        <v>27206</v>
      </c>
      <c r="AE8869" s="1"/>
    </row>
    <row r="8870" spans="1:31" ht="14.45">
      <c r="A8870" s="11"/>
      <c r="B8870" s="20"/>
      <c r="C8870" s="2" t="s">
        <v>27210</v>
      </c>
      <c r="D8870" s="14" t="s">
        <v>27211</v>
      </c>
      <c r="E8870" s="2" t="s">
        <v>27212</v>
      </c>
      <c r="F8870" s="2"/>
      <c r="G8870" s="8">
        <v>266</v>
      </c>
      <c r="H8870" s="5">
        <v>5</v>
      </c>
      <c r="I8870" s="5" t="s">
        <v>69</v>
      </c>
      <c r="J8870" s="5" t="s">
        <v>27074</v>
      </c>
      <c r="K8870" s="2" t="s">
        <v>27075</v>
      </c>
      <c r="L8870" s="5" t="s">
        <v>27074</v>
      </c>
      <c r="M8870" s="2" t="s">
        <v>27075</v>
      </c>
      <c r="N8870" s="5" t="s">
        <v>24254</v>
      </c>
      <c r="O8870" s="5" t="s">
        <v>38</v>
      </c>
      <c r="P8870" s="5" t="s">
        <v>39</v>
      </c>
      <c r="Q8870" s="5" t="s">
        <v>40</v>
      </c>
      <c r="R8870" s="5" t="s">
        <v>24335</v>
      </c>
      <c r="S8870" s="5" t="s">
        <v>40</v>
      </c>
      <c r="T8870" s="5" t="s">
        <v>42</v>
      </c>
      <c r="U8870" s="2">
        <v>5.8159999999999998</v>
      </c>
      <c r="V8870" s="2">
        <v>3.8679999999999999</v>
      </c>
      <c r="W8870" s="2">
        <v>0.11899999999999999</v>
      </c>
      <c r="X8870" s="2">
        <v>12</v>
      </c>
      <c r="Y8870" s="2">
        <v>62</v>
      </c>
      <c r="Z8870" s="2">
        <v>159.9</v>
      </c>
      <c r="AA8870" s="5">
        <v>20</v>
      </c>
      <c r="AB8870" s="5" t="s">
        <v>43</v>
      </c>
      <c r="AC8870" s="5" t="s">
        <v>44</v>
      </c>
      <c r="AD8870" s="2" t="s">
        <v>27196</v>
      </c>
      <c r="AE8870" s="1"/>
    </row>
    <row r="8871" spans="1:31" ht="14.45">
      <c r="A8871" s="11"/>
      <c r="B8871" s="20"/>
      <c r="C8871" s="2" t="s">
        <v>27213</v>
      </c>
      <c r="D8871" s="14" t="s">
        <v>27214</v>
      </c>
      <c r="E8871" s="2" t="s">
        <v>27215</v>
      </c>
      <c r="F8871" s="2"/>
      <c r="G8871" s="8">
        <v>346</v>
      </c>
      <c r="H8871" s="5">
        <v>10</v>
      </c>
      <c r="I8871" s="5" t="s">
        <v>69</v>
      </c>
      <c r="J8871" s="5" t="s">
        <v>27074</v>
      </c>
      <c r="K8871" s="2" t="s">
        <v>27075</v>
      </c>
      <c r="L8871" s="5" t="s">
        <v>27074</v>
      </c>
      <c r="M8871" s="2" t="s">
        <v>27075</v>
      </c>
      <c r="N8871" s="5" t="s">
        <v>24254</v>
      </c>
      <c r="O8871" s="5" t="s">
        <v>38</v>
      </c>
      <c r="P8871" s="5" t="s">
        <v>39</v>
      </c>
      <c r="Q8871" s="5" t="s">
        <v>40</v>
      </c>
      <c r="R8871" s="5" t="s">
        <v>24340</v>
      </c>
      <c r="S8871" s="5" t="s">
        <v>40</v>
      </c>
      <c r="T8871" s="5" t="s">
        <v>42</v>
      </c>
      <c r="U8871" s="2">
        <v>15.138999999999999</v>
      </c>
      <c r="V8871" s="2">
        <v>13.157999999999999</v>
      </c>
      <c r="W8871" s="2">
        <v>0.11899999999999999</v>
      </c>
      <c r="X8871" s="2">
        <v>12</v>
      </c>
      <c r="Y8871" s="2">
        <v>62</v>
      </c>
      <c r="Z8871" s="2">
        <v>159.9</v>
      </c>
      <c r="AA8871" s="5">
        <v>20</v>
      </c>
      <c r="AB8871" s="5" t="s">
        <v>43</v>
      </c>
      <c r="AC8871" s="5" t="s">
        <v>44</v>
      </c>
      <c r="AD8871" s="2" t="s">
        <v>27216</v>
      </c>
      <c r="AE8871" s="1"/>
    </row>
    <row r="8872" spans="1:31" ht="14.45">
      <c r="A8872" s="11"/>
      <c r="B8872" s="20"/>
      <c r="C8872" s="2" t="s">
        <v>27217</v>
      </c>
      <c r="D8872" s="14" t="s">
        <v>27218</v>
      </c>
      <c r="E8872" s="2" t="s">
        <v>27219</v>
      </c>
      <c r="F8872" s="2"/>
      <c r="G8872" s="8">
        <v>917</v>
      </c>
      <c r="H8872" s="5">
        <v>10</v>
      </c>
      <c r="I8872" s="5" t="s">
        <v>69</v>
      </c>
      <c r="J8872" s="5" t="s">
        <v>27074</v>
      </c>
      <c r="K8872" s="2" t="s">
        <v>27075</v>
      </c>
      <c r="L8872" s="5" t="s">
        <v>27074</v>
      </c>
      <c r="M8872" s="2" t="s">
        <v>27075</v>
      </c>
      <c r="N8872" s="5" t="s">
        <v>24254</v>
      </c>
      <c r="O8872" s="5" t="s">
        <v>38</v>
      </c>
      <c r="P8872" s="5" t="s">
        <v>39</v>
      </c>
      <c r="Q8872" s="5" t="s">
        <v>40</v>
      </c>
      <c r="R8872" s="5" t="s">
        <v>24340</v>
      </c>
      <c r="S8872" s="5" t="s">
        <v>40</v>
      </c>
      <c r="T8872" s="5" t="s">
        <v>42</v>
      </c>
      <c r="U8872" s="2">
        <v>20.469000000000001</v>
      </c>
      <c r="V8872" s="2">
        <v>17.695</v>
      </c>
      <c r="W8872" s="2">
        <v>0.11899999999999999</v>
      </c>
      <c r="X8872" s="2">
        <v>12</v>
      </c>
      <c r="Y8872" s="2">
        <v>62</v>
      </c>
      <c r="Z8872" s="2">
        <v>159.9</v>
      </c>
      <c r="AA8872" s="5">
        <v>20</v>
      </c>
      <c r="AB8872" s="5" t="s">
        <v>43</v>
      </c>
      <c r="AC8872" s="5" t="s">
        <v>44</v>
      </c>
      <c r="AD8872" s="2"/>
      <c r="AE8872" s="1"/>
    </row>
    <row r="8873" spans="1:31" ht="14.45">
      <c r="A8873" s="11"/>
      <c r="B8873" s="20"/>
      <c r="C8873" s="2" t="s">
        <v>27220</v>
      </c>
      <c r="D8873" s="14" t="s">
        <v>27221</v>
      </c>
      <c r="E8873" s="2" t="s">
        <v>27222</v>
      </c>
      <c r="F8873" s="2"/>
      <c r="G8873" s="8">
        <v>1939</v>
      </c>
      <c r="H8873" s="5">
        <v>10</v>
      </c>
      <c r="I8873" s="5" t="s">
        <v>69</v>
      </c>
      <c r="J8873" s="5" t="s">
        <v>27074</v>
      </c>
      <c r="K8873" s="2" t="s">
        <v>27075</v>
      </c>
      <c r="L8873" s="5" t="s">
        <v>27074</v>
      </c>
      <c r="M8873" s="2" t="s">
        <v>27075</v>
      </c>
      <c r="N8873" s="5" t="s">
        <v>24254</v>
      </c>
      <c r="O8873" s="5" t="s">
        <v>38</v>
      </c>
      <c r="P8873" s="5" t="s">
        <v>39</v>
      </c>
      <c r="Q8873" s="5" t="s">
        <v>40</v>
      </c>
      <c r="R8873" s="5" t="s">
        <v>24340</v>
      </c>
      <c r="S8873" s="5" t="s">
        <v>40</v>
      </c>
      <c r="T8873" s="5" t="s">
        <v>42</v>
      </c>
      <c r="U8873" s="2">
        <v>26.282</v>
      </c>
      <c r="V8873" s="2">
        <v>22.216999999999999</v>
      </c>
      <c r="W8873" s="2">
        <v>0.19700000000000001</v>
      </c>
      <c r="X8873" s="2">
        <v>12</v>
      </c>
      <c r="Y8873" s="2">
        <v>50</v>
      </c>
      <c r="Z8873" s="2">
        <v>328.9</v>
      </c>
      <c r="AA8873" s="5">
        <v>20</v>
      </c>
      <c r="AB8873" s="5" t="s">
        <v>43</v>
      </c>
      <c r="AC8873" s="5" t="s">
        <v>44</v>
      </c>
      <c r="AD8873" s="2"/>
      <c r="AE8873" s="1"/>
    </row>
    <row r="8874" spans="1:31" ht="14.45">
      <c r="A8874" s="11"/>
      <c r="B8874" s="20"/>
      <c r="C8874" s="2" t="s">
        <v>27223</v>
      </c>
      <c r="D8874" s="14" t="s">
        <v>27224</v>
      </c>
      <c r="E8874" s="2" t="s">
        <v>27225</v>
      </c>
      <c r="F8874" s="2"/>
      <c r="G8874" s="8">
        <v>420</v>
      </c>
      <c r="H8874" s="5">
        <v>10</v>
      </c>
      <c r="I8874" s="5" t="s">
        <v>69</v>
      </c>
      <c r="J8874" s="5" t="s">
        <v>27074</v>
      </c>
      <c r="K8874" s="2" t="s">
        <v>27075</v>
      </c>
      <c r="L8874" s="5" t="s">
        <v>27074</v>
      </c>
      <c r="M8874" s="2" t="s">
        <v>27075</v>
      </c>
      <c r="N8874" s="5" t="s">
        <v>24254</v>
      </c>
      <c r="O8874" s="5" t="s">
        <v>38</v>
      </c>
      <c r="P8874" s="5" t="s">
        <v>39</v>
      </c>
      <c r="Q8874" s="5" t="s">
        <v>40</v>
      </c>
      <c r="R8874" s="5" t="s">
        <v>24340</v>
      </c>
      <c r="S8874" s="5" t="s">
        <v>40</v>
      </c>
      <c r="T8874" s="5" t="s">
        <v>42</v>
      </c>
      <c r="U8874" s="2">
        <v>15.618</v>
      </c>
      <c r="V8874" s="2">
        <v>13.637</v>
      </c>
      <c r="W8874" s="2">
        <v>0.11899999999999999</v>
      </c>
      <c r="X8874" s="2">
        <v>12</v>
      </c>
      <c r="Y8874" s="2">
        <v>62</v>
      </c>
      <c r="Z8874" s="2">
        <v>159.9</v>
      </c>
      <c r="AA8874" s="5">
        <v>20</v>
      </c>
      <c r="AB8874" s="5" t="s">
        <v>43</v>
      </c>
      <c r="AC8874" s="5" t="s">
        <v>44</v>
      </c>
      <c r="AD8874" s="2" t="s">
        <v>27226</v>
      </c>
      <c r="AE8874" s="1"/>
    </row>
    <row r="8875" spans="1:31" ht="14.45">
      <c r="A8875" s="11"/>
      <c r="B8875" s="20"/>
      <c r="C8875" s="2" t="s">
        <v>27227</v>
      </c>
      <c r="D8875" s="14" t="s">
        <v>27228</v>
      </c>
      <c r="E8875" s="2" t="s">
        <v>27229</v>
      </c>
      <c r="F8875" s="2"/>
      <c r="G8875" s="8">
        <v>420</v>
      </c>
      <c r="H8875" s="5">
        <v>10</v>
      </c>
      <c r="I8875" s="5" t="s">
        <v>69</v>
      </c>
      <c r="J8875" s="5" t="s">
        <v>27074</v>
      </c>
      <c r="K8875" s="2" t="s">
        <v>27075</v>
      </c>
      <c r="L8875" s="5" t="s">
        <v>27074</v>
      </c>
      <c r="M8875" s="2" t="s">
        <v>27075</v>
      </c>
      <c r="N8875" s="5" t="s">
        <v>24254</v>
      </c>
      <c r="O8875" s="5" t="s">
        <v>38</v>
      </c>
      <c r="P8875" s="5" t="s">
        <v>39</v>
      </c>
      <c r="Q8875" s="5" t="s">
        <v>40</v>
      </c>
      <c r="R8875" s="5" t="s">
        <v>24340</v>
      </c>
      <c r="S8875" s="5" t="s">
        <v>40</v>
      </c>
      <c r="T8875" s="5" t="s">
        <v>42</v>
      </c>
      <c r="U8875" s="2">
        <v>10.542</v>
      </c>
      <c r="V8875" s="2">
        <v>8.5640000000000001</v>
      </c>
      <c r="W8875" s="2">
        <v>0.11899999999999999</v>
      </c>
      <c r="X8875" s="2">
        <v>12</v>
      </c>
      <c r="Y8875" s="2">
        <v>62</v>
      </c>
      <c r="Z8875" s="2">
        <v>159.9</v>
      </c>
      <c r="AA8875" s="5">
        <v>20</v>
      </c>
      <c r="AB8875" s="5" t="s">
        <v>43</v>
      </c>
      <c r="AC8875" s="5" t="s">
        <v>44</v>
      </c>
      <c r="AD8875" s="2" t="s">
        <v>27226</v>
      </c>
      <c r="AE8875" s="1"/>
    </row>
    <row r="8876" spans="1:31" ht="14.45">
      <c r="A8876" s="11"/>
      <c r="B8876" s="20"/>
      <c r="C8876" s="2" t="s">
        <v>27230</v>
      </c>
      <c r="D8876" s="14" t="s">
        <v>27231</v>
      </c>
      <c r="E8876" s="2" t="s">
        <v>27232</v>
      </c>
      <c r="F8876" s="2"/>
      <c r="G8876" s="8">
        <v>420</v>
      </c>
      <c r="H8876" s="5">
        <v>10</v>
      </c>
      <c r="I8876" s="5" t="s">
        <v>69</v>
      </c>
      <c r="J8876" s="5" t="s">
        <v>27074</v>
      </c>
      <c r="K8876" s="2" t="s">
        <v>27075</v>
      </c>
      <c r="L8876" s="5" t="s">
        <v>27074</v>
      </c>
      <c r="M8876" s="2" t="s">
        <v>27075</v>
      </c>
      <c r="N8876" s="5" t="s">
        <v>24254</v>
      </c>
      <c r="O8876" s="5" t="s">
        <v>38</v>
      </c>
      <c r="P8876" s="5" t="s">
        <v>39</v>
      </c>
      <c r="Q8876" s="5" t="s">
        <v>40</v>
      </c>
      <c r="R8876" s="5" t="s">
        <v>24340</v>
      </c>
      <c r="S8876" s="5" t="s">
        <v>40</v>
      </c>
      <c r="T8876" s="5" t="s">
        <v>42</v>
      </c>
      <c r="U8876" s="2">
        <v>9.9930000000000003</v>
      </c>
      <c r="V8876" s="2">
        <v>8.0459999999999994</v>
      </c>
      <c r="W8876" s="2">
        <v>0.11899999999999999</v>
      </c>
      <c r="X8876" s="2">
        <v>12</v>
      </c>
      <c r="Y8876" s="2">
        <v>62</v>
      </c>
      <c r="Z8876" s="2">
        <v>159.9</v>
      </c>
      <c r="AA8876" s="5">
        <v>20</v>
      </c>
      <c r="AB8876" s="5" t="s">
        <v>43</v>
      </c>
      <c r="AC8876" s="5" t="s">
        <v>44</v>
      </c>
      <c r="AD8876" s="2" t="s">
        <v>27216</v>
      </c>
      <c r="AE8876" s="1"/>
    </row>
    <row r="8877" spans="1:31" ht="14.45">
      <c r="A8877" s="11"/>
      <c r="B8877" s="20"/>
      <c r="C8877" s="2" t="s">
        <v>27233</v>
      </c>
      <c r="D8877" s="14" t="s">
        <v>27234</v>
      </c>
      <c r="E8877" s="2" t="s">
        <v>27235</v>
      </c>
      <c r="F8877" s="2"/>
      <c r="G8877" s="8">
        <v>346</v>
      </c>
      <c r="H8877" s="5">
        <v>10</v>
      </c>
      <c r="I8877" s="5" t="s">
        <v>69</v>
      </c>
      <c r="J8877" s="5" t="s">
        <v>27074</v>
      </c>
      <c r="K8877" s="2" t="s">
        <v>27075</v>
      </c>
      <c r="L8877" s="5" t="s">
        <v>27074</v>
      </c>
      <c r="M8877" s="2" t="s">
        <v>27075</v>
      </c>
      <c r="N8877" s="5" t="s">
        <v>24254</v>
      </c>
      <c r="O8877" s="5" t="s">
        <v>38</v>
      </c>
      <c r="P8877" s="5" t="s">
        <v>39</v>
      </c>
      <c r="Q8877" s="5" t="s">
        <v>40</v>
      </c>
      <c r="R8877" s="5" t="s">
        <v>25301</v>
      </c>
      <c r="S8877" s="5" t="s">
        <v>40</v>
      </c>
      <c r="T8877" s="5" t="s">
        <v>42</v>
      </c>
      <c r="U8877" s="2">
        <v>13.303000000000001</v>
      </c>
      <c r="V8877" s="2">
        <v>11.321999999999999</v>
      </c>
      <c r="W8877" s="2">
        <v>0.11899999999999999</v>
      </c>
      <c r="X8877" s="2">
        <v>12</v>
      </c>
      <c r="Y8877" s="2">
        <v>62</v>
      </c>
      <c r="Z8877" s="2">
        <v>159.9</v>
      </c>
      <c r="AA8877" s="5">
        <v>20</v>
      </c>
      <c r="AB8877" s="5" t="s">
        <v>43</v>
      </c>
      <c r="AC8877" s="5" t="s">
        <v>44</v>
      </c>
      <c r="AD8877" s="2" t="s">
        <v>27236</v>
      </c>
      <c r="AE8877" s="1"/>
    </row>
    <row r="8878" spans="1:31" ht="14.45">
      <c r="A8878" s="11"/>
      <c r="B8878" s="20"/>
      <c r="C8878" s="2" t="s">
        <v>27237</v>
      </c>
      <c r="D8878" s="14" t="s">
        <v>27238</v>
      </c>
      <c r="E8878" s="2" t="s">
        <v>27239</v>
      </c>
      <c r="F8878" s="2"/>
      <c r="G8878" s="8">
        <v>917</v>
      </c>
      <c r="H8878" s="5">
        <v>10</v>
      </c>
      <c r="I8878" s="5" t="s">
        <v>69</v>
      </c>
      <c r="J8878" s="5" t="s">
        <v>27074</v>
      </c>
      <c r="K8878" s="2" t="s">
        <v>27075</v>
      </c>
      <c r="L8878" s="5" t="s">
        <v>27074</v>
      </c>
      <c r="M8878" s="2" t="s">
        <v>27075</v>
      </c>
      <c r="N8878" s="5" t="s">
        <v>24254</v>
      </c>
      <c r="O8878" s="5" t="s">
        <v>38</v>
      </c>
      <c r="P8878" s="5" t="s">
        <v>39</v>
      </c>
      <c r="Q8878" s="5" t="s">
        <v>40</v>
      </c>
      <c r="R8878" s="5" t="s">
        <v>25301</v>
      </c>
      <c r="S8878" s="5" t="s">
        <v>40</v>
      </c>
      <c r="T8878" s="5" t="s">
        <v>42</v>
      </c>
      <c r="U8878" s="2">
        <v>17.994</v>
      </c>
      <c r="V8878" s="2">
        <v>15.22</v>
      </c>
      <c r="W8878" s="2">
        <v>0.11899999999999999</v>
      </c>
      <c r="X8878" s="2">
        <v>12</v>
      </c>
      <c r="Y8878" s="2">
        <v>62</v>
      </c>
      <c r="Z8878" s="2">
        <v>159.9</v>
      </c>
      <c r="AA8878" s="5">
        <v>20</v>
      </c>
      <c r="AB8878" s="5" t="s">
        <v>43</v>
      </c>
      <c r="AC8878" s="5" t="s">
        <v>44</v>
      </c>
      <c r="AD8878" s="2"/>
      <c r="AE8878" s="1"/>
    </row>
    <row r="8879" spans="1:31" ht="14.45">
      <c r="A8879" s="11"/>
      <c r="B8879" s="20"/>
      <c r="C8879" s="2" t="s">
        <v>27240</v>
      </c>
      <c r="D8879" s="14" t="s">
        <v>27241</v>
      </c>
      <c r="E8879" s="2" t="s">
        <v>27242</v>
      </c>
      <c r="F8879" s="2"/>
      <c r="G8879" s="8">
        <v>1939</v>
      </c>
      <c r="H8879" s="5">
        <v>10</v>
      </c>
      <c r="I8879" s="5" t="s">
        <v>69</v>
      </c>
      <c r="J8879" s="5" t="s">
        <v>27074</v>
      </c>
      <c r="K8879" s="2" t="s">
        <v>27075</v>
      </c>
      <c r="L8879" s="5" t="s">
        <v>27074</v>
      </c>
      <c r="M8879" s="2" t="s">
        <v>27075</v>
      </c>
      <c r="N8879" s="5" t="s">
        <v>24254</v>
      </c>
      <c r="O8879" s="5" t="s">
        <v>38</v>
      </c>
      <c r="P8879" s="5" t="s">
        <v>39</v>
      </c>
      <c r="Q8879" s="5" t="s">
        <v>40</v>
      </c>
      <c r="R8879" s="5" t="s">
        <v>25301</v>
      </c>
      <c r="S8879" s="5" t="s">
        <v>40</v>
      </c>
      <c r="T8879" s="5" t="s">
        <v>42</v>
      </c>
      <c r="U8879" s="2">
        <v>23.286000000000001</v>
      </c>
      <c r="V8879" s="2">
        <v>19.221</v>
      </c>
      <c r="W8879" s="2">
        <v>0.19700000000000001</v>
      </c>
      <c r="X8879" s="2">
        <v>12</v>
      </c>
      <c r="Y8879" s="2">
        <v>50</v>
      </c>
      <c r="Z8879" s="2">
        <v>328.9</v>
      </c>
      <c r="AA8879" s="5">
        <v>20</v>
      </c>
      <c r="AB8879" s="5" t="s">
        <v>43</v>
      </c>
      <c r="AC8879" s="5" t="s">
        <v>44</v>
      </c>
      <c r="AD8879" s="2"/>
      <c r="AE8879" s="1"/>
    </row>
    <row r="8880" spans="1:31" ht="14.45">
      <c r="A8880" s="11"/>
      <c r="B8880" s="20"/>
      <c r="C8880" s="2" t="s">
        <v>27243</v>
      </c>
      <c r="D8880" s="14" t="s">
        <v>27244</v>
      </c>
      <c r="E8880" s="2" t="s">
        <v>27245</v>
      </c>
      <c r="F8880" s="2"/>
      <c r="G8880" s="8">
        <v>420</v>
      </c>
      <c r="H8880" s="5">
        <v>10</v>
      </c>
      <c r="I8880" s="5" t="s">
        <v>69</v>
      </c>
      <c r="J8880" s="5" t="s">
        <v>27074</v>
      </c>
      <c r="K8880" s="2" t="s">
        <v>27075</v>
      </c>
      <c r="L8880" s="5" t="s">
        <v>27074</v>
      </c>
      <c r="M8880" s="2" t="s">
        <v>27075</v>
      </c>
      <c r="N8880" s="5" t="s">
        <v>24254</v>
      </c>
      <c r="O8880" s="5" t="s">
        <v>38</v>
      </c>
      <c r="P8880" s="5" t="s">
        <v>39</v>
      </c>
      <c r="Q8880" s="5" t="s">
        <v>40</v>
      </c>
      <c r="R8880" s="5" t="s">
        <v>25301</v>
      </c>
      <c r="S8880" s="5" t="s">
        <v>40</v>
      </c>
      <c r="T8880" s="5" t="s">
        <v>42</v>
      </c>
      <c r="U8880" s="2">
        <v>14.007999999999999</v>
      </c>
      <c r="V8880" s="2">
        <v>12.026999999999999</v>
      </c>
      <c r="W8880" s="2">
        <v>0.11899999999999999</v>
      </c>
      <c r="X8880" s="2">
        <v>12</v>
      </c>
      <c r="Y8880" s="2">
        <v>62</v>
      </c>
      <c r="Z8880" s="2">
        <v>159.9</v>
      </c>
      <c r="AA8880" s="5">
        <v>20</v>
      </c>
      <c r="AB8880" s="5" t="s">
        <v>43</v>
      </c>
      <c r="AC8880" s="5" t="s">
        <v>44</v>
      </c>
      <c r="AD8880" s="2" t="s">
        <v>27246</v>
      </c>
      <c r="AE8880" s="1"/>
    </row>
    <row r="8881" spans="1:31" ht="14.45">
      <c r="A8881" s="11"/>
      <c r="B8881" s="20"/>
      <c r="C8881" s="2" t="s">
        <v>27247</v>
      </c>
      <c r="D8881" s="14" t="s">
        <v>27248</v>
      </c>
      <c r="E8881" s="2" t="s">
        <v>27249</v>
      </c>
      <c r="F8881" s="2"/>
      <c r="G8881" s="8">
        <v>420</v>
      </c>
      <c r="H8881" s="5">
        <v>10</v>
      </c>
      <c r="I8881" s="5" t="s">
        <v>69</v>
      </c>
      <c r="J8881" s="5" t="s">
        <v>27074</v>
      </c>
      <c r="K8881" s="2" t="s">
        <v>27075</v>
      </c>
      <c r="L8881" s="5" t="s">
        <v>27074</v>
      </c>
      <c r="M8881" s="2" t="s">
        <v>27075</v>
      </c>
      <c r="N8881" s="5" t="s">
        <v>24254</v>
      </c>
      <c r="O8881" s="5" t="s">
        <v>38</v>
      </c>
      <c r="P8881" s="5" t="s">
        <v>39</v>
      </c>
      <c r="Q8881" s="5" t="s">
        <v>40</v>
      </c>
      <c r="R8881" s="5" t="s">
        <v>25301</v>
      </c>
      <c r="S8881" s="5" t="s">
        <v>40</v>
      </c>
      <c r="T8881" s="5" t="s">
        <v>42</v>
      </c>
      <c r="U8881" s="2">
        <v>9.7569999999999997</v>
      </c>
      <c r="V8881" s="2">
        <v>7.7789999999999999</v>
      </c>
      <c r="W8881" s="2">
        <v>0.11899999999999999</v>
      </c>
      <c r="X8881" s="2">
        <v>12</v>
      </c>
      <c r="Y8881" s="2">
        <v>62</v>
      </c>
      <c r="Z8881" s="2">
        <v>159.9</v>
      </c>
      <c r="AA8881" s="5">
        <v>20</v>
      </c>
      <c r="AB8881" s="5" t="s">
        <v>43</v>
      </c>
      <c r="AC8881" s="5" t="s">
        <v>44</v>
      </c>
      <c r="AD8881" s="2" t="s">
        <v>27246</v>
      </c>
      <c r="AE8881" s="1"/>
    </row>
    <row r="8882" spans="1:31" ht="14.45">
      <c r="A8882" s="11"/>
      <c r="B8882" s="20"/>
      <c r="C8882" s="2" t="s">
        <v>27250</v>
      </c>
      <c r="D8882" s="14" t="s">
        <v>27251</v>
      </c>
      <c r="E8882" s="2" t="s">
        <v>27252</v>
      </c>
      <c r="F8882" s="2"/>
      <c r="G8882" s="8">
        <v>420</v>
      </c>
      <c r="H8882" s="5">
        <v>10</v>
      </c>
      <c r="I8882" s="5" t="s">
        <v>69</v>
      </c>
      <c r="J8882" s="5" t="s">
        <v>27074</v>
      </c>
      <c r="K8882" s="2" t="s">
        <v>27075</v>
      </c>
      <c r="L8882" s="5" t="s">
        <v>27074</v>
      </c>
      <c r="M8882" s="2" t="s">
        <v>27075</v>
      </c>
      <c r="N8882" s="5" t="s">
        <v>24254</v>
      </c>
      <c r="O8882" s="5" t="s">
        <v>38</v>
      </c>
      <c r="P8882" s="5" t="s">
        <v>39</v>
      </c>
      <c r="Q8882" s="5" t="s">
        <v>40</v>
      </c>
      <c r="R8882" s="5" t="s">
        <v>25301</v>
      </c>
      <c r="S8882" s="5" t="s">
        <v>40</v>
      </c>
      <c r="T8882" s="5" t="s">
        <v>42</v>
      </c>
      <c r="U8882" s="2">
        <v>8.9250000000000007</v>
      </c>
      <c r="V8882" s="2">
        <v>6.9779999999999998</v>
      </c>
      <c r="W8882" s="2">
        <v>0.11899999999999999</v>
      </c>
      <c r="X8882" s="2">
        <v>12</v>
      </c>
      <c r="Y8882" s="2">
        <v>62</v>
      </c>
      <c r="Z8882" s="2">
        <v>159.9</v>
      </c>
      <c r="AA8882" s="5">
        <v>20</v>
      </c>
      <c r="AB8882" s="5" t="s">
        <v>43</v>
      </c>
      <c r="AC8882" s="5" t="s">
        <v>44</v>
      </c>
      <c r="AD8882" s="2" t="s">
        <v>27236</v>
      </c>
      <c r="AE8882" s="1"/>
    </row>
    <row r="8883" spans="1:31" ht="14.45">
      <c r="A8883" s="11"/>
      <c r="B8883" s="20"/>
      <c r="C8883" s="2" t="s">
        <v>27253</v>
      </c>
      <c r="D8883" s="14" t="s">
        <v>27254</v>
      </c>
      <c r="E8883" s="2" t="s">
        <v>27255</v>
      </c>
      <c r="F8883" s="2" t="s">
        <v>27256</v>
      </c>
      <c r="G8883" s="8">
        <v>293</v>
      </c>
      <c r="H8883" s="5">
        <v>5</v>
      </c>
      <c r="I8883" s="5" t="s">
        <v>69</v>
      </c>
      <c r="J8883" s="5" t="s">
        <v>24629</v>
      </c>
      <c r="K8883" s="2" t="s">
        <v>24630</v>
      </c>
      <c r="L8883" s="5" t="s">
        <v>24629</v>
      </c>
      <c r="M8883" s="2" t="s">
        <v>24630</v>
      </c>
      <c r="N8883" s="5" t="s">
        <v>72</v>
      </c>
      <c r="O8883" s="5" t="s">
        <v>38</v>
      </c>
      <c r="P8883" s="5" t="s">
        <v>39</v>
      </c>
      <c r="Q8883" s="5" t="s">
        <v>40</v>
      </c>
      <c r="R8883" s="5" t="s">
        <v>24335</v>
      </c>
      <c r="S8883" s="5" t="s">
        <v>40</v>
      </c>
      <c r="T8883" s="5" t="s">
        <v>42</v>
      </c>
      <c r="U8883" s="2">
        <v>5.8979999999999997</v>
      </c>
      <c r="V8883" s="2">
        <v>5.2439999999999998</v>
      </c>
      <c r="W8883" s="2">
        <v>0.04</v>
      </c>
      <c r="X8883" s="2">
        <v>16.5</v>
      </c>
      <c r="Y8883" s="2">
        <v>10</v>
      </c>
      <c r="Z8883" s="2">
        <v>243</v>
      </c>
      <c r="AA8883" s="5">
        <v>20</v>
      </c>
      <c r="AB8883" s="5" t="s">
        <v>43</v>
      </c>
      <c r="AC8883" s="5" t="s">
        <v>44</v>
      </c>
      <c r="AD8883" s="2" t="s">
        <v>27257</v>
      </c>
      <c r="AE8883" s="1"/>
    </row>
    <row r="8884" spans="1:31" ht="14.45">
      <c r="A8884" s="11"/>
      <c r="B8884" s="20"/>
      <c r="C8884" s="2" t="s">
        <v>27258</v>
      </c>
      <c r="D8884" s="14" t="s">
        <v>27259</v>
      </c>
      <c r="E8884" s="2" t="s">
        <v>27260</v>
      </c>
      <c r="F8884" s="2" t="s">
        <v>27256</v>
      </c>
      <c r="G8884" s="8">
        <v>447</v>
      </c>
      <c r="H8884" s="5">
        <v>20</v>
      </c>
      <c r="I8884" s="5" t="s">
        <v>69</v>
      </c>
      <c r="J8884" s="5" t="s">
        <v>24629</v>
      </c>
      <c r="K8884" s="2" t="s">
        <v>24630</v>
      </c>
      <c r="L8884" s="5" t="s">
        <v>24629</v>
      </c>
      <c r="M8884" s="2" t="s">
        <v>24630</v>
      </c>
      <c r="N8884" s="5" t="s">
        <v>72</v>
      </c>
      <c r="O8884" s="5" t="s">
        <v>38</v>
      </c>
      <c r="P8884" s="5" t="s">
        <v>39</v>
      </c>
      <c r="Q8884" s="5" t="s">
        <v>40</v>
      </c>
      <c r="R8884" s="5" t="s">
        <v>24340</v>
      </c>
      <c r="S8884" s="5" t="s">
        <v>40</v>
      </c>
      <c r="T8884" s="5" t="s">
        <v>42</v>
      </c>
      <c r="U8884" s="2">
        <v>10.327</v>
      </c>
      <c r="V8884" s="2">
        <v>9.282</v>
      </c>
      <c r="W8884" s="2">
        <v>0.04</v>
      </c>
      <c r="X8884" s="2">
        <v>16.5</v>
      </c>
      <c r="Y8884" s="2">
        <v>10</v>
      </c>
      <c r="Z8884" s="2">
        <v>243</v>
      </c>
      <c r="AA8884" s="5">
        <v>20</v>
      </c>
      <c r="AB8884" s="5" t="s">
        <v>43</v>
      </c>
      <c r="AC8884" s="5" t="s">
        <v>44</v>
      </c>
      <c r="AD8884" s="2" t="s">
        <v>27261</v>
      </c>
      <c r="AE8884" s="1"/>
    </row>
    <row r="8885" spans="1:31" ht="14.45">
      <c r="A8885" s="11"/>
      <c r="B8885" s="20"/>
      <c r="C8885" s="2" t="s">
        <v>27262</v>
      </c>
      <c r="D8885" s="14" t="s">
        <v>27263</v>
      </c>
      <c r="E8885" s="2" t="s">
        <v>27264</v>
      </c>
      <c r="F8885" s="2" t="s">
        <v>27256</v>
      </c>
      <c r="G8885" s="8">
        <v>447</v>
      </c>
      <c r="H8885" s="5">
        <v>15</v>
      </c>
      <c r="I8885" s="5" t="s">
        <v>69</v>
      </c>
      <c r="J8885" s="5" t="s">
        <v>24629</v>
      </c>
      <c r="K8885" s="2" t="s">
        <v>24630</v>
      </c>
      <c r="L8885" s="5" t="s">
        <v>24629</v>
      </c>
      <c r="M8885" s="2" t="s">
        <v>24630</v>
      </c>
      <c r="N8885" s="5" t="s">
        <v>72</v>
      </c>
      <c r="O8885" s="5" t="s">
        <v>38</v>
      </c>
      <c r="P8885" s="5" t="s">
        <v>39</v>
      </c>
      <c r="Q8885" s="5" t="s">
        <v>40</v>
      </c>
      <c r="R8885" s="5" t="s">
        <v>25301</v>
      </c>
      <c r="S8885" s="5" t="s">
        <v>40</v>
      </c>
      <c r="T8885" s="5" t="s">
        <v>42</v>
      </c>
      <c r="U8885" s="2">
        <v>10.4</v>
      </c>
      <c r="V8885" s="2">
        <v>9.7460000000000004</v>
      </c>
      <c r="W8885" s="2">
        <v>0.04</v>
      </c>
      <c r="X8885" s="2">
        <v>16.5</v>
      </c>
      <c r="Y8885" s="2">
        <v>10</v>
      </c>
      <c r="Z8885" s="2">
        <v>243</v>
      </c>
      <c r="AA8885" s="5">
        <v>20</v>
      </c>
      <c r="AB8885" s="5" t="s">
        <v>43</v>
      </c>
      <c r="AC8885" s="5" t="s">
        <v>44</v>
      </c>
      <c r="AD8885" s="2" t="s">
        <v>27265</v>
      </c>
      <c r="AE8885" s="1"/>
    </row>
    <row r="8886" spans="1:31" ht="14.45">
      <c r="A8886" s="5"/>
      <c r="B8886" s="21"/>
      <c r="C8886" s="2" t="s">
        <v>27266</v>
      </c>
      <c r="D8886" s="14" t="s">
        <v>27267</v>
      </c>
      <c r="E8886" s="2" t="s">
        <v>27268</v>
      </c>
      <c r="F8886" s="2"/>
      <c r="G8886" s="8">
        <v>268</v>
      </c>
      <c r="H8886" s="5">
        <v>10</v>
      </c>
      <c r="I8886" s="5" t="s">
        <v>69</v>
      </c>
      <c r="J8886" s="5" t="s">
        <v>27074</v>
      </c>
      <c r="K8886" s="2" t="s">
        <v>27075</v>
      </c>
      <c r="L8886" s="5" t="s">
        <v>27074</v>
      </c>
      <c r="M8886" s="2" t="s">
        <v>27075</v>
      </c>
      <c r="N8886" s="5" t="s">
        <v>24254</v>
      </c>
      <c r="O8886" s="5" t="s">
        <v>38</v>
      </c>
      <c r="P8886" s="5" t="s">
        <v>39</v>
      </c>
      <c r="Q8886" s="5" t="s">
        <v>40</v>
      </c>
      <c r="R8886" s="5" t="s">
        <v>24335</v>
      </c>
      <c r="S8886" s="5" t="s">
        <v>40</v>
      </c>
      <c r="T8886" s="5" t="s">
        <v>42</v>
      </c>
      <c r="U8886" s="2">
        <v>9.0969999999999995</v>
      </c>
      <c r="V8886" s="2">
        <v>7.2480000000000002</v>
      </c>
      <c r="W8886" s="2">
        <v>0.11899999999999999</v>
      </c>
      <c r="X8886" s="2">
        <v>12</v>
      </c>
      <c r="Y8886" s="2">
        <v>62</v>
      </c>
      <c r="Z8886" s="2">
        <v>159.9</v>
      </c>
      <c r="AA8886" s="5">
        <v>10</v>
      </c>
      <c r="AB8886" s="5" t="s">
        <v>43</v>
      </c>
      <c r="AC8886" s="5" t="s">
        <v>44</v>
      </c>
      <c r="AD8886" s="2" t="s">
        <v>27269</v>
      </c>
      <c r="AE8886" s="1"/>
    </row>
    <row r="8887" spans="1:31" ht="14.45">
      <c r="A8887" s="5"/>
      <c r="B8887" s="21"/>
      <c r="C8887" s="2" t="s">
        <v>27270</v>
      </c>
      <c r="D8887" s="14" t="s">
        <v>27271</v>
      </c>
      <c r="E8887" s="2" t="s">
        <v>27272</v>
      </c>
      <c r="F8887" s="2" t="s">
        <v>27273</v>
      </c>
      <c r="G8887" s="8">
        <v>602</v>
      </c>
      <c r="H8887" s="5">
        <v>10</v>
      </c>
      <c r="I8887" s="5" t="s">
        <v>69</v>
      </c>
      <c r="J8887" s="5" t="s">
        <v>27074</v>
      </c>
      <c r="K8887" s="2" t="s">
        <v>27075</v>
      </c>
      <c r="L8887" s="5" t="s">
        <v>27074</v>
      </c>
      <c r="M8887" s="2" t="s">
        <v>27075</v>
      </c>
      <c r="N8887" s="5" t="s">
        <v>24254</v>
      </c>
      <c r="O8887" s="5" t="s">
        <v>38</v>
      </c>
      <c r="P8887" s="5" t="s">
        <v>39</v>
      </c>
      <c r="Q8887" s="5" t="s">
        <v>40</v>
      </c>
      <c r="R8887" s="5" t="s">
        <v>24335</v>
      </c>
      <c r="S8887" s="5" t="s">
        <v>40</v>
      </c>
      <c r="T8887" s="5" t="s">
        <v>42</v>
      </c>
      <c r="U8887" s="2">
        <v>14.917999999999999</v>
      </c>
      <c r="V8887" s="2">
        <v>14.869</v>
      </c>
      <c r="W8887" s="2">
        <v>0.17399999999999999</v>
      </c>
      <c r="X8887" s="2">
        <v>12</v>
      </c>
      <c r="Y8887" s="2">
        <v>62</v>
      </c>
      <c r="Z8887" s="2">
        <v>234.1</v>
      </c>
      <c r="AA8887" s="5">
        <v>10</v>
      </c>
      <c r="AB8887" s="5" t="s">
        <v>43</v>
      </c>
      <c r="AC8887" s="5" t="s">
        <v>44</v>
      </c>
      <c r="AD8887" s="2" t="s">
        <v>27274</v>
      </c>
      <c r="AE8887" s="1"/>
    </row>
    <row r="8888" spans="1:31" ht="14.45">
      <c r="A8888" s="5"/>
      <c r="B8888" s="21"/>
      <c r="C8888" s="2" t="s">
        <v>27275</v>
      </c>
      <c r="D8888" s="14" t="s">
        <v>27276</v>
      </c>
      <c r="E8888" s="2" t="s">
        <v>27277</v>
      </c>
      <c r="F8888" s="2"/>
      <c r="G8888" s="8">
        <v>282</v>
      </c>
      <c r="H8888" s="5">
        <v>10</v>
      </c>
      <c r="I8888" s="5" t="s">
        <v>69</v>
      </c>
      <c r="J8888" s="5" t="s">
        <v>27074</v>
      </c>
      <c r="K8888" s="2" t="s">
        <v>27075</v>
      </c>
      <c r="L8888" s="5" t="s">
        <v>27074</v>
      </c>
      <c r="M8888" s="2" t="s">
        <v>27075</v>
      </c>
      <c r="N8888" s="5" t="s">
        <v>24254</v>
      </c>
      <c r="O8888" s="5" t="s">
        <v>38</v>
      </c>
      <c r="P8888" s="5" t="s">
        <v>39</v>
      </c>
      <c r="Q8888" s="5" t="s">
        <v>40</v>
      </c>
      <c r="R8888" s="5" t="s">
        <v>24335</v>
      </c>
      <c r="S8888" s="5" t="s">
        <v>40</v>
      </c>
      <c r="T8888" s="5" t="s">
        <v>42</v>
      </c>
      <c r="U8888" s="2">
        <v>9.5239999999999991</v>
      </c>
      <c r="V8888" s="2">
        <v>7.6749999999999998</v>
      </c>
      <c r="W8888" s="2">
        <v>0.11899999999999999</v>
      </c>
      <c r="X8888" s="2">
        <v>12</v>
      </c>
      <c r="Y8888" s="2">
        <v>62</v>
      </c>
      <c r="Z8888" s="2">
        <v>159.9</v>
      </c>
      <c r="AA8888" s="5">
        <v>10</v>
      </c>
      <c r="AB8888" s="5" t="s">
        <v>43</v>
      </c>
      <c r="AC8888" s="5" t="s">
        <v>44</v>
      </c>
      <c r="AD8888" s="2" t="s">
        <v>27269</v>
      </c>
      <c r="AE8888" s="1"/>
    </row>
    <row r="8889" spans="1:31" ht="14.45">
      <c r="A8889" s="5"/>
      <c r="B8889" s="21"/>
      <c r="C8889" s="2" t="s">
        <v>27278</v>
      </c>
      <c r="D8889" s="14" t="s">
        <v>27279</v>
      </c>
      <c r="E8889" s="2" t="s">
        <v>27280</v>
      </c>
      <c r="F8889" s="2" t="s">
        <v>27273</v>
      </c>
      <c r="G8889" s="8">
        <v>634</v>
      </c>
      <c r="H8889" s="5">
        <v>10</v>
      </c>
      <c r="I8889" s="5" t="s">
        <v>69</v>
      </c>
      <c r="J8889" s="5" t="s">
        <v>27074</v>
      </c>
      <c r="K8889" s="2" t="s">
        <v>27075</v>
      </c>
      <c r="L8889" s="5" t="s">
        <v>27074</v>
      </c>
      <c r="M8889" s="2" t="s">
        <v>27075</v>
      </c>
      <c r="N8889" s="5" t="s">
        <v>24254</v>
      </c>
      <c r="O8889" s="5" t="s">
        <v>38</v>
      </c>
      <c r="P8889" s="5" t="s">
        <v>39</v>
      </c>
      <c r="Q8889" s="5" t="s">
        <v>40</v>
      </c>
      <c r="R8889" s="5" t="s">
        <v>24335</v>
      </c>
      <c r="S8889" s="5" t="s">
        <v>40</v>
      </c>
      <c r="T8889" s="5" t="s">
        <v>42</v>
      </c>
      <c r="U8889" s="2">
        <v>15.717000000000001</v>
      </c>
      <c r="V8889" s="2">
        <v>15.667999999999999</v>
      </c>
      <c r="W8889" s="2">
        <v>0.17399999999999999</v>
      </c>
      <c r="X8889" s="2">
        <v>12</v>
      </c>
      <c r="Y8889" s="2">
        <v>62</v>
      </c>
      <c r="Z8889" s="2">
        <v>234.1</v>
      </c>
      <c r="AA8889" s="5">
        <v>10</v>
      </c>
      <c r="AB8889" s="5" t="s">
        <v>43</v>
      </c>
      <c r="AC8889" s="5" t="s">
        <v>44</v>
      </c>
      <c r="AD8889" s="2" t="s">
        <v>27274</v>
      </c>
      <c r="AE8889" s="1"/>
    </row>
    <row r="8890" spans="1:31" ht="14.45">
      <c r="A8890" s="5"/>
      <c r="B8890" s="21"/>
      <c r="C8890" s="2" t="s">
        <v>27281</v>
      </c>
      <c r="D8890" s="14" t="s">
        <v>27282</v>
      </c>
      <c r="E8890" s="2" t="s">
        <v>27283</v>
      </c>
      <c r="F8890" s="2" t="s">
        <v>27284</v>
      </c>
      <c r="G8890" s="8">
        <v>296</v>
      </c>
      <c r="H8890" s="5">
        <v>10</v>
      </c>
      <c r="I8890" s="5" t="s">
        <v>69</v>
      </c>
      <c r="J8890" s="5" t="s">
        <v>27074</v>
      </c>
      <c r="K8890" s="2" t="s">
        <v>27075</v>
      </c>
      <c r="L8890" s="5" t="s">
        <v>27074</v>
      </c>
      <c r="M8890" s="2" t="s">
        <v>27075</v>
      </c>
      <c r="N8890" s="5" t="s">
        <v>24254</v>
      </c>
      <c r="O8890" s="5" t="s">
        <v>38</v>
      </c>
      <c r="P8890" s="5" t="s">
        <v>39</v>
      </c>
      <c r="Q8890" s="5" t="s">
        <v>40</v>
      </c>
      <c r="R8890" s="5" t="s">
        <v>24335</v>
      </c>
      <c r="S8890" s="5" t="s">
        <v>40</v>
      </c>
      <c r="T8890" s="5" t="s">
        <v>42</v>
      </c>
      <c r="U8890" s="2">
        <v>10.121</v>
      </c>
      <c r="V8890" s="2">
        <v>8.1470000000000002</v>
      </c>
      <c r="W8890" s="2">
        <v>0.129</v>
      </c>
      <c r="X8890" s="2">
        <v>12</v>
      </c>
      <c r="Y8890" s="2">
        <v>62</v>
      </c>
      <c r="Z8890" s="2">
        <v>172.9</v>
      </c>
      <c r="AA8890" s="5">
        <v>10</v>
      </c>
      <c r="AB8890" s="5" t="s">
        <v>43</v>
      </c>
      <c r="AC8890" s="5" t="s">
        <v>44</v>
      </c>
      <c r="AD8890" s="2" t="s">
        <v>27269</v>
      </c>
      <c r="AE8890" s="1"/>
    </row>
    <row r="8891" spans="1:31" ht="14.45">
      <c r="A8891" s="5"/>
      <c r="B8891" s="21"/>
      <c r="C8891" s="2" t="s">
        <v>27285</v>
      </c>
      <c r="D8891" s="14" t="s">
        <v>27286</v>
      </c>
      <c r="E8891" s="2" t="s">
        <v>27287</v>
      </c>
      <c r="F8891" s="2" t="s">
        <v>27284</v>
      </c>
      <c r="G8891" s="8">
        <v>666</v>
      </c>
      <c r="H8891" s="5">
        <v>10</v>
      </c>
      <c r="I8891" s="5" t="s">
        <v>69</v>
      </c>
      <c r="J8891" s="5" t="s">
        <v>27074</v>
      </c>
      <c r="K8891" s="2" t="s">
        <v>27075</v>
      </c>
      <c r="L8891" s="5" t="s">
        <v>27074</v>
      </c>
      <c r="M8891" s="2" t="s">
        <v>27075</v>
      </c>
      <c r="N8891" s="5" t="s">
        <v>24254</v>
      </c>
      <c r="O8891" s="5" t="s">
        <v>38</v>
      </c>
      <c r="P8891" s="5" t="s">
        <v>39</v>
      </c>
      <c r="Q8891" s="5" t="s">
        <v>40</v>
      </c>
      <c r="R8891" s="5" t="s">
        <v>24335</v>
      </c>
      <c r="S8891" s="5" t="s">
        <v>40</v>
      </c>
      <c r="T8891" s="5" t="s">
        <v>42</v>
      </c>
      <c r="U8891" s="2">
        <v>16.597999999999999</v>
      </c>
      <c r="V8891" s="2">
        <v>16.548999999999999</v>
      </c>
      <c r="W8891" s="2">
        <v>0.17399999999999999</v>
      </c>
      <c r="X8891" s="2">
        <v>12</v>
      </c>
      <c r="Y8891" s="2">
        <v>62</v>
      </c>
      <c r="Z8891" s="2">
        <v>234.1</v>
      </c>
      <c r="AA8891" s="5">
        <v>10</v>
      </c>
      <c r="AB8891" s="5" t="s">
        <v>43</v>
      </c>
      <c r="AC8891" s="5" t="s">
        <v>44</v>
      </c>
      <c r="AD8891" s="2" t="s">
        <v>27274</v>
      </c>
      <c r="AE8891" s="1"/>
    </row>
    <row r="8892" spans="1:31" ht="14.45">
      <c r="A8892" s="5"/>
      <c r="B8892" s="21"/>
      <c r="C8892" s="2" t="s">
        <v>27288</v>
      </c>
      <c r="D8892" s="14" t="s">
        <v>27289</v>
      </c>
      <c r="E8892" s="2" t="s">
        <v>27290</v>
      </c>
      <c r="F8892" s="2" t="s">
        <v>27284</v>
      </c>
      <c r="G8892" s="8">
        <v>338</v>
      </c>
      <c r="H8892" s="5">
        <v>10</v>
      </c>
      <c r="I8892" s="5" t="s">
        <v>69</v>
      </c>
      <c r="J8892" s="5" t="s">
        <v>27074</v>
      </c>
      <c r="K8892" s="2" t="s">
        <v>27075</v>
      </c>
      <c r="L8892" s="5" t="s">
        <v>27074</v>
      </c>
      <c r="M8892" s="2" t="s">
        <v>27075</v>
      </c>
      <c r="N8892" s="5" t="s">
        <v>24254</v>
      </c>
      <c r="O8892" s="5" t="s">
        <v>38</v>
      </c>
      <c r="P8892" s="5" t="s">
        <v>39</v>
      </c>
      <c r="Q8892" s="5" t="s">
        <v>40</v>
      </c>
      <c r="R8892" s="5" t="s">
        <v>24335</v>
      </c>
      <c r="S8892" s="5" t="s">
        <v>40</v>
      </c>
      <c r="T8892" s="5" t="s">
        <v>42</v>
      </c>
      <c r="U8892" s="2">
        <v>11.332000000000001</v>
      </c>
      <c r="V8892" s="2">
        <v>8.5809999999999995</v>
      </c>
      <c r="W8892" s="2">
        <v>0.14899999999999999</v>
      </c>
      <c r="X8892" s="2">
        <v>12</v>
      </c>
      <c r="Y8892" s="2">
        <v>62</v>
      </c>
      <c r="Z8892" s="2">
        <v>199.7</v>
      </c>
      <c r="AA8892" s="5">
        <v>10</v>
      </c>
      <c r="AB8892" s="5" t="s">
        <v>43</v>
      </c>
      <c r="AC8892" s="5" t="s">
        <v>44</v>
      </c>
      <c r="AD8892" s="2" t="s">
        <v>27269</v>
      </c>
      <c r="AE8892" s="1"/>
    </row>
    <row r="8893" spans="1:31" ht="14.45">
      <c r="A8893" s="5"/>
      <c r="B8893" s="21"/>
      <c r="C8893" s="2" t="s">
        <v>27291</v>
      </c>
      <c r="D8893" s="14" t="s">
        <v>27292</v>
      </c>
      <c r="E8893" s="2" t="s">
        <v>27293</v>
      </c>
      <c r="F8893" s="2" t="s">
        <v>27284</v>
      </c>
      <c r="G8893" s="8">
        <v>761</v>
      </c>
      <c r="H8893" s="5">
        <v>10</v>
      </c>
      <c r="I8893" s="5" t="s">
        <v>69</v>
      </c>
      <c r="J8893" s="5" t="s">
        <v>27074</v>
      </c>
      <c r="K8893" s="2" t="s">
        <v>27075</v>
      </c>
      <c r="L8893" s="5" t="s">
        <v>27074</v>
      </c>
      <c r="M8893" s="2" t="s">
        <v>27075</v>
      </c>
      <c r="N8893" s="5" t="s">
        <v>24254</v>
      </c>
      <c r="O8893" s="5" t="s">
        <v>38</v>
      </c>
      <c r="P8893" s="5" t="s">
        <v>39</v>
      </c>
      <c r="Q8893" s="5" t="s">
        <v>40</v>
      </c>
      <c r="R8893" s="5" t="s">
        <v>24335</v>
      </c>
      <c r="S8893" s="5" t="s">
        <v>40</v>
      </c>
      <c r="T8893" s="5" t="s">
        <v>42</v>
      </c>
      <c r="U8893" s="2">
        <v>18.327999999999999</v>
      </c>
      <c r="V8893" s="2">
        <v>15.122999999999999</v>
      </c>
      <c r="W8893" s="2">
        <v>0.20899999999999999</v>
      </c>
      <c r="X8893" s="2">
        <v>12</v>
      </c>
      <c r="Y8893" s="2">
        <v>50</v>
      </c>
      <c r="Z8893" s="2">
        <v>348.4</v>
      </c>
      <c r="AA8893" s="5">
        <v>10</v>
      </c>
      <c r="AB8893" s="5" t="s">
        <v>43</v>
      </c>
      <c r="AC8893" s="5" t="s">
        <v>44</v>
      </c>
      <c r="AD8893" s="2" t="s">
        <v>27274</v>
      </c>
      <c r="AE8893" s="1"/>
    </row>
    <row r="8894" spans="1:31" ht="14.45">
      <c r="A8894" s="5"/>
      <c r="B8894" s="21"/>
      <c r="C8894" s="2" t="s">
        <v>27294</v>
      </c>
      <c r="D8894" s="14" t="s">
        <v>27295</v>
      </c>
      <c r="E8894" s="2" t="s">
        <v>27296</v>
      </c>
      <c r="F8894" s="2" t="s">
        <v>27284</v>
      </c>
      <c r="G8894" s="8">
        <v>344</v>
      </c>
      <c r="H8894" s="5">
        <v>10</v>
      </c>
      <c r="I8894" s="5" t="s">
        <v>69</v>
      </c>
      <c r="J8894" s="5" t="s">
        <v>27074</v>
      </c>
      <c r="K8894" s="2" t="s">
        <v>27075</v>
      </c>
      <c r="L8894" s="5" t="s">
        <v>27074</v>
      </c>
      <c r="M8894" s="2" t="s">
        <v>27075</v>
      </c>
      <c r="N8894" s="5" t="s">
        <v>24254</v>
      </c>
      <c r="O8894" s="5" t="s">
        <v>38</v>
      </c>
      <c r="P8894" s="5" t="s">
        <v>39</v>
      </c>
      <c r="Q8894" s="5" t="s">
        <v>40</v>
      </c>
      <c r="R8894" s="5" t="s">
        <v>24335</v>
      </c>
      <c r="S8894" s="5" t="s">
        <v>40</v>
      </c>
      <c r="T8894" s="5" t="s">
        <v>42</v>
      </c>
      <c r="U8894" s="2">
        <v>11.76</v>
      </c>
      <c r="V8894" s="2">
        <v>9.0090000000000003</v>
      </c>
      <c r="W8894" s="2">
        <v>0.17399999999999999</v>
      </c>
      <c r="X8894" s="2">
        <v>12</v>
      </c>
      <c r="Y8894" s="2">
        <v>62</v>
      </c>
      <c r="Z8894" s="2">
        <v>234.1</v>
      </c>
      <c r="AA8894" s="5">
        <v>10</v>
      </c>
      <c r="AB8894" s="5" t="s">
        <v>43</v>
      </c>
      <c r="AC8894" s="5" t="s">
        <v>44</v>
      </c>
      <c r="AD8894" s="2" t="s">
        <v>27269</v>
      </c>
      <c r="AE8894" s="1"/>
    </row>
    <row r="8895" spans="1:31" ht="14.45">
      <c r="A8895" s="5"/>
      <c r="B8895" s="21"/>
      <c r="C8895" s="2" t="s">
        <v>27297</v>
      </c>
      <c r="D8895" s="14" t="s">
        <v>27298</v>
      </c>
      <c r="E8895" s="2" t="s">
        <v>27299</v>
      </c>
      <c r="F8895" s="2" t="s">
        <v>27284</v>
      </c>
      <c r="G8895" s="8">
        <v>773</v>
      </c>
      <c r="H8895" s="5">
        <v>10</v>
      </c>
      <c r="I8895" s="5" t="s">
        <v>69</v>
      </c>
      <c r="J8895" s="5" t="s">
        <v>27074</v>
      </c>
      <c r="K8895" s="2" t="s">
        <v>27075</v>
      </c>
      <c r="L8895" s="5" t="s">
        <v>27074</v>
      </c>
      <c r="M8895" s="2" t="s">
        <v>27075</v>
      </c>
      <c r="N8895" s="5" t="s">
        <v>24254</v>
      </c>
      <c r="O8895" s="5" t="s">
        <v>38</v>
      </c>
      <c r="P8895" s="5" t="s">
        <v>39</v>
      </c>
      <c r="Q8895" s="5" t="s">
        <v>40</v>
      </c>
      <c r="R8895" s="5" t="s">
        <v>24335</v>
      </c>
      <c r="S8895" s="5" t="s">
        <v>40</v>
      </c>
      <c r="T8895" s="5" t="s">
        <v>42</v>
      </c>
      <c r="U8895" s="2">
        <v>19.126000000000001</v>
      </c>
      <c r="V8895" s="2">
        <v>15.920999999999999</v>
      </c>
      <c r="W8895" s="2">
        <v>0.20899999999999999</v>
      </c>
      <c r="X8895" s="2">
        <v>12</v>
      </c>
      <c r="Y8895" s="2">
        <v>50</v>
      </c>
      <c r="Z8895" s="2">
        <v>348.4</v>
      </c>
      <c r="AA8895" s="5">
        <v>10</v>
      </c>
      <c r="AB8895" s="5" t="s">
        <v>43</v>
      </c>
      <c r="AC8895" s="5" t="s">
        <v>44</v>
      </c>
      <c r="AD8895" s="2" t="s">
        <v>27274</v>
      </c>
      <c r="AE8895" s="1"/>
    </row>
    <row r="8896" spans="1:31" ht="14.45">
      <c r="A8896" s="5"/>
      <c r="B8896" s="21"/>
      <c r="C8896" s="2" t="s">
        <v>27300</v>
      </c>
      <c r="D8896" s="14" t="s">
        <v>27301</v>
      </c>
      <c r="E8896" s="2" t="s">
        <v>27302</v>
      </c>
      <c r="F8896" s="2" t="s">
        <v>27284</v>
      </c>
      <c r="G8896" s="8">
        <v>321</v>
      </c>
      <c r="H8896" s="5">
        <v>10</v>
      </c>
      <c r="I8896" s="5" t="s">
        <v>69</v>
      </c>
      <c r="J8896" s="5" t="s">
        <v>27074</v>
      </c>
      <c r="K8896" s="2" t="s">
        <v>27075</v>
      </c>
      <c r="L8896" s="5" t="s">
        <v>27074</v>
      </c>
      <c r="M8896" s="2" t="s">
        <v>27075</v>
      </c>
      <c r="N8896" s="5" t="s">
        <v>24254</v>
      </c>
      <c r="O8896" s="5" t="s">
        <v>38</v>
      </c>
      <c r="P8896" s="5" t="s">
        <v>39</v>
      </c>
      <c r="Q8896" s="5" t="s">
        <v>40</v>
      </c>
      <c r="R8896" s="5" t="s">
        <v>24335</v>
      </c>
      <c r="S8896" s="5" t="s">
        <v>40</v>
      </c>
      <c r="T8896" s="5" t="s">
        <v>42</v>
      </c>
      <c r="U8896" s="2">
        <v>10.41</v>
      </c>
      <c r="V8896" s="2">
        <v>10.268000000000001</v>
      </c>
      <c r="W8896" s="2">
        <v>0.17399999999999999</v>
      </c>
      <c r="X8896" s="2">
        <v>12</v>
      </c>
      <c r="Y8896" s="2">
        <v>62</v>
      </c>
      <c r="Z8896" s="2">
        <v>234.1</v>
      </c>
      <c r="AA8896" s="5">
        <v>10</v>
      </c>
      <c r="AB8896" s="5" t="s">
        <v>43</v>
      </c>
      <c r="AC8896" s="5" t="s">
        <v>44</v>
      </c>
      <c r="AD8896" s="2" t="s">
        <v>27269</v>
      </c>
      <c r="AE8896" s="1"/>
    </row>
    <row r="8897" spans="1:31" ht="14.45">
      <c r="A8897" s="5"/>
      <c r="B8897" s="21"/>
      <c r="C8897" s="2" t="s">
        <v>27303</v>
      </c>
      <c r="D8897" s="14" t="s">
        <v>27304</v>
      </c>
      <c r="E8897" s="2" t="s">
        <v>27305</v>
      </c>
      <c r="F8897" s="2" t="s">
        <v>27284</v>
      </c>
      <c r="G8897" s="8">
        <v>723</v>
      </c>
      <c r="H8897" s="5">
        <v>10</v>
      </c>
      <c r="I8897" s="5" t="s">
        <v>69</v>
      </c>
      <c r="J8897" s="5" t="s">
        <v>27074</v>
      </c>
      <c r="K8897" s="2" t="s">
        <v>27075</v>
      </c>
      <c r="L8897" s="5" t="s">
        <v>27074</v>
      </c>
      <c r="M8897" s="2" t="s">
        <v>27075</v>
      </c>
      <c r="N8897" s="5" t="s">
        <v>24254</v>
      </c>
      <c r="O8897" s="5" t="s">
        <v>38</v>
      </c>
      <c r="P8897" s="5" t="s">
        <v>39</v>
      </c>
      <c r="Q8897" s="5" t="s">
        <v>40</v>
      </c>
      <c r="R8897" s="5" t="s">
        <v>24335</v>
      </c>
      <c r="S8897" s="5" t="s">
        <v>40</v>
      </c>
      <c r="T8897" s="5" t="s">
        <v>42</v>
      </c>
      <c r="U8897" s="2">
        <v>17.338000000000001</v>
      </c>
      <c r="V8897" s="2">
        <v>14.401</v>
      </c>
      <c r="W8897" s="2">
        <v>0.187</v>
      </c>
      <c r="X8897" s="2">
        <v>12</v>
      </c>
      <c r="Y8897" s="2">
        <v>50</v>
      </c>
      <c r="Z8897" s="2">
        <v>312.39999999999998</v>
      </c>
      <c r="AA8897" s="5">
        <v>10</v>
      </c>
      <c r="AB8897" s="5" t="s">
        <v>43</v>
      </c>
      <c r="AC8897" s="5" t="s">
        <v>44</v>
      </c>
      <c r="AD8897" s="2" t="s">
        <v>27274</v>
      </c>
      <c r="AE8897" s="1"/>
    </row>
    <row r="8898" spans="1:31" ht="14.45">
      <c r="A8898" s="5"/>
      <c r="B8898" s="21"/>
      <c r="C8898" s="2" t="s">
        <v>27306</v>
      </c>
      <c r="D8898" s="14" t="s">
        <v>27307</v>
      </c>
      <c r="E8898" s="2" t="s">
        <v>27308</v>
      </c>
      <c r="F8898" s="2" t="s">
        <v>27284</v>
      </c>
      <c r="G8898" s="8">
        <v>338</v>
      </c>
      <c r="H8898" s="5">
        <v>10</v>
      </c>
      <c r="I8898" s="5" t="s">
        <v>69</v>
      </c>
      <c r="J8898" s="5" t="s">
        <v>27074</v>
      </c>
      <c r="K8898" s="2" t="s">
        <v>27075</v>
      </c>
      <c r="L8898" s="5" t="s">
        <v>27074</v>
      </c>
      <c r="M8898" s="2" t="s">
        <v>27075</v>
      </c>
      <c r="N8898" s="5" t="s">
        <v>24254</v>
      </c>
      <c r="O8898" s="5" t="s">
        <v>38</v>
      </c>
      <c r="P8898" s="5" t="s">
        <v>39</v>
      </c>
      <c r="Q8898" s="5" t="s">
        <v>40</v>
      </c>
      <c r="R8898" s="5" t="s">
        <v>24335</v>
      </c>
      <c r="S8898" s="5" t="s">
        <v>40</v>
      </c>
      <c r="T8898" s="5" t="s">
        <v>42</v>
      </c>
      <c r="U8898" s="2">
        <v>10.882</v>
      </c>
      <c r="V8898" s="2">
        <v>10.74</v>
      </c>
      <c r="W8898" s="2">
        <v>0.17399999999999999</v>
      </c>
      <c r="X8898" s="2">
        <v>12</v>
      </c>
      <c r="Y8898" s="2">
        <v>62</v>
      </c>
      <c r="Z8898" s="2">
        <v>234.1</v>
      </c>
      <c r="AA8898" s="5">
        <v>10</v>
      </c>
      <c r="AB8898" s="5" t="s">
        <v>43</v>
      </c>
      <c r="AC8898" s="5" t="s">
        <v>44</v>
      </c>
      <c r="AD8898" s="2" t="s">
        <v>27269</v>
      </c>
      <c r="AE8898" s="1"/>
    </row>
    <row r="8899" spans="1:31" ht="14.45">
      <c r="A8899" s="5"/>
      <c r="B8899" s="21"/>
      <c r="C8899" s="2" t="s">
        <v>27309</v>
      </c>
      <c r="D8899" s="14" t="s">
        <v>27310</v>
      </c>
      <c r="E8899" s="2" t="s">
        <v>27311</v>
      </c>
      <c r="F8899" s="2" t="s">
        <v>27284</v>
      </c>
      <c r="G8899" s="8">
        <v>761</v>
      </c>
      <c r="H8899" s="5">
        <v>10</v>
      </c>
      <c r="I8899" s="5" t="s">
        <v>69</v>
      </c>
      <c r="J8899" s="5" t="s">
        <v>27074</v>
      </c>
      <c r="K8899" s="2" t="s">
        <v>27075</v>
      </c>
      <c r="L8899" s="5" t="s">
        <v>27074</v>
      </c>
      <c r="M8899" s="2" t="s">
        <v>27075</v>
      </c>
      <c r="N8899" s="5" t="s">
        <v>24254</v>
      </c>
      <c r="O8899" s="5" t="s">
        <v>38</v>
      </c>
      <c r="P8899" s="5" t="s">
        <v>39</v>
      </c>
      <c r="Q8899" s="5" t="s">
        <v>40</v>
      </c>
      <c r="R8899" s="5" t="s">
        <v>24335</v>
      </c>
      <c r="S8899" s="5" t="s">
        <v>40</v>
      </c>
      <c r="T8899" s="5" t="s">
        <v>42</v>
      </c>
      <c r="U8899" s="2">
        <v>18.219000000000001</v>
      </c>
      <c r="V8899" s="2">
        <v>15.282</v>
      </c>
      <c r="W8899" s="2">
        <v>0.187</v>
      </c>
      <c r="X8899" s="2">
        <v>12</v>
      </c>
      <c r="Y8899" s="2">
        <v>50</v>
      </c>
      <c r="Z8899" s="2">
        <v>312.39999999999998</v>
      </c>
      <c r="AA8899" s="5">
        <v>10</v>
      </c>
      <c r="AB8899" s="5" t="s">
        <v>43</v>
      </c>
      <c r="AC8899" s="5" t="s">
        <v>44</v>
      </c>
      <c r="AD8899" s="2" t="s">
        <v>27274</v>
      </c>
      <c r="AE8899" s="1"/>
    </row>
    <row r="8900" spans="1:31" ht="14.45">
      <c r="A8900" s="5"/>
      <c r="B8900" s="21"/>
      <c r="C8900" s="2" t="s">
        <v>27312</v>
      </c>
      <c r="D8900" s="14" t="s">
        <v>27313</v>
      </c>
      <c r="E8900" s="2" t="s">
        <v>27314</v>
      </c>
      <c r="F8900" s="2" t="s">
        <v>27284</v>
      </c>
      <c r="G8900" s="8">
        <v>358</v>
      </c>
      <c r="H8900" s="5">
        <v>10</v>
      </c>
      <c r="I8900" s="5" t="s">
        <v>69</v>
      </c>
      <c r="J8900" s="5" t="s">
        <v>27074</v>
      </c>
      <c r="K8900" s="2" t="s">
        <v>27075</v>
      </c>
      <c r="L8900" s="5" t="s">
        <v>27074</v>
      </c>
      <c r="M8900" s="2" t="s">
        <v>27075</v>
      </c>
      <c r="N8900" s="5" t="s">
        <v>24254</v>
      </c>
      <c r="O8900" s="5" t="s">
        <v>38</v>
      </c>
      <c r="P8900" s="5" t="s">
        <v>39</v>
      </c>
      <c r="Q8900" s="5" t="s">
        <v>40</v>
      </c>
      <c r="R8900" s="5" t="s">
        <v>24335</v>
      </c>
      <c r="S8900" s="5" t="s">
        <v>40</v>
      </c>
      <c r="T8900" s="5" t="s">
        <v>42</v>
      </c>
      <c r="U8900" s="2">
        <v>11.317</v>
      </c>
      <c r="V8900" s="2">
        <v>11.175000000000001</v>
      </c>
      <c r="W8900" s="2">
        <v>0.17399999999999999</v>
      </c>
      <c r="X8900" s="2">
        <v>12</v>
      </c>
      <c r="Y8900" s="2">
        <v>62</v>
      </c>
      <c r="Z8900" s="2">
        <v>234.1</v>
      </c>
      <c r="AA8900" s="5">
        <v>10</v>
      </c>
      <c r="AB8900" s="5" t="s">
        <v>43</v>
      </c>
      <c r="AC8900" s="5" t="s">
        <v>44</v>
      </c>
      <c r="AD8900" s="2" t="s">
        <v>27269</v>
      </c>
      <c r="AE8900" s="1"/>
    </row>
    <row r="8901" spans="1:31" ht="14.45">
      <c r="A8901" s="5"/>
      <c r="B8901" s="21"/>
      <c r="C8901" s="2" t="s">
        <v>27315</v>
      </c>
      <c r="D8901" s="14" t="s">
        <v>27316</v>
      </c>
      <c r="E8901" s="2" t="s">
        <v>27317</v>
      </c>
      <c r="F8901" s="2" t="s">
        <v>27284</v>
      </c>
      <c r="G8901" s="8">
        <v>805</v>
      </c>
      <c r="H8901" s="5">
        <v>10</v>
      </c>
      <c r="I8901" s="5" t="s">
        <v>69</v>
      </c>
      <c r="J8901" s="5" t="s">
        <v>27074</v>
      </c>
      <c r="K8901" s="2" t="s">
        <v>27075</v>
      </c>
      <c r="L8901" s="5" t="s">
        <v>27074</v>
      </c>
      <c r="M8901" s="2" t="s">
        <v>27075</v>
      </c>
      <c r="N8901" s="5" t="s">
        <v>24254</v>
      </c>
      <c r="O8901" s="5" t="s">
        <v>38</v>
      </c>
      <c r="P8901" s="5" t="s">
        <v>39</v>
      </c>
      <c r="Q8901" s="5" t="s">
        <v>40</v>
      </c>
      <c r="R8901" s="5" t="s">
        <v>24335</v>
      </c>
      <c r="S8901" s="5" t="s">
        <v>40</v>
      </c>
      <c r="T8901" s="5" t="s">
        <v>42</v>
      </c>
      <c r="U8901" s="2">
        <v>19.303000000000001</v>
      </c>
      <c r="V8901" s="2">
        <v>16.097999999999999</v>
      </c>
      <c r="W8901" s="2">
        <v>0.20899999999999999</v>
      </c>
      <c r="X8901" s="2">
        <v>12</v>
      </c>
      <c r="Y8901" s="2">
        <v>50</v>
      </c>
      <c r="Z8901" s="2">
        <v>348.4</v>
      </c>
      <c r="AA8901" s="5">
        <v>10</v>
      </c>
      <c r="AB8901" s="5" t="s">
        <v>43</v>
      </c>
      <c r="AC8901" s="5" t="s">
        <v>44</v>
      </c>
      <c r="AD8901" s="2" t="s">
        <v>27274</v>
      </c>
      <c r="AE8901" s="1"/>
    </row>
    <row r="8902" spans="1:31" ht="14.45">
      <c r="A8902" s="5"/>
      <c r="B8902" s="21"/>
      <c r="C8902" s="2" t="s">
        <v>27318</v>
      </c>
      <c r="D8902" s="14" t="s">
        <v>27319</v>
      </c>
      <c r="E8902" s="2" t="s">
        <v>27320</v>
      </c>
      <c r="F8902" s="2" t="s">
        <v>27284</v>
      </c>
      <c r="G8902" s="8">
        <v>338</v>
      </c>
      <c r="H8902" s="5">
        <v>10</v>
      </c>
      <c r="I8902" s="5" t="s">
        <v>69</v>
      </c>
      <c r="J8902" s="5" t="s">
        <v>27074</v>
      </c>
      <c r="K8902" s="2" t="s">
        <v>27075</v>
      </c>
      <c r="L8902" s="5" t="s">
        <v>27074</v>
      </c>
      <c r="M8902" s="2" t="s">
        <v>27075</v>
      </c>
      <c r="N8902" s="5" t="s">
        <v>24254</v>
      </c>
      <c r="O8902" s="5" t="s">
        <v>38</v>
      </c>
      <c r="P8902" s="5" t="s">
        <v>39</v>
      </c>
      <c r="Q8902" s="5" t="s">
        <v>40</v>
      </c>
      <c r="R8902" s="5" t="s">
        <v>24335</v>
      </c>
      <c r="S8902" s="5" t="s">
        <v>40</v>
      </c>
      <c r="T8902" s="5" t="s">
        <v>42</v>
      </c>
      <c r="U8902" s="2">
        <v>11.044</v>
      </c>
      <c r="V8902" s="2">
        <v>10.901999999999999</v>
      </c>
      <c r="W8902" s="2">
        <v>0.17399999999999999</v>
      </c>
      <c r="X8902" s="2">
        <v>12</v>
      </c>
      <c r="Y8902" s="2">
        <v>62</v>
      </c>
      <c r="Z8902" s="2">
        <v>234.1</v>
      </c>
      <c r="AA8902" s="5">
        <v>10</v>
      </c>
      <c r="AB8902" s="5" t="s">
        <v>43</v>
      </c>
      <c r="AC8902" s="5" t="s">
        <v>44</v>
      </c>
      <c r="AD8902" s="2" t="s">
        <v>27269</v>
      </c>
      <c r="AE8902" s="1"/>
    </row>
    <row r="8903" spans="1:31" ht="14.45">
      <c r="A8903" s="5"/>
      <c r="B8903" s="21"/>
      <c r="C8903" s="2" t="s">
        <v>27321</v>
      </c>
      <c r="D8903" s="14" t="s">
        <v>27322</v>
      </c>
      <c r="E8903" s="2" t="s">
        <v>27323</v>
      </c>
      <c r="F8903" s="2" t="s">
        <v>27284</v>
      </c>
      <c r="G8903" s="8">
        <v>761</v>
      </c>
      <c r="H8903" s="5">
        <v>10</v>
      </c>
      <c r="I8903" s="5" t="s">
        <v>69</v>
      </c>
      <c r="J8903" s="5" t="s">
        <v>27074</v>
      </c>
      <c r="K8903" s="2" t="s">
        <v>27075</v>
      </c>
      <c r="L8903" s="5" t="s">
        <v>27074</v>
      </c>
      <c r="M8903" s="2" t="s">
        <v>27075</v>
      </c>
      <c r="N8903" s="5" t="s">
        <v>24254</v>
      </c>
      <c r="O8903" s="5" t="s">
        <v>38</v>
      </c>
      <c r="P8903" s="5" t="s">
        <v>39</v>
      </c>
      <c r="Q8903" s="5" t="s">
        <v>40</v>
      </c>
      <c r="R8903" s="5" t="s">
        <v>24335</v>
      </c>
      <c r="S8903" s="5" t="s">
        <v>40</v>
      </c>
      <c r="T8903" s="5" t="s">
        <v>42</v>
      </c>
      <c r="U8903" s="2">
        <v>19.151</v>
      </c>
      <c r="V8903" s="2">
        <v>15.313000000000001</v>
      </c>
      <c r="W8903" s="2">
        <v>0.19700000000000001</v>
      </c>
      <c r="X8903" s="2">
        <v>12</v>
      </c>
      <c r="Y8903" s="2">
        <v>50</v>
      </c>
      <c r="Z8903" s="2">
        <v>328.9</v>
      </c>
      <c r="AA8903" s="5">
        <v>10</v>
      </c>
      <c r="AB8903" s="5" t="s">
        <v>43</v>
      </c>
      <c r="AC8903" s="5" t="s">
        <v>44</v>
      </c>
      <c r="AD8903" s="2" t="s">
        <v>27274</v>
      </c>
      <c r="AE8903" s="1"/>
    </row>
    <row r="8904" spans="1:31" ht="14.45">
      <c r="A8904" s="5"/>
      <c r="B8904" s="21"/>
      <c r="C8904" s="2" t="s">
        <v>27324</v>
      </c>
      <c r="D8904" s="14" t="s">
        <v>27325</v>
      </c>
      <c r="E8904" s="2" t="s">
        <v>27326</v>
      </c>
      <c r="F8904" s="2" t="s">
        <v>27284</v>
      </c>
      <c r="G8904" s="8">
        <v>347</v>
      </c>
      <c r="H8904" s="5">
        <v>10</v>
      </c>
      <c r="I8904" s="5" t="s">
        <v>69</v>
      </c>
      <c r="J8904" s="5" t="s">
        <v>27074</v>
      </c>
      <c r="K8904" s="2" t="s">
        <v>27075</v>
      </c>
      <c r="L8904" s="5" t="s">
        <v>27074</v>
      </c>
      <c r="M8904" s="2" t="s">
        <v>27075</v>
      </c>
      <c r="N8904" s="5" t="s">
        <v>24254</v>
      </c>
      <c r="O8904" s="5" t="s">
        <v>38</v>
      </c>
      <c r="P8904" s="5" t="s">
        <v>39</v>
      </c>
      <c r="Q8904" s="5" t="s">
        <v>40</v>
      </c>
      <c r="R8904" s="5" t="s">
        <v>24335</v>
      </c>
      <c r="S8904" s="5" t="s">
        <v>40</v>
      </c>
      <c r="T8904" s="5" t="s">
        <v>42</v>
      </c>
      <c r="U8904" s="2">
        <v>11.494999999999999</v>
      </c>
      <c r="V8904" s="2">
        <v>11.353</v>
      </c>
      <c r="W8904" s="2">
        <v>0.17399999999999999</v>
      </c>
      <c r="X8904" s="2">
        <v>12</v>
      </c>
      <c r="Y8904" s="2">
        <v>62</v>
      </c>
      <c r="Z8904" s="2">
        <v>234.1</v>
      </c>
      <c r="AA8904" s="5">
        <v>10</v>
      </c>
      <c r="AB8904" s="5" t="s">
        <v>43</v>
      </c>
      <c r="AC8904" s="5" t="s">
        <v>44</v>
      </c>
      <c r="AD8904" s="2" t="s">
        <v>27269</v>
      </c>
      <c r="AE8904" s="1"/>
    </row>
    <row r="8905" spans="1:31" ht="14.45">
      <c r="A8905" s="5"/>
      <c r="B8905" s="21"/>
      <c r="C8905" s="2" t="s">
        <v>27327</v>
      </c>
      <c r="D8905" s="14" t="s">
        <v>27328</v>
      </c>
      <c r="E8905" s="2" t="s">
        <v>27329</v>
      </c>
      <c r="F8905" s="2" t="s">
        <v>27284</v>
      </c>
      <c r="G8905" s="8">
        <v>780</v>
      </c>
      <c r="H8905" s="5">
        <v>10</v>
      </c>
      <c r="I8905" s="5" t="s">
        <v>69</v>
      </c>
      <c r="J8905" s="5" t="s">
        <v>27074</v>
      </c>
      <c r="K8905" s="2" t="s">
        <v>27075</v>
      </c>
      <c r="L8905" s="5" t="s">
        <v>27074</v>
      </c>
      <c r="M8905" s="2" t="s">
        <v>27075</v>
      </c>
      <c r="N8905" s="5" t="s">
        <v>24254</v>
      </c>
      <c r="O8905" s="5" t="s">
        <v>38</v>
      </c>
      <c r="P8905" s="5" t="s">
        <v>39</v>
      </c>
      <c r="Q8905" s="5" t="s">
        <v>40</v>
      </c>
      <c r="R8905" s="5" t="s">
        <v>24335</v>
      </c>
      <c r="S8905" s="5" t="s">
        <v>40</v>
      </c>
      <c r="T8905" s="5" t="s">
        <v>42</v>
      </c>
      <c r="U8905" s="2">
        <v>20.033999999999999</v>
      </c>
      <c r="V8905" s="2">
        <v>16.196000000000002</v>
      </c>
      <c r="W8905" s="2">
        <v>0.19700000000000001</v>
      </c>
      <c r="X8905" s="2">
        <v>12</v>
      </c>
      <c r="Y8905" s="2">
        <v>50</v>
      </c>
      <c r="Z8905" s="2">
        <v>328.9</v>
      </c>
      <c r="AA8905" s="5">
        <v>10</v>
      </c>
      <c r="AB8905" s="5" t="s">
        <v>43</v>
      </c>
      <c r="AC8905" s="5" t="s">
        <v>44</v>
      </c>
      <c r="AD8905" s="2" t="s">
        <v>27274</v>
      </c>
      <c r="AE8905" s="1"/>
    </row>
    <row r="8906" spans="1:31" ht="14.45">
      <c r="A8906" s="5"/>
      <c r="B8906" s="21"/>
      <c r="C8906" s="2" t="s">
        <v>27330</v>
      </c>
      <c r="D8906" s="14" t="s">
        <v>27331</v>
      </c>
      <c r="E8906" s="2" t="s">
        <v>27332</v>
      </c>
      <c r="F8906" s="2" t="s">
        <v>27284</v>
      </c>
      <c r="G8906" s="8">
        <v>383</v>
      </c>
      <c r="H8906" s="5">
        <v>10</v>
      </c>
      <c r="I8906" s="5" t="s">
        <v>69</v>
      </c>
      <c r="J8906" s="5" t="s">
        <v>27074</v>
      </c>
      <c r="K8906" s="2" t="s">
        <v>27075</v>
      </c>
      <c r="L8906" s="5" t="s">
        <v>27074</v>
      </c>
      <c r="M8906" s="2" t="s">
        <v>27075</v>
      </c>
      <c r="N8906" s="5" t="s">
        <v>24254</v>
      </c>
      <c r="O8906" s="5" t="s">
        <v>38</v>
      </c>
      <c r="P8906" s="5" t="s">
        <v>39</v>
      </c>
      <c r="Q8906" s="5" t="s">
        <v>40</v>
      </c>
      <c r="R8906" s="5" t="s">
        <v>24335</v>
      </c>
      <c r="S8906" s="5" t="s">
        <v>40</v>
      </c>
      <c r="T8906" s="5" t="s">
        <v>42</v>
      </c>
      <c r="U8906" s="2">
        <v>11.949</v>
      </c>
      <c r="V8906" s="2">
        <v>11.807</v>
      </c>
      <c r="W8906" s="2">
        <v>0.17399999999999999</v>
      </c>
      <c r="X8906" s="2">
        <v>12</v>
      </c>
      <c r="Y8906" s="2">
        <v>62</v>
      </c>
      <c r="Z8906" s="2">
        <v>234.1</v>
      </c>
      <c r="AA8906" s="5">
        <v>10</v>
      </c>
      <c r="AB8906" s="5" t="s">
        <v>43</v>
      </c>
      <c r="AC8906" s="5" t="s">
        <v>44</v>
      </c>
      <c r="AD8906" s="2" t="s">
        <v>27269</v>
      </c>
      <c r="AE8906" s="1"/>
    </row>
    <row r="8907" spans="1:31" ht="14.45">
      <c r="A8907" s="5"/>
      <c r="B8907" s="21"/>
      <c r="C8907" s="2" t="s">
        <v>27333</v>
      </c>
      <c r="D8907" s="14" t="s">
        <v>27334</v>
      </c>
      <c r="E8907" s="2" t="s">
        <v>27335</v>
      </c>
      <c r="F8907" s="2" t="s">
        <v>27284</v>
      </c>
      <c r="G8907" s="8">
        <v>862</v>
      </c>
      <c r="H8907" s="5">
        <v>10</v>
      </c>
      <c r="I8907" s="5" t="s">
        <v>69</v>
      </c>
      <c r="J8907" s="5" t="s">
        <v>27074</v>
      </c>
      <c r="K8907" s="2" t="s">
        <v>27075</v>
      </c>
      <c r="L8907" s="5" t="s">
        <v>27074</v>
      </c>
      <c r="M8907" s="2" t="s">
        <v>27075</v>
      </c>
      <c r="N8907" s="5" t="s">
        <v>24254</v>
      </c>
      <c r="O8907" s="5" t="s">
        <v>38</v>
      </c>
      <c r="P8907" s="5" t="s">
        <v>39</v>
      </c>
      <c r="Q8907" s="5" t="s">
        <v>40</v>
      </c>
      <c r="R8907" s="5" t="s">
        <v>24335</v>
      </c>
      <c r="S8907" s="5" t="s">
        <v>40</v>
      </c>
      <c r="T8907" s="5" t="s">
        <v>42</v>
      </c>
      <c r="U8907" s="2">
        <v>20.97</v>
      </c>
      <c r="V8907" s="2">
        <v>17.007999999999999</v>
      </c>
      <c r="W8907" s="2">
        <v>0.20899999999999999</v>
      </c>
      <c r="X8907" s="2">
        <v>12</v>
      </c>
      <c r="Y8907" s="2">
        <v>50</v>
      </c>
      <c r="Z8907" s="2">
        <v>348.4</v>
      </c>
      <c r="AA8907" s="5">
        <v>10</v>
      </c>
      <c r="AB8907" s="5" t="s">
        <v>43</v>
      </c>
      <c r="AC8907" s="5" t="s">
        <v>44</v>
      </c>
      <c r="AD8907" s="2" t="s">
        <v>27274</v>
      </c>
      <c r="AE8907" s="1"/>
    </row>
    <row r="8908" spans="1:31" ht="14.45">
      <c r="A8908" s="5"/>
      <c r="B8908" s="21"/>
      <c r="C8908" s="2" t="s">
        <v>27336</v>
      </c>
      <c r="D8908" s="14" t="s">
        <v>27337</v>
      </c>
      <c r="E8908" s="2" t="s">
        <v>27338</v>
      </c>
      <c r="F8908" s="2" t="s">
        <v>27284</v>
      </c>
      <c r="G8908" s="8">
        <v>338</v>
      </c>
      <c r="H8908" s="5">
        <v>10</v>
      </c>
      <c r="I8908" s="5" t="s">
        <v>69</v>
      </c>
      <c r="J8908" s="5" t="s">
        <v>27074</v>
      </c>
      <c r="K8908" s="2" t="s">
        <v>27075</v>
      </c>
      <c r="L8908" s="5" t="s">
        <v>27074</v>
      </c>
      <c r="M8908" s="2" t="s">
        <v>27075</v>
      </c>
      <c r="N8908" s="5" t="s">
        <v>24254</v>
      </c>
      <c r="O8908" s="5" t="s">
        <v>38</v>
      </c>
      <c r="P8908" s="5" t="s">
        <v>39</v>
      </c>
      <c r="Q8908" s="5" t="s">
        <v>40</v>
      </c>
      <c r="R8908" s="5" t="s">
        <v>24335</v>
      </c>
      <c r="S8908" s="5" t="s">
        <v>40</v>
      </c>
      <c r="T8908" s="5" t="s">
        <v>42</v>
      </c>
      <c r="U8908" s="2">
        <v>11.068</v>
      </c>
      <c r="V8908" s="2">
        <v>10.926</v>
      </c>
      <c r="W8908" s="2">
        <v>0.17399999999999999</v>
      </c>
      <c r="X8908" s="2">
        <v>12</v>
      </c>
      <c r="Y8908" s="2">
        <v>62</v>
      </c>
      <c r="Z8908" s="2">
        <v>234.1</v>
      </c>
      <c r="AA8908" s="5">
        <v>10</v>
      </c>
      <c r="AB8908" s="5" t="s">
        <v>43</v>
      </c>
      <c r="AC8908" s="5" t="s">
        <v>44</v>
      </c>
      <c r="AD8908" s="2" t="s">
        <v>27269</v>
      </c>
      <c r="AE8908" s="1"/>
    </row>
    <row r="8909" spans="1:31" ht="14.45">
      <c r="A8909" s="5"/>
      <c r="B8909" s="21"/>
      <c r="C8909" s="2" t="s">
        <v>27339</v>
      </c>
      <c r="D8909" s="14" t="s">
        <v>27340</v>
      </c>
      <c r="E8909" s="2" t="s">
        <v>27341</v>
      </c>
      <c r="F8909" s="2" t="s">
        <v>27284</v>
      </c>
      <c r="G8909" s="8">
        <v>761</v>
      </c>
      <c r="H8909" s="5">
        <v>10</v>
      </c>
      <c r="I8909" s="5" t="s">
        <v>69</v>
      </c>
      <c r="J8909" s="5" t="s">
        <v>27074</v>
      </c>
      <c r="K8909" s="2" t="s">
        <v>27075</v>
      </c>
      <c r="L8909" s="5" t="s">
        <v>27074</v>
      </c>
      <c r="M8909" s="2" t="s">
        <v>27075</v>
      </c>
      <c r="N8909" s="5" t="s">
        <v>24254</v>
      </c>
      <c r="O8909" s="5" t="s">
        <v>38</v>
      </c>
      <c r="P8909" s="5" t="s">
        <v>39</v>
      </c>
      <c r="Q8909" s="5" t="s">
        <v>40</v>
      </c>
      <c r="R8909" s="5" t="s">
        <v>24335</v>
      </c>
      <c r="S8909" s="5" t="s">
        <v>40</v>
      </c>
      <c r="T8909" s="5" t="s">
        <v>42</v>
      </c>
      <c r="U8909" s="2">
        <v>19.434000000000001</v>
      </c>
      <c r="V8909" s="2">
        <v>15.592000000000001</v>
      </c>
      <c r="W8909" s="2">
        <v>0.19700000000000001</v>
      </c>
      <c r="X8909" s="2">
        <v>12</v>
      </c>
      <c r="Y8909" s="2">
        <v>50</v>
      </c>
      <c r="Z8909" s="2">
        <v>328.9</v>
      </c>
      <c r="AA8909" s="5">
        <v>10</v>
      </c>
      <c r="AB8909" s="5" t="s">
        <v>43</v>
      </c>
      <c r="AC8909" s="5" t="s">
        <v>44</v>
      </c>
      <c r="AD8909" s="2" t="s">
        <v>27274</v>
      </c>
      <c r="AE8909" s="1"/>
    </row>
    <row r="8910" spans="1:31" ht="14.45">
      <c r="A8910" s="5"/>
      <c r="B8910" s="21"/>
      <c r="C8910" s="2" t="s">
        <v>27342</v>
      </c>
      <c r="D8910" s="14" t="s">
        <v>27343</v>
      </c>
      <c r="E8910" s="2" t="s">
        <v>27344</v>
      </c>
      <c r="F8910" s="2" t="s">
        <v>27284</v>
      </c>
      <c r="G8910" s="8">
        <v>366</v>
      </c>
      <c r="H8910" s="5">
        <v>10</v>
      </c>
      <c r="I8910" s="5" t="s">
        <v>69</v>
      </c>
      <c r="J8910" s="5" t="s">
        <v>27074</v>
      </c>
      <c r="K8910" s="2" t="s">
        <v>27075</v>
      </c>
      <c r="L8910" s="5" t="s">
        <v>27074</v>
      </c>
      <c r="M8910" s="2" t="s">
        <v>27075</v>
      </c>
      <c r="N8910" s="5" t="s">
        <v>24254</v>
      </c>
      <c r="O8910" s="5" t="s">
        <v>38</v>
      </c>
      <c r="P8910" s="5" t="s">
        <v>39</v>
      </c>
      <c r="Q8910" s="5" t="s">
        <v>40</v>
      </c>
      <c r="R8910" s="5" t="s">
        <v>24335</v>
      </c>
      <c r="S8910" s="5" t="s">
        <v>40</v>
      </c>
      <c r="T8910" s="5" t="s">
        <v>42</v>
      </c>
      <c r="U8910" s="2">
        <v>11.95</v>
      </c>
      <c r="V8910" s="2">
        <v>11.808</v>
      </c>
      <c r="W8910" s="2">
        <v>0.17399999999999999</v>
      </c>
      <c r="X8910" s="2">
        <v>12</v>
      </c>
      <c r="Y8910" s="2">
        <v>62</v>
      </c>
      <c r="Z8910" s="2">
        <v>234.1</v>
      </c>
      <c r="AA8910" s="5">
        <v>10</v>
      </c>
      <c r="AB8910" s="5" t="s">
        <v>43</v>
      </c>
      <c r="AC8910" s="5" t="s">
        <v>44</v>
      </c>
      <c r="AD8910" s="2" t="s">
        <v>27269</v>
      </c>
      <c r="AE8910" s="1"/>
    </row>
    <row r="8911" spans="1:31" ht="14.45">
      <c r="A8911" s="5"/>
      <c r="B8911" s="21"/>
      <c r="C8911" s="2" t="s">
        <v>27345</v>
      </c>
      <c r="D8911" s="14" t="s">
        <v>27346</v>
      </c>
      <c r="E8911" s="2" t="s">
        <v>27347</v>
      </c>
      <c r="F8911" s="2" t="s">
        <v>27284</v>
      </c>
      <c r="G8911" s="8">
        <v>824</v>
      </c>
      <c r="H8911" s="5">
        <v>10</v>
      </c>
      <c r="I8911" s="5" t="s">
        <v>69</v>
      </c>
      <c r="J8911" s="5" t="s">
        <v>27074</v>
      </c>
      <c r="K8911" s="2" t="s">
        <v>27075</v>
      </c>
      <c r="L8911" s="5" t="s">
        <v>27074</v>
      </c>
      <c r="M8911" s="2" t="s">
        <v>27075</v>
      </c>
      <c r="N8911" s="5" t="s">
        <v>24254</v>
      </c>
      <c r="O8911" s="5" t="s">
        <v>38</v>
      </c>
      <c r="P8911" s="5" t="s">
        <v>39</v>
      </c>
      <c r="Q8911" s="5" t="s">
        <v>40</v>
      </c>
      <c r="R8911" s="5" t="s">
        <v>24335</v>
      </c>
      <c r="S8911" s="5" t="s">
        <v>40</v>
      </c>
      <c r="T8911" s="5" t="s">
        <v>42</v>
      </c>
      <c r="U8911" s="2">
        <v>21.111999999999998</v>
      </c>
      <c r="V8911" s="2">
        <v>17.27</v>
      </c>
      <c r="W8911" s="2">
        <v>0.19700000000000001</v>
      </c>
      <c r="X8911" s="2">
        <v>12</v>
      </c>
      <c r="Y8911" s="2">
        <v>50</v>
      </c>
      <c r="Z8911" s="2">
        <v>328.9</v>
      </c>
      <c r="AA8911" s="5">
        <v>10</v>
      </c>
      <c r="AB8911" s="5" t="s">
        <v>43</v>
      </c>
      <c r="AC8911" s="5" t="s">
        <v>44</v>
      </c>
      <c r="AD8911" s="2" t="s">
        <v>27274</v>
      </c>
      <c r="AE8911" s="1"/>
    </row>
    <row r="8912" spans="1:31" ht="14.45">
      <c r="A8912" s="5"/>
      <c r="B8912" s="21"/>
      <c r="C8912" s="2" t="s">
        <v>27348</v>
      </c>
      <c r="D8912" s="14" t="s">
        <v>27349</v>
      </c>
      <c r="E8912" s="2" t="s">
        <v>27350</v>
      </c>
      <c r="F8912" s="2" t="s">
        <v>27284</v>
      </c>
      <c r="G8912" s="8">
        <v>408</v>
      </c>
      <c r="H8912" s="5">
        <v>10</v>
      </c>
      <c r="I8912" s="5" t="s">
        <v>69</v>
      </c>
      <c r="J8912" s="5" t="s">
        <v>27074</v>
      </c>
      <c r="K8912" s="2" t="s">
        <v>27075</v>
      </c>
      <c r="L8912" s="5" t="s">
        <v>27074</v>
      </c>
      <c r="M8912" s="2" t="s">
        <v>27075</v>
      </c>
      <c r="N8912" s="5" t="s">
        <v>24254</v>
      </c>
      <c r="O8912" s="5" t="s">
        <v>38</v>
      </c>
      <c r="P8912" s="5" t="s">
        <v>39</v>
      </c>
      <c r="Q8912" s="5" t="s">
        <v>40</v>
      </c>
      <c r="R8912" s="5" t="s">
        <v>24335</v>
      </c>
      <c r="S8912" s="5" t="s">
        <v>40</v>
      </c>
      <c r="T8912" s="5" t="s">
        <v>42</v>
      </c>
      <c r="U8912" s="2">
        <v>12.401</v>
      </c>
      <c r="V8912" s="2">
        <v>12.259</v>
      </c>
      <c r="W8912" s="2">
        <v>0.17399999999999999</v>
      </c>
      <c r="X8912" s="2">
        <v>12</v>
      </c>
      <c r="Y8912" s="2">
        <v>62</v>
      </c>
      <c r="Z8912" s="2">
        <v>234.1</v>
      </c>
      <c r="AA8912" s="5">
        <v>10</v>
      </c>
      <c r="AB8912" s="5" t="s">
        <v>43</v>
      </c>
      <c r="AC8912" s="5" t="s">
        <v>44</v>
      </c>
      <c r="AD8912" s="2" t="s">
        <v>27269</v>
      </c>
      <c r="AE8912" s="1"/>
    </row>
    <row r="8913" spans="1:31" ht="14.45">
      <c r="A8913" s="5"/>
      <c r="B8913" s="21"/>
      <c r="C8913" s="2" t="s">
        <v>27351</v>
      </c>
      <c r="D8913" s="14" t="s">
        <v>27352</v>
      </c>
      <c r="E8913" s="2" t="s">
        <v>27353</v>
      </c>
      <c r="F8913" s="2" t="s">
        <v>27284</v>
      </c>
      <c r="G8913" s="8">
        <v>919</v>
      </c>
      <c r="H8913" s="5">
        <v>10</v>
      </c>
      <c r="I8913" s="5" t="s">
        <v>69</v>
      </c>
      <c r="J8913" s="5" t="s">
        <v>27074</v>
      </c>
      <c r="K8913" s="2" t="s">
        <v>27075</v>
      </c>
      <c r="L8913" s="5" t="s">
        <v>27074</v>
      </c>
      <c r="M8913" s="2" t="s">
        <v>27075</v>
      </c>
      <c r="N8913" s="5" t="s">
        <v>24254</v>
      </c>
      <c r="O8913" s="5" t="s">
        <v>38</v>
      </c>
      <c r="P8913" s="5" t="s">
        <v>39</v>
      </c>
      <c r="Q8913" s="5" t="s">
        <v>40</v>
      </c>
      <c r="R8913" s="5" t="s">
        <v>24335</v>
      </c>
      <c r="S8913" s="5" t="s">
        <v>40</v>
      </c>
      <c r="T8913" s="5" t="s">
        <v>42</v>
      </c>
      <c r="U8913" s="2">
        <v>22.052</v>
      </c>
      <c r="V8913" s="2">
        <v>18.085999999999999</v>
      </c>
      <c r="W8913" s="2">
        <v>0.20899999999999999</v>
      </c>
      <c r="X8913" s="2">
        <v>12</v>
      </c>
      <c r="Y8913" s="2">
        <v>50</v>
      </c>
      <c r="Z8913" s="2">
        <v>348.4</v>
      </c>
      <c r="AA8913" s="5">
        <v>10</v>
      </c>
      <c r="AB8913" s="5" t="s">
        <v>43</v>
      </c>
      <c r="AC8913" s="5" t="s">
        <v>44</v>
      </c>
      <c r="AD8913" s="2" t="s">
        <v>27274</v>
      </c>
      <c r="AE8913" s="1"/>
    </row>
    <row r="8914" spans="1:31" ht="14.45">
      <c r="A8914" s="5"/>
      <c r="B8914" s="21"/>
      <c r="C8914" s="2" t="s">
        <v>27354</v>
      </c>
      <c r="D8914" s="14" t="s">
        <v>27355</v>
      </c>
      <c r="E8914" s="2" t="s">
        <v>27356</v>
      </c>
      <c r="F8914" s="2"/>
      <c r="G8914" s="8">
        <v>268</v>
      </c>
      <c r="H8914" s="5">
        <v>5</v>
      </c>
      <c r="I8914" s="5" t="s">
        <v>69</v>
      </c>
      <c r="J8914" s="5" t="s">
        <v>27074</v>
      </c>
      <c r="K8914" s="2" t="s">
        <v>27075</v>
      </c>
      <c r="L8914" s="5" t="s">
        <v>27074</v>
      </c>
      <c r="M8914" s="2" t="s">
        <v>27075</v>
      </c>
      <c r="N8914" s="5" t="s">
        <v>24254</v>
      </c>
      <c r="O8914" s="5" t="s">
        <v>38</v>
      </c>
      <c r="P8914" s="5" t="s">
        <v>39</v>
      </c>
      <c r="Q8914" s="5" t="s">
        <v>40</v>
      </c>
      <c r="R8914" s="5" t="s">
        <v>24335</v>
      </c>
      <c r="S8914" s="5" t="s">
        <v>40</v>
      </c>
      <c r="T8914" s="5" t="s">
        <v>42</v>
      </c>
      <c r="U8914" s="2">
        <v>8.798</v>
      </c>
      <c r="V8914" s="2">
        <v>6.8929999999999998</v>
      </c>
      <c r="W8914" s="2">
        <v>6.9000000000000006E-2</v>
      </c>
      <c r="X8914" s="2">
        <v>12</v>
      </c>
      <c r="Y8914" s="2">
        <v>50</v>
      </c>
      <c r="Z8914" s="2">
        <v>173.9</v>
      </c>
      <c r="AA8914" s="5">
        <v>10</v>
      </c>
      <c r="AB8914" s="5" t="s">
        <v>43</v>
      </c>
      <c r="AC8914" s="5" t="s">
        <v>44</v>
      </c>
      <c r="AD8914" s="2" t="s">
        <v>27357</v>
      </c>
      <c r="AE8914" s="1"/>
    </row>
    <row r="8915" spans="1:31" ht="14.45">
      <c r="A8915" s="5"/>
      <c r="B8915" s="21"/>
      <c r="C8915" s="2" t="s">
        <v>27358</v>
      </c>
      <c r="D8915" s="14" t="s">
        <v>27359</v>
      </c>
      <c r="E8915" s="2" t="s">
        <v>27360</v>
      </c>
      <c r="F8915" s="2" t="s">
        <v>27361</v>
      </c>
      <c r="G8915" s="8">
        <v>602</v>
      </c>
      <c r="H8915" s="5">
        <v>15</v>
      </c>
      <c r="I8915" s="5" t="s">
        <v>69</v>
      </c>
      <c r="J8915" s="5" t="s">
        <v>27074</v>
      </c>
      <c r="K8915" s="2" t="s">
        <v>27075</v>
      </c>
      <c r="L8915" s="5" t="s">
        <v>27074</v>
      </c>
      <c r="M8915" s="2" t="s">
        <v>27075</v>
      </c>
      <c r="N8915" s="5" t="s">
        <v>24254</v>
      </c>
      <c r="O8915" s="5" t="s">
        <v>38</v>
      </c>
      <c r="P8915" s="5" t="s">
        <v>39</v>
      </c>
      <c r="Q8915" s="5" t="s">
        <v>40</v>
      </c>
      <c r="R8915" s="5" t="s">
        <v>24335</v>
      </c>
      <c r="S8915" s="5" t="s">
        <v>40</v>
      </c>
      <c r="T8915" s="5" t="s">
        <v>42</v>
      </c>
      <c r="U8915" s="2">
        <v>12.154999999999999</v>
      </c>
      <c r="V8915" s="2">
        <v>10.037000000000001</v>
      </c>
      <c r="W8915" s="2">
        <v>0.11600000000000001</v>
      </c>
      <c r="X8915" s="2">
        <v>12</v>
      </c>
      <c r="Y8915" s="2">
        <v>50</v>
      </c>
      <c r="Z8915" s="2">
        <v>193.9</v>
      </c>
      <c r="AA8915" s="5">
        <v>10</v>
      </c>
      <c r="AB8915" s="5" t="s">
        <v>43</v>
      </c>
      <c r="AC8915" s="5" t="s">
        <v>44</v>
      </c>
      <c r="AD8915" s="2" t="s">
        <v>27362</v>
      </c>
      <c r="AE8915" s="1"/>
    </row>
    <row r="8916" spans="1:31" ht="14.45">
      <c r="A8916" s="5"/>
      <c r="B8916" s="21"/>
      <c r="C8916" s="2" t="s">
        <v>27363</v>
      </c>
      <c r="D8916" s="14" t="s">
        <v>27364</v>
      </c>
      <c r="E8916" s="2" t="s">
        <v>27365</v>
      </c>
      <c r="F8916" s="2" t="s">
        <v>27361</v>
      </c>
      <c r="G8916" s="8">
        <v>602</v>
      </c>
      <c r="H8916" s="5">
        <v>15</v>
      </c>
      <c r="I8916" s="5" t="s">
        <v>69</v>
      </c>
      <c r="J8916" s="5" t="s">
        <v>27074</v>
      </c>
      <c r="K8916" s="2" t="s">
        <v>27075</v>
      </c>
      <c r="L8916" s="5" t="s">
        <v>27074</v>
      </c>
      <c r="M8916" s="2" t="s">
        <v>27075</v>
      </c>
      <c r="N8916" s="5" t="s">
        <v>24254</v>
      </c>
      <c r="O8916" s="5" t="s">
        <v>38</v>
      </c>
      <c r="P8916" s="5" t="s">
        <v>39</v>
      </c>
      <c r="Q8916" s="5" t="s">
        <v>40</v>
      </c>
      <c r="R8916" s="5" t="s">
        <v>24335</v>
      </c>
      <c r="S8916" s="5" t="s">
        <v>40</v>
      </c>
      <c r="T8916" s="5" t="s">
        <v>42</v>
      </c>
      <c r="U8916" s="2">
        <v>12.36</v>
      </c>
      <c r="V8916" s="2">
        <v>10.32</v>
      </c>
      <c r="W8916" s="2">
        <v>0.11600000000000001</v>
      </c>
      <c r="X8916" s="2">
        <v>12</v>
      </c>
      <c r="Y8916" s="2">
        <v>50</v>
      </c>
      <c r="Z8916" s="2">
        <v>193.9</v>
      </c>
      <c r="AA8916" s="5">
        <v>10</v>
      </c>
      <c r="AB8916" s="5" t="s">
        <v>43</v>
      </c>
      <c r="AC8916" s="5" t="s">
        <v>44</v>
      </c>
      <c r="AD8916" s="2" t="s">
        <v>27366</v>
      </c>
      <c r="AE8916" s="1"/>
    </row>
    <row r="8917" spans="1:31" ht="14.45">
      <c r="A8917" s="5"/>
      <c r="B8917" s="21"/>
      <c r="C8917" s="2" t="s">
        <v>27367</v>
      </c>
      <c r="D8917" s="14" t="s">
        <v>27368</v>
      </c>
      <c r="E8917" s="2" t="s">
        <v>27369</v>
      </c>
      <c r="F8917" s="2" t="s">
        <v>27361</v>
      </c>
      <c r="G8917" s="8">
        <v>1397</v>
      </c>
      <c r="H8917" s="5">
        <v>15</v>
      </c>
      <c r="I8917" s="5" t="s">
        <v>69</v>
      </c>
      <c r="J8917" s="5" t="s">
        <v>27074</v>
      </c>
      <c r="K8917" s="2" t="s">
        <v>27075</v>
      </c>
      <c r="L8917" s="5" t="s">
        <v>27074</v>
      </c>
      <c r="M8917" s="2" t="s">
        <v>27075</v>
      </c>
      <c r="N8917" s="5" t="s">
        <v>24254</v>
      </c>
      <c r="O8917" s="5" t="s">
        <v>38</v>
      </c>
      <c r="P8917" s="5" t="s">
        <v>39</v>
      </c>
      <c r="Q8917" s="5" t="s">
        <v>40</v>
      </c>
      <c r="R8917" s="5" t="s">
        <v>24335</v>
      </c>
      <c r="S8917" s="5" t="s">
        <v>40</v>
      </c>
      <c r="T8917" s="5" t="s">
        <v>42</v>
      </c>
      <c r="U8917" s="2">
        <v>16.966000000000001</v>
      </c>
      <c r="V8917" s="2">
        <v>13.132</v>
      </c>
      <c r="W8917" s="2">
        <v>0.17799999999999999</v>
      </c>
      <c r="X8917" s="2">
        <v>12</v>
      </c>
      <c r="Y8917" s="2">
        <v>50</v>
      </c>
      <c r="Z8917" s="2">
        <v>295.89999999999998</v>
      </c>
      <c r="AA8917" s="5">
        <v>10</v>
      </c>
      <c r="AB8917" s="5" t="s">
        <v>43</v>
      </c>
      <c r="AC8917" s="5" t="s">
        <v>44</v>
      </c>
      <c r="AD8917" s="2" t="s">
        <v>27370</v>
      </c>
      <c r="AE8917" s="1"/>
    </row>
    <row r="8918" spans="1:31" ht="14.45">
      <c r="A8918" s="5"/>
      <c r="B8918" s="21"/>
      <c r="C8918" s="2" t="s">
        <v>27371</v>
      </c>
      <c r="D8918" s="14" t="s">
        <v>27372</v>
      </c>
      <c r="E8918" s="2" t="s">
        <v>27373</v>
      </c>
      <c r="F8918" s="2" t="s">
        <v>27361</v>
      </c>
      <c r="G8918" s="8">
        <v>1397</v>
      </c>
      <c r="H8918" s="5">
        <v>15</v>
      </c>
      <c r="I8918" s="5" t="s">
        <v>69</v>
      </c>
      <c r="J8918" s="5" t="s">
        <v>27074</v>
      </c>
      <c r="K8918" s="2" t="s">
        <v>27075</v>
      </c>
      <c r="L8918" s="5" t="s">
        <v>27074</v>
      </c>
      <c r="M8918" s="2" t="s">
        <v>27075</v>
      </c>
      <c r="N8918" s="5" t="s">
        <v>24254</v>
      </c>
      <c r="O8918" s="5" t="s">
        <v>38</v>
      </c>
      <c r="P8918" s="5" t="s">
        <v>39</v>
      </c>
      <c r="Q8918" s="5" t="s">
        <v>40</v>
      </c>
      <c r="R8918" s="5" t="s">
        <v>24335</v>
      </c>
      <c r="S8918" s="5" t="s">
        <v>40</v>
      </c>
      <c r="T8918" s="5" t="s">
        <v>42</v>
      </c>
      <c r="U8918" s="2">
        <v>17.308</v>
      </c>
      <c r="V8918" s="2">
        <v>13.622999999999999</v>
      </c>
      <c r="W8918" s="2">
        <v>0.17799999999999999</v>
      </c>
      <c r="X8918" s="2">
        <v>12</v>
      </c>
      <c r="Y8918" s="2">
        <v>50</v>
      </c>
      <c r="Z8918" s="2">
        <v>295.89999999999998</v>
      </c>
      <c r="AA8918" s="5">
        <v>10</v>
      </c>
      <c r="AB8918" s="5" t="s">
        <v>43</v>
      </c>
      <c r="AC8918" s="5" t="s">
        <v>44</v>
      </c>
      <c r="AD8918" s="2" t="s">
        <v>27374</v>
      </c>
      <c r="AE8918" s="1"/>
    </row>
    <row r="8919" spans="1:31" ht="14.45">
      <c r="A8919" s="5"/>
      <c r="B8919" s="21"/>
      <c r="C8919" s="2" t="s">
        <v>27375</v>
      </c>
      <c r="D8919" s="14" t="s">
        <v>27376</v>
      </c>
      <c r="E8919" s="2" t="s">
        <v>27377</v>
      </c>
      <c r="F8919" s="2"/>
      <c r="G8919" s="8">
        <v>421</v>
      </c>
      <c r="H8919" s="5">
        <v>5</v>
      </c>
      <c r="I8919" s="5" t="s">
        <v>69</v>
      </c>
      <c r="J8919" s="5" t="s">
        <v>27074</v>
      </c>
      <c r="K8919" s="2" t="s">
        <v>27075</v>
      </c>
      <c r="L8919" s="5" t="s">
        <v>27074</v>
      </c>
      <c r="M8919" s="2" t="s">
        <v>27075</v>
      </c>
      <c r="N8919" s="5" t="s">
        <v>24254</v>
      </c>
      <c r="O8919" s="5" t="s">
        <v>38</v>
      </c>
      <c r="P8919" s="5" t="s">
        <v>39</v>
      </c>
      <c r="Q8919" s="5" t="s">
        <v>40</v>
      </c>
      <c r="R8919" s="5" t="s">
        <v>24335</v>
      </c>
      <c r="S8919" s="5" t="s">
        <v>40</v>
      </c>
      <c r="T8919" s="5" t="s">
        <v>42</v>
      </c>
      <c r="U8919" s="2">
        <v>18.641999999999999</v>
      </c>
      <c r="V8919" s="2">
        <v>16.725000000000001</v>
      </c>
      <c r="W8919" s="2">
        <v>6.9000000000000006E-2</v>
      </c>
      <c r="X8919" s="2">
        <v>12</v>
      </c>
      <c r="Y8919" s="2">
        <v>50</v>
      </c>
      <c r="Z8919" s="2">
        <v>173.9</v>
      </c>
      <c r="AA8919" s="5">
        <v>10</v>
      </c>
      <c r="AB8919" s="5" t="s">
        <v>43</v>
      </c>
      <c r="AC8919" s="5" t="s">
        <v>44</v>
      </c>
      <c r="AD8919" s="2" t="s">
        <v>27378</v>
      </c>
      <c r="AE8919" s="1"/>
    </row>
    <row r="8920" spans="1:31" ht="14.45">
      <c r="A8920" s="5"/>
      <c r="B8920" s="21"/>
      <c r="C8920" s="2" t="s">
        <v>27379</v>
      </c>
      <c r="D8920" s="14" t="s">
        <v>27380</v>
      </c>
      <c r="E8920" s="2" t="s">
        <v>27381</v>
      </c>
      <c r="F8920" s="2" t="s">
        <v>27361</v>
      </c>
      <c r="G8920" s="8">
        <v>908</v>
      </c>
      <c r="H8920" s="5">
        <v>15</v>
      </c>
      <c r="I8920" s="5" t="s">
        <v>69</v>
      </c>
      <c r="J8920" s="5" t="s">
        <v>27074</v>
      </c>
      <c r="K8920" s="2" t="s">
        <v>27075</v>
      </c>
      <c r="L8920" s="5" t="s">
        <v>27074</v>
      </c>
      <c r="M8920" s="2" t="s">
        <v>27075</v>
      </c>
      <c r="N8920" s="5" t="s">
        <v>24254</v>
      </c>
      <c r="O8920" s="5" t="s">
        <v>38</v>
      </c>
      <c r="P8920" s="5" t="s">
        <v>39</v>
      </c>
      <c r="Q8920" s="5" t="s">
        <v>40</v>
      </c>
      <c r="R8920" s="5" t="s">
        <v>24340</v>
      </c>
      <c r="S8920" s="5" t="s">
        <v>40</v>
      </c>
      <c r="T8920" s="5" t="s">
        <v>42</v>
      </c>
      <c r="U8920" s="2">
        <v>24.634</v>
      </c>
      <c r="V8920" s="2">
        <v>22.504000000000001</v>
      </c>
      <c r="W8920" s="2">
        <v>0.11600000000000001</v>
      </c>
      <c r="X8920" s="2">
        <v>12</v>
      </c>
      <c r="Y8920" s="2">
        <v>50</v>
      </c>
      <c r="Z8920" s="2">
        <v>193.9</v>
      </c>
      <c r="AA8920" s="5">
        <v>10</v>
      </c>
      <c r="AB8920" s="5" t="s">
        <v>43</v>
      </c>
      <c r="AC8920" s="5" t="s">
        <v>44</v>
      </c>
      <c r="AD8920" s="2" t="s">
        <v>27382</v>
      </c>
      <c r="AE8920" s="1"/>
    </row>
    <row r="8921" spans="1:31" ht="14.45">
      <c r="A8921" s="5"/>
      <c r="B8921" s="21"/>
      <c r="C8921" s="2" t="s">
        <v>27383</v>
      </c>
      <c r="D8921" s="14" t="s">
        <v>27384</v>
      </c>
      <c r="E8921" s="2" t="s">
        <v>27385</v>
      </c>
      <c r="F8921" s="2"/>
      <c r="G8921" s="8">
        <v>421</v>
      </c>
      <c r="H8921" s="5">
        <v>15</v>
      </c>
      <c r="I8921" s="5" t="s">
        <v>69</v>
      </c>
      <c r="J8921" s="5" t="s">
        <v>27074</v>
      </c>
      <c r="K8921" s="2" t="s">
        <v>27075</v>
      </c>
      <c r="L8921" s="5" t="s">
        <v>27074</v>
      </c>
      <c r="M8921" s="2" t="s">
        <v>27075</v>
      </c>
      <c r="N8921" s="5" t="s">
        <v>24254</v>
      </c>
      <c r="O8921" s="5" t="s">
        <v>38</v>
      </c>
      <c r="P8921" s="5" t="s">
        <v>39</v>
      </c>
      <c r="Q8921" s="5" t="s">
        <v>40</v>
      </c>
      <c r="R8921" s="5" t="s">
        <v>25301</v>
      </c>
      <c r="S8921" s="5" t="s">
        <v>40</v>
      </c>
      <c r="T8921" s="5" t="s">
        <v>42</v>
      </c>
      <c r="U8921" s="2">
        <v>16.486000000000001</v>
      </c>
      <c r="V8921" s="2">
        <v>14.569000000000001</v>
      </c>
      <c r="W8921" s="2">
        <v>6.9000000000000006E-2</v>
      </c>
      <c r="X8921" s="2">
        <v>12</v>
      </c>
      <c r="Y8921" s="2">
        <v>50</v>
      </c>
      <c r="Z8921" s="2">
        <v>173.9</v>
      </c>
      <c r="AA8921" s="5">
        <v>10</v>
      </c>
      <c r="AB8921" s="5" t="s">
        <v>43</v>
      </c>
      <c r="AC8921" s="5" t="s">
        <v>44</v>
      </c>
      <c r="AD8921" s="2" t="s">
        <v>27386</v>
      </c>
      <c r="AE8921" s="1"/>
    </row>
    <row r="8922" spans="1:31" ht="14.45">
      <c r="A8922" s="5"/>
      <c r="B8922" s="21"/>
      <c r="C8922" s="2" t="s">
        <v>27387</v>
      </c>
      <c r="D8922" s="14" t="s">
        <v>27388</v>
      </c>
      <c r="E8922" s="2" t="s">
        <v>27389</v>
      </c>
      <c r="F8922" s="2"/>
      <c r="G8922" s="8">
        <v>282</v>
      </c>
      <c r="H8922" s="5">
        <v>5</v>
      </c>
      <c r="I8922" s="5" t="s">
        <v>69</v>
      </c>
      <c r="J8922" s="5" t="s">
        <v>27074</v>
      </c>
      <c r="K8922" s="2" t="s">
        <v>27075</v>
      </c>
      <c r="L8922" s="5" t="s">
        <v>27074</v>
      </c>
      <c r="M8922" s="2" t="s">
        <v>27075</v>
      </c>
      <c r="N8922" s="5" t="s">
        <v>24254</v>
      </c>
      <c r="O8922" s="5" t="s">
        <v>38</v>
      </c>
      <c r="P8922" s="5" t="s">
        <v>39</v>
      </c>
      <c r="Q8922" s="5" t="s">
        <v>40</v>
      </c>
      <c r="R8922" s="5" t="s">
        <v>24335</v>
      </c>
      <c r="S8922" s="5" t="s">
        <v>40</v>
      </c>
      <c r="T8922" s="5" t="s">
        <v>42</v>
      </c>
      <c r="U8922" s="2">
        <v>9.23</v>
      </c>
      <c r="V8922" s="2">
        <v>7.3250000000000002</v>
      </c>
      <c r="W8922" s="2">
        <v>7.5999999999999998E-2</v>
      </c>
      <c r="X8922" s="2">
        <v>12</v>
      </c>
      <c r="Y8922" s="2">
        <v>50</v>
      </c>
      <c r="Z8922" s="2">
        <v>173.9</v>
      </c>
      <c r="AA8922" s="5">
        <v>10</v>
      </c>
      <c r="AB8922" s="5" t="s">
        <v>43</v>
      </c>
      <c r="AC8922" s="5" t="s">
        <v>44</v>
      </c>
      <c r="AD8922" s="2" t="s">
        <v>27357</v>
      </c>
      <c r="AE8922" s="1"/>
    </row>
    <row r="8923" spans="1:31" ht="14.45">
      <c r="A8923" s="5"/>
      <c r="B8923" s="21"/>
      <c r="C8923" s="2" t="s">
        <v>27390</v>
      </c>
      <c r="D8923" s="14" t="s">
        <v>27391</v>
      </c>
      <c r="E8923" s="2" t="s">
        <v>27392</v>
      </c>
      <c r="F8923" s="2" t="s">
        <v>27361</v>
      </c>
      <c r="G8923" s="8">
        <v>634</v>
      </c>
      <c r="H8923" s="5">
        <v>15</v>
      </c>
      <c r="I8923" s="5" t="s">
        <v>69</v>
      </c>
      <c r="J8923" s="5" t="s">
        <v>27074</v>
      </c>
      <c r="K8923" s="2" t="s">
        <v>27075</v>
      </c>
      <c r="L8923" s="5" t="s">
        <v>27074</v>
      </c>
      <c r="M8923" s="2" t="s">
        <v>27075</v>
      </c>
      <c r="N8923" s="5" t="s">
        <v>24254</v>
      </c>
      <c r="O8923" s="5" t="s">
        <v>38</v>
      </c>
      <c r="P8923" s="5" t="s">
        <v>39</v>
      </c>
      <c r="Q8923" s="5" t="s">
        <v>40</v>
      </c>
      <c r="R8923" s="5" t="s">
        <v>24335</v>
      </c>
      <c r="S8923" s="5" t="s">
        <v>40</v>
      </c>
      <c r="T8923" s="5" t="s">
        <v>42</v>
      </c>
      <c r="U8923" s="2">
        <v>12.667999999999999</v>
      </c>
      <c r="V8923" s="2">
        <v>10.55</v>
      </c>
      <c r="W8923" s="2">
        <v>0.11600000000000001</v>
      </c>
      <c r="X8923" s="2">
        <v>12</v>
      </c>
      <c r="Y8923" s="2">
        <v>50</v>
      </c>
      <c r="Z8923" s="2">
        <v>193.9</v>
      </c>
      <c r="AA8923" s="5">
        <v>10</v>
      </c>
      <c r="AB8923" s="5" t="s">
        <v>43</v>
      </c>
      <c r="AC8923" s="5" t="s">
        <v>44</v>
      </c>
      <c r="AD8923" s="2" t="s">
        <v>27362</v>
      </c>
      <c r="AE8923" s="1"/>
    </row>
    <row r="8924" spans="1:31" ht="14.45">
      <c r="A8924" s="5"/>
      <c r="B8924" s="21"/>
      <c r="C8924" s="2" t="s">
        <v>27393</v>
      </c>
      <c r="D8924" s="14" t="s">
        <v>27394</v>
      </c>
      <c r="E8924" s="2" t="s">
        <v>27395</v>
      </c>
      <c r="F8924" s="2" t="s">
        <v>27361</v>
      </c>
      <c r="G8924" s="8">
        <v>634</v>
      </c>
      <c r="H8924" s="5">
        <v>15</v>
      </c>
      <c r="I8924" s="5" t="s">
        <v>69</v>
      </c>
      <c r="J8924" s="5" t="s">
        <v>27074</v>
      </c>
      <c r="K8924" s="2" t="s">
        <v>27075</v>
      </c>
      <c r="L8924" s="5" t="s">
        <v>27074</v>
      </c>
      <c r="M8924" s="2" t="s">
        <v>27075</v>
      </c>
      <c r="N8924" s="5" t="s">
        <v>24254</v>
      </c>
      <c r="O8924" s="5" t="s">
        <v>38</v>
      </c>
      <c r="P8924" s="5" t="s">
        <v>39</v>
      </c>
      <c r="Q8924" s="5" t="s">
        <v>40</v>
      </c>
      <c r="R8924" s="5" t="s">
        <v>24335</v>
      </c>
      <c r="S8924" s="5" t="s">
        <v>40</v>
      </c>
      <c r="T8924" s="5" t="s">
        <v>42</v>
      </c>
      <c r="U8924" s="2">
        <v>12.896000000000001</v>
      </c>
      <c r="V8924" s="2">
        <v>10.856</v>
      </c>
      <c r="W8924" s="2">
        <v>0.11600000000000001</v>
      </c>
      <c r="X8924" s="2">
        <v>12</v>
      </c>
      <c r="Y8924" s="2">
        <v>50</v>
      </c>
      <c r="Z8924" s="2">
        <v>193.9</v>
      </c>
      <c r="AA8924" s="5">
        <v>10</v>
      </c>
      <c r="AB8924" s="5" t="s">
        <v>43</v>
      </c>
      <c r="AC8924" s="5" t="s">
        <v>44</v>
      </c>
      <c r="AD8924" s="2" t="s">
        <v>27366</v>
      </c>
      <c r="AE8924" s="1"/>
    </row>
    <row r="8925" spans="1:31" ht="14.45">
      <c r="A8925" s="5"/>
      <c r="B8925" s="21"/>
      <c r="C8925" s="2" t="s">
        <v>27396</v>
      </c>
      <c r="D8925" s="14" t="s">
        <v>27397</v>
      </c>
      <c r="E8925" s="2" t="s">
        <v>27398</v>
      </c>
      <c r="F8925" s="2" t="s">
        <v>27361</v>
      </c>
      <c r="G8925" s="8">
        <v>1471</v>
      </c>
      <c r="H8925" s="5">
        <v>15</v>
      </c>
      <c r="I8925" s="5" t="s">
        <v>69</v>
      </c>
      <c r="J8925" s="5" t="s">
        <v>27074</v>
      </c>
      <c r="K8925" s="2" t="s">
        <v>27075</v>
      </c>
      <c r="L8925" s="5" t="s">
        <v>27074</v>
      </c>
      <c r="M8925" s="2" t="s">
        <v>27075</v>
      </c>
      <c r="N8925" s="5" t="s">
        <v>24254</v>
      </c>
      <c r="O8925" s="5" t="s">
        <v>38</v>
      </c>
      <c r="P8925" s="5" t="s">
        <v>39</v>
      </c>
      <c r="Q8925" s="5" t="s">
        <v>40</v>
      </c>
      <c r="R8925" s="5" t="s">
        <v>24335</v>
      </c>
      <c r="S8925" s="5" t="s">
        <v>40</v>
      </c>
      <c r="T8925" s="5" t="s">
        <v>42</v>
      </c>
      <c r="U8925" s="2">
        <v>17.568000000000001</v>
      </c>
      <c r="V8925" s="2">
        <v>13.734</v>
      </c>
      <c r="W8925" s="2">
        <v>0.17799999999999999</v>
      </c>
      <c r="X8925" s="2">
        <v>12</v>
      </c>
      <c r="Y8925" s="2">
        <v>50</v>
      </c>
      <c r="Z8925" s="2">
        <v>295.89999999999998</v>
      </c>
      <c r="AA8925" s="5">
        <v>10</v>
      </c>
      <c r="AB8925" s="5" t="s">
        <v>43</v>
      </c>
      <c r="AC8925" s="5" t="s">
        <v>44</v>
      </c>
      <c r="AD8925" s="2" t="s">
        <v>27370</v>
      </c>
      <c r="AE8925" s="1"/>
    </row>
    <row r="8926" spans="1:31" ht="14.45">
      <c r="A8926" s="5"/>
      <c r="B8926" s="21"/>
      <c r="C8926" s="2" t="s">
        <v>27399</v>
      </c>
      <c r="D8926" s="14" t="s">
        <v>27400</v>
      </c>
      <c r="E8926" s="2" t="s">
        <v>27401</v>
      </c>
      <c r="F8926" s="2" t="s">
        <v>27361</v>
      </c>
      <c r="G8926" s="8">
        <v>1471</v>
      </c>
      <c r="H8926" s="5">
        <v>15</v>
      </c>
      <c r="I8926" s="5" t="s">
        <v>69</v>
      </c>
      <c r="J8926" s="5" t="s">
        <v>27074</v>
      </c>
      <c r="K8926" s="2" t="s">
        <v>27075</v>
      </c>
      <c r="L8926" s="5" t="s">
        <v>27074</v>
      </c>
      <c r="M8926" s="2" t="s">
        <v>27075</v>
      </c>
      <c r="N8926" s="5" t="s">
        <v>24254</v>
      </c>
      <c r="O8926" s="5" t="s">
        <v>38</v>
      </c>
      <c r="P8926" s="5" t="s">
        <v>39</v>
      </c>
      <c r="Q8926" s="5" t="s">
        <v>40</v>
      </c>
      <c r="R8926" s="5" t="s">
        <v>24335</v>
      </c>
      <c r="S8926" s="5" t="s">
        <v>40</v>
      </c>
      <c r="T8926" s="5" t="s">
        <v>42</v>
      </c>
      <c r="U8926" s="2">
        <v>17.928999999999998</v>
      </c>
      <c r="V8926" s="2">
        <v>14.244</v>
      </c>
      <c r="W8926" s="2">
        <v>0.17799999999999999</v>
      </c>
      <c r="X8926" s="2">
        <v>12</v>
      </c>
      <c r="Y8926" s="2">
        <v>50</v>
      </c>
      <c r="Z8926" s="2">
        <v>295.89999999999998</v>
      </c>
      <c r="AA8926" s="5">
        <v>10</v>
      </c>
      <c r="AB8926" s="5" t="s">
        <v>43</v>
      </c>
      <c r="AC8926" s="5" t="s">
        <v>44</v>
      </c>
      <c r="AD8926" s="2" t="s">
        <v>27374</v>
      </c>
      <c r="AE8926" s="1"/>
    </row>
    <row r="8927" spans="1:31" ht="14.45">
      <c r="A8927" s="5"/>
      <c r="B8927" s="21"/>
      <c r="C8927" s="2" t="s">
        <v>27402</v>
      </c>
      <c r="D8927" s="14" t="s">
        <v>27403</v>
      </c>
      <c r="E8927" s="2" t="s">
        <v>27404</v>
      </c>
      <c r="F8927" s="2"/>
      <c r="G8927" s="8">
        <v>435</v>
      </c>
      <c r="H8927" s="5">
        <v>5</v>
      </c>
      <c r="I8927" s="5" t="s">
        <v>69</v>
      </c>
      <c r="J8927" s="5" t="s">
        <v>27074</v>
      </c>
      <c r="K8927" s="2" t="s">
        <v>27075</v>
      </c>
      <c r="L8927" s="5" t="s">
        <v>27074</v>
      </c>
      <c r="M8927" s="2" t="s">
        <v>27075</v>
      </c>
      <c r="N8927" s="5" t="s">
        <v>24254</v>
      </c>
      <c r="O8927" s="5" t="s">
        <v>38</v>
      </c>
      <c r="P8927" s="5" t="s">
        <v>39</v>
      </c>
      <c r="Q8927" s="5" t="s">
        <v>40</v>
      </c>
      <c r="R8927" s="5" t="s">
        <v>24335</v>
      </c>
      <c r="S8927" s="5" t="s">
        <v>40</v>
      </c>
      <c r="T8927" s="5" t="s">
        <v>42</v>
      </c>
      <c r="U8927" s="2">
        <v>19.591999999999999</v>
      </c>
      <c r="V8927" s="2">
        <v>17.675000000000001</v>
      </c>
      <c r="W8927" s="2">
        <v>7.5999999999999998E-2</v>
      </c>
      <c r="X8927" s="2">
        <v>12</v>
      </c>
      <c r="Y8927" s="2">
        <v>50</v>
      </c>
      <c r="Z8927" s="2">
        <v>173.9</v>
      </c>
      <c r="AA8927" s="5">
        <v>10</v>
      </c>
      <c r="AB8927" s="5" t="s">
        <v>43</v>
      </c>
      <c r="AC8927" s="5" t="s">
        <v>44</v>
      </c>
      <c r="AD8927" s="2" t="s">
        <v>27378</v>
      </c>
      <c r="AE8927" s="1"/>
    </row>
    <row r="8928" spans="1:31" ht="14.45">
      <c r="A8928" s="5"/>
      <c r="B8928" s="21"/>
      <c r="C8928" s="2" t="s">
        <v>27405</v>
      </c>
      <c r="D8928" s="14" t="s">
        <v>27406</v>
      </c>
      <c r="E8928" s="2" t="s">
        <v>27407</v>
      </c>
      <c r="F8928" s="2" t="s">
        <v>27361</v>
      </c>
      <c r="G8928" s="8">
        <v>940</v>
      </c>
      <c r="H8928" s="5">
        <v>15</v>
      </c>
      <c r="I8928" s="5" t="s">
        <v>69</v>
      </c>
      <c r="J8928" s="5" t="s">
        <v>27074</v>
      </c>
      <c r="K8928" s="2" t="s">
        <v>27075</v>
      </c>
      <c r="L8928" s="5" t="s">
        <v>27074</v>
      </c>
      <c r="M8928" s="2" t="s">
        <v>27075</v>
      </c>
      <c r="N8928" s="5" t="s">
        <v>24254</v>
      </c>
      <c r="O8928" s="5" t="s">
        <v>38</v>
      </c>
      <c r="P8928" s="5" t="s">
        <v>39</v>
      </c>
      <c r="Q8928" s="5" t="s">
        <v>40</v>
      </c>
      <c r="R8928" s="5" t="s">
        <v>24340</v>
      </c>
      <c r="S8928" s="5" t="s">
        <v>40</v>
      </c>
      <c r="T8928" s="5" t="s">
        <v>42</v>
      </c>
      <c r="U8928" s="2">
        <v>25.684999999999999</v>
      </c>
      <c r="V8928" s="2">
        <v>23.555</v>
      </c>
      <c r="W8928" s="2">
        <v>0.11600000000000001</v>
      </c>
      <c r="X8928" s="2">
        <v>12</v>
      </c>
      <c r="Y8928" s="2">
        <v>50</v>
      </c>
      <c r="Z8928" s="2">
        <v>193.9</v>
      </c>
      <c r="AA8928" s="5">
        <v>10</v>
      </c>
      <c r="AB8928" s="5" t="s">
        <v>43</v>
      </c>
      <c r="AC8928" s="5" t="s">
        <v>44</v>
      </c>
      <c r="AD8928" s="2" t="s">
        <v>27382</v>
      </c>
      <c r="AE8928" s="1"/>
    </row>
    <row r="8929" spans="1:31" ht="14.45">
      <c r="A8929" s="5"/>
      <c r="B8929" s="21"/>
      <c r="C8929" s="2" t="s">
        <v>27408</v>
      </c>
      <c r="D8929" s="14" t="s">
        <v>27409</v>
      </c>
      <c r="E8929" s="2" t="s">
        <v>27410</v>
      </c>
      <c r="F8929" s="2"/>
      <c r="G8929" s="8">
        <v>435</v>
      </c>
      <c r="H8929" s="5">
        <v>15</v>
      </c>
      <c r="I8929" s="5" t="s">
        <v>69</v>
      </c>
      <c r="J8929" s="5" t="s">
        <v>27074</v>
      </c>
      <c r="K8929" s="2" t="s">
        <v>27075</v>
      </c>
      <c r="L8929" s="5" t="s">
        <v>27074</v>
      </c>
      <c r="M8929" s="2" t="s">
        <v>27075</v>
      </c>
      <c r="N8929" s="5" t="s">
        <v>24254</v>
      </c>
      <c r="O8929" s="5" t="s">
        <v>38</v>
      </c>
      <c r="P8929" s="5" t="s">
        <v>39</v>
      </c>
      <c r="Q8929" s="5" t="s">
        <v>40</v>
      </c>
      <c r="R8929" s="5" t="s">
        <v>25301</v>
      </c>
      <c r="S8929" s="5" t="s">
        <v>40</v>
      </c>
      <c r="T8929" s="5" t="s">
        <v>42</v>
      </c>
      <c r="U8929" s="2">
        <v>17.302</v>
      </c>
      <c r="V8929" s="2">
        <v>15.385</v>
      </c>
      <c r="W8929" s="2">
        <v>7.5999999999999998E-2</v>
      </c>
      <c r="X8929" s="2">
        <v>12</v>
      </c>
      <c r="Y8929" s="2">
        <v>50</v>
      </c>
      <c r="Z8929" s="2">
        <v>173.9</v>
      </c>
      <c r="AA8929" s="5">
        <v>10</v>
      </c>
      <c r="AB8929" s="5" t="s">
        <v>43</v>
      </c>
      <c r="AC8929" s="5" t="s">
        <v>44</v>
      </c>
      <c r="AD8929" s="2" t="s">
        <v>27386</v>
      </c>
      <c r="AE8929" s="1"/>
    </row>
    <row r="8930" spans="1:31" ht="14.45">
      <c r="A8930" s="5"/>
      <c r="B8930" s="21"/>
      <c r="C8930" s="2" t="s">
        <v>27411</v>
      </c>
      <c r="D8930" s="14" t="s">
        <v>27412</v>
      </c>
      <c r="E8930" s="2" t="s">
        <v>27413</v>
      </c>
      <c r="F8930" s="2"/>
      <c r="G8930" s="8">
        <v>296</v>
      </c>
      <c r="H8930" s="5">
        <v>5</v>
      </c>
      <c r="I8930" s="5" t="s">
        <v>69</v>
      </c>
      <c r="J8930" s="5" t="s">
        <v>27074</v>
      </c>
      <c r="K8930" s="2" t="s">
        <v>27075</v>
      </c>
      <c r="L8930" s="5" t="s">
        <v>27074</v>
      </c>
      <c r="M8930" s="2" t="s">
        <v>27075</v>
      </c>
      <c r="N8930" s="5" t="s">
        <v>24254</v>
      </c>
      <c r="O8930" s="5" t="s">
        <v>38</v>
      </c>
      <c r="P8930" s="5" t="s">
        <v>39</v>
      </c>
      <c r="Q8930" s="5" t="s">
        <v>40</v>
      </c>
      <c r="R8930" s="5" t="s">
        <v>24335</v>
      </c>
      <c r="S8930" s="5" t="s">
        <v>40</v>
      </c>
      <c r="T8930" s="5" t="s">
        <v>42</v>
      </c>
      <c r="U8930" s="2">
        <v>9.6630000000000003</v>
      </c>
      <c r="V8930" s="2">
        <v>7.758</v>
      </c>
      <c r="W8930" s="2">
        <v>9.2999999999999999E-2</v>
      </c>
      <c r="X8930" s="2">
        <v>12</v>
      </c>
      <c r="Y8930" s="2">
        <v>50</v>
      </c>
      <c r="Z8930" s="2">
        <v>173.9</v>
      </c>
      <c r="AA8930" s="5">
        <v>10</v>
      </c>
      <c r="AB8930" s="5" t="s">
        <v>43</v>
      </c>
      <c r="AC8930" s="5" t="s">
        <v>44</v>
      </c>
      <c r="AD8930" s="2" t="s">
        <v>27357</v>
      </c>
      <c r="AE8930" s="1"/>
    </row>
    <row r="8931" spans="1:31" ht="14.45">
      <c r="A8931" s="5"/>
      <c r="B8931" s="21"/>
      <c r="C8931" s="2" t="s">
        <v>27414</v>
      </c>
      <c r="D8931" s="14" t="s">
        <v>27415</v>
      </c>
      <c r="E8931" s="2" t="s">
        <v>27416</v>
      </c>
      <c r="F8931" s="2" t="s">
        <v>27361</v>
      </c>
      <c r="G8931" s="8">
        <v>666</v>
      </c>
      <c r="H8931" s="5">
        <v>15</v>
      </c>
      <c r="I8931" s="5" t="s">
        <v>69</v>
      </c>
      <c r="J8931" s="5" t="s">
        <v>27074</v>
      </c>
      <c r="K8931" s="2" t="s">
        <v>27075</v>
      </c>
      <c r="L8931" s="5" t="s">
        <v>27074</v>
      </c>
      <c r="M8931" s="2" t="s">
        <v>27075</v>
      </c>
      <c r="N8931" s="5" t="s">
        <v>24254</v>
      </c>
      <c r="O8931" s="5" t="s">
        <v>38</v>
      </c>
      <c r="P8931" s="5" t="s">
        <v>39</v>
      </c>
      <c r="Q8931" s="5" t="s">
        <v>40</v>
      </c>
      <c r="R8931" s="5" t="s">
        <v>24335</v>
      </c>
      <c r="S8931" s="5" t="s">
        <v>40</v>
      </c>
      <c r="T8931" s="5" t="s">
        <v>42</v>
      </c>
      <c r="U8931" s="2">
        <v>13.118</v>
      </c>
      <c r="V8931" s="2">
        <v>11</v>
      </c>
      <c r="W8931" s="2">
        <v>0.11600000000000001</v>
      </c>
      <c r="X8931" s="2">
        <v>12</v>
      </c>
      <c r="Y8931" s="2">
        <v>50</v>
      </c>
      <c r="Z8931" s="2">
        <v>193.9</v>
      </c>
      <c r="AA8931" s="5">
        <v>10</v>
      </c>
      <c r="AB8931" s="5" t="s">
        <v>43</v>
      </c>
      <c r="AC8931" s="5" t="s">
        <v>44</v>
      </c>
      <c r="AD8931" s="2" t="s">
        <v>27362</v>
      </c>
      <c r="AE8931" s="1"/>
    </row>
    <row r="8932" spans="1:31" ht="14.45">
      <c r="A8932" s="5"/>
      <c r="B8932" s="21"/>
      <c r="C8932" s="2" t="s">
        <v>27417</v>
      </c>
      <c r="D8932" s="14" t="s">
        <v>27418</v>
      </c>
      <c r="E8932" s="2" t="s">
        <v>27419</v>
      </c>
      <c r="F8932" s="2" t="s">
        <v>27361</v>
      </c>
      <c r="G8932" s="8">
        <v>666</v>
      </c>
      <c r="H8932" s="5">
        <v>15</v>
      </c>
      <c r="I8932" s="5" t="s">
        <v>69</v>
      </c>
      <c r="J8932" s="5" t="s">
        <v>27074</v>
      </c>
      <c r="K8932" s="2" t="s">
        <v>27075</v>
      </c>
      <c r="L8932" s="5" t="s">
        <v>27074</v>
      </c>
      <c r="M8932" s="2" t="s">
        <v>27075</v>
      </c>
      <c r="N8932" s="5" t="s">
        <v>24254</v>
      </c>
      <c r="O8932" s="5" t="s">
        <v>38</v>
      </c>
      <c r="P8932" s="5" t="s">
        <v>39</v>
      </c>
      <c r="Q8932" s="5" t="s">
        <v>40</v>
      </c>
      <c r="R8932" s="5" t="s">
        <v>24335</v>
      </c>
      <c r="S8932" s="5" t="s">
        <v>40</v>
      </c>
      <c r="T8932" s="5" t="s">
        <v>42</v>
      </c>
      <c r="U8932" s="2">
        <v>13.47</v>
      </c>
      <c r="V8932" s="2">
        <v>11.43</v>
      </c>
      <c r="W8932" s="2">
        <v>0.11600000000000001</v>
      </c>
      <c r="X8932" s="2">
        <v>12</v>
      </c>
      <c r="Y8932" s="2">
        <v>50</v>
      </c>
      <c r="Z8932" s="2">
        <v>193.9</v>
      </c>
      <c r="AA8932" s="5">
        <v>10</v>
      </c>
      <c r="AB8932" s="5" t="s">
        <v>43</v>
      </c>
      <c r="AC8932" s="5" t="s">
        <v>44</v>
      </c>
      <c r="AD8932" s="2" t="s">
        <v>27366</v>
      </c>
      <c r="AE8932" s="1"/>
    </row>
    <row r="8933" spans="1:31" ht="14.45">
      <c r="A8933" s="5"/>
      <c r="B8933" s="21"/>
      <c r="C8933" s="2" t="s">
        <v>27420</v>
      </c>
      <c r="D8933" s="14" t="s">
        <v>27421</v>
      </c>
      <c r="E8933" s="2" t="s">
        <v>27422</v>
      </c>
      <c r="F8933" s="2" t="s">
        <v>27361</v>
      </c>
      <c r="G8933" s="8">
        <v>1544</v>
      </c>
      <c r="H8933" s="5">
        <v>15</v>
      </c>
      <c r="I8933" s="5" t="s">
        <v>69</v>
      </c>
      <c r="J8933" s="5" t="s">
        <v>27074</v>
      </c>
      <c r="K8933" s="2" t="s">
        <v>27075</v>
      </c>
      <c r="L8933" s="5" t="s">
        <v>27074</v>
      </c>
      <c r="M8933" s="2" t="s">
        <v>27075</v>
      </c>
      <c r="N8933" s="5" t="s">
        <v>24254</v>
      </c>
      <c r="O8933" s="5" t="s">
        <v>38</v>
      </c>
      <c r="P8933" s="5" t="s">
        <v>39</v>
      </c>
      <c r="Q8933" s="5" t="s">
        <v>40</v>
      </c>
      <c r="R8933" s="5" t="s">
        <v>24335</v>
      </c>
      <c r="S8933" s="5" t="s">
        <v>40</v>
      </c>
      <c r="T8933" s="5" t="s">
        <v>42</v>
      </c>
      <c r="U8933" s="2">
        <v>18.03</v>
      </c>
      <c r="V8933" s="2">
        <v>14.196</v>
      </c>
      <c r="W8933" s="2">
        <v>0.17799999999999999</v>
      </c>
      <c r="X8933" s="2">
        <v>12</v>
      </c>
      <c r="Y8933" s="2">
        <v>50</v>
      </c>
      <c r="Z8933" s="2">
        <v>295.89999999999998</v>
      </c>
      <c r="AA8933" s="5">
        <v>10</v>
      </c>
      <c r="AB8933" s="5" t="s">
        <v>43</v>
      </c>
      <c r="AC8933" s="5" t="s">
        <v>44</v>
      </c>
      <c r="AD8933" s="2" t="s">
        <v>27370</v>
      </c>
      <c r="AE8933" s="1"/>
    </row>
    <row r="8934" spans="1:31" ht="14.45">
      <c r="A8934" s="5"/>
      <c r="B8934" s="21"/>
      <c r="C8934" s="2" t="s">
        <v>27423</v>
      </c>
      <c r="D8934" s="14" t="s">
        <v>27424</v>
      </c>
      <c r="E8934" s="2" t="s">
        <v>27425</v>
      </c>
      <c r="F8934" s="2" t="s">
        <v>27361</v>
      </c>
      <c r="G8934" s="8">
        <v>1544</v>
      </c>
      <c r="H8934" s="5">
        <v>15</v>
      </c>
      <c r="I8934" s="5" t="s">
        <v>69</v>
      </c>
      <c r="J8934" s="5" t="s">
        <v>27074</v>
      </c>
      <c r="K8934" s="2" t="s">
        <v>27075</v>
      </c>
      <c r="L8934" s="5" t="s">
        <v>27074</v>
      </c>
      <c r="M8934" s="2" t="s">
        <v>27075</v>
      </c>
      <c r="N8934" s="5" t="s">
        <v>24254</v>
      </c>
      <c r="O8934" s="5" t="s">
        <v>38</v>
      </c>
      <c r="P8934" s="5" t="s">
        <v>39</v>
      </c>
      <c r="Q8934" s="5" t="s">
        <v>40</v>
      </c>
      <c r="R8934" s="5" t="s">
        <v>24335</v>
      </c>
      <c r="S8934" s="5" t="s">
        <v>40</v>
      </c>
      <c r="T8934" s="5" t="s">
        <v>42</v>
      </c>
      <c r="U8934" s="2">
        <v>18.609000000000002</v>
      </c>
      <c r="V8934" s="2">
        <v>14.923999999999999</v>
      </c>
      <c r="W8934" s="2">
        <v>0.17799999999999999</v>
      </c>
      <c r="X8934" s="2">
        <v>12</v>
      </c>
      <c r="Y8934" s="2">
        <v>50</v>
      </c>
      <c r="Z8934" s="2">
        <v>295.89999999999998</v>
      </c>
      <c r="AA8934" s="5">
        <v>10</v>
      </c>
      <c r="AB8934" s="5" t="s">
        <v>43</v>
      </c>
      <c r="AC8934" s="5" t="s">
        <v>44</v>
      </c>
      <c r="AD8934" s="2" t="s">
        <v>27374</v>
      </c>
      <c r="AE8934" s="1"/>
    </row>
    <row r="8935" spans="1:31" ht="14.45">
      <c r="A8935" s="5"/>
      <c r="B8935" s="21"/>
      <c r="C8935" s="2" t="s">
        <v>27426</v>
      </c>
      <c r="D8935" s="14" t="s">
        <v>27427</v>
      </c>
      <c r="E8935" s="2" t="s">
        <v>27428</v>
      </c>
      <c r="F8935" s="2"/>
      <c r="G8935" s="8">
        <v>449</v>
      </c>
      <c r="H8935" s="5">
        <v>5</v>
      </c>
      <c r="I8935" s="5" t="s">
        <v>69</v>
      </c>
      <c r="J8935" s="5" t="s">
        <v>27074</v>
      </c>
      <c r="K8935" s="2" t="s">
        <v>27075</v>
      </c>
      <c r="L8935" s="5" t="s">
        <v>27074</v>
      </c>
      <c r="M8935" s="2" t="s">
        <v>27075</v>
      </c>
      <c r="N8935" s="5" t="s">
        <v>24254</v>
      </c>
      <c r="O8935" s="5" t="s">
        <v>38</v>
      </c>
      <c r="P8935" s="5" t="s">
        <v>39</v>
      </c>
      <c r="Q8935" s="5" t="s">
        <v>40</v>
      </c>
      <c r="R8935" s="5" t="s">
        <v>24335</v>
      </c>
      <c r="S8935" s="5" t="s">
        <v>40</v>
      </c>
      <c r="T8935" s="5" t="s">
        <v>42</v>
      </c>
      <c r="U8935" s="2">
        <v>20.568999999999999</v>
      </c>
      <c r="V8935" s="2">
        <v>18.652000000000001</v>
      </c>
      <c r="W8935" s="2">
        <v>9.2999999999999999E-2</v>
      </c>
      <c r="X8935" s="2">
        <v>12</v>
      </c>
      <c r="Y8935" s="2">
        <v>50</v>
      </c>
      <c r="Z8935" s="2">
        <v>173.9</v>
      </c>
      <c r="AA8935" s="5">
        <v>10</v>
      </c>
      <c r="AB8935" s="5" t="s">
        <v>43</v>
      </c>
      <c r="AC8935" s="5" t="s">
        <v>44</v>
      </c>
      <c r="AD8935" s="2" t="s">
        <v>27378</v>
      </c>
      <c r="AE8935" s="1"/>
    </row>
    <row r="8936" spans="1:31" ht="14.45">
      <c r="A8936" s="5"/>
      <c r="B8936" s="21"/>
      <c r="C8936" s="2" t="s">
        <v>27429</v>
      </c>
      <c r="D8936" s="14" t="s">
        <v>27430</v>
      </c>
      <c r="E8936" s="2" t="s">
        <v>27431</v>
      </c>
      <c r="F8936" s="2" t="s">
        <v>27361</v>
      </c>
      <c r="G8936" s="8">
        <v>972</v>
      </c>
      <c r="H8936" s="5">
        <v>15</v>
      </c>
      <c r="I8936" s="5" t="s">
        <v>69</v>
      </c>
      <c r="J8936" s="5" t="s">
        <v>27074</v>
      </c>
      <c r="K8936" s="2" t="s">
        <v>27075</v>
      </c>
      <c r="L8936" s="5" t="s">
        <v>27074</v>
      </c>
      <c r="M8936" s="2" t="s">
        <v>27075</v>
      </c>
      <c r="N8936" s="5" t="s">
        <v>24254</v>
      </c>
      <c r="O8936" s="5" t="s">
        <v>38</v>
      </c>
      <c r="P8936" s="5" t="s">
        <v>39</v>
      </c>
      <c r="Q8936" s="5" t="s">
        <v>40</v>
      </c>
      <c r="R8936" s="5" t="s">
        <v>24340</v>
      </c>
      <c r="S8936" s="5" t="s">
        <v>40</v>
      </c>
      <c r="T8936" s="5" t="s">
        <v>42</v>
      </c>
      <c r="U8936" s="2">
        <v>26.791</v>
      </c>
      <c r="V8936" s="2">
        <v>24.661000000000001</v>
      </c>
      <c r="W8936" s="2">
        <v>0.11600000000000001</v>
      </c>
      <c r="X8936" s="2">
        <v>12</v>
      </c>
      <c r="Y8936" s="2">
        <v>50</v>
      </c>
      <c r="Z8936" s="2">
        <v>193.9</v>
      </c>
      <c r="AA8936" s="5">
        <v>10</v>
      </c>
      <c r="AB8936" s="5" t="s">
        <v>43</v>
      </c>
      <c r="AC8936" s="5" t="s">
        <v>44</v>
      </c>
      <c r="AD8936" s="2" t="s">
        <v>27382</v>
      </c>
      <c r="AE8936" s="1"/>
    </row>
    <row r="8937" spans="1:31" ht="14.45">
      <c r="A8937" s="5"/>
      <c r="B8937" s="21"/>
      <c r="C8937" s="2" t="s">
        <v>27432</v>
      </c>
      <c r="D8937" s="14" t="s">
        <v>27433</v>
      </c>
      <c r="E8937" s="2" t="s">
        <v>27434</v>
      </c>
      <c r="F8937" s="2"/>
      <c r="G8937" s="8">
        <v>449</v>
      </c>
      <c r="H8937" s="5">
        <v>15</v>
      </c>
      <c r="I8937" s="5" t="s">
        <v>69</v>
      </c>
      <c r="J8937" s="5" t="s">
        <v>27074</v>
      </c>
      <c r="K8937" s="2" t="s">
        <v>27075</v>
      </c>
      <c r="L8937" s="5" t="s">
        <v>27074</v>
      </c>
      <c r="M8937" s="2" t="s">
        <v>27075</v>
      </c>
      <c r="N8937" s="5" t="s">
        <v>24254</v>
      </c>
      <c r="O8937" s="5" t="s">
        <v>38</v>
      </c>
      <c r="P8937" s="5" t="s">
        <v>39</v>
      </c>
      <c r="Q8937" s="5" t="s">
        <v>40</v>
      </c>
      <c r="R8937" s="5" t="s">
        <v>25301</v>
      </c>
      <c r="S8937" s="5" t="s">
        <v>40</v>
      </c>
      <c r="T8937" s="5" t="s">
        <v>42</v>
      </c>
      <c r="U8937" s="2">
        <v>18.143000000000001</v>
      </c>
      <c r="V8937" s="2">
        <v>16.225999999999999</v>
      </c>
      <c r="W8937" s="2">
        <v>9.2999999999999999E-2</v>
      </c>
      <c r="X8937" s="2">
        <v>12</v>
      </c>
      <c r="Y8937" s="2">
        <v>50</v>
      </c>
      <c r="Z8937" s="2">
        <v>173.9</v>
      </c>
      <c r="AA8937" s="5">
        <v>10</v>
      </c>
      <c r="AB8937" s="5" t="s">
        <v>43</v>
      </c>
      <c r="AC8937" s="5" t="s">
        <v>44</v>
      </c>
      <c r="AD8937" s="2" t="s">
        <v>27386</v>
      </c>
      <c r="AE8937" s="1"/>
    </row>
    <row r="8938" spans="1:31" ht="14.45">
      <c r="A8938" s="5"/>
      <c r="B8938" s="21"/>
      <c r="C8938" s="2" t="s">
        <v>27435</v>
      </c>
      <c r="D8938" s="14" t="s">
        <v>27436</v>
      </c>
      <c r="E8938" s="2" t="s">
        <v>27437</v>
      </c>
      <c r="F8938" s="2"/>
      <c r="G8938" s="8">
        <v>338</v>
      </c>
      <c r="H8938" s="5">
        <v>5</v>
      </c>
      <c r="I8938" s="5" t="s">
        <v>69</v>
      </c>
      <c r="J8938" s="5" t="s">
        <v>27074</v>
      </c>
      <c r="K8938" s="2" t="s">
        <v>27075</v>
      </c>
      <c r="L8938" s="5" t="s">
        <v>27074</v>
      </c>
      <c r="M8938" s="2" t="s">
        <v>27075</v>
      </c>
      <c r="N8938" s="5" t="s">
        <v>24254</v>
      </c>
      <c r="O8938" s="5" t="s">
        <v>38</v>
      </c>
      <c r="P8938" s="5" t="s">
        <v>39</v>
      </c>
      <c r="Q8938" s="5" t="s">
        <v>40</v>
      </c>
      <c r="R8938" s="5" t="s">
        <v>24335</v>
      </c>
      <c r="S8938" s="5" t="s">
        <v>40</v>
      </c>
      <c r="T8938" s="5" t="s">
        <v>42</v>
      </c>
      <c r="U8938" s="2">
        <v>10.085000000000001</v>
      </c>
      <c r="V8938" s="2">
        <v>8.18</v>
      </c>
      <c r="W8938" s="2">
        <v>0.104</v>
      </c>
      <c r="X8938" s="2">
        <v>12</v>
      </c>
      <c r="Y8938" s="2">
        <v>50</v>
      </c>
      <c r="Z8938" s="2">
        <v>173.9</v>
      </c>
      <c r="AA8938" s="5">
        <v>10</v>
      </c>
      <c r="AB8938" s="5" t="s">
        <v>43</v>
      </c>
      <c r="AC8938" s="5" t="s">
        <v>44</v>
      </c>
      <c r="AD8938" s="2" t="s">
        <v>27357</v>
      </c>
      <c r="AE8938" s="1"/>
    </row>
    <row r="8939" spans="1:31" ht="14.45">
      <c r="A8939" s="5"/>
      <c r="B8939" s="21"/>
      <c r="C8939" s="2" t="s">
        <v>27438</v>
      </c>
      <c r="D8939" s="14" t="s">
        <v>27439</v>
      </c>
      <c r="E8939" s="2" t="s">
        <v>27440</v>
      </c>
      <c r="F8939" s="2" t="s">
        <v>27361</v>
      </c>
      <c r="G8939" s="8">
        <v>761</v>
      </c>
      <c r="H8939" s="5">
        <v>15</v>
      </c>
      <c r="I8939" s="5" t="s">
        <v>69</v>
      </c>
      <c r="J8939" s="5" t="s">
        <v>27074</v>
      </c>
      <c r="K8939" s="2" t="s">
        <v>27075</v>
      </c>
      <c r="L8939" s="5" t="s">
        <v>27074</v>
      </c>
      <c r="M8939" s="2" t="s">
        <v>27075</v>
      </c>
      <c r="N8939" s="5" t="s">
        <v>24254</v>
      </c>
      <c r="O8939" s="5" t="s">
        <v>38</v>
      </c>
      <c r="P8939" s="5" t="s">
        <v>39</v>
      </c>
      <c r="Q8939" s="5" t="s">
        <v>40</v>
      </c>
      <c r="R8939" s="5" t="s">
        <v>24335</v>
      </c>
      <c r="S8939" s="5" t="s">
        <v>40</v>
      </c>
      <c r="T8939" s="5" t="s">
        <v>42</v>
      </c>
      <c r="U8939" s="2">
        <v>13.597</v>
      </c>
      <c r="V8939" s="2">
        <v>11.478999999999999</v>
      </c>
      <c r="W8939" s="2">
        <v>0.11600000000000001</v>
      </c>
      <c r="X8939" s="2">
        <v>12</v>
      </c>
      <c r="Y8939" s="2">
        <v>50</v>
      </c>
      <c r="Z8939" s="2">
        <v>193.9</v>
      </c>
      <c r="AA8939" s="5">
        <v>10</v>
      </c>
      <c r="AB8939" s="5" t="s">
        <v>43</v>
      </c>
      <c r="AC8939" s="5" t="s">
        <v>44</v>
      </c>
      <c r="AD8939" s="2" t="s">
        <v>27362</v>
      </c>
      <c r="AE8939" s="1"/>
    </row>
    <row r="8940" spans="1:31" ht="14.45">
      <c r="A8940" s="5"/>
      <c r="B8940" s="21"/>
      <c r="C8940" s="2" t="s">
        <v>27441</v>
      </c>
      <c r="D8940" s="14" t="s">
        <v>27442</v>
      </c>
      <c r="E8940" s="2" t="s">
        <v>27443</v>
      </c>
      <c r="F8940" s="2" t="s">
        <v>27361</v>
      </c>
      <c r="G8940" s="8">
        <v>761</v>
      </c>
      <c r="H8940" s="5">
        <v>15</v>
      </c>
      <c r="I8940" s="5" t="s">
        <v>69</v>
      </c>
      <c r="J8940" s="5" t="s">
        <v>27074</v>
      </c>
      <c r="K8940" s="2" t="s">
        <v>27075</v>
      </c>
      <c r="L8940" s="5" t="s">
        <v>27074</v>
      </c>
      <c r="M8940" s="2" t="s">
        <v>27075</v>
      </c>
      <c r="N8940" s="5" t="s">
        <v>24254</v>
      </c>
      <c r="O8940" s="5" t="s">
        <v>38</v>
      </c>
      <c r="P8940" s="5" t="s">
        <v>39</v>
      </c>
      <c r="Q8940" s="5" t="s">
        <v>40</v>
      </c>
      <c r="R8940" s="5" t="s">
        <v>24335</v>
      </c>
      <c r="S8940" s="5" t="s">
        <v>40</v>
      </c>
      <c r="T8940" s="5" t="s">
        <v>42</v>
      </c>
      <c r="U8940" s="2">
        <v>14.019</v>
      </c>
      <c r="V8940" s="2">
        <v>11.978999999999999</v>
      </c>
      <c r="W8940" s="2">
        <v>0.11600000000000001</v>
      </c>
      <c r="X8940" s="2">
        <v>12</v>
      </c>
      <c r="Y8940" s="2">
        <v>50</v>
      </c>
      <c r="Z8940" s="2">
        <v>193.9</v>
      </c>
      <c r="AA8940" s="5">
        <v>10</v>
      </c>
      <c r="AB8940" s="5" t="s">
        <v>43</v>
      </c>
      <c r="AC8940" s="5" t="s">
        <v>44</v>
      </c>
      <c r="AD8940" s="2" t="s">
        <v>27366</v>
      </c>
      <c r="AE8940" s="1"/>
    </row>
    <row r="8941" spans="1:31" ht="14.45">
      <c r="A8941" s="5"/>
      <c r="B8941" s="21"/>
      <c r="C8941" s="2" t="s">
        <v>27444</v>
      </c>
      <c r="D8941" s="14" t="s">
        <v>27445</v>
      </c>
      <c r="E8941" s="2" t="s">
        <v>27446</v>
      </c>
      <c r="F8941" s="2" t="s">
        <v>27361</v>
      </c>
      <c r="G8941" s="8">
        <v>1765</v>
      </c>
      <c r="H8941" s="5">
        <v>15</v>
      </c>
      <c r="I8941" s="5" t="s">
        <v>69</v>
      </c>
      <c r="J8941" s="5" t="s">
        <v>27074</v>
      </c>
      <c r="K8941" s="2" t="s">
        <v>27075</v>
      </c>
      <c r="L8941" s="5" t="s">
        <v>27074</v>
      </c>
      <c r="M8941" s="2" t="s">
        <v>27075</v>
      </c>
      <c r="N8941" s="5" t="s">
        <v>24254</v>
      </c>
      <c r="O8941" s="5" t="s">
        <v>38</v>
      </c>
      <c r="P8941" s="5" t="s">
        <v>39</v>
      </c>
      <c r="Q8941" s="5" t="s">
        <v>40</v>
      </c>
      <c r="R8941" s="5" t="s">
        <v>24335</v>
      </c>
      <c r="S8941" s="5" t="s">
        <v>40</v>
      </c>
      <c r="T8941" s="5" t="s">
        <v>42</v>
      </c>
      <c r="U8941" s="2">
        <v>18.564</v>
      </c>
      <c r="V8941" s="2">
        <v>14.73</v>
      </c>
      <c r="W8941" s="2">
        <v>0.17799999999999999</v>
      </c>
      <c r="X8941" s="2">
        <v>12</v>
      </c>
      <c r="Y8941" s="2">
        <v>50</v>
      </c>
      <c r="Z8941" s="2">
        <v>295.89999999999998</v>
      </c>
      <c r="AA8941" s="5">
        <v>10</v>
      </c>
      <c r="AB8941" s="5" t="s">
        <v>43</v>
      </c>
      <c r="AC8941" s="5" t="s">
        <v>44</v>
      </c>
      <c r="AD8941" s="2" t="s">
        <v>27370</v>
      </c>
      <c r="AE8941" s="1"/>
    </row>
    <row r="8942" spans="1:31" ht="14.45">
      <c r="A8942" s="5"/>
      <c r="B8942" s="21"/>
      <c r="C8942" s="2" t="s">
        <v>27447</v>
      </c>
      <c r="D8942" s="14" t="s">
        <v>27448</v>
      </c>
      <c r="E8942" s="2" t="s">
        <v>27449</v>
      </c>
      <c r="F8942" s="2" t="s">
        <v>27361</v>
      </c>
      <c r="G8942" s="8">
        <v>1765</v>
      </c>
      <c r="H8942" s="5">
        <v>15</v>
      </c>
      <c r="I8942" s="5" t="s">
        <v>69</v>
      </c>
      <c r="J8942" s="5" t="s">
        <v>27074</v>
      </c>
      <c r="K8942" s="2" t="s">
        <v>27075</v>
      </c>
      <c r="L8942" s="5" t="s">
        <v>27074</v>
      </c>
      <c r="M8942" s="2" t="s">
        <v>27075</v>
      </c>
      <c r="N8942" s="5" t="s">
        <v>24254</v>
      </c>
      <c r="O8942" s="5" t="s">
        <v>38</v>
      </c>
      <c r="P8942" s="5" t="s">
        <v>39</v>
      </c>
      <c r="Q8942" s="5" t="s">
        <v>40</v>
      </c>
      <c r="R8942" s="5" t="s">
        <v>24335</v>
      </c>
      <c r="S8942" s="5" t="s">
        <v>40</v>
      </c>
      <c r="T8942" s="5" t="s">
        <v>42</v>
      </c>
      <c r="U8942" s="2">
        <v>19.254000000000001</v>
      </c>
      <c r="V8942" s="2">
        <v>15.569000000000001</v>
      </c>
      <c r="W8942" s="2">
        <v>0.17799999999999999</v>
      </c>
      <c r="X8942" s="2">
        <v>12</v>
      </c>
      <c r="Y8942" s="2">
        <v>50</v>
      </c>
      <c r="Z8942" s="2">
        <v>295.89999999999998</v>
      </c>
      <c r="AA8942" s="5">
        <v>10</v>
      </c>
      <c r="AB8942" s="5" t="s">
        <v>43</v>
      </c>
      <c r="AC8942" s="5" t="s">
        <v>44</v>
      </c>
      <c r="AD8942" s="2" t="s">
        <v>27374</v>
      </c>
      <c r="AE8942" s="1"/>
    </row>
    <row r="8943" spans="1:31" ht="14.45">
      <c r="A8943" s="5"/>
      <c r="B8943" s="21"/>
      <c r="C8943" s="2" t="s">
        <v>27450</v>
      </c>
      <c r="D8943" s="14" t="s">
        <v>27451</v>
      </c>
      <c r="E8943" s="2" t="s">
        <v>27452</v>
      </c>
      <c r="F8943" s="2"/>
      <c r="G8943" s="8">
        <v>491</v>
      </c>
      <c r="H8943" s="5">
        <v>5</v>
      </c>
      <c r="I8943" s="5" t="s">
        <v>69</v>
      </c>
      <c r="J8943" s="5" t="s">
        <v>27074</v>
      </c>
      <c r="K8943" s="2" t="s">
        <v>27075</v>
      </c>
      <c r="L8943" s="5" t="s">
        <v>27074</v>
      </c>
      <c r="M8943" s="2" t="s">
        <v>27075</v>
      </c>
      <c r="N8943" s="5" t="s">
        <v>24254</v>
      </c>
      <c r="O8943" s="5" t="s">
        <v>38</v>
      </c>
      <c r="P8943" s="5" t="s">
        <v>39</v>
      </c>
      <c r="Q8943" s="5" t="s">
        <v>40</v>
      </c>
      <c r="R8943" s="5" t="s">
        <v>24335</v>
      </c>
      <c r="S8943" s="5" t="s">
        <v>40</v>
      </c>
      <c r="T8943" s="5" t="s">
        <v>42</v>
      </c>
      <c r="U8943" s="2">
        <v>21.523</v>
      </c>
      <c r="V8943" s="2">
        <v>19.606000000000002</v>
      </c>
      <c r="W8943" s="2">
        <v>0.104</v>
      </c>
      <c r="X8943" s="2">
        <v>12</v>
      </c>
      <c r="Y8943" s="2">
        <v>50</v>
      </c>
      <c r="Z8943" s="2">
        <v>173.9</v>
      </c>
      <c r="AA8943" s="5">
        <v>10</v>
      </c>
      <c r="AB8943" s="5" t="s">
        <v>43</v>
      </c>
      <c r="AC8943" s="5" t="s">
        <v>44</v>
      </c>
      <c r="AD8943" s="2" t="s">
        <v>27378</v>
      </c>
      <c r="AE8943" s="1"/>
    </row>
    <row r="8944" spans="1:31" ht="14.45">
      <c r="A8944" s="5"/>
      <c r="B8944" s="21"/>
      <c r="C8944" s="2" t="s">
        <v>27453</v>
      </c>
      <c r="D8944" s="14" t="s">
        <v>27454</v>
      </c>
      <c r="E8944" s="2" t="s">
        <v>27455</v>
      </c>
      <c r="F8944" s="2" t="s">
        <v>27361</v>
      </c>
      <c r="G8944" s="8">
        <v>1067</v>
      </c>
      <c r="H8944" s="5">
        <v>15</v>
      </c>
      <c r="I8944" s="5" t="s">
        <v>69</v>
      </c>
      <c r="J8944" s="5" t="s">
        <v>27074</v>
      </c>
      <c r="K8944" s="2" t="s">
        <v>27075</v>
      </c>
      <c r="L8944" s="5" t="s">
        <v>27074</v>
      </c>
      <c r="M8944" s="2" t="s">
        <v>27075</v>
      </c>
      <c r="N8944" s="5" t="s">
        <v>24254</v>
      </c>
      <c r="O8944" s="5" t="s">
        <v>38</v>
      </c>
      <c r="P8944" s="5" t="s">
        <v>39</v>
      </c>
      <c r="Q8944" s="5" t="s">
        <v>40</v>
      </c>
      <c r="R8944" s="5" t="s">
        <v>24340</v>
      </c>
      <c r="S8944" s="5" t="s">
        <v>40</v>
      </c>
      <c r="T8944" s="5" t="s">
        <v>42</v>
      </c>
      <c r="U8944" s="2">
        <v>27.861000000000001</v>
      </c>
      <c r="V8944" s="2">
        <v>25.731000000000002</v>
      </c>
      <c r="W8944" s="2">
        <v>0.11600000000000001</v>
      </c>
      <c r="X8944" s="2">
        <v>12</v>
      </c>
      <c r="Y8944" s="2">
        <v>50</v>
      </c>
      <c r="Z8944" s="2">
        <v>193.9</v>
      </c>
      <c r="AA8944" s="5">
        <v>10</v>
      </c>
      <c r="AB8944" s="5" t="s">
        <v>43</v>
      </c>
      <c r="AC8944" s="5" t="s">
        <v>44</v>
      </c>
      <c r="AD8944" s="2" t="s">
        <v>27382</v>
      </c>
      <c r="AE8944" s="1"/>
    </row>
    <row r="8945" spans="1:31" ht="14.45">
      <c r="A8945" s="5"/>
      <c r="B8945" s="21"/>
      <c r="C8945" s="2" t="s">
        <v>27456</v>
      </c>
      <c r="D8945" s="14" t="s">
        <v>27457</v>
      </c>
      <c r="E8945" s="2" t="s">
        <v>27458</v>
      </c>
      <c r="F8945" s="2"/>
      <c r="G8945" s="8">
        <v>491</v>
      </c>
      <c r="H8945" s="5">
        <v>15</v>
      </c>
      <c r="I8945" s="5" t="s">
        <v>69</v>
      </c>
      <c r="J8945" s="5" t="s">
        <v>27074</v>
      </c>
      <c r="K8945" s="2" t="s">
        <v>27075</v>
      </c>
      <c r="L8945" s="5" t="s">
        <v>27074</v>
      </c>
      <c r="M8945" s="2" t="s">
        <v>27075</v>
      </c>
      <c r="N8945" s="5" t="s">
        <v>24254</v>
      </c>
      <c r="O8945" s="5" t="s">
        <v>38</v>
      </c>
      <c r="P8945" s="5" t="s">
        <v>39</v>
      </c>
      <c r="Q8945" s="5" t="s">
        <v>40</v>
      </c>
      <c r="R8945" s="5" t="s">
        <v>25301</v>
      </c>
      <c r="S8945" s="5" t="s">
        <v>40</v>
      </c>
      <c r="T8945" s="5" t="s">
        <v>42</v>
      </c>
      <c r="U8945" s="2">
        <v>18.960999999999999</v>
      </c>
      <c r="V8945" s="2">
        <v>17.044</v>
      </c>
      <c r="W8945" s="2">
        <v>0.104</v>
      </c>
      <c r="X8945" s="2">
        <v>12</v>
      </c>
      <c r="Y8945" s="2">
        <v>50</v>
      </c>
      <c r="Z8945" s="2">
        <v>173.9</v>
      </c>
      <c r="AA8945" s="5">
        <v>10</v>
      </c>
      <c r="AB8945" s="5" t="s">
        <v>43</v>
      </c>
      <c r="AC8945" s="5" t="s">
        <v>44</v>
      </c>
      <c r="AD8945" s="2" t="s">
        <v>27386</v>
      </c>
      <c r="AE8945" s="1"/>
    </row>
    <row r="8946" spans="1:31" ht="14.45">
      <c r="A8946" s="5"/>
      <c r="B8946" s="21"/>
      <c r="C8946" s="2" t="s">
        <v>27459</v>
      </c>
      <c r="D8946" s="14" t="s">
        <v>27460</v>
      </c>
      <c r="E8946" s="2" t="s">
        <v>27461</v>
      </c>
      <c r="F8946" s="2"/>
      <c r="G8946" s="8">
        <v>344</v>
      </c>
      <c r="H8946" s="5">
        <v>5</v>
      </c>
      <c r="I8946" s="5" t="s">
        <v>69</v>
      </c>
      <c r="J8946" s="5" t="s">
        <v>27074</v>
      </c>
      <c r="K8946" s="2" t="s">
        <v>27075</v>
      </c>
      <c r="L8946" s="5" t="s">
        <v>27074</v>
      </c>
      <c r="M8946" s="2" t="s">
        <v>27075</v>
      </c>
      <c r="N8946" s="5" t="s">
        <v>24254</v>
      </c>
      <c r="O8946" s="5" t="s">
        <v>38</v>
      </c>
      <c r="P8946" s="5" t="s">
        <v>39</v>
      </c>
      <c r="Q8946" s="5" t="s">
        <v>40</v>
      </c>
      <c r="R8946" s="5" t="s">
        <v>24335</v>
      </c>
      <c r="S8946" s="5" t="s">
        <v>40</v>
      </c>
      <c r="T8946" s="5" t="s">
        <v>42</v>
      </c>
      <c r="U8946" s="2">
        <v>10.446</v>
      </c>
      <c r="V8946" s="2">
        <v>8.5289999999999999</v>
      </c>
      <c r="W8946" s="2">
        <v>0.17799999999999999</v>
      </c>
      <c r="X8946" s="2">
        <v>12</v>
      </c>
      <c r="Y8946" s="2">
        <v>50</v>
      </c>
      <c r="Z8946" s="2">
        <v>295.89999999999998</v>
      </c>
      <c r="AA8946" s="5">
        <v>10</v>
      </c>
      <c r="AB8946" s="5" t="s">
        <v>43</v>
      </c>
      <c r="AC8946" s="5" t="s">
        <v>44</v>
      </c>
      <c r="AD8946" s="2" t="s">
        <v>27357</v>
      </c>
      <c r="AE8946" s="1"/>
    </row>
    <row r="8947" spans="1:31" ht="14.45">
      <c r="A8947" s="5"/>
      <c r="B8947" s="21"/>
      <c r="C8947" s="2" t="s">
        <v>27462</v>
      </c>
      <c r="D8947" s="14" t="s">
        <v>27463</v>
      </c>
      <c r="E8947" s="2" t="s">
        <v>27464</v>
      </c>
      <c r="F8947" s="2" t="s">
        <v>27361</v>
      </c>
      <c r="G8947" s="8">
        <v>773</v>
      </c>
      <c r="H8947" s="5">
        <v>15</v>
      </c>
      <c r="I8947" s="5" t="s">
        <v>69</v>
      </c>
      <c r="J8947" s="5" t="s">
        <v>27074</v>
      </c>
      <c r="K8947" s="2" t="s">
        <v>27075</v>
      </c>
      <c r="L8947" s="5" t="s">
        <v>27074</v>
      </c>
      <c r="M8947" s="2" t="s">
        <v>27075</v>
      </c>
      <c r="N8947" s="5" t="s">
        <v>24254</v>
      </c>
      <c r="O8947" s="5" t="s">
        <v>38</v>
      </c>
      <c r="P8947" s="5" t="s">
        <v>39</v>
      </c>
      <c r="Q8947" s="5" t="s">
        <v>40</v>
      </c>
      <c r="R8947" s="5" t="s">
        <v>24335</v>
      </c>
      <c r="S8947" s="5" t="s">
        <v>40</v>
      </c>
      <c r="T8947" s="5" t="s">
        <v>42</v>
      </c>
      <c r="U8947" s="2">
        <v>14.893000000000001</v>
      </c>
      <c r="V8947" s="2">
        <v>11.875</v>
      </c>
      <c r="W8947" s="2">
        <v>0.11600000000000001</v>
      </c>
      <c r="X8947" s="2">
        <v>12</v>
      </c>
      <c r="Y8947" s="2">
        <v>50</v>
      </c>
      <c r="Z8947" s="2">
        <v>193.9</v>
      </c>
      <c r="AA8947" s="5">
        <v>10</v>
      </c>
      <c r="AB8947" s="5" t="s">
        <v>43</v>
      </c>
      <c r="AC8947" s="5" t="s">
        <v>44</v>
      </c>
      <c r="AD8947" s="2" t="s">
        <v>27362</v>
      </c>
      <c r="AE8947" s="1"/>
    </row>
    <row r="8948" spans="1:31" ht="14.45">
      <c r="A8948" s="5"/>
      <c r="B8948" s="21"/>
      <c r="C8948" s="2" t="s">
        <v>27465</v>
      </c>
      <c r="D8948" s="14" t="s">
        <v>27466</v>
      </c>
      <c r="E8948" s="2" t="s">
        <v>27467</v>
      </c>
      <c r="F8948" s="2" t="s">
        <v>27361</v>
      </c>
      <c r="G8948" s="8">
        <v>773</v>
      </c>
      <c r="H8948" s="5">
        <v>15</v>
      </c>
      <c r="I8948" s="5" t="s">
        <v>69</v>
      </c>
      <c r="J8948" s="5" t="s">
        <v>27074</v>
      </c>
      <c r="K8948" s="2" t="s">
        <v>27075</v>
      </c>
      <c r="L8948" s="5" t="s">
        <v>27074</v>
      </c>
      <c r="M8948" s="2" t="s">
        <v>27075</v>
      </c>
      <c r="N8948" s="5" t="s">
        <v>24254</v>
      </c>
      <c r="O8948" s="5" t="s">
        <v>38</v>
      </c>
      <c r="P8948" s="5" t="s">
        <v>39</v>
      </c>
      <c r="Q8948" s="5" t="s">
        <v>40</v>
      </c>
      <c r="R8948" s="5" t="s">
        <v>24335</v>
      </c>
      <c r="S8948" s="5" t="s">
        <v>40</v>
      </c>
      <c r="T8948" s="5" t="s">
        <v>42</v>
      </c>
      <c r="U8948" s="2">
        <v>15.494</v>
      </c>
      <c r="V8948" s="2">
        <v>12.554</v>
      </c>
      <c r="W8948" s="2">
        <v>0.11600000000000001</v>
      </c>
      <c r="X8948" s="2">
        <v>12</v>
      </c>
      <c r="Y8948" s="2">
        <v>50</v>
      </c>
      <c r="Z8948" s="2">
        <v>193.9</v>
      </c>
      <c r="AA8948" s="5">
        <v>10</v>
      </c>
      <c r="AB8948" s="5" t="s">
        <v>43</v>
      </c>
      <c r="AC8948" s="5" t="s">
        <v>44</v>
      </c>
      <c r="AD8948" s="2" t="s">
        <v>27366</v>
      </c>
      <c r="AE8948" s="1"/>
    </row>
    <row r="8949" spans="1:31" ht="14.45">
      <c r="A8949" s="5"/>
      <c r="B8949" s="21"/>
      <c r="C8949" s="2" t="s">
        <v>27468</v>
      </c>
      <c r="D8949" s="14" t="s">
        <v>27469</v>
      </c>
      <c r="E8949" s="2" t="s">
        <v>27470</v>
      </c>
      <c r="F8949" s="2" t="s">
        <v>27361</v>
      </c>
      <c r="G8949" s="8">
        <v>1794</v>
      </c>
      <c r="H8949" s="5">
        <v>15</v>
      </c>
      <c r="I8949" s="5" t="s">
        <v>69</v>
      </c>
      <c r="J8949" s="5" t="s">
        <v>27074</v>
      </c>
      <c r="K8949" s="2" t="s">
        <v>27075</v>
      </c>
      <c r="L8949" s="5" t="s">
        <v>27074</v>
      </c>
      <c r="M8949" s="2" t="s">
        <v>27075</v>
      </c>
      <c r="N8949" s="5" t="s">
        <v>24254</v>
      </c>
      <c r="O8949" s="5" t="s">
        <v>38</v>
      </c>
      <c r="P8949" s="5" t="s">
        <v>39</v>
      </c>
      <c r="Q8949" s="5" t="s">
        <v>40</v>
      </c>
      <c r="R8949" s="5" t="s">
        <v>24335</v>
      </c>
      <c r="S8949" s="5" t="s">
        <v>40</v>
      </c>
      <c r="T8949" s="5" t="s">
        <v>42</v>
      </c>
      <c r="U8949" s="2">
        <v>19.018000000000001</v>
      </c>
      <c r="V8949" s="2">
        <v>15.172000000000001</v>
      </c>
      <c r="W8949" s="2">
        <v>0.17799999999999999</v>
      </c>
      <c r="X8949" s="2">
        <v>12</v>
      </c>
      <c r="Y8949" s="2">
        <v>50</v>
      </c>
      <c r="Z8949" s="2">
        <v>295.89999999999998</v>
      </c>
      <c r="AA8949" s="5">
        <v>10</v>
      </c>
      <c r="AB8949" s="5" t="s">
        <v>43</v>
      </c>
      <c r="AC8949" s="5" t="s">
        <v>44</v>
      </c>
      <c r="AD8949" s="2" t="s">
        <v>27370</v>
      </c>
      <c r="AE8949" s="1"/>
    </row>
    <row r="8950" spans="1:31" ht="14.45">
      <c r="A8950" s="5"/>
      <c r="B8950" s="21"/>
      <c r="C8950" s="2" t="s">
        <v>27471</v>
      </c>
      <c r="D8950" s="14" t="s">
        <v>27472</v>
      </c>
      <c r="E8950" s="2" t="s">
        <v>27473</v>
      </c>
      <c r="F8950" s="2" t="s">
        <v>27361</v>
      </c>
      <c r="G8950" s="8">
        <v>1794</v>
      </c>
      <c r="H8950" s="5">
        <v>15</v>
      </c>
      <c r="I8950" s="5" t="s">
        <v>69</v>
      </c>
      <c r="J8950" s="5" t="s">
        <v>27074</v>
      </c>
      <c r="K8950" s="2" t="s">
        <v>27075</v>
      </c>
      <c r="L8950" s="5" t="s">
        <v>27074</v>
      </c>
      <c r="M8950" s="2" t="s">
        <v>27075</v>
      </c>
      <c r="N8950" s="5" t="s">
        <v>24254</v>
      </c>
      <c r="O8950" s="5" t="s">
        <v>38</v>
      </c>
      <c r="P8950" s="5" t="s">
        <v>39</v>
      </c>
      <c r="Q8950" s="5" t="s">
        <v>40</v>
      </c>
      <c r="R8950" s="5" t="s">
        <v>24335</v>
      </c>
      <c r="S8950" s="5" t="s">
        <v>40</v>
      </c>
      <c r="T8950" s="5" t="s">
        <v>42</v>
      </c>
      <c r="U8950" s="2">
        <v>19.823</v>
      </c>
      <c r="V8950" s="2">
        <v>16.126000000000001</v>
      </c>
      <c r="W8950" s="2">
        <v>0.17799999999999999</v>
      </c>
      <c r="X8950" s="2">
        <v>12</v>
      </c>
      <c r="Y8950" s="2">
        <v>50</v>
      </c>
      <c r="Z8950" s="2">
        <v>295.89999999999998</v>
      </c>
      <c r="AA8950" s="5">
        <v>10</v>
      </c>
      <c r="AB8950" s="5" t="s">
        <v>43</v>
      </c>
      <c r="AC8950" s="5" t="s">
        <v>44</v>
      </c>
      <c r="AD8950" s="2" t="s">
        <v>27374</v>
      </c>
      <c r="AE8950" s="1"/>
    </row>
    <row r="8951" spans="1:31" ht="14.45">
      <c r="A8951" s="5"/>
      <c r="B8951" s="21"/>
      <c r="C8951" s="2" t="s">
        <v>27474</v>
      </c>
      <c r="D8951" s="14" t="s">
        <v>27475</v>
      </c>
      <c r="E8951" s="2" t="s">
        <v>27476</v>
      </c>
      <c r="F8951" s="2" t="s">
        <v>27361</v>
      </c>
      <c r="G8951" s="8">
        <v>1079</v>
      </c>
      <c r="H8951" s="5">
        <v>15</v>
      </c>
      <c r="I8951" s="5" t="s">
        <v>69</v>
      </c>
      <c r="J8951" s="5" t="s">
        <v>27074</v>
      </c>
      <c r="K8951" s="2" t="s">
        <v>27075</v>
      </c>
      <c r="L8951" s="5" t="s">
        <v>27074</v>
      </c>
      <c r="M8951" s="2" t="s">
        <v>27075</v>
      </c>
      <c r="N8951" s="5" t="s">
        <v>24254</v>
      </c>
      <c r="O8951" s="5" t="s">
        <v>38</v>
      </c>
      <c r="P8951" s="5" t="s">
        <v>39</v>
      </c>
      <c r="Q8951" s="5" t="s">
        <v>40</v>
      </c>
      <c r="R8951" s="5" t="s">
        <v>24340</v>
      </c>
      <c r="S8951" s="5" t="s">
        <v>40</v>
      </c>
      <c r="T8951" s="5" t="s">
        <v>42</v>
      </c>
      <c r="U8951" s="2">
        <v>29.797000000000001</v>
      </c>
      <c r="V8951" s="2">
        <v>26.779</v>
      </c>
      <c r="W8951" s="2">
        <v>0.11600000000000001</v>
      </c>
      <c r="X8951" s="2">
        <v>12</v>
      </c>
      <c r="Y8951" s="2">
        <v>50</v>
      </c>
      <c r="Z8951" s="2">
        <v>193.9</v>
      </c>
      <c r="AA8951" s="5">
        <v>10</v>
      </c>
      <c r="AB8951" s="5" t="s">
        <v>43</v>
      </c>
      <c r="AC8951" s="5" t="s">
        <v>44</v>
      </c>
      <c r="AD8951" s="2" t="s">
        <v>27382</v>
      </c>
      <c r="AE8951" s="1"/>
    </row>
    <row r="8952" spans="1:31" ht="14.45">
      <c r="A8952" s="5"/>
      <c r="B8952" s="21"/>
      <c r="C8952" s="2" t="s">
        <v>27477</v>
      </c>
      <c r="D8952" s="14" t="s">
        <v>27478</v>
      </c>
      <c r="E8952" s="2" t="s">
        <v>27479</v>
      </c>
      <c r="F8952" s="2"/>
      <c r="G8952" s="8">
        <v>321</v>
      </c>
      <c r="H8952" s="5">
        <v>5</v>
      </c>
      <c r="I8952" s="5" t="s">
        <v>69</v>
      </c>
      <c r="J8952" s="5" t="s">
        <v>27074</v>
      </c>
      <c r="K8952" s="2" t="s">
        <v>27075</v>
      </c>
      <c r="L8952" s="5" t="s">
        <v>27074</v>
      </c>
      <c r="M8952" s="2" t="s">
        <v>27075</v>
      </c>
      <c r="N8952" s="5" t="s">
        <v>24254</v>
      </c>
      <c r="O8952" s="5" t="s">
        <v>38</v>
      </c>
      <c r="P8952" s="5" t="s">
        <v>39</v>
      </c>
      <c r="Q8952" s="5" t="s">
        <v>40</v>
      </c>
      <c r="R8952" s="5" t="s">
        <v>24335</v>
      </c>
      <c r="S8952" s="5" t="s">
        <v>40</v>
      </c>
      <c r="T8952" s="5" t="s">
        <v>42</v>
      </c>
      <c r="U8952" s="2">
        <v>9.4700000000000006</v>
      </c>
      <c r="V8952" s="2">
        <v>7.5650000000000004</v>
      </c>
      <c r="W8952" s="2">
        <v>8.3000000000000004E-2</v>
      </c>
      <c r="X8952" s="2">
        <v>12</v>
      </c>
      <c r="Y8952" s="2">
        <v>50</v>
      </c>
      <c r="Z8952" s="2">
        <v>173.9</v>
      </c>
      <c r="AA8952" s="5">
        <v>10</v>
      </c>
      <c r="AB8952" s="5" t="s">
        <v>43</v>
      </c>
      <c r="AC8952" s="5" t="s">
        <v>44</v>
      </c>
      <c r="AD8952" s="2" t="s">
        <v>27357</v>
      </c>
      <c r="AE8952" s="1"/>
    </row>
    <row r="8953" spans="1:31" ht="14.45">
      <c r="A8953" s="5"/>
      <c r="B8953" s="21"/>
      <c r="C8953" s="2" t="s">
        <v>27480</v>
      </c>
      <c r="D8953" s="14" t="s">
        <v>27481</v>
      </c>
      <c r="E8953" s="2" t="s">
        <v>27482</v>
      </c>
      <c r="F8953" s="2" t="s">
        <v>27361</v>
      </c>
      <c r="G8953" s="8">
        <v>723</v>
      </c>
      <c r="H8953" s="5">
        <v>15</v>
      </c>
      <c r="I8953" s="5" t="s">
        <v>69</v>
      </c>
      <c r="J8953" s="5" t="s">
        <v>27074</v>
      </c>
      <c r="K8953" s="2" t="s">
        <v>27075</v>
      </c>
      <c r="L8953" s="5" t="s">
        <v>27074</v>
      </c>
      <c r="M8953" s="2" t="s">
        <v>27075</v>
      </c>
      <c r="N8953" s="5" t="s">
        <v>24254</v>
      </c>
      <c r="O8953" s="5" t="s">
        <v>38</v>
      </c>
      <c r="P8953" s="5" t="s">
        <v>39</v>
      </c>
      <c r="Q8953" s="5" t="s">
        <v>40</v>
      </c>
      <c r="R8953" s="5" t="s">
        <v>24335</v>
      </c>
      <c r="S8953" s="5" t="s">
        <v>40</v>
      </c>
      <c r="T8953" s="5" t="s">
        <v>42</v>
      </c>
      <c r="U8953" s="2">
        <v>13.997999999999999</v>
      </c>
      <c r="V8953" s="2">
        <v>11.426</v>
      </c>
      <c r="W8953" s="2">
        <v>0.13600000000000001</v>
      </c>
      <c r="X8953" s="2">
        <v>12</v>
      </c>
      <c r="Y8953" s="2">
        <v>50</v>
      </c>
      <c r="Z8953" s="2">
        <v>227.4</v>
      </c>
      <c r="AA8953" s="5">
        <v>10</v>
      </c>
      <c r="AB8953" s="5" t="s">
        <v>43</v>
      </c>
      <c r="AC8953" s="5" t="s">
        <v>44</v>
      </c>
      <c r="AD8953" s="2" t="s">
        <v>27362</v>
      </c>
      <c r="AE8953" s="1"/>
    </row>
    <row r="8954" spans="1:31" ht="14.45">
      <c r="A8954" s="5"/>
      <c r="B8954" s="21"/>
      <c r="C8954" s="2" t="s">
        <v>27483</v>
      </c>
      <c r="D8954" s="14" t="s">
        <v>27484</v>
      </c>
      <c r="E8954" s="2" t="s">
        <v>27485</v>
      </c>
      <c r="F8954" s="2" t="s">
        <v>27361</v>
      </c>
      <c r="G8954" s="8">
        <v>723</v>
      </c>
      <c r="H8954" s="5">
        <v>15</v>
      </c>
      <c r="I8954" s="5" t="s">
        <v>69</v>
      </c>
      <c r="J8954" s="5" t="s">
        <v>27074</v>
      </c>
      <c r="K8954" s="2" t="s">
        <v>27075</v>
      </c>
      <c r="L8954" s="5" t="s">
        <v>27074</v>
      </c>
      <c r="M8954" s="2" t="s">
        <v>27075</v>
      </c>
      <c r="N8954" s="5" t="s">
        <v>24254</v>
      </c>
      <c r="O8954" s="5" t="s">
        <v>38</v>
      </c>
      <c r="P8954" s="5" t="s">
        <v>39</v>
      </c>
      <c r="Q8954" s="5" t="s">
        <v>40</v>
      </c>
      <c r="R8954" s="5" t="s">
        <v>24335</v>
      </c>
      <c r="S8954" s="5" t="s">
        <v>40</v>
      </c>
      <c r="T8954" s="5" t="s">
        <v>42</v>
      </c>
      <c r="U8954" s="2">
        <v>14.222</v>
      </c>
      <c r="V8954" s="2">
        <v>11.728</v>
      </c>
      <c r="W8954" s="2">
        <v>0.13600000000000001</v>
      </c>
      <c r="X8954" s="2">
        <v>12</v>
      </c>
      <c r="Y8954" s="2">
        <v>50</v>
      </c>
      <c r="Z8954" s="2">
        <v>227.4</v>
      </c>
      <c r="AA8954" s="5">
        <v>10</v>
      </c>
      <c r="AB8954" s="5" t="s">
        <v>43</v>
      </c>
      <c r="AC8954" s="5" t="s">
        <v>44</v>
      </c>
      <c r="AD8954" s="2" t="s">
        <v>27366</v>
      </c>
      <c r="AE8954" s="1"/>
    </row>
    <row r="8955" spans="1:31" ht="14.45">
      <c r="A8955" s="5"/>
      <c r="B8955" s="21"/>
      <c r="C8955" s="2" t="s">
        <v>27486</v>
      </c>
      <c r="D8955" s="14" t="s">
        <v>27487</v>
      </c>
      <c r="E8955" s="2" t="s">
        <v>27488</v>
      </c>
      <c r="F8955" s="2"/>
      <c r="G8955" s="8">
        <v>474</v>
      </c>
      <c r="H8955" s="5">
        <v>5</v>
      </c>
      <c r="I8955" s="5" t="s">
        <v>69</v>
      </c>
      <c r="J8955" s="5" t="s">
        <v>27074</v>
      </c>
      <c r="K8955" s="2" t="s">
        <v>27075</v>
      </c>
      <c r="L8955" s="5" t="s">
        <v>27074</v>
      </c>
      <c r="M8955" s="2" t="s">
        <v>27075</v>
      </c>
      <c r="N8955" s="5" t="s">
        <v>24254</v>
      </c>
      <c r="O8955" s="5" t="s">
        <v>38</v>
      </c>
      <c r="P8955" s="5" t="s">
        <v>39</v>
      </c>
      <c r="Q8955" s="5" t="s">
        <v>40</v>
      </c>
      <c r="R8955" s="5" t="s">
        <v>24335</v>
      </c>
      <c r="S8955" s="5" t="s">
        <v>40</v>
      </c>
      <c r="T8955" s="5" t="s">
        <v>42</v>
      </c>
      <c r="U8955" s="2">
        <v>20.190000000000001</v>
      </c>
      <c r="V8955" s="2">
        <v>18.273</v>
      </c>
      <c r="W8955" s="2">
        <v>8.3000000000000004E-2</v>
      </c>
      <c r="X8955" s="2">
        <v>12</v>
      </c>
      <c r="Y8955" s="2">
        <v>50</v>
      </c>
      <c r="Z8955" s="2">
        <v>173.9</v>
      </c>
      <c r="AA8955" s="5">
        <v>10</v>
      </c>
      <c r="AB8955" s="5" t="s">
        <v>43</v>
      </c>
      <c r="AC8955" s="5" t="s">
        <v>44</v>
      </c>
      <c r="AD8955" s="2" t="s">
        <v>27378</v>
      </c>
      <c r="AE8955" s="1"/>
    </row>
    <row r="8956" spans="1:31" ht="14.45">
      <c r="A8956" s="5"/>
      <c r="B8956" s="21"/>
      <c r="C8956" s="2" t="s">
        <v>27489</v>
      </c>
      <c r="D8956" s="14" t="s">
        <v>27490</v>
      </c>
      <c r="E8956" s="2" t="s">
        <v>27491</v>
      </c>
      <c r="F8956" s="2" t="s">
        <v>27361</v>
      </c>
      <c r="G8956" s="8">
        <v>1029</v>
      </c>
      <c r="H8956" s="5">
        <v>15</v>
      </c>
      <c r="I8956" s="5" t="s">
        <v>69</v>
      </c>
      <c r="J8956" s="5" t="s">
        <v>27074</v>
      </c>
      <c r="K8956" s="2" t="s">
        <v>27075</v>
      </c>
      <c r="L8956" s="5" t="s">
        <v>27074</v>
      </c>
      <c r="M8956" s="2" t="s">
        <v>27075</v>
      </c>
      <c r="N8956" s="5" t="s">
        <v>24254</v>
      </c>
      <c r="O8956" s="5" t="s">
        <v>38</v>
      </c>
      <c r="P8956" s="5" t="s">
        <v>39</v>
      </c>
      <c r="Q8956" s="5" t="s">
        <v>40</v>
      </c>
      <c r="R8956" s="5" t="s">
        <v>24340</v>
      </c>
      <c r="S8956" s="5" t="s">
        <v>40</v>
      </c>
      <c r="T8956" s="5" t="s">
        <v>42</v>
      </c>
      <c r="U8956" s="2">
        <v>27.677</v>
      </c>
      <c r="V8956" s="2">
        <v>25.093</v>
      </c>
      <c r="W8956" s="2">
        <v>0.13600000000000001</v>
      </c>
      <c r="X8956" s="2">
        <v>12</v>
      </c>
      <c r="Y8956" s="2">
        <v>50</v>
      </c>
      <c r="Z8956" s="2">
        <v>227.4</v>
      </c>
      <c r="AA8956" s="5">
        <v>10</v>
      </c>
      <c r="AB8956" s="5" t="s">
        <v>43</v>
      </c>
      <c r="AC8956" s="5" t="s">
        <v>44</v>
      </c>
      <c r="AD8956" s="2" t="s">
        <v>27382</v>
      </c>
      <c r="AE8956" s="1"/>
    </row>
    <row r="8957" spans="1:31" ht="14.45">
      <c r="A8957" s="5"/>
      <c r="B8957" s="21"/>
      <c r="C8957" s="2" t="s">
        <v>27492</v>
      </c>
      <c r="D8957" s="14" t="s">
        <v>27493</v>
      </c>
      <c r="E8957" s="2" t="s">
        <v>27494</v>
      </c>
      <c r="F8957" s="2"/>
      <c r="G8957" s="8">
        <v>474</v>
      </c>
      <c r="H8957" s="5">
        <v>15</v>
      </c>
      <c r="I8957" s="5" t="s">
        <v>69</v>
      </c>
      <c r="J8957" s="5" t="s">
        <v>27074</v>
      </c>
      <c r="K8957" s="2" t="s">
        <v>27075</v>
      </c>
      <c r="L8957" s="5" t="s">
        <v>27074</v>
      </c>
      <c r="M8957" s="2" t="s">
        <v>27075</v>
      </c>
      <c r="N8957" s="5" t="s">
        <v>24254</v>
      </c>
      <c r="O8957" s="5" t="s">
        <v>38</v>
      </c>
      <c r="P8957" s="5" t="s">
        <v>39</v>
      </c>
      <c r="Q8957" s="5" t="s">
        <v>40</v>
      </c>
      <c r="R8957" s="5" t="s">
        <v>25301</v>
      </c>
      <c r="S8957" s="5" t="s">
        <v>40</v>
      </c>
      <c r="T8957" s="5" t="s">
        <v>42</v>
      </c>
      <c r="U8957" s="2">
        <v>17.77</v>
      </c>
      <c r="V8957" s="2">
        <v>15.853</v>
      </c>
      <c r="W8957" s="2">
        <v>8.3000000000000004E-2</v>
      </c>
      <c r="X8957" s="2">
        <v>12</v>
      </c>
      <c r="Y8957" s="2">
        <v>50</v>
      </c>
      <c r="Z8957" s="2">
        <v>173.9</v>
      </c>
      <c r="AA8957" s="5">
        <v>10</v>
      </c>
      <c r="AB8957" s="5" t="s">
        <v>43</v>
      </c>
      <c r="AC8957" s="5" t="s">
        <v>44</v>
      </c>
      <c r="AD8957" s="2" t="s">
        <v>27386</v>
      </c>
      <c r="AE8957" s="1"/>
    </row>
    <row r="8958" spans="1:31" ht="14.45">
      <c r="A8958" s="5"/>
      <c r="B8958" s="21"/>
      <c r="C8958" s="2" t="s">
        <v>27495</v>
      </c>
      <c r="D8958" s="14" t="s">
        <v>27496</v>
      </c>
      <c r="E8958" s="2" t="s">
        <v>27497</v>
      </c>
      <c r="F8958" s="2"/>
      <c r="G8958" s="8">
        <v>338</v>
      </c>
      <c r="H8958" s="5">
        <v>5</v>
      </c>
      <c r="I8958" s="5" t="s">
        <v>69</v>
      </c>
      <c r="J8958" s="5" t="s">
        <v>27074</v>
      </c>
      <c r="K8958" s="2" t="s">
        <v>27075</v>
      </c>
      <c r="L8958" s="5" t="s">
        <v>27074</v>
      </c>
      <c r="M8958" s="2" t="s">
        <v>27075</v>
      </c>
      <c r="N8958" s="5" t="s">
        <v>24254</v>
      </c>
      <c r="O8958" s="5" t="s">
        <v>38</v>
      </c>
      <c r="P8958" s="5" t="s">
        <v>39</v>
      </c>
      <c r="Q8958" s="5" t="s">
        <v>40</v>
      </c>
      <c r="R8958" s="5" t="s">
        <v>24335</v>
      </c>
      <c r="S8958" s="5" t="s">
        <v>40</v>
      </c>
      <c r="T8958" s="5" t="s">
        <v>42</v>
      </c>
      <c r="U8958" s="2">
        <v>9.9079999999999995</v>
      </c>
      <c r="V8958" s="2">
        <v>8.0030000000000001</v>
      </c>
      <c r="W8958" s="2">
        <v>9.2999999999999999E-2</v>
      </c>
      <c r="X8958" s="2">
        <v>12</v>
      </c>
      <c r="Y8958" s="2">
        <v>50</v>
      </c>
      <c r="Z8958" s="2">
        <v>173.9</v>
      </c>
      <c r="AA8958" s="5">
        <v>10</v>
      </c>
      <c r="AB8958" s="5" t="s">
        <v>43</v>
      </c>
      <c r="AC8958" s="5" t="s">
        <v>44</v>
      </c>
      <c r="AD8958" s="2" t="s">
        <v>27357</v>
      </c>
      <c r="AE8958" s="1"/>
    </row>
    <row r="8959" spans="1:31" ht="14.45">
      <c r="A8959" s="5"/>
      <c r="B8959" s="21"/>
      <c r="C8959" s="2" t="s">
        <v>27498</v>
      </c>
      <c r="D8959" s="14" t="s">
        <v>27499</v>
      </c>
      <c r="E8959" s="2" t="s">
        <v>27500</v>
      </c>
      <c r="F8959" s="2" t="s">
        <v>27361</v>
      </c>
      <c r="G8959" s="8">
        <v>761</v>
      </c>
      <c r="H8959" s="5">
        <v>15</v>
      </c>
      <c r="I8959" s="5" t="s">
        <v>69</v>
      </c>
      <c r="J8959" s="5" t="s">
        <v>27074</v>
      </c>
      <c r="K8959" s="2" t="s">
        <v>27075</v>
      </c>
      <c r="L8959" s="5" t="s">
        <v>27074</v>
      </c>
      <c r="M8959" s="2" t="s">
        <v>27075</v>
      </c>
      <c r="N8959" s="5" t="s">
        <v>24254</v>
      </c>
      <c r="O8959" s="5" t="s">
        <v>38</v>
      </c>
      <c r="P8959" s="5" t="s">
        <v>39</v>
      </c>
      <c r="Q8959" s="5" t="s">
        <v>40</v>
      </c>
      <c r="R8959" s="5" t="s">
        <v>24335</v>
      </c>
      <c r="S8959" s="5" t="s">
        <v>40</v>
      </c>
      <c r="T8959" s="5" t="s">
        <v>42</v>
      </c>
      <c r="U8959" s="2">
        <v>14.448</v>
      </c>
      <c r="V8959" s="2">
        <v>11.875999999999999</v>
      </c>
      <c r="W8959" s="2">
        <v>0.13600000000000001</v>
      </c>
      <c r="X8959" s="2">
        <v>12</v>
      </c>
      <c r="Y8959" s="2">
        <v>50</v>
      </c>
      <c r="Z8959" s="2">
        <v>227.4</v>
      </c>
      <c r="AA8959" s="5">
        <v>10</v>
      </c>
      <c r="AB8959" s="5" t="s">
        <v>43</v>
      </c>
      <c r="AC8959" s="5" t="s">
        <v>44</v>
      </c>
      <c r="AD8959" s="2" t="s">
        <v>27362</v>
      </c>
      <c r="AE8959" s="1"/>
    </row>
    <row r="8960" spans="1:31" ht="14.45">
      <c r="A8960" s="5"/>
      <c r="B8960" s="21"/>
      <c r="C8960" s="2" t="s">
        <v>27501</v>
      </c>
      <c r="D8960" s="14" t="s">
        <v>27502</v>
      </c>
      <c r="E8960" s="2" t="s">
        <v>27503</v>
      </c>
      <c r="F8960" s="2" t="s">
        <v>27361</v>
      </c>
      <c r="G8960" s="8">
        <v>761</v>
      </c>
      <c r="H8960" s="5">
        <v>15</v>
      </c>
      <c r="I8960" s="5" t="s">
        <v>69</v>
      </c>
      <c r="J8960" s="5" t="s">
        <v>27074</v>
      </c>
      <c r="K8960" s="2" t="s">
        <v>27075</v>
      </c>
      <c r="L8960" s="5" t="s">
        <v>27074</v>
      </c>
      <c r="M8960" s="2" t="s">
        <v>27075</v>
      </c>
      <c r="N8960" s="5" t="s">
        <v>24254</v>
      </c>
      <c r="O8960" s="5" t="s">
        <v>38</v>
      </c>
      <c r="P8960" s="5" t="s">
        <v>39</v>
      </c>
      <c r="Q8960" s="5" t="s">
        <v>40</v>
      </c>
      <c r="R8960" s="5" t="s">
        <v>24335</v>
      </c>
      <c r="S8960" s="5" t="s">
        <v>40</v>
      </c>
      <c r="T8960" s="5" t="s">
        <v>42</v>
      </c>
      <c r="U8960" s="2">
        <v>14.795999999999999</v>
      </c>
      <c r="V8960" s="2">
        <v>12.302</v>
      </c>
      <c r="W8960" s="2">
        <v>0.13600000000000001</v>
      </c>
      <c r="X8960" s="2">
        <v>12</v>
      </c>
      <c r="Y8960" s="2">
        <v>50</v>
      </c>
      <c r="Z8960" s="2">
        <v>227.4</v>
      </c>
      <c r="AA8960" s="5">
        <v>10</v>
      </c>
      <c r="AB8960" s="5" t="s">
        <v>43</v>
      </c>
      <c r="AC8960" s="5" t="s">
        <v>44</v>
      </c>
      <c r="AD8960" s="2" t="s">
        <v>27366</v>
      </c>
      <c r="AE8960" s="1"/>
    </row>
    <row r="8961" spans="1:31" ht="14.45">
      <c r="A8961" s="5"/>
      <c r="B8961" s="21"/>
      <c r="C8961" s="2" t="s">
        <v>27504</v>
      </c>
      <c r="D8961" s="14" t="s">
        <v>27505</v>
      </c>
      <c r="E8961" s="2" t="s">
        <v>27506</v>
      </c>
      <c r="F8961" s="2"/>
      <c r="G8961" s="8">
        <v>491</v>
      </c>
      <c r="H8961" s="5">
        <v>5</v>
      </c>
      <c r="I8961" s="5" t="s">
        <v>69</v>
      </c>
      <c r="J8961" s="5" t="s">
        <v>27074</v>
      </c>
      <c r="K8961" s="2" t="s">
        <v>27075</v>
      </c>
      <c r="L8961" s="5" t="s">
        <v>27074</v>
      </c>
      <c r="M8961" s="2" t="s">
        <v>27075</v>
      </c>
      <c r="N8961" s="5" t="s">
        <v>24254</v>
      </c>
      <c r="O8961" s="5" t="s">
        <v>38</v>
      </c>
      <c r="P8961" s="5" t="s">
        <v>39</v>
      </c>
      <c r="Q8961" s="5" t="s">
        <v>40</v>
      </c>
      <c r="R8961" s="5" t="s">
        <v>24335</v>
      </c>
      <c r="S8961" s="5" t="s">
        <v>40</v>
      </c>
      <c r="T8961" s="5" t="s">
        <v>42</v>
      </c>
      <c r="U8961" s="2">
        <v>21.172000000000001</v>
      </c>
      <c r="V8961" s="2">
        <v>19.254999999999999</v>
      </c>
      <c r="W8961" s="2">
        <v>9.2999999999999999E-2</v>
      </c>
      <c r="X8961" s="2">
        <v>12</v>
      </c>
      <c r="Y8961" s="2">
        <v>50</v>
      </c>
      <c r="Z8961" s="2">
        <v>173.9</v>
      </c>
      <c r="AA8961" s="5">
        <v>10</v>
      </c>
      <c r="AB8961" s="5" t="s">
        <v>43</v>
      </c>
      <c r="AC8961" s="5" t="s">
        <v>44</v>
      </c>
      <c r="AD8961" s="2" t="s">
        <v>27378</v>
      </c>
      <c r="AE8961" s="1"/>
    </row>
    <row r="8962" spans="1:31" ht="14.45">
      <c r="A8962" s="5"/>
      <c r="B8962" s="21"/>
      <c r="C8962" s="2" t="s">
        <v>27507</v>
      </c>
      <c r="D8962" s="14" t="s">
        <v>27508</v>
      </c>
      <c r="E8962" s="2" t="s">
        <v>27509</v>
      </c>
      <c r="F8962" s="2" t="s">
        <v>27361</v>
      </c>
      <c r="G8962" s="8">
        <v>1067</v>
      </c>
      <c r="H8962" s="5">
        <v>15</v>
      </c>
      <c r="I8962" s="5" t="s">
        <v>69</v>
      </c>
      <c r="J8962" s="5" t="s">
        <v>27074</v>
      </c>
      <c r="K8962" s="2" t="s">
        <v>27075</v>
      </c>
      <c r="L8962" s="5" t="s">
        <v>27074</v>
      </c>
      <c r="M8962" s="2" t="s">
        <v>27075</v>
      </c>
      <c r="N8962" s="5" t="s">
        <v>24254</v>
      </c>
      <c r="O8962" s="5" t="s">
        <v>38</v>
      </c>
      <c r="P8962" s="5" t="s">
        <v>39</v>
      </c>
      <c r="Q8962" s="5" t="s">
        <v>40</v>
      </c>
      <c r="R8962" s="5" t="s">
        <v>24340</v>
      </c>
      <c r="S8962" s="5" t="s">
        <v>40</v>
      </c>
      <c r="T8962" s="5" t="s">
        <v>42</v>
      </c>
      <c r="U8962" s="2">
        <v>28.783000000000001</v>
      </c>
      <c r="V8962" s="2">
        <v>26.199000000000002</v>
      </c>
      <c r="W8962" s="2">
        <v>0.13600000000000001</v>
      </c>
      <c r="X8962" s="2">
        <v>12</v>
      </c>
      <c r="Y8962" s="2">
        <v>50</v>
      </c>
      <c r="Z8962" s="2">
        <v>227.4</v>
      </c>
      <c r="AA8962" s="5">
        <v>10</v>
      </c>
      <c r="AB8962" s="5" t="s">
        <v>43</v>
      </c>
      <c r="AC8962" s="5" t="s">
        <v>44</v>
      </c>
      <c r="AD8962" s="2" t="s">
        <v>27382</v>
      </c>
      <c r="AE8962" s="1"/>
    </row>
    <row r="8963" spans="1:31" ht="14.45">
      <c r="A8963" s="5"/>
      <c r="B8963" s="21"/>
      <c r="C8963" s="2" t="s">
        <v>27510</v>
      </c>
      <c r="D8963" s="14" t="s">
        <v>27511</v>
      </c>
      <c r="E8963" s="2" t="s">
        <v>27512</v>
      </c>
      <c r="F8963" s="2"/>
      <c r="G8963" s="8">
        <v>491</v>
      </c>
      <c r="H8963" s="5">
        <v>15</v>
      </c>
      <c r="I8963" s="5" t="s">
        <v>69</v>
      </c>
      <c r="J8963" s="5" t="s">
        <v>27074</v>
      </c>
      <c r="K8963" s="2" t="s">
        <v>27075</v>
      </c>
      <c r="L8963" s="5" t="s">
        <v>27074</v>
      </c>
      <c r="M8963" s="2" t="s">
        <v>27075</v>
      </c>
      <c r="N8963" s="5" t="s">
        <v>24254</v>
      </c>
      <c r="O8963" s="5" t="s">
        <v>38</v>
      </c>
      <c r="P8963" s="5" t="s">
        <v>39</v>
      </c>
      <c r="Q8963" s="5" t="s">
        <v>40</v>
      </c>
      <c r="R8963" s="5" t="s">
        <v>25301</v>
      </c>
      <c r="S8963" s="5" t="s">
        <v>40</v>
      </c>
      <c r="T8963" s="5" t="s">
        <v>42</v>
      </c>
      <c r="U8963" s="2">
        <v>18.616</v>
      </c>
      <c r="V8963" s="2">
        <v>16.699000000000002</v>
      </c>
      <c r="W8963" s="2">
        <v>9.2999999999999999E-2</v>
      </c>
      <c r="X8963" s="2">
        <v>12</v>
      </c>
      <c r="Y8963" s="2">
        <v>50</v>
      </c>
      <c r="Z8963" s="2">
        <v>173.9</v>
      </c>
      <c r="AA8963" s="5">
        <v>10</v>
      </c>
      <c r="AB8963" s="5" t="s">
        <v>43</v>
      </c>
      <c r="AC8963" s="5" t="s">
        <v>44</v>
      </c>
      <c r="AD8963" s="2" t="s">
        <v>27386</v>
      </c>
      <c r="AE8963" s="1"/>
    </row>
    <row r="8964" spans="1:31" ht="14.45">
      <c r="A8964" s="5"/>
      <c r="B8964" s="21"/>
      <c r="C8964" s="2" t="s">
        <v>27513</v>
      </c>
      <c r="D8964" s="14" t="s">
        <v>27514</v>
      </c>
      <c r="E8964" s="2" t="s">
        <v>27515</v>
      </c>
      <c r="F8964" s="2"/>
      <c r="G8964" s="8">
        <v>358</v>
      </c>
      <c r="H8964" s="5">
        <v>5</v>
      </c>
      <c r="I8964" s="5" t="s">
        <v>69</v>
      </c>
      <c r="J8964" s="5" t="s">
        <v>27074</v>
      </c>
      <c r="K8964" s="2" t="s">
        <v>27075</v>
      </c>
      <c r="L8964" s="5" t="s">
        <v>27074</v>
      </c>
      <c r="M8964" s="2" t="s">
        <v>27075</v>
      </c>
      <c r="N8964" s="5" t="s">
        <v>24254</v>
      </c>
      <c r="O8964" s="5" t="s">
        <v>38</v>
      </c>
      <c r="P8964" s="5" t="s">
        <v>39</v>
      </c>
      <c r="Q8964" s="5" t="s">
        <v>40</v>
      </c>
      <c r="R8964" s="5" t="s">
        <v>24335</v>
      </c>
      <c r="S8964" s="5" t="s">
        <v>40</v>
      </c>
      <c r="T8964" s="5" t="s">
        <v>42</v>
      </c>
      <c r="U8964" s="2">
        <v>10.329000000000001</v>
      </c>
      <c r="V8964" s="2">
        <v>8.4239999999999995</v>
      </c>
      <c r="W8964" s="2">
        <v>0.104</v>
      </c>
      <c r="X8964" s="2">
        <v>12</v>
      </c>
      <c r="Y8964" s="2">
        <v>50</v>
      </c>
      <c r="Z8964" s="2">
        <v>173.9</v>
      </c>
      <c r="AA8964" s="5">
        <v>10</v>
      </c>
      <c r="AB8964" s="5" t="s">
        <v>43</v>
      </c>
      <c r="AC8964" s="5" t="s">
        <v>44</v>
      </c>
      <c r="AD8964" s="2" t="s">
        <v>27357</v>
      </c>
      <c r="AE8964" s="1"/>
    </row>
    <row r="8965" spans="1:31" ht="14.45">
      <c r="A8965" s="5"/>
      <c r="B8965" s="21"/>
      <c r="C8965" s="2" t="s">
        <v>27516</v>
      </c>
      <c r="D8965" s="14" t="s">
        <v>27517</v>
      </c>
      <c r="E8965" s="2" t="s">
        <v>27518</v>
      </c>
      <c r="F8965" s="2" t="s">
        <v>27361</v>
      </c>
      <c r="G8965" s="8">
        <v>805</v>
      </c>
      <c r="H8965" s="5">
        <v>15</v>
      </c>
      <c r="I8965" s="5" t="s">
        <v>69</v>
      </c>
      <c r="J8965" s="5" t="s">
        <v>27074</v>
      </c>
      <c r="K8965" s="2" t="s">
        <v>27075</v>
      </c>
      <c r="L8965" s="5" t="s">
        <v>27074</v>
      </c>
      <c r="M8965" s="2" t="s">
        <v>27075</v>
      </c>
      <c r="N8965" s="5" t="s">
        <v>24254</v>
      </c>
      <c r="O8965" s="5" t="s">
        <v>38</v>
      </c>
      <c r="P8965" s="5" t="s">
        <v>39</v>
      </c>
      <c r="Q8965" s="5" t="s">
        <v>40</v>
      </c>
      <c r="R8965" s="5" t="s">
        <v>24335</v>
      </c>
      <c r="S8965" s="5" t="s">
        <v>40</v>
      </c>
      <c r="T8965" s="5" t="s">
        <v>42</v>
      </c>
      <c r="U8965" s="2">
        <v>14.927</v>
      </c>
      <c r="V8965" s="2">
        <v>12.355</v>
      </c>
      <c r="W8965" s="2">
        <v>0.13600000000000001</v>
      </c>
      <c r="X8965" s="2">
        <v>12</v>
      </c>
      <c r="Y8965" s="2">
        <v>50</v>
      </c>
      <c r="Z8965" s="2">
        <v>227.4</v>
      </c>
      <c r="AA8965" s="5">
        <v>10</v>
      </c>
      <c r="AB8965" s="5" t="s">
        <v>43</v>
      </c>
      <c r="AC8965" s="5" t="s">
        <v>44</v>
      </c>
      <c r="AD8965" s="2" t="s">
        <v>27362</v>
      </c>
      <c r="AE8965" s="1"/>
    </row>
    <row r="8966" spans="1:31" ht="14.45">
      <c r="A8966" s="5"/>
      <c r="B8966" s="21"/>
      <c r="C8966" s="2" t="s">
        <v>27519</v>
      </c>
      <c r="D8966" s="14" t="s">
        <v>27520</v>
      </c>
      <c r="E8966" s="2" t="s">
        <v>27521</v>
      </c>
      <c r="F8966" s="2" t="s">
        <v>27361</v>
      </c>
      <c r="G8966" s="8">
        <v>805</v>
      </c>
      <c r="H8966" s="5">
        <v>15</v>
      </c>
      <c r="I8966" s="5" t="s">
        <v>69</v>
      </c>
      <c r="J8966" s="5" t="s">
        <v>27074</v>
      </c>
      <c r="K8966" s="2" t="s">
        <v>27075</v>
      </c>
      <c r="L8966" s="5" t="s">
        <v>27074</v>
      </c>
      <c r="M8966" s="2" t="s">
        <v>27075</v>
      </c>
      <c r="N8966" s="5" t="s">
        <v>24254</v>
      </c>
      <c r="O8966" s="5" t="s">
        <v>38</v>
      </c>
      <c r="P8966" s="5" t="s">
        <v>39</v>
      </c>
      <c r="Q8966" s="5" t="s">
        <v>40</v>
      </c>
      <c r="R8966" s="5" t="s">
        <v>24335</v>
      </c>
      <c r="S8966" s="5" t="s">
        <v>40</v>
      </c>
      <c r="T8966" s="5" t="s">
        <v>42</v>
      </c>
      <c r="U8966" s="2">
        <v>15.343</v>
      </c>
      <c r="V8966" s="2">
        <v>12.849</v>
      </c>
      <c r="W8966" s="2">
        <v>0.13600000000000001</v>
      </c>
      <c r="X8966" s="2">
        <v>12</v>
      </c>
      <c r="Y8966" s="2">
        <v>50</v>
      </c>
      <c r="Z8966" s="2">
        <v>227.4</v>
      </c>
      <c r="AA8966" s="5">
        <v>10</v>
      </c>
      <c r="AB8966" s="5" t="s">
        <v>43</v>
      </c>
      <c r="AC8966" s="5" t="s">
        <v>44</v>
      </c>
      <c r="AD8966" s="2" t="s">
        <v>27366</v>
      </c>
      <c r="AE8966" s="1"/>
    </row>
    <row r="8967" spans="1:31" ht="14.45">
      <c r="A8967" s="5"/>
      <c r="B8967" s="21"/>
      <c r="C8967" s="2" t="s">
        <v>27522</v>
      </c>
      <c r="D8967" s="14" t="s">
        <v>27523</v>
      </c>
      <c r="E8967" s="2" t="s">
        <v>27524</v>
      </c>
      <c r="F8967" s="2"/>
      <c r="G8967" s="8">
        <v>511</v>
      </c>
      <c r="H8967" s="5">
        <v>5</v>
      </c>
      <c r="I8967" s="5" t="s">
        <v>69</v>
      </c>
      <c r="J8967" s="5" t="s">
        <v>27074</v>
      </c>
      <c r="K8967" s="2" t="s">
        <v>27075</v>
      </c>
      <c r="L8967" s="5" t="s">
        <v>27074</v>
      </c>
      <c r="M8967" s="2" t="s">
        <v>27075</v>
      </c>
      <c r="N8967" s="5" t="s">
        <v>24254</v>
      </c>
      <c r="O8967" s="5" t="s">
        <v>38</v>
      </c>
      <c r="P8967" s="5" t="s">
        <v>39</v>
      </c>
      <c r="Q8967" s="5" t="s">
        <v>40</v>
      </c>
      <c r="R8967" s="5" t="s">
        <v>24335</v>
      </c>
      <c r="S8967" s="5" t="s">
        <v>40</v>
      </c>
      <c r="T8967" s="5" t="s">
        <v>42</v>
      </c>
      <c r="U8967" s="2">
        <v>22.125</v>
      </c>
      <c r="V8967" s="2">
        <v>20.207999999999998</v>
      </c>
      <c r="W8967" s="2">
        <v>0.104</v>
      </c>
      <c r="X8967" s="2">
        <v>12</v>
      </c>
      <c r="Y8967" s="2">
        <v>50</v>
      </c>
      <c r="Z8967" s="2">
        <v>173.9</v>
      </c>
      <c r="AA8967" s="5">
        <v>10</v>
      </c>
      <c r="AB8967" s="5" t="s">
        <v>43</v>
      </c>
      <c r="AC8967" s="5" t="s">
        <v>44</v>
      </c>
      <c r="AD8967" s="2" t="s">
        <v>27378</v>
      </c>
      <c r="AE8967" s="1"/>
    </row>
    <row r="8968" spans="1:31" ht="14.45">
      <c r="A8968" s="5"/>
      <c r="B8968" s="21"/>
      <c r="C8968" s="2" t="s">
        <v>27525</v>
      </c>
      <c r="D8968" s="14" t="s">
        <v>27526</v>
      </c>
      <c r="E8968" s="2" t="s">
        <v>27527</v>
      </c>
      <c r="F8968" s="2" t="s">
        <v>27361</v>
      </c>
      <c r="G8968" s="8">
        <v>1111</v>
      </c>
      <c r="H8968" s="5">
        <v>15</v>
      </c>
      <c r="I8968" s="5" t="s">
        <v>69</v>
      </c>
      <c r="J8968" s="5" t="s">
        <v>27074</v>
      </c>
      <c r="K8968" s="2" t="s">
        <v>27075</v>
      </c>
      <c r="L8968" s="5" t="s">
        <v>27074</v>
      </c>
      <c r="M8968" s="2" t="s">
        <v>27075</v>
      </c>
      <c r="N8968" s="5" t="s">
        <v>24254</v>
      </c>
      <c r="O8968" s="5" t="s">
        <v>38</v>
      </c>
      <c r="P8968" s="5" t="s">
        <v>39</v>
      </c>
      <c r="Q8968" s="5" t="s">
        <v>40</v>
      </c>
      <c r="R8968" s="5" t="s">
        <v>24340</v>
      </c>
      <c r="S8968" s="5" t="s">
        <v>40</v>
      </c>
      <c r="T8968" s="5" t="s">
        <v>42</v>
      </c>
      <c r="U8968" s="2">
        <v>29.853000000000002</v>
      </c>
      <c r="V8968" s="2">
        <v>27.268999999999998</v>
      </c>
      <c r="W8968" s="2">
        <v>0.13600000000000001</v>
      </c>
      <c r="X8968" s="2">
        <v>12</v>
      </c>
      <c r="Y8968" s="2">
        <v>50</v>
      </c>
      <c r="Z8968" s="2">
        <v>227.4</v>
      </c>
      <c r="AA8968" s="5">
        <v>10</v>
      </c>
      <c r="AB8968" s="5" t="s">
        <v>43</v>
      </c>
      <c r="AC8968" s="5" t="s">
        <v>44</v>
      </c>
      <c r="AD8968" s="2" t="s">
        <v>27382</v>
      </c>
      <c r="AE8968" s="1"/>
    </row>
    <row r="8969" spans="1:31" ht="14.45">
      <c r="A8969" s="5"/>
      <c r="B8969" s="21"/>
      <c r="C8969" s="2" t="s">
        <v>27528</v>
      </c>
      <c r="D8969" s="14" t="s">
        <v>27529</v>
      </c>
      <c r="E8969" s="2" t="s">
        <v>27530</v>
      </c>
      <c r="F8969" s="2"/>
      <c r="G8969" s="8">
        <v>511</v>
      </c>
      <c r="H8969" s="5">
        <v>15</v>
      </c>
      <c r="I8969" s="5" t="s">
        <v>69</v>
      </c>
      <c r="J8969" s="5" t="s">
        <v>27074</v>
      </c>
      <c r="K8969" s="2" t="s">
        <v>27075</v>
      </c>
      <c r="L8969" s="5" t="s">
        <v>27074</v>
      </c>
      <c r="M8969" s="2" t="s">
        <v>27075</v>
      </c>
      <c r="N8969" s="5" t="s">
        <v>24254</v>
      </c>
      <c r="O8969" s="5" t="s">
        <v>38</v>
      </c>
      <c r="P8969" s="5" t="s">
        <v>39</v>
      </c>
      <c r="Q8969" s="5" t="s">
        <v>40</v>
      </c>
      <c r="R8969" s="5" t="s">
        <v>25301</v>
      </c>
      <c r="S8969" s="5" t="s">
        <v>40</v>
      </c>
      <c r="T8969" s="5" t="s">
        <v>42</v>
      </c>
      <c r="U8969" s="2">
        <v>19.433</v>
      </c>
      <c r="V8969" s="2">
        <v>17.515999999999998</v>
      </c>
      <c r="W8969" s="2">
        <v>0.104</v>
      </c>
      <c r="X8969" s="2">
        <v>12</v>
      </c>
      <c r="Y8969" s="2">
        <v>50</v>
      </c>
      <c r="Z8969" s="2">
        <v>173.9</v>
      </c>
      <c r="AA8969" s="5">
        <v>10</v>
      </c>
      <c r="AB8969" s="5" t="s">
        <v>43</v>
      </c>
      <c r="AC8969" s="5" t="s">
        <v>44</v>
      </c>
      <c r="AD8969" s="2" t="s">
        <v>27386</v>
      </c>
      <c r="AE8969" s="1"/>
    </row>
    <row r="8970" spans="1:31" ht="14.45">
      <c r="A8970" s="5"/>
      <c r="B8970" s="21"/>
      <c r="C8970" s="2" t="s">
        <v>27531</v>
      </c>
      <c r="D8970" s="14" t="s">
        <v>27532</v>
      </c>
      <c r="E8970" s="2" t="s">
        <v>27533</v>
      </c>
      <c r="F8970" s="2"/>
      <c r="G8970" s="8">
        <v>338</v>
      </c>
      <c r="H8970" s="5">
        <v>5</v>
      </c>
      <c r="I8970" s="5" t="s">
        <v>69</v>
      </c>
      <c r="J8970" s="5" t="s">
        <v>27074</v>
      </c>
      <c r="K8970" s="2" t="s">
        <v>27075</v>
      </c>
      <c r="L8970" s="5" t="s">
        <v>27074</v>
      </c>
      <c r="M8970" s="2" t="s">
        <v>27075</v>
      </c>
      <c r="N8970" s="5" t="s">
        <v>24254</v>
      </c>
      <c r="O8970" s="5" t="s">
        <v>38</v>
      </c>
      <c r="P8970" s="5" t="s">
        <v>39</v>
      </c>
      <c r="Q8970" s="5" t="s">
        <v>40</v>
      </c>
      <c r="R8970" s="5" t="s">
        <v>24335</v>
      </c>
      <c r="S8970" s="5" t="s">
        <v>40</v>
      </c>
      <c r="T8970" s="5" t="s">
        <v>42</v>
      </c>
      <c r="U8970" s="2">
        <v>9.8989999999999991</v>
      </c>
      <c r="V8970" s="2">
        <v>7.9939999999999998</v>
      </c>
      <c r="W8970" s="2">
        <v>9.2999999999999999E-2</v>
      </c>
      <c r="X8970" s="2">
        <v>12</v>
      </c>
      <c r="Y8970" s="2">
        <v>50</v>
      </c>
      <c r="Z8970" s="2">
        <v>173.9</v>
      </c>
      <c r="AA8970" s="5">
        <v>10</v>
      </c>
      <c r="AB8970" s="5" t="s">
        <v>43</v>
      </c>
      <c r="AC8970" s="5" t="s">
        <v>44</v>
      </c>
      <c r="AD8970" s="2" t="s">
        <v>27357</v>
      </c>
      <c r="AE8970" s="1"/>
    </row>
    <row r="8971" spans="1:31" ht="14.45">
      <c r="A8971" s="5"/>
      <c r="B8971" s="21"/>
      <c r="C8971" s="2" t="s">
        <v>27534</v>
      </c>
      <c r="D8971" s="14" t="s">
        <v>27535</v>
      </c>
      <c r="E8971" s="2" t="s">
        <v>27536</v>
      </c>
      <c r="F8971" s="2" t="s">
        <v>27361</v>
      </c>
      <c r="G8971" s="8">
        <v>761</v>
      </c>
      <c r="H8971" s="5">
        <v>15</v>
      </c>
      <c r="I8971" s="5" t="s">
        <v>69</v>
      </c>
      <c r="J8971" s="5" t="s">
        <v>27074</v>
      </c>
      <c r="K8971" s="2" t="s">
        <v>27075</v>
      </c>
      <c r="L8971" s="5" t="s">
        <v>27074</v>
      </c>
      <c r="M8971" s="2" t="s">
        <v>27075</v>
      </c>
      <c r="N8971" s="5" t="s">
        <v>24254</v>
      </c>
      <c r="O8971" s="5" t="s">
        <v>38</v>
      </c>
      <c r="P8971" s="5" t="s">
        <v>39</v>
      </c>
      <c r="Q8971" s="5" t="s">
        <v>40</v>
      </c>
      <c r="R8971" s="5" t="s">
        <v>24335</v>
      </c>
      <c r="S8971" s="5" t="s">
        <v>40</v>
      </c>
      <c r="T8971" s="5" t="s">
        <v>42</v>
      </c>
      <c r="U8971" s="2">
        <v>15.682</v>
      </c>
      <c r="V8971" s="2">
        <v>12.095000000000001</v>
      </c>
      <c r="W8971" s="2">
        <v>0.16300000000000001</v>
      </c>
      <c r="X8971" s="2">
        <v>12</v>
      </c>
      <c r="Y8971" s="2">
        <v>50</v>
      </c>
      <c r="Z8971" s="2">
        <v>271.89999999999998</v>
      </c>
      <c r="AA8971" s="5">
        <v>10</v>
      </c>
      <c r="AB8971" s="5" t="s">
        <v>43</v>
      </c>
      <c r="AC8971" s="5" t="s">
        <v>44</v>
      </c>
      <c r="AD8971" s="2" t="s">
        <v>27362</v>
      </c>
      <c r="AE8971" s="1"/>
    </row>
    <row r="8972" spans="1:31" ht="14.45">
      <c r="A8972" s="5"/>
      <c r="B8972" s="21"/>
      <c r="C8972" s="2" t="s">
        <v>27537</v>
      </c>
      <c r="D8972" s="14" t="s">
        <v>27538</v>
      </c>
      <c r="E8972" s="2" t="s">
        <v>27539</v>
      </c>
      <c r="F8972" s="2" t="s">
        <v>27361</v>
      </c>
      <c r="G8972" s="8">
        <v>761</v>
      </c>
      <c r="H8972" s="5">
        <v>15</v>
      </c>
      <c r="I8972" s="5" t="s">
        <v>69</v>
      </c>
      <c r="J8972" s="5" t="s">
        <v>27074</v>
      </c>
      <c r="K8972" s="2" t="s">
        <v>27075</v>
      </c>
      <c r="L8972" s="5" t="s">
        <v>27074</v>
      </c>
      <c r="M8972" s="2" t="s">
        <v>27075</v>
      </c>
      <c r="N8972" s="5" t="s">
        <v>24254</v>
      </c>
      <c r="O8972" s="5" t="s">
        <v>38</v>
      </c>
      <c r="P8972" s="5" t="s">
        <v>39</v>
      </c>
      <c r="Q8972" s="5" t="s">
        <v>40</v>
      </c>
      <c r="R8972" s="5" t="s">
        <v>24335</v>
      </c>
      <c r="S8972" s="5" t="s">
        <v>40</v>
      </c>
      <c r="T8972" s="5" t="s">
        <v>42</v>
      </c>
      <c r="U8972" s="2">
        <v>15.888</v>
      </c>
      <c r="V8972" s="2">
        <v>12.379</v>
      </c>
      <c r="W8972" s="2">
        <v>0.16300000000000001</v>
      </c>
      <c r="X8972" s="2">
        <v>12</v>
      </c>
      <c r="Y8972" s="2">
        <v>50</v>
      </c>
      <c r="Z8972" s="2">
        <v>271.89999999999998</v>
      </c>
      <c r="AA8972" s="5">
        <v>10</v>
      </c>
      <c r="AB8972" s="5" t="s">
        <v>43</v>
      </c>
      <c r="AC8972" s="5" t="s">
        <v>44</v>
      </c>
      <c r="AD8972" s="2" t="s">
        <v>27366</v>
      </c>
      <c r="AE8972" s="1"/>
    </row>
    <row r="8973" spans="1:31" ht="14.45">
      <c r="A8973" s="5"/>
      <c r="B8973" s="21"/>
      <c r="C8973" s="2" t="s">
        <v>27540</v>
      </c>
      <c r="D8973" s="14" t="s">
        <v>27541</v>
      </c>
      <c r="E8973" s="2" t="s">
        <v>27542</v>
      </c>
      <c r="F8973" s="2"/>
      <c r="G8973" s="8">
        <v>491</v>
      </c>
      <c r="H8973" s="5">
        <v>5</v>
      </c>
      <c r="I8973" s="5" t="s">
        <v>69</v>
      </c>
      <c r="J8973" s="5" t="s">
        <v>27074</v>
      </c>
      <c r="K8973" s="2" t="s">
        <v>27075</v>
      </c>
      <c r="L8973" s="5" t="s">
        <v>27074</v>
      </c>
      <c r="M8973" s="2" t="s">
        <v>27075</v>
      </c>
      <c r="N8973" s="5" t="s">
        <v>24254</v>
      </c>
      <c r="O8973" s="5" t="s">
        <v>38</v>
      </c>
      <c r="P8973" s="5" t="s">
        <v>39</v>
      </c>
      <c r="Q8973" s="5" t="s">
        <v>40</v>
      </c>
      <c r="R8973" s="5" t="s">
        <v>24335</v>
      </c>
      <c r="S8973" s="5" t="s">
        <v>40</v>
      </c>
      <c r="T8973" s="5" t="s">
        <v>42</v>
      </c>
      <c r="U8973" s="2">
        <v>21.064</v>
      </c>
      <c r="V8973" s="2">
        <v>19.146999999999998</v>
      </c>
      <c r="W8973" s="2">
        <v>9.2999999999999999E-2</v>
      </c>
      <c r="X8973" s="2">
        <v>12</v>
      </c>
      <c r="Y8973" s="2">
        <v>50</v>
      </c>
      <c r="Z8973" s="2">
        <v>173.9</v>
      </c>
      <c r="AA8973" s="5">
        <v>10</v>
      </c>
      <c r="AB8973" s="5" t="s">
        <v>43</v>
      </c>
      <c r="AC8973" s="5" t="s">
        <v>44</v>
      </c>
      <c r="AD8973" s="2" t="s">
        <v>27378</v>
      </c>
      <c r="AE8973" s="1"/>
    </row>
    <row r="8974" spans="1:31" ht="14.45">
      <c r="A8974" s="5"/>
      <c r="B8974" s="21"/>
      <c r="C8974" s="2" t="s">
        <v>27543</v>
      </c>
      <c r="D8974" s="14" t="s">
        <v>27544</v>
      </c>
      <c r="E8974" s="2" t="s">
        <v>27545</v>
      </c>
      <c r="F8974" s="2" t="s">
        <v>27361</v>
      </c>
      <c r="G8974" s="8">
        <v>1067</v>
      </c>
      <c r="H8974" s="5">
        <v>15</v>
      </c>
      <c r="I8974" s="5" t="s">
        <v>69</v>
      </c>
      <c r="J8974" s="5" t="s">
        <v>27074</v>
      </c>
      <c r="K8974" s="2" t="s">
        <v>27075</v>
      </c>
      <c r="L8974" s="5" t="s">
        <v>27074</v>
      </c>
      <c r="M8974" s="2" t="s">
        <v>27075</v>
      </c>
      <c r="N8974" s="5" t="s">
        <v>24254</v>
      </c>
      <c r="O8974" s="5" t="s">
        <v>38</v>
      </c>
      <c r="P8974" s="5" t="s">
        <v>39</v>
      </c>
      <c r="Q8974" s="5" t="s">
        <v>40</v>
      </c>
      <c r="R8974" s="5" t="s">
        <v>24340</v>
      </c>
      <c r="S8974" s="5" t="s">
        <v>40</v>
      </c>
      <c r="T8974" s="5" t="s">
        <v>42</v>
      </c>
      <c r="U8974" s="2">
        <v>30.248999999999999</v>
      </c>
      <c r="V8974" s="2">
        <v>26.65</v>
      </c>
      <c r="W8974" s="2">
        <v>0.16300000000000001</v>
      </c>
      <c r="X8974" s="2">
        <v>12</v>
      </c>
      <c r="Y8974" s="2">
        <v>50</v>
      </c>
      <c r="Z8974" s="2">
        <v>271.89999999999998</v>
      </c>
      <c r="AA8974" s="5">
        <v>10</v>
      </c>
      <c r="AB8974" s="5" t="s">
        <v>43</v>
      </c>
      <c r="AC8974" s="5" t="s">
        <v>44</v>
      </c>
      <c r="AD8974" s="2" t="s">
        <v>27382</v>
      </c>
      <c r="AE8974" s="1"/>
    </row>
    <row r="8975" spans="1:31" ht="14.45">
      <c r="A8975" s="5"/>
      <c r="B8975" s="21"/>
      <c r="C8975" s="2" t="s">
        <v>27546</v>
      </c>
      <c r="D8975" s="14" t="s">
        <v>27547</v>
      </c>
      <c r="E8975" s="2" t="s">
        <v>27548</v>
      </c>
      <c r="F8975" s="2"/>
      <c r="G8975" s="8">
        <v>491</v>
      </c>
      <c r="H8975" s="5">
        <v>15</v>
      </c>
      <c r="I8975" s="5" t="s">
        <v>69</v>
      </c>
      <c r="J8975" s="5" t="s">
        <v>27074</v>
      </c>
      <c r="K8975" s="2" t="s">
        <v>27075</v>
      </c>
      <c r="L8975" s="5" t="s">
        <v>27074</v>
      </c>
      <c r="M8975" s="2" t="s">
        <v>27075</v>
      </c>
      <c r="N8975" s="5" t="s">
        <v>24254</v>
      </c>
      <c r="O8975" s="5" t="s">
        <v>38</v>
      </c>
      <c r="P8975" s="5" t="s">
        <v>39</v>
      </c>
      <c r="Q8975" s="5" t="s">
        <v>40</v>
      </c>
      <c r="R8975" s="5" t="s">
        <v>25301</v>
      </c>
      <c r="S8975" s="5" t="s">
        <v>40</v>
      </c>
      <c r="T8975" s="5" t="s">
        <v>42</v>
      </c>
      <c r="U8975" s="2">
        <v>18.483000000000001</v>
      </c>
      <c r="V8975" s="2">
        <v>16.565999999999999</v>
      </c>
      <c r="W8975" s="2">
        <v>9.2999999999999999E-2</v>
      </c>
      <c r="X8975" s="2">
        <v>12</v>
      </c>
      <c r="Y8975" s="2">
        <v>50</v>
      </c>
      <c r="Z8975" s="2">
        <v>173.9</v>
      </c>
      <c r="AA8975" s="5">
        <v>10</v>
      </c>
      <c r="AB8975" s="5" t="s">
        <v>43</v>
      </c>
      <c r="AC8975" s="5" t="s">
        <v>44</v>
      </c>
      <c r="AD8975" s="2" t="s">
        <v>27386</v>
      </c>
      <c r="AE8975" s="1"/>
    </row>
    <row r="8976" spans="1:31" ht="14.45">
      <c r="A8976" s="5"/>
      <c r="B8976" s="21"/>
      <c r="C8976" s="2" t="s">
        <v>27549</v>
      </c>
      <c r="D8976" s="14" t="s">
        <v>27550</v>
      </c>
      <c r="E8976" s="2" t="s">
        <v>27551</v>
      </c>
      <c r="F8976" s="2"/>
      <c r="G8976" s="8">
        <v>347</v>
      </c>
      <c r="H8976" s="5">
        <v>5</v>
      </c>
      <c r="I8976" s="5" t="s">
        <v>69</v>
      </c>
      <c r="J8976" s="5" t="s">
        <v>27074</v>
      </c>
      <c r="K8976" s="2" t="s">
        <v>27075</v>
      </c>
      <c r="L8976" s="5" t="s">
        <v>27074</v>
      </c>
      <c r="M8976" s="2" t="s">
        <v>27075</v>
      </c>
      <c r="N8976" s="5" t="s">
        <v>24254</v>
      </c>
      <c r="O8976" s="5" t="s">
        <v>38</v>
      </c>
      <c r="P8976" s="5" t="s">
        <v>39</v>
      </c>
      <c r="Q8976" s="5" t="s">
        <v>40</v>
      </c>
      <c r="R8976" s="5" t="s">
        <v>24335</v>
      </c>
      <c r="S8976" s="5" t="s">
        <v>40</v>
      </c>
      <c r="T8976" s="5" t="s">
        <v>42</v>
      </c>
      <c r="U8976" s="2">
        <v>10.343</v>
      </c>
      <c r="V8976" s="2">
        <v>8.4380000000000006</v>
      </c>
      <c r="W8976" s="2">
        <v>9.2999999999999999E-2</v>
      </c>
      <c r="X8976" s="2">
        <v>12</v>
      </c>
      <c r="Y8976" s="2">
        <v>50</v>
      </c>
      <c r="Z8976" s="2">
        <v>173.9</v>
      </c>
      <c r="AA8976" s="5">
        <v>10</v>
      </c>
      <c r="AB8976" s="5" t="s">
        <v>43</v>
      </c>
      <c r="AC8976" s="5" t="s">
        <v>44</v>
      </c>
      <c r="AD8976" s="2" t="s">
        <v>27357</v>
      </c>
      <c r="AE8976" s="1"/>
    </row>
    <row r="8977" spans="1:31" ht="14.45">
      <c r="A8977" s="5"/>
      <c r="B8977" s="21"/>
      <c r="C8977" s="2" t="s">
        <v>27552</v>
      </c>
      <c r="D8977" s="14" t="s">
        <v>27553</v>
      </c>
      <c r="E8977" s="2" t="s">
        <v>27554</v>
      </c>
      <c r="F8977" s="2" t="s">
        <v>27361</v>
      </c>
      <c r="G8977" s="8">
        <v>780</v>
      </c>
      <c r="H8977" s="5">
        <v>15</v>
      </c>
      <c r="I8977" s="5" t="s">
        <v>69</v>
      </c>
      <c r="J8977" s="5" t="s">
        <v>27074</v>
      </c>
      <c r="K8977" s="2" t="s">
        <v>27075</v>
      </c>
      <c r="L8977" s="5" t="s">
        <v>27074</v>
      </c>
      <c r="M8977" s="2" t="s">
        <v>27075</v>
      </c>
      <c r="N8977" s="5" t="s">
        <v>24254</v>
      </c>
      <c r="O8977" s="5" t="s">
        <v>38</v>
      </c>
      <c r="P8977" s="5" t="s">
        <v>39</v>
      </c>
      <c r="Q8977" s="5" t="s">
        <v>40</v>
      </c>
      <c r="R8977" s="5" t="s">
        <v>24335</v>
      </c>
      <c r="S8977" s="5" t="s">
        <v>40</v>
      </c>
      <c r="T8977" s="5" t="s">
        <v>42</v>
      </c>
      <c r="U8977" s="2">
        <v>16.132000000000001</v>
      </c>
      <c r="V8977" s="2">
        <v>12.545</v>
      </c>
      <c r="W8977" s="2">
        <v>0.16300000000000001</v>
      </c>
      <c r="X8977" s="2">
        <v>12</v>
      </c>
      <c r="Y8977" s="2">
        <v>50</v>
      </c>
      <c r="Z8977" s="2">
        <v>271.89999999999998</v>
      </c>
      <c r="AA8977" s="5">
        <v>10</v>
      </c>
      <c r="AB8977" s="5" t="s">
        <v>43</v>
      </c>
      <c r="AC8977" s="5" t="s">
        <v>44</v>
      </c>
      <c r="AD8977" s="2" t="s">
        <v>27362</v>
      </c>
      <c r="AE8977" s="1"/>
    </row>
    <row r="8978" spans="1:31" ht="14.45">
      <c r="A8978" s="5"/>
      <c r="B8978" s="21"/>
      <c r="C8978" s="2" t="s">
        <v>27555</v>
      </c>
      <c r="D8978" s="14" t="s">
        <v>27556</v>
      </c>
      <c r="E8978" s="2" t="s">
        <v>27557</v>
      </c>
      <c r="F8978" s="2" t="s">
        <v>27361</v>
      </c>
      <c r="G8978" s="8">
        <v>780</v>
      </c>
      <c r="H8978" s="5">
        <v>15</v>
      </c>
      <c r="I8978" s="5" t="s">
        <v>69</v>
      </c>
      <c r="J8978" s="5" t="s">
        <v>27074</v>
      </c>
      <c r="K8978" s="2" t="s">
        <v>27075</v>
      </c>
      <c r="L8978" s="5" t="s">
        <v>27074</v>
      </c>
      <c r="M8978" s="2" t="s">
        <v>27075</v>
      </c>
      <c r="N8978" s="5" t="s">
        <v>24254</v>
      </c>
      <c r="O8978" s="5" t="s">
        <v>38</v>
      </c>
      <c r="P8978" s="5" t="s">
        <v>39</v>
      </c>
      <c r="Q8978" s="5" t="s">
        <v>40</v>
      </c>
      <c r="R8978" s="5" t="s">
        <v>24335</v>
      </c>
      <c r="S8978" s="5" t="s">
        <v>40</v>
      </c>
      <c r="T8978" s="5" t="s">
        <v>42</v>
      </c>
      <c r="U8978" s="2">
        <v>16.46</v>
      </c>
      <c r="V8978" s="2">
        <v>12.951000000000001</v>
      </c>
      <c r="W8978" s="2">
        <v>0.16300000000000001</v>
      </c>
      <c r="X8978" s="2">
        <v>12</v>
      </c>
      <c r="Y8978" s="2">
        <v>50</v>
      </c>
      <c r="Z8978" s="2">
        <v>271.89999999999998</v>
      </c>
      <c r="AA8978" s="5">
        <v>10</v>
      </c>
      <c r="AB8978" s="5" t="s">
        <v>43</v>
      </c>
      <c r="AC8978" s="5" t="s">
        <v>44</v>
      </c>
      <c r="AD8978" s="2" t="s">
        <v>27366</v>
      </c>
      <c r="AE8978" s="1"/>
    </row>
    <row r="8979" spans="1:31" ht="14.45">
      <c r="A8979" s="5"/>
      <c r="B8979" s="21"/>
      <c r="C8979" s="2" t="s">
        <v>27558</v>
      </c>
      <c r="D8979" s="14" t="s">
        <v>27559</v>
      </c>
      <c r="E8979" s="2" t="s">
        <v>27560</v>
      </c>
      <c r="F8979" s="2"/>
      <c r="G8979" s="8">
        <v>500</v>
      </c>
      <c r="H8979" s="5">
        <v>5</v>
      </c>
      <c r="I8979" s="5" t="s">
        <v>69</v>
      </c>
      <c r="J8979" s="5" t="s">
        <v>27074</v>
      </c>
      <c r="K8979" s="2" t="s">
        <v>27075</v>
      </c>
      <c r="L8979" s="5" t="s">
        <v>27074</v>
      </c>
      <c r="M8979" s="2" t="s">
        <v>27075</v>
      </c>
      <c r="N8979" s="5" t="s">
        <v>24254</v>
      </c>
      <c r="O8979" s="5" t="s">
        <v>38</v>
      </c>
      <c r="P8979" s="5" t="s">
        <v>39</v>
      </c>
      <c r="Q8979" s="5" t="s">
        <v>40</v>
      </c>
      <c r="R8979" s="5" t="s">
        <v>24335</v>
      </c>
      <c r="S8979" s="5" t="s">
        <v>40</v>
      </c>
      <c r="T8979" s="5" t="s">
        <v>42</v>
      </c>
      <c r="U8979" s="2">
        <v>22.045000000000002</v>
      </c>
      <c r="V8979" s="2">
        <v>20.128</v>
      </c>
      <c r="W8979" s="2">
        <v>9.2999999999999999E-2</v>
      </c>
      <c r="X8979" s="2">
        <v>12</v>
      </c>
      <c r="Y8979" s="2">
        <v>50</v>
      </c>
      <c r="Z8979" s="2">
        <v>173.9</v>
      </c>
      <c r="AA8979" s="5">
        <v>10</v>
      </c>
      <c r="AB8979" s="5" t="s">
        <v>43</v>
      </c>
      <c r="AC8979" s="5" t="s">
        <v>44</v>
      </c>
      <c r="AD8979" s="2" t="s">
        <v>27378</v>
      </c>
      <c r="AE8979" s="1"/>
    </row>
    <row r="8980" spans="1:31" ht="14.45">
      <c r="A8980" s="5"/>
      <c r="B8980" s="21"/>
      <c r="C8980" s="2" t="s">
        <v>27561</v>
      </c>
      <c r="D8980" s="14" t="s">
        <v>27562</v>
      </c>
      <c r="E8980" s="2" t="s">
        <v>27563</v>
      </c>
      <c r="F8980" s="2" t="s">
        <v>27361</v>
      </c>
      <c r="G8980" s="8">
        <v>1086</v>
      </c>
      <c r="H8980" s="5">
        <v>15</v>
      </c>
      <c r="I8980" s="5" t="s">
        <v>69</v>
      </c>
      <c r="J8980" s="5" t="s">
        <v>27074</v>
      </c>
      <c r="K8980" s="2" t="s">
        <v>27075</v>
      </c>
      <c r="L8980" s="5" t="s">
        <v>27074</v>
      </c>
      <c r="M8980" s="2" t="s">
        <v>27075</v>
      </c>
      <c r="N8980" s="5" t="s">
        <v>24254</v>
      </c>
      <c r="O8980" s="5" t="s">
        <v>38</v>
      </c>
      <c r="P8980" s="5" t="s">
        <v>39</v>
      </c>
      <c r="Q8980" s="5" t="s">
        <v>40</v>
      </c>
      <c r="R8980" s="5" t="s">
        <v>24340</v>
      </c>
      <c r="S8980" s="5" t="s">
        <v>40</v>
      </c>
      <c r="T8980" s="5" t="s">
        <v>42</v>
      </c>
      <c r="U8980" s="2">
        <v>31.355</v>
      </c>
      <c r="V8980" s="2">
        <v>27.756</v>
      </c>
      <c r="W8980" s="2">
        <v>0.16300000000000001</v>
      </c>
      <c r="X8980" s="2">
        <v>12</v>
      </c>
      <c r="Y8980" s="2">
        <v>50</v>
      </c>
      <c r="Z8980" s="2">
        <v>271.89999999999998</v>
      </c>
      <c r="AA8980" s="5">
        <v>10</v>
      </c>
      <c r="AB8980" s="5" t="s">
        <v>43</v>
      </c>
      <c r="AC8980" s="5" t="s">
        <v>44</v>
      </c>
      <c r="AD8980" s="2" t="s">
        <v>27382</v>
      </c>
      <c r="AE8980" s="1"/>
    </row>
    <row r="8981" spans="1:31" ht="14.45">
      <c r="A8981" s="5"/>
      <c r="B8981" s="21"/>
      <c r="C8981" s="2" t="s">
        <v>27564</v>
      </c>
      <c r="D8981" s="14" t="s">
        <v>27565</v>
      </c>
      <c r="E8981" s="2" t="s">
        <v>27566</v>
      </c>
      <c r="F8981" s="2"/>
      <c r="G8981" s="8">
        <v>500</v>
      </c>
      <c r="H8981" s="5">
        <v>15</v>
      </c>
      <c r="I8981" s="5" t="s">
        <v>69</v>
      </c>
      <c r="J8981" s="5" t="s">
        <v>27074</v>
      </c>
      <c r="K8981" s="2" t="s">
        <v>27075</v>
      </c>
      <c r="L8981" s="5" t="s">
        <v>27074</v>
      </c>
      <c r="M8981" s="2" t="s">
        <v>27075</v>
      </c>
      <c r="N8981" s="5" t="s">
        <v>24254</v>
      </c>
      <c r="O8981" s="5" t="s">
        <v>38</v>
      </c>
      <c r="P8981" s="5" t="s">
        <v>39</v>
      </c>
      <c r="Q8981" s="5" t="s">
        <v>40</v>
      </c>
      <c r="R8981" s="5" t="s">
        <v>25301</v>
      </c>
      <c r="S8981" s="5" t="s">
        <v>40</v>
      </c>
      <c r="T8981" s="5" t="s">
        <v>42</v>
      </c>
      <c r="U8981" s="2">
        <v>19.327999999999999</v>
      </c>
      <c r="V8981" s="2">
        <v>17.411000000000001</v>
      </c>
      <c r="W8981" s="2">
        <v>9.2999999999999999E-2</v>
      </c>
      <c r="X8981" s="2">
        <v>12</v>
      </c>
      <c r="Y8981" s="2">
        <v>50</v>
      </c>
      <c r="Z8981" s="2">
        <v>173.9</v>
      </c>
      <c r="AA8981" s="5">
        <v>10</v>
      </c>
      <c r="AB8981" s="5" t="s">
        <v>43</v>
      </c>
      <c r="AC8981" s="5" t="s">
        <v>44</v>
      </c>
      <c r="AD8981" s="2" t="s">
        <v>27386</v>
      </c>
      <c r="AE8981" s="1"/>
    </row>
    <row r="8982" spans="1:31" ht="14.45">
      <c r="A8982" s="5"/>
      <c r="B8982" s="21"/>
      <c r="C8982" s="2" t="s">
        <v>27567</v>
      </c>
      <c r="D8982" s="14" t="s">
        <v>27568</v>
      </c>
      <c r="E8982" s="2" t="s">
        <v>27569</v>
      </c>
      <c r="F8982" s="2"/>
      <c r="G8982" s="8">
        <v>383</v>
      </c>
      <c r="H8982" s="5">
        <v>5</v>
      </c>
      <c r="I8982" s="5" t="s">
        <v>69</v>
      </c>
      <c r="J8982" s="5" t="s">
        <v>27074</v>
      </c>
      <c r="K8982" s="2" t="s">
        <v>27075</v>
      </c>
      <c r="L8982" s="5" t="s">
        <v>27074</v>
      </c>
      <c r="M8982" s="2" t="s">
        <v>27075</v>
      </c>
      <c r="N8982" s="5" t="s">
        <v>24254</v>
      </c>
      <c r="O8982" s="5" t="s">
        <v>38</v>
      </c>
      <c r="P8982" s="5" t="s">
        <v>39</v>
      </c>
      <c r="Q8982" s="5" t="s">
        <v>40</v>
      </c>
      <c r="R8982" s="5" t="s">
        <v>24335</v>
      </c>
      <c r="S8982" s="5" t="s">
        <v>40</v>
      </c>
      <c r="T8982" s="5" t="s">
        <v>42</v>
      </c>
      <c r="U8982" s="2">
        <v>10.765000000000001</v>
      </c>
      <c r="V8982" s="2">
        <v>8.86</v>
      </c>
      <c r="W8982" s="2">
        <v>0.104</v>
      </c>
      <c r="X8982" s="2">
        <v>12</v>
      </c>
      <c r="Y8982" s="2">
        <v>50</v>
      </c>
      <c r="Z8982" s="2">
        <v>173.9</v>
      </c>
      <c r="AA8982" s="5">
        <v>10</v>
      </c>
      <c r="AB8982" s="5" t="s">
        <v>43</v>
      </c>
      <c r="AC8982" s="5" t="s">
        <v>44</v>
      </c>
      <c r="AD8982" s="2" t="s">
        <v>27357</v>
      </c>
      <c r="AE8982" s="1"/>
    </row>
    <row r="8983" spans="1:31" ht="14.45">
      <c r="A8983" s="5"/>
      <c r="B8983" s="21"/>
      <c r="C8983" s="2" t="s">
        <v>27570</v>
      </c>
      <c r="D8983" s="14" t="s">
        <v>27571</v>
      </c>
      <c r="E8983" s="2" t="s">
        <v>27572</v>
      </c>
      <c r="F8983" s="2" t="s">
        <v>27361</v>
      </c>
      <c r="G8983" s="8">
        <v>862</v>
      </c>
      <c r="H8983" s="5">
        <v>15</v>
      </c>
      <c r="I8983" s="5" t="s">
        <v>69</v>
      </c>
      <c r="J8983" s="5" t="s">
        <v>27074</v>
      </c>
      <c r="K8983" s="2" t="s">
        <v>27075</v>
      </c>
      <c r="L8983" s="5" t="s">
        <v>27074</v>
      </c>
      <c r="M8983" s="2" t="s">
        <v>27075</v>
      </c>
      <c r="N8983" s="5" t="s">
        <v>24254</v>
      </c>
      <c r="O8983" s="5" t="s">
        <v>38</v>
      </c>
      <c r="P8983" s="5" t="s">
        <v>39</v>
      </c>
      <c r="Q8983" s="5" t="s">
        <v>40</v>
      </c>
      <c r="R8983" s="5" t="s">
        <v>24335</v>
      </c>
      <c r="S8983" s="5" t="s">
        <v>40</v>
      </c>
      <c r="T8983" s="5" t="s">
        <v>42</v>
      </c>
      <c r="U8983" s="2">
        <v>16.611000000000001</v>
      </c>
      <c r="V8983" s="2">
        <v>13.023999999999999</v>
      </c>
      <c r="W8983" s="2">
        <v>0.16300000000000001</v>
      </c>
      <c r="X8983" s="2">
        <v>12</v>
      </c>
      <c r="Y8983" s="2">
        <v>50</v>
      </c>
      <c r="Z8983" s="2">
        <v>271.89999999999998</v>
      </c>
      <c r="AA8983" s="5">
        <v>10</v>
      </c>
      <c r="AB8983" s="5" t="s">
        <v>43</v>
      </c>
      <c r="AC8983" s="5" t="s">
        <v>44</v>
      </c>
      <c r="AD8983" s="2" t="s">
        <v>27362</v>
      </c>
      <c r="AE8983" s="1"/>
    </row>
    <row r="8984" spans="1:31" ht="14.45">
      <c r="A8984" s="5"/>
      <c r="B8984" s="21"/>
      <c r="C8984" s="2" t="s">
        <v>27573</v>
      </c>
      <c r="D8984" s="14" t="s">
        <v>27574</v>
      </c>
      <c r="E8984" s="2" t="s">
        <v>27575</v>
      </c>
      <c r="F8984" s="2" t="s">
        <v>27361</v>
      </c>
      <c r="G8984" s="8">
        <v>862</v>
      </c>
      <c r="H8984" s="5">
        <v>15</v>
      </c>
      <c r="I8984" s="5" t="s">
        <v>69</v>
      </c>
      <c r="J8984" s="5" t="s">
        <v>27074</v>
      </c>
      <c r="K8984" s="2" t="s">
        <v>27075</v>
      </c>
      <c r="L8984" s="5" t="s">
        <v>27074</v>
      </c>
      <c r="M8984" s="2" t="s">
        <v>27075</v>
      </c>
      <c r="N8984" s="5" t="s">
        <v>24254</v>
      </c>
      <c r="O8984" s="5" t="s">
        <v>38</v>
      </c>
      <c r="P8984" s="5" t="s">
        <v>39</v>
      </c>
      <c r="Q8984" s="5" t="s">
        <v>40</v>
      </c>
      <c r="R8984" s="5" t="s">
        <v>24335</v>
      </c>
      <c r="S8984" s="5" t="s">
        <v>40</v>
      </c>
      <c r="T8984" s="5" t="s">
        <v>42</v>
      </c>
      <c r="U8984" s="2">
        <v>17.009</v>
      </c>
      <c r="V8984" s="2">
        <v>13.5</v>
      </c>
      <c r="W8984" s="2">
        <v>0.16300000000000001</v>
      </c>
      <c r="X8984" s="2">
        <v>12</v>
      </c>
      <c r="Y8984" s="2">
        <v>50</v>
      </c>
      <c r="Z8984" s="2">
        <v>271.89999999999998</v>
      </c>
      <c r="AA8984" s="5">
        <v>10</v>
      </c>
      <c r="AB8984" s="5" t="s">
        <v>43</v>
      </c>
      <c r="AC8984" s="5" t="s">
        <v>44</v>
      </c>
      <c r="AD8984" s="2" t="s">
        <v>27366</v>
      </c>
      <c r="AE8984" s="1"/>
    </row>
    <row r="8985" spans="1:31" ht="14.45">
      <c r="A8985" s="5"/>
      <c r="B8985" s="21"/>
      <c r="C8985" s="2" t="s">
        <v>27576</v>
      </c>
      <c r="D8985" s="14" t="s">
        <v>27577</v>
      </c>
      <c r="E8985" s="2" t="s">
        <v>27578</v>
      </c>
      <c r="F8985" s="2"/>
      <c r="G8985" s="8">
        <v>536</v>
      </c>
      <c r="H8985" s="5">
        <v>5</v>
      </c>
      <c r="I8985" s="5" t="s">
        <v>69</v>
      </c>
      <c r="J8985" s="5" t="s">
        <v>27074</v>
      </c>
      <c r="K8985" s="2" t="s">
        <v>27075</v>
      </c>
      <c r="L8985" s="5" t="s">
        <v>27074</v>
      </c>
      <c r="M8985" s="2" t="s">
        <v>27075</v>
      </c>
      <c r="N8985" s="5" t="s">
        <v>24254</v>
      </c>
      <c r="O8985" s="5" t="s">
        <v>38</v>
      </c>
      <c r="P8985" s="5" t="s">
        <v>39</v>
      </c>
      <c r="Q8985" s="5" t="s">
        <v>40</v>
      </c>
      <c r="R8985" s="5" t="s">
        <v>24335</v>
      </c>
      <c r="S8985" s="5" t="s">
        <v>40</v>
      </c>
      <c r="T8985" s="5" t="s">
        <v>42</v>
      </c>
      <c r="U8985" s="2">
        <v>22.998999999999999</v>
      </c>
      <c r="V8985" s="2">
        <v>21.082000000000001</v>
      </c>
      <c r="W8985" s="2">
        <v>0.104</v>
      </c>
      <c r="X8985" s="2">
        <v>12</v>
      </c>
      <c r="Y8985" s="2">
        <v>50</v>
      </c>
      <c r="Z8985" s="2">
        <v>173.9</v>
      </c>
      <c r="AA8985" s="5">
        <v>10</v>
      </c>
      <c r="AB8985" s="5" t="s">
        <v>43</v>
      </c>
      <c r="AC8985" s="5" t="s">
        <v>44</v>
      </c>
      <c r="AD8985" s="2" t="s">
        <v>27378</v>
      </c>
      <c r="AE8985" s="1"/>
    </row>
    <row r="8986" spans="1:31" ht="14.45">
      <c r="A8986" s="5"/>
      <c r="B8986" s="21"/>
      <c r="C8986" s="2" t="s">
        <v>27579</v>
      </c>
      <c r="D8986" s="14" t="s">
        <v>27580</v>
      </c>
      <c r="E8986" s="2" t="s">
        <v>27581</v>
      </c>
      <c r="F8986" s="2" t="s">
        <v>27361</v>
      </c>
      <c r="G8986" s="8">
        <v>1168</v>
      </c>
      <c r="H8986" s="5">
        <v>15</v>
      </c>
      <c r="I8986" s="5" t="s">
        <v>69</v>
      </c>
      <c r="J8986" s="5" t="s">
        <v>27074</v>
      </c>
      <c r="K8986" s="2" t="s">
        <v>27075</v>
      </c>
      <c r="L8986" s="5" t="s">
        <v>27074</v>
      </c>
      <c r="M8986" s="2" t="s">
        <v>27075</v>
      </c>
      <c r="N8986" s="5" t="s">
        <v>24254</v>
      </c>
      <c r="O8986" s="5" t="s">
        <v>38</v>
      </c>
      <c r="P8986" s="5" t="s">
        <v>39</v>
      </c>
      <c r="Q8986" s="5" t="s">
        <v>40</v>
      </c>
      <c r="R8986" s="5" t="s">
        <v>24340</v>
      </c>
      <c r="S8986" s="5" t="s">
        <v>40</v>
      </c>
      <c r="T8986" s="5" t="s">
        <v>42</v>
      </c>
      <c r="U8986" s="2">
        <v>32.424999999999997</v>
      </c>
      <c r="V8986" s="2">
        <v>28.826000000000001</v>
      </c>
      <c r="W8986" s="2">
        <v>0.16300000000000001</v>
      </c>
      <c r="X8986" s="2">
        <v>12</v>
      </c>
      <c r="Y8986" s="2">
        <v>50</v>
      </c>
      <c r="Z8986" s="2">
        <v>271.89999999999998</v>
      </c>
      <c r="AA8986" s="5">
        <v>10</v>
      </c>
      <c r="AB8986" s="5" t="s">
        <v>43</v>
      </c>
      <c r="AC8986" s="5" t="s">
        <v>44</v>
      </c>
      <c r="AD8986" s="2" t="s">
        <v>27382</v>
      </c>
      <c r="AE8986" s="1"/>
    </row>
    <row r="8987" spans="1:31" ht="14.45">
      <c r="A8987" s="5"/>
      <c r="B8987" s="21"/>
      <c r="C8987" s="2" t="s">
        <v>27582</v>
      </c>
      <c r="D8987" s="14" t="s">
        <v>27583</v>
      </c>
      <c r="E8987" s="2" t="s">
        <v>27584</v>
      </c>
      <c r="F8987" s="2"/>
      <c r="G8987" s="8">
        <v>536</v>
      </c>
      <c r="H8987" s="5">
        <v>15</v>
      </c>
      <c r="I8987" s="5" t="s">
        <v>69</v>
      </c>
      <c r="J8987" s="5" t="s">
        <v>27074</v>
      </c>
      <c r="K8987" s="2" t="s">
        <v>27075</v>
      </c>
      <c r="L8987" s="5" t="s">
        <v>27074</v>
      </c>
      <c r="M8987" s="2" t="s">
        <v>27075</v>
      </c>
      <c r="N8987" s="5" t="s">
        <v>24254</v>
      </c>
      <c r="O8987" s="5" t="s">
        <v>38</v>
      </c>
      <c r="P8987" s="5" t="s">
        <v>39</v>
      </c>
      <c r="Q8987" s="5" t="s">
        <v>40</v>
      </c>
      <c r="R8987" s="5" t="s">
        <v>25301</v>
      </c>
      <c r="S8987" s="5" t="s">
        <v>40</v>
      </c>
      <c r="T8987" s="5" t="s">
        <v>42</v>
      </c>
      <c r="U8987" s="2">
        <v>20.146000000000001</v>
      </c>
      <c r="V8987" s="2">
        <v>18.228999999999999</v>
      </c>
      <c r="W8987" s="2">
        <v>0.104</v>
      </c>
      <c r="X8987" s="2">
        <v>12</v>
      </c>
      <c r="Y8987" s="2">
        <v>50</v>
      </c>
      <c r="Z8987" s="2">
        <v>173.9</v>
      </c>
      <c r="AA8987" s="5">
        <v>10</v>
      </c>
      <c r="AB8987" s="5" t="s">
        <v>43</v>
      </c>
      <c r="AC8987" s="5" t="s">
        <v>44</v>
      </c>
      <c r="AD8987" s="2" t="s">
        <v>27386</v>
      </c>
      <c r="AE8987" s="1"/>
    </row>
    <row r="8988" spans="1:31" ht="14.45">
      <c r="A8988" s="5"/>
      <c r="B8988" s="21"/>
      <c r="C8988" s="2" t="s">
        <v>27585</v>
      </c>
      <c r="D8988" s="14" t="s">
        <v>27586</v>
      </c>
      <c r="E8988" s="2" t="s">
        <v>27587</v>
      </c>
      <c r="F8988" s="2"/>
      <c r="G8988" s="8">
        <v>338</v>
      </c>
      <c r="H8988" s="5">
        <v>5</v>
      </c>
      <c r="I8988" s="5" t="s">
        <v>69</v>
      </c>
      <c r="J8988" s="5" t="s">
        <v>27074</v>
      </c>
      <c r="K8988" s="2" t="s">
        <v>27075</v>
      </c>
      <c r="L8988" s="5" t="s">
        <v>27074</v>
      </c>
      <c r="M8988" s="2" t="s">
        <v>27075</v>
      </c>
      <c r="N8988" s="5" t="s">
        <v>24254</v>
      </c>
      <c r="O8988" s="5" t="s">
        <v>38</v>
      </c>
      <c r="P8988" s="5" t="s">
        <v>39</v>
      </c>
      <c r="Q8988" s="5" t="s">
        <v>40</v>
      </c>
      <c r="R8988" s="5" t="s">
        <v>24335</v>
      </c>
      <c r="S8988" s="5" t="s">
        <v>40</v>
      </c>
      <c r="T8988" s="5" t="s">
        <v>42</v>
      </c>
      <c r="U8988" s="2">
        <v>10.016</v>
      </c>
      <c r="V8988" s="2">
        <v>7.8949999999999996</v>
      </c>
      <c r="W8988" s="2">
        <v>0.104</v>
      </c>
      <c r="X8988" s="2">
        <v>12</v>
      </c>
      <c r="Y8988" s="2">
        <v>50</v>
      </c>
      <c r="Z8988" s="2">
        <v>193.9</v>
      </c>
      <c r="AA8988" s="5">
        <v>10</v>
      </c>
      <c r="AB8988" s="5" t="s">
        <v>43</v>
      </c>
      <c r="AC8988" s="5" t="s">
        <v>44</v>
      </c>
      <c r="AD8988" s="2" t="s">
        <v>27357</v>
      </c>
      <c r="AE8988" s="1"/>
    </row>
    <row r="8989" spans="1:31" ht="14.45">
      <c r="A8989" s="5"/>
      <c r="B8989" s="21"/>
      <c r="C8989" s="2" t="s">
        <v>27588</v>
      </c>
      <c r="D8989" s="14" t="s">
        <v>27589</v>
      </c>
      <c r="E8989" s="2" t="s">
        <v>27590</v>
      </c>
      <c r="F8989" s="2" t="s">
        <v>27361</v>
      </c>
      <c r="G8989" s="8">
        <v>761</v>
      </c>
      <c r="H8989" s="5">
        <v>15</v>
      </c>
      <c r="I8989" s="5" t="s">
        <v>69</v>
      </c>
      <c r="J8989" s="5" t="s">
        <v>27074</v>
      </c>
      <c r="K8989" s="2" t="s">
        <v>27075</v>
      </c>
      <c r="L8989" s="5" t="s">
        <v>27074</v>
      </c>
      <c r="M8989" s="2" t="s">
        <v>27075</v>
      </c>
      <c r="N8989" s="5" t="s">
        <v>24254</v>
      </c>
      <c r="O8989" s="5" t="s">
        <v>38</v>
      </c>
      <c r="P8989" s="5" t="s">
        <v>39</v>
      </c>
      <c r="Q8989" s="5" t="s">
        <v>40</v>
      </c>
      <c r="R8989" s="5" t="s">
        <v>24335</v>
      </c>
      <c r="S8989" s="5" t="s">
        <v>40</v>
      </c>
      <c r="T8989" s="5" t="s">
        <v>42</v>
      </c>
      <c r="U8989" s="2">
        <v>16.353000000000002</v>
      </c>
      <c r="V8989" s="2">
        <v>12.442</v>
      </c>
      <c r="W8989" s="2">
        <v>0.187</v>
      </c>
      <c r="X8989" s="2">
        <v>12</v>
      </c>
      <c r="Y8989" s="2">
        <v>50</v>
      </c>
      <c r="Z8989" s="2">
        <v>312.39999999999998</v>
      </c>
      <c r="AA8989" s="5">
        <v>10</v>
      </c>
      <c r="AB8989" s="5" t="s">
        <v>43</v>
      </c>
      <c r="AC8989" s="5" t="s">
        <v>44</v>
      </c>
      <c r="AD8989" s="2" t="s">
        <v>27362</v>
      </c>
      <c r="AE8989" s="1"/>
    </row>
    <row r="8990" spans="1:31" ht="14.45">
      <c r="A8990" s="5"/>
      <c r="B8990" s="21"/>
      <c r="C8990" s="2" t="s">
        <v>27591</v>
      </c>
      <c r="D8990" s="14" t="s">
        <v>27592</v>
      </c>
      <c r="E8990" s="2" t="s">
        <v>27593</v>
      </c>
      <c r="F8990" s="2" t="s">
        <v>27361</v>
      </c>
      <c r="G8990" s="8">
        <v>761</v>
      </c>
      <c r="H8990" s="5">
        <v>15</v>
      </c>
      <c r="I8990" s="5" t="s">
        <v>69</v>
      </c>
      <c r="J8990" s="5" t="s">
        <v>27074</v>
      </c>
      <c r="K8990" s="2" t="s">
        <v>27075</v>
      </c>
      <c r="L8990" s="5" t="s">
        <v>27074</v>
      </c>
      <c r="M8990" s="2" t="s">
        <v>27075</v>
      </c>
      <c r="N8990" s="5" t="s">
        <v>24254</v>
      </c>
      <c r="O8990" s="5" t="s">
        <v>38</v>
      </c>
      <c r="P8990" s="5" t="s">
        <v>39</v>
      </c>
      <c r="Q8990" s="5" t="s">
        <v>40</v>
      </c>
      <c r="R8990" s="5" t="s">
        <v>24335</v>
      </c>
      <c r="S8990" s="5" t="s">
        <v>40</v>
      </c>
      <c r="T8990" s="5" t="s">
        <v>42</v>
      </c>
      <c r="U8990" s="2">
        <v>16.521999999999998</v>
      </c>
      <c r="V8990" s="2">
        <v>12.689</v>
      </c>
      <c r="W8990" s="2">
        <v>0.187</v>
      </c>
      <c r="X8990" s="2">
        <v>12</v>
      </c>
      <c r="Y8990" s="2">
        <v>50</v>
      </c>
      <c r="Z8990" s="2">
        <v>312.39999999999998</v>
      </c>
      <c r="AA8990" s="5">
        <v>10</v>
      </c>
      <c r="AB8990" s="5" t="s">
        <v>43</v>
      </c>
      <c r="AC8990" s="5" t="s">
        <v>44</v>
      </c>
      <c r="AD8990" s="2" t="s">
        <v>27366</v>
      </c>
      <c r="AE8990" s="1"/>
    </row>
    <row r="8991" spans="1:31" ht="14.45">
      <c r="A8991" s="5"/>
      <c r="B8991" s="21"/>
      <c r="C8991" s="2" t="s">
        <v>27594</v>
      </c>
      <c r="D8991" s="14" t="s">
        <v>27595</v>
      </c>
      <c r="E8991" s="2" t="s">
        <v>27596</v>
      </c>
      <c r="F8991" s="2"/>
      <c r="G8991" s="8">
        <v>491</v>
      </c>
      <c r="H8991" s="5">
        <v>5</v>
      </c>
      <c r="I8991" s="5" t="s">
        <v>69</v>
      </c>
      <c r="J8991" s="5" t="s">
        <v>27074</v>
      </c>
      <c r="K8991" s="2" t="s">
        <v>27075</v>
      </c>
      <c r="L8991" s="5" t="s">
        <v>27074</v>
      </c>
      <c r="M8991" s="2" t="s">
        <v>27075</v>
      </c>
      <c r="N8991" s="5" t="s">
        <v>24254</v>
      </c>
      <c r="O8991" s="5" t="s">
        <v>38</v>
      </c>
      <c r="P8991" s="5" t="s">
        <v>39</v>
      </c>
      <c r="Q8991" s="5" t="s">
        <v>40</v>
      </c>
      <c r="R8991" s="5" t="s">
        <v>24335</v>
      </c>
      <c r="S8991" s="5" t="s">
        <v>40</v>
      </c>
      <c r="T8991" s="5" t="s">
        <v>42</v>
      </c>
      <c r="U8991" s="2">
        <v>21.081</v>
      </c>
      <c r="V8991" s="2">
        <v>18.948</v>
      </c>
      <c r="W8991" s="2">
        <v>0.104</v>
      </c>
      <c r="X8991" s="2">
        <v>12</v>
      </c>
      <c r="Y8991" s="2">
        <v>50</v>
      </c>
      <c r="Z8991" s="2">
        <v>193.9</v>
      </c>
      <c r="AA8991" s="5">
        <v>10</v>
      </c>
      <c r="AB8991" s="5" t="s">
        <v>43</v>
      </c>
      <c r="AC8991" s="5" t="s">
        <v>44</v>
      </c>
      <c r="AD8991" s="2" t="s">
        <v>27378</v>
      </c>
      <c r="AE8991" s="1"/>
    </row>
    <row r="8992" spans="1:31" ht="14.45">
      <c r="A8992" s="5"/>
      <c r="B8992" s="21"/>
      <c r="C8992" s="2" t="s">
        <v>27597</v>
      </c>
      <c r="D8992" s="14" t="s">
        <v>27598</v>
      </c>
      <c r="E8992" s="2" t="s">
        <v>27599</v>
      </c>
      <c r="F8992" s="2" t="s">
        <v>27361</v>
      </c>
      <c r="G8992" s="8">
        <v>1067</v>
      </c>
      <c r="H8992" s="5">
        <v>15</v>
      </c>
      <c r="I8992" s="5" t="s">
        <v>69</v>
      </c>
      <c r="J8992" s="5" t="s">
        <v>27074</v>
      </c>
      <c r="K8992" s="2" t="s">
        <v>27075</v>
      </c>
      <c r="L8992" s="5" t="s">
        <v>27074</v>
      </c>
      <c r="M8992" s="2" t="s">
        <v>27075</v>
      </c>
      <c r="N8992" s="5" t="s">
        <v>24254</v>
      </c>
      <c r="O8992" s="5" t="s">
        <v>38</v>
      </c>
      <c r="P8992" s="5" t="s">
        <v>39</v>
      </c>
      <c r="Q8992" s="5" t="s">
        <v>40</v>
      </c>
      <c r="R8992" s="5" t="s">
        <v>24340</v>
      </c>
      <c r="S8992" s="5" t="s">
        <v>40</v>
      </c>
      <c r="T8992" s="5" t="s">
        <v>42</v>
      </c>
      <c r="U8992" s="2">
        <v>31.288</v>
      </c>
      <c r="V8992" s="2">
        <v>27.364999999999998</v>
      </c>
      <c r="W8992" s="2">
        <v>0.187</v>
      </c>
      <c r="X8992" s="2">
        <v>12</v>
      </c>
      <c r="Y8992" s="2">
        <v>50</v>
      </c>
      <c r="Z8992" s="2">
        <v>312.39999999999998</v>
      </c>
      <c r="AA8992" s="5">
        <v>10</v>
      </c>
      <c r="AB8992" s="5" t="s">
        <v>43</v>
      </c>
      <c r="AC8992" s="5" t="s">
        <v>44</v>
      </c>
      <c r="AD8992" s="2" t="s">
        <v>27382</v>
      </c>
      <c r="AE8992" s="1"/>
    </row>
    <row r="8993" spans="1:31" ht="14.45">
      <c r="A8993" s="5"/>
      <c r="B8993" s="21"/>
      <c r="C8993" s="2" t="s">
        <v>27600</v>
      </c>
      <c r="D8993" s="14" t="s">
        <v>27601</v>
      </c>
      <c r="E8993" s="2" t="s">
        <v>27602</v>
      </c>
      <c r="F8993" s="2"/>
      <c r="G8993" s="8">
        <v>491</v>
      </c>
      <c r="H8993" s="5">
        <v>15</v>
      </c>
      <c r="I8993" s="5" t="s">
        <v>69</v>
      </c>
      <c r="J8993" s="5" t="s">
        <v>27074</v>
      </c>
      <c r="K8993" s="2" t="s">
        <v>27075</v>
      </c>
      <c r="L8993" s="5" t="s">
        <v>27074</v>
      </c>
      <c r="M8993" s="2" t="s">
        <v>27075</v>
      </c>
      <c r="N8993" s="5" t="s">
        <v>24254</v>
      </c>
      <c r="O8993" s="5" t="s">
        <v>38</v>
      </c>
      <c r="P8993" s="5" t="s">
        <v>39</v>
      </c>
      <c r="Q8993" s="5" t="s">
        <v>40</v>
      </c>
      <c r="R8993" s="5" t="s">
        <v>25301</v>
      </c>
      <c r="S8993" s="5" t="s">
        <v>40</v>
      </c>
      <c r="T8993" s="5" t="s">
        <v>42</v>
      </c>
      <c r="U8993" s="2">
        <v>18.472999999999999</v>
      </c>
      <c r="V8993" s="2">
        <v>16.34</v>
      </c>
      <c r="W8993" s="2">
        <v>0.104</v>
      </c>
      <c r="X8993" s="2">
        <v>12</v>
      </c>
      <c r="Y8993" s="2">
        <v>50</v>
      </c>
      <c r="Z8993" s="2">
        <v>193.9</v>
      </c>
      <c r="AA8993" s="5">
        <v>10</v>
      </c>
      <c r="AB8993" s="5" t="s">
        <v>43</v>
      </c>
      <c r="AC8993" s="5" t="s">
        <v>44</v>
      </c>
      <c r="AD8993" s="2" t="s">
        <v>27386</v>
      </c>
      <c r="AE8993" s="1"/>
    </row>
    <row r="8994" spans="1:31" ht="14.45">
      <c r="A8994" s="5"/>
      <c r="B8994" s="21"/>
      <c r="C8994" s="2" t="s">
        <v>27603</v>
      </c>
      <c r="D8994" s="14" t="s">
        <v>27604</v>
      </c>
      <c r="E8994" s="2" t="s">
        <v>27605</v>
      </c>
      <c r="F8994" s="2"/>
      <c r="G8994" s="8">
        <v>366</v>
      </c>
      <c r="H8994" s="5">
        <v>5</v>
      </c>
      <c r="I8994" s="5" t="s">
        <v>69</v>
      </c>
      <c r="J8994" s="5" t="s">
        <v>27074</v>
      </c>
      <c r="K8994" s="2" t="s">
        <v>27075</v>
      </c>
      <c r="L8994" s="5" t="s">
        <v>27074</v>
      </c>
      <c r="M8994" s="2" t="s">
        <v>27075</v>
      </c>
      <c r="N8994" s="5" t="s">
        <v>24254</v>
      </c>
      <c r="O8994" s="5" t="s">
        <v>38</v>
      </c>
      <c r="P8994" s="5" t="s">
        <v>39</v>
      </c>
      <c r="Q8994" s="5" t="s">
        <v>40</v>
      </c>
      <c r="R8994" s="5" t="s">
        <v>24335</v>
      </c>
      <c r="S8994" s="5" t="s">
        <v>40</v>
      </c>
      <c r="T8994" s="5" t="s">
        <v>42</v>
      </c>
      <c r="U8994" s="2">
        <v>10.872999999999999</v>
      </c>
      <c r="V8994" s="2">
        <v>8.7520000000000007</v>
      </c>
      <c r="W8994" s="2">
        <v>0.104</v>
      </c>
      <c r="X8994" s="2">
        <v>12</v>
      </c>
      <c r="Y8994" s="2">
        <v>50</v>
      </c>
      <c r="Z8994" s="2">
        <v>193.9</v>
      </c>
      <c r="AA8994" s="5">
        <v>10</v>
      </c>
      <c r="AB8994" s="5" t="s">
        <v>43</v>
      </c>
      <c r="AC8994" s="5" t="s">
        <v>44</v>
      </c>
      <c r="AD8994" s="2" t="s">
        <v>27357</v>
      </c>
      <c r="AE8994" s="1"/>
    </row>
    <row r="8995" spans="1:31" ht="14.45">
      <c r="A8995" s="5"/>
      <c r="B8995" s="21"/>
      <c r="C8995" s="2" t="s">
        <v>27606</v>
      </c>
      <c r="D8995" s="14" t="s">
        <v>27607</v>
      </c>
      <c r="E8995" s="2" t="s">
        <v>27608</v>
      </c>
      <c r="F8995" s="2" t="s">
        <v>27361</v>
      </c>
      <c r="G8995" s="8">
        <v>824</v>
      </c>
      <c r="H8995" s="5">
        <v>15</v>
      </c>
      <c r="I8995" s="5" t="s">
        <v>69</v>
      </c>
      <c r="J8995" s="5" t="s">
        <v>27074</v>
      </c>
      <c r="K8995" s="2" t="s">
        <v>27075</v>
      </c>
      <c r="L8995" s="5" t="s">
        <v>27074</v>
      </c>
      <c r="M8995" s="2" t="s">
        <v>27075</v>
      </c>
      <c r="N8995" s="5" t="s">
        <v>24254</v>
      </c>
      <c r="O8995" s="5" t="s">
        <v>38</v>
      </c>
      <c r="P8995" s="5" t="s">
        <v>39</v>
      </c>
      <c r="Q8995" s="5" t="s">
        <v>40</v>
      </c>
      <c r="R8995" s="5" t="s">
        <v>24335</v>
      </c>
      <c r="S8995" s="5" t="s">
        <v>40</v>
      </c>
      <c r="T8995" s="5" t="s">
        <v>42</v>
      </c>
      <c r="U8995" s="2">
        <v>17.315999999999999</v>
      </c>
      <c r="V8995" s="2">
        <v>13.404999999999999</v>
      </c>
      <c r="W8995" s="2">
        <v>0.187</v>
      </c>
      <c r="X8995" s="2">
        <v>12</v>
      </c>
      <c r="Y8995" s="2">
        <v>50</v>
      </c>
      <c r="Z8995" s="2">
        <v>312.39999999999998</v>
      </c>
      <c r="AA8995" s="5">
        <v>10</v>
      </c>
      <c r="AB8995" s="5" t="s">
        <v>43</v>
      </c>
      <c r="AC8995" s="5" t="s">
        <v>44</v>
      </c>
      <c r="AD8995" s="2" t="s">
        <v>27362</v>
      </c>
      <c r="AE8995" s="1"/>
    </row>
    <row r="8996" spans="1:31" ht="14.45">
      <c r="A8996" s="5"/>
      <c r="B8996" s="21"/>
      <c r="C8996" s="2" t="s">
        <v>27609</v>
      </c>
      <c r="D8996" s="14" t="s">
        <v>27610</v>
      </c>
      <c r="E8996" s="2" t="s">
        <v>27611</v>
      </c>
      <c r="F8996" s="2" t="s">
        <v>27361</v>
      </c>
      <c r="G8996" s="8">
        <v>824</v>
      </c>
      <c r="H8996" s="5">
        <v>15</v>
      </c>
      <c r="I8996" s="5" t="s">
        <v>69</v>
      </c>
      <c r="J8996" s="5" t="s">
        <v>27074</v>
      </c>
      <c r="K8996" s="2" t="s">
        <v>27075</v>
      </c>
      <c r="L8996" s="5" t="s">
        <v>27074</v>
      </c>
      <c r="M8996" s="2" t="s">
        <v>27075</v>
      </c>
      <c r="N8996" s="5" t="s">
        <v>24254</v>
      </c>
      <c r="O8996" s="5" t="s">
        <v>38</v>
      </c>
      <c r="P8996" s="5" t="s">
        <v>39</v>
      </c>
      <c r="Q8996" s="5" t="s">
        <v>40</v>
      </c>
      <c r="R8996" s="5" t="s">
        <v>24335</v>
      </c>
      <c r="S8996" s="5" t="s">
        <v>40</v>
      </c>
      <c r="T8996" s="5" t="s">
        <v>42</v>
      </c>
      <c r="U8996" s="2">
        <v>17.63</v>
      </c>
      <c r="V8996" s="2">
        <v>13.797000000000001</v>
      </c>
      <c r="W8996" s="2">
        <v>0.187</v>
      </c>
      <c r="X8996" s="2">
        <v>12</v>
      </c>
      <c r="Y8996" s="2">
        <v>50</v>
      </c>
      <c r="Z8996" s="2">
        <v>312.39999999999998</v>
      </c>
      <c r="AA8996" s="5">
        <v>10</v>
      </c>
      <c r="AB8996" s="5" t="s">
        <v>43</v>
      </c>
      <c r="AC8996" s="5" t="s">
        <v>44</v>
      </c>
      <c r="AD8996" s="2" t="s">
        <v>27366</v>
      </c>
      <c r="AE8996" s="1"/>
    </row>
    <row r="8997" spans="1:31" ht="14.45">
      <c r="A8997" s="5"/>
      <c r="B8997" s="21"/>
      <c r="C8997" s="2" t="s">
        <v>27612</v>
      </c>
      <c r="D8997" s="14" t="s">
        <v>27613</v>
      </c>
      <c r="E8997" s="2" t="s">
        <v>27614</v>
      </c>
      <c r="F8997" s="2"/>
      <c r="G8997" s="8">
        <v>519</v>
      </c>
      <c r="H8997" s="5">
        <v>5</v>
      </c>
      <c r="I8997" s="5" t="s">
        <v>69</v>
      </c>
      <c r="J8997" s="5" t="s">
        <v>27074</v>
      </c>
      <c r="K8997" s="2" t="s">
        <v>27075</v>
      </c>
      <c r="L8997" s="5" t="s">
        <v>27074</v>
      </c>
      <c r="M8997" s="2" t="s">
        <v>27075</v>
      </c>
      <c r="N8997" s="5" t="s">
        <v>24254</v>
      </c>
      <c r="O8997" s="5" t="s">
        <v>38</v>
      </c>
      <c r="P8997" s="5" t="s">
        <v>39</v>
      </c>
      <c r="Q8997" s="5" t="s">
        <v>40</v>
      </c>
      <c r="R8997" s="5" t="s">
        <v>24335</v>
      </c>
      <c r="S8997" s="5" t="s">
        <v>40</v>
      </c>
      <c r="T8997" s="5" t="s">
        <v>42</v>
      </c>
      <c r="U8997" s="2">
        <v>23.006</v>
      </c>
      <c r="V8997" s="2">
        <v>20.873000000000001</v>
      </c>
      <c r="W8997" s="2">
        <v>0.104</v>
      </c>
      <c r="X8997" s="2">
        <v>12</v>
      </c>
      <c r="Y8997" s="2">
        <v>50</v>
      </c>
      <c r="Z8997" s="2">
        <v>193.9</v>
      </c>
      <c r="AA8997" s="5">
        <v>10</v>
      </c>
      <c r="AB8997" s="5" t="s">
        <v>43</v>
      </c>
      <c r="AC8997" s="5" t="s">
        <v>44</v>
      </c>
      <c r="AD8997" s="2" t="s">
        <v>27378</v>
      </c>
      <c r="AE8997" s="1"/>
    </row>
    <row r="8998" spans="1:31" ht="14.45">
      <c r="A8998" s="5"/>
      <c r="B8998" s="21"/>
      <c r="C8998" s="2" t="s">
        <v>27615</v>
      </c>
      <c r="D8998" s="14" t="s">
        <v>27616</v>
      </c>
      <c r="E8998" s="2" t="s">
        <v>27617</v>
      </c>
      <c r="F8998" s="2" t="s">
        <v>27361</v>
      </c>
      <c r="G8998" s="8">
        <v>1130</v>
      </c>
      <c r="H8998" s="5">
        <v>15</v>
      </c>
      <c r="I8998" s="5" t="s">
        <v>69</v>
      </c>
      <c r="J8998" s="5" t="s">
        <v>27074</v>
      </c>
      <c r="K8998" s="2" t="s">
        <v>27075</v>
      </c>
      <c r="L8998" s="5" t="s">
        <v>27074</v>
      </c>
      <c r="M8998" s="2" t="s">
        <v>27075</v>
      </c>
      <c r="N8998" s="5" t="s">
        <v>24254</v>
      </c>
      <c r="O8998" s="5" t="s">
        <v>38</v>
      </c>
      <c r="P8998" s="5" t="s">
        <v>39</v>
      </c>
      <c r="Q8998" s="5" t="s">
        <v>40</v>
      </c>
      <c r="R8998" s="5" t="s">
        <v>24340</v>
      </c>
      <c r="S8998" s="5" t="s">
        <v>40</v>
      </c>
      <c r="T8998" s="5" t="s">
        <v>42</v>
      </c>
      <c r="U8998" s="2">
        <v>33.444000000000003</v>
      </c>
      <c r="V8998" s="2">
        <v>29.521000000000001</v>
      </c>
      <c r="W8998" s="2">
        <v>0.187</v>
      </c>
      <c r="X8998" s="2">
        <v>12</v>
      </c>
      <c r="Y8998" s="2">
        <v>50</v>
      </c>
      <c r="Z8998" s="2">
        <v>312.39999999999998</v>
      </c>
      <c r="AA8998" s="5">
        <v>10</v>
      </c>
      <c r="AB8998" s="5" t="s">
        <v>43</v>
      </c>
      <c r="AC8998" s="5" t="s">
        <v>44</v>
      </c>
      <c r="AD8998" s="2" t="s">
        <v>27382</v>
      </c>
      <c r="AE8998" s="1"/>
    </row>
    <row r="8999" spans="1:31" ht="14.45">
      <c r="A8999" s="5"/>
      <c r="B8999" s="21"/>
      <c r="C8999" s="2" t="s">
        <v>27618</v>
      </c>
      <c r="D8999" s="14" t="s">
        <v>27619</v>
      </c>
      <c r="E8999" s="2" t="s">
        <v>27620</v>
      </c>
      <c r="F8999" s="2"/>
      <c r="G8999" s="8">
        <v>519</v>
      </c>
      <c r="H8999" s="5">
        <v>15</v>
      </c>
      <c r="I8999" s="5" t="s">
        <v>69</v>
      </c>
      <c r="J8999" s="5" t="s">
        <v>27074</v>
      </c>
      <c r="K8999" s="2" t="s">
        <v>27075</v>
      </c>
      <c r="L8999" s="5" t="s">
        <v>27074</v>
      </c>
      <c r="M8999" s="2" t="s">
        <v>27075</v>
      </c>
      <c r="N8999" s="5" t="s">
        <v>24254</v>
      </c>
      <c r="O8999" s="5" t="s">
        <v>38</v>
      </c>
      <c r="P8999" s="5" t="s">
        <v>39</v>
      </c>
      <c r="Q8999" s="5" t="s">
        <v>40</v>
      </c>
      <c r="R8999" s="5" t="s">
        <v>25301</v>
      </c>
      <c r="S8999" s="5" t="s">
        <v>40</v>
      </c>
      <c r="T8999" s="5" t="s">
        <v>42</v>
      </c>
      <c r="U8999" s="2">
        <v>20.128</v>
      </c>
      <c r="V8999" s="2">
        <v>17.995000000000001</v>
      </c>
      <c r="W8999" s="2">
        <v>0.104</v>
      </c>
      <c r="X8999" s="2">
        <v>12</v>
      </c>
      <c r="Y8999" s="2">
        <v>50</v>
      </c>
      <c r="Z8999" s="2">
        <v>193.9</v>
      </c>
      <c r="AA8999" s="5">
        <v>10</v>
      </c>
      <c r="AB8999" s="5" t="s">
        <v>43</v>
      </c>
      <c r="AC8999" s="5" t="s">
        <v>44</v>
      </c>
      <c r="AD8999" s="2" t="s">
        <v>27386</v>
      </c>
      <c r="AE8999" s="1"/>
    </row>
    <row r="9000" spans="1:31" ht="14.45">
      <c r="A9000" s="5"/>
      <c r="B9000" s="21"/>
      <c r="C9000" s="2" t="s">
        <v>27621</v>
      </c>
      <c r="D9000" s="14" t="s">
        <v>27622</v>
      </c>
      <c r="E9000" s="2" t="s">
        <v>27623</v>
      </c>
      <c r="F9000" s="2"/>
      <c r="G9000" s="8">
        <v>408</v>
      </c>
      <c r="H9000" s="5">
        <v>5</v>
      </c>
      <c r="I9000" s="5" t="s">
        <v>69</v>
      </c>
      <c r="J9000" s="5" t="s">
        <v>27074</v>
      </c>
      <c r="K9000" s="2" t="s">
        <v>27075</v>
      </c>
      <c r="L9000" s="5" t="s">
        <v>27074</v>
      </c>
      <c r="M9000" s="2" t="s">
        <v>27075</v>
      </c>
      <c r="N9000" s="5" t="s">
        <v>24254</v>
      </c>
      <c r="O9000" s="5" t="s">
        <v>38</v>
      </c>
      <c r="P9000" s="5" t="s">
        <v>39</v>
      </c>
      <c r="Q9000" s="5" t="s">
        <v>40</v>
      </c>
      <c r="R9000" s="5" t="s">
        <v>24335</v>
      </c>
      <c r="S9000" s="5" t="s">
        <v>40</v>
      </c>
      <c r="T9000" s="5" t="s">
        <v>42</v>
      </c>
      <c r="U9000" s="2">
        <v>11.295</v>
      </c>
      <c r="V9000" s="2">
        <v>9.1739999999999995</v>
      </c>
      <c r="W9000" s="2">
        <v>0.104</v>
      </c>
      <c r="X9000" s="2">
        <v>12</v>
      </c>
      <c r="Y9000" s="2">
        <v>50</v>
      </c>
      <c r="Z9000" s="2">
        <v>193.9</v>
      </c>
      <c r="AA9000" s="5">
        <v>10</v>
      </c>
      <c r="AB9000" s="5" t="s">
        <v>43</v>
      </c>
      <c r="AC9000" s="5" t="s">
        <v>44</v>
      </c>
      <c r="AD9000" s="2" t="s">
        <v>27357</v>
      </c>
      <c r="AE9000" s="1"/>
    </row>
    <row r="9001" spans="1:31" ht="14.45">
      <c r="A9001" s="5"/>
      <c r="B9001" s="21"/>
      <c r="C9001" s="2" t="s">
        <v>27624</v>
      </c>
      <c r="D9001" s="14" t="s">
        <v>27625</v>
      </c>
      <c r="E9001" s="2" t="s">
        <v>27626</v>
      </c>
      <c r="F9001" s="2" t="s">
        <v>27361</v>
      </c>
      <c r="G9001" s="8">
        <v>919</v>
      </c>
      <c r="H9001" s="5">
        <v>15</v>
      </c>
      <c r="I9001" s="5" t="s">
        <v>69</v>
      </c>
      <c r="J9001" s="5" t="s">
        <v>27074</v>
      </c>
      <c r="K9001" s="2" t="s">
        <v>27075</v>
      </c>
      <c r="L9001" s="5" t="s">
        <v>27074</v>
      </c>
      <c r="M9001" s="2" t="s">
        <v>27075</v>
      </c>
      <c r="N9001" s="5" t="s">
        <v>24254</v>
      </c>
      <c r="O9001" s="5" t="s">
        <v>38</v>
      </c>
      <c r="P9001" s="5" t="s">
        <v>39</v>
      </c>
      <c r="Q9001" s="5" t="s">
        <v>40</v>
      </c>
      <c r="R9001" s="5" t="s">
        <v>24335</v>
      </c>
      <c r="S9001" s="5" t="s">
        <v>40</v>
      </c>
      <c r="T9001" s="5" t="s">
        <v>42</v>
      </c>
      <c r="U9001" s="2">
        <v>17.794</v>
      </c>
      <c r="V9001" s="2">
        <v>13.882999999999999</v>
      </c>
      <c r="W9001" s="2">
        <v>0.187</v>
      </c>
      <c r="X9001" s="2">
        <v>12</v>
      </c>
      <c r="Y9001" s="2">
        <v>50</v>
      </c>
      <c r="Z9001" s="2">
        <v>312.39999999999998</v>
      </c>
      <c r="AA9001" s="5">
        <v>10</v>
      </c>
      <c r="AB9001" s="5" t="s">
        <v>43</v>
      </c>
      <c r="AC9001" s="5" t="s">
        <v>44</v>
      </c>
      <c r="AD9001" s="2" t="s">
        <v>27362</v>
      </c>
      <c r="AE9001" s="1"/>
    </row>
    <row r="9002" spans="1:31" ht="14.45">
      <c r="A9002" s="5"/>
      <c r="B9002" s="21"/>
      <c r="C9002" s="2" t="s">
        <v>27627</v>
      </c>
      <c r="D9002" s="14" t="s">
        <v>27628</v>
      </c>
      <c r="E9002" s="2" t="s">
        <v>27629</v>
      </c>
      <c r="F9002" s="2" t="s">
        <v>27361</v>
      </c>
      <c r="G9002" s="8">
        <v>919</v>
      </c>
      <c r="H9002" s="5">
        <v>15</v>
      </c>
      <c r="I9002" s="5" t="s">
        <v>69</v>
      </c>
      <c r="J9002" s="5" t="s">
        <v>27074</v>
      </c>
      <c r="K9002" s="2" t="s">
        <v>27075</v>
      </c>
      <c r="L9002" s="5" t="s">
        <v>27074</v>
      </c>
      <c r="M9002" s="2" t="s">
        <v>27075</v>
      </c>
      <c r="N9002" s="5" t="s">
        <v>24254</v>
      </c>
      <c r="O9002" s="5" t="s">
        <v>38</v>
      </c>
      <c r="P9002" s="5" t="s">
        <v>39</v>
      </c>
      <c r="Q9002" s="5" t="s">
        <v>40</v>
      </c>
      <c r="R9002" s="5" t="s">
        <v>24335</v>
      </c>
      <c r="S9002" s="5" t="s">
        <v>40</v>
      </c>
      <c r="T9002" s="5" t="s">
        <v>42</v>
      </c>
      <c r="U9002" s="2">
        <v>18.178000000000001</v>
      </c>
      <c r="V9002" s="2">
        <v>14.345000000000001</v>
      </c>
      <c r="W9002" s="2">
        <v>0.187</v>
      </c>
      <c r="X9002" s="2">
        <v>12</v>
      </c>
      <c r="Y9002" s="2">
        <v>50</v>
      </c>
      <c r="Z9002" s="2">
        <v>312.39999999999998</v>
      </c>
      <c r="AA9002" s="5">
        <v>10</v>
      </c>
      <c r="AB9002" s="5" t="s">
        <v>43</v>
      </c>
      <c r="AC9002" s="5" t="s">
        <v>44</v>
      </c>
      <c r="AD9002" s="2" t="s">
        <v>27366</v>
      </c>
      <c r="AE9002" s="1"/>
    </row>
    <row r="9003" spans="1:31" ht="14.45">
      <c r="A9003" s="5"/>
      <c r="B9003" s="21"/>
      <c r="C9003" s="2" t="s">
        <v>27630</v>
      </c>
      <c r="D9003" s="14" t="s">
        <v>27631</v>
      </c>
      <c r="E9003" s="2" t="s">
        <v>27632</v>
      </c>
      <c r="F9003" s="2"/>
      <c r="G9003" s="8">
        <v>561</v>
      </c>
      <c r="H9003" s="5">
        <v>5</v>
      </c>
      <c r="I9003" s="5" t="s">
        <v>69</v>
      </c>
      <c r="J9003" s="5" t="s">
        <v>27074</v>
      </c>
      <c r="K9003" s="2" t="s">
        <v>27075</v>
      </c>
      <c r="L9003" s="5" t="s">
        <v>27074</v>
      </c>
      <c r="M9003" s="2" t="s">
        <v>27075</v>
      </c>
      <c r="N9003" s="5" t="s">
        <v>24254</v>
      </c>
      <c r="O9003" s="5" t="s">
        <v>38</v>
      </c>
      <c r="P9003" s="5" t="s">
        <v>39</v>
      </c>
      <c r="Q9003" s="5" t="s">
        <v>40</v>
      </c>
      <c r="R9003" s="5" t="s">
        <v>24335</v>
      </c>
      <c r="S9003" s="5" t="s">
        <v>40</v>
      </c>
      <c r="T9003" s="5" t="s">
        <v>42</v>
      </c>
      <c r="U9003" s="2">
        <v>23.96</v>
      </c>
      <c r="V9003" s="2">
        <v>21.827000000000002</v>
      </c>
      <c r="W9003" s="2">
        <v>0.104</v>
      </c>
      <c r="X9003" s="2">
        <v>12</v>
      </c>
      <c r="Y9003" s="2">
        <v>50</v>
      </c>
      <c r="Z9003" s="2">
        <v>193.9</v>
      </c>
      <c r="AA9003" s="5">
        <v>10</v>
      </c>
      <c r="AB9003" s="5" t="s">
        <v>43</v>
      </c>
      <c r="AC9003" s="5" t="s">
        <v>44</v>
      </c>
      <c r="AD9003" s="2" t="s">
        <v>27378</v>
      </c>
      <c r="AE9003" s="1"/>
    </row>
    <row r="9004" spans="1:31" ht="14.45">
      <c r="A9004" s="5"/>
      <c r="B9004" s="21"/>
      <c r="C9004" s="2" t="s">
        <v>27633</v>
      </c>
      <c r="D9004" s="14" t="s">
        <v>27634</v>
      </c>
      <c r="E9004" s="2" t="s">
        <v>27635</v>
      </c>
      <c r="F9004" s="2" t="s">
        <v>27361</v>
      </c>
      <c r="G9004" s="8">
        <v>1225</v>
      </c>
      <c r="H9004" s="5">
        <v>15</v>
      </c>
      <c r="I9004" s="5" t="s">
        <v>69</v>
      </c>
      <c r="J9004" s="5" t="s">
        <v>27074</v>
      </c>
      <c r="K9004" s="2" t="s">
        <v>27075</v>
      </c>
      <c r="L9004" s="5" t="s">
        <v>27074</v>
      </c>
      <c r="M9004" s="2" t="s">
        <v>27075</v>
      </c>
      <c r="N9004" s="5" t="s">
        <v>24254</v>
      </c>
      <c r="O9004" s="5" t="s">
        <v>38</v>
      </c>
      <c r="P9004" s="5" t="s">
        <v>39</v>
      </c>
      <c r="Q9004" s="5" t="s">
        <v>40</v>
      </c>
      <c r="R9004" s="5" t="s">
        <v>24340</v>
      </c>
      <c r="S9004" s="5" t="s">
        <v>40</v>
      </c>
      <c r="T9004" s="5" t="s">
        <v>42</v>
      </c>
      <c r="U9004" s="2">
        <v>34.514000000000003</v>
      </c>
      <c r="V9004" s="2">
        <v>30.591000000000001</v>
      </c>
      <c r="W9004" s="2">
        <v>0.187</v>
      </c>
      <c r="X9004" s="2">
        <v>12</v>
      </c>
      <c r="Y9004" s="2">
        <v>50</v>
      </c>
      <c r="Z9004" s="2">
        <v>312.39999999999998</v>
      </c>
      <c r="AA9004" s="5">
        <v>10</v>
      </c>
      <c r="AB9004" s="5" t="s">
        <v>43</v>
      </c>
      <c r="AC9004" s="5" t="s">
        <v>44</v>
      </c>
      <c r="AD9004" s="2" t="s">
        <v>27382</v>
      </c>
      <c r="AE9004" s="1"/>
    </row>
    <row r="9005" spans="1:31" ht="14.45">
      <c r="A9005" s="5"/>
      <c r="B9005" s="21"/>
      <c r="C9005" s="2" t="s">
        <v>27636</v>
      </c>
      <c r="D9005" s="14" t="s">
        <v>27637</v>
      </c>
      <c r="E9005" s="2" t="s">
        <v>27638</v>
      </c>
      <c r="F9005" s="2"/>
      <c r="G9005" s="8">
        <v>561</v>
      </c>
      <c r="H9005" s="5">
        <v>15</v>
      </c>
      <c r="I9005" s="5" t="s">
        <v>69</v>
      </c>
      <c r="J9005" s="5" t="s">
        <v>27074</v>
      </c>
      <c r="K9005" s="2" t="s">
        <v>27075</v>
      </c>
      <c r="L9005" s="5" t="s">
        <v>27074</v>
      </c>
      <c r="M9005" s="2" t="s">
        <v>27075</v>
      </c>
      <c r="N9005" s="5" t="s">
        <v>24254</v>
      </c>
      <c r="O9005" s="5" t="s">
        <v>38</v>
      </c>
      <c r="P9005" s="5" t="s">
        <v>39</v>
      </c>
      <c r="Q9005" s="5" t="s">
        <v>40</v>
      </c>
      <c r="R9005" s="5" t="s">
        <v>25301</v>
      </c>
      <c r="S9005" s="5" t="s">
        <v>40</v>
      </c>
      <c r="T9005" s="5" t="s">
        <v>42</v>
      </c>
      <c r="U9005" s="2">
        <v>20.946000000000002</v>
      </c>
      <c r="V9005" s="2">
        <v>18.812999999999999</v>
      </c>
      <c r="W9005" s="2">
        <v>0.104</v>
      </c>
      <c r="X9005" s="2">
        <v>12</v>
      </c>
      <c r="Y9005" s="2">
        <v>50</v>
      </c>
      <c r="Z9005" s="2">
        <v>193.9</v>
      </c>
      <c r="AA9005" s="5">
        <v>10</v>
      </c>
      <c r="AB9005" s="5" t="s">
        <v>43</v>
      </c>
      <c r="AC9005" s="5" t="s">
        <v>44</v>
      </c>
      <c r="AD9005" s="2" t="s">
        <v>27386</v>
      </c>
      <c r="AE9005" s="1"/>
    </row>
    <row r="9006" spans="1:31" ht="14.45">
      <c r="A9006" s="5"/>
      <c r="B9006" s="21"/>
      <c r="C9006" s="2" t="s">
        <v>27639</v>
      </c>
      <c r="D9006" s="14" t="s">
        <v>27640</v>
      </c>
      <c r="E9006" s="2" t="s">
        <v>27641</v>
      </c>
      <c r="F9006" s="2" t="s">
        <v>27284</v>
      </c>
      <c r="G9006" s="8">
        <v>268</v>
      </c>
      <c r="H9006" s="5">
        <v>5</v>
      </c>
      <c r="I9006" s="5" t="s">
        <v>69</v>
      </c>
      <c r="J9006" s="5" t="s">
        <v>27074</v>
      </c>
      <c r="K9006" s="2" t="s">
        <v>27075</v>
      </c>
      <c r="L9006" s="5" t="s">
        <v>27074</v>
      </c>
      <c r="M9006" s="2" t="s">
        <v>27075</v>
      </c>
      <c r="N9006" s="5" t="s">
        <v>24254</v>
      </c>
      <c r="O9006" s="5" t="s">
        <v>38</v>
      </c>
      <c r="P9006" s="5" t="s">
        <v>39</v>
      </c>
      <c r="Q9006" s="5" t="s">
        <v>40</v>
      </c>
      <c r="R9006" s="5" t="s">
        <v>24335</v>
      </c>
      <c r="S9006" s="5" t="s">
        <v>40</v>
      </c>
      <c r="T9006" s="5" t="s">
        <v>42</v>
      </c>
      <c r="U9006" s="2">
        <v>9.9779999999999998</v>
      </c>
      <c r="V9006" s="2">
        <v>8.0619999999999994</v>
      </c>
      <c r="W9006" s="2">
        <v>0.11899999999999999</v>
      </c>
      <c r="X9006" s="2">
        <v>12</v>
      </c>
      <c r="Y9006" s="2">
        <v>62</v>
      </c>
      <c r="Z9006" s="2">
        <v>159.9</v>
      </c>
      <c r="AA9006" s="5">
        <v>10</v>
      </c>
      <c r="AB9006" s="5" t="s">
        <v>43</v>
      </c>
      <c r="AC9006" s="5" t="s">
        <v>44</v>
      </c>
      <c r="AD9006" s="2" t="s">
        <v>27642</v>
      </c>
      <c r="AE9006" s="1"/>
    </row>
    <row r="9007" spans="1:31" ht="14.45">
      <c r="A9007" s="5"/>
      <c r="B9007" s="21"/>
      <c r="C9007" s="2" t="s">
        <v>27643</v>
      </c>
      <c r="D9007" s="14" t="s">
        <v>27644</v>
      </c>
      <c r="E9007" s="2" t="s">
        <v>27645</v>
      </c>
      <c r="F9007" s="2" t="s">
        <v>27284</v>
      </c>
      <c r="G9007" s="8">
        <v>602</v>
      </c>
      <c r="H9007" s="5">
        <v>10</v>
      </c>
      <c r="I9007" s="5" t="s">
        <v>69</v>
      </c>
      <c r="J9007" s="5" t="s">
        <v>27074</v>
      </c>
      <c r="K9007" s="2" t="s">
        <v>27075</v>
      </c>
      <c r="L9007" s="5" t="s">
        <v>27074</v>
      </c>
      <c r="M9007" s="2" t="s">
        <v>27075</v>
      </c>
      <c r="N9007" s="5" t="s">
        <v>24254</v>
      </c>
      <c r="O9007" s="5" t="s">
        <v>38</v>
      </c>
      <c r="P9007" s="5" t="s">
        <v>39</v>
      </c>
      <c r="Q9007" s="5" t="s">
        <v>40</v>
      </c>
      <c r="R9007" s="5" t="s">
        <v>24335</v>
      </c>
      <c r="S9007" s="5" t="s">
        <v>40</v>
      </c>
      <c r="T9007" s="5" t="s">
        <v>42</v>
      </c>
      <c r="U9007" s="2">
        <v>16.393000000000001</v>
      </c>
      <c r="V9007" s="2">
        <v>16.274999999999999</v>
      </c>
      <c r="W9007" s="2">
        <v>0.17399999999999999</v>
      </c>
      <c r="X9007" s="2">
        <v>12</v>
      </c>
      <c r="Y9007" s="2">
        <v>62</v>
      </c>
      <c r="Z9007" s="2">
        <v>234.1</v>
      </c>
      <c r="AA9007" s="5">
        <v>10</v>
      </c>
      <c r="AB9007" s="5" t="s">
        <v>43</v>
      </c>
      <c r="AC9007" s="5" t="s">
        <v>44</v>
      </c>
      <c r="AD9007" s="2" t="s">
        <v>27646</v>
      </c>
      <c r="AE9007" s="1"/>
    </row>
    <row r="9008" spans="1:31" ht="14.45">
      <c r="A9008" s="5"/>
      <c r="B9008" s="21"/>
      <c r="C9008" s="2" t="s">
        <v>27647</v>
      </c>
      <c r="D9008" s="14" t="s">
        <v>27648</v>
      </c>
      <c r="E9008" s="2" t="s">
        <v>27649</v>
      </c>
      <c r="F9008" s="2"/>
      <c r="G9008" s="8">
        <v>1397</v>
      </c>
      <c r="H9008" s="5">
        <v>15</v>
      </c>
      <c r="I9008" s="5" t="s">
        <v>69</v>
      </c>
      <c r="J9008" s="5" t="s">
        <v>27074</v>
      </c>
      <c r="K9008" s="2" t="s">
        <v>27075</v>
      </c>
      <c r="L9008" s="5" t="s">
        <v>27074</v>
      </c>
      <c r="M9008" s="2" t="s">
        <v>27075</v>
      </c>
      <c r="N9008" s="5" t="s">
        <v>24254</v>
      </c>
      <c r="O9008" s="5" t="s">
        <v>38</v>
      </c>
      <c r="P9008" s="5" t="s">
        <v>39</v>
      </c>
      <c r="Q9008" s="5" t="s">
        <v>40</v>
      </c>
      <c r="R9008" s="5" t="s">
        <v>24335</v>
      </c>
      <c r="S9008" s="5" t="s">
        <v>40</v>
      </c>
      <c r="T9008" s="5" t="s">
        <v>42</v>
      </c>
      <c r="U9008" s="2">
        <v>24.803000000000001</v>
      </c>
      <c r="V9008" s="2">
        <v>19.539000000000001</v>
      </c>
      <c r="W9008" s="2">
        <v>0.375</v>
      </c>
      <c r="X9008" s="2">
        <v>24</v>
      </c>
      <c r="Y9008" s="2">
        <v>50</v>
      </c>
      <c r="Z9008" s="2">
        <v>312.39999999999998</v>
      </c>
      <c r="AA9008" s="5">
        <v>10</v>
      </c>
      <c r="AB9008" s="5" t="s">
        <v>43</v>
      </c>
      <c r="AC9008" s="5" t="s">
        <v>44</v>
      </c>
      <c r="AD9008" s="2" t="s">
        <v>27650</v>
      </c>
      <c r="AE9008" s="1"/>
    </row>
    <row r="9009" spans="1:31" ht="14.45">
      <c r="A9009" s="5"/>
      <c r="B9009" s="21"/>
      <c r="C9009" s="2" t="s">
        <v>27651</v>
      </c>
      <c r="D9009" s="14" t="s">
        <v>27652</v>
      </c>
      <c r="E9009" s="2" t="s">
        <v>27653</v>
      </c>
      <c r="F9009" s="2"/>
      <c r="G9009" s="8">
        <v>282</v>
      </c>
      <c r="H9009" s="5">
        <v>5</v>
      </c>
      <c r="I9009" s="5" t="s">
        <v>69</v>
      </c>
      <c r="J9009" s="5" t="s">
        <v>27074</v>
      </c>
      <c r="K9009" s="2" t="s">
        <v>27075</v>
      </c>
      <c r="L9009" s="5" t="s">
        <v>27074</v>
      </c>
      <c r="M9009" s="2" t="s">
        <v>27075</v>
      </c>
      <c r="N9009" s="5" t="s">
        <v>24254</v>
      </c>
      <c r="O9009" s="5" t="s">
        <v>38</v>
      </c>
      <c r="P9009" s="5" t="s">
        <v>39</v>
      </c>
      <c r="Q9009" s="5" t="s">
        <v>40</v>
      </c>
      <c r="R9009" s="5" t="s">
        <v>24335</v>
      </c>
      <c r="S9009" s="5" t="s">
        <v>40</v>
      </c>
      <c r="T9009" s="5" t="s">
        <v>42</v>
      </c>
      <c r="U9009" s="2">
        <v>11.359</v>
      </c>
      <c r="V9009" s="2">
        <v>8.5559999999999992</v>
      </c>
      <c r="W9009" s="2">
        <v>0.11899999999999999</v>
      </c>
      <c r="X9009" s="2">
        <v>12</v>
      </c>
      <c r="Y9009" s="2">
        <v>62</v>
      </c>
      <c r="Z9009" s="2">
        <v>199.7</v>
      </c>
      <c r="AA9009" s="5">
        <v>10</v>
      </c>
      <c r="AB9009" s="5" t="s">
        <v>43</v>
      </c>
      <c r="AC9009" s="5" t="s">
        <v>44</v>
      </c>
      <c r="AD9009" s="2" t="s">
        <v>27642</v>
      </c>
      <c r="AE9009" s="1"/>
    </row>
    <row r="9010" spans="1:31" ht="14.45">
      <c r="A9010" s="5"/>
      <c r="B9010" s="21"/>
      <c r="C9010" s="2" t="s">
        <v>27654</v>
      </c>
      <c r="D9010" s="14" t="s">
        <v>27655</v>
      </c>
      <c r="E9010" s="2" t="s">
        <v>27656</v>
      </c>
      <c r="F9010" s="2" t="s">
        <v>27284</v>
      </c>
      <c r="G9010" s="8">
        <v>634</v>
      </c>
      <c r="H9010" s="5">
        <v>10</v>
      </c>
      <c r="I9010" s="5" t="s">
        <v>69</v>
      </c>
      <c r="J9010" s="5" t="s">
        <v>27074</v>
      </c>
      <c r="K9010" s="2" t="s">
        <v>27075</v>
      </c>
      <c r="L9010" s="5" t="s">
        <v>27074</v>
      </c>
      <c r="M9010" s="2" t="s">
        <v>27075</v>
      </c>
      <c r="N9010" s="5" t="s">
        <v>24254</v>
      </c>
      <c r="O9010" s="5" t="s">
        <v>38</v>
      </c>
      <c r="P9010" s="5" t="s">
        <v>39</v>
      </c>
      <c r="Q9010" s="5" t="s">
        <v>40</v>
      </c>
      <c r="R9010" s="5" t="s">
        <v>24335</v>
      </c>
      <c r="S9010" s="5" t="s">
        <v>40</v>
      </c>
      <c r="T9010" s="5" t="s">
        <v>42</v>
      </c>
      <c r="U9010" s="2">
        <v>17.231999999999999</v>
      </c>
      <c r="V9010" s="2">
        <v>17.129000000000001</v>
      </c>
      <c r="W9010" s="2">
        <v>0.17399999999999999</v>
      </c>
      <c r="X9010" s="2">
        <v>12</v>
      </c>
      <c r="Y9010" s="2">
        <v>62</v>
      </c>
      <c r="Z9010" s="2">
        <v>234.1</v>
      </c>
      <c r="AA9010" s="5">
        <v>10</v>
      </c>
      <c r="AB9010" s="5" t="s">
        <v>43</v>
      </c>
      <c r="AC9010" s="5" t="s">
        <v>44</v>
      </c>
      <c r="AD9010" s="2" t="s">
        <v>27646</v>
      </c>
      <c r="AE9010" s="1"/>
    </row>
    <row r="9011" spans="1:31" ht="14.45">
      <c r="A9011" s="5"/>
      <c r="B9011" s="21"/>
      <c r="C9011" s="2" t="s">
        <v>27657</v>
      </c>
      <c r="D9011" s="14" t="s">
        <v>27658</v>
      </c>
      <c r="E9011" s="2" t="s">
        <v>27659</v>
      </c>
      <c r="F9011" s="2"/>
      <c r="G9011" s="8">
        <v>1471</v>
      </c>
      <c r="H9011" s="5">
        <v>15</v>
      </c>
      <c r="I9011" s="5" t="s">
        <v>69</v>
      </c>
      <c r="J9011" s="5" t="s">
        <v>27074</v>
      </c>
      <c r="K9011" s="2" t="s">
        <v>27075</v>
      </c>
      <c r="L9011" s="5" t="s">
        <v>27074</v>
      </c>
      <c r="M9011" s="2" t="s">
        <v>27075</v>
      </c>
      <c r="N9011" s="5" t="s">
        <v>24254</v>
      </c>
      <c r="O9011" s="5" t="s">
        <v>38</v>
      </c>
      <c r="P9011" s="5" t="s">
        <v>39</v>
      </c>
      <c r="Q9011" s="5" t="s">
        <v>40</v>
      </c>
      <c r="R9011" s="5" t="s">
        <v>24335</v>
      </c>
      <c r="S9011" s="5" t="s">
        <v>40</v>
      </c>
      <c r="T9011" s="5" t="s">
        <v>42</v>
      </c>
      <c r="U9011" s="2">
        <v>26.015000000000001</v>
      </c>
      <c r="V9011" s="2">
        <v>20.765999999999998</v>
      </c>
      <c r="W9011" s="2">
        <v>0.375</v>
      </c>
      <c r="X9011" s="2">
        <v>24</v>
      </c>
      <c r="Y9011" s="2">
        <v>50</v>
      </c>
      <c r="Z9011" s="2">
        <v>312.39999999999998</v>
      </c>
      <c r="AA9011" s="5">
        <v>10</v>
      </c>
      <c r="AB9011" s="5" t="s">
        <v>43</v>
      </c>
      <c r="AC9011" s="5" t="s">
        <v>44</v>
      </c>
      <c r="AD9011" s="2" t="s">
        <v>27650</v>
      </c>
      <c r="AE9011" s="1"/>
    </row>
    <row r="9012" spans="1:31" ht="14.45">
      <c r="A9012" s="5"/>
      <c r="B9012" s="21"/>
      <c r="C9012" s="2" t="s">
        <v>27660</v>
      </c>
      <c r="D9012" s="14" t="s">
        <v>27661</v>
      </c>
      <c r="E9012" s="2" t="s">
        <v>27662</v>
      </c>
      <c r="F9012" s="2"/>
      <c r="G9012" s="8">
        <v>296</v>
      </c>
      <c r="H9012" s="5">
        <v>5</v>
      </c>
      <c r="I9012" s="5" t="s">
        <v>69</v>
      </c>
      <c r="J9012" s="5" t="s">
        <v>27074</v>
      </c>
      <c r="K9012" s="2" t="s">
        <v>27075</v>
      </c>
      <c r="L9012" s="5" t="s">
        <v>27074</v>
      </c>
      <c r="M9012" s="2" t="s">
        <v>27075</v>
      </c>
      <c r="N9012" s="5" t="s">
        <v>24254</v>
      </c>
      <c r="O9012" s="5" t="s">
        <v>38</v>
      </c>
      <c r="P9012" s="5" t="s">
        <v>39</v>
      </c>
      <c r="Q9012" s="5" t="s">
        <v>40</v>
      </c>
      <c r="R9012" s="5" t="s">
        <v>24335</v>
      </c>
      <c r="S9012" s="5" t="s">
        <v>40</v>
      </c>
      <c r="T9012" s="5" t="s">
        <v>42</v>
      </c>
      <c r="U9012" s="2">
        <v>11.863</v>
      </c>
      <c r="V9012" s="2">
        <v>9.0449999999999999</v>
      </c>
      <c r="W9012" s="2">
        <v>0.129</v>
      </c>
      <c r="X9012" s="2">
        <v>12</v>
      </c>
      <c r="Y9012" s="2">
        <v>62</v>
      </c>
      <c r="Z9012" s="2">
        <v>199.7</v>
      </c>
      <c r="AA9012" s="5">
        <v>10</v>
      </c>
      <c r="AB9012" s="5" t="s">
        <v>43</v>
      </c>
      <c r="AC9012" s="5" t="s">
        <v>44</v>
      </c>
      <c r="AD9012" s="2" t="s">
        <v>27642</v>
      </c>
      <c r="AE9012" s="1"/>
    </row>
    <row r="9013" spans="1:31" ht="14.45">
      <c r="A9013" s="5"/>
      <c r="B9013" s="21"/>
      <c r="C9013" s="2" t="s">
        <v>27663</v>
      </c>
      <c r="D9013" s="14" t="s">
        <v>27664</v>
      </c>
      <c r="E9013" s="2" t="s">
        <v>27665</v>
      </c>
      <c r="F9013" s="2" t="s">
        <v>27284</v>
      </c>
      <c r="G9013" s="8">
        <v>666</v>
      </c>
      <c r="H9013" s="5">
        <v>10</v>
      </c>
      <c r="I9013" s="5" t="s">
        <v>69</v>
      </c>
      <c r="J9013" s="5" t="s">
        <v>27074</v>
      </c>
      <c r="K9013" s="2" t="s">
        <v>27075</v>
      </c>
      <c r="L9013" s="5" t="s">
        <v>27074</v>
      </c>
      <c r="M9013" s="2" t="s">
        <v>27075</v>
      </c>
      <c r="N9013" s="5" t="s">
        <v>24254</v>
      </c>
      <c r="O9013" s="5" t="s">
        <v>38</v>
      </c>
      <c r="P9013" s="5" t="s">
        <v>39</v>
      </c>
      <c r="Q9013" s="5" t="s">
        <v>40</v>
      </c>
      <c r="R9013" s="5" t="s">
        <v>24335</v>
      </c>
      <c r="S9013" s="5" t="s">
        <v>40</v>
      </c>
      <c r="T9013" s="5" t="s">
        <v>42</v>
      </c>
      <c r="U9013" s="2">
        <v>18.145</v>
      </c>
      <c r="V9013" s="2">
        <v>18.027000000000001</v>
      </c>
      <c r="W9013" s="2">
        <v>0.17399999999999999</v>
      </c>
      <c r="X9013" s="2">
        <v>12</v>
      </c>
      <c r="Y9013" s="2">
        <v>62</v>
      </c>
      <c r="Z9013" s="2">
        <v>234.1</v>
      </c>
      <c r="AA9013" s="5">
        <v>10</v>
      </c>
      <c r="AB9013" s="5" t="s">
        <v>43</v>
      </c>
      <c r="AC9013" s="5" t="s">
        <v>44</v>
      </c>
      <c r="AD9013" s="2" t="s">
        <v>27646</v>
      </c>
      <c r="AE9013" s="1"/>
    </row>
    <row r="9014" spans="1:31" ht="14.45">
      <c r="A9014" s="5"/>
      <c r="B9014" s="21"/>
      <c r="C9014" s="2" t="s">
        <v>27666</v>
      </c>
      <c r="D9014" s="14" t="s">
        <v>27667</v>
      </c>
      <c r="E9014" s="2" t="s">
        <v>27668</v>
      </c>
      <c r="F9014" s="2"/>
      <c r="G9014" s="8">
        <v>1544</v>
      </c>
      <c r="H9014" s="5">
        <v>15</v>
      </c>
      <c r="I9014" s="5" t="s">
        <v>69</v>
      </c>
      <c r="J9014" s="5" t="s">
        <v>27074</v>
      </c>
      <c r="K9014" s="2" t="s">
        <v>27075</v>
      </c>
      <c r="L9014" s="5" t="s">
        <v>27074</v>
      </c>
      <c r="M9014" s="2" t="s">
        <v>27075</v>
      </c>
      <c r="N9014" s="5" t="s">
        <v>24254</v>
      </c>
      <c r="O9014" s="5" t="s">
        <v>38</v>
      </c>
      <c r="P9014" s="5" t="s">
        <v>39</v>
      </c>
      <c r="Q9014" s="5" t="s">
        <v>40</v>
      </c>
      <c r="R9014" s="5" t="s">
        <v>24335</v>
      </c>
      <c r="S9014" s="5" t="s">
        <v>40</v>
      </c>
      <c r="T9014" s="5" t="s">
        <v>42</v>
      </c>
      <c r="U9014" s="2">
        <v>27.337</v>
      </c>
      <c r="V9014" s="2">
        <v>22.073</v>
      </c>
      <c r="W9014" s="2">
        <v>0.375</v>
      </c>
      <c r="X9014" s="2">
        <v>24</v>
      </c>
      <c r="Y9014" s="2">
        <v>50</v>
      </c>
      <c r="Z9014" s="2">
        <v>312.39999999999998</v>
      </c>
      <c r="AA9014" s="5">
        <v>10</v>
      </c>
      <c r="AB9014" s="5" t="s">
        <v>43</v>
      </c>
      <c r="AC9014" s="5" t="s">
        <v>44</v>
      </c>
      <c r="AD9014" s="2" t="s">
        <v>27650</v>
      </c>
      <c r="AE9014" s="1"/>
    </row>
    <row r="9015" spans="1:31" ht="14.45">
      <c r="A9015" s="5"/>
      <c r="B9015" s="21"/>
      <c r="C9015" s="2" t="s">
        <v>27669</v>
      </c>
      <c r="D9015" s="14" t="s">
        <v>27670</v>
      </c>
      <c r="E9015" s="2" t="s">
        <v>27671</v>
      </c>
      <c r="F9015" s="2" t="s">
        <v>27284</v>
      </c>
      <c r="G9015" s="8">
        <v>344</v>
      </c>
      <c r="H9015" s="5">
        <v>5</v>
      </c>
      <c r="I9015" s="5" t="s">
        <v>69</v>
      </c>
      <c r="J9015" s="5" t="s">
        <v>27074</v>
      </c>
      <c r="K9015" s="2" t="s">
        <v>27075</v>
      </c>
      <c r="L9015" s="5" t="s">
        <v>27074</v>
      </c>
      <c r="M9015" s="2" t="s">
        <v>27075</v>
      </c>
      <c r="N9015" s="5" t="s">
        <v>24254</v>
      </c>
      <c r="O9015" s="5" t="s">
        <v>38</v>
      </c>
      <c r="P9015" s="5" t="s">
        <v>39</v>
      </c>
      <c r="Q9015" s="5" t="s">
        <v>40</v>
      </c>
      <c r="R9015" s="5" t="s">
        <v>24335</v>
      </c>
      <c r="S9015" s="5" t="s">
        <v>40</v>
      </c>
      <c r="T9015" s="5" t="s">
        <v>42</v>
      </c>
      <c r="U9015" s="2">
        <v>12.807</v>
      </c>
      <c r="V9015" s="2">
        <v>9.9890000000000008</v>
      </c>
      <c r="W9015" s="2">
        <v>0.14899999999999999</v>
      </c>
      <c r="X9015" s="2">
        <v>12</v>
      </c>
      <c r="Y9015" s="2">
        <v>62</v>
      </c>
      <c r="Z9015" s="2">
        <v>199.7</v>
      </c>
      <c r="AA9015" s="5">
        <v>10</v>
      </c>
      <c r="AB9015" s="5" t="s">
        <v>43</v>
      </c>
      <c r="AC9015" s="5" t="s">
        <v>44</v>
      </c>
      <c r="AD9015" s="2" t="s">
        <v>27642</v>
      </c>
      <c r="AE9015" s="1"/>
    </row>
    <row r="9016" spans="1:31" ht="14.45">
      <c r="A9016" s="5"/>
      <c r="B9016" s="21"/>
      <c r="C9016" s="2" t="s">
        <v>27672</v>
      </c>
      <c r="D9016" s="14" t="s">
        <v>27673</v>
      </c>
      <c r="E9016" s="2" t="s">
        <v>27674</v>
      </c>
      <c r="F9016" s="2" t="s">
        <v>27284</v>
      </c>
      <c r="G9016" s="8">
        <v>321</v>
      </c>
      <c r="H9016" s="5">
        <v>5</v>
      </c>
      <c r="I9016" s="5" t="s">
        <v>69</v>
      </c>
      <c r="J9016" s="5" t="s">
        <v>27074</v>
      </c>
      <c r="K9016" s="2" t="s">
        <v>27075</v>
      </c>
      <c r="L9016" s="5" t="s">
        <v>27074</v>
      </c>
      <c r="M9016" s="2" t="s">
        <v>27075</v>
      </c>
      <c r="N9016" s="5" t="s">
        <v>24254</v>
      </c>
      <c r="O9016" s="5" t="s">
        <v>38</v>
      </c>
      <c r="P9016" s="5" t="s">
        <v>39</v>
      </c>
      <c r="Q9016" s="5" t="s">
        <v>40</v>
      </c>
      <c r="R9016" s="5" t="s">
        <v>24335</v>
      </c>
      <c r="S9016" s="5" t="s">
        <v>40</v>
      </c>
      <c r="T9016" s="5" t="s">
        <v>42</v>
      </c>
      <c r="U9016" s="2">
        <v>11.707000000000001</v>
      </c>
      <c r="V9016" s="2">
        <v>8.9039999999999999</v>
      </c>
      <c r="W9016" s="2">
        <v>0.11899999999999999</v>
      </c>
      <c r="X9016" s="2">
        <v>12</v>
      </c>
      <c r="Y9016" s="2">
        <v>62</v>
      </c>
      <c r="Z9016" s="2">
        <v>199.7</v>
      </c>
      <c r="AA9016" s="5">
        <v>10</v>
      </c>
      <c r="AB9016" s="5" t="s">
        <v>43</v>
      </c>
      <c r="AC9016" s="5" t="s">
        <v>44</v>
      </c>
      <c r="AD9016" s="2" t="s">
        <v>27642</v>
      </c>
      <c r="AE9016" s="1"/>
    </row>
    <row r="9017" spans="1:31" ht="14.45">
      <c r="A9017" s="5"/>
      <c r="B9017" s="21"/>
      <c r="C9017" s="2" t="s">
        <v>27675</v>
      </c>
      <c r="D9017" s="14" t="s">
        <v>27676</v>
      </c>
      <c r="E9017" s="2" t="s">
        <v>27677</v>
      </c>
      <c r="F9017" s="2" t="s">
        <v>27284</v>
      </c>
      <c r="G9017" s="8">
        <v>723</v>
      </c>
      <c r="H9017" s="5">
        <v>10</v>
      </c>
      <c r="I9017" s="5" t="s">
        <v>69</v>
      </c>
      <c r="J9017" s="5" t="s">
        <v>27074</v>
      </c>
      <c r="K9017" s="2" t="s">
        <v>27075</v>
      </c>
      <c r="L9017" s="5" t="s">
        <v>27074</v>
      </c>
      <c r="M9017" s="2" t="s">
        <v>27075</v>
      </c>
      <c r="N9017" s="5" t="s">
        <v>24254</v>
      </c>
      <c r="O9017" s="5" t="s">
        <v>38</v>
      </c>
      <c r="P9017" s="5" t="s">
        <v>39</v>
      </c>
      <c r="Q9017" s="5" t="s">
        <v>40</v>
      </c>
      <c r="R9017" s="5" t="s">
        <v>24335</v>
      </c>
      <c r="S9017" s="5" t="s">
        <v>40</v>
      </c>
      <c r="T9017" s="5" t="s">
        <v>42</v>
      </c>
      <c r="U9017" s="2">
        <v>18.849</v>
      </c>
      <c r="V9017" s="2">
        <v>15.858000000000001</v>
      </c>
      <c r="W9017" s="2">
        <v>0.187</v>
      </c>
      <c r="X9017" s="2">
        <v>12</v>
      </c>
      <c r="Y9017" s="2">
        <v>50</v>
      </c>
      <c r="Z9017" s="2">
        <v>312.39999999999998</v>
      </c>
      <c r="AA9017" s="5">
        <v>10</v>
      </c>
      <c r="AB9017" s="5" t="s">
        <v>43</v>
      </c>
      <c r="AC9017" s="5" t="s">
        <v>44</v>
      </c>
      <c r="AD9017" s="2" t="s">
        <v>27646</v>
      </c>
      <c r="AE9017" s="1"/>
    </row>
    <row r="9018" spans="1:31" ht="14.45">
      <c r="A9018" s="5"/>
      <c r="B9018" s="21"/>
      <c r="C9018" s="2" t="s">
        <v>27678</v>
      </c>
      <c r="D9018" s="14" t="s">
        <v>27679</v>
      </c>
      <c r="E9018" s="2" t="s">
        <v>27680</v>
      </c>
      <c r="F9018" s="2" t="s">
        <v>27284</v>
      </c>
      <c r="G9018" s="8">
        <v>338</v>
      </c>
      <c r="H9018" s="5">
        <v>5</v>
      </c>
      <c r="I9018" s="5" t="s">
        <v>69</v>
      </c>
      <c r="J9018" s="5" t="s">
        <v>27074</v>
      </c>
      <c r="K9018" s="2" t="s">
        <v>27075</v>
      </c>
      <c r="L9018" s="5" t="s">
        <v>27074</v>
      </c>
      <c r="M9018" s="2" t="s">
        <v>27075</v>
      </c>
      <c r="N9018" s="5" t="s">
        <v>24254</v>
      </c>
      <c r="O9018" s="5" t="s">
        <v>38</v>
      </c>
      <c r="P9018" s="5" t="s">
        <v>39</v>
      </c>
      <c r="Q9018" s="5" t="s">
        <v>40</v>
      </c>
      <c r="R9018" s="5" t="s">
        <v>24335</v>
      </c>
      <c r="S9018" s="5" t="s">
        <v>40</v>
      </c>
      <c r="T9018" s="5" t="s">
        <v>42</v>
      </c>
      <c r="U9018" s="2">
        <v>12.211</v>
      </c>
      <c r="V9018" s="2">
        <v>9.3930000000000007</v>
      </c>
      <c r="W9018" s="2">
        <v>0.129</v>
      </c>
      <c r="X9018" s="2">
        <v>12</v>
      </c>
      <c r="Y9018" s="2">
        <v>62</v>
      </c>
      <c r="Z9018" s="2">
        <v>199.7</v>
      </c>
      <c r="AA9018" s="5">
        <v>10</v>
      </c>
      <c r="AB9018" s="5" t="s">
        <v>43</v>
      </c>
      <c r="AC9018" s="5" t="s">
        <v>44</v>
      </c>
      <c r="AD9018" s="2" t="s">
        <v>27642</v>
      </c>
      <c r="AE9018" s="1"/>
    </row>
    <row r="9019" spans="1:31" ht="14.45">
      <c r="A9019" s="5"/>
      <c r="B9019" s="21"/>
      <c r="C9019" s="2" t="s">
        <v>27681</v>
      </c>
      <c r="D9019" s="14" t="s">
        <v>27682</v>
      </c>
      <c r="E9019" s="2" t="s">
        <v>27683</v>
      </c>
      <c r="F9019" s="2" t="s">
        <v>27284</v>
      </c>
      <c r="G9019" s="8">
        <v>761</v>
      </c>
      <c r="H9019" s="5">
        <v>10</v>
      </c>
      <c r="I9019" s="5" t="s">
        <v>69</v>
      </c>
      <c r="J9019" s="5" t="s">
        <v>27074</v>
      </c>
      <c r="K9019" s="2" t="s">
        <v>27075</v>
      </c>
      <c r="L9019" s="5" t="s">
        <v>27074</v>
      </c>
      <c r="M9019" s="2" t="s">
        <v>27075</v>
      </c>
      <c r="N9019" s="5" t="s">
        <v>24254</v>
      </c>
      <c r="O9019" s="5" t="s">
        <v>38</v>
      </c>
      <c r="P9019" s="5" t="s">
        <v>39</v>
      </c>
      <c r="Q9019" s="5" t="s">
        <v>40</v>
      </c>
      <c r="R9019" s="5" t="s">
        <v>24335</v>
      </c>
      <c r="S9019" s="5" t="s">
        <v>40</v>
      </c>
      <c r="T9019" s="5" t="s">
        <v>42</v>
      </c>
      <c r="U9019" s="2">
        <v>19.762</v>
      </c>
      <c r="V9019" s="2">
        <v>16.756</v>
      </c>
      <c r="W9019" s="2">
        <v>0.187</v>
      </c>
      <c r="X9019" s="2">
        <v>12</v>
      </c>
      <c r="Y9019" s="2">
        <v>50</v>
      </c>
      <c r="Z9019" s="2">
        <v>312.39999999999998</v>
      </c>
      <c r="AA9019" s="5">
        <v>10</v>
      </c>
      <c r="AB9019" s="5" t="s">
        <v>43</v>
      </c>
      <c r="AC9019" s="5" t="s">
        <v>44</v>
      </c>
      <c r="AD9019" s="2" t="s">
        <v>27646</v>
      </c>
      <c r="AE9019" s="1"/>
    </row>
    <row r="9020" spans="1:31" ht="14.45">
      <c r="A9020" s="5"/>
      <c r="B9020" s="21"/>
      <c r="C9020" s="2" t="s">
        <v>27684</v>
      </c>
      <c r="D9020" s="14" t="s">
        <v>27685</v>
      </c>
      <c r="E9020" s="2" t="s">
        <v>27686</v>
      </c>
      <c r="F9020" s="2" t="s">
        <v>27284</v>
      </c>
      <c r="G9020" s="8">
        <v>358</v>
      </c>
      <c r="H9020" s="5">
        <v>5</v>
      </c>
      <c r="I9020" s="5" t="s">
        <v>69</v>
      </c>
      <c r="J9020" s="5" t="s">
        <v>27074</v>
      </c>
      <c r="K9020" s="2" t="s">
        <v>27075</v>
      </c>
      <c r="L9020" s="5" t="s">
        <v>27074</v>
      </c>
      <c r="M9020" s="2" t="s">
        <v>27075</v>
      </c>
      <c r="N9020" s="5" t="s">
        <v>24254</v>
      </c>
      <c r="O9020" s="5" t="s">
        <v>38</v>
      </c>
      <c r="P9020" s="5" t="s">
        <v>39</v>
      </c>
      <c r="Q9020" s="5" t="s">
        <v>40</v>
      </c>
      <c r="R9020" s="5" t="s">
        <v>24335</v>
      </c>
      <c r="S9020" s="5" t="s">
        <v>40</v>
      </c>
      <c r="T9020" s="5" t="s">
        <v>42</v>
      </c>
      <c r="U9020" s="2">
        <v>12.686</v>
      </c>
      <c r="V9020" s="2">
        <v>9.8680000000000003</v>
      </c>
      <c r="W9020" s="2">
        <v>0.14899999999999999</v>
      </c>
      <c r="X9020" s="2">
        <v>12</v>
      </c>
      <c r="Y9020" s="2">
        <v>62</v>
      </c>
      <c r="Z9020" s="2">
        <v>199.7</v>
      </c>
      <c r="AA9020" s="5">
        <v>10</v>
      </c>
      <c r="AB9020" s="5" t="s">
        <v>43</v>
      </c>
      <c r="AC9020" s="5" t="s">
        <v>44</v>
      </c>
      <c r="AD9020" s="2" t="s">
        <v>27642</v>
      </c>
      <c r="AE9020" s="1"/>
    </row>
    <row r="9021" spans="1:31" ht="14.45">
      <c r="A9021" s="5"/>
      <c r="B9021" s="21"/>
      <c r="C9021" s="2" t="s">
        <v>27687</v>
      </c>
      <c r="D9021" s="14" t="s">
        <v>27688</v>
      </c>
      <c r="E9021" s="2" t="s">
        <v>27689</v>
      </c>
      <c r="F9021" s="2" t="s">
        <v>27284</v>
      </c>
      <c r="G9021" s="8">
        <v>805</v>
      </c>
      <c r="H9021" s="5">
        <v>10</v>
      </c>
      <c r="I9021" s="5" t="s">
        <v>69</v>
      </c>
      <c r="J9021" s="5" t="s">
        <v>27074</v>
      </c>
      <c r="K9021" s="2" t="s">
        <v>27075</v>
      </c>
      <c r="L9021" s="5" t="s">
        <v>27074</v>
      </c>
      <c r="M9021" s="2" t="s">
        <v>27075</v>
      </c>
      <c r="N9021" s="5" t="s">
        <v>24254</v>
      </c>
      <c r="O9021" s="5" t="s">
        <v>38</v>
      </c>
      <c r="P9021" s="5" t="s">
        <v>39</v>
      </c>
      <c r="Q9021" s="5" t="s">
        <v>40</v>
      </c>
      <c r="R9021" s="5" t="s">
        <v>24335</v>
      </c>
      <c r="S9021" s="5" t="s">
        <v>40</v>
      </c>
      <c r="T9021" s="5" t="s">
        <v>42</v>
      </c>
      <c r="U9021" s="2">
        <v>20.885999999999999</v>
      </c>
      <c r="V9021" s="2">
        <v>17.611999999999998</v>
      </c>
      <c r="W9021" s="2">
        <v>0.20899999999999999</v>
      </c>
      <c r="X9021" s="2">
        <v>12</v>
      </c>
      <c r="Y9021" s="2">
        <v>50</v>
      </c>
      <c r="Z9021" s="2">
        <v>348.4</v>
      </c>
      <c r="AA9021" s="5">
        <v>10</v>
      </c>
      <c r="AB9021" s="5" t="s">
        <v>43</v>
      </c>
      <c r="AC9021" s="5" t="s">
        <v>44</v>
      </c>
      <c r="AD9021" s="2" t="s">
        <v>27646</v>
      </c>
      <c r="AE9021" s="1"/>
    </row>
    <row r="9022" spans="1:31" ht="14.45">
      <c r="A9022" s="5"/>
      <c r="B9022" s="21"/>
      <c r="C9022" s="2" t="s">
        <v>27690</v>
      </c>
      <c r="D9022" s="14" t="s">
        <v>27691</v>
      </c>
      <c r="E9022" s="2" t="s">
        <v>27692</v>
      </c>
      <c r="F9022" s="2" t="s">
        <v>27284</v>
      </c>
      <c r="G9022" s="8">
        <v>338</v>
      </c>
      <c r="H9022" s="5">
        <v>5</v>
      </c>
      <c r="I9022" s="5" t="s">
        <v>69</v>
      </c>
      <c r="J9022" s="5" t="s">
        <v>27074</v>
      </c>
      <c r="K9022" s="2" t="s">
        <v>27075</v>
      </c>
      <c r="L9022" s="5" t="s">
        <v>27074</v>
      </c>
      <c r="M9022" s="2" t="s">
        <v>27075</v>
      </c>
      <c r="N9022" s="5" t="s">
        <v>24254</v>
      </c>
      <c r="O9022" s="5" t="s">
        <v>38</v>
      </c>
      <c r="P9022" s="5" t="s">
        <v>39</v>
      </c>
      <c r="Q9022" s="5" t="s">
        <v>40</v>
      </c>
      <c r="R9022" s="5" t="s">
        <v>24335</v>
      </c>
      <c r="S9022" s="5" t="s">
        <v>40</v>
      </c>
      <c r="T9022" s="5" t="s">
        <v>42</v>
      </c>
      <c r="U9022" s="2">
        <v>11.494</v>
      </c>
      <c r="V9022" s="2">
        <v>9.468</v>
      </c>
      <c r="W9022" s="2">
        <v>0.129</v>
      </c>
      <c r="X9022" s="2">
        <v>12</v>
      </c>
      <c r="Y9022" s="2">
        <v>62</v>
      </c>
      <c r="Z9022" s="2">
        <v>172.9</v>
      </c>
      <c r="AA9022" s="5">
        <v>10</v>
      </c>
      <c r="AB9022" s="5" t="s">
        <v>43</v>
      </c>
      <c r="AC9022" s="5" t="s">
        <v>44</v>
      </c>
      <c r="AD9022" s="2" t="s">
        <v>27642</v>
      </c>
      <c r="AE9022" s="1"/>
    </row>
    <row r="9023" spans="1:31" ht="14.45">
      <c r="A9023" s="5"/>
      <c r="B9023" s="21"/>
      <c r="C9023" s="2" t="s">
        <v>27693</v>
      </c>
      <c r="D9023" s="14" t="s">
        <v>27694</v>
      </c>
      <c r="E9023" s="2" t="s">
        <v>27695</v>
      </c>
      <c r="F9023" s="2" t="s">
        <v>27284</v>
      </c>
      <c r="G9023" s="8">
        <v>761</v>
      </c>
      <c r="H9023" s="5">
        <v>10</v>
      </c>
      <c r="I9023" s="5" t="s">
        <v>69</v>
      </c>
      <c r="J9023" s="5" t="s">
        <v>27074</v>
      </c>
      <c r="K9023" s="2" t="s">
        <v>27075</v>
      </c>
      <c r="L9023" s="5" t="s">
        <v>27074</v>
      </c>
      <c r="M9023" s="2" t="s">
        <v>27075</v>
      </c>
      <c r="N9023" s="5" t="s">
        <v>24254</v>
      </c>
      <c r="O9023" s="5" t="s">
        <v>38</v>
      </c>
      <c r="P9023" s="5" t="s">
        <v>39</v>
      </c>
      <c r="Q9023" s="5" t="s">
        <v>40</v>
      </c>
      <c r="R9023" s="5" t="s">
        <v>24335</v>
      </c>
      <c r="S9023" s="5" t="s">
        <v>40</v>
      </c>
      <c r="T9023" s="5" t="s">
        <v>42</v>
      </c>
      <c r="U9023" s="2">
        <v>20.795000000000002</v>
      </c>
      <c r="V9023" s="2">
        <v>16.902999999999999</v>
      </c>
      <c r="W9023" s="2">
        <v>0.19700000000000001</v>
      </c>
      <c r="X9023" s="2">
        <v>12</v>
      </c>
      <c r="Y9023" s="2">
        <v>50</v>
      </c>
      <c r="Z9023" s="2">
        <v>328.9</v>
      </c>
      <c r="AA9023" s="5">
        <v>10</v>
      </c>
      <c r="AB9023" s="5" t="s">
        <v>43</v>
      </c>
      <c r="AC9023" s="5" t="s">
        <v>44</v>
      </c>
      <c r="AD9023" s="2" t="s">
        <v>27646</v>
      </c>
      <c r="AE9023" s="1"/>
    </row>
    <row r="9024" spans="1:31" ht="14.45">
      <c r="A9024" s="5"/>
      <c r="B9024" s="21"/>
      <c r="C9024" s="2" t="s">
        <v>27696</v>
      </c>
      <c r="D9024" s="14" t="s">
        <v>27697</v>
      </c>
      <c r="E9024" s="2" t="s">
        <v>27698</v>
      </c>
      <c r="F9024" s="2" t="s">
        <v>27284</v>
      </c>
      <c r="G9024" s="8">
        <v>347</v>
      </c>
      <c r="H9024" s="5">
        <v>5</v>
      </c>
      <c r="I9024" s="5" t="s">
        <v>69</v>
      </c>
      <c r="J9024" s="5" t="s">
        <v>27074</v>
      </c>
      <c r="K9024" s="2" t="s">
        <v>27075</v>
      </c>
      <c r="L9024" s="5" t="s">
        <v>27074</v>
      </c>
      <c r="M9024" s="2" t="s">
        <v>27075</v>
      </c>
      <c r="N9024" s="5" t="s">
        <v>24254</v>
      </c>
      <c r="O9024" s="5" t="s">
        <v>38</v>
      </c>
      <c r="P9024" s="5" t="s">
        <v>39</v>
      </c>
      <c r="Q9024" s="5" t="s">
        <v>40</v>
      </c>
      <c r="R9024" s="5" t="s">
        <v>24335</v>
      </c>
      <c r="S9024" s="5" t="s">
        <v>40</v>
      </c>
      <c r="T9024" s="5" t="s">
        <v>42</v>
      </c>
      <c r="U9024" s="2">
        <v>12.766</v>
      </c>
      <c r="V9024" s="2">
        <v>9.9480000000000004</v>
      </c>
      <c r="W9024" s="2">
        <v>0.129</v>
      </c>
      <c r="X9024" s="2">
        <v>12</v>
      </c>
      <c r="Y9024" s="2">
        <v>62</v>
      </c>
      <c r="Z9024" s="2">
        <v>172.9</v>
      </c>
      <c r="AA9024" s="5">
        <v>10</v>
      </c>
      <c r="AB9024" s="5" t="s">
        <v>43</v>
      </c>
      <c r="AC9024" s="5" t="s">
        <v>44</v>
      </c>
      <c r="AD9024" s="2" t="s">
        <v>27642</v>
      </c>
      <c r="AE9024" s="1"/>
    </row>
    <row r="9025" spans="1:31" ht="14.45">
      <c r="A9025" s="5"/>
      <c r="B9025" s="21"/>
      <c r="C9025" s="2" t="s">
        <v>27699</v>
      </c>
      <c r="D9025" s="14" t="s">
        <v>27700</v>
      </c>
      <c r="E9025" s="2" t="s">
        <v>27701</v>
      </c>
      <c r="F9025" s="2" t="s">
        <v>27284</v>
      </c>
      <c r="G9025" s="8">
        <v>780</v>
      </c>
      <c r="H9025" s="5">
        <v>10</v>
      </c>
      <c r="I9025" s="5" t="s">
        <v>69</v>
      </c>
      <c r="J9025" s="5" t="s">
        <v>27074</v>
      </c>
      <c r="K9025" s="2" t="s">
        <v>27075</v>
      </c>
      <c r="L9025" s="5" t="s">
        <v>27074</v>
      </c>
      <c r="M9025" s="2" t="s">
        <v>27075</v>
      </c>
      <c r="N9025" s="5" t="s">
        <v>24254</v>
      </c>
      <c r="O9025" s="5" t="s">
        <v>38</v>
      </c>
      <c r="P9025" s="5" t="s">
        <v>39</v>
      </c>
      <c r="Q9025" s="5" t="s">
        <v>40</v>
      </c>
      <c r="R9025" s="5" t="s">
        <v>24335</v>
      </c>
      <c r="S9025" s="5" t="s">
        <v>40</v>
      </c>
      <c r="T9025" s="5" t="s">
        <v>42</v>
      </c>
      <c r="U9025" s="2">
        <v>21.71</v>
      </c>
      <c r="V9025" s="2">
        <v>17.803000000000001</v>
      </c>
      <c r="W9025" s="2">
        <v>0.19700000000000001</v>
      </c>
      <c r="X9025" s="2">
        <v>12</v>
      </c>
      <c r="Y9025" s="2">
        <v>50</v>
      </c>
      <c r="Z9025" s="2">
        <v>328.9</v>
      </c>
      <c r="AA9025" s="5">
        <v>10</v>
      </c>
      <c r="AB9025" s="5" t="s">
        <v>43</v>
      </c>
      <c r="AC9025" s="5" t="s">
        <v>44</v>
      </c>
      <c r="AD9025" s="2" t="s">
        <v>27646</v>
      </c>
      <c r="AE9025" s="1"/>
    </row>
    <row r="9026" spans="1:31" ht="14.45">
      <c r="A9026" s="5"/>
      <c r="B9026" s="21"/>
      <c r="C9026" s="2" t="s">
        <v>27702</v>
      </c>
      <c r="D9026" s="14" t="s">
        <v>27703</v>
      </c>
      <c r="E9026" s="2" t="s">
        <v>27704</v>
      </c>
      <c r="F9026" s="2" t="s">
        <v>27284</v>
      </c>
      <c r="G9026" s="8">
        <v>338</v>
      </c>
      <c r="H9026" s="5">
        <v>5</v>
      </c>
      <c r="I9026" s="5" t="s">
        <v>69</v>
      </c>
      <c r="J9026" s="5" t="s">
        <v>27074</v>
      </c>
      <c r="K9026" s="2" t="s">
        <v>27075</v>
      </c>
      <c r="L9026" s="5" t="s">
        <v>27074</v>
      </c>
      <c r="M9026" s="2" t="s">
        <v>27075</v>
      </c>
      <c r="N9026" s="5" t="s">
        <v>24254</v>
      </c>
      <c r="O9026" s="5" t="s">
        <v>38</v>
      </c>
      <c r="P9026" s="5" t="s">
        <v>39</v>
      </c>
      <c r="Q9026" s="5" t="s">
        <v>40</v>
      </c>
      <c r="R9026" s="5" t="s">
        <v>24335</v>
      </c>
      <c r="S9026" s="5" t="s">
        <v>40</v>
      </c>
      <c r="T9026" s="5" t="s">
        <v>42</v>
      </c>
      <c r="U9026" s="2">
        <v>12.262</v>
      </c>
      <c r="V9026" s="2">
        <v>9.4440000000000008</v>
      </c>
      <c r="W9026" s="2">
        <v>0.14899999999999999</v>
      </c>
      <c r="X9026" s="2">
        <v>12</v>
      </c>
      <c r="Y9026" s="2">
        <v>62</v>
      </c>
      <c r="Z9026" s="2">
        <v>199.7</v>
      </c>
      <c r="AA9026" s="5">
        <v>10</v>
      </c>
      <c r="AB9026" s="5" t="s">
        <v>43</v>
      </c>
      <c r="AC9026" s="5" t="s">
        <v>44</v>
      </c>
      <c r="AD9026" s="2" t="s">
        <v>27642</v>
      </c>
      <c r="AE9026" s="1"/>
    </row>
    <row r="9027" spans="1:31" ht="14.45">
      <c r="A9027" s="5"/>
      <c r="B9027" s="21"/>
      <c r="C9027" s="2" t="s">
        <v>27705</v>
      </c>
      <c r="D9027" s="14" t="s">
        <v>27706</v>
      </c>
      <c r="E9027" s="2" t="s">
        <v>27707</v>
      </c>
      <c r="F9027" s="2" t="s">
        <v>27284</v>
      </c>
      <c r="G9027" s="8">
        <v>761</v>
      </c>
      <c r="H9027" s="5">
        <v>10</v>
      </c>
      <c r="I9027" s="5" t="s">
        <v>69</v>
      </c>
      <c r="J9027" s="5" t="s">
        <v>27074</v>
      </c>
      <c r="K9027" s="2" t="s">
        <v>27075</v>
      </c>
      <c r="L9027" s="5" t="s">
        <v>27074</v>
      </c>
      <c r="M9027" s="2" t="s">
        <v>27075</v>
      </c>
      <c r="N9027" s="5" t="s">
        <v>24254</v>
      </c>
      <c r="O9027" s="5" t="s">
        <v>38</v>
      </c>
      <c r="P9027" s="5" t="s">
        <v>39</v>
      </c>
      <c r="Q9027" s="5" t="s">
        <v>40</v>
      </c>
      <c r="R9027" s="5" t="s">
        <v>24335</v>
      </c>
      <c r="S9027" s="5" t="s">
        <v>40</v>
      </c>
      <c r="T9027" s="5" t="s">
        <v>42</v>
      </c>
      <c r="U9027" s="2">
        <v>21.135000000000002</v>
      </c>
      <c r="V9027" s="2">
        <v>17.224</v>
      </c>
      <c r="W9027" s="2">
        <v>0.19700000000000001</v>
      </c>
      <c r="X9027" s="2">
        <v>12</v>
      </c>
      <c r="Y9027" s="2">
        <v>50</v>
      </c>
      <c r="Z9027" s="2">
        <v>328.9</v>
      </c>
      <c r="AA9027" s="5">
        <v>10</v>
      </c>
      <c r="AB9027" s="5" t="s">
        <v>43</v>
      </c>
      <c r="AC9027" s="5" t="s">
        <v>44</v>
      </c>
      <c r="AD9027" s="2" t="s">
        <v>27646</v>
      </c>
      <c r="AE9027" s="1"/>
    </row>
    <row r="9028" spans="1:31" ht="14.45">
      <c r="A9028" s="5"/>
      <c r="B9028" s="21"/>
      <c r="C9028" s="2" t="s">
        <v>27708</v>
      </c>
      <c r="D9028" s="14" t="s">
        <v>27709</v>
      </c>
      <c r="E9028" s="2" t="s">
        <v>27710</v>
      </c>
      <c r="F9028" s="2" t="s">
        <v>27284</v>
      </c>
      <c r="G9028" s="8">
        <v>366</v>
      </c>
      <c r="H9028" s="5">
        <v>5</v>
      </c>
      <c r="I9028" s="5" t="s">
        <v>69</v>
      </c>
      <c r="J9028" s="5" t="s">
        <v>27074</v>
      </c>
      <c r="K9028" s="2" t="s">
        <v>27075</v>
      </c>
      <c r="L9028" s="5" t="s">
        <v>27074</v>
      </c>
      <c r="M9028" s="2" t="s">
        <v>27075</v>
      </c>
      <c r="N9028" s="5" t="s">
        <v>24254</v>
      </c>
      <c r="O9028" s="5" t="s">
        <v>38</v>
      </c>
      <c r="P9028" s="5" t="s">
        <v>39</v>
      </c>
      <c r="Q9028" s="5" t="s">
        <v>40</v>
      </c>
      <c r="R9028" s="5" t="s">
        <v>24335</v>
      </c>
      <c r="S9028" s="5" t="s">
        <v>40</v>
      </c>
      <c r="T9028" s="5" t="s">
        <v>42</v>
      </c>
      <c r="U9028" s="2">
        <v>13.215999999999999</v>
      </c>
      <c r="V9028" s="2">
        <v>10.398</v>
      </c>
      <c r="W9028" s="2">
        <v>0.14899999999999999</v>
      </c>
      <c r="X9028" s="2">
        <v>12</v>
      </c>
      <c r="Y9028" s="2">
        <v>62</v>
      </c>
      <c r="Z9028" s="2">
        <v>199.7</v>
      </c>
      <c r="AA9028" s="5">
        <v>10</v>
      </c>
      <c r="AB9028" s="5" t="s">
        <v>43</v>
      </c>
      <c r="AC9028" s="5" t="s">
        <v>44</v>
      </c>
      <c r="AD9028" s="2" t="s">
        <v>27642</v>
      </c>
      <c r="AE9028" s="1"/>
    </row>
    <row r="9029" spans="1:31" ht="14.45">
      <c r="A9029" s="5"/>
      <c r="B9029" s="21"/>
      <c r="C9029" s="2" t="s">
        <v>27711</v>
      </c>
      <c r="D9029" s="14" t="s">
        <v>27712</v>
      </c>
      <c r="E9029" s="2" t="s">
        <v>27713</v>
      </c>
      <c r="F9029" s="2" t="s">
        <v>27284</v>
      </c>
      <c r="G9029" s="8">
        <v>824</v>
      </c>
      <c r="H9029" s="5">
        <v>10</v>
      </c>
      <c r="I9029" s="5" t="s">
        <v>69</v>
      </c>
      <c r="J9029" s="5" t="s">
        <v>27074</v>
      </c>
      <c r="K9029" s="2" t="s">
        <v>27075</v>
      </c>
      <c r="L9029" s="5" t="s">
        <v>27074</v>
      </c>
      <c r="M9029" s="2" t="s">
        <v>27075</v>
      </c>
      <c r="N9029" s="5" t="s">
        <v>24254</v>
      </c>
      <c r="O9029" s="5" t="s">
        <v>38</v>
      </c>
      <c r="P9029" s="5" t="s">
        <v>39</v>
      </c>
      <c r="Q9029" s="5" t="s">
        <v>40</v>
      </c>
      <c r="R9029" s="5" t="s">
        <v>24335</v>
      </c>
      <c r="S9029" s="5" t="s">
        <v>40</v>
      </c>
      <c r="T9029" s="5" t="s">
        <v>42</v>
      </c>
      <c r="U9029" s="2">
        <v>22.885000000000002</v>
      </c>
      <c r="V9029" s="2">
        <v>18.974</v>
      </c>
      <c r="W9029" s="2">
        <v>0.19700000000000001</v>
      </c>
      <c r="X9029" s="2">
        <v>12</v>
      </c>
      <c r="Y9029" s="2">
        <v>50</v>
      </c>
      <c r="Z9029" s="2">
        <v>328.9</v>
      </c>
      <c r="AA9029" s="5">
        <v>10</v>
      </c>
      <c r="AB9029" s="5" t="s">
        <v>43</v>
      </c>
      <c r="AC9029" s="5" t="s">
        <v>44</v>
      </c>
      <c r="AD9029" s="2" t="s">
        <v>27646</v>
      </c>
      <c r="AE9029" s="1"/>
    </row>
    <row r="9030" spans="1:31" ht="14.45">
      <c r="A9030" s="11"/>
      <c r="B9030" s="20"/>
      <c r="C9030" s="2" t="s">
        <v>27714</v>
      </c>
      <c r="D9030" s="14" t="s">
        <v>27715</v>
      </c>
      <c r="E9030" s="2" t="s">
        <v>27716</v>
      </c>
      <c r="F9030" s="2" t="s">
        <v>27717</v>
      </c>
      <c r="G9030" s="8">
        <v>421</v>
      </c>
      <c r="H9030" s="5">
        <v>10</v>
      </c>
      <c r="I9030" s="5" t="s">
        <v>69</v>
      </c>
      <c r="J9030" s="5" t="s">
        <v>27074</v>
      </c>
      <c r="K9030" s="2" t="s">
        <v>27075</v>
      </c>
      <c r="L9030" s="5" t="s">
        <v>27074</v>
      </c>
      <c r="M9030" s="2" t="s">
        <v>27075</v>
      </c>
      <c r="N9030" s="5" t="s">
        <v>24254</v>
      </c>
      <c r="O9030" s="5" t="s">
        <v>38</v>
      </c>
      <c r="P9030" s="5" t="s">
        <v>39</v>
      </c>
      <c r="Q9030" s="5" t="s">
        <v>40</v>
      </c>
      <c r="R9030" s="5" t="s">
        <v>24335</v>
      </c>
      <c r="S9030" s="5" t="s">
        <v>40</v>
      </c>
      <c r="T9030" s="5" t="s">
        <v>42</v>
      </c>
      <c r="U9030" s="2">
        <v>7.3630000000000004</v>
      </c>
      <c r="V9030" s="2">
        <v>5.7519999999999998</v>
      </c>
      <c r="W9030" s="2">
        <v>0.11600000000000001</v>
      </c>
      <c r="X9030" s="2">
        <v>12</v>
      </c>
      <c r="Y9030" s="2">
        <v>50</v>
      </c>
      <c r="Z9030" s="2">
        <v>193.9</v>
      </c>
      <c r="AA9030" s="5">
        <v>20</v>
      </c>
      <c r="AB9030" s="5" t="s">
        <v>43</v>
      </c>
      <c r="AC9030" s="5" t="s">
        <v>44</v>
      </c>
      <c r="AD9030" s="2" t="s">
        <v>27718</v>
      </c>
      <c r="AE9030" s="1"/>
    </row>
    <row r="9031" spans="1:31" ht="14.45">
      <c r="A9031" s="5"/>
      <c r="B9031" s="21"/>
      <c r="C9031" s="2" t="s">
        <v>27719</v>
      </c>
      <c r="D9031" s="14" t="s">
        <v>27720</v>
      </c>
      <c r="E9031" s="2" t="s">
        <v>27721</v>
      </c>
      <c r="F9031" s="2" t="s">
        <v>27284</v>
      </c>
      <c r="G9031" s="8">
        <v>268</v>
      </c>
      <c r="H9031" s="5">
        <v>5</v>
      </c>
      <c r="I9031" s="5" t="s">
        <v>69</v>
      </c>
      <c r="J9031" s="5" t="s">
        <v>27074</v>
      </c>
      <c r="K9031" s="2" t="s">
        <v>27075</v>
      </c>
      <c r="L9031" s="5" t="s">
        <v>27074</v>
      </c>
      <c r="M9031" s="2" t="s">
        <v>27075</v>
      </c>
      <c r="N9031" s="5" t="s">
        <v>24254</v>
      </c>
      <c r="O9031" s="5" t="s">
        <v>38</v>
      </c>
      <c r="P9031" s="5" t="s">
        <v>39</v>
      </c>
      <c r="Q9031" s="5" t="s">
        <v>40</v>
      </c>
      <c r="R9031" s="5" t="s">
        <v>24335</v>
      </c>
      <c r="S9031" s="5" t="s">
        <v>40</v>
      </c>
      <c r="T9031" s="5" t="s">
        <v>42</v>
      </c>
      <c r="U9031" s="2">
        <v>7.77</v>
      </c>
      <c r="V9031" s="2">
        <v>5.9989999999999997</v>
      </c>
      <c r="W9031" s="2">
        <v>8.3000000000000004E-2</v>
      </c>
      <c r="X9031" s="2">
        <v>12</v>
      </c>
      <c r="Y9031" s="2">
        <v>50</v>
      </c>
      <c r="Z9031" s="2">
        <v>137.9</v>
      </c>
      <c r="AA9031" s="5">
        <v>10</v>
      </c>
      <c r="AB9031" s="5" t="s">
        <v>43</v>
      </c>
      <c r="AC9031" s="5" t="s">
        <v>44</v>
      </c>
      <c r="AD9031" s="2" t="s">
        <v>27722</v>
      </c>
      <c r="AE9031" s="1"/>
    </row>
    <row r="9032" spans="1:31" ht="14.45">
      <c r="A9032" s="5"/>
      <c r="B9032" s="21"/>
      <c r="C9032" s="2" t="s">
        <v>27723</v>
      </c>
      <c r="D9032" s="14" t="s">
        <v>27724</v>
      </c>
      <c r="E9032" s="2" t="s">
        <v>27725</v>
      </c>
      <c r="F9032" s="2" t="s">
        <v>27284</v>
      </c>
      <c r="G9032" s="8">
        <v>602</v>
      </c>
      <c r="H9032" s="5">
        <v>15</v>
      </c>
      <c r="I9032" s="5" t="s">
        <v>69</v>
      </c>
      <c r="J9032" s="5" t="s">
        <v>27074</v>
      </c>
      <c r="K9032" s="2" t="s">
        <v>27075</v>
      </c>
      <c r="L9032" s="5" t="s">
        <v>27074</v>
      </c>
      <c r="M9032" s="2" t="s">
        <v>27075</v>
      </c>
      <c r="N9032" s="5" t="s">
        <v>24254</v>
      </c>
      <c r="O9032" s="5" t="s">
        <v>38</v>
      </c>
      <c r="P9032" s="5" t="s">
        <v>39</v>
      </c>
      <c r="Q9032" s="5" t="s">
        <v>40</v>
      </c>
      <c r="R9032" s="5" t="s">
        <v>24335</v>
      </c>
      <c r="S9032" s="5" t="s">
        <v>40</v>
      </c>
      <c r="T9032" s="5" t="s">
        <v>42</v>
      </c>
      <c r="U9032" s="2">
        <v>11.904999999999999</v>
      </c>
      <c r="V9032" s="2">
        <v>9.3450000000000006</v>
      </c>
      <c r="W9032" s="2">
        <v>8.3000000000000004E-2</v>
      </c>
      <c r="X9032" s="2">
        <v>12</v>
      </c>
      <c r="Y9032" s="2">
        <v>50</v>
      </c>
      <c r="Z9032" s="2">
        <v>249.9</v>
      </c>
      <c r="AA9032" s="5">
        <v>10</v>
      </c>
      <c r="AB9032" s="5" t="s">
        <v>43</v>
      </c>
      <c r="AC9032" s="5" t="s">
        <v>44</v>
      </c>
      <c r="AD9032" s="2" t="s">
        <v>27726</v>
      </c>
      <c r="AE9032" s="1"/>
    </row>
    <row r="9033" spans="1:31" ht="14.45">
      <c r="A9033" s="5"/>
      <c r="B9033" s="21"/>
      <c r="C9033" s="2" t="s">
        <v>27727</v>
      </c>
      <c r="D9033" s="14" t="s">
        <v>27728</v>
      </c>
      <c r="E9033" s="2" t="s">
        <v>27729</v>
      </c>
      <c r="F9033" s="2" t="s">
        <v>27284</v>
      </c>
      <c r="G9033" s="8">
        <v>1397</v>
      </c>
      <c r="H9033" s="5">
        <v>15</v>
      </c>
      <c r="I9033" s="5" t="s">
        <v>69</v>
      </c>
      <c r="J9033" s="5" t="s">
        <v>27074</v>
      </c>
      <c r="K9033" s="2" t="s">
        <v>27075</v>
      </c>
      <c r="L9033" s="5" t="s">
        <v>27074</v>
      </c>
      <c r="M9033" s="2" t="s">
        <v>27075</v>
      </c>
      <c r="N9033" s="5" t="s">
        <v>24254</v>
      </c>
      <c r="O9033" s="5" t="s">
        <v>38</v>
      </c>
      <c r="P9033" s="5" t="s">
        <v>39</v>
      </c>
      <c r="Q9033" s="5" t="s">
        <v>40</v>
      </c>
      <c r="R9033" s="5" t="s">
        <v>24335</v>
      </c>
      <c r="S9033" s="5" t="s">
        <v>40</v>
      </c>
      <c r="T9033" s="5" t="s">
        <v>42</v>
      </c>
      <c r="U9033" s="2">
        <v>16.013000000000002</v>
      </c>
      <c r="V9033" s="2">
        <v>12.561</v>
      </c>
      <c r="W9033" s="2">
        <v>0.17</v>
      </c>
      <c r="X9033" s="2">
        <v>12</v>
      </c>
      <c r="Y9033" s="2">
        <v>50</v>
      </c>
      <c r="Z9033" s="2">
        <v>283.89999999999998</v>
      </c>
      <c r="AA9033" s="5">
        <v>10</v>
      </c>
      <c r="AB9033" s="5" t="s">
        <v>43</v>
      </c>
      <c r="AC9033" s="5" t="s">
        <v>44</v>
      </c>
      <c r="AD9033" s="2" t="s">
        <v>27730</v>
      </c>
      <c r="AE9033" s="1"/>
    </row>
    <row r="9034" spans="1:31" ht="14.45">
      <c r="A9034" s="11"/>
      <c r="B9034" s="20"/>
      <c r="C9034" s="2" t="s">
        <v>27731</v>
      </c>
      <c r="D9034" s="14" t="s">
        <v>27732</v>
      </c>
      <c r="E9034" s="2" t="s">
        <v>27733</v>
      </c>
      <c r="F9034" s="2" t="s">
        <v>27717</v>
      </c>
      <c r="G9034" s="8">
        <v>1028</v>
      </c>
      <c r="H9034" s="5">
        <v>10</v>
      </c>
      <c r="I9034" s="5" t="s">
        <v>69</v>
      </c>
      <c r="J9034" s="5" t="s">
        <v>27074</v>
      </c>
      <c r="K9034" s="2" t="s">
        <v>27075</v>
      </c>
      <c r="L9034" s="5" t="s">
        <v>27074</v>
      </c>
      <c r="M9034" s="2" t="s">
        <v>27075</v>
      </c>
      <c r="N9034" s="5" t="s">
        <v>24254</v>
      </c>
      <c r="O9034" s="5" t="s">
        <v>38</v>
      </c>
      <c r="P9034" s="5" t="s">
        <v>39</v>
      </c>
      <c r="Q9034" s="5" t="s">
        <v>40</v>
      </c>
      <c r="R9034" s="5" t="s">
        <v>24335</v>
      </c>
      <c r="S9034" s="5" t="s">
        <v>40</v>
      </c>
      <c r="T9034" s="5" t="s">
        <v>42</v>
      </c>
      <c r="U9034" s="2">
        <v>11.212</v>
      </c>
      <c r="V9034" s="2">
        <v>8.18</v>
      </c>
      <c r="W9034" s="2">
        <v>0.17</v>
      </c>
      <c r="X9034" s="2">
        <v>12</v>
      </c>
      <c r="Y9034" s="2">
        <v>50</v>
      </c>
      <c r="Z9034" s="2">
        <v>283.89999999999998</v>
      </c>
      <c r="AA9034" s="5">
        <v>20</v>
      </c>
      <c r="AB9034" s="5" t="s">
        <v>43</v>
      </c>
      <c r="AC9034" s="5" t="s">
        <v>44</v>
      </c>
      <c r="AD9034" s="2" t="s">
        <v>27734</v>
      </c>
      <c r="AE9034" s="1"/>
    </row>
    <row r="9035" spans="1:31" ht="14.45">
      <c r="A9035" s="5"/>
      <c r="B9035" s="21"/>
      <c r="C9035" s="2" t="s">
        <v>27735</v>
      </c>
      <c r="D9035" s="14" t="s">
        <v>27736</v>
      </c>
      <c r="E9035" s="2" t="s">
        <v>27737</v>
      </c>
      <c r="F9035" s="2" t="s">
        <v>27284</v>
      </c>
      <c r="G9035" s="8">
        <v>282</v>
      </c>
      <c r="H9035" s="5">
        <v>5</v>
      </c>
      <c r="I9035" s="5" t="s">
        <v>69</v>
      </c>
      <c r="J9035" s="5" t="s">
        <v>27074</v>
      </c>
      <c r="K9035" s="2" t="s">
        <v>27075</v>
      </c>
      <c r="L9035" s="5" t="s">
        <v>27074</v>
      </c>
      <c r="M9035" s="2" t="s">
        <v>27075</v>
      </c>
      <c r="N9035" s="5" t="s">
        <v>24254</v>
      </c>
      <c r="O9035" s="5" t="s">
        <v>38</v>
      </c>
      <c r="P9035" s="5" t="s">
        <v>39</v>
      </c>
      <c r="Q9035" s="5" t="s">
        <v>40</v>
      </c>
      <c r="R9035" s="5" t="s">
        <v>24335</v>
      </c>
      <c r="S9035" s="5" t="s">
        <v>40</v>
      </c>
      <c r="T9035" s="5" t="s">
        <v>42</v>
      </c>
      <c r="U9035" s="2">
        <v>8.1470000000000002</v>
      </c>
      <c r="V9035" s="2">
        <v>6.3760000000000003</v>
      </c>
      <c r="W9035" s="2">
        <v>8.3000000000000004E-2</v>
      </c>
      <c r="X9035" s="2">
        <v>12</v>
      </c>
      <c r="Y9035" s="2">
        <v>50</v>
      </c>
      <c r="Z9035" s="2">
        <v>137.9</v>
      </c>
      <c r="AA9035" s="5">
        <v>10</v>
      </c>
      <c r="AB9035" s="5" t="s">
        <v>43</v>
      </c>
      <c r="AC9035" s="5" t="s">
        <v>44</v>
      </c>
      <c r="AD9035" s="2" t="s">
        <v>27722</v>
      </c>
      <c r="AE9035" s="1"/>
    </row>
    <row r="9036" spans="1:31" ht="14.45">
      <c r="A9036" s="5"/>
      <c r="B9036" s="21"/>
      <c r="C9036" s="2" t="s">
        <v>27738</v>
      </c>
      <c r="D9036" s="14" t="s">
        <v>27739</v>
      </c>
      <c r="E9036" s="2" t="s">
        <v>27740</v>
      </c>
      <c r="F9036" s="2" t="s">
        <v>27284</v>
      </c>
      <c r="G9036" s="8">
        <v>634</v>
      </c>
      <c r="H9036" s="5">
        <v>15</v>
      </c>
      <c r="I9036" s="5" t="s">
        <v>69</v>
      </c>
      <c r="J9036" s="5" t="s">
        <v>27074</v>
      </c>
      <c r="K9036" s="2" t="s">
        <v>27075</v>
      </c>
      <c r="L9036" s="5" t="s">
        <v>27074</v>
      </c>
      <c r="M9036" s="2" t="s">
        <v>27075</v>
      </c>
      <c r="N9036" s="5" t="s">
        <v>24254</v>
      </c>
      <c r="O9036" s="5" t="s">
        <v>38</v>
      </c>
      <c r="P9036" s="5" t="s">
        <v>39</v>
      </c>
      <c r="Q9036" s="5" t="s">
        <v>40</v>
      </c>
      <c r="R9036" s="5" t="s">
        <v>24335</v>
      </c>
      <c r="S9036" s="5" t="s">
        <v>40</v>
      </c>
      <c r="T9036" s="5" t="s">
        <v>42</v>
      </c>
      <c r="U9036" s="2">
        <v>12.393000000000001</v>
      </c>
      <c r="V9036" s="2">
        <v>9.8330000000000002</v>
      </c>
      <c r="W9036" s="2">
        <v>8.3000000000000004E-2</v>
      </c>
      <c r="X9036" s="2">
        <v>12</v>
      </c>
      <c r="Y9036" s="2">
        <v>50</v>
      </c>
      <c r="Z9036" s="2">
        <v>249.9</v>
      </c>
      <c r="AA9036" s="5">
        <v>10</v>
      </c>
      <c r="AB9036" s="5" t="s">
        <v>43</v>
      </c>
      <c r="AC9036" s="5" t="s">
        <v>44</v>
      </c>
      <c r="AD9036" s="2" t="s">
        <v>27726</v>
      </c>
      <c r="AE9036" s="1"/>
    </row>
    <row r="9037" spans="1:31" ht="14.45">
      <c r="A9037" s="5"/>
      <c r="B9037" s="21"/>
      <c r="C9037" s="2" t="s">
        <v>27741</v>
      </c>
      <c r="D9037" s="14" t="s">
        <v>27742</v>
      </c>
      <c r="E9037" s="2" t="s">
        <v>27743</v>
      </c>
      <c r="F9037" s="2" t="s">
        <v>27284</v>
      </c>
      <c r="G9037" s="8">
        <v>1471</v>
      </c>
      <c r="H9037" s="5">
        <v>15</v>
      </c>
      <c r="I9037" s="5" t="s">
        <v>69</v>
      </c>
      <c r="J9037" s="5" t="s">
        <v>27074</v>
      </c>
      <c r="K9037" s="2" t="s">
        <v>27075</v>
      </c>
      <c r="L9037" s="5" t="s">
        <v>27074</v>
      </c>
      <c r="M9037" s="2" t="s">
        <v>27075</v>
      </c>
      <c r="N9037" s="5" t="s">
        <v>24254</v>
      </c>
      <c r="O9037" s="5" t="s">
        <v>38</v>
      </c>
      <c r="P9037" s="5" t="s">
        <v>39</v>
      </c>
      <c r="Q9037" s="5" t="s">
        <v>40</v>
      </c>
      <c r="R9037" s="5" t="s">
        <v>24335</v>
      </c>
      <c r="S9037" s="5" t="s">
        <v>40</v>
      </c>
      <c r="T9037" s="5" t="s">
        <v>42</v>
      </c>
      <c r="U9037" s="2">
        <v>16.585999999999999</v>
      </c>
      <c r="V9037" s="2">
        <v>13.134</v>
      </c>
      <c r="W9037" s="2">
        <v>0.17</v>
      </c>
      <c r="X9037" s="2">
        <v>12</v>
      </c>
      <c r="Y9037" s="2">
        <v>50</v>
      </c>
      <c r="Z9037" s="2">
        <v>283.89999999999998</v>
      </c>
      <c r="AA9037" s="5">
        <v>10</v>
      </c>
      <c r="AB9037" s="5" t="s">
        <v>43</v>
      </c>
      <c r="AC9037" s="5" t="s">
        <v>44</v>
      </c>
      <c r="AD9037" s="2" t="s">
        <v>27730</v>
      </c>
      <c r="AE9037" s="1"/>
    </row>
    <row r="9038" spans="1:31" ht="14.45">
      <c r="A9038" s="11"/>
      <c r="B9038" s="20"/>
      <c r="C9038" s="2" t="s">
        <v>27744</v>
      </c>
      <c r="D9038" s="14" t="s">
        <v>27745</v>
      </c>
      <c r="E9038" s="2" t="s">
        <v>27746</v>
      </c>
      <c r="F9038" s="2" t="s">
        <v>27717</v>
      </c>
      <c r="G9038" s="8">
        <v>465</v>
      </c>
      <c r="H9038" s="5">
        <v>10</v>
      </c>
      <c r="I9038" s="5" t="s">
        <v>69</v>
      </c>
      <c r="J9038" s="5" t="s">
        <v>27074</v>
      </c>
      <c r="K9038" s="2" t="s">
        <v>27075</v>
      </c>
      <c r="L9038" s="5" t="s">
        <v>27074</v>
      </c>
      <c r="M9038" s="2" t="s">
        <v>27075</v>
      </c>
      <c r="N9038" s="5" t="s">
        <v>24254</v>
      </c>
      <c r="O9038" s="5" t="s">
        <v>38</v>
      </c>
      <c r="P9038" s="5" t="s">
        <v>39</v>
      </c>
      <c r="Q9038" s="5" t="s">
        <v>40</v>
      </c>
      <c r="R9038" s="5" t="s">
        <v>24335</v>
      </c>
      <c r="S9038" s="5" t="s">
        <v>40</v>
      </c>
      <c r="T9038" s="5" t="s">
        <v>42</v>
      </c>
      <c r="U9038" s="2">
        <v>7.9509999999999996</v>
      </c>
      <c r="V9038" s="2">
        <v>6.34</v>
      </c>
      <c r="W9038" s="2">
        <v>0.11600000000000001</v>
      </c>
      <c r="X9038" s="2">
        <v>12</v>
      </c>
      <c r="Y9038" s="2">
        <v>50</v>
      </c>
      <c r="Z9038" s="2">
        <v>193.9</v>
      </c>
      <c r="AA9038" s="5">
        <v>20</v>
      </c>
      <c r="AB9038" s="5" t="s">
        <v>43</v>
      </c>
      <c r="AC9038" s="5" t="s">
        <v>44</v>
      </c>
      <c r="AD9038" s="2" t="s">
        <v>27718</v>
      </c>
      <c r="AE9038" s="1"/>
    </row>
    <row r="9039" spans="1:31" ht="14.45">
      <c r="A9039" s="5"/>
      <c r="B9039" s="21"/>
      <c r="C9039" s="2" t="s">
        <v>27747</v>
      </c>
      <c r="D9039" s="14" t="s">
        <v>27748</v>
      </c>
      <c r="E9039" s="2" t="s">
        <v>27749</v>
      </c>
      <c r="F9039" s="2" t="s">
        <v>27284</v>
      </c>
      <c r="G9039" s="8">
        <v>296</v>
      </c>
      <c r="H9039" s="5">
        <v>5</v>
      </c>
      <c r="I9039" s="5" t="s">
        <v>69</v>
      </c>
      <c r="J9039" s="5" t="s">
        <v>27074</v>
      </c>
      <c r="K9039" s="2" t="s">
        <v>27075</v>
      </c>
      <c r="L9039" s="5" t="s">
        <v>27074</v>
      </c>
      <c r="M9039" s="2" t="s">
        <v>27075</v>
      </c>
      <c r="N9039" s="5" t="s">
        <v>24254</v>
      </c>
      <c r="O9039" s="5" t="s">
        <v>38</v>
      </c>
      <c r="P9039" s="5" t="s">
        <v>39</v>
      </c>
      <c r="Q9039" s="5" t="s">
        <v>40</v>
      </c>
      <c r="R9039" s="5" t="s">
        <v>24335</v>
      </c>
      <c r="S9039" s="5" t="s">
        <v>40</v>
      </c>
      <c r="T9039" s="5" t="s">
        <v>42</v>
      </c>
      <c r="U9039" s="2">
        <v>8.5419999999999998</v>
      </c>
      <c r="V9039" s="2">
        <v>6.7709999999999999</v>
      </c>
      <c r="W9039" s="2">
        <v>9.2999999999999999E-2</v>
      </c>
      <c r="X9039" s="2">
        <v>12</v>
      </c>
      <c r="Y9039" s="2">
        <v>50</v>
      </c>
      <c r="Z9039" s="2">
        <v>154.4</v>
      </c>
      <c r="AA9039" s="5">
        <v>10</v>
      </c>
      <c r="AB9039" s="5" t="s">
        <v>43</v>
      </c>
      <c r="AC9039" s="5" t="s">
        <v>44</v>
      </c>
      <c r="AD9039" s="2" t="s">
        <v>27722</v>
      </c>
      <c r="AE9039" s="1"/>
    </row>
    <row r="9040" spans="1:31" ht="14.45">
      <c r="A9040" s="5"/>
      <c r="B9040" s="21"/>
      <c r="C9040" s="2" t="s">
        <v>27750</v>
      </c>
      <c r="D9040" s="14" t="s">
        <v>27751</v>
      </c>
      <c r="E9040" s="2" t="s">
        <v>27752</v>
      </c>
      <c r="F9040" s="2" t="s">
        <v>27284</v>
      </c>
      <c r="G9040" s="8">
        <v>666</v>
      </c>
      <c r="H9040" s="5">
        <v>15</v>
      </c>
      <c r="I9040" s="5" t="s">
        <v>69</v>
      </c>
      <c r="J9040" s="5" t="s">
        <v>27074</v>
      </c>
      <c r="K9040" s="2" t="s">
        <v>27075</v>
      </c>
      <c r="L9040" s="5" t="s">
        <v>27074</v>
      </c>
      <c r="M9040" s="2" t="s">
        <v>27075</v>
      </c>
      <c r="N9040" s="5" t="s">
        <v>24254</v>
      </c>
      <c r="O9040" s="5" t="s">
        <v>38</v>
      </c>
      <c r="P9040" s="5" t="s">
        <v>39</v>
      </c>
      <c r="Q9040" s="5" t="s">
        <v>40</v>
      </c>
      <c r="R9040" s="5" t="s">
        <v>24335</v>
      </c>
      <c r="S9040" s="5" t="s">
        <v>40</v>
      </c>
      <c r="T9040" s="5" t="s">
        <v>42</v>
      </c>
      <c r="U9040" s="2">
        <v>12.929</v>
      </c>
      <c r="V9040" s="2">
        <v>10.369</v>
      </c>
      <c r="W9040" s="2">
        <v>9.2999999999999999E-2</v>
      </c>
      <c r="X9040" s="2">
        <v>12</v>
      </c>
      <c r="Y9040" s="2">
        <v>50</v>
      </c>
      <c r="Z9040" s="2">
        <v>249.9</v>
      </c>
      <c r="AA9040" s="5">
        <v>10</v>
      </c>
      <c r="AB9040" s="5" t="s">
        <v>43</v>
      </c>
      <c r="AC9040" s="5" t="s">
        <v>44</v>
      </c>
      <c r="AD9040" s="2" t="s">
        <v>27726</v>
      </c>
      <c r="AE9040" s="1"/>
    </row>
    <row r="9041" spans="1:31" ht="14.45">
      <c r="A9041" s="5"/>
      <c r="B9041" s="21"/>
      <c r="C9041" s="2" t="s">
        <v>27753</v>
      </c>
      <c r="D9041" s="14" t="s">
        <v>27754</v>
      </c>
      <c r="E9041" s="2" t="s">
        <v>27755</v>
      </c>
      <c r="F9041" s="2" t="s">
        <v>27284</v>
      </c>
      <c r="G9041" s="8">
        <v>1544</v>
      </c>
      <c r="H9041" s="5">
        <v>15</v>
      </c>
      <c r="I9041" s="5" t="s">
        <v>69</v>
      </c>
      <c r="J9041" s="5" t="s">
        <v>27074</v>
      </c>
      <c r="K9041" s="2" t="s">
        <v>27075</v>
      </c>
      <c r="L9041" s="5" t="s">
        <v>27074</v>
      </c>
      <c r="M9041" s="2" t="s">
        <v>27075</v>
      </c>
      <c r="N9041" s="5" t="s">
        <v>24254</v>
      </c>
      <c r="O9041" s="5" t="s">
        <v>38</v>
      </c>
      <c r="P9041" s="5" t="s">
        <v>39</v>
      </c>
      <c r="Q9041" s="5" t="s">
        <v>40</v>
      </c>
      <c r="R9041" s="5" t="s">
        <v>24335</v>
      </c>
      <c r="S9041" s="5" t="s">
        <v>40</v>
      </c>
      <c r="T9041" s="5" t="s">
        <v>42</v>
      </c>
      <c r="U9041" s="2">
        <v>17.228000000000002</v>
      </c>
      <c r="V9041" s="2">
        <v>13.776</v>
      </c>
      <c r="W9041" s="2">
        <v>0.17</v>
      </c>
      <c r="X9041" s="2">
        <v>12</v>
      </c>
      <c r="Y9041" s="2">
        <v>50</v>
      </c>
      <c r="Z9041" s="2">
        <v>283.89999999999998</v>
      </c>
      <c r="AA9041" s="5">
        <v>10</v>
      </c>
      <c r="AB9041" s="5" t="s">
        <v>43</v>
      </c>
      <c r="AC9041" s="5" t="s">
        <v>44</v>
      </c>
      <c r="AD9041" s="2" t="s">
        <v>27730</v>
      </c>
      <c r="AE9041" s="1"/>
    </row>
    <row r="9042" spans="1:31" ht="14.45">
      <c r="A9042" s="5"/>
      <c r="B9042" s="21"/>
      <c r="C9042" s="2" t="s">
        <v>27756</v>
      </c>
      <c r="D9042" s="14" t="s">
        <v>27757</v>
      </c>
      <c r="E9042" s="2" t="s">
        <v>27758</v>
      </c>
      <c r="F9042" s="2" t="s">
        <v>27284</v>
      </c>
      <c r="G9042" s="8">
        <v>338</v>
      </c>
      <c r="H9042" s="5">
        <v>5</v>
      </c>
      <c r="I9042" s="5" t="s">
        <v>69</v>
      </c>
      <c r="J9042" s="5" t="s">
        <v>27074</v>
      </c>
      <c r="K9042" s="2" t="s">
        <v>27075</v>
      </c>
      <c r="L9042" s="5" t="s">
        <v>27074</v>
      </c>
      <c r="M9042" s="2" t="s">
        <v>27075</v>
      </c>
      <c r="N9042" s="5" t="s">
        <v>24254</v>
      </c>
      <c r="O9042" s="5" t="s">
        <v>38</v>
      </c>
      <c r="P9042" s="5" t="s">
        <v>39</v>
      </c>
      <c r="Q9042" s="5" t="s">
        <v>40</v>
      </c>
      <c r="R9042" s="5" t="s">
        <v>24335</v>
      </c>
      <c r="S9042" s="5" t="s">
        <v>40</v>
      </c>
      <c r="T9042" s="5" t="s">
        <v>42</v>
      </c>
      <c r="U9042" s="2">
        <v>8.9160000000000004</v>
      </c>
      <c r="V9042" s="2">
        <v>7.1449999999999996</v>
      </c>
      <c r="W9042" s="2">
        <v>0.104</v>
      </c>
      <c r="X9042" s="2">
        <v>12</v>
      </c>
      <c r="Y9042" s="2">
        <v>50</v>
      </c>
      <c r="Z9042" s="2">
        <v>173.9</v>
      </c>
      <c r="AA9042" s="5">
        <v>10</v>
      </c>
      <c r="AB9042" s="5" t="s">
        <v>43</v>
      </c>
      <c r="AC9042" s="5" t="s">
        <v>44</v>
      </c>
      <c r="AD9042" s="2" t="s">
        <v>27722</v>
      </c>
      <c r="AE9042" s="1"/>
    </row>
    <row r="9043" spans="1:31" ht="14.45">
      <c r="A9043" s="5"/>
      <c r="B9043" s="21"/>
      <c r="C9043" s="2" t="s">
        <v>27759</v>
      </c>
      <c r="D9043" s="14" t="s">
        <v>27760</v>
      </c>
      <c r="E9043" s="2" t="s">
        <v>27761</v>
      </c>
      <c r="F9043" s="2" t="s">
        <v>27284</v>
      </c>
      <c r="G9043" s="8">
        <v>761</v>
      </c>
      <c r="H9043" s="5">
        <v>15</v>
      </c>
      <c r="I9043" s="5" t="s">
        <v>69</v>
      </c>
      <c r="J9043" s="5" t="s">
        <v>27074</v>
      </c>
      <c r="K9043" s="2" t="s">
        <v>27075</v>
      </c>
      <c r="L9043" s="5" t="s">
        <v>27074</v>
      </c>
      <c r="M9043" s="2" t="s">
        <v>27075</v>
      </c>
      <c r="N9043" s="5" t="s">
        <v>24254</v>
      </c>
      <c r="O9043" s="5" t="s">
        <v>38</v>
      </c>
      <c r="P9043" s="5" t="s">
        <v>39</v>
      </c>
      <c r="Q9043" s="5" t="s">
        <v>40</v>
      </c>
      <c r="R9043" s="5" t="s">
        <v>24335</v>
      </c>
      <c r="S9043" s="5" t="s">
        <v>40</v>
      </c>
      <c r="T9043" s="5" t="s">
        <v>42</v>
      </c>
      <c r="U9043" s="2">
        <v>13.43</v>
      </c>
      <c r="V9043" s="2">
        <v>10.87</v>
      </c>
      <c r="W9043" s="2">
        <v>0.104</v>
      </c>
      <c r="X9043" s="2">
        <v>12</v>
      </c>
      <c r="Y9043" s="2">
        <v>50</v>
      </c>
      <c r="Z9043" s="2">
        <v>249.9</v>
      </c>
      <c r="AA9043" s="5">
        <v>10</v>
      </c>
      <c r="AB9043" s="5" t="s">
        <v>43</v>
      </c>
      <c r="AC9043" s="5" t="s">
        <v>44</v>
      </c>
      <c r="AD9043" s="2" t="s">
        <v>27726</v>
      </c>
      <c r="AE9043" s="1"/>
    </row>
    <row r="9044" spans="1:31" ht="14.45">
      <c r="A9044" s="5"/>
      <c r="B9044" s="21"/>
      <c r="C9044" s="2" t="s">
        <v>27762</v>
      </c>
      <c r="D9044" s="14" t="s">
        <v>27763</v>
      </c>
      <c r="E9044" s="2" t="s">
        <v>27764</v>
      </c>
      <c r="F9044" s="2" t="s">
        <v>27284</v>
      </c>
      <c r="G9044" s="8">
        <v>1765</v>
      </c>
      <c r="H9044" s="5">
        <v>15</v>
      </c>
      <c r="I9044" s="5" t="s">
        <v>69</v>
      </c>
      <c r="J9044" s="5" t="s">
        <v>27074</v>
      </c>
      <c r="K9044" s="2" t="s">
        <v>27075</v>
      </c>
      <c r="L9044" s="5" t="s">
        <v>27074</v>
      </c>
      <c r="M9044" s="2" t="s">
        <v>27075</v>
      </c>
      <c r="N9044" s="5" t="s">
        <v>24254</v>
      </c>
      <c r="O9044" s="5" t="s">
        <v>38</v>
      </c>
      <c r="P9044" s="5" t="s">
        <v>39</v>
      </c>
      <c r="Q9044" s="5" t="s">
        <v>40</v>
      </c>
      <c r="R9044" s="5" t="s">
        <v>24335</v>
      </c>
      <c r="S9044" s="5" t="s">
        <v>40</v>
      </c>
      <c r="T9044" s="5" t="s">
        <v>42</v>
      </c>
      <c r="U9044" s="2">
        <v>17.824999999999999</v>
      </c>
      <c r="V9044" s="2">
        <v>14.372999999999999</v>
      </c>
      <c r="W9044" s="2">
        <v>0.17</v>
      </c>
      <c r="X9044" s="2">
        <v>12</v>
      </c>
      <c r="Y9044" s="2">
        <v>50</v>
      </c>
      <c r="Z9044" s="2">
        <v>283.89999999999998</v>
      </c>
      <c r="AA9044" s="5">
        <v>10</v>
      </c>
      <c r="AB9044" s="5" t="s">
        <v>43</v>
      </c>
      <c r="AC9044" s="5" t="s">
        <v>44</v>
      </c>
      <c r="AD9044" s="2" t="s">
        <v>27730</v>
      </c>
      <c r="AE9044" s="1"/>
    </row>
    <row r="9045" spans="1:31" ht="14.45">
      <c r="A9045" s="5"/>
      <c r="B9045" s="21"/>
      <c r="C9045" s="2" t="s">
        <v>27765</v>
      </c>
      <c r="D9045" s="14" t="s">
        <v>27766</v>
      </c>
      <c r="E9045" s="2" t="s">
        <v>27767</v>
      </c>
      <c r="F9045" s="2" t="s">
        <v>27768</v>
      </c>
      <c r="G9045" s="8">
        <v>773</v>
      </c>
      <c r="H9045" s="5">
        <v>15</v>
      </c>
      <c r="I9045" s="5" t="s">
        <v>69</v>
      </c>
      <c r="J9045" s="5" t="s">
        <v>27074</v>
      </c>
      <c r="K9045" s="2" t="s">
        <v>27075</v>
      </c>
      <c r="L9045" s="5" t="s">
        <v>27074</v>
      </c>
      <c r="M9045" s="2" t="s">
        <v>27075</v>
      </c>
      <c r="N9045" s="5" t="s">
        <v>24254</v>
      </c>
      <c r="O9045" s="5" t="s">
        <v>38</v>
      </c>
      <c r="P9045" s="5" t="s">
        <v>39</v>
      </c>
      <c r="Q9045" s="5" t="s">
        <v>40</v>
      </c>
      <c r="R9045" s="5" t="s">
        <v>24335</v>
      </c>
      <c r="S9045" s="5" t="s">
        <v>40</v>
      </c>
      <c r="T9045" s="5" t="s">
        <v>42</v>
      </c>
      <c r="U9045" s="2">
        <v>14.159000000000001</v>
      </c>
      <c r="V9045" s="2">
        <v>11.462999999999999</v>
      </c>
      <c r="W9045" s="2">
        <v>0.11600000000000001</v>
      </c>
      <c r="X9045" s="2">
        <v>12</v>
      </c>
      <c r="Y9045" s="2">
        <v>50</v>
      </c>
      <c r="Z9045" s="2">
        <v>283.89999999999998</v>
      </c>
      <c r="AA9045" s="5">
        <v>10</v>
      </c>
      <c r="AB9045" s="5" t="s">
        <v>43</v>
      </c>
      <c r="AC9045" s="5" t="s">
        <v>44</v>
      </c>
      <c r="AD9045" s="2" t="s">
        <v>27726</v>
      </c>
      <c r="AE9045" s="1"/>
    </row>
    <row r="9046" spans="1:31" ht="14.45">
      <c r="A9046" s="5"/>
      <c r="B9046" s="21"/>
      <c r="C9046" s="2" t="s">
        <v>27769</v>
      </c>
      <c r="D9046" s="14" t="s">
        <v>27770</v>
      </c>
      <c r="E9046" s="2" t="s">
        <v>27771</v>
      </c>
      <c r="F9046" s="2" t="s">
        <v>27768</v>
      </c>
      <c r="G9046" s="8">
        <v>1794</v>
      </c>
      <c r="H9046" s="5">
        <v>15</v>
      </c>
      <c r="I9046" s="5" t="s">
        <v>69</v>
      </c>
      <c r="J9046" s="5" t="s">
        <v>27074</v>
      </c>
      <c r="K9046" s="2" t="s">
        <v>27075</v>
      </c>
      <c r="L9046" s="5" t="s">
        <v>27074</v>
      </c>
      <c r="M9046" s="2" t="s">
        <v>27075</v>
      </c>
      <c r="N9046" s="5" t="s">
        <v>24254</v>
      </c>
      <c r="O9046" s="5" t="s">
        <v>38</v>
      </c>
      <c r="P9046" s="5" t="s">
        <v>39</v>
      </c>
      <c r="Q9046" s="5" t="s">
        <v>40</v>
      </c>
      <c r="R9046" s="5" t="s">
        <v>24335</v>
      </c>
      <c r="S9046" s="5" t="s">
        <v>40</v>
      </c>
      <c r="T9046" s="5" t="s">
        <v>42</v>
      </c>
      <c r="U9046" s="2">
        <v>18.488</v>
      </c>
      <c r="V9046" s="2">
        <v>14.948</v>
      </c>
      <c r="W9046" s="2">
        <v>0.17799999999999999</v>
      </c>
      <c r="X9046" s="2">
        <v>12</v>
      </c>
      <c r="Y9046" s="2">
        <v>50</v>
      </c>
      <c r="Z9046" s="2">
        <v>295.89999999999998</v>
      </c>
      <c r="AA9046" s="5">
        <v>10</v>
      </c>
      <c r="AB9046" s="5" t="s">
        <v>43</v>
      </c>
      <c r="AC9046" s="5" t="s">
        <v>44</v>
      </c>
      <c r="AD9046" s="2" t="s">
        <v>27730</v>
      </c>
      <c r="AE9046" s="1"/>
    </row>
    <row r="9047" spans="1:31" ht="14.45">
      <c r="A9047" s="11"/>
      <c r="B9047" s="20"/>
      <c r="C9047" s="2" t="s">
        <v>27772</v>
      </c>
      <c r="D9047" s="14" t="s">
        <v>27773</v>
      </c>
      <c r="E9047" s="2" t="s">
        <v>27774</v>
      </c>
      <c r="F9047" s="2" t="s">
        <v>24251</v>
      </c>
      <c r="G9047" s="8">
        <v>225</v>
      </c>
      <c r="H9047" s="5">
        <v>5</v>
      </c>
      <c r="I9047" s="5" t="s">
        <v>69</v>
      </c>
      <c r="J9047" s="5" t="s">
        <v>24629</v>
      </c>
      <c r="K9047" s="2" t="s">
        <v>24630</v>
      </c>
      <c r="L9047" s="5" t="s">
        <v>24629</v>
      </c>
      <c r="M9047" s="2" t="s">
        <v>24630</v>
      </c>
      <c r="N9047" s="5" t="s">
        <v>24254</v>
      </c>
      <c r="O9047" s="5" t="s">
        <v>38</v>
      </c>
      <c r="P9047" s="5" t="s">
        <v>39</v>
      </c>
      <c r="Q9047" s="5" t="s">
        <v>40</v>
      </c>
      <c r="R9047" s="5" t="s">
        <v>24335</v>
      </c>
      <c r="S9047" s="5" t="s">
        <v>40</v>
      </c>
      <c r="T9047" s="5" t="s">
        <v>42</v>
      </c>
      <c r="U9047" s="2">
        <v>5.61</v>
      </c>
      <c r="V9047" s="2">
        <v>4.0570000000000004</v>
      </c>
      <c r="W9047" s="2">
        <v>0.104</v>
      </c>
      <c r="X9047" s="2">
        <v>12</v>
      </c>
      <c r="Y9047" s="2">
        <v>50</v>
      </c>
      <c r="Z9047" s="2">
        <v>173.9</v>
      </c>
      <c r="AA9047" s="5">
        <v>20</v>
      </c>
      <c r="AB9047" s="5" t="s">
        <v>43</v>
      </c>
      <c r="AC9047" s="5" t="s">
        <v>44</v>
      </c>
      <c r="AD9047" s="2" t="s">
        <v>27775</v>
      </c>
      <c r="AE9047" s="1"/>
    </row>
    <row r="9048" spans="1:31" ht="14.45">
      <c r="A9048" s="5"/>
      <c r="B9048" s="21"/>
      <c r="C9048" s="2" t="s">
        <v>27776</v>
      </c>
      <c r="D9048" s="14" t="s">
        <v>27777</v>
      </c>
      <c r="E9048" s="2" t="s">
        <v>27778</v>
      </c>
      <c r="F9048" s="2" t="s">
        <v>27284</v>
      </c>
      <c r="G9048" s="8">
        <v>321</v>
      </c>
      <c r="H9048" s="5">
        <v>5</v>
      </c>
      <c r="I9048" s="5" t="s">
        <v>69</v>
      </c>
      <c r="J9048" s="5" t="s">
        <v>27074</v>
      </c>
      <c r="K9048" s="2" t="s">
        <v>27075</v>
      </c>
      <c r="L9048" s="5" t="s">
        <v>27074</v>
      </c>
      <c r="M9048" s="2" t="s">
        <v>27075</v>
      </c>
      <c r="N9048" s="5" t="s">
        <v>24254</v>
      </c>
      <c r="O9048" s="5" t="s">
        <v>38</v>
      </c>
      <c r="P9048" s="5" t="s">
        <v>39</v>
      </c>
      <c r="Q9048" s="5" t="s">
        <v>40</v>
      </c>
      <c r="R9048" s="5" t="s">
        <v>24335</v>
      </c>
      <c r="S9048" s="5" t="s">
        <v>40</v>
      </c>
      <c r="T9048" s="5" t="s">
        <v>42</v>
      </c>
      <c r="U9048" s="2">
        <v>8.3780000000000001</v>
      </c>
      <c r="V9048" s="2">
        <v>6.6070000000000002</v>
      </c>
      <c r="W9048" s="2">
        <v>8.3000000000000004E-2</v>
      </c>
      <c r="X9048" s="2">
        <v>12</v>
      </c>
      <c r="Y9048" s="2">
        <v>50</v>
      </c>
      <c r="Z9048" s="2">
        <v>137.9</v>
      </c>
      <c r="AA9048" s="5">
        <v>10</v>
      </c>
      <c r="AB9048" s="5" t="s">
        <v>43</v>
      </c>
      <c r="AC9048" s="5" t="s">
        <v>44</v>
      </c>
      <c r="AD9048" s="2" t="s">
        <v>27722</v>
      </c>
      <c r="AE9048" s="1"/>
    </row>
    <row r="9049" spans="1:31" ht="14.45">
      <c r="A9049" s="5"/>
      <c r="B9049" s="21"/>
      <c r="C9049" s="2" t="s">
        <v>27779</v>
      </c>
      <c r="D9049" s="14" t="s">
        <v>27780</v>
      </c>
      <c r="E9049" s="2" t="s">
        <v>27781</v>
      </c>
      <c r="F9049" s="2" t="s">
        <v>27284</v>
      </c>
      <c r="G9049" s="8">
        <v>723</v>
      </c>
      <c r="H9049" s="5">
        <v>15</v>
      </c>
      <c r="I9049" s="5" t="s">
        <v>69</v>
      </c>
      <c r="J9049" s="5" t="s">
        <v>27074</v>
      </c>
      <c r="K9049" s="2" t="s">
        <v>27075</v>
      </c>
      <c r="L9049" s="5" t="s">
        <v>27074</v>
      </c>
      <c r="M9049" s="2" t="s">
        <v>27075</v>
      </c>
      <c r="N9049" s="5" t="s">
        <v>24254</v>
      </c>
      <c r="O9049" s="5" t="s">
        <v>38</v>
      </c>
      <c r="P9049" s="5" t="s">
        <v>39</v>
      </c>
      <c r="Q9049" s="5" t="s">
        <v>40</v>
      </c>
      <c r="R9049" s="5" t="s">
        <v>24335</v>
      </c>
      <c r="S9049" s="5" t="s">
        <v>40</v>
      </c>
      <c r="T9049" s="5" t="s">
        <v>42</v>
      </c>
      <c r="U9049" s="2">
        <v>13.191000000000001</v>
      </c>
      <c r="V9049" s="2">
        <v>10.631</v>
      </c>
      <c r="W9049" s="2">
        <v>8.3000000000000004E-2</v>
      </c>
      <c r="X9049" s="2">
        <v>12</v>
      </c>
      <c r="Y9049" s="2">
        <v>50</v>
      </c>
      <c r="Z9049" s="2">
        <v>249.9</v>
      </c>
      <c r="AA9049" s="5">
        <v>10</v>
      </c>
      <c r="AB9049" s="5" t="s">
        <v>43</v>
      </c>
      <c r="AC9049" s="5" t="s">
        <v>44</v>
      </c>
      <c r="AD9049" s="2" t="s">
        <v>27726</v>
      </c>
      <c r="AE9049" s="1"/>
    </row>
    <row r="9050" spans="1:31" ht="14.45">
      <c r="A9050" s="11"/>
      <c r="B9050" s="20"/>
      <c r="C9050" s="2" t="s">
        <v>27782</v>
      </c>
      <c r="D9050" s="14" t="s">
        <v>27783</v>
      </c>
      <c r="E9050" s="2" t="s">
        <v>27784</v>
      </c>
      <c r="F9050" s="2" t="s">
        <v>24251</v>
      </c>
      <c r="G9050" s="8">
        <v>236</v>
      </c>
      <c r="H9050" s="5">
        <v>5</v>
      </c>
      <c r="I9050" s="5" t="s">
        <v>69</v>
      </c>
      <c r="J9050" s="5" t="s">
        <v>24629</v>
      </c>
      <c r="K9050" s="2" t="s">
        <v>24630</v>
      </c>
      <c r="L9050" s="5" t="s">
        <v>24629</v>
      </c>
      <c r="M9050" s="2" t="s">
        <v>24630</v>
      </c>
      <c r="N9050" s="5" t="s">
        <v>24254</v>
      </c>
      <c r="O9050" s="5" t="s">
        <v>38</v>
      </c>
      <c r="P9050" s="5" t="s">
        <v>39</v>
      </c>
      <c r="Q9050" s="5" t="s">
        <v>40</v>
      </c>
      <c r="R9050" s="5" t="s">
        <v>24335</v>
      </c>
      <c r="S9050" s="5" t="s">
        <v>40</v>
      </c>
      <c r="T9050" s="5" t="s">
        <v>42</v>
      </c>
      <c r="U9050" s="2">
        <v>5.83</v>
      </c>
      <c r="V9050" s="2">
        <v>4.2770000000000001</v>
      </c>
      <c r="W9050" s="2">
        <v>0.104</v>
      </c>
      <c r="X9050" s="2">
        <v>12</v>
      </c>
      <c r="Y9050" s="2">
        <v>50</v>
      </c>
      <c r="Z9050" s="2">
        <v>173.9</v>
      </c>
      <c r="AA9050" s="5">
        <v>20</v>
      </c>
      <c r="AB9050" s="5" t="s">
        <v>43</v>
      </c>
      <c r="AC9050" s="5" t="s">
        <v>44</v>
      </c>
      <c r="AD9050" s="2" t="s">
        <v>27775</v>
      </c>
      <c r="AE9050" s="1"/>
    </row>
    <row r="9051" spans="1:31" ht="14.45">
      <c r="A9051" s="5"/>
      <c r="B9051" s="21"/>
      <c r="C9051" s="2" t="s">
        <v>27785</v>
      </c>
      <c r="D9051" s="14" t="s">
        <v>27786</v>
      </c>
      <c r="E9051" s="2" t="s">
        <v>27787</v>
      </c>
      <c r="F9051" s="2" t="s">
        <v>27284</v>
      </c>
      <c r="G9051" s="8">
        <v>338</v>
      </c>
      <c r="H9051" s="5">
        <v>5</v>
      </c>
      <c r="I9051" s="5" t="s">
        <v>69</v>
      </c>
      <c r="J9051" s="5" t="s">
        <v>27074</v>
      </c>
      <c r="K9051" s="2" t="s">
        <v>27075</v>
      </c>
      <c r="L9051" s="5" t="s">
        <v>27074</v>
      </c>
      <c r="M9051" s="2" t="s">
        <v>27075</v>
      </c>
      <c r="N9051" s="5" t="s">
        <v>24254</v>
      </c>
      <c r="O9051" s="5" t="s">
        <v>38</v>
      </c>
      <c r="P9051" s="5" t="s">
        <v>39</v>
      </c>
      <c r="Q9051" s="5" t="s">
        <v>40</v>
      </c>
      <c r="R9051" s="5" t="s">
        <v>24335</v>
      </c>
      <c r="S9051" s="5" t="s">
        <v>40</v>
      </c>
      <c r="T9051" s="5" t="s">
        <v>42</v>
      </c>
      <c r="U9051" s="2">
        <v>8.7780000000000005</v>
      </c>
      <c r="V9051" s="2">
        <v>7.0069999999999997</v>
      </c>
      <c r="W9051" s="2">
        <v>9.2999999999999999E-2</v>
      </c>
      <c r="X9051" s="2">
        <v>12</v>
      </c>
      <c r="Y9051" s="2">
        <v>50</v>
      </c>
      <c r="Z9051" s="2">
        <v>154.4</v>
      </c>
      <c r="AA9051" s="5">
        <v>10</v>
      </c>
      <c r="AB9051" s="5" t="s">
        <v>43</v>
      </c>
      <c r="AC9051" s="5" t="s">
        <v>44</v>
      </c>
      <c r="AD9051" s="2" t="s">
        <v>27722</v>
      </c>
      <c r="AE9051" s="1"/>
    </row>
    <row r="9052" spans="1:31" ht="14.45">
      <c r="A9052" s="5"/>
      <c r="B9052" s="21"/>
      <c r="C9052" s="2" t="s">
        <v>27788</v>
      </c>
      <c r="D9052" s="14" t="s">
        <v>27789</v>
      </c>
      <c r="E9052" s="2" t="s">
        <v>27790</v>
      </c>
      <c r="F9052" s="2" t="s">
        <v>27284</v>
      </c>
      <c r="G9052" s="8">
        <v>761</v>
      </c>
      <c r="H9052" s="5">
        <v>15</v>
      </c>
      <c r="I9052" s="5" t="s">
        <v>69</v>
      </c>
      <c r="J9052" s="5" t="s">
        <v>27074</v>
      </c>
      <c r="K9052" s="2" t="s">
        <v>27075</v>
      </c>
      <c r="L9052" s="5" t="s">
        <v>27074</v>
      </c>
      <c r="M9052" s="2" t="s">
        <v>27075</v>
      </c>
      <c r="N9052" s="5" t="s">
        <v>24254</v>
      </c>
      <c r="O9052" s="5" t="s">
        <v>38</v>
      </c>
      <c r="P9052" s="5" t="s">
        <v>39</v>
      </c>
      <c r="Q9052" s="5" t="s">
        <v>40</v>
      </c>
      <c r="R9052" s="5" t="s">
        <v>24335</v>
      </c>
      <c r="S9052" s="5" t="s">
        <v>40</v>
      </c>
      <c r="T9052" s="5" t="s">
        <v>42</v>
      </c>
      <c r="U9052" s="2">
        <v>13.727</v>
      </c>
      <c r="V9052" s="2">
        <v>11.167</v>
      </c>
      <c r="W9052" s="2">
        <v>9.2999999999999999E-2</v>
      </c>
      <c r="X9052" s="2">
        <v>12</v>
      </c>
      <c r="Y9052" s="2">
        <v>50</v>
      </c>
      <c r="Z9052" s="2">
        <v>249.9</v>
      </c>
      <c r="AA9052" s="5">
        <v>10</v>
      </c>
      <c r="AB9052" s="5" t="s">
        <v>43</v>
      </c>
      <c r="AC9052" s="5" t="s">
        <v>44</v>
      </c>
      <c r="AD9052" s="2" t="s">
        <v>27726</v>
      </c>
      <c r="AE9052" s="1"/>
    </row>
    <row r="9053" spans="1:31" ht="14.45">
      <c r="A9053" s="5"/>
      <c r="B9053" s="21"/>
      <c r="C9053" s="2" t="s">
        <v>27791</v>
      </c>
      <c r="D9053" s="14" t="s">
        <v>27792</v>
      </c>
      <c r="E9053" s="2" t="s">
        <v>27793</v>
      </c>
      <c r="F9053" s="2" t="s">
        <v>27284</v>
      </c>
      <c r="G9053" s="8">
        <v>358</v>
      </c>
      <c r="H9053" s="5">
        <v>5</v>
      </c>
      <c r="I9053" s="5" t="s">
        <v>69</v>
      </c>
      <c r="J9053" s="5" t="s">
        <v>27074</v>
      </c>
      <c r="K9053" s="2" t="s">
        <v>27075</v>
      </c>
      <c r="L9053" s="5" t="s">
        <v>27074</v>
      </c>
      <c r="M9053" s="2" t="s">
        <v>27075</v>
      </c>
      <c r="N9053" s="5" t="s">
        <v>24254</v>
      </c>
      <c r="O9053" s="5" t="s">
        <v>38</v>
      </c>
      <c r="P9053" s="5" t="s">
        <v>39</v>
      </c>
      <c r="Q9053" s="5" t="s">
        <v>40</v>
      </c>
      <c r="R9053" s="5" t="s">
        <v>24335</v>
      </c>
      <c r="S9053" s="5" t="s">
        <v>40</v>
      </c>
      <c r="T9053" s="5" t="s">
        <v>42</v>
      </c>
      <c r="U9053" s="2">
        <v>9.1509999999999998</v>
      </c>
      <c r="V9053" s="2">
        <v>7.38</v>
      </c>
      <c r="W9053" s="2">
        <v>0.104</v>
      </c>
      <c r="X9053" s="2">
        <v>12</v>
      </c>
      <c r="Y9053" s="2">
        <v>50</v>
      </c>
      <c r="Z9053" s="2">
        <v>173.9</v>
      </c>
      <c r="AA9053" s="5">
        <v>10</v>
      </c>
      <c r="AB9053" s="5" t="s">
        <v>43</v>
      </c>
      <c r="AC9053" s="5" t="s">
        <v>44</v>
      </c>
      <c r="AD9053" s="2" t="s">
        <v>27722</v>
      </c>
      <c r="AE9053" s="1"/>
    </row>
    <row r="9054" spans="1:31" ht="14.45">
      <c r="A9054" s="5"/>
      <c r="B9054" s="21"/>
      <c r="C9054" s="2" t="s">
        <v>27794</v>
      </c>
      <c r="D9054" s="14" t="s">
        <v>27795</v>
      </c>
      <c r="E9054" s="2" t="s">
        <v>27796</v>
      </c>
      <c r="F9054" s="2" t="s">
        <v>27284</v>
      </c>
      <c r="G9054" s="8">
        <v>805</v>
      </c>
      <c r="H9054" s="5">
        <v>15</v>
      </c>
      <c r="I9054" s="5" t="s">
        <v>69</v>
      </c>
      <c r="J9054" s="5" t="s">
        <v>27074</v>
      </c>
      <c r="K9054" s="2" t="s">
        <v>27075</v>
      </c>
      <c r="L9054" s="5" t="s">
        <v>27074</v>
      </c>
      <c r="M9054" s="2" t="s">
        <v>27075</v>
      </c>
      <c r="N9054" s="5" t="s">
        <v>24254</v>
      </c>
      <c r="O9054" s="5" t="s">
        <v>38</v>
      </c>
      <c r="P9054" s="5" t="s">
        <v>39</v>
      </c>
      <c r="Q9054" s="5" t="s">
        <v>40</v>
      </c>
      <c r="R9054" s="5" t="s">
        <v>24335</v>
      </c>
      <c r="S9054" s="5" t="s">
        <v>40</v>
      </c>
      <c r="T9054" s="5" t="s">
        <v>42</v>
      </c>
      <c r="U9054" s="2">
        <v>14.226000000000001</v>
      </c>
      <c r="V9054" s="2">
        <v>11.666</v>
      </c>
      <c r="W9054" s="2">
        <v>0.104</v>
      </c>
      <c r="X9054" s="2">
        <v>12</v>
      </c>
      <c r="Y9054" s="2">
        <v>50</v>
      </c>
      <c r="Z9054" s="2">
        <v>249.9</v>
      </c>
      <c r="AA9054" s="5">
        <v>10</v>
      </c>
      <c r="AB9054" s="5" t="s">
        <v>43</v>
      </c>
      <c r="AC9054" s="5" t="s">
        <v>44</v>
      </c>
      <c r="AD9054" s="2" t="s">
        <v>27726</v>
      </c>
      <c r="AE9054" s="1"/>
    </row>
    <row r="9055" spans="1:31" ht="14.45">
      <c r="A9055" s="5"/>
      <c r="B9055" s="21"/>
      <c r="C9055" s="2" t="s">
        <v>27797</v>
      </c>
      <c r="D9055" s="14" t="s">
        <v>27798</v>
      </c>
      <c r="E9055" s="2" t="s">
        <v>27799</v>
      </c>
      <c r="F9055" s="2" t="s">
        <v>27284</v>
      </c>
      <c r="G9055" s="8">
        <v>338</v>
      </c>
      <c r="H9055" s="5">
        <v>5</v>
      </c>
      <c r="I9055" s="5" t="s">
        <v>69</v>
      </c>
      <c r="J9055" s="5" t="s">
        <v>27074</v>
      </c>
      <c r="K9055" s="2" t="s">
        <v>27075</v>
      </c>
      <c r="L9055" s="5" t="s">
        <v>27074</v>
      </c>
      <c r="M9055" s="2" t="s">
        <v>27075</v>
      </c>
      <c r="N9055" s="5" t="s">
        <v>24254</v>
      </c>
      <c r="O9055" s="5" t="s">
        <v>38</v>
      </c>
      <c r="P9055" s="5" t="s">
        <v>39</v>
      </c>
      <c r="Q9055" s="5" t="s">
        <v>40</v>
      </c>
      <c r="R9055" s="5" t="s">
        <v>24335</v>
      </c>
      <c r="S9055" s="5" t="s">
        <v>40</v>
      </c>
      <c r="T9055" s="5" t="s">
        <v>42</v>
      </c>
      <c r="U9055" s="2">
        <v>8.8030000000000008</v>
      </c>
      <c r="V9055" s="2">
        <v>7.032</v>
      </c>
      <c r="W9055" s="2">
        <v>9.2999999999999999E-2</v>
      </c>
      <c r="X9055" s="2">
        <v>12</v>
      </c>
      <c r="Y9055" s="2">
        <v>50</v>
      </c>
      <c r="Z9055" s="2">
        <v>154.4</v>
      </c>
      <c r="AA9055" s="5">
        <v>10</v>
      </c>
      <c r="AB9055" s="5" t="s">
        <v>43</v>
      </c>
      <c r="AC9055" s="5" t="s">
        <v>44</v>
      </c>
      <c r="AD9055" s="2" t="s">
        <v>27722</v>
      </c>
      <c r="AE9055" s="1"/>
    </row>
    <row r="9056" spans="1:31" ht="14.45">
      <c r="A9056" s="5"/>
      <c r="B9056" s="21"/>
      <c r="C9056" s="2" t="s">
        <v>27800</v>
      </c>
      <c r="D9056" s="14" t="s">
        <v>27801</v>
      </c>
      <c r="E9056" s="2" t="s">
        <v>27802</v>
      </c>
      <c r="F9056" s="2" t="s">
        <v>27284</v>
      </c>
      <c r="G9056" s="8">
        <v>761</v>
      </c>
      <c r="H9056" s="5">
        <v>15</v>
      </c>
      <c r="I9056" s="5" t="s">
        <v>69</v>
      </c>
      <c r="J9056" s="5" t="s">
        <v>27074</v>
      </c>
      <c r="K9056" s="2" t="s">
        <v>27075</v>
      </c>
      <c r="L9056" s="5" t="s">
        <v>27074</v>
      </c>
      <c r="M9056" s="2" t="s">
        <v>27075</v>
      </c>
      <c r="N9056" s="5" t="s">
        <v>24254</v>
      </c>
      <c r="O9056" s="5" t="s">
        <v>38</v>
      </c>
      <c r="P9056" s="5" t="s">
        <v>39</v>
      </c>
      <c r="Q9056" s="5" t="s">
        <v>40</v>
      </c>
      <c r="R9056" s="5" t="s">
        <v>24335</v>
      </c>
      <c r="S9056" s="5" t="s">
        <v>40</v>
      </c>
      <c r="T9056" s="5" t="s">
        <v>42</v>
      </c>
      <c r="U9056" s="2">
        <v>14.648</v>
      </c>
      <c r="V9056" s="2">
        <v>11.282999999999999</v>
      </c>
      <c r="W9056" s="2">
        <v>9.2999999999999999E-2</v>
      </c>
      <c r="X9056" s="2">
        <v>12</v>
      </c>
      <c r="Y9056" s="2">
        <v>50</v>
      </c>
      <c r="Z9056" s="2">
        <v>271.89999999999998</v>
      </c>
      <c r="AA9056" s="5">
        <v>10</v>
      </c>
      <c r="AB9056" s="5" t="s">
        <v>43</v>
      </c>
      <c r="AC9056" s="5" t="s">
        <v>44</v>
      </c>
      <c r="AD9056" s="2" t="s">
        <v>27726</v>
      </c>
      <c r="AE9056" s="1"/>
    </row>
    <row r="9057" spans="1:31" ht="14.45">
      <c r="A9057" s="5"/>
      <c r="B9057" s="21"/>
      <c r="C9057" s="2" t="s">
        <v>27803</v>
      </c>
      <c r="D9057" s="14" t="s">
        <v>27804</v>
      </c>
      <c r="E9057" s="2" t="s">
        <v>27805</v>
      </c>
      <c r="F9057" s="2" t="s">
        <v>27284</v>
      </c>
      <c r="G9057" s="8">
        <v>347</v>
      </c>
      <c r="H9057" s="5">
        <v>5</v>
      </c>
      <c r="I9057" s="5" t="s">
        <v>69</v>
      </c>
      <c r="J9057" s="5" t="s">
        <v>27074</v>
      </c>
      <c r="K9057" s="2" t="s">
        <v>27075</v>
      </c>
      <c r="L9057" s="5" t="s">
        <v>27074</v>
      </c>
      <c r="M9057" s="2" t="s">
        <v>27075</v>
      </c>
      <c r="N9057" s="5" t="s">
        <v>24254</v>
      </c>
      <c r="O9057" s="5" t="s">
        <v>38</v>
      </c>
      <c r="P9057" s="5" t="s">
        <v>39</v>
      </c>
      <c r="Q9057" s="5" t="s">
        <v>40</v>
      </c>
      <c r="R9057" s="5" t="s">
        <v>24335</v>
      </c>
      <c r="S9057" s="5" t="s">
        <v>40</v>
      </c>
      <c r="T9057" s="5" t="s">
        <v>42</v>
      </c>
      <c r="U9057" s="2">
        <v>9.202</v>
      </c>
      <c r="V9057" s="2">
        <v>7.431</v>
      </c>
      <c r="W9057" s="2">
        <v>9.2999999999999999E-2</v>
      </c>
      <c r="X9057" s="2">
        <v>12</v>
      </c>
      <c r="Y9057" s="2">
        <v>50</v>
      </c>
      <c r="Z9057" s="2">
        <v>154.4</v>
      </c>
      <c r="AA9057" s="5">
        <v>10</v>
      </c>
      <c r="AB9057" s="5" t="s">
        <v>43</v>
      </c>
      <c r="AC9057" s="5" t="s">
        <v>44</v>
      </c>
      <c r="AD9057" s="2" t="s">
        <v>27722</v>
      </c>
      <c r="AE9057" s="1"/>
    </row>
    <row r="9058" spans="1:31" ht="14.45">
      <c r="A9058" s="5"/>
      <c r="B9058" s="21"/>
      <c r="C9058" s="2" t="s">
        <v>27806</v>
      </c>
      <c r="D9058" s="14" t="s">
        <v>27807</v>
      </c>
      <c r="E9058" s="2" t="s">
        <v>27808</v>
      </c>
      <c r="F9058" s="2" t="s">
        <v>27284</v>
      </c>
      <c r="G9058" s="8">
        <v>780</v>
      </c>
      <c r="H9058" s="5">
        <v>15</v>
      </c>
      <c r="I9058" s="5" t="s">
        <v>69</v>
      </c>
      <c r="J9058" s="5" t="s">
        <v>27074</v>
      </c>
      <c r="K9058" s="2" t="s">
        <v>27075</v>
      </c>
      <c r="L9058" s="5" t="s">
        <v>27074</v>
      </c>
      <c r="M9058" s="2" t="s">
        <v>27075</v>
      </c>
      <c r="N9058" s="5" t="s">
        <v>24254</v>
      </c>
      <c r="O9058" s="5" t="s">
        <v>38</v>
      </c>
      <c r="P9058" s="5" t="s">
        <v>39</v>
      </c>
      <c r="Q9058" s="5" t="s">
        <v>40</v>
      </c>
      <c r="R9058" s="5" t="s">
        <v>24335</v>
      </c>
      <c r="S9058" s="5" t="s">
        <v>40</v>
      </c>
      <c r="T9058" s="5" t="s">
        <v>42</v>
      </c>
      <c r="U9058" s="2">
        <v>15.182</v>
      </c>
      <c r="V9058" s="2">
        <v>11.817</v>
      </c>
      <c r="W9058" s="2">
        <v>9.2999999999999999E-2</v>
      </c>
      <c r="X9058" s="2">
        <v>12</v>
      </c>
      <c r="Y9058" s="2">
        <v>50</v>
      </c>
      <c r="Z9058" s="2">
        <v>271.89999999999998</v>
      </c>
      <c r="AA9058" s="5">
        <v>10</v>
      </c>
      <c r="AB9058" s="5" t="s">
        <v>43</v>
      </c>
      <c r="AC9058" s="5" t="s">
        <v>44</v>
      </c>
      <c r="AD9058" s="2" t="s">
        <v>27726</v>
      </c>
      <c r="AE9058" s="1"/>
    </row>
    <row r="9059" spans="1:31" ht="14.45">
      <c r="A9059" s="5"/>
      <c r="B9059" s="21"/>
      <c r="C9059" s="2" t="s">
        <v>27809</v>
      </c>
      <c r="D9059" s="14" t="s">
        <v>27810</v>
      </c>
      <c r="E9059" s="2" t="s">
        <v>27811</v>
      </c>
      <c r="F9059" s="2" t="s">
        <v>27284</v>
      </c>
      <c r="G9059" s="8">
        <v>383</v>
      </c>
      <c r="H9059" s="5">
        <v>5</v>
      </c>
      <c r="I9059" s="5" t="s">
        <v>69</v>
      </c>
      <c r="J9059" s="5" t="s">
        <v>27074</v>
      </c>
      <c r="K9059" s="2" t="s">
        <v>27075</v>
      </c>
      <c r="L9059" s="5" t="s">
        <v>27074</v>
      </c>
      <c r="M9059" s="2" t="s">
        <v>27075</v>
      </c>
      <c r="N9059" s="5" t="s">
        <v>24254</v>
      </c>
      <c r="O9059" s="5" t="s">
        <v>38</v>
      </c>
      <c r="P9059" s="5" t="s">
        <v>39</v>
      </c>
      <c r="Q9059" s="5" t="s">
        <v>40</v>
      </c>
      <c r="R9059" s="5" t="s">
        <v>24335</v>
      </c>
      <c r="S9059" s="5" t="s">
        <v>40</v>
      </c>
      <c r="T9059" s="5" t="s">
        <v>42</v>
      </c>
      <c r="U9059" s="2">
        <v>9.5760000000000005</v>
      </c>
      <c r="V9059" s="2">
        <v>7.8049999999999997</v>
      </c>
      <c r="W9059" s="2">
        <v>0.104</v>
      </c>
      <c r="X9059" s="2">
        <v>12</v>
      </c>
      <c r="Y9059" s="2">
        <v>50</v>
      </c>
      <c r="Z9059" s="2">
        <v>173.9</v>
      </c>
      <c r="AA9059" s="5">
        <v>10</v>
      </c>
      <c r="AB9059" s="5" t="s">
        <v>43</v>
      </c>
      <c r="AC9059" s="5" t="s">
        <v>44</v>
      </c>
      <c r="AD9059" s="2" t="s">
        <v>27722</v>
      </c>
      <c r="AE9059" s="1"/>
    </row>
    <row r="9060" spans="1:31" ht="14.45">
      <c r="A9060" s="5"/>
      <c r="B9060" s="21"/>
      <c r="C9060" s="2" t="s">
        <v>27812</v>
      </c>
      <c r="D9060" s="14" t="s">
        <v>27813</v>
      </c>
      <c r="E9060" s="2" t="s">
        <v>27814</v>
      </c>
      <c r="F9060" s="2" t="s">
        <v>27284</v>
      </c>
      <c r="G9060" s="8">
        <v>862</v>
      </c>
      <c r="H9060" s="5">
        <v>15</v>
      </c>
      <c r="I9060" s="5" t="s">
        <v>69</v>
      </c>
      <c r="J9060" s="5" t="s">
        <v>27074</v>
      </c>
      <c r="K9060" s="2" t="s">
        <v>27075</v>
      </c>
      <c r="L9060" s="5" t="s">
        <v>27074</v>
      </c>
      <c r="M9060" s="2" t="s">
        <v>27075</v>
      </c>
      <c r="N9060" s="5" t="s">
        <v>24254</v>
      </c>
      <c r="O9060" s="5" t="s">
        <v>38</v>
      </c>
      <c r="P9060" s="5" t="s">
        <v>39</v>
      </c>
      <c r="Q9060" s="5" t="s">
        <v>40</v>
      </c>
      <c r="R9060" s="5" t="s">
        <v>24335</v>
      </c>
      <c r="S9060" s="5" t="s">
        <v>40</v>
      </c>
      <c r="T9060" s="5" t="s">
        <v>42</v>
      </c>
      <c r="U9060" s="2">
        <v>15.683</v>
      </c>
      <c r="V9060" s="2">
        <v>12.318</v>
      </c>
      <c r="W9060" s="2">
        <v>0.104</v>
      </c>
      <c r="X9060" s="2">
        <v>12</v>
      </c>
      <c r="Y9060" s="2">
        <v>50</v>
      </c>
      <c r="Z9060" s="2">
        <v>271.89999999999998</v>
      </c>
      <c r="AA9060" s="5">
        <v>10</v>
      </c>
      <c r="AB9060" s="5" t="s">
        <v>43</v>
      </c>
      <c r="AC9060" s="5" t="s">
        <v>44</v>
      </c>
      <c r="AD9060" s="2" t="s">
        <v>27726</v>
      </c>
      <c r="AE9060" s="1"/>
    </row>
    <row r="9061" spans="1:31" ht="14.45">
      <c r="A9061" s="5"/>
      <c r="B9061" s="21"/>
      <c r="C9061" s="2" t="s">
        <v>27815</v>
      </c>
      <c r="D9061" s="14" t="s">
        <v>27816</v>
      </c>
      <c r="E9061" s="2" t="s">
        <v>27817</v>
      </c>
      <c r="F9061" s="2" t="s">
        <v>27284</v>
      </c>
      <c r="G9061" s="8">
        <v>761</v>
      </c>
      <c r="H9061" s="5">
        <v>15</v>
      </c>
      <c r="I9061" s="5" t="s">
        <v>69</v>
      </c>
      <c r="J9061" s="5" t="s">
        <v>27074</v>
      </c>
      <c r="K9061" s="2" t="s">
        <v>27075</v>
      </c>
      <c r="L9061" s="5" t="s">
        <v>27074</v>
      </c>
      <c r="M9061" s="2" t="s">
        <v>27075</v>
      </c>
      <c r="N9061" s="5" t="s">
        <v>24254</v>
      </c>
      <c r="O9061" s="5" t="s">
        <v>38</v>
      </c>
      <c r="P9061" s="5" t="s">
        <v>39</v>
      </c>
      <c r="Q9061" s="5" t="s">
        <v>40</v>
      </c>
      <c r="R9061" s="5" t="s">
        <v>24335</v>
      </c>
      <c r="S9061" s="5" t="s">
        <v>40</v>
      </c>
      <c r="T9061" s="5" t="s">
        <v>42</v>
      </c>
      <c r="U9061" s="2">
        <v>15.33</v>
      </c>
      <c r="V9061" s="2">
        <v>11.641</v>
      </c>
      <c r="W9061" s="2">
        <v>0.104</v>
      </c>
      <c r="X9061" s="2">
        <v>12</v>
      </c>
      <c r="Y9061" s="2">
        <v>50</v>
      </c>
      <c r="Z9061" s="2">
        <v>312.39999999999998</v>
      </c>
      <c r="AA9061" s="5">
        <v>10</v>
      </c>
      <c r="AB9061" s="5" t="s">
        <v>43</v>
      </c>
      <c r="AC9061" s="5" t="s">
        <v>44</v>
      </c>
      <c r="AD9061" s="2" t="s">
        <v>27726</v>
      </c>
      <c r="AE9061" s="1"/>
    </row>
    <row r="9062" spans="1:31" ht="14.45">
      <c r="A9062" s="5"/>
      <c r="B9062" s="21"/>
      <c r="C9062" s="2" t="s">
        <v>27818</v>
      </c>
      <c r="D9062" s="14" t="s">
        <v>27819</v>
      </c>
      <c r="E9062" s="2" t="s">
        <v>27820</v>
      </c>
      <c r="F9062" s="2" t="s">
        <v>27284</v>
      </c>
      <c r="G9062" s="8">
        <v>366</v>
      </c>
      <c r="H9062" s="5">
        <v>5</v>
      </c>
      <c r="I9062" s="5" t="s">
        <v>69</v>
      </c>
      <c r="J9062" s="5" t="s">
        <v>27074</v>
      </c>
      <c r="K9062" s="2" t="s">
        <v>27075</v>
      </c>
      <c r="L9062" s="5" t="s">
        <v>27074</v>
      </c>
      <c r="M9062" s="2" t="s">
        <v>27075</v>
      </c>
      <c r="N9062" s="5" t="s">
        <v>24254</v>
      </c>
      <c r="O9062" s="5" t="s">
        <v>38</v>
      </c>
      <c r="P9062" s="5" t="s">
        <v>39</v>
      </c>
      <c r="Q9062" s="5" t="s">
        <v>40</v>
      </c>
      <c r="R9062" s="5" t="s">
        <v>24335</v>
      </c>
      <c r="S9062" s="5" t="s">
        <v>40</v>
      </c>
      <c r="T9062" s="5" t="s">
        <v>42</v>
      </c>
      <c r="U9062" s="2">
        <v>9.7129999999999992</v>
      </c>
      <c r="V9062" s="2">
        <v>7.726</v>
      </c>
      <c r="W9062" s="2">
        <v>0.104</v>
      </c>
      <c r="X9062" s="2">
        <v>12</v>
      </c>
      <c r="Y9062" s="2">
        <v>50</v>
      </c>
      <c r="Z9062" s="2">
        <v>173.9</v>
      </c>
      <c r="AA9062" s="5">
        <v>10</v>
      </c>
      <c r="AB9062" s="5" t="s">
        <v>43</v>
      </c>
      <c r="AC9062" s="5" t="s">
        <v>44</v>
      </c>
      <c r="AD9062" s="2" t="s">
        <v>27722</v>
      </c>
      <c r="AE9062" s="1"/>
    </row>
    <row r="9063" spans="1:31" ht="14.45">
      <c r="A9063" s="5"/>
      <c r="B9063" s="21"/>
      <c r="C9063" s="2" t="s">
        <v>27821</v>
      </c>
      <c r="D9063" s="14" t="s">
        <v>27822</v>
      </c>
      <c r="E9063" s="2" t="s">
        <v>27823</v>
      </c>
      <c r="F9063" s="2" t="s">
        <v>27284</v>
      </c>
      <c r="G9063" s="8">
        <v>824</v>
      </c>
      <c r="H9063" s="5">
        <v>15</v>
      </c>
      <c r="I9063" s="5" t="s">
        <v>69</v>
      </c>
      <c r="J9063" s="5" t="s">
        <v>27074</v>
      </c>
      <c r="K9063" s="2" t="s">
        <v>27075</v>
      </c>
      <c r="L9063" s="5" t="s">
        <v>27074</v>
      </c>
      <c r="M9063" s="2" t="s">
        <v>27075</v>
      </c>
      <c r="N9063" s="5" t="s">
        <v>24254</v>
      </c>
      <c r="O9063" s="5" t="s">
        <v>38</v>
      </c>
      <c r="P9063" s="5" t="s">
        <v>39</v>
      </c>
      <c r="Q9063" s="5" t="s">
        <v>40</v>
      </c>
      <c r="R9063" s="5" t="s">
        <v>24335</v>
      </c>
      <c r="S9063" s="5" t="s">
        <v>40</v>
      </c>
      <c r="T9063" s="5" t="s">
        <v>42</v>
      </c>
      <c r="U9063" s="2">
        <v>16.352</v>
      </c>
      <c r="V9063" s="2">
        <v>12.663</v>
      </c>
      <c r="W9063" s="2">
        <v>0.104</v>
      </c>
      <c r="X9063" s="2">
        <v>12</v>
      </c>
      <c r="Y9063" s="2">
        <v>50</v>
      </c>
      <c r="Z9063" s="2">
        <v>312.39999999999998</v>
      </c>
      <c r="AA9063" s="5">
        <v>10</v>
      </c>
      <c r="AB9063" s="5" t="s">
        <v>43</v>
      </c>
      <c r="AC9063" s="5" t="s">
        <v>44</v>
      </c>
      <c r="AD9063" s="2" t="s">
        <v>27726</v>
      </c>
      <c r="AE9063" s="1"/>
    </row>
    <row r="9064" spans="1:31" ht="14.45">
      <c r="A9064" s="11"/>
      <c r="B9064" s="20"/>
      <c r="C9064" s="2" t="s">
        <v>27824</v>
      </c>
      <c r="D9064" s="14" t="s">
        <v>27825</v>
      </c>
      <c r="E9064" s="2" t="s">
        <v>27826</v>
      </c>
      <c r="F9064" s="2" t="s">
        <v>24251</v>
      </c>
      <c r="G9064" s="8">
        <v>286</v>
      </c>
      <c r="H9064" s="5">
        <v>5</v>
      </c>
      <c r="I9064" s="5" t="s">
        <v>69</v>
      </c>
      <c r="J9064" s="5" t="s">
        <v>24629</v>
      </c>
      <c r="K9064" s="2" t="s">
        <v>24630</v>
      </c>
      <c r="L9064" s="5" t="s">
        <v>24629</v>
      </c>
      <c r="M9064" s="2" t="s">
        <v>24630</v>
      </c>
      <c r="N9064" s="5" t="s">
        <v>24254</v>
      </c>
      <c r="O9064" s="5" t="s">
        <v>38</v>
      </c>
      <c r="P9064" s="5" t="s">
        <v>39</v>
      </c>
      <c r="Q9064" s="5" t="s">
        <v>40</v>
      </c>
      <c r="R9064" s="5" t="s">
        <v>24335</v>
      </c>
      <c r="S9064" s="5" t="s">
        <v>40</v>
      </c>
      <c r="T9064" s="5" t="s">
        <v>42</v>
      </c>
      <c r="U9064" s="2">
        <v>6.5819999999999999</v>
      </c>
      <c r="V9064" s="2">
        <v>4.8789999999999996</v>
      </c>
      <c r="W9064" s="2">
        <v>0.104</v>
      </c>
      <c r="X9064" s="2">
        <v>12</v>
      </c>
      <c r="Y9064" s="2">
        <v>50</v>
      </c>
      <c r="Z9064" s="2">
        <v>173.9</v>
      </c>
      <c r="AA9064" s="5">
        <v>20</v>
      </c>
      <c r="AB9064" s="5" t="s">
        <v>43</v>
      </c>
      <c r="AC9064" s="5" t="s">
        <v>44</v>
      </c>
      <c r="AD9064" s="2" t="s">
        <v>27775</v>
      </c>
      <c r="AE9064" s="1"/>
    </row>
    <row r="9065" spans="1:31" ht="14.45">
      <c r="A9065" s="5"/>
      <c r="B9065" s="21"/>
      <c r="C9065" s="2" t="s">
        <v>27827</v>
      </c>
      <c r="D9065" s="14" t="s">
        <v>27828</v>
      </c>
      <c r="E9065" s="2" t="s">
        <v>27829</v>
      </c>
      <c r="F9065" s="2" t="s">
        <v>27284</v>
      </c>
      <c r="G9065" s="8">
        <v>408</v>
      </c>
      <c r="H9065" s="5">
        <v>5</v>
      </c>
      <c r="I9065" s="5" t="s">
        <v>69</v>
      </c>
      <c r="J9065" s="5" t="s">
        <v>27074</v>
      </c>
      <c r="K9065" s="2" t="s">
        <v>27075</v>
      </c>
      <c r="L9065" s="5" t="s">
        <v>27074</v>
      </c>
      <c r="M9065" s="2" t="s">
        <v>27075</v>
      </c>
      <c r="N9065" s="5" t="s">
        <v>24254</v>
      </c>
      <c r="O9065" s="5" t="s">
        <v>38</v>
      </c>
      <c r="P9065" s="5" t="s">
        <v>39</v>
      </c>
      <c r="Q9065" s="5" t="s">
        <v>40</v>
      </c>
      <c r="R9065" s="5" t="s">
        <v>24335</v>
      </c>
      <c r="S9065" s="5" t="s">
        <v>40</v>
      </c>
      <c r="T9065" s="5" t="s">
        <v>42</v>
      </c>
      <c r="U9065" s="2">
        <v>10.087</v>
      </c>
      <c r="V9065" s="2">
        <v>8.1</v>
      </c>
      <c r="W9065" s="2">
        <v>0.104</v>
      </c>
      <c r="X9065" s="2">
        <v>12</v>
      </c>
      <c r="Y9065" s="2">
        <v>50</v>
      </c>
      <c r="Z9065" s="2">
        <v>173.9</v>
      </c>
      <c r="AA9065" s="5">
        <v>10</v>
      </c>
      <c r="AB9065" s="5" t="s">
        <v>43</v>
      </c>
      <c r="AC9065" s="5" t="s">
        <v>44</v>
      </c>
      <c r="AD9065" s="2" t="s">
        <v>27722</v>
      </c>
      <c r="AE9065" s="1"/>
    </row>
    <row r="9066" spans="1:31" ht="14.45">
      <c r="A9066" s="5"/>
      <c r="B9066" s="21"/>
      <c r="C9066" s="2" t="s">
        <v>27830</v>
      </c>
      <c r="D9066" s="14" t="s">
        <v>27831</v>
      </c>
      <c r="E9066" s="2" t="s">
        <v>27832</v>
      </c>
      <c r="F9066" s="2" t="s">
        <v>27284</v>
      </c>
      <c r="G9066" s="8">
        <v>919</v>
      </c>
      <c r="H9066" s="5">
        <v>15</v>
      </c>
      <c r="I9066" s="5" t="s">
        <v>69</v>
      </c>
      <c r="J9066" s="5" t="s">
        <v>27074</v>
      </c>
      <c r="K9066" s="2" t="s">
        <v>27075</v>
      </c>
      <c r="L9066" s="5" t="s">
        <v>27074</v>
      </c>
      <c r="M9066" s="2" t="s">
        <v>27075</v>
      </c>
      <c r="N9066" s="5" t="s">
        <v>24254</v>
      </c>
      <c r="O9066" s="5" t="s">
        <v>38</v>
      </c>
      <c r="P9066" s="5" t="s">
        <v>39</v>
      </c>
      <c r="Q9066" s="5" t="s">
        <v>40</v>
      </c>
      <c r="R9066" s="5" t="s">
        <v>24335</v>
      </c>
      <c r="S9066" s="5" t="s">
        <v>40</v>
      </c>
      <c r="T9066" s="5" t="s">
        <v>42</v>
      </c>
      <c r="U9066" s="2">
        <v>16.852</v>
      </c>
      <c r="V9066" s="2">
        <v>13.163</v>
      </c>
      <c r="W9066" s="2">
        <v>0.104</v>
      </c>
      <c r="X9066" s="2">
        <v>12</v>
      </c>
      <c r="Y9066" s="2">
        <v>50</v>
      </c>
      <c r="Z9066" s="2">
        <v>312.39999999999998</v>
      </c>
      <c r="AA9066" s="5">
        <v>10</v>
      </c>
      <c r="AB9066" s="5" t="s">
        <v>43</v>
      </c>
      <c r="AC9066" s="5" t="s">
        <v>44</v>
      </c>
      <c r="AD9066" s="2" t="s">
        <v>27726</v>
      </c>
      <c r="AE9066" s="1"/>
    </row>
    <row r="9067" spans="1:31" ht="14.45">
      <c r="A9067" s="5"/>
      <c r="B9067" s="21"/>
      <c r="C9067" s="2" t="s">
        <v>27833</v>
      </c>
      <c r="D9067" s="14" t="s">
        <v>27834</v>
      </c>
      <c r="E9067" s="2" t="s">
        <v>27835</v>
      </c>
      <c r="F9067" s="2" t="s">
        <v>27284</v>
      </c>
      <c r="G9067" s="8">
        <v>268</v>
      </c>
      <c r="H9067" s="5">
        <v>5</v>
      </c>
      <c r="I9067" s="5" t="s">
        <v>69</v>
      </c>
      <c r="J9067" s="5" t="s">
        <v>27074</v>
      </c>
      <c r="K9067" s="2" t="s">
        <v>27075</v>
      </c>
      <c r="L9067" s="5" t="s">
        <v>27074</v>
      </c>
      <c r="M9067" s="2" t="s">
        <v>27075</v>
      </c>
      <c r="N9067" s="5" t="s">
        <v>24254</v>
      </c>
      <c r="O9067" s="5" t="s">
        <v>38</v>
      </c>
      <c r="P9067" s="5" t="s">
        <v>39</v>
      </c>
      <c r="Q9067" s="5" t="s">
        <v>40</v>
      </c>
      <c r="R9067" s="5" t="s">
        <v>24335</v>
      </c>
      <c r="S9067" s="5" t="s">
        <v>40</v>
      </c>
      <c r="T9067" s="5" t="s">
        <v>42</v>
      </c>
      <c r="U9067" s="2">
        <v>7.8140000000000001</v>
      </c>
      <c r="V9067" s="2">
        <v>6.1870000000000003</v>
      </c>
      <c r="W9067" s="2">
        <v>8.3000000000000004E-2</v>
      </c>
      <c r="X9067" s="2">
        <v>12</v>
      </c>
      <c r="Y9067" s="2">
        <v>62</v>
      </c>
      <c r="Z9067" s="2">
        <v>137.9</v>
      </c>
      <c r="AA9067" s="5">
        <v>10</v>
      </c>
      <c r="AB9067" s="5" t="s">
        <v>43</v>
      </c>
      <c r="AC9067" s="5" t="s">
        <v>44</v>
      </c>
      <c r="AD9067" s="2" t="s">
        <v>27836</v>
      </c>
      <c r="AE9067" s="1"/>
    </row>
    <row r="9068" spans="1:31" ht="14.45">
      <c r="A9068" s="5"/>
      <c r="B9068" s="21"/>
      <c r="C9068" s="2" t="s">
        <v>27837</v>
      </c>
      <c r="D9068" s="14" t="s">
        <v>27838</v>
      </c>
      <c r="E9068" s="2" t="s">
        <v>27839</v>
      </c>
      <c r="F9068" s="2"/>
      <c r="G9068" s="8">
        <v>602</v>
      </c>
      <c r="H9068" s="5">
        <v>15</v>
      </c>
      <c r="I9068" s="5" t="s">
        <v>69</v>
      </c>
      <c r="J9068" s="5" t="s">
        <v>27074</v>
      </c>
      <c r="K9068" s="2" t="s">
        <v>27075</v>
      </c>
      <c r="L9068" s="5" t="s">
        <v>27074</v>
      </c>
      <c r="M9068" s="2" t="s">
        <v>27075</v>
      </c>
      <c r="N9068" s="5" t="s">
        <v>24254</v>
      </c>
      <c r="O9068" s="5" t="s">
        <v>38</v>
      </c>
      <c r="P9068" s="5" t="s">
        <v>39</v>
      </c>
      <c r="Q9068" s="5" t="s">
        <v>40</v>
      </c>
      <c r="R9068" s="5" t="s">
        <v>24335</v>
      </c>
      <c r="S9068" s="5" t="s">
        <v>40</v>
      </c>
      <c r="T9068" s="5" t="s">
        <v>42</v>
      </c>
      <c r="U9068" s="2">
        <v>11.923999999999999</v>
      </c>
      <c r="V9068" s="2">
        <v>9.2759999999999998</v>
      </c>
      <c r="W9068" s="2">
        <v>0.11600000000000001</v>
      </c>
      <c r="X9068" s="2">
        <v>12</v>
      </c>
      <c r="Y9068" s="2">
        <v>50</v>
      </c>
      <c r="Z9068" s="2">
        <v>249.9</v>
      </c>
      <c r="AA9068" s="5">
        <v>10</v>
      </c>
      <c r="AB9068" s="5" t="s">
        <v>43</v>
      </c>
      <c r="AC9068" s="5" t="s">
        <v>44</v>
      </c>
      <c r="AD9068" s="2" t="s">
        <v>27840</v>
      </c>
      <c r="AE9068" s="1"/>
    </row>
    <row r="9069" spans="1:31" ht="14.45">
      <c r="A9069" s="5"/>
      <c r="B9069" s="21"/>
      <c r="C9069" s="2" t="s">
        <v>27841</v>
      </c>
      <c r="D9069" s="14" t="s">
        <v>27842</v>
      </c>
      <c r="E9069" s="2" t="s">
        <v>27843</v>
      </c>
      <c r="F9069" s="2"/>
      <c r="G9069" s="8">
        <v>602</v>
      </c>
      <c r="H9069" s="5">
        <v>15</v>
      </c>
      <c r="I9069" s="5" t="s">
        <v>69</v>
      </c>
      <c r="J9069" s="5" t="s">
        <v>27074</v>
      </c>
      <c r="K9069" s="2" t="s">
        <v>27075</v>
      </c>
      <c r="L9069" s="5" t="s">
        <v>27074</v>
      </c>
      <c r="M9069" s="2" t="s">
        <v>27075</v>
      </c>
      <c r="N9069" s="5" t="s">
        <v>24254</v>
      </c>
      <c r="O9069" s="5" t="s">
        <v>38</v>
      </c>
      <c r="P9069" s="5" t="s">
        <v>39</v>
      </c>
      <c r="Q9069" s="5" t="s">
        <v>40</v>
      </c>
      <c r="R9069" s="5" t="s">
        <v>24335</v>
      </c>
      <c r="S9069" s="5" t="s">
        <v>40</v>
      </c>
      <c r="T9069" s="5" t="s">
        <v>42</v>
      </c>
      <c r="U9069" s="2">
        <v>12.372</v>
      </c>
      <c r="V9069" s="2">
        <v>9.7629999999999999</v>
      </c>
      <c r="W9069" s="2">
        <v>0.11600000000000001</v>
      </c>
      <c r="X9069" s="2">
        <v>12</v>
      </c>
      <c r="Y9069" s="2">
        <v>50</v>
      </c>
      <c r="Z9069" s="2">
        <v>249.9</v>
      </c>
      <c r="AA9069" s="5">
        <v>10</v>
      </c>
      <c r="AB9069" s="5" t="s">
        <v>43</v>
      </c>
      <c r="AC9069" s="5" t="s">
        <v>44</v>
      </c>
      <c r="AD9069" s="2" t="s">
        <v>27840</v>
      </c>
      <c r="AE9069" s="1"/>
    </row>
    <row r="9070" spans="1:31" ht="14.45">
      <c r="A9070" s="5"/>
      <c r="B9070" s="21"/>
      <c r="C9070" s="2" t="s">
        <v>27844</v>
      </c>
      <c r="D9070" s="14" t="s">
        <v>27845</v>
      </c>
      <c r="E9070" s="2" t="s">
        <v>27846</v>
      </c>
      <c r="F9070" s="2"/>
      <c r="G9070" s="8">
        <v>602</v>
      </c>
      <c r="H9070" s="5">
        <v>15</v>
      </c>
      <c r="I9070" s="5" t="s">
        <v>69</v>
      </c>
      <c r="J9070" s="5" t="s">
        <v>27074</v>
      </c>
      <c r="K9070" s="2" t="s">
        <v>27075</v>
      </c>
      <c r="L9070" s="5" t="s">
        <v>27074</v>
      </c>
      <c r="M9070" s="2" t="s">
        <v>27075</v>
      </c>
      <c r="N9070" s="5" t="s">
        <v>24254</v>
      </c>
      <c r="O9070" s="5" t="s">
        <v>38</v>
      </c>
      <c r="P9070" s="5" t="s">
        <v>39</v>
      </c>
      <c r="Q9070" s="5" t="s">
        <v>40</v>
      </c>
      <c r="R9070" s="5" t="s">
        <v>24335</v>
      </c>
      <c r="S9070" s="5" t="s">
        <v>40</v>
      </c>
      <c r="T9070" s="5" t="s">
        <v>42</v>
      </c>
      <c r="U9070" s="2">
        <v>12.138999999999999</v>
      </c>
      <c r="V9070" s="2">
        <v>9.5679999999999996</v>
      </c>
      <c r="W9070" s="2">
        <v>0.11600000000000001</v>
      </c>
      <c r="X9070" s="2">
        <v>12</v>
      </c>
      <c r="Y9070" s="2">
        <v>50</v>
      </c>
      <c r="Z9070" s="2">
        <v>249.9</v>
      </c>
      <c r="AA9070" s="5">
        <v>10</v>
      </c>
      <c r="AB9070" s="5" t="s">
        <v>43</v>
      </c>
      <c r="AC9070" s="5" t="s">
        <v>44</v>
      </c>
      <c r="AD9070" s="2" t="s">
        <v>27847</v>
      </c>
      <c r="AE9070" s="1"/>
    </row>
    <row r="9071" spans="1:31" ht="14.45">
      <c r="A9071" s="5"/>
      <c r="B9071" s="21"/>
      <c r="C9071" s="2" t="s">
        <v>27848</v>
      </c>
      <c r="D9071" s="14" t="s">
        <v>27849</v>
      </c>
      <c r="E9071" s="2" t="s">
        <v>27850</v>
      </c>
      <c r="F9071" s="2"/>
      <c r="G9071" s="8">
        <v>1397</v>
      </c>
      <c r="H9071" s="5">
        <v>15</v>
      </c>
      <c r="I9071" s="5" t="s">
        <v>69</v>
      </c>
      <c r="J9071" s="5" t="s">
        <v>27074</v>
      </c>
      <c r="K9071" s="2" t="s">
        <v>27075</v>
      </c>
      <c r="L9071" s="5" t="s">
        <v>27074</v>
      </c>
      <c r="M9071" s="2" t="s">
        <v>27075</v>
      </c>
      <c r="N9071" s="5" t="s">
        <v>24254</v>
      </c>
      <c r="O9071" s="5" t="s">
        <v>38</v>
      </c>
      <c r="P9071" s="5" t="s">
        <v>39</v>
      </c>
      <c r="Q9071" s="5" t="s">
        <v>40</v>
      </c>
      <c r="R9071" s="5" t="s">
        <v>24335</v>
      </c>
      <c r="S9071" s="5" t="s">
        <v>40</v>
      </c>
      <c r="T9071" s="5" t="s">
        <v>42</v>
      </c>
      <c r="U9071" s="2">
        <v>15.888</v>
      </c>
      <c r="V9071" s="2">
        <v>12.317</v>
      </c>
      <c r="W9071" s="2">
        <v>0.17</v>
      </c>
      <c r="X9071" s="2">
        <v>12</v>
      </c>
      <c r="Y9071" s="2">
        <v>50</v>
      </c>
      <c r="Z9071" s="2">
        <v>283.89999999999998</v>
      </c>
      <c r="AA9071" s="5">
        <v>10</v>
      </c>
      <c r="AB9071" s="5" t="s">
        <v>43</v>
      </c>
      <c r="AC9071" s="5" t="s">
        <v>44</v>
      </c>
      <c r="AD9071" s="2" t="s">
        <v>27851</v>
      </c>
      <c r="AE9071" s="1"/>
    </row>
    <row r="9072" spans="1:31" ht="14.45">
      <c r="A9072" s="5"/>
      <c r="B9072" s="21"/>
      <c r="C9072" s="2" t="s">
        <v>27852</v>
      </c>
      <c r="D9072" s="14" t="s">
        <v>27853</v>
      </c>
      <c r="E9072" s="2" t="s">
        <v>27854</v>
      </c>
      <c r="F9072" s="2"/>
      <c r="G9072" s="8">
        <v>1397</v>
      </c>
      <c r="H9072" s="5">
        <v>15</v>
      </c>
      <c r="I9072" s="5" t="s">
        <v>69</v>
      </c>
      <c r="J9072" s="5" t="s">
        <v>27074</v>
      </c>
      <c r="K9072" s="2" t="s">
        <v>27075</v>
      </c>
      <c r="L9072" s="5" t="s">
        <v>27074</v>
      </c>
      <c r="M9072" s="2" t="s">
        <v>27075</v>
      </c>
      <c r="N9072" s="5" t="s">
        <v>24254</v>
      </c>
      <c r="O9072" s="5" t="s">
        <v>38</v>
      </c>
      <c r="P9072" s="5" t="s">
        <v>39</v>
      </c>
      <c r="Q9072" s="5" t="s">
        <v>40</v>
      </c>
      <c r="R9072" s="5" t="s">
        <v>24335</v>
      </c>
      <c r="S9072" s="5" t="s">
        <v>40</v>
      </c>
      <c r="T9072" s="5" t="s">
        <v>42</v>
      </c>
      <c r="U9072" s="2">
        <v>16.456</v>
      </c>
      <c r="V9072" s="2">
        <v>12.994999999999999</v>
      </c>
      <c r="W9072" s="2">
        <v>0.17</v>
      </c>
      <c r="X9072" s="2">
        <v>12</v>
      </c>
      <c r="Y9072" s="2">
        <v>50</v>
      </c>
      <c r="Z9072" s="2">
        <v>283.89999999999998</v>
      </c>
      <c r="AA9072" s="5">
        <v>10</v>
      </c>
      <c r="AB9072" s="5" t="s">
        <v>43</v>
      </c>
      <c r="AC9072" s="5" t="s">
        <v>44</v>
      </c>
      <c r="AD9072" s="2" t="s">
        <v>27855</v>
      </c>
      <c r="AE9072" s="1"/>
    </row>
    <row r="9073" spans="1:31" ht="14.45">
      <c r="A9073" s="5"/>
      <c r="B9073" s="21"/>
      <c r="C9073" s="2" t="s">
        <v>27856</v>
      </c>
      <c r="D9073" s="14" t="s">
        <v>27857</v>
      </c>
      <c r="E9073" s="2" t="s">
        <v>27858</v>
      </c>
      <c r="F9073" s="2"/>
      <c r="G9073" s="8">
        <v>421</v>
      </c>
      <c r="H9073" s="5">
        <v>15</v>
      </c>
      <c r="I9073" s="5" t="s">
        <v>69</v>
      </c>
      <c r="J9073" s="5" t="s">
        <v>27074</v>
      </c>
      <c r="K9073" s="2" t="s">
        <v>27075</v>
      </c>
      <c r="L9073" s="5" t="s">
        <v>27074</v>
      </c>
      <c r="M9073" s="2" t="s">
        <v>27075</v>
      </c>
      <c r="N9073" s="5" t="s">
        <v>24254</v>
      </c>
      <c r="O9073" s="5" t="s">
        <v>38</v>
      </c>
      <c r="P9073" s="5" t="s">
        <v>39</v>
      </c>
      <c r="Q9073" s="5" t="s">
        <v>40</v>
      </c>
      <c r="R9073" s="5" t="s">
        <v>24340</v>
      </c>
      <c r="S9073" s="5" t="s">
        <v>40</v>
      </c>
      <c r="T9073" s="5" t="s">
        <v>42</v>
      </c>
      <c r="U9073" s="2">
        <v>15.746</v>
      </c>
      <c r="V9073" s="2">
        <v>13.464</v>
      </c>
      <c r="W9073" s="2">
        <v>8.3000000000000004E-2</v>
      </c>
      <c r="X9073" s="2">
        <v>12</v>
      </c>
      <c r="Y9073" s="2">
        <v>62</v>
      </c>
      <c r="Z9073" s="2">
        <v>137.9</v>
      </c>
      <c r="AA9073" s="5">
        <v>10</v>
      </c>
      <c r="AB9073" s="5" t="s">
        <v>43</v>
      </c>
      <c r="AC9073" s="5" t="s">
        <v>44</v>
      </c>
      <c r="AD9073" s="2" t="s">
        <v>27859</v>
      </c>
      <c r="AE9073" s="1"/>
    </row>
    <row r="9074" spans="1:31" ht="14.45">
      <c r="A9074" s="5"/>
      <c r="B9074" s="21"/>
      <c r="C9074" s="2" t="s">
        <v>27860</v>
      </c>
      <c r="D9074" s="14" t="s">
        <v>27861</v>
      </c>
      <c r="E9074" s="2" t="s">
        <v>27862</v>
      </c>
      <c r="F9074" s="2"/>
      <c r="G9074" s="8">
        <v>908</v>
      </c>
      <c r="H9074" s="5">
        <v>15</v>
      </c>
      <c r="I9074" s="5" t="s">
        <v>69</v>
      </c>
      <c r="J9074" s="5" t="s">
        <v>27074</v>
      </c>
      <c r="K9074" s="2" t="s">
        <v>27075</v>
      </c>
      <c r="L9074" s="5" t="s">
        <v>27074</v>
      </c>
      <c r="M9074" s="2" t="s">
        <v>27075</v>
      </c>
      <c r="N9074" s="5" t="s">
        <v>24254</v>
      </c>
      <c r="O9074" s="5" t="s">
        <v>38</v>
      </c>
      <c r="P9074" s="5" t="s">
        <v>39</v>
      </c>
      <c r="Q9074" s="5" t="s">
        <v>40</v>
      </c>
      <c r="R9074" s="5" t="s">
        <v>24340</v>
      </c>
      <c r="S9074" s="5" t="s">
        <v>40</v>
      </c>
      <c r="T9074" s="5" t="s">
        <v>42</v>
      </c>
      <c r="U9074" s="2">
        <v>22.006</v>
      </c>
      <c r="V9074" s="2">
        <v>19.358000000000001</v>
      </c>
      <c r="W9074" s="2">
        <v>0.11600000000000001</v>
      </c>
      <c r="X9074" s="2">
        <v>12</v>
      </c>
      <c r="Y9074" s="2">
        <v>50</v>
      </c>
      <c r="Z9074" s="2">
        <v>249.9</v>
      </c>
      <c r="AA9074" s="5">
        <v>10</v>
      </c>
      <c r="AB9074" s="5" t="s">
        <v>43</v>
      </c>
      <c r="AC9074" s="5" t="s">
        <v>44</v>
      </c>
      <c r="AD9074" s="2" t="s">
        <v>27863</v>
      </c>
      <c r="AE9074" s="1"/>
    </row>
    <row r="9075" spans="1:31" ht="14.45">
      <c r="A9075" s="5"/>
      <c r="B9075" s="21"/>
      <c r="C9075" s="2" t="s">
        <v>27864</v>
      </c>
      <c r="D9075" s="14" t="s">
        <v>27865</v>
      </c>
      <c r="E9075" s="2" t="s">
        <v>27866</v>
      </c>
      <c r="F9075" s="2"/>
      <c r="G9075" s="8">
        <v>908</v>
      </c>
      <c r="H9075" s="5">
        <v>15</v>
      </c>
      <c r="I9075" s="5" t="s">
        <v>69</v>
      </c>
      <c r="J9075" s="5" t="s">
        <v>27074</v>
      </c>
      <c r="K9075" s="2" t="s">
        <v>27075</v>
      </c>
      <c r="L9075" s="5" t="s">
        <v>27074</v>
      </c>
      <c r="M9075" s="2" t="s">
        <v>27075</v>
      </c>
      <c r="N9075" s="5" t="s">
        <v>24254</v>
      </c>
      <c r="O9075" s="5" t="s">
        <v>38</v>
      </c>
      <c r="P9075" s="5" t="s">
        <v>39</v>
      </c>
      <c r="Q9075" s="5" t="s">
        <v>40</v>
      </c>
      <c r="R9075" s="5" t="s">
        <v>24340</v>
      </c>
      <c r="S9075" s="5" t="s">
        <v>40</v>
      </c>
      <c r="T9075" s="5" t="s">
        <v>42</v>
      </c>
      <c r="U9075" s="2">
        <v>23.295999999999999</v>
      </c>
      <c r="V9075" s="2">
        <v>20.725000000000001</v>
      </c>
      <c r="W9075" s="2">
        <v>0.11600000000000001</v>
      </c>
      <c r="X9075" s="2">
        <v>12</v>
      </c>
      <c r="Y9075" s="2">
        <v>50</v>
      </c>
      <c r="Z9075" s="2">
        <v>249.9</v>
      </c>
      <c r="AA9075" s="5">
        <v>10</v>
      </c>
      <c r="AB9075" s="5" t="s">
        <v>43</v>
      </c>
      <c r="AC9075" s="5" t="s">
        <v>44</v>
      </c>
      <c r="AD9075" s="2" t="s">
        <v>27867</v>
      </c>
      <c r="AE9075" s="1"/>
    </row>
    <row r="9076" spans="1:31" ht="14.45">
      <c r="A9076" s="5"/>
      <c r="B9076" s="21"/>
      <c r="C9076" s="2" t="s">
        <v>27868</v>
      </c>
      <c r="D9076" s="14" t="s">
        <v>27869</v>
      </c>
      <c r="E9076" s="2" t="s">
        <v>27870</v>
      </c>
      <c r="F9076" s="2"/>
      <c r="G9076" s="8">
        <v>421</v>
      </c>
      <c r="H9076" s="5">
        <v>15</v>
      </c>
      <c r="I9076" s="5" t="s">
        <v>69</v>
      </c>
      <c r="J9076" s="5" t="s">
        <v>27074</v>
      </c>
      <c r="K9076" s="2" t="s">
        <v>27075</v>
      </c>
      <c r="L9076" s="5" t="s">
        <v>27074</v>
      </c>
      <c r="M9076" s="2" t="s">
        <v>27075</v>
      </c>
      <c r="N9076" s="5" t="s">
        <v>24254</v>
      </c>
      <c r="O9076" s="5" t="s">
        <v>38</v>
      </c>
      <c r="P9076" s="5" t="s">
        <v>39</v>
      </c>
      <c r="Q9076" s="5" t="s">
        <v>40</v>
      </c>
      <c r="R9076" s="5" t="s">
        <v>25301</v>
      </c>
      <c r="S9076" s="5" t="s">
        <v>40</v>
      </c>
      <c r="T9076" s="5" t="s">
        <v>42</v>
      </c>
      <c r="U9076" s="2">
        <v>14.625</v>
      </c>
      <c r="V9076" s="2">
        <v>12.343</v>
      </c>
      <c r="W9076" s="2">
        <v>8.3000000000000004E-2</v>
      </c>
      <c r="X9076" s="2">
        <v>12</v>
      </c>
      <c r="Y9076" s="2">
        <v>62</v>
      </c>
      <c r="Z9076" s="2">
        <v>137.9</v>
      </c>
      <c r="AA9076" s="5">
        <v>10</v>
      </c>
      <c r="AB9076" s="5" t="s">
        <v>43</v>
      </c>
      <c r="AC9076" s="5" t="s">
        <v>44</v>
      </c>
      <c r="AD9076" s="2" t="s">
        <v>27871</v>
      </c>
      <c r="AE9076" s="1"/>
    </row>
    <row r="9077" spans="1:31" ht="14.45">
      <c r="A9077" s="5"/>
      <c r="B9077" s="21"/>
      <c r="C9077" s="2" t="s">
        <v>27872</v>
      </c>
      <c r="D9077" s="14" t="s">
        <v>27873</v>
      </c>
      <c r="E9077" s="2" t="s">
        <v>27874</v>
      </c>
      <c r="F9077" s="2"/>
      <c r="G9077" s="8">
        <v>282</v>
      </c>
      <c r="H9077" s="5">
        <v>5</v>
      </c>
      <c r="I9077" s="5" t="s">
        <v>69</v>
      </c>
      <c r="J9077" s="5" t="s">
        <v>27074</v>
      </c>
      <c r="K9077" s="2" t="s">
        <v>27075</v>
      </c>
      <c r="L9077" s="5" t="s">
        <v>27074</v>
      </c>
      <c r="M9077" s="2" t="s">
        <v>27075</v>
      </c>
      <c r="N9077" s="5" t="s">
        <v>24254</v>
      </c>
      <c r="O9077" s="5" t="s">
        <v>38</v>
      </c>
      <c r="P9077" s="5" t="s">
        <v>39</v>
      </c>
      <c r="Q9077" s="5" t="s">
        <v>40</v>
      </c>
      <c r="R9077" s="5" t="s">
        <v>24335</v>
      </c>
      <c r="S9077" s="5" t="s">
        <v>40</v>
      </c>
      <c r="T9077" s="5" t="s">
        <v>42</v>
      </c>
      <c r="U9077" s="2">
        <v>8.173</v>
      </c>
      <c r="V9077" s="2">
        <v>6.5460000000000003</v>
      </c>
      <c r="W9077" s="2">
        <v>8.3000000000000004E-2</v>
      </c>
      <c r="X9077" s="2">
        <v>12</v>
      </c>
      <c r="Y9077" s="2">
        <v>62</v>
      </c>
      <c r="Z9077" s="2">
        <v>137.9</v>
      </c>
      <c r="AA9077" s="5">
        <v>10</v>
      </c>
      <c r="AB9077" s="5" t="s">
        <v>43</v>
      </c>
      <c r="AC9077" s="5" t="s">
        <v>44</v>
      </c>
      <c r="AD9077" s="2" t="s">
        <v>27836</v>
      </c>
      <c r="AE9077" s="1"/>
    </row>
    <row r="9078" spans="1:31" ht="14.45">
      <c r="A9078" s="5"/>
      <c r="B9078" s="21"/>
      <c r="C9078" s="2" t="s">
        <v>27875</v>
      </c>
      <c r="D9078" s="14" t="s">
        <v>27876</v>
      </c>
      <c r="E9078" s="2" t="s">
        <v>27877</v>
      </c>
      <c r="F9078" s="2"/>
      <c r="G9078" s="8">
        <v>634</v>
      </c>
      <c r="H9078" s="5">
        <v>15</v>
      </c>
      <c r="I9078" s="5" t="s">
        <v>69</v>
      </c>
      <c r="J9078" s="5" t="s">
        <v>27074</v>
      </c>
      <c r="K9078" s="2" t="s">
        <v>27075</v>
      </c>
      <c r="L9078" s="5" t="s">
        <v>27074</v>
      </c>
      <c r="M9078" s="2" t="s">
        <v>27075</v>
      </c>
      <c r="N9078" s="5" t="s">
        <v>24254</v>
      </c>
      <c r="O9078" s="5" t="s">
        <v>38</v>
      </c>
      <c r="P9078" s="5" t="s">
        <v>39</v>
      </c>
      <c r="Q9078" s="5" t="s">
        <v>40</v>
      </c>
      <c r="R9078" s="5" t="s">
        <v>24335</v>
      </c>
      <c r="S9078" s="5" t="s">
        <v>40</v>
      </c>
      <c r="T9078" s="5" t="s">
        <v>42</v>
      </c>
      <c r="U9078" s="2">
        <v>12.443</v>
      </c>
      <c r="V9078" s="2">
        <v>9.7949999999999999</v>
      </c>
      <c r="W9078" s="2">
        <v>0.11600000000000001</v>
      </c>
      <c r="X9078" s="2">
        <v>12</v>
      </c>
      <c r="Y9078" s="2">
        <v>50</v>
      </c>
      <c r="Z9078" s="2">
        <v>249.9</v>
      </c>
      <c r="AA9078" s="5">
        <v>10</v>
      </c>
      <c r="AB9078" s="5" t="s">
        <v>43</v>
      </c>
      <c r="AC9078" s="5" t="s">
        <v>44</v>
      </c>
      <c r="AD9078" s="2" t="s">
        <v>27840</v>
      </c>
      <c r="AE9078" s="1"/>
    </row>
    <row r="9079" spans="1:31" ht="14.45">
      <c r="A9079" s="5"/>
      <c r="B9079" s="21"/>
      <c r="C9079" s="2" t="s">
        <v>27878</v>
      </c>
      <c r="D9079" s="14" t="s">
        <v>27879</v>
      </c>
      <c r="E9079" s="2" t="s">
        <v>27880</v>
      </c>
      <c r="F9079" s="2"/>
      <c r="G9079" s="8">
        <v>634</v>
      </c>
      <c r="H9079" s="5">
        <v>15</v>
      </c>
      <c r="I9079" s="5" t="s">
        <v>69</v>
      </c>
      <c r="J9079" s="5" t="s">
        <v>27074</v>
      </c>
      <c r="K9079" s="2" t="s">
        <v>27075</v>
      </c>
      <c r="L9079" s="5" t="s">
        <v>27074</v>
      </c>
      <c r="M9079" s="2" t="s">
        <v>27075</v>
      </c>
      <c r="N9079" s="5" t="s">
        <v>24254</v>
      </c>
      <c r="O9079" s="5" t="s">
        <v>38</v>
      </c>
      <c r="P9079" s="5" t="s">
        <v>39</v>
      </c>
      <c r="Q9079" s="5" t="s">
        <v>40</v>
      </c>
      <c r="R9079" s="5" t="s">
        <v>24335</v>
      </c>
      <c r="S9079" s="5" t="s">
        <v>40</v>
      </c>
      <c r="T9079" s="5" t="s">
        <v>42</v>
      </c>
      <c r="U9079" s="2">
        <v>12.895</v>
      </c>
      <c r="V9079" s="2">
        <v>10.286</v>
      </c>
      <c r="W9079" s="2">
        <v>0.11600000000000001</v>
      </c>
      <c r="X9079" s="2">
        <v>12</v>
      </c>
      <c r="Y9079" s="2">
        <v>50</v>
      </c>
      <c r="Z9079" s="2">
        <v>249.9</v>
      </c>
      <c r="AA9079" s="5">
        <v>10</v>
      </c>
      <c r="AB9079" s="5" t="s">
        <v>43</v>
      </c>
      <c r="AC9079" s="5" t="s">
        <v>44</v>
      </c>
      <c r="AD9079" s="2" t="s">
        <v>27840</v>
      </c>
      <c r="AE9079" s="1"/>
    </row>
    <row r="9080" spans="1:31" ht="14.45">
      <c r="A9080" s="5"/>
      <c r="B9080" s="21"/>
      <c r="C9080" s="2" t="s">
        <v>27881</v>
      </c>
      <c r="D9080" s="14" t="s">
        <v>27882</v>
      </c>
      <c r="E9080" s="2" t="s">
        <v>27883</v>
      </c>
      <c r="F9080" s="2"/>
      <c r="G9080" s="8">
        <v>634</v>
      </c>
      <c r="H9080" s="5">
        <v>15</v>
      </c>
      <c r="I9080" s="5" t="s">
        <v>69</v>
      </c>
      <c r="J9080" s="5" t="s">
        <v>27074</v>
      </c>
      <c r="K9080" s="2" t="s">
        <v>27075</v>
      </c>
      <c r="L9080" s="5" t="s">
        <v>27074</v>
      </c>
      <c r="M9080" s="2" t="s">
        <v>27075</v>
      </c>
      <c r="N9080" s="5" t="s">
        <v>24254</v>
      </c>
      <c r="O9080" s="5" t="s">
        <v>38</v>
      </c>
      <c r="P9080" s="5" t="s">
        <v>39</v>
      </c>
      <c r="Q9080" s="5" t="s">
        <v>40</v>
      </c>
      <c r="R9080" s="5" t="s">
        <v>24335</v>
      </c>
      <c r="S9080" s="5" t="s">
        <v>40</v>
      </c>
      <c r="T9080" s="5" t="s">
        <v>42</v>
      </c>
      <c r="U9080" s="2">
        <v>12.680999999999999</v>
      </c>
      <c r="V9080" s="2">
        <v>10.11</v>
      </c>
      <c r="W9080" s="2">
        <v>0.11600000000000001</v>
      </c>
      <c r="X9080" s="2">
        <v>12</v>
      </c>
      <c r="Y9080" s="2">
        <v>50</v>
      </c>
      <c r="Z9080" s="2">
        <v>249.9</v>
      </c>
      <c r="AA9080" s="5">
        <v>10</v>
      </c>
      <c r="AB9080" s="5" t="s">
        <v>43</v>
      </c>
      <c r="AC9080" s="5" t="s">
        <v>44</v>
      </c>
      <c r="AD9080" s="2" t="s">
        <v>27847</v>
      </c>
      <c r="AE9080" s="1"/>
    </row>
    <row r="9081" spans="1:31" ht="14.45">
      <c r="A9081" s="5"/>
      <c r="B9081" s="21"/>
      <c r="C9081" s="2" t="s">
        <v>27884</v>
      </c>
      <c r="D9081" s="14" t="s">
        <v>27885</v>
      </c>
      <c r="E9081" s="2" t="s">
        <v>27886</v>
      </c>
      <c r="F9081" s="2"/>
      <c r="G9081" s="8">
        <v>1471</v>
      </c>
      <c r="H9081" s="5">
        <v>15</v>
      </c>
      <c r="I9081" s="5" t="s">
        <v>69</v>
      </c>
      <c r="J9081" s="5" t="s">
        <v>27074</v>
      </c>
      <c r="K9081" s="2" t="s">
        <v>27075</v>
      </c>
      <c r="L9081" s="5" t="s">
        <v>27074</v>
      </c>
      <c r="M9081" s="2" t="s">
        <v>27075</v>
      </c>
      <c r="N9081" s="5" t="s">
        <v>24254</v>
      </c>
      <c r="O9081" s="5" t="s">
        <v>38</v>
      </c>
      <c r="P9081" s="5" t="s">
        <v>39</v>
      </c>
      <c r="Q9081" s="5" t="s">
        <v>40</v>
      </c>
      <c r="R9081" s="5" t="s">
        <v>24335</v>
      </c>
      <c r="S9081" s="5" t="s">
        <v>40</v>
      </c>
      <c r="T9081" s="5" t="s">
        <v>42</v>
      </c>
      <c r="U9081" s="2">
        <v>16.404</v>
      </c>
      <c r="V9081" s="2">
        <v>12.833</v>
      </c>
      <c r="W9081" s="2">
        <v>0.17</v>
      </c>
      <c r="X9081" s="2">
        <v>12</v>
      </c>
      <c r="Y9081" s="2">
        <v>50</v>
      </c>
      <c r="Z9081" s="2">
        <v>283.89999999999998</v>
      </c>
      <c r="AA9081" s="5">
        <v>10</v>
      </c>
      <c r="AB9081" s="5" t="s">
        <v>43</v>
      </c>
      <c r="AC9081" s="5" t="s">
        <v>44</v>
      </c>
      <c r="AD9081" s="2" t="s">
        <v>27851</v>
      </c>
      <c r="AE9081" s="1"/>
    </row>
    <row r="9082" spans="1:31" ht="14.45">
      <c r="A9082" s="5"/>
      <c r="B9082" s="21"/>
      <c r="C9082" s="2" t="s">
        <v>27887</v>
      </c>
      <c r="D9082" s="14" t="s">
        <v>27888</v>
      </c>
      <c r="E9082" s="2" t="s">
        <v>27889</v>
      </c>
      <c r="F9082" s="2"/>
      <c r="G9082" s="8">
        <v>1471</v>
      </c>
      <c r="H9082" s="5">
        <v>15</v>
      </c>
      <c r="I9082" s="5" t="s">
        <v>69</v>
      </c>
      <c r="J9082" s="5" t="s">
        <v>27074</v>
      </c>
      <c r="K9082" s="2" t="s">
        <v>27075</v>
      </c>
      <c r="L9082" s="5" t="s">
        <v>27074</v>
      </c>
      <c r="M9082" s="2" t="s">
        <v>27075</v>
      </c>
      <c r="N9082" s="5" t="s">
        <v>24254</v>
      </c>
      <c r="O9082" s="5" t="s">
        <v>38</v>
      </c>
      <c r="P9082" s="5" t="s">
        <v>39</v>
      </c>
      <c r="Q9082" s="5" t="s">
        <v>40</v>
      </c>
      <c r="R9082" s="5" t="s">
        <v>24335</v>
      </c>
      <c r="S9082" s="5" t="s">
        <v>40</v>
      </c>
      <c r="T9082" s="5" t="s">
        <v>42</v>
      </c>
      <c r="U9082" s="2">
        <v>17.081</v>
      </c>
      <c r="V9082" s="2">
        <v>13.62</v>
      </c>
      <c r="W9082" s="2">
        <v>0.17</v>
      </c>
      <c r="X9082" s="2">
        <v>12</v>
      </c>
      <c r="Y9082" s="2">
        <v>50</v>
      </c>
      <c r="Z9082" s="2">
        <v>283.89999999999998</v>
      </c>
      <c r="AA9082" s="5">
        <v>10</v>
      </c>
      <c r="AB9082" s="5" t="s">
        <v>43</v>
      </c>
      <c r="AC9082" s="5" t="s">
        <v>44</v>
      </c>
      <c r="AD9082" s="2" t="s">
        <v>27855</v>
      </c>
      <c r="AE9082" s="1"/>
    </row>
    <row r="9083" spans="1:31" ht="14.45">
      <c r="A9083" s="5"/>
      <c r="B9083" s="21"/>
      <c r="C9083" s="2" t="s">
        <v>27890</v>
      </c>
      <c r="D9083" s="14" t="s">
        <v>27891</v>
      </c>
      <c r="E9083" s="2" t="s">
        <v>27892</v>
      </c>
      <c r="F9083" s="2"/>
      <c r="G9083" s="8">
        <v>435</v>
      </c>
      <c r="H9083" s="5">
        <v>15</v>
      </c>
      <c r="I9083" s="5" t="s">
        <v>69</v>
      </c>
      <c r="J9083" s="5" t="s">
        <v>27074</v>
      </c>
      <c r="K9083" s="2" t="s">
        <v>27075</v>
      </c>
      <c r="L9083" s="5" t="s">
        <v>27074</v>
      </c>
      <c r="M9083" s="2" t="s">
        <v>27075</v>
      </c>
      <c r="N9083" s="5" t="s">
        <v>24254</v>
      </c>
      <c r="O9083" s="5" t="s">
        <v>38</v>
      </c>
      <c r="P9083" s="5" t="s">
        <v>39</v>
      </c>
      <c r="Q9083" s="5" t="s">
        <v>40</v>
      </c>
      <c r="R9083" s="5" t="s">
        <v>24340</v>
      </c>
      <c r="S9083" s="5" t="s">
        <v>40</v>
      </c>
      <c r="T9083" s="5" t="s">
        <v>42</v>
      </c>
      <c r="U9083" s="2">
        <v>16.533000000000001</v>
      </c>
      <c r="V9083" s="2">
        <v>14.250999999999999</v>
      </c>
      <c r="W9083" s="2">
        <v>8.3000000000000004E-2</v>
      </c>
      <c r="X9083" s="2">
        <v>12</v>
      </c>
      <c r="Y9083" s="2">
        <v>62</v>
      </c>
      <c r="Z9083" s="2">
        <v>137.9</v>
      </c>
      <c r="AA9083" s="5">
        <v>10</v>
      </c>
      <c r="AB9083" s="5" t="s">
        <v>43</v>
      </c>
      <c r="AC9083" s="5" t="s">
        <v>44</v>
      </c>
      <c r="AD9083" s="2" t="s">
        <v>27859</v>
      </c>
      <c r="AE9083" s="1"/>
    </row>
    <row r="9084" spans="1:31" ht="14.45">
      <c r="A9084" s="5"/>
      <c r="B9084" s="21"/>
      <c r="C9084" s="2" t="s">
        <v>27893</v>
      </c>
      <c r="D9084" s="14" t="s">
        <v>27894</v>
      </c>
      <c r="E9084" s="2" t="s">
        <v>27895</v>
      </c>
      <c r="F9084" s="2"/>
      <c r="G9084" s="8">
        <v>940</v>
      </c>
      <c r="H9084" s="5">
        <v>15</v>
      </c>
      <c r="I9084" s="5" t="s">
        <v>69</v>
      </c>
      <c r="J9084" s="5" t="s">
        <v>27074</v>
      </c>
      <c r="K9084" s="2" t="s">
        <v>27075</v>
      </c>
      <c r="L9084" s="5" t="s">
        <v>27074</v>
      </c>
      <c r="M9084" s="2" t="s">
        <v>27075</v>
      </c>
      <c r="N9084" s="5" t="s">
        <v>24254</v>
      </c>
      <c r="O9084" s="5" t="s">
        <v>38</v>
      </c>
      <c r="P9084" s="5" t="s">
        <v>39</v>
      </c>
      <c r="Q9084" s="5" t="s">
        <v>40</v>
      </c>
      <c r="R9084" s="5" t="s">
        <v>24340</v>
      </c>
      <c r="S9084" s="5" t="s">
        <v>40</v>
      </c>
      <c r="T9084" s="5" t="s">
        <v>42</v>
      </c>
      <c r="U9084" s="2">
        <v>22.895</v>
      </c>
      <c r="V9084" s="2">
        <v>20.247</v>
      </c>
      <c r="W9084" s="2">
        <v>0.11600000000000001</v>
      </c>
      <c r="X9084" s="2">
        <v>12</v>
      </c>
      <c r="Y9084" s="2">
        <v>50</v>
      </c>
      <c r="Z9084" s="2">
        <v>249.9</v>
      </c>
      <c r="AA9084" s="5">
        <v>10</v>
      </c>
      <c r="AB9084" s="5" t="s">
        <v>43</v>
      </c>
      <c r="AC9084" s="5" t="s">
        <v>44</v>
      </c>
      <c r="AD9084" s="2" t="s">
        <v>27863</v>
      </c>
      <c r="AE9084" s="1"/>
    </row>
    <row r="9085" spans="1:31" ht="14.45">
      <c r="A9085" s="5"/>
      <c r="B9085" s="21"/>
      <c r="C9085" s="2" t="s">
        <v>27896</v>
      </c>
      <c r="D9085" s="14" t="s">
        <v>27897</v>
      </c>
      <c r="E9085" s="2" t="s">
        <v>27898</v>
      </c>
      <c r="F9085" s="2"/>
      <c r="G9085" s="8">
        <v>940</v>
      </c>
      <c r="H9085" s="5">
        <v>15</v>
      </c>
      <c r="I9085" s="5" t="s">
        <v>69</v>
      </c>
      <c r="J9085" s="5" t="s">
        <v>27074</v>
      </c>
      <c r="K9085" s="2" t="s">
        <v>27075</v>
      </c>
      <c r="L9085" s="5" t="s">
        <v>27074</v>
      </c>
      <c r="M9085" s="2" t="s">
        <v>27075</v>
      </c>
      <c r="N9085" s="5" t="s">
        <v>24254</v>
      </c>
      <c r="O9085" s="5" t="s">
        <v>38</v>
      </c>
      <c r="P9085" s="5" t="s">
        <v>39</v>
      </c>
      <c r="Q9085" s="5" t="s">
        <v>40</v>
      </c>
      <c r="R9085" s="5" t="s">
        <v>24340</v>
      </c>
      <c r="S9085" s="5" t="s">
        <v>40</v>
      </c>
      <c r="T9085" s="5" t="s">
        <v>42</v>
      </c>
      <c r="U9085" s="2">
        <v>24.31</v>
      </c>
      <c r="V9085" s="2">
        <v>21.739000000000001</v>
      </c>
      <c r="W9085" s="2">
        <v>0.11600000000000001</v>
      </c>
      <c r="X9085" s="2">
        <v>12</v>
      </c>
      <c r="Y9085" s="2">
        <v>50</v>
      </c>
      <c r="Z9085" s="2">
        <v>249.9</v>
      </c>
      <c r="AA9085" s="5">
        <v>10</v>
      </c>
      <c r="AB9085" s="5" t="s">
        <v>43</v>
      </c>
      <c r="AC9085" s="5" t="s">
        <v>44</v>
      </c>
      <c r="AD9085" s="2" t="s">
        <v>27867</v>
      </c>
      <c r="AE9085" s="1"/>
    </row>
    <row r="9086" spans="1:31" ht="14.45">
      <c r="A9086" s="5"/>
      <c r="B9086" s="21"/>
      <c r="C9086" s="2" t="s">
        <v>27899</v>
      </c>
      <c r="D9086" s="14" t="s">
        <v>27900</v>
      </c>
      <c r="E9086" s="2" t="s">
        <v>27901</v>
      </c>
      <c r="F9086" s="2"/>
      <c r="G9086" s="8">
        <v>435</v>
      </c>
      <c r="H9086" s="5">
        <v>15</v>
      </c>
      <c r="I9086" s="5" t="s">
        <v>69</v>
      </c>
      <c r="J9086" s="5" t="s">
        <v>27074</v>
      </c>
      <c r="K9086" s="2" t="s">
        <v>27075</v>
      </c>
      <c r="L9086" s="5" t="s">
        <v>27074</v>
      </c>
      <c r="M9086" s="2" t="s">
        <v>27075</v>
      </c>
      <c r="N9086" s="5" t="s">
        <v>24254</v>
      </c>
      <c r="O9086" s="5" t="s">
        <v>38</v>
      </c>
      <c r="P9086" s="5" t="s">
        <v>39</v>
      </c>
      <c r="Q9086" s="5" t="s">
        <v>40</v>
      </c>
      <c r="R9086" s="5" t="s">
        <v>25301</v>
      </c>
      <c r="S9086" s="5" t="s">
        <v>40</v>
      </c>
      <c r="T9086" s="5" t="s">
        <v>42</v>
      </c>
      <c r="U9086" s="2">
        <v>15.31</v>
      </c>
      <c r="V9086" s="2">
        <v>13.028</v>
      </c>
      <c r="W9086" s="2">
        <v>8.3000000000000004E-2</v>
      </c>
      <c r="X9086" s="2">
        <v>12</v>
      </c>
      <c r="Y9086" s="2">
        <v>62</v>
      </c>
      <c r="Z9086" s="2">
        <v>137.9</v>
      </c>
      <c r="AA9086" s="5">
        <v>10</v>
      </c>
      <c r="AB9086" s="5" t="s">
        <v>43</v>
      </c>
      <c r="AC9086" s="5" t="s">
        <v>44</v>
      </c>
      <c r="AD9086" s="2" t="s">
        <v>27871</v>
      </c>
      <c r="AE9086" s="1"/>
    </row>
    <row r="9087" spans="1:31" ht="14.45">
      <c r="A9087" s="5"/>
      <c r="B9087" s="21"/>
      <c r="C9087" s="2" t="s">
        <v>27902</v>
      </c>
      <c r="D9087" s="14" t="s">
        <v>27903</v>
      </c>
      <c r="E9087" s="2" t="s">
        <v>27904</v>
      </c>
      <c r="F9087" s="2"/>
      <c r="G9087" s="8">
        <v>296</v>
      </c>
      <c r="H9087" s="5">
        <v>5</v>
      </c>
      <c r="I9087" s="5" t="s">
        <v>69</v>
      </c>
      <c r="J9087" s="5" t="s">
        <v>27074</v>
      </c>
      <c r="K9087" s="2" t="s">
        <v>27075</v>
      </c>
      <c r="L9087" s="5" t="s">
        <v>27074</v>
      </c>
      <c r="M9087" s="2" t="s">
        <v>27075</v>
      </c>
      <c r="N9087" s="5" t="s">
        <v>24254</v>
      </c>
      <c r="O9087" s="5" t="s">
        <v>38</v>
      </c>
      <c r="P9087" s="5" t="s">
        <v>39</v>
      </c>
      <c r="Q9087" s="5" t="s">
        <v>40</v>
      </c>
      <c r="R9087" s="5" t="s">
        <v>24335</v>
      </c>
      <c r="S9087" s="5" t="s">
        <v>40</v>
      </c>
      <c r="T9087" s="5" t="s">
        <v>42</v>
      </c>
      <c r="U9087" s="2">
        <v>8.8369999999999997</v>
      </c>
      <c r="V9087" s="2">
        <v>6.9989999999999997</v>
      </c>
      <c r="W9087" s="2">
        <v>9.2999999999999999E-2</v>
      </c>
      <c r="X9087" s="2">
        <v>12</v>
      </c>
      <c r="Y9087" s="2">
        <v>62</v>
      </c>
      <c r="Z9087" s="2">
        <v>159.9</v>
      </c>
      <c r="AA9087" s="5">
        <v>10</v>
      </c>
      <c r="AB9087" s="5" t="s">
        <v>43</v>
      </c>
      <c r="AC9087" s="5" t="s">
        <v>44</v>
      </c>
      <c r="AD9087" s="2" t="s">
        <v>27836</v>
      </c>
      <c r="AE9087" s="1"/>
    </row>
    <row r="9088" spans="1:31" ht="14.45">
      <c r="A9088" s="5"/>
      <c r="B9088" s="21"/>
      <c r="C9088" s="2" t="s">
        <v>27905</v>
      </c>
      <c r="D9088" s="14" t="s">
        <v>27906</v>
      </c>
      <c r="E9088" s="2" t="s">
        <v>27907</v>
      </c>
      <c r="F9088" s="2"/>
      <c r="G9088" s="8">
        <v>666</v>
      </c>
      <c r="H9088" s="5">
        <v>15</v>
      </c>
      <c r="I9088" s="5" t="s">
        <v>69</v>
      </c>
      <c r="J9088" s="5" t="s">
        <v>27074</v>
      </c>
      <c r="K9088" s="2" t="s">
        <v>27075</v>
      </c>
      <c r="L9088" s="5" t="s">
        <v>27074</v>
      </c>
      <c r="M9088" s="2" t="s">
        <v>27075</v>
      </c>
      <c r="N9088" s="5" t="s">
        <v>24254</v>
      </c>
      <c r="O9088" s="5" t="s">
        <v>38</v>
      </c>
      <c r="P9088" s="5" t="s">
        <v>39</v>
      </c>
      <c r="Q9088" s="5" t="s">
        <v>40</v>
      </c>
      <c r="R9088" s="5" t="s">
        <v>24335</v>
      </c>
      <c r="S9088" s="5" t="s">
        <v>40</v>
      </c>
      <c r="T9088" s="5" t="s">
        <v>42</v>
      </c>
      <c r="U9088" s="2">
        <v>12.801</v>
      </c>
      <c r="V9088" s="2">
        <v>10.153</v>
      </c>
      <c r="W9088" s="2">
        <v>0.11600000000000001</v>
      </c>
      <c r="X9088" s="2">
        <v>12</v>
      </c>
      <c r="Y9088" s="2">
        <v>50</v>
      </c>
      <c r="Z9088" s="2">
        <v>249.9</v>
      </c>
      <c r="AA9088" s="5">
        <v>10</v>
      </c>
      <c r="AB9088" s="5" t="s">
        <v>43</v>
      </c>
      <c r="AC9088" s="5" t="s">
        <v>44</v>
      </c>
      <c r="AD9088" s="2" t="s">
        <v>27840</v>
      </c>
      <c r="AE9088" s="1"/>
    </row>
    <row r="9089" spans="1:31" ht="14.45">
      <c r="A9089" s="5"/>
      <c r="B9089" s="21"/>
      <c r="C9089" s="2" t="s">
        <v>27908</v>
      </c>
      <c r="D9089" s="14" t="s">
        <v>27909</v>
      </c>
      <c r="E9089" s="2" t="s">
        <v>27910</v>
      </c>
      <c r="F9089" s="2"/>
      <c r="G9089" s="8">
        <v>666</v>
      </c>
      <c r="H9089" s="5">
        <v>15</v>
      </c>
      <c r="I9089" s="5" t="s">
        <v>69</v>
      </c>
      <c r="J9089" s="5" t="s">
        <v>27074</v>
      </c>
      <c r="K9089" s="2" t="s">
        <v>27075</v>
      </c>
      <c r="L9089" s="5" t="s">
        <v>27074</v>
      </c>
      <c r="M9089" s="2" t="s">
        <v>27075</v>
      </c>
      <c r="N9089" s="5" t="s">
        <v>24254</v>
      </c>
      <c r="O9089" s="5" t="s">
        <v>38</v>
      </c>
      <c r="P9089" s="5" t="s">
        <v>39</v>
      </c>
      <c r="Q9089" s="5" t="s">
        <v>40</v>
      </c>
      <c r="R9089" s="5" t="s">
        <v>24335</v>
      </c>
      <c r="S9089" s="5" t="s">
        <v>40</v>
      </c>
      <c r="T9089" s="5" t="s">
        <v>42</v>
      </c>
      <c r="U9089" s="2">
        <v>13.358000000000001</v>
      </c>
      <c r="V9089" s="2">
        <v>10.749000000000001</v>
      </c>
      <c r="W9089" s="2">
        <v>0.11600000000000001</v>
      </c>
      <c r="X9089" s="2">
        <v>12</v>
      </c>
      <c r="Y9089" s="2">
        <v>50</v>
      </c>
      <c r="Z9089" s="2">
        <v>249.9</v>
      </c>
      <c r="AA9089" s="5">
        <v>10</v>
      </c>
      <c r="AB9089" s="5" t="s">
        <v>43</v>
      </c>
      <c r="AC9089" s="5" t="s">
        <v>44</v>
      </c>
      <c r="AD9089" s="2" t="s">
        <v>27840</v>
      </c>
      <c r="AE9089" s="1"/>
    </row>
    <row r="9090" spans="1:31" ht="14.45">
      <c r="A9090" s="5"/>
      <c r="B9090" s="21"/>
      <c r="C9090" s="2" t="s">
        <v>27911</v>
      </c>
      <c r="D9090" s="14" t="s">
        <v>27912</v>
      </c>
      <c r="E9090" s="2" t="s">
        <v>27913</v>
      </c>
      <c r="F9090" s="2"/>
      <c r="G9090" s="8">
        <v>666</v>
      </c>
      <c r="H9090" s="5">
        <v>15</v>
      </c>
      <c r="I9090" s="5" t="s">
        <v>69</v>
      </c>
      <c r="J9090" s="5" t="s">
        <v>27074</v>
      </c>
      <c r="K9090" s="2" t="s">
        <v>27075</v>
      </c>
      <c r="L9090" s="5" t="s">
        <v>27074</v>
      </c>
      <c r="M9090" s="2" t="s">
        <v>27075</v>
      </c>
      <c r="N9090" s="5" t="s">
        <v>24254</v>
      </c>
      <c r="O9090" s="5" t="s">
        <v>38</v>
      </c>
      <c r="P9090" s="5" t="s">
        <v>39</v>
      </c>
      <c r="Q9090" s="5" t="s">
        <v>40</v>
      </c>
      <c r="R9090" s="5" t="s">
        <v>24335</v>
      </c>
      <c r="S9090" s="5" t="s">
        <v>40</v>
      </c>
      <c r="T9090" s="5" t="s">
        <v>42</v>
      </c>
      <c r="U9090" s="2">
        <v>13.163</v>
      </c>
      <c r="V9090" s="2">
        <v>10.592000000000001</v>
      </c>
      <c r="W9090" s="2">
        <v>0.11600000000000001</v>
      </c>
      <c r="X9090" s="2">
        <v>12</v>
      </c>
      <c r="Y9090" s="2">
        <v>50</v>
      </c>
      <c r="Z9090" s="2">
        <v>249.9</v>
      </c>
      <c r="AA9090" s="5">
        <v>10</v>
      </c>
      <c r="AB9090" s="5" t="s">
        <v>43</v>
      </c>
      <c r="AC9090" s="5" t="s">
        <v>44</v>
      </c>
      <c r="AD9090" s="2" t="s">
        <v>27847</v>
      </c>
      <c r="AE9090" s="1"/>
    </row>
    <row r="9091" spans="1:31" ht="14.45">
      <c r="A9091" s="5"/>
      <c r="B9091" s="21"/>
      <c r="C9091" s="2" t="s">
        <v>27914</v>
      </c>
      <c r="D9091" s="14" t="s">
        <v>27915</v>
      </c>
      <c r="E9091" s="2" t="s">
        <v>27916</v>
      </c>
      <c r="F9091" s="2"/>
      <c r="G9091" s="8">
        <v>1544</v>
      </c>
      <c r="H9091" s="5">
        <v>15</v>
      </c>
      <c r="I9091" s="5" t="s">
        <v>69</v>
      </c>
      <c r="J9091" s="5" t="s">
        <v>27074</v>
      </c>
      <c r="K9091" s="2" t="s">
        <v>27075</v>
      </c>
      <c r="L9091" s="5" t="s">
        <v>27074</v>
      </c>
      <c r="M9091" s="2" t="s">
        <v>27075</v>
      </c>
      <c r="N9091" s="5" t="s">
        <v>24254</v>
      </c>
      <c r="O9091" s="5" t="s">
        <v>38</v>
      </c>
      <c r="P9091" s="5" t="s">
        <v>39</v>
      </c>
      <c r="Q9091" s="5" t="s">
        <v>40</v>
      </c>
      <c r="R9091" s="5" t="s">
        <v>24335</v>
      </c>
      <c r="S9091" s="5" t="s">
        <v>40</v>
      </c>
      <c r="T9091" s="5" t="s">
        <v>42</v>
      </c>
      <c r="U9091" s="2">
        <v>16.866</v>
      </c>
      <c r="V9091" s="2">
        <v>13.295</v>
      </c>
      <c r="W9091" s="2">
        <v>0.17</v>
      </c>
      <c r="X9091" s="2">
        <v>12</v>
      </c>
      <c r="Y9091" s="2">
        <v>50</v>
      </c>
      <c r="Z9091" s="2">
        <v>283.89999999999998</v>
      </c>
      <c r="AA9091" s="5">
        <v>10</v>
      </c>
      <c r="AB9091" s="5" t="s">
        <v>43</v>
      </c>
      <c r="AC9091" s="5" t="s">
        <v>44</v>
      </c>
      <c r="AD9091" s="2" t="s">
        <v>27851</v>
      </c>
      <c r="AE9091" s="1"/>
    </row>
    <row r="9092" spans="1:31" ht="14.45">
      <c r="A9092" s="5"/>
      <c r="B9092" s="21"/>
      <c r="C9092" s="2" t="s">
        <v>27917</v>
      </c>
      <c r="D9092" s="14" t="s">
        <v>27918</v>
      </c>
      <c r="E9092" s="2" t="s">
        <v>27919</v>
      </c>
      <c r="F9092" s="2"/>
      <c r="G9092" s="8">
        <v>1544</v>
      </c>
      <c r="H9092" s="5">
        <v>15</v>
      </c>
      <c r="I9092" s="5" t="s">
        <v>69</v>
      </c>
      <c r="J9092" s="5" t="s">
        <v>27074</v>
      </c>
      <c r="K9092" s="2" t="s">
        <v>27075</v>
      </c>
      <c r="L9092" s="5" t="s">
        <v>27074</v>
      </c>
      <c r="M9092" s="2" t="s">
        <v>27075</v>
      </c>
      <c r="N9092" s="5" t="s">
        <v>24254</v>
      </c>
      <c r="O9092" s="5" t="s">
        <v>38</v>
      </c>
      <c r="P9092" s="5" t="s">
        <v>39</v>
      </c>
      <c r="Q9092" s="5" t="s">
        <v>40</v>
      </c>
      <c r="R9092" s="5" t="s">
        <v>24335</v>
      </c>
      <c r="S9092" s="5" t="s">
        <v>40</v>
      </c>
      <c r="T9092" s="5" t="s">
        <v>42</v>
      </c>
      <c r="U9092" s="2">
        <v>17.670999999999999</v>
      </c>
      <c r="V9092" s="2">
        <v>14.21</v>
      </c>
      <c r="W9092" s="2">
        <v>0.17</v>
      </c>
      <c r="X9092" s="2">
        <v>12</v>
      </c>
      <c r="Y9092" s="2">
        <v>50</v>
      </c>
      <c r="Z9092" s="2">
        <v>283.89999999999998</v>
      </c>
      <c r="AA9092" s="5">
        <v>10</v>
      </c>
      <c r="AB9092" s="5" t="s">
        <v>43</v>
      </c>
      <c r="AC9092" s="5" t="s">
        <v>44</v>
      </c>
      <c r="AD9092" s="2" t="s">
        <v>27855</v>
      </c>
      <c r="AE9092" s="1"/>
    </row>
    <row r="9093" spans="1:31" ht="14.45">
      <c r="A9093" s="5"/>
      <c r="B9093" s="21"/>
      <c r="C9093" s="2" t="s">
        <v>27920</v>
      </c>
      <c r="D9093" s="14" t="s">
        <v>27921</v>
      </c>
      <c r="E9093" s="2" t="s">
        <v>27922</v>
      </c>
      <c r="F9093" s="2"/>
      <c r="G9093" s="8">
        <v>449</v>
      </c>
      <c r="H9093" s="5">
        <v>15</v>
      </c>
      <c r="I9093" s="5" t="s">
        <v>69</v>
      </c>
      <c r="J9093" s="5" t="s">
        <v>27074</v>
      </c>
      <c r="K9093" s="2" t="s">
        <v>27075</v>
      </c>
      <c r="L9093" s="5" t="s">
        <v>27074</v>
      </c>
      <c r="M9093" s="2" t="s">
        <v>27075</v>
      </c>
      <c r="N9093" s="5" t="s">
        <v>24254</v>
      </c>
      <c r="O9093" s="5" t="s">
        <v>38</v>
      </c>
      <c r="P9093" s="5" t="s">
        <v>39</v>
      </c>
      <c r="Q9093" s="5" t="s">
        <v>40</v>
      </c>
      <c r="R9093" s="5" t="s">
        <v>24340</v>
      </c>
      <c r="S9093" s="5" t="s">
        <v>40</v>
      </c>
      <c r="T9093" s="5" t="s">
        <v>42</v>
      </c>
      <c r="U9093" s="2">
        <v>17.381</v>
      </c>
      <c r="V9093" s="2">
        <v>15.108000000000001</v>
      </c>
      <c r="W9093" s="2">
        <v>9.2999999999999999E-2</v>
      </c>
      <c r="X9093" s="2">
        <v>12</v>
      </c>
      <c r="Y9093" s="2">
        <v>62</v>
      </c>
      <c r="Z9093" s="2">
        <v>159.9</v>
      </c>
      <c r="AA9093" s="5">
        <v>10</v>
      </c>
      <c r="AB9093" s="5" t="s">
        <v>43</v>
      </c>
      <c r="AC9093" s="5" t="s">
        <v>44</v>
      </c>
      <c r="AD9093" s="2" t="s">
        <v>27859</v>
      </c>
      <c r="AE9093" s="1"/>
    </row>
    <row r="9094" spans="1:31" ht="14.45">
      <c r="A9094" s="5"/>
      <c r="B9094" s="21"/>
      <c r="C9094" s="2" t="s">
        <v>27923</v>
      </c>
      <c r="D9094" s="14" t="s">
        <v>27924</v>
      </c>
      <c r="E9094" s="2" t="s">
        <v>27925</v>
      </c>
      <c r="F9094" s="2"/>
      <c r="G9094" s="8">
        <v>972</v>
      </c>
      <c r="H9094" s="5">
        <v>15</v>
      </c>
      <c r="I9094" s="5" t="s">
        <v>69</v>
      </c>
      <c r="J9094" s="5" t="s">
        <v>27074</v>
      </c>
      <c r="K9094" s="2" t="s">
        <v>27075</v>
      </c>
      <c r="L9094" s="5" t="s">
        <v>27074</v>
      </c>
      <c r="M9094" s="2" t="s">
        <v>27075</v>
      </c>
      <c r="N9094" s="5" t="s">
        <v>24254</v>
      </c>
      <c r="O9094" s="5" t="s">
        <v>38</v>
      </c>
      <c r="P9094" s="5" t="s">
        <v>39</v>
      </c>
      <c r="Q9094" s="5" t="s">
        <v>40</v>
      </c>
      <c r="R9094" s="5" t="s">
        <v>24340</v>
      </c>
      <c r="S9094" s="5" t="s">
        <v>40</v>
      </c>
      <c r="T9094" s="5" t="s">
        <v>42</v>
      </c>
      <c r="U9094" s="2">
        <v>23.881</v>
      </c>
      <c r="V9094" s="2">
        <v>21.233000000000001</v>
      </c>
      <c r="W9094" s="2">
        <v>0.11600000000000001</v>
      </c>
      <c r="X9094" s="2">
        <v>12</v>
      </c>
      <c r="Y9094" s="2">
        <v>50</v>
      </c>
      <c r="Z9094" s="2">
        <v>249.9</v>
      </c>
      <c r="AA9094" s="5">
        <v>10</v>
      </c>
      <c r="AB9094" s="5" t="s">
        <v>43</v>
      </c>
      <c r="AC9094" s="5" t="s">
        <v>44</v>
      </c>
      <c r="AD9094" s="2" t="s">
        <v>27863</v>
      </c>
      <c r="AE9094" s="1"/>
    </row>
    <row r="9095" spans="1:31" ht="14.45">
      <c r="A9095" s="5"/>
      <c r="B9095" s="21"/>
      <c r="C9095" s="2" t="s">
        <v>27926</v>
      </c>
      <c r="D9095" s="14" t="s">
        <v>27927</v>
      </c>
      <c r="E9095" s="2" t="s">
        <v>27928</v>
      </c>
      <c r="F9095" s="2"/>
      <c r="G9095" s="8">
        <v>972</v>
      </c>
      <c r="H9095" s="5">
        <v>15</v>
      </c>
      <c r="I9095" s="5" t="s">
        <v>69</v>
      </c>
      <c r="J9095" s="5" t="s">
        <v>27074</v>
      </c>
      <c r="K9095" s="2" t="s">
        <v>27075</v>
      </c>
      <c r="L9095" s="5" t="s">
        <v>27074</v>
      </c>
      <c r="M9095" s="2" t="s">
        <v>27075</v>
      </c>
      <c r="N9095" s="5" t="s">
        <v>24254</v>
      </c>
      <c r="O9095" s="5" t="s">
        <v>38</v>
      </c>
      <c r="P9095" s="5" t="s">
        <v>39</v>
      </c>
      <c r="Q9095" s="5" t="s">
        <v>40</v>
      </c>
      <c r="R9095" s="5" t="s">
        <v>24340</v>
      </c>
      <c r="S9095" s="5" t="s">
        <v>40</v>
      </c>
      <c r="T9095" s="5" t="s">
        <v>42</v>
      </c>
      <c r="U9095" s="2">
        <v>25.437999999999999</v>
      </c>
      <c r="V9095" s="2">
        <v>22.867000000000001</v>
      </c>
      <c r="W9095" s="2">
        <v>0.11600000000000001</v>
      </c>
      <c r="X9095" s="2">
        <v>12</v>
      </c>
      <c r="Y9095" s="2">
        <v>50</v>
      </c>
      <c r="Z9095" s="2">
        <v>249.9</v>
      </c>
      <c r="AA9095" s="5">
        <v>10</v>
      </c>
      <c r="AB9095" s="5" t="s">
        <v>43</v>
      </c>
      <c r="AC9095" s="5" t="s">
        <v>44</v>
      </c>
      <c r="AD9095" s="2" t="s">
        <v>27867</v>
      </c>
      <c r="AE9095" s="1"/>
    </row>
    <row r="9096" spans="1:31" ht="14.45">
      <c r="A9096" s="5"/>
      <c r="B9096" s="21"/>
      <c r="C9096" s="2" t="s">
        <v>27929</v>
      </c>
      <c r="D9096" s="14" t="s">
        <v>27930</v>
      </c>
      <c r="E9096" s="2" t="s">
        <v>27931</v>
      </c>
      <c r="F9096" s="2"/>
      <c r="G9096" s="8">
        <v>449</v>
      </c>
      <c r="H9096" s="5">
        <v>15</v>
      </c>
      <c r="I9096" s="5" t="s">
        <v>69</v>
      </c>
      <c r="J9096" s="5" t="s">
        <v>27074</v>
      </c>
      <c r="K9096" s="2" t="s">
        <v>27075</v>
      </c>
      <c r="L9096" s="5" t="s">
        <v>27074</v>
      </c>
      <c r="M9096" s="2" t="s">
        <v>27075</v>
      </c>
      <c r="N9096" s="5" t="s">
        <v>24254</v>
      </c>
      <c r="O9096" s="5" t="s">
        <v>38</v>
      </c>
      <c r="P9096" s="5" t="s">
        <v>39</v>
      </c>
      <c r="Q9096" s="5" t="s">
        <v>40</v>
      </c>
      <c r="R9096" s="5" t="s">
        <v>25301</v>
      </c>
      <c r="S9096" s="5" t="s">
        <v>40</v>
      </c>
      <c r="T9096" s="5" t="s">
        <v>42</v>
      </c>
      <c r="U9096" s="2">
        <v>16.045999999999999</v>
      </c>
      <c r="V9096" s="2">
        <v>13.773</v>
      </c>
      <c r="W9096" s="2">
        <v>9.2999999999999999E-2</v>
      </c>
      <c r="X9096" s="2">
        <v>12</v>
      </c>
      <c r="Y9096" s="2">
        <v>62</v>
      </c>
      <c r="Z9096" s="2">
        <v>159.9</v>
      </c>
      <c r="AA9096" s="5">
        <v>10</v>
      </c>
      <c r="AB9096" s="5" t="s">
        <v>43</v>
      </c>
      <c r="AC9096" s="5" t="s">
        <v>44</v>
      </c>
      <c r="AD9096" s="2" t="s">
        <v>27871</v>
      </c>
      <c r="AE9096" s="1"/>
    </row>
    <row r="9097" spans="1:31" ht="14.45">
      <c r="A9097" s="5"/>
      <c r="B9097" s="21"/>
      <c r="C9097" s="2" t="s">
        <v>27932</v>
      </c>
      <c r="D9097" s="14" t="s">
        <v>27933</v>
      </c>
      <c r="E9097" s="2" t="s">
        <v>27934</v>
      </c>
      <c r="F9097" s="2"/>
      <c r="G9097" s="8">
        <v>338</v>
      </c>
      <c r="H9097" s="5">
        <v>5</v>
      </c>
      <c r="I9097" s="5" t="s">
        <v>69</v>
      </c>
      <c r="J9097" s="5" t="s">
        <v>27074</v>
      </c>
      <c r="K9097" s="2" t="s">
        <v>27075</v>
      </c>
      <c r="L9097" s="5" t="s">
        <v>27074</v>
      </c>
      <c r="M9097" s="2" t="s">
        <v>27075</v>
      </c>
      <c r="N9097" s="5" t="s">
        <v>24254</v>
      </c>
      <c r="O9097" s="5" t="s">
        <v>38</v>
      </c>
      <c r="P9097" s="5" t="s">
        <v>39</v>
      </c>
      <c r="Q9097" s="5" t="s">
        <v>40</v>
      </c>
      <c r="R9097" s="5" t="s">
        <v>24335</v>
      </c>
      <c r="S9097" s="5" t="s">
        <v>40</v>
      </c>
      <c r="T9097" s="5" t="s">
        <v>42</v>
      </c>
      <c r="U9097" s="2">
        <v>9.3580000000000005</v>
      </c>
      <c r="V9097" s="2">
        <v>7.3949999999999996</v>
      </c>
      <c r="W9097" s="2">
        <v>0.104</v>
      </c>
      <c r="X9097" s="2">
        <v>12</v>
      </c>
      <c r="Y9097" s="2">
        <v>62</v>
      </c>
      <c r="Z9097" s="2">
        <v>172.9</v>
      </c>
      <c r="AA9097" s="5">
        <v>10</v>
      </c>
      <c r="AB9097" s="5" t="s">
        <v>43</v>
      </c>
      <c r="AC9097" s="5" t="s">
        <v>44</v>
      </c>
      <c r="AD9097" s="2" t="s">
        <v>27836</v>
      </c>
      <c r="AE9097" s="1"/>
    </row>
    <row r="9098" spans="1:31" ht="14.45">
      <c r="A9098" s="5"/>
      <c r="B9098" s="21"/>
      <c r="C9098" s="2" t="s">
        <v>27935</v>
      </c>
      <c r="D9098" s="14" t="s">
        <v>27936</v>
      </c>
      <c r="E9098" s="2" t="s">
        <v>27937</v>
      </c>
      <c r="F9098" s="2"/>
      <c r="G9098" s="8">
        <v>761</v>
      </c>
      <c r="H9098" s="5">
        <v>15</v>
      </c>
      <c r="I9098" s="5" t="s">
        <v>69</v>
      </c>
      <c r="J9098" s="5" t="s">
        <v>27074</v>
      </c>
      <c r="K9098" s="2" t="s">
        <v>27075</v>
      </c>
      <c r="L9098" s="5" t="s">
        <v>27074</v>
      </c>
      <c r="M9098" s="2" t="s">
        <v>27075</v>
      </c>
      <c r="N9098" s="5" t="s">
        <v>24254</v>
      </c>
      <c r="O9098" s="5" t="s">
        <v>38</v>
      </c>
      <c r="P9098" s="5" t="s">
        <v>39</v>
      </c>
      <c r="Q9098" s="5" t="s">
        <v>40</v>
      </c>
      <c r="R9098" s="5" t="s">
        <v>24335</v>
      </c>
      <c r="S9098" s="5" t="s">
        <v>40</v>
      </c>
      <c r="T9098" s="5" t="s">
        <v>42</v>
      </c>
      <c r="U9098" s="2">
        <v>13.231999999999999</v>
      </c>
      <c r="V9098" s="2">
        <v>10.584</v>
      </c>
      <c r="W9098" s="2">
        <v>0.11600000000000001</v>
      </c>
      <c r="X9098" s="2">
        <v>12</v>
      </c>
      <c r="Y9098" s="2">
        <v>50</v>
      </c>
      <c r="Z9098" s="2">
        <v>249.9</v>
      </c>
      <c r="AA9098" s="5">
        <v>10</v>
      </c>
      <c r="AB9098" s="5" t="s">
        <v>43</v>
      </c>
      <c r="AC9098" s="5" t="s">
        <v>44</v>
      </c>
      <c r="AD9098" s="2" t="s">
        <v>27840</v>
      </c>
      <c r="AE9098" s="1"/>
    </row>
    <row r="9099" spans="1:31" ht="14.45">
      <c r="A9099" s="5"/>
      <c r="B9099" s="21"/>
      <c r="C9099" s="2" t="s">
        <v>27938</v>
      </c>
      <c r="D9099" s="14" t="s">
        <v>27939</v>
      </c>
      <c r="E9099" s="2" t="s">
        <v>27940</v>
      </c>
      <c r="F9099" s="2"/>
      <c r="G9099" s="8">
        <v>761</v>
      </c>
      <c r="H9099" s="5">
        <v>15</v>
      </c>
      <c r="I9099" s="5" t="s">
        <v>69</v>
      </c>
      <c r="J9099" s="5" t="s">
        <v>27074</v>
      </c>
      <c r="K9099" s="2" t="s">
        <v>27075</v>
      </c>
      <c r="L9099" s="5" t="s">
        <v>27074</v>
      </c>
      <c r="M9099" s="2" t="s">
        <v>27075</v>
      </c>
      <c r="N9099" s="5" t="s">
        <v>24254</v>
      </c>
      <c r="O9099" s="5" t="s">
        <v>38</v>
      </c>
      <c r="P9099" s="5" t="s">
        <v>39</v>
      </c>
      <c r="Q9099" s="5" t="s">
        <v>40</v>
      </c>
      <c r="R9099" s="5" t="s">
        <v>24335</v>
      </c>
      <c r="S9099" s="5" t="s">
        <v>40</v>
      </c>
      <c r="T9099" s="5" t="s">
        <v>42</v>
      </c>
      <c r="U9099" s="2">
        <v>13.839</v>
      </c>
      <c r="V9099" s="2">
        <v>11.23</v>
      </c>
      <c r="W9099" s="2">
        <v>0.11600000000000001</v>
      </c>
      <c r="X9099" s="2">
        <v>12</v>
      </c>
      <c r="Y9099" s="2">
        <v>50</v>
      </c>
      <c r="Z9099" s="2">
        <v>249.9</v>
      </c>
      <c r="AA9099" s="5">
        <v>10</v>
      </c>
      <c r="AB9099" s="5" t="s">
        <v>43</v>
      </c>
      <c r="AC9099" s="5" t="s">
        <v>44</v>
      </c>
      <c r="AD9099" s="2" t="s">
        <v>27840</v>
      </c>
      <c r="AE9099" s="1"/>
    </row>
    <row r="9100" spans="1:31" ht="14.45">
      <c r="A9100" s="5"/>
      <c r="B9100" s="21"/>
      <c r="C9100" s="2" t="s">
        <v>27941</v>
      </c>
      <c r="D9100" s="14" t="s">
        <v>27942</v>
      </c>
      <c r="E9100" s="2" t="s">
        <v>27943</v>
      </c>
      <c r="F9100" s="2"/>
      <c r="G9100" s="8">
        <v>761</v>
      </c>
      <c r="H9100" s="5">
        <v>15</v>
      </c>
      <c r="I9100" s="5" t="s">
        <v>69</v>
      </c>
      <c r="J9100" s="5" t="s">
        <v>27074</v>
      </c>
      <c r="K9100" s="2" t="s">
        <v>27075</v>
      </c>
      <c r="L9100" s="5" t="s">
        <v>27074</v>
      </c>
      <c r="M9100" s="2" t="s">
        <v>27075</v>
      </c>
      <c r="N9100" s="5" t="s">
        <v>24254</v>
      </c>
      <c r="O9100" s="5" t="s">
        <v>38</v>
      </c>
      <c r="P9100" s="5" t="s">
        <v>39</v>
      </c>
      <c r="Q9100" s="5" t="s">
        <v>40</v>
      </c>
      <c r="R9100" s="5" t="s">
        <v>24335</v>
      </c>
      <c r="S9100" s="5" t="s">
        <v>40</v>
      </c>
      <c r="T9100" s="5" t="s">
        <v>42</v>
      </c>
      <c r="U9100" s="2">
        <v>13.664</v>
      </c>
      <c r="V9100" s="2">
        <v>11.093</v>
      </c>
      <c r="W9100" s="2">
        <v>0.11600000000000001</v>
      </c>
      <c r="X9100" s="2">
        <v>12</v>
      </c>
      <c r="Y9100" s="2">
        <v>50</v>
      </c>
      <c r="Z9100" s="2">
        <v>249.9</v>
      </c>
      <c r="AA9100" s="5">
        <v>10</v>
      </c>
      <c r="AB9100" s="5" t="s">
        <v>43</v>
      </c>
      <c r="AC9100" s="5" t="s">
        <v>44</v>
      </c>
      <c r="AD9100" s="2" t="s">
        <v>27847</v>
      </c>
      <c r="AE9100" s="1"/>
    </row>
    <row r="9101" spans="1:31" ht="14.45">
      <c r="A9101" s="5"/>
      <c r="B9101" s="21"/>
      <c r="C9101" s="2" t="s">
        <v>27944</v>
      </c>
      <c r="D9101" s="14" t="s">
        <v>27945</v>
      </c>
      <c r="E9101" s="2" t="s">
        <v>27946</v>
      </c>
      <c r="F9101" s="2"/>
      <c r="G9101" s="8">
        <v>1765</v>
      </c>
      <c r="H9101" s="5">
        <v>15</v>
      </c>
      <c r="I9101" s="5" t="s">
        <v>69</v>
      </c>
      <c r="J9101" s="5" t="s">
        <v>27074</v>
      </c>
      <c r="K9101" s="2" t="s">
        <v>27075</v>
      </c>
      <c r="L9101" s="5" t="s">
        <v>27074</v>
      </c>
      <c r="M9101" s="2" t="s">
        <v>27075</v>
      </c>
      <c r="N9101" s="5" t="s">
        <v>24254</v>
      </c>
      <c r="O9101" s="5" t="s">
        <v>38</v>
      </c>
      <c r="P9101" s="5" t="s">
        <v>39</v>
      </c>
      <c r="Q9101" s="5" t="s">
        <v>40</v>
      </c>
      <c r="R9101" s="5" t="s">
        <v>24335</v>
      </c>
      <c r="S9101" s="5" t="s">
        <v>40</v>
      </c>
      <c r="T9101" s="5" t="s">
        <v>42</v>
      </c>
      <c r="U9101" s="2">
        <v>17.352</v>
      </c>
      <c r="V9101" s="2">
        <v>13.781000000000001</v>
      </c>
      <c r="W9101" s="2">
        <v>0.17</v>
      </c>
      <c r="X9101" s="2">
        <v>12</v>
      </c>
      <c r="Y9101" s="2">
        <v>50</v>
      </c>
      <c r="Z9101" s="2">
        <v>283.89999999999998</v>
      </c>
      <c r="AA9101" s="5">
        <v>10</v>
      </c>
      <c r="AB9101" s="5" t="s">
        <v>43</v>
      </c>
      <c r="AC9101" s="5" t="s">
        <v>44</v>
      </c>
      <c r="AD9101" s="2" t="s">
        <v>27851</v>
      </c>
      <c r="AE9101" s="1"/>
    </row>
    <row r="9102" spans="1:31" ht="14.45">
      <c r="A9102" s="5"/>
      <c r="B9102" s="21"/>
      <c r="C9102" s="2" t="s">
        <v>27947</v>
      </c>
      <c r="D9102" s="14" t="s">
        <v>27948</v>
      </c>
      <c r="E9102" s="2" t="s">
        <v>27949</v>
      </c>
      <c r="F9102" s="2"/>
      <c r="G9102" s="8">
        <v>1765</v>
      </c>
      <c r="H9102" s="5">
        <v>15</v>
      </c>
      <c r="I9102" s="5" t="s">
        <v>69</v>
      </c>
      <c r="J9102" s="5" t="s">
        <v>27074</v>
      </c>
      <c r="K9102" s="2" t="s">
        <v>27075</v>
      </c>
      <c r="L9102" s="5" t="s">
        <v>27074</v>
      </c>
      <c r="M9102" s="2" t="s">
        <v>27075</v>
      </c>
      <c r="N9102" s="5" t="s">
        <v>24254</v>
      </c>
      <c r="O9102" s="5" t="s">
        <v>38</v>
      </c>
      <c r="P9102" s="5" t="s">
        <v>39</v>
      </c>
      <c r="Q9102" s="5" t="s">
        <v>40</v>
      </c>
      <c r="R9102" s="5" t="s">
        <v>24335</v>
      </c>
      <c r="S9102" s="5" t="s">
        <v>40</v>
      </c>
      <c r="T9102" s="5" t="s">
        <v>42</v>
      </c>
      <c r="U9102" s="2">
        <v>18.268000000000001</v>
      </c>
      <c r="V9102" s="2">
        <v>14.807</v>
      </c>
      <c r="W9102" s="2">
        <v>0.17</v>
      </c>
      <c r="X9102" s="2">
        <v>12</v>
      </c>
      <c r="Y9102" s="2">
        <v>50</v>
      </c>
      <c r="Z9102" s="2">
        <v>283.89999999999998</v>
      </c>
      <c r="AA9102" s="5">
        <v>10</v>
      </c>
      <c r="AB9102" s="5" t="s">
        <v>43</v>
      </c>
      <c r="AC9102" s="5" t="s">
        <v>44</v>
      </c>
      <c r="AD9102" s="2" t="s">
        <v>27855</v>
      </c>
      <c r="AE9102" s="1"/>
    </row>
    <row r="9103" spans="1:31" ht="14.45">
      <c r="A9103" s="5"/>
      <c r="B9103" s="21"/>
      <c r="C9103" s="2" t="s">
        <v>27950</v>
      </c>
      <c r="D9103" s="14" t="s">
        <v>27951</v>
      </c>
      <c r="E9103" s="2" t="s">
        <v>27952</v>
      </c>
      <c r="F9103" s="2"/>
      <c r="G9103" s="8">
        <v>491</v>
      </c>
      <c r="H9103" s="5">
        <v>15</v>
      </c>
      <c r="I9103" s="5" t="s">
        <v>69</v>
      </c>
      <c r="J9103" s="5" t="s">
        <v>27074</v>
      </c>
      <c r="K9103" s="2" t="s">
        <v>27075</v>
      </c>
      <c r="L9103" s="5" t="s">
        <v>27074</v>
      </c>
      <c r="M9103" s="2" t="s">
        <v>27075</v>
      </c>
      <c r="N9103" s="5" t="s">
        <v>24254</v>
      </c>
      <c r="O9103" s="5" t="s">
        <v>38</v>
      </c>
      <c r="P9103" s="5" t="s">
        <v>39</v>
      </c>
      <c r="Q9103" s="5" t="s">
        <v>40</v>
      </c>
      <c r="R9103" s="5" t="s">
        <v>24340</v>
      </c>
      <c r="S9103" s="5" t="s">
        <v>40</v>
      </c>
      <c r="T9103" s="5" t="s">
        <v>42</v>
      </c>
      <c r="U9103" s="2">
        <v>18.335000000000001</v>
      </c>
      <c r="V9103" s="2">
        <v>15.906000000000001</v>
      </c>
      <c r="W9103" s="2">
        <v>0.104</v>
      </c>
      <c r="X9103" s="2">
        <v>12</v>
      </c>
      <c r="Y9103" s="2">
        <v>62</v>
      </c>
      <c r="Z9103" s="2">
        <v>172.9</v>
      </c>
      <c r="AA9103" s="5">
        <v>10</v>
      </c>
      <c r="AB9103" s="5" t="s">
        <v>43</v>
      </c>
      <c r="AC9103" s="5" t="s">
        <v>44</v>
      </c>
      <c r="AD9103" s="2" t="s">
        <v>27859</v>
      </c>
      <c r="AE9103" s="1"/>
    </row>
    <row r="9104" spans="1:31" ht="14.45">
      <c r="A9104" s="5"/>
      <c r="B9104" s="21"/>
      <c r="C9104" s="2" t="s">
        <v>27953</v>
      </c>
      <c r="D9104" s="14" t="s">
        <v>27954</v>
      </c>
      <c r="E9104" s="2" t="s">
        <v>27955</v>
      </c>
      <c r="F9104" s="2"/>
      <c r="G9104" s="8">
        <v>1067</v>
      </c>
      <c r="H9104" s="5">
        <v>15</v>
      </c>
      <c r="I9104" s="5" t="s">
        <v>69</v>
      </c>
      <c r="J9104" s="5" t="s">
        <v>27074</v>
      </c>
      <c r="K9104" s="2" t="s">
        <v>27075</v>
      </c>
      <c r="L9104" s="5" t="s">
        <v>27074</v>
      </c>
      <c r="M9104" s="2" t="s">
        <v>27075</v>
      </c>
      <c r="N9104" s="5" t="s">
        <v>24254</v>
      </c>
      <c r="O9104" s="5" t="s">
        <v>38</v>
      </c>
      <c r="P9104" s="5" t="s">
        <v>39</v>
      </c>
      <c r="Q9104" s="5" t="s">
        <v>40</v>
      </c>
      <c r="R9104" s="5" t="s">
        <v>24340</v>
      </c>
      <c r="S9104" s="5" t="s">
        <v>40</v>
      </c>
      <c r="T9104" s="5" t="s">
        <v>42</v>
      </c>
      <c r="U9104" s="2">
        <v>24.795000000000002</v>
      </c>
      <c r="V9104" s="2">
        <v>22.146999999999998</v>
      </c>
      <c r="W9104" s="2">
        <v>0.11600000000000001</v>
      </c>
      <c r="X9104" s="2">
        <v>12</v>
      </c>
      <c r="Y9104" s="2">
        <v>50</v>
      </c>
      <c r="Z9104" s="2">
        <v>249.9</v>
      </c>
      <c r="AA9104" s="5">
        <v>10</v>
      </c>
      <c r="AB9104" s="5" t="s">
        <v>43</v>
      </c>
      <c r="AC9104" s="5" t="s">
        <v>44</v>
      </c>
      <c r="AD9104" s="2" t="s">
        <v>27863</v>
      </c>
      <c r="AE9104" s="1"/>
    </row>
    <row r="9105" spans="1:31" ht="14.45">
      <c r="A9105" s="5"/>
      <c r="B9105" s="21"/>
      <c r="C9105" s="2" t="s">
        <v>27956</v>
      </c>
      <c r="D9105" s="14" t="s">
        <v>27957</v>
      </c>
      <c r="E9105" s="2" t="s">
        <v>27958</v>
      </c>
      <c r="F9105" s="2"/>
      <c r="G9105" s="8">
        <v>1067</v>
      </c>
      <c r="H9105" s="5">
        <v>15</v>
      </c>
      <c r="I9105" s="5" t="s">
        <v>69</v>
      </c>
      <c r="J9105" s="5" t="s">
        <v>27074</v>
      </c>
      <c r="K9105" s="2" t="s">
        <v>27075</v>
      </c>
      <c r="L9105" s="5" t="s">
        <v>27074</v>
      </c>
      <c r="M9105" s="2" t="s">
        <v>27075</v>
      </c>
      <c r="N9105" s="5" t="s">
        <v>24254</v>
      </c>
      <c r="O9105" s="5" t="s">
        <v>38</v>
      </c>
      <c r="P9105" s="5" t="s">
        <v>39</v>
      </c>
      <c r="Q9105" s="5" t="s">
        <v>40</v>
      </c>
      <c r="R9105" s="5" t="s">
        <v>24340</v>
      </c>
      <c r="S9105" s="5" t="s">
        <v>40</v>
      </c>
      <c r="T9105" s="5" t="s">
        <v>42</v>
      </c>
      <c r="U9105" s="2">
        <v>26.48</v>
      </c>
      <c r="V9105" s="2">
        <v>23.908999999999999</v>
      </c>
      <c r="W9105" s="2">
        <v>0.11600000000000001</v>
      </c>
      <c r="X9105" s="2">
        <v>12</v>
      </c>
      <c r="Y9105" s="2">
        <v>50</v>
      </c>
      <c r="Z9105" s="2">
        <v>249.9</v>
      </c>
      <c r="AA9105" s="5">
        <v>10</v>
      </c>
      <c r="AB9105" s="5" t="s">
        <v>43</v>
      </c>
      <c r="AC9105" s="5" t="s">
        <v>44</v>
      </c>
      <c r="AD9105" s="2" t="s">
        <v>27867</v>
      </c>
      <c r="AE9105" s="1"/>
    </row>
    <row r="9106" spans="1:31" ht="14.45">
      <c r="A9106" s="5"/>
      <c r="B9106" s="21"/>
      <c r="C9106" s="2" t="s">
        <v>27959</v>
      </c>
      <c r="D9106" s="14" t="s">
        <v>27960</v>
      </c>
      <c r="E9106" s="2" t="s">
        <v>27961</v>
      </c>
      <c r="F9106" s="2"/>
      <c r="G9106" s="8">
        <v>491</v>
      </c>
      <c r="H9106" s="5">
        <v>15</v>
      </c>
      <c r="I9106" s="5" t="s">
        <v>69</v>
      </c>
      <c r="J9106" s="5" t="s">
        <v>27074</v>
      </c>
      <c r="K9106" s="2" t="s">
        <v>27075</v>
      </c>
      <c r="L9106" s="5" t="s">
        <v>27074</v>
      </c>
      <c r="M9106" s="2" t="s">
        <v>27075</v>
      </c>
      <c r="N9106" s="5" t="s">
        <v>24254</v>
      </c>
      <c r="O9106" s="5" t="s">
        <v>38</v>
      </c>
      <c r="P9106" s="5" t="s">
        <v>39</v>
      </c>
      <c r="Q9106" s="5" t="s">
        <v>40</v>
      </c>
      <c r="R9106" s="5" t="s">
        <v>25301</v>
      </c>
      <c r="S9106" s="5" t="s">
        <v>40</v>
      </c>
      <c r="T9106" s="5" t="s">
        <v>42</v>
      </c>
      <c r="U9106" s="2">
        <v>16.893999999999998</v>
      </c>
      <c r="V9106" s="2">
        <v>14.465</v>
      </c>
      <c r="W9106" s="2">
        <v>0.104</v>
      </c>
      <c r="X9106" s="2">
        <v>12</v>
      </c>
      <c r="Y9106" s="2">
        <v>62</v>
      </c>
      <c r="Z9106" s="2">
        <v>172.9</v>
      </c>
      <c r="AA9106" s="5">
        <v>10</v>
      </c>
      <c r="AB9106" s="5" t="s">
        <v>43</v>
      </c>
      <c r="AC9106" s="5" t="s">
        <v>44</v>
      </c>
      <c r="AD9106" s="2" t="s">
        <v>27871</v>
      </c>
      <c r="AE9106" s="1"/>
    </row>
    <row r="9107" spans="1:31" ht="14.45">
      <c r="A9107" s="5"/>
      <c r="B9107" s="21"/>
      <c r="C9107" s="2" t="s">
        <v>27962</v>
      </c>
      <c r="D9107" s="14" t="s">
        <v>27963</v>
      </c>
      <c r="E9107" s="2" t="s">
        <v>27964</v>
      </c>
      <c r="F9107" s="2"/>
      <c r="G9107" s="8">
        <v>344</v>
      </c>
      <c r="H9107" s="5">
        <v>5</v>
      </c>
      <c r="I9107" s="5" t="s">
        <v>69</v>
      </c>
      <c r="J9107" s="5" t="s">
        <v>27074</v>
      </c>
      <c r="K9107" s="2" t="s">
        <v>27075</v>
      </c>
      <c r="L9107" s="5" t="s">
        <v>27074</v>
      </c>
      <c r="M9107" s="2" t="s">
        <v>27075</v>
      </c>
      <c r="N9107" s="5" t="s">
        <v>24254</v>
      </c>
      <c r="O9107" s="5" t="s">
        <v>38</v>
      </c>
      <c r="P9107" s="5" t="s">
        <v>39</v>
      </c>
      <c r="Q9107" s="5" t="s">
        <v>40</v>
      </c>
      <c r="R9107" s="5" t="s">
        <v>24335</v>
      </c>
      <c r="S9107" s="5" t="s">
        <v>40</v>
      </c>
      <c r="T9107" s="5" t="s">
        <v>42</v>
      </c>
      <c r="U9107" s="2">
        <v>9.9450000000000003</v>
      </c>
      <c r="V9107" s="2">
        <v>7.782</v>
      </c>
      <c r="W9107" s="2">
        <v>0.11600000000000001</v>
      </c>
      <c r="X9107" s="2">
        <v>12</v>
      </c>
      <c r="Y9107" s="2">
        <v>62</v>
      </c>
      <c r="Z9107" s="2">
        <v>210.9</v>
      </c>
      <c r="AA9107" s="5">
        <v>10</v>
      </c>
      <c r="AB9107" s="5" t="s">
        <v>43</v>
      </c>
      <c r="AC9107" s="5" t="s">
        <v>44</v>
      </c>
      <c r="AD9107" s="2" t="s">
        <v>27836</v>
      </c>
      <c r="AE9107" s="1"/>
    </row>
    <row r="9108" spans="1:31" ht="14.45">
      <c r="A9108" s="5"/>
      <c r="B9108" s="21"/>
      <c r="C9108" s="2" t="s">
        <v>27965</v>
      </c>
      <c r="D9108" s="14" t="s">
        <v>27966</v>
      </c>
      <c r="E9108" s="2" t="s">
        <v>27967</v>
      </c>
      <c r="F9108" s="2"/>
      <c r="G9108" s="8">
        <v>773</v>
      </c>
      <c r="H9108" s="5">
        <v>15</v>
      </c>
      <c r="I9108" s="5" t="s">
        <v>69</v>
      </c>
      <c r="J9108" s="5" t="s">
        <v>27074</v>
      </c>
      <c r="K9108" s="2" t="s">
        <v>27075</v>
      </c>
      <c r="L9108" s="5" t="s">
        <v>27074</v>
      </c>
      <c r="M9108" s="2" t="s">
        <v>27075</v>
      </c>
      <c r="N9108" s="5" t="s">
        <v>24254</v>
      </c>
      <c r="O9108" s="5" t="s">
        <v>38</v>
      </c>
      <c r="P9108" s="5" t="s">
        <v>39</v>
      </c>
      <c r="Q9108" s="5" t="s">
        <v>40</v>
      </c>
      <c r="R9108" s="5" t="s">
        <v>24335</v>
      </c>
      <c r="S9108" s="5" t="s">
        <v>40</v>
      </c>
      <c r="T9108" s="5" t="s">
        <v>42</v>
      </c>
      <c r="U9108" s="2">
        <v>13.782</v>
      </c>
      <c r="V9108" s="2">
        <v>10.997999999999999</v>
      </c>
      <c r="W9108" s="2">
        <v>0.11600000000000001</v>
      </c>
      <c r="X9108" s="2">
        <v>12</v>
      </c>
      <c r="Y9108" s="2">
        <v>50</v>
      </c>
      <c r="Z9108" s="2">
        <v>283.89999999999998</v>
      </c>
      <c r="AA9108" s="5">
        <v>10</v>
      </c>
      <c r="AB9108" s="5" t="s">
        <v>43</v>
      </c>
      <c r="AC9108" s="5" t="s">
        <v>44</v>
      </c>
      <c r="AD9108" s="2" t="s">
        <v>27840</v>
      </c>
      <c r="AE9108" s="1"/>
    </row>
    <row r="9109" spans="1:31" ht="14.45">
      <c r="A9109" s="5"/>
      <c r="B9109" s="21"/>
      <c r="C9109" s="2" t="s">
        <v>27968</v>
      </c>
      <c r="D9109" s="14" t="s">
        <v>27969</v>
      </c>
      <c r="E9109" s="2" t="s">
        <v>27970</v>
      </c>
      <c r="F9109" s="2"/>
      <c r="G9109" s="8">
        <v>773</v>
      </c>
      <c r="H9109" s="5">
        <v>15</v>
      </c>
      <c r="I9109" s="5" t="s">
        <v>69</v>
      </c>
      <c r="J9109" s="5" t="s">
        <v>27074</v>
      </c>
      <c r="K9109" s="2" t="s">
        <v>27075</v>
      </c>
      <c r="L9109" s="5" t="s">
        <v>27074</v>
      </c>
      <c r="M9109" s="2" t="s">
        <v>27075</v>
      </c>
      <c r="N9109" s="5" t="s">
        <v>24254</v>
      </c>
      <c r="O9109" s="5" t="s">
        <v>38</v>
      </c>
      <c r="P9109" s="5" t="s">
        <v>39</v>
      </c>
      <c r="Q9109" s="5" t="s">
        <v>40</v>
      </c>
      <c r="R9109" s="5" t="s">
        <v>24335</v>
      </c>
      <c r="S9109" s="5" t="s">
        <v>40</v>
      </c>
      <c r="T9109" s="5" t="s">
        <v>42</v>
      </c>
      <c r="U9109" s="2">
        <v>14.444000000000001</v>
      </c>
      <c r="V9109" s="2">
        <v>11.699</v>
      </c>
      <c r="W9109" s="2">
        <v>0.11600000000000001</v>
      </c>
      <c r="X9109" s="2">
        <v>12</v>
      </c>
      <c r="Y9109" s="2">
        <v>50</v>
      </c>
      <c r="Z9109" s="2">
        <v>283.89999999999998</v>
      </c>
      <c r="AA9109" s="5">
        <v>10</v>
      </c>
      <c r="AB9109" s="5" t="s">
        <v>43</v>
      </c>
      <c r="AC9109" s="5" t="s">
        <v>44</v>
      </c>
      <c r="AD9109" s="2" t="s">
        <v>27840</v>
      </c>
      <c r="AE9109" s="1"/>
    </row>
    <row r="9110" spans="1:31" ht="14.45">
      <c r="A9110" s="5"/>
      <c r="B9110" s="21"/>
      <c r="C9110" s="2" t="s">
        <v>27971</v>
      </c>
      <c r="D9110" s="14" t="s">
        <v>27972</v>
      </c>
      <c r="E9110" s="2" t="s">
        <v>27973</v>
      </c>
      <c r="F9110" s="2"/>
      <c r="G9110" s="8">
        <v>773</v>
      </c>
      <c r="H9110" s="5">
        <v>15</v>
      </c>
      <c r="I9110" s="5" t="s">
        <v>69</v>
      </c>
      <c r="J9110" s="5" t="s">
        <v>27074</v>
      </c>
      <c r="K9110" s="2" t="s">
        <v>27075</v>
      </c>
      <c r="L9110" s="5" t="s">
        <v>27074</v>
      </c>
      <c r="M9110" s="2" t="s">
        <v>27075</v>
      </c>
      <c r="N9110" s="5" t="s">
        <v>24254</v>
      </c>
      <c r="O9110" s="5" t="s">
        <v>38</v>
      </c>
      <c r="P9110" s="5" t="s">
        <v>39</v>
      </c>
      <c r="Q9110" s="5" t="s">
        <v>40</v>
      </c>
      <c r="R9110" s="5" t="s">
        <v>24335</v>
      </c>
      <c r="S9110" s="5" t="s">
        <v>40</v>
      </c>
      <c r="T9110" s="5" t="s">
        <v>42</v>
      </c>
      <c r="U9110" s="2">
        <v>14.393000000000001</v>
      </c>
      <c r="V9110" s="2">
        <v>11.686</v>
      </c>
      <c r="W9110" s="2">
        <v>0.11600000000000001</v>
      </c>
      <c r="X9110" s="2">
        <v>12</v>
      </c>
      <c r="Y9110" s="2">
        <v>50</v>
      </c>
      <c r="Z9110" s="2">
        <v>283.89999999999998</v>
      </c>
      <c r="AA9110" s="5">
        <v>10</v>
      </c>
      <c r="AB9110" s="5" t="s">
        <v>43</v>
      </c>
      <c r="AC9110" s="5" t="s">
        <v>44</v>
      </c>
      <c r="AD9110" s="2" t="s">
        <v>27847</v>
      </c>
      <c r="AE9110" s="1"/>
    </row>
    <row r="9111" spans="1:31" ht="14.45">
      <c r="A9111" s="5"/>
      <c r="B9111" s="21"/>
      <c r="C9111" s="2" t="s">
        <v>27974</v>
      </c>
      <c r="D9111" s="14" t="s">
        <v>27975</v>
      </c>
      <c r="E9111" s="2" t="s">
        <v>27976</v>
      </c>
      <c r="F9111" s="2"/>
      <c r="G9111" s="8">
        <v>1794</v>
      </c>
      <c r="H9111" s="5">
        <v>15</v>
      </c>
      <c r="I9111" s="5" t="s">
        <v>69</v>
      </c>
      <c r="J9111" s="5" t="s">
        <v>27074</v>
      </c>
      <c r="K9111" s="2" t="s">
        <v>27075</v>
      </c>
      <c r="L9111" s="5" t="s">
        <v>27074</v>
      </c>
      <c r="M9111" s="2" t="s">
        <v>27075</v>
      </c>
      <c r="N9111" s="5" t="s">
        <v>24254</v>
      </c>
      <c r="O9111" s="5" t="s">
        <v>38</v>
      </c>
      <c r="P9111" s="5" t="s">
        <v>39</v>
      </c>
      <c r="Q9111" s="5" t="s">
        <v>40</v>
      </c>
      <c r="R9111" s="5" t="s">
        <v>24335</v>
      </c>
      <c r="S9111" s="5" t="s">
        <v>40</v>
      </c>
      <c r="T9111" s="5" t="s">
        <v>42</v>
      </c>
      <c r="U9111" s="2">
        <v>17.812000000000001</v>
      </c>
      <c r="V9111" s="2">
        <v>14.241</v>
      </c>
      <c r="W9111" s="2">
        <v>0.17</v>
      </c>
      <c r="X9111" s="2">
        <v>12</v>
      </c>
      <c r="Y9111" s="2">
        <v>50</v>
      </c>
      <c r="Z9111" s="2">
        <v>283.89999999999998</v>
      </c>
      <c r="AA9111" s="5">
        <v>10</v>
      </c>
      <c r="AB9111" s="5" t="s">
        <v>43</v>
      </c>
      <c r="AC9111" s="5" t="s">
        <v>44</v>
      </c>
      <c r="AD9111" s="2" t="s">
        <v>27851</v>
      </c>
      <c r="AE9111" s="1"/>
    </row>
    <row r="9112" spans="1:31" ht="14.45">
      <c r="A9112" s="5"/>
      <c r="B9112" s="21"/>
      <c r="C9112" s="2" t="s">
        <v>27977</v>
      </c>
      <c r="D9112" s="14" t="s">
        <v>27978</v>
      </c>
      <c r="E9112" s="2" t="s">
        <v>27979</v>
      </c>
      <c r="F9112" s="2"/>
      <c r="G9112" s="8">
        <v>1794</v>
      </c>
      <c r="H9112" s="5">
        <v>15</v>
      </c>
      <c r="I9112" s="5" t="s">
        <v>69</v>
      </c>
      <c r="J9112" s="5" t="s">
        <v>27074</v>
      </c>
      <c r="K9112" s="2" t="s">
        <v>27075</v>
      </c>
      <c r="L9112" s="5" t="s">
        <v>27074</v>
      </c>
      <c r="M9112" s="2" t="s">
        <v>27075</v>
      </c>
      <c r="N9112" s="5" t="s">
        <v>24254</v>
      </c>
      <c r="O9112" s="5" t="s">
        <v>38</v>
      </c>
      <c r="P9112" s="5" t="s">
        <v>39</v>
      </c>
      <c r="Q9112" s="5" t="s">
        <v>40</v>
      </c>
      <c r="R9112" s="5" t="s">
        <v>24335</v>
      </c>
      <c r="S9112" s="5" t="s">
        <v>40</v>
      </c>
      <c r="T9112" s="5" t="s">
        <v>42</v>
      </c>
      <c r="U9112" s="2">
        <v>18.843</v>
      </c>
      <c r="V9112" s="2">
        <v>15.382</v>
      </c>
      <c r="W9112" s="2">
        <v>0.17</v>
      </c>
      <c r="X9112" s="2">
        <v>12</v>
      </c>
      <c r="Y9112" s="2">
        <v>50</v>
      </c>
      <c r="Z9112" s="2">
        <v>283.89999999999998</v>
      </c>
      <c r="AA9112" s="5">
        <v>10</v>
      </c>
      <c r="AB9112" s="5" t="s">
        <v>43</v>
      </c>
      <c r="AC9112" s="5" t="s">
        <v>44</v>
      </c>
      <c r="AD9112" s="2" t="s">
        <v>27855</v>
      </c>
      <c r="AE9112" s="1"/>
    </row>
    <row r="9113" spans="1:31" ht="14.45">
      <c r="A9113" s="5"/>
      <c r="B9113" s="21"/>
      <c r="C9113" s="2" t="s">
        <v>27980</v>
      </c>
      <c r="D9113" s="14" t="s">
        <v>27981</v>
      </c>
      <c r="E9113" s="2" t="s">
        <v>27982</v>
      </c>
      <c r="F9113" s="2"/>
      <c r="G9113" s="8">
        <v>1079</v>
      </c>
      <c r="H9113" s="5">
        <v>15</v>
      </c>
      <c r="I9113" s="5" t="s">
        <v>69</v>
      </c>
      <c r="J9113" s="5" t="s">
        <v>27074</v>
      </c>
      <c r="K9113" s="2" t="s">
        <v>27075</v>
      </c>
      <c r="L9113" s="5" t="s">
        <v>27074</v>
      </c>
      <c r="M9113" s="2" t="s">
        <v>27075</v>
      </c>
      <c r="N9113" s="5" t="s">
        <v>24254</v>
      </c>
      <c r="O9113" s="5" t="s">
        <v>38</v>
      </c>
      <c r="P9113" s="5" t="s">
        <v>39</v>
      </c>
      <c r="Q9113" s="5" t="s">
        <v>40</v>
      </c>
      <c r="R9113" s="5" t="s">
        <v>24340</v>
      </c>
      <c r="S9113" s="5" t="s">
        <v>40</v>
      </c>
      <c r="T9113" s="5" t="s">
        <v>42</v>
      </c>
      <c r="U9113" s="2">
        <v>25.817</v>
      </c>
      <c r="V9113" s="2">
        <v>23.033000000000001</v>
      </c>
      <c r="W9113" s="2">
        <v>0.11600000000000001</v>
      </c>
      <c r="X9113" s="2">
        <v>12</v>
      </c>
      <c r="Y9113" s="2">
        <v>50</v>
      </c>
      <c r="Z9113" s="2">
        <v>283.89999999999998</v>
      </c>
      <c r="AA9113" s="5">
        <v>10</v>
      </c>
      <c r="AB9113" s="5" t="s">
        <v>43</v>
      </c>
      <c r="AC9113" s="5" t="s">
        <v>44</v>
      </c>
      <c r="AD9113" s="2" t="s">
        <v>27863</v>
      </c>
      <c r="AE9113" s="1"/>
    </row>
    <row r="9114" spans="1:31" ht="14.45">
      <c r="A9114" s="5"/>
      <c r="B9114" s="21"/>
      <c r="C9114" s="2" t="s">
        <v>27983</v>
      </c>
      <c r="D9114" s="14" t="s">
        <v>27984</v>
      </c>
      <c r="E9114" s="2" t="s">
        <v>27985</v>
      </c>
      <c r="F9114" s="2"/>
      <c r="G9114" s="8">
        <v>1079</v>
      </c>
      <c r="H9114" s="5">
        <v>15</v>
      </c>
      <c r="I9114" s="5" t="s">
        <v>69</v>
      </c>
      <c r="J9114" s="5" t="s">
        <v>27074</v>
      </c>
      <c r="K9114" s="2" t="s">
        <v>27075</v>
      </c>
      <c r="L9114" s="5" t="s">
        <v>27074</v>
      </c>
      <c r="M9114" s="2" t="s">
        <v>27075</v>
      </c>
      <c r="N9114" s="5" t="s">
        <v>24254</v>
      </c>
      <c r="O9114" s="5" t="s">
        <v>38</v>
      </c>
      <c r="P9114" s="5" t="s">
        <v>39</v>
      </c>
      <c r="Q9114" s="5" t="s">
        <v>40</v>
      </c>
      <c r="R9114" s="5" t="s">
        <v>24340</v>
      </c>
      <c r="S9114" s="5" t="s">
        <v>40</v>
      </c>
      <c r="T9114" s="5" t="s">
        <v>42</v>
      </c>
      <c r="U9114" s="2">
        <v>27.739000000000001</v>
      </c>
      <c r="V9114" s="2">
        <v>25.032</v>
      </c>
      <c r="W9114" s="2">
        <v>0.11600000000000001</v>
      </c>
      <c r="X9114" s="2">
        <v>12</v>
      </c>
      <c r="Y9114" s="2">
        <v>50</v>
      </c>
      <c r="Z9114" s="2">
        <v>283.89999999999998</v>
      </c>
      <c r="AA9114" s="5">
        <v>10</v>
      </c>
      <c r="AB9114" s="5" t="s">
        <v>43</v>
      </c>
      <c r="AC9114" s="5" t="s">
        <v>44</v>
      </c>
      <c r="AD9114" s="2" t="s">
        <v>27867</v>
      </c>
      <c r="AE9114" s="1"/>
    </row>
    <row r="9115" spans="1:31" ht="14.45">
      <c r="A9115" s="5"/>
      <c r="B9115" s="21"/>
      <c r="C9115" s="2" t="s">
        <v>27986</v>
      </c>
      <c r="D9115" s="14" t="s">
        <v>27987</v>
      </c>
      <c r="E9115" s="2" t="s">
        <v>27988</v>
      </c>
      <c r="F9115" s="2"/>
      <c r="G9115" s="8">
        <v>321</v>
      </c>
      <c r="H9115" s="5">
        <v>5</v>
      </c>
      <c r="I9115" s="5" t="s">
        <v>69</v>
      </c>
      <c r="J9115" s="5" t="s">
        <v>27074</v>
      </c>
      <c r="K9115" s="2" t="s">
        <v>27075</v>
      </c>
      <c r="L9115" s="5" t="s">
        <v>27074</v>
      </c>
      <c r="M9115" s="2" t="s">
        <v>27075</v>
      </c>
      <c r="N9115" s="5" t="s">
        <v>24254</v>
      </c>
      <c r="O9115" s="5" t="s">
        <v>38</v>
      </c>
      <c r="P9115" s="5" t="s">
        <v>39</v>
      </c>
      <c r="Q9115" s="5" t="s">
        <v>40</v>
      </c>
      <c r="R9115" s="5" t="s">
        <v>24335</v>
      </c>
      <c r="S9115" s="5" t="s">
        <v>40</v>
      </c>
      <c r="T9115" s="5" t="s">
        <v>42</v>
      </c>
      <c r="U9115" s="2">
        <v>8.6359999999999992</v>
      </c>
      <c r="V9115" s="2">
        <v>6.798</v>
      </c>
      <c r="W9115" s="2">
        <v>8.3000000000000004E-2</v>
      </c>
      <c r="X9115" s="2">
        <v>12</v>
      </c>
      <c r="Y9115" s="2">
        <v>62</v>
      </c>
      <c r="Z9115" s="2">
        <v>159.9</v>
      </c>
      <c r="AA9115" s="5">
        <v>10</v>
      </c>
      <c r="AB9115" s="5" t="s">
        <v>43</v>
      </c>
      <c r="AC9115" s="5" t="s">
        <v>44</v>
      </c>
      <c r="AD9115" s="2" t="s">
        <v>27836</v>
      </c>
      <c r="AE9115" s="1"/>
    </row>
    <row r="9116" spans="1:31" ht="14.45">
      <c r="A9116" s="5"/>
      <c r="B9116" s="21"/>
      <c r="C9116" s="2" t="s">
        <v>27989</v>
      </c>
      <c r="D9116" s="14" t="s">
        <v>27990</v>
      </c>
      <c r="E9116" s="2" t="s">
        <v>27991</v>
      </c>
      <c r="F9116" s="2"/>
      <c r="G9116" s="8">
        <v>723</v>
      </c>
      <c r="H9116" s="5">
        <v>15</v>
      </c>
      <c r="I9116" s="5" t="s">
        <v>69</v>
      </c>
      <c r="J9116" s="5" t="s">
        <v>27074</v>
      </c>
      <c r="K9116" s="2" t="s">
        <v>27075</v>
      </c>
      <c r="L9116" s="5" t="s">
        <v>27074</v>
      </c>
      <c r="M9116" s="2" t="s">
        <v>27075</v>
      </c>
      <c r="N9116" s="5" t="s">
        <v>24254</v>
      </c>
      <c r="O9116" s="5" t="s">
        <v>38</v>
      </c>
      <c r="P9116" s="5" t="s">
        <v>39</v>
      </c>
      <c r="Q9116" s="5" t="s">
        <v>40</v>
      </c>
      <c r="R9116" s="5" t="s">
        <v>24335</v>
      </c>
      <c r="S9116" s="5" t="s">
        <v>40</v>
      </c>
      <c r="T9116" s="5" t="s">
        <v>42</v>
      </c>
      <c r="U9116" s="2">
        <v>13.279</v>
      </c>
      <c r="V9116" s="2">
        <v>10.631</v>
      </c>
      <c r="W9116" s="2">
        <v>0.13600000000000001</v>
      </c>
      <c r="X9116" s="2">
        <v>12</v>
      </c>
      <c r="Y9116" s="2">
        <v>50</v>
      </c>
      <c r="Z9116" s="2">
        <v>249.9</v>
      </c>
      <c r="AA9116" s="5">
        <v>10</v>
      </c>
      <c r="AB9116" s="5" t="s">
        <v>43</v>
      </c>
      <c r="AC9116" s="5" t="s">
        <v>44</v>
      </c>
      <c r="AD9116" s="2" t="s">
        <v>27840</v>
      </c>
      <c r="AE9116" s="1"/>
    </row>
    <row r="9117" spans="1:31" ht="14.45">
      <c r="A9117" s="5"/>
      <c r="B9117" s="21"/>
      <c r="C9117" s="2" t="s">
        <v>27992</v>
      </c>
      <c r="D9117" s="14" t="s">
        <v>27993</v>
      </c>
      <c r="E9117" s="2" t="s">
        <v>27994</v>
      </c>
      <c r="F9117" s="2"/>
      <c r="G9117" s="8">
        <v>723</v>
      </c>
      <c r="H9117" s="5">
        <v>15</v>
      </c>
      <c r="I9117" s="5" t="s">
        <v>69</v>
      </c>
      <c r="J9117" s="5" t="s">
        <v>27074</v>
      </c>
      <c r="K9117" s="2" t="s">
        <v>27075</v>
      </c>
      <c r="L9117" s="5" t="s">
        <v>27074</v>
      </c>
      <c r="M9117" s="2" t="s">
        <v>27075</v>
      </c>
      <c r="N9117" s="5" t="s">
        <v>24254</v>
      </c>
      <c r="O9117" s="5" t="s">
        <v>38</v>
      </c>
      <c r="P9117" s="5" t="s">
        <v>39</v>
      </c>
      <c r="Q9117" s="5" t="s">
        <v>40</v>
      </c>
      <c r="R9117" s="5" t="s">
        <v>24335</v>
      </c>
      <c r="S9117" s="5" t="s">
        <v>40</v>
      </c>
      <c r="T9117" s="5" t="s">
        <v>42</v>
      </c>
      <c r="U9117" s="2">
        <v>13.717000000000001</v>
      </c>
      <c r="V9117" s="2">
        <v>11.108000000000001</v>
      </c>
      <c r="W9117" s="2">
        <v>0.13600000000000001</v>
      </c>
      <c r="X9117" s="2">
        <v>12</v>
      </c>
      <c r="Y9117" s="2">
        <v>50</v>
      </c>
      <c r="Z9117" s="2">
        <v>249.9</v>
      </c>
      <c r="AA9117" s="5">
        <v>10</v>
      </c>
      <c r="AB9117" s="5" t="s">
        <v>43</v>
      </c>
      <c r="AC9117" s="5" t="s">
        <v>44</v>
      </c>
      <c r="AD9117" s="2" t="s">
        <v>27840</v>
      </c>
      <c r="AE9117" s="1"/>
    </row>
    <row r="9118" spans="1:31" ht="14.45">
      <c r="A9118" s="5"/>
      <c r="B9118" s="21"/>
      <c r="C9118" s="2" t="s">
        <v>27995</v>
      </c>
      <c r="D9118" s="14" t="s">
        <v>27996</v>
      </c>
      <c r="E9118" s="2" t="s">
        <v>27997</v>
      </c>
      <c r="F9118" s="2"/>
      <c r="G9118" s="8">
        <v>723</v>
      </c>
      <c r="H9118" s="5">
        <v>15</v>
      </c>
      <c r="I9118" s="5" t="s">
        <v>69</v>
      </c>
      <c r="J9118" s="5" t="s">
        <v>27074</v>
      </c>
      <c r="K9118" s="2" t="s">
        <v>27075</v>
      </c>
      <c r="L9118" s="5" t="s">
        <v>27074</v>
      </c>
      <c r="M9118" s="2" t="s">
        <v>27075</v>
      </c>
      <c r="N9118" s="5" t="s">
        <v>24254</v>
      </c>
      <c r="O9118" s="5" t="s">
        <v>38</v>
      </c>
      <c r="P9118" s="5" t="s">
        <v>39</v>
      </c>
      <c r="Q9118" s="5" t="s">
        <v>40</v>
      </c>
      <c r="R9118" s="5" t="s">
        <v>24335</v>
      </c>
      <c r="S9118" s="5" t="s">
        <v>40</v>
      </c>
      <c r="T9118" s="5" t="s">
        <v>42</v>
      </c>
      <c r="U9118" s="2">
        <v>13.507999999999999</v>
      </c>
      <c r="V9118" s="2">
        <v>10.936999999999999</v>
      </c>
      <c r="W9118" s="2">
        <v>0.13600000000000001</v>
      </c>
      <c r="X9118" s="2">
        <v>12</v>
      </c>
      <c r="Y9118" s="2">
        <v>50</v>
      </c>
      <c r="Z9118" s="2">
        <v>249.9</v>
      </c>
      <c r="AA9118" s="5">
        <v>10</v>
      </c>
      <c r="AB9118" s="5" t="s">
        <v>43</v>
      </c>
      <c r="AC9118" s="5" t="s">
        <v>44</v>
      </c>
      <c r="AD9118" s="2" t="s">
        <v>27847</v>
      </c>
      <c r="AE9118" s="1"/>
    </row>
    <row r="9119" spans="1:31" ht="14.45">
      <c r="A9119" s="5"/>
      <c r="B9119" s="21"/>
      <c r="C9119" s="2" t="s">
        <v>27998</v>
      </c>
      <c r="D9119" s="14" t="s">
        <v>27999</v>
      </c>
      <c r="E9119" s="2" t="s">
        <v>28000</v>
      </c>
      <c r="F9119" s="2"/>
      <c r="G9119" s="8">
        <v>474</v>
      </c>
      <c r="H9119" s="5">
        <v>15</v>
      </c>
      <c r="I9119" s="5" t="s">
        <v>69</v>
      </c>
      <c r="J9119" s="5" t="s">
        <v>27074</v>
      </c>
      <c r="K9119" s="2" t="s">
        <v>27075</v>
      </c>
      <c r="L9119" s="5" t="s">
        <v>27074</v>
      </c>
      <c r="M9119" s="2" t="s">
        <v>27075</v>
      </c>
      <c r="N9119" s="5" t="s">
        <v>24254</v>
      </c>
      <c r="O9119" s="5" t="s">
        <v>38</v>
      </c>
      <c r="P9119" s="5" t="s">
        <v>39</v>
      </c>
      <c r="Q9119" s="5" t="s">
        <v>40</v>
      </c>
      <c r="R9119" s="5" t="s">
        <v>24340</v>
      </c>
      <c r="S9119" s="5" t="s">
        <v>40</v>
      </c>
      <c r="T9119" s="5" t="s">
        <v>42</v>
      </c>
      <c r="U9119" s="2">
        <v>17.134</v>
      </c>
      <c r="V9119" s="2">
        <v>14.861000000000001</v>
      </c>
      <c r="W9119" s="2">
        <v>8.3000000000000004E-2</v>
      </c>
      <c r="X9119" s="2">
        <v>12</v>
      </c>
      <c r="Y9119" s="2">
        <v>62</v>
      </c>
      <c r="Z9119" s="2">
        <v>159.9</v>
      </c>
      <c r="AA9119" s="5">
        <v>10</v>
      </c>
      <c r="AB9119" s="5" t="s">
        <v>43</v>
      </c>
      <c r="AC9119" s="5" t="s">
        <v>44</v>
      </c>
      <c r="AD9119" s="2" t="s">
        <v>27859</v>
      </c>
      <c r="AE9119" s="1"/>
    </row>
    <row r="9120" spans="1:31" ht="14.45">
      <c r="A9120" s="5"/>
      <c r="B9120" s="21"/>
      <c r="C9120" s="2" t="s">
        <v>28001</v>
      </c>
      <c r="D9120" s="14" t="s">
        <v>28002</v>
      </c>
      <c r="E9120" s="2" t="s">
        <v>28003</v>
      </c>
      <c r="F9120" s="2"/>
      <c r="G9120" s="8">
        <v>1029</v>
      </c>
      <c r="H9120" s="5">
        <v>15</v>
      </c>
      <c r="I9120" s="5" t="s">
        <v>69</v>
      </c>
      <c r="J9120" s="5" t="s">
        <v>27074</v>
      </c>
      <c r="K9120" s="2" t="s">
        <v>27075</v>
      </c>
      <c r="L9120" s="5" t="s">
        <v>27074</v>
      </c>
      <c r="M9120" s="2" t="s">
        <v>27075</v>
      </c>
      <c r="N9120" s="5" t="s">
        <v>24254</v>
      </c>
      <c r="O9120" s="5" t="s">
        <v>38</v>
      </c>
      <c r="P9120" s="5" t="s">
        <v>39</v>
      </c>
      <c r="Q9120" s="5" t="s">
        <v>40</v>
      </c>
      <c r="R9120" s="5" t="s">
        <v>24340</v>
      </c>
      <c r="S9120" s="5" t="s">
        <v>40</v>
      </c>
      <c r="T9120" s="5" t="s">
        <v>42</v>
      </c>
      <c r="U9120" s="2">
        <v>24.454999999999998</v>
      </c>
      <c r="V9120" s="2">
        <v>21.806999999999999</v>
      </c>
      <c r="W9120" s="2">
        <v>0.13600000000000001</v>
      </c>
      <c r="X9120" s="2">
        <v>12</v>
      </c>
      <c r="Y9120" s="2">
        <v>50</v>
      </c>
      <c r="Z9120" s="2">
        <v>249.9</v>
      </c>
      <c r="AA9120" s="5">
        <v>10</v>
      </c>
      <c r="AB9120" s="5" t="s">
        <v>43</v>
      </c>
      <c r="AC9120" s="5" t="s">
        <v>44</v>
      </c>
      <c r="AD9120" s="2" t="s">
        <v>27863</v>
      </c>
      <c r="AE9120" s="1"/>
    </row>
    <row r="9121" spans="1:31" ht="14.45">
      <c r="A9121" s="5"/>
      <c r="B9121" s="21"/>
      <c r="C9121" s="2" t="s">
        <v>28004</v>
      </c>
      <c r="D9121" s="14" t="s">
        <v>28005</v>
      </c>
      <c r="E9121" s="2" t="s">
        <v>28006</v>
      </c>
      <c r="F9121" s="2"/>
      <c r="G9121" s="8">
        <v>1029</v>
      </c>
      <c r="H9121" s="5">
        <v>15</v>
      </c>
      <c r="I9121" s="5" t="s">
        <v>69</v>
      </c>
      <c r="J9121" s="5" t="s">
        <v>27074</v>
      </c>
      <c r="K9121" s="2" t="s">
        <v>27075</v>
      </c>
      <c r="L9121" s="5" t="s">
        <v>27074</v>
      </c>
      <c r="M9121" s="2" t="s">
        <v>27075</v>
      </c>
      <c r="N9121" s="5" t="s">
        <v>24254</v>
      </c>
      <c r="O9121" s="5" t="s">
        <v>38</v>
      </c>
      <c r="P9121" s="5" t="s">
        <v>39</v>
      </c>
      <c r="Q9121" s="5" t="s">
        <v>40</v>
      </c>
      <c r="R9121" s="5" t="s">
        <v>24340</v>
      </c>
      <c r="S9121" s="5" t="s">
        <v>40</v>
      </c>
      <c r="T9121" s="5" t="s">
        <v>42</v>
      </c>
      <c r="U9121" s="2">
        <v>25.872</v>
      </c>
      <c r="V9121" s="2">
        <v>23.300999999999998</v>
      </c>
      <c r="W9121" s="2">
        <v>0.13600000000000001</v>
      </c>
      <c r="X9121" s="2">
        <v>12</v>
      </c>
      <c r="Y9121" s="2">
        <v>50</v>
      </c>
      <c r="Z9121" s="2">
        <v>249.9</v>
      </c>
      <c r="AA9121" s="5">
        <v>10</v>
      </c>
      <c r="AB9121" s="5" t="s">
        <v>43</v>
      </c>
      <c r="AC9121" s="5" t="s">
        <v>44</v>
      </c>
      <c r="AD9121" s="2" t="s">
        <v>27867</v>
      </c>
      <c r="AE9121" s="1"/>
    </row>
    <row r="9122" spans="1:31" ht="14.45">
      <c r="A9122" s="5"/>
      <c r="B9122" s="21"/>
      <c r="C9122" s="2" t="s">
        <v>28007</v>
      </c>
      <c r="D9122" s="14" t="s">
        <v>28008</v>
      </c>
      <c r="E9122" s="2" t="s">
        <v>28009</v>
      </c>
      <c r="F9122" s="2"/>
      <c r="G9122" s="8">
        <v>474</v>
      </c>
      <c r="H9122" s="5">
        <v>15</v>
      </c>
      <c r="I9122" s="5" t="s">
        <v>69</v>
      </c>
      <c r="J9122" s="5" t="s">
        <v>27074</v>
      </c>
      <c r="K9122" s="2" t="s">
        <v>27075</v>
      </c>
      <c r="L9122" s="5" t="s">
        <v>27074</v>
      </c>
      <c r="M9122" s="2" t="s">
        <v>27075</v>
      </c>
      <c r="N9122" s="5" t="s">
        <v>24254</v>
      </c>
      <c r="O9122" s="5" t="s">
        <v>38</v>
      </c>
      <c r="P9122" s="5" t="s">
        <v>39</v>
      </c>
      <c r="Q9122" s="5" t="s">
        <v>40</v>
      </c>
      <c r="R9122" s="5" t="s">
        <v>25301</v>
      </c>
      <c r="S9122" s="5" t="s">
        <v>40</v>
      </c>
      <c r="T9122" s="5" t="s">
        <v>42</v>
      </c>
      <c r="U9122" s="2">
        <v>15.834</v>
      </c>
      <c r="V9122" s="2">
        <v>13.561</v>
      </c>
      <c r="W9122" s="2">
        <v>0.11600000000000001</v>
      </c>
      <c r="X9122" s="2">
        <v>12</v>
      </c>
      <c r="Y9122" s="2">
        <v>62</v>
      </c>
      <c r="Z9122" s="2">
        <v>159.9</v>
      </c>
      <c r="AA9122" s="5">
        <v>10</v>
      </c>
      <c r="AB9122" s="5" t="s">
        <v>43</v>
      </c>
      <c r="AC9122" s="5" t="s">
        <v>44</v>
      </c>
      <c r="AD9122" s="2" t="s">
        <v>27871</v>
      </c>
      <c r="AE9122" s="1"/>
    </row>
    <row r="9123" spans="1:31" ht="14.45">
      <c r="A9123" s="5"/>
      <c r="B9123" s="21"/>
      <c r="C9123" s="2" t="s">
        <v>28010</v>
      </c>
      <c r="D9123" s="14" t="s">
        <v>28011</v>
      </c>
      <c r="E9123" s="2" t="s">
        <v>28012</v>
      </c>
      <c r="F9123" s="2"/>
      <c r="G9123" s="8">
        <v>338</v>
      </c>
      <c r="H9123" s="5">
        <v>5</v>
      </c>
      <c r="I9123" s="5" t="s">
        <v>69</v>
      </c>
      <c r="J9123" s="5" t="s">
        <v>27074</v>
      </c>
      <c r="K9123" s="2" t="s">
        <v>27075</v>
      </c>
      <c r="L9123" s="5" t="s">
        <v>27074</v>
      </c>
      <c r="M9123" s="2" t="s">
        <v>27075</v>
      </c>
      <c r="N9123" s="5" t="s">
        <v>24254</v>
      </c>
      <c r="O9123" s="5" t="s">
        <v>38</v>
      </c>
      <c r="P9123" s="5" t="s">
        <v>39</v>
      </c>
      <c r="Q9123" s="5" t="s">
        <v>40</v>
      </c>
      <c r="R9123" s="5" t="s">
        <v>24335</v>
      </c>
      <c r="S9123" s="5" t="s">
        <v>40</v>
      </c>
      <c r="T9123" s="5" t="s">
        <v>42</v>
      </c>
      <c r="U9123" s="2">
        <v>9.0939999999999994</v>
      </c>
      <c r="V9123" s="2">
        <v>7.2560000000000002</v>
      </c>
      <c r="W9123" s="2">
        <v>9.2999999999999999E-2</v>
      </c>
      <c r="X9123" s="2">
        <v>12</v>
      </c>
      <c r="Y9123" s="2">
        <v>62</v>
      </c>
      <c r="Z9123" s="2">
        <v>159.9</v>
      </c>
      <c r="AA9123" s="5">
        <v>10</v>
      </c>
      <c r="AB9123" s="5" t="s">
        <v>43</v>
      </c>
      <c r="AC9123" s="5" t="s">
        <v>44</v>
      </c>
      <c r="AD9123" s="2" t="s">
        <v>27836</v>
      </c>
      <c r="AE9123" s="1"/>
    </row>
    <row r="9124" spans="1:31" ht="14.45">
      <c r="A9124" s="5"/>
      <c r="B9124" s="21"/>
      <c r="C9124" s="2" t="s">
        <v>28013</v>
      </c>
      <c r="D9124" s="14" t="s">
        <v>28014</v>
      </c>
      <c r="E9124" s="2" t="s">
        <v>28015</v>
      </c>
      <c r="F9124" s="2"/>
      <c r="G9124" s="8">
        <v>761</v>
      </c>
      <c r="H9124" s="5">
        <v>15</v>
      </c>
      <c r="I9124" s="5" t="s">
        <v>69</v>
      </c>
      <c r="J9124" s="5" t="s">
        <v>27074</v>
      </c>
      <c r="K9124" s="2" t="s">
        <v>27075</v>
      </c>
      <c r="L9124" s="5" t="s">
        <v>27074</v>
      </c>
      <c r="M9124" s="2" t="s">
        <v>27075</v>
      </c>
      <c r="N9124" s="5" t="s">
        <v>24254</v>
      </c>
      <c r="O9124" s="5" t="s">
        <v>38</v>
      </c>
      <c r="P9124" s="5" t="s">
        <v>39</v>
      </c>
      <c r="Q9124" s="5" t="s">
        <v>40</v>
      </c>
      <c r="R9124" s="5" t="s">
        <v>24335</v>
      </c>
      <c r="S9124" s="5" t="s">
        <v>40</v>
      </c>
      <c r="T9124" s="5" t="s">
        <v>42</v>
      </c>
      <c r="U9124" s="2">
        <v>13.637</v>
      </c>
      <c r="V9124" s="2">
        <v>10.989000000000001</v>
      </c>
      <c r="W9124" s="2">
        <v>0.13600000000000001</v>
      </c>
      <c r="X9124" s="2">
        <v>12</v>
      </c>
      <c r="Y9124" s="2">
        <v>50</v>
      </c>
      <c r="Z9124" s="2">
        <v>249.9</v>
      </c>
      <c r="AA9124" s="5">
        <v>10</v>
      </c>
      <c r="AB9124" s="5" t="s">
        <v>43</v>
      </c>
      <c r="AC9124" s="5" t="s">
        <v>44</v>
      </c>
      <c r="AD9124" s="2" t="s">
        <v>27840</v>
      </c>
      <c r="AE9124" s="1"/>
    </row>
    <row r="9125" spans="1:31" ht="14.45">
      <c r="A9125" s="5"/>
      <c r="B9125" s="21"/>
      <c r="C9125" s="2" t="s">
        <v>28016</v>
      </c>
      <c r="D9125" s="14" t="s">
        <v>28017</v>
      </c>
      <c r="E9125" s="2" t="s">
        <v>28018</v>
      </c>
      <c r="F9125" s="2"/>
      <c r="G9125" s="8">
        <v>761</v>
      </c>
      <c r="H9125" s="5">
        <v>15</v>
      </c>
      <c r="I9125" s="5" t="s">
        <v>69</v>
      </c>
      <c r="J9125" s="5" t="s">
        <v>27074</v>
      </c>
      <c r="K9125" s="2" t="s">
        <v>27075</v>
      </c>
      <c r="L9125" s="5" t="s">
        <v>27074</v>
      </c>
      <c r="M9125" s="2" t="s">
        <v>27075</v>
      </c>
      <c r="N9125" s="5" t="s">
        <v>24254</v>
      </c>
      <c r="O9125" s="5" t="s">
        <v>38</v>
      </c>
      <c r="P9125" s="5" t="s">
        <v>39</v>
      </c>
      <c r="Q9125" s="5" t="s">
        <v>40</v>
      </c>
      <c r="R9125" s="5" t="s">
        <v>24335</v>
      </c>
      <c r="S9125" s="5" t="s">
        <v>40</v>
      </c>
      <c r="T9125" s="5" t="s">
        <v>42</v>
      </c>
      <c r="U9125" s="2">
        <v>14.18</v>
      </c>
      <c r="V9125" s="2">
        <v>11.571</v>
      </c>
      <c r="W9125" s="2">
        <v>0.13600000000000001</v>
      </c>
      <c r="X9125" s="2">
        <v>12</v>
      </c>
      <c r="Y9125" s="2">
        <v>50</v>
      </c>
      <c r="Z9125" s="2">
        <v>249.9</v>
      </c>
      <c r="AA9125" s="5">
        <v>10</v>
      </c>
      <c r="AB9125" s="5" t="s">
        <v>43</v>
      </c>
      <c r="AC9125" s="5" t="s">
        <v>44</v>
      </c>
      <c r="AD9125" s="2" t="s">
        <v>27840</v>
      </c>
      <c r="AE9125" s="1"/>
    </row>
    <row r="9126" spans="1:31" ht="14.45">
      <c r="A9126" s="5"/>
      <c r="B9126" s="21"/>
      <c r="C9126" s="2" t="s">
        <v>28019</v>
      </c>
      <c r="D9126" s="14" t="s">
        <v>28020</v>
      </c>
      <c r="E9126" s="2" t="s">
        <v>28021</v>
      </c>
      <c r="F9126" s="2"/>
      <c r="G9126" s="8">
        <v>761</v>
      </c>
      <c r="H9126" s="5">
        <v>15</v>
      </c>
      <c r="I9126" s="5" t="s">
        <v>69</v>
      </c>
      <c r="J9126" s="5" t="s">
        <v>27074</v>
      </c>
      <c r="K9126" s="2" t="s">
        <v>27075</v>
      </c>
      <c r="L9126" s="5" t="s">
        <v>27074</v>
      </c>
      <c r="M9126" s="2" t="s">
        <v>27075</v>
      </c>
      <c r="N9126" s="5" t="s">
        <v>24254</v>
      </c>
      <c r="O9126" s="5" t="s">
        <v>38</v>
      </c>
      <c r="P9126" s="5" t="s">
        <v>39</v>
      </c>
      <c r="Q9126" s="5" t="s">
        <v>40</v>
      </c>
      <c r="R9126" s="5" t="s">
        <v>24335</v>
      </c>
      <c r="S9126" s="5" t="s">
        <v>40</v>
      </c>
      <c r="T9126" s="5" t="s">
        <v>42</v>
      </c>
      <c r="U9126" s="2">
        <v>13.99</v>
      </c>
      <c r="V9126" s="2">
        <v>11.419</v>
      </c>
      <c r="W9126" s="2">
        <v>0.13600000000000001</v>
      </c>
      <c r="X9126" s="2">
        <v>12</v>
      </c>
      <c r="Y9126" s="2">
        <v>50</v>
      </c>
      <c r="Z9126" s="2">
        <v>249.9</v>
      </c>
      <c r="AA9126" s="5">
        <v>10</v>
      </c>
      <c r="AB9126" s="5" t="s">
        <v>43</v>
      </c>
      <c r="AC9126" s="5" t="s">
        <v>44</v>
      </c>
      <c r="AD9126" s="2" t="s">
        <v>27847</v>
      </c>
      <c r="AE9126" s="1"/>
    </row>
    <row r="9127" spans="1:31" ht="14.45">
      <c r="A9127" s="5"/>
      <c r="B9127" s="21"/>
      <c r="C9127" s="2" t="s">
        <v>28022</v>
      </c>
      <c r="D9127" s="14" t="s">
        <v>28023</v>
      </c>
      <c r="E9127" s="2" t="s">
        <v>28024</v>
      </c>
      <c r="F9127" s="2"/>
      <c r="G9127" s="8">
        <v>491</v>
      </c>
      <c r="H9127" s="5">
        <v>15</v>
      </c>
      <c r="I9127" s="5" t="s">
        <v>69</v>
      </c>
      <c r="J9127" s="5" t="s">
        <v>27074</v>
      </c>
      <c r="K9127" s="2" t="s">
        <v>27075</v>
      </c>
      <c r="L9127" s="5" t="s">
        <v>27074</v>
      </c>
      <c r="M9127" s="2" t="s">
        <v>27075</v>
      </c>
      <c r="N9127" s="5" t="s">
        <v>24254</v>
      </c>
      <c r="O9127" s="5" t="s">
        <v>38</v>
      </c>
      <c r="P9127" s="5" t="s">
        <v>39</v>
      </c>
      <c r="Q9127" s="5" t="s">
        <v>40</v>
      </c>
      <c r="R9127" s="5" t="s">
        <v>24340</v>
      </c>
      <c r="S9127" s="5" t="s">
        <v>40</v>
      </c>
      <c r="T9127" s="5" t="s">
        <v>42</v>
      </c>
      <c r="U9127" s="2">
        <v>17.995999999999999</v>
      </c>
      <c r="V9127" s="2">
        <v>15.723000000000001</v>
      </c>
      <c r="W9127" s="2">
        <v>9.2999999999999999E-2</v>
      </c>
      <c r="X9127" s="2">
        <v>12</v>
      </c>
      <c r="Y9127" s="2">
        <v>62</v>
      </c>
      <c r="Z9127" s="2">
        <v>159.9</v>
      </c>
      <c r="AA9127" s="5">
        <v>10</v>
      </c>
      <c r="AB9127" s="5" t="s">
        <v>43</v>
      </c>
      <c r="AC9127" s="5" t="s">
        <v>44</v>
      </c>
      <c r="AD9127" s="2" t="s">
        <v>27859</v>
      </c>
      <c r="AE9127" s="1"/>
    </row>
    <row r="9128" spans="1:31" ht="14.45">
      <c r="A9128" s="5"/>
      <c r="B9128" s="21"/>
      <c r="C9128" s="2" t="s">
        <v>28025</v>
      </c>
      <c r="D9128" s="14" t="s">
        <v>28026</v>
      </c>
      <c r="E9128" s="2" t="s">
        <v>28027</v>
      </c>
      <c r="F9128" s="2"/>
      <c r="G9128" s="8">
        <v>1067</v>
      </c>
      <c r="H9128" s="5">
        <v>15</v>
      </c>
      <c r="I9128" s="5" t="s">
        <v>69</v>
      </c>
      <c r="J9128" s="5" t="s">
        <v>27074</v>
      </c>
      <c r="K9128" s="2" t="s">
        <v>27075</v>
      </c>
      <c r="L9128" s="5" t="s">
        <v>27074</v>
      </c>
      <c r="M9128" s="2" t="s">
        <v>27075</v>
      </c>
      <c r="N9128" s="5" t="s">
        <v>24254</v>
      </c>
      <c r="O9128" s="5" t="s">
        <v>38</v>
      </c>
      <c r="P9128" s="5" t="s">
        <v>39</v>
      </c>
      <c r="Q9128" s="5" t="s">
        <v>40</v>
      </c>
      <c r="R9128" s="5" t="s">
        <v>24340</v>
      </c>
      <c r="S9128" s="5" t="s">
        <v>40</v>
      </c>
      <c r="T9128" s="5" t="s">
        <v>42</v>
      </c>
      <c r="U9128" s="2">
        <v>25.440999999999999</v>
      </c>
      <c r="V9128" s="2">
        <v>22.792999999999999</v>
      </c>
      <c r="W9128" s="2">
        <v>0.13600000000000001</v>
      </c>
      <c r="X9128" s="2">
        <v>12</v>
      </c>
      <c r="Y9128" s="2">
        <v>50</v>
      </c>
      <c r="Z9128" s="2">
        <v>249.9</v>
      </c>
      <c r="AA9128" s="5">
        <v>10</v>
      </c>
      <c r="AB9128" s="5" t="s">
        <v>43</v>
      </c>
      <c r="AC9128" s="5" t="s">
        <v>44</v>
      </c>
      <c r="AD9128" s="2" t="s">
        <v>27863</v>
      </c>
      <c r="AE9128" s="1"/>
    </row>
    <row r="9129" spans="1:31" ht="14.45">
      <c r="A9129" s="5"/>
      <c r="B9129" s="21"/>
      <c r="C9129" s="2" t="s">
        <v>28028</v>
      </c>
      <c r="D9129" s="14" t="s">
        <v>28029</v>
      </c>
      <c r="E9129" s="2" t="s">
        <v>28030</v>
      </c>
      <c r="F9129" s="2"/>
      <c r="G9129" s="8">
        <v>1067</v>
      </c>
      <c r="H9129" s="5">
        <v>15</v>
      </c>
      <c r="I9129" s="5" t="s">
        <v>69</v>
      </c>
      <c r="J9129" s="5" t="s">
        <v>27074</v>
      </c>
      <c r="K9129" s="2" t="s">
        <v>27075</v>
      </c>
      <c r="L9129" s="5" t="s">
        <v>27074</v>
      </c>
      <c r="M9129" s="2" t="s">
        <v>27075</v>
      </c>
      <c r="N9129" s="5" t="s">
        <v>24254</v>
      </c>
      <c r="O9129" s="5" t="s">
        <v>38</v>
      </c>
      <c r="P9129" s="5" t="s">
        <v>39</v>
      </c>
      <c r="Q9129" s="5" t="s">
        <v>40</v>
      </c>
      <c r="R9129" s="5" t="s">
        <v>24340</v>
      </c>
      <c r="S9129" s="5" t="s">
        <v>40</v>
      </c>
      <c r="T9129" s="5" t="s">
        <v>42</v>
      </c>
      <c r="U9129" s="2">
        <v>27</v>
      </c>
      <c r="V9129" s="2">
        <v>24.428999999999998</v>
      </c>
      <c r="W9129" s="2">
        <v>0.13600000000000001</v>
      </c>
      <c r="X9129" s="2">
        <v>12</v>
      </c>
      <c r="Y9129" s="2">
        <v>50</v>
      </c>
      <c r="Z9129" s="2">
        <v>249.9</v>
      </c>
      <c r="AA9129" s="5">
        <v>10</v>
      </c>
      <c r="AB9129" s="5" t="s">
        <v>43</v>
      </c>
      <c r="AC9129" s="5" t="s">
        <v>44</v>
      </c>
      <c r="AD9129" s="2" t="s">
        <v>27867</v>
      </c>
      <c r="AE9129" s="1"/>
    </row>
    <row r="9130" spans="1:31" ht="14.45">
      <c r="A9130" s="5"/>
      <c r="B9130" s="21"/>
      <c r="C9130" s="2" t="s">
        <v>28031</v>
      </c>
      <c r="D9130" s="14" t="s">
        <v>28032</v>
      </c>
      <c r="E9130" s="2" t="s">
        <v>28033</v>
      </c>
      <c r="F9130" s="2" t="s">
        <v>28034</v>
      </c>
      <c r="G9130" s="8">
        <v>491</v>
      </c>
      <c r="H9130" s="5">
        <v>15</v>
      </c>
      <c r="I9130" s="5" t="s">
        <v>69</v>
      </c>
      <c r="J9130" s="5" t="s">
        <v>27074</v>
      </c>
      <c r="K9130" s="2" t="s">
        <v>27075</v>
      </c>
      <c r="L9130" s="5" t="s">
        <v>27074</v>
      </c>
      <c r="M9130" s="2" t="s">
        <v>27075</v>
      </c>
      <c r="N9130" s="5" t="s">
        <v>24254</v>
      </c>
      <c r="O9130" s="5" t="s">
        <v>38</v>
      </c>
      <c r="P9130" s="5" t="s">
        <v>39</v>
      </c>
      <c r="Q9130" s="5" t="s">
        <v>40</v>
      </c>
      <c r="R9130" s="5" t="s">
        <v>25301</v>
      </c>
      <c r="S9130" s="5" t="s">
        <v>40</v>
      </c>
      <c r="T9130" s="5" t="s">
        <v>42</v>
      </c>
      <c r="U9130" s="2">
        <v>16.584</v>
      </c>
      <c r="V9130" s="2">
        <v>14.311</v>
      </c>
      <c r="W9130" s="2">
        <v>8.3000000000000004E-2</v>
      </c>
      <c r="X9130" s="2">
        <v>12</v>
      </c>
      <c r="Y9130" s="2">
        <v>62</v>
      </c>
      <c r="Z9130" s="2">
        <v>159.9</v>
      </c>
      <c r="AA9130" s="5">
        <v>10</v>
      </c>
      <c r="AB9130" s="5" t="s">
        <v>43</v>
      </c>
      <c r="AC9130" s="5" t="s">
        <v>44</v>
      </c>
      <c r="AD9130" s="2" t="s">
        <v>27871</v>
      </c>
      <c r="AE9130" s="1"/>
    </row>
    <row r="9131" spans="1:31" ht="14.45">
      <c r="A9131" s="5"/>
      <c r="B9131" s="21"/>
      <c r="C9131" s="2" t="s">
        <v>28035</v>
      </c>
      <c r="D9131" s="14" t="s">
        <v>28036</v>
      </c>
      <c r="E9131" s="2" t="s">
        <v>28037</v>
      </c>
      <c r="F9131" s="2"/>
      <c r="G9131" s="8">
        <v>358</v>
      </c>
      <c r="H9131" s="5">
        <v>5</v>
      </c>
      <c r="I9131" s="5" t="s">
        <v>69</v>
      </c>
      <c r="J9131" s="5" t="s">
        <v>27074</v>
      </c>
      <c r="K9131" s="2" t="s">
        <v>27075</v>
      </c>
      <c r="L9131" s="5" t="s">
        <v>27074</v>
      </c>
      <c r="M9131" s="2" t="s">
        <v>27075</v>
      </c>
      <c r="N9131" s="5" t="s">
        <v>24254</v>
      </c>
      <c r="O9131" s="5" t="s">
        <v>38</v>
      </c>
      <c r="P9131" s="5" t="s">
        <v>39</v>
      </c>
      <c r="Q9131" s="5" t="s">
        <v>40</v>
      </c>
      <c r="R9131" s="5" t="s">
        <v>24335</v>
      </c>
      <c r="S9131" s="5" t="s">
        <v>40</v>
      </c>
      <c r="T9131" s="5" t="s">
        <v>42</v>
      </c>
      <c r="U9131" s="2">
        <v>9.6120000000000001</v>
      </c>
      <c r="V9131" s="2">
        <v>7.649</v>
      </c>
      <c r="W9131" s="2">
        <v>0.104</v>
      </c>
      <c r="X9131" s="2">
        <v>12</v>
      </c>
      <c r="Y9131" s="2">
        <v>62</v>
      </c>
      <c r="Z9131" s="2">
        <v>172.9</v>
      </c>
      <c r="AA9131" s="5">
        <v>10</v>
      </c>
      <c r="AB9131" s="5" t="s">
        <v>43</v>
      </c>
      <c r="AC9131" s="5" t="s">
        <v>44</v>
      </c>
      <c r="AD9131" s="2" t="s">
        <v>27836</v>
      </c>
      <c r="AE9131" s="1"/>
    </row>
    <row r="9132" spans="1:31" ht="14.45">
      <c r="A9132" s="5"/>
      <c r="B9132" s="21"/>
      <c r="C9132" s="2" t="s">
        <v>28038</v>
      </c>
      <c r="D9132" s="14" t="s">
        <v>28039</v>
      </c>
      <c r="E9132" s="2" t="s">
        <v>28040</v>
      </c>
      <c r="F9132" s="2"/>
      <c r="G9132" s="8">
        <v>805</v>
      </c>
      <c r="H9132" s="5">
        <v>15</v>
      </c>
      <c r="I9132" s="5" t="s">
        <v>69</v>
      </c>
      <c r="J9132" s="5" t="s">
        <v>27074</v>
      </c>
      <c r="K9132" s="2" t="s">
        <v>27075</v>
      </c>
      <c r="L9132" s="5" t="s">
        <v>27074</v>
      </c>
      <c r="M9132" s="2" t="s">
        <v>27075</v>
      </c>
      <c r="N9132" s="5" t="s">
        <v>24254</v>
      </c>
      <c r="O9132" s="5" t="s">
        <v>38</v>
      </c>
      <c r="P9132" s="5" t="s">
        <v>39</v>
      </c>
      <c r="Q9132" s="5" t="s">
        <v>40</v>
      </c>
      <c r="R9132" s="5" t="s">
        <v>24335</v>
      </c>
      <c r="S9132" s="5" t="s">
        <v>40</v>
      </c>
      <c r="T9132" s="5" t="s">
        <v>42</v>
      </c>
      <c r="U9132" s="2">
        <v>14.068</v>
      </c>
      <c r="V9132" s="2">
        <v>11.42</v>
      </c>
      <c r="W9132" s="2">
        <v>0.13600000000000001</v>
      </c>
      <c r="X9132" s="2">
        <v>12</v>
      </c>
      <c r="Y9132" s="2">
        <v>50</v>
      </c>
      <c r="Z9132" s="2">
        <v>249.9</v>
      </c>
      <c r="AA9132" s="5">
        <v>10</v>
      </c>
      <c r="AB9132" s="5" t="s">
        <v>43</v>
      </c>
      <c r="AC9132" s="5" t="s">
        <v>44</v>
      </c>
      <c r="AD9132" s="2" t="s">
        <v>27840</v>
      </c>
      <c r="AE9132" s="1"/>
    </row>
    <row r="9133" spans="1:31" ht="14.45">
      <c r="A9133" s="5"/>
      <c r="B9133" s="21"/>
      <c r="C9133" s="2" t="s">
        <v>28041</v>
      </c>
      <c r="D9133" s="14" t="s">
        <v>28042</v>
      </c>
      <c r="E9133" s="2" t="s">
        <v>28043</v>
      </c>
      <c r="F9133" s="2"/>
      <c r="G9133" s="8">
        <v>805</v>
      </c>
      <c r="H9133" s="5">
        <v>15</v>
      </c>
      <c r="I9133" s="5" t="s">
        <v>69</v>
      </c>
      <c r="J9133" s="5" t="s">
        <v>27074</v>
      </c>
      <c r="K9133" s="2" t="s">
        <v>27075</v>
      </c>
      <c r="L9133" s="5" t="s">
        <v>27074</v>
      </c>
      <c r="M9133" s="2" t="s">
        <v>27075</v>
      </c>
      <c r="N9133" s="5" t="s">
        <v>24254</v>
      </c>
      <c r="O9133" s="5" t="s">
        <v>38</v>
      </c>
      <c r="P9133" s="5" t="s">
        <v>39</v>
      </c>
      <c r="Q9133" s="5" t="s">
        <v>40</v>
      </c>
      <c r="R9133" s="5" t="s">
        <v>24335</v>
      </c>
      <c r="S9133" s="5" t="s">
        <v>40</v>
      </c>
      <c r="T9133" s="5" t="s">
        <v>42</v>
      </c>
      <c r="U9133" s="2">
        <v>14.659000000000001</v>
      </c>
      <c r="V9133" s="2">
        <v>12.05</v>
      </c>
      <c r="W9133" s="2">
        <v>0.13600000000000001</v>
      </c>
      <c r="X9133" s="2">
        <v>12</v>
      </c>
      <c r="Y9133" s="2">
        <v>50</v>
      </c>
      <c r="Z9133" s="2">
        <v>249.9</v>
      </c>
      <c r="AA9133" s="5">
        <v>10</v>
      </c>
      <c r="AB9133" s="5" t="s">
        <v>43</v>
      </c>
      <c r="AC9133" s="5" t="s">
        <v>44</v>
      </c>
      <c r="AD9133" s="2" t="s">
        <v>27840</v>
      </c>
      <c r="AE9133" s="1"/>
    </row>
    <row r="9134" spans="1:31" ht="14.45">
      <c r="A9134" s="5"/>
      <c r="B9134" s="21"/>
      <c r="C9134" s="2" t="s">
        <v>28044</v>
      </c>
      <c r="D9134" s="14" t="s">
        <v>28045</v>
      </c>
      <c r="E9134" s="2" t="s">
        <v>28046</v>
      </c>
      <c r="F9134" s="2"/>
      <c r="G9134" s="8">
        <v>805</v>
      </c>
      <c r="H9134" s="5">
        <v>15</v>
      </c>
      <c r="I9134" s="5" t="s">
        <v>69</v>
      </c>
      <c r="J9134" s="5" t="s">
        <v>27074</v>
      </c>
      <c r="K9134" s="2" t="s">
        <v>27075</v>
      </c>
      <c r="L9134" s="5" t="s">
        <v>27074</v>
      </c>
      <c r="M9134" s="2" t="s">
        <v>27075</v>
      </c>
      <c r="N9134" s="5" t="s">
        <v>24254</v>
      </c>
      <c r="O9134" s="5" t="s">
        <v>38</v>
      </c>
      <c r="P9134" s="5" t="s">
        <v>39</v>
      </c>
      <c r="Q9134" s="5" t="s">
        <v>40</v>
      </c>
      <c r="R9134" s="5" t="s">
        <v>24335</v>
      </c>
      <c r="S9134" s="5" t="s">
        <v>40</v>
      </c>
      <c r="T9134" s="5" t="s">
        <v>42</v>
      </c>
      <c r="U9134" s="2">
        <v>14.489000000000001</v>
      </c>
      <c r="V9134" s="2">
        <v>11.917999999999999</v>
      </c>
      <c r="W9134" s="2">
        <v>0.13600000000000001</v>
      </c>
      <c r="X9134" s="2">
        <v>12</v>
      </c>
      <c r="Y9134" s="2">
        <v>50</v>
      </c>
      <c r="Z9134" s="2">
        <v>249.9</v>
      </c>
      <c r="AA9134" s="5">
        <v>10</v>
      </c>
      <c r="AB9134" s="5" t="s">
        <v>43</v>
      </c>
      <c r="AC9134" s="5" t="s">
        <v>44</v>
      </c>
      <c r="AD9134" s="2" t="s">
        <v>27847</v>
      </c>
      <c r="AE9134" s="1"/>
    </row>
    <row r="9135" spans="1:31" ht="14.45">
      <c r="A9135" s="5"/>
      <c r="B9135" s="21"/>
      <c r="C9135" s="2" t="s">
        <v>28047</v>
      </c>
      <c r="D9135" s="14" t="s">
        <v>28048</v>
      </c>
      <c r="E9135" s="2" t="s">
        <v>28049</v>
      </c>
      <c r="F9135" s="2"/>
      <c r="G9135" s="8">
        <v>511</v>
      </c>
      <c r="H9135" s="5">
        <v>15</v>
      </c>
      <c r="I9135" s="5" t="s">
        <v>69</v>
      </c>
      <c r="J9135" s="5" t="s">
        <v>27074</v>
      </c>
      <c r="K9135" s="2" t="s">
        <v>27075</v>
      </c>
      <c r="L9135" s="5" t="s">
        <v>27074</v>
      </c>
      <c r="M9135" s="2" t="s">
        <v>27075</v>
      </c>
      <c r="N9135" s="5" t="s">
        <v>24254</v>
      </c>
      <c r="O9135" s="5" t="s">
        <v>38</v>
      </c>
      <c r="P9135" s="5" t="s">
        <v>39</v>
      </c>
      <c r="Q9135" s="5" t="s">
        <v>40</v>
      </c>
      <c r="R9135" s="5" t="s">
        <v>24340</v>
      </c>
      <c r="S9135" s="5" t="s">
        <v>40</v>
      </c>
      <c r="T9135" s="5" t="s">
        <v>42</v>
      </c>
      <c r="U9135" s="2">
        <v>18.949000000000002</v>
      </c>
      <c r="V9135" s="2">
        <v>16.52</v>
      </c>
      <c r="W9135" s="2">
        <v>0.104</v>
      </c>
      <c r="X9135" s="2">
        <v>12</v>
      </c>
      <c r="Y9135" s="2">
        <v>62</v>
      </c>
      <c r="Z9135" s="2">
        <v>172.9</v>
      </c>
      <c r="AA9135" s="5">
        <v>10</v>
      </c>
      <c r="AB9135" s="5" t="s">
        <v>43</v>
      </c>
      <c r="AC9135" s="5" t="s">
        <v>44</v>
      </c>
      <c r="AD9135" s="2" t="s">
        <v>27859</v>
      </c>
      <c r="AE9135" s="1"/>
    </row>
    <row r="9136" spans="1:31" ht="14.45">
      <c r="A9136" s="5"/>
      <c r="B9136" s="21"/>
      <c r="C9136" s="2" t="s">
        <v>28050</v>
      </c>
      <c r="D9136" s="14" t="s">
        <v>28051</v>
      </c>
      <c r="E9136" s="2" t="s">
        <v>28052</v>
      </c>
      <c r="F9136" s="2"/>
      <c r="G9136" s="8">
        <v>1111</v>
      </c>
      <c r="H9136" s="5">
        <v>15</v>
      </c>
      <c r="I9136" s="5" t="s">
        <v>69</v>
      </c>
      <c r="J9136" s="5" t="s">
        <v>27074</v>
      </c>
      <c r="K9136" s="2" t="s">
        <v>27075</v>
      </c>
      <c r="L9136" s="5" t="s">
        <v>27074</v>
      </c>
      <c r="M9136" s="2" t="s">
        <v>27075</v>
      </c>
      <c r="N9136" s="5" t="s">
        <v>24254</v>
      </c>
      <c r="O9136" s="5" t="s">
        <v>38</v>
      </c>
      <c r="P9136" s="5" t="s">
        <v>39</v>
      </c>
      <c r="Q9136" s="5" t="s">
        <v>40</v>
      </c>
      <c r="R9136" s="5" t="s">
        <v>24340</v>
      </c>
      <c r="S9136" s="5" t="s">
        <v>40</v>
      </c>
      <c r="T9136" s="5" t="s">
        <v>42</v>
      </c>
      <c r="U9136" s="2">
        <v>26.355</v>
      </c>
      <c r="V9136" s="2">
        <v>23.707000000000001</v>
      </c>
      <c r="W9136" s="2">
        <v>0.13600000000000001</v>
      </c>
      <c r="X9136" s="2">
        <v>12</v>
      </c>
      <c r="Y9136" s="2">
        <v>50</v>
      </c>
      <c r="Z9136" s="2">
        <v>249.9</v>
      </c>
      <c r="AA9136" s="5">
        <v>10</v>
      </c>
      <c r="AB9136" s="5" t="s">
        <v>43</v>
      </c>
      <c r="AC9136" s="5" t="s">
        <v>44</v>
      </c>
      <c r="AD9136" s="2" t="s">
        <v>27863</v>
      </c>
      <c r="AE9136" s="1"/>
    </row>
    <row r="9137" spans="1:31" ht="14.45">
      <c r="A9137" s="5"/>
      <c r="B9137" s="21"/>
      <c r="C9137" s="2" t="s">
        <v>28053</v>
      </c>
      <c r="D9137" s="14" t="s">
        <v>28054</v>
      </c>
      <c r="E9137" s="2" t="s">
        <v>28055</v>
      </c>
      <c r="F9137" s="2"/>
      <c r="G9137" s="8">
        <v>1111</v>
      </c>
      <c r="H9137" s="5">
        <v>15</v>
      </c>
      <c r="I9137" s="5" t="s">
        <v>69</v>
      </c>
      <c r="J9137" s="5" t="s">
        <v>27074</v>
      </c>
      <c r="K9137" s="2" t="s">
        <v>27075</v>
      </c>
      <c r="L9137" s="5" t="s">
        <v>27074</v>
      </c>
      <c r="M9137" s="2" t="s">
        <v>27075</v>
      </c>
      <c r="N9137" s="5" t="s">
        <v>24254</v>
      </c>
      <c r="O9137" s="5" t="s">
        <v>38</v>
      </c>
      <c r="P9137" s="5" t="s">
        <v>39</v>
      </c>
      <c r="Q9137" s="5" t="s">
        <v>40</v>
      </c>
      <c r="R9137" s="5" t="s">
        <v>24340</v>
      </c>
      <c r="S9137" s="5" t="s">
        <v>40</v>
      </c>
      <c r="T9137" s="5" t="s">
        <v>42</v>
      </c>
      <c r="U9137" s="2">
        <v>28.04</v>
      </c>
      <c r="V9137" s="2">
        <v>25.469000000000001</v>
      </c>
      <c r="W9137" s="2">
        <v>0.13600000000000001</v>
      </c>
      <c r="X9137" s="2">
        <v>12</v>
      </c>
      <c r="Y9137" s="2">
        <v>50</v>
      </c>
      <c r="Z9137" s="2">
        <v>249.9</v>
      </c>
      <c r="AA9137" s="5">
        <v>10</v>
      </c>
      <c r="AB9137" s="5" t="s">
        <v>43</v>
      </c>
      <c r="AC9137" s="5" t="s">
        <v>44</v>
      </c>
      <c r="AD9137" s="2" t="s">
        <v>27867</v>
      </c>
      <c r="AE9137" s="1"/>
    </row>
    <row r="9138" spans="1:31" ht="14.45">
      <c r="A9138" s="5"/>
      <c r="B9138" s="21"/>
      <c r="C9138" s="2" t="s">
        <v>28056</v>
      </c>
      <c r="D9138" s="14" t="s">
        <v>28057</v>
      </c>
      <c r="E9138" s="2" t="s">
        <v>28058</v>
      </c>
      <c r="F9138" s="2" t="s">
        <v>28034</v>
      </c>
      <c r="G9138" s="8">
        <v>511</v>
      </c>
      <c r="H9138" s="5">
        <v>15</v>
      </c>
      <c r="I9138" s="5" t="s">
        <v>69</v>
      </c>
      <c r="J9138" s="5" t="s">
        <v>27074</v>
      </c>
      <c r="K9138" s="2" t="s">
        <v>27075</v>
      </c>
      <c r="L9138" s="5" t="s">
        <v>27074</v>
      </c>
      <c r="M9138" s="2" t="s">
        <v>27075</v>
      </c>
      <c r="N9138" s="5" t="s">
        <v>24254</v>
      </c>
      <c r="O9138" s="5" t="s">
        <v>38</v>
      </c>
      <c r="P9138" s="5" t="s">
        <v>39</v>
      </c>
      <c r="Q9138" s="5" t="s">
        <v>40</v>
      </c>
      <c r="R9138" s="5" t="s">
        <v>25301</v>
      </c>
      <c r="S9138" s="5" t="s">
        <v>40</v>
      </c>
      <c r="T9138" s="5" t="s">
        <v>42</v>
      </c>
      <c r="U9138" s="2">
        <v>17.431000000000001</v>
      </c>
      <c r="V9138" s="2">
        <v>15.002000000000001</v>
      </c>
      <c r="W9138" s="2">
        <v>0.104</v>
      </c>
      <c r="X9138" s="2">
        <v>12</v>
      </c>
      <c r="Y9138" s="2">
        <v>62</v>
      </c>
      <c r="Z9138" s="2">
        <v>172.9</v>
      </c>
      <c r="AA9138" s="5">
        <v>10</v>
      </c>
      <c r="AB9138" s="5" t="s">
        <v>43</v>
      </c>
      <c r="AC9138" s="5" t="s">
        <v>44</v>
      </c>
      <c r="AD9138" s="2" t="s">
        <v>27871</v>
      </c>
      <c r="AE9138" s="1"/>
    </row>
    <row r="9139" spans="1:31" ht="14.45">
      <c r="A9139" s="5"/>
      <c r="B9139" s="21"/>
      <c r="C9139" s="2" t="s">
        <v>28059</v>
      </c>
      <c r="D9139" s="14" t="s">
        <v>28060</v>
      </c>
      <c r="E9139" s="2" t="s">
        <v>28061</v>
      </c>
      <c r="F9139" s="2"/>
      <c r="G9139" s="8">
        <v>338</v>
      </c>
      <c r="H9139" s="5">
        <v>5</v>
      </c>
      <c r="I9139" s="5" t="s">
        <v>69</v>
      </c>
      <c r="J9139" s="5" t="s">
        <v>27074</v>
      </c>
      <c r="K9139" s="2" t="s">
        <v>27075</v>
      </c>
      <c r="L9139" s="5" t="s">
        <v>27074</v>
      </c>
      <c r="M9139" s="2" t="s">
        <v>27075</v>
      </c>
      <c r="N9139" s="5" t="s">
        <v>24254</v>
      </c>
      <c r="O9139" s="5" t="s">
        <v>38</v>
      </c>
      <c r="P9139" s="5" t="s">
        <v>39</v>
      </c>
      <c r="Q9139" s="5" t="s">
        <v>40</v>
      </c>
      <c r="R9139" s="5" t="s">
        <v>24335</v>
      </c>
      <c r="S9139" s="5" t="s">
        <v>40</v>
      </c>
      <c r="T9139" s="5" t="s">
        <v>42</v>
      </c>
      <c r="U9139" s="2">
        <v>9.2089999999999996</v>
      </c>
      <c r="V9139" s="2">
        <v>7.2460000000000004</v>
      </c>
      <c r="W9139" s="2">
        <v>0.104</v>
      </c>
      <c r="X9139" s="2">
        <v>12</v>
      </c>
      <c r="Y9139" s="2">
        <v>62</v>
      </c>
      <c r="Z9139" s="2">
        <v>172.9</v>
      </c>
      <c r="AA9139" s="5">
        <v>10</v>
      </c>
      <c r="AB9139" s="5" t="s">
        <v>43</v>
      </c>
      <c r="AC9139" s="5" t="s">
        <v>44</v>
      </c>
      <c r="AD9139" s="2" t="s">
        <v>27836</v>
      </c>
      <c r="AE9139" s="1"/>
    </row>
    <row r="9140" spans="1:31" ht="14.45">
      <c r="A9140" s="5"/>
      <c r="B9140" s="21"/>
      <c r="C9140" s="2" t="s">
        <v>28062</v>
      </c>
      <c r="D9140" s="14" t="s">
        <v>28063</v>
      </c>
      <c r="E9140" s="2" t="s">
        <v>28064</v>
      </c>
      <c r="F9140" s="2"/>
      <c r="G9140" s="8">
        <v>761</v>
      </c>
      <c r="H9140" s="5">
        <v>15</v>
      </c>
      <c r="I9140" s="5" t="s">
        <v>69</v>
      </c>
      <c r="J9140" s="5" t="s">
        <v>27074</v>
      </c>
      <c r="K9140" s="2" t="s">
        <v>27075</v>
      </c>
      <c r="L9140" s="5" t="s">
        <v>27074</v>
      </c>
      <c r="M9140" s="2" t="s">
        <v>27075</v>
      </c>
      <c r="N9140" s="5" t="s">
        <v>24254</v>
      </c>
      <c r="O9140" s="5" t="s">
        <v>38</v>
      </c>
      <c r="P9140" s="5" t="s">
        <v>39</v>
      </c>
      <c r="Q9140" s="5" t="s">
        <v>40</v>
      </c>
      <c r="R9140" s="5" t="s">
        <v>24335</v>
      </c>
      <c r="S9140" s="5" t="s">
        <v>40</v>
      </c>
      <c r="T9140" s="5" t="s">
        <v>42</v>
      </c>
      <c r="U9140" s="2">
        <v>14.824999999999999</v>
      </c>
      <c r="V9140" s="2">
        <v>11.372</v>
      </c>
      <c r="W9140" s="2">
        <v>0.16300000000000001</v>
      </c>
      <c r="X9140" s="2">
        <v>12</v>
      </c>
      <c r="Y9140" s="2">
        <v>50</v>
      </c>
      <c r="Z9140" s="2">
        <v>271.89999999999998</v>
      </c>
      <c r="AA9140" s="5">
        <v>10</v>
      </c>
      <c r="AB9140" s="5" t="s">
        <v>43</v>
      </c>
      <c r="AC9140" s="5" t="s">
        <v>44</v>
      </c>
      <c r="AD9140" s="2" t="s">
        <v>27840</v>
      </c>
      <c r="AE9140" s="1"/>
    </row>
    <row r="9141" spans="1:31" ht="14.45">
      <c r="A9141" s="5"/>
      <c r="B9141" s="21"/>
      <c r="C9141" s="2" t="s">
        <v>28065</v>
      </c>
      <c r="D9141" s="14" t="s">
        <v>28066</v>
      </c>
      <c r="E9141" s="2" t="s">
        <v>28067</v>
      </c>
      <c r="F9141" s="2"/>
      <c r="G9141" s="8">
        <v>761</v>
      </c>
      <c r="H9141" s="5">
        <v>15</v>
      </c>
      <c r="I9141" s="5" t="s">
        <v>69</v>
      </c>
      <c r="J9141" s="5" t="s">
        <v>27074</v>
      </c>
      <c r="K9141" s="2" t="s">
        <v>27075</v>
      </c>
      <c r="L9141" s="5" t="s">
        <v>27074</v>
      </c>
      <c r="M9141" s="2" t="s">
        <v>27075</v>
      </c>
      <c r="N9141" s="5" t="s">
        <v>24254</v>
      </c>
      <c r="O9141" s="5" t="s">
        <v>38</v>
      </c>
      <c r="P9141" s="5" t="s">
        <v>39</v>
      </c>
      <c r="Q9141" s="5" t="s">
        <v>40</v>
      </c>
      <c r="R9141" s="5" t="s">
        <v>24335</v>
      </c>
      <c r="S9141" s="5" t="s">
        <v>40</v>
      </c>
      <c r="T9141" s="5" t="s">
        <v>42</v>
      </c>
      <c r="U9141" s="2">
        <v>15.247</v>
      </c>
      <c r="V9141" s="2">
        <v>11.833</v>
      </c>
      <c r="W9141" s="2">
        <v>0.16300000000000001</v>
      </c>
      <c r="X9141" s="2">
        <v>12</v>
      </c>
      <c r="Y9141" s="2">
        <v>50</v>
      </c>
      <c r="Z9141" s="2">
        <v>271.89999999999998</v>
      </c>
      <c r="AA9141" s="5">
        <v>10</v>
      </c>
      <c r="AB9141" s="5" t="s">
        <v>43</v>
      </c>
      <c r="AC9141" s="5" t="s">
        <v>44</v>
      </c>
      <c r="AD9141" s="2" t="s">
        <v>27840</v>
      </c>
      <c r="AE9141" s="1"/>
    </row>
    <row r="9142" spans="1:31" ht="14.45">
      <c r="A9142" s="5"/>
      <c r="B9142" s="21"/>
      <c r="C9142" s="2" t="s">
        <v>28068</v>
      </c>
      <c r="D9142" s="14" t="s">
        <v>28069</v>
      </c>
      <c r="E9142" s="2" t="s">
        <v>28070</v>
      </c>
      <c r="F9142" s="2"/>
      <c r="G9142" s="8">
        <v>761</v>
      </c>
      <c r="H9142" s="5">
        <v>15</v>
      </c>
      <c r="I9142" s="5" t="s">
        <v>69</v>
      </c>
      <c r="J9142" s="5" t="s">
        <v>27074</v>
      </c>
      <c r="K9142" s="2" t="s">
        <v>27075</v>
      </c>
      <c r="L9142" s="5" t="s">
        <v>27074</v>
      </c>
      <c r="M9142" s="2" t="s">
        <v>27075</v>
      </c>
      <c r="N9142" s="5" t="s">
        <v>24254</v>
      </c>
      <c r="O9142" s="5" t="s">
        <v>38</v>
      </c>
      <c r="P9142" s="5" t="s">
        <v>39</v>
      </c>
      <c r="Q9142" s="5" t="s">
        <v>40</v>
      </c>
      <c r="R9142" s="5" t="s">
        <v>24335</v>
      </c>
      <c r="S9142" s="5" t="s">
        <v>40</v>
      </c>
      <c r="T9142" s="5" t="s">
        <v>42</v>
      </c>
      <c r="U9142" s="2">
        <v>15.038</v>
      </c>
      <c r="V9142" s="2">
        <v>11.662000000000001</v>
      </c>
      <c r="W9142" s="2">
        <v>0.16300000000000001</v>
      </c>
      <c r="X9142" s="2">
        <v>12</v>
      </c>
      <c r="Y9142" s="2">
        <v>50</v>
      </c>
      <c r="Z9142" s="2">
        <v>271.89999999999998</v>
      </c>
      <c r="AA9142" s="5">
        <v>10</v>
      </c>
      <c r="AB9142" s="5" t="s">
        <v>43</v>
      </c>
      <c r="AC9142" s="5" t="s">
        <v>44</v>
      </c>
      <c r="AD9142" s="2" t="s">
        <v>27847</v>
      </c>
      <c r="AE9142" s="1"/>
    </row>
    <row r="9143" spans="1:31" ht="14.45">
      <c r="A9143" s="5"/>
      <c r="B9143" s="21"/>
      <c r="C9143" s="2" t="s">
        <v>28071</v>
      </c>
      <c r="D9143" s="14" t="s">
        <v>28072</v>
      </c>
      <c r="E9143" s="2" t="s">
        <v>28073</v>
      </c>
      <c r="F9143" s="2"/>
      <c r="G9143" s="8">
        <v>491</v>
      </c>
      <c r="H9143" s="5">
        <v>15</v>
      </c>
      <c r="I9143" s="5" t="s">
        <v>69</v>
      </c>
      <c r="J9143" s="5" t="s">
        <v>27074</v>
      </c>
      <c r="K9143" s="2" t="s">
        <v>27075</v>
      </c>
      <c r="L9143" s="5" t="s">
        <v>27074</v>
      </c>
      <c r="M9143" s="2" t="s">
        <v>27075</v>
      </c>
      <c r="N9143" s="5" t="s">
        <v>24254</v>
      </c>
      <c r="O9143" s="5" t="s">
        <v>38</v>
      </c>
      <c r="P9143" s="5" t="s">
        <v>39</v>
      </c>
      <c r="Q9143" s="5" t="s">
        <v>40</v>
      </c>
      <c r="R9143" s="5" t="s">
        <v>24340</v>
      </c>
      <c r="S9143" s="5" t="s">
        <v>40</v>
      </c>
      <c r="T9143" s="5" t="s">
        <v>42</v>
      </c>
      <c r="U9143" s="2">
        <v>18.215</v>
      </c>
      <c r="V9143" s="2">
        <v>15.786</v>
      </c>
      <c r="W9143" s="2">
        <v>0.104</v>
      </c>
      <c r="X9143" s="2">
        <v>12</v>
      </c>
      <c r="Y9143" s="2">
        <v>62</v>
      </c>
      <c r="Z9143" s="2">
        <v>172.9</v>
      </c>
      <c r="AA9143" s="5">
        <v>10</v>
      </c>
      <c r="AB9143" s="5" t="s">
        <v>43</v>
      </c>
      <c r="AC9143" s="5" t="s">
        <v>44</v>
      </c>
      <c r="AD9143" s="2" t="s">
        <v>27859</v>
      </c>
      <c r="AE9143" s="1"/>
    </row>
    <row r="9144" spans="1:31" ht="14.45">
      <c r="A9144" s="5"/>
      <c r="B9144" s="21"/>
      <c r="C9144" s="2" t="s">
        <v>28074</v>
      </c>
      <c r="D9144" s="14" t="s">
        <v>28075</v>
      </c>
      <c r="E9144" s="2" t="s">
        <v>28076</v>
      </c>
      <c r="F9144" s="2"/>
      <c r="G9144" s="8">
        <v>1067</v>
      </c>
      <c r="H9144" s="5">
        <v>15</v>
      </c>
      <c r="I9144" s="5" t="s">
        <v>69</v>
      </c>
      <c r="J9144" s="5" t="s">
        <v>27074</v>
      </c>
      <c r="K9144" s="2" t="s">
        <v>27075</v>
      </c>
      <c r="L9144" s="5" t="s">
        <v>27074</v>
      </c>
      <c r="M9144" s="2" t="s">
        <v>27075</v>
      </c>
      <c r="N9144" s="5" t="s">
        <v>24254</v>
      </c>
      <c r="O9144" s="5" t="s">
        <v>38</v>
      </c>
      <c r="P9144" s="5" t="s">
        <v>39</v>
      </c>
      <c r="Q9144" s="5" t="s">
        <v>40</v>
      </c>
      <c r="R9144" s="5" t="s">
        <v>24340</v>
      </c>
      <c r="S9144" s="5" t="s">
        <v>40</v>
      </c>
      <c r="T9144" s="5" t="s">
        <v>42</v>
      </c>
      <c r="U9144" s="2">
        <v>26.881</v>
      </c>
      <c r="V9144" s="2">
        <v>23.428000000000001</v>
      </c>
      <c r="W9144" s="2">
        <v>0.16300000000000001</v>
      </c>
      <c r="X9144" s="2">
        <v>12</v>
      </c>
      <c r="Y9144" s="2">
        <v>50</v>
      </c>
      <c r="Z9144" s="2">
        <v>271.89999999999998</v>
      </c>
      <c r="AA9144" s="5">
        <v>10</v>
      </c>
      <c r="AB9144" s="5" t="s">
        <v>43</v>
      </c>
      <c r="AC9144" s="5" t="s">
        <v>44</v>
      </c>
      <c r="AD9144" s="2" t="s">
        <v>27863</v>
      </c>
      <c r="AE9144" s="1"/>
    </row>
    <row r="9145" spans="1:31" ht="14.45">
      <c r="A9145" s="5"/>
      <c r="B9145" s="21"/>
      <c r="C9145" s="2" t="s">
        <v>28077</v>
      </c>
      <c r="D9145" s="14" t="s">
        <v>28078</v>
      </c>
      <c r="E9145" s="2" t="s">
        <v>28079</v>
      </c>
      <c r="F9145" s="2"/>
      <c r="G9145" s="8">
        <v>1067</v>
      </c>
      <c r="H9145" s="5">
        <v>15</v>
      </c>
      <c r="I9145" s="5" t="s">
        <v>69</v>
      </c>
      <c r="J9145" s="5" t="s">
        <v>27074</v>
      </c>
      <c r="K9145" s="2" t="s">
        <v>27075</v>
      </c>
      <c r="L9145" s="5" t="s">
        <v>27074</v>
      </c>
      <c r="M9145" s="2" t="s">
        <v>27075</v>
      </c>
      <c r="N9145" s="5" t="s">
        <v>24254</v>
      </c>
      <c r="O9145" s="5" t="s">
        <v>38</v>
      </c>
      <c r="P9145" s="5" t="s">
        <v>39</v>
      </c>
      <c r="Q9145" s="5" t="s">
        <v>40</v>
      </c>
      <c r="R9145" s="5" t="s">
        <v>24340</v>
      </c>
      <c r="S9145" s="5" t="s">
        <v>40</v>
      </c>
      <c r="T9145" s="5" t="s">
        <v>42</v>
      </c>
      <c r="U9145" s="2">
        <v>28.283000000000001</v>
      </c>
      <c r="V9145" s="2">
        <v>24.907</v>
      </c>
      <c r="W9145" s="2">
        <v>0.16300000000000001</v>
      </c>
      <c r="X9145" s="2">
        <v>12</v>
      </c>
      <c r="Y9145" s="2">
        <v>50</v>
      </c>
      <c r="Z9145" s="2">
        <v>271.89999999999998</v>
      </c>
      <c r="AA9145" s="5">
        <v>10</v>
      </c>
      <c r="AB9145" s="5" t="s">
        <v>43</v>
      </c>
      <c r="AC9145" s="5" t="s">
        <v>44</v>
      </c>
      <c r="AD9145" s="2" t="s">
        <v>27867</v>
      </c>
      <c r="AE9145" s="1"/>
    </row>
    <row r="9146" spans="1:31" ht="14.45">
      <c r="A9146" s="5"/>
      <c r="B9146" s="21"/>
      <c r="C9146" s="2" t="s">
        <v>28080</v>
      </c>
      <c r="D9146" s="14" t="s">
        <v>28081</v>
      </c>
      <c r="E9146" s="2" t="s">
        <v>28082</v>
      </c>
      <c r="F9146" s="2" t="s">
        <v>28034</v>
      </c>
      <c r="G9146" s="8">
        <v>491</v>
      </c>
      <c r="H9146" s="5">
        <v>15</v>
      </c>
      <c r="I9146" s="5" t="s">
        <v>69</v>
      </c>
      <c r="J9146" s="5" t="s">
        <v>27074</v>
      </c>
      <c r="K9146" s="2" t="s">
        <v>27075</v>
      </c>
      <c r="L9146" s="5" t="s">
        <v>27074</v>
      </c>
      <c r="M9146" s="2" t="s">
        <v>27075</v>
      </c>
      <c r="N9146" s="5" t="s">
        <v>24254</v>
      </c>
      <c r="O9146" s="5" t="s">
        <v>38</v>
      </c>
      <c r="P9146" s="5" t="s">
        <v>39</v>
      </c>
      <c r="Q9146" s="5" t="s">
        <v>40</v>
      </c>
      <c r="R9146" s="5" t="s">
        <v>25301</v>
      </c>
      <c r="S9146" s="5" t="s">
        <v>40</v>
      </c>
      <c r="T9146" s="5" t="s">
        <v>42</v>
      </c>
      <c r="U9146" s="2">
        <v>16.821999999999999</v>
      </c>
      <c r="V9146" s="2">
        <v>14.393000000000001</v>
      </c>
      <c r="W9146" s="2">
        <v>0.104</v>
      </c>
      <c r="X9146" s="2">
        <v>12</v>
      </c>
      <c r="Y9146" s="2">
        <v>62</v>
      </c>
      <c r="Z9146" s="2">
        <v>172.9</v>
      </c>
      <c r="AA9146" s="5">
        <v>10</v>
      </c>
      <c r="AB9146" s="5" t="s">
        <v>43</v>
      </c>
      <c r="AC9146" s="5" t="s">
        <v>44</v>
      </c>
      <c r="AD9146" s="2" t="s">
        <v>27871</v>
      </c>
      <c r="AE9146" s="1"/>
    </row>
    <row r="9147" spans="1:31" ht="14.45">
      <c r="A9147" s="5"/>
      <c r="B9147" s="21"/>
      <c r="C9147" s="2" t="s">
        <v>28083</v>
      </c>
      <c r="D9147" s="14" t="s">
        <v>28084</v>
      </c>
      <c r="E9147" s="2" t="s">
        <v>28085</v>
      </c>
      <c r="F9147" s="2"/>
      <c r="G9147" s="8">
        <v>347</v>
      </c>
      <c r="H9147" s="5">
        <v>5</v>
      </c>
      <c r="I9147" s="5" t="s">
        <v>69</v>
      </c>
      <c r="J9147" s="5" t="s">
        <v>27074</v>
      </c>
      <c r="K9147" s="2" t="s">
        <v>27075</v>
      </c>
      <c r="L9147" s="5" t="s">
        <v>27074</v>
      </c>
      <c r="M9147" s="2" t="s">
        <v>27075</v>
      </c>
      <c r="N9147" s="5" t="s">
        <v>24254</v>
      </c>
      <c r="O9147" s="5" t="s">
        <v>38</v>
      </c>
      <c r="P9147" s="5" t="s">
        <v>39</v>
      </c>
      <c r="Q9147" s="5" t="s">
        <v>40</v>
      </c>
      <c r="R9147" s="5" t="s">
        <v>24335</v>
      </c>
      <c r="S9147" s="5" t="s">
        <v>40</v>
      </c>
      <c r="T9147" s="5" t="s">
        <v>42</v>
      </c>
      <c r="U9147" s="2">
        <v>9.6660000000000004</v>
      </c>
      <c r="V9147" s="2">
        <v>7.7030000000000003</v>
      </c>
      <c r="W9147" s="2">
        <v>0.104</v>
      </c>
      <c r="X9147" s="2">
        <v>12</v>
      </c>
      <c r="Y9147" s="2">
        <v>62</v>
      </c>
      <c r="Z9147" s="2">
        <v>172.9</v>
      </c>
      <c r="AA9147" s="5">
        <v>10</v>
      </c>
      <c r="AB9147" s="5" t="s">
        <v>43</v>
      </c>
      <c r="AC9147" s="5" t="s">
        <v>44</v>
      </c>
      <c r="AD9147" s="2" t="s">
        <v>27836</v>
      </c>
      <c r="AE9147" s="1"/>
    </row>
    <row r="9148" spans="1:31" ht="14.45">
      <c r="A9148" s="5"/>
      <c r="B9148" s="21"/>
      <c r="C9148" s="2" t="s">
        <v>28086</v>
      </c>
      <c r="D9148" s="14" t="s">
        <v>28087</v>
      </c>
      <c r="E9148" s="2" t="s">
        <v>28088</v>
      </c>
      <c r="F9148" s="2"/>
      <c r="G9148" s="8">
        <v>780</v>
      </c>
      <c r="H9148" s="5">
        <v>15</v>
      </c>
      <c r="I9148" s="5" t="s">
        <v>69</v>
      </c>
      <c r="J9148" s="5" t="s">
        <v>27074</v>
      </c>
      <c r="K9148" s="2" t="s">
        <v>27075</v>
      </c>
      <c r="L9148" s="5" t="s">
        <v>27074</v>
      </c>
      <c r="M9148" s="2" t="s">
        <v>27075</v>
      </c>
      <c r="N9148" s="5" t="s">
        <v>24254</v>
      </c>
      <c r="O9148" s="5" t="s">
        <v>38</v>
      </c>
      <c r="P9148" s="5" t="s">
        <v>39</v>
      </c>
      <c r="Q9148" s="5" t="s">
        <v>40</v>
      </c>
      <c r="R9148" s="5" t="s">
        <v>24335</v>
      </c>
      <c r="S9148" s="5" t="s">
        <v>40</v>
      </c>
      <c r="T9148" s="5" t="s">
        <v>42</v>
      </c>
      <c r="U9148" s="2">
        <v>15.183</v>
      </c>
      <c r="V9148" s="2">
        <v>11.73</v>
      </c>
      <c r="W9148" s="2">
        <v>0.16300000000000001</v>
      </c>
      <c r="X9148" s="2">
        <v>12</v>
      </c>
      <c r="Y9148" s="2">
        <v>50</v>
      </c>
      <c r="Z9148" s="2">
        <v>271.89999999999998</v>
      </c>
      <c r="AA9148" s="5">
        <v>10</v>
      </c>
      <c r="AB9148" s="5" t="s">
        <v>43</v>
      </c>
      <c r="AC9148" s="5" t="s">
        <v>44</v>
      </c>
      <c r="AD9148" s="2" t="s">
        <v>27840</v>
      </c>
      <c r="AE9148" s="1"/>
    </row>
    <row r="9149" spans="1:31" ht="14.45">
      <c r="A9149" s="5"/>
      <c r="B9149" s="21"/>
      <c r="C9149" s="2" t="s">
        <v>28089</v>
      </c>
      <c r="D9149" s="14" t="s">
        <v>28090</v>
      </c>
      <c r="E9149" s="2" t="s">
        <v>28091</v>
      </c>
      <c r="F9149" s="2"/>
      <c r="G9149" s="8">
        <v>780</v>
      </c>
      <c r="H9149" s="5">
        <v>15</v>
      </c>
      <c r="I9149" s="5" t="s">
        <v>69</v>
      </c>
      <c r="J9149" s="5" t="s">
        <v>27074</v>
      </c>
      <c r="K9149" s="2" t="s">
        <v>27075</v>
      </c>
      <c r="L9149" s="5" t="s">
        <v>27074</v>
      </c>
      <c r="M9149" s="2" t="s">
        <v>27075</v>
      </c>
      <c r="N9149" s="5" t="s">
        <v>24254</v>
      </c>
      <c r="O9149" s="5" t="s">
        <v>38</v>
      </c>
      <c r="P9149" s="5" t="s">
        <v>39</v>
      </c>
      <c r="Q9149" s="5" t="s">
        <v>40</v>
      </c>
      <c r="R9149" s="5" t="s">
        <v>24335</v>
      </c>
      <c r="S9149" s="5" t="s">
        <v>40</v>
      </c>
      <c r="T9149" s="5" t="s">
        <v>42</v>
      </c>
      <c r="U9149" s="2">
        <v>15.708</v>
      </c>
      <c r="V9149" s="2">
        <v>12.294</v>
      </c>
      <c r="W9149" s="2">
        <v>0.16300000000000001</v>
      </c>
      <c r="X9149" s="2">
        <v>12</v>
      </c>
      <c r="Y9149" s="2">
        <v>50</v>
      </c>
      <c r="Z9149" s="2">
        <v>271.89999999999998</v>
      </c>
      <c r="AA9149" s="5">
        <v>10</v>
      </c>
      <c r="AB9149" s="5" t="s">
        <v>43</v>
      </c>
      <c r="AC9149" s="5" t="s">
        <v>44</v>
      </c>
      <c r="AD9149" s="2" t="s">
        <v>27840</v>
      </c>
      <c r="AE9149" s="1"/>
    </row>
    <row r="9150" spans="1:31" ht="14.45">
      <c r="A9150" s="5"/>
      <c r="B9150" s="21"/>
      <c r="C9150" s="2" t="s">
        <v>28092</v>
      </c>
      <c r="D9150" s="14" t="s">
        <v>28093</v>
      </c>
      <c r="E9150" s="2" t="s">
        <v>28094</v>
      </c>
      <c r="F9150" s="2"/>
      <c r="G9150" s="8">
        <v>780</v>
      </c>
      <c r="H9150" s="5">
        <v>15</v>
      </c>
      <c r="I9150" s="5" t="s">
        <v>69</v>
      </c>
      <c r="J9150" s="5" t="s">
        <v>27074</v>
      </c>
      <c r="K9150" s="2" t="s">
        <v>27075</v>
      </c>
      <c r="L9150" s="5" t="s">
        <v>27074</v>
      </c>
      <c r="M9150" s="2" t="s">
        <v>27075</v>
      </c>
      <c r="N9150" s="5" t="s">
        <v>24254</v>
      </c>
      <c r="O9150" s="5" t="s">
        <v>38</v>
      </c>
      <c r="P9150" s="5" t="s">
        <v>39</v>
      </c>
      <c r="Q9150" s="5" t="s">
        <v>40</v>
      </c>
      <c r="R9150" s="5" t="s">
        <v>24335</v>
      </c>
      <c r="S9150" s="5" t="s">
        <v>40</v>
      </c>
      <c r="T9150" s="5" t="s">
        <v>42</v>
      </c>
      <c r="U9150" s="2">
        <v>15.518000000000001</v>
      </c>
      <c r="V9150" s="2">
        <v>12.141999999999999</v>
      </c>
      <c r="W9150" s="2">
        <v>0.16300000000000001</v>
      </c>
      <c r="X9150" s="2">
        <v>12</v>
      </c>
      <c r="Y9150" s="2">
        <v>50</v>
      </c>
      <c r="Z9150" s="2">
        <v>271.89999999999998</v>
      </c>
      <c r="AA9150" s="5">
        <v>10</v>
      </c>
      <c r="AB9150" s="5" t="s">
        <v>43</v>
      </c>
      <c r="AC9150" s="5" t="s">
        <v>44</v>
      </c>
      <c r="AD9150" s="2" t="s">
        <v>27847</v>
      </c>
      <c r="AE9150" s="1"/>
    </row>
    <row r="9151" spans="1:31" ht="14.45">
      <c r="A9151" s="5"/>
      <c r="B9151" s="21"/>
      <c r="C9151" s="2" t="s">
        <v>28095</v>
      </c>
      <c r="D9151" s="14" t="s">
        <v>28096</v>
      </c>
      <c r="E9151" s="2" t="s">
        <v>28097</v>
      </c>
      <c r="F9151" s="2"/>
      <c r="G9151" s="8">
        <v>500</v>
      </c>
      <c r="H9151" s="5">
        <v>15</v>
      </c>
      <c r="I9151" s="5" t="s">
        <v>69</v>
      </c>
      <c r="J9151" s="5" t="s">
        <v>27074</v>
      </c>
      <c r="K9151" s="2" t="s">
        <v>27075</v>
      </c>
      <c r="L9151" s="5" t="s">
        <v>27074</v>
      </c>
      <c r="M9151" s="2" t="s">
        <v>27075</v>
      </c>
      <c r="N9151" s="5" t="s">
        <v>24254</v>
      </c>
      <c r="O9151" s="5" t="s">
        <v>38</v>
      </c>
      <c r="P9151" s="5" t="s">
        <v>39</v>
      </c>
      <c r="Q9151" s="5" t="s">
        <v>40</v>
      </c>
      <c r="R9151" s="5" t="s">
        <v>24340</v>
      </c>
      <c r="S9151" s="5" t="s">
        <v>40</v>
      </c>
      <c r="T9151" s="5" t="s">
        <v>42</v>
      </c>
      <c r="U9151" s="2">
        <v>19.076000000000001</v>
      </c>
      <c r="V9151" s="2">
        <v>16.646999999999998</v>
      </c>
      <c r="W9151" s="2">
        <v>0.104</v>
      </c>
      <c r="X9151" s="2">
        <v>12</v>
      </c>
      <c r="Y9151" s="2">
        <v>62</v>
      </c>
      <c r="Z9151" s="2">
        <v>172.9</v>
      </c>
      <c r="AA9151" s="5">
        <v>10</v>
      </c>
      <c r="AB9151" s="5" t="s">
        <v>43</v>
      </c>
      <c r="AC9151" s="5" t="s">
        <v>44</v>
      </c>
      <c r="AD9151" s="2" t="s">
        <v>27859</v>
      </c>
      <c r="AE9151" s="1"/>
    </row>
    <row r="9152" spans="1:31" ht="14.45">
      <c r="A9152" s="5"/>
      <c r="B9152" s="21"/>
      <c r="C9152" s="2" t="s">
        <v>28098</v>
      </c>
      <c r="D9152" s="14" t="s">
        <v>28099</v>
      </c>
      <c r="E9152" s="2" t="s">
        <v>28100</v>
      </c>
      <c r="F9152" s="2"/>
      <c r="G9152" s="8">
        <v>1086</v>
      </c>
      <c r="H9152" s="5">
        <v>15</v>
      </c>
      <c r="I9152" s="5" t="s">
        <v>69</v>
      </c>
      <c r="J9152" s="5" t="s">
        <v>27074</v>
      </c>
      <c r="K9152" s="2" t="s">
        <v>27075</v>
      </c>
      <c r="L9152" s="5" t="s">
        <v>27074</v>
      </c>
      <c r="M9152" s="2" t="s">
        <v>27075</v>
      </c>
      <c r="N9152" s="5" t="s">
        <v>24254</v>
      </c>
      <c r="O9152" s="5" t="s">
        <v>38</v>
      </c>
      <c r="P9152" s="5" t="s">
        <v>39</v>
      </c>
      <c r="Q9152" s="5" t="s">
        <v>40</v>
      </c>
      <c r="R9152" s="5" t="s">
        <v>24340</v>
      </c>
      <c r="S9152" s="5" t="s">
        <v>40</v>
      </c>
      <c r="T9152" s="5" t="s">
        <v>42</v>
      </c>
      <c r="U9152" s="2">
        <v>27.867000000000001</v>
      </c>
      <c r="V9152" s="2">
        <v>24.414000000000001</v>
      </c>
      <c r="W9152" s="2">
        <v>0.16300000000000001</v>
      </c>
      <c r="X9152" s="2">
        <v>12</v>
      </c>
      <c r="Y9152" s="2">
        <v>50</v>
      </c>
      <c r="Z9152" s="2">
        <v>271.89999999999998</v>
      </c>
      <c r="AA9152" s="5">
        <v>10</v>
      </c>
      <c r="AB9152" s="5" t="s">
        <v>43</v>
      </c>
      <c r="AC9152" s="5" t="s">
        <v>44</v>
      </c>
      <c r="AD9152" s="2" t="s">
        <v>27863</v>
      </c>
      <c r="AE9152" s="1"/>
    </row>
    <row r="9153" spans="1:31" ht="14.45">
      <c r="A9153" s="5"/>
      <c r="B9153" s="21"/>
      <c r="C9153" s="2" t="s">
        <v>28101</v>
      </c>
      <c r="D9153" s="14" t="s">
        <v>28102</v>
      </c>
      <c r="E9153" s="2" t="s">
        <v>28103</v>
      </c>
      <c r="F9153" s="2"/>
      <c r="G9153" s="8">
        <v>1086</v>
      </c>
      <c r="H9153" s="5">
        <v>15</v>
      </c>
      <c r="I9153" s="5" t="s">
        <v>69</v>
      </c>
      <c r="J9153" s="5" t="s">
        <v>27074</v>
      </c>
      <c r="K9153" s="2" t="s">
        <v>27075</v>
      </c>
      <c r="L9153" s="5" t="s">
        <v>27074</v>
      </c>
      <c r="M9153" s="2" t="s">
        <v>27075</v>
      </c>
      <c r="N9153" s="5" t="s">
        <v>24254</v>
      </c>
      <c r="O9153" s="5" t="s">
        <v>38</v>
      </c>
      <c r="P9153" s="5" t="s">
        <v>39</v>
      </c>
      <c r="Q9153" s="5" t="s">
        <v>40</v>
      </c>
      <c r="R9153" s="5" t="s">
        <v>24340</v>
      </c>
      <c r="S9153" s="5" t="s">
        <v>40</v>
      </c>
      <c r="T9153" s="5" t="s">
        <v>42</v>
      </c>
      <c r="U9153" s="2">
        <v>29.408999999999999</v>
      </c>
      <c r="V9153" s="2">
        <v>26.033000000000001</v>
      </c>
      <c r="W9153" s="2">
        <v>0.16300000000000001</v>
      </c>
      <c r="X9153" s="2">
        <v>12</v>
      </c>
      <c r="Y9153" s="2">
        <v>50</v>
      </c>
      <c r="Z9153" s="2">
        <v>271.89999999999998</v>
      </c>
      <c r="AA9153" s="5">
        <v>10</v>
      </c>
      <c r="AB9153" s="5" t="s">
        <v>43</v>
      </c>
      <c r="AC9153" s="5" t="s">
        <v>44</v>
      </c>
      <c r="AD9153" s="2" t="s">
        <v>27867</v>
      </c>
      <c r="AE9153" s="1"/>
    </row>
    <row r="9154" spans="1:31" ht="14.45">
      <c r="A9154" s="5"/>
      <c r="B9154" s="21"/>
      <c r="C9154" s="2" t="s">
        <v>28104</v>
      </c>
      <c r="D9154" s="14" t="s">
        <v>28105</v>
      </c>
      <c r="E9154" s="2" t="s">
        <v>28106</v>
      </c>
      <c r="F9154" s="2" t="s">
        <v>28034</v>
      </c>
      <c r="G9154" s="8">
        <v>500</v>
      </c>
      <c r="H9154" s="5">
        <v>15</v>
      </c>
      <c r="I9154" s="5" t="s">
        <v>69</v>
      </c>
      <c r="J9154" s="5" t="s">
        <v>27074</v>
      </c>
      <c r="K9154" s="2" t="s">
        <v>27075</v>
      </c>
      <c r="L9154" s="5" t="s">
        <v>27074</v>
      </c>
      <c r="M9154" s="2" t="s">
        <v>27075</v>
      </c>
      <c r="N9154" s="5" t="s">
        <v>24254</v>
      </c>
      <c r="O9154" s="5" t="s">
        <v>38</v>
      </c>
      <c r="P9154" s="5" t="s">
        <v>39</v>
      </c>
      <c r="Q9154" s="5" t="s">
        <v>40</v>
      </c>
      <c r="R9154" s="5" t="s">
        <v>25301</v>
      </c>
      <c r="S9154" s="5" t="s">
        <v>40</v>
      </c>
      <c r="T9154" s="5" t="s">
        <v>42</v>
      </c>
      <c r="U9154" s="2">
        <v>17.571000000000002</v>
      </c>
      <c r="V9154" s="2">
        <v>15.141999999999999</v>
      </c>
      <c r="W9154" s="2">
        <v>0.104</v>
      </c>
      <c r="X9154" s="2">
        <v>12</v>
      </c>
      <c r="Y9154" s="2">
        <v>62</v>
      </c>
      <c r="Z9154" s="2">
        <v>172.9</v>
      </c>
      <c r="AA9154" s="5">
        <v>10</v>
      </c>
      <c r="AB9154" s="5" t="s">
        <v>43</v>
      </c>
      <c r="AC9154" s="5" t="s">
        <v>44</v>
      </c>
      <c r="AD9154" s="2" t="s">
        <v>27871</v>
      </c>
      <c r="AE9154" s="1"/>
    </row>
    <row r="9155" spans="1:31" ht="14.45">
      <c r="A9155" s="5"/>
      <c r="B9155" s="21"/>
      <c r="C9155" s="2" t="s">
        <v>28107</v>
      </c>
      <c r="D9155" s="14" t="s">
        <v>28108</v>
      </c>
      <c r="E9155" s="2" t="s">
        <v>28109</v>
      </c>
      <c r="F9155" s="2"/>
      <c r="G9155" s="8">
        <v>383</v>
      </c>
      <c r="H9155" s="5">
        <v>5</v>
      </c>
      <c r="I9155" s="5" t="s">
        <v>69</v>
      </c>
      <c r="J9155" s="5" t="s">
        <v>27074</v>
      </c>
      <c r="K9155" s="2" t="s">
        <v>27075</v>
      </c>
      <c r="L9155" s="5" t="s">
        <v>27074</v>
      </c>
      <c r="M9155" s="2" t="s">
        <v>27075</v>
      </c>
      <c r="N9155" s="5" t="s">
        <v>24254</v>
      </c>
      <c r="O9155" s="5" t="s">
        <v>38</v>
      </c>
      <c r="P9155" s="5" t="s">
        <v>39</v>
      </c>
      <c r="Q9155" s="5" t="s">
        <v>40</v>
      </c>
      <c r="R9155" s="5" t="s">
        <v>24335</v>
      </c>
      <c r="S9155" s="5" t="s">
        <v>40</v>
      </c>
      <c r="T9155" s="5" t="s">
        <v>42</v>
      </c>
      <c r="U9155" s="2">
        <v>10.061999999999999</v>
      </c>
      <c r="V9155" s="2">
        <v>8.0990000000000002</v>
      </c>
      <c r="W9155" s="2">
        <v>0.104</v>
      </c>
      <c r="X9155" s="2">
        <v>12</v>
      </c>
      <c r="Y9155" s="2">
        <v>62</v>
      </c>
      <c r="Z9155" s="2">
        <v>172.9</v>
      </c>
      <c r="AA9155" s="5">
        <v>10</v>
      </c>
      <c r="AB9155" s="5" t="s">
        <v>43</v>
      </c>
      <c r="AC9155" s="5" t="s">
        <v>44</v>
      </c>
      <c r="AD9155" s="2" t="s">
        <v>27836</v>
      </c>
      <c r="AE9155" s="1"/>
    </row>
    <row r="9156" spans="1:31" ht="14.45">
      <c r="A9156" s="5"/>
      <c r="B9156" s="21"/>
      <c r="C9156" s="2" t="s">
        <v>28110</v>
      </c>
      <c r="D9156" s="14" t="s">
        <v>28111</v>
      </c>
      <c r="E9156" s="2" t="s">
        <v>28112</v>
      </c>
      <c r="F9156" s="2"/>
      <c r="G9156" s="8">
        <v>862</v>
      </c>
      <c r="H9156" s="5">
        <v>15</v>
      </c>
      <c r="I9156" s="5" t="s">
        <v>69</v>
      </c>
      <c r="J9156" s="5" t="s">
        <v>27074</v>
      </c>
      <c r="K9156" s="2" t="s">
        <v>27075</v>
      </c>
      <c r="L9156" s="5" t="s">
        <v>27074</v>
      </c>
      <c r="M9156" s="2" t="s">
        <v>27075</v>
      </c>
      <c r="N9156" s="5" t="s">
        <v>24254</v>
      </c>
      <c r="O9156" s="5" t="s">
        <v>38</v>
      </c>
      <c r="P9156" s="5" t="s">
        <v>39</v>
      </c>
      <c r="Q9156" s="5" t="s">
        <v>40</v>
      </c>
      <c r="R9156" s="5" t="s">
        <v>24335</v>
      </c>
      <c r="S9156" s="5" t="s">
        <v>40</v>
      </c>
      <c r="T9156" s="5" t="s">
        <v>42</v>
      </c>
      <c r="U9156" s="2">
        <v>15.614000000000001</v>
      </c>
      <c r="V9156" s="2">
        <v>12.161</v>
      </c>
      <c r="W9156" s="2">
        <v>0.16300000000000001</v>
      </c>
      <c r="X9156" s="2">
        <v>12</v>
      </c>
      <c r="Y9156" s="2">
        <v>50</v>
      </c>
      <c r="Z9156" s="2">
        <v>271.89999999999998</v>
      </c>
      <c r="AA9156" s="5">
        <v>10</v>
      </c>
      <c r="AB9156" s="5" t="s">
        <v>43</v>
      </c>
      <c r="AC9156" s="5" t="s">
        <v>44</v>
      </c>
      <c r="AD9156" s="2" t="s">
        <v>27840</v>
      </c>
      <c r="AE9156" s="1"/>
    </row>
    <row r="9157" spans="1:31" ht="14.45">
      <c r="A9157" s="5"/>
      <c r="B9157" s="21"/>
      <c r="C9157" s="2" t="s">
        <v>28113</v>
      </c>
      <c r="D9157" s="14" t="s">
        <v>28114</v>
      </c>
      <c r="E9157" s="2" t="s">
        <v>28115</v>
      </c>
      <c r="F9157" s="2"/>
      <c r="G9157" s="8">
        <v>862</v>
      </c>
      <c r="H9157" s="5">
        <v>15</v>
      </c>
      <c r="I9157" s="5" t="s">
        <v>69</v>
      </c>
      <c r="J9157" s="5" t="s">
        <v>27074</v>
      </c>
      <c r="K9157" s="2" t="s">
        <v>27075</v>
      </c>
      <c r="L9157" s="5" t="s">
        <v>27074</v>
      </c>
      <c r="M9157" s="2" t="s">
        <v>27075</v>
      </c>
      <c r="N9157" s="5" t="s">
        <v>24254</v>
      </c>
      <c r="O9157" s="5" t="s">
        <v>38</v>
      </c>
      <c r="P9157" s="5" t="s">
        <v>39</v>
      </c>
      <c r="Q9157" s="5" t="s">
        <v>40</v>
      </c>
      <c r="R9157" s="5" t="s">
        <v>24335</v>
      </c>
      <c r="S9157" s="5" t="s">
        <v>40</v>
      </c>
      <c r="T9157" s="5" t="s">
        <v>42</v>
      </c>
      <c r="U9157" s="2">
        <v>16.189</v>
      </c>
      <c r="V9157" s="2">
        <v>12.775</v>
      </c>
      <c r="W9157" s="2">
        <v>0.16300000000000001</v>
      </c>
      <c r="X9157" s="2">
        <v>12</v>
      </c>
      <c r="Y9157" s="2">
        <v>50</v>
      </c>
      <c r="Z9157" s="2">
        <v>271.89999999999998</v>
      </c>
      <c r="AA9157" s="5">
        <v>10</v>
      </c>
      <c r="AB9157" s="5" t="s">
        <v>43</v>
      </c>
      <c r="AC9157" s="5" t="s">
        <v>44</v>
      </c>
      <c r="AD9157" s="2" t="s">
        <v>27840</v>
      </c>
      <c r="AE9157" s="1"/>
    </row>
    <row r="9158" spans="1:31" ht="14.45">
      <c r="A9158" s="5"/>
      <c r="B9158" s="21"/>
      <c r="C9158" s="2" t="s">
        <v>28116</v>
      </c>
      <c r="D9158" s="14" t="s">
        <v>28117</v>
      </c>
      <c r="E9158" s="2" t="s">
        <v>28118</v>
      </c>
      <c r="F9158" s="2"/>
      <c r="G9158" s="8">
        <v>862</v>
      </c>
      <c r="H9158" s="5">
        <v>15</v>
      </c>
      <c r="I9158" s="5" t="s">
        <v>69</v>
      </c>
      <c r="J9158" s="5" t="s">
        <v>27074</v>
      </c>
      <c r="K9158" s="2" t="s">
        <v>27075</v>
      </c>
      <c r="L9158" s="5" t="s">
        <v>27074</v>
      </c>
      <c r="M9158" s="2" t="s">
        <v>27075</v>
      </c>
      <c r="N9158" s="5" t="s">
        <v>24254</v>
      </c>
      <c r="O9158" s="5" t="s">
        <v>38</v>
      </c>
      <c r="P9158" s="5" t="s">
        <v>39</v>
      </c>
      <c r="Q9158" s="5" t="s">
        <v>40</v>
      </c>
      <c r="R9158" s="5" t="s">
        <v>24335</v>
      </c>
      <c r="S9158" s="5" t="s">
        <v>40</v>
      </c>
      <c r="T9158" s="5" t="s">
        <v>42</v>
      </c>
      <c r="U9158" s="2">
        <v>16.018999999999998</v>
      </c>
      <c r="V9158" s="2">
        <v>12.643000000000001</v>
      </c>
      <c r="W9158" s="2">
        <v>0.16300000000000001</v>
      </c>
      <c r="X9158" s="2">
        <v>12</v>
      </c>
      <c r="Y9158" s="2">
        <v>50</v>
      </c>
      <c r="Z9158" s="2">
        <v>271.89999999999998</v>
      </c>
      <c r="AA9158" s="5">
        <v>10</v>
      </c>
      <c r="AB9158" s="5" t="s">
        <v>43</v>
      </c>
      <c r="AC9158" s="5" t="s">
        <v>44</v>
      </c>
      <c r="AD9158" s="2" t="s">
        <v>27847</v>
      </c>
      <c r="AE9158" s="1"/>
    </row>
    <row r="9159" spans="1:31" ht="14.45">
      <c r="A9159" s="5"/>
      <c r="B9159" s="21"/>
      <c r="C9159" s="2" t="s">
        <v>28119</v>
      </c>
      <c r="D9159" s="14" t="s">
        <v>28120</v>
      </c>
      <c r="E9159" s="2" t="s">
        <v>28121</v>
      </c>
      <c r="F9159" s="2"/>
      <c r="G9159" s="8">
        <v>536</v>
      </c>
      <c r="H9159" s="5">
        <v>15</v>
      </c>
      <c r="I9159" s="5" t="s">
        <v>69</v>
      </c>
      <c r="J9159" s="5" t="s">
        <v>27074</v>
      </c>
      <c r="K9159" s="2" t="s">
        <v>27075</v>
      </c>
      <c r="L9159" s="5" t="s">
        <v>27074</v>
      </c>
      <c r="M9159" s="2" t="s">
        <v>27075</v>
      </c>
      <c r="N9159" s="5" t="s">
        <v>24254</v>
      </c>
      <c r="O9159" s="5" t="s">
        <v>38</v>
      </c>
      <c r="P9159" s="5" t="s">
        <v>39</v>
      </c>
      <c r="Q9159" s="5" t="s">
        <v>40</v>
      </c>
      <c r="R9159" s="5" t="s">
        <v>24340</v>
      </c>
      <c r="S9159" s="5" t="s">
        <v>40</v>
      </c>
      <c r="T9159" s="5" t="s">
        <v>42</v>
      </c>
      <c r="U9159" s="2">
        <v>19.873999999999999</v>
      </c>
      <c r="V9159" s="2">
        <v>17.445</v>
      </c>
      <c r="W9159" s="2">
        <v>0.104</v>
      </c>
      <c r="X9159" s="2">
        <v>12</v>
      </c>
      <c r="Y9159" s="2">
        <v>62</v>
      </c>
      <c r="Z9159" s="2">
        <v>172.9</v>
      </c>
      <c r="AA9159" s="5">
        <v>10</v>
      </c>
      <c r="AB9159" s="5" t="s">
        <v>43</v>
      </c>
      <c r="AC9159" s="5" t="s">
        <v>44</v>
      </c>
      <c r="AD9159" s="2" t="s">
        <v>27859</v>
      </c>
      <c r="AE9159" s="1"/>
    </row>
    <row r="9160" spans="1:31" ht="14.45">
      <c r="A9160" s="5"/>
      <c r="B9160" s="21"/>
      <c r="C9160" s="2" t="s">
        <v>28122</v>
      </c>
      <c r="D9160" s="14" t="s">
        <v>28123</v>
      </c>
      <c r="E9160" s="2" t="s">
        <v>28124</v>
      </c>
      <c r="F9160" s="2"/>
      <c r="G9160" s="8">
        <v>1168</v>
      </c>
      <c r="H9160" s="5">
        <v>15</v>
      </c>
      <c r="I9160" s="5" t="s">
        <v>69</v>
      </c>
      <c r="J9160" s="5" t="s">
        <v>27074</v>
      </c>
      <c r="K9160" s="2" t="s">
        <v>27075</v>
      </c>
      <c r="L9160" s="5" t="s">
        <v>27074</v>
      </c>
      <c r="M9160" s="2" t="s">
        <v>27075</v>
      </c>
      <c r="N9160" s="5" t="s">
        <v>24254</v>
      </c>
      <c r="O9160" s="5" t="s">
        <v>38</v>
      </c>
      <c r="P9160" s="5" t="s">
        <v>39</v>
      </c>
      <c r="Q9160" s="5" t="s">
        <v>40</v>
      </c>
      <c r="R9160" s="5" t="s">
        <v>24340</v>
      </c>
      <c r="S9160" s="5" t="s">
        <v>40</v>
      </c>
      <c r="T9160" s="5" t="s">
        <v>42</v>
      </c>
      <c r="U9160" s="2">
        <v>28.780999999999999</v>
      </c>
      <c r="V9160" s="2">
        <v>25.327999999999999</v>
      </c>
      <c r="W9160" s="2">
        <v>0.16300000000000001</v>
      </c>
      <c r="X9160" s="2">
        <v>12</v>
      </c>
      <c r="Y9160" s="2">
        <v>50</v>
      </c>
      <c r="Z9160" s="2">
        <v>271.89999999999998</v>
      </c>
      <c r="AA9160" s="5">
        <v>10</v>
      </c>
      <c r="AB9160" s="5" t="s">
        <v>43</v>
      </c>
      <c r="AC9160" s="5" t="s">
        <v>44</v>
      </c>
      <c r="AD9160" s="2" t="s">
        <v>27863</v>
      </c>
      <c r="AE9160" s="1"/>
    </row>
    <row r="9161" spans="1:31" ht="14.45">
      <c r="A9161" s="5"/>
      <c r="B9161" s="21"/>
      <c r="C9161" s="2" t="s">
        <v>28125</v>
      </c>
      <c r="D9161" s="14" t="s">
        <v>28126</v>
      </c>
      <c r="E9161" s="2" t="s">
        <v>28127</v>
      </c>
      <c r="F9161" s="2"/>
      <c r="G9161" s="8">
        <v>1168</v>
      </c>
      <c r="H9161" s="5">
        <v>15</v>
      </c>
      <c r="I9161" s="5" t="s">
        <v>69</v>
      </c>
      <c r="J9161" s="5" t="s">
        <v>27074</v>
      </c>
      <c r="K9161" s="2" t="s">
        <v>27075</v>
      </c>
      <c r="L9161" s="5" t="s">
        <v>27074</v>
      </c>
      <c r="M9161" s="2" t="s">
        <v>27075</v>
      </c>
      <c r="N9161" s="5" t="s">
        <v>24254</v>
      </c>
      <c r="O9161" s="5" t="s">
        <v>38</v>
      </c>
      <c r="P9161" s="5" t="s">
        <v>39</v>
      </c>
      <c r="Q9161" s="5" t="s">
        <v>40</v>
      </c>
      <c r="R9161" s="5" t="s">
        <v>24340</v>
      </c>
      <c r="S9161" s="5" t="s">
        <v>40</v>
      </c>
      <c r="T9161" s="5" t="s">
        <v>42</v>
      </c>
      <c r="U9161" s="2">
        <v>30.451000000000001</v>
      </c>
      <c r="V9161" s="2">
        <v>27.074999999999999</v>
      </c>
      <c r="W9161" s="2">
        <v>0.16300000000000001</v>
      </c>
      <c r="X9161" s="2">
        <v>12</v>
      </c>
      <c r="Y9161" s="2">
        <v>50</v>
      </c>
      <c r="Z9161" s="2">
        <v>271.89999999999998</v>
      </c>
      <c r="AA9161" s="5">
        <v>10</v>
      </c>
      <c r="AB9161" s="5" t="s">
        <v>43</v>
      </c>
      <c r="AC9161" s="5" t="s">
        <v>44</v>
      </c>
      <c r="AD9161" s="2" t="s">
        <v>27867</v>
      </c>
      <c r="AE9161" s="1"/>
    </row>
    <row r="9162" spans="1:31" ht="14.45">
      <c r="A9162" s="5"/>
      <c r="B9162" s="21"/>
      <c r="C9162" s="2" t="s">
        <v>28128</v>
      </c>
      <c r="D9162" s="14" t="s">
        <v>28129</v>
      </c>
      <c r="E9162" s="2" t="s">
        <v>28130</v>
      </c>
      <c r="F9162" s="2" t="s">
        <v>28034</v>
      </c>
      <c r="G9162" s="8">
        <v>536</v>
      </c>
      <c r="H9162" s="5">
        <v>15</v>
      </c>
      <c r="I9162" s="5" t="s">
        <v>69</v>
      </c>
      <c r="J9162" s="5" t="s">
        <v>27074</v>
      </c>
      <c r="K9162" s="2" t="s">
        <v>27075</v>
      </c>
      <c r="L9162" s="5" t="s">
        <v>27074</v>
      </c>
      <c r="M9162" s="2" t="s">
        <v>27075</v>
      </c>
      <c r="N9162" s="5" t="s">
        <v>24254</v>
      </c>
      <c r="O9162" s="5" t="s">
        <v>38</v>
      </c>
      <c r="P9162" s="5" t="s">
        <v>39</v>
      </c>
      <c r="Q9162" s="5" t="s">
        <v>40</v>
      </c>
      <c r="R9162" s="5" t="s">
        <v>25301</v>
      </c>
      <c r="S9162" s="5" t="s">
        <v>40</v>
      </c>
      <c r="T9162" s="5" t="s">
        <v>42</v>
      </c>
      <c r="U9162" s="2">
        <v>18.263000000000002</v>
      </c>
      <c r="V9162" s="2">
        <v>15.834</v>
      </c>
      <c r="W9162" s="2">
        <v>0.104</v>
      </c>
      <c r="X9162" s="2">
        <v>12</v>
      </c>
      <c r="Y9162" s="2">
        <v>62</v>
      </c>
      <c r="Z9162" s="2">
        <v>172.9</v>
      </c>
      <c r="AA9162" s="5">
        <v>10</v>
      </c>
      <c r="AB9162" s="5" t="s">
        <v>43</v>
      </c>
      <c r="AC9162" s="5" t="s">
        <v>44</v>
      </c>
      <c r="AD9162" s="2" t="s">
        <v>27871</v>
      </c>
      <c r="AE9162" s="1"/>
    </row>
    <row r="9163" spans="1:31" ht="14.45">
      <c r="A9163" s="5"/>
      <c r="B9163" s="21"/>
      <c r="C9163" s="2" t="s">
        <v>28131</v>
      </c>
      <c r="D9163" s="14" t="s">
        <v>28132</v>
      </c>
      <c r="E9163" s="2" t="s">
        <v>28133</v>
      </c>
      <c r="F9163" s="2"/>
      <c r="G9163" s="8">
        <v>338</v>
      </c>
      <c r="H9163" s="5">
        <v>5</v>
      </c>
      <c r="I9163" s="5" t="s">
        <v>69</v>
      </c>
      <c r="J9163" s="5" t="s">
        <v>27074</v>
      </c>
      <c r="K9163" s="2" t="s">
        <v>27075</v>
      </c>
      <c r="L9163" s="5" t="s">
        <v>27074</v>
      </c>
      <c r="M9163" s="2" t="s">
        <v>27075</v>
      </c>
      <c r="N9163" s="5" t="s">
        <v>24254</v>
      </c>
      <c r="O9163" s="5" t="s">
        <v>38</v>
      </c>
      <c r="P9163" s="5" t="s">
        <v>39</v>
      </c>
      <c r="Q9163" s="5" t="s">
        <v>40</v>
      </c>
      <c r="R9163" s="5" t="s">
        <v>24335</v>
      </c>
      <c r="S9163" s="5" t="s">
        <v>40</v>
      </c>
      <c r="T9163" s="5" t="s">
        <v>42</v>
      </c>
      <c r="U9163" s="2">
        <v>9.9499999999999993</v>
      </c>
      <c r="V9163" s="2">
        <v>7.21</v>
      </c>
      <c r="W9163" s="2">
        <v>0.11600000000000001</v>
      </c>
      <c r="X9163" s="2">
        <v>12</v>
      </c>
      <c r="Y9163" s="2">
        <v>62</v>
      </c>
      <c r="Z9163" s="2">
        <v>199.7</v>
      </c>
      <c r="AA9163" s="5">
        <v>10</v>
      </c>
      <c r="AB9163" s="5" t="s">
        <v>43</v>
      </c>
      <c r="AC9163" s="5" t="s">
        <v>44</v>
      </c>
      <c r="AD9163" s="2" t="s">
        <v>27836</v>
      </c>
      <c r="AE9163" s="1"/>
    </row>
    <row r="9164" spans="1:31" ht="14.45">
      <c r="A9164" s="5"/>
      <c r="B9164" s="21"/>
      <c r="C9164" s="2" t="s">
        <v>28134</v>
      </c>
      <c r="D9164" s="14" t="s">
        <v>28135</v>
      </c>
      <c r="E9164" s="2" t="s">
        <v>28136</v>
      </c>
      <c r="F9164" s="2"/>
      <c r="G9164" s="8">
        <v>761</v>
      </c>
      <c r="H9164" s="5">
        <v>15</v>
      </c>
      <c r="I9164" s="5" t="s">
        <v>69</v>
      </c>
      <c r="J9164" s="5" t="s">
        <v>27074</v>
      </c>
      <c r="K9164" s="2" t="s">
        <v>27075</v>
      </c>
      <c r="L9164" s="5" t="s">
        <v>27074</v>
      </c>
      <c r="M9164" s="2" t="s">
        <v>27075</v>
      </c>
      <c r="N9164" s="5" t="s">
        <v>24254</v>
      </c>
      <c r="O9164" s="5" t="s">
        <v>38</v>
      </c>
      <c r="P9164" s="5" t="s">
        <v>39</v>
      </c>
      <c r="Q9164" s="5" t="s">
        <v>40</v>
      </c>
      <c r="R9164" s="5" t="s">
        <v>24335</v>
      </c>
      <c r="S9164" s="5" t="s">
        <v>40</v>
      </c>
      <c r="T9164" s="5" t="s">
        <v>42</v>
      </c>
      <c r="U9164" s="2">
        <v>15.523999999999999</v>
      </c>
      <c r="V9164" s="2">
        <v>11.747</v>
      </c>
      <c r="W9164" s="2">
        <v>0.187</v>
      </c>
      <c r="X9164" s="2">
        <v>12</v>
      </c>
      <c r="Y9164" s="2">
        <v>50</v>
      </c>
      <c r="Z9164" s="2">
        <v>312.39999999999998</v>
      </c>
      <c r="AA9164" s="5">
        <v>10</v>
      </c>
      <c r="AB9164" s="5" t="s">
        <v>43</v>
      </c>
      <c r="AC9164" s="5" t="s">
        <v>44</v>
      </c>
      <c r="AD9164" s="2" t="s">
        <v>27840</v>
      </c>
      <c r="AE9164" s="1"/>
    </row>
    <row r="9165" spans="1:31" ht="14.45">
      <c r="A9165" s="5"/>
      <c r="B9165" s="21"/>
      <c r="C9165" s="2" t="s">
        <v>28137</v>
      </c>
      <c r="D9165" s="14" t="s">
        <v>28138</v>
      </c>
      <c r="E9165" s="2" t="s">
        <v>28139</v>
      </c>
      <c r="F9165" s="2"/>
      <c r="G9165" s="8">
        <v>761</v>
      </c>
      <c r="H9165" s="5">
        <v>15</v>
      </c>
      <c r="I9165" s="5" t="s">
        <v>69</v>
      </c>
      <c r="J9165" s="5" t="s">
        <v>27074</v>
      </c>
      <c r="K9165" s="2" t="s">
        <v>27075</v>
      </c>
      <c r="L9165" s="5" t="s">
        <v>27074</v>
      </c>
      <c r="M9165" s="2" t="s">
        <v>27075</v>
      </c>
      <c r="N9165" s="5" t="s">
        <v>24254</v>
      </c>
      <c r="O9165" s="5" t="s">
        <v>38</v>
      </c>
      <c r="P9165" s="5" t="s">
        <v>39</v>
      </c>
      <c r="Q9165" s="5" t="s">
        <v>40</v>
      </c>
      <c r="R9165" s="5" t="s">
        <v>24335</v>
      </c>
      <c r="S9165" s="5" t="s">
        <v>40</v>
      </c>
      <c r="T9165" s="5" t="s">
        <v>42</v>
      </c>
      <c r="U9165" s="2">
        <v>15.926</v>
      </c>
      <c r="V9165" s="2">
        <v>12.188000000000001</v>
      </c>
      <c r="W9165" s="2">
        <v>0.187</v>
      </c>
      <c r="X9165" s="2">
        <v>12</v>
      </c>
      <c r="Y9165" s="2">
        <v>50</v>
      </c>
      <c r="Z9165" s="2">
        <v>312.39999999999998</v>
      </c>
      <c r="AA9165" s="5">
        <v>10</v>
      </c>
      <c r="AB9165" s="5" t="s">
        <v>43</v>
      </c>
      <c r="AC9165" s="5" t="s">
        <v>44</v>
      </c>
      <c r="AD9165" s="2" t="s">
        <v>27840</v>
      </c>
      <c r="AE9165" s="1"/>
    </row>
    <row r="9166" spans="1:31" ht="14.45">
      <c r="A9166" s="5"/>
      <c r="B9166" s="21"/>
      <c r="C9166" s="2" t="s">
        <v>28140</v>
      </c>
      <c r="D9166" s="14" t="s">
        <v>28141</v>
      </c>
      <c r="E9166" s="2" t="s">
        <v>28142</v>
      </c>
      <c r="F9166" s="2"/>
      <c r="G9166" s="8">
        <v>761</v>
      </c>
      <c r="H9166" s="5">
        <v>15</v>
      </c>
      <c r="I9166" s="5" t="s">
        <v>69</v>
      </c>
      <c r="J9166" s="5" t="s">
        <v>27074</v>
      </c>
      <c r="K9166" s="2" t="s">
        <v>27075</v>
      </c>
      <c r="L9166" s="5" t="s">
        <v>27074</v>
      </c>
      <c r="M9166" s="2" t="s">
        <v>27075</v>
      </c>
      <c r="N9166" s="5" t="s">
        <v>24254</v>
      </c>
      <c r="O9166" s="5" t="s">
        <v>38</v>
      </c>
      <c r="P9166" s="5" t="s">
        <v>39</v>
      </c>
      <c r="Q9166" s="5" t="s">
        <v>40</v>
      </c>
      <c r="R9166" s="5" t="s">
        <v>24335</v>
      </c>
      <c r="S9166" s="5" t="s">
        <v>40</v>
      </c>
      <c r="T9166" s="5" t="s">
        <v>42</v>
      </c>
      <c r="U9166" s="2">
        <v>15.699</v>
      </c>
      <c r="V9166" s="2">
        <v>11.999000000000001</v>
      </c>
      <c r="W9166" s="2">
        <v>0.187</v>
      </c>
      <c r="X9166" s="2">
        <v>12</v>
      </c>
      <c r="Y9166" s="2">
        <v>50</v>
      </c>
      <c r="Z9166" s="2">
        <v>312.39999999999998</v>
      </c>
      <c r="AA9166" s="5">
        <v>10</v>
      </c>
      <c r="AB9166" s="5" t="s">
        <v>43</v>
      </c>
      <c r="AC9166" s="5" t="s">
        <v>44</v>
      </c>
      <c r="AD9166" s="2" t="s">
        <v>27847</v>
      </c>
      <c r="AE9166" s="1"/>
    </row>
    <row r="9167" spans="1:31" ht="14.45">
      <c r="A9167" s="5"/>
      <c r="B9167" s="21"/>
      <c r="C9167" s="2" t="s">
        <v>28143</v>
      </c>
      <c r="D9167" s="14" t="s">
        <v>28144</v>
      </c>
      <c r="E9167" s="2" t="s">
        <v>28145</v>
      </c>
      <c r="F9167" s="2"/>
      <c r="G9167" s="8">
        <v>491</v>
      </c>
      <c r="H9167" s="5">
        <v>15</v>
      </c>
      <c r="I9167" s="5" t="s">
        <v>69</v>
      </c>
      <c r="J9167" s="5" t="s">
        <v>27074</v>
      </c>
      <c r="K9167" s="2" t="s">
        <v>27075</v>
      </c>
      <c r="L9167" s="5" t="s">
        <v>27074</v>
      </c>
      <c r="M9167" s="2" t="s">
        <v>27075</v>
      </c>
      <c r="N9167" s="5" t="s">
        <v>24254</v>
      </c>
      <c r="O9167" s="5" t="s">
        <v>38</v>
      </c>
      <c r="P9167" s="5" t="s">
        <v>39</v>
      </c>
      <c r="Q9167" s="5" t="s">
        <v>40</v>
      </c>
      <c r="R9167" s="5" t="s">
        <v>24340</v>
      </c>
      <c r="S9167" s="5" t="s">
        <v>40</v>
      </c>
      <c r="T9167" s="5" t="s">
        <v>42</v>
      </c>
      <c r="U9167" s="2">
        <v>18.515000000000001</v>
      </c>
      <c r="V9167" s="2">
        <v>15.763999999999999</v>
      </c>
      <c r="W9167" s="2">
        <v>0.11600000000000001</v>
      </c>
      <c r="X9167" s="2">
        <v>12</v>
      </c>
      <c r="Y9167" s="2">
        <v>62</v>
      </c>
      <c r="Z9167" s="2">
        <v>199.7</v>
      </c>
      <c r="AA9167" s="5">
        <v>10</v>
      </c>
      <c r="AB9167" s="5" t="s">
        <v>43</v>
      </c>
      <c r="AC9167" s="5" t="s">
        <v>44</v>
      </c>
      <c r="AD9167" s="2" t="s">
        <v>27859</v>
      </c>
      <c r="AE9167" s="1"/>
    </row>
    <row r="9168" spans="1:31" ht="14.45">
      <c r="A9168" s="5"/>
      <c r="B9168" s="21"/>
      <c r="C9168" s="2" t="s">
        <v>28146</v>
      </c>
      <c r="D9168" s="14" t="s">
        <v>28147</v>
      </c>
      <c r="E9168" s="2" t="s">
        <v>28148</v>
      </c>
      <c r="F9168" s="2"/>
      <c r="G9168" s="8">
        <v>1067</v>
      </c>
      <c r="H9168" s="5">
        <v>15</v>
      </c>
      <c r="I9168" s="5" t="s">
        <v>69</v>
      </c>
      <c r="J9168" s="5" t="s">
        <v>27074</v>
      </c>
      <c r="K9168" s="2" t="s">
        <v>27075</v>
      </c>
      <c r="L9168" s="5" t="s">
        <v>27074</v>
      </c>
      <c r="M9168" s="2" t="s">
        <v>27075</v>
      </c>
      <c r="N9168" s="5" t="s">
        <v>24254</v>
      </c>
      <c r="O9168" s="5" t="s">
        <v>38</v>
      </c>
      <c r="P9168" s="5" t="s">
        <v>39</v>
      </c>
      <c r="Q9168" s="5" t="s">
        <v>40</v>
      </c>
      <c r="R9168" s="5" t="s">
        <v>24340</v>
      </c>
      <c r="S9168" s="5" t="s">
        <v>40</v>
      </c>
      <c r="T9168" s="5" t="s">
        <v>42</v>
      </c>
      <c r="U9168" s="2">
        <v>28.111000000000001</v>
      </c>
      <c r="V9168" s="2">
        <v>24.334</v>
      </c>
      <c r="W9168" s="2">
        <v>0.187</v>
      </c>
      <c r="X9168" s="2">
        <v>12</v>
      </c>
      <c r="Y9168" s="2">
        <v>50</v>
      </c>
      <c r="Z9168" s="2">
        <v>312.39999999999998</v>
      </c>
      <c r="AA9168" s="5">
        <v>10</v>
      </c>
      <c r="AB9168" s="5" t="s">
        <v>43</v>
      </c>
      <c r="AC9168" s="5" t="s">
        <v>44</v>
      </c>
      <c r="AD9168" s="2" t="s">
        <v>27863</v>
      </c>
      <c r="AE9168" s="1"/>
    </row>
    <row r="9169" spans="1:31" ht="14.45">
      <c r="A9169" s="5"/>
      <c r="B9169" s="21"/>
      <c r="C9169" s="2" t="s">
        <v>28149</v>
      </c>
      <c r="D9169" s="14" t="s">
        <v>28150</v>
      </c>
      <c r="E9169" s="2" t="s">
        <v>28151</v>
      </c>
      <c r="F9169" s="2"/>
      <c r="G9169" s="8">
        <v>1067</v>
      </c>
      <c r="H9169" s="5">
        <v>15</v>
      </c>
      <c r="I9169" s="5" t="s">
        <v>69</v>
      </c>
      <c r="J9169" s="5" t="s">
        <v>27074</v>
      </c>
      <c r="K9169" s="2" t="s">
        <v>27075</v>
      </c>
      <c r="L9169" s="5" t="s">
        <v>27074</v>
      </c>
      <c r="M9169" s="2" t="s">
        <v>27075</v>
      </c>
      <c r="N9169" s="5" t="s">
        <v>24254</v>
      </c>
      <c r="O9169" s="5" t="s">
        <v>38</v>
      </c>
      <c r="P9169" s="5" t="s">
        <v>39</v>
      </c>
      <c r="Q9169" s="5" t="s">
        <v>40</v>
      </c>
      <c r="R9169" s="5" t="s">
        <v>24340</v>
      </c>
      <c r="S9169" s="5" t="s">
        <v>40</v>
      </c>
      <c r="T9169" s="5" t="s">
        <v>42</v>
      </c>
      <c r="U9169" s="2">
        <v>29.372</v>
      </c>
      <c r="V9169" s="2">
        <v>25.672000000000001</v>
      </c>
      <c r="W9169" s="2">
        <v>0.187</v>
      </c>
      <c r="X9169" s="2">
        <v>12</v>
      </c>
      <c r="Y9169" s="2">
        <v>50</v>
      </c>
      <c r="Z9169" s="2">
        <v>312.39999999999998</v>
      </c>
      <c r="AA9169" s="5">
        <v>10</v>
      </c>
      <c r="AB9169" s="5" t="s">
        <v>43</v>
      </c>
      <c r="AC9169" s="5" t="s">
        <v>44</v>
      </c>
      <c r="AD9169" s="2" t="s">
        <v>27867</v>
      </c>
      <c r="AE9169" s="1"/>
    </row>
    <row r="9170" spans="1:31" ht="14.45">
      <c r="A9170" s="5"/>
      <c r="B9170" s="21"/>
      <c r="C9170" s="2" t="s">
        <v>28152</v>
      </c>
      <c r="D9170" s="14" t="s">
        <v>28153</v>
      </c>
      <c r="E9170" s="2" t="s">
        <v>28154</v>
      </c>
      <c r="F9170" s="2" t="s">
        <v>28034</v>
      </c>
      <c r="G9170" s="8">
        <v>491</v>
      </c>
      <c r="H9170" s="5">
        <v>15</v>
      </c>
      <c r="I9170" s="5" t="s">
        <v>69</v>
      </c>
      <c r="J9170" s="5" t="s">
        <v>27074</v>
      </c>
      <c r="K9170" s="2" t="s">
        <v>27075</v>
      </c>
      <c r="L9170" s="5" t="s">
        <v>27074</v>
      </c>
      <c r="M9170" s="2" t="s">
        <v>27075</v>
      </c>
      <c r="N9170" s="5" t="s">
        <v>24254</v>
      </c>
      <c r="O9170" s="5" t="s">
        <v>38</v>
      </c>
      <c r="P9170" s="5" t="s">
        <v>39</v>
      </c>
      <c r="Q9170" s="5" t="s">
        <v>40</v>
      </c>
      <c r="R9170" s="5" t="s">
        <v>25301</v>
      </c>
      <c r="S9170" s="5" t="s">
        <v>40</v>
      </c>
      <c r="T9170" s="5" t="s">
        <v>42</v>
      </c>
      <c r="U9170" s="2">
        <v>17.13</v>
      </c>
      <c r="V9170" s="2">
        <v>14.379</v>
      </c>
      <c r="W9170" s="2">
        <v>0.11600000000000001</v>
      </c>
      <c r="X9170" s="2">
        <v>12</v>
      </c>
      <c r="Y9170" s="2">
        <v>62</v>
      </c>
      <c r="Z9170" s="2">
        <v>199.7</v>
      </c>
      <c r="AA9170" s="5">
        <v>10</v>
      </c>
      <c r="AB9170" s="5" t="s">
        <v>43</v>
      </c>
      <c r="AC9170" s="5" t="s">
        <v>44</v>
      </c>
      <c r="AD9170" s="2" t="s">
        <v>27871</v>
      </c>
      <c r="AE9170" s="1"/>
    </row>
    <row r="9171" spans="1:31" ht="14.45">
      <c r="A9171" s="5"/>
      <c r="B9171" s="21"/>
      <c r="C9171" s="2" t="s">
        <v>28155</v>
      </c>
      <c r="D9171" s="14" t="s">
        <v>28156</v>
      </c>
      <c r="E9171" s="2" t="s">
        <v>28157</v>
      </c>
      <c r="F9171" s="2"/>
      <c r="G9171" s="8">
        <v>366</v>
      </c>
      <c r="H9171" s="5">
        <v>5</v>
      </c>
      <c r="I9171" s="5" t="s">
        <v>69</v>
      </c>
      <c r="J9171" s="5" t="s">
        <v>27074</v>
      </c>
      <c r="K9171" s="2" t="s">
        <v>27075</v>
      </c>
      <c r="L9171" s="5" t="s">
        <v>27074</v>
      </c>
      <c r="M9171" s="2" t="s">
        <v>27075</v>
      </c>
      <c r="N9171" s="5" t="s">
        <v>24254</v>
      </c>
      <c r="O9171" s="5" t="s">
        <v>38</v>
      </c>
      <c r="P9171" s="5" t="s">
        <v>39</v>
      </c>
      <c r="Q9171" s="5" t="s">
        <v>40</v>
      </c>
      <c r="R9171" s="5" t="s">
        <v>24335</v>
      </c>
      <c r="S9171" s="5" t="s">
        <v>40</v>
      </c>
      <c r="T9171" s="5" t="s">
        <v>42</v>
      </c>
      <c r="U9171" s="2">
        <v>10.760999999999999</v>
      </c>
      <c r="V9171" s="2">
        <v>8.0210000000000008</v>
      </c>
      <c r="W9171" s="2">
        <v>0.11600000000000001</v>
      </c>
      <c r="X9171" s="2">
        <v>12</v>
      </c>
      <c r="Y9171" s="2">
        <v>62</v>
      </c>
      <c r="Z9171" s="2">
        <v>199.7</v>
      </c>
      <c r="AA9171" s="5">
        <v>10</v>
      </c>
      <c r="AB9171" s="5" t="s">
        <v>43</v>
      </c>
      <c r="AC9171" s="5" t="s">
        <v>44</v>
      </c>
      <c r="AD9171" s="2" t="s">
        <v>27836</v>
      </c>
      <c r="AE9171" s="1"/>
    </row>
    <row r="9172" spans="1:31" ht="14.45">
      <c r="A9172" s="5"/>
      <c r="B9172" s="21"/>
      <c r="C9172" s="2" t="s">
        <v>28158</v>
      </c>
      <c r="D9172" s="14" t="s">
        <v>28159</v>
      </c>
      <c r="E9172" s="2" t="s">
        <v>28160</v>
      </c>
      <c r="F9172" s="2"/>
      <c r="G9172" s="8">
        <v>824</v>
      </c>
      <c r="H9172" s="5">
        <v>15</v>
      </c>
      <c r="I9172" s="5" t="s">
        <v>69</v>
      </c>
      <c r="J9172" s="5" t="s">
        <v>27074</v>
      </c>
      <c r="K9172" s="2" t="s">
        <v>27075</v>
      </c>
      <c r="L9172" s="5" t="s">
        <v>27074</v>
      </c>
      <c r="M9172" s="2" t="s">
        <v>27075</v>
      </c>
      <c r="N9172" s="5" t="s">
        <v>24254</v>
      </c>
      <c r="O9172" s="5" t="s">
        <v>38</v>
      </c>
      <c r="P9172" s="5" t="s">
        <v>39</v>
      </c>
      <c r="Q9172" s="5" t="s">
        <v>40</v>
      </c>
      <c r="R9172" s="5" t="s">
        <v>24335</v>
      </c>
      <c r="S9172" s="5" t="s">
        <v>40</v>
      </c>
      <c r="T9172" s="5" t="s">
        <v>42</v>
      </c>
      <c r="U9172" s="2">
        <v>16.401</v>
      </c>
      <c r="V9172" s="2">
        <v>12.624000000000001</v>
      </c>
      <c r="W9172" s="2">
        <v>0.187</v>
      </c>
      <c r="X9172" s="2">
        <v>12</v>
      </c>
      <c r="Y9172" s="2">
        <v>50</v>
      </c>
      <c r="Z9172" s="2">
        <v>312.39999999999998</v>
      </c>
      <c r="AA9172" s="5">
        <v>10</v>
      </c>
      <c r="AB9172" s="5" t="s">
        <v>43</v>
      </c>
      <c r="AC9172" s="5" t="s">
        <v>44</v>
      </c>
      <c r="AD9172" s="2" t="s">
        <v>27840</v>
      </c>
      <c r="AE9172" s="1"/>
    </row>
    <row r="9173" spans="1:31" ht="14.45">
      <c r="A9173" s="5"/>
      <c r="B9173" s="21"/>
      <c r="C9173" s="2" t="s">
        <v>28161</v>
      </c>
      <c r="D9173" s="14" t="s">
        <v>28162</v>
      </c>
      <c r="E9173" s="2" t="s">
        <v>28163</v>
      </c>
      <c r="F9173" s="2"/>
      <c r="G9173" s="8">
        <v>824</v>
      </c>
      <c r="H9173" s="5">
        <v>15</v>
      </c>
      <c r="I9173" s="5" t="s">
        <v>69</v>
      </c>
      <c r="J9173" s="5" t="s">
        <v>27074</v>
      </c>
      <c r="K9173" s="2" t="s">
        <v>27075</v>
      </c>
      <c r="L9173" s="5" t="s">
        <v>27074</v>
      </c>
      <c r="M9173" s="2" t="s">
        <v>27075</v>
      </c>
      <c r="N9173" s="5" t="s">
        <v>24254</v>
      </c>
      <c r="O9173" s="5" t="s">
        <v>38</v>
      </c>
      <c r="P9173" s="5" t="s">
        <v>39</v>
      </c>
      <c r="Q9173" s="5" t="s">
        <v>40</v>
      </c>
      <c r="R9173" s="5" t="s">
        <v>24335</v>
      </c>
      <c r="S9173" s="5" t="s">
        <v>40</v>
      </c>
      <c r="T9173" s="5" t="s">
        <v>42</v>
      </c>
      <c r="U9173" s="2">
        <v>16.91</v>
      </c>
      <c r="V9173" s="2">
        <v>13.172000000000001</v>
      </c>
      <c r="W9173" s="2">
        <v>0.187</v>
      </c>
      <c r="X9173" s="2">
        <v>12</v>
      </c>
      <c r="Y9173" s="2">
        <v>50</v>
      </c>
      <c r="Z9173" s="2">
        <v>312.39999999999998</v>
      </c>
      <c r="AA9173" s="5">
        <v>10</v>
      </c>
      <c r="AB9173" s="5" t="s">
        <v>43</v>
      </c>
      <c r="AC9173" s="5" t="s">
        <v>44</v>
      </c>
      <c r="AD9173" s="2" t="s">
        <v>27840</v>
      </c>
      <c r="AE9173" s="1"/>
    </row>
    <row r="9174" spans="1:31" ht="14.45">
      <c r="A9174" s="5"/>
      <c r="B9174" s="21"/>
      <c r="C9174" s="2" t="s">
        <v>28164</v>
      </c>
      <c r="D9174" s="14" t="s">
        <v>28165</v>
      </c>
      <c r="E9174" s="2" t="s">
        <v>28166</v>
      </c>
      <c r="F9174" s="2"/>
      <c r="G9174" s="8">
        <v>824</v>
      </c>
      <c r="H9174" s="5">
        <v>15</v>
      </c>
      <c r="I9174" s="5" t="s">
        <v>69</v>
      </c>
      <c r="J9174" s="5" t="s">
        <v>27074</v>
      </c>
      <c r="K9174" s="2" t="s">
        <v>27075</v>
      </c>
      <c r="L9174" s="5" t="s">
        <v>27074</v>
      </c>
      <c r="M9174" s="2" t="s">
        <v>27075</v>
      </c>
      <c r="N9174" s="5" t="s">
        <v>24254</v>
      </c>
      <c r="O9174" s="5" t="s">
        <v>38</v>
      </c>
      <c r="P9174" s="5" t="s">
        <v>39</v>
      </c>
      <c r="Q9174" s="5" t="s">
        <v>40</v>
      </c>
      <c r="R9174" s="5" t="s">
        <v>24335</v>
      </c>
      <c r="S9174" s="5" t="s">
        <v>40</v>
      </c>
      <c r="T9174" s="5" t="s">
        <v>42</v>
      </c>
      <c r="U9174" s="2">
        <v>16.721</v>
      </c>
      <c r="V9174" s="2">
        <v>13.021000000000001</v>
      </c>
      <c r="W9174" s="2">
        <v>0.187</v>
      </c>
      <c r="X9174" s="2">
        <v>12</v>
      </c>
      <c r="Y9174" s="2">
        <v>50</v>
      </c>
      <c r="Z9174" s="2">
        <v>312.39999999999998</v>
      </c>
      <c r="AA9174" s="5">
        <v>10</v>
      </c>
      <c r="AB9174" s="5" t="s">
        <v>43</v>
      </c>
      <c r="AC9174" s="5" t="s">
        <v>44</v>
      </c>
      <c r="AD9174" s="2" t="s">
        <v>27847</v>
      </c>
      <c r="AE9174" s="1"/>
    </row>
    <row r="9175" spans="1:31" ht="14.45">
      <c r="A9175" s="5"/>
      <c r="B9175" s="21"/>
      <c r="C9175" s="2" t="s">
        <v>28167</v>
      </c>
      <c r="D9175" s="14" t="s">
        <v>28168</v>
      </c>
      <c r="E9175" s="2" t="s">
        <v>28169</v>
      </c>
      <c r="F9175" s="2"/>
      <c r="G9175" s="8">
        <v>519</v>
      </c>
      <c r="H9175" s="5">
        <v>15</v>
      </c>
      <c r="I9175" s="5" t="s">
        <v>69</v>
      </c>
      <c r="J9175" s="5" t="s">
        <v>27074</v>
      </c>
      <c r="K9175" s="2" t="s">
        <v>27075</v>
      </c>
      <c r="L9175" s="5" t="s">
        <v>27074</v>
      </c>
      <c r="M9175" s="2" t="s">
        <v>27075</v>
      </c>
      <c r="N9175" s="5" t="s">
        <v>24254</v>
      </c>
      <c r="O9175" s="5" t="s">
        <v>38</v>
      </c>
      <c r="P9175" s="5" t="s">
        <v>39</v>
      </c>
      <c r="Q9175" s="5" t="s">
        <v>40</v>
      </c>
      <c r="R9175" s="5" t="s">
        <v>24340</v>
      </c>
      <c r="S9175" s="5" t="s">
        <v>40</v>
      </c>
      <c r="T9175" s="5" t="s">
        <v>42</v>
      </c>
      <c r="U9175" s="2">
        <v>20.158000000000001</v>
      </c>
      <c r="V9175" s="2">
        <v>17.407</v>
      </c>
      <c r="W9175" s="2">
        <v>0.11600000000000001</v>
      </c>
      <c r="X9175" s="2">
        <v>12</v>
      </c>
      <c r="Y9175" s="2">
        <v>62</v>
      </c>
      <c r="Z9175" s="2">
        <v>199.7</v>
      </c>
      <c r="AA9175" s="5">
        <v>10</v>
      </c>
      <c r="AB9175" s="5" t="s">
        <v>43</v>
      </c>
      <c r="AC9175" s="5" t="s">
        <v>44</v>
      </c>
      <c r="AD9175" s="2" t="s">
        <v>27859</v>
      </c>
      <c r="AE9175" s="1"/>
    </row>
    <row r="9176" spans="1:31" ht="14.45">
      <c r="A9176" s="5"/>
      <c r="B9176" s="21"/>
      <c r="C9176" s="2" t="s">
        <v>28170</v>
      </c>
      <c r="D9176" s="14" t="s">
        <v>28171</v>
      </c>
      <c r="E9176" s="2" t="s">
        <v>28172</v>
      </c>
      <c r="F9176" s="2"/>
      <c r="G9176" s="8">
        <v>1130</v>
      </c>
      <c r="H9176" s="5">
        <v>15</v>
      </c>
      <c r="I9176" s="5" t="s">
        <v>69</v>
      </c>
      <c r="J9176" s="5" t="s">
        <v>27074</v>
      </c>
      <c r="K9176" s="2" t="s">
        <v>27075</v>
      </c>
      <c r="L9176" s="5" t="s">
        <v>27074</v>
      </c>
      <c r="M9176" s="2" t="s">
        <v>27075</v>
      </c>
      <c r="N9176" s="5" t="s">
        <v>24254</v>
      </c>
      <c r="O9176" s="5" t="s">
        <v>38</v>
      </c>
      <c r="P9176" s="5" t="s">
        <v>39</v>
      </c>
      <c r="Q9176" s="5" t="s">
        <v>40</v>
      </c>
      <c r="R9176" s="5" t="s">
        <v>24340</v>
      </c>
      <c r="S9176" s="5" t="s">
        <v>40</v>
      </c>
      <c r="T9176" s="5" t="s">
        <v>42</v>
      </c>
      <c r="U9176" s="2">
        <v>29.984999999999999</v>
      </c>
      <c r="V9176" s="2">
        <v>26.207999999999998</v>
      </c>
      <c r="W9176" s="2">
        <v>0.187</v>
      </c>
      <c r="X9176" s="2">
        <v>12</v>
      </c>
      <c r="Y9176" s="2">
        <v>50</v>
      </c>
      <c r="Z9176" s="2">
        <v>312.39999999999998</v>
      </c>
      <c r="AA9176" s="5">
        <v>10</v>
      </c>
      <c r="AB9176" s="5" t="s">
        <v>43</v>
      </c>
      <c r="AC9176" s="5" t="s">
        <v>44</v>
      </c>
      <c r="AD9176" s="2" t="s">
        <v>27863</v>
      </c>
      <c r="AE9176" s="1"/>
    </row>
    <row r="9177" spans="1:31" ht="14.45">
      <c r="A9177" s="5"/>
      <c r="B9177" s="21"/>
      <c r="C9177" s="2" t="s">
        <v>28173</v>
      </c>
      <c r="D9177" s="14" t="s">
        <v>28174</v>
      </c>
      <c r="E9177" s="2" t="s">
        <v>28175</v>
      </c>
      <c r="F9177" s="2"/>
      <c r="G9177" s="8">
        <v>1130</v>
      </c>
      <c r="H9177" s="5">
        <v>15</v>
      </c>
      <c r="I9177" s="5" t="s">
        <v>69</v>
      </c>
      <c r="J9177" s="5" t="s">
        <v>27074</v>
      </c>
      <c r="K9177" s="2" t="s">
        <v>27075</v>
      </c>
      <c r="L9177" s="5" t="s">
        <v>27074</v>
      </c>
      <c r="M9177" s="2" t="s">
        <v>27075</v>
      </c>
      <c r="N9177" s="5" t="s">
        <v>24254</v>
      </c>
      <c r="O9177" s="5" t="s">
        <v>38</v>
      </c>
      <c r="P9177" s="5" t="s">
        <v>39</v>
      </c>
      <c r="Q9177" s="5" t="s">
        <v>40</v>
      </c>
      <c r="R9177" s="5" t="s">
        <v>24340</v>
      </c>
      <c r="S9177" s="5" t="s">
        <v>40</v>
      </c>
      <c r="T9177" s="5" t="s">
        <v>42</v>
      </c>
      <c r="U9177" s="2">
        <v>31.512</v>
      </c>
      <c r="V9177" s="2">
        <v>27.812000000000001</v>
      </c>
      <c r="W9177" s="2">
        <v>0.187</v>
      </c>
      <c r="X9177" s="2">
        <v>12</v>
      </c>
      <c r="Y9177" s="2">
        <v>50</v>
      </c>
      <c r="Z9177" s="2">
        <v>312.39999999999998</v>
      </c>
      <c r="AA9177" s="5">
        <v>10</v>
      </c>
      <c r="AB9177" s="5" t="s">
        <v>43</v>
      </c>
      <c r="AC9177" s="5" t="s">
        <v>44</v>
      </c>
      <c r="AD9177" s="2" t="s">
        <v>27867</v>
      </c>
      <c r="AE9177" s="1"/>
    </row>
    <row r="9178" spans="1:31" ht="14.45">
      <c r="A9178" s="5"/>
      <c r="B9178" s="21"/>
      <c r="C9178" s="2" t="s">
        <v>28176</v>
      </c>
      <c r="D9178" s="14" t="s">
        <v>28177</v>
      </c>
      <c r="E9178" s="2" t="s">
        <v>28178</v>
      </c>
      <c r="F9178" s="2" t="s">
        <v>28034</v>
      </c>
      <c r="G9178" s="8">
        <v>519</v>
      </c>
      <c r="H9178" s="5">
        <v>15</v>
      </c>
      <c r="I9178" s="5" t="s">
        <v>69</v>
      </c>
      <c r="J9178" s="5" t="s">
        <v>27074</v>
      </c>
      <c r="K9178" s="2" t="s">
        <v>27075</v>
      </c>
      <c r="L9178" s="5" t="s">
        <v>27074</v>
      </c>
      <c r="M9178" s="2" t="s">
        <v>27075</v>
      </c>
      <c r="N9178" s="5" t="s">
        <v>24254</v>
      </c>
      <c r="O9178" s="5" t="s">
        <v>38</v>
      </c>
      <c r="P9178" s="5" t="s">
        <v>39</v>
      </c>
      <c r="Q9178" s="5" t="s">
        <v>40</v>
      </c>
      <c r="R9178" s="5" t="s">
        <v>25301</v>
      </c>
      <c r="S9178" s="5" t="s">
        <v>40</v>
      </c>
      <c r="T9178" s="5" t="s">
        <v>42</v>
      </c>
      <c r="U9178" s="2">
        <v>18.559000000000001</v>
      </c>
      <c r="V9178" s="2">
        <v>15.808</v>
      </c>
      <c r="W9178" s="2">
        <v>0.11600000000000001</v>
      </c>
      <c r="X9178" s="2">
        <v>12</v>
      </c>
      <c r="Y9178" s="2">
        <v>62</v>
      </c>
      <c r="Z9178" s="2">
        <v>199.7</v>
      </c>
      <c r="AA9178" s="5">
        <v>10</v>
      </c>
      <c r="AB9178" s="5" t="s">
        <v>43</v>
      </c>
      <c r="AC9178" s="5" t="s">
        <v>44</v>
      </c>
      <c r="AD9178" s="2" t="s">
        <v>27871</v>
      </c>
      <c r="AE9178" s="1"/>
    </row>
    <row r="9179" spans="1:31" ht="14.45">
      <c r="A9179" s="5"/>
      <c r="B9179" s="21"/>
      <c r="C9179" s="2" t="s">
        <v>28179</v>
      </c>
      <c r="D9179" s="14" t="s">
        <v>28180</v>
      </c>
      <c r="E9179" s="2" t="s">
        <v>28181</v>
      </c>
      <c r="F9179" s="2"/>
      <c r="G9179" s="8">
        <v>408</v>
      </c>
      <c r="H9179" s="5">
        <v>5</v>
      </c>
      <c r="I9179" s="5" t="s">
        <v>69</v>
      </c>
      <c r="J9179" s="5" t="s">
        <v>27074</v>
      </c>
      <c r="K9179" s="2" t="s">
        <v>27075</v>
      </c>
      <c r="L9179" s="5" t="s">
        <v>27074</v>
      </c>
      <c r="M9179" s="2" t="s">
        <v>27075</v>
      </c>
      <c r="N9179" s="5" t="s">
        <v>24254</v>
      </c>
      <c r="O9179" s="5" t="s">
        <v>38</v>
      </c>
      <c r="P9179" s="5" t="s">
        <v>39</v>
      </c>
      <c r="Q9179" s="5" t="s">
        <v>40</v>
      </c>
      <c r="R9179" s="5" t="s">
        <v>24335</v>
      </c>
      <c r="S9179" s="5" t="s">
        <v>40</v>
      </c>
      <c r="T9179" s="5" t="s">
        <v>42</v>
      </c>
      <c r="U9179" s="2">
        <v>11.156000000000001</v>
      </c>
      <c r="V9179" s="2">
        <v>8.4160000000000004</v>
      </c>
      <c r="W9179" s="2">
        <v>0.11600000000000001</v>
      </c>
      <c r="X9179" s="2">
        <v>12</v>
      </c>
      <c r="Y9179" s="2">
        <v>62</v>
      </c>
      <c r="Z9179" s="2">
        <v>199.7</v>
      </c>
      <c r="AA9179" s="5">
        <v>10</v>
      </c>
      <c r="AB9179" s="5" t="s">
        <v>43</v>
      </c>
      <c r="AC9179" s="5" t="s">
        <v>44</v>
      </c>
      <c r="AD9179" s="2" t="s">
        <v>27836</v>
      </c>
      <c r="AE9179" s="1"/>
    </row>
    <row r="9180" spans="1:31" ht="14.45">
      <c r="A9180" s="5"/>
      <c r="B9180" s="21"/>
      <c r="C9180" s="2" t="s">
        <v>28182</v>
      </c>
      <c r="D9180" s="14" t="s">
        <v>28183</v>
      </c>
      <c r="E9180" s="2" t="s">
        <v>28184</v>
      </c>
      <c r="F9180" s="2"/>
      <c r="G9180" s="8">
        <v>919</v>
      </c>
      <c r="H9180" s="5">
        <v>15</v>
      </c>
      <c r="I9180" s="5" t="s">
        <v>69</v>
      </c>
      <c r="J9180" s="5" t="s">
        <v>27074</v>
      </c>
      <c r="K9180" s="2" t="s">
        <v>27075</v>
      </c>
      <c r="L9180" s="5" t="s">
        <v>27074</v>
      </c>
      <c r="M9180" s="2" t="s">
        <v>27075</v>
      </c>
      <c r="N9180" s="5" t="s">
        <v>24254</v>
      </c>
      <c r="O9180" s="5" t="s">
        <v>38</v>
      </c>
      <c r="P9180" s="5" t="s">
        <v>39</v>
      </c>
      <c r="Q9180" s="5" t="s">
        <v>40</v>
      </c>
      <c r="R9180" s="5" t="s">
        <v>24335</v>
      </c>
      <c r="S9180" s="5" t="s">
        <v>40</v>
      </c>
      <c r="T9180" s="5" t="s">
        <v>42</v>
      </c>
      <c r="U9180" s="2">
        <v>16.831</v>
      </c>
      <c r="V9180" s="2">
        <v>13.054</v>
      </c>
      <c r="W9180" s="2">
        <v>0.187</v>
      </c>
      <c r="X9180" s="2">
        <v>12</v>
      </c>
      <c r="Y9180" s="2">
        <v>50</v>
      </c>
      <c r="Z9180" s="2">
        <v>312.39999999999998</v>
      </c>
      <c r="AA9180" s="5">
        <v>10</v>
      </c>
      <c r="AB9180" s="5" t="s">
        <v>43</v>
      </c>
      <c r="AC9180" s="5" t="s">
        <v>44</v>
      </c>
      <c r="AD9180" s="2" t="s">
        <v>27840</v>
      </c>
      <c r="AE9180" s="1"/>
    </row>
    <row r="9181" spans="1:31" ht="14.45">
      <c r="A9181" s="5"/>
      <c r="B9181" s="21"/>
      <c r="C9181" s="2" t="s">
        <v>28185</v>
      </c>
      <c r="D9181" s="14" t="s">
        <v>28186</v>
      </c>
      <c r="E9181" s="2" t="s">
        <v>28187</v>
      </c>
      <c r="F9181" s="2"/>
      <c r="G9181" s="8">
        <v>919</v>
      </c>
      <c r="H9181" s="5">
        <v>15</v>
      </c>
      <c r="I9181" s="5" t="s">
        <v>69</v>
      </c>
      <c r="J9181" s="5" t="s">
        <v>27074</v>
      </c>
      <c r="K9181" s="2" t="s">
        <v>27075</v>
      </c>
      <c r="L9181" s="5" t="s">
        <v>27074</v>
      </c>
      <c r="M9181" s="2" t="s">
        <v>27075</v>
      </c>
      <c r="N9181" s="5" t="s">
        <v>24254</v>
      </c>
      <c r="O9181" s="5" t="s">
        <v>38</v>
      </c>
      <c r="P9181" s="5" t="s">
        <v>39</v>
      </c>
      <c r="Q9181" s="5" t="s">
        <v>40</v>
      </c>
      <c r="R9181" s="5" t="s">
        <v>24335</v>
      </c>
      <c r="S9181" s="5" t="s">
        <v>40</v>
      </c>
      <c r="T9181" s="5" t="s">
        <v>42</v>
      </c>
      <c r="U9181" s="2">
        <v>17.391999999999999</v>
      </c>
      <c r="V9181" s="2">
        <v>13.654</v>
      </c>
      <c r="W9181" s="2">
        <v>0.187</v>
      </c>
      <c r="X9181" s="2">
        <v>12</v>
      </c>
      <c r="Y9181" s="2">
        <v>50</v>
      </c>
      <c r="Z9181" s="2">
        <v>312.39999999999998</v>
      </c>
      <c r="AA9181" s="5">
        <v>10</v>
      </c>
      <c r="AB9181" s="5" t="s">
        <v>43</v>
      </c>
      <c r="AC9181" s="5" t="s">
        <v>44</v>
      </c>
      <c r="AD9181" s="2" t="s">
        <v>27840</v>
      </c>
      <c r="AE9181" s="1"/>
    </row>
    <row r="9182" spans="1:31" ht="14.45">
      <c r="A9182" s="5"/>
      <c r="B9182" s="21"/>
      <c r="C9182" s="2" t="s">
        <v>28188</v>
      </c>
      <c r="D9182" s="14" t="s">
        <v>28189</v>
      </c>
      <c r="E9182" s="2" t="s">
        <v>28190</v>
      </c>
      <c r="F9182" s="2"/>
      <c r="G9182" s="8">
        <v>919</v>
      </c>
      <c r="H9182" s="5">
        <v>15</v>
      </c>
      <c r="I9182" s="5" t="s">
        <v>69</v>
      </c>
      <c r="J9182" s="5" t="s">
        <v>27074</v>
      </c>
      <c r="K9182" s="2" t="s">
        <v>27075</v>
      </c>
      <c r="L9182" s="5" t="s">
        <v>27074</v>
      </c>
      <c r="M9182" s="2" t="s">
        <v>27075</v>
      </c>
      <c r="N9182" s="5" t="s">
        <v>24254</v>
      </c>
      <c r="O9182" s="5" t="s">
        <v>38</v>
      </c>
      <c r="P9182" s="5" t="s">
        <v>39</v>
      </c>
      <c r="Q9182" s="5" t="s">
        <v>40</v>
      </c>
      <c r="R9182" s="5" t="s">
        <v>24335</v>
      </c>
      <c r="S9182" s="5" t="s">
        <v>40</v>
      </c>
      <c r="T9182" s="5" t="s">
        <v>42</v>
      </c>
      <c r="U9182" s="2">
        <v>17.221</v>
      </c>
      <c r="V9182" s="2">
        <v>13.521000000000001</v>
      </c>
      <c r="W9182" s="2">
        <v>0.187</v>
      </c>
      <c r="X9182" s="2">
        <v>12</v>
      </c>
      <c r="Y9182" s="2">
        <v>50</v>
      </c>
      <c r="Z9182" s="2">
        <v>312.39999999999998</v>
      </c>
      <c r="AA9182" s="5">
        <v>10</v>
      </c>
      <c r="AB9182" s="5" t="s">
        <v>43</v>
      </c>
      <c r="AC9182" s="5" t="s">
        <v>44</v>
      </c>
      <c r="AD9182" s="2" t="s">
        <v>27847</v>
      </c>
      <c r="AE9182" s="1"/>
    </row>
    <row r="9183" spans="1:31" ht="14.45">
      <c r="A9183" s="5"/>
      <c r="B9183" s="21"/>
      <c r="C9183" s="2" t="s">
        <v>28191</v>
      </c>
      <c r="D9183" s="14" t="s">
        <v>28192</v>
      </c>
      <c r="E9183" s="2" t="s">
        <v>28193</v>
      </c>
      <c r="F9183" s="2"/>
      <c r="G9183" s="8">
        <v>561</v>
      </c>
      <c r="H9183" s="5">
        <v>15</v>
      </c>
      <c r="I9183" s="5" t="s">
        <v>69</v>
      </c>
      <c r="J9183" s="5" t="s">
        <v>27074</v>
      </c>
      <c r="K9183" s="2" t="s">
        <v>27075</v>
      </c>
      <c r="L9183" s="5" t="s">
        <v>27074</v>
      </c>
      <c r="M9183" s="2" t="s">
        <v>27075</v>
      </c>
      <c r="N9183" s="5" t="s">
        <v>24254</v>
      </c>
      <c r="O9183" s="5" t="s">
        <v>38</v>
      </c>
      <c r="P9183" s="5" t="s">
        <v>39</v>
      </c>
      <c r="Q9183" s="5" t="s">
        <v>40</v>
      </c>
      <c r="R9183" s="5" t="s">
        <v>24340</v>
      </c>
      <c r="S9183" s="5" t="s">
        <v>40</v>
      </c>
      <c r="T9183" s="5" t="s">
        <v>42</v>
      </c>
      <c r="U9183" s="2">
        <v>20.956</v>
      </c>
      <c r="V9183" s="2">
        <v>18.204999999999998</v>
      </c>
      <c r="W9183" s="2">
        <v>0.11600000000000001</v>
      </c>
      <c r="X9183" s="2">
        <v>12</v>
      </c>
      <c r="Y9183" s="2">
        <v>62</v>
      </c>
      <c r="Z9183" s="2">
        <v>199.7</v>
      </c>
      <c r="AA9183" s="5">
        <v>10</v>
      </c>
      <c r="AB9183" s="5" t="s">
        <v>43</v>
      </c>
      <c r="AC9183" s="5" t="s">
        <v>44</v>
      </c>
      <c r="AD9183" s="2" t="s">
        <v>27859</v>
      </c>
      <c r="AE9183" s="1"/>
    </row>
    <row r="9184" spans="1:31" ht="14.45">
      <c r="A9184" s="5"/>
      <c r="B9184" s="21"/>
      <c r="C9184" s="2" t="s">
        <v>28194</v>
      </c>
      <c r="D9184" s="14" t="s">
        <v>28195</v>
      </c>
      <c r="E9184" s="2" t="s">
        <v>28196</v>
      </c>
      <c r="F9184" s="2"/>
      <c r="G9184" s="8">
        <v>1225</v>
      </c>
      <c r="H9184" s="5">
        <v>15</v>
      </c>
      <c r="I9184" s="5" t="s">
        <v>69</v>
      </c>
      <c r="J9184" s="5" t="s">
        <v>27074</v>
      </c>
      <c r="K9184" s="2" t="s">
        <v>27075</v>
      </c>
      <c r="L9184" s="5" t="s">
        <v>27074</v>
      </c>
      <c r="M9184" s="2" t="s">
        <v>27075</v>
      </c>
      <c r="N9184" s="5" t="s">
        <v>24254</v>
      </c>
      <c r="O9184" s="5" t="s">
        <v>38</v>
      </c>
      <c r="P9184" s="5" t="s">
        <v>39</v>
      </c>
      <c r="Q9184" s="5" t="s">
        <v>40</v>
      </c>
      <c r="R9184" s="5" t="s">
        <v>24340</v>
      </c>
      <c r="S9184" s="5" t="s">
        <v>40</v>
      </c>
      <c r="T9184" s="5" t="s">
        <v>42</v>
      </c>
      <c r="U9184" s="2">
        <v>30.899000000000001</v>
      </c>
      <c r="V9184" s="2">
        <v>27.122</v>
      </c>
      <c r="W9184" s="2">
        <v>0.187</v>
      </c>
      <c r="X9184" s="2">
        <v>12</v>
      </c>
      <c r="Y9184" s="2">
        <v>50</v>
      </c>
      <c r="Z9184" s="2">
        <v>312.39999999999998</v>
      </c>
      <c r="AA9184" s="5">
        <v>10</v>
      </c>
      <c r="AB9184" s="5" t="s">
        <v>43</v>
      </c>
      <c r="AC9184" s="5" t="s">
        <v>44</v>
      </c>
      <c r="AD9184" s="2" t="s">
        <v>27863</v>
      </c>
      <c r="AE9184" s="1"/>
    </row>
    <row r="9185" spans="1:31" ht="14.45">
      <c r="A9185" s="5"/>
      <c r="B9185" s="21"/>
      <c r="C9185" s="2" t="s">
        <v>28197</v>
      </c>
      <c r="D9185" s="14" t="s">
        <v>28198</v>
      </c>
      <c r="E9185" s="2" t="s">
        <v>28199</v>
      </c>
      <c r="F9185" s="2"/>
      <c r="G9185" s="8">
        <v>1225</v>
      </c>
      <c r="H9185" s="5">
        <v>15</v>
      </c>
      <c r="I9185" s="5" t="s">
        <v>69</v>
      </c>
      <c r="J9185" s="5" t="s">
        <v>27074</v>
      </c>
      <c r="K9185" s="2" t="s">
        <v>27075</v>
      </c>
      <c r="L9185" s="5" t="s">
        <v>27074</v>
      </c>
      <c r="M9185" s="2" t="s">
        <v>27075</v>
      </c>
      <c r="N9185" s="5" t="s">
        <v>24254</v>
      </c>
      <c r="O9185" s="5" t="s">
        <v>38</v>
      </c>
      <c r="P9185" s="5" t="s">
        <v>39</v>
      </c>
      <c r="Q9185" s="5" t="s">
        <v>40</v>
      </c>
      <c r="R9185" s="5" t="s">
        <v>24340</v>
      </c>
      <c r="S9185" s="5" t="s">
        <v>40</v>
      </c>
      <c r="T9185" s="5" t="s">
        <v>42</v>
      </c>
      <c r="U9185" s="2">
        <v>32.554000000000002</v>
      </c>
      <c r="V9185" s="2">
        <v>28.853999999999999</v>
      </c>
      <c r="W9185" s="2">
        <v>0.187</v>
      </c>
      <c r="X9185" s="2">
        <v>12</v>
      </c>
      <c r="Y9185" s="2">
        <v>50</v>
      </c>
      <c r="Z9185" s="2">
        <v>312.39999999999998</v>
      </c>
      <c r="AA9185" s="5">
        <v>10</v>
      </c>
      <c r="AB9185" s="5" t="s">
        <v>43</v>
      </c>
      <c r="AC9185" s="5" t="s">
        <v>44</v>
      </c>
      <c r="AD9185" s="2" t="s">
        <v>27867</v>
      </c>
      <c r="AE9185" s="1"/>
    </row>
    <row r="9186" spans="1:31" ht="14.45">
      <c r="A9186" s="5"/>
      <c r="B9186" s="21"/>
      <c r="C9186" s="2" t="s">
        <v>28200</v>
      </c>
      <c r="D9186" s="14" t="s">
        <v>28201</v>
      </c>
      <c r="E9186" s="2" t="s">
        <v>28202</v>
      </c>
      <c r="F9186" s="2" t="s">
        <v>28034</v>
      </c>
      <c r="G9186" s="8">
        <v>561</v>
      </c>
      <c r="H9186" s="5">
        <v>15</v>
      </c>
      <c r="I9186" s="5" t="s">
        <v>69</v>
      </c>
      <c r="J9186" s="5" t="s">
        <v>27074</v>
      </c>
      <c r="K9186" s="2" t="s">
        <v>27075</v>
      </c>
      <c r="L9186" s="5" t="s">
        <v>27074</v>
      </c>
      <c r="M9186" s="2" t="s">
        <v>27075</v>
      </c>
      <c r="N9186" s="5" t="s">
        <v>24254</v>
      </c>
      <c r="O9186" s="5" t="s">
        <v>38</v>
      </c>
      <c r="P9186" s="5" t="s">
        <v>39</v>
      </c>
      <c r="Q9186" s="5" t="s">
        <v>40</v>
      </c>
      <c r="R9186" s="5" t="s">
        <v>25301</v>
      </c>
      <c r="S9186" s="5" t="s">
        <v>40</v>
      </c>
      <c r="T9186" s="5" t="s">
        <v>42</v>
      </c>
      <c r="U9186" s="2">
        <v>19.251000000000001</v>
      </c>
      <c r="V9186" s="2">
        <v>16.5</v>
      </c>
      <c r="W9186" s="2">
        <v>0.11600000000000001</v>
      </c>
      <c r="X9186" s="2">
        <v>12</v>
      </c>
      <c r="Y9186" s="2">
        <v>62</v>
      </c>
      <c r="Z9186" s="2">
        <v>199.7</v>
      </c>
      <c r="AA9186" s="5">
        <v>10</v>
      </c>
      <c r="AB9186" s="5" t="s">
        <v>43</v>
      </c>
      <c r="AC9186" s="5" t="s">
        <v>44</v>
      </c>
      <c r="AD9186" s="2" t="s">
        <v>27871</v>
      </c>
      <c r="AE9186" s="1"/>
    </row>
    <row r="9187" spans="1:31" ht="14.45">
      <c r="A9187" s="11"/>
      <c r="B9187" s="20"/>
      <c r="C9187" s="2" t="s">
        <v>28203</v>
      </c>
      <c r="D9187" s="14" t="s">
        <v>28204</v>
      </c>
      <c r="E9187" s="2" t="s">
        <v>28205</v>
      </c>
      <c r="F9187" s="2" t="s">
        <v>28206</v>
      </c>
      <c r="G9187" s="8">
        <v>141</v>
      </c>
      <c r="H9187" s="5">
        <v>25</v>
      </c>
      <c r="I9187" s="5" t="s">
        <v>69</v>
      </c>
      <c r="J9187" s="5" t="s">
        <v>28207</v>
      </c>
      <c r="K9187" s="2" t="s">
        <v>28208</v>
      </c>
      <c r="L9187" s="5" t="s">
        <v>28207</v>
      </c>
      <c r="M9187" s="2" t="s">
        <v>28208</v>
      </c>
      <c r="N9187" s="5" t="s">
        <v>72</v>
      </c>
      <c r="O9187" s="5" t="s">
        <v>38</v>
      </c>
      <c r="P9187" s="5" t="s">
        <v>39</v>
      </c>
      <c r="Q9187" s="5" t="s">
        <v>40</v>
      </c>
      <c r="R9187" s="5" t="s">
        <v>28209</v>
      </c>
      <c r="S9187" s="5" t="s">
        <v>40</v>
      </c>
      <c r="T9187" s="5" t="s">
        <v>42</v>
      </c>
      <c r="U9187" s="2">
        <v>4.7809999999999997</v>
      </c>
      <c r="V9187" s="2">
        <v>4.2549999999999999</v>
      </c>
      <c r="W9187" s="2">
        <v>0.02</v>
      </c>
      <c r="X9187" s="2">
        <v>10.7</v>
      </c>
      <c r="Y9187" s="2">
        <v>17</v>
      </c>
      <c r="Z9187" s="2">
        <v>109.4</v>
      </c>
      <c r="AA9187" s="5">
        <v>10</v>
      </c>
      <c r="AB9187" s="5" t="s">
        <v>43</v>
      </c>
      <c r="AC9187" s="5" t="s">
        <v>44</v>
      </c>
      <c r="AD9187" s="2" t="s">
        <v>28210</v>
      </c>
      <c r="AE9187" s="1"/>
    </row>
    <row r="9188" spans="1:31" ht="14.45">
      <c r="A9188" s="11"/>
      <c r="B9188" s="20"/>
      <c r="C9188" s="2" t="s">
        <v>28211</v>
      </c>
      <c r="D9188" s="14" t="s">
        <v>28212</v>
      </c>
      <c r="E9188" s="2" t="s">
        <v>28213</v>
      </c>
      <c r="F9188" s="2" t="s">
        <v>28214</v>
      </c>
      <c r="G9188" s="8">
        <v>141</v>
      </c>
      <c r="H9188" s="5">
        <v>25</v>
      </c>
      <c r="I9188" s="5" t="s">
        <v>69</v>
      </c>
      <c r="J9188" s="5" t="s">
        <v>28207</v>
      </c>
      <c r="K9188" s="2" t="s">
        <v>28208</v>
      </c>
      <c r="L9188" s="5" t="s">
        <v>28207</v>
      </c>
      <c r="M9188" s="2" t="s">
        <v>28208</v>
      </c>
      <c r="N9188" s="5" t="s">
        <v>72</v>
      </c>
      <c r="O9188" s="5" t="s">
        <v>38</v>
      </c>
      <c r="P9188" s="5" t="s">
        <v>39</v>
      </c>
      <c r="Q9188" s="5" t="s">
        <v>40</v>
      </c>
      <c r="R9188" s="5" t="s">
        <v>28209</v>
      </c>
      <c r="S9188" s="5" t="s">
        <v>40</v>
      </c>
      <c r="T9188" s="5" t="s">
        <v>42</v>
      </c>
      <c r="U9188" s="2">
        <v>4.7610000000000001</v>
      </c>
      <c r="V9188" s="2">
        <v>4.2350000000000003</v>
      </c>
      <c r="W9188" s="2">
        <v>0.02</v>
      </c>
      <c r="X9188" s="2">
        <v>10.7</v>
      </c>
      <c r="Y9188" s="2">
        <v>17</v>
      </c>
      <c r="Z9188" s="2">
        <v>109.4</v>
      </c>
      <c r="AA9188" s="5">
        <v>70</v>
      </c>
      <c r="AB9188" s="5" t="s">
        <v>43</v>
      </c>
      <c r="AC9188" s="5" t="s">
        <v>44</v>
      </c>
      <c r="AD9188" s="2" t="s">
        <v>28215</v>
      </c>
      <c r="AE9188" s="1"/>
    </row>
    <row r="9189" spans="1:31" ht="14.45">
      <c r="A9189" s="11"/>
      <c r="B9189" s="20"/>
      <c r="C9189" s="2" t="s">
        <v>28216</v>
      </c>
      <c r="D9189" s="14" t="s">
        <v>28217</v>
      </c>
      <c r="E9189" s="2" t="s">
        <v>28218</v>
      </c>
      <c r="F9189" s="2" t="s">
        <v>28206</v>
      </c>
      <c r="G9189" s="8">
        <v>154</v>
      </c>
      <c r="H9189" s="5">
        <v>25</v>
      </c>
      <c r="I9189" s="5" t="s">
        <v>69</v>
      </c>
      <c r="J9189" s="5" t="s">
        <v>28207</v>
      </c>
      <c r="K9189" s="2" t="s">
        <v>28208</v>
      </c>
      <c r="L9189" s="5" t="s">
        <v>28207</v>
      </c>
      <c r="M9189" s="2" t="s">
        <v>28208</v>
      </c>
      <c r="N9189" s="5" t="s">
        <v>72</v>
      </c>
      <c r="O9189" s="5" t="s">
        <v>38</v>
      </c>
      <c r="P9189" s="5" t="s">
        <v>39</v>
      </c>
      <c r="Q9189" s="5" t="s">
        <v>40</v>
      </c>
      <c r="R9189" s="5" t="s">
        <v>28209</v>
      </c>
      <c r="S9189" s="5" t="s">
        <v>40</v>
      </c>
      <c r="T9189" s="5" t="s">
        <v>42</v>
      </c>
      <c r="U9189" s="2">
        <v>5.5780000000000003</v>
      </c>
      <c r="V9189" s="2">
        <v>5.0519999999999996</v>
      </c>
      <c r="W9189" s="2">
        <v>0.02</v>
      </c>
      <c r="X9189" s="2">
        <v>10.7</v>
      </c>
      <c r="Y9189" s="2">
        <v>17</v>
      </c>
      <c r="Z9189" s="2">
        <v>109.4</v>
      </c>
      <c r="AA9189" s="5">
        <v>10</v>
      </c>
      <c r="AB9189" s="5" t="s">
        <v>43</v>
      </c>
      <c r="AC9189" s="5" t="s">
        <v>44</v>
      </c>
      <c r="AD9189" s="2" t="s">
        <v>28219</v>
      </c>
      <c r="AE9189" s="1"/>
    </row>
    <row r="9190" spans="1:31" ht="14.45">
      <c r="A9190" s="11"/>
      <c r="B9190" s="20"/>
      <c r="C9190" s="2" t="s">
        <v>28220</v>
      </c>
      <c r="D9190" s="14" t="s">
        <v>28221</v>
      </c>
      <c r="E9190" s="2" t="s">
        <v>28222</v>
      </c>
      <c r="F9190" s="2" t="s">
        <v>28214</v>
      </c>
      <c r="G9190" s="8">
        <v>154</v>
      </c>
      <c r="H9190" s="5">
        <v>25</v>
      </c>
      <c r="I9190" s="5" t="s">
        <v>69</v>
      </c>
      <c r="J9190" s="5" t="s">
        <v>28207</v>
      </c>
      <c r="K9190" s="2" t="s">
        <v>28208</v>
      </c>
      <c r="L9190" s="5" t="s">
        <v>28207</v>
      </c>
      <c r="M9190" s="2" t="s">
        <v>28208</v>
      </c>
      <c r="N9190" s="5" t="s">
        <v>72</v>
      </c>
      <c r="O9190" s="5" t="s">
        <v>38</v>
      </c>
      <c r="P9190" s="5" t="s">
        <v>39</v>
      </c>
      <c r="Q9190" s="5" t="s">
        <v>40</v>
      </c>
      <c r="R9190" s="5" t="s">
        <v>28209</v>
      </c>
      <c r="S9190" s="5" t="s">
        <v>40</v>
      </c>
      <c r="T9190" s="5" t="s">
        <v>42</v>
      </c>
      <c r="U9190" s="2">
        <v>5.5579999999999998</v>
      </c>
      <c r="V9190" s="2">
        <v>5.032</v>
      </c>
      <c r="W9190" s="2">
        <v>0.02</v>
      </c>
      <c r="X9190" s="2">
        <v>10.7</v>
      </c>
      <c r="Y9190" s="2">
        <v>17</v>
      </c>
      <c r="Z9190" s="2">
        <v>109.4</v>
      </c>
      <c r="AA9190" s="5">
        <v>70</v>
      </c>
      <c r="AB9190" s="5" t="s">
        <v>43</v>
      </c>
      <c r="AC9190" s="5" t="s">
        <v>44</v>
      </c>
      <c r="AD9190" s="2" t="s">
        <v>28223</v>
      </c>
      <c r="AE9190" s="1"/>
    </row>
    <row r="9191" spans="1:31" ht="14.45">
      <c r="A9191" s="11"/>
      <c r="B9191" s="20"/>
      <c r="C9191" s="2" t="s">
        <v>28224</v>
      </c>
      <c r="D9191" s="14" t="s">
        <v>28225</v>
      </c>
      <c r="E9191" s="2" t="s">
        <v>28226</v>
      </c>
      <c r="F9191" s="2" t="s">
        <v>28206</v>
      </c>
      <c r="G9191" s="8">
        <v>166</v>
      </c>
      <c r="H9191" s="5">
        <v>25</v>
      </c>
      <c r="I9191" s="5" t="s">
        <v>69</v>
      </c>
      <c r="J9191" s="5" t="s">
        <v>28207</v>
      </c>
      <c r="K9191" s="2" t="s">
        <v>28208</v>
      </c>
      <c r="L9191" s="5" t="s">
        <v>28207</v>
      </c>
      <c r="M9191" s="2" t="s">
        <v>28208</v>
      </c>
      <c r="N9191" s="5" t="s">
        <v>72</v>
      </c>
      <c r="O9191" s="5" t="s">
        <v>38</v>
      </c>
      <c r="P9191" s="5" t="s">
        <v>39</v>
      </c>
      <c r="Q9191" s="5" t="s">
        <v>40</v>
      </c>
      <c r="R9191" s="5" t="s">
        <v>28209</v>
      </c>
      <c r="S9191" s="5" t="s">
        <v>40</v>
      </c>
      <c r="T9191" s="5" t="s">
        <v>42</v>
      </c>
      <c r="U9191" s="2">
        <v>6.6340000000000003</v>
      </c>
      <c r="V9191" s="2">
        <v>6.0289999999999999</v>
      </c>
      <c r="W9191" s="2">
        <v>2.4E-2</v>
      </c>
      <c r="X9191" s="2">
        <v>10.7</v>
      </c>
      <c r="Y9191" s="2">
        <v>17</v>
      </c>
      <c r="Z9191" s="2">
        <v>129.4</v>
      </c>
      <c r="AA9191" s="5">
        <v>10</v>
      </c>
      <c r="AB9191" s="5" t="s">
        <v>43</v>
      </c>
      <c r="AC9191" s="5" t="s">
        <v>44</v>
      </c>
      <c r="AD9191" s="2" t="s">
        <v>28227</v>
      </c>
      <c r="AE9191" s="1"/>
    </row>
    <row r="9192" spans="1:31" ht="14.45">
      <c r="A9192" s="11"/>
      <c r="B9192" s="20"/>
      <c r="C9192" s="2" t="s">
        <v>28228</v>
      </c>
      <c r="D9192" s="14" t="s">
        <v>28229</v>
      </c>
      <c r="E9192" s="2" t="s">
        <v>28230</v>
      </c>
      <c r="F9192" s="2" t="s">
        <v>28214</v>
      </c>
      <c r="G9192" s="8">
        <v>166</v>
      </c>
      <c r="H9192" s="5">
        <v>25</v>
      </c>
      <c r="I9192" s="5" t="s">
        <v>69</v>
      </c>
      <c r="J9192" s="5" t="s">
        <v>28207</v>
      </c>
      <c r="K9192" s="2" t="s">
        <v>28208</v>
      </c>
      <c r="L9192" s="5" t="s">
        <v>28207</v>
      </c>
      <c r="M9192" s="2" t="s">
        <v>28208</v>
      </c>
      <c r="N9192" s="5" t="s">
        <v>72</v>
      </c>
      <c r="O9192" s="5" t="s">
        <v>38</v>
      </c>
      <c r="P9192" s="5" t="s">
        <v>39</v>
      </c>
      <c r="Q9192" s="5" t="s">
        <v>40</v>
      </c>
      <c r="R9192" s="5" t="s">
        <v>28209</v>
      </c>
      <c r="S9192" s="5" t="s">
        <v>40</v>
      </c>
      <c r="T9192" s="5" t="s">
        <v>42</v>
      </c>
      <c r="U9192" s="2">
        <v>6.6139999999999999</v>
      </c>
      <c r="V9192" s="2">
        <v>6.0090000000000003</v>
      </c>
      <c r="W9192" s="2">
        <v>2.4E-2</v>
      </c>
      <c r="X9192" s="2">
        <v>10.7</v>
      </c>
      <c r="Y9192" s="2">
        <v>17</v>
      </c>
      <c r="Z9192" s="2">
        <v>129.4</v>
      </c>
      <c r="AA9192" s="5">
        <v>70</v>
      </c>
      <c r="AB9192" s="5" t="s">
        <v>43</v>
      </c>
      <c r="AC9192" s="5" t="s">
        <v>44</v>
      </c>
      <c r="AD9192" s="2" t="s">
        <v>28231</v>
      </c>
      <c r="AE9192" s="1"/>
    </row>
    <row r="9193" spans="1:31" ht="14.45">
      <c r="A9193" s="11"/>
      <c r="B9193" s="20"/>
      <c r="C9193" s="2" t="s">
        <v>28232</v>
      </c>
      <c r="D9193" s="14" t="s">
        <v>28233</v>
      </c>
      <c r="E9193" s="2" t="s">
        <v>28234</v>
      </c>
      <c r="F9193" s="2"/>
      <c r="G9193" s="8">
        <v>149</v>
      </c>
      <c r="H9193" s="5">
        <v>5</v>
      </c>
      <c r="I9193" s="5" t="s">
        <v>69</v>
      </c>
      <c r="J9193" s="5" t="s">
        <v>27074</v>
      </c>
      <c r="K9193" s="2" t="s">
        <v>27075</v>
      </c>
      <c r="L9193" s="5" t="s">
        <v>27074</v>
      </c>
      <c r="M9193" s="2" t="s">
        <v>27075</v>
      </c>
      <c r="N9193" s="5" t="s">
        <v>24254</v>
      </c>
      <c r="O9193" s="5" t="s">
        <v>38</v>
      </c>
      <c r="P9193" s="5" t="s">
        <v>39</v>
      </c>
      <c r="Q9193" s="5" t="s">
        <v>40</v>
      </c>
      <c r="R9193" s="5" t="s">
        <v>24335</v>
      </c>
      <c r="S9193" s="5" t="s">
        <v>40</v>
      </c>
      <c r="T9193" s="5" t="s">
        <v>42</v>
      </c>
      <c r="U9193" s="2">
        <v>7.2430000000000003</v>
      </c>
      <c r="V9193" s="2">
        <v>5.3869999999999996</v>
      </c>
      <c r="W9193" s="2">
        <v>0.104</v>
      </c>
      <c r="X9193" s="2">
        <v>12</v>
      </c>
      <c r="Y9193" s="2">
        <v>50</v>
      </c>
      <c r="Z9193" s="2">
        <v>173.9</v>
      </c>
      <c r="AA9193" s="5">
        <v>8</v>
      </c>
      <c r="AB9193" s="5" t="s">
        <v>43</v>
      </c>
      <c r="AC9193" s="5" t="s">
        <v>44</v>
      </c>
      <c r="AD9193" s="2" t="s">
        <v>28235</v>
      </c>
      <c r="AE9193" s="1"/>
    </row>
    <row r="9194" spans="1:31" ht="14.45">
      <c r="A9194" s="11"/>
      <c r="B9194" s="20"/>
      <c r="C9194" s="2" t="s">
        <v>28236</v>
      </c>
      <c r="D9194" s="14" t="s">
        <v>28237</v>
      </c>
      <c r="E9194" s="2" t="s">
        <v>28238</v>
      </c>
      <c r="F9194" s="2"/>
      <c r="G9194" s="8">
        <v>149</v>
      </c>
      <c r="H9194" s="5">
        <v>5</v>
      </c>
      <c r="I9194" s="5" t="s">
        <v>69</v>
      </c>
      <c r="J9194" s="5" t="s">
        <v>27074</v>
      </c>
      <c r="K9194" s="2" t="s">
        <v>27075</v>
      </c>
      <c r="L9194" s="5" t="s">
        <v>27074</v>
      </c>
      <c r="M9194" s="2" t="s">
        <v>27075</v>
      </c>
      <c r="N9194" s="5" t="s">
        <v>24254</v>
      </c>
      <c r="O9194" s="5" t="s">
        <v>38</v>
      </c>
      <c r="P9194" s="5" t="s">
        <v>39</v>
      </c>
      <c r="Q9194" s="5" t="s">
        <v>40</v>
      </c>
      <c r="R9194" s="5" t="s">
        <v>24335</v>
      </c>
      <c r="S9194" s="5" t="s">
        <v>40</v>
      </c>
      <c r="T9194" s="5" t="s">
        <v>42</v>
      </c>
      <c r="U9194" s="2">
        <v>5.93</v>
      </c>
      <c r="V9194" s="2">
        <v>4.149</v>
      </c>
      <c r="W9194" s="2">
        <v>0.104</v>
      </c>
      <c r="X9194" s="2">
        <v>12</v>
      </c>
      <c r="Y9194" s="2">
        <v>50</v>
      </c>
      <c r="Z9194" s="2">
        <v>173.9</v>
      </c>
      <c r="AA9194" s="5">
        <v>8</v>
      </c>
      <c r="AB9194" s="5" t="s">
        <v>43</v>
      </c>
      <c r="AC9194" s="5" t="s">
        <v>44</v>
      </c>
      <c r="AD9194" s="2" t="s">
        <v>28235</v>
      </c>
      <c r="AE9194" s="1"/>
    </row>
    <row r="9195" spans="1:31" ht="14.45">
      <c r="A9195" s="11"/>
      <c r="B9195" s="20"/>
      <c r="C9195" s="2" t="s">
        <v>28239</v>
      </c>
      <c r="D9195" s="14" t="s">
        <v>28240</v>
      </c>
      <c r="E9195" s="2" t="s">
        <v>28241</v>
      </c>
      <c r="F9195" s="2"/>
      <c r="G9195" s="8">
        <v>149</v>
      </c>
      <c r="H9195" s="5">
        <v>5</v>
      </c>
      <c r="I9195" s="5" t="s">
        <v>69</v>
      </c>
      <c r="J9195" s="5" t="s">
        <v>27074</v>
      </c>
      <c r="K9195" s="2" t="s">
        <v>27075</v>
      </c>
      <c r="L9195" s="5" t="s">
        <v>27074</v>
      </c>
      <c r="M9195" s="2" t="s">
        <v>27075</v>
      </c>
      <c r="N9195" s="5" t="s">
        <v>24254</v>
      </c>
      <c r="O9195" s="5" t="s">
        <v>38</v>
      </c>
      <c r="P9195" s="5" t="s">
        <v>39</v>
      </c>
      <c r="Q9195" s="5" t="s">
        <v>40</v>
      </c>
      <c r="R9195" s="5" t="s">
        <v>24335</v>
      </c>
      <c r="S9195" s="5" t="s">
        <v>40</v>
      </c>
      <c r="T9195" s="5" t="s">
        <v>42</v>
      </c>
      <c r="U9195" s="2">
        <v>5.0860000000000003</v>
      </c>
      <c r="V9195" s="2">
        <v>3.532</v>
      </c>
      <c r="W9195" s="2">
        <v>8.3000000000000004E-2</v>
      </c>
      <c r="X9195" s="2">
        <v>12</v>
      </c>
      <c r="Y9195" s="2">
        <v>50</v>
      </c>
      <c r="Z9195" s="2">
        <v>137.9</v>
      </c>
      <c r="AA9195" s="5">
        <v>8</v>
      </c>
      <c r="AB9195" s="5" t="s">
        <v>43</v>
      </c>
      <c r="AC9195" s="5" t="s">
        <v>44</v>
      </c>
      <c r="AD9195" s="2" t="s">
        <v>28235</v>
      </c>
      <c r="AE9195" s="1"/>
    </row>
    <row r="9196" spans="1:31" ht="14.45">
      <c r="A9196" s="11"/>
      <c r="B9196" s="20"/>
      <c r="C9196" s="2" t="s">
        <v>28242</v>
      </c>
      <c r="D9196" s="14" t="s">
        <v>28243</v>
      </c>
      <c r="E9196" s="2" t="s">
        <v>28244</v>
      </c>
      <c r="F9196" s="2"/>
      <c r="G9196" s="8">
        <v>149</v>
      </c>
      <c r="H9196" s="5">
        <v>5</v>
      </c>
      <c r="I9196" s="5" t="s">
        <v>69</v>
      </c>
      <c r="J9196" s="5" t="s">
        <v>27074</v>
      </c>
      <c r="K9196" s="2" t="s">
        <v>27075</v>
      </c>
      <c r="L9196" s="5" t="s">
        <v>27074</v>
      </c>
      <c r="M9196" s="2" t="s">
        <v>27075</v>
      </c>
      <c r="N9196" s="5" t="s">
        <v>24254</v>
      </c>
      <c r="O9196" s="5" t="s">
        <v>38</v>
      </c>
      <c r="P9196" s="5" t="s">
        <v>39</v>
      </c>
      <c r="Q9196" s="5" t="s">
        <v>40</v>
      </c>
      <c r="R9196" s="5" t="s">
        <v>24335</v>
      </c>
      <c r="S9196" s="5" t="s">
        <v>40</v>
      </c>
      <c r="T9196" s="5" t="s">
        <v>42</v>
      </c>
      <c r="U9196" s="2">
        <v>5.7750000000000004</v>
      </c>
      <c r="V9196" s="2">
        <v>2.9279999999999999</v>
      </c>
      <c r="W9196" s="2">
        <v>0.11899999999999999</v>
      </c>
      <c r="X9196" s="2">
        <v>12</v>
      </c>
      <c r="Y9196" s="2">
        <v>62</v>
      </c>
      <c r="Z9196" s="2">
        <v>159.9</v>
      </c>
      <c r="AA9196" s="5">
        <v>10</v>
      </c>
      <c r="AB9196" s="5" t="s">
        <v>43</v>
      </c>
      <c r="AC9196" s="5" t="s">
        <v>44</v>
      </c>
      <c r="AD9196" s="2" t="s">
        <v>28245</v>
      </c>
      <c r="AE9196" s="1"/>
    </row>
    <row r="9197" spans="1:31" ht="14.45">
      <c r="A9197" s="11"/>
      <c r="B9197" s="20"/>
      <c r="C9197" s="2" t="s">
        <v>28246</v>
      </c>
      <c r="D9197" s="14" t="s">
        <v>28247</v>
      </c>
      <c r="E9197" s="2" t="s">
        <v>28248</v>
      </c>
      <c r="F9197" s="2"/>
      <c r="G9197" s="8">
        <v>149</v>
      </c>
      <c r="H9197" s="5">
        <v>5</v>
      </c>
      <c r="I9197" s="5" t="s">
        <v>69</v>
      </c>
      <c r="J9197" s="5" t="s">
        <v>27074</v>
      </c>
      <c r="K9197" s="2" t="s">
        <v>27075</v>
      </c>
      <c r="L9197" s="5" t="s">
        <v>27074</v>
      </c>
      <c r="M9197" s="2" t="s">
        <v>27075</v>
      </c>
      <c r="N9197" s="5" t="s">
        <v>24254</v>
      </c>
      <c r="O9197" s="5" t="s">
        <v>38</v>
      </c>
      <c r="P9197" s="5" t="s">
        <v>39</v>
      </c>
      <c r="Q9197" s="5" t="s">
        <v>40</v>
      </c>
      <c r="R9197" s="5" t="s">
        <v>24335</v>
      </c>
      <c r="S9197" s="5" t="s">
        <v>40</v>
      </c>
      <c r="T9197" s="5" t="s">
        <v>42</v>
      </c>
      <c r="U9197" s="2">
        <v>6.02</v>
      </c>
      <c r="V9197" s="2">
        <v>3.173</v>
      </c>
      <c r="W9197" s="2">
        <v>0.11899999999999999</v>
      </c>
      <c r="X9197" s="2">
        <v>12</v>
      </c>
      <c r="Y9197" s="2">
        <v>62</v>
      </c>
      <c r="Z9197" s="2">
        <v>159.9</v>
      </c>
      <c r="AA9197" s="5">
        <v>10</v>
      </c>
      <c r="AB9197" s="5" t="s">
        <v>43</v>
      </c>
      <c r="AC9197" s="5" t="s">
        <v>44</v>
      </c>
      <c r="AD9197" s="2" t="s">
        <v>28249</v>
      </c>
      <c r="AE9197" s="1"/>
    </row>
    <row r="9198" spans="1:31" ht="14.45">
      <c r="A9198" s="11"/>
      <c r="B9198" s="20"/>
      <c r="C9198" s="2" t="s">
        <v>28250</v>
      </c>
      <c r="D9198" s="14" t="s">
        <v>28251</v>
      </c>
      <c r="E9198" s="2" t="s">
        <v>28252</v>
      </c>
      <c r="F9198" s="2"/>
      <c r="G9198" s="8">
        <v>272</v>
      </c>
      <c r="H9198" s="5">
        <v>5</v>
      </c>
      <c r="I9198" s="5" t="s">
        <v>69</v>
      </c>
      <c r="J9198" s="5" t="s">
        <v>27074</v>
      </c>
      <c r="K9198" s="2" t="s">
        <v>27075</v>
      </c>
      <c r="L9198" s="5" t="s">
        <v>27074</v>
      </c>
      <c r="M9198" s="2" t="s">
        <v>27075</v>
      </c>
      <c r="N9198" s="5" t="s">
        <v>24254</v>
      </c>
      <c r="O9198" s="5" t="s">
        <v>38</v>
      </c>
      <c r="P9198" s="5" t="s">
        <v>39</v>
      </c>
      <c r="Q9198" s="5" t="s">
        <v>40</v>
      </c>
      <c r="R9198" s="5" t="s">
        <v>24335</v>
      </c>
      <c r="S9198" s="5" t="s">
        <v>40</v>
      </c>
      <c r="T9198" s="5" t="s">
        <v>42</v>
      </c>
      <c r="U9198" s="2">
        <v>11.359</v>
      </c>
      <c r="V9198" s="2">
        <v>8.9250000000000007</v>
      </c>
      <c r="W9198" s="2">
        <v>0.16</v>
      </c>
      <c r="X9198" s="2">
        <v>12</v>
      </c>
      <c r="Y9198" s="2">
        <v>77</v>
      </c>
      <c r="Z9198" s="2">
        <v>173.4</v>
      </c>
      <c r="AA9198" s="5">
        <v>8</v>
      </c>
      <c r="AB9198" s="5" t="s">
        <v>43</v>
      </c>
      <c r="AC9198" s="5" t="s">
        <v>44</v>
      </c>
      <c r="AD9198" s="2" t="s">
        <v>28253</v>
      </c>
      <c r="AE9198" s="1"/>
    </row>
    <row r="9199" spans="1:31" ht="14.45">
      <c r="A9199" s="11"/>
      <c r="B9199" s="20"/>
      <c r="C9199" s="2" t="s">
        <v>28254</v>
      </c>
      <c r="D9199" s="14" t="s">
        <v>28255</v>
      </c>
      <c r="E9199" s="2" t="s">
        <v>28256</v>
      </c>
      <c r="F9199" s="2"/>
      <c r="G9199" s="8">
        <v>589</v>
      </c>
      <c r="H9199" s="5">
        <v>5</v>
      </c>
      <c r="I9199" s="5" t="s">
        <v>69</v>
      </c>
      <c r="J9199" s="5" t="s">
        <v>27074</v>
      </c>
      <c r="K9199" s="2" t="s">
        <v>27075</v>
      </c>
      <c r="L9199" s="5" t="s">
        <v>27074</v>
      </c>
      <c r="M9199" s="2" t="s">
        <v>27075</v>
      </c>
      <c r="N9199" s="5" t="s">
        <v>24254</v>
      </c>
      <c r="O9199" s="5" t="s">
        <v>38</v>
      </c>
      <c r="P9199" s="5" t="s">
        <v>39</v>
      </c>
      <c r="Q9199" s="5" t="s">
        <v>40</v>
      </c>
      <c r="R9199" s="5" t="s">
        <v>1487</v>
      </c>
      <c r="S9199" s="5"/>
      <c r="T9199" s="5" t="s">
        <v>42</v>
      </c>
      <c r="U9199" s="2">
        <v>0</v>
      </c>
      <c r="V9199" s="2">
        <v>0</v>
      </c>
      <c r="W9199" s="2">
        <v>0</v>
      </c>
      <c r="X9199" s="2">
        <v>0</v>
      </c>
      <c r="Y9199" s="2">
        <v>0</v>
      </c>
      <c r="Z9199" s="2">
        <v>0</v>
      </c>
      <c r="AA9199" s="5"/>
      <c r="AB9199" s="5" t="s">
        <v>43</v>
      </c>
      <c r="AC9199" s="5" t="s">
        <v>44</v>
      </c>
      <c r="AD9199" s="2" t="s">
        <v>28257</v>
      </c>
      <c r="AE9199" s="1"/>
    </row>
    <row r="9200" spans="1:31" ht="14.45">
      <c r="A9200" s="11"/>
      <c r="B9200" s="20"/>
      <c r="C9200" s="2" t="s">
        <v>28258</v>
      </c>
      <c r="D9200" s="14" t="s">
        <v>28259</v>
      </c>
      <c r="E9200" s="2" t="s">
        <v>28260</v>
      </c>
      <c r="F9200" s="2"/>
      <c r="G9200" s="8">
        <v>589</v>
      </c>
      <c r="H9200" s="5">
        <v>15</v>
      </c>
      <c r="I9200" s="5" t="s">
        <v>69</v>
      </c>
      <c r="J9200" s="5" t="s">
        <v>27074</v>
      </c>
      <c r="K9200" s="2" t="s">
        <v>27075</v>
      </c>
      <c r="L9200" s="5" t="s">
        <v>27074</v>
      </c>
      <c r="M9200" s="2" t="s">
        <v>27075</v>
      </c>
      <c r="N9200" s="5" t="s">
        <v>24254</v>
      </c>
      <c r="O9200" s="5" t="s">
        <v>38</v>
      </c>
      <c r="P9200" s="5" t="s">
        <v>39</v>
      </c>
      <c r="Q9200" s="5" t="s">
        <v>40</v>
      </c>
      <c r="R9200" s="5" t="s">
        <v>1487</v>
      </c>
      <c r="S9200" s="5"/>
      <c r="T9200" s="5" t="s">
        <v>42</v>
      </c>
      <c r="U9200" s="2">
        <v>0</v>
      </c>
      <c r="V9200" s="2">
        <v>0</v>
      </c>
      <c r="W9200" s="2">
        <v>0</v>
      </c>
      <c r="X9200" s="2">
        <v>0</v>
      </c>
      <c r="Y9200" s="2">
        <v>0</v>
      </c>
      <c r="Z9200" s="2">
        <v>0</v>
      </c>
      <c r="AA9200" s="5"/>
      <c r="AB9200" s="5" t="s">
        <v>43</v>
      </c>
      <c r="AC9200" s="5" t="s">
        <v>44</v>
      </c>
      <c r="AD9200" s="2" t="s">
        <v>28261</v>
      </c>
      <c r="AE9200" s="1"/>
    </row>
    <row r="9201" spans="1:31" ht="14.45">
      <c r="A9201" s="11"/>
      <c r="B9201" s="20"/>
      <c r="C9201" s="2" t="s">
        <v>28262</v>
      </c>
      <c r="D9201" s="14" t="s">
        <v>28263</v>
      </c>
      <c r="E9201" s="2" t="s">
        <v>28264</v>
      </c>
      <c r="F9201" s="2"/>
      <c r="G9201" s="8">
        <v>943</v>
      </c>
      <c r="H9201" s="5">
        <v>15</v>
      </c>
      <c r="I9201" s="5" t="s">
        <v>69</v>
      </c>
      <c r="J9201" s="5" t="s">
        <v>27074</v>
      </c>
      <c r="K9201" s="2" t="s">
        <v>27075</v>
      </c>
      <c r="L9201" s="5" t="s">
        <v>27074</v>
      </c>
      <c r="M9201" s="2" t="s">
        <v>27075</v>
      </c>
      <c r="N9201" s="5" t="s">
        <v>24254</v>
      </c>
      <c r="O9201" s="5" t="s">
        <v>38</v>
      </c>
      <c r="P9201" s="5" t="s">
        <v>39</v>
      </c>
      <c r="Q9201" s="5" t="s">
        <v>40</v>
      </c>
      <c r="R9201" s="5" t="s">
        <v>1487</v>
      </c>
      <c r="S9201" s="5"/>
      <c r="T9201" s="5" t="s">
        <v>42</v>
      </c>
      <c r="U9201" s="2">
        <v>0</v>
      </c>
      <c r="V9201" s="2">
        <v>0</v>
      </c>
      <c r="W9201" s="2">
        <v>0</v>
      </c>
      <c r="X9201" s="2">
        <v>0</v>
      </c>
      <c r="Y9201" s="2">
        <v>0</v>
      </c>
      <c r="Z9201" s="2">
        <v>0</v>
      </c>
      <c r="AA9201" s="5"/>
      <c r="AB9201" s="5" t="s">
        <v>43</v>
      </c>
      <c r="AC9201" s="5" t="s">
        <v>44</v>
      </c>
      <c r="AD9201" s="2" t="s">
        <v>28265</v>
      </c>
      <c r="AE9201" s="1"/>
    </row>
    <row r="9202" spans="1:31" ht="14.45">
      <c r="A9202" s="11"/>
      <c r="B9202" s="20"/>
      <c r="C9202" s="2" t="s">
        <v>28266</v>
      </c>
      <c r="D9202" s="14" t="s">
        <v>28267</v>
      </c>
      <c r="E9202" s="2" t="s">
        <v>28268</v>
      </c>
      <c r="F9202" s="2"/>
      <c r="G9202" s="8">
        <v>943</v>
      </c>
      <c r="H9202" s="5">
        <v>15</v>
      </c>
      <c r="I9202" s="5" t="s">
        <v>69</v>
      </c>
      <c r="J9202" s="5" t="s">
        <v>27074</v>
      </c>
      <c r="K9202" s="2" t="s">
        <v>27075</v>
      </c>
      <c r="L9202" s="5" t="s">
        <v>27074</v>
      </c>
      <c r="M9202" s="2" t="s">
        <v>27075</v>
      </c>
      <c r="N9202" s="5" t="s">
        <v>24254</v>
      </c>
      <c r="O9202" s="5" t="s">
        <v>38</v>
      </c>
      <c r="P9202" s="5" t="s">
        <v>39</v>
      </c>
      <c r="Q9202" s="5" t="s">
        <v>40</v>
      </c>
      <c r="R9202" s="5" t="s">
        <v>1487</v>
      </c>
      <c r="S9202" s="5"/>
      <c r="T9202" s="5" t="s">
        <v>42</v>
      </c>
      <c r="U9202" s="2">
        <v>0</v>
      </c>
      <c r="V9202" s="2">
        <v>0</v>
      </c>
      <c r="W9202" s="2">
        <v>0</v>
      </c>
      <c r="X9202" s="2">
        <v>0</v>
      </c>
      <c r="Y9202" s="2">
        <v>0</v>
      </c>
      <c r="Z9202" s="2">
        <v>0</v>
      </c>
      <c r="AA9202" s="5"/>
      <c r="AB9202" s="5" t="s">
        <v>43</v>
      </c>
      <c r="AC9202" s="5" t="s">
        <v>44</v>
      </c>
      <c r="AD9202" s="2" t="s">
        <v>28269</v>
      </c>
      <c r="AE9202" s="1"/>
    </row>
    <row r="9203" spans="1:31" ht="14.45">
      <c r="A9203" s="11"/>
      <c r="B9203" s="20"/>
      <c r="C9203" s="2" t="s">
        <v>28270</v>
      </c>
      <c r="D9203" s="14" t="s">
        <v>28271</v>
      </c>
      <c r="E9203" s="2" t="s">
        <v>28272</v>
      </c>
      <c r="F9203" s="2"/>
      <c r="G9203" s="8">
        <v>159</v>
      </c>
      <c r="H9203" s="5">
        <v>5</v>
      </c>
      <c r="I9203" s="5" t="s">
        <v>69</v>
      </c>
      <c r="J9203" s="5" t="s">
        <v>27074</v>
      </c>
      <c r="K9203" s="2" t="s">
        <v>27075</v>
      </c>
      <c r="L9203" s="5" t="s">
        <v>27074</v>
      </c>
      <c r="M9203" s="2" t="s">
        <v>27075</v>
      </c>
      <c r="N9203" s="5" t="s">
        <v>24254</v>
      </c>
      <c r="O9203" s="5" t="s">
        <v>38</v>
      </c>
      <c r="P9203" s="5" t="s">
        <v>39</v>
      </c>
      <c r="Q9203" s="5" t="s">
        <v>40</v>
      </c>
      <c r="R9203" s="5" t="s">
        <v>24335</v>
      </c>
      <c r="S9203" s="5" t="s">
        <v>40</v>
      </c>
      <c r="T9203" s="5" t="s">
        <v>42</v>
      </c>
      <c r="U9203" s="2">
        <v>7.6790000000000003</v>
      </c>
      <c r="V9203" s="2">
        <v>5.8230000000000004</v>
      </c>
      <c r="W9203" s="2">
        <v>0.104</v>
      </c>
      <c r="X9203" s="2">
        <v>12</v>
      </c>
      <c r="Y9203" s="2">
        <v>50</v>
      </c>
      <c r="Z9203" s="2">
        <v>173.9</v>
      </c>
      <c r="AA9203" s="5">
        <v>8</v>
      </c>
      <c r="AB9203" s="5" t="s">
        <v>43</v>
      </c>
      <c r="AC9203" s="5" t="s">
        <v>44</v>
      </c>
      <c r="AD9203" s="2" t="s">
        <v>28235</v>
      </c>
      <c r="AE9203" s="1"/>
    </row>
    <row r="9204" spans="1:31" ht="14.45">
      <c r="A9204" s="11"/>
      <c r="B9204" s="20"/>
      <c r="C9204" s="2" t="s">
        <v>28273</v>
      </c>
      <c r="D9204" s="14" t="s">
        <v>28274</v>
      </c>
      <c r="E9204" s="2" t="s">
        <v>28275</v>
      </c>
      <c r="F9204" s="2"/>
      <c r="G9204" s="8">
        <v>159</v>
      </c>
      <c r="H9204" s="5">
        <v>5</v>
      </c>
      <c r="I9204" s="5" t="s">
        <v>69</v>
      </c>
      <c r="J9204" s="5" t="s">
        <v>27074</v>
      </c>
      <c r="K9204" s="2" t="s">
        <v>27075</v>
      </c>
      <c r="L9204" s="5" t="s">
        <v>27074</v>
      </c>
      <c r="M9204" s="2" t="s">
        <v>27075</v>
      </c>
      <c r="N9204" s="5" t="s">
        <v>24254</v>
      </c>
      <c r="O9204" s="5" t="s">
        <v>38</v>
      </c>
      <c r="P9204" s="5" t="s">
        <v>39</v>
      </c>
      <c r="Q9204" s="5" t="s">
        <v>40</v>
      </c>
      <c r="R9204" s="5" t="s">
        <v>24335</v>
      </c>
      <c r="S9204" s="5" t="s">
        <v>40</v>
      </c>
      <c r="T9204" s="5" t="s">
        <v>42</v>
      </c>
      <c r="U9204" s="2">
        <v>6.2880000000000003</v>
      </c>
      <c r="V9204" s="2">
        <v>4.5069999999999997</v>
      </c>
      <c r="W9204" s="2">
        <v>0.104</v>
      </c>
      <c r="X9204" s="2">
        <v>12</v>
      </c>
      <c r="Y9204" s="2">
        <v>50</v>
      </c>
      <c r="Z9204" s="2">
        <v>173.9</v>
      </c>
      <c r="AA9204" s="5">
        <v>8</v>
      </c>
      <c r="AB9204" s="5" t="s">
        <v>43</v>
      </c>
      <c r="AC9204" s="5" t="s">
        <v>44</v>
      </c>
      <c r="AD9204" s="2" t="s">
        <v>28235</v>
      </c>
      <c r="AE9204" s="1"/>
    </row>
    <row r="9205" spans="1:31" ht="14.45">
      <c r="A9205" s="11"/>
      <c r="B9205" s="20"/>
      <c r="C9205" s="2" t="s">
        <v>28276</v>
      </c>
      <c r="D9205" s="14" t="s">
        <v>28277</v>
      </c>
      <c r="E9205" s="2" t="s">
        <v>28278</v>
      </c>
      <c r="F9205" s="2"/>
      <c r="G9205" s="8">
        <v>159</v>
      </c>
      <c r="H9205" s="5">
        <v>5</v>
      </c>
      <c r="I9205" s="5" t="s">
        <v>69</v>
      </c>
      <c r="J9205" s="5" t="s">
        <v>27074</v>
      </c>
      <c r="K9205" s="2" t="s">
        <v>27075</v>
      </c>
      <c r="L9205" s="5" t="s">
        <v>27074</v>
      </c>
      <c r="M9205" s="2" t="s">
        <v>27075</v>
      </c>
      <c r="N9205" s="5" t="s">
        <v>24254</v>
      </c>
      <c r="O9205" s="5" t="s">
        <v>38</v>
      </c>
      <c r="P9205" s="5" t="s">
        <v>39</v>
      </c>
      <c r="Q9205" s="5" t="s">
        <v>40</v>
      </c>
      <c r="R9205" s="5" t="s">
        <v>24335</v>
      </c>
      <c r="S9205" s="5" t="s">
        <v>40</v>
      </c>
      <c r="T9205" s="5" t="s">
        <v>42</v>
      </c>
      <c r="U9205" s="2">
        <v>5.4</v>
      </c>
      <c r="V9205" s="2">
        <v>3.8460000000000001</v>
      </c>
      <c r="W9205" s="2">
        <v>8.3000000000000004E-2</v>
      </c>
      <c r="X9205" s="2">
        <v>12</v>
      </c>
      <c r="Y9205" s="2">
        <v>50</v>
      </c>
      <c r="Z9205" s="2">
        <v>137.9</v>
      </c>
      <c r="AA9205" s="5">
        <v>8</v>
      </c>
      <c r="AB9205" s="5" t="s">
        <v>43</v>
      </c>
      <c r="AC9205" s="5" t="s">
        <v>44</v>
      </c>
      <c r="AD9205" s="2" t="s">
        <v>28235</v>
      </c>
      <c r="AE9205" s="1"/>
    </row>
    <row r="9206" spans="1:31" ht="14.45">
      <c r="A9206" s="11"/>
      <c r="B9206" s="20"/>
      <c r="C9206" s="2" t="s">
        <v>28279</v>
      </c>
      <c r="D9206" s="14" t="s">
        <v>28280</v>
      </c>
      <c r="E9206" s="2" t="s">
        <v>28281</v>
      </c>
      <c r="F9206" s="2"/>
      <c r="G9206" s="8">
        <v>159</v>
      </c>
      <c r="H9206" s="5">
        <v>5</v>
      </c>
      <c r="I9206" s="5" t="s">
        <v>69</v>
      </c>
      <c r="J9206" s="5" t="s">
        <v>27074</v>
      </c>
      <c r="K9206" s="2" t="s">
        <v>27075</v>
      </c>
      <c r="L9206" s="5" t="s">
        <v>27074</v>
      </c>
      <c r="M9206" s="2" t="s">
        <v>27075</v>
      </c>
      <c r="N9206" s="5" t="s">
        <v>24254</v>
      </c>
      <c r="O9206" s="5" t="s">
        <v>38</v>
      </c>
      <c r="P9206" s="5" t="s">
        <v>39</v>
      </c>
      <c r="Q9206" s="5" t="s">
        <v>40</v>
      </c>
      <c r="R9206" s="5" t="s">
        <v>24335</v>
      </c>
      <c r="S9206" s="5" t="s">
        <v>40</v>
      </c>
      <c r="T9206" s="5" t="s">
        <v>42</v>
      </c>
      <c r="U9206" s="2">
        <v>6.3090000000000002</v>
      </c>
      <c r="V9206" s="2">
        <v>3.9950000000000001</v>
      </c>
      <c r="W9206" s="2">
        <v>0.11899999999999999</v>
      </c>
      <c r="X9206" s="2">
        <v>12</v>
      </c>
      <c r="Y9206" s="2">
        <v>62</v>
      </c>
      <c r="Z9206" s="2">
        <v>159.9</v>
      </c>
      <c r="AA9206" s="5">
        <v>10</v>
      </c>
      <c r="AB9206" s="5" t="s">
        <v>43</v>
      </c>
      <c r="AC9206" s="5" t="s">
        <v>44</v>
      </c>
      <c r="AD9206" s="2" t="s">
        <v>28282</v>
      </c>
      <c r="AE9206" s="1"/>
    </row>
    <row r="9207" spans="1:31" ht="14.45">
      <c r="A9207" s="11"/>
      <c r="B9207" s="20"/>
      <c r="C9207" s="2" t="s">
        <v>28283</v>
      </c>
      <c r="D9207" s="14" t="s">
        <v>28284</v>
      </c>
      <c r="E9207" s="2" t="s">
        <v>28285</v>
      </c>
      <c r="F9207" s="2"/>
      <c r="G9207" s="8">
        <v>159</v>
      </c>
      <c r="H9207" s="5">
        <v>5</v>
      </c>
      <c r="I9207" s="5" t="s">
        <v>69</v>
      </c>
      <c r="J9207" s="5" t="s">
        <v>27074</v>
      </c>
      <c r="K9207" s="2" t="s">
        <v>27075</v>
      </c>
      <c r="L9207" s="5" t="s">
        <v>27074</v>
      </c>
      <c r="M9207" s="2" t="s">
        <v>27075</v>
      </c>
      <c r="N9207" s="5" t="s">
        <v>24254</v>
      </c>
      <c r="O9207" s="5" t="s">
        <v>38</v>
      </c>
      <c r="P9207" s="5" t="s">
        <v>39</v>
      </c>
      <c r="Q9207" s="5" t="s">
        <v>40</v>
      </c>
      <c r="R9207" s="5" t="s">
        <v>24335</v>
      </c>
      <c r="S9207" s="5" t="s">
        <v>40</v>
      </c>
      <c r="T9207" s="5" t="s">
        <v>42</v>
      </c>
      <c r="U9207" s="2">
        <v>5.524</v>
      </c>
      <c r="V9207" s="2">
        <v>3.21</v>
      </c>
      <c r="W9207" s="2">
        <v>0.11899999999999999</v>
      </c>
      <c r="X9207" s="2">
        <v>12</v>
      </c>
      <c r="Y9207" s="2">
        <v>62</v>
      </c>
      <c r="Z9207" s="2">
        <v>159.9</v>
      </c>
      <c r="AA9207" s="5">
        <v>10</v>
      </c>
      <c r="AB9207" s="5" t="s">
        <v>43</v>
      </c>
      <c r="AC9207" s="5" t="s">
        <v>44</v>
      </c>
      <c r="AD9207" s="2" t="s">
        <v>28249</v>
      </c>
      <c r="AE9207" s="1"/>
    </row>
    <row r="9208" spans="1:31" ht="14.45">
      <c r="A9208" s="11"/>
      <c r="B9208" s="20"/>
      <c r="C9208" s="2" t="s">
        <v>28286</v>
      </c>
      <c r="D9208" s="14" t="s">
        <v>28287</v>
      </c>
      <c r="E9208" s="2" t="s">
        <v>28288</v>
      </c>
      <c r="F9208" s="2"/>
      <c r="G9208" s="8">
        <v>159</v>
      </c>
      <c r="H9208" s="5">
        <v>5</v>
      </c>
      <c r="I9208" s="5" t="s">
        <v>69</v>
      </c>
      <c r="J9208" s="5" t="s">
        <v>27074</v>
      </c>
      <c r="K9208" s="2" t="s">
        <v>27075</v>
      </c>
      <c r="L9208" s="5" t="s">
        <v>27074</v>
      </c>
      <c r="M9208" s="2" t="s">
        <v>27075</v>
      </c>
      <c r="N9208" s="5" t="s">
        <v>24254</v>
      </c>
      <c r="O9208" s="5" t="s">
        <v>38</v>
      </c>
      <c r="P9208" s="5" t="s">
        <v>39</v>
      </c>
      <c r="Q9208" s="5" t="s">
        <v>40</v>
      </c>
      <c r="R9208" s="5" t="s">
        <v>24335</v>
      </c>
      <c r="S9208" s="5" t="s">
        <v>40</v>
      </c>
      <c r="T9208" s="5" t="s">
        <v>42</v>
      </c>
      <c r="U9208" s="2">
        <v>6.141</v>
      </c>
      <c r="V9208" s="2">
        <v>3.294</v>
      </c>
      <c r="W9208" s="2">
        <v>0.11899999999999999</v>
      </c>
      <c r="X9208" s="2">
        <v>12</v>
      </c>
      <c r="Y9208" s="2">
        <v>62</v>
      </c>
      <c r="Z9208" s="2">
        <v>159.9</v>
      </c>
      <c r="AA9208" s="5">
        <v>10</v>
      </c>
      <c r="AB9208" s="5" t="s">
        <v>43</v>
      </c>
      <c r="AC9208" s="5" t="s">
        <v>44</v>
      </c>
      <c r="AD9208" s="2" t="s">
        <v>28245</v>
      </c>
      <c r="AE9208" s="1"/>
    </row>
    <row r="9209" spans="1:31" ht="14.45">
      <c r="A9209" s="11"/>
      <c r="B9209" s="20"/>
      <c r="C9209" s="2" t="s">
        <v>28289</v>
      </c>
      <c r="D9209" s="14" t="s">
        <v>28290</v>
      </c>
      <c r="E9209" s="2" t="s">
        <v>28291</v>
      </c>
      <c r="F9209" s="2"/>
      <c r="G9209" s="8">
        <v>159</v>
      </c>
      <c r="H9209" s="5">
        <v>5</v>
      </c>
      <c r="I9209" s="5" t="s">
        <v>69</v>
      </c>
      <c r="J9209" s="5" t="s">
        <v>27074</v>
      </c>
      <c r="K9209" s="2" t="s">
        <v>27075</v>
      </c>
      <c r="L9209" s="5" t="s">
        <v>27074</v>
      </c>
      <c r="M9209" s="2" t="s">
        <v>27075</v>
      </c>
      <c r="N9209" s="5" t="s">
        <v>24254</v>
      </c>
      <c r="O9209" s="5" t="s">
        <v>38</v>
      </c>
      <c r="P9209" s="5" t="s">
        <v>39</v>
      </c>
      <c r="Q9209" s="5" t="s">
        <v>40</v>
      </c>
      <c r="R9209" s="5" t="s">
        <v>24335</v>
      </c>
      <c r="S9209" s="5" t="s">
        <v>40</v>
      </c>
      <c r="T9209" s="5" t="s">
        <v>42</v>
      </c>
      <c r="U9209" s="2">
        <v>6.3860000000000001</v>
      </c>
      <c r="V9209" s="2">
        <v>3.5390000000000001</v>
      </c>
      <c r="W9209" s="2">
        <v>0.11899999999999999</v>
      </c>
      <c r="X9209" s="2">
        <v>12</v>
      </c>
      <c r="Y9209" s="2">
        <v>62</v>
      </c>
      <c r="Z9209" s="2">
        <v>159.9</v>
      </c>
      <c r="AA9209" s="5">
        <v>10</v>
      </c>
      <c r="AB9209" s="5" t="s">
        <v>43</v>
      </c>
      <c r="AC9209" s="5" t="s">
        <v>44</v>
      </c>
      <c r="AD9209" s="2" t="s">
        <v>28249</v>
      </c>
      <c r="AE9209" s="1"/>
    </row>
    <row r="9210" spans="1:31" ht="14.45">
      <c r="A9210" s="11"/>
      <c r="B9210" s="20"/>
      <c r="C9210" s="2" t="s">
        <v>28292</v>
      </c>
      <c r="D9210" s="14" t="s">
        <v>28293</v>
      </c>
      <c r="E9210" s="2" t="s">
        <v>28294</v>
      </c>
      <c r="F9210" s="2"/>
      <c r="G9210" s="8">
        <v>288</v>
      </c>
      <c r="H9210" s="5">
        <v>5</v>
      </c>
      <c r="I9210" s="5" t="s">
        <v>69</v>
      </c>
      <c r="J9210" s="5" t="s">
        <v>27074</v>
      </c>
      <c r="K9210" s="2" t="s">
        <v>27075</v>
      </c>
      <c r="L9210" s="5" t="s">
        <v>27074</v>
      </c>
      <c r="M9210" s="2" t="s">
        <v>27075</v>
      </c>
      <c r="N9210" s="5" t="s">
        <v>24254</v>
      </c>
      <c r="O9210" s="5" t="s">
        <v>38</v>
      </c>
      <c r="P9210" s="5" t="s">
        <v>39</v>
      </c>
      <c r="Q9210" s="5" t="s">
        <v>40</v>
      </c>
      <c r="R9210" s="5" t="s">
        <v>24335</v>
      </c>
      <c r="S9210" s="5" t="s">
        <v>40</v>
      </c>
      <c r="T9210" s="5" t="s">
        <v>42</v>
      </c>
      <c r="U9210" s="2">
        <v>12.109</v>
      </c>
      <c r="V9210" s="2">
        <v>9.6750000000000007</v>
      </c>
      <c r="W9210" s="2">
        <v>0.16</v>
      </c>
      <c r="X9210" s="2">
        <v>12</v>
      </c>
      <c r="Y9210" s="2">
        <v>77</v>
      </c>
      <c r="Z9210" s="2">
        <v>173.4</v>
      </c>
      <c r="AA9210" s="5">
        <v>8</v>
      </c>
      <c r="AB9210" s="5" t="s">
        <v>43</v>
      </c>
      <c r="AC9210" s="5" t="s">
        <v>44</v>
      </c>
      <c r="AD9210" s="2" t="s">
        <v>28253</v>
      </c>
      <c r="AE9210" s="1"/>
    </row>
    <row r="9211" spans="1:31" ht="14.45">
      <c r="A9211" s="11"/>
      <c r="B9211" s="20"/>
      <c r="C9211" s="2" t="s">
        <v>28295</v>
      </c>
      <c r="D9211" s="14" t="s">
        <v>28296</v>
      </c>
      <c r="E9211" s="2" t="s">
        <v>28297</v>
      </c>
      <c r="F9211" s="2"/>
      <c r="G9211" s="8">
        <v>610</v>
      </c>
      <c r="H9211" s="5">
        <v>5</v>
      </c>
      <c r="I9211" s="5" t="s">
        <v>69</v>
      </c>
      <c r="J9211" s="5" t="s">
        <v>27074</v>
      </c>
      <c r="K9211" s="2" t="s">
        <v>27075</v>
      </c>
      <c r="L9211" s="5" t="s">
        <v>27074</v>
      </c>
      <c r="M9211" s="2" t="s">
        <v>27075</v>
      </c>
      <c r="N9211" s="5" t="s">
        <v>24254</v>
      </c>
      <c r="O9211" s="5" t="s">
        <v>38</v>
      </c>
      <c r="P9211" s="5" t="s">
        <v>39</v>
      </c>
      <c r="Q9211" s="5" t="s">
        <v>40</v>
      </c>
      <c r="R9211" s="5" t="s">
        <v>1487</v>
      </c>
      <c r="S9211" s="5"/>
      <c r="T9211" s="5" t="s">
        <v>42</v>
      </c>
      <c r="U9211" s="2">
        <v>0</v>
      </c>
      <c r="V9211" s="2">
        <v>0</v>
      </c>
      <c r="W9211" s="2">
        <v>0</v>
      </c>
      <c r="X9211" s="2">
        <v>0</v>
      </c>
      <c r="Y9211" s="2">
        <v>0</v>
      </c>
      <c r="Z9211" s="2">
        <v>0</v>
      </c>
      <c r="AA9211" s="5"/>
      <c r="AB9211" s="5" t="s">
        <v>43</v>
      </c>
      <c r="AC9211" s="5" t="s">
        <v>44</v>
      </c>
      <c r="AD9211" s="2" t="s">
        <v>28257</v>
      </c>
      <c r="AE9211" s="1"/>
    </row>
    <row r="9212" spans="1:31" ht="14.45">
      <c r="A9212" s="11"/>
      <c r="B9212" s="20"/>
      <c r="C9212" s="2" t="s">
        <v>28298</v>
      </c>
      <c r="D9212" s="14" t="s">
        <v>28299</v>
      </c>
      <c r="E9212" s="2" t="s">
        <v>28300</v>
      </c>
      <c r="F9212" s="2"/>
      <c r="G9212" s="8">
        <v>610</v>
      </c>
      <c r="H9212" s="5">
        <v>15</v>
      </c>
      <c r="I9212" s="5" t="s">
        <v>69</v>
      </c>
      <c r="J9212" s="5" t="s">
        <v>27074</v>
      </c>
      <c r="K9212" s="2" t="s">
        <v>27075</v>
      </c>
      <c r="L9212" s="5" t="s">
        <v>27074</v>
      </c>
      <c r="M9212" s="2" t="s">
        <v>27075</v>
      </c>
      <c r="N9212" s="5" t="s">
        <v>24254</v>
      </c>
      <c r="O9212" s="5" t="s">
        <v>38</v>
      </c>
      <c r="P9212" s="5" t="s">
        <v>39</v>
      </c>
      <c r="Q9212" s="5" t="s">
        <v>40</v>
      </c>
      <c r="R9212" s="5" t="s">
        <v>1487</v>
      </c>
      <c r="S9212" s="5"/>
      <c r="T9212" s="5" t="s">
        <v>42</v>
      </c>
      <c r="U9212" s="2">
        <v>0</v>
      </c>
      <c r="V9212" s="2">
        <v>0</v>
      </c>
      <c r="W9212" s="2">
        <v>0</v>
      </c>
      <c r="X9212" s="2">
        <v>0</v>
      </c>
      <c r="Y9212" s="2">
        <v>0</v>
      </c>
      <c r="Z9212" s="2">
        <v>0</v>
      </c>
      <c r="AA9212" s="5"/>
      <c r="AB9212" s="5" t="s">
        <v>43</v>
      </c>
      <c r="AC9212" s="5" t="s">
        <v>44</v>
      </c>
      <c r="AD9212" s="2" t="s">
        <v>28261</v>
      </c>
      <c r="AE9212" s="1"/>
    </row>
    <row r="9213" spans="1:31" ht="14.45">
      <c r="A9213" s="11"/>
      <c r="B9213" s="20"/>
      <c r="C9213" s="2" t="s">
        <v>28301</v>
      </c>
      <c r="D9213" s="14" t="s">
        <v>28302</v>
      </c>
      <c r="E9213" s="2" t="s">
        <v>28303</v>
      </c>
      <c r="F9213" s="2"/>
      <c r="G9213" s="8">
        <v>979</v>
      </c>
      <c r="H9213" s="5">
        <v>15</v>
      </c>
      <c r="I9213" s="5" t="s">
        <v>69</v>
      </c>
      <c r="J9213" s="5" t="s">
        <v>27074</v>
      </c>
      <c r="K9213" s="2" t="s">
        <v>27075</v>
      </c>
      <c r="L9213" s="5" t="s">
        <v>27074</v>
      </c>
      <c r="M9213" s="2" t="s">
        <v>27075</v>
      </c>
      <c r="N9213" s="5" t="s">
        <v>24254</v>
      </c>
      <c r="O9213" s="5" t="s">
        <v>38</v>
      </c>
      <c r="P9213" s="5" t="s">
        <v>39</v>
      </c>
      <c r="Q9213" s="5" t="s">
        <v>40</v>
      </c>
      <c r="R9213" s="5" t="s">
        <v>1487</v>
      </c>
      <c r="S9213" s="5"/>
      <c r="T9213" s="5" t="s">
        <v>42</v>
      </c>
      <c r="U9213" s="2">
        <v>0</v>
      </c>
      <c r="V9213" s="2">
        <v>0</v>
      </c>
      <c r="W9213" s="2">
        <v>0</v>
      </c>
      <c r="X9213" s="2">
        <v>0</v>
      </c>
      <c r="Y9213" s="2">
        <v>0</v>
      </c>
      <c r="Z9213" s="2">
        <v>0</v>
      </c>
      <c r="AA9213" s="5"/>
      <c r="AB9213" s="5" t="s">
        <v>43</v>
      </c>
      <c r="AC9213" s="5" t="s">
        <v>44</v>
      </c>
      <c r="AD9213" s="2" t="s">
        <v>28265</v>
      </c>
      <c r="AE9213" s="1"/>
    </row>
    <row r="9214" spans="1:31" ht="14.45">
      <c r="A9214" s="11"/>
      <c r="B9214" s="20"/>
      <c r="C9214" s="2" t="s">
        <v>28304</v>
      </c>
      <c r="D9214" s="14" t="s">
        <v>28305</v>
      </c>
      <c r="E9214" s="2" t="s">
        <v>28306</v>
      </c>
      <c r="F9214" s="2"/>
      <c r="G9214" s="8">
        <v>979</v>
      </c>
      <c r="H9214" s="5">
        <v>15</v>
      </c>
      <c r="I9214" s="5" t="s">
        <v>69</v>
      </c>
      <c r="J9214" s="5" t="s">
        <v>27074</v>
      </c>
      <c r="K9214" s="2" t="s">
        <v>27075</v>
      </c>
      <c r="L9214" s="5" t="s">
        <v>27074</v>
      </c>
      <c r="M9214" s="2" t="s">
        <v>27075</v>
      </c>
      <c r="N9214" s="5" t="s">
        <v>24254</v>
      </c>
      <c r="O9214" s="5" t="s">
        <v>38</v>
      </c>
      <c r="P9214" s="5" t="s">
        <v>39</v>
      </c>
      <c r="Q9214" s="5" t="s">
        <v>40</v>
      </c>
      <c r="R9214" s="5" t="s">
        <v>1487</v>
      </c>
      <c r="S9214" s="5"/>
      <c r="T9214" s="5" t="s">
        <v>42</v>
      </c>
      <c r="U9214" s="2">
        <v>0</v>
      </c>
      <c r="V9214" s="2">
        <v>0</v>
      </c>
      <c r="W9214" s="2">
        <v>0</v>
      </c>
      <c r="X9214" s="2">
        <v>0</v>
      </c>
      <c r="Y9214" s="2">
        <v>0</v>
      </c>
      <c r="Z9214" s="2">
        <v>0</v>
      </c>
      <c r="AA9214" s="5"/>
      <c r="AB9214" s="5" t="s">
        <v>43</v>
      </c>
      <c r="AC9214" s="5" t="s">
        <v>44</v>
      </c>
      <c r="AD9214" s="2" t="s">
        <v>28269</v>
      </c>
      <c r="AE9214" s="1"/>
    </row>
    <row r="9215" spans="1:31" ht="14.45">
      <c r="A9215" s="11"/>
      <c r="B9215" s="20"/>
      <c r="C9215" s="2" t="s">
        <v>28307</v>
      </c>
      <c r="D9215" s="14" t="s">
        <v>28308</v>
      </c>
      <c r="E9215" s="2" t="s">
        <v>28309</v>
      </c>
      <c r="F9215" s="2"/>
      <c r="G9215" s="8">
        <v>164</v>
      </c>
      <c r="H9215" s="5">
        <v>5</v>
      </c>
      <c r="I9215" s="5" t="s">
        <v>69</v>
      </c>
      <c r="J9215" s="5" t="s">
        <v>27074</v>
      </c>
      <c r="K9215" s="2" t="s">
        <v>27075</v>
      </c>
      <c r="L9215" s="5" t="s">
        <v>27074</v>
      </c>
      <c r="M9215" s="2" t="s">
        <v>27075</v>
      </c>
      <c r="N9215" s="5" t="s">
        <v>24254</v>
      </c>
      <c r="O9215" s="5" t="s">
        <v>38</v>
      </c>
      <c r="P9215" s="5" t="s">
        <v>39</v>
      </c>
      <c r="Q9215" s="5" t="s">
        <v>40</v>
      </c>
      <c r="R9215" s="5" t="s">
        <v>24335</v>
      </c>
      <c r="S9215" s="5" t="s">
        <v>40</v>
      </c>
      <c r="T9215" s="5" t="s">
        <v>42</v>
      </c>
      <c r="U9215" s="2">
        <v>8.3130000000000006</v>
      </c>
      <c r="V9215" s="2">
        <v>6.3289999999999997</v>
      </c>
      <c r="W9215" s="2">
        <v>0.104</v>
      </c>
      <c r="X9215" s="2">
        <v>12</v>
      </c>
      <c r="Y9215" s="2">
        <v>50</v>
      </c>
      <c r="Z9215" s="2">
        <v>173.9</v>
      </c>
      <c r="AA9215" s="5">
        <v>8</v>
      </c>
      <c r="AB9215" s="5" t="s">
        <v>43</v>
      </c>
      <c r="AC9215" s="5" t="s">
        <v>44</v>
      </c>
      <c r="AD9215" s="2" t="s">
        <v>28235</v>
      </c>
      <c r="AE9215" s="1"/>
    </row>
    <row r="9216" spans="1:31" ht="14.45">
      <c r="A9216" s="11"/>
      <c r="B9216" s="20"/>
      <c r="C9216" s="2" t="s">
        <v>28310</v>
      </c>
      <c r="D9216" s="14" t="s">
        <v>28311</v>
      </c>
      <c r="E9216" s="2" t="s">
        <v>28312</v>
      </c>
      <c r="F9216" s="2"/>
      <c r="G9216" s="8">
        <v>164</v>
      </c>
      <c r="H9216" s="5">
        <v>5</v>
      </c>
      <c r="I9216" s="5" t="s">
        <v>69</v>
      </c>
      <c r="J9216" s="5" t="s">
        <v>27074</v>
      </c>
      <c r="K9216" s="2" t="s">
        <v>27075</v>
      </c>
      <c r="L9216" s="5" t="s">
        <v>27074</v>
      </c>
      <c r="M9216" s="2" t="s">
        <v>27075</v>
      </c>
      <c r="N9216" s="5" t="s">
        <v>24254</v>
      </c>
      <c r="O9216" s="5" t="s">
        <v>38</v>
      </c>
      <c r="P9216" s="5" t="s">
        <v>39</v>
      </c>
      <c r="Q9216" s="5" t="s">
        <v>40</v>
      </c>
      <c r="R9216" s="5" t="s">
        <v>24335</v>
      </c>
      <c r="S9216" s="5" t="s">
        <v>40</v>
      </c>
      <c r="T9216" s="5" t="s">
        <v>42</v>
      </c>
      <c r="U9216" s="2">
        <v>6.649</v>
      </c>
      <c r="V9216" s="2">
        <v>4.8680000000000003</v>
      </c>
      <c r="W9216" s="2">
        <v>0.104</v>
      </c>
      <c r="X9216" s="2">
        <v>12</v>
      </c>
      <c r="Y9216" s="2">
        <v>50</v>
      </c>
      <c r="Z9216" s="2">
        <v>173.9</v>
      </c>
      <c r="AA9216" s="5">
        <v>8</v>
      </c>
      <c r="AB9216" s="5" t="s">
        <v>43</v>
      </c>
      <c r="AC9216" s="5" t="s">
        <v>44</v>
      </c>
      <c r="AD9216" s="2" t="s">
        <v>28235</v>
      </c>
      <c r="AE9216" s="1"/>
    </row>
    <row r="9217" spans="1:31" ht="14.45">
      <c r="A9217" s="11"/>
      <c r="B9217" s="20"/>
      <c r="C9217" s="2" t="s">
        <v>28313</v>
      </c>
      <c r="D9217" s="14" t="s">
        <v>28314</v>
      </c>
      <c r="E9217" s="2" t="s">
        <v>28315</v>
      </c>
      <c r="F9217" s="2"/>
      <c r="G9217" s="8">
        <v>164</v>
      </c>
      <c r="H9217" s="5">
        <v>5</v>
      </c>
      <c r="I9217" s="5" t="s">
        <v>69</v>
      </c>
      <c r="J9217" s="5" t="s">
        <v>27074</v>
      </c>
      <c r="K9217" s="2" t="s">
        <v>27075</v>
      </c>
      <c r="L9217" s="5" t="s">
        <v>27074</v>
      </c>
      <c r="M9217" s="2" t="s">
        <v>27075</v>
      </c>
      <c r="N9217" s="5" t="s">
        <v>24254</v>
      </c>
      <c r="O9217" s="5" t="s">
        <v>38</v>
      </c>
      <c r="P9217" s="5" t="s">
        <v>39</v>
      </c>
      <c r="Q9217" s="5" t="s">
        <v>40</v>
      </c>
      <c r="R9217" s="5" t="s">
        <v>24335</v>
      </c>
      <c r="S9217" s="5" t="s">
        <v>40</v>
      </c>
      <c r="T9217" s="5" t="s">
        <v>42</v>
      </c>
      <c r="U9217" s="2">
        <v>5.9130000000000003</v>
      </c>
      <c r="V9217" s="2">
        <v>4.2309999999999999</v>
      </c>
      <c r="W9217" s="2">
        <v>8.3000000000000004E-2</v>
      </c>
      <c r="X9217" s="2">
        <v>12</v>
      </c>
      <c r="Y9217" s="2">
        <v>50</v>
      </c>
      <c r="Z9217" s="2">
        <v>137.9</v>
      </c>
      <c r="AA9217" s="5">
        <v>8</v>
      </c>
      <c r="AB9217" s="5" t="s">
        <v>43</v>
      </c>
      <c r="AC9217" s="5" t="s">
        <v>44</v>
      </c>
      <c r="AD9217" s="2" t="s">
        <v>28235</v>
      </c>
      <c r="AE9217" s="1"/>
    </row>
    <row r="9218" spans="1:31" ht="14.45">
      <c r="A9218" s="11"/>
      <c r="B9218" s="20"/>
      <c r="C9218" s="2" t="s">
        <v>28316</v>
      </c>
      <c r="D9218" s="14" t="s">
        <v>28317</v>
      </c>
      <c r="E9218" s="2" t="s">
        <v>28318</v>
      </c>
      <c r="F9218" s="2"/>
      <c r="G9218" s="8">
        <v>164</v>
      </c>
      <c r="H9218" s="5">
        <v>5</v>
      </c>
      <c r="I9218" s="5" t="s">
        <v>69</v>
      </c>
      <c r="J9218" s="5" t="s">
        <v>27074</v>
      </c>
      <c r="K9218" s="2" t="s">
        <v>27075</v>
      </c>
      <c r="L9218" s="5" t="s">
        <v>27074</v>
      </c>
      <c r="M9218" s="2" t="s">
        <v>27075</v>
      </c>
      <c r="N9218" s="5" t="s">
        <v>24254</v>
      </c>
      <c r="O9218" s="5" t="s">
        <v>38</v>
      </c>
      <c r="P9218" s="5" t="s">
        <v>39</v>
      </c>
      <c r="Q9218" s="5" t="s">
        <v>40</v>
      </c>
      <c r="R9218" s="5" t="s">
        <v>24335</v>
      </c>
      <c r="S9218" s="5" t="s">
        <v>40</v>
      </c>
      <c r="T9218" s="5" t="s">
        <v>42</v>
      </c>
      <c r="U9218" s="2">
        <v>6.7190000000000003</v>
      </c>
      <c r="V9218" s="2">
        <v>4.2770000000000001</v>
      </c>
      <c r="W9218" s="2">
        <v>0.11899999999999999</v>
      </c>
      <c r="X9218" s="2">
        <v>12</v>
      </c>
      <c r="Y9218" s="2">
        <v>62</v>
      </c>
      <c r="Z9218" s="2">
        <v>159.9</v>
      </c>
      <c r="AA9218" s="5">
        <v>10</v>
      </c>
      <c r="AB9218" s="5" t="s">
        <v>43</v>
      </c>
      <c r="AC9218" s="5" t="s">
        <v>44</v>
      </c>
      <c r="AD9218" s="2" t="s">
        <v>28319</v>
      </c>
      <c r="AE9218" s="1"/>
    </row>
    <row r="9219" spans="1:31" ht="14.45">
      <c r="A9219" s="11"/>
      <c r="B9219" s="20"/>
      <c r="C9219" s="2" t="s">
        <v>28320</v>
      </c>
      <c r="D9219" s="14" t="s">
        <v>28321</v>
      </c>
      <c r="E9219" s="2" t="s">
        <v>28322</v>
      </c>
      <c r="F9219" s="2"/>
      <c r="G9219" s="8">
        <v>164</v>
      </c>
      <c r="H9219" s="5">
        <v>5</v>
      </c>
      <c r="I9219" s="5" t="s">
        <v>69</v>
      </c>
      <c r="J9219" s="5" t="s">
        <v>27074</v>
      </c>
      <c r="K9219" s="2" t="s">
        <v>27075</v>
      </c>
      <c r="L9219" s="5" t="s">
        <v>27074</v>
      </c>
      <c r="M9219" s="2" t="s">
        <v>27075</v>
      </c>
      <c r="N9219" s="5" t="s">
        <v>24254</v>
      </c>
      <c r="O9219" s="5" t="s">
        <v>38</v>
      </c>
      <c r="P9219" s="5" t="s">
        <v>39</v>
      </c>
      <c r="Q9219" s="5" t="s">
        <v>40</v>
      </c>
      <c r="R9219" s="5" t="s">
        <v>24335</v>
      </c>
      <c r="S9219" s="5" t="s">
        <v>40</v>
      </c>
      <c r="T9219" s="5" t="s">
        <v>42</v>
      </c>
      <c r="U9219" s="2">
        <v>5.8</v>
      </c>
      <c r="V9219" s="2">
        <v>3.3580000000000001</v>
      </c>
      <c r="W9219" s="2">
        <v>0.11899999999999999</v>
      </c>
      <c r="X9219" s="2">
        <v>12</v>
      </c>
      <c r="Y9219" s="2">
        <v>62</v>
      </c>
      <c r="Z9219" s="2">
        <v>159.9</v>
      </c>
      <c r="AA9219" s="5">
        <v>10</v>
      </c>
      <c r="AB9219" s="5" t="s">
        <v>43</v>
      </c>
      <c r="AC9219" s="5" t="s">
        <v>44</v>
      </c>
      <c r="AD9219" s="2" t="s">
        <v>28245</v>
      </c>
      <c r="AE9219" s="1"/>
    </row>
    <row r="9220" spans="1:31" ht="14.45">
      <c r="A9220" s="11"/>
      <c r="B9220" s="20"/>
      <c r="C9220" s="2" t="s">
        <v>28323</v>
      </c>
      <c r="D9220" s="14" t="s">
        <v>28324</v>
      </c>
      <c r="E9220" s="2" t="s">
        <v>28325</v>
      </c>
      <c r="F9220" s="2"/>
      <c r="G9220" s="8">
        <v>164</v>
      </c>
      <c r="H9220" s="5">
        <v>5</v>
      </c>
      <c r="I9220" s="5" t="s">
        <v>69</v>
      </c>
      <c r="J9220" s="5" t="s">
        <v>27074</v>
      </c>
      <c r="K9220" s="2" t="s">
        <v>27075</v>
      </c>
      <c r="L9220" s="5" t="s">
        <v>27074</v>
      </c>
      <c r="M9220" s="2" t="s">
        <v>27075</v>
      </c>
      <c r="N9220" s="5" t="s">
        <v>24254</v>
      </c>
      <c r="O9220" s="5" t="s">
        <v>38</v>
      </c>
      <c r="P9220" s="5" t="s">
        <v>39</v>
      </c>
      <c r="Q9220" s="5" t="s">
        <v>40</v>
      </c>
      <c r="R9220" s="5" t="s">
        <v>24335</v>
      </c>
      <c r="S9220" s="5" t="s">
        <v>40</v>
      </c>
      <c r="T9220" s="5" t="s">
        <v>42</v>
      </c>
      <c r="U9220" s="2">
        <v>6.702</v>
      </c>
      <c r="V9220" s="2">
        <v>3.7269999999999999</v>
      </c>
      <c r="W9220" s="2">
        <v>0.11899999999999999</v>
      </c>
      <c r="X9220" s="2">
        <v>12</v>
      </c>
      <c r="Y9220" s="2">
        <v>62</v>
      </c>
      <c r="Z9220" s="2">
        <v>159.9</v>
      </c>
      <c r="AA9220" s="5">
        <v>10</v>
      </c>
      <c r="AB9220" s="5" t="s">
        <v>43</v>
      </c>
      <c r="AC9220" s="5" t="s">
        <v>44</v>
      </c>
      <c r="AD9220" s="2" t="s">
        <v>28245</v>
      </c>
      <c r="AE9220" s="1"/>
    </row>
    <row r="9221" spans="1:31" ht="14.45">
      <c r="A9221" s="11"/>
      <c r="B9221" s="20"/>
      <c r="C9221" s="2" t="s">
        <v>28326</v>
      </c>
      <c r="D9221" s="14" t="s">
        <v>28327</v>
      </c>
      <c r="E9221" s="2" t="s">
        <v>28328</v>
      </c>
      <c r="F9221" s="2"/>
      <c r="G9221" s="8">
        <v>164</v>
      </c>
      <c r="H9221" s="5">
        <v>5</v>
      </c>
      <c r="I9221" s="5" t="s">
        <v>69</v>
      </c>
      <c r="J9221" s="5" t="s">
        <v>27074</v>
      </c>
      <c r="K9221" s="2" t="s">
        <v>27075</v>
      </c>
      <c r="L9221" s="5" t="s">
        <v>27074</v>
      </c>
      <c r="M9221" s="2" t="s">
        <v>27075</v>
      </c>
      <c r="N9221" s="5" t="s">
        <v>24254</v>
      </c>
      <c r="O9221" s="5" t="s">
        <v>38</v>
      </c>
      <c r="P9221" s="5" t="s">
        <v>39</v>
      </c>
      <c r="Q9221" s="5" t="s">
        <v>40</v>
      </c>
      <c r="R9221" s="5" t="s">
        <v>24335</v>
      </c>
      <c r="S9221" s="5" t="s">
        <v>40</v>
      </c>
      <c r="T9221" s="5" t="s">
        <v>42</v>
      </c>
      <c r="U9221" s="2">
        <v>6.9470000000000001</v>
      </c>
      <c r="V9221" s="2">
        <v>3.972</v>
      </c>
      <c r="W9221" s="2">
        <v>0.11899999999999999</v>
      </c>
      <c r="X9221" s="2">
        <v>12</v>
      </c>
      <c r="Y9221" s="2">
        <v>62</v>
      </c>
      <c r="Z9221" s="2">
        <v>159.9</v>
      </c>
      <c r="AA9221" s="5">
        <v>10</v>
      </c>
      <c r="AB9221" s="5" t="s">
        <v>43</v>
      </c>
      <c r="AC9221" s="5" t="s">
        <v>44</v>
      </c>
      <c r="AD9221" s="2" t="s">
        <v>28249</v>
      </c>
      <c r="AE9221" s="1"/>
    </row>
    <row r="9222" spans="1:31" ht="14.45">
      <c r="A9222" s="11"/>
      <c r="B9222" s="20"/>
      <c r="C9222" s="2" t="s">
        <v>28329</v>
      </c>
      <c r="D9222" s="14" t="s">
        <v>28330</v>
      </c>
      <c r="E9222" s="2" t="s">
        <v>28331</v>
      </c>
      <c r="F9222" s="2"/>
      <c r="G9222" s="8">
        <v>298</v>
      </c>
      <c r="H9222" s="5">
        <v>5</v>
      </c>
      <c r="I9222" s="5" t="s">
        <v>69</v>
      </c>
      <c r="J9222" s="5" t="s">
        <v>27074</v>
      </c>
      <c r="K9222" s="2" t="s">
        <v>27075</v>
      </c>
      <c r="L9222" s="5" t="s">
        <v>27074</v>
      </c>
      <c r="M9222" s="2" t="s">
        <v>27075</v>
      </c>
      <c r="N9222" s="5" t="s">
        <v>24254</v>
      </c>
      <c r="O9222" s="5" t="s">
        <v>38</v>
      </c>
      <c r="P9222" s="5" t="s">
        <v>39</v>
      </c>
      <c r="Q9222" s="5" t="s">
        <v>40</v>
      </c>
      <c r="R9222" s="5" t="s">
        <v>24335</v>
      </c>
      <c r="S9222" s="5" t="s">
        <v>40</v>
      </c>
      <c r="T9222" s="5" t="s">
        <v>42</v>
      </c>
      <c r="U9222" s="2">
        <v>12.898</v>
      </c>
      <c r="V9222" s="2">
        <v>10.433999999999999</v>
      </c>
      <c r="W9222" s="2">
        <v>0.16</v>
      </c>
      <c r="X9222" s="2">
        <v>12</v>
      </c>
      <c r="Y9222" s="2">
        <v>77</v>
      </c>
      <c r="Z9222" s="2">
        <v>173.4</v>
      </c>
      <c r="AA9222" s="5">
        <v>8</v>
      </c>
      <c r="AB9222" s="5" t="s">
        <v>43</v>
      </c>
      <c r="AC9222" s="5" t="s">
        <v>44</v>
      </c>
      <c r="AD9222" s="2" t="s">
        <v>28253</v>
      </c>
      <c r="AE9222" s="1"/>
    </row>
    <row r="9223" spans="1:31" ht="14.45">
      <c r="A9223" s="11"/>
      <c r="B9223" s="20"/>
      <c r="C9223" s="2" t="s">
        <v>28332</v>
      </c>
      <c r="D9223" s="14" t="s">
        <v>28333</v>
      </c>
      <c r="E9223" s="2" t="s">
        <v>28334</v>
      </c>
      <c r="F9223" s="2"/>
      <c r="G9223" s="8">
        <v>632</v>
      </c>
      <c r="H9223" s="5">
        <v>5</v>
      </c>
      <c r="I9223" s="5" t="s">
        <v>69</v>
      </c>
      <c r="J9223" s="5" t="s">
        <v>27074</v>
      </c>
      <c r="K9223" s="2" t="s">
        <v>27075</v>
      </c>
      <c r="L9223" s="5" t="s">
        <v>27074</v>
      </c>
      <c r="M9223" s="2" t="s">
        <v>27075</v>
      </c>
      <c r="N9223" s="5" t="s">
        <v>24254</v>
      </c>
      <c r="O9223" s="5" t="s">
        <v>38</v>
      </c>
      <c r="P9223" s="5" t="s">
        <v>39</v>
      </c>
      <c r="Q9223" s="5" t="s">
        <v>40</v>
      </c>
      <c r="R9223" s="5" t="s">
        <v>1487</v>
      </c>
      <c r="S9223" s="5"/>
      <c r="T9223" s="5" t="s">
        <v>42</v>
      </c>
      <c r="U9223" s="2">
        <v>0</v>
      </c>
      <c r="V9223" s="2">
        <v>0</v>
      </c>
      <c r="W9223" s="2">
        <v>0</v>
      </c>
      <c r="X9223" s="2">
        <v>0</v>
      </c>
      <c r="Y9223" s="2">
        <v>0</v>
      </c>
      <c r="Z9223" s="2">
        <v>0</v>
      </c>
      <c r="AA9223" s="5"/>
      <c r="AB9223" s="5" t="s">
        <v>43</v>
      </c>
      <c r="AC9223" s="5" t="s">
        <v>44</v>
      </c>
      <c r="AD9223" s="2" t="s">
        <v>28257</v>
      </c>
      <c r="AE9223" s="1"/>
    </row>
    <row r="9224" spans="1:31" ht="14.45">
      <c r="A9224" s="11"/>
      <c r="B9224" s="20"/>
      <c r="C9224" s="2" t="s">
        <v>28335</v>
      </c>
      <c r="D9224" s="14" t="s">
        <v>28336</v>
      </c>
      <c r="E9224" s="2" t="s">
        <v>28337</v>
      </c>
      <c r="F9224" s="2"/>
      <c r="G9224" s="8">
        <v>632</v>
      </c>
      <c r="H9224" s="5">
        <v>15</v>
      </c>
      <c r="I9224" s="5" t="s">
        <v>69</v>
      </c>
      <c r="J9224" s="5" t="s">
        <v>27074</v>
      </c>
      <c r="K9224" s="2" t="s">
        <v>27075</v>
      </c>
      <c r="L9224" s="5" t="s">
        <v>27074</v>
      </c>
      <c r="M9224" s="2" t="s">
        <v>27075</v>
      </c>
      <c r="N9224" s="5" t="s">
        <v>24254</v>
      </c>
      <c r="O9224" s="5" t="s">
        <v>38</v>
      </c>
      <c r="P9224" s="5" t="s">
        <v>39</v>
      </c>
      <c r="Q9224" s="5" t="s">
        <v>40</v>
      </c>
      <c r="R9224" s="5" t="s">
        <v>1487</v>
      </c>
      <c r="S9224" s="5"/>
      <c r="T9224" s="5" t="s">
        <v>42</v>
      </c>
      <c r="U9224" s="2">
        <v>0</v>
      </c>
      <c r="V9224" s="2">
        <v>0</v>
      </c>
      <c r="W9224" s="2">
        <v>0</v>
      </c>
      <c r="X9224" s="2">
        <v>0</v>
      </c>
      <c r="Y9224" s="2">
        <v>0</v>
      </c>
      <c r="Z9224" s="2">
        <v>0</v>
      </c>
      <c r="AA9224" s="5"/>
      <c r="AB9224" s="5" t="s">
        <v>43</v>
      </c>
      <c r="AC9224" s="5" t="s">
        <v>44</v>
      </c>
      <c r="AD9224" s="2" t="s">
        <v>28261</v>
      </c>
      <c r="AE9224" s="1"/>
    </row>
    <row r="9225" spans="1:31" ht="14.45">
      <c r="A9225" s="11"/>
      <c r="B9225" s="20"/>
      <c r="C9225" s="2" t="s">
        <v>28338</v>
      </c>
      <c r="D9225" s="14" t="s">
        <v>28339</v>
      </c>
      <c r="E9225" s="2" t="s">
        <v>28340</v>
      </c>
      <c r="F9225" s="2"/>
      <c r="G9225" s="8">
        <v>1018</v>
      </c>
      <c r="H9225" s="5">
        <v>15</v>
      </c>
      <c r="I9225" s="5" t="s">
        <v>69</v>
      </c>
      <c r="J9225" s="5" t="s">
        <v>27074</v>
      </c>
      <c r="K9225" s="2" t="s">
        <v>27075</v>
      </c>
      <c r="L9225" s="5" t="s">
        <v>27074</v>
      </c>
      <c r="M9225" s="2" t="s">
        <v>27075</v>
      </c>
      <c r="N9225" s="5" t="s">
        <v>24254</v>
      </c>
      <c r="O9225" s="5" t="s">
        <v>38</v>
      </c>
      <c r="P9225" s="5" t="s">
        <v>39</v>
      </c>
      <c r="Q9225" s="5" t="s">
        <v>40</v>
      </c>
      <c r="R9225" s="5" t="s">
        <v>1487</v>
      </c>
      <c r="S9225" s="5"/>
      <c r="T9225" s="5" t="s">
        <v>42</v>
      </c>
      <c r="U9225" s="2">
        <v>0</v>
      </c>
      <c r="V9225" s="2">
        <v>0</v>
      </c>
      <c r="W9225" s="2">
        <v>0</v>
      </c>
      <c r="X9225" s="2">
        <v>0</v>
      </c>
      <c r="Y9225" s="2">
        <v>0</v>
      </c>
      <c r="Z9225" s="2">
        <v>0</v>
      </c>
      <c r="AA9225" s="5"/>
      <c r="AB9225" s="5" t="s">
        <v>43</v>
      </c>
      <c r="AC9225" s="5" t="s">
        <v>44</v>
      </c>
      <c r="AD9225" s="2" t="s">
        <v>28265</v>
      </c>
      <c r="AE9225" s="1"/>
    </row>
    <row r="9226" spans="1:31" ht="14.45">
      <c r="A9226" s="11"/>
      <c r="B9226" s="20"/>
      <c r="C9226" s="2" t="s">
        <v>28341</v>
      </c>
      <c r="D9226" s="14" t="s">
        <v>28342</v>
      </c>
      <c r="E9226" s="2" t="s">
        <v>28343</v>
      </c>
      <c r="F9226" s="2"/>
      <c r="G9226" s="8">
        <v>1018</v>
      </c>
      <c r="H9226" s="5">
        <v>15</v>
      </c>
      <c r="I9226" s="5" t="s">
        <v>69</v>
      </c>
      <c r="J9226" s="5" t="s">
        <v>27074</v>
      </c>
      <c r="K9226" s="2" t="s">
        <v>27075</v>
      </c>
      <c r="L9226" s="5" t="s">
        <v>27074</v>
      </c>
      <c r="M9226" s="2" t="s">
        <v>27075</v>
      </c>
      <c r="N9226" s="5" t="s">
        <v>24254</v>
      </c>
      <c r="O9226" s="5" t="s">
        <v>38</v>
      </c>
      <c r="P9226" s="5" t="s">
        <v>39</v>
      </c>
      <c r="Q9226" s="5" t="s">
        <v>40</v>
      </c>
      <c r="R9226" s="5" t="s">
        <v>1487</v>
      </c>
      <c r="S9226" s="5"/>
      <c r="T9226" s="5" t="s">
        <v>42</v>
      </c>
      <c r="U9226" s="2">
        <v>0</v>
      </c>
      <c r="V9226" s="2">
        <v>0</v>
      </c>
      <c r="W9226" s="2">
        <v>0</v>
      </c>
      <c r="X9226" s="2">
        <v>0</v>
      </c>
      <c r="Y9226" s="2">
        <v>0</v>
      </c>
      <c r="Z9226" s="2">
        <v>0</v>
      </c>
      <c r="AA9226" s="5"/>
      <c r="AB9226" s="5" t="s">
        <v>43</v>
      </c>
      <c r="AC9226" s="5" t="s">
        <v>44</v>
      </c>
      <c r="AD9226" s="2" t="s">
        <v>28269</v>
      </c>
      <c r="AE9226" s="1"/>
    </row>
    <row r="9227" spans="1:31" ht="14.45">
      <c r="A9227" s="11"/>
      <c r="B9227" s="20"/>
      <c r="C9227" s="2" t="s">
        <v>28344</v>
      </c>
      <c r="D9227" s="14" t="s">
        <v>28345</v>
      </c>
      <c r="E9227" s="2" t="s">
        <v>28346</v>
      </c>
      <c r="F9227" s="2"/>
      <c r="G9227" s="8">
        <v>164</v>
      </c>
      <c r="H9227" s="5">
        <v>5</v>
      </c>
      <c r="I9227" s="5" t="s">
        <v>69</v>
      </c>
      <c r="J9227" s="5" t="s">
        <v>27074</v>
      </c>
      <c r="K9227" s="2" t="s">
        <v>27075</v>
      </c>
      <c r="L9227" s="5" t="s">
        <v>27074</v>
      </c>
      <c r="M9227" s="2" t="s">
        <v>27075</v>
      </c>
      <c r="N9227" s="5" t="s">
        <v>24254</v>
      </c>
      <c r="O9227" s="5" t="s">
        <v>38</v>
      </c>
      <c r="P9227" s="5" t="s">
        <v>39</v>
      </c>
      <c r="Q9227" s="5" t="s">
        <v>40</v>
      </c>
      <c r="R9227" s="5" t="s">
        <v>24335</v>
      </c>
      <c r="S9227" s="5" t="s">
        <v>40</v>
      </c>
      <c r="T9227" s="5" t="s">
        <v>42</v>
      </c>
      <c r="U9227" s="2">
        <v>8.4269999999999996</v>
      </c>
      <c r="V9227" s="2">
        <v>6.3550000000000004</v>
      </c>
      <c r="W9227" s="2">
        <v>0.11600000000000001</v>
      </c>
      <c r="X9227" s="2">
        <v>12</v>
      </c>
      <c r="Y9227" s="2">
        <v>50</v>
      </c>
      <c r="Z9227" s="2">
        <v>193.9</v>
      </c>
      <c r="AA9227" s="5">
        <v>8</v>
      </c>
      <c r="AB9227" s="5" t="s">
        <v>43</v>
      </c>
      <c r="AC9227" s="5" t="s">
        <v>44</v>
      </c>
      <c r="AD9227" s="2" t="s">
        <v>28235</v>
      </c>
      <c r="AE9227" s="1"/>
    </row>
    <row r="9228" spans="1:31" ht="14.45">
      <c r="A9228" s="11"/>
      <c r="B9228" s="20"/>
      <c r="C9228" s="2" t="s">
        <v>28347</v>
      </c>
      <c r="D9228" s="14" t="s">
        <v>28348</v>
      </c>
      <c r="E9228" s="2" t="s">
        <v>28349</v>
      </c>
      <c r="F9228" s="2"/>
      <c r="G9228" s="8">
        <v>164</v>
      </c>
      <c r="H9228" s="5">
        <v>5</v>
      </c>
      <c r="I9228" s="5" t="s">
        <v>69</v>
      </c>
      <c r="J9228" s="5" t="s">
        <v>27074</v>
      </c>
      <c r="K9228" s="2" t="s">
        <v>27075</v>
      </c>
      <c r="L9228" s="5" t="s">
        <v>27074</v>
      </c>
      <c r="M9228" s="2" t="s">
        <v>27075</v>
      </c>
      <c r="N9228" s="5" t="s">
        <v>24254</v>
      </c>
      <c r="O9228" s="5" t="s">
        <v>38</v>
      </c>
      <c r="P9228" s="5" t="s">
        <v>39</v>
      </c>
      <c r="Q9228" s="5" t="s">
        <v>40</v>
      </c>
      <c r="R9228" s="5" t="s">
        <v>24335</v>
      </c>
      <c r="S9228" s="5" t="s">
        <v>40</v>
      </c>
      <c r="T9228" s="5" t="s">
        <v>42</v>
      </c>
      <c r="U9228" s="2">
        <v>6.7519999999999998</v>
      </c>
      <c r="V9228" s="2">
        <v>4.7549999999999999</v>
      </c>
      <c r="W9228" s="2">
        <v>0.11600000000000001</v>
      </c>
      <c r="X9228" s="2">
        <v>12</v>
      </c>
      <c r="Y9228" s="2">
        <v>50</v>
      </c>
      <c r="Z9228" s="2">
        <v>193.9</v>
      </c>
      <c r="AA9228" s="5">
        <v>8</v>
      </c>
      <c r="AB9228" s="5" t="s">
        <v>43</v>
      </c>
      <c r="AC9228" s="5" t="s">
        <v>44</v>
      </c>
      <c r="AD9228" s="2" t="s">
        <v>28235</v>
      </c>
      <c r="AE9228" s="1"/>
    </row>
    <row r="9229" spans="1:31" ht="14.45">
      <c r="A9229" s="11"/>
      <c r="B9229" s="20"/>
      <c r="C9229" s="2" t="s">
        <v>28350</v>
      </c>
      <c r="D9229" s="14" t="s">
        <v>28351</v>
      </c>
      <c r="E9229" s="2" t="s">
        <v>28352</v>
      </c>
      <c r="F9229" s="2"/>
      <c r="G9229" s="8">
        <v>164</v>
      </c>
      <c r="H9229" s="5">
        <v>5</v>
      </c>
      <c r="I9229" s="5" t="s">
        <v>69</v>
      </c>
      <c r="J9229" s="5" t="s">
        <v>27074</v>
      </c>
      <c r="K9229" s="2" t="s">
        <v>27075</v>
      </c>
      <c r="L9229" s="5" t="s">
        <v>27074</v>
      </c>
      <c r="M9229" s="2" t="s">
        <v>27075</v>
      </c>
      <c r="N9229" s="5" t="s">
        <v>24254</v>
      </c>
      <c r="O9229" s="5" t="s">
        <v>38</v>
      </c>
      <c r="P9229" s="5" t="s">
        <v>39</v>
      </c>
      <c r="Q9229" s="5" t="s">
        <v>40</v>
      </c>
      <c r="R9229" s="5" t="s">
        <v>24335</v>
      </c>
      <c r="S9229" s="5" t="s">
        <v>40</v>
      </c>
      <c r="T9229" s="5" t="s">
        <v>42</v>
      </c>
      <c r="U9229" s="2">
        <v>5.81</v>
      </c>
      <c r="V9229" s="2">
        <v>4.1120000000000001</v>
      </c>
      <c r="W9229" s="2">
        <v>9.2999999999999999E-2</v>
      </c>
      <c r="X9229" s="2">
        <v>12</v>
      </c>
      <c r="Y9229" s="2">
        <v>50</v>
      </c>
      <c r="Z9229" s="2">
        <v>154.4</v>
      </c>
      <c r="AA9229" s="5">
        <v>8</v>
      </c>
      <c r="AB9229" s="5" t="s">
        <v>43</v>
      </c>
      <c r="AC9229" s="5" t="s">
        <v>44</v>
      </c>
      <c r="AD9229" s="2" t="s">
        <v>28235</v>
      </c>
      <c r="AE9229" s="1"/>
    </row>
    <row r="9230" spans="1:31" ht="14.45">
      <c r="A9230" s="11"/>
      <c r="B9230" s="20"/>
      <c r="C9230" s="2" t="s">
        <v>28353</v>
      </c>
      <c r="D9230" s="14" t="s">
        <v>28354</v>
      </c>
      <c r="E9230" s="2" t="s">
        <v>28355</v>
      </c>
      <c r="F9230" s="2"/>
      <c r="G9230" s="8">
        <v>164</v>
      </c>
      <c r="H9230" s="5">
        <v>5</v>
      </c>
      <c r="I9230" s="5" t="s">
        <v>69</v>
      </c>
      <c r="J9230" s="5" t="s">
        <v>27074</v>
      </c>
      <c r="K9230" s="2" t="s">
        <v>27075</v>
      </c>
      <c r="L9230" s="5" t="s">
        <v>27074</v>
      </c>
      <c r="M9230" s="2" t="s">
        <v>27075</v>
      </c>
      <c r="N9230" s="5" t="s">
        <v>24254</v>
      </c>
      <c r="O9230" s="5" t="s">
        <v>38</v>
      </c>
      <c r="P9230" s="5" t="s">
        <v>39</v>
      </c>
      <c r="Q9230" s="5" t="s">
        <v>40</v>
      </c>
      <c r="R9230" s="5" t="s">
        <v>24335</v>
      </c>
      <c r="S9230" s="5" t="s">
        <v>40</v>
      </c>
      <c r="T9230" s="5" t="s">
        <v>42</v>
      </c>
      <c r="U9230" s="2">
        <v>6.72</v>
      </c>
      <c r="V9230" s="2">
        <v>3.9279999999999999</v>
      </c>
      <c r="W9230" s="2">
        <v>0.14899999999999999</v>
      </c>
      <c r="X9230" s="2">
        <v>12</v>
      </c>
      <c r="Y9230" s="2">
        <v>62</v>
      </c>
      <c r="Z9230" s="2">
        <v>199.7</v>
      </c>
      <c r="AA9230" s="5">
        <v>10</v>
      </c>
      <c r="AB9230" s="5" t="s">
        <v>43</v>
      </c>
      <c r="AC9230" s="5" t="s">
        <v>44</v>
      </c>
      <c r="AD9230" s="2" t="s">
        <v>28319</v>
      </c>
      <c r="AE9230" s="1"/>
    </row>
    <row r="9231" spans="1:31" ht="14.45">
      <c r="A9231" s="11"/>
      <c r="B9231" s="20"/>
      <c r="C9231" s="2" t="s">
        <v>28356</v>
      </c>
      <c r="D9231" s="14" t="s">
        <v>28357</v>
      </c>
      <c r="E9231" s="2" t="s">
        <v>28358</v>
      </c>
      <c r="F9231" s="2"/>
      <c r="G9231" s="8">
        <v>164</v>
      </c>
      <c r="H9231" s="5">
        <v>5</v>
      </c>
      <c r="I9231" s="5" t="s">
        <v>69</v>
      </c>
      <c r="J9231" s="5" t="s">
        <v>27074</v>
      </c>
      <c r="K9231" s="2" t="s">
        <v>27075</v>
      </c>
      <c r="L9231" s="5" t="s">
        <v>27074</v>
      </c>
      <c r="M9231" s="2" t="s">
        <v>27075</v>
      </c>
      <c r="N9231" s="5" t="s">
        <v>24254</v>
      </c>
      <c r="O9231" s="5" t="s">
        <v>38</v>
      </c>
      <c r="P9231" s="5" t="s">
        <v>39</v>
      </c>
      <c r="Q9231" s="5" t="s">
        <v>40</v>
      </c>
      <c r="R9231" s="5" t="s">
        <v>24335</v>
      </c>
      <c r="S9231" s="5" t="s">
        <v>40</v>
      </c>
      <c r="T9231" s="5" t="s">
        <v>42</v>
      </c>
      <c r="U9231" s="2">
        <v>6.9779999999999998</v>
      </c>
      <c r="V9231" s="2">
        <v>4.1859999999999999</v>
      </c>
      <c r="W9231" s="2">
        <v>0.14899999999999999</v>
      </c>
      <c r="X9231" s="2">
        <v>12</v>
      </c>
      <c r="Y9231" s="2">
        <v>62</v>
      </c>
      <c r="Z9231" s="2">
        <v>199.7</v>
      </c>
      <c r="AA9231" s="5">
        <v>10</v>
      </c>
      <c r="AB9231" s="5" t="s">
        <v>43</v>
      </c>
      <c r="AC9231" s="5" t="s">
        <v>44</v>
      </c>
      <c r="AD9231" s="2" t="s">
        <v>28282</v>
      </c>
      <c r="AE9231" s="1"/>
    </row>
    <row r="9232" spans="1:31" ht="14.45">
      <c r="A9232" s="11"/>
      <c r="B9232" s="20"/>
      <c r="C9232" s="2" t="s">
        <v>28359</v>
      </c>
      <c r="D9232" s="14" t="s">
        <v>28360</v>
      </c>
      <c r="E9232" s="2" t="s">
        <v>28361</v>
      </c>
      <c r="F9232" s="2"/>
      <c r="G9232" s="8">
        <v>164</v>
      </c>
      <c r="H9232" s="5">
        <v>5</v>
      </c>
      <c r="I9232" s="5" t="s">
        <v>69</v>
      </c>
      <c r="J9232" s="5" t="s">
        <v>27074</v>
      </c>
      <c r="K9232" s="2" t="s">
        <v>27075</v>
      </c>
      <c r="L9232" s="5" t="s">
        <v>27074</v>
      </c>
      <c r="M9232" s="2" t="s">
        <v>27075</v>
      </c>
      <c r="N9232" s="5" t="s">
        <v>24254</v>
      </c>
      <c r="O9232" s="5" t="s">
        <v>38</v>
      </c>
      <c r="P9232" s="5" t="s">
        <v>39</v>
      </c>
      <c r="Q9232" s="5" t="s">
        <v>40</v>
      </c>
      <c r="R9232" s="5" t="s">
        <v>24335</v>
      </c>
      <c r="S9232" s="5" t="s">
        <v>40</v>
      </c>
      <c r="T9232" s="5" t="s">
        <v>42</v>
      </c>
      <c r="U9232" s="2">
        <v>5.6059999999999999</v>
      </c>
      <c r="V9232" s="2">
        <v>3.1360000000000001</v>
      </c>
      <c r="W9232" s="2">
        <v>0.129</v>
      </c>
      <c r="X9232" s="2">
        <v>12</v>
      </c>
      <c r="Y9232" s="2">
        <v>62</v>
      </c>
      <c r="Z9232" s="2">
        <v>172.9</v>
      </c>
      <c r="AA9232" s="5">
        <v>10</v>
      </c>
      <c r="AB9232" s="5" t="s">
        <v>43</v>
      </c>
      <c r="AC9232" s="5" t="s">
        <v>44</v>
      </c>
      <c r="AD9232" s="2" t="s">
        <v>28245</v>
      </c>
      <c r="AE9232" s="1"/>
    </row>
    <row r="9233" spans="1:31" ht="14.45">
      <c r="A9233" s="11"/>
      <c r="B9233" s="20"/>
      <c r="C9233" s="2" t="s">
        <v>28362</v>
      </c>
      <c r="D9233" s="14" t="s">
        <v>28363</v>
      </c>
      <c r="E9233" s="2" t="s">
        <v>28364</v>
      </c>
      <c r="F9233" s="2"/>
      <c r="G9233" s="8">
        <v>164</v>
      </c>
      <c r="H9233" s="5">
        <v>5</v>
      </c>
      <c r="I9233" s="5" t="s">
        <v>69</v>
      </c>
      <c r="J9233" s="5" t="s">
        <v>27074</v>
      </c>
      <c r="K9233" s="2" t="s">
        <v>27075</v>
      </c>
      <c r="L9233" s="5" t="s">
        <v>27074</v>
      </c>
      <c r="M9233" s="2" t="s">
        <v>27075</v>
      </c>
      <c r="N9233" s="5" t="s">
        <v>24254</v>
      </c>
      <c r="O9233" s="5" t="s">
        <v>38</v>
      </c>
      <c r="P9233" s="5" t="s">
        <v>39</v>
      </c>
      <c r="Q9233" s="5" t="s">
        <v>40</v>
      </c>
      <c r="R9233" s="5" t="s">
        <v>24335</v>
      </c>
      <c r="S9233" s="5" t="s">
        <v>40</v>
      </c>
      <c r="T9233" s="5" t="s">
        <v>42</v>
      </c>
      <c r="U9233" s="2">
        <v>5.8710000000000004</v>
      </c>
      <c r="V9233" s="2">
        <v>3.4009999999999998</v>
      </c>
      <c r="W9233" s="2">
        <v>0.129</v>
      </c>
      <c r="X9233" s="2">
        <v>12</v>
      </c>
      <c r="Y9233" s="2">
        <v>62</v>
      </c>
      <c r="Z9233" s="2">
        <v>172.9</v>
      </c>
      <c r="AA9233" s="5">
        <v>10</v>
      </c>
      <c r="AB9233" s="5" t="s">
        <v>43</v>
      </c>
      <c r="AC9233" s="5" t="s">
        <v>44</v>
      </c>
      <c r="AD9233" s="2" t="s">
        <v>28249</v>
      </c>
      <c r="AE9233" s="1"/>
    </row>
    <row r="9234" spans="1:31" ht="14.45">
      <c r="A9234" s="11"/>
      <c r="B9234" s="20"/>
      <c r="C9234" s="2" t="s">
        <v>28365</v>
      </c>
      <c r="D9234" s="14" t="s">
        <v>28366</v>
      </c>
      <c r="E9234" s="2" t="s">
        <v>28367</v>
      </c>
      <c r="F9234" s="2"/>
      <c r="G9234" s="8">
        <v>164</v>
      </c>
      <c r="H9234" s="5">
        <v>5</v>
      </c>
      <c r="I9234" s="5" t="s">
        <v>69</v>
      </c>
      <c r="J9234" s="5" t="s">
        <v>27074</v>
      </c>
      <c r="K9234" s="2" t="s">
        <v>27075</v>
      </c>
      <c r="L9234" s="5" t="s">
        <v>27074</v>
      </c>
      <c r="M9234" s="2" t="s">
        <v>27075</v>
      </c>
      <c r="N9234" s="5" t="s">
        <v>24254</v>
      </c>
      <c r="O9234" s="5" t="s">
        <v>38</v>
      </c>
      <c r="P9234" s="5" t="s">
        <v>39</v>
      </c>
      <c r="Q9234" s="5" t="s">
        <v>40</v>
      </c>
      <c r="R9234" s="5" t="s">
        <v>24335</v>
      </c>
      <c r="S9234" s="5" t="s">
        <v>40</v>
      </c>
      <c r="T9234" s="5" t="s">
        <v>42</v>
      </c>
      <c r="U9234" s="2">
        <v>6.2960000000000003</v>
      </c>
      <c r="V9234" s="2">
        <v>3.4380000000000002</v>
      </c>
      <c r="W9234" s="2">
        <v>0.14899999999999999</v>
      </c>
      <c r="X9234" s="2">
        <v>12</v>
      </c>
      <c r="Y9234" s="2">
        <v>62</v>
      </c>
      <c r="Z9234" s="2">
        <v>199.7</v>
      </c>
      <c r="AA9234" s="5">
        <v>10</v>
      </c>
      <c r="AB9234" s="5" t="s">
        <v>43</v>
      </c>
      <c r="AC9234" s="5" t="s">
        <v>44</v>
      </c>
      <c r="AD9234" s="2" t="s">
        <v>28245</v>
      </c>
      <c r="AE9234" s="1"/>
    </row>
    <row r="9235" spans="1:31" ht="14.45">
      <c r="A9235" s="11"/>
      <c r="B9235" s="20"/>
      <c r="C9235" s="2" t="s">
        <v>28368</v>
      </c>
      <c r="D9235" s="14" t="s">
        <v>28369</v>
      </c>
      <c r="E9235" s="2" t="s">
        <v>28370</v>
      </c>
      <c r="F9235" s="2"/>
      <c r="G9235" s="8">
        <v>164</v>
      </c>
      <c r="H9235" s="5">
        <v>5</v>
      </c>
      <c r="I9235" s="5" t="s">
        <v>69</v>
      </c>
      <c r="J9235" s="5" t="s">
        <v>27074</v>
      </c>
      <c r="K9235" s="2" t="s">
        <v>27075</v>
      </c>
      <c r="L9235" s="5" t="s">
        <v>27074</v>
      </c>
      <c r="M9235" s="2" t="s">
        <v>27075</v>
      </c>
      <c r="N9235" s="5" t="s">
        <v>24254</v>
      </c>
      <c r="O9235" s="5" t="s">
        <v>38</v>
      </c>
      <c r="P9235" s="5" t="s">
        <v>39</v>
      </c>
      <c r="Q9235" s="5" t="s">
        <v>40</v>
      </c>
      <c r="R9235" s="5" t="s">
        <v>24335</v>
      </c>
      <c r="S9235" s="5" t="s">
        <v>40</v>
      </c>
      <c r="T9235" s="5" t="s">
        <v>42</v>
      </c>
      <c r="U9235" s="2">
        <v>6.5709999999999997</v>
      </c>
      <c r="V9235" s="2">
        <v>3.7130000000000001</v>
      </c>
      <c r="W9235" s="2">
        <v>0.14899999999999999</v>
      </c>
      <c r="X9235" s="2">
        <v>12</v>
      </c>
      <c r="Y9235" s="2">
        <v>62</v>
      </c>
      <c r="Z9235" s="2">
        <v>199.7</v>
      </c>
      <c r="AA9235" s="5">
        <v>10</v>
      </c>
      <c r="AB9235" s="5" t="s">
        <v>43</v>
      </c>
      <c r="AC9235" s="5" t="s">
        <v>44</v>
      </c>
      <c r="AD9235" s="2" t="s">
        <v>28249</v>
      </c>
      <c r="AE9235" s="1"/>
    </row>
    <row r="9236" spans="1:31" ht="14.45">
      <c r="A9236" s="11"/>
      <c r="B9236" s="20"/>
      <c r="C9236" s="2" t="s">
        <v>28371</v>
      </c>
      <c r="D9236" s="14" t="s">
        <v>28372</v>
      </c>
      <c r="E9236" s="2" t="s">
        <v>28373</v>
      </c>
      <c r="F9236" s="2"/>
      <c r="G9236" s="8">
        <v>298</v>
      </c>
      <c r="H9236" s="5">
        <v>5</v>
      </c>
      <c r="I9236" s="5" t="s">
        <v>69</v>
      </c>
      <c r="J9236" s="5" t="s">
        <v>27074</v>
      </c>
      <c r="K9236" s="2" t="s">
        <v>27075</v>
      </c>
      <c r="L9236" s="5" t="s">
        <v>27074</v>
      </c>
      <c r="M9236" s="2" t="s">
        <v>27075</v>
      </c>
      <c r="N9236" s="5" t="s">
        <v>24254</v>
      </c>
      <c r="O9236" s="5" t="s">
        <v>38</v>
      </c>
      <c r="P9236" s="5" t="s">
        <v>39</v>
      </c>
      <c r="Q9236" s="5" t="s">
        <v>40</v>
      </c>
      <c r="R9236" s="5" t="s">
        <v>24335</v>
      </c>
      <c r="S9236" s="5" t="s">
        <v>40</v>
      </c>
      <c r="T9236" s="5" t="s">
        <v>42</v>
      </c>
      <c r="U9236" s="2">
        <v>12.641</v>
      </c>
      <c r="V9236" s="2">
        <v>10.207000000000001</v>
      </c>
      <c r="W9236" s="2">
        <v>0.16</v>
      </c>
      <c r="X9236" s="2">
        <v>12</v>
      </c>
      <c r="Y9236" s="2">
        <v>77</v>
      </c>
      <c r="Z9236" s="2">
        <v>173.4</v>
      </c>
      <c r="AA9236" s="5">
        <v>8</v>
      </c>
      <c r="AB9236" s="5" t="s">
        <v>43</v>
      </c>
      <c r="AC9236" s="5" t="s">
        <v>44</v>
      </c>
      <c r="AD9236" s="2" t="s">
        <v>28253</v>
      </c>
      <c r="AE9236" s="1"/>
    </row>
    <row r="9237" spans="1:31" ht="14.45">
      <c r="A9237" s="11"/>
      <c r="B9237" s="20"/>
      <c r="C9237" s="2" t="s">
        <v>28374</v>
      </c>
      <c r="D9237" s="14" t="s">
        <v>28375</v>
      </c>
      <c r="E9237" s="2" t="s">
        <v>28376</v>
      </c>
      <c r="F9237" s="2"/>
      <c r="G9237" s="8">
        <v>623</v>
      </c>
      <c r="H9237" s="5">
        <v>5</v>
      </c>
      <c r="I9237" s="5" t="s">
        <v>69</v>
      </c>
      <c r="J9237" s="5" t="s">
        <v>27074</v>
      </c>
      <c r="K9237" s="2" t="s">
        <v>27075</v>
      </c>
      <c r="L9237" s="5" t="s">
        <v>27074</v>
      </c>
      <c r="M9237" s="2" t="s">
        <v>27075</v>
      </c>
      <c r="N9237" s="5" t="s">
        <v>24254</v>
      </c>
      <c r="O9237" s="5" t="s">
        <v>38</v>
      </c>
      <c r="P9237" s="5" t="s">
        <v>39</v>
      </c>
      <c r="Q9237" s="5" t="s">
        <v>40</v>
      </c>
      <c r="R9237" s="5" t="s">
        <v>1487</v>
      </c>
      <c r="S9237" s="5"/>
      <c r="T9237" s="5" t="s">
        <v>42</v>
      </c>
      <c r="U9237" s="2">
        <v>0</v>
      </c>
      <c r="V9237" s="2">
        <v>0</v>
      </c>
      <c r="W9237" s="2">
        <v>0</v>
      </c>
      <c r="X9237" s="2">
        <v>0</v>
      </c>
      <c r="Y9237" s="2">
        <v>0</v>
      </c>
      <c r="Z9237" s="2">
        <v>0</v>
      </c>
      <c r="AA9237" s="5"/>
      <c r="AB9237" s="5" t="s">
        <v>43</v>
      </c>
      <c r="AC9237" s="5" t="s">
        <v>44</v>
      </c>
      <c r="AD9237" s="2" t="s">
        <v>28257</v>
      </c>
      <c r="AE9237" s="1"/>
    </row>
    <row r="9238" spans="1:31" ht="14.45">
      <c r="A9238" s="11"/>
      <c r="B9238" s="20"/>
      <c r="C9238" s="2" t="s">
        <v>28377</v>
      </c>
      <c r="D9238" s="14" t="s">
        <v>28378</v>
      </c>
      <c r="E9238" s="2" t="s">
        <v>28379</v>
      </c>
      <c r="F9238" s="2"/>
      <c r="G9238" s="8">
        <v>623</v>
      </c>
      <c r="H9238" s="5">
        <v>15</v>
      </c>
      <c r="I9238" s="5" t="s">
        <v>69</v>
      </c>
      <c r="J9238" s="5" t="s">
        <v>27074</v>
      </c>
      <c r="K9238" s="2" t="s">
        <v>27075</v>
      </c>
      <c r="L9238" s="5" t="s">
        <v>27074</v>
      </c>
      <c r="M9238" s="2" t="s">
        <v>27075</v>
      </c>
      <c r="N9238" s="5" t="s">
        <v>24254</v>
      </c>
      <c r="O9238" s="5" t="s">
        <v>38</v>
      </c>
      <c r="P9238" s="5" t="s">
        <v>39</v>
      </c>
      <c r="Q9238" s="5" t="s">
        <v>40</v>
      </c>
      <c r="R9238" s="5" t="s">
        <v>1487</v>
      </c>
      <c r="S9238" s="5"/>
      <c r="T9238" s="5" t="s">
        <v>42</v>
      </c>
      <c r="U9238" s="2">
        <v>0</v>
      </c>
      <c r="V9238" s="2">
        <v>0</v>
      </c>
      <c r="W9238" s="2">
        <v>0</v>
      </c>
      <c r="X9238" s="2">
        <v>0</v>
      </c>
      <c r="Y9238" s="2">
        <v>0</v>
      </c>
      <c r="Z9238" s="2">
        <v>0</v>
      </c>
      <c r="AA9238" s="5"/>
      <c r="AB9238" s="5" t="s">
        <v>43</v>
      </c>
      <c r="AC9238" s="5" t="s">
        <v>44</v>
      </c>
      <c r="AD9238" s="2" t="s">
        <v>28261</v>
      </c>
      <c r="AE9238" s="1"/>
    </row>
    <row r="9239" spans="1:31" ht="14.45">
      <c r="A9239" s="11"/>
      <c r="B9239" s="20"/>
      <c r="C9239" s="2" t="s">
        <v>28380</v>
      </c>
      <c r="D9239" s="14" t="s">
        <v>28381</v>
      </c>
      <c r="E9239" s="2" t="s">
        <v>28382</v>
      </c>
      <c r="F9239" s="2"/>
      <c r="G9239" s="8">
        <v>1044</v>
      </c>
      <c r="H9239" s="5">
        <v>15</v>
      </c>
      <c r="I9239" s="5" t="s">
        <v>69</v>
      </c>
      <c r="J9239" s="5" t="s">
        <v>27074</v>
      </c>
      <c r="K9239" s="2" t="s">
        <v>27075</v>
      </c>
      <c r="L9239" s="5" t="s">
        <v>27074</v>
      </c>
      <c r="M9239" s="2" t="s">
        <v>27075</v>
      </c>
      <c r="N9239" s="5" t="s">
        <v>24254</v>
      </c>
      <c r="O9239" s="5" t="s">
        <v>38</v>
      </c>
      <c r="P9239" s="5" t="s">
        <v>39</v>
      </c>
      <c r="Q9239" s="5" t="s">
        <v>40</v>
      </c>
      <c r="R9239" s="5" t="s">
        <v>1487</v>
      </c>
      <c r="S9239" s="5"/>
      <c r="T9239" s="5" t="s">
        <v>42</v>
      </c>
      <c r="U9239" s="2">
        <v>0</v>
      </c>
      <c r="V9239" s="2">
        <v>0</v>
      </c>
      <c r="W9239" s="2">
        <v>0</v>
      </c>
      <c r="X9239" s="2">
        <v>0</v>
      </c>
      <c r="Y9239" s="2">
        <v>0</v>
      </c>
      <c r="Z9239" s="2">
        <v>0</v>
      </c>
      <c r="AA9239" s="5"/>
      <c r="AB9239" s="5" t="s">
        <v>43</v>
      </c>
      <c r="AC9239" s="5" t="s">
        <v>44</v>
      </c>
      <c r="AD9239" s="2" t="s">
        <v>28265</v>
      </c>
      <c r="AE9239" s="1"/>
    </row>
    <row r="9240" spans="1:31" ht="14.45">
      <c r="A9240" s="11"/>
      <c r="B9240" s="20"/>
      <c r="C9240" s="2" t="s">
        <v>28383</v>
      </c>
      <c r="D9240" s="14" t="s">
        <v>28384</v>
      </c>
      <c r="E9240" s="2" t="s">
        <v>28385</v>
      </c>
      <c r="F9240" s="2"/>
      <c r="G9240" s="8">
        <v>1044</v>
      </c>
      <c r="H9240" s="5">
        <v>15</v>
      </c>
      <c r="I9240" s="5" t="s">
        <v>69</v>
      </c>
      <c r="J9240" s="5" t="s">
        <v>27074</v>
      </c>
      <c r="K9240" s="2" t="s">
        <v>27075</v>
      </c>
      <c r="L9240" s="5" t="s">
        <v>27074</v>
      </c>
      <c r="M9240" s="2" t="s">
        <v>27075</v>
      </c>
      <c r="N9240" s="5" t="s">
        <v>24254</v>
      </c>
      <c r="O9240" s="5" t="s">
        <v>38</v>
      </c>
      <c r="P9240" s="5" t="s">
        <v>39</v>
      </c>
      <c r="Q9240" s="5" t="s">
        <v>40</v>
      </c>
      <c r="R9240" s="5" t="s">
        <v>1487</v>
      </c>
      <c r="S9240" s="5"/>
      <c r="T9240" s="5" t="s">
        <v>42</v>
      </c>
      <c r="U9240" s="2">
        <v>0</v>
      </c>
      <c r="V9240" s="2">
        <v>0</v>
      </c>
      <c r="W9240" s="2">
        <v>0</v>
      </c>
      <c r="X9240" s="2">
        <v>0</v>
      </c>
      <c r="Y9240" s="2">
        <v>0</v>
      </c>
      <c r="Z9240" s="2">
        <v>0</v>
      </c>
      <c r="AA9240" s="5"/>
      <c r="AB9240" s="5" t="s">
        <v>43</v>
      </c>
      <c r="AC9240" s="5" t="s">
        <v>44</v>
      </c>
      <c r="AD9240" s="2" t="s">
        <v>28269</v>
      </c>
      <c r="AE9240" s="1"/>
    </row>
    <row r="9241" spans="1:31" ht="14.45">
      <c r="A9241" s="11"/>
      <c r="B9241" s="20"/>
      <c r="C9241" s="2" t="s">
        <v>28386</v>
      </c>
      <c r="D9241" s="14" t="s">
        <v>28387</v>
      </c>
      <c r="E9241" s="2" t="s">
        <v>28388</v>
      </c>
      <c r="F9241" s="2"/>
      <c r="G9241" s="8">
        <v>179</v>
      </c>
      <c r="H9241" s="5">
        <v>5</v>
      </c>
      <c r="I9241" s="5" t="s">
        <v>69</v>
      </c>
      <c r="J9241" s="5" t="s">
        <v>27074</v>
      </c>
      <c r="K9241" s="2" t="s">
        <v>27075</v>
      </c>
      <c r="L9241" s="5" t="s">
        <v>27074</v>
      </c>
      <c r="M9241" s="2" t="s">
        <v>27075</v>
      </c>
      <c r="N9241" s="5" t="s">
        <v>24254</v>
      </c>
      <c r="O9241" s="5" t="s">
        <v>38</v>
      </c>
      <c r="P9241" s="5" t="s">
        <v>39</v>
      </c>
      <c r="Q9241" s="5" t="s">
        <v>40</v>
      </c>
      <c r="R9241" s="5" t="s">
        <v>24335</v>
      </c>
      <c r="S9241" s="5" t="s">
        <v>40</v>
      </c>
      <c r="T9241" s="5" t="s">
        <v>42</v>
      </c>
      <c r="U9241" s="2">
        <v>9.0619999999999994</v>
      </c>
      <c r="V9241" s="2">
        <v>6.8620000000000001</v>
      </c>
      <c r="W9241" s="2">
        <v>0.11600000000000001</v>
      </c>
      <c r="X9241" s="2">
        <v>12</v>
      </c>
      <c r="Y9241" s="2">
        <v>50</v>
      </c>
      <c r="Z9241" s="2">
        <v>193.9</v>
      </c>
      <c r="AA9241" s="5">
        <v>8</v>
      </c>
      <c r="AB9241" s="5" t="s">
        <v>43</v>
      </c>
      <c r="AC9241" s="5" t="s">
        <v>44</v>
      </c>
      <c r="AD9241" s="2" t="s">
        <v>28235</v>
      </c>
      <c r="AE9241" s="1"/>
    </row>
    <row r="9242" spans="1:31" ht="14.45">
      <c r="A9242" s="11"/>
      <c r="B9242" s="20"/>
      <c r="C9242" s="2" t="s">
        <v>28389</v>
      </c>
      <c r="D9242" s="14" t="s">
        <v>28390</v>
      </c>
      <c r="E9242" s="2" t="s">
        <v>28391</v>
      </c>
      <c r="F9242" s="2"/>
      <c r="G9242" s="8">
        <v>179</v>
      </c>
      <c r="H9242" s="5">
        <v>5</v>
      </c>
      <c r="I9242" s="5" t="s">
        <v>69</v>
      </c>
      <c r="J9242" s="5" t="s">
        <v>27074</v>
      </c>
      <c r="K9242" s="2" t="s">
        <v>27075</v>
      </c>
      <c r="L9242" s="5" t="s">
        <v>27074</v>
      </c>
      <c r="M9242" s="2" t="s">
        <v>27075</v>
      </c>
      <c r="N9242" s="5" t="s">
        <v>24254</v>
      </c>
      <c r="O9242" s="5" t="s">
        <v>38</v>
      </c>
      <c r="P9242" s="5" t="s">
        <v>39</v>
      </c>
      <c r="Q9242" s="5" t="s">
        <v>40</v>
      </c>
      <c r="R9242" s="5" t="s">
        <v>24335</v>
      </c>
      <c r="S9242" s="5" t="s">
        <v>40</v>
      </c>
      <c r="T9242" s="5" t="s">
        <v>42</v>
      </c>
      <c r="U9242" s="2">
        <v>7.1139999999999999</v>
      </c>
      <c r="V9242" s="2">
        <v>5.117</v>
      </c>
      <c r="W9242" s="2">
        <v>0.11600000000000001</v>
      </c>
      <c r="X9242" s="2">
        <v>12</v>
      </c>
      <c r="Y9242" s="2">
        <v>50</v>
      </c>
      <c r="Z9242" s="2">
        <v>193.9</v>
      </c>
      <c r="AA9242" s="5">
        <v>8</v>
      </c>
      <c r="AB9242" s="5" t="s">
        <v>43</v>
      </c>
      <c r="AC9242" s="5" t="s">
        <v>44</v>
      </c>
      <c r="AD9242" s="2" t="s">
        <v>28235</v>
      </c>
      <c r="AE9242" s="1"/>
    </row>
    <row r="9243" spans="1:31" ht="14.45">
      <c r="A9243" s="11"/>
      <c r="B9243" s="20"/>
      <c r="C9243" s="2" t="s">
        <v>28392</v>
      </c>
      <c r="D9243" s="14" t="s">
        <v>28393</v>
      </c>
      <c r="E9243" s="2" t="s">
        <v>28394</v>
      </c>
      <c r="F9243" s="2"/>
      <c r="G9243" s="8">
        <v>179</v>
      </c>
      <c r="H9243" s="5">
        <v>5</v>
      </c>
      <c r="I9243" s="5" t="s">
        <v>69</v>
      </c>
      <c r="J9243" s="5" t="s">
        <v>27074</v>
      </c>
      <c r="K9243" s="2" t="s">
        <v>27075</v>
      </c>
      <c r="L9243" s="5" t="s">
        <v>27074</v>
      </c>
      <c r="M9243" s="2" t="s">
        <v>27075</v>
      </c>
      <c r="N9243" s="5" t="s">
        <v>24254</v>
      </c>
      <c r="O9243" s="5" t="s">
        <v>38</v>
      </c>
      <c r="P9243" s="5" t="s">
        <v>39</v>
      </c>
      <c r="Q9243" s="5" t="s">
        <v>40</v>
      </c>
      <c r="R9243" s="5" t="s">
        <v>24335</v>
      </c>
      <c r="S9243" s="5" t="s">
        <v>40</v>
      </c>
      <c r="T9243" s="5" t="s">
        <v>42</v>
      </c>
      <c r="U9243" s="2">
        <v>6.3239999999999998</v>
      </c>
      <c r="V9243" s="2">
        <v>4.4980000000000002</v>
      </c>
      <c r="W9243" s="2">
        <v>9.2999999999999999E-2</v>
      </c>
      <c r="X9243" s="2">
        <v>12</v>
      </c>
      <c r="Y9243" s="2">
        <v>50</v>
      </c>
      <c r="Z9243" s="2">
        <v>154.4</v>
      </c>
      <c r="AA9243" s="5">
        <v>8</v>
      </c>
      <c r="AB9243" s="5" t="s">
        <v>43</v>
      </c>
      <c r="AC9243" s="5" t="s">
        <v>44</v>
      </c>
      <c r="AD9243" s="2" t="s">
        <v>28235</v>
      </c>
      <c r="AE9243" s="1"/>
    </row>
    <row r="9244" spans="1:31" ht="14.45">
      <c r="A9244" s="11"/>
      <c r="B9244" s="20"/>
      <c r="C9244" s="2" t="s">
        <v>28395</v>
      </c>
      <c r="D9244" s="14" t="s">
        <v>28396</v>
      </c>
      <c r="E9244" s="2" t="s">
        <v>28397</v>
      </c>
      <c r="F9244" s="2"/>
      <c r="G9244" s="8">
        <v>179</v>
      </c>
      <c r="H9244" s="5">
        <v>5</v>
      </c>
      <c r="I9244" s="5" t="s">
        <v>69</v>
      </c>
      <c r="J9244" s="5" t="s">
        <v>27074</v>
      </c>
      <c r="K9244" s="2" t="s">
        <v>27075</v>
      </c>
      <c r="L9244" s="5" t="s">
        <v>27074</v>
      </c>
      <c r="M9244" s="2" t="s">
        <v>27075</v>
      </c>
      <c r="N9244" s="5" t="s">
        <v>24254</v>
      </c>
      <c r="O9244" s="5" t="s">
        <v>38</v>
      </c>
      <c r="P9244" s="5" t="s">
        <v>39</v>
      </c>
      <c r="Q9244" s="5" t="s">
        <v>40</v>
      </c>
      <c r="R9244" s="5" t="s">
        <v>24335</v>
      </c>
      <c r="S9244" s="5" t="s">
        <v>40</v>
      </c>
      <c r="T9244" s="5" t="s">
        <v>42</v>
      </c>
      <c r="U9244" s="2">
        <v>7.359</v>
      </c>
      <c r="V9244" s="2">
        <v>4.4390000000000001</v>
      </c>
      <c r="W9244" s="2">
        <v>0.14899999999999999</v>
      </c>
      <c r="X9244" s="2">
        <v>12</v>
      </c>
      <c r="Y9244" s="2">
        <v>62</v>
      </c>
      <c r="Z9244" s="2">
        <v>199.7</v>
      </c>
      <c r="AA9244" s="5">
        <v>10</v>
      </c>
      <c r="AB9244" s="5" t="s">
        <v>43</v>
      </c>
      <c r="AC9244" s="5" t="s">
        <v>44</v>
      </c>
      <c r="AD9244" s="2" t="s">
        <v>28319</v>
      </c>
      <c r="AE9244" s="1"/>
    </row>
    <row r="9245" spans="1:31" ht="14.45">
      <c r="A9245" s="11"/>
      <c r="B9245" s="20"/>
      <c r="C9245" s="2" t="s">
        <v>28398</v>
      </c>
      <c r="D9245" s="14" t="s">
        <v>28399</v>
      </c>
      <c r="E9245" s="2" t="s">
        <v>28400</v>
      </c>
      <c r="F9245" s="2"/>
      <c r="G9245" s="8">
        <v>179</v>
      </c>
      <c r="H9245" s="5">
        <v>5</v>
      </c>
      <c r="I9245" s="5" t="s">
        <v>69</v>
      </c>
      <c r="J9245" s="5" t="s">
        <v>27074</v>
      </c>
      <c r="K9245" s="2" t="s">
        <v>27075</v>
      </c>
      <c r="L9245" s="5" t="s">
        <v>27074</v>
      </c>
      <c r="M9245" s="2" t="s">
        <v>27075</v>
      </c>
      <c r="N9245" s="5" t="s">
        <v>24254</v>
      </c>
      <c r="O9245" s="5" t="s">
        <v>38</v>
      </c>
      <c r="P9245" s="5" t="s">
        <v>39</v>
      </c>
      <c r="Q9245" s="5" t="s">
        <v>40</v>
      </c>
      <c r="R9245" s="5" t="s">
        <v>24335</v>
      </c>
      <c r="S9245" s="5" t="s">
        <v>40</v>
      </c>
      <c r="T9245" s="5" t="s">
        <v>42</v>
      </c>
      <c r="U9245" s="2">
        <v>7.617</v>
      </c>
      <c r="V9245" s="2">
        <v>4.6970000000000001</v>
      </c>
      <c r="W9245" s="2">
        <v>0.14899999999999999</v>
      </c>
      <c r="X9245" s="2">
        <v>12</v>
      </c>
      <c r="Y9245" s="2">
        <v>62</v>
      </c>
      <c r="Z9245" s="2">
        <v>199.7</v>
      </c>
      <c r="AA9245" s="5">
        <v>10</v>
      </c>
      <c r="AB9245" s="5" t="s">
        <v>43</v>
      </c>
      <c r="AC9245" s="5" t="s">
        <v>44</v>
      </c>
      <c r="AD9245" s="2" t="s">
        <v>28282</v>
      </c>
      <c r="AE9245" s="1"/>
    </row>
    <row r="9246" spans="1:31" ht="14.45">
      <c r="A9246" s="11"/>
      <c r="B9246" s="20"/>
      <c r="C9246" s="2" t="s">
        <v>28401</v>
      </c>
      <c r="D9246" s="14" t="s">
        <v>28402</v>
      </c>
      <c r="E9246" s="2" t="s">
        <v>28403</v>
      </c>
      <c r="F9246" s="2"/>
      <c r="G9246" s="8">
        <v>179</v>
      </c>
      <c r="H9246" s="5">
        <v>5</v>
      </c>
      <c r="I9246" s="5" t="s">
        <v>69</v>
      </c>
      <c r="J9246" s="5" t="s">
        <v>27074</v>
      </c>
      <c r="K9246" s="2" t="s">
        <v>27075</v>
      </c>
      <c r="L9246" s="5" t="s">
        <v>27074</v>
      </c>
      <c r="M9246" s="2" t="s">
        <v>27075</v>
      </c>
      <c r="N9246" s="5" t="s">
        <v>24254</v>
      </c>
      <c r="O9246" s="5" t="s">
        <v>38</v>
      </c>
      <c r="P9246" s="5" t="s">
        <v>39</v>
      </c>
      <c r="Q9246" s="5" t="s">
        <v>40</v>
      </c>
      <c r="R9246" s="5" t="s">
        <v>24335</v>
      </c>
      <c r="S9246" s="5" t="s">
        <v>40</v>
      </c>
      <c r="T9246" s="5" t="s">
        <v>42</v>
      </c>
      <c r="U9246" s="2">
        <v>6.1180000000000003</v>
      </c>
      <c r="V9246" s="2">
        <v>3.52</v>
      </c>
      <c r="W9246" s="2">
        <v>0.129</v>
      </c>
      <c r="X9246" s="2">
        <v>12</v>
      </c>
      <c r="Y9246" s="2">
        <v>62</v>
      </c>
      <c r="Z9246" s="2">
        <v>172.9</v>
      </c>
      <c r="AA9246" s="5">
        <v>10</v>
      </c>
      <c r="AB9246" s="5" t="s">
        <v>43</v>
      </c>
      <c r="AC9246" s="5" t="s">
        <v>44</v>
      </c>
      <c r="AD9246" s="2" t="s">
        <v>28245</v>
      </c>
      <c r="AE9246" s="1"/>
    </row>
    <row r="9247" spans="1:31" ht="14.45">
      <c r="A9247" s="11"/>
      <c r="B9247" s="20"/>
      <c r="C9247" s="2" t="s">
        <v>28404</v>
      </c>
      <c r="D9247" s="14" t="s">
        <v>28405</v>
      </c>
      <c r="E9247" s="2" t="s">
        <v>28406</v>
      </c>
      <c r="F9247" s="2"/>
      <c r="G9247" s="8">
        <v>179</v>
      </c>
      <c r="H9247" s="5">
        <v>5</v>
      </c>
      <c r="I9247" s="5" t="s">
        <v>69</v>
      </c>
      <c r="J9247" s="5" t="s">
        <v>27074</v>
      </c>
      <c r="K9247" s="2" t="s">
        <v>27075</v>
      </c>
      <c r="L9247" s="5" t="s">
        <v>27074</v>
      </c>
      <c r="M9247" s="2" t="s">
        <v>27075</v>
      </c>
      <c r="N9247" s="5" t="s">
        <v>24254</v>
      </c>
      <c r="O9247" s="5" t="s">
        <v>38</v>
      </c>
      <c r="P9247" s="5" t="s">
        <v>39</v>
      </c>
      <c r="Q9247" s="5" t="s">
        <v>40</v>
      </c>
      <c r="R9247" s="5" t="s">
        <v>24335</v>
      </c>
      <c r="S9247" s="5" t="s">
        <v>40</v>
      </c>
      <c r="T9247" s="5" t="s">
        <v>42</v>
      </c>
      <c r="U9247" s="2">
        <v>6.383</v>
      </c>
      <c r="V9247" s="2">
        <v>3.7850000000000001</v>
      </c>
      <c r="W9247" s="2">
        <v>0.129</v>
      </c>
      <c r="X9247" s="2">
        <v>12</v>
      </c>
      <c r="Y9247" s="2">
        <v>62</v>
      </c>
      <c r="Z9247" s="2">
        <v>172.9</v>
      </c>
      <c r="AA9247" s="5">
        <v>10</v>
      </c>
      <c r="AB9247" s="5" t="s">
        <v>43</v>
      </c>
      <c r="AC9247" s="5" t="s">
        <v>44</v>
      </c>
      <c r="AD9247" s="2" t="s">
        <v>28249</v>
      </c>
      <c r="AE9247" s="1"/>
    </row>
    <row r="9248" spans="1:31" ht="14.45">
      <c r="A9248" s="11"/>
      <c r="B9248" s="20"/>
      <c r="C9248" s="2" t="s">
        <v>28407</v>
      </c>
      <c r="D9248" s="14" t="s">
        <v>28408</v>
      </c>
      <c r="E9248" s="2" t="s">
        <v>28409</v>
      </c>
      <c r="F9248" s="2"/>
      <c r="G9248" s="8">
        <v>179</v>
      </c>
      <c r="H9248" s="5">
        <v>5</v>
      </c>
      <c r="I9248" s="5" t="s">
        <v>69</v>
      </c>
      <c r="J9248" s="5" t="s">
        <v>27074</v>
      </c>
      <c r="K9248" s="2" t="s">
        <v>27075</v>
      </c>
      <c r="L9248" s="5" t="s">
        <v>27074</v>
      </c>
      <c r="M9248" s="2" t="s">
        <v>27075</v>
      </c>
      <c r="N9248" s="5" t="s">
        <v>24254</v>
      </c>
      <c r="O9248" s="5" t="s">
        <v>38</v>
      </c>
      <c r="P9248" s="5" t="s">
        <v>39</v>
      </c>
      <c r="Q9248" s="5" t="s">
        <v>40</v>
      </c>
      <c r="R9248" s="5" t="s">
        <v>24335</v>
      </c>
      <c r="S9248" s="5" t="s">
        <v>40</v>
      </c>
      <c r="T9248" s="5" t="s">
        <v>42</v>
      </c>
      <c r="U9248" s="2">
        <v>6.8579999999999997</v>
      </c>
      <c r="V9248" s="2">
        <v>3.8719999999999999</v>
      </c>
      <c r="W9248" s="2">
        <v>0.14899999999999999</v>
      </c>
      <c r="X9248" s="2">
        <v>12</v>
      </c>
      <c r="Y9248" s="2">
        <v>62</v>
      </c>
      <c r="Z9248" s="2">
        <v>199.7</v>
      </c>
      <c r="AA9248" s="5">
        <v>10</v>
      </c>
      <c r="AB9248" s="5" t="s">
        <v>43</v>
      </c>
      <c r="AC9248" s="5" t="s">
        <v>44</v>
      </c>
      <c r="AD9248" s="2" t="s">
        <v>28245</v>
      </c>
      <c r="AE9248" s="1"/>
    </row>
    <row r="9249" spans="1:31" ht="14.45">
      <c r="A9249" s="11"/>
      <c r="B9249" s="20"/>
      <c r="C9249" s="2" t="s">
        <v>28410</v>
      </c>
      <c r="D9249" s="14" t="s">
        <v>28411</v>
      </c>
      <c r="E9249" s="2" t="s">
        <v>28412</v>
      </c>
      <c r="F9249" s="2"/>
      <c r="G9249" s="8">
        <v>179</v>
      </c>
      <c r="H9249" s="5">
        <v>5</v>
      </c>
      <c r="I9249" s="5" t="s">
        <v>69</v>
      </c>
      <c r="J9249" s="5" t="s">
        <v>27074</v>
      </c>
      <c r="K9249" s="2" t="s">
        <v>27075</v>
      </c>
      <c r="L9249" s="5" t="s">
        <v>27074</v>
      </c>
      <c r="M9249" s="2" t="s">
        <v>27075</v>
      </c>
      <c r="N9249" s="5" t="s">
        <v>24254</v>
      </c>
      <c r="O9249" s="5" t="s">
        <v>38</v>
      </c>
      <c r="P9249" s="5" t="s">
        <v>39</v>
      </c>
      <c r="Q9249" s="5" t="s">
        <v>40</v>
      </c>
      <c r="R9249" s="5" t="s">
        <v>24335</v>
      </c>
      <c r="S9249" s="5" t="s">
        <v>40</v>
      </c>
      <c r="T9249" s="5" t="s">
        <v>42</v>
      </c>
      <c r="U9249" s="2">
        <v>7.133</v>
      </c>
      <c r="V9249" s="2">
        <v>4.1470000000000002</v>
      </c>
      <c r="W9249" s="2">
        <v>0.14899999999999999</v>
      </c>
      <c r="X9249" s="2">
        <v>12</v>
      </c>
      <c r="Y9249" s="2">
        <v>62</v>
      </c>
      <c r="Z9249" s="2">
        <v>199.7</v>
      </c>
      <c r="AA9249" s="5">
        <v>10</v>
      </c>
      <c r="AB9249" s="5" t="s">
        <v>43</v>
      </c>
      <c r="AC9249" s="5" t="s">
        <v>44</v>
      </c>
      <c r="AD9249" s="2" t="s">
        <v>28249</v>
      </c>
      <c r="AE9249" s="1"/>
    </row>
    <row r="9250" spans="1:31" ht="14.45">
      <c r="A9250" s="11"/>
      <c r="B9250" s="20"/>
      <c r="C9250" s="2" t="s">
        <v>28413</v>
      </c>
      <c r="D9250" s="14" t="s">
        <v>28414</v>
      </c>
      <c r="E9250" s="2" t="s">
        <v>28415</v>
      </c>
      <c r="F9250" s="2"/>
      <c r="G9250" s="8">
        <v>326</v>
      </c>
      <c r="H9250" s="5">
        <v>5</v>
      </c>
      <c r="I9250" s="5" t="s">
        <v>69</v>
      </c>
      <c r="J9250" s="5" t="s">
        <v>27074</v>
      </c>
      <c r="K9250" s="2" t="s">
        <v>27075</v>
      </c>
      <c r="L9250" s="5" t="s">
        <v>27074</v>
      </c>
      <c r="M9250" s="2" t="s">
        <v>27075</v>
      </c>
      <c r="N9250" s="5" t="s">
        <v>24254</v>
      </c>
      <c r="O9250" s="5" t="s">
        <v>38</v>
      </c>
      <c r="P9250" s="5" t="s">
        <v>39</v>
      </c>
      <c r="Q9250" s="5" t="s">
        <v>40</v>
      </c>
      <c r="R9250" s="5" t="s">
        <v>24335</v>
      </c>
      <c r="S9250" s="5" t="s">
        <v>40</v>
      </c>
      <c r="T9250" s="5" t="s">
        <v>42</v>
      </c>
      <c r="U9250" s="2">
        <v>13.432</v>
      </c>
      <c r="V9250" s="2">
        <v>10.968</v>
      </c>
      <c r="W9250" s="2">
        <v>0.16</v>
      </c>
      <c r="X9250" s="2">
        <v>12</v>
      </c>
      <c r="Y9250" s="2">
        <v>77</v>
      </c>
      <c r="Z9250" s="2">
        <v>173.4</v>
      </c>
      <c r="AA9250" s="5">
        <v>8</v>
      </c>
      <c r="AB9250" s="5" t="s">
        <v>43</v>
      </c>
      <c r="AC9250" s="5" t="s">
        <v>44</v>
      </c>
      <c r="AD9250" s="2" t="s">
        <v>28253</v>
      </c>
      <c r="AE9250" s="1"/>
    </row>
    <row r="9251" spans="1:31" ht="14.45">
      <c r="A9251" s="11"/>
      <c r="B9251" s="20"/>
      <c r="C9251" s="2" t="s">
        <v>28416</v>
      </c>
      <c r="D9251" s="14" t="s">
        <v>28417</v>
      </c>
      <c r="E9251" s="2" t="s">
        <v>28418</v>
      </c>
      <c r="F9251" s="2"/>
      <c r="G9251" s="8">
        <v>663</v>
      </c>
      <c r="H9251" s="5">
        <v>5</v>
      </c>
      <c r="I9251" s="5" t="s">
        <v>69</v>
      </c>
      <c r="J9251" s="5" t="s">
        <v>27074</v>
      </c>
      <c r="K9251" s="2" t="s">
        <v>27075</v>
      </c>
      <c r="L9251" s="5" t="s">
        <v>27074</v>
      </c>
      <c r="M9251" s="2" t="s">
        <v>27075</v>
      </c>
      <c r="N9251" s="5" t="s">
        <v>24254</v>
      </c>
      <c r="O9251" s="5" t="s">
        <v>38</v>
      </c>
      <c r="P9251" s="5" t="s">
        <v>39</v>
      </c>
      <c r="Q9251" s="5" t="s">
        <v>40</v>
      </c>
      <c r="R9251" s="5" t="s">
        <v>1487</v>
      </c>
      <c r="S9251" s="5"/>
      <c r="T9251" s="5" t="s">
        <v>42</v>
      </c>
      <c r="U9251" s="2">
        <v>0</v>
      </c>
      <c r="V9251" s="2">
        <v>0</v>
      </c>
      <c r="W9251" s="2">
        <v>0</v>
      </c>
      <c r="X9251" s="2">
        <v>0</v>
      </c>
      <c r="Y9251" s="2">
        <v>0</v>
      </c>
      <c r="Z9251" s="2">
        <v>0</v>
      </c>
      <c r="AA9251" s="5"/>
      <c r="AB9251" s="5" t="s">
        <v>43</v>
      </c>
      <c r="AC9251" s="5" t="s">
        <v>44</v>
      </c>
      <c r="AD9251" s="2" t="s">
        <v>28257</v>
      </c>
      <c r="AE9251" s="1"/>
    </row>
    <row r="9252" spans="1:31" ht="14.45">
      <c r="A9252" s="11"/>
      <c r="B9252" s="20"/>
      <c r="C9252" s="2" t="s">
        <v>28419</v>
      </c>
      <c r="D9252" s="14" t="s">
        <v>28420</v>
      </c>
      <c r="E9252" s="2" t="s">
        <v>28421</v>
      </c>
      <c r="F9252" s="2"/>
      <c r="G9252" s="8">
        <v>663</v>
      </c>
      <c r="H9252" s="5">
        <v>15</v>
      </c>
      <c r="I9252" s="5" t="s">
        <v>69</v>
      </c>
      <c r="J9252" s="5" t="s">
        <v>27074</v>
      </c>
      <c r="K9252" s="2" t="s">
        <v>27075</v>
      </c>
      <c r="L9252" s="5" t="s">
        <v>27074</v>
      </c>
      <c r="M9252" s="2" t="s">
        <v>27075</v>
      </c>
      <c r="N9252" s="5" t="s">
        <v>24254</v>
      </c>
      <c r="O9252" s="5" t="s">
        <v>38</v>
      </c>
      <c r="P9252" s="5" t="s">
        <v>39</v>
      </c>
      <c r="Q9252" s="5" t="s">
        <v>40</v>
      </c>
      <c r="R9252" s="5" t="s">
        <v>1487</v>
      </c>
      <c r="S9252" s="5"/>
      <c r="T9252" s="5" t="s">
        <v>42</v>
      </c>
      <c r="U9252" s="2">
        <v>0</v>
      </c>
      <c r="V9252" s="2">
        <v>0</v>
      </c>
      <c r="W9252" s="2">
        <v>0</v>
      </c>
      <c r="X9252" s="2">
        <v>0</v>
      </c>
      <c r="Y9252" s="2">
        <v>0</v>
      </c>
      <c r="Z9252" s="2">
        <v>0</v>
      </c>
      <c r="AA9252" s="5"/>
      <c r="AB9252" s="5" t="s">
        <v>43</v>
      </c>
      <c r="AC9252" s="5" t="s">
        <v>44</v>
      </c>
      <c r="AD9252" s="2" t="s">
        <v>28261</v>
      </c>
      <c r="AE9252" s="1"/>
    </row>
    <row r="9253" spans="1:31" ht="14.45">
      <c r="A9253" s="11"/>
      <c r="B9253" s="20"/>
      <c r="C9253" s="2" t="s">
        <v>28422</v>
      </c>
      <c r="D9253" s="14" t="s">
        <v>28423</v>
      </c>
      <c r="E9253" s="2" t="s">
        <v>28424</v>
      </c>
      <c r="F9253" s="2"/>
      <c r="G9253" s="8">
        <v>1111</v>
      </c>
      <c r="H9253" s="5">
        <v>15</v>
      </c>
      <c r="I9253" s="5" t="s">
        <v>69</v>
      </c>
      <c r="J9253" s="5" t="s">
        <v>27074</v>
      </c>
      <c r="K9253" s="2" t="s">
        <v>27075</v>
      </c>
      <c r="L9253" s="5" t="s">
        <v>27074</v>
      </c>
      <c r="M9253" s="2" t="s">
        <v>27075</v>
      </c>
      <c r="N9253" s="5" t="s">
        <v>24254</v>
      </c>
      <c r="O9253" s="5" t="s">
        <v>38</v>
      </c>
      <c r="P9253" s="5" t="s">
        <v>39</v>
      </c>
      <c r="Q9253" s="5" t="s">
        <v>40</v>
      </c>
      <c r="R9253" s="5" t="s">
        <v>1487</v>
      </c>
      <c r="S9253" s="5"/>
      <c r="T9253" s="5" t="s">
        <v>42</v>
      </c>
      <c r="U9253" s="2">
        <v>0</v>
      </c>
      <c r="V9253" s="2">
        <v>0</v>
      </c>
      <c r="W9253" s="2">
        <v>0</v>
      </c>
      <c r="X9253" s="2">
        <v>0</v>
      </c>
      <c r="Y9253" s="2">
        <v>0</v>
      </c>
      <c r="Z9253" s="2">
        <v>0</v>
      </c>
      <c r="AA9253" s="5"/>
      <c r="AB9253" s="5" t="s">
        <v>43</v>
      </c>
      <c r="AC9253" s="5" t="s">
        <v>44</v>
      </c>
      <c r="AD9253" s="2" t="s">
        <v>28265</v>
      </c>
      <c r="AE9253" s="1"/>
    </row>
    <row r="9254" spans="1:31" ht="14.45">
      <c r="A9254" s="11"/>
      <c r="B9254" s="20"/>
      <c r="C9254" s="2" t="s">
        <v>28425</v>
      </c>
      <c r="D9254" s="14" t="s">
        <v>28426</v>
      </c>
      <c r="E9254" s="2" t="s">
        <v>28427</v>
      </c>
      <c r="F9254" s="2"/>
      <c r="G9254" s="8">
        <v>1111</v>
      </c>
      <c r="H9254" s="5">
        <v>15</v>
      </c>
      <c r="I9254" s="5" t="s">
        <v>69</v>
      </c>
      <c r="J9254" s="5" t="s">
        <v>27074</v>
      </c>
      <c r="K9254" s="2" t="s">
        <v>27075</v>
      </c>
      <c r="L9254" s="5" t="s">
        <v>27074</v>
      </c>
      <c r="M9254" s="2" t="s">
        <v>27075</v>
      </c>
      <c r="N9254" s="5" t="s">
        <v>24254</v>
      </c>
      <c r="O9254" s="5" t="s">
        <v>38</v>
      </c>
      <c r="P9254" s="5" t="s">
        <v>39</v>
      </c>
      <c r="Q9254" s="5" t="s">
        <v>40</v>
      </c>
      <c r="R9254" s="5" t="s">
        <v>1487</v>
      </c>
      <c r="S9254" s="5"/>
      <c r="T9254" s="5" t="s">
        <v>42</v>
      </c>
      <c r="U9254" s="2">
        <v>0</v>
      </c>
      <c r="V9254" s="2">
        <v>0</v>
      </c>
      <c r="W9254" s="2">
        <v>0</v>
      </c>
      <c r="X9254" s="2">
        <v>0</v>
      </c>
      <c r="Y9254" s="2">
        <v>0</v>
      </c>
      <c r="Z9254" s="2">
        <v>0</v>
      </c>
      <c r="AA9254" s="5"/>
      <c r="AB9254" s="5" t="s">
        <v>43</v>
      </c>
      <c r="AC9254" s="5" t="s">
        <v>44</v>
      </c>
      <c r="AD9254" s="2" t="s">
        <v>28269</v>
      </c>
      <c r="AE9254" s="1"/>
    </row>
    <row r="9255" spans="1:31" ht="14.45">
      <c r="A9255" s="11"/>
      <c r="B9255" s="20"/>
      <c r="C9255" s="2" t="s">
        <v>28428</v>
      </c>
      <c r="D9255" s="14" t="s">
        <v>28429</v>
      </c>
      <c r="E9255" s="2" t="s">
        <v>28430</v>
      </c>
      <c r="F9255" s="2"/>
      <c r="G9255" s="8">
        <v>185</v>
      </c>
      <c r="H9255" s="5">
        <v>5</v>
      </c>
      <c r="I9255" s="5" t="s">
        <v>69</v>
      </c>
      <c r="J9255" s="5" t="s">
        <v>27074</v>
      </c>
      <c r="K9255" s="2" t="s">
        <v>27075</v>
      </c>
      <c r="L9255" s="5" t="s">
        <v>27074</v>
      </c>
      <c r="M9255" s="2" t="s">
        <v>27075</v>
      </c>
      <c r="N9255" s="5" t="s">
        <v>24254</v>
      </c>
      <c r="O9255" s="5" t="s">
        <v>38</v>
      </c>
      <c r="P9255" s="5" t="s">
        <v>39</v>
      </c>
      <c r="Q9255" s="5" t="s">
        <v>40</v>
      </c>
      <c r="R9255" s="5" t="s">
        <v>24335</v>
      </c>
      <c r="S9255" s="5" t="s">
        <v>40</v>
      </c>
      <c r="T9255" s="5" t="s">
        <v>42</v>
      </c>
      <c r="U9255" s="2">
        <v>9.5960000000000001</v>
      </c>
      <c r="V9255" s="2">
        <v>7.3959999999999999</v>
      </c>
      <c r="W9255" s="2">
        <v>0.11600000000000001</v>
      </c>
      <c r="X9255" s="2">
        <v>12</v>
      </c>
      <c r="Y9255" s="2">
        <v>50</v>
      </c>
      <c r="Z9255" s="2">
        <v>193.9</v>
      </c>
      <c r="AA9255" s="5">
        <v>8</v>
      </c>
      <c r="AB9255" s="5" t="s">
        <v>43</v>
      </c>
      <c r="AC9255" s="5" t="s">
        <v>44</v>
      </c>
      <c r="AD9255" s="2" t="s">
        <v>28235</v>
      </c>
      <c r="AE9255" s="1"/>
    </row>
    <row r="9256" spans="1:31" ht="14.45">
      <c r="A9256" s="11"/>
      <c r="B9256" s="20"/>
      <c r="C9256" s="2" t="s">
        <v>28431</v>
      </c>
      <c r="D9256" s="14" t="s">
        <v>28432</v>
      </c>
      <c r="E9256" s="2" t="s">
        <v>28433</v>
      </c>
      <c r="F9256" s="2"/>
      <c r="G9256" s="8">
        <v>185</v>
      </c>
      <c r="H9256" s="5">
        <v>5</v>
      </c>
      <c r="I9256" s="5" t="s">
        <v>69</v>
      </c>
      <c r="J9256" s="5" t="s">
        <v>27074</v>
      </c>
      <c r="K9256" s="2" t="s">
        <v>27075</v>
      </c>
      <c r="L9256" s="5" t="s">
        <v>27074</v>
      </c>
      <c r="M9256" s="2" t="s">
        <v>27075</v>
      </c>
      <c r="N9256" s="5" t="s">
        <v>24254</v>
      </c>
      <c r="O9256" s="5" t="s">
        <v>38</v>
      </c>
      <c r="P9256" s="5" t="s">
        <v>39</v>
      </c>
      <c r="Q9256" s="5" t="s">
        <v>40</v>
      </c>
      <c r="R9256" s="5" t="s">
        <v>24335</v>
      </c>
      <c r="S9256" s="5" t="s">
        <v>40</v>
      </c>
      <c r="T9256" s="5" t="s">
        <v>42</v>
      </c>
      <c r="U9256" s="2">
        <v>7.5049999999999999</v>
      </c>
      <c r="V9256" s="2">
        <v>5.508</v>
      </c>
      <c r="W9256" s="2">
        <v>0.11600000000000001</v>
      </c>
      <c r="X9256" s="2">
        <v>12</v>
      </c>
      <c r="Y9256" s="2">
        <v>50</v>
      </c>
      <c r="Z9256" s="2">
        <v>193.9</v>
      </c>
      <c r="AA9256" s="5">
        <v>8</v>
      </c>
      <c r="AB9256" s="5" t="s">
        <v>43</v>
      </c>
      <c r="AC9256" s="5" t="s">
        <v>44</v>
      </c>
      <c r="AD9256" s="2" t="s">
        <v>28235</v>
      </c>
      <c r="AE9256" s="1"/>
    </row>
    <row r="9257" spans="1:31" ht="14.45">
      <c r="A9257" s="11"/>
      <c r="B9257" s="20"/>
      <c r="C9257" s="2" t="s">
        <v>28434</v>
      </c>
      <c r="D9257" s="14" t="s">
        <v>28435</v>
      </c>
      <c r="E9257" s="2" t="s">
        <v>28436</v>
      </c>
      <c r="F9257" s="2"/>
      <c r="G9257" s="8">
        <v>185</v>
      </c>
      <c r="H9257" s="5">
        <v>5</v>
      </c>
      <c r="I9257" s="5" t="s">
        <v>69</v>
      </c>
      <c r="J9257" s="5" t="s">
        <v>27074</v>
      </c>
      <c r="K9257" s="2" t="s">
        <v>27075</v>
      </c>
      <c r="L9257" s="5" t="s">
        <v>27074</v>
      </c>
      <c r="M9257" s="2" t="s">
        <v>27075</v>
      </c>
      <c r="N9257" s="5" t="s">
        <v>24254</v>
      </c>
      <c r="O9257" s="5" t="s">
        <v>38</v>
      </c>
      <c r="P9257" s="5" t="s">
        <v>39</v>
      </c>
      <c r="Q9257" s="5" t="s">
        <v>40</v>
      </c>
      <c r="R9257" s="5" t="s">
        <v>24335</v>
      </c>
      <c r="S9257" s="5" t="s">
        <v>40</v>
      </c>
      <c r="T9257" s="5" t="s">
        <v>42</v>
      </c>
      <c r="U9257" s="2">
        <v>6.7240000000000002</v>
      </c>
      <c r="V9257" s="2">
        <v>4.8979999999999997</v>
      </c>
      <c r="W9257" s="2">
        <v>9.2999999999999999E-2</v>
      </c>
      <c r="X9257" s="2">
        <v>12</v>
      </c>
      <c r="Y9257" s="2">
        <v>50</v>
      </c>
      <c r="Z9257" s="2">
        <v>154.4</v>
      </c>
      <c r="AA9257" s="5">
        <v>8</v>
      </c>
      <c r="AB9257" s="5" t="s">
        <v>43</v>
      </c>
      <c r="AC9257" s="5" t="s">
        <v>44</v>
      </c>
      <c r="AD9257" s="2" t="s">
        <v>28235</v>
      </c>
      <c r="AE9257" s="1"/>
    </row>
    <row r="9258" spans="1:31" ht="14.45">
      <c r="A9258" s="11"/>
      <c r="B9258" s="20"/>
      <c r="C9258" s="2" t="s">
        <v>28437</v>
      </c>
      <c r="D9258" s="14" t="s">
        <v>28438</v>
      </c>
      <c r="E9258" s="2" t="s">
        <v>28439</v>
      </c>
      <c r="F9258" s="2"/>
      <c r="G9258" s="8">
        <v>185</v>
      </c>
      <c r="H9258" s="5">
        <v>5</v>
      </c>
      <c r="I9258" s="5" t="s">
        <v>69</v>
      </c>
      <c r="J9258" s="5" t="s">
        <v>27074</v>
      </c>
      <c r="K9258" s="2" t="s">
        <v>27075</v>
      </c>
      <c r="L9258" s="5" t="s">
        <v>27074</v>
      </c>
      <c r="M9258" s="2" t="s">
        <v>27075</v>
      </c>
      <c r="N9258" s="5" t="s">
        <v>24254</v>
      </c>
      <c r="O9258" s="5" t="s">
        <v>38</v>
      </c>
      <c r="P9258" s="5" t="s">
        <v>39</v>
      </c>
      <c r="Q9258" s="5" t="s">
        <v>40</v>
      </c>
      <c r="R9258" s="5" t="s">
        <v>24335</v>
      </c>
      <c r="S9258" s="5" t="s">
        <v>40</v>
      </c>
      <c r="T9258" s="5" t="s">
        <v>42</v>
      </c>
      <c r="U9258" s="2">
        <v>7.3710000000000004</v>
      </c>
      <c r="V9258" s="2">
        <v>4.3849999999999998</v>
      </c>
      <c r="W9258" s="2">
        <v>0.14899999999999999</v>
      </c>
      <c r="X9258" s="2">
        <v>12</v>
      </c>
      <c r="Y9258" s="2">
        <v>62</v>
      </c>
      <c r="Z9258" s="2">
        <v>199.7</v>
      </c>
      <c r="AA9258" s="5">
        <v>10</v>
      </c>
      <c r="AB9258" s="5" t="s">
        <v>43</v>
      </c>
      <c r="AC9258" s="5" t="s">
        <v>44</v>
      </c>
      <c r="AD9258" s="2" t="s">
        <v>28245</v>
      </c>
      <c r="AE9258" s="1"/>
    </row>
    <row r="9259" spans="1:31" ht="14.45">
      <c r="A9259" s="11"/>
      <c r="B9259" s="20"/>
      <c r="C9259" s="2" t="s">
        <v>28440</v>
      </c>
      <c r="D9259" s="14" t="s">
        <v>28441</v>
      </c>
      <c r="E9259" s="2" t="s">
        <v>28442</v>
      </c>
      <c r="F9259" s="2"/>
      <c r="G9259" s="8">
        <v>185</v>
      </c>
      <c r="H9259" s="5">
        <v>5</v>
      </c>
      <c r="I9259" s="5" t="s">
        <v>69</v>
      </c>
      <c r="J9259" s="5" t="s">
        <v>27074</v>
      </c>
      <c r="K9259" s="2" t="s">
        <v>27075</v>
      </c>
      <c r="L9259" s="5" t="s">
        <v>27074</v>
      </c>
      <c r="M9259" s="2" t="s">
        <v>27075</v>
      </c>
      <c r="N9259" s="5" t="s">
        <v>24254</v>
      </c>
      <c r="O9259" s="5" t="s">
        <v>38</v>
      </c>
      <c r="P9259" s="5" t="s">
        <v>39</v>
      </c>
      <c r="Q9259" s="5" t="s">
        <v>40</v>
      </c>
      <c r="R9259" s="5" t="s">
        <v>24335</v>
      </c>
      <c r="S9259" s="5" t="s">
        <v>40</v>
      </c>
      <c r="T9259" s="5" t="s">
        <v>42</v>
      </c>
      <c r="U9259" s="2">
        <v>7.6459999999999999</v>
      </c>
      <c r="V9259" s="2">
        <v>4.66</v>
      </c>
      <c r="W9259" s="2">
        <v>0.14899999999999999</v>
      </c>
      <c r="X9259" s="2">
        <v>12</v>
      </c>
      <c r="Y9259" s="2">
        <v>62</v>
      </c>
      <c r="Z9259" s="2">
        <v>199.7</v>
      </c>
      <c r="AA9259" s="5">
        <v>10</v>
      </c>
      <c r="AB9259" s="5" t="s">
        <v>43</v>
      </c>
      <c r="AC9259" s="5" t="s">
        <v>44</v>
      </c>
      <c r="AD9259" s="2" t="s">
        <v>28249</v>
      </c>
      <c r="AE9259" s="1"/>
    </row>
    <row r="9260" spans="1:31" ht="14.45">
      <c r="A9260" s="11"/>
      <c r="B9260" s="20"/>
      <c r="C9260" s="2" t="s">
        <v>28443</v>
      </c>
      <c r="D9260" s="14" t="s">
        <v>28444</v>
      </c>
      <c r="E9260" s="2" t="s">
        <v>28445</v>
      </c>
      <c r="F9260" s="2"/>
      <c r="G9260" s="8">
        <v>336</v>
      </c>
      <c r="H9260" s="5">
        <v>5</v>
      </c>
      <c r="I9260" s="5" t="s">
        <v>69</v>
      </c>
      <c r="J9260" s="5" t="s">
        <v>27074</v>
      </c>
      <c r="K9260" s="2" t="s">
        <v>27075</v>
      </c>
      <c r="L9260" s="5" t="s">
        <v>27074</v>
      </c>
      <c r="M9260" s="2" t="s">
        <v>27075</v>
      </c>
      <c r="N9260" s="5" t="s">
        <v>24254</v>
      </c>
      <c r="O9260" s="5" t="s">
        <v>38</v>
      </c>
      <c r="P9260" s="5" t="s">
        <v>39</v>
      </c>
      <c r="Q9260" s="5" t="s">
        <v>40</v>
      </c>
      <c r="R9260" s="5" t="s">
        <v>24335</v>
      </c>
      <c r="S9260" s="5" t="s">
        <v>40</v>
      </c>
      <c r="T9260" s="5" t="s">
        <v>42</v>
      </c>
      <c r="U9260" s="2">
        <v>14.366</v>
      </c>
      <c r="V9260" s="2">
        <v>11.901999999999999</v>
      </c>
      <c r="W9260" s="2">
        <v>0.16</v>
      </c>
      <c r="X9260" s="2">
        <v>12</v>
      </c>
      <c r="Y9260" s="2">
        <v>77</v>
      </c>
      <c r="Z9260" s="2">
        <v>173.4</v>
      </c>
      <c r="AA9260" s="5">
        <v>8</v>
      </c>
      <c r="AB9260" s="5" t="s">
        <v>43</v>
      </c>
      <c r="AC9260" s="5" t="s">
        <v>44</v>
      </c>
      <c r="AD9260" s="2" t="s">
        <v>28253</v>
      </c>
      <c r="AE9260" s="1"/>
    </row>
    <row r="9261" spans="1:31" ht="14.45">
      <c r="A9261" s="11"/>
      <c r="B9261" s="20"/>
      <c r="C9261" s="2" t="s">
        <v>28446</v>
      </c>
      <c r="D9261" s="14" t="s">
        <v>28447</v>
      </c>
      <c r="E9261" s="2" t="s">
        <v>28448</v>
      </c>
      <c r="F9261" s="2"/>
      <c r="G9261" s="8">
        <v>675</v>
      </c>
      <c r="H9261" s="5">
        <v>5</v>
      </c>
      <c r="I9261" s="5" t="s">
        <v>69</v>
      </c>
      <c r="J9261" s="5" t="s">
        <v>27074</v>
      </c>
      <c r="K9261" s="2" t="s">
        <v>27075</v>
      </c>
      <c r="L9261" s="5" t="s">
        <v>27074</v>
      </c>
      <c r="M9261" s="2" t="s">
        <v>27075</v>
      </c>
      <c r="N9261" s="5" t="s">
        <v>24254</v>
      </c>
      <c r="O9261" s="5" t="s">
        <v>38</v>
      </c>
      <c r="P9261" s="5" t="s">
        <v>39</v>
      </c>
      <c r="Q9261" s="5" t="s">
        <v>40</v>
      </c>
      <c r="R9261" s="5" t="s">
        <v>1487</v>
      </c>
      <c r="S9261" s="5"/>
      <c r="T9261" s="5" t="s">
        <v>42</v>
      </c>
      <c r="U9261" s="2">
        <v>0</v>
      </c>
      <c r="V9261" s="2">
        <v>0</v>
      </c>
      <c r="W9261" s="2">
        <v>0</v>
      </c>
      <c r="X9261" s="2">
        <v>0</v>
      </c>
      <c r="Y9261" s="2">
        <v>0</v>
      </c>
      <c r="Z9261" s="2">
        <v>0</v>
      </c>
      <c r="AA9261" s="5"/>
      <c r="AB9261" s="5" t="s">
        <v>43</v>
      </c>
      <c r="AC9261" s="5" t="s">
        <v>44</v>
      </c>
      <c r="AD9261" s="2" t="s">
        <v>28257</v>
      </c>
      <c r="AE9261" s="1"/>
    </row>
    <row r="9262" spans="1:31" ht="14.45">
      <c r="A9262" s="11"/>
      <c r="B9262" s="20"/>
      <c r="C9262" s="2" t="s">
        <v>28449</v>
      </c>
      <c r="D9262" s="14" t="s">
        <v>28450</v>
      </c>
      <c r="E9262" s="2" t="s">
        <v>28451</v>
      </c>
      <c r="F9262" s="2"/>
      <c r="G9262" s="8">
        <v>675</v>
      </c>
      <c r="H9262" s="5">
        <v>15</v>
      </c>
      <c r="I9262" s="5" t="s">
        <v>69</v>
      </c>
      <c r="J9262" s="5" t="s">
        <v>27074</v>
      </c>
      <c r="K9262" s="2" t="s">
        <v>27075</v>
      </c>
      <c r="L9262" s="5" t="s">
        <v>27074</v>
      </c>
      <c r="M9262" s="2" t="s">
        <v>27075</v>
      </c>
      <c r="N9262" s="5" t="s">
        <v>24254</v>
      </c>
      <c r="O9262" s="5" t="s">
        <v>38</v>
      </c>
      <c r="P9262" s="5" t="s">
        <v>39</v>
      </c>
      <c r="Q9262" s="5" t="s">
        <v>40</v>
      </c>
      <c r="R9262" s="5" t="s">
        <v>1487</v>
      </c>
      <c r="S9262" s="5"/>
      <c r="T9262" s="5" t="s">
        <v>42</v>
      </c>
      <c r="U9262" s="2">
        <v>0</v>
      </c>
      <c r="V9262" s="2">
        <v>0</v>
      </c>
      <c r="W9262" s="2">
        <v>0</v>
      </c>
      <c r="X9262" s="2">
        <v>0</v>
      </c>
      <c r="Y9262" s="2">
        <v>0</v>
      </c>
      <c r="Z9262" s="2">
        <v>0</v>
      </c>
      <c r="AA9262" s="5"/>
      <c r="AB9262" s="5" t="s">
        <v>43</v>
      </c>
      <c r="AC9262" s="5" t="s">
        <v>44</v>
      </c>
      <c r="AD9262" s="2" t="s">
        <v>28261</v>
      </c>
      <c r="AE9262" s="1"/>
    </row>
    <row r="9263" spans="1:31" ht="14.45">
      <c r="A9263" s="11"/>
      <c r="B9263" s="20"/>
      <c r="C9263" s="2" t="s">
        <v>28452</v>
      </c>
      <c r="D9263" s="14" t="s">
        <v>28453</v>
      </c>
      <c r="E9263" s="2" t="s">
        <v>28454</v>
      </c>
      <c r="F9263" s="2"/>
      <c r="G9263" s="8">
        <v>1131</v>
      </c>
      <c r="H9263" s="5">
        <v>15</v>
      </c>
      <c r="I9263" s="5" t="s">
        <v>69</v>
      </c>
      <c r="J9263" s="5" t="s">
        <v>27074</v>
      </c>
      <c r="K9263" s="2" t="s">
        <v>27075</v>
      </c>
      <c r="L9263" s="5" t="s">
        <v>27074</v>
      </c>
      <c r="M9263" s="2" t="s">
        <v>27075</v>
      </c>
      <c r="N9263" s="5" t="s">
        <v>24254</v>
      </c>
      <c r="O9263" s="5" t="s">
        <v>38</v>
      </c>
      <c r="P9263" s="5" t="s">
        <v>39</v>
      </c>
      <c r="Q9263" s="5" t="s">
        <v>40</v>
      </c>
      <c r="R9263" s="5" t="s">
        <v>1487</v>
      </c>
      <c r="S9263" s="5"/>
      <c r="T9263" s="5" t="s">
        <v>42</v>
      </c>
      <c r="U9263" s="2">
        <v>0</v>
      </c>
      <c r="V9263" s="2">
        <v>0</v>
      </c>
      <c r="W9263" s="2">
        <v>0</v>
      </c>
      <c r="X9263" s="2">
        <v>0</v>
      </c>
      <c r="Y9263" s="2">
        <v>0</v>
      </c>
      <c r="Z9263" s="2">
        <v>0</v>
      </c>
      <c r="AA9263" s="5"/>
      <c r="AB9263" s="5" t="s">
        <v>43</v>
      </c>
      <c r="AC9263" s="5" t="s">
        <v>44</v>
      </c>
      <c r="AD9263" s="2" t="s">
        <v>28265</v>
      </c>
      <c r="AE9263" s="1"/>
    </row>
    <row r="9264" spans="1:31" ht="14.45">
      <c r="A9264" s="11"/>
      <c r="B9264" s="20"/>
      <c r="C9264" s="2" t="s">
        <v>28455</v>
      </c>
      <c r="D9264" s="14" t="s">
        <v>28456</v>
      </c>
      <c r="E9264" s="2" t="s">
        <v>28457</v>
      </c>
      <c r="F9264" s="2"/>
      <c r="G9264" s="8">
        <v>1131</v>
      </c>
      <c r="H9264" s="5">
        <v>15</v>
      </c>
      <c r="I9264" s="5" t="s">
        <v>69</v>
      </c>
      <c r="J9264" s="5" t="s">
        <v>27074</v>
      </c>
      <c r="K9264" s="2" t="s">
        <v>27075</v>
      </c>
      <c r="L9264" s="5" t="s">
        <v>27074</v>
      </c>
      <c r="M9264" s="2" t="s">
        <v>27075</v>
      </c>
      <c r="N9264" s="5" t="s">
        <v>24254</v>
      </c>
      <c r="O9264" s="5" t="s">
        <v>38</v>
      </c>
      <c r="P9264" s="5" t="s">
        <v>39</v>
      </c>
      <c r="Q9264" s="5" t="s">
        <v>40</v>
      </c>
      <c r="R9264" s="5" t="s">
        <v>1487</v>
      </c>
      <c r="S9264" s="5"/>
      <c r="T9264" s="5" t="s">
        <v>42</v>
      </c>
      <c r="U9264" s="2">
        <v>0</v>
      </c>
      <c r="V9264" s="2">
        <v>0</v>
      </c>
      <c r="W9264" s="2">
        <v>0</v>
      </c>
      <c r="X9264" s="2">
        <v>0</v>
      </c>
      <c r="Y9264" s="2">
        <v>0</v>
      </c>
      <c r="Z9264" s="2">
        <v>0</v>
      </c>
      <c r="AA9264" s="5"/>
      <c r="AB9264" s="5" t="s">
        <v>43</v>
      </c>
      <c r="AC9264" s="5" t="s">
        <v>44</v>
      </c>
      <c r="AD9264" s="2" t="s">
        <v>28269</v>
      </c>
      <c r="AE9264" s="1"/>
    </row>
    <row r="9265" spans="1:31" ht="14.45">
      <c r="A9265" s="11"/>
      <c r="B9265" s="20"/>
      <c r="C9265" s="2" t="s">
        <v>28458</v>
      </c>
      <c r="D9265" s="14" t="s">
        <v>28459</v>
      </c>
      <c r="E9265" s="2" t="s">
        <v>28460</v>
      </c>
      <c r="F9265" s="2"/>
      <c r="G9265" s="8">
        <v>175</v>
      </c>
      <c r="H9265" s="5">
        <v>5</v>
      </c>
      <c r="I9265" s="5" t="s">
        <v>69</v>
      </c>
      <c r="J9265" s="5" t="s">
        <v>27074</v>
      </c>
      <c r="K9265" s="2" t="s">
        <v>27075</v>
      </c>
      <c r="L9265" s="5" t="s">
        <v>27074</v>
      </c>
      <c r="M9265" s="2" t="s">
        <v>27075</v>
      </c>
      <c r="N9265" s="5" t="s">
        <v>24254</v>
      </c>
      <c r="O9265" s="5" t="s">
        <v>38</v>
      </c>
      <c r="P9265" s="5" t="s">
        <v>39</v>
      </c>
      <c r="Q9265" s="5" t="s">
        <v>40</v>
      </c>
      <c r="R9265" s="5" t="s">
        <v>24335</v>
      </c>
      <c r="S9265" s="5" t="s">
        <v>40</v>
      </c>
      <c r="T9265" s="5" t="s">
        <v>42</v>
      </c>
      <c r="U9265" s="2">
        <v>8.5739999999999998</v>
      </c>
      <c r="V9265" s="2">
        <v>6.6470000000000002</v>
      </c>
      <c r="W9265" s="2">
        <v>0.127</v>
      </c>
      <c r="X9265" s="2">
        <v>12</v>
      </c>
      <c r="Y9265" s="2">
        <v>50</v>
      </c>
      <c r="Z9265" s="2">
        <v>210.9</v>
      </c>
      <c r="AA9265" s="5">
        <v>8</v>
      </c>
      <c r="AB9265" s="5" t="s">
        <v>43</v>
      </c>
      <c r="AC9265" s="5" t="s">
        <v>44</v>
      </c>
      <c r="AD9265" s="2" t="s">
        <v>28235</v>
      </c>
      <c r="AE9265" s="1"/>
    </row>
    <row r="9266" spans="1:31" ht="14.45">
      <c r="A9266" s="11"/>
      <c r="B9266" s="20"/>
      <c r="C9266" s="2" t="s">
        <v>28461</v>
      </c>
      <c r="D9266" s="14" t="s">
        <v>28462</v>
      </c>
      <c r="E9266" s="2" t="s">
        <v>28463</v>
      </c>
      <c r="F9266" s="2"/>
      <c r="G9266" s="8">
        <v>175</v>
      </c>
      <c r="H9266" s="5">
        <v>5</v>
      </c>
      <c r="I9266" s="5" t="s">
        <v>69</v>
      </c>
      <c r="J9266" s="5" t="s">
        <v>27074</v>
      </c>
      <c r="K9266" s="2" t="s">
        <v>27075</v>
      </c>
      <c r="L9266" s="5" t="s">
        <v>27074</v>
      </c>
      <c r="M9266" s="2" t="s">
        <v>27075</v>
      </c>
      <c r="N9266" s="5" t="s">
        <v>24254</v>
      </c>
      <c r="O9266" s="5" t="s">
        <v>38</v>
      </c>
      <c r="P9266" s="5" t="s">
        <v>39</v>
      </c>
      <c r="Q9266" s="5" t="s">
        <v>40</v>
      </c>
      <c r="R9266" s="5" t="s">
        <v>24335</v>
      </c>
      <c r="S9266" s="5" t="s">
        <v>40</v>
      </c>
      <c r="T9266" s="5" t="s">
        <v>42</v>
      </c>
      <c r="U9266" s="2">
        <v>6.9349999999999996</v>
      </c>
      <c r="V9266" s="2">
        <v>5.0830000000000002</v>
      </c>
      <c r="W9266" s="2">
        <v>0.127</v>
      </c>
      <c r="X9266" s="2">
        <v>12</v>
      </c>
      <c r="Y9266" s="2">
        <v>50</v>
      </c>
      <c r="Z9266" s="2">
        <v>210.9</v>
      </c>
      <c r="AA9266" s="5">
        <v>8</v>
      </c>
      <c r="AB9266" s="5" t="s">
        <v>43</v>
      </c>
      <c r="AC9266" s="5" t="s">
        <v>44</v>
      </c>
      <c r="AD9266" s="2" t="s">
        <v>28235</v>
      </c>
      <c r="AE9266" s="1"/>
    </row>
    <row r="9267" spans="1:31" ht="14.45">
      <c r="A9267" s="11"/>
      <c r="B9267" s="20"/>
      <c r="C9267" s="2" t="s">
        <v>28464</v>
      </c>
      <c r="D9267" s="14" t="s">
        <v>28465</v>
      </c>
      <c r="E9267" s="2" t="s">
        <v>28466</v>
      </c>
      <c r="F9267" s="2"/>
      <c r="G9267" s="8">
        <v>175</v>
      </c>
      <c r="H9267" s="5">
        <v>5</v>
      </c>
      <c r="I9267" s="5" t="s">
        <v>69</v>
      </c>
      <c r="J9267" s="5" t="s">
        <v>27074</v>
      </c>
      <c r="K9267" s="2" t="s">
        <v>27075</v>
      </c>
      <c r="L9267" s="5" t="s">
        <v>27074</v>
      </c>
      <c r="M9267" s="2" t="s">
        <v>27075</v>
      </c>
      <c r="N9267" s="5" t="s">
        <v>24254</v>
      </c>
      <c r="O9267" s="5" t="s">
        <v>38</v>
      </c>
      <c r="P9267" s="5" t="s">
        <v>39</v>
      </c>
      <c r="Q9267" s="5" t="s">
        <v>40</v>
      </c>
      <c r="R9267" s="5" t="s">
        <v>24335</v>
      </c>
      <c r="S9267" s="5" t="s">
        <v>40</v>
      </c>
      <c r="T9267" s="5" t="s">
        <v>42</v>
      </c>
      <c r="U9267" s="2">
        <v>6.226</v>
      </c>
      <c r="V9267" s="2">
        <v>4.4039999999999999</v>
      </c>
      <c r="W9267" s="2">
        <v>0.104</v>
      </c>
      <c r="X9267" s="2">
        <v>12</v>
      </c>
      <c r="Y9267" s="2">
        <v>50</v>
      </c>
      <c r="Z9267" s="2">
        <v>173.9</v>
      </c>
      <c r="AA9267" s="5">
        <v>8</v>
      </c>
      <c r="AB9267" s="5" t="s">
        <v>43</v>
      </c>
      <c r="AC9267" s="5" t="s">
        <v>44</v>
      </c>
      <c r="AD9267" s="2" t="s">
        <v>28235</v>
      </c>
      <c r="AE9267" s="1"/>
    </row>
    <row r="9268" spans="1:31" ht="14.45">
      <c r="A9268" s="11"/>
      <c r="B9268" s="20"/>
      <c r="C9268" s="2" t="s">
        <v>28467</v>
      </c>
      <c r="D9268" s="14" t="s">
        <v>28468</v>
      </c>
      <c r="E9268" s="2" t="s">
        <v>28469</v>
      </c>
      <c r="F9268" s="2"/>
      <c r="G9268" s="8">
        <v>175</v>
      </c>
      <c r="H9268" s="5">
        <v>5</v>
      </c>
      <c r="I9268" s="5" t="s">
        <v>69</v>
      </c>
      <c r="J9268" s="5" t="s">
        <v>27074</v>
      </c>
      <c r="K9268" s="2" t="s">
        <v>27075</v>
      </c>
      <c r="L9268" s="5" t="s">
        <v>27074</v>
      </c>
      <c r="M9268" s="2" t="s">
        <v>27075</v>
      </c>
      <c r="N9268" s="5" t="s">
        <v>24254</v>
      </c>
      <c r="O9268" s="5" t="s">
        <v>38</v>
      </c>
      <c r="P9268" s="5" t="s">
        <v>39</v>
      </c>
      <c r="Q9268" s="5" t="s">
        <v>40</v>
      </c>
      <c r="R9268" s="5" t="s">
        <v>24335</v>
      </c>
      <c r="S9268" s="5" t="s">
        <v>40</v>
      </c>
      <c r="T9268" s="5" t="s">
        <v>42</v>
      </c>
      <c r="U9268" s="2">
        <v>6.8959999999999999</v>
      </c>
      <c r="V9268" s="2">
        <v>4.1040000000000001</v>
      </c>
      <c r="W9268" s="2">
        <v>0.14899999999999999</v>
      </c>
      <c r="X9268" s="2">
        <v>12</v>
      </c>
      <c r="Y9268" s="2">
        <v>62</v>
      </c>
      <c r="Z9268" s="2">
        <v>199.7</v>
      </c>
      <c r="AA9268" s="5">
        <v>10</v>
      </c>
      <c r="AB9268" s="5" t="s">
        <v>43</v>
      </c>
      <c r="AC9268" s="5" t="s">
        <v>44</v>
      </c>
      <c r="AD9268" s="2" t="s">
        <v>28319</v>
      </c>
      <c r="AE9268" s="1"/>
    </row>
    <row r="9269" spans="1:31" ht="14.45">
      <c r="A9269" s="11"/>
      <c r="B9269" s="20"/>
      <c r="C9269" s="2" t="s">
        <v>28470</v>
      </c>
      <c r="D9269" s="14" t="s">
        <v>28471</v>
      </c>
      <c r="E9269" s="2" t="s">
        <v>28472</v>
      </c>
      <c r="F9269" s="2"/>
      <c r="G9269" s="8">
        <v>175</v>
      </c>
      <c r="H9269" s="5">
        <v>5</v>
      </c>
      <c r="I9269" s="5" t="s">
        <v>69</v>
      </c>
      <c r="J9269" s="5" t="s">
        <v>27074</v>
      </c>
      <c r="K9269" s="2" t="s">
        <v>27075</v>
      </c>
      <c r="L9269" s="5" t="s">
        <v>27074</v>
      </c>
      <c r="M9269" s="2" t="s">
        <v>27075</v>
      </c>
      <c r="N9269" s="5" t="s">
        <v>24254</v>
      </c>
      <c r="O9269" s="5" t="s">
        <v>38</v>
      </c>
      <c r="P9269" s="5" t="s">
        <v>39</v>
      </c>
      <c r="Q9269" s="5" t="s">
        <v>40</v>
      </c>
      <c r="R9269" s="5" t="s">
        <v>24335</v>
      </c>
      <c r="S9269" s="5" t="s">
        <v>40</v>
      </c>
      <c r="T9269" s="5" t="s">
        <v>42</v>
      </c>
      <c r="U9269" s="2">
        <v>7.1879999999999997</v>
      </c>
      <c r="V9269" s="2">
        <v>4.3959999999999999</v>
      </c>
      <c r="W9269" s="2">
        <v>0.14899999999999999</v>
      </c>
      <c r="X9269" s="2">
        <v>12</v>
      </c>
      <c r="Y9269" s="2">
        <v>62</v>
      </c>
      <c r="Z9269" s="2">
        <v>199.7</v>
      </c>
      <c r="AA9269" s="5">
        <v>10</v>
      </c>
      <c r="AB9269" s="5" t="s">
        <v>43</v>
      </c>
      <c r="AC9269" s="5" t="s">
        <v>44</v>
      </c>
      <c r="AD9269" s="2" t="s">
        <v>28282</v>
      </c>
      <c r="AE9269" s="1"/>
    </row>
    <row r="9270" spans="1:31" ht="14.45">
      <c r="A9270" s="11"/>
      <c r="B9270" s="20"/>
      <c r="C9270" s="2" t="s">
        <v>28473</v>
      </c>
      <c r="D9270" s="14" t="s">
        <v>28474</v>
      </c>
      <c r="E9270" s="2" t="s">
        <v>28475</v>
      </c>
      <c r="F9270" s="2"/>
      <c r="G9270" s="8">
        <v>175</v>
      </c>
      <c r="H9270" s="5">
        <v>5</v>
      </c>
      <c r="I9270" s="5" t="s">
        <v>69</v>
      </c>
      <c r="J9270" s="5" t="s">
        <v>27074</v>
      </c>
      <c r="K9270" s="2" t="s">
        <v>27075</v>
      </c>
      <c r="L9270" s="5" t="s">
        <v>27074</v>
      </c>
      <c r="M9270" s="2" t="s">
        <v>27075</v>
      </c>
      <c r="N9270" s="5" t="s">
        <v>24254</v>
      </c>
      <c r="O9270" s="5" t="s">
        <v>38</v>
      </c>
      <c r="P9270" s="5" t="s">
        <v>39</v>
      </c>
      <c r="Q9270" s="5" t="s">
        <v>40</v>
      </c>
      <c r="R9270" s="5" t="s">
        <v>24335</v>
      </c>
      <c r="S9270" s="5" t="s">
        <v>40</v>
      </c>
      <c r="T9270" s="5" t="s">
        <v>42</v>
      </c>
      <c r="U9270" s="2">
        <v>5.78</v>
      </c>
      <c r="V9270" s="2">
        <v>3.31</v>
      </c>
      <c r="W9270" s="2">
        <v>0.129</v>
      </c>
      <c r="X9270" s="2">
        <v>12</v>
      </c>
      <c r="Y9270" s="2">
        <v>62</v>
      </c>
      <c r="Z9270" s="2">
        <v>172.9</v>
      </c>
      <c r="AA9270" s="5">
        <v>10</v>
      </c>
      <c r="AB9270" s="5" t="s">
        <v>43</v>
      </c>
      <c r="AC9270" s="5" t="s">
        <v>44</v>
      </c>
      <c r="AD9270" s="2" t="s">
        <v>28245</v>
      </c>
      <c r="AE9270" s="1"/>
    </row>
    <row r="9271" spans="1:31" ht="14.45">
      <c r="A9271" s="11"/>
      <c r="B9271" s="20"/>
      <c r="C9271" s="2" t="s">
        <v>28476</v>
      </c>
      <c r="D9271" s="14" t="s">
        <v>28477</v>
      </c>
      <c r="E9271" s="2" t="s">
        <v>28478</v>
      </c>
      <c r="F9271" s="2"/>
      <c r="G9271" s="8">
        <v>175</v>
      </c>
      <c r="H9271" s="5">
        <v>5</v>
      </c>
      <c r="I9271" s="5" t="s">
        <v>69</v>
      </c>
      <c r="J9271" s="5" t="s">
        <v>27074</v>
      </c>
      <c r="K9271" s="2" t="s">
        <v>27075</v>
      </c>
      <c r="L9271" s="5" t="s">
        <v>27074</v>
      </c>
      <c r="M9271" s="2" t="s">
        <v>27075</v>
      </c>
      <c r="N9271" s="5" t="s">
        <v>24254</v>
      </c>
      <c r="O9271" s="5" t="s">
        <v>38</v>
      </c>
      <c r="P9271" s="5" t="s">
        <v>39</v>
      </c>
      <c r="Q9271" s="5" t="s">
        <v>40</v>
      </c>
      <c r="R9271" s="5" t="s">
        <v>24335</v>
      </c>
      <c r="S9271" s="5" t="s">
        <v>40</v>
      </c>
      <c r="T9271" s="5" t="s">
        <v>42</v>
      </c>
      <c r="U9271" s="2">
        <v>6.0789999999999997</v>
      </c>
      <c r="V9271" s="2">
        <v>3.609</v>
      </c>
      <c r="W9271" s="2">
        <v>0.129</v>
      </c>
      <c r="X9271" s="2">
        <v>12</v>
      </c>
      <c r="Y9271" s="2">
        <v>62</v>
      </c>
      <c r="Z9271" s="2">
        <v>172.9</v>
      </c>
      <c r="AA9271" s="5">
        <v>10</v>
      </c>
      <c r="AB9271" s="5" t="s">
        <v>43</v>
      </c>
      <c r="AC9271" s="5" t="s">
        <v>44</v>
      </c>
      <c r="AD9271" s="2" t="s">
        <v>28249</v>
      </c>
      <c r="AE9271" s="1"/>
    </row>
    <row r="9272" spans="1:31" ht="14.45">
      <c r="A9272" s="11"/>
      <c r="B9272" s="20"/>
      <c r="C9272" s="2" t="s">
        <v>28479</v>
      </c>
      <c r="D9272" s="14" t="s">
        <v>28480</v>
      </c>
      <c r="E9272" s="2" t="s">
        <v>28481</v>
      </c>
      <c r="F9272" s="2"/>
      <c r="G9272" s="8">
        <v>175</v>
      </c>
      <c r="H9272" s="5">
        <v>5</v>
      </c>
      <c r="I9272" s="5" t="s">
        <v>69</v>
      </c>
      <c r="J9272" s="5" t="s">
        <v>27074</v>
      </c>
      <c r="K9272" s="2" t="s">
        <v>27075</v>
      </c>
      <c r="L9272" s="5" t="s">
        <v>27074</v>
      </c>
      <c r="M9272" s="2" t="s">
        <v>27075</v>
      </c>
      <c r="N9272" s="5" t="s">
        <v>24254</v>
      </c>
      <c r="O9272" s="5" t="s">
        <v>38</v>
      </c>
      <c r="P9272" s="5" t="s">
        <v>39</v>
      </c>
      <c r="Q9272" s="5" t="s">
        <v>40</v>
      </c>
      <c r="R9272" s="5" t="s">
        <v>24335</v>
      </c>
      <c r="S9272" s="5" t="s">
        <v>40</v>
      </c>
      <c r="T9272" s="5" t="s">
        <v>42</v>
      </c>
      <c r="U9272" s="2">
        <v>6.4640000000000004</v>
      </c>
      <c r="V9272" s="2">
        <v>3.593</v>
      </c>
      <c r="W9272" s="2">
        <v>0.14899999999999999</v>
      </c>
      <c r="X9272" s="2">
        <v>12</v>
      </c>
      <c r="Y9272" s="2">
        <v>62</v>
      </c>
      <c r="Z9272" s="2">
        <v>199.7</v>
      </c>
      <c r="AA9272" s="5">
        <v>10</v>
      </c>
      <c r="AB9272" s="5" t="s">
        <v>43</v>
      </c>
      <c r="AC9272" s="5" t="s">
        <v>44</v>
      </c>
      <c r="AD9272" s="2" t="s">
        <v>28245</v>
      </c>
      <c r="AE9272" s="1"/>
    </row>
    <row r="9273" spans="1:31" ht="14.45">
      <c r="A9273" s="11"/>
      <c r="B9273" s="20"/>
      <c r="C9273" s="2" t="s">
        <v>28482</v>
      </c>
      <c r="D9273" s="14" t="s">
        <v>28483</v>
      </c>
      <c r="E9273" s="2" t="s">
        <v>28484</v>
      </c>
      <c r="F9273" s="2"/>
      <c r="G9273" s="8">
        <v>175</v>
      </c>
      <c r="H9273" s="5">
        <v>5</v>
      </c>
      <c r="I9273" s="5" t="s">
        <v>69</v>
      </c>
      <c r="J9273" s="5" t="s">
        <v>27074</v>
      </c>
      <c r="K9273" s="2" t="s">
        <v>27075</v>
      </c>
      <c r="L9273" s="5" t="s">
        <v>27074</v>
      </c>
      <c r="M9273" s="2" t="s">
        <v>27075</v>
      </c>
      <c r="N9273" s="5" t="s">
        <v>24254</v>
      </c>
      <c r="O9273" s="5" t="s">
        <v>38</v>
      </c>
      <c r="P9273" s="5" t="s">
        <v>39</v>
      </c>
      <c r="Q9273" s="5" t="s">
        <v>40</v>
      </c>
      <c r="R9273" s="5" t="s">
        <v>24335</v>
      </c>
      <c r="S9273" s="5" t="s">
        <v>40</v>
      </c>
      <c r="T9273" s="5" t="s">
        <v>42</v>
      </c>
      <c r="U9273" s="2">
        <v>6.7729999999999997</v>
      </c>
      <c r="V9273" s="2">
        <v>3.9020000000000001</v>
      </c>
      <c r="W9273" s="2">
        <v>0.14899999999999999</v>
      </c>
      <c r="X9273" s="2">
        <v>12</v>
      </c>
      <c r="Y9273" s="2">
        <v>62</v>
      </c>
      <c r="Z9273" s="2">
        <v>199.7</v>
      </c>
      <c r="AA9273" s="5">
        <v>10</v>
      </c>
      <c r="AB9273" s="5" t="s">
        <v>43</v>
      </c>
      <c r="AC9273" s="5" t="s">
        <v>44</v>
      </c>
      <c r="AD9273" s="2" t="s">
        <v>28249</v>
      </c>
      <c r="AE9273" s="1"/>
    </row>
    <row r="9274" spans="1:31" ht="14.45">
      <c r="A9274" s="11"/>
      <c r="B9274" s="20"/>
      <c r="C9274" s="2" t="s">
        <v>28485</v>
      </c>
      <c r="D9274" s="14" t="s">
        <v>28486</v>
      </c>
      <c r="E9274" s="2" t="s">
        <v>28487</v>
      </c>
      <c r="F9274" s="2"/>
      <c r="G9274" s="8">
        <v>318</v>
      </c>
      <c r="H9274" s="5">
        <v>5</v>
      </c>
      <c r="I9274" s="5" t="s">
        <v>69</v>
      </c>
      <c r="J9274" s="5" t="s">
        <v>27074</v>
      </c>
      <c r="K9274" s="2" t="s">
        <v>27075</v>
      </c>
      <c r="L9274" s="5" t="s">
        <v>27074</v>
      </c>
      <c r="M9274" s="2" t="s">
        <v>27075</v>
      </c>
      <c r="N9274" s="5" t="s">
        <v>24254</v>
      </c>
      <c r="O9274" s="5" t="s">
        <v>38</v>
      </c>
      <c r="P9274" s="5" t="s">
        <v>39</v>
      </c>
      <c r="Q9274" s="5" t="s">
        <v>40</v>
      </c>
      <c r="R9274" s="5" t="s">
        <v>24335</v>
      </c>
      <c r="S9274" s="5" t="s">
        <v>40</v>
      </c>
      <c r="T9274" s="5" t="s">
        <v>42</v>
      </c>
      <c r="U9274" s="2">
        <v>13.618</v>
      </c>
      <c r="V9274" s="2">
        <v>10.791</v>
      </c>
      <c r="W9274" s="2">
        <v>0.19500000000000001</v>
      </c>
      <c r="X9274" s="2">
        <v>12</v>
      </c>
      <c r="Y9274" s="2">
        <v>77</v>
      </c>
      <c r="Z9274" s="2">
        <v>210.9</v>
      </c>
      <c r="AA9274" s="5">
        <v>8</v>
      </c>
      <c r="AB9274" s="5" t="s">
        <v>43</v>
      </c>
      <c r="AC9274" s="5" t="s">
        <v>44</v>
      </c>
      <c r="AD9274" s="2" t="s">
        <v>28253</v>
      </c>
      <c r="AE9274" s="1"/>
    </row>
    <row r="9275" spans="1:31" ht="14.45">
      <c r="A9275" s="11"/>
      <c r="B9275" s="20"/>
      <c r="C9275" s="2" t="s">
        <v>28488</v>
      </c>
      <c r="D9275" s="14" t="s">
        <v>28489</v>
      </c>
      <c r="E9275" s="2" t="s">
        <v>28490</v>
      </c>
      <c r="F9275" s="2"/>
      <c r="G9275" s="8">
        <v>648</v>
      </c>
      <c r="H9275" s="5">
        <v>5</v>
      </c>
      <c r="I9275" s="5" t="s">
        <v>69</v>
      </c>
      <c r="J9275" s="5" t="s">
        <v>27074</v>
      </c>
      <c r="K9275" s="2" t="s">
        <v>27075</v>
      </c>
      <c r="L9275" s="5" t="s">
        <v>27074</v>
      </c>
      <c r="M9275" s="2" t="s">
        <v>27075</v>
      </c>
      <c r="N9275" s="5" t="s">
        <v>24254</v>
      </c>
      <c r="O9275" s="5" t="s">
        <v>38</v>
      </c>
      <c r="P9275" s="5" t="s">
        <v>39</v>
      </c>
      <c r="Q9275" s="5" t="s">
        <v>40</v>
      </c>
      <c r="R9275" s="5" t="s">
        <v>1487</v>
      </c>
      <c r="S9275" s="5"/>
      <c r="T9275" s="5" t="s">
        <v>42</v>
      </c>
      <c r="U9275" s="2">
        <v>0</v>
      </c>
      <c r="V9275" s="2">
        <v>0</v>
      </c>
      <c r="W9275" s="2">
        <v>0</v>
      </c>
      <c r="X9275" s="2">
        <v>0</v>
      </c>
      <c r="Y9275" s="2">
        <v>0</v>
      </c>
      <c r="Z9275" s="2">
        <v>0</v>
      </c>
      <c r="AA9275" s="5"/>
      <c r="AB9275" s="5" t="s">
        <v>43</v>
      </c>
      <c r="AC9275" s="5" t="s">
        <v>44</v>
      </c>
      <c r="AD9275" s="2" t="s">
        <v>28257</v>
      </c>
      <c r="AE9275" s="1"/>
    </row>
    <row r="9276" spans="1:31" ht="14.45">
      <c r="A9276" s="11"/>
      <c r="B9276" s="20"/>
      <c r="C9276" s="2" t="s">
        <v>28491</v>
      </c>
      <c r="D9276" s="14" t="s">
        <v>28492</v>
      </c>
      <c r="E9276" s="2" t="s">
        <v>28493</v>
      </c>
      <c r="F9276" s="2"/>
      <c r="G9276" s="8">
        <v>648</v>
      </c>
      <c r="H9276" s="5">
        <v>15</v>
      </c>
      <c r="I9276" s="5" t="s">
        <v>69</v>
      </c>
      <c r="J9276" s="5" t="s">
        <v>27074</v>
      </c>
      <c r="K9276" s="2" t="s">
        <v>27075</v>
      </c>
      <c r="L9276" s="5" t="s">
        <v>27074</v>
      </c>
      <c r="M9276" s="2" t="s">
        <v>27075</v>
      </c>
      <c r="N9276" s="5" t="s">
        <v>24254</v>
      </c>
      <c r="O9276" s="5" t="s">
        <v>38</v>
      </c>
      <c r="P9276" s="5" t="s">
        <v>39</v>
      </c>
      <c r="Q9276" s="5" t="s">
        <v>40</v>
      </c>
      <c r="R9276" s="5" t="s">
        <v>1487</v>
      </c>
      <c r="S9276" s="5"/>
      <c r="T9276" s="5" t="s">
        <v>42</v>
      </c>
      <c r="U9276" s="2">
        <v>0</v>
      </c>
      <c r="V9276" s="2">
        <v>0</v>
      </c>
      <c r="W9276" s="2">
        <v>0</v>
      </c>
      <c r="X9276" s="2">
        <v>0</v>
      </c>
      <c r="Y9276" s="2">
        <v>0</v>
      </c>
      <c r="Z9276" s="2">
        <v>0</v>
      </c>
      <c r="AA9276" s="5"/>
      <c r="AB9276" s="5" t="s">
        <v>43</v>
      </c>
      <c r="AC9276" s="5" t="s">
        <v>44</v>
      </c>
      <c r="AD9276" s="2" t="s">
        <v>28261</v>
      </c>
      <c r="AE9276" s="1"/>
    </row>
    <row r="9277" spans="1:31" ht="14.45">
      <c r="A9277" s="11"/>
      <c r="B9277" s="20"/>
      <c r="C9277" s="2" t="s">
        <v>28494</v>
      </c>
      <c r="D9277" s="14" t="s">
        <v>28495</v>
      </c>
      <c r="E9277" s="2" t="s">
        <v>28496</v>
      </c>
      <c r="F9277" s="2"/>
      <c r="G9277" s="8">
        <v>1083</v>
      </c>
      <c r="H9277" s="5">
        <v>15</v>
      </c>
      <c r="I9277" s="5" t="s">
        <v>69</v>
      </c>
      <c r="J9277" s="5" t="s">
        <v>27074</v>
      </c>
      <c r="K9277" s="2" t="s">
        <v>27075</v>
      </c>
      <c r="L9277" s="5" t="s">
        <v>27074</v>
      </c>
      <c r="M9277" s="2" t="s">
        <v>27075</v>
      </c>
      <c r="N9277" s="5" t="s">
        <v>24254</v>
      </c>
      <c r="O9277" s="5" t="s">
        <v>38</v>
      </c>
      <c r="P9277" s="5" t="s">
        <v>39</v>
      </c>
      <c r="Q9277" s="5" t="s">
        <v>40</v>
      </c>
      <c r="R9277" s="5" t="s">
        <v>1487</v>
      </c>
      <c r="S9277" s="5"/>
      <c r="T9277" s="5" t="s">
        <v>42</v>
      </c>
      <c r="U9277" s="2">
        <v>0</v>
      </c>
      <c r="V9277" s="2">
        <v>0</v>
      </c>
      <c r="W9277" s="2">
        <v>0</v>
      </c>
      <c r="X9277" s="2">
        <v>0</v>
      </c>
      <c r="Y9277" s="2">
        <v>0</v>
      </c>
      <c r="Z9277" s="2">
        <v>0</v>
      </c>
      <c r="AA9277" s="5"/>
      <c r="AB9277" s="5" t="s">
        <v>43</v>
      </c>
      <c r="AC9277" s="5" t="s">
        <v>44</v>
      </c>
      <c r="AD9277" s="2" t="s">
        <v>28265</v>
      </c>
      <c r="AE9277" s="1"/>
    </row>
    <row r="9278" spans="1:31" ht="14.45">
      <c r="A9278" s="11"/>
      <c r="B9278" s="20"/>
      <c r="C9278" s="2" t="s">
        <v>28497</v>
      </c>
      <c r="D9278" s="14" t="s">
        <v>28498</v>
      </c>
      <c r="E9278" s="2" t="s">
        <v>28499</v>
      </c>
      <c r="F9278" s="2"/>
      <c r="G9278" s="8">
        <v>1083</v>
      </c>
      <c r="H9278" s="5">
        <v>15</v>
      </c>
      <c r="I9278" s="5" t="s">
        <v>69</v>
      </c>
      <c r="J9278" s="5" t="s">
        <v>27074</v>
      </c>
      <c r="K9278" s="2" t="s">
        <v>27075</v>
      </c>
      <c r="L9278" s="5" t="s">
        <v>27074</v>
      </c>
      <c r="M9278" s="2" t="s">
        <v>27075</v>
      </c>
      <c r="N9278" s="5" t="s">
        <v>24254</v>
      </c>
      <c r="O9278" s="5" t="s">
        <v>38</v>
      </c>
      <c r="P9278" s="5" t="s">
        <v>39</v>
      </c>
      <c r="Q9278" s="5" t="s">
        <v>40</v>
      </c>
      <c r="R9278" s="5" t="s">
        <v>1487</v>
      </c>
      <c r="S9278" s="5"/>
      <c r="T9278" s="5" t="s">
        <v>42</v>
      </c>
      <c r="U9278" s="2">
        <v>0</v>
      </c>
      <c r="V9278" s="2">
        <v>0</v>
      </c>
      <c r="W9278" s="2">
        <v>0</v>
      </c>
      <c r="X9278" s="2">
        <v>0</v>
      </c>
      <c r="Y9278" s="2">
        <v>0</v>
      </c>
      <c r="Z9278" s="2">
        <v>0</v>
      </c>
      <c r="AA9278" s="5"/>
      <c r="AB9278" s="5" t="s">
        <v>43</v>
      </c>
      <c r="AC9278" s="5" t="s">
        <v>44</v>
      </c>
      <c r="AD9278" s="2" t="s">
        <v>28269</v>
      </c>
      <c r="AE9278" s="1"/>
    </row>
    <row r="9279" spans="1:31" ht="14.45">
      <c r="A9279" s="11"/>
      <c r="B9279" s="20"/>
      <c r="C9279" s="2" t="s">
        <v>28500</v>
      </c>
      <c r="D9279" s="14" t="s">
        <v>28501</v>
      </c>
      <c r="E9279" s="2" t="s">
        <v>28502</v>
      </c>
      <c r="F9279" s="2"/>
      <c r="G9279" s="8">
        <v>185</v>
      </c>
      <c r="H9279" s="5">
        <v>5</v>
      </c>
      <c r="I9279" s="5" t="s">
        <v>69</v>
      </c>
      <c r="J9279" s="5" t="s">
        <v>27074</v>
      </c>
      <c r="K9279" s="2" t="s">
        <v>27075</v>
      </c>
      <c r="L9279" s="5" t="s">
        <v>27074</v>
      </c>
      <c r="M9279" s="2" t="s">
        <v>27075</v>
      </c>
      <c r="N9279" s="5" t="s">
        <v>24254</v>
      </c>
      <c r="O9279" s="5" t="s">
        <v>38</v>
      </c>
      <c r="P9279" s="5" t="s">
        <v>39</v>
      </c>
      <c r="Q9279" s="5" t="s">
        <v>40</v>
      </c>
      <c r="R9279" s="5" t="s">
        <v>24335</v>
      </c>
      <c r="S9279" s="5" t="s">
        <v>40</v>
      </c>
      <c r="T9279" s="5" t="s">
        <v>42</v>
      </c>
      <c r="U9279" s="2">
        <v>9.2089999999999996</v>
      </c>
      <c r="V9279" s="2">
        <v>7.1539999999999999</v>
      </c>
      <c r="W9279" s="2">
        <v>0.127</v>
      </c>
      <c r="X9279" s="2">
        <v>12</v>
      </c>
      <c r="Y9279" s="2">
        <v>50</v>
      </c>
      <c r="Z9279" s="2">
        <v>210.9</v>
      </c>
      <c r="AA9279" s="5">
        <v>8</v>
      </c>
      <c r="AB9279" s="5" t="s">
        <v>43</v>
      </c>
      <c r="AC9279" s="5" t="s">
        <v>44</v>
      </c>
      <c r="AD9279" s="2" t="s">
        <v>28235</v>
      </c>
      <c r="AE9279" s="1"/>
    </row>
    <row r="9280" spans="1:31" ht="14.45">
      <c r="A9280" s="11"/>
      <c r="B9280" s="20"/>
      <c r="C9280" s="2" t="s">
        <v>28503</v>
      </c>
      <c r="D9280" s="14" t="s">
        <v>28504</v>
      </c>
      <c r="E9280" s="2" t="s">
        <v>28505</v>
      </c>
      <c r="F9280" s="2"/>
      <c r="G9280" s="8">
        <v>185</v>
      </c>
      <c r="H9280" s="5">
        <v>5</v>
      </c>
      <c r="I9280" s="5" t="s">
        <v>69</v>
      </c>
      <c r="J9280" s="5" t="s">
        <v>27074</v>
      </c>
      <c r="K9280" s="2" t="s">
        <v>27075</v>
      </c>
      <c r="L9280" s="5" t="s">
        <v>27074</v>
      </c>
      <c r="M9280" s="2" t="s">
        <v>27075</v>
      </c>
      <c r="N9280" s="5" t="s">
        <v>24254</v>
      </c>
      <c r="O9280" s="5" t="s">
        <v>38</v>
      </c>
      <c r="P9280" s="5" t="s">
        <v>39</v>
      </c>
      <c r="Q9280" s="5" t="s">
        <v>40</v>
      </c>
      <c r="R9280" s="5" t="s">
        <v>24335</v>
      </c>
      <c r="S9280" s="5" t="s">
        <v>40</v>
      </c>
      <c r="T9280" s="5" t="s">
        <v>42</v>
      </c>
      <c r="U9280" s="2">
        <v>7.2969999999999997</v>
      </c>
      <c r="V9280" s="2">
        <v>5.4450000000000003</v>
      </c>
      <c r="W9280" s="2">
        <v>0.127</v>
      </c>
      <c r="X9280" s="2">
        <v>12</v>
      </c>
      <c r="Y9280" s="2">
        <v>50</v>
      </c>
      <c r="Z9280" s="2">
        <v>210.9</v>
      </c>
      <c r="AA9280" s="5">
        <v>8</v>
      </c>
      <c r="AB9280" s="5" t="s">
        <v>43</v>
      </c>
      <c r="AC9280" s="5" t="s">
        <v>44</v>
      </c>
      <c r="AD9280" s="2" t="s">
        <v>28235</v>
      </c>
      <c r="AE9280" s="1"/>
    </row>
    <row r="9281" spans="1:31" ht="14.45">
      <c r="A9281" s="11"/>
      <c r="B9281" s="20"/>
      <c r="C9281" s="2" t="s">
        <v>28506</v>
      </c>
      <c r="D9281" s="14" t="s">
        <v>28507</v>
      </c>
      <c r="E9281" s="2" t="s">
        <v>28508</v>
      </c>
      <c r="F9281" s="2"/>
      <c r="G9281" s="8">
        <v>185</v>
      </c>
      <c r="H9281" s="5">
        <v>5</v>
      </c>
      <c r="I9281" s="5" t="s">
        <v>69</v>
      </c>
      <c r="J9281" s="5" t="s">
        <v>27074</v>
      </c>
      <c r="K9281" s="2" t="s">
        <v>27075</v>
      </c>
      <c r="L9281" s="5" t="s">
        <v>27074</v>
      </c>
      <c r="M9281" s="2" t="s">
        <v>27075</v>
      </c>
      <c r="N9281" s="5" t="s">
        <v>24254</v>
      </c>
      <c r="O9281" s="5" t="s">
        <v>38</v>
      </c>
      <c r="P9281" s="5" t="s">
        <v>39</v>
      </c>
      <c r="Q9281" s="5" t="s">
        <v>40</v>
      </c>
      <c r="R9281" s="5" t="s">
        <v>24335</v>
      </c>
      <c r="S9281" s="5" t="s">
        <v>40</v>
      </c>
      <c r="T9281" s="5" t="s">
        <v>42</v>
      </c>
      <c r="U9281" s="2">
        <v>6.74</v>
      </c>
      <c r="V9281" s="2">
        <v>4.79</v>
      </c>
      <c r="W9281" s="2">
        <v>0.104</v>
      </c>
      <c r="X9281" s="2">
        <v>12</v>
      </c>
      <c r="Y9281" s="2">
        <v>50</v>
      </c>
      <c r="Z9281" s="2">
        <v>173.9</v>
      </c>
      <c r="AA9281" s="5">
        <v>8</v>
      </c>
      <c r="AB9281" s="5" t="s">
        <v>43</v>
      </c>
      <c r="AC9281" s="5" t="s">
        <v>44</v>
      </c>
      <c r="AD9281" s="2" t="s">
        <v>28235</v>
      </c>
      <c r="AE9281" s="1"/>
    </row>
    <row r="9282" spans="1:31" ht="14.45">
      <c r="A9282" s="11"/>
      <c r="B9282" s="20"/>
      <c r="C9282" s="2" t="s">
        <v>28509</v>
      </c>
      <c r="D9282" s="14" t="s">
        <v>28510</v>
      </c>
      <c r="E9282" s="2" t="s">
        <v>28511</v>
      </c>
      <c r="F9282" s="2"/>
      <c r="G9282" s="8">
        <v>185</v>
      </c>
      <c r="H9282" s="5">
        <v>5</v>
      </c>
      <c r="I9282" s="5" t="s">
        <v>69</v>
      </c>
      <c r="J9282" s="5" t="s">
        <v>27074</v>
      </c>
      <c r="K9282" s="2" t="s">
        <v>27075</v>
      </c>
      <c r="L9282" s="5" t="s">
        <v>27074</v>
      </c>
      <c r="M9282" s="2" t="s">
        <v>27075</v>
      </c>
      <c r="N9282" s="5" t="s">
        <v>24254</v>
      </c>
      <c r="O9282" s="5" t="s">
        <v>38</v>
      </c>
      <c r="P9282" s="5" t="s">
        <v>39</v>
      </c>
      <c r="Q9282" s="5" t="s">
        <v>40</v>
      </c>
      <c r="R9282" s="5" t="s">
        <v>24335</v>
      </c>
      <c r="S9282" s="5" t="s">
        <v>40</v>
      </c>
      <c r="T9282" s="5" t="s">
        <v>42</v>
      </c>
      <c r="U9282" s="2">
        <v>7.5350000000000001</v>
      </c>
      <c r="V9282" s="2">
        <v>4.6150000000000002</v>
      </c>
      <c r="W9282" s="2">
        <v>0.14899999999999999</v>
      </c>
      <c r="X9282" s="2">
        <v>12</v>
      </c>
      <c r="Y9282" s="2">
        <v>62</v>
      </c>
      <c r="Z9282" s="2">
        <v>199.7</v>
      </c>
      <c r="AA9282" s="5">
        <v>10</v>
      </c>
      <c r="AB9282" s="5" t="s">
        <v>43</v>
      </c>
      <c r="AC9282" s="5" t="s">
        <v>44</v>
      </c>
      <c r="AD9282" s="2" t="s">
        <v>28319</v>
      </c>
      <c r="AE9282" s="1"/>
    </row>
    <row r="9283" spans="1:31" ht="14.45">
      <c r="A9283" s="11"/>
      <c r="B9283" s="20"/>
      <c r="C9283" s="2" t="s">
        <v>28512</v>
      </c>
      <c r="D9283" s="14" t="s">
        <v>28513</v>
      </c>
      <c r="E9283" s="2" t="s">
        <v>28514</v>
      </c>
      <c r="F9283" s="2"/>
      <c r="G9283" s="8">
        <v>185</v>
      </c>
      <c r="H9283" s="5">
        <v>5</v>
      </c>
      <c r="I9283" s="5" t="s">
        <v>69</v>
      </c>
      <c r="J9283" s="5" t="s">
        <v>27074</v>
      </c>
      <c r="K9283" s="2" t="s">
        <v>27075</v>
      </c>
      <c r="L9283" s="5" t="s">
        <v>27074</v>
      </c>
      <c r="M9283" s="2" t="s">
        <v>27075</v>
      </c>
      <c r="N9283" s="5" t="s">
        <v>24254</v>
      </c>
      <c r="O9283" s="5" t="s">
        <v>38</v>
      </c>
      <c r="P9283" s="5" t="s">
        <v>39</v>
      </c>
      <c r="Q9283" s="5" t="s">
        <v>40</v>
      </c>
      <c r="R9283" s="5" t="s">
        <v>24335</v>
      </c>
      <c r="S9283" s="5" t="s">
        <v>40</v>
      </c>
      <c r="T9283" s="5" t="s">
        <v>42</v>
      </c>
      <c r="U9283" s="2">
        <v>7.827</v>
      </c>
      <c r="V9283" s="2">
        <v>4.907</v>
      </c>
      <c r="W9283" s="2">
        <v>0.14899999999999999</v>
      </c>
      <c r="X9283" s="2">
        <v>12</v>
      </c>
      <c r="Y9283" s="2">
        <v>62</v>
      </c>
      <c r="Z9283" s="2">
        <v>199.7</v>
      </c>
      <c r="AA9283" s="5">
        <v>10</v>
      </c>
      <c r="AB9283" s="5" t="s">
        <v>43</v>
      </c>
      <c r="AC9283" s="5" t="s">
        <v>44</v>
      </c>
      <c r="AD9283" s="2" t="s">
        <v>28282</v>
      </c>
      <c r="AE9283" s="1"/>
    </row>
    <row r="9284" spans="1:31" ht="14.45">
      <c r="A9284" s="11"/>
      <c r="B9284" s="20"/>
      <c r="C9284" s="2" t="s">
        <v>28515</v>
      </c>
      <c r="D9284" s="14" t="s">
        <v>28516</v>
      </c>
      <c r="E9284" s="2" t="s">
        <v>28517</v>
      </c>
      <c r="F9284" s="2"/>
      <c r="G9284" s="8">
        <v>185</v>
      </c>
      <c r="H9284" s="5">
        <v>5</v>
      </c>
      <c r="I9284" s="5" t="s">
        <v>69</v>
      </c>
      <c r="J9284" s="5" t="s">
        <v>27074</v>
      </c>
      <c r="K9284" s="2" t="s">
        <v>27075</v>
      </c>
      <c r="L9284" s="5" t="s">
        <v>27074</v>
      </c>
      <c r="M9284" s="2" t="s">
        <v>27075</v>
      </c>
      <c r="N9284" s="5" t="s">
        <v>24254</v>
      </c>
      <c r="O9284" s="5" t="s">
        <v>38</v>
      </c>
      <c r="P9284" s="5" t="s">
        <v>39</v>
      </c>
      <c r="Q9284" s="5" t="s">
        <v>40</v>
      </c>
      <c r="R9284" s="5" t="s">
        <v>24335</v>
      </c>
      <c r="S9284" s="5" t="s">
        <v>40</v>
      </c>
      <c r="T9284" s="5" t="s">
        <v>42</v>
      </c>
      <c r="U9284" s="2">
        <v>6.2919999999999998</v>
      </c>
      <c r="V9284" s="2">
        <v>3.694</v>
      </c>
      <c r="W9284" s="2">
        <v>0.129</v>
      </c>
      <c r="X9284" s="2">
        <v>12</v>
      </c>
      <c r="Y9284" s="2">
        <v>62</v>
      </c>
      <c r="Z9284" s="2">
        <v>172.9</v>
      </c>
      <c r="AA9284" s="5">
        <v>10</v>
      </c>
      <c r="AB9284" s="5" t="s">
        <v>43</v>
      </c>
      <c r="AC9284" s="5" t="s">
        <v>44</v>
      </c>
      <c r="AD9284" s="2" t="s">
        <v>28245</v>
      </c>
      <c r="AE9284" s="1"/>
    </row>
    <row r="9285" spans="1:31" ht="14.45">
      <c r="A9285" s="11"/>
      <c r="B9285" s="20"/>
      <c r="C9285" s="2" t="s">
        <v>28518</v>
      </c>
      <c r="D9285" s="14" t="s">
        <v>28519</v>
      </c>
      <c r="E9285" s="2" t="s">
        <v>28520</v>
      </c>
      <c r="F9285" s="2"/>
      <c r="G9285" s="8">
        <v>185</v>
      </c>
      <c r="H9285" s="5">
        <v>5</v>
      </c>
      <c r="I9285" s="5" t="s">
        <v>69</v>
      </c>
      <c r="J9285" s="5" t="s">
        <v>27074</v>
      </c>
      <c r="K9285" s="2" t="s">
        <v>27075</v>
      </c>
      <c r="L9285" s="5" t="s">
        <v>27074</v>
      </c>
      <c r="M9285" s="2" t="s">
        <v>27075</v>
      </c>
      <c r="N9285" s="5" t="s">
        <v>24254</v>
      </c>
      <c r="O9285" s="5" t="s">
        <v>38</v>
      </c>
      <c r="P9285" s="5" t="s">
        <v>39</v>
      </c>
      <c r="Q9285" s="5" t="s">
        <v>40</v>
      </c>
      <c r="R9285" s="5" t="s">
        <v>24335</v>
      </c>
      <c r="S9285" s="5" t="s">
        <v>40</v>
      </c>
      <c r="T9285" s="5" t="s">
        <v>42</v>
      </c>
      <c r="U9285" s="2">
        <v>6.5910000000000002</v>
      </c>
      <c r="V9285" s="2">
        <v>3.9929999999999999</v>
      </c>
      <c r="W9285" s="2">
        <v>0.129</v>
      </c>
      <c r="X9285" s="2">
        <v>12</v>
      </c>
      <c r="Y9285" s="2">
        <v>62</v>
      </c>
      <c r="Z9285" s="2">
        <v>172.9</v>
      </c>
      <c r="AA9285" s="5">
        <v>10</v>
      </c>
      <c r="AB9285" s="5" t="s">
        <v>43</v>
      </c>
      <c r="AC9285" s="5" t="s">
        <v>44</v>
      </c>
      <c r="AD9285" s="2" t="s">
        <v>28249</v>
      </c>
      <c r="AE9285" s="1"/>
    </row>
    <row r="9286" spans="1:31" ht="14.45">
      <c r="A9286" s="11"/>
      <c r="B9286" s="20"/>
      <c r="C9286" s="2" t="s">
        <v>28521</v>
      </c>
      <c r="D9286" s="14" t="s">
        <v>28522</v>
      </c>
      <c r="E9286" s="2" t="s">
        <v>28523</v>
      </c>
      <c r="F9286" s="2"/>
      <c r="G9286" s="8">
        <v>185</v>
      </c>
      <c r="H9286" s="5">
        <v>5</v>
      </c>
      <c r="I9286" s="5" t="s">
        <v>69</v>
      </c>
      <c r="J9286" s="5" t="s">
        <v>27074</v>
      </c>
      <c r="K9286" s="2" t="s">
        <v>27075</v>
      </c>
      <c r="L9286" s="5" t="s">
        <v>27074</v>
      </c>
      <c r="M9286" s="2" t="s">
        <v>27075</v>
      </c>
      <c r="N9286" s="5" t="s">
        <v>24254</v>
      </c>
      <c r="O9286" s="5" t="s">
        <v>38</v>
      </c>
      <c r="P9286" s="5" t="s">
        <v>39</v>
      </c>
      <c r="Q9286" s="5" t="s">
        <v>40</v>
      </c>
      <c r="R9286" s="5" t="s">
        <v>24335</v>
      </c>
      <c r="S9286" s="5" t="s">
        <v>40</v>
      </c>
      <c r="T9286" s="5" t="s">
        <v>42</v>
      </c>
      <c r="U9286" s="2">
        <v>7.0259999999999998</v>
      </c>
      <c r="V9286" s="2">
        <v>4.0270000000000001</v>
      </c>
      <c r="W9286" s="2">
        <v>0.14899999999999999</v>
      </c>
      <c r="X9286" s="2">
        <v>12</v>
      </c>
      <c r="Y9286" s="2">
        <v>62</v>
      </c>
      <c r="Z9286" s="2">
        <v>199.7</v>
      </c>
      <c r="AA9286" s="5">
        <v>10</v>
      </c>
      <c r="AB9286" s="5" t="s">
        <v>43</v>
      </c>
      <c r="AC9286" s="5" t="s">
        <v>44</v>
      </c>
      <c r="AD9286" s="2" t="s">
        <v>28245</v>
      </c>
      <c r="AE9286" s="1"/>
    </row>
    <row r="9287" spans="1:31" ht="14.45">
      <c r="A9287" s="11"/>
      <c r="B9287" s="20"/>
      <c r="C9287" s="2" t="s">
        <v>28524</v>
      </c>
      <c r="D9287" s="14" t="s">
        <v>28525</v>
      </c>
      <c r="E9287" s="2" t="s">
        <v>28526</v>
      </c>
      <c r="F9287" s="2"/>
      <c r="G9287" s="8">
        <v>185</v>
      </c>
      <c r="H9287" s="5">
        <v>5</v>
      </c>
      <c r="I9287" s="5" t="s">
        <v>69</v>
      </c>
      <c r="J9287" s="5" t="s">
        <v>27074</v>
      </c>
      <c r="K9287" s="2" t="s">
        <v>27075</v>
      </c>
      <c r="L9287" s="5" t="s">
        <v>27074</v>
      </c>
      <c r="M9287" s="2" t="s">
        <v>27075</v>
      </c>
      <c r="N9287" s="5" t="s">
        <v>24254</v>
      </c>
      <c r="O9287" s="5" t="s">
        <v>38</v>
      </c>
      <c r="P9287" s="5" t="s">
        <v>39</v>
      </c>
      <c r="Q9287" s="5" t="s">
        <v>40</v>
      </c>
      <c r="R9287" s="5" t="s">
        <v>24335</v>
      </c>
      <c r="S9287" s="5" t="s">
        <v>40</v>
      </c>
      <c r="T9287" s="5" t="s">
        <v>42</v>
      </c>
      <c r="U9287" s="2">
        <v>7.335</v>
      </c>
      <c r="V9287" s="2">
        <v>4.3360000000000003</v>
      </c>
      <c r="W9287" s="2">
        <v>0.14899999999999999</v>
      </c>
      <c r="X9287" s="2">
        <v>12</v>
      </c>
      <c r="Y9287" s="2">
        <v>62</v>
      </c>
      <c r="Z9287" s="2">
        <v>199.7</v>
      </c>
      <c r="AA9287" s="5">
        <v>10</v>
      </c>
      <c r="AB9287" s="5" t="s">
        <v>43</v>
      </c>
      <c r="AC9287" s="5" t="s">
        <v>44</v>
      </c>
      <c r="AD9287" s="2" t="s">
        <v>28249</v>
      </c>
      <c r="AE9287" s="1"/>
    </row>
    <row r="9288" spans="1:31" ht="14.45">
      <c r="A9288" s="11"/>
      <c r="B9288" s="20"/>
      <c r="C9288" s="2" t="s">
        <v>28527</v>
      </c>
      <c r="D9288" s="14" t="s">
        <v>28528</v>
      </c>
      <c r="E9288" s="2" t="s">
        <v>28529</v>
      </c>
      <c r="F9288" s="2"/>
      <c r="G9288" s="8">
        <v>336</v>
      </c>
      <c r="H9288" s="5">
        <v>5</v>
      </c>
      <c r="I9288" s="5" t="s">
        <v>69</v>
      </c>
      <c r="J9288" s="5" t="s">
        <v>27074</v>
      </c>
      <c r="K9288" s="2" t="s">
        <v>27075</v>
      </c>
      <c r="L9288" s="5" t="s">
        <v>27074</v>
      </c>
      <c r="M9288" s="2" t="s">
        <v>27075</v>
      </c>
      <c r="N9288" s="5" t="s">
        <v>24254</v>
      </c>
      <c r="O9288" s="5" t="s">
        <v>38</v>
      </c>
      <c r="P9288" s="5" t="s">
        <v>39</v>
      </c>
      <c r="Q9288" s="5" t="s">
        <v>40</v>
      </c>
      <c r="R9288" s="5" t="s">
        <v>24335</v>
      </c>
      <c r="S9288" s="5" t="s">
        <v>40</v>
      </c>
      <c r="T9288" s="5" t="s">
        <v>42</v>
      </c>
      <c r="U9288" s="2">
        <v>14.409000000000001</v>
      </c>
      <c r="V9288" s="2">
        <v>11.552</v>
      </c>
      <c r="W9288" s="2">
        <v>0.19500000000000001</v>
      </c>
      <c r="X9288" s="2">
        <v>12</v>
      </c>
      <c r="Y9288" s="2">
        <v>77</v>
      </c>
      <c r="Z9288" s="2">
        <v>210.9</v>
      </c>
      <c r="AA9288" s="5">
        <v>8</v>
      </c>
      <c r="AB9288" s="5" t="s">
        <v>43</v>
      </c>
      <c r="AC9288" s="5" t="s">
        <v>44</v>
      </c>
      <c r="AD9288" s="2" t="s">
        <v>28253</v>
      </c>
      <c r="AE9288" s="1"/>
    </row>
    <row r="9289" spans="1:31" ht="14.45">
      <c r="A9289" s="11"/>
      <c r="B9289" s="20"/>
      <c r="C9289" s="2" t="s">
        <v>28530</v>
      </c>
      <c r="D9289" s="14" t="s">
        <v>28531</v>
      </c>
      <c r="E9289" s="2" t="s">
        <v>28532</v>
      </c>
      <c r="F9289" s="2"/>
      <c r="G9289" s="8">
        <v>678</v>
      </c>
      <c r="H9289" s="5">
        <v>5</v>
      </c>
      <c r="I9289" s="5" t="s">
        <v>69</v>
      </c>
      <c r="J9289" s="5" t="s">
        <v>27074</v>
      </c>
      <c r="K9289" s="2" t="s">
        <v>27075</v>
      </c>
      <c r="L9289" s="5" t="s">
        <v>27074</v>
      </c>
      <c r="M9289" s="2" t="s">
        <v>27075</v>
      </c>
      <c r="N9289" s="5" t="s">
        <v>24254</v>
      </c>
      <c r="O9289" s="5" t="s">
        <v>38</v>
      </c>
      <c r="P9289" s="5" t="s">
        <v>39</v>
      </c>
      <c r="Q9289" s="5" t="s">
        <v>40</v>
      </c>
      <c r="R9289" s="5" t="s">
        <v>1487</v>
      </c>
      <c r="S9289" s="5"/>
      <c r="T9289" s="5" t="s">
        <v>42</v>
      </c>
      <c r="U9289" s="2">
        <v>0</v>
      </c>
      <c r="V9289" s="2">
        <v>0</v>
      </c>
      <c r="W9289" s="2">
        <v>0</v>
      </c>
      <c r="X9289" s="2">
        <v>0</v>
      </c>
      <c r="Y9289" s="2">
        <v>0</v>
      </c>
      <c r="Z9289" s="2">
        <v>0</v>
      </c>
      <c r="AA9289" s="5"/>
      <c r="AB9289" s="5" t="s">
        <v>43</v>
      </c>
      <c r="AC9289" s="5" t="s">
        <v>44</v>
      </c>
      <c r="AD9289" s="2" t="s">
        <v>28257</v>
      </c>
      <c r="AE9289" s="1"/>
    </row>
    <row r="9290" spans="1:31" ht="14.45">
      <c r="A9290" s="11"/>
      <c r="B9290" s="20"/>
      <c r="C9290" s="2" t="s">
        <v>28533</v>
      </c>
      <c r="D9290" s="14" t="s">
        <v>28534</v>
      </c>
      <c r="E9290" s="2" t="s">
        <v>28535</v>
      </c>
      <c r="F9290" s="2"/>
      <c r="G9290" s="8">
        <v>678</v>
      </c>
      <c r="H9290" s="5">
        <v>15</v>
      </c>
      <c r="I9290" s="5" t="s">
        <v>69</v>
      </c>
      <c r="J9290" s="5" t="s">
        <v>27074</v>
      </c>
      <c r="K9290" s="2" t="s">
        <v>27075</v>
      </c>
      <c r="L9290" s="5" t="s">
        <v>27074</v>
      </c>
      <c r="M9290" s="2" t="s">
        <v>27075</v>
      </c>
      <c r="N9290" s="5" t="s">
        <v>24254</v>
      </c>
      <c r="O9290" s="5" t="s">
        <v>38</v>
      </c>
      <c r="P9290" s="5" t="s">
        <v>39</v>
      </c>
      <c r="Q9290" s="5" t="s">
        <v>40</v>
      </c>
      <c r="R9290" s="5" t="s">
        <v>1487</v>
      </c>
      <c r="S9290" s="5"/>
      <c r="T9290" s="5" t="s">
        <v>42</v>
      </c>
      <c r="U9290" s="2">
        <v>0</v>
      </c>
      <c r="V9290" s="2">
        <v>0</v>
      </c>
      <c r="W9290" s="2">
        <v>0</v>
      </c>
      <c r="X9290" s="2">
        <v>0</v>
      </c>
      <c r="Y9290" s="2">
        <v>0</v>
      </c>
      <c r="Z9290" s="2">
        <v>0</v>
      </c>
      <c r="AA9290" s="5"/>
      <c r="AB9290" s="5" t="s">
        <v>43</v>
      </c>
      <c r="AC9290" s="5" t="s">
        <v>44</v>
      </c>
      <c r="AD9290" s="2" t="s">
        <v>28261</v>
      </c>
      <c r="AE9290" s="1"/>
    </row>
    <row r="9291" spans="1:31" ht="14.45">
      <c r="A9291" s="11"/>
      <c r="B9291" s="20"/>
      <c r="C9291" s="2" t="s">
        <v>28536</v>
      </c>
      <c r="D9291" s="14" t="s">
        <v>28537</v>
      </c>
      <c r="E9291" s="2" t="s">
        <v>28538</v>
      </c>
      <c r="F9291" s="2"/>
      <c r="G9291" s="8">
        <v>1135</v>
      </c>
      <c r="H9291" s="5">
        <v>15</v>
      </c>
      <c r="I9291" s="5" t="s">
        <v>69</v>
      </c>
      <c r="J9291" s="5" t="s">
        <v>27074</v>
      </c>
      <c r="K9291" s="2" t="s">
        <v>27075</v>
      </c>
      <c r="L9291" s="5" t="s">
        <v>27074</v>
      </c>
      <c r="M9291" s="2" t="s">
        <v>27075</v>
      </c>
      <c r="N9291" s="5" t="s">
        <v>24254</v>
      </c>
      <c r="O9291" s="5" t="s">
        <v>38</v>
      </c>
      <c r="P9291" s="5" t="s">
        <v>39</v>
      </c>
      <c r="Q9291" s="5" t="s">
        <v>40</v>
      </c>
      <c r="R9291" s="5" t="s">
        <v>1487</v>
      </c>
      <c r="S9291" s="5"/>
      <c r="T9291" s="5" t="s">
        <v>42</v>
      </c>
      <c r="U9291" s="2">
        <v>0</v>
      </c>
      <c r="V9291" s="2">
        <v>0</v>
      </c>
      <c r="W9291" s="2">
        <v>0</v>
      </c>
      <c r="X9291" s="2">
        <v>0</v>
      </c>
      <c r="Y9291" s="2">
        <v>0</v>
      </c>
      <c r="Z9291" s="2">
        <v>0</v>
      </c>
      <c r="AA9291" s="5"/>
      <c r="AB9291" s="5" t="s">
        <v>43</v>
      </c>
      <c r="AC9291" s="5" t="s">
        <v>44</v>
      </c>
      <c r="AD9291" s="2" t="s">
        <v>28265</v>
      </c>
      <c r="AE9291" s="1"/>
    </row>
    <row r="9292" spans="1:31" ht="14.45">
      <c r="A9292" s="11"/>
      <c r="B9292" s="20"/>
      <c r="C9292" s="2" t="s">
        <v>28539</v>
      </c>
      <c r="D9292" s="14" t="s">
        <v>28540</v>
      </c>
      <c r="E9292" s="2" t="s">
        <v>28541</v>
      </c>
      <c r="F9292" s="2"/>
      <c r="G9292" s="8">
        <v>1135</v>
      </c>
      <c r="H9292" s="5">
        <v>15</v>
      </c>
      <c r="I9292" s="5" t="s">
        <v>69</v>
      </c>
      <c r="J9292" s="5" t="s">
        <v>27074</v>
      </c>
      <c r="K9292" s="2" t="s">
        <v>27075</v>
      </c>
      <c r="L9292" s="5" t="s">
        <v>27074</v>
      </c>
      <c r="M9292" s="2" t="s">
        <v>27075</v>
      </c>
      <c r="N9292" s="5" t="s">
        <v>24254</v>
      </c>
      <c r="O9292" s="5" t="s">
        <v>38</v>
      </c>
      <c r="P9292" s="5" t="s">
        <v>39</v>
      </c>
      <c r="Q9292" s="5" t="s">
        <v>40</v>
      </c>
      <c r="R9292" s="5" t="s">
        <v>1487</v>
      </c>
      <c r="S9292" s="5"/>
      <c r="T9292" s="5" t="s">
        <v>42</v>
      </c>
      <c r="U9292" s="2">
        <v>0</v>
      </c>
      <c r="V9292" s="2">
        <v>0</v>
      </c>
      <c r="W9292" s="2">
        <v>0</v>
      </c>
      <c r="X9292" s="2">
        <v>0</v>
      </c>
      <c r="Y9292" s="2">
        <v>0</v>
      </c>
      <c r="Z9292" s="2">
        <v>0</v>
      </c>
      <c r="AA9292" s="5"/>
      <c r="AB9292" s="5" t="s">
        <v>43</v>
      </c>
      <c r="AC9292" s="5" t="s">
        <v>44</v>
      </c>
      <c r="AD9292" s="2" t="s">
        <v>28269</v>
      </c>
      <c r="AE9292" s="1"/>
    </row>
    <row r="9293" spans="1:31" ht="14.45">
      <c r="A9293" s="11"/>
      <c r="B9293" s="20"/>
      <c r="C9293" s="2" t="s">
        <v>28542</v>
      </c>
      <c r="D9293" s="14" t="s">
        <v>28543</v>
      </c>
      <c r="E9293" s="2" t="s">
        <v>28544</v>
      </c>
      <c r="F9293" s="2"/>
      <c r="G9293" s="8">
        <v>194</v>
      </c>
      <c r="H9293" s="5">
        <v>5</v>
      </c>
      <c r="I9293" s="5" t="s">
        <v>69</v>
      </c>
      <c r="J9293" s="5" t="s">
        <v>27074</v>
      </c>
      <c r="K9293" s="2" t="s">
        <v>27075</v>
      </c>
      <c r="L9293" s="5" t="s">
        <v>27074</v>
      </c>
      <c r="M9293" s="2" t="s">
        <v>27075</v>
      </c>
      <c r="N9293" s="5" t="s">
        <v>24254</v>
      </c>
      <c r="O9293" s="5" t="s">
        <v>38</v>
      </c>
      <c r="P9293" s="5" t="s">
        <v>39</v>
      </c>
      <c r="Q9293" s="5" t="s">
        <v>40</v>
      </c>
      <c r="R9293" s="5" t="s">
        <v>24335</v>
      </c>
      <c r="S9293" s="5" t="s">
        <v>40</v>
      </c>
      <c r="T9293" s="5" t="s">
        <v>42</v>
      </c>
      <c r="U9293" s="2">
        <v>9.7439999999999998</v>
      </c>
      <c r="V9293" s="2">
        <v>7.6890000000000001</v>
      </c>
      <c r="W9293" s="2">
        <v>0.127</v>
      </c>
      <c r="X9293" s="2">
        <v>12</v>
      </c>
      <c r="Y9293" s="2">
        <v>50</v>
      </c>
      <c r="Z9293" s="2">
        <v>210.9</v>
      </c>
      <c r="AA9293" s="5">
        <v>8</v>
      </c>
      <c r="AB9293" s="5" t="s">
        <v>43</v>
      </c>
      <c r="AC9293" s="5" t="s">
        <v>44</v>
      </c>
      <c r="AD9293" s="2" t="s">
        <v>28235</v>
      </c>
      <c r="AE9293" s="1"/>
    </row>
    <row r="9294" spans="1:31" ht="14.45">
      <c r="A9294" s="11"/>
      <c r="B9294" s="20"/>
      <c r="C9294" s="2" t="s">
        <v>28545</v>
      </c>
      <c r="D9294" s="14" t="s">
        <v>28546</v>
      </c>
      <c r="E9294" s="2" t="s">
        <v>28547</v>
      </c>
      <c r="F9294" s="2"/>
      <c r="G9294" s="8">
        <v>194</v>
      </c>
      <c r="H9294" s="5">
        <v>5</v>
      </c>
      <c r="I9294" s="5" t="s">
        <v>69</v>
      </c>
      <c r="J9294" s="5" t="s">
        <v>27074</v>
      </c>
      <c r="K9294" s="2" t="s">
        <v>27075</v>
      </c>
      <c r="L9294" s="5" t="s">
        <v>27074</v>
      </c>
      <c r="M9294" s="2" t="s">
        <v>27075</v>
      </c>
      <c r="N9294" s="5" t="s">
        <v>24254</v>
      </c>
      <c r="O9294" s="5" t="s">
        <v>38</v>
      </c>
      <c r="P9294" s="5" t="s">
        <v>39</v>
      </c>
      <c r="Q9294" s="5" t="s">
        <v>40</v>
      </c>
      <c r="R9294" s="5" t="s">
        <v>24335</v>
      </c>
      <c r="S9294" s="5" t="s">
        <v>40</v>
      </c>
      <c r="T9294" s="5" t="s">
        <v>42</v>
      </c>
      <c r="U9294" s="2">
        <v>7.6890000000000001</v>
      </c>
      <c r="V9294" s="2">
        <v>5.8369999999999997</v>
      </c>
      <c r="W9294" s="2">
        <v>0.127</v>
      </c>
      <c r="X9294" s="2">
        <v>12</v>
      </c>
      <c r="Y9294" s="2">
        <v>50</v>
      </c>
      <c r="Z9294" s="2">
        <v>210.9</v>
      </c>
      <c r="AA9294" s="5">
        <v>8</v>
      </c>
      <c r="AB9294" s="5" t="s">
        <v>43</v>
      </c>
      <c r="AC9294" s="5" t="s">
        <v>44</v>
      </c>
      <c r="AD9294" s="2" t="s">
        <v>28235</v>
      </c>
      <c r="AE9294" s="1"/>
    </row>
    <row r="9295" spans="1:31" ht="14.45">
      <c r="A9295" s="11"/>
      <c r="B9295" s="20"/>
      <c r="C9295" s="2" t="s">
        <v>28548</v>
      </c>
      <c r="D9295" s="14" t="s">
        <v>28549</v>
      </c>
      <c r="E9295" s="2" t="s">
        <v>28550</v>
      </c>
      <c r="F9295" s="2"/>
      <c r="G9295" s="8">
        <v>194</v>
      </c>
      <c r="H9295" s="5">
        <v>5</v>
      </c>
      <c r="I9295" s="5" t="s">
        <v>69</v>
      </c>
      <c r="J9295" s="5" t="s">
        <v>27074</v>
      </c>
      <c r="K9295" s="2" t="s">
        <v>27075</v>
      </c>
      <c r="L9295" s="5" t="s">
        <v>27074</v>
      </c>
      <c r="M9295" s="2" t="s">
        <v>27075</v>
      </c>
      <c r="N9295" s="5" t="s">
        <v>24254</v>
      </c>
      <c r="O9295" s="5" t="s">
        <v>38</v>
      </c>
      <c r="P9295" s="5" t="s">
        <v>39</v>
      </c>
      <c r="Q9295" s="5" t="s">
        <v>40</v>
      </c>
      <c r="R9295" s="5" t="s">
        <v>24335</v>
      </c>
      <c r="S9295" s="5" t="s">
        <v>40</v>
      </c>
      <c r="T9295" s="5" t="s">
        <v>42</v>
      </c>
      <c r="U9295" s="2">
        <v>7.141</v>
      </c>
      <c r="V9295" s="2">
        <v>5.1909999999999998</v>
      </c>
      <c r="W9295" s="2">
        <v>0.104</v>
      </c>
      <c r="X9295" s="2">
        <v>12</v>
      </c>
      <c r="Y9295" s="2">
        <v>50</v>
      </c>
      <c r="Z9295" s="2">
        <v>173.9</v>
      </c>
      <c r="AA9295" s="5">
        <v>8</v>
      </c>
      <c r="AB9295" s="5" t="s">
        <v>43</v>
      </c>
      <c r="AC9295" s="5" t="s">
        <v>44</v>
      </c>
      <c r="AD9295" s="2" t="s">
        <v>28235</v>
      </c>
      <c r="AE9295" s="1"/>
    </row>
    <row r="9296" spans="1:31" ht="14.45">
      <c r="A9296" s="11"/>
      <c r="B9296" s="20"/>
      <c r="C9296" s="2" t="s">
        <v>28551</v>
      </c>
      <c r="D9296" s="14" t="s">
        <v>28552</v>
      </c>
      <c r="E9296" s="2" t="s">
        <v>28553</v>
      </c>
      <c r="F9296" s="2"/>
      <c r="G9296" s="8">
        <v>194</v>
      </c>
      <c r="H9296" s="5">
        <v>5</v>
      </c>
      <c r="I9296" s="5" t="s">
        <v>69</v>
      </c>
      <c r="J9296" s="5" t="s">
        <v>27074</v>
      </c>
      <c r="K9296" s="2" t="s">
        <v>27075</v>
      </c>
      <c r="L9296" s="5" t="s">
        <v>27074</v>
      </c>
      <c r="M9296" s="2" t="s">
        <v>27075</v>
      </c>
      <c r="N9296" s="5" t="s">
        <v>24254</v>
      </c>
      <c r="O9296" s="5" t="s">
        <v>38</v>
      </c>
      <c r="P9296" s="5" t="s">
        <v>39</v>
      </c>
      <c r="Q9296" s="5" t="s">
        <v>40</v>
      </c>
      <c r="R9296" s="5" t="s">
        <v>24335</v>
      </c>
      <c r="S9296" s="5" t="s">
        <v>40</v>
      </c>
      <c r="T9296" s="5" t="s">
        <v>42</v>
      </c>
      <c r="U9296" s="2">
        <v>8.0760000000000005</v>
      </c>
      <c r="V9296" s="2">
        <v>5.1559999999999997</v>
      </c>
      <c r="W9296" s="2">
        <v>0.14899999999999999</v>
      </c>
      <c r="X9296" s="2">
        <v>12</v>
      </c>
      <c r="Y9296" s="2">
        <v>62</v>
      </c>
      <c r="Z9296" s="2">
        <v>199.7</v>
      </c>
      <c r="AA9296" s="5">
        <v>10</v>
      </c>
      <c r="AB9296" s="5" t="s">
        <v>43</v>
      </c>
      <c r="AC9296" s="5" t="s">
        <v>44</v>
      </c>
      <c r="AD9296" s="2" t="s">
        <v>28319</v>
      </c>
      <c r="AE9296" s="1"/>
    </row>
    <row r="9297" spans="1:31" ht="14.45">
      <c r="A9297" s="11"/>
      <c r="B9297" s="20"/>
      <c r="C9297" s="2" t="s">
        <v>28554</v>
      </c>
      <c r="D9297" s="14" t="s">
        <v>28555</v>
      </c>
      <c r="E9297" s="2" t="s">
        <v>28556</v>
      </c>
      <c r="F9297" s="2"/>
      <c r="G9297" s="8">
        <v>194</v>
      </c>
      <c r="H9297" s="5">
        <v>5</v>
      </c>
      <c r="I9297" s="5" t="s">
        <v>69</v>
      </c>
      <c r="J9297" s="5" t="s">
        <v>27074</v>
      </c>
      <c r="K9297" s="2" t="s">
        <v>27075</v>
      </c>
      <c r="L9297" s="5" t="s">
        <v>27074</v>
      </c>
      <c r="M9297" s="2" t="s">
        <v>27075</v>
      </c>
      <c r="N9297" s="5" t="s">
        <v>24254</v>
      </c>
      <c r="O9297" s="5" t="s">
        <v>38</v>
      </c>
      <c r="P9297" s="5" t="s">
        <v>39</v>
      </c>
      <c r="Q9297" s="5" t="s">
        <v>40</v>
      </c>
      <c r="R9297" s="5" t="s">
        <v>24335</v>
      </c>
      <c r="S9297" s="5" t="s">
        <v>40</v>
      </c>
      <c r="T9297" s="5" t="s">
        <v>42</v>
      </c>
      <c r="U9297" s="2">
        <v>8.3680000000000003</v>
      </c>
      <c r="V9297" s="2">
        <v>5.4480000000000004</v>
      </c>
      <c r="W9297" s="2">
        <v>0.14899999999999999</v>
      </c>
      <c r="X9297" s="2">
        <v>12</v>
      </c>
      <c r="Y9297" s="2">
        <v>62</v>
      </c>
      <c r="Z9297" s="2">
        <v>199.7</v>
      </c>
      <c r="AA9297" s="5">
        <v>10</v>
      </c>
      <c r="AB9297" s="5" t="s">
        <v>43</v>
      </c>
      <c r="AC9297" s="5" t="s">
        <v>44</v>
      </c>
      <c r="AD9297" s="2" t="s">
        <v>28282</v>
      </c>
      <c r="AE9297" s="1"/>
    </row>
    <row r="9298" spans="1:31" ht="14.45">
      <c r="A9298" s="11"/>
      <c r="B9298" s="20"/>
      <c r="C9298" s="2" t="s">
        <v>28557</v>
      </c>
      <c r="D9298" s="14" t="s">
        <v>28558</v>
      </c>
      <c r="E9298" s="2" t="s">
        <v>28559</v>
      </c>
      <c r="F9298" s="2"/>
      <c r="G9298" s="8">
        <v>194</v>
      </c>
      <c r="H9298" s="5">
        <v>5</v>
      </c>
      <c r="I9298" s="5" t="s">
        <v>69</v>
      </c>
      <c r="J9298" s="5" t="s">
        <v>27074</v>
      </c>
      <c r="K9298" s="2" t="s">
        <v>27075</v>
      </c>
      <c r="L9298" s="5" t="s">
        <v>27074</v>
      </c>
      <c r="M9298" s="2" t="s">
        <v>27075</v>
      </c>
      <c r="N9298" s="5" t="s">
        <v>24254</v>
      </c>
      <c r="O9298" s="5" t="s">
        <v>38</v>
      </c>
      <c r="P9298" s="5" t="s">
        <v>39</v>
      </c>
      <c r="Q9298" s="5" t="s">
        <v>40</v>
      </c>
      <c r="R9298" s="5" t="s">
        <v>24335</v>
      </c>
      <c r="S9298" s="5" t="s">
        <v>40</v>
      </c>
      <c r="T9298" s="5" t="s">
        <v>42</v>
      </c>
      <c r="U9298" s="2">
        <v>6.6950000000000003</v>
      </c>
      <c r="V9298" s="2">
        <v>4.0970000000000004</v>
      </c>
      <c r="W9298" s="2">
        <v>0.129</v>
      </c>
      <c r="X9298" s="2">
        <v>12</v>
      </c>
      <c r="Y9298" s="2">
        <v>62</v>
      </c>
      <c r="Z9298" s="2">
        <v>172.9</v>
      </c>
      <c r="AA9298" s="5">
        <v>10</v>
      </c>
      <c r="AB9298" s="5" t="s">
        <v>43</v>
      </c>
      <c r="AC9298" s="5" t="s">
        <v>44</v>
      </c>
      <c r="AD9298" s="2" t="s">
        <v>28245</v>
      </c>
      <c r="AE9298" s="1"/>
    </row>
    <row r="9299" spans="1:31" ht="14.45">
      <c r="A9299" s="11"/>
      <c r="B9299" s="20"/>
      <c r="C9299" s="2" t="s">
        <v>28560</v>
      </c>
      <c r="D9299" s="14" t="s">
        <v>28561</v>
      </c>
      <c r="E9299" s="2" t="s">
        <v>28562</v>
      </c>
      <c r="F9299" s="2"/>
      <c r="G9299" s="8">
        <v>194</v>
      </c>
      <c r="H9299" s="5">
        <v>5</v>
      </c>
      <c r="I9299" s="5" t="s">
        <v>69</v>
      </c>
      <c r="J9299" s="5" t="s">
        <v>27074</v>
      </c>
      <c r="K9299" s="2" t="s">
        <v>27075</v>
      </c>
      <c r="L9299" s="5" t="s">
        <v>27074</v>
      </c>
      <c r="M9299" s="2" t="s">
        <v>27075</v>
      </c>
      <c r="N9299" s="5" t="s">
        <v>24254</v>
      </c>
      <c r="O9299" s="5" t="s">
        <v>38</v>
      </c>
      <c r="P9299" s="5" t="s">
        <v>39</v>
      </c>
      <c r="Q9299" s="5" t="s">
        <v>40</v>
      </c>
      <c r="R9299" s="5" t="s">
        <v>24335</v>
      </c>
      <c r="S9299" s="5" t="s">
        <v>40</v>
      </c>
      <c r="T9299" s="5" t="s">
        <v>42</v>
      </c>
      <c r="U9299" s="2">
        <v>6.9939999999999998</v>
      </c>
      <c r="V9299" s="2">
        <v>4.3959999999999999</v>
      </c>
      <c r="W9299" s="2">
        <v>0.129</v>
      </c>
      <c r="X9299" s="2">
        <v>12</v>
      </c>
      <c r="Y9299" s="2">
        <v>62</v>
      </c>
      <c r="Z9299" s="2">
        <v>172.9</v>
      </c>
      <c r="AA9299" s="5">
        <v>10</v>
      </c>
      <c r="AB9299" s="5" t="s">
        <v>43</v>
      </c>
      <c r="AC9299" s="5" t="s">
        <v>44</v>
      </c>
      <c r="AD9299" s="2" t="s">
        <v>28249</v>
      </c>
      <c r="AE9299" s="1"/>
    </row>
    <row r="9300" spans="1:31" ht="14.45">
      <c r="A9300" s="11"/>
      <c r="B9300" s="20"/>
      <c r="C9300" s="2" t="s">
        <v>28563</v>
      </c>
      <c r="D9300" s="14" t="s">
        <v>28564</v>
      </c>
      <c r="E9300" s="2" t="s">
        <v>28565</v>
      </c>
      <c r="F9300" s="2"/>
      <c r="G9300" s="8">
        <v>194</v>
      </c>
      <c r="H9300" s="5">
        <v>5</v>
      </c>
      <c r="I9300" s="5" t="s">
        <v>69</v>
      </c>
      <c r="J9300" s="5" t="s">
        <v>27074</v>
      </c>
      <c r="K9300" s="2" t="s">
        <v>27075</v>
      </c>
      <c r="L9300" s="5" t="s">
        <v>27074</v>
      </c>
      <c r="M9300" s="2" t="s">
        <v>27075</v>
      </c>
      <c r="N9300" s="5" t="s">
        <v>24254</v>
      </c>
      <c r="O9300" s="5" t="s">
        <v>38</v>
      </c>
      <c r="P9300" s="5" t="s">
        <v>39</v>
      </c>
      <c r="Q9300" s="5" t="s">
        <v>40</v>
      </c>
      <c r="R9300" s="5" t="s">
        <v>24335</v>
      </c>
      <c r="S9300" s="5" t="s">
        <v>40</v>
      </c>
      <c r="T9300" s="5" t="s">
        <v>42</v>
      </c>
      <c r="U9300" s="2">
        <v>7.54</v>
      </c>
      <c r="V9300" s="2">
        <v>4.5410000000000004</v>
      </c>
      <c r="W9300" s="2">
        <v>0.14899999999999999</v>
      </c>
      <c r="X9300" s="2">
        <v>12</v>
      </c>
      <c r="Y9300" s="2">
        <v>62</v>
      </c>
      <c r="Z9300" s="2">
        <v>199.7</v>
      </c>
      <c r="AA9300" s="5">
        <v>10</v>
      </c>
      <c r="AB9300" s="5" t="s">
        <v>43</v>
      </c>
      <c r="AC9300" s="5" t="s">
        <v>44</v>
      </c>
      <c r="AD9300" s="2" t="s">
        <v>28245</v>
      </c>
      <c r="AE9300" s="1"/>
    </row>
    <row r="9301" spans="1:31" ht="14.45">
      <c r="A9301" s="11"/>
      <c r="B9301" s="20"/>
      <c r="C9301" s="2" t="s">
        <v>28566</v>
      </c>
      <c r="D9301" s="14" t="s">
        <v>28567</v>
      </c>
      <c r="E9301" s="2" t="s">
        <v>28568</v>
      </c>
      <c r="F9301" s="2"/>
      <c r="G9301" s="8">
        <v>194</v>
      </c>
      <c r="H9301" s="5">
        <v>5</v>
      </c>
      <c r="I9301" s="5" t="s">
        <v>69</v>
      </c>
      <c r="J9301" s="5" t="s">
        <v>27074</v>
      </c>
      <c r="K9301" s="2" t="s">
        <v>27075</v>
      </c>
      <c r="L9301" s="5" t="s">
        <v>27074</v>
      </c>
      <c r="M9301" s="2" t="s">
        <v>27075</v>
      </c>
      <c r="N9301" s="5" t="s">
        <v>24254</v>
      </c>
      <c r="O9301" s="5" t="s">
        <v>38</v>
      </c>
      <c r="P9301" s="5" t="s">
        <v>39</v>
      </c>
      <c r="Q9301" s="5" t="s">
        <v>40</v>
      </c>
      <c r="R9301" s="5" t="s">
        <v>24335</v>
      </c>
      <c r="S9301" s="5" t="s">
        <v>40</v>
      </c>
      <c r="T9301" s="5" t="s">
        <v>42</v>
      </c>
      <c r="U9301" s="2">
        <v>7.8490000000000002</v>
      </c>
      <c r="V9301" s="2">
        <v>4.8499999999999996</v>
      </c>
      <c r="W9301" s="2">
        <v>0.14899999999999999</v>
      </c>
      <c r="X9301" s="2">
        <v>12</v>
      </c>
      <c r="Y9301" s="2">
        <v>62</v>
      </c>
      <c r="Z9301" s="2">
        <v>199.7</v>
      </c>
      <c r="AA9301" s="5">
        <v>10</v>
      </c>
      <c r="AB9301" s="5" t="s">
        <v>43</v>
      </c>
      <c r="AC9301" s="5" t="s">
        <v>44</v>
      </c>
      <c r="AD9301" s="2" t="s">
        <v>28249</v>
      </c>
      <c r="AE9301" s="1"/>
    </row>
    <row r="9302" spans="1:31" ht="14.45">
      <c r="A9302" s="11"/>
      <c r="B9302" s="20"/>
      <c r="C9302" s="2" t="s">
        <v>28569</v>
      </c>
      <c r="D9302" s="14" t="s">
        <v>28570</v>
      </c>
      <c r="E9302" s="2" t="s">
        <v>28571</v>
      </c>
      <c r="F9302" s="2"/>
      <c r="G9302" s="8">
        <v>352</v>
      </c>
      <c r="H9302" s="5">
        <v>5</v>
      </c>
      <c r="I9302" s="5" t="s">
        <v>69</v>
      </c>
      <c r="J9302" s="5" t="s">
        <v>27074</v>
      </c>
      <c r="K9302" s="2" t="s">
        <v>27075</v>
      </c>
      <c r="L9302" s="5" t="s">
        <v>27074</v>
      </c>
      <c r="M9302" s="2" t="s">
        <v>27075</v>
      </c>
      <c r="N9302" s="5" t="s">
        <v>24254</v>
      </c>
      <c r="O9302" s="5" t="s">
        <v>38</v>
      </c>
      <c r="P9302" s="5" t="s">
        <v>39</v>
      </c>
      <c r="Q9302" s="5" t="s">
        <v>40</v>
      </c>
      <c r="R9302" s="5" t="s">
        <v>24335</v>
      </c>
      <c r="S9302" s="5" t="s">
        <v>40</v>
      </c>
      <c r="T9302" s="5" t="s">
        <v>42</v>
      </c>
      <c r="U9302" s="2">
        <v>15.345000000000001</v>
      </c>
      <c r="V9302" s="2">
        <v>12.488</v>
      </c>
      <c r="W9302" s="2">
        <v>0.19500000000000001</v>
      </c>
      <c r="X9302" s="2">
        <v>12</v>
      </c>
      <c r="Y9302" s="2">
        <v>77</v>
      </c>
      <c r="Z9302" s="2">
        <v>210.9</v>
      </c>
      <c r="AA9302" s="5">
        <v>8</v>
      </c>
      <c r="AB9302" s="5" t="s">
        <v>43</v>
      </c>
      <c r="AC9302" s="5" t="s">
        <v>44</v>
      </c>
      <c r="AD9302" s="2" t="s">
        <v>28253</v>
      </c>
      <c r="AE9302" s="1"/>
    </row>
    <row r="9303" spans="1:31" ht="14.45">
      <c r="A9303" s="11"/>
      <c r="B9303" s="20"/>
      <c r="C9303" s="2" t="s">
        <v>28572</v>
      </c>
      <c r="D9303" s="14" t="s">
        <v>28573</v>
      </c>
      <c r="E9303" s="2" t="s">
        <v>28574</v>
      </c>
      <c r="F9303" s="2"/>
      <c r="G9303" s="8">
        <v>696</v>
      </c>
      <c r="H9303" s="5">
        <v>5</v>
      </c>
      <c r="I9303" s="5" t="s">
        <v>69</v>
      </c>
      <c r="J9303" s="5" t="s">
        <v>27074</v>
      </c>
      <c r="K9303" s="2" t="s">
        <v>27075</v>
      </c>
      <c r="L9303" s="5" t="s">
        <v>27074</v>
      </c>
      <c r="M9303" s="2" t="s">
        <v>27075</v>
      </c>
      <c r="N9303" s="5" t="s">
        <v>24254</v>
      </c>
      <c r="O9303" s="5" t="s">
        <v>38</v>
      </c>
      <c r="P9303" s="5" t="s">
        <v>39</v>
      </c>
      <c r="Q9303" s="5" t="s">
        <v>40</v>
      </c>
      <c r="R9303" s="5" t="s">
        <v>1487</v>
      </c>
      <c r="S9303" s="5"/>
      <c r="T9303" s="5" t="s">
        <v>42</v>
      </c>
      <c r="U9303" s="2">
        <v>0</v>
      </c>
      <c r="V9303" s="2">
        <v>0</v>
      </c>
      <c r="W9303" s="2">
        <v>0</v>
      </c>
      <c r="X9303" s="2">
        <v>0</v>
      </c>
      <c r="Y9303" s="2">
        <v>0</v>
      </c>
      <c r="Z9303" s="2">
        <v>0</v>
      </c>
      <c r="AA9303" s="5"/>
      <c r="AB9303" s="5" t="s">
        <v>43</v>
      </c>
      <c r="AC9303" s="5" t="s">
        <v>44</v>
      </c>
      <c r="AD9303" s="2" t="s">
        <v>28257</v>
      </c>
      <c r="AE9303" s="1"/>
    </row>
    <row r="9304" spans="1:31" ht="14.45">
      <c r="A9304" s="11"/>
      <c r="B9304" s="20"/>
      <c r="C9304" s="2" t="s">
        <v>28575</v>
      </c>
      <c r="D9304" s="14" t="s">
        <v>28576</v>
      </c>
      <c r="E9304" s="2" t="s">
        <v>28577</v>
      </c>
      <c r="F9304" s="2"/>
      <c r="G9304" s="8">
        <v>696</v>
      </c>
      <c r="H9304" s="5">
        <v>15</v>
      </c>
      <c r="I9304" s="5" t="s">
        <v>69</v>
      </c>
      <c r="J9304" s="5" t="s">
        <v>27074</v>
      </c>
      <c r="K9304" s="2" t="s">
        <v>27075</v>
      </c>
      <c r="L9304" s="5" t="s">
        <v>27074</v>
      </c>
      <c r="M9304" s="2" t="s">
        <v>27075</v>
      </c>
      <c r="N9304" s="5" t="s">
        <v>24254</v>
      </c>
      <c r="O9304" s="5" t="s">
        <v>38</v>
      </c>
      <c r="P9304" s="5" t="s">
        <v>39</v>
      </c>
      <c r="Q9304" s="5" t="s">
        <v>40</v>
      </c>
      <c r="R9304" s="5" t="s">
        <v>1487</v>
      </c>
      <c r="S9304" s="5"/>
      <c r="T9304" s="5" t="s">
        <v>42</v>
      </c>
      <c r="U9304" s="2">
        <v>0</v>
      </c>
      <c r="V9304" s="2">
        <v>0</v>
      </c>
      <c r="W9304" s="2">
        <v>0</v>
      </c>
      <c r="X9304" s="2">
        <v>0</v>
      </c>
      <c r="Y9304" s="2">
        <v>0</v>
      </c>
      <c r="Z9304" s="2">
        <v>0</v>
      </c>
      <c r="AA9304" s="5"/>
      <c r="AB9304" s="5" t="s">
        <v>43</v>
      </c>
      <c r="AC9304" s="5" t="s">
        <v>44</v>
      </c>
      <c r="AD9304" s="2" t="s">
        <v>28261</v>
      </c>
      <c r="AE9304" s="1"/>
    </row>
    <row r="9305" spans="1:31" ht="14.45">
      <c r="A9305" s="11"/>
      <c r="B9305" s="20"/>
      <c r="C9305" s="2" t="s">
        <v>28578</v>
      </c>
      <c r="D9305" s="14" t="s">
        <v>28579</v>
      </c>
      <c r="E9305" s="2" t="s">
        <v>28580</v>
      </c>
      <c r="F9305" s="2"/>
      <c r="G9305" s="8">
        <v>1164</v>
      </c>
      <c r="H9305" s="5">
        <v>15</v>
      </c>
      <c r="I9305" s="5" t="s">
        <v>69</v>
      </c>
      <c r="J9305" s="5" t="s">
        <v>27074</v>
      </c>
      <c r="K9305" s="2" t="s">
        <v>27075</v>
      </c>
      <c r="L9305" s="5" t="s">
        <v>27074</v>
      </c>
      <c r="M9305" s="2" t="s">
        <v>27075</v>
      </c>
      <c r="N9305" s="5" t="s">
        <v>24254</v>
      </c>
      <c r="O9305" s="5" t="s">
        <v>38</v>
      </c>
      <c r="P9305" s="5" t="s">
        <v>39</v>
      </c>
      <c r="Q9305" s="5" t="s">
        <v>40</v>
      </c>
      <c r="R9305" s="5" t="s">
        <v>1487</v>
      </c>
      <c r="S9305" s="5"/>
      <c r="T9305" s="5" t="s">
        <v>42</v>
      </c>
      <c r="U9305" s="2">
        <v>0</v>
      </c>
      <c r="V9305" s="2">
        <v>0</v>
      </c>
      <c r="W9305" s="2">
        <v>0</v>
      </c>
      <c r="X9305" s="2">
        <v>0</v>
      </c>
      <c r="Y9305" s="2">
        <v>0</v>
      </c>
      <c r="Z9305" s="2">
        <v>0</v>
      </c>
      <c r="AA9305" s="5"/>
      <c r="AB9305" s="5" t="s">
        <v>43</v>
      </c>
      <c r="AC9305" s="5" t="s">
        <v>44</v>
      </c>
      <c r="AD9305" s="2" t="s">
        <v>28265</v>
      </c>
      <c r="AE9305" s="1"/>
    </row>
    <row r="9306" spans="1:31" ht="14.45">
      <c r="A9306" s="11"/>
      <c r="B9306" s="20"/>
      <c r="C9306" s="2" t="s">
        <v>28581</v>
      </c>
      <c r="D9306" s="14" t="s">
        <v>28582</v>
      </c>
      <c r="E9306" s="2" t="s">
        <v>28583</v>
      </c>
      <c r="F9306" s="2"/>
      <c r="G9306" s="8">
        <v>1164</v>
      </c>
      <c r="H9306" s="5">
        <v>15</v>
      </c>
      <c r="I9306" s="5" t="s">
        <v>69</v>
      </c>
      <c r="J9306" s="5" t="s">
        <v>27074</v>
      </c>
      <c r="K9306" s="2" t="s">
        <v>27075</v>
      </c>
      <c r="L9306" s="5" t="s">
        <v>27074</v>
      </c>
      <c r="M9306" s="2" t="s">
        <v>27075</v>
      </c>
      <c r="N9306" s="5" t="s">
        <v>24254</v>
      </c>
      <c r="O9306" s="5" t="s">
        <v>38</v>
      </c>
      <c r="P9306" s="5" t="s">
        <v>39</v>
      </c>
      <c r="Q9306" s="5" t="s">
        <v>40</v>
      </c>
      <c r="R9306" s="5" t="s">
        <v>1487</v>
      </c>
      <c r="S9306" s="5"/>
      <c r="T9306" s="5" t="s">
        <v>42</v>
      </c>
      <c r="U9306" s="2">
        <v>0</v>
      </c>
      <c r="V9306" s="2">
        <v>0</v>
      </c>
      <c r="W9306" s="2">
        <v>0</v>
      </c>
      <c r="X9306" s="2">
        <v>0</v>
      </c>
      <c r="Y9306" s="2">
        <v>0</v>
      </c>
      <c r="Z9306" s="2">
        <v>0</v>
      </c>
      <c r="AA9306" s="5"/>
      <c r="AB9306" s="5" t="s">
        <v>43</v>
      </c>
      <c r="AC9306" s="5" t="s">
        <v>44</v>
      </c>
      <c r="AD9306" s="2" t="s">
        <v>28269</v>
      </c>
      <c r="AE9306" s="1"/>
    </row>
    <row r="9307" spans="1:31" ht="14.45">
      <c r="A9307" s="11"/>
      <c r="B9307" s="20"/>
      <c r="C9307" s="2" t="s">
        <v>28584</v>
      </c>
      <c r="D9307" s="14" t="s">
        <v>28585</v>
      </c>
      <c r="E9307" s="2" t="s">
        <v>28586</v>
      </c>
      <c r="F9307" s="2"/>
      <c r="G9307" s="8">
        <v>221</v>
      </c>
      <c r="H9307" s="5">
        <v>5</v>
      </c>
      <c r="I9307" s="5" t="s">
        <v>69</v>
      </c>
      <c r="J9307" s="5" t="s">
        <v>27074</v>
      </c>
      <c r="K9307" s="2" t="s">
        <v>27075</v>
      </c>
      <c r="L9307" s="5" t="s">
        <v>27074</v>
      </c>
      <c r="M9307" s="2" t="s">
        <v>27075</v>
      </c>
      <c r="N9307" s="5" t="s">
        <v>24254</v>
      </c>
      <c r="O9307" s="5" t="s">
        <v>38</v>
      </c>
      <c r="P9307" s="5" t="s">
        <v>39</v>
      </c>
      <c r="Q9307" s="5" t="s">
        <v>40</v>
      </c>
      <c r="R9307" s="5" t="s">
        <v>24335</v>
      </c>
      <c r="S9307" s="5" t="s">
        <v>40</v>
      </c>
      <c r="T9307" s="5" t="s">
        <v>42</v>
      </c>
      <c r="U9307" s="2">
        <v>10.188000000000001</v>
      </c>
      <c r="V9307" s="2">
        <v>8.1329999999999991</v>
      </c>
      <c r="W9307" s="2">
        <v>0.127</v>
      </c>
      <c r="X9307" s="2">
        <v>12</v>
      </c>
      <c r="Y9307" s="2">
        <v>50</v>
      </c>
      <c r="Z9307" s="2">
        <v>210.9</v>
      </c>
      <c r="AA9307" s="5">
        <v>8</v>
      </c>
      <c r="AB9307" s="5" t="s">
        <v>43</v>
      </c>
      <c r="AC9307" s="5" t="s">
        <v>44</v>
      </c>
      <c r="AD9307" s="2" t="s">
        <v>28235</v>
      </c>
      <c r="AE9307" s="1"/>
    </row>
    <row r="9308" spans="1:31" ht="14.45">
      <c r="A9308" s="11"/>
      <c r="B9308" s="20"/>
      <c r="C9308" s="2" t="s">
        <v>28587</v>
      </c>
      <c r="D9308" s="14" t="s">
        <v>28588</v>
      </c>
      <c r="E9308" s="2" t="s">
        <v>28589</v>
      </c>
      <c r="F9308" s="2"/>
      <c r="G9308" s="8">
        <v>221</v>
      </c>
      <c r="H9308" s="5">
        <v>5</v>
      </c>
      <c r="I9308" s="5" t="s">
        <v>69</v>
      </c>
      <c r="J9308" s="5" t="s">
        <v>27074</v>
      </c>
      <c r="K9308" s="2" t="s">
        <v>27075</v>
      </c>
      <c r="L9308" s="5" t="s">
        <v>27074</v>
      </c>
      <c r="M9308" s="2" t="s">
        <v>27075</v>
      </c>
      <c r="N9308" s="5" t="s">
        <v>24254</v>
      </c>
      <c r="O9308" s="5" t="s">
        <v>38</v>
      </c>
      <c r="P9308" s="5" t="s">
        <v>39</v>
      </c>
      <c r="Q9308" s="5" t="s">
        <v>40</v>
      </c>
      <c r="R9308" s="5" t="s">
        <v>24335</v>
      </c>
      <c r="S9308" s="5" t="s">
        <v>40</v>
      </c>
      <c r="T9308" s="5" t="s">
        <v>42</v>
      </c>
      <c r="U9308" s="2">
        <v>8.0540000000000003</v>
      </c>
      <c r="V9308" s="2">
        <v>6.202</v>
      </c>
      <c r="W9308" s="2">
        <v>0.127</v>
      </c>
      <c r="X9308" s="2">
        <v>12</v>
      </c>
      <c r="Y9308" s="2">
        <v>50</v>
      </c>
      <c r="Z9308" s="2">
        <v>210.9</v>
      </c>
      <c r="AA9308" s="5">
        <v>8</v>
      </c>
      <c r="AB9308" s="5" t="s">
        <v>43</v>
      </c>
      <c r="AC9308" s="5" t="s">
        <v>44</v>
      </c>
      <c r="AD9308" s="2" t="s">
        <v>28235</v>
      </c>
      <c r="AE9308" s="1"/>
    </row>
    <row r="9309" spans="1:31" ht="14.45">
      <c r="A9309" s="11"/>
      <c r="B9309" s="20"/>
      <c r="C9309" s="2" t="s">
        <v>28590</v>
      </c>
      <c r="D9309" s="14" t="s">
        <v>28591</v>
      </c>
      <c r="E9309" s="2" t="s">
        <v>28592</v>
      </c>
      <c r="F9309" s="2"/>
      <c r="G9309" s="8">
        <v>221</v>
      </c>
      <c r="H9309" s="5">
        <v>5</v>
      </c>
      <c r="I9309" s="5" t="s">
        <v>69</v>
      </c>
      <c r="J9309" s="5" t="s">
        <v>27074</v>
      </c>
      <c r="K9309" s="2" t="s">
        <v>27075</v>
      </c>
      <c r="L9309" s="5" t="s">
        <v>27074</v>
      </c>
      <c r="M9309" s="2" t="s">
        <v>27075</v>
      </c>
      <c r="N9309" s="5" t="s">
        <v>24254</v>
      </c>
      <c r="O9309" s="5" t="s">
        <v>38</v>
      </c>
      <c r="P9309" s="5" t="s">
        <v>39</v>
      </c>
      <c r="Q9309" s="5" t="s">
        <v>40</v>
      </c>
      <c r="R9309" s="5" t="s">
        <v>24335</v>
      </c>
      <c r="S9309" s="5" t="s">
        <v>40</v>
      </c>
      <c r="T9309" s="5" t="s">
        <v>42</v>
      </c>
      <c r="U9309" s="2">
        <v>7.4630000000000001</v>
      </c>
      <c r="V9309" s="2">
        <v>5.5129999999999999</v>
      </c>
      <c r="W9309" s="2">
        <v>0.104</v>
      </c>
      <c r="X9309" s="2">
        <v>12</v>
      </c>
      <c r="Y9309" s="2">
        <v>50</v>
      </c>
      <c r="Z9309" s="2">
        <v>173.9</v>
      </c>
      <c r="AA9309" s="5">
        <v>8</v>
      </c>
      <c r="AB9309" s="5" t="s">
        <v>43</v>
      </c>
      <c r="AC9309" s="5" t="s">
        <v>44</v>
      </c>
      <c r="AD9309" s="2" t="s">
        <v>28235</v>
      </c>
      <c r="AE9309" s="1"/>
    </row>
    <row r="9310" spans="1:31" ht="14.45">
      <c r="A9310" s="11"/>
      <c r="B9310" s="20"/>
      <c r="C9310" s="2" t="s">
        <v>28593</v>
      </c>
      <c r="D9310" s="14" t="s">
        <v>28594</v>
      </c>
      <c r="E9310" s="2" t="s">
        <v>28595</v>
      </c>
      <c r="F9310" s="2"/>
      <c r="G9310" s="8">
        <v>221</v>
      </c>
      <c r="H9310" s="5">
        <v>5</v>
      </c>
      <c r="I9310" s="5" t="s">
        <v>69</v>
      </c>
      <c r="J9310" s="5" t="s">
        <v>27074</v>
      </c>
      <c r="K9310" s="2" t="s">
        <v>27075</v>
      </c>
      <c r="L9310" s="5" t="s">
        <v>27074</v>
      </c>
      <c r="M9310" s="2" t="s">
        <v>27075</v>
      </c>
      <c r="N9310" s="5" t="s">
        <v>24254</v>
      </c>
      <c r="O9310" s="5" t="s">
        <v>38</v>
      </c>
      <c r="P9310" s="5" t="s">
        <v>39</v>
      </c>
      <c r="Q9310" s="5" t="s">
        <v>40</v>
      </c>
      <c r="R9310" s="5" t="s">
        <v>24335</v>
      </c>
      <c r="S9310" s="5" t="s">
        <v>40</v>
      </c>
      <c r="T9310" s="5" t="s">
        <v>42</v>
      </c>
      <c r="U9310" s="2">
        <v>8.5259999999999998</v>
      </c>
      <c r="V9310" s="2">
        <v>5.6059999999999999</v>
      </c>
      <c r="W9310" s="2">
        <v>0.14899999999999999</v>
      </c>
      <c r="X9310" s="2">
        <v>12</v>
      </c>
      <c r="Y9310" s="2">
        <v>62</v>
      </c>
      <c r="Z9310" s="2">
        <v>199.7</v>
      </c>
      <c r="AA9310" s="5">
        <v>10</v>
      </c>
      <c r="AB9310" s="5" t="s">
        <v>43</v>
      </c>
      <c r="AC9310" s="5" t="s">
        <v>44</v>
      </c>
      <c r="AD9310" s="2" t="s">
        <v>28319</v>
      </c>
      <c r="AE9310" s="1"/>
    </row>
    <row r="9311" spans="1:31" ht="14.45">
      <c r="A9311" s="11"/>
      <c r="B9311" s="20"/>
      <c r="C9311" s="2" t="s">
        <v>28596</v>
      </c>
      <c r="D9311" s="14" t="s">
        <v>28597</v>
      </c>
      <c r="E9311" s="2" t="s">
        <v>28598</v>
      </c>
      <c r="F9311" s="2"/>
      <c r="G9311" s="8">
        <v>221</v>
      </c>
      <c r="H9311" s="5">
        <v>5</v>
      </c>
      <c r="I9311" s="5" t="s">
        <v>69</v>
      </c>
      <c r="J9311" s="5" t="s">
        <v>27074</v>
      </c>
      <c r="K9311" s="2" t="s">
        <v>27075</v>
      </c>
      <c r="L9311" s="5" t="s">
        <v>27074</v>
      </c>
      <c r="M9311" s="2" t="s">
        <v>27075</v>
      </c>
      <c r="N9311" s="5" t="s">
        <v>24254</v>
      </c>
      <c r="O9311" s="5" t="s">
        <v>38</v>
      </c>
      <c r="P9311" s="5" t="s">
        <v>39</v>
      </c>
      <c r="Q9311" s="5" t="s">
        <v>40</v>
      </c>
      <c r="R9311" s="5" t="s">
        <v>24335</v>
      </c>
      <c r="S9311" s="5" t="s">
        <v>40</v>
      </c>
      <c r="T9311" s="5" t="s">
        <v>42</v>
      </c>
      <c r="U9311" s="2">
        <v>8.8179999999999996</v>
      </c>
      <c r="V9311" s="2">
        <v>5.8979999999999997</v>
      </c>
      <c r="W9311" s="2">
        <v>0.14899999999999999</v>
      </c>
      <c r="X9311" s="2">
        <v>12</v>
      </c>
      <c r="Y9311" s="2">
        <v>62</v>
      </c>
      <c r="Z9311" s="2">
        <v>199.7</v>
      </c>
      <c r="AA9311" s="5">
        <v>10</v>
      </c>
      <c r="AB9311" s="5" t="s">
        <v>43</v>
      </c>
      <c r="AC9311" s="5" t="s">
        <v>44</v>
      </c>
      <c r="AD9311" s="2" t="s">
        <v>28282</v>
      </c>
      <c r="AE9311" s="1"/>
    </row>
    <row r="9312" spans="1:31" ht="14.45">
      <c r="A9312" s="11"/>
      <c r="B9312" s="20"/>
      <c r="C9312" s="2" t="s">
        <v>28599</v>
      </c>
      <c r="D9312" s="14" t="s">
        <v>28600</v>
      </c>
      <c r="E9312" s="2" t="s">
        <v>28601</v>
      </c>
      <c r="F9312" s="2"/>
      <c r="G9312" s="8">
        <v>221</v>
      </c>
      <c r="H9312" s="5">
        <v>5</v>
      </c>
      <c r="I9312" s="5" t="s">
        <v>69</v>
      </c>
      <c r="J9312" s="5" t="s">
        <v>27074</v>
      </c>
      <c r="K9312" s="2" t="s">
        <v>27075</v>
      </c>
      <c r="L9312" s="5" t="s">
        <v>27074</v>
      </c>
      <c r="M9312" s="2" t="s">
        <v>27075</v>
      </c>
      <c r="N9312" s="5" t="s">
        <v>24254</v>
      </c>
      <c r="O9312" s="5" t="s">
        <v>38</v>
      </c>
      <c r="P9312" s="5" t="s">
        <v>39</v>
      </c>
      <c r="Q9312" s="5" t="s">
        <v>40</v>
      </c>
      <c r="R9312" s="5" t="s">
        <v>24335</v>
      </c>
      <c r="S9312" s="5" t="s">
        <v>40</v>
      </c>
      <c r="T9312" s="5" t="s">
        <v>42</v>
      </c>
      <c r="U9312" s="2">
        <v>7.0170000000000003</v>
      </c>
      <c r="V9312" s="2">
        <v>4.4189999999999996</v>
      </c>
      <c r="W9312" s="2">
        <v>0.129</v>
      </c>
      <c r="X9312" s="2">
        <v>12</v>
      </c>
      <c r="Y9312" s="2">
        <v>62</v>
      </c>
      <c r="Z9312" s="2">
        <v>172.9</v>
      </c>
      <c r="AA9312" s="5">
        <v>10</v>
      </c>
      <c r="AB9312" s="5" t="s">
        <v>43</v>
      </c>
      <c r="AC9312" s="5" t="s">
        <v>44</v>
      </c>
      <c r="AD9312" s="2" t="s">
        <v>28245</v>
      </c>
      <c r="AE9312" s="1"/>
    </row>
    <row r="9313" spans="1:31" ht="14.45">
      <c r="A9313" s="11"/>
      <c r="B9313" s="20"/>
      <c r="C9313" s="2" t="s">
        <v>28602</v>
      </c>
      <c r="D9313" s="14" t="s">
        <v>28603</v>
      </c>
      <c r="E9313" s="2" t="s">
        <v>28604</v>
      </c>
      <c r="F9313" s="2"/>
      <c r="G9313" s="8">
        <v>221</v>
      </c>
      <c r="H9313" s="5">
        <v>5</v>
      </c>
      <c r="I9313" s="5" t="s">
        <v>69</v>
      </c>
      <c r="J9313" s="5" t="s">
        <v>27074</v>
      </c>
      <c r="K9313" s="2" t="s">
        <v>27075</v>
      </c>
      <c r="L9313" s="5" t="s">
        <v>27074</v>
      </c>
      <c r="M9313" s="2" t="s">
        <v>27075</v>
      </c>
      <c r="N9313" s="5" t="s">
        <v>24254</v>
      </c>
      <c r="O9313" s="5" t="s">
        <v>38</v>
      </c>
      <c r="P9313" s="5" t="s">
        <v>39</v>
      </c>
      <c r="Q9313" s="5" t="s">
        <v>40</v>
      </c>
      <c r="R9313" s="5" t="s">
        <v>24335</v>
      </c>
      <c r="S9313" s="5" t="s">
        <v>40</v>
      </c>
      <c r="T9313" s="5" t="s">
        <v>42</v>
      </c>
      <c r="U9313" s="2">
        <v>7.9119999999999999</v>
      </c>
      <c r="V9313" s="2">
        <v>4.9130000000000003</v>
      </c>
      <c r="W9313" s="2">
        <v>0.14899999999999999</v>
      </c>
      <c r="X9313" s="2">
        <v>12</v>
      </c>
      <c r="Y9313" s="2">
        <v>62</v>
      </c>
      <c r="Z9313" s="2">
        <v>199.7</v>
      </c>
      <c r="AA9313" s="5">
        <v>10</v>
      </c>
      <c r="AB9313" s="5" t="s">
        <v>43</v>
      </c>
      <c r="AC9313" s="5" t="s">
        <v>44</v>
      </c>
      <c r="AD9313" s="2" t="s">
        <v>28245</v>
      </c>
      <c r="AE9313" s="1"/>
    </row>
    <row r="9314" spans="1:31" ht="14.45">
      <c r="A9314" s="11"/>
      <c r="B9314" s="20"/>
      <c r="C9314" s="2" t="s">
        <v>28605</v>
      </c>
      <c r="D9314" s="14" t="s">
        <v>28606</v>
      </c>
      <c r="E9314" s="2" t="s">
        <v>28607</v>
      </c>
      <c r="F9314" s="2"/>
      <c r="G9314" s="8">
        <v>402</v>
      </c>
      <c r="H9314" s="5">
        <v>5</v>
      </c>
      <c r="I9314" s="5" t="s">
        <v>69</v>
      </c>
      <c r="J9314" s="5" t="s">
        <v>27074</v>
      </c>
      <c r="K9314" s="2" t="s">
        <v>27075</v>
      </c>
      <c r="L9314" s="5" t="s">
        <v>27074</v>
      </c>
      <c r="M9314" s="2" t="s">
        <v>27075</v>
      </c>
      <c r="N9314" s="5" t="s">
        <v>24254</v>
      </c>
      <c r="O9314" s="5" t="s">
        <v>38</v>
      </c>
      <c r="P9314" s="5" t="s">
        <v>39</v>
      </c>
      <c r="Q9314" s="5" t="s">
        <v>40</v>
      </c>
      <c r="R9314" s="5" t="s">
        <v>24335</v>
      </c>
      <c r="S9314" s="5" t="s">
        <v>40</v>
      </c>
      <c r="T9314" s="5" t="s">
        <v>42</v>
      </c>
      <c r="U9314" s="2">
        <v>16.111000000000001</v>
      </c>
      <c r="V9314" s="2">
        <v>13.254</v>
      </c>
      <c r="W9314" s="2">
        <v>0.19500000000000001</v>
      </c>
      <c r="X9314" s="2">
        <v>12</v>
      </c>
      <c r="Y9314" s="2">
        <v>77</v>
      </c>
      <c r="Z9314" s="2">
        <v>210.9</v>
      </c>
      <c r="AA9314" s="5">
        <v>8</v>
      </c>
      <c r="AB9314" s="5" t="s">
        <v>43</v>
      </c>
      <c r="AC9314" s="5" t="s">
        <v>44</v>
      </c>
      <c r="AD9314" s="2" t="s">
        <v>28253</v>
      </c>
      <c r="AE9314" s="1"/>
    </row>
    <row r="9315" spans="1:31" ht="14.45">
      <c r="A9315" s="11"/>
      <c r="B9315" s="20"/>
      <c r="C9315" s="2" t="s">
        <v>28608</v>
      </c>
      <c r="D9315" s="14" t="s">
        <v>28609</v>
      </c>
      <c r="E9315" s="2" t="s">
        <v>28610</v>
      </c>
      <c r="F9315" s="2"/>
      <c r="G9315" s="8">
        <v>756</v>
      </c>
      <c r="H9315" s="5">
        <v>5</v>
      </c>
      <c r="I9315" s="5" t="s">
        <v>69</v>
      </c>
      <c r="J9315" s="5" t="s">
        <v>27074</v>
      </c>
      <c r="K9315" s="2" t="s">
        <v>27075</v>
      </c>
      <c r="L9315" s="5" t="s">
        <v>27074</v>
      </c>
      <c r="M9315" s="2" t="s">
        <v>27075</v>
      </c>
      <c r="N9315" s="5" t="s">
        <v>24254</v>
      </c>
      <c r="O9315" s="5" t="s">
        <v>38</v>
      </c>
      <c r="P9315" s="5" t="s">
        <v>39</v>
      </c>
      <c r="Q9315" s="5" t="s">
        <v>40</v>
      </c>
      <c r="R9315" s="5" t="s">
        <v>1487</v>
      </c>
      <c r="S9315" s="5"/>
      <c r="T9315" s="5" t="s">
        <v>42</v>
      </c>
      <c r="U9315" s="2">
        <v>0</v>
      </c>
      <c r="V9315" s="2">
        <v>0</v>
      </c>
      <c r="W9315" s="2">
        <v>0</v>
      </c>
      <c r="X9315" s="2">
        <v>0</v>
      </c>
      <c r="Y9315" s="2">
        <v>0</v>
      </c>
      <c r="Z9315" s="2">
        <v>0</v>
      </c>
      <c r="AA9315" s="5"/>
      <c r="AB9315" s="5" t="s">
        <v>43</v>
      </c>
      <c r="AC9315" s="5" t="s">
        <v>44</v>
      </c>
      <c r="AD9315" s="2" t="s">
        <v>28257</v>
      </c>
      <c r="AE9315" s="1"/>
    </row>
    <row r="9316" spans="1:31" ht="14.45">
      <c r="A9316" s="11"/>
      <c r="B9316" s="20"/>
      <c r="C9316" s="2" t="s">
        <v>28611</v>
      </c>
      <c r="D9316" s="14" t="s">
        <v>28612</v>
      </c>
      <c r="E9316" s="2" t="s">
        <v>28613</v>
      </c>
      <c r="F9316" s="2"/>
      <c r="G9316" s="8">
        <v>756</v>
      </c>
      <c r="H9316" s="5">
        <v>15</v>
      </c>
      <c r="I9316" s="5" t="s">
        <v>69</v>
      </c>
      <c r="J9316" s="5" t="s">
        <v>27074</v>
      </c>
      <c r="K9316" s="2" t="s">
        <v>27075</v>
      </c>
      <c r="L9316" s="5" t="s">
        <v>27074</v>
      </c>
      <c r="M9316" s="2" t="s">
        <v>27075</v>
      </c>
      <c r="N9316" s="5" t="s">
        <v>24254</v>
      </c>
      <c r="O9316" s="5" t="s">
        <v>38</v>
      </c>
      <c r="P9316" s="5" t="s">
        <v>39</v>
      </c>
      <c r="Q9316" s="5" t="s">
        <v>40</v>
      </c>
      <c r="R9316" s="5" t="s">
        <v>1487</v>
      </c>
      <c r="S9316" s="5"/>
      <c r="T9316" s="5" t="s">
        <v>42</v>
      </c>
      <c r="U9316" s="2">
        <v>0</v>
      </c>
      <c r="V9316" s="2">
        <v>0</v>
      </c>
      <c r="W9316" s="2">
        <v>0</v>
      </c>
      <c r="X9316" s="2">
        <v>0</v>
      </c>
      <c r="Y9316" s="2">
        <v>0</v>
      </c>
      <c r="Z9316" s="2">
        <v>0</v>
      </c>
      <c r="AA9316" s="5"/>
      <c r="AB9316" s="5" t="s">
        <v>43</v>
      </c>
      <c r="AC9316" s="5" t="s">
        <v>44</v>
      </c>
      <c r="AD9316" s="2" t="s">
        <v>28261</v>
      </c>
      <c r="AE9316" s="1"/>
    </row>
    <row r="9317" spans="1:31" ht="14.45">
      <c r="A9317" s="11"/>
      <c r="B9317" s="20"/>
      <c r="C9317" s="2" t="s">
        <v>28614</v>
      </c>
      <c r="D9317" s="14" t="s">
        <v>28615</v>
      </c>
      <c r="E9317" s="2" t="s">
        <v>28616</v>
      </c>
      <c r="F9317" s="2"/>
      <c r="G9317" s="8">
        <v>1261</v>
      </c>
      <c r="H9317" s="5">
        <v>15</v>
      </c>
      <c r="I9317" s="5" t="s">
        <v>69</v>
      </c>
      <c r="J9317" s="5" t="s">
        <v>27074</v>
      </c>
      <c r="K9317" s="2" t="s">
        <v>27075</v>
      </c>
      <c r="L9317" s="5" t="s">
        <v>27074</v>
      </c>
      <c r="M9317" s="2" t="s">
        <v>27075</v>
      </c>
      <c r="N9317" s="5" t="s">
        <v>24254</v>
      </c>
      <c r="O9317" s="5" t="s">
        <v>38</v>
      </c>
      <c r="P9317" s="5" t="s">
        <v>39</v>
      </c>
      <c r="Q9317" s="5" t="s">
        <v>40</v>
      </c>
      <c r="R9317" s="5" t="s">
        <v>1487</v>
      </c>
      <c r="S9317" s="5"/>
      <c r="T9317" s="5" t="s">
        <v>42</v>
      </c>
      <c r="U9317" s="2">
        <v>0</v>
      </c>
      <c r="V9317" s="2">
        <v>0</v>
      </c>
      <c r="W9317" s="2">
        <v>0</v>
      </c>
      <c r="X9317" s="2">
        <v>0</v>
      </c>
      <c r="Y9317" s="2">
        <v>0</v>
      </c>
      <c r="Z9317" s="2">
        <v>0</v>
      </c>
      <c r="AA9317" s="5"/>
      <c r="AB9317" s="5" t="s">
        <v>43</v>
      </c>
      <c r="AC9317" s="5" t="s">
        <v>44</v>
      </c>
      <c r="AD9317" s="2" t="s">
        <v>28265</v>
      </c>
      <c r="AE9317" s="1"/>
    </row>
    <row r="9318" spans="1:31" ht="14.45">
      <c r="A9318" s="11"/>
      <c r="B9318" s="20"/>
      <c r="C9318" s="2" t="s">
        <v>28617</v>
      </c>
      <c r="D9318" s="14" t="s">
        <v>28618</v>
      </c>
      <c r="E9318" s="2" t="s">
        <v>28619</v>
      </c>
      <c r="F9318" s="2"/>
      <c r="G9318" s="8">
        <v>1261</v>
      </c>
      <c r="H9318" s="5">
        <v>15</v>
      </c>
      <c r="I9318" s="5" t="s">
        <v>69</v>
      </c>
      <c r="J9318" s="5" t="s">
        <v>27074</v>
      </c>
      <c r="K9318" s="2" t="s">
        <v>27075</v>
      </c>
      <c r="L9318" s="5" t="s">
        <v>27074</v>
      </c>
      <c r="M9318" s="2" t="s">
        <v>27075</v>
      </c>
      <c r="N9318" s="5" t="s">
        <v>24254</v>
      </c>
      <c r="O9318" s="5" t="s">
        <v>38</v>
      </c>
      <c r="P9318" s="5" t="s">
        <v>39</v>
      </c>
      <c r="Q9318" s="5" t="s">
        <v>40</v>
      </c>
      <c r="R9318" s="5" t="s">
        <v>1487</v>
      </c>
      <c r="S9318" s="5"/>
      <c r="T9318" s="5" t="s">
        <v>42</v>
      </c>
      <c r="U9318" s="2">
        <v>0</v>
      </c>
      <c r="V9318" s="2">
        <v>0</v>
      </c>
      <c r="W9318" s="2">
        <v>0</v>
      </c>
      <c r="X9318" s="2">
        <v>0</v>
      </c>
      <c r="Y9318" s="2">
        <v>0</v>
      </c>
      <c r="Z9318" s="2">
        <v>0</v>
      </c>
      <c r="AA9318" s="5"/>
      <c r="AB9318" s="5" t="s">
        <v>43</v>
      </c>
      <c r="AC9318" s="5" t="s">
        <v>44</v>
      </c>
      <c r="AD9318" s="2" t="s">
        <v>28269</v>
      </c>
      <c r="AE9318" s="1"/>
    </row>
    <row r="9319" spans="1:31" ht="14.45">
      <c r="A9319" s="11"/>
      <c r="B9319" s="20"/>
      <c r="C9319" s="2" t="s">
        <v>28620</v>
      </c>
      <c r="D9319" s="14" t="s">
        <v>28621</v>
      </c>
      <c r="E9319" s="2" t="s">
        <v>28622</v>
      </c>
      <c r="F9319" s="2"/>
      <c r="G9319" s="8">
        <v>210</v>
      </c>
      <c r="H9319" s="5">
        <v>5</v>
      </c>
      <c r="I9319" s="5" t="s">
        <v>69</v>
      </c>
      <c r="J9319" s="5" t="s">
        <v>27074</v>
      </c>
      <c r="K9319" s="2" t="s">
        <v>27075</v>
      </c>
      <c r="L9319" s="5" t="s">
        <v>27074</v>
      </c>
      <c r="M9319" s="2" t="s">
        <v>27075</v>
      </c>
      <c r="N9319" s="5" t="s">
        <v>24254</v>
      </c>
      <c r="O9319" s="5" t="s">
        <v>38</v>
      </c>
      <c r="P9319" s="5" t="s">
        <v>39</v>
      </c>
      <c r="Q9319" s="5" t="s">
        <v>40</v>
      </c>
      <c r="R9319" s="5" t="s">
        <v>24335</v>
      </c>
      <c r="S9319" s="5" t="s">
        <v>40</v>
      </c>
      <c r="T9319" s="5" t="s">
        <v>42</v>
      </c>
      <c r="U9319" s="2">
        <v>9.5969999999999995</v>
      </c>
      <c r="V9319" s="2">
        <v>7.5419999999999998</v>
      </c>
      <c r="W9319" s="2">
        <v>0.127</v>
      </c>
      <c r="X9319" s="2">
        <v>12</v>
      </c>
      <c r="Y9319" s="2">
        <v>50</v>
      </c>
      <c r="Z9319" s="2">
        <v>210.9</v>
      </c>
      <c r="AA9319" s="5">
        <v>8</v>
      </c>
      <c r="AB9319" s="5" t="s">
        <v>43</v>
      </c>
      <c r="AC9319" s="5" t="s">
        <v>44</v>
      </c>
      <c r="AD9319" s="2" t="s">
        <v>28235</v>
      </c>
      <c r="AE9319" s="1"/>
    </row>
    <row r="9320" spans="1:31" ht="14.45">
      <c r="A9320" s="11"/>
      <c r="B9320" s="20"/>
      <c r="C9320" s="2" t="s">
        <v>28623</v>
      </c>
      <c r="D9320" s="14" t="s">
        <v>28624</v>
      </c>
      <c r="E9320" s="2" t="s">
        <v>28625</v>
      </c>
      <c r="F9320" s="2"/>
      <c r="G9320" s="8">
        <v>210</v>
      </c>
      <c r="H9320" s="5">
        <v>5</v>
      </c>
      <c r="I9320" s="5" t="s">
        <v>69</v>
      </c>
      <c r="J9320" s="5" t="s">
        <v>27074</v>
      </c>
      <c r="K9320" s="2" t="s">
        <v>27075</v>
      </c>
      <c r="L9320" s="5" t="s">
        <v>27074</v>
      </c>
      <c r="M9320" s="2" t="s">
        <v>27075</v>
      </c>
      <c r="N9320" s="5" t="s">
        <v>24254</v>
      </c>
      <c r="O9320" s="5" t="s">
        <v>38</v>
      </c>
      <c r="P9320" s="5" t="s">
        <v>39</v>
      </c>
      <c r="Q9320" s="5" t="s">
        <v>40</v>
      </c>
      <c r="R9320" s="5" t="s">
        <v>24335</v>
      </c>
      <c r="S9320" s="5" t="s">
        <v>40</v>
      </c>
      <c r="T9320" s="5" t="s">
        <v>42</v>
      </c>
      <c r="U9320" s="2">
        <v>7.7690000000000001</v>
      </c>
      <c r="V9320" s="2">
        <v>5.9169999999999998</v>
      </c>
      <c r="W9320" s="2">
        <v>0.127</v>
      </c>
      <c r="X9320" s="2">
        <v>12</v>
      </c>
      <c r="Y9320" s="2">
        <v>50</v>
      </c>
      <c r="Z9320" s="2">
        <v>210.9</v>
      </c>
      <c r="AA9320" s="5">
        <v>8</v>
      </c>
      <c r="AB9320" s="5" t="s">
        <v>43</v>
      </c>
      <c r="AC9320" s="5" t="s">
        <v>44</v>
      </c>
      <c r="AD9320" s="2" t="s">
        <v>28235</v>
      </c>
      <c r="AE9320" s="1"/>
    </row>
    <row r="9321" spans="1:31" ht="14.45">
      <c r="A9321" s="11"/>
      <c r="B9321" s="20"/>
      <c r="C9321" s="2" t="s">
        <v>28626</v>
      </c>
      <c r="D9321" s="14" t="s">
        <v>28627</v>
      </c>
      <c r="E9321" s="2" t="s">
        <v>28628</v>
      </c>
      <c r="F9321" s="2"/>
      <c r="G9321" s="8">
        <v>210</v>
      </c>
      <c r="H9321" s="5">
        <v>5</v>
      </c>
      <c r="I9321" s="5" t="s">
        <v>69</v>
      </c>
      <c r="J9321" s="5" t="s">
        <v>27074</v>
      </c>
      <c r="K9321" s="2" t="s">
        <v>27075</v>
      </c>
      <c r="L9321" s="5" t="s">
        <v>27074</v>
      </c>
      <c r="M9321" s="2" t="s">
        <v>27075</v>
      </c>
      <c r="N9321" s="5" t="s">
        <v>24254</v>
      </c>
      <c r="O9321" s="5" t="s">
        <v>38</v>
      </c>
      <c r="P9321" s="5" t="s">
        <v>39</v>
      </c>
      <c r="Q9321" s="5" t="s">
        <v>40</v>
      </c>
      <c r="R9321" s="5" t="s">
        <v>24335</v>
      </c>
      <c r="S9321" s="5" t="s">
        <v>40</v>
      </c>
      <c r="T9321" s="5" t="s">
        <v>42</v>
      </c>
      <c r="U9321" s="2">
        <v>7.1280000000000001</v>
      </c>
      <c r="V9321" s="2">
        <v>5.1779999999999999</v>
      </c>
      <c r="W9321" s="2">
        <v>0.104</v>
      </c>
      <c r="X9321" s="2">
        <v>12</v>
      </c>
      <c r="Y9321" s="2">
        <v>50</v>
      </c>
      <c r="Z9321" s="2">
        <v>173.9</v>
      </c>
      <c r="AA9321" s="5">
        <v>8</v>
      </c>
      <c r="AB9321" s="5" t="s">
        <v>43</v>
      </c>
      <c r="AC9321" s="5" t="s">
        <v>44</v>
      </c>
      <c r="AD9321" s="2" t="s">
        <v>28235</v>
      </c>
      <c r="AE9321" s="1"/>
    </row>
    <row r="9322" spans="1:31" ht="14.45">
      <c r="A9322" s="11"/>
      <c r="B9322" s="20"/>
      <c r="C9322" s="2" t="s">
        <v>28629</v>
      </c>
      <c r="D9322" s="14" t="s">
        <v>28630</v>
      </c>
      <c r="E9322" s="2" t="s">
        <v>28631</v>
      </c>
      <c r="F9322" s="2"/>
      <c r="G9322" s="8">
        <v>210</v>
      </c>
      <c r="H9322" s="5">
        <v>5</v>
      </c>
      <c r="I9322" s="5" t="s">
        <v>69</v>
      </c>
      <c r="J9322" s="5" t="s">
        <v>27074</v>
      </c>
      <c r="K9322" s="2" t="s">
        <v>27075</v>
      </c>
      <c r="L9322" s="5" t="s">
        <v>27074</v>
      </c>
      <c r="M9322" s="2" t="s">
        <v>27075</v>
      </c>
      <c r="N9322" s="5" t="s">
        <v>24254</v>
      </c>
      <c r="O9322" s="5" t="s">
        <v>38</v>
      </c>
      <c r="P9322" s="5" t="s">
        <v>39</v>
      </c>
      <c r="Q9322" s="5" t="s">
        <v>40</v>
      </c>
      <c r="R9322" s="5" t="s">
        <v>24335</v>
      </c>
      <c r="S9322" s="5" t="s">
        <v>40</v>
      </c>
      <c r="T9322" s="5" t="s">
        <v>42</v>
      </c>
      <c r="U9322" s="2">
        <v>7.7629999999999999</v>
      </c>
      <c r="V9322" s="2">
        <v>4.843</v>
      </c>
      <c r="W9322" s="2">
        <v>0.14899999999999999</v>
      </c>
      <c r="X9322" s="2">
        <v>12</v>
      </c>
      <c r="Y9322" s="2">
        <v>62</v>
      </c>
      <c r="Z9322" s="2">
        <v>199.7</v>
      </c>
      <c r="AA9322" s="5">
        <v>10</v>
      </c>
      <c r="AB9322" s="5" t="s">
        <v>43</v>
      </c>
      <c r="AC9322" s="5" t="s">
        <v>44</v>
      </c>
      <c r="AD9322" s="2" t="s">
        <v>28319</v>
      </c>
      <c r="AE9322" s="1"/>
    </row>
    <row r="9323" spans="1:31" ht="14.45">
      <c r="A9323" s="11"/>
      <c r="B9323" s="20"/>
      <c r="C9323" s="2" t="s">
        <v>28632</v>
      </c>
      <c r="D9323" s="14" t="s">
        <v>28633</v>
      </c>
      <c r="E9323" s="2" t="s">
        <v>28634</v>
      </c>
      <c r="F9323" s="2"/>
      <c r="G9323" s="8">
        <v>210</v>
      </c>
      <c r="H9323" s="5">
        <v>5</v>
      </c>
      <c r="I9323" s="5" t="s">
        <v>69</v>
      </c>
      <c r="J9323" s="5" t="s">
        <v>27074</v>
      </c>
      <c r="K9323" s="2" t="s">
        <v>27075</v>
      </c>
      <c r="L9323" s="5" t="s">
        <v>27074</v>
      </c>
      <c r="M9323" s="2" t="s">
        <v>27075</v>
      </c>
      <c r="N9323" s="5" t="s">
        <v>24254</v>
      </c>
      <c r="O9323" s="5" t="s">
        <v>38</v>
      </c>
      <c r="P9323" s="5" t="s">
        <v>39</v>
      </c>
      <c r="Q9323" s="5" t="s">
        <v>40</v>
      </c>
      <c r="R9323" s="5" t="s">
        <v>24335</v>
      </c>
      <c r="S9323" s="5" t="s">
        <v>40</v>
      </c>
      <c r="T9323" s="5" t="s">
        <v>42</v>
      </c>
      <c r="U9323" s="2">
        <v>6.8440000000000003</v>
      </c>
      <c r="V9323" s="2">
        <v>3.9239999999999999</v>
      </c>
      <c r="W9323" s="2">
        <v>0.14899999999999999</v>
      </c>
      <c r="X9323" s="2">
        <v>12</v>
      </c>
      <c r="Y9323" s="2">
        <v>62</v>
      </c>
      <c r="Z9323" s="2">
        <v>199.7</v>
      </c>
      <c r="AA9323" s="5">
        <v>10</v>
      </c>
      <c r="AB9323" s="5" t="s">
        <v>43</v>
      </c>
      <c r="AC9323" s="5" t="s">
        <v>44</v>
      </c>
      <c r="AD9323" s="2" t="s">
        <v>28245</v>
      </c>
      <c r="AE9323" s="1"/>
    </row>
    <row r="9324" spans="1:31" ht="14.45">
      <c r="A9324" s="11"/>
      <c r="B9324" s="20"/>
      <c r="C9324" s="2" t="s">
        <v>28635</v>
      </c>
      <c r="D9324" s="14" t="s">
        <v>28636</v>
      </c>
      <c r="E9324" s="2" t="s">
        <v>28637</v>
      </c>
      <c r="F9324" s="2"/>
      <c r="G9324" s="8">
        <v>210</v>
      </c>
      <c r="H9324" s="5">
        <v>5</v>
      </c>
      <c r="I9324" s="5" t="s">
        <v>69</v>
      </c>
      <c r="J9324" s="5" t="s">
        <v>27074</v>
      </c>
      <c r="K9324" s="2" t="s">
        <v>27075</v>
      </c>
      <c r="L9324" s="5" t="s">
        <v>27074</v>
      </c>
      <c r="M9324" s="2" t="s">
        <v>27075</v>
      </c>
      <c r="N9324" s="5" t="s">
        <v>24254</v>
      </c>
      <c r="O9324" s="5" t="s">
        <v>38</v>
      </c>
      <c r="P9324" s="5" t="s">
        <v>39</v>
      </c>
      <c r="Q9324" s="5" t="s">
        <v>40</v>
      </c>
      <c r="R9324" s="5" t="s">
        <v>24335</v>
      </c>
      <c r="S9324" s="5" t="s">
        <v>40</v>
      </c>
      <c r="T9324" s="5" t="s">
        <v>42</v>
      </c>
      <c r="U9324" s="2">
        <v>7.1890000000000001</v>
      </c>
      <c r="V9324" s="2">
        <v>4.2690000000000001</v>
      </c>
      <c r="W9324" s="2">
        <v>0.14899999999999999</v>
      </c>
      <c r="X9324" s="2">
        <v>12</v>
      </c>
      <c r="Y9324" s="2">
        <v>62</v>
      </c>
      <c r="Z9324" s="2">
        <v>199.7</v>
      </c>
      <c r="AA9324" s="5">
        <v>10</v>
      </c>
      <c r="AB9324" s="5" t="s">
        <v>43</v>
      </c>
      <c r="AC9324" s="5" t="s">
        <v>44</v>
      </c>
      <c r="AD9324" s="2" t="s">
        <v>28249</v>
      </c>
      <c r="AE9324" s="1"/>
    </row>
    <row r="9325" spans="1:31" ht="14.45">
      <c r="A9325" s="11"/>
      <c r="B9325" s="20"/>
      <c r="C9325" s="2" t="s">
        <v>28638</v>
      </c>
      <c r="D9325" s="14" t="s">
        <v>28639</v>
      </c>
      <c r="E9325" s="2" t="s">
        <v>28640</v>
      </c>
      <c r="F9325" s="2"/>
      <c r="G9325" s="8">
        <v>210</v>
      </c>
      <c r="H9325" s="5">
        <v>5</v>
      </c>
      <c r="I9325" s="5" t="s">
        <v>69</v>
      </c>
      <c r="J9325" s="5" t="s">
        <v>27074</v>
      </c>
      <c r="K9325" s="2" t="s">
        <v>27075</v>
      </c>
      <c r="L9325" s="5" t="s">
        <v>27074</v>
      </c>
      <c r="M9325" s="2" t="s">
        <v>27075</v>
      </c>
      <c r="N9325" s="5" t="s">
        <v>24254</v>
      </c>
      <c r="O9325" s="5" t="s">
        <v>38</v>
      </c>
      <c r="P9325" s="5" t="s">
        <v>39</v>
      </c>
      <c r="Q9325" s="5" t="s">
        <v>40</v>
      </c>
      <c r="R9325" s="5" t="s">
        <v>24335</v>
      </c>
      <c r="S9325" s="5" t="s">
        <v>40</v>
      </c>
      <c r="T9325" s="5" t="s">
        <v>42</v>
      </c>
      <c r="U9325" s="2">
        <v>7.2469999999999999</v>
      </c>
      <c r="V9325" s="2">
        <v>4.2320000000000002</v>
      </c>
      <c r="W9325" s="2">
        <v>0.14899999999999999</v>
      </c>
      <c r="X9325" s="2">
        <v>12</v>
      </c>
      <c r="Y9325" s="2">
        <v>62</v>
      </c>
      <c r="Z9325" s="2">
        <v>199.7</v>
      </c>
      <c r="AA9325" s="5">
        <v>10</v>
      </c>
      <c r="AB9325" s="5" t="s">
        <v>43</v>
      </c>
      <c r="AC9325" s="5" t="s">
        <v>44</v>
      </c>
      <c r="AD9325" s="2" t="s">
        <v>28245</v>
      </c>
      <c r="AE9325" s="1"/>
    </row>
    <row r="9326" spans="1:31" ht="14.45">
      <c r="A9326" s="11"/>
      <c r="B9326" s="20"/>
      <c r="C9326" s="2" t="s">
        <v>28641</v>
      </c>
      <c r="D9326" s="14" t="s">
        <v>28642</v>
      </c>
      <c r="E9326" s="2" t="s">
        <v>28643</v>
      </c>
      <c r="F9326" s="2"/>
      <c r="G9326" s="8">
        <v>210</v>
      </c>
      <c r="H9326" s="5">
        <v>5</v>
      </c>
      <c r="I9326" s="5" t="s">
        <v>69</v>
      </c>
      <c r="J9326" s="5" t="s">
        <v>27074</v>
      </c>
      <c r="K9326" s="2" t="s">
        <v>27075</v>
      </c>
      <c r="L9326" s="5" t="s">
        <v>27074</v>
      </c>
      <c r="M9326" s="2" t="s">
        <v>27075</v>
      </c>
      <c r="N9326" s="5" t="s">
        <v>24254</v>
      </c>
      <c r="O9326" s="5" t="s">
        <v>38</v>
      </c>
      <c r="P9326" s="5" t="s">
        <v>39</v>
      </c>
      <c r="Q9326" s="5" t="s">
        <v>40</v>
      </c>
      <c r="R9326" s="5" t="s">
        <v>24335</v>
      </c>
      <c r="S9326" s="5" t="s">
        <v>40</v>
      </c>
      <c r="T9326" s="5" t="s">
        <v>42</v>
      </c>
      <c r="U9326" s="2">
        <v>7.6020000000000003</v>
      </c>
      <c r="V9326" s="2">
        <v>4.5869999999999997</v>
      </c>
      <c r="W9326" s="2">
        <v>0.14899999999999999</v>
      </c>
      <c r="X9326" s="2">
        <v>12</v>
      </c>
      <c r="Y9326" s="2">
        <v>62</v>
      </c>
      <c r="Z9326" s="2">
        <v>199.7</v>
      </c>
      <c r="AA9326" s="5">
        <v>10</v>
      </c>
      <c r="AB9326" s="5" t="s">
        <v>43</v>
      </c>
      <c r="AC9326" s="5" t="s">
        <v>44</v>
      </c>
      <c r="AD9326" s="2" t="s">
        <v>28249</v>
      </c>
      <c r="AE9326" s="1"/>
    </row>
    <row r="9327" spans="1:31" ht="14.45">
      <c r="A9327" s="11"/>
      <c r="B9327" s="20"/>
      <c r="C9327" s="2" t="s">
        <v>28644</v>
      </c>
      <c r="D9327" s="14" t="s">
        <v>28645</v>
      </c>
      <c r="E9327" s="2" t="s">
        <v>28646</v>
      </c>
      <c r="F9327" s="2"/>
      <c r="G9327" s="8">
        <v>382</v>
      </c>
      <c r="H9327" s="5">
        <v>5</v>
      </c>
      <c r="I9327" s="5" t="s">
        <v>69</v>
      </c>
      <c r="J9327" s="5" t="s">
        <v>27074</v>
      </c>
      <c r="K9327" s="2" t="s">
        <v>27075</v>
      </c>
      <c r="L9327" s="5" t="s">
        <v>27074</v>
      </c>
      <c r="M9327" s="2" t="s">
        <v>27075</v>
      </c>
      <c r="N9327" s="5" t="s">
        <v>24254</v>
      </c>
      <c r="O9327" s="5" t="s">
        <v>38</v>
      </c>
      <c r="P9327" s="5" t="s">
        <v>39</v>
      </c>
      <c r="Q9327" s="5" t="s">
        <v>40</v>
      </c>
      <c r="R9327" s="5" t="s">
        <v>24335</v>
      </c>
      <c r="S9327" s="5" t="s">
        <v>40</v>
      </c>
      <c r="T9327" s="5" t="s">
        <v>42</v>
      </c>
      <c r="U9327" s="2">
        <v>15.451000000000001</v>
      </c>
      <c r="V9327" s="2">
        <v>12.593999999999999</v>
      </c>
      <c r="W9327" s="2">
        <v>0.19500000000000001</v>
      </c>
      <c r="X9327" s="2">
        <v>12</v>
      </c>
      <c r="Y9327" s="2">
        <v>77</v>
      </c>
      <c r="Z9327" s="2">
        <v>210.9</v>
      </c>
      <c r="AA9327" s="5">
        <v>8</v>
      </c>
      <c r="AB9327" s="5" t="s">
        <v>43</v>
      </c>
      <c r="AC9327" s="5" t="s">
        <v>44</v>
      </c>
      <c r="AD9327" s="2" t="s">
        <v>28253</v>
      </c>
      <c r="AE9327" s="1"/>
    </row>
    <row r="9328" spans="1:31" ht="14.45">
      <c r="A9328" s="11"/>
      <c r="B9328" s="20"/>
      <c r="C9328" s="2" t="s">
        <v>28647</v>
      </c>
      <c r="D9328" s="14" t="s">
        <v>28648</v>
      </c>
      <c r="E9328" s="2" t="s">
        <v>28649</v>
      </c>
      <c r="F9328" s="2"/>
      <c r="G9328" s="8">
        <v>731</v>
      </c>
      <c r="H9328" s="5">
        <v>5</v>
      </c>
      <c r="I9328" s="5" t="s">
        <v>69</v>
      </c>
      <c r="J9328" s="5" t="s">
        <v>27074</v>
      </c>
      <c r="K9328" s="2" t="s">
        <v>27075</v>
      </c>
      <c r="L9328" s="5" t="s">
        <v>27074</v>
      </c>
      <c r="M9328" s="2" t="s">
        <v>27075</v>
      </c>
      <c r="N9328" s="5" t="s">
        <v>24254</v>
      </c>
      <c r="O9328" s="5" t="s">
        <v>38</v>
      </c>
      <c r="P9328" s="5" t="s">
        <v>39</v>
      </c>
      <c r="Q9328" s="5" t="s">
        <v>40</v>
      </c>
      <c r="R9328" s="5" t="s">
        <v>1487</v>
      </c>
      <c r="S9328" s="5"/>
      <c r="T9328" s="5" t="s">
        <v>42</v>
      </c>
      <c r="U9328" s="2">
        <v>0</v>
      </c>
      <c r="V9328" s="2">
        <v>0</v>
      </c>
      <c r="W9328" s="2">
        <v>0</v>
      </c>
      <c r="X9328" s="2">
        <v>0</v>
      </c>
      <c r="Y9328" s="2">
        <v>0</v>
      </c>
      <c r="Z9328" s="2">
        <v>0</v>
      </c>
      <c r="AA9328" s="5"/>
      <c r="AB9328" s="5" t="s">
        <v>43</v>
      </c>
      <c r="AC9328" s="5" t="s">
        <v>44</v>
      </c>
      <c r="AD9328" s="2" t="s">
        <v>28257</v>
      </c>
      <c r="AE9328" s="1"/>
    </row>
    <row r="9329" spans="1:31" ht="14.45">
      <c r="A9329" s="11"/>
      <c r="B9329" s="20"/>
      <c r="C9329" s="2" t="s">
        <v>28650</v>
      </c>
      <c r="D9329" s="14" t="s">
        <v>28651</v>
      </c>
      <c r="E9329" s="2" t="s">
        <v>28652</v>
      </c>
      <c r="F9329" s="2"/>
      <c r="G9329" s="8">
        <v>731</v>
      </c>
      <c r="H9329" s="5">
        <v>15</v>
      </c>
      <c r="I9329" s="5" t="s">
        <v>69</v>
      </c>
      <c r="J9329" s="5" t="s">
        <v>27074</v>
      </c>
      <c r="K9329" s="2" t="s">
        <v>27075</v>
      </c>
      <c r="L9329" s="5" t="s">
        <v>27074</v>
      </c>
      <c r="M9329" s="2" t="s">
        <v>27075</v>
      </c>
      <c r="N9329" s="5" t="s">
        <v>24254</v>
      </c>
      <c r="O9329" s="5" t="s">
        <v>38</v>
      </c>
      <c r="P9329" s="5" t="s">
        <v>39</v>
      </c>
      <c r="Q9329" s="5" t="s">
        <v>40</v>
      </c>
      <c r="R9329" s="5" t="s">
        <v>1487</v>
      </c>
      <c r="S9329" s="5"/>
      <c r="T9329" s="5" t="s">
        <v>42</v>
      </c>
      <c r="U9329" s="2">
        <v>0</v>
      </c>
      <c r="V9329" s="2">
        <v>0</v>
      </c>
      <c r="W9329" s="2">
        <v>0</v>
      </c>
      <c r="X9329" s="2">
        <v>0</v>
      </c>
      <c r="Y9329" s="2">
        <v>0</v>
      </c>
      <c r="Z9329" s="2">
        <v>0</v>
      </c>
      <c r="AA9329" s="5"/>
      <c r="AB9329" s="5" t="s">
        <v>43</v>
      </c>
      <c r="AC9329" s="5" t="s">
        <v>44</v>
      </c>
      <c r="AD9329" s="2" t="s">
        <v>28261</v>
      </c>
      <c r="AE9329" s="1"/>
    </row>
    <row r="9330" spans="1:31" ht="14.45">
      <c r="A9330" s="11"/>
      <c r="B9330" s="20"/>
      <c r="C9330" s="2" t="s">
        <v>28653</v>
      </c>
      <c r="D9330" s="14" t="s">
        <v>28654</v>
      </c>
      <c r="E9330" s="2" t="s">
        <v>28655</v>
      </c>
      <c r="F9330" s="2"/>
      <c r="G9330" s="8">
        <v>221</v>
      </c>
      <c r="H9330" s="5">
        <v>5</v>
      </c>
      <c r="I9330" s="5" t="s">
        <v>69</v>
      </c>
      <c r="J9330" s="5" t="s">
        <v>27074</v>
      </c>
      <c r="K9330" s="2" t="s">
        <v>27075</v>
      </c>
      <c r="L9330" s="5" t="s">
        <v>27074</v>
      </c>
      <c r="M9330" s="2" t="s">
        <v>27075</v>
      </c>
      <c r="N9330" s="5" t="s">
        <v>24254</v>
      </c>
      <c r="O9330" s="5" t="s">
        <v>38</v>
      </c>
      <c r="P9330" s="5" t="s">
        <v>39</v>
      </c>
      <c r="Q9330" s="5" t="s">
        <v>40</v>
      </c>
      <c r="R9330" s="5" t="s">
        <v>24335</v>
      </c>
      <c r="S9330" s="5" t="s">
        <v>40</v>
      </c>
      <c r="T9330" s="5" t="s">
        <v>42</v>
      </c>
      <c r="U9330" s="2">
        <v>10.132</v>
      </c>
      <c r="V9330" s="2">
        <v>8.077</v>
      </c>
      <c r="W9330" s="2">
        <v>0.127</v>
      </c>
      <c r="X9330" s="2">
        <v>12</v>
      </c>
      <c r="Y9330" s="2">
        <v>50</v>
      </c>
      <c r="Z9330" s="2">
        <v>210.9</v>
      </c>
      <c r="AA9330" s="5">
        <v>8</v>
      </c>
      <c r="AB9330" s="5" t="s">
        <v>43</v>
      </c>
      <c r="AC9330" s="5" t="s">
        <v>44</v>
      </c>
      <c r="AD9330" s="2" t="s">
        <v>28235</v>
      </c>
      <c r="AE9330" s="1"/>
    </row>
    <row r="9331" spans="1:31" ht="14.45">
      <c r="A9331" s="11"/>
      <c r="B9331" s="20"/>
      <c r="C9331" s="2" t="s">
        <v>28656</v>
      </c>
      <c r="D9331" s="14" t="s">
        <v>28657</v>
      </c>
      <c r="E9331" s="2" t="s">
        <v>28658</v>
      </c>
      <c r="F9331" s="2"/>
      <c r="G9331" s="8">
        <v>221</v>
      </c>
      <c r="H9331" s="5">
        <v>5</v>
      </c>
      <c r="I9331" s="5" t="s">
        <v>69</v>
      </c>
      <c r="J9331" s="5" t="s">
        <v>27074</v>
      </c>
      <c r="K9331" s="2" t="s">
        <v>27075</v>
      </c>
      <c r="L9331" s="5" t="s">
        <v>27074</v>
      </c>
      <c r="M9331" s="2" t="s">
        <v>27075</v>
      </c>
      <c r="N9331" s="5" t="s">
        <v>24254</v>
      </c>
      <c r="O9331" s="5" t="s">
        <v>38</v>
      </c>
      <c r="P9331" s="5" t="s">
        <v>39</v>
      </c>
      <c r="Q9331" s="5" t="s">
        <v>40</v>
      </c>
      <c r="R9331" s="5" t="s">
        <v>24335</v>
      </c>
      <c r="S9331" s="5" t="s">
        <v>40</v>
      </c>
      <c r="T9331" s="5" t="s">
        <v>42</v>
      </c>
      <c r="U9331" s="2">
        <v>8.1609999999999996</v>
      </c>
      <c r="V9331" s="2">
        <v>6.3090000000000002</v>
      </c>
      <c r="W9331" s="2">
        <v>0.127</v>
      </c>
      <c r="X9331" s="2">
        <v>12</v>
      </c>
      <c r="Y9331" s="2">
        <v>50</v>
      </c>
      <c r="Z9331" s="2">
        <v>210.9</v>
      </c>
      <c r="AA9331" s="5">
        <v>8</v>
      </c>
      <c r="AB9331" s="5" t="s">
        <v>43</v>
      </c>
      <c r="AC9331" s="5" t="s">
        <v>44</v>
      </c>
      <c r="AD9331" s="2" t="s">
        <v>28235</v>
      </c>
      <c r="AE9331" s="1"/>
    </row>
    <row r="9332" spans="1:31" ht="14.45">
      <c r="A9332" s="11"/>
      <c r="B9332" s="20"/>
      <c r="C9332" s="2" t="s">
        <v>28659</v>
      </c>
      <c r="D9332" s="14" t="s">
        <v>28660</v>
      </c>
      <c r="E9332" s="2" t="s">
        <v>28661</v>
      </c>
      <c r="F9332" s="2"/>
      <c r="G9332" s="8">
        <v>221</v>
      </c>
      <c r="H9332" s="5">
        <v>5</v>
      </c>
      <c r="I9332" s="5" t="s">
        <v>69</v>
      </c>
      <c r="J9332" s="5" t="s">
        <v>27074</v>
      </c>
      <c r="K9332" s="2" t="s">
        <v>27075</v>
      </c>
      <c r="L9332" s="5" t="s">
        <v>27074</v>
      </c>
      <c r="M9332" s="2" t="s">
        <v>27075</v>
      </c>
      <c r="N9332" s="5" t="s">
        <v>24254</v>
      </c>
      <c r="O9332" s="5" t="s">
        <v>38</v>
      </c>
      <c r="P9332" s="5" t="s">
        <v>39</v>
      </c>
      <c r="Q9332" s="5" t="s">
        <v>40</v>
      </c>
      <c r="R9332" s="5" t="s">
        <v>24335</v>
      </c>
      <c r="S9332" s="5" t="s">
        <v>40</v>
      </c>
      <c r="T9332" s="5" t="s">
        <v>42</v>
      </c>
      <c r="U9332" s="2">
        <v>7.5289999999999999</v>
      </c>
      <c r="V9332" s="2">
        <v>5.5789999999999997</v>
      </c>
      <c r="W9332" s="2">
        <v>0.104</v>
      </c>
      <c r="X9332" s="2">
        <v>12</v>
      </c>
      <c r="Y9332" s="2">
        <v>50</v>
      </c>
      <c r="Z9332" s="2">
        <v>173.9</v>
      </c>
      <c r="AA9332" s="5">
        <v>8</v>
      </c>
      <c r="AB9332" s="5" t="s">
        <v>43</v>
      </c>
      <c r="AC9332" s="5" t="s">
        <v>44</v>
      </c>
      <c r="AD9332" s="2" t="s">
        <v>28235</v>
      </c>
      <c r="AE9332" s="1"/>
    </row>
    <row r="9333" spans="1:31" ht="14.45">
      <c r="A9333" s="11"/>
      <c r="B9333" s="20"/>
      <c r="C9333" s="2" t="s">
        <v>28662</v>
      </c>
      <c r="D9333" s="14" t="s">
        <v>28663</v>
      </c>
      <c r="E9333" s="2" t="s">
        <v>28664</v>
      </c>
      <c r="F9333" s="2"/>
      <c r="G9333" s="8">
        <v>221</v>
      </c>
      <c r="H9333" s="5">
        <v>5</v>
      </c>
      <c r="I9333" s="5" t="s">
        <v>69</v>
      </c>
      <c r="J9333" s="5" t="s">
        <v>27074</v>
      </c>
      <c r="K9333" s="2" t="s">
        <v>27075</v>
      </c>
      <c r="L9333" s="5" t="s">
        <v>27074</v>
      </c>
      <c r="M9333" s="2" t="s">
        <v>27075</v>
      </c>
      <c r="N9333" s="5" t="s">
        <v>24254</v>
      </c>
      <c r="O9333" s="5" t="s">
        <v>38</v>
      </c>
      <c r="P9333" s="5" t="s">
        <v>39</v>
      </c>
      <c r="Q9333" s="5" t="s">
        <v>40</v>
      </c>
      <c r="R9333" s="5" t="s">
        <v>24335</v>
      </c>
      <c r="S9333" s="5" t="s">
        <v>40</v>
      </c>
      <c r="T9333" s="5" t="s">
        <v>42</v>
      </c>
      <c r="U9333" s="2">
        <v>8.3040000000000003</v>
      </c>
      <c r="V9333" s="2">
        <v>5.3840000000000003</v>
      </c>
      <c r="W9333" s="2">
        <v>0.14899999999999999</v>
      </c>
      <c r="X9333" s="2">
        <v>12</v>
      </c>
      <c r="Y9333" s="2">
        <v>62</v>
      </c>
      <c r="Z9333" s="2">
        <v>199.7</v>
      </c>
      <c r="AA9333" s="5">
        <v>10</v>
      </c>
      <c r="AB9333" s="5" t="s">
        <v>43</v>
      </c>
      <c r="AC9333" s="5" t="s">
        <v>44</v>
      </c>
      <c r="AD9333" s="2" t="s">
        <v>28319</v>
      </c>
      <c r="AE9333" s="1"/>
    </row>
    <row r="9334" spans="1:31" ht="14.45">
      <c r="A9334" s="11"/>
      <c r="B9334" s="20"/>
      <c r="C9334" s="2" t="s">
        <v>28665</v>
      </c>
      <c r="D9334" s="14" t="s">
        <v>28666</v>
      </c>
      <c r="E9334" s="2" t="s">
        <v>28667</v>
      </c>
      <c r="F9334" s="2"/>
      <c r="G9334" s="8">
        <v>221</v>
      </c>
      <c r="H9334" s="5">
        <v>5</v>
      </c>
      <c r="I9334" s="5" t="s">
        <v>69</v>
      </c>
      <c r="J9334" s="5" t="s">
        <v>27074</v>
      </c>
      <c r="K9334" s="2" t="s">
        <v>27075</v>
      </c>
      <c r="L9334" s="5" t="s">
        <v>27074</v>
      </c>
      <c r="M9334" s="2" t="s">
        <v>27075</v>
      </c>
      <c r="N9334" s="5" t="s">
        <v>24254</v>
      </c>
      <c r="O9334" s="5" t="s">
        <v>38</v>
      </c>
      <c r="P9334" s="5" t="s">
        <v>39</v>
      </c>
      <c r="Q9334" s="5" t="s">
        <v>40</v>
      </c>
      <c r="R9334" s="5" t="s">
        <v>24335</v>
      </c>
      <c r="S9334" s="5" t="s">
        <v>40</v>
      </c>
      <c r="T9334" s="5" t="s">
        <v>42</v>
      </c>
      <c r="U9334" s="2">
        <v>8.6419999999999995</v>
      </c>
      <c r="V9334" s="2">
        <v>5.7220000000000004</v>
      </c>
      <c r="W9334" s="2">
        <v>0.14899999999999999</v>
      </c>
      <c r="X9334" s="2">
        <v>12</v>
      </c>
      <c r="Y9334" s="2">
        <v>62</v>
      </c>
      <c r="Z9334" s="2">
        <v>199.7</v>
      </c>
      <c r="AA9334" s="5">
        <v>10</v>
      </c>
      <c r="AB9334" s="5" t="s">
        <v>43</v>
      </c>
      <c r="AC9334" s="5" t="s">
        <v>44</v>
      </c>
      <c r="AD9334" s="2" t="s">
        <v>28282</v>
      </c>
      <c r="AE9334" s="1"/>
    </row>
    <row r="9335" spans="1:31" ht="14.45">
      <c r="A9335" s="11"/>
      <c r="B9335" s="20"/>
      <c r="C9335" s="2" t="s">
        <v>28668</v>
      </c>
      <c r="D9335" s="14" t="s">
        <v>28669</v>
      </c>
      <c r="E9335" s="2" t="s">
        <v>28670</v>
      </c>
      <c r="F9335" s="2"/>
      <c r="G9335" s="8">
        <v>221</v>
      </c>
      <c r="H9335" s="5">
        <v>5</v>
      </c>
      <c r="I9335" s="5" t="s">
        <v>69</v>
      </c>
      <c r="J9335" s="5" t="s">
        <v>27074</v>
      </c>
      <c r="K9335" s="2" t="s">
        <v>27075</v>
      </c>
      <c r="L9335" s="5" t="s">
        <v>27074</v>
      </c>
      <c r="M9335" s="2" t="s">
        <v>27075</v>
      </c>
      <c r="N9335" s="5" t="s">
        <v>24254</v>
      </c>
      <c r="O9335" s="5" t="s">
        <v>38</v>
      </c>
      <c r="P9335" s="5" t="s">
        <v>39</v>
      </c>
      <c r="Q9335" s="5" t="s">
        <v>40</v>
      </c>
      <c r="R9335" s="5" t="s">
        <v>24335</v>
      </c>
      <c r="S9335" s="5" t="s">
        <v>40</v>
      </c>
      <c r="T9335" s="5" t="s">
        <v>42</v>
      </c>
      <c r="U9335" s="2">
        <v>7.2469999999999999</v>
      </c>
      <c r="V9335" s="2">
        <v>4.327</v>
      </c>
      <c r="W9335" s="2">
        <v>0.14899999999999999</v>
      </c>
      <c r="X9335" s="2">
        <v>12</v>
      </c>
      <c r="Y9335" s="2">
        <v>62</v>
      </c>
      <c r="Z9335" s="2">
        <v>199.7</v>
      </c>
      <c r="AA9335" s="5">
        <v>10</v>
      </c>
      <c r="AB9335" s="5" t="s">
        <v>43</v>
      </c>
      <c r="AC9335" s="5" t="s">
        <v>44</v>
      </c>
      <c r="AD9335" s="2" t="s">
        <v>28245</v>
      </c>
      <c r="AE9335" s="1"/>
    </row>
    <row r="9336" spans="1:31" ht="14.45">
      <c r="A9336" s="11"/>
      <c r="B9336" s="20"/>
      <c r="C9336" s="2" t="s">
        <v>28671</v>
      </c>
      <c r="D9336" s="14" t="s">
        <v>28672</v>
      </c>
      <c r="E9336" s="2" t="s">
        <v>28673</v>
      </c>
      <c r="F9336" s="2"/>
      <c r="G9336" s="8">
        <v>221</v>
      </c>
      <c r="H9336" s="5">
        <v>5</v>
      </c>
      <c r="I9336" s="5" t="s">
        <v>69</v>
      </c>
      <c r="J9336" s="5" t="s">
        <v>27074</v>
      </c>
      <c r="K9336" s="2" t="s">
        <v>27075</v>
      </c>
      <c r="L9336" s="5" t="s">
        <v>27074</v>
      </c>
      <c r="M9336" s="2" t="s">
        <v>27075</v>
      </c>
      <c r="N9336" s="5" t="s">
        <v>24254</v>
      </c>
      <c r="O9336" s="5" t="s">
        <v>38</v>
      </c>
      <c r="P9336" s="5" t="s">
        <v>39</v>
      </c>
      <c r="Q9336" s="5" t="s">
        <v>40</v>
      </c>
      <c r="R9336" s="5" t="s">
        <v>24335</v>
      </c>
      <c r="S9336" s="5" t="s">
        <v>40</v>
      </c>
      <c r="T9336" s="5" t="s">
        <v>42</v>
      </c>
      <c r="U9336" s="2">
        <v>7.5919999999999996</v>
      </c>
      <c r="V9336" s="2">
        <v>4.6719999999999997</v>
      </c>
      <c r="W9336" s="2">
        <v>0.14899999999999999</v>
      </c>
      <c r="X9336" s="2">
        <v>12</v>
      </c>
      <c r="Y9336" s="2">
        <v>62</v>
      </c>
      <c r="Z9336" s="2">
        <v>199.7</v>
      </c>
      <c r="AA9336" s="5">
        <v>10</v>
      </c>
      <c r="AB9336" s="5" t="s">
        <v>43</v>
      </c>
      <c r="AC9336" s="5" t="s">
        <v>44</v>
      </c>
      <c r="AD9336" s="2" t="s">
        <v>28249</v>
      </c>
      <c r="AE9336" s="1"/>
    </row>
    <row r="9337" spans="1:31" ht="14.45">
      <c r="A9337" s="11"/>
      <c r="B9337" s="20"/>
      <c r="C9337" s="2" t="s">
        <v>28674</v>
      </c>
      <c r="D9337" s="14" t="s">
        <v>28675</v>
      </c>
      <c r="E9337" s="2" t="s">
        <v>28676</v>
      </c>
      <c r="F9337" s="2"/>
      <c r="G9337" s="8">
        <v>221</v>
      </c>
      <c r="H9337" s="5">
        <v>5</v>
      </c>
      <c r="I9337" s="5" t="s">
        <v>69</v>
      </c>
      <c r="J9337" s="5" t="s">
        <v>27074</v>
      </c>
      <c r="K9337" s="2" t="s">
        <v>27075</v>
      </c>
      <c r="L9337" s="5" t="s">
        <v>27074</v>
      </c>
      <c r="M9337" s="2" t="s">
        <v>27075</v>
      </c>
      <c r="N9337" s="5" t="s">
        <v>24254</v>
      </c>
      <c r="O9337" s="5" t="s">
        <v>38</v>
      </c>
      <c r="P9337" s="5" t="s">
        <v>39</v>
      </c>
      <c r="Q9337" s="5" t="s">
        <v>40</v>
      </c>
      <c r="R9337" s="5" t="s">
        <v>24335</v>
      </c>
      <c r="S9337" s="5" t="s">
        <v>40</v>
      </c>
      <c r="T9337" s="5" t="s">
        <v>42</v>
      </c>
      <c r="U9337" s="2">
        <v>7.7610000000000001</v>
      </c>
      <c r="V9337" s="2">
        <v>4.7460000000000004</v>
      </c>
      <c r="W9337" s="2">
        <v>0.14899999999999999</v>
      </c>
      <c r="X9337" s="2">
        <v>12</v>
      </c>
      <c r="Y9337" s="2">
        <v>62</v>
      </c>
      <c r="Z9337" s="2">
        <v>199.7</v>
      </c>
      <c r="AA9337" s="5">
        <v>10</v>
      </c>
      <c r="AB9337" s="5" t="s">
        <v>43</v>
      </c>
      <c r="AC9337" s="5" t="s">
        <v>44</v>
      </c>
      <c r="AD9337" s="2" t="s">
        <v>28245</v>
      </c>
      <c r="AE9337" s="1"/>
    </row>
    <row r="9338" spans="1:31" ht="14.45">
      <c r="A9338" s="11"/>
      <c r="B9338" s="20"/>
      <c r="C9338" s="2" t="s">
        <v>28677</v>
      </c>
      <c r="D9338" s="14" t="s">
        <v>28678</v>
      </c>
      <c r="E9338" s="2" t="s">
        <v>28679</v>
      </c>
      <c r="F9338" s="2"/>
      <c r="G9338" s="8">
        <v>221</v>
      </c>
      <c r="H9338" s="5">
        <v>5</v>
      </c>
      <c r="I9338" s="5" t="s">
        <v>69</v>
      </c>
      <c r="J9338" s="5" t="s">
        <v>27074</v>
      </c>
      <c r="K9338" s="2" t="s">
        <v>27075</v>
      </c>
      <c r="L9338" s="5" t="s">
        <v>27074</v>
      </c>
      <c r="M9338" s="2" t="s">
        <v>27075</v>
      </c>
      <c r="N9338" s="5" t="s">
        <v>24254</v>
      </c>
      <c r="O9338" s="5" t="s">
        <v>38</v>
      </c>
      <c r="P9338" s="5" t="s">
        <v>39</v>
      </c>
      <c r="Q9338" s="5" t="s">
        <v>40</v>
      </c>
      <c r="R9338" s="5" t="s">
        <v>24335</v>
      </c>
      <c r="S9338" s="5" t="s">
        <v>40</v>
      </c>
      <c r="T9338" s="5" t="s">
        <v>42</v>
      </c>
      <c r="U9338" s="2">
        <v>8.1159999999999997</v>
      </c>
      <c r="V9338" s="2">
        <v>5.101</v>
      </c>
      <c r="W9338" s="2">
        <v>0.14899999999999999</v>
      </c>
      <c r="X9338" s="2">
        <v>12</v>
      </c>
      <c r="Y9338" s="2">
        <v>62</v>
      </c>
      <c r="Z9338" s="2">
        <v>199.7</v>
      </c>
      <c r="AA9338" s="5">
        <v>10</v>
      </c>
      <c r="AB9338" s="5" t="s">
        <v>43</v>
      </c>
      <c r="AC9338" s="5" t="s">
        <v>44</v>
      </c>
      <c r="AD9338" s="2" t="s">
        <v>28249</v>
      </c>
      <c r="AE9338" s="1"/>
    </row>
    <row r="9339" spans="1:31" ht="14.45">
      <c r="A9339" s="11"/>
      <c r="B9339" s="20"/>
      <c r="C9339" s="2" t="s">
        <v>28680</v>
      </c>
      <c r="D9339" s="14" t="s">
        <v>28681</v>
      </c>
      <c r="E9339" s="2" t="s">
        <v>28682</v>
      </c>
      <c r="F9339" s="2"/>
      <c r="G9339" s="8">
        <v>402</v>
      </c>
      <c r="H9339" s="5">
        <v>5</v>
      </c>
      <c r="I9339" s="5" t="s">
        <v>69</v>
      </c>
      <c r="J9339" s="5" t="s">
        <v>27074</v>
      </c>
      <c r="K9339" s="2" t="s">
        <v>27075</v>
      </c>
      <c r="L9339" s="5" t="s">
        <v>27074</v>
      </c>
      <c r="M9339" s="2" t="s">
        <v>27075</v>
      </c>
      <c r="N9339" s="5" t="s">
        <v>24254</v>
      </c>
      <c r="O9339" s="5" t="s">
        <v>38</v>
      </c>
      <c r="P9339" s="5" t="s">
        <v>39</v>
      </c>
      <c r="Q9339" s="5" t="s">
        <v>40</v>
      </c>
      <c r="R9339" s="5" t="s">
        <v>24335</v>
      </c>
      <c r="S9339" s="5" t="s">
        <v>40</v>
      </c>
      <c r="T9339" s="5" t="s">
        <v>42</v>
      </c>
      <c r="U9339" s="2">
        <v>16.387</v>
      </c>
      <c r="V9339" s="2">
        <v>13.53</v>
      </c>
      <c r="W9339" s="2">
        <v>0.19500000000000001</v>
      </c>
      <c r="X9339" s="2">
        <v>12</v>
      </c>
      <c r="Y9339" s="2">
        <v>77</v>
      </c>
      <c r="Z9339" s="2">
        <v>210.9</v>
      </c>
      <c r="AA9339" s="5">
        <v>8</v>
      </c>
      <c r="AB9339" s="5" t="s">
        <v>43</v>
      </c>
      <c r="AC9339" s="5" t="s">
        <v>44</v>
      </c>
      <c r="AD9339" s="2" t="s">
        <v>28253</v>
      </c>
      <c r="AE9339" s="1"/>
    </row>
    <row r="9340" spans="1:31" ht="14.45">
      <c r="A9340" s="11"/>
      <c r="B9340" s="20"/>
      <c r="C9340" s="2" t="s">
        <v>28683</v>
      </c>
      <c r="D9340" s="14" t="s">
        <v>28684</v>
      </c>
      <c r="E9340" s="2" t="s">
        <v>28685</v>
      </c>
      <c r="F9340" s="2"/>
      <c r="G9340" s="8">
        <v>753</v>
      </c>
      <c r="H9340" s="5">
        <v>5</v>
      </c>
      <c r="I9340" s="5" t="s">
        <v>69</v>
      </c>
      <c r="J9340" s="5" t="s">
        <v>27074</v>
      </c>
      <c r="K9340" s="2" t="s">
        <v>27075</v>
      </c>
      <c r="L9340" s="5" t="s">
        <v>27074</v>
      </c>
      <c r="M9340" s="2" t="s">
        <v>27075</v>
      </c>
      <c r="N9340" s="5" t="s">
        <v>24254</v>
      </c>
      <c r="O9340" s="5" t="s">
        <v>38</v>
      </c>
      <c r="P9340" s="5" t="s">
        <v>39</v>
      </c>
      <c r="Q9340" s="5" t="s">
        <v>40</v>
      </c>
      <c r="R9340" s="5" t="s">
        <v>1487</v>
      </c>
      <c r="S9340" s="5"/>
      <c r="T9340" s="5" t="s">
        <v>42</v>
      </c>
      <c r="U9340" s="2">
        <v>0</v>
      </c>
      <c r="V9340" s="2">
        <v>0</v>
      </c>
      <c r="W9340" s="2">
        <v>0</v>
      </c>
      <c r="X9340" s="2">
        <v>0</v>
      </c>
      <c r="Y9340" s="2">
        <v>0</v>
      </c>
      <c r="Z9340" s="2">
        <v>0</v>
      </c>
      <c r="AA9340" s="5"/>
      <c r="AB9340" s="5" t="s">
        <v>43</v>
      </c>
      <c r="AC9340" s="5" t="s">
        <v>44</v>
      </c>
      <c r="AD9340" s="2" t="s">
        <v>28257</v>
      </c>
      <c r="AE9340" s="1"/>
    </row>
    <row r="9341" spans="1:31" ht="14.45">
      <c r="A9341" s="11"/>
      <c r="B9341" s="20"/>
      <c r="C9341" s="2" t="s">
        <v>28686</v>
      </c>
      <c r="D9341" s="14" t="s">
        <v>28687</v>
      </c>
      <c r="E9341" s="2" t="s">
        <v>28688</v>
      </c>
      <c r="F9341" s="2"/>
      <c r="G9341" s="8">
        <v>753</v>
      </c>
      <c r="H9341" s="5">
        <v>15</v>
      </c>
      <c r="I9341" s="5" t="s">
        <v>69</v>
      </c>
      <c r="J9341" s="5" t="s">
        <v>27074</v>
      </c>
      <c r="K9341" s="2" t="s">
        <v>27075</v>
      </c>
      <c r="L9341" s="5" t="s">
        <v>27074</v>
      </c>
      <c r="M9341" s="2" t="s">
        <v>27075</v>
      </c>
      <c r="N9341" s="5" t="s">
        <v>24254</v>
      </c>
      <c r="O9341" s="5" t="s">
        <v>38</v>
      </c>
      <c r="P9341" s="5" t="s">
        <v>39</v>
      </c>
      <c r="Q9341" s="5" t="s">
        <v>40</v>
      </c>
      <c r="R9341" s="5" t="s">
        <v>1487</v>
      </c>
      <c r="S9341" s="5"/>
      <c r="T9341" s="5" t="s">
        <v>42</v>
      </c>
      <c r="U9341" s="2">
        <v>0</v>
      </c>
      <c r="V9341" s="2">
        <v>0</v>
      </c>
      <c r="W9341" s="2">
        <v>0</v>
      </c>
      <c r="X9341" s="2">
        <v>0</v>
      </c>
      <c r="Y9341" s="2">
        <v>0</v>
      </c>
      <c r="Z9341" s="2">
        <v>0</v>
      </c>
      <c r="AA9341" s="5"/>
      <c r="AB9341" s="5" t="s">
        <v>43</v>
      </c>
      <c r="AC9341" s="5" t="s">
        <v>44</v>
      </c>
      <c r="AD9341" s="2" t="s">
        <v>28261</v>
      </c>
      <c r="AE9341" s="1"/>
    </row>
    <row r="9342" spans="1:31" ht="14.45">
      <c r="A9342" s="11"/>
      <c r="B9342" s="20"/>
      <c r="C9342" s="2" t="s">
        <v>28689</v>
      </c>
      <c r="D9342" s="14" t="s">
        <v>28690</v>
      </c>
      <c r="E9342" s="2" t="s">
        <v>28691</v>
      </c>
      <c r="F9342" s="2"/>
      <c r="G9342" s="8">
        <v>234</v>
      </c>
      <c r="H9342" s="5">
        <v>5</v>
      </c>
      <c r="I9342" s="5" t="s">
        <v>69</v>
      </c>
      <c r="J9342" s="5" t="s">
        <v>27074</v>
      </c>
      <c r="K9342" s="2" t="s">
        <v>27075</v>
      </c>
      <c r="L9342" s="5" t="s">
        <v>27074</v>
      </c>
      <c r="M9342" s="2" t="s">
        <v>27075</v>
      </c>
      <c r="N9342" s="5" t="s">
        <v>24254</v>
      </c>
      <c r="O9342" s="5" t="s">
        <v>38</v>
      </c>
      <c r="P9342" s="5" t="s">
        <v>39</v>
      </c>
      <c r="Q9342" s="5" t="s">
        <v>40</v>
      </c>
      <c r="R9342" s="5" t="s">
        <v>24335</v>
      </c>
      <c r="S9342" s="5" t="s">
        <v>40</v>
      </c>
      <c r="T9342" s="5" t="s">
        <v>42</v>
      </c>
      <c r="U9342" s="2">
        <v>10.574999999999999</v>
      </c>
      <c r="V9342" s="2">
        <v>8.52</v>
      </c>
      <c r="W9342" s="2">
        <v>0.127</v>
      </c>
      <c r="X9342" s="2">
        <v>12</v>
      </c>
      <c r="Y9342" s="2">
        <v>50</v>
      </c>
      <c r="Z9342" s="2">
        <v>210.9</v>
      </c>
      <c r="AA9342" s="5">
        <v>8</v>
      </c>
      <c r="AB9342" s="5" t="s">
        <v>43</v>
      </c>
      <c r="AC9342" s="5" t="s">
        <v>44</v>
      </c>
      <c r="AD9342" s="2" t="s">
        <v>28235</v>
      </c>
      <c r="AE9342" s="1"/>
    </row>
    <row r="9343" spans="1:31" ht="14.45">
      <c r="A9343" s="11"/>
      <c r="B9343" s="20"/>
      <c r="C9343" s="2" t="s">
        <v>28692</v>
      </c>
      <c r="D9343" s="14" t="s">
        <v>28693</v>
      </c>
      <c r="E9343" s="2" t="s">
        <v>28694</v>
      </c>
      <c r="F9343" s="2"/>
      <c r="G9343" s="8">
        <v>234</v>
      </c>
      <c r="H9343" s="5">
        <v>5</v>
      </c>
      <c r="I9343" s="5" t="s">
        <v>69</v>
      </c>
      <c r="J9343" s="5" t="s">
        <v>27074</v>
      </c>
      <c r="K9343" s="2" t="s">
        <v>27075</v>
      </c>
      <c r="L9343" s="5" t="s">
        <v>27074</v>
      </c>
      <c r="M9343" s="2" t="s">
        <v>27075</v>
      </c>
      <c r="N9343" s="5" t="s">
        <v>24254</v>
      </c>
      <c r="O9343" s="5" t="s">
        <v>38</v>
      </c>
      <c r="P9343" s="5" t="s">
        <v>39</v>
      </c>
      <c r="Q9343" s="5" t="s">
        <v>40</v>
      </c>
      <c r="R9343" s="5" t="s">
        <v>24335</v>
      </c>
      <c r="S9343" s="5" t="s">
        <v>40</v>
      </c>
      <c r="T9343" s="5" t="s">
        <v>42</v>
      </c>
      <c r="U9343" s="2">
        <v>8.5250000000000004</v>
      </c>
      <c r="V9343" s="2">
        <v>6.673</v>
      </c>
      <c r="W9343" s="2">
        <v>0.127</v>
      </c>
      <c r="X9343" s="2">
        <v>12</v>
      </c>
      <c r="Y9343" s="2">
        <v>50</v>
      </c>
      <c r="Z9343" s="2">
        <v>210.9</v>
      </c>
      <c r="AA9343" s="5">
        <v>8</v>
      </c>
      <c r="AB9343" s="5" t="s">
        <v>43</v>
      </c>
      <c r="AC9343" s="5" t="s">
        <v>44</v>
      </c>
      <c r="AD9343" s="2" t="s">
        <v>28235</v>
      </c>
      <c r="AE9343" s="1"/>
    </row>
    <row r="9344" spans="1:31" ht="14.45">
      <c r="A9344" s="11"/>
      <c r="B9344" s="20"/>
      <c r="C9344" s="2" t="s">
        <v>28695</v>
      </c>
      <c r="D9344" s="14" t="s">
        <v>28696</v>
      </c>
      <c r="E9344" s="2" t="s">
        <v>28697</v>
      </c>
      <c r="F9344" s="2"/>
      <c r="G9344" s="8">
        <v>234</v>
      </c>
      <c r="H9344" s="5">
        <v>5</v>
      </c>
      <c r="I9344" s="5" t="s">
        <v>69</v>
      </c>
      <c r="J9344" s="5" t="s">
        <v>27074</v>
      </c>
      <c r="K9344" s="2" t="s">
        <v>27075</v>
      </c>
      <c r="L9344" s="5" t="s">
        <v>27074</v>
      </c>
      <c r="M9344" s="2" t="s">
        <v>27075</v>
      </c>
      <c r="N9344" s="5" t="s">
        <v>24254</v>
      </c>
      <c r="O9344" s="5" t="s">
        <v>38</v>
      </c>
      <c r="P9344" s="5" t="s">
        <v>39</v>
      </c>
      <c r="Q9344" s="5" t="s">
        <v>40</v>
      </c>
      <c r="R9344" s="5" t="s">
        <v>24335</v>
      </c>
      <c r="S9344" s="5" t="s">
        <v>40</v>
      </c>
      <c r="T9344" s="5" t="s">
        <v>42</v>
      </c>
      <c r="U9344" s="2">
        <v>7.85</v>
      </c>
      <c r="V9344" s="2">
        <v>5.9</v>
      </c>
      <c r="W9344" s="2">
        <v>0.104</v>
      </c>
      <c r="X9344" s="2">
        <v>12</v>
      </c>
      <c r="Y9344" s="2">
        <v>50</v>
      </c>
      <c r="Z9344" s="2">
        <v>173.9</v>
      </c>
      <c r="AA9344" s="5">
        <v>8</v>
      </c>
      <c r="AB9344" s="5" t="s">
        <v>43</v>
      </c>
      <c r="AC9344" s="5" t="s">
        <v>44</v>
      </c>
      <c r="AD9344" s="2" t="s">
        <v>28235</v>
      </c>
      <c r="AE9344" s="1"/>
    </row>
    <row r="9345" spans="1:31" ht="14.45">
      <c r="A9345" s="11"/>
      <c r="B9345" s="20"/>
      <c r="C9345" s="2" t="s">
        <v>28698</v>
      </c>
      <c r="D9345" s="14" t="s">
        <v>28699</v>
      </c>
      <c r="E9345" s="2" t="s">
        <v>28700</v>
      </c>
      <c r="F9345" s="2"/>
      <c r="G9345" s="8">
        <v>234</v>
      </c>
      <c r="H9345" s="5">
        <v>5</v>
      </c>
      <c r="I9345" s="5" t="s">
        <v>69</v>
      </c>
      <c r="J9345" s="5" t="s">
        <v>27074</v>
      </c>
      <c r="K9345" s="2" t="s">
        <v>27075</v>
      </c>
      <c r="L9345" s="5" t="s">
        <v>27074</v>
      </c>
      <c r="M9345" s="2" t="s">
        <v>27075</v>
      </c>
      <c r="N9345" s="5" t="s">
        <v>24254</v>
      </c>
      <c r="O9345" s="5" t="s">
        <v>38</v>
      </c>
      <c r="P9345" s="5" t="s">
        <v>39</v>
      </c>
      <c r="Q9345" s="5" t="s">
        <v>40</v>
      </c>
      <c r="R9345" s="5" t="s">
        <v>24335</v>
      </c>
      <c r="S9345" s="5" t="s">
        <v>40</v>
      </c>
      <c r="T9345" s="5" t="s">
        <v>42</v>
      </c>
      <c r="U9345" s="2">
        <v>8.7530000000000001</v>
      </c>
      <c r="V9345" s="2">
        <v>5.8330000000000002</v>
      </c>
      <c r="W9345" s="2">
        <v>0.14899999999999999</v>
      </c>
      <c r="X9345" s="2">
        <v>12</v>
      </c>
      <c r="Y9345" s="2">
        <v>62</v>
      </c>
      <c r="Z9345" s="2">
        <v>199.7</v>
      </c>
      <c r="AA9345" s="5">
        <v>10</v>
      </c>
      <c r="AB9345" s="5" t="s">
        <v>43</v>
      </c>
      <c r="AC9345" s="5" t="s">
        <v>44</v>
      </c>
      <c r="AD9345" s="2" t="s">
        <v>28319</v>
      </c>
      <c r="AE9345" s="1"/>
    </row>
    <row r="9346" spans="1:31" ht="14.45">
      <c r="A9346" s="11"/>
      <c r="B9346" s="20"/>
      <c r="C9346" s="2" t="s">
        <v>28701</v>
      </c>
      <c r="D9346" s="14" t="s">
        <v>28702</v>
      </c>
      <c r="E9346" s="2" t="s">
        <v>28703</v>
      </c>
      <c r="F9346" s="2"/>
      <c r="G9346" s="8">
        <v>234</v>
      </c>
      <c r="H9346" s="5">
        <v>5</v>
      </c>
      <c r="I9346" s="5" t="s">
        <v>69</v>
      </c>
      <c r="J9346" s="5" t="s">
        <v>27074</v>
      </c>
      <c r="K9346" s="2" t="s">
        <v>27075</v>
      </c>
      <c r="L9346" s="5" t="s">
        <v>27074</v>
      </c>
      <c r="M9346" s="2" t="s">
        <v>27075</v>
      </c>
      <c r="N9346" s="5" t="s">
        <v>24254</v>
      </c>
      <c r="O9346" s="5" t="s">
        <v>38</v>
      </c>
      <c r="P9346" s="5" t="s">
        <v>39</v>
      </c>
      <c r="Q9346" s="5" t="s">
        <v>40</v>
      </c>
      <c r="R9346" s="5" t="s">
        <v>24335</v>
      </c>
      <c r="S9346" s="5" t="s">
        <v>40</v>
      </c>
      <c r="T9346" s="5" t="s">
        <v>42</v>
      </c>
      <c r="U9346" s="2">
        <v>9.0909999999999993</v>
      </c>
      <c r="V9346" s="2">
        <v>6.1710000000000003</v>
      </c>
      <c r="W9346" s="2">
        <v>0.14899999999999999</v>
      </c>
      <c r="X9346" s="2">
        <v>12</v>
      </c>
      <c r="Y9346" s="2">
        <v>62</v>
      </c>
      <c r="Z9346" s="2">
        <v>199.7</v>
      </c>
      <c r="AA9346" s="5">
        <v>10</v>
      </c>
      <c r="AB9346" s="5" t="s">
        <v>43</v>
      </c>
      <c r="AC9346" s="5" t="s">
        <v>44</v>
      </c>
      <c r="AD9346" s="2" t="s">
        <v>28282</v>
      </c>
      <c r="AE9346" s="1"/>
    </row>
    <row r="9347" spans="1:31" ht="14.45">
      <c r="A9347" s="11"/>
      <c r="B9347" s="20"/>
      <c r="C9347" s="2" t="s">
        <v>28704</v>
      </c>
      <c r="D9347" s="14" t="s">
        <v>28705</v>
      </c>
      <c r="E9347" s="2" t="s">
        <v>28706</v>
      </c>
      <c r="F9347" s="2"/>
      <c r="G9347" s="8">
        <v>234</v>
      </c>
      <c r="H9347" s="5">
        <v>5</v>
      </c>
      <c r="I9347" s="5" t="s">
        <v>69</v>
      </c>
      <c r="J9347" s="5" t="s">
        <v>27074</v>
      </c>
      <c r="K9347" s="2" t="s">
        <v>27075</v>
      </c>
      <c r="L9347" s="5" t="s">
        <v>27074</v>
      </c>
      <c r="M9347" s="2" t="s">
        <v>27075</v>
      </c>
      <c r="N9347" s="5" t="s">
        <v>24254</v>
      </c>
      <c r="O9347" s="5" t="s">
        <v>38</v>
      </c>
      <c r="P9347" s="5" t="s">
        <v>39</v>
      </c>
      <c r="Q9347" s="5" t="s">
        <v>40</v>
      </c>
      <c r="R9347" s="5" t="s">
        <v>24335</v>
      </c>
      <c r="S9347" s="5" t="s">
        <v>40</v>
      </c>
      <c r="T9347" s="5" t="s">
        <v>42</v>
      </c>
      <c r="U9347" s="2">
        <v>7.5679999999999996</v>
      </c>
      <c r="V9347" s="2">
        <v>4.6479999999999997</v>
      </c>
      <c r="W9347" s="2">
        <v>0.14899999999999999</v>
      </c>
      <c r="X9347" s="2">
        <v>12</v>
      </c>
      <c r="Y9347" s="2">
        <v>62</v>
      </c>
      <c r="Z9347" s="2">
        <v>199.7</v>
      </c>
      <c r="AA9347" s="5">
        <v>10</v>
      </c>
      <c r="AB9347" s="5" t="s">
        <v>43</v>
      </c>
      <c r="AC9347" s="5" t="s">
        <v>44</v>
      </c>
      <c r="AD9347" s="2" t="s">
        <v>28245</v>
      </c>
      <c r="AE9347" s="1"/>
    </row>
    <row r="9348" spans="1:31" ht="14.45">
      <c r="A9348" s="11"/>
      <c r="B9348" s="20"/>
      <c r="C9348" s="2" t="s">
        <v>28707</v>
      </c>
      <c r="D9348" s="14" t="s">
        <v>28708</v>
      </c>
      <c r="E9348" s="2" t="s">
        <v>28709</v>
      </c>
      <c r="F9348" s="2"/>
      <c r="G9348" s="8">
        <v>234</v>
      </c>
      <c r="H9348" s="5">
        <v>5</v>
      </c>
      <c r="I9348" s="5" t="s">
        <v>69</v>
      </c>
      <c r="J9348" s="5" t="s">
        <v>27074</v>
      </c>
      <c r="K9348" s="2" t="s">
        <v>27075</v>
      </c>
      <c r="L9348" s="5" t="s">
        <v>27074</v>
      </c>
      <c r="M9348" s="2" t="s">
        <v>27075</v>
      </c>
      <c r="N9348" s="5" t="s">
        <v>24254</v>
      </c>
      <c r="O9348" s="5" t="s">
        <v>38</v>
      </c>
      <c r="P9348" s="5" t="s">
        <v>39</v>
      </c>
      <c r="Q9348" s="5" t="s">
        <v>40</v>
      </c>
      <c r="R9348" s="5" t="s">
        <v>24335</v>
      </c>
      <c r="S9348" s="5" t="s">
        <v>40</v>
      </c>
      <c r="T9348" s="5" t="s">
        <v>42</v>
      </c>
      <c r="U9348" s="2">
        <v>7.9130000000000003</v>
      </c>
      <c r="V9348" s="2">
        <v>4.9930000000000003</v>
      </c>
      <c r="W9348" s="2">
        <v>0.14899999999999999</v>
      </c>
      <c r="X9348" s="2">
        <v>12</v>
      </c>
      <c r="Y9348" s="2">
        <v>62</v>
      </c>
      <c r="Z9348" s="2">
        <v>199.7</v>
      </c>
      <c r="AA9348" s="5">
        <v>10</v>
      </c>
      <c r="AB9348" s="5" t="s">
        <v>43</v>
      </c>
      <c r="AC9348" s="5" t="s">
        <v>44</v>
      </c>
      <c r="AD9348" s="2" t="s">
        <v>28249</v>
      </c>
      <c r="AE9348" s="1"/>
    </row>
    <row r="9349" spans="1:31" ht="14.45">
      <c r="A9349" s="11"/>
      <c r="B9349" s="20"/>
      <c r="C9349" s="2" t="s">
        <v>28710</v>
      </c>
      <c r="D9349" s="14" t="s">
        <v>28711</v>
      </c>
      <c r="E9349" s="2" t="s">
        <v>28712</v>
      </c>
      <c r="F9349" s="2"/>
      <c r="G9349" s="8">
        <v>234</v>
      </c>
      <c r="H9349" s="5">
        <v>5</v>
      </c>
      <c r="I9349" s="5" t="s">
        <v>69</v>
      </c>
      <c r="J9349" s="5" t="s">
        <v>27074</v>
      </c>
      <c r="K9349" s="2" t="s">
        <v>27075</v>
      </c>
      <c r="L9349" s="5" t="s">
        <v>27074</v>
      </c>
      <c r="M9349" s="2" t="s">
        <v>27075</v>
      </c>
      <c r="N9349" s="5" t="s">
        <v>24254</v>
      </c>
      <c r="O9349" s="5" t="s">
        <v>38</v>
      </c>
      <c r="P9349" s="5" t="s">
        <v>39</v>
      </c>
      <c r="Q9349" s="5" t="s">
        <v>40</v>
      </c>
      <c r="R9349" s="5" t="s">
        <v>24335</v>
      </c>
      <c r="S9349" s="5" t="s">
        <v>40</v>
      </c>
      <c r="T9349" s="5" t="s">
        <v>42</v>
      </c>
      <c r="U9349" s="2">
        <v>8.1319999999999997</v>
      </c>
      <c r="V9349" s="2">
        <v>5.117</v>
      </c>
      <c r="W9349" s="2">
        <v>0.14899999999999999</v>
      </c>
      <c r="X9349" s="2">
        <v>12</v>
      </c>
      <c r="Y9349" s="2">
        <v>62</v>
      </c>
      <c r="Z9349" s="2">
        <v>199.7</v>
      </c>
      <c r="AA9349" s="5">
        <v>10</v>
      </c>
      <c r="AB9349" s="5" t="s">
        <v>43</v>
      </c>
      <c r="AC9349" s="5" t="s">
        <v>44</v>
      </c>
      <c r="AD9349" s="2" t="s">
        <v>28245</v>
      </c>
      <c r="AE9349" s="1"/>
    </row>
    <row r="9350" spans="1:31" ht="14.45">
      <c r="A9350" s="11"/>
      <c r="B9350" s="20"/>
      <c r="C9350" s="2" t="s">
        <v>28713</v>
      </c>
      <c r="D9350" s="14" t="s">
        <v>28714</v>
      </c>
      <c r="E9350" s="2" t="s">
        <v>28715</v>
      </c>
      <c r="F9350" s="2"/>
      <c r="G9350" s="8">
        <v>234</v>
      </c>
      <c r="H9350" s="5">
        <v>5</v>
      </c>
      <c r="I9350" s="5" t="s">
        <v>69</v>
      </c>
      <c r="J9350" s="5" t="s">
        <v>27074</v>
      </c>
      <c r="K9350" s="2" t="s">
        <v>27075</v>
      </c>
      <c r="L9350" s="5" t="s">
        <v>27074</v>
      </c>
      <c r="M9350" s="2" t="s">
        <v>27075</v>
      </c>
      <c r="N9350" s="5" t="s">
        <v>24254</v>
      </c>
      <c r="O9350" s="5" t="s">
        <v>38</v>
      </c>
      <c r="P9350" s="5" t="s">
        <v>39</v>
      </c>
      <c r="Q9350" s="5" t="s">
        <v>40</v>
      </c>
      <c r="R9350" s="5" t="s">
        <v>24335</v>
      </c>
      <c r="S9350" s="5" t="s">
        <v>40</v>
      </c>
      <c r="T9350" s="5" t="s">
        <v>42</v>
      </c>
      <c r="U9350" s="2">
        <v>8.4870000000000001</v>
      </c>
      <c r="V9350" s="2">
        <v>5.4720000000000004</v>
      </c>
      <c r="W9350" s="2">
        <v>0.14899999999999999</v>
      </c>
      <c r="X9350" s="2">
        <v>12</v>
      </c>
      <c r="Y9350" s="2">
        <v>62</v>
      </c>
      <c r="Z9350" s="2">
        <v>199.7</v>
      </c>
      <c r="AA9350" s="5">
        <v>10</v>
      </c>
      <c r="AB9350" s="5" t="s">
        <v>43</v>
      </c>
      <c r="AC9350" s="5" t="s">
        <v>44</v>
      </c>
      <c r="AD9350" s="2" t="s">
        <v>28249</v>
      </c>
      <c r="AE9350" s="1"/>
    </row>
    <row r="9351" spans="1:31" ht="14.45">
      <c r="A9351" s="11"/>
      <c r="B9351" s="20"/>
      <c r="C9351" s="2" t="s">
        <v>28716</v>
      </c>
      <c r="D9351" s="14" t="s">
        <v>28717</v>
      </c>
      <c r="E9351" s="2" t="s">
        <v>28718</v>
      </c>
      <c r="F9351" s="2"/>
      <c r="G9351" s="8">
        <v>426</v>
      </c>
      <c r="H9351" s="5">
        <v>5</v>
      </c>
      <c r="I9351" s="5" t="s">
        <v>69</v>
      </c>
      <c r="J9351" s="5" t="s">
        <v>27074</v>
      </c>
      <c r="K9351" s="2" t="s">
        <v>27075</v>
      </c>
      <c r="L9351" s="5" t="s">
        <v>27074</v>
      </c>
      <c r="M9351" s="2" t="s">
        <v>27075</v>
      </c>
      <c r="N9351" s="5" t="s">
        <v>24254</v>
      </c>
      <c r="O9351" s="5" t="s">
        <v>38</v>
      </c>
      <c r="P9351" s="5" t="s">
        <v>39</v>
      </c>
      <c r="Q9351" s="5" t="s">
        <v>40</v>
      </c>
      <c r="R9351" s="5" t="s">
        <v>24335</v>
      </c>
      <c r="S9351" s="5" t="s">
        <v>40</v>
      </c>
      <c r="T9351" s="5" t="s">
        <v>42</v>
      </c>
      <c r="U9351" s="2">
        <v>17.151</v>
      </c>
      <c r="V9351" s="2">
        <v>14.294</v>
      </c>
      <c r="W9351" s="2">
        <v>0.19500000000000001</v>
      </c>
      <c r="X9351" s="2">
        <v>12</v>
      </c>
      <c r="Y9351" s="2">
        <v>77</v>
      </c>
      <c r="Z9351" s="2">
        <v>210.9</v>
      </c>
      <c r="AA9351" s="5">
        <v>8</v>
      </c>
      <c r="AB9351" s="5" t="s">
        <v>43</v>
      </c>
      <c r="AC9351" s="5" t="s">
        <v>44</v>
      </c>
      <c r="AD9351" s="2" t="s">
        <v>28253</v>
      </c>
      <c r="AE9351" s="1"/>
    </row>
    <row r="9352" spans="1:31" ht="14.45">
      <c r="A9352" s="11"/>
      <c r="B9352" s="20"/>
      <c r="C9352" s="2" t="s">
        <v>28719</v>
      </c>
      <c r="D9352" s="14" t="s">
        <v>28720</v>
      </c>
      <c r="E9352" s="2" t="s">
        <v>28721</v>
      </c>
      <c r="F9352" s="2"/>
      <c r="G9352" s="8">
        <v>787</v>
      </c>
      <c r="H9352" s="5">
        <v>5</v>
      </c>
      <c r="I9352" s="5" t="s">
        <v>69</v>
      </c>
      <c r="J9352" s="5" t="s">
        <v>27074</v>
      </c>
      <c r="K9352" s="2" t="s">
        <v>27075</v>
      </c>
      <c r="L9352" s="5" t="s">
        <v>27074</v>
      </c>
      <c r="M9352" s="2" t="s">
        <v>27075</v>
      </c>
      <c r="N9352" s="5" t="s">
        <v>24254</v>
      </c>
      <c r="O9352" s="5" t="s">
        <v>38</v>
      </c>
      <c r="P9352" s="5" t="s">
        <v>39</v>
      </c>
      <c r="Q9352" s="5" t="s">
        <v>40</v>
      </c>
      <c r="R9352" s="5" t="s">
        <v>1487</v>
      </c>
      <c r="S9352" s="5"/>
      <c r="T9352" s="5" t="s">
        <v>42</v>
      </c>
      <c r="U9352" s="2">
        <v>0</v>
      </c>
      <c r="V9352" s="2">
        <v>0</v>
      </c>
      <c r="W9352" s="2">
        <v>0</v>
      </c>
      <c r="X9352" s="2">
        <v>0</v>
      </c>
      <c r="Y9352" s="2">
        <v>0</v>
      </c>
      <c r="Z9352" s="2">
        <v>0</v>
      </c>
      <c r="AA9352" s="5"/>
      <c r="AB9352" s="5" t="s">
        <v>43</v>
      </c>
      <c r="AC9352" s="5" t="s">
        <v>44</v>
      </c>
      <c r="AD9352" s="2" t="s">
        <v>28257</v>
      </c>
      <c r="AE9352" s="1"/>
    </row>
    <row r="9353" spans="1:31" ht="14.45">
      <c r="A9353" s="11"/>
      <c r="B9353" s="20"/>
      <c r="C9353" s="2" t="s">
        <v>28722</v>
      </c>
      <c r="D9353" s="14" t="s">
        <v>28723</v>
      </c>
      <c r="E9353" s="2" t="s">
        <v>28724</v>
      </c>
      <c r="F9353" s="2"/>
      <c r="G9353" s="8">
        <v>787</v>
      </c>
      <c r="H9353" s="5">
        <v>15</v>
      </c>
      <c r="I9353" s="5" t="s">
        <v>69</v>
      </c>
      <c r="J9353" s="5" t="s">
        <v>27074</v>
      </c>
      <c r="K9353" s="2" t="s">
        <v>27075</v>
      </c>
      <c r="L9353" s="5" t="s">
        <v>27074</v>
      </c>
      <c r="M9353" s="2" t="s">
        <v>27075</v>
      </c>
      <c r="N9353" s="5" t="s">
        <v>24254</v>
      </c>
      <c r="O9353" s="5" t="s">
        <v>38</v>
      </c>
      <c r="P9353" s="5" t="s">
        <v>39</v>
      </c>
      <c r="Q9353" s="5" t="s">
        <v>40</v>
      </c>
      <c r="R9353" s="5" t="s">
        <v>1487</v>
      </c>
      <c r="S9353" s="5"/>
      <c r="T9353" s="5" t="s">
        <v>42</v>
      </c>
      <c r="U9353" s="2">
        <v>0</v>
      </c>
      <c r="V9353" s="2">
        <v>0</v>
      </c>
      <c r="W9353" s="2">
        <v>0</v>
      </c>
      <c r="X9353" s="2">
        <v>0</v>
      </c>
      <c r="Y9353" s="2">
        <v>0</v>
      </c>
      <c r="Z9353" s="2">
        <v>0</v>
      </c>
      <c r="AA9353" s="5"/>
      <c r="AB9353" s="5" t="s">
        <v>43</v>
      </c>
      <c r="AC9353" s="5" t="s">
        <v>44</v>
      </c>
      <c r="AD9353" s="2" t="s">
        <v>28261</v>
      </c>
      <c r="AE9353" s="1"/>
    </row>
    <row r="9354" spans="1:31" ht="14.45">
      <c r="A9354" s="11"/>
      <c r="B9354" s="20"/>
      <c r="C9354" s="2" t="s">
        <v>28725</v>
      </c>
      <c r="D9354" s="14" t="s">
        <v>28726</v>
      </c>
      <c r="E9354" s="2" t="s">
        <v>28727</v>
      </c>
      <c r="F9354" s="2"/>
      <c r="G9354" s="8">
        <v>221</v>
      </c>
      <c r="H9354" s="5">
        <v>5</v>
      </c>
      <c r="I9354" s="5" t="s">
        <v>69</v>
      </c>
      <c r="J9354" s="5" t="s">
        <v>27074</v>
      </c>
      <c r="K9354" s="2" t="s">
        <v>27075</v>
      </c>
      <c r="L9354" s="5" t="s">
        <v>27074</v>
      </c>
      <c r="M9354" s="2" t="s">
        <v>27075</v>
      </c>
      <c r="N9354" s="5" t="s">
        <v>24254</v>
      </c>
      <c r="O9354" s="5" t="s">
        <v>38</v>
      </c>
      <c r="P9354" s="5" t="s">
        <v>39</v>
      </c>
      <c r="Q9354" s="5" t="s">
        <v>40</v>
      </c>
      <c r="R9354" s="5" t="s">
        <v>24335</v>
      </c>
      <c r="S9354" s="5" t="s">
        <v>40</v>
      </c>
      <c r="T9354" s="5" t="s">
        <v>42</v>
      </c>
      <c r="U9354" s="2">
        <v>10.266</v>
      </c>
      <c r="V9354" s="2">
        <v>8.2110000000000003</v>
      </c>
      <c r="W9354" s="2">
        <v>0.127</v>
      </c>
      <c r="X9354" s="2">
        <v>12</v>
      </c>
      <c r="Y9354" s="2">
        <v>50</v>
      </c>
      <c r="Z9354" s="2">
        <v>210.9</v>
      </c>
      <c r="AA9354" s="5">
        <v>8</v>
      </c>
      <c r="AB9354" s="5" t="s">
        <v>43</v>
      </c>
      <c r="AC9354" s="5" t="s">
        <v>44</v>
      </c>
      <c r="AD9354" s="2" t="s">
        <v>28235</v>
      </c>
      <c r="AE9354" s="1"/>
    </row>
    <row r="9355" spans="1:31" ht="14.45">
      <c r="A9355" s="11"/>
      <c r="B9355" s="20"/>
      <c r="C9355" s="2" t="s">
        <v>28728</v>
      </c>
      <c r="D9355" s="14" t="s">
        <v>28729</v>
      </c>
      <c r="E9355" s="2" t="s">
        <v>28730</v>
      </c>
      <c r="F9355" s="2"/>
      <c r="G9355" s="8">
        <v>221</v>
      </c>
      <c r="H9355" s="5">
        <v>5</v>
      </c>
      <c r="I9355" s="5" t="s">
        <v>69</v>
      </c>
      <c r="J9355" s="5" t="s">
        <v>27074</v>
      </c>
      <c r="K9355" s="2" t="s">
        <v>27075</v>
      </c>
      <c r="L9355" s="5" t="s">
        <v>27074</v>
      </c>
      <c r="M9355" s="2" t="s">
        <v>27075</v>
      </c>
      <c r="N9355" s="5" t="s">
        <v>24254</v>
      </c>
      <c r="O9355" s="5" t="s">
        <v>38</v>
      </c>
      <c r="P9355" s="5" t="s">
        <v>39</v>
      </c>
      <c r="Q9355" s="5" t="s">
        <v>40</v>
      </c>
      <c r="R9355" s="5" t="s">
        <v>24335</v>
      </c>
      <c r="S9355" s="5" t="s">
        <v>40</v>
      </c>
      <c r="T9355" s="5" t="s">
        <v>42</v>
      </c>
      <c r="U9355" s="2">
        <v>8.3040000000000003</v>
      </c>
      <c r="V9355" s="2">
        <v>6.452</v>
      </c>
      <c r="W9355" s="2">
        <v>0.127</v>
      </c>
      <c r="X9355" s="2">
        <v>12</v>
      </c>
      <c r="Y9355" s="2">
        <v>50</v>
      </c>
      <c r="Z9355" s="2">
        <v>210.9</v>
      </c>
      <c r="AA9355" s="5">
        <v>8</v>
      </c>
      <c r="AB9355" s="5" t="s">
        <v>43</v>
      </c>
      <c r="AC9355" s="5" t="s">
        <v>44</v>
      </c>
      <c r="AD9355" s="2" t="s">
        <v>28235</v>
      </c>
      <c r="AE9355" s="1"/>
    </row>
    <row r="9356" spans="1:31" ht="14.45">
      <c r="A9356" s="11"/>
      <c r="B9356" s="20"/>
      <c r="C9356" s="2" t="s">
        <v>28731</v>
      </c>
      <c r="D9356" s="14" t="s">
        <v>28732</v>
      </c>
      <c r="E9356" s="2" t="s">
        <v>28733</v>
      </c>
      <c r="F9356" s="2"/>
      <c r="G9356" s="8">
        <v>221</v>
      </c>
      <c r="H9356" s="5">
        <v>5</v>
      </c>
      <c r="I9356" s="5" t="s">
        <v>69</v>
      </c>
      <c r="J9356" s="5" t="s">
        <v>27074</v>
      </c>
      <c r="K9356" s="2" t="s">
        <v>27075</v>
      </c>
      <c r="L9356" s="5" t="s">
        <v>27074</v>
      </c>
      <c r="M9356" s="2" t="s">
        <v>27075</v>
      </c>
      <c r="N9356" s="5" t="s">
        <v>24254</v>
      </c>
      <c r="O9356" s="5" t="s">
        <v>38</v>
      </c>
      <c r="P9356" s="5" t="s">
        <v>39</v>
      </c>
      <c r="Q9356" s="5" t="s">
        <v>40</v>
      </c>
      <c r="R9356" s="5" t="s">
        <v>24335</v>
      </c>
      <c r="S9356" s="5" t="s">
        <v>40</v>
      </c>
      <c r="T9356" s="5" t="s">
        <v>42</v>
      </c>
      <c r="U9356" s="2">
        <v>7.6070000000000002</v>
      </c>
      <c r="V9356" s="2">
        <v>5.657</v>
      </c>
      <c r="W9356" s="2">
        <v>0.104</v>
      </c>
      <c r="X9356" s="2">
        <v>12</v>
      </c>
      <c r="Y9356" s="2">
        <v>50</v>
      </c>
      <c r="Z9356" s="2">
        <v>173.9</v>
      </c>
      <c r="AA9356" s="5">
        <v>8</v>
      </c>
      <c r="AB9356" s="5" t="s">
        <v>43</v>
      </c>
      <c r="AC9356" s="5" t="s">
        <v>44</v>
      </c>
      <c r="AD9356" s="2" t="s">
        <v>28235</v>
      </c>
      <c r="AE9356" s="1"/>
    </row>
    <row r="9357" spans="1:31" ht="14.45">
      <c r="A9357" s="11"/>
      <c r="B9357" s="20"/>
      <c r="C9357" s="2" t="s">
        <v>28734</v>
      </c>
      <c r="D9357" s="14" t="s">
        <v>28735</v>
      </c>
      <c r="E9357" s="2" t="s">
        <v>28736</v>
      </c>
      <c r="F9357" s="2"/>
      <c r="G9357" s="8">
        <v>221</v>
      </c>
      <c r="H9357" s="5">
        <v>5</v>
      </c>
      <c r="I9357" s="5" t="s">
        <v>69</v>
      </c>
      <c r="J9357" s="5" t="s">
        <v>27074</v>
      </c>
      <c r="K9357" s="2" t="s">
        <v>27075</v>
      </c>
      <c r="L9357" s="5" t="s">
        <v>27074</v>
      </c>
      <c r="M9357" s="2" t="s">
        <v>27075</v>
      </c>
      <c r="N9357" s="5" t="s">
        <v>24254</v>
      </c>
      <c r="O9357" s="5" t="s">
        <v>38</v>
      </c>
      <c r="P9357" s="5" t="s">
        <v>39</v>
      </c>
      <c r="Q9357" s="5" t="s">
        <v>40</v>
      </c>
      <c r="R9357" s="5" t="s">
        <v>24335</v>
      </c>
      <c r="S9357" s="5" t="s">
        <v>40</v>
      </c>
      <c r="T9357" s="5" t="s">
        <v>42</v>
      </c>
      <c r="U9357" s="2">
        <v>8.0500000000000007</v>
      </c>
      <c r="V9357" s="2">
        <v>5.13</v>
      </c>
      <c r="W9357" s="2">
        <v>0.14899999999999999</v>
      </c>
      <c r="X9357" s="2">
        <v>12</v>
      </c>
      <c r="Y9357" s="2">
        <v>62</v>
      </c>
      <c r="Z9357" s="2">
        <v>199.7</v>
      </c>
      <c r="AA9357" s="5">
        <v>10</v>
      </c>
      <c r="AB9357" s="5" t="s">
        <v>43</v>
      </c>
      <c r="AC9357" s="5" t="s">
        <v>44</v>
      </c>
      <c r="AD9357" s="2" t="s">
        <v>28319</v>
      </c>
      <c r="AE9357" s="1"/>
    </row>
    <row r="9358" spans="1:31" ht="14.45">
      <c r="A9358" s="11"/>
      <c r="B9358" s="20"/>
      <c r="C9358" s="2" t="s">
        <v>28737</v>
      </c>
      <c r="D9358" s="14" t="s">
        <v>28738</v>
      </c>
      <c r="E9358" s="2" t="s">
        <v>28739</v>
      </c>
      <c r="F9358" s="2"/>
      <c r="G9358" s="8">
        <v>221</v>
      </c>
      <c r="H9358" s="5">
        <v>5</v>
      </c>
      <c r="I9358" s="5" t="s">
        <v>69</v>
      </c>
      <c r="J9358" s="5" t="s">
        <v>27074</v>
      </c>
      <c r="K9358" s="2" t="s">
        <v>27075</v>
      </c>
      <c r="L9358" s="5" t="s">
        <v>27074</v>
      </c>
      <c r="M9358" s="2" t="s">
        <v>27075</v>
      </c>
      <c r="N9358" s="5" t="s">
        <v>24254</v>
      </c>
      <c r="O9358" s="5" t="s">
        <v>38</v>
      </c>
      <c r="P9358" s="5" t="s">
        <v>39</v>
      </c>
      <c r="Q9358" s="5" t="s">
        <v>40</v>
      </c>
      <c r="R9358" s="5" t="s">
        <v>24335</v>
      </c>
      <c r="S9358" s="5" t="s">
        <v>40</v>
      </c>
      <c r="T9358" s="5" t="s">
        <v>42</v>
      </c>
      <c r="U9358" s="2">
        <v>8.4429999999999996</v>
      </c>
      <c r="V9358" s="2">
        <v>5.5229999999999997</v>
      </c>
      <c r="W9358" s="2">
        <v>0.14899999999999999</v>
      </c>
      <c r="X9358" s="2">
        <v>12</v>
      </c>
      <c r="Y9358" s="2">
        <v>62</v>
      </c>
      <c r="Z9358" s="2">
        <v>199.7</v>
      </c>
      <c r="AA9358" s="5">
        <v>10</v>
      </c>
      <c r="AB9358" s="5" t="s">
        <v>43</v>
      </c>
      <c r="AC9358" s="5" t="s">
        <v>44</v>
      </c>
      <c r="AD9358" s="2" t="s">
        <v>28282</v>
      </c>
      <c r="AE9358" s="1"/>
    </row>
    <row r="9359" spans="1:31" ht="14.45">
      <c r="A9359" s="11"/>
      <c r="B9359" s="20"/>
      <c r="C9359" s="2" t="s">
        <v>28740</v>
      </c>
      <c r="D9359" s="14" t="s">
        <v>28741</v>
      </c>
      <c r="E9359" s="2" t="s">
        <v>28742</v>
      </c>
      <c r="F9359" s="2"/>
      <c r="G9359" s="8">
        <v>221</v>
      </c>
      <c r="H9359" s="5">
        <v>5</v>
      </c>
      <c r="I9359" s="5" t="s">
        <v>69</v>
      </c>
      <c r="J9359" s="5" t="s">
        <v>27074</v>
      </c>
      <c r="K9359" s="2" t="s">
        <v>27075</v>
      </c>
      <c r="L9359" s="5" t="s">
        <v>27074</v>
      </c>
      <c r="M9359" s="2" t="s">
        <v>27075</v>
      </c>
      <c r="N9359" s="5" t="s">
        <v>24254</v>
      </c>
      <c r="O9359" s="5" t="s">
        <v>38</v>
      </c>
      <c r="P9359" s="5" t="s">
        <v>39</v>
      </c>
      <c r="Q9359" s="5" t="s">
        <v>40</v>
      </c>
      <c r="R9359" s="5" t="s">
        <v>24335</v>
      </c>
      <c r="S9359" s="5" t="s">
        <v>40</v>
      </c>
      <c r="T9359" s="5" t="s">
        <v>42</v>
      </c>
      <c r="U9359" s="2">
        <v>7.1310000000000002</v>
      </c>
      <c r="V9359" s="2">
        <v>4.2110000000000003</v>
      </c>
      <c r="W9359" s="2">
        <v>0.14899999999999999</v>
      </c>
      <c r="X9359" s="2">
        <v>12</v>
      </c>
      <c r="Y9359" s="2">
        <v>62</v>
      </c>
      <c r="Z9359" s="2">
        <v>199.7</v>
      </c>
      <c r="AA9359" s="5">
        <v>10</v>
      </c>
      <c r="AB9359" s="5" t="s">
        <v>43</v>
      </c>
      <c r="AC9359" s="5" t="s">
        <v>44</v>
      </c>
      <c r="AD9359" s="2" t="s">
        <v>28245</v>
      </c>
      <c r="AE9359" s="1"/>
    </row>
    <row r="9360" spans="1:31" ht="14.45">
      <c r="A9360" s="11"/>
      <c r="B9360" s="20"/>
      <c r="C9360" s="2" t="s">
        <v>28743</v>
      </c>
      <c r="D9360" s="14" t="s">
        <v>28744</v>
      </c>
      <c r="E9360" s="2" t="s">
        <v>28745</v>
      </c>
      <c r="F9360" s="2"/>
      <c r="G9360" s="8">
        <v>221</v>
      </c>
      <c r="H9360" s="5">
        <v>5</v>
      </c>
      <c r="I9360" s="5" t="s">
        <v>69</v>
      </c>
      <c r="J9360" s="5" t="s">
        <v>27074</v>
      </c>
      <c r="K9360" s="2" t="s">
        <v>27075</v>
      </c>
      <c r="L9360" s="5" t="s">
        <v>27074</v>
      </c>
      <c r="M9360" s="2" t="s">
        <v>27075</v>
      </c>
      <c r="N9360" s="5" t="s">
        <v>24254</v>
      </c>
      <c r="O9360" s="5" t="s">
        <v>38</v>
      </c>
      <c r="P9360" s="5" t="s">
        <v>39</v>
      </c>
      <c r="Q9360" s="5" t="s">
        <v>40</v>
      </c>
      <c r="R9360" s="5" t="s">
        <v>24335</v>
      </c>
      <c r="S9360" s="5" t="s">
        <v>40</v>
      </c>
      <c r="T9360" s="5" t="s">
        <v>42</v>
      </c>
      <c r="U9360" s="2">
        <v>7.5309999999999997</v>
      </c>
      <c r="V9360" s="2">
        <v>4.6109999999999998</v>
      </c>
      <c r="W9360" s="2">
        <v>0.14899999999999999</v>
      </c>
      <c r="X9360" s="2">
        <v>12</v>
      </c>
      <c r="Y9360" s="2">
        <v>62</v>
      </c>
      <c r="Z9360" s="2">
        <v>199.7</v>
      </c>
      <c r="AA9360" s="5">
        <v>10</v>
      </c>
      <c r="AB9360" s="5" t="s">
        <v>43</v>
      </c>
      <c r="AC9360" s="5" t="s">
        <v>44</v>
      </c>
      <c r="AD9360" s="2" t="s">
        <v>28249</v>
      </c>
      <c r="AE9360" s="1"/>
    </row>
    <row r="9361" spans="1:31" ht="14.45">
      <c r="A9361" s="11"/>
      <c r="B9361" s="20"/>
      <c r="C9361" s="2" t="s">
        <v>28746</v>
      </c>
      <c r="D9361" s="14" t="s">
        <v>28747</v>
      </c>
      <c r="E9361" s="2" t="s">
        <v>28748</v>
      </c>
      <c r="F9361" s="2"/>
      <c r="G9361" s="8">
        <v>221</v>
      </c>
      <c r="H9361" s="5">
        <v>5</v>
      </c>
      <c r="I9361" s="5" t="s">
        <v>69</v>
      </c>
      <c r="J9361" s="5" t="s">
        <v>27074</v>
      </c>
      <c r="K9361" s="2" t="s">
        <v>27075</v>
      </c>
      <c r="L9361" s="5" t="s">
        <v>27074</v>
      </c>
      <c r="M9361" s="2" t="s">
        <v>27075</v>
      </c>
      <c r="N9361" s="5" t="s">
        <v>24254</v>
      </c>
      <c r="O9361" s="5" t="s">
        <v>38</v>
      </c>
      <c r="P9361" s="5" t="s">
        <v>39</v>
      </c>
      <c r="Q9361" s="5" t="s">
        <v>40</v>
      </c>
      <c r="R9361" s="5" t="s">
        <v>24335</v>
      </c>
      <c r="S9361" s="5" t="s">
        <v>40</v>
      </c>
      <c r="T9361" s="5" t="s">
        <v>42</v>
      </c>
      <c r="U9361" s="2">
        <v>7.5209999999999999</v>
      </c>
      <c r="V9361" s="2">
        <v>4.4859999999999998</v>
      </c>
      <c r="W9361" s="2">
        <v>0.14899999999999999</v>
      </c>
      <c r="X9361" s="2">
        <v>12</v>
      </c>
      <c r="Y9361" s="2">
        <v>62</v>
      </c>
      <c r="Z9361" s="2">
        <v>199.7</v>
      </c>
      <c r="AA9361" s="5">
        <v>10</v>
      </c>
      <c r="AB9361" s="5" t="s">
        <v>43</v>
      </c>
      <c r="AC9361" s="5" t="s">
        <v>44</v>
      </c>
      <c r="AD9361" s="2" t="s">
        <v>28245</v>
      </c>
      <c r="AE9361" s="1"/>
    </row>
    <row r="9362" spans="1:31" ht="14.45">
      <c r="A9362" s="11"/>
      <c r="B9362" s="20"/>
      <c r="C9362" s="2" t="s">
        <v>28749</v>
      </c>
      <c r="D9362" s="14" t="s">
        <v>28750</v>
      </c>
      <c r="E9362" s="2" t="s">
        <v>28751</v>
      </c>
      <c r="F9362" s="2"/>
      <c r="G9362" s="8">
        <v>221</v>
      </c>
      <c r="H9362" s="5">
        <v>5</v>
      </c>
      <c r="I9362" s="5" t="s">
        <v>69</v>
      </c>
      <c r="J9362" s="5" t="s">
        <v>27074</v>
      </c>
      <c r="K9362" s="2" t="s">
        <v>27075</v>
      </c>
      <c r="L9362" s="5" t="s">
        <v>27074</v>
      </c>
      <c r="M9362" s="2" t="s">
        <v>27075</v>
      </c>
      <c r="N9362" s="5" t="s">
        <v>24254</v>
      </c>
      <c r="O9362" s="5" t="s">
        <v>38</v>
      </c>
      <c r="P9362" s="5" t="s">
        <v>39</v>
      </c>
      <c r="Q9362" s="5" t="s">
        <v>40</v>
      </c>
      <c r="R9362" s="5" t="s">
        <v>24335</v>
      </c>
      <c r="S9362" s="5" t="s">
        <v>40</v>
      </c>
      <c r="T9362" s="5" t="s">
        <v>42</v>
      </c>
      <c r="U9362" s="2">
        <v>7.931</v>
      </c>
      <c r="V9362" s="2">
        <v>4.8959999999999999</v>
      </c>
      <c r="W9362" s="2">
        <v>0.14899999999999999</v>
      </c>
      <c r="X9362" s="2">
        <v>12</v>
      </c>
      <c r="Y9362" s="2">
        <v>62</v>
      </c>
      <c r="Z9362" s="2">
        <v>199.7</v>
      </c>
      <c r="AA9362" s="5">
        <v>10</v>
      </c>
      <c r="AB9362" s="5" t="s">
        <v>43</v>
      </c>
      <c r="AC9362" s="5" t="s">
        <v>44</v>
      </c>
      <c r="AD9362" s="2" t="s">
        <v>28249</v>
      </c>
      <c r="AE9362" s="1"/>
    </row>
    <row r="9363" spans="1:31" ht="14.45">
      <c r="A9363" s="11"/>
      <c r="B9363" s="20"/>
      <c r="C9363" s="2" t="s">
        <v>28752</v>
      </c>
      <c r="D9363" s="14" t="s">
        <v>28753</v>
      </c>
      <c r="E9363" s="2" t="s">
        <v>28754</v>
      </c>
      <c r="F9363" s="2"/>
      <c r="G9363" s="8">
        <v>402</v>
      </c>
      <c r="H9363" s="5">
        <v>5</v>
      </c>
      <c r="I9363" s="5" t="s">
        <v>69</v>
      </c>
      <c r="J9363" s="5" t="s">
        <v>27074</v>
      </c>
      <c r="K9363" s="2" t="s">
        <v>27075</v>
      </c>
      <c r="L9363" s="5" t="s">
        <v>27074</v>
      </c>
      <c r="M9363" s="2" t="s">
        <v>27075</v>
      </c>
      <c r="N9363" s="5" t="s">
        <v>24254</v>
      </c>
      <c r="O9363" s="5" t="s">
        <v>38</v>
      </c>
      <c r="P9363" s="5" t="s">
        <v>39</v>
      </c>
      <c r="Q9363" s="5" t="s">
        <v>40</v>
      </c>
      <c r="R9363" s="5" t="s">
        <v>24335</v>
      </c>
      <c r="S9363" s="5" t="s">
        <v>40</v>
      </c>
      <c r="T9363" s="5" t="s">
        <v>42</v>
      </c>
      <c r="U9363" s="2">
        <v>16.408999999999999</v>
      </c>
      <c r="V9363" s="2">
        <v>13.552</v>
      </c>
      <c r="W9363" s="2">
        <v>0.19500000000000001</v>
      </c>
      <c r="X9363" s="2">
        <v>12</v>
      </c>
      <c r="Y9363" s="2">
        <v>77</v>
      </c>
      <c r="Z9363" s="2">
        <v>210.9</v>
      </c>
      <c r="AA9363" s="5">
        <v>8</v>
      </c>
      <c r="AB9363" s="5" t="s">
        <v>43</v>
      </c>
      <c r="AC9363" s="5" t="s">
        <v>44</v>
      </c>
      <c r="AD9363" s="2" t="s">
        <v>28253</v>
      </c>
      <c r="AE9363" s="1"/>
    </row>
    <row r="9364" spans="1:31" ht="14.45">
      <c r="A9364" s="11"/>
      <c r="B9364" s="20"/>
      <c r="C9364" s="2" t="s">
        <v>28755</v>
      </c>
      <c r="D9364" s="14" t="s">
        <v>28756</v>
      </c>
      <c r="E9364" s="2" t="s">
        <v>28757</v>
      </c>
      <c r="F9364" s="2"/>
      <c r="G9364" s="8">
        <v>801</v>
      </c>
      <c r="H9364" s="5">
        <v>5</v>
      </c>
      <c r="I9364" s="5" t="s">
        <v>69</v>
      </c>
      <c r="J9364" s="5" t="s">
        <v>27074</v>
      </c>
      <c r="K9364" s="2" t="s">
        <v>27075</v>
      </c>
      <c r="L9364" s="5" t="s">
        <v>27074</v>
      </c>
      <c r="M9364" s="2" t="s">
        <v>27075</v>
      </c>
      <c r="N9364" s="5" t="s">
        <v>24254</v>
      </c>
      <c r="O9364" s="5" t="s">
        <v>38</v>
      </c>
      <c r="P9364" s="5" t="s">
        <v>39</v>
      </c>
      <c r="Q9364" s="5" t="s">
        <v>40</v>
      </c>
      <c r="R9364" s="5" t="s">
        <v>1487</v>
      </c>
      <c r="S9364" s="5"/>
      <c r="T9364" s="5" t="s">
        <v>42</v>
      </c>
      <c r="U9364" s="2">
        <v>0</v>
      </c>
      <c r="V9364" s="2">
        <v>0</v>
      </c>
      <c r="W9364" s="2">
        <v>0</v>
      </c>
      <c r="X9364" s="2">
        <v>0</v>
      </c>
      <c r="Y9364" s="2">
        <v>0</v>
      </c>
      <c r="Z9364" s="2">
        <v>0</v>
      </c>
      <c r="AA9364" s="5"/>
      <c r="AB9364" s="5" t="s">
        <v>43</v>
      </c>
      <c r="AC9364" s="5" t="s">
        <v>44</v>
      </c>
      <c r="AD9364" s="2" t="s">
        <v>28257</v>
      </c>
      <c r="AE9364" s="1"/>
    </row>
    <row r="9365" spans="1:31" ht="14.45">
      <c r="A9365" s="11"/>
      <c r="B9365" s="20"/>
      <c r="C9365" s="2" t="s">
        <v>28758</v>
      </c>
      <c r="D9365" s="14" t="s">
        <v>28759</v>
      </c>
      <c r="E9365" s="2" t="s">
        <v>28760</v>
      </c>
      <c r="F9365" s="2"/>
      <c r="G9365" s="8">
        <v>801</v>
      </c>
      <c r="H9365" s="5">
        <v>15</v>
      </c>
      <c r="I9365" s="5" t="s">
        <v>69</v>
      </c>
      <c r="J9365" s="5" t="s">
        <v>27074</v>
      </c>
      <c r="K9365" s="2" t="s">
        <v>27075</v>
      </c>
      <c r="L9365" s="5" t="s">
        <v>27074</v>
      </c>
      <c r="M9365" s="2" t="s">
        <v>27075</v>
      </c>
      <c r="N9365" s="5" t="s">
        <v>24254</v>
      </c>
      <c r="O9365" s="5" t="s">
        <v>38</v>
      </c>
      <c r="P9365" s="5" t="s">
        <v>39</v>
      </c>
      <c r="Q9365" s="5" t="s">
        <v>40</v>
      </c>
      <c r="R9365" s="5" t="s">
        <v>1487</v>
      </c>
      <c r="S9365" s="5"/>
      <c r="T9365" s="5" t="s">
        <v>42</v>
      </c>
      <c r="U9365" s="2">
        <v>0</v>
      </c>
      <c r="V9365" s="2">
        <v>0</v>
      </c>
      <c r="W9365" s="2">
        <v>0</v>
      </c>
      <c r="X9365" s="2">
        <v>0</v>
      </c>
      <c r="Y9365" s="2">
        <v>0</v>
      </c>
      <c r="Z9365" s="2">
        <v>0</v>
      </c>
      <c r="AA9365" s="5"/>
      <c r="AB9365" s="5" t="s">
        <v>43</v>
      </c>
      <c r="AC9365" s="5" t="s">
        <v>44</v>
      </c>
      <c r="AD9365" s="2" t="s">
        <v>28261</v>
      </c>
      <c r="AE9365" s="1"/>
    </row>
    <row r="9366" spans="1:31" ht="14.45">
      <c r="A9366" s="11"/>
      <c r="B9366" s="20"/>
      <c r="C9366" s="2" t="s">
        <v>28761</v>
      </c>
      <c r="D9366" s="14" t="s">
        <v>28762</v>
      </c>
      <c r="E9366" s="2" t="s">
        <v>28763</v>
      </c>
      <c r="F9366" s="2"/>
      <c r="G9366" s="8">
        <v>227</v>
      </c>
      <c r="H9366" s="5">
        <v>5</v>
      </c>
      <c r="I9366" s="5" t="s">
        <v>69</v>
      </c>
      <c r="J9366" s="5" t="s">
        <v>27074</v>
      </c>
      <c r="K9366" s="2" t="s">
        <v>27075</v>
      </c>
      <c r="L9366" s="5" t="s">
        <v>27074</v>
      </c>
      <c r="M9366" s="2" t="s">
        <v>27075</v>
      </c>
      <c r="N9366" s="5" t="s">
        <v>24254</v>
      </c>
      <c r="O9366" s="5" t="s">
        <v>38</v>
      </c>
      <c r="P9366" s="5" t="s">
        <v>39</v>
      </c>
      <c r="Q9366" s="5" t="s">
        <v>40</v>
      </c>
      <c r="R9366" s="5" t="s">
        <v>24335</v>
      </c>
      <c r="S9366" s="5" t="s">
        <v>40</v>
      </c>
      <c r="T9366" s="5" t="s">
        <v>42</v>
      </c>
      <c r="U9366" s="2">
        <v>10.8</v>
      </c>
      <c r="V9366" s="2">
        <v>8.7449999999999992</v>
      </c>
      <c r="W9366" s="2">
        <v>0.127</v>
      </c>
      <c r="X9366" s="2">
        <v>12</v>
      </c>
      <c r="Y9366" s="2">
        <v>50</v>
      </c>
      <c r="Z9366" s="2">
        <v>210.9</v>
      </c>
      <c r="AA9366" s="5">
        <v>8</v>
      </c>
      <c r="AB9366" s="5" t="s">
        <v>43</v>
      </c>
      <c r="AC9366" s="5" t="s">
        <v>44</v>
      </c>
      <c r="AD9366" s="2" t="s">
        <v>28235</v>
      </c>
      <c r="AE9366" s="1"/>
    </row>
    <row r="9367" spans="1:31" ht="14.45">
      <c r="A9367" s="11"/>
      <c r="B9367" s="20"/>
      <c r="C9367" s="2" t="s">
        <v>28764</v>
      </c>
      <c r="D9367" s="14" t="s">
        <v>28765</v>
      </c>
      <c r="E9367" s="2" t="s">
        <v>28766</v>
      </c>
      <c r="F9367" s="2"/>
      <c r="G9367" s="8">
        <v>227</v>
      </c>
      <c r="H9367" s="5">
        <v>5</v>
      </c>
      <c r="I9367" s="5" t="s">
        <v>69</v>
      </c>
      <c r="J9367" s="5" t="s">
        <v>27074</v>
      </c>
      <c r="K9367" s="2" t="s">
        <v>27075</v>
      </c>
      <c r="L9367" s="5" t="s">
        <v>27074</v>
      </c>
      <c r="M9367" s="2" t="s">
        <v>27075</v>
      </c>
      <c r="N9367" s="5" t="s">
        <v>24254</v>
      </c>
      <c r="O9367" s="5" t="s">
        <v>38</v>
      </c>
      <c r="P9367" s="5" t="s">
        <v>39</v>
      </c>
      <c r="Q9367" s="5" t="s">
        <v>40</v>
      </c>
      <c r="R9367" s="5" t="s">
        <v>24335</v>
      </c>
      <c r="S9367" s="5" t="s">
        <v>40</v>
      </c>
      <c r="T9367" s="5" t="s">
        <v>42</v>
      </c>
      <c r="U9367" s="2">
        <v>8.6950000000000003</v>
      </c>
      <c r="V9367" s="2">
        <v>6.843</v>
      </c>
      <c r="W9367" s="2">
        <v>0.127</v>
      </c>
      <c r="X9367" s="2">
        <v>12</v>
      </c>
      <c r="Y9367" s="2">
        <v>50</v>
      </c>
      <c r="Z9367" s="2">
        <v>210.9</v>
      </c>
      <c r="AA9367" s="5">
        <v>8</v>
      </c>
      <c r="AB9367" s="5" t="s">
        <v>43</v>
      </c>
      <c r="AC9367" s="5" t="s">
        <v>44</v>
      </c>
      <c r="AD9367" s="2" t="s">
        <v>28235</v>
      </c>
      <c r="AE9367" s="1"/>
    </row>
    <row r="9368" spans="1:31" ht="14.45">
      <c r="A9368" s="11"/>
      <c r="B9368" s="20"/>
      <c r="C9368" s="2" t="s">
        <v>28767</v>
      </c>
      <c r="D9368" s="14" t="s">
        <v>28768</v>
      </c>
      <c r="E9368" s="2" t="s">
        <v>28769</v>
      </c>
      <c r="F9368" s="2"/>
      <c r="G9368" s="8">
        <v>227</v>
      </c>
      <c r="H9368" s="5">
        <v>5</v>
      </c>
      <c r="I9368" s="5" t="s">
        <v>69</v>
      </c>
      <c r="J9368" s="5" t="s">
        <v>27074</v>
      </c>
      <c r="K9368" s="2" t="s">
        <v>27075</v>
      </c>
      <c r="L9368" s="5" t="s">
        <v>27074</v>
      </c>
      <c r="M9368" s="2" t="s">
        <v>27075</v>
      </c>
      <c r="N9368" s="5" t="s">
        <v>24254</v>
      </c>
      <c r="O9368" s="5" t="s">
        <v>38</v>
      </c>
      <c r="P9368" s="5" t="s">
        <v>39</v>
      </c>
      <c r="Q9368" s="5" t="s">
        <v>40</v>
      </c>
      <c r="R9368" s="5" t="s">
        <v>24335</v>
      </c>
      <c r="S9368" s="5" t="s">
        <v>40</v>
      </c>
      <c r="T9368" s="5" t="s">
        <v>42</v>
      </c>
      <c r="U9368" s="2">
        <v>8.0069999999999997</v>
      </c>
      <c r="V9368" s="2">
        <v>6.0570000000000004</v>
      </c>
      <c r="W9368" s="2">
        <v>0.104</v>
      </c>
      <c r="X9368" s="2">
        <v>12</v>
      </c>
      <c r="Y9368" s="2">
        <v>50</v>
      </c>
      <c r="Z9368" s="2">
        <v>173.9</v>
      </c>
      <c r="AA9368" s="5">
        <v>8</v>
      </c>
      <c r="AB9368" s="5" t="s">
        <v>43</v>
      </c>
      <c r="AC9368" s="5" t="s">
        <v>44</v>
      </c>
      <c r="AD9368" s="2" t="s">
        <v>28235</v>
      </c>
      <c r="AE9368" s="1"/>
    </row>
    <row r="9369" spans="1:31" ht="14.45">
      <c r="A9369" s="11"/>
      <c r="B9369" s="20"/>
      <c r="C9369" s="2" t="s">
        <v>28770</v>
      </c>
      <c r="D9369" s="14" t="s">
        <v>28771</v>
      </c>
      <c r="E9369" s="2" t="s">
        <v>28772</v>
      </c>
      <c r="F9369" s="2"/>
      <c r="G9369" s="8">
        <v>227</v>
      </c>
      <c r="H9369" s="5">
        <v>5</v>
      </c>
      <c r="I9369" s="5" t="s">
        <v>69</v>
      </c>
      <c r="J9369" s="5" t="s">
        <v>27074</v>
      </c>
      <c r="K9369" s="2" t="s">
        <v>27075</v>
      </c>
      <c r="L9369" s="5" t="s">
        <v>27074</v>
      </c>
      <c r="M9369" s="2" t="s">
        <v>27075</v>
      </c>
      <c r="N9369" s="5" t="s">
        <v>24254</v>
      </c>
      <c r="O9369" s="5" t="s">
        <v>38</v>
      </c>
      <c r="P9369" s="5" t="s">
        <v>39</v>
      </c>
      <c r="Q9369" s="5" t="s">
        <v>40</v>
      </c>
      <c r="R9369" s="5" t="s">
        <v>24335</v>
      </c>
      <c r="S9369" s="5" t="s">
        <v>40</v>
      </c>
      <c r="T9369" s="5" t="s">
        <v>42</v>
      </c>
      <c r="U9369" s="2">
        <v>8.59</v>
      </c>
      <c r="V9369" s="2">
        <v>5.67</v>
      </c>
      <c r="W9369" s="2">
        <v>0.14899999999999999</v>
      </c>
      <c r="X9369" s="2">
        <v>12</v>
      </c>
      <c r="Y9369" s="2">
        <v>62</v>
      </c>
      <c r="Z9369" s="2">
        <v>199.7</v>
      </c>
      <c r="AA9369" s="5">
        <v>10</v>
      </c>
      <c r="AB9369" s="5" t="s">
        <v>43</v>
      </c>
      <c r="AC9369" s="5" t="s">
        <v>44</v>
      </c>
      <c r="AD9369" s="2" t="s">
        <v>28319</v>
      </c>
      <c r="AE9369" s="1"/>
    </row>
    <row r="9370" spans="1:31" ht="14.45">
      <c r="A9370" s="11"/>
      <c r="B9370" s="20"/>
      <c r="C9370" s="2" t="s">
        <v>28773</v>
      </c>
      <c r="D9370" s="14" t="s">
        <v>28774</v>
      </c>
      <c r="E9370" s="2" t="s">
        <v>28775</v>
      </c>
      <c r="F9370" s="2"/>
      <c r="G9370" s="8">
        <v>227</v>
      </c>
      <c r="H9370" s="5">
        <v>5</v>
      </c>
      <c r="I9370" s="5" t="s">
        <v>69</v>
      </c>
      <c r="J9370" s="5" t="s">
        <v>27074</v>
      </c>
      <c r="K9370" s="2" t="s">
        <v>27075</v>
      </c>
      <c r="L9370" s="5" t="s">
        <v>27074</v>
      </c>
      <c r="M9370" s="2" t="s">
        <v>27075</v>
      </c>
      <c r="N9370" s="5" t="s">
        <v>24254</v>
      </c>
      <c r="O9370" s="5" t="s">
        <v>38</v>
      </c>
      <c r="P9370" s="5" t="s">
        <v>39</v>
      </c>
      <c r="Q9370" s="5" t="s">
        <v>40</v>
      </c>
      <c r="R9370" s="5" t="s">
        <v>24335</v>
      </c>
      <c r="S9370" s="5" t="s">
        <v>40</v>
      </c>
      <c r="T9370" s="5" t="s">
        <v>42</v>
      </c>
      <c r="U9370" s="2">
        <v>7.5330000000000004</v>
      </c>
      <c r="V9370" s="2">
        <v>4.6130000000000004</v>
      </c>
      <c r="W9370" s="2">
        <v>0.14899999999999999</v>
      </c>
      <c r="X9370" s="2">
        <v>12</v>
      </c>
      <c r="Y9370" s="2">
        <v>62</v>
      </c>
      <c r="Z9370" s="2">
        <v>199.7</v>
      </c>
      <c r="AA9370" s="5">
        <v>10</v>
      </c>
      <c r="AB9370" s="5" t="s">
        <v>43</v>
      </c>
      <c r="AC9370" s="5" t="s">
        <v>44</v>
      </c>
      <c r="AD9370" s="2" t="s">
        <v>28245</v>
      </c>
      <c r="AE9370" s="1"/>
    </row>
    <row r="9371" spans="1:31" ht="14.45">
      <c r="A9371" s="11"/>
      <c r="B9371" s="20"/>
      <c r="C9371" s="2" t="s">
        <v>28776</v>
      </c>
      <c r="D9371" s="14" t="s">
        <v>28777</v>
      </c>
      <c r="E9371" s="2" t="s">
        <v>28778</v>
      </c>
      <c r="F9371" s="2"/>
      <c r="G9371" s="8">
        <v>227</v>
      </c>
      <c r="H9371" s="5">
        <v>5</v>
      </c>
      <c r="I9371" s="5" t="s">
        <v>69</v>
      </c>
      <c r="J9371" s="5" t="s">
        <v>27074</v>
      </c>
      <c r="K9371" s="2" t="s">
        <v>27075</v>
      </c>
      <c r="L9371" s="5" t="s">
        <v>27074</v>
      </c>
      <c r="M9371" s="2" t="s">
        <v>27075</v>
      </c>
      <c r="N9371" s="5" t="s">
        <v>24254</v>
      </c>
      <c r="O9371" s="5" t="s">
        <v>38</v>
      </c>
      <c r="P9371" s="5" t="s">
        <v>39</v>
      </c>
      <c r="Q9371" s="5" t="s">
        <v>40</v>
      </c>
      <c r="R9371" s="5" t="s">
        <v>24335</v>
      </c>
      <c r="S9371" s="5" t="s">
        <v>40</v>
      </c>
      <c r="T9371" s="5" t="s">
        <v>42</v>
      </c>
      <c r="U9371" s="2">
        <v>7.9329999999999998</v>
      </c>
      <c r="V9371" s="2">
        <v>5.0129999999999999</v>
      </c>
      <c r="W9371" s="2">
        <v>0.14899999999999999</v>
      </c>
      <c r="X9371" s="2">
        <v>12</v>
      </c>
      <c r="Y9371" s="2">
        <v>62</v>
      </c>
      <c r="Z9371" s="2">
        <v>199.7</v>
      </c>
      <c r="AA9371" s="5">
        <v>10</v>
      </c>
      <c r="AB9371" s="5" t="s">
        <v>43</v>
      </c>
      <c r="AC9371" s="5" t="s">
        <v>44</v>
      </c>
      <c r="AD9371" s="2" t="s">
        <v>28249</v>
      </c>
      <c r="AE9371" s="1"/>
    </row>
    <row r="9372" spans="1:31" ht="14.45">
      <c r="A9372" s="11"/>
      <c r="B9372" s="20"/>
      <c r="C9372" s="2" t="s">
        <v>28779</v>
      </c>
      <c r="D9372" s="14" t="s">
        <v>28780</v>
      </c>
      <c r="E9372" s="2" t="s">
        <v>28781</v>
      </c>
      <c r="F9372" s="2"/>
      <c r="G9372" s="8">
        <v>227</v>
      </c>
      <c r="H9372" s="5">
        <v>5</v>
      </c>
      <c r="I9372" s="5" t="s">
        <v>69</v>
      </c>
      <c r="J9372" s="5" t="s">
        <v>27074</v>
      </c>
      <c r="K9372" s="2" t="s">
        <v>27075</v>
      </c>
      <c r="L9372" s="5" t="s">
        <v>27074</v>
      </c>
      <c r="M9372" s="2" t="s">
        <v>27075</v>
      </c>
      <c r="N9372" s="5" t="s">
        <v>24254</v>
      </c>
      <c r="O9372" s="5" t="s">
        <v>38</v>
      </c>
      <c r="P9372" s="5" t="s">
        <v>39</v>
      </c>
      <c r="Q9372" s="5" t="s">
        <v>40</v>
      </c>
      <c r="R9372" s="5" t="s">
        <v>24335</v>
      </c>
      <c r="S9372" s="5" t="s">
        <v>40</v>
      </c>
      <c r="T9372" s="5" t="s">
        <v>42</v>
      </c>
      <c r="U9372" s="2">
        <v>8.0340000000000007</v>
      </c>
      <c r="V9372" s="2">
        <v>4.9989999999999997</v>
      </c>
      <c r="W9372" s="2">
        <v>0.14899999999999999</v>
      </c>
      <c r="X9372" s="2">
        <v>12</v>
      </c>
      <c r="Y9372" s="2">
        <v>62</v>
      </c>
      <c r="Z9372" s="2">
        <v>199.7</v>
      </c>
      <c r="AA9372" s="5">
        <v>10</v>
      </c>
      <c r="AB9372" s="5" t="s">
        <v>43</v>
      </c>
      <c r="AC9372" s="5" t="s">
        <v>44</v>
      </c>
      <c r="AD9372" s="2" t="s">
        <v>28245</v>
      </c>
      <c r="AE9372" s="1"/>
    </row>
    <row r="9373" spans="1:31" ht="14.45">
      <c r="A9373" s="11"/>
      <c r="B9373" s="20"/>
      <c r="C9373" s="2" t="s">
        <v>28782</v>
      </c>
      <c r="D9373" s="14" t="s">
        <v>28783</v>
      </c>
      <c r="E9373" s="2" t="s">
        <v>28784</v>
      </c>
      <c r="F9373" s="2"/>
      <c r="G9373" s="8">
        <v>227</v>
      </c>
      <c r="H9373" s="5">
        <v>5</v>
      </c>
      <c r="I9373" s="5" t="s">
        <v>69</v>
      </c>
      <c r="J9373" s="5" t="s">
        <v>27074</v>
      </c>
      <c r="K9373" s="2" t="s">
        <v>27075</v>
      </c>
      <c r="L9373" s="5" t="s">
        <v>27074</v>
      </c>
      <c r="M9373" s="2" t="s">
        <v>27075</v>
      </c>
      <c r="N9373" s="5" t="s">
        <v>24254</v>
      </c>
      <c r="O9373" s="5" t="s">
        <v>38</v>
      </c>
      <c r="P9373" s="5" t="s">
        <v>39</v>
      </c>
      <c r="Q9373" s="5" t="s">
        <v>40</v>
      </c>
      <c r="R9373" s="5" t="s">
        <v>24335</v>
      </c>
      <c r="S9373" s="5" t="s">
        <v>40</v>
      </c>
      <c r="T9373" s="5" t="s">
        <v>42</v>
      </c>
      <c r="U9373" s="2">
        <v>8.4440000000000008</v>
      </c>
      <c r="V9373" s="2">
        <v>5.4089999999999998</v>
      </c>
      <c r="W9373" s="2">
        <v>0.14899999999999999</v>
      </c>
      <c r="X9373" s="2">
        <v>12</v>
      </c>
      <c r="Y9373" s="2">
        <v>62</v>
      </c>
      <c r="Z9373" s="2">
        <v>199.7</v>
      </c>
      <c r="AA9373" s="5">
        <v>10</v>
      </c>
      <c r="AB9373" s="5" t="s">
        <v>43</v>
      </c>
      <c r="AC9373" s="5" t="s">
        <v>44</v>
      </c>
      <c r="AD9373" s="2" t="s">
        <v>28249</v>
      </c>
      <c r="AE9373" s="1"/>
    </row>
    <row r="9374" spans="1:31" ht="14.45">
      <c r="A9374" s="11"/>
      <c r="B9374" s="20"/>
      <c r="C9374" s="2" t="s">
        <v>28785</v>
      </c>
      <c r="D9374" s="14" t="s">
        <v>28786</v>
      </c>
      <c r="E9374" s="2" t="s">
        <v>28787</v>
      </c>
      <c r="F9374" s="2"/>
      <c r="G9374" s="8">
        <v>412</v>
      </c>
      <c r="H9374" s="5">
        <v>5</v>
      </c>
      <c r="I9374" s="5" t="s">
        <v>69</v>
      </c>
      <c r="J9374" s="5" t="s">
        <v>27074</v>
      </c>
      <c r="K9374" s="2" t="s">
        <v>27075</v>
      </c>
      <c r="L9374" s="5" t="s">
        <v>27074</v>
      </c>
      <c r="M9374" s="2" t="s">
        <v>27075</v>
      </c>
      <c r="N9374" s="5" t="s">
        <v>24254</v>
      </c>
      <c r="O9374" s="5" t="s">
        <v>38</v>
      </c>
      <c r="P9374" s="5" t="s">
        <v>39</v>
      </c>
      <c r="Q9374" s="5" t="s">
        <v>40</v>
      </c>
      <c r="R9374" s="5" t="s">
        <v>24335</v>
      </c>
      <c r="S9374" s="5" t="s">
        <v>40</v>
      </c>
      <c r="T9374" s="5" t="s">
        <v>42</v>
      </c>
      <c r="U9374" s="2">
        <v>17.343</v>
      </c>
      <c r="V9374" s="2">
        <v>14.486000000000001</v>
      </c>
      <c r="W9374" s="2">
        <v>0.19500000000000001</v>
      </c>
      <c r="X9374" s="2">
        <v>12</v>
      </c>
      <c r="Y9374" s="2">
        <v>77</v>
      </c>
      <c r="Z9374" s="2">
        <v>210.9</v>
      </c>
      <c r="AA9374" s="5">
        <v>8</v>
      </c>
      <c r="AB9374" s="5" t="s">
        <v>43</v>
      </c>
      <c r="AC9374" s="5" t="s">
        <v>44</v>
      </c>
      <c r="AD9374" s="2" t="s">
        <v>28253</v>
      </c>
      <c r="AE9374" s="1"/>
    </row>
    <row r="9375" spans="1:31" ht="14.45">
      <c r="A9375" s="11"/>
      <c r="B9375" s="20"/>
      <c r="C9375" s="2" t="s">
        <v>28788</v>
      </c>
      <c r="D9375" s="14" t="s">
        <v>28789</v>
      </c>
      <c r="E9375" s="2" t="s">
        <v>28790</v>
      </c>
      <c r="F9375" s="2"/>
      <c r="G9375" s="8">
        <v>813</v>
      </c>
      <c r="H9375" s="5">
        <v>5</v>
      </c>
      <c r="I9375" s="5" t="s">
        <v>69</v>
      </c>
      <c r="J9375" s="5" t="s">
        <v>27074</v>
      </c>
      <c r="K9375" s="2" t="s">
        <v>27075</v>
      </c>
      <c r="L9375" s="5" t="s">
        <v>27074</v>
      </c>
      <c r="M9375" s="2" t="s">
        <v>27075</v>
      </c>
      <c r="N9375" s="5" t="s">
        <v>24254</v>
      </c>
      <c r="O9375" s="5" t="s">
        <v>38</v>
      </c>
      <c r="P9375" s="5" t="s">
        <v>39</v>
      </c>
      <c r="Q9375" s="5" t="s">
        <v>40</v>
      </c>
      <c r="R9375" s="5" t="s">
        <v>1487</v>
      </c>
      <c r="S9375" s="5"/>
      <c r="T9375" s="5" t="s">
        <v>42</v>
      </c>
      <c r="U9375" s="2">
        <v>0</v>
      </c>
      <c r="V9375" s="2">
        <v>0</v>
      </c>
      <c r="W9375" s="2">
        <v>0</v>
      </c>
      <c r="X9375" s="2">
        <v>0</v>
      </c>
      <c r="Y9375" s="2">
        <v>0</v>
      </c>
      <c r="Z9375" s="2">
        <v>0</v>
      </c>
      <c r="AA9375" s="5"/>
      <c r="AB9375" s="5" t="s">
        <v>43</v>
      </c>
      <c r="AC9375" s="5" t="s">
        <v>44</v>
      </c>
      <c r="AD9375" s="2" t="s">
        <v>28257</v>
      </c>
      <c r="AE9375" s="1"/>
    </row>
    <row r="9376" spans="1:31" ht="14.45">
      <c r="A9376" s="11"/>
      <c r="B9376" s="20"/>
      <c r="C9376" s="2" t="s">
        <v>28791</v>
      </c>
      <c r="D9376" s="14" t="s">
        <v>28792</v>
      </c>
      <c r="E9376" s="2" t="s">
        <v>28793</v>
      </c>
      <c r="F9376" s="2"/>
      <c r="G9376" s="8">
        <v>813</v>
      </c>
      <c r="H9376" s="5">
        <v>15</v>
      </c>
      <c r="I9376" s="5" t="s">
        <v>69</v>
      </c>
      <c r="J9376" s="5" t="s">
        <v>27074</v>
      </c>
      <c r="K9376" s="2" t="s">
        <v>27075</v>
      </c>
      <c r="L9376" s="5" t="s">
        <v>27074</v>
      </c>
      <c r="M9376" s="2" t="s">
        <v>27075</v>
      </c>
      <c r="N9376" s="5" t="s">
        <v>24254</v>
      </c>
      <c r="O9376" s="5" t="s">
        <v>38</v>
      </c>
      <c r="P9376" s="5" t="s">
        <v>39</v>
      </c>
      <c r="Q9376" s="5" t="s">
        <v>40</v>
      </c>
      <c r="R9376" s="5" t="s">
        <v>1487</v>
      </c>
      <c r="S9376" s="5"/>
      <c r="T9376" s="5" t="s">
        <v>42</v>
      </c>
      <c r="U9376" s="2">
        <v>0</v>
      </c>
      <c r="V9376" s="2">
        <v>0</v>
      </c>
      <c r="W9376" s="2">
        <v>0</v>
      </c>
      <c r="X9376" s="2">
        <v>0</v>
      </c>
      <c r="Y9376" s="2">
        <v>0</v>
      </c>
      <c r="Z9376" s="2">
        <v>0</v>
      </c>
      <c r="AA9376" s="5"/>
      <c r="AB9376" s="5" t="s">
        <v>43</v>
      </c>
      <c r="AC9376" s="5" t="s">
        <v>44</v>
      </c>
      <c r="AD9376" s="2" t="s">
        <v>28261</v>
      </c>
      <c r="AE9376" s="1"/>
    </row>
    <row r="9377" spans="1:31" ht="14.45">
      <c r="A9377" s="11"/>
      <c r="B9377" s="20"/>
      <c r="C9377" s="2" t="s">
        <v>28794</v>
      </c>
      <c r="D9377" s="14" t="s">
        <v>28795</v>
      </c>
      <c r="E9377" s="2" t="s">
        <v>28796</v>
      </c>
      <c r="F9377" s="2"/>
      <c r="G9377" s="8">
        <v>251</v>
      </c>
      <c r="H9377" s="5">
        <v>5</v>
      </c>
      <c r="I9377" s="5" t="s">
        <v>69</v>
      </c>
      <c r="J9377" s="5" t="s">
        <v>27074</v>
      </c>
      <c r="K9377" s="2" t="s">
        <v>27075</v>
      </c>
      <c r="L9377" s="5" t="s">
        <v>27074</v>
      </c>
      <c r="M9377" s="2" t="s">
        <v>27075</v>
      </c>
      <c r="N9377" s="5" t="s">
        <v>24254</v>
      </c>
      <c r="O9377" s="5" t="s">
        <v>38</v>
      </c>
      <c r="P9377" s="5" t="s">
        <v>39</v>
      </c>
      <c r="Q9377" s="5" t="s">
        <v>40</v>
      </c>
      <c r="R9377" s="5" t="s">
        <v>24335</v>
      </c>
      <c r="S9377" s="5" t="s">
        <v>40</v>
      </c>
      <c r="T9377" s="5" t="s">
        <v>42</v>
      </c>
      <c r="U9377" s="2">
        <v>9.06</v>
      </c>
      <c r="V9377" s="2">
        <v>7.2080000000000002</v>
      </c>
      <c r="W9377" s="2">
        <v>0.127</v>
      </c>
      <c r="X9377" s="2">
        <v>12</v>
      </c>
      <c r="Y9377" s="2">
        <v>50</v>
      </c>
      <c r="Z9377" s="2">
        <v>210.9</v>
      </c>
      <c r="AA9377" s="5">
        <v>8</v>
      </c>
      <c r="AB9377" s="5" t="s">
        <v>43</v>
      </c>
      <c r="AC9377" s="5" t="s">
        <v>44</v>
      </c>
      <c r="AD9377" s="2" t="s">
        <v>28235</v>
      </c>
      <c r="AE9377" s="1"/>
    </row>
    <row r="9378" spans="1:31" ht="14.45">
      <c r="A9378" s="11"/>
      <c r="B9378" s="20"/>
      <c r="C9378" s="2" t="s">
        <v>28797</v>
      </c>
      <c r="D9378" s="14" t="s">
        <v>28798</v>
      </c>
      <c r="E9378" s="2" t="s">
        <v>28799</v>
      </c>
      <c r="F9378" s="2"/>
      <c r="G9378" s="8">
        <v>251</v>
      </c>
      <c r="H9378" s="5">
        <v>5</v>
      </c>
      <c r="I9378" s="5" t="s">
        <v>69</v>
      </c>
      <c r="J9378" s="5" t="s">
        <v>27074</v>
      </c>
      <c r="K9378" s="2" t="s">
        <v>27075</v>
      </c>
      <c r="L9378" s="5" t="s">
        <v>27074</v>
      </c>
      <c r="M9378" s="2" t="s">
        <v>27075</v>
      </c>
      <c r="N9378" s="5" t="s">
        <v>24254</v>
      </c>
      <c r="O9378" s="5" t="s">
        <v>38</v>
      </c>
      <c r="P9378" s="5" t="s">
        <v>39</v>
      </c>
      <c r="Q9378" s="5" t="s">
        <v>40</v>
      </c>
      <c r="R9378" s="5" t="s">
        <v>24335</v>
      </c>
      <c r="S9378" s="5" t="s">
        <v>40</v>
      </c>
      <c r="T9378" s="5" t="s">
        <v>42</v>
      </c>
      <c r="U9378" s="2">
        <v>8.3290000000000006</v>
      </c>
      <c r="V9378" s="2">
        <v>6.3789999999999996</v>
      </c>
      <c r="W9378" s="2">
        <v>0.104</v>
      </c>
      <c r="X9378" s="2">
        <v>12</v>
      </c>
      <c r="Y9378" s="2">
        <v>50</v>
      </c>
      <c r="Z9378" s="2">
        <v>173.9</v>
      </c>
      <c r="AA9378" s="5">
        <v>8</v>
      </c>
      <c r="AB9378" s="5" t="s">
        <v>43</v>
      </c>
      <c r="AC9378" s="5" t="s">
        <v>44</v>
      </c>
      <c r="AD9378" s="2" t="s">
        <v>28235</v>
      </c>
      <c r="AE9378" s="1"/>
    </row>
    <row r="9379" spans="1:31" ht="14.45">
      <c r="A9379" s="11"/>
      <c r="B9379" s="20"/>
      <c r="C9379" s="2" t="s">
        <v>28800</v>
      </c>
      <c r="D9379" s="14" t="s">
        <v>28801</v>
      </c>
      <c r="E9379" s="2" t="s">
        <v>28802</v>
      </c>
      <c r="F9379" s="2"/>
      <c r="G9379" s="8">
        <v>251</v>
      </c>
      <c r="H9379" s="5">
        <v>5</v>
      </c>
      <c r="I9379" s="5" t="s">
        <v>69</v>
      </c>
      <c r="J9379" s="5" t="s">
        <v>27074</v>
      </c>
      <c r="K9379" s="2" t="s">
        <v>27075</v>
      </c>
      <c r="L9379" s="5" t="s">
        <v>27074</v>
      </c>
      <c r="M9379" s="2" t="s">
        <v>27075</v>
      </c>
      <c r="N9379" s="5" t="s">
        <v>24254</v>
      </c>
      <c r="O9379" s="5" t="s">
        <v>38</v>
      </c>
      <c r="P9379" s="5" t="s">
        <v>39</v>
      </c>
      <c r="Q9379" s="5" t="s">
        <v>40</v>
      </c>
      <c r="R9379" s="5" t="s">
        <v>24335</v>
      </c>
      <c r="S9379" s="5" t="s">
        <v>40</v>
      </c>
      <c r="T9379" s="5" t="s">
        <v>42</v>
      </c>
      <c r="U9379" s="2">
        <v>9.0399999999999991</v>
      </c>
      <c r="V9379" s="2">
        <v>6.12</v>
      </c>
      <c r="W9379" s="2">
        <v>0.14899999999999999</v>
      </c>
      <c r="X9379" s="2">
        <v>12</v>
      </c>
      <c r="Y9379" s="2">
        <v>62</v>
      </c>
      <c r="Z9379" s="2">
        <v>199.7</v>
      </c>
      <c r="AA9379" s="5">
        <v>10</v>
      </c>
      <c r="AB9379" s="5" t="s">
        <v>43</v>
      </c>
      <c r="AC9379" s="5" t="s">
        <v>44</v>
      </c>
      <c r="AD9379" s="2" t="s">
        <v>28319</v>
      </c>
      <c r="AE9379" s="1"/>
    </row>
    <row r="9380" spans="1:31" ht="14.45">
      <c r="A9380" s="11"/>
      <c r="B9380" s="20"/>
      <c r="C9380" s="2" t="s">
        <v>28803</v>
      </c>
      <c r="D9380" s="14" t="s">
        <v>28804</v>
      </c>
      <c r="E9380" s="2" t="s">
        <v>28805</v>
      </c>
      <c r="F9380" s="2"/>
      <c r="G9380" s="8">
        <v>251</v>
      </c>
      <c r="H9380" s="5">
        <v>5</v>
      </c>
      <c r="I9380" s="5" t="s">
        <v>69</v>
      </c>
      <c r="J9380" s="5" t="s">
        <v>27074</v>
      </c>
      <c r="K9380" s="2" t="s">
        <v>27075</v>
      </c>
      <c r="L9380" s="5" t="s">
        <v>27074</v>
      </c>
      <c r="M9380" s="2" t="s">
        <v>27075</v>
      </c>
      <c r="N9380" s="5" t="s">
        <v>24254</v>
      </c>
      <c r="O9380" s="5" t="s">
        <v>38</v>
      </c>
      <c r="P9380" s="5" t="s">
        <v>39</v>
      </c>
      <c r="Q9380" s="5" t="s">
        <v>40</v>
      </c>
      <c r="R9380" s="5" t="s">
        <v>24335</v>
      </c>
      <c r="S9380" s="5" t="s">
        <v>40</v>
      </c>
      <c r="T9380" s="5" t="s">
        <v>42</v>
      </c>
      <c r="U9380" s="2">
        <v>7.8550000000000004</v>
      </c>
      <c r="V9380" s="2">
        <v>4.9349999999999996</v>
      </c>
      <c r="W9380" s="2">
        <v>0.14899999999999999</v>
      </c>
      <c r="X9380" s="2">
        <v>12</v>
      </c>
      <c r="Y9380" s="2">
        <v>62</v>
      </c>
      <c r="Z9380" s="2">
        <v>199.7</v>
      </c>
      <c r="AA9380" s="5">
        <v>10</v>
      </c>
      <c r="AB9380" s="5" t="s">
        <v>43</v>
      </c>
      <c r="AC9380" s="5" t="s">
        <v>44</v>
      </c>
      <c r="AD9380" s="2" t="s">
        <v>28245</v>
      </c>
      <c r="AE9380" s="1"/>
    </row>
    <row r="9381" spans="1:31" ht="14.45">
      <c r="A9381" s="11"/>
      <c r="B9381" s="20"/>
      <c r="C9381" s="2" t="s">
        <v>28806</v>
      </c>
      <c r="D9381" s="14" t="s">
        <v>28807</v>
      </c>
      <c r="E9381" s="2" t="s">
        <v>28808</v>
      </c>
      <c r="F9381" s="2"/>
      <c r="G9381" s="8">
        <v>251</v>
      </c>
      <c r="H9381" s="5">
        <v>5</v>
      </c>
      <c r="I9381" s="5" t="s">
        <v>69</v>
      </c>
      <c r="J9381" s="5" t="s">
        <v>27074</v>
      </c>
      <c r="K9381" s="2" t="s">
        <v>27075</v>
      </c>
      <c r="L9381" s="5" t="s">
        <v>27074</v>
      </c>
      <c r="M9381" s="2" t="s">
        <v>27075</v>
      </c>
      <c r="N9381" s="5" t="s">
        <v>24254</v>
      </c>
      <c r="O9381" s="5" t="s">
        <v>38</v>
      </c>
      <c r="P9381" s="5" t="s">
        <v>39</v>
      </c>
      <c r="Q9381" s="5" t="s">
        <v>40</v>
      </c>
      <c r="R9381" s="5" t="s">
        <v>24335</v>
      </c>
      <c r="S9381" s="5" t="s">
        <v>40</v>
      </c>
      <c r="T9381" s="5" t="s">
        <v>42</v>
      </c>
      <c r="U9381" s="2">
        <v>8.8160000000000007</v>
      </c>
      <c r="V9381" s="2">
        <v>5.7809999999999997</v>
      </c>
      <c r="W9381" s="2">
        <v>0.14899999999999999</v>
      </c>
      <c r="X9381" s="2">
        <v>12</v>
      </c>
      <c r="Y9381" s="2">
        <v>62</v>
      </c>
      <c r="Z9381" s="2">
        <v>199.7</v>
      </c>
      <c r="AA9381" s="5">
        <v>10</v>
      </c>
      <c r="AB9381" s="5" t="s">
        <v>43</v>
      </c>
      <c r="AC9381" s="5" t="s">
        <v>44</v>
      </c>
      <c r="AD9381" s="2" t="s">
        <v>28249</v>
      </c>
      <c r="AE9381" s="1"/>
    </row>
    <row r="9382" spans="1:31" ht="14.45">
      <c r="A9382" s="11"/>
      <c r="B9382" s="20"/>
      <c r="C9382" s="2" t="s">
        <v>28809</v>
      </c>
      <c r="D9382" s="14" t="s">
        <v>28810</v>
      </c>
      <c r="E9382" s="2" t="s">
        <v>28811</v>
      </c>
      <c r="F9382" s="2"/>
      <c r="G9382" s="8">
        <v>456</v>
      </c>
      <c r="H9382" s="5">
        <v>5</v>
      </c>
      <c r="I9382" s="5" t="s">
        <v>69</v>
      </c>
      <c r="J9382" s="5" t="s">
        <v>27074</v>
      </c>
      <c r="K9382" s="2" t="s">
        <v>27075</v>
      </c>
      <c r="L9382" s="5" t="s">
        <v>27074</v>
      </c>
      <c r="M9382" s="2" t="s">
        <v>27075</v>
      </c>
      <c r="N9382" s="5" t="s">
        <v>24254</v>
      </c>
      <c r="O9382" s="5" t="s">
        <v>38</v>
      </c>
      <c r="P9382" s="5" t="s">
        <v>39</v>
      </c>
      <c r="Q9382" s="5" t="s">
        <v>40</v>
      </c>
      <c r="R9382" s="5" t="s">
        <v>24335</v>
      </c>
      <c r="S9382" s="5" t="s">
        <v>40</v>
      </c>
      <c r="T9382" s="5" t="s">
        <v>42</v>
      </c>
      <c r="U9382" s="2">
        <v>18.109000000000002</v>
      </c>
      <c r="V9382" s="2">
        <v>15.252000000000001</v>
      </c>
      <c r="W9382" s="2">
        <v>0.19500000000000001</v>
      </c>
      <c r="X9382" s="2">
        <v>12</v>
      </c>
      <c r="Y9382" s="2">
        <v>77</v>
      </c>
      <c r="Z9382" s="2">
        <v>210.9</v>
      </c>
      <c r="AA9382" s="5">
        <v>8</v>
      </c>
      <c r="AB9382" s="5" t="s">
        <v>43</v>
      </c>
      <c r="AC9382" s="5" t="s">
        <v>44</v>
      </c>
      <c r="AD9382" s="2" t="s">
        <v>28253</v>
      </c>
      <c r="AE9382" s="1"/>
    </row>
    <row r="9383" spans="1:31" ht="14.45">
      <c r="A9383" s="11"/>
      <c r="B9383" s="20"/>
      <c r="C9383" s="2" t="s">
        <v>28812</v>
      </c>
      <c r="D9383" s="14" t="s">
        <v>28813</v>
      </c>
      <c r="E9383" s="2" t="s">
        <v>28814</v>
      </c>
      <c r="F9383" s="2"/>
      <c r="G9383" s="8">
        <v>867</v>
      </c>
      <c r="H9383" s="5">
        <v>5</v>
      </c>
      <c r="I9383" s="5" t="s">
        <v>69</v>
      </c>
      <c r="J9383" s="5" t="s">
        <v>27074</v>
      </c>
      <c r="K9383" s="2" t="s">
        <v>27075</v>
      </c>
      <c r="L9383" s="5" t="s">
        <v>27074</v>
      </c>
      <c r="M9383" s="2" t="s">
        <v>27075</v>
      </c>
      <c r="N9383" s="5" t="s">
        <v>24254</v>
      </c>
      <c r="O9383" s="5" t="s">
        <v>38</v>
      </c>
      <c r="P9383" s="5" t="s">
        <v>39</v>
      </c>
      <c r="Q9383" s="5" t="s">
        <v>40</v>
      </c>
      <c r="R9383" s="5" t="s">
        <v>1487</v>
      </c>
      <c r="S9383" s="5"/>
      <c r="T9383" s="5" t="s">
        <v>42</v>
      </c>
      <c r="U9383" s="2">
        <v>0</v>
      </c>
      <c r="V9383" s="2">
        <v>0</v>
      </c>
      <c r="W9383" s="2">
        <v>0</v>
      </c>
      <c r="X9383" s="2">
        <v>0</v>
      </c>
      <c r="Y9383" s="2">
        <v>0</v>
      </c>
      <c r="Z9383" s="2">
        <v>0</v>
      </c>
      <c r="AA9383" s="5"/>
      <c r="AB9383" s="5" t="s">
        <v>43</v>
      </c>
      <c r="AC9383" s="5" t="s">
        <v>44</v>
      </c>
      <c r="AD9383" s="2" t="s">
        <v>28257</v>
      </c>
      <c r="AE9383" s="1"/>
    </row>
    <row r="9384" spans="1:31" ht="14.45">
      <c r="A9384" s="11"/>
      <c r="B9384" s="20"/>
      <c r="C9384" s="2" t="s">
        <v>28815</v>
      </c>
      <c r="D9384" s="14" t="s">
        <v>28816</v>
      </c>
      <c r="E9384" s="2" t="s">
        <v>28817</v>
      </c>
      <c r="F9384" s="2"/>
      <c r="G9384" s="8">
        <v>867</v>
      </c>
      <c r="H9384" s="5">
        <v>15</v>
      </c>
      <c r="I9384" s="5" t="s">
        <v>69</v>
      </c>
      <c r="J9384" s="5" t="s">
        <v>27074</v>
      </c>
      <c r="K9384" s="2" t="s">
        <v>27075</v>
      </c>
      <c r="L9384" s="5" t="s">
        <v>27074</v>
      </c>
      <c r="M9384" s="2" t="s">
        <v>27075</v>
      </c>
      <c r="N9384" s="5" t="s">
        <v>24254</v>
      </c>
      <c r="O9384" s="5" t="s">
        <v>38</v>
      </c>
      <c r="P9384" s="5" t="s">
        <v>39</v>
      </c>
      <c r="Q9384" s="5" t="s">
        <v>40</v>
      </c>
      <c r="R9384" s="5" t="s">
        <v>1487</v>
      </c>
      <c r="S9384" s="5"/>
      <c r="T9384" s="5" t="s">
        <v>42</v>
      </c>
      <c r="U9384" s="2">
        <v>0</v>
      </c>
      <c r="V9384" s="2">
        <v>0</v>
      </c>
      <c r="W9384" s="2">
        <v>0</v>
      </c>
      <c r="X9384" s="2">
        <v>0</v>
      </c>
      <c r="Y9384" s="2">
        <v>0</v>
      </c>
      <c r="Z9384" s="2">
        <v>0</v>
      </c>
      <c r="AA9384" s="5"/>
      <c r="AB9384" s="5" t="s">
        <v>43</v>
      </c>
      <c r="AC9384" s="5" t="s">
        <v>44</v>
      </c>
      <c r="AD9384" s="2" t="s">
        <v>28261</v>
      </c>
      <c r="AE9384" s="1"/>
    </row>
    <row r="9385" spans="1:31" ht="14.45">
      <c r="A9385" s="11"/>
      <c r="B9385" s="20"/>
      <c r="C9385" s="2" t="s">
        <v>28818</v>
      </c>
      <c r="D9385" s="14" t="s">
        <v>28819</v>
      </c>
      <c r="E9385" s="2" t="s">
        <v>28820</v>
      </c>
      <c r="F9385" s="2"/>
      <c r="G9385" s="8">
        <v>221</v>
      </c>
      <c r="H9385" s="5">
        <v>5</v>
      </c>
      <c r="I9385" s="5" t="s">
        <v>69</v>
      </c>
      <c r="J9385" s="5" t="s">
        <v>27074</v>
      </c>
      <c r="K9385" s="2" t="s">
        <v>27075</v>
      </c>
      <c r="L9385" s="5" t="s">
        <v>27074</v>
      </c>
      <c r="M9385" s="2" t="s">
        <v>27075</v>
      </c>
      <c r="N9385" s="5" t="s">
        <v>24254</v>
      </c>
      <c r="O9385" s="5" t="s">
        <v>38</v>
      </c>
      <c r="P9385" s="5" t="s">
        <v>39</v>
      </c>
      <c r="Q9385" s="5" t="s">
        <v>40</v>
      </c>
      <c r="R9385" s="5" t="s">
        <v>24335</v>
      </c>
      <c r="S9385" s="5" t="s">
        <v>40</v>
      </c>
      <c r="T9385" s="5" t="s">
        <v>42</v>
      </c>
      <c r="U9385" s="2">
        <v>8.3989999999999991</v>
      </c>
      <c r="V9385" s="2">
        <v>6.5469999999999997</v>
      </c>
      <c r="W9385" s="2">
        <v>0.127</v>
      </c>
      <c r="X9385" s="2">
        <v>12</v>
      </c>
      <c r="Y9385" s="2">
        <v>50</v>
      </c>
      <c r="Z9385" s="2">
        <v>210.9</v>
      </c>
      <c r="AA9385" s="5">
        <v>8</v>
      </c>
      <c r="AB9385" s="5" t="s">
        <v>43</v>
      </c>
      <c r="AC9385" s="5" t="s">
        <v>44</v>
      </c>
      <c r="AD9385" s="2" t="s">
        <v>28235</v>
      </c>
      <c r="AE9385" s="1"/>
    </row>
    <row r="9386" spans="1:31" ht="14.45">
      <c r="A9386" s="11"/>
      <c r="B9386" s="20"/>
      <c r="C9386" s="2" t="s">
        <v>28821</v>
      </c>
      <c r="D9386" s="14" t="s">
        <v>28822</v>
      </c>
      <c r="E9386" s="2" t="s">
        <v>28823</v>
      </c>
      <c r="F9386" s="2"/>
      <c r="G9386" s="8">
        <v>221</v>
      </c>
      <c r="H9386" s="5">
        <v>5</v>
      </c>
      <c r="I9386" s="5" t="s">
        <v>69</v>
      </c>
      <c r="J9386" s="5" t="s">
        <v>27074</v>
      </c>
      <c r="K9386" s="2" t="s">
        <v>27075</v>
      </c>
      <c r="L9386" s="5" t="s">
        <v>27074</v>
      </c>
      <c r="M9386" s="2" t="s">
        <v>27075</v>
      </c>
      <c r="N9386" s="5" t="s">
        <v>24254</v>
      </c>
      <c r="O9386" s="5" t="s">
        <v>38</v>
      </c>
      <c r="P9386" s="5" t="s">
        <v>39</v>
      </c>
      <c r="Q9386" s="5" t="s">
        <v>40</v>
      </c>
      <c r="R9386" s="5" t="s">
        <v>24335</v>
      </c>
      <c r="S9386" s="5" t="s">
        <v>40</v>
      </c>
      <c r="T9386" s="5" t="s">
        <v>42</v>
      </c>
      <c r="U9386" s="2">
        <v>7.5819999999999999</v>
      </c>
      <c r="V9386" s="2">
        <v>5.76</v>
      </c>
      <c r="W9386" s="2">
        <v>0.104</v>
      </c>
      <c r="X9386" s="2">
        <v>12</v>
      </c>
      <c r="Y9386" s="2">
        <v>50</v>
      </c>
      <c r="Z9386" s="2">
        <v>173.9</v>
      </c>
      <c r="AA9386" s="5">
        <v>8</v>
      </c>
      <c r="AB9386" s="5" t="s">
        <v>43</v>
      </c>
      <c r="AC9386" s="5" t="s">
        <v>44</v>
      </c>
      <c r="AD9386" s="2" t="s">
        <v>28235</v>
      </c>
      <c r="AE9386" s="1"/>
    </row>
    <row r="9387" spans="1:31" ht="14.45">
      <c r="A9387" s="11"/>
      <c r="B9387" s="20"/>
      <c r="C9387" s="2" t="s">
        <v>28824</v>
      </c>
      <c r="D9387" s="14" t="s">
        <v>28825</v>
      </c>
      <c r="E9387" s="2" t="s">
        <v>28826</v>
      </c>
      <c r="F9387" s="2"/>
      <c r="G9387" s="8">
        <v>221</v>
      </c>
      <c r="H9387" s="5">
        <v>5</v>
      </c>
      <c r="I9387" s="5" t="s">
        <v>69</v>
      </c>
      <c r="J9387" s="5" t="s">
        <v>27074</v>
      </c>
      <c r="K9387" s="2" t="s">
        <v>27075</v>
      </c>
      <c r="L9387" s="5" t="s">
        <v>27074</v>
      </c>
      <c r="M9387" s="2" t="s">
        <v>27075</v>
      </c>
      <c r="N9387" s="5" t="s">
        <v>24254</v>
      </c>
      <c r="O9387" s="5" t="s">
        <v>38</v>
      </c>
      <c r="P9387" s="5" t="s">
        <v>39</v>
      </c>
      <c r="Q9387" s="5" t="s">
        <v>40</v>
      </c>
      <c r="R9387" s="5" t="s">
        <v>24335</v>
      </c>
      <c r="S9387" s="5" t="s">
        <v>40</v>
      </c>
      <c r="T9387" s="5" t="s">
        <v>42</v>
      </c>
      <c r="U9387" s="2">
        <v>8.1479999999999997</v>
      </c>
      <c r="V9387" s="2">
        <v>5.3559999999999999</v>
      </c>
      <c r="W9387" s="2">
        <v>0.14899999999999999</v>
      </c>
      <c r="X9387" s="2">
        <v>12</v>
      </c>
      <c r="Y9387" s="2">
        <v>62</v>
      </c>
      <c r="Z9387" s="2">
        <v>199.7</v>
      </c>
      <c r="AA9387" s="5">
        <v>10</v>
      </c>
      <c r="AB9387" s="5" t="s">
        <v>43</v>
      </c>
      <c r="AC9387" s="5" t="s">
        <v>44</v>
      </c>
      <c r="AD9387" s="2" t="s">
        <v>28282</v>
      </c>
      <c r="AE9387" s="1"/>
    </row>
    <row r="9388" spans="1:31" ht="14.45">
      <c r="A9388" s="11"/>
      <c r="B9388" s="20"/>
      <c r="C9388" s="2" t="s">
        <v>28827</v>
      </c>
      <c r="D9388" s="14" t="s">
        <v>28828</v>
      </c>
      <c r="E9388" s="2" t="s">
        <v>28829</v>
      </c>
      <c r="F9388" s="2"/>
      <c r="G9388" s="8">
        <v>221</v>
      </c>
      <c r="H9388" s="5">
        <v>5</v>
      </c>
      <c r="I9388" s="5" t="s">
        <v>69</v>
      </c>
      <c r="J9388" s="5" t="s">
        <v>27074</v>
      </c>
      <c r="K9388" s="2" t="s">
        <v>27075</v>
      </c>
      <c r="L9388" s="5" t="s">
        <v>27074</v>
      </c>
      <c r="M9388" s="2" t="s">
        <v>27075</v>
      </c>
      <c r="N9388" s="5" t="s">
        <v>24254</v>
      </c>
      <c r="O9388" s="5" t="s">
        <v>38</v>
      </c>
      <c r="P9388" s="5" t="s">
        <v>39</v>
      </c>
      <c r="Q9388" s="5" t="s">
        <v>40</v>
      </c>
      <c r="R9388" s="5" t="s">
        <v>24335</v>
      </c>
      <c r="S9388" s="5" t="s">
        <v>40</v>
      </c>
      <c r="T9388" s="5" t="s">
        <v>42</v>
      </c>
      <c r="U9388" s="2">
        <v>7.3630000000000004</v>
      </c>
      <c r="V9388" s="2">
        <v>4.5709999999999997</v>
      </c>
      <c r="W9388" s="2">
        <v>0.14899999999999999</v>
      </c>
      <c r="X9388" s="2">
        <v>12</v>
      </c>
      <c r="Y9388" s="2">
        <v>62</v>
      </c>
      <c r="Z9388" s="2">
        <v>199.7</v>
      </c>
      <c r="AA9388" s="5">
        <v>10</v>
      </c>
      <c r="AB9388" s="5" t="s">
        <v>43</v>
      </c>
      <c r="AC9388" s="5" t="s">
        <v>44</v>
      </c>
      <c r="AD9388" s="2" t="s">
        <v>28249</v>
      </c>
      <c r="AE9388" s="1"/>
    </row>
    <row r="9389" spans="1:31" ht="14.45">
      <c r="A9389" s="11"/>
      <c r="B9389" s="20"/>
      <c r="C9389" s="2" t="s">
        <v>28830</v>
      </c>
      <c r="D9389" s="14" t="s">
        <v>28831</v>
      </c>
      <c r="E9389" s="2" t="s">
        <v>28832</v>
      </c>
      <c r="F9389" s="2"/>
      <c r="G9389" s="8">
        <v>221</v>
      </c>
      <c r="H9389" s="5">
        <v>5</v>
      </c>
      <c r="I9389" s="5" t="s">
        <v>69</v>
      </c>
      <c r="J9389" s="5" t="s">
        <v>27074</v>
      </c>
      <c r="K9389" s="2" t="s">
        <v>27075</v>
      </c>
      <c r="L9389" s="5" t="s">
        <v>27074</v>
      </c>
      <c r="M9389" s="2" t="s">
        <v>27075</v>
      </c>
      <c r="N9389" s="5" t="s">
        <v>24254</v>
      </c>
      <c r="O9389" s="5" t="s">
        <v>38</v>
      </c>
      <c r="P9389" s="5" t="s">
        <v>39</v>
      </c>
      <c r="Q9389" s="5" t="s">
        <v>40</v>
      </c>
      <c r="R9389" s="5" t="s">
        <v>24335</v>
      </c>
      <c r="S9389" s="5" t="s">
        <v>40</v>
      </c>
      <c r="T9389" s="5" t="s">
        <v>42</v>
      </c>
      <c r="U9389" s="2">
        <v>7.7039999999999997</v>
      </c>
      <c r="V9389" s="2">
        <v>4.7770000000000001</v>
      </c>
      <c r="W9389" s="2">
        <v>0.14899999999999999</v>
      </c>
      <c r="X9389" s="2">
        <v>12</v>
      </c>
      <c r="Y9389" s="2">
        <v>62</v>
      </c>
      <c r="Z9389" s="2">
        <v>199.7</v>
      </c>
      <c r="AA9389" s="5">
        <v>10</v>
      </c>
      <c r="AB9389" s="5" t="s">
        <v>43</v>
      </c>
      <c r="AC9389" s="5" t="s">
        <v>44</v>
      </c>
      <c r="AD9389" s="2" t="s">
        <v>28249</v>
      </c>
      <c r="AE9389" s="1"/>
    </row>
    <row r="9390" spans="1:31" ht="14.45">
      <c r="A9390" s="11"/>
      <c r="B9390" s="20"/>
      <c r="C9390" s="2" t="s">
        <v>28833</v>
      </c>
      <c r="D9390" s="14" t="s">
        <v>28834</v>
      </c>
      <c r="E9390" s="2" t="s">
        <v>28835</v>
      </c>
      <c r="F9390" s="2"/>
      <c r="G9390" s="8">
        <v>402</v>
      </c>
      <c r="H9390" s="5">
        <v>5</v>
      </c>
      <c r="I9390" s="5" t="s">
        <v>69</v>
      </c>
      <c r="J9390" s="5" t="s">
        <v>27074</v>
      </c>
      <c r="K9390" s="2" t="s">
        <v>27075</v>
      </c>
      <c r="L9390" s="5" t="s">
        <v>27074</v>
      </c>
      <c r="M9390" s="2" t="s">
        <v>27075</v>
      </c>
      <c r="N9390" s="5" t="s">
        <v>24254</v>
      </c>
      <c r="O9390" s="5" t="s">
        <v>38</v>
      </c>
      <c r="P9390" s="5" t="s">
        <v>39</v>
      </c>
      <c r="Q9390" s="5" t="s">
        <v>40</v>
      </c>
      <c r="R9390" s="5" t="s">
        <v>24335</v>
      </c>
      <c r="S9390" s="5" t="s">
        <v>40</v>
      </c>
      <c r="T9390" s="5" t="s">
        <v>42</v>
      </c>
      <c r="U9390" s="2">
        <v>16.786000000000001</v>
      </c>
      <c r="V9390" s="2">
        <v>13.959</v>
      </c>
      <c r="W9390" s="2">
        <v>0.19500000000000001</v>
      </c>
      <c r="X9390" s="2">
        <v>12</v>
      </c>
      <c r="Y9390" s="2">
        <v>77</v>
      </c>
      <c r="Z9390" s="2">
        <v>210.9</v>
      </c>
      <c r="AA9390" s="5">
        <v>8</v>
      </c>
      <c r="AB9390" s="5" t="s">
        <v>43</v>
      </c>
      <c r="AC9390" s="5" t="s">
        <v>44</v>
      </c>
      <c r="AD9390" s="2" t="s">
        <v>28253</v>
      </c>
      <c r="AE9390" s="1"/>
    </row>
    <row r="9391" spans="1:31" ht="14.45">
      <c r="A9391" s="11"/>
      <c r="B9391" s="20"/>
      <c r="C9391" s="2" t="s">
        <v>28836</v>
      </c>
      <c r="D9391" s="14" t="s">
        <v>28837</v>
      </c>
      <c r="E9391" s="2" t="s">
        <v>28838</v>
      </c>
      <c r="F9391" s="2"/>
      <c r="G9391" s="8">
        <v>797</v>
      </c>
      <c r="H9391" s="5">
        <v>5</v>
      </c>
      <c r="I9391" s="5" t="s">
        <v>69</v>
      </c>
      <c r="J9391" s="5" t="s">
        <v>27074</v>
      </c>
      <c r="K9391" s="2" t="s">
        <v>27075</v>
      </c>
      <c r="L9391" s="5" t="s">
        <v>27074</v>
      </c>
      <c r="M9391" s="2" t="s">
        <v>27075</v>
      </c>
      <c r="N9391" s="5" t="s">
        <v>24254</v>
      </c>
      <c r="O9391" s="5" t="s">
        <v>38</v>
      </c>
      <c r="P9391" s="5" t="s">
        <v>39</v>
      </c>
      <c r="Q9391" s="5" t="s">
        <v>40</v>
      </c>
      <c r="R9391" s="5" t="s">
        <v>1487</v>
      </c>
      <c r="S9391" s="5"/>
      <c r="T9391" s="5" t="s">
        <v>42</v>
      </c>
      <c r="U9391" s="2">
        <v>0</v>
      </c>
      <c r="V9391" s="2">
        <v>0</v>
      </c>
      <c r="W9391" s="2">
        <v>0</v>
      </c>
      <c r="X9391" s="2">
        <v>0</v>
      </c>
      <c r="Y9391" s="2">
        <v>0</v>
      </c>
      <c r="Z9391" s="2">
        <v>0</v>
      </c>
      <c r="AA9391" s="5"/>
      <c r="AB9391" s="5" t="s">
        <v>43</v>
      </c>
      <c r="AC9391" s="5" t="s">
        <v>44</v>
      </c>
      <c r="AD9391" s="2" t="s">
        <v>28257</v>
      </c>
      <c r="AE9391" s="1"/>
    </row>
    <row r="9392" spans="1:31" ht="14.45">
      <c r="A9392" s="11"/>
      <c r="B9392" s="20"/>
      <c r="C9392" s="2" t="s">
        <v>28839</v>
      </c>
      <c r="D9392" s="14" t="s">
        <v>28840</v>
      </c>
      <c r="E9392" s="2" t="s">
        <v>28841</v>
      </c>
      <c r="F9392" s="2"/>
      <c r="G9392" s="8">
        <v>797</v>
      </c>
      <c r="H9392" s="5">
        <v>15</v>
      </c>
      <c r="I9392" s="5" t="s">
        <v>69</v>
      </c>
      <c r="J9392" s="5" t="s">
        <v>27074</v>
      </c>
      <c r="K9392" s="2" t="s">
        <v>27075</v>
      </c>
      <c r="L9392" s="5" t="s">
        <v>27074</v>
      </c>
      <c r="M9392" s="2" t="s">
        <v>27075</v>
      </c>
      <c r="N9392" s="5" t="s">
        <v>24254</v>
      </c>
      <c r="O9392" s="5" t="s">
        <v>38</v>
      </c>
      <c r="P9392" s="5" t="s">
        <v>39</v>
      </c>
      <c r="Q9392" s="5" t="s">
        <v>40</v>
      </c>
      <c r="R9392" s="5" t="s">
        <v>1487</v>
      </c>
      <c r="S9392" s="5"/>
      <c r="T9392" s="5" t="s">
        <v>42</v>
      </c>
      <c r="U9392" s="2">
        <v>0</v>
      </c>
      <c r="V9392" s="2">
        <v>0</v>
      </c>
      <c r="W9392" s="2">
        <v>0</v>
      </c>
      <c r="X9392" s="2">
        <v>0</v>
      </c>
      <c r="Y9392" s="2">
        <v>0</v>
      </c>
      <c r="Z9392" s="2">
        <v>0</v>
      </c>
      <c r="AA9392" s="5"/>
      <c r="AB9392" s="5" t="s">
        <v>43</v>
      </c>
      <c r="AC9392" s="5" t="s">
        <v>44</v>
      </c>
      <c r="AD9392" s="2" t="s">
        <v>28261</v>
      </c>
      <c r="AE9392" s="1"/>
    </row>
    <row r="9393" spans="1:31" ht="14.45">
      <c r="A9393" s="11"/>
      <c r="B9393" s="20"/>
      <c r="C9393" s="2" t="s">
        <v>28842</v>
      </c>
      <c r="D9393" s="14" t="s">
        <v>28843</v>
      </c>
      <c r="E9393" s="2" t="s">
        <v>28844</v>
      </c>
      <c r="F9393" s="2"/>
      <c r="G9393" s="8">
        <v>240</v>
      </c>
      <c r="H9393" s="5">
        <v>5</v>
      </c>
      <c r="I9393" s="5" t="s">
        <v>69</v>
      </c>
      <c r="J9393" s="5" t="s">
        <v>27074</v>
      </c>
      <c r="K9393" s="2" t="s">
        <v>27075</v>
      </c>
      <c r="L9393" s="5" t="s">
        <v>27074</v>
      </c>
      <c r="M9393" s="2" t="s">
        <v>27075</v>
      </c>
      <c r="N9393" s="5" t="s">
        <v>24254</v>
      </c>
      <c r="O9393" s="5" t="s">
        <v>38</v>
      </c>
      <c r="P9393" s="5" t="s">
        <v>39</v>
      </c>
      <c r="Q9393" s="5" t="s">
        <v>40</v>
      </c>
      <c r="R9393" s="5" t="s">
        <v>24335</v>
      </c>
      <c r="S9393" s="5" t="s">
        <v>40</v>
      </c>
      <c r="T9393" s="5" t="s">
        <v>42</v>
      </c>
      <c r="U9393" s="2">
        <v>8.4960000000000004</v>
      </c>
      <c r="V9393" s="2">
        <v>6.5460000000000003</v>
      </c>
      <c r="W9393" s="2">
        <v>0.104</v>
      </c>
      <c r="X9393" s="2">
        <v>12</v>
      </c>
      <c r="Y9393" s="2">
        <v>50</v>
      </c>
      <c r="Z9393" s="2">
        <v>173.9</v>
      </c>
      <c r="AA9393" s="5">
        <v>8</v>
      </c>
      <c r="AB9393" s="5" t="s">
        <v>43</v>
      </c>
      <c r="AC9393" s="5" t="s">
        <v>44</v>
      </c>
      <c r="AD9393" s="2" t="s">
        <v>28235</v>
      </c>
      <c r="AE9393" s="1"/>
    </row>
    <row r="9394" spans="1:31" ht="14.45">
      <c r="A9394" s="11"/>
      <c r="B9394" s="20"/>
      <c r="C9394" s="2" t="s">
        <v>28845</v>
      </c>
      <c r="D9394" s="14" t="s">
        <v>28846</v>
      </c>
      <c r="E9394" s="2" t="s">
        <v>28847</v>
      </c>
      <c r="F9394" s="2"/>
      <c r="G9394" s="8">
        <v>240</v>
      </c>
      <c r="H9394" s="5">
        <v>5</v>
      </c>
      <c r="I9394" s="5" t="s">
        <v>69</v>
      </c>
      <c r="J9394" s="5" t="s">
        <v>27074</v>
      </c>
      <c r="K9394" s="2" t="s">
        <v>27075</v>
      </c>
      <c r="L9394" s="5" t="s">
        <v>27074</v>
      </c>
      <c r="M9394" s="2" t="s">
        <v>27075</v>
      </c>
      <c r="N9394" s="5" t="s">
        <v>24254</v>
      </c>
      <c r="O9394" s="5" t="s">
        <v>38</v>
      </c>
      <c r="P9394" s="5" t="s">
        <v>39</v>
      </c>
      <c r="Q9394" s="5" t="s">
        <v>40</v>
      </c>
      <c r="R9394" s="5" t="s">
        <v>24335</v>
      </c>
      <c r="S9394" s="5" t="s">
        <v>40</v>
      </c>
      <c r="T9394" s="5" t="s">
        <v>42</v>
      </c>
      <c r="U9394" s="2">
        <v>9.327</v>
      </c>
      <c r="V9394" s="2">
        <v>6.407</v>
      </c>
      <c r="W9394" s="2">
        <v>0.14899999999999999</v>
      </c>
      <c r="X9394" s="2">
        <v>12</v>
      </c>
      <c r="Y9394" s="2">
        <v>62</v>
      </c>
      <c r="Z9394" s="2">
        <v>199.7</v>
      </c>
      <c r="AA9394" s="5">
        <v>10</v>
      </c>
      <c r="AB9394" s="5" t="s">
        <v>43</v>
      </c>
      <c r="AC9394" s="5" t="s">
        <v>44</v>
      </c>
      <c r="AD9394" s="2" t="s">
        <v>28282</v>
      </c>
      <c r="AE9394" s="1"/>
    </row>
    <row r="9395" spans="1:31" ht="14.45">
      <c r="A9395" s="11"/>
      <c r="B9395" s="20"/>
      <c r="C9395" s="2" t="s">
        <v>28848</v>
      </c>
      <c r="D9395" s="14" t="s">
        <v>28849</v>
      </c>
      <c r="E9395" s="2" t="s">
        <v>28850</v>
      </c>
      <c r="F9395" s="2"/>
      <c r="G9395" s="8">
        <v>240</v>
      </c>
      <c r="H9395" s="5">
        <v>5</v>
      </c>
      <c r="I9395" s="5" t="s">
        <v>69</v>
      </c>
      <c r="J9395" s="5" t="s">
        <v>27074</v>
      </c>
      <c r="K9395" s="2" t="s">
        <v>27075</v>
      </c>
      <c r="L9395" s="5" t="s">
        <v>27074</v>
      </c>
      <c r="M9395" s="2" t="s">
        <v>27075</v>
      </c>
      <c r="N9395" s="5" t="s">
        <v>24254</v>
      </c>
      <c r="O9395" s="5" t="s">
        <v>38</v>
      </c>
      <c r="P9395" s="5" t="s">
        <v>39</v>
      </c>
      <c r="Q9395" s="5" t="s">
        <v>40</v>
      </c>
      <c r="R9395" s="5" t="s">
        <v>24335</v>
      </c>
      <c r="S9395" s="5" t="s">
        <v>40</v>
      </c>
      <c r="T9395" s="5" t="s">
        <v>42</v>
      </c>
      <c r="U9395" s="2">
        <v>7.8220000000000001</v>
      </c>
      <c r="V9395" s="2">
        <v>4.9020000000000001</v>
      </c>
      <c r="W9395" s="2">
        <v>0.14899999999999999</v>
      </c>
      <c r="X9395" s="2">
        <v>12</v>
      </c>
      <c r="Y9395" s="2">
        <v>62</v>
      </c>
      <c r="Z9395" s="2">
        <v>199.7</v>
      </c>
      <c r="AA9395" s="5">
        <v>10</v>
      </c>
      <c r="AB9395" s="5" t="s">
        <v>43</v>
      </c>
      <c r="AC9395" s="5" t="s">
        <v>44</v>
      </c>
      <c r="AD9395" s="2" t="s">
        <v>28245</v>
      </c>
      <c r="AE9395" s="1"/>
    </row>
    <row r="9396" spans="1:31" ht="14.45">
      <c r="A9396" s="11"/>
      <c r="B9396" s="20"/>
      <c r="C9396" s="2" t="s">
        <v>28851</v>
      </c>
      <c r="D9396" s="14" t="s">
        <v>28852</v>
      </c>
      <c r="E9396" s="2" t="s">
        <v>28853</v>
      </c>
      <c r="F9396" s="2"/>
      <c r="G9396" s="8">
        <v>240</v>
      </c>
      <c r="H9396" s="5">
        <v>5</v>
      </c>
      <c r="I9396" s="5" t="s">
        <v>69</v>
      </c>
      <c r="J9396" s="5" t="s">
        <v>27074</v>
      </c>
      <c r="K9396" s="2" t="s">
        <v>27075</v>
      </c>
      <c r="L9396" s="5" t="s">
        <v>27074</v>
      </c>
      <c r="M9396" s="2" t="s">
        <v>27075</v>
      </c>
      <c r="N9396" s="5" t="s">
        <v>24254</v>
      </c>
      <c r="O9396" s="5" t="s">
        <v>38</v>
      </c>
      <c r="P9396" s="5" t="s">
        <v>39</v>
      </c>
      <c r="Q9396" s="5" t="s">
        <v>40</v>
      </c>
      <c r="R9396" s="5" t="s">
        <v>24335</v>
      </c>
      <c r="S9396" s="5" t="s">
        <v>40</v>
      </c>
      <c r="T9396" s="5" t="s">
        <v>42</v>
      </c>
      <c r="U9396" s="2">
        <v>8.2769999999999992</v>
      </c>
      <c r="V9396" s="2">
        <v>5.3570000000000002</v>
      </c>
      <c r="W9396" s="2">
        <v>0.14899999999999999</v>
      </c>
      <c r="X9396" s="2">
        <v>12</v>
      </c>
      <c r="Y9396" s="2">
        <v>62</v>
      </c>
      <c r="Z9396" s="2">
        <v>199.7</v>
      </c>
      <c r="AA9396" s="5">
        <v>10</v>
      </c>
      <c r="AB9396" s="5" t="s">
        <v>43</v>
      </c>
      <c r="AC9396" s="5" t="s">
        <v>44</v>
      </c>
      <c r="AD9396" s="2" t="s">
        <v>28249</v>
      </c>
      <c r="AE9396" s="1"/>
    </row>
    <row r="9397" spans="1:31" ht="14.45">
      <c r="A9397" s="11"/>
      <c r="B9397" s="20"/>
      <c r="C9397" s="2" t="s">
        <v>28854</v>
      </c>
      <c r="D9397" s="14" t="s">
        <v>28855</v>
      </c>
      <c r="E9397" s="2" t="s">
        <v>28856</v>
      </c>
      <c r="F9397" s="2"/>
      <c r="G9397" s="8">
        <v>240</v>
      </c>
      <c r="H9397" s="5">
        <v>5</v>
      </c>
      <c r="I9397" s="5" t="s">
        <v>69</v>
      </c>
      <c r="J9397" s="5" t="s">
        <v>27074</v>
      </c>
      <c r="K9397" s="2" t="s">
        <v>27075</v>
      </c>
      <c r="L9397" s="5" t="s">
        <v>27074</v>
      </c>
      <c r="M9397" s="2" t="s">
        <v>27075</v>
      </c>
      <c r="N9397" s="5" t="s">
        <v>24254</v>
      </c>
      <c r="O9397" s="5" t="s">
        <v>38</v>
      </c>
      <c r="P9397" s="5" t="s">
        <v>39</v>
      </c>
      <c r="Q9397" s="5" t="s">
        <v>40</v>
      </c>
      <c r="R9397" s="5" t="s">
        <v>24335</v>
      </c>
      <c r="S9397" s="5" t="s">
        <v>40</v>
      </c>
      <c r="T9397" s="5" t="s">
        <v>42</v>
      </c>
      <c r="U9397" s="2">
        <v>8.3140000000000001</v>
      </c>
      <c r="V9397" s="2">
        <v>5.2590000000000003</v>
      </c>
      <c r="W9397" s="2">
        <v>0.14899999999999999</v>
      </c>
      <c r="X9397" s="2">
        <v>12</v>
      </c>
      <c r="Y9397" s="2">
        <v>62</v>
      </c>
      <c r="Z9397" s="2">
        <v>199.7</v>
      </c>
      <c r="AA9397" s="5">
        <v>10</v>
      </c>
      <c r="AB9397" s="5" t="s">
        <v>43</v>
      </c>
      <c r="AC9397" s="5" t="s">
        <v>44</v>
      </c>
      <c r="AD9397" s="2" t="s">
        <v>28245</v>
      </c>
      <c r="AE9397" s="1"/>
    </row>
    <row r="9398" spans="1:31" ht="14.45">
      <c r="A9398" s="11"/>
      <c r="B9398" s="20"/>
      <c r="C9398" s="2" t="s">
        <v>28857</v>
      </c>
      <c r="D9398" s="14" t="s">
        <v>28858</v>
      </c>
      <c r="E9398" s="2" t="s">
        <v>28859</v>
      </c>
      <c r="F9398" s="2"/>
      <c r="G9398" s="8">
        <v>436</v>
      </c>
      <c r="H9398" s="5">
        <v>5</v>
      </c>
      <c r="I9398" s="5" t="s">
        <v>69</v>
      </c>
      <c r="J9398" s="5" t="s">
        <v>27074</v>
      </c>
      <c r="K9398" s="2" t="s">
        <v>27075</v>
      </c>
      <c r="L9398" s="5" t="s">
        <v>27074</v>
      </c>
      <c r="M9398" s="2" t="s">
        <v>27075</v>
      </c>
      <c r="N9398" s="5" t="s">
        <v>24254</v>
      </c>
      <c r="O9398" s="5" t="s">
        <v>38</v>
      </c>
      <c r="P9398" s="5" t="s">
        <v>39</v>
      </c>
      <c r="Q9398" s="5" t="s">
        <v>40</v>
      </c>
      <c r="R9398" s="5" t="s">
        <v>24335</v>
      </c>
      <c r="S9398" s="5" t="s">
        <v>40</v>
      </c>
      <c r="T9398" s="5" t="s">
        <v>42</v>
      </c>
      <c r="U9398" s="2">
        <v>18.510999999999999</v>
      </c>
      <c r="V9398" s="2">
        <v>15.654</v>
      </c>
      <c r="W9398" s="2">
        <v>0.19500000000000001</v>
      </c>
      <c r="X9398" s="2">
        <v>12</v>
      </c>
      <c r="Y9398" s="2">
        <v>77</v>
      </c>
      <c r="Z9398" s="2">
        <v>210.9</v>
      </c>
      <c r="AA9398" s="5">
        <v>8</v>
      </c>
      <c r="AB9398" s="5" t="s">
        <v>43</v>
      </c>
      <c r="AC9398" s="5" t="s">
        <v>44</v>
      </c>
      <c r="AD9398" s="2" t="s">
        <v>28253</v>
      </c>
      <c r="AE9398" s="1"/>
    </row>
    <row r="9399" spans="1:31" ht="14.45">
      <c r="A9399" s="11"/>
      <c r="B9399" s="20"/>
      <c r="C9399" s="2" t="s">
        <v>28860</v>
      </c>
      <c r="D9399" s="14" t="s">
        <v>28861</v>
      </c>
      <c r="E9399" s="2" t="s">
        <v>28862</v>
      </c>
      <c r="F9399" s="2"/>
      <c r="G9399" s="8">
        <v>845</v>
      </c>
      <c r="H9399" s="5">
        <v>5</v>
      </c>
      <c r="I9399" s="5" t="s">
        <v>69</v>
      </c>
      <c r="J9399" s="5" t="s">
        <v>27074</v>
      </c>
      <c r="K9399" s="2" t="s">
        <v>27075</v>
      </c>
      <c r="L9399" s="5" t="s">
        <v>27074</v>
      </c>
      <c r="M9399" s="2" t="s">
        <v>27075</v>
      </c>
      <c r="N9399" s="5" t="s">
        <v>24254</v>
      </c>
      <c r="O9399" s="5" t="s">
        <v>38</v>
      </c>
      <c r="P9399" s="5" t="s">
        <v>39</v>
      </c>
      <c r="Q9399" s="5" t="s">
        <v>40</v>
      </c>
      <c r="R9399" s="5" t="s">
        <v>1487</v>
      </c>
      <c r="S9399" s="5"/>
      <c r="T9399" s="5" t="s">
        <v>42</v>
      </c>
      <c r="U9399" s="2">
        <v>0</v>
      </c>
      <c r="V9399" s="2">
        <v>0</v>
      </c>
      <c r="W9399" s="2">
        <v>0</v>
      </c>
      <c r="X9399" s="2">
        <v>0</v>
      </c>
      <c r="Y9399" s="2">
        <v>0</v>
      </c>
      <c r="Z9399" s="2">
        <v>0</v>
      </c>
      <c r="AA9399" s="5"/>
      <c r="AB9399" s="5" t="s">
        <v>43</v>
      </c>
      <c r="AC9399" s="5" t="s">
        <v>44</v>
      </c>
      <c r="AD9399" s="2" t="s">
        <v>28257</v>
      </c>
      <c r="AE9399" s="1"/>
    </row>
    <row r="9400" spans="1:31" ht="14.45">
      <c r="A9400" s="11"/>
      <c r="B9400" s="20"/>
      <c r="C9400" s="2" t="s">
        <v>28863</v>
      </c>
      <c r="D9400" s="14" t="s">
        <v>28864</v>
      </c>
      <c r="E9400" s="2" t="s">
        <v>28865</v>
      </c>
      <c r="F9400" s="2"/>
      <c r="G9400" s="8">
        <v>845</v>
      </c>
      <c r="H9400" s="5">
        <v>15</v>
      </c>
      <c r="I9400" s="5" t="s">
        <v>69</v>
      </c>
      <c r="J9400" s="5" t="s">
        <v>27074</v>
      </c>
      <c r="K9400" s="2" t="s">
        <v>27075</v>
      </c>
      <c r="L9400" s="5" t="s">
        <v>27074</v>
      </c>
      <c r="M9400" s="2" t="s">
        <v>27075</v>
      </c>
      <c r="N9400" s="5" t="s">
        <v>24254</v>
      </c>
      <c r="O9400" s="5" t="s">
        <v>38</v>
      </c>
      <c r="P9400" s="5" t="s">
        <v>39</v>
      </c>
      <c r="Q9400" s="5" t="s">
        <v>40</v>
      </c>
      <c r="R9400" s="5" t="s">
        <v>1487</v>
      </c>
      <c r="S9400" s="5"/>
      <c r="T9400" s="5" t="s">
        <v>42</v>
      </c>
      <c r="U9400" s="2">
        <v>0</v>
      </c>
      <c r="V9400" s="2">
        <v>0</v>
      </c>
      <c r="W9400" s="2">
        <v>0</v>
      </c>
      <c r="X9400" s="2">
        <v>0</v>
      </c>
      <c r="Y9400" s="2">
        <v>0</v>
      </c>
      <c r="Z9400" s="2">
        <v>0</v>
      </c>
      <c r="AA9400" s="5"/>
      <c r="AB9400" s="5" t="s">
        <v>43</v>
      </c>
      <c r="AC9400" s="5" t="s">
        <v>44</v>
      </c>
      <c r="AD9400" s="2" t="s">
        <v>28261</v>
      </c>
      <c r="AE9400" s="1"/>
    </row>
    <row r="9401" spans="1:31" ht="14.45">
      <c r="A9401" s="11"/>
      <c r="B9401" s="20"/>
      <c r="C9401" s="2" t="s">
        <v>28866</v>
      </c>
      <c r="D9401" s="14" t="s">
        <v>28867</v>
      </c>
      <c r="E9401" s="2" t="s">
        <v>28868</v>
      </c>
      <c r="F9401" s="2"/>
      <c r="G9401" s="8">
        <v>268</v>
      </c>
      <c r="H9401" s="5">
        <v>5</v>
      </c>
      <c r="I9401" s="5" t="s">
        <v>69</v>
      </c>
      <c r="J9401" s="5" t="s">
        <v>27074</v>
      </c>
      <c r="K9401" s="2" t="s">
        <v>27075</v>
      </c>
      <c r="L9401" s="5" t="s">
        <v>27074</v>
      </c>
      <c r="M9401" s="2" t="s">
        <v>27075</v>
      </c>
      <c r="N9401" s="5" t="s">
        <v>24254</v>
      </c>
      <c r="O9401" s="5" t="s">
        <v>38</v>
      </c>
      <c r="P9401" s="5" t="s">
        <v>39</v>
      </c>
      <c r="Q9401" s="5" t="s">
        <v>40</v>
      </c>
      <c r="R9401" s="5" t="s">
        <v>24335</v>
      </c>
      <c r="S9401" s="5" t="s">
        <v>40</v>
      </c>
      <c r="T9401" s="5" t="s">
        <v>42</v>
      </c>
      <c r="U9401" s="2">
        <v>11.733000000000001</v>
      </c>
      <c r="V9401" s="2">
        <v>9.6780000000000008</v>
      </c>
      <c r="W9401" s="2">
        <v>0.127</v>
      </c>
      <c r="X9401" s="2">
        <v>12</v>
      </c>
      <c r="Y9401" s="2">
        <v>50</v>
      </c>
      <c r="Z9401" s="2">
        <v>210.9</v>
      </c>
      <c r="AA9401" s="5">
        <v>8</v>
      </c>
      <c r="AB9401" s="5" t="s">
        <v>43</v>
      </c>
      <c r="AC9401" s="5" t="s">
        <v>44</v>
      </c>
      <c r="AD9401" s="2" t="s">
        <v>28235</v>
      </c>
      <c r="AE9401" s="1"/>
    </row>
    <row r="9402" spans="1:31" ht="14.45">
      <c r="A9402" s="11"/>
      <c r="B9402" s="20"/>
      <c r="C9402" s="2" t="s">
        <v>28869</v>
      </c>
      <c r="D9402" s="14" t="s">
        <v>28870</v>
      </c>
      <c r="E9402" s="2" t="s">
        <v>28871</v>
      </c>
      <c r="F9402" s="2"/>
      <c r="G9402" s="8">
        <v>268</v>
      </c>
      <c r="H9402" s="5">
        <v>5</v>
      </c>
      <c r="I9402" s="5" t="s">
        <v>69</v>
      </c>
      <c r="J9402" s="5" t="s">
        <v>27074</v>
      </c>
      <c r="K9402" s="2" t="s">
        <v>27075</v>
      </c>
      <c r="L9402" s="5" t="s">
        <v>27074</v>
      </c>
      <c r="M9402" s="2" t="s">
        <v>27075</v>
      </c>
      <c r="N9402" s="5" t="s">
        <v>24254</v>
      </c>
      <c r="O9402" s="5" t="s">
        <v>38</v>
      </c>
      <c r="P9402" s="5" t="s">
        <v>39</v>
      </c>
      <c r="Q9402" s="5" t="s">
        <v>40</v>
      </c>
      <c r="R9402" s="5" t="s">
        <v>24335</v>
      </c>
      <c r="S9402" s="5" t="s">
        <v>40</v>
      </c>
      <c r="T9402" s="5" t="s">
        <v>42</v>
      </c>
      <c r="U9402" s="2">
        <v>9.5169999999999995</v>
      </c>
      <c r="V9402" s="2">
        <v>7.665</v>
      </c>
      <c r="W9402" s="2">
        <v>0.127</v>
      </c>
      <c r="X9402" s="2">
        <v>12</v>
      </c>
      <c r="Y9402" s="2">
        <v>50</v>
      </c>
      <c r="Z9402" s="2">
        <v>210.9</v>
      </c>
      <c r="AA9402" s="5">
        <v>8</v>
      </c>
      <c r="AB9402" s="5" t="s">
        <v>43</v>
      </c>
      <c r="AC9402" s="5" t="s">
        <v>44</v>
      </c>
      <c r="AD9402" s="2" t="s">
        <v>28235</v>
      </c>
      <c r="AE9402" s="1"/>
    </row>
    <row r="9403" spans="1:31" ht="14.45">
      <c r="A9403" s="11"/>
      <c r="B9403" s="20"/>
      <c r="C9403" s="2" t="s">
        <v>28872</v>
      </c>
      <c r="D9403" s="14" t="s">
        <v>28873</v>
      </c>
      <c r="E9403" s="2" t="s">
        <v>28874</v>
      </c>
      <c r="F9403" s="2"/>
      <c r="G9403" s="8">
        <v>268</v>
      </c>
      <c r="H9403" s="5">
        <v>5</v>
      </c>
      <c r="I9403" s="5" t="s">
        <v>69</v>
      </c>
      <c r="J9403" s="5" t="s">
        <v>27074</v>
      </c>
      <c r="K9403" s="2" t="s">
        <v>27075</v>
      </c>
      <c r="L9403" s="5" t="s">
        <v>27074</v>
      </c>
      <c r="M9403" s="2" t="s">
        <v>27075</v>
      </c>
      <c r="N9403" s="5" t="s">
        <v>24254</v>
      </c>
      <c r="O9403" s="5" t="s">
        <v>38</v>
      </c>
      <c r="P9403" s="5" t="s">
        <v>39</v>
      </c>
      <c r="Q9403" s="5" t="s">
        <v>40</v>
      </c>
      <c r="R9403" s="5" t="s">
        <v>24335</v>
      </c>
      <c r="S9403" s="5" t="s">
        <v>40</v>
      </c>
      <c r="T9403" s="5" t="s">
        <v>42</v>
      </c>
      <c r="U9403" s="2">
        <v>8.8179999999999996</v>
      </c>
      <c r="V9403" s="2">
        <v>6.8680000000000003</v>
      </c>
      <c r="W9403" s="2">
        <v>0.104</v>
      </c>
      <c r="X9403" s="2">
        <v>12</v>
      </c>
      <c r="Y9403" s="2">
        <v>50</v>
      </c>
      <c r="Z9403" s="2">
        <v>173.9</v>
      </c>
      <c r="AA9403" s="5">
        <v>8</v>
      </c>
      <c r="AB9403" s="5" t="s">
        <v>43</v>
      </c>
      <c r="AC9403" s="5" t="s">
        <v>44</v>
      </c>
      <c r="AD9403" s="2" t="s">
        <v>28235</v>
      </c>
      <c r="AE9403" s="1"/>
    </row>
    <row r="9404" spans="1:31" ht="14.45">
      <c r="A9404" s="11"/>
      <c r="B9404" s="20"/>
      <c r="C9404" s="2" t="s">
        <v>28875</v>
      </c>
      <c r="D9404" s="14" t="s">
        <v>28876</v>
      </c>
      <c r="E9404" s="2" t="s">
        <v>28877</v>
      </c>
      <c r="F9404" s="2"/>
      <c r="G9404" s="8">
        <v>268</v>
      </c>
      <c r="H9404" s="5">
        <v>5</v>
      </c>
      <c r="I9404" s="5" t="s">
        <v>69</v>
      </c>
      <c r="J9404" s="5" t="s">
        <v>27074</v>
      </c>
      <c r="K9404" s="2" t="s">
        <v>27075</v>
      </c>
      <c r="L9404" s="5" t="s">
        <v>27074</v>
      </c>
      <c r="M9404" s="2" t="s">
        <v>27075</v>
      </c>
      <c r="N9404" s="5" t="s">
        <v>24254</v>
      </c>
      <c r="O9404" s="5" t="s">
        <v>38</v>
      </c>
      <c r="P9404" s="5" t="s">
        <v>39</v>
      </c>
      <c r="Q9404" s="5" t="s">
        <v>40</v>
      </c>
      <c r="R9404" s="5" t="s">
        <v>24335</v>
      </c>
      <c r="S9404" s="5" t="s">
        <v>40</v>
      </c>
      <c r="T9404" s="5" t="s">
        <v>42</v>
      </c>
      <c r="U9404" s="2">
        <v>8.6859999999999999</v>
      </c>
      <c r="V9404" s="2">
        <v>5.6310000000000002</v>
      </c>
      <c r="W9404" s="2">
        <v>0.14899999999999999</v>
      </c>
      <c r="X9404" s="2">
        <v>12</v>
      </c>
      <c r="Y9404" s="2">
        <v>62</v>
      </c>
      <c r="Z9404" s="2">
        <v>199.7</v>
      </c>
      <c r="AA9404" s="5">
        <v>10</v>
      </c>
      <c r="AB9404" s="5" t="s">
        <v>43</v>
      </c>
      <c r="AC9404" s="5" t="s">
        <v>44</v>
      </c>
      <c r="AD9404" s="2" t="s">
        <v>28245</v>
      </c>
      <c r="AE9404" s="1"/>
    </row>
    <row r="9405" spans="1:31" ht="14.45">
      <c r="A9405" s="11"/>
      <c r="B9405" s="20"/>
      <c r="C9405" s="2" t="s">
        <v>28878</v>
      </c>
      <c r="D9405" s="14" t="s">
        <v>28879</v>
      </c>
      <c r="E9405" s="2" t="s">
        <v>28880</v>
      </c>
      <c r="F9405" s="2"/>
      <c r="G9405" s="8">
        <v>268</v>
      </c>
      <c r="H9405" s="5">
        <v>5</v>
      </c>
      <c r="I9405" s="5" t="s">
        <v>69</v>
      </c>
      <c r="J9405" s="5" t="s">
        <v>27074</v>
      </c>
      <c r="K9405" s="2" t="s">
        <v>27075</v>
      </c>
      <c r="L9405" s="5" t="s">
        <v>27074</v>
      </c>
      <c r="M9405" s="2" t="s">
        <v>27075</v>
      </c>
      <c r="N9405" s="5" t="s">
        <v>24254</v>
      </c>
      <c r="O9405" s="5" t="s">
        <v>38</v>
      </c>
      <c r="P9405" s="5" t="s">
        <v>39</v>
      </c>
      <c r="Q9405" s="5" t="s">
        <v>40</v>
      </c>
      <c r="R9405" s="5" t="s">
        <v>24335</v>
      </c>
      <c r="S9405" s="5" t="s">
        <v>40</v>
      </c>
      <c r="T9405" s="5" t="s">
        <v>42</v>
      </c>
      <c r="U9405" s="2">
        <v>9.1509999999999998</v>
      </c>
      <c r="V9405" s="2">
        <v>6.0960000000000001</v>
      </c>
      <c r="W9405" s="2">
        <v>0.14899999999999999</v>
      </c>
      <c r="X9405" s="2">
        <v>12</v>
      </c>
      <c r="Y9405" s="2">
        <v>62</v>
      </c>
      <c r="Z9405" s="2">
        <v>199.7</v>
      </c>
      <c r="AA9405" s="5">
        <v>10</v>
      </c>
      <c r="AB9405" s="5" t="s">
        <v>43</v>
      </c>
      <c r="AC9405" s="5" t="s">
        <v>44</v>
      </c>
      <c r="AD9405" s="2" t="s">
        <v>28249</v>
      </c>
      <c r="AE9405" s="1"/>
    </row>
    <row r="9406" spans="1:31" ht="14.45">
      <c r="A9406" s="11"/>
      <c r="B9406" s="20"/>
      <c r="C9406" s="2" t="s">
        <v>28881</v>
      </c>
      <c r="D9406" s="14" t="s">
        <v>28882</v>
      </c>
      <c r="E9406" s="2" t="s">
        <v>28883</v>
      </c>
      <c r="F9406" s="2"/>
      <c r="G9406" s="8">
        <v>486</v>
      </c>
      <c r="H9406" s="5">
        <v>5</v>
      </c>
      <c r="I9406" s="5" t="s">
        <v>69</v>
      </c>
      <c r="J9406" s="5" t="s">
        <v>27074</v>
      </c>
      <c r="K9406" s="2" t="s">
        <v>27075</v>
      </c>
      <c r="L9406" s="5" t="s">
        <v>27074</v>
      </c>
      <c r="M9406" s="2" t="s">
        <v>27075</v>
      </c>
      <c r="N9406" s="5" t="s">
        <v>24254</v>
      </c>
      <c r="O9406" s="5" t="s">
        <v>38</v>
      </c>
      <c r="P9406" s="5" t="s">
        <v>39</v>
      </c>
      <c r="Q9406" s="5" t="s">
        <v>40</v>
      </c>
      <c r="R9406" s="5" t="s">
        <v>24335</v>
      </c>
      <c r="S9406" s="5" t="s">
        <v>40</v>
      </c>
      <c r="T9406" s="5" t="s">
        <v>42</v>
      </c>
      <c r="U9406" s="2">
        <v>19.277000000000001</v>
      </c>
      <c r="V9406" s="2">
        <v>16.420000000000002</v>
      </c>
      <c r="W9406" s="2">
        <v>0.19500000000000001</v>
      </c>
      <c r="X9406" s="2">
        <v>12</v>
      </c>
      <c r="Y9406" s="2">
        <v>77</v>
      </c>
      <c r="Z9406" s="2">
        <v>210.9</v>
      </c>
      <c r="AA9406" s="5">
        <v>8</v>
      </c>
      <c r="AB9406" s="5" t="s">
        <v>43</v>
      </c>
      <c r="AC9406" s="5" t="s">
        <v>44</v>
      </c>
      <c r="AD9406" s="2" t="s">
        <v>28253</v>
      </c>
      <c r="AE9406" s="1"/>
    </row>
    <row r="9407" spans="1:31" ht="14.45">
      <c r="A9407" s="11"/>
      <c r="B9407" s="20"/>
      <c r="C9407" s="2" t="s">
        <v>28884</v>
      </c>
      <c r="D9407" s="14" t="s">
        <v>28885</v>
      </c>
      <c r="E9407" s="2" t="s">
        <v>28886</v>
      </c>
      <c r="F9407" s="2" t="s">
        <v>28887</v>
      </c>
      <c r="G9407" s="8">
        <v>345</v>
      </c>
      <c r="H9407" s="5">
        <v>20</v>
      </c>
      <c r="I9407" s="5" t="s">
        <v>69</v>
      </c>
      <c r="J9407" s="5" t="s">
        <v>27074</v>
      </c>
      <c r="K9407" s="2" t="s">
        <v>27075</v>
      </c>
      <c r="L9407" s="5" t="s">
        <v>27074</v>
      </c>
      <c r="M9407" s="2" t="s">
        <v>27075</v>
      </c>
      <c r="N9407" s="5" t="s">
        <v>24254</v>
      </c>
      <c r="O9407" s="5" t="s">
        <v>38</v>
      </c>
      <c r="P9407" s="5" t="s">
        <v>39</v>
      </c>
      <c r="Q9407" s="5" t="s">
        <v>40</v>
      </c>
      <c r="R9407" s="5" t="s">
        <v>25301</v>
      </c>
      <c r="S9407" s="5" t="s">
        <v>40</v>
      </c>
      <c r="T9407" s="5" t="s">
        <v>42</v>
      </c>
      <c r="U9407" s="2">
        <v>10.433</v>
      </c>
      <c r="V9407" s="2">
        <v>9.0079999999999991</v>
      </c>
      <c r="W9407" s="2">
        <v>7.5999999999999998E-2</v>
      </c>
      <c r="X9407" s="2">
        <v>12</v>
      </c>
      <c r="Y9407" s="2">
        <v>50</v>
      </c>
      <c r="Z9407" s="2">
        <v>125.9</v>
      </c>
      <c r="AA9407" s="5">
        <v>8</v>
      </c>
      <c r="AB9407" s="5" t="s">
        <v>43</v>
      </c>
      <c r="AC9407" s="5" t="s">
        <v>44</v>
      </c>
      <c r="AD9407" s="2" t="s">
        <v>28888</v>
      </c>
      <c r="AE9407" s="1"/>
    </row>
    <row r="9408" spans="1:31" ht="14.45">
      <c r="A9408" s="11"/>
      <c r="B9408" s="20"/>
      <c r="C9408" s="2" t="s">
        <v>28889</v>
      </c>
      <c r="D9408" s="14" t="s">
        <v>28890</v>
      </c>
      <c r="E9408" s="2" t="s">
        <v>28891</v>
      </c>
      <c r="F9408" s="2" t="s">
        <v>28892</v>
      </c>
      <c r="G9408" s="8">
        <v>345</v>
      </c>
      <c r="H9408" s="5">
        <v>20</v>
      </c>
      <c r="I9408" s="5" t="s">
        <v>69</v>
      </c>
      <c r="J9408" s="5" t="s">
        <v>27074</v>
      </c>
      <c r="K9408" s="2" t="s">
        <v>27075</v>
      </c>
      <c r="L9408" s="5" t="s">
        <v>27074</v>
      </c>
      <c r="M9408" s="2" t="s">
        <v>27075</v>
      </c>
      <c r="N9408" s="5" t="s">
        <v>24254</v>
      </c>
      <c r="O9408" s="5" t="s">
        <v>38</v>
      </c>
      <c r="P9408" s="5" t="s">
        <v>39</v>
      </c>
      <c r="Q9408" s="5" t="s">
        <v>40</v>
      </c>
      <c r="R9408" s="5" t="s">
        <v>25301</v>
      </c>
      <c r="S9408" s="5" t="s">
        <v>40</v>
      </c>
      <c r="T9408" s="5" t="s">
        <v>42</v>
      </c>
      <c r="U9408" s="2">
        <v>7.38</v>
      </c>
      <c r="V9408" s="2">
        <v>5.9889999999999999</v>
      </c>
      <c r="W9408" s="2">
        <v>7.5999999999999998E-2</v>
      </c>
      <c r="X9408" s="2">
        <v>12</v>
      </c>
      <c r="Y9408" s="2">
        <v>50</v>
      </c>
      <c r="Z9408" s="2">
        <v>125.9</v>
      </c>
      <c r="AA9408" s="5">
        <v>8</v>
      </c>
      <c r="AB9408" s="5" t="s">
        <v>43</v>
      </c>
      <c r="AC9408" s="5" t="s">
        <v>44</v>
      </c>
      <c r="AD9408" s="2" t="s">
        <v>28888</v>
      </c>
      <c r="AE9408" s="1"/>
    </row>
    <row r="9409" spans="1:31" ht="14.45">
      <c r="A9409" s="11"/>
      <c r="B9409" s="20"/>
      <c r="C9409" s="2" t="s">
        <v>28893</v>
      </c>
      <c r="D9409" s="14" t="s">
        <v>28894</v>
      </c>
      <c r="E9409" s="2" t="s">
        <v>28895</v>
      </c>
      <c r="F9409" s="2" t="s">
        <v>28896</v>
      </c>
      <c r="G9409" s="8">
        <v>345</v>
      </c>
      <c r="H9409" s="5">
        <v>20</v>
      </c>
      <c r="I9409" s="5" t="s">
        <v>69</v>
      </c>
      <c r="J9409" s="5" t="s">
        <v>27074</v>
      </c>
      <c r="K9409" s="2" t="s">
        <v>27075</v>
      </c>
      <c r="L9409" s="5" t="s">
        <v>27074</v>
      </c>
      <c r="M9409" s="2" t="s">
        <v>27075</v>
      </c>
      <c r="N9409" s="5" t="s">
        <v>24254</v>
      </c>
      <c r="O9409" s="5" t="s">
        <v>38</v>
      </c>
      <c r="P9409" s="5" t="s">
        <v>39</v>
      </c>
      <c r="Q9409" s="5" t="s">
        <v>40</v>
      </c>
      <c r="R9409" s="5" t="s">
        <v>25301</v>
      </c>
      <c r="S9409" s="5" t="s">
        <v>40</v>
      </c>
      <c r="T9409" s="5" t="s">
        <v>42</v>
      </c>
      <c r="U9409" s="2">
        <v>8.1669999999999998</v>
      </c>
      <c r="V9409" s="2">
        <v>6.7759999999999998</v>
      </c>
      <c r="W9409" s="2">
        <v>7.5999999999999998E-2</v>
      </c>
      <c r="X9409" s="2">
        <v>12</v>
      </c>
      <c r="Y9409" s="2">
        <v>50</v>
      </c>
      <c r="Z9409" s="2">
        <v>125.9</v>
      </c>
      <c r="AA9409" s="5">
        <v>10</v>
      </c>
      <c r="AB9409" s="5" t="s">
        <v>43</v>
      </c>
      <c r="AC9409" s="5" t="s">
        <v>44</v>
      </c>
      <c r="AD9409" s="2" t="s">
        <v>28897</v>
      </c>
      <c r="AE9409" s="1"/>
    </row>
    <row r="9410" spans="1:31" ht="14.45">
      <c r="A9410" s="11"/>
      <c r="B9410" s="20"/>
      <c r="C9410" s="2" t="s">
        <v>28898</v>
      </c>
      <c r="D9410" s="14" t="s">
        <v>28899</v>
      </c>
      <c r="E9410" s="2" t="s">
        <v>28900</v>
      </c>
      <c r="F9410" s="2" t="s">
        <v>28901</v>
      </c>
      <c r="G9410" s="8">
        <v>345</v>
      </c>
      <c r="H9410" s="5">
        <v>20</v>
      </c>
      <c r="I9410" s="5" t="s">
        <v>69</v>
      </c>
      <c r="J9410" s="5" t="s">
        <v>27074</v>
      </c>
      <c r="K9410" s="2" t="s">
        <v>27075</v>
      </c>
      <c r="L9410" s="5" t="s">
        <v>27074</v>
      </c>
      <c r="M9410" s="2" t="s">
        <v>27075</v>
      </c>
      <c r="N9410" s="5" t="s">
        <v>24254</v>
      </c>
      <c r="O9410" s="5" t="s">
        <v>38</v>
      </c>
      <c r="P9410" s="5" t="s">
        <v>39</v>
      </c>
      <c r="Q9410" s="5" t="s">
        <v>40</v>
      </c>
      <c r="R9410" s="5" t="s">
        <v>25301</v>
      </c>
      <c r="S9410" s="5" t="s">
        <v>40</v>
      </c>
      <c r="T9410" s="5" t="s">
        <v>42</v>
      </c>
      <c r="U9410" s="2">
        <v>6.2919999999999998</v>
      </c>
      <c r="V9410" s="2">
        <v>4.9009999999999998</v>
      </c>
      <c r="W9410" s="2">
        <v>7.5999999999999998E-2</v>
      </c>
      <c r="X9410" s="2">
        <v>12</v>
      </c>
      <c r="Y9410" s="2">
        <v>50</v>
      </c>
      <c r="Z9410" s="2">
        <v>125.9</v>
      </c>
      <c r="AA9410" s="5">
        <v>10</v>
      </c>
      <c r="AB9410" s="5" t="s">
        <v>43</v>
      </c>
      <c r="AC9410" s="5" t="s">
        <v>44</v>
      </c>
      <c r="AD9410" s="2" t="s">
        <v>28902</v>
      </c>
      <c r="AE9410" s="1"/>
    </row>
    <row r="9411" spans="1:31" ht="14.45">
      <c r="A9411" s="11"/>
      <c r="B9411" s="20"/>
      <c r="C9411" s="2" t="s">
        <v>28903</v>
      </c>
      <c r="D9411" s="14" t="s">
        <v>28904</v>
      </c>
      <c r="E9411" s="2" t="s">
        <v>28905</v>
      </c>
      <c r="F9411" s="2" t="s">
        <v>28906</v>
      </c>
      <c r="G9411" s="8">
        <v>345</v>
      </c>
      <c r="H9411" s="5">
        <v>20</v>
      </c>
      <c r="I9411" s="5" t="s">
        <v>69</v>
      </c>
      <c r="J9411" s="5" t="s">
        <v>27074</v>
      </c>
      <c r="K9411" s="2" t="s">
        <v>27075</v>
      </c>
      <c r="L9411" s="5" t="s">
        <v>27074</v>
      </c>
      <c r="M9411" s="2" t="s">
        <v>27075</v>
      </c>
      <c r="N9411" s="5" t="s">
        <v>24254</v>
      </c>
      <c r="O9411" s="5" t="s">
        <v>38</v>
      </c>
      <c r="P9411" s="5" t="s">
        <v>39</v>
      </c>
      <c r="Q9411" s="5" t="s">
        <v>40</v>
      </c>
      <c r="R9411" s="5" t="s">
        <v>25301</v>
      </c>
      <c r="S9411" s="5" t="s">
        <v>40</v>
      </c>
      <c r="T9411" s="5" t="s">
        <v>42</v>
      </c>
      <c r="U9411" s="2">
        <v>7.3029999999999999</v>
      </c>
      <c r="V9411" s="2">
        <v>5.9119999999999999</v>
      </c>
      <c r="W9411" s="2">
        <v>7.5999999999999998E-2</v>
      </c>
      <c r="X9411" s="2">
        <v>12</v>
      </c>
      <c r="Y9411" s="2">
        <v>50</v>
      </c>
      <c r="Z9411" s="2">
        <v>125.9</v>
      </c>
      <c r="AA9411" s="5">
        <v>10</v>
      </c>
      <c r="AB9411" s="5" t="s">
        <v>43</v>
      </c>
      <c r="AC9411" s="5" t="s">
        <v>44</v>
      </c>
      <c r="AD9411" s="2" t="s">
        <v>28907</v>
      </c>
      <c r="AE9411" s="1"/>
    </row>
    <row r="9412" spans="1:31" ht="14.45">
      <c r="A9412" s="11"/>
      <c r="B9412" s="20"/>
      <c r="C9412" s="2" t="s">
        <v>28908</v>
      </c>
      <c r="D9412" s="14" t="s">
        <v>28909</v>
      </c>
      <c r="E9412" s="2" t="s">
        <v>28910</v>
      </c>
      <c r="F9412" s="2" t="s">
        <v>28911</v>
      </c>
      <c r="G9412" s="8">
        <v>1007</v>
      </c>
      <c r="H9412" s="5">
        <v>20</v>
      </c>
      <c r="I9412" s="5" t="s">
        <v>69</v>
      </c>
      <c r="J9412" s="5" t="s">
        <v>27074</v>
      </c>
      <c r="K9412" s="2" t="s">
        <v>27075</v>
      </c>
      <c r="L9412" s="5" t="s">
        <v>27074</v>
      </c>
      <c r="M9412" s="2" t="s">
        <v>27075</v>
      </c>
      <c r="N9412" s="5" t="s">
        <v>24254</v>
      </c>
      <c r="O9412" s="5" t="s">
        <v>38</v>
      </c>
      <c r="P9412" s="5" t="s">
        <v>39</v>
      </c>
      <c r="Q9412" s="5" t="s">
        <v>40</v>
      </c>
      <c r="R9412" s="5" t="s">
        <v>1487</v>
      </c>
      <c r="S9412" s="5"/>
      <c r="T9412" s="5" t="s">
        <v>42</v>
      </c>
      <c r="U9412" s="2">
        <v>0</v>
      </c>
      <c r="V9412" s="2">
        <v>0</v>
      </c>
      <c r="W9412" s="2">
        <v>0</v>
      </c>
      <c r="X9412" s="2">
        <v>0</v>
      </c>
      <c r="Y9412" s="2">
        <v>0</v>
      </c>
      <c r="Z9412" s="2">
        <v>0</v>
      </c>
      <c r="AA9412" s="5"/>
      <c r="AB9412" s="5" t="s">
        <v>43</v>
      </c>
      <c r="AC9412" s="5" t="s">
        <v>44</v>
      </c>
      <c r="AD9412" s="2"/>
      <c r="AE9412" s="1"/>
    </row>
    <row r="9413" spans="1:31" ht="14.45">
      <c r="A9413" s="11"/>
      <c r="B9413" s="20"/>
      <c r="C9413" s="2" t="s">
        <v>28912</v>
      </c>
      <c r="D9413" s="14" t="s">
        <v>28913</v>
      </c>
      <c r="E9413" s="2" t="s">
        <v>28914</v>
      </c>
      <c r="F9413" s="2" t="s">
        <v>28915</v>
      </c>
      <c r="G9413" s="8">
        <v>1007</v>
      </c>
      <c r="H9413" s="5">
        <v>20</v>
      </c>
      <c r="I9413" s="5" t="s">
        <v>69</v>
      </c>
      <c r="J9413" s="5" t="s">
        <v>27074</v>
      </c>
      <c r="K9413" s="2" t="s">
        <v>27075</v>
      </c>
      <c r="L9413" s="5" t="s">
        <v>27074</v>
      </c>
      <c r="M9413" s="2" t="s">
        <v>27075</v>
      </c>
      <c r="N9413" s="5" t="s">
        <v>24254</v>
      </c>
      <c r="O9413" s="5" t="s">
        <v>38</v>
      </c>
      <c r="P9413" s="5" t="s">
        <v>39</v>
      </c>
      <c r="Q9413" s="5" t="s">
        <v>40</v>
      </c>
      <c r="R9413" s="5" t="s">
        <v>1487</v>
      </c>
      <c r="S9413" s="5"/>
      <c r="T9413" s="5" t="s">
        <v>42</v>
      </c>
      <c r="U9413" s="2">
        <v>0</v>
      </c>
      <c r="V9413" s="2">
        <v>0</v>
      </c>
      <c r="W9413" s="2">
        <v>0</v>
      </c>
      <c r="X9413" s="2">
        <v>0</v>
      </c>
      <c r="Y9413" s="2">
        <v>0</v>
      </c>
      <c r="Z9413" s="2">
        <v>0</v>
      </c>
      <c r="AA9413" s="5"/>
      <c r="AB9413" s="5" t="s">
        <v>43</v>
      </c>
      <c r="AC9413" s="5" t="s">
        <v>44</v>
      </c>
      <c r="AD9413" s="2"/>
      <c r="AE9413" s="1"/>
    </row>
    <row r="9414" spans="1:31" ht="14.45">
      <c r="A9414" s="11"/>
      <c r="B9414" s="20"/>
      <c r="C9414" s="2" t="s">
        <v>28916</v>
      </c>
      <c r="D9414" s="14" t="s">
        <v>28917</v>
      </c>
      <c r="E9414" s="2" t="s">
        <v>28918</v>
      </c>
      <c r="F9414" s="2" t="s">
        <v>28919</v>
      </c>
      <c r="G9414" s="8">
        <v>1007</v>
      </c>
      <c r="H9414" s="5">
        <v>20</v>
      </c>
      <c r="I9414" s="5" t="s">
        <v>69</v>
      </c>
      <c r="J9414" s="5" t="s">
        <v>27074</v>
      </c>
      <c r="K9414" s="2" t="s">
        <v>27075</v>
      </c>
      <c r="L9414" s="5" t="s">
        <v>27074</v>
      </c>
      <c r="M9414" s="2" t="s">
        <v>27075</v>
      </c>
      <c r="N9414" s="5" t="s">
        <v>24254</v>
      </c>
      <c r="O9414" s="5" t="s">
        <v>38</v>
      </c>
      <c r="P9414" s="5" t="s">
        <v>39</v>
      </c>
      <c r="Q9414" s="5" t="s">
        <v>40</v>
      </c>
      <c r="R9414" s="5" t="s">
        <v>1487</v>
      </c>
      <c r="S9414" s="5"/>
      <c r="T9414" s="5" t="s">
        <v>42</v>
      </c>
      <c r="U9414" s="2">
        <v>0</v>
      </c>
      <c r="V9414" s="2">
        <v>0</v>
      </c>
      <c r="W9414" s="2">
        <v>0</v>
      </c>
      <c r="X9414" s="2">
        <v>0</v>
      </c>
      <c r="Y9414" s="2">
        <v>0</v>
      </c>
      <c r="Z9414" s="2">
        <v>0</v>
      </c>
      <c r="AA9414" s="5"/>
      <c r="AB9414" s="5" t="s">
        <v>43</v>
      </c>
      <c r="AC9414" s="5" t="s">
        <v>44</v>
      </c>
      <c r="AD9414" s="2"/>
      <c r="AE9414" s="1"/>
    </row>
    <row r="9415" spans="1:31" ht="14.45">
      <c r="A9415" s="11"/>
      <c r="B9415" s="20"/>
      <c r="C9415" s="2" t="s">
        <v>28920</v>
      </c>
      <c r="D9415" s="14" t="s">
        <v>28921</v>
      </c>
      <c r="E9415" s="2" t="s">
        <v>28922</v>
      </c>
      <c r="F9415" s="2" t="s">
        <v>28923</v>
      </c>
      <c r="G9415" s="8">
        <v>1007</v>
      </c>
      <c r="H9415" s="5">
        <v>20</v>
      </c>
      <c r="I9415" s="5" t="s">
        <v>69</v>
      </c>
      <c r="J9415" s="5" t="s">
        <v>27074</v>
      </c>
      <c r="K9415" s="2" t="s">
        <v>27075</v>
      </c>
      <c r="L9415" s="5" t="s">
        <v>27074</v>
      </c>
      <c r="M9415" s="2" t="s">
        <v>27075</v>
      </c>
      <c r="N9415" s="5" t="s">
        <v>24254</v>
      </c>
      <c r="O9415" s="5" t="s">
        <v>38</v>
      </c>
      <c r="P9415" s="5" t="s">
        <v>39</v>
      </c>
      <c r="Q9415" s="5" t="s">
        <v>40</v>
      </c>
      <c r="R9415" s="5" t="s">
        <v>1487</v>
      </c>
      <c r="S9415" s="5"/>
      <c r="T9415" s="5" t="s">
        <v>42</v>
      </c>
      <c r="U9415" s="2">
        <v>0</v>
      </c>
      <c r="V9415" s="2">
        <v>0</v>
      </c>
      <c r="W9415" s="2">
        <v>0</v>
      </c>
      <c r="X9415" s="2">
        <v>0</v>
      </c>
      <c r="Y9415" s="2">
        <v>0</v>
      </c>
      <c r="Z9415" s="2">
        <v>0</v>
      </c>
      <c r="AA9415" s="5"/>
      <c r="AB9415" s="5" t="s">
        <v>43</v>
      </c>
      <c r="AC9415" s="5" t="s">
        <v>44</v>
      </c>
      <c r="AD9415" s="2"/>
      <c r="AE9415" s="1"/>
    </row>
    <row r="9416" spans="1:31" ht="14.45">
      <c r="A9416" s="11"/>
      <c r="B9416" s="20"/>
      <c r="C9416" s="2" t="s">
        <v>28924</v>
      </c>
      <c r="D9416" s="14" t="s">
        <v>28925</v>
      </c>
      <c r="E9416" s="2" t="s">
        <v>28926</v>
      </c>
      <c r="F9416" s="2" t="s">
        <v>28927</v>
      </c>
      <c r="G9416" s="8">
        <v>357</v>
      </c>
      <c r="H9416" s="5">
        <v>20</v>
      </c>
      <c r="I9416" s="5" t="s">
        <v>69</v>
      </c>
      <c r="J9416" s="5" t="s">
        <v>27074</v>
      </c>
      <c r="K9416" s="2" t="s">
        <v>27075</v>
      </c>
      <c r="L9416" s="5" t="s">
        <v>27074</v>
      </c>
      <c r="M9416" s="2" t="s">
        <v>27075</v>
      </c>
      <c r="N9416" s="5" t="s">
        <v>24254</v>
      </c>
      <c r="O9416" s="5" t="s">
        <v>38</v>
      </c>
      <c r="P9416" s="5" t="s">
        <v>39</v>
      </c>
      <c r="Q9416" s="5" t="s">
        <v>40</v>
      </c>
      <c r="R9416" s="5" t="s">
        <v>24340</v>
      </c>
      <c r="S9416" s="5" t="s">
        <v>40</v>
      </c>
      <c r="T9416" s="5" t="s">
        <v>42</v>
      </c>
      <c r="U9416" s="2">
        <v>12.815</v>
      </c>
      <c r="V9416" s="2">
        <v>11.302</v>
      </c>
      <c r="W9416" s="2">
        <v>8.3000000000000004E-2</v>
      </c>
      <c r="X9416" s="2">
        <v>12</v>
      </c>
      <c r="Y9416" s="2">
        <v>50</v>
      </c>
      <c r="Z9416" s="2">
        <v>137.9</v>
      </c>
      <c r="AA9416" s="5">
        <v>8</v>
      </c>
      <c r="AB9416" s="5" t="s">
        <v>43</v>
      </c>
      <c r="AC9416" s="5" t="s">
        <v>44</v>
      </c>
      <c r="AD9416" s="2" t="s">
        <v>28928</v>
      </c>
      <c r="AE9416" s="1"/>
    </row>
    <row r="9417" spans="1:31" ht="14.45">
      <c r="A9417" s="11"/>
      <c r="B9417" s="20"/>
      <c r="C9417" s="2" t="s">
        <v>28929</v>
      </c>
      <c r="D9417" s="14" t="s">
        <v>28930</v>
      </c>
      <c r="E9417" s="2" t="s">
        <v>28931</v>
      </c>
      <c r="F9417" s="2" t="s">
        <v>28932</v>
      </c>
      <c r="G9417" s="8">
        <v>357</v>
      </c>
      <c r="H9417" s="5">
        <v>20</v>
      </c>
      <c r="I9417" s="5" t="s">
        <v>69</v>
      </c>
      <c r="J9417" s="5" t="s">
        <v>27074</v>
      </c>
      <c r="K9417" s="2" t="s">
        <v>27075</v>
      </c>
      <c r="L9417" s="5" t="s">
        <v>27074</v>
      </c>
      <c r="M9417" s="2" t="s">
        <v>27075</v>
      </c>
      <c r="N9417" s="5" t="s">
        <v>24254</v>
      </c>
      <c r="O9417" s="5" t="s">
        <v>38</v>
      </c>
      <c r="P9417" s="5" t="s">
        <v>39</v>
      </c>
      <c r="Q9417" s="5" t="s">
        <v>40</v>
      </c>
      <c r="R9417" s="5" t="s">
        <v>24340</v>
      </c>
      <c r="S9417" s="5" t="s">
        <v>40</v>
      </c>
      <c r="T9417" s="5" t="s">
        <v>42</v>
      </c>
      <c r="U9417" s="2">
        <v>9.64</v>
      </c>
      <c r="V9417" s="2">
        <v>8.1270000000000007</v>
      </c>
      <c r="W9417" s="2">
        <v>8.3000000000000004E-2</v>
      </c>
      <c r="X9417" s="2">
        <v>12</v>
      </c>
      <c r="Y9417" s="2">
        <v>50</v>
      </c>
      <c r="Z9417" s="2">
        <v>137.9</v>
      </c>
      <c r="AA9417" s="5">
        <v>8</v>
      </c>
      <c r="AB9417" s="5" t="s">
        <v>43</v>
      </c>
      <c r="AC9417" s="5" t="s">
        <v>44</v>
      </c>
      <c r="AD9417" s="2" t="s">
        <v>28928</v>
      </c>
      <c r="AE9417" s="1"/>
    </row>
    <row r="9418" spans="1:31" ht="14.45">
      <c r="A9418" s="11"/>
      <c r="B9418" s="20"/>
      <c r="C9418" s="2" t="s">
        <v>28933</v>
      </c>
      <c r="D9418" s="14" t="s">
        <v>28934</v>
      </c>
      <c r="E9418" s="2" t="s">
        <v>28935</v>
      </c>
      <c r="F9418" s="2" t="s">
        <v>28936</v>
      </c>
      <c r="G9418" s="8">
        <v>357</v>
      </c>
      <c r="H9418" s="5">
        <v>20</v>
      </c>
      <c r="I9418" s="5" t="s">
        <v>69</v>
      </c>
      <c r="J9418" s="5" t="s">
        <v>27074</v>
      </c>
      <c r="K9418" s="2" t="s">
        <v>27075</v>
      </c>
      <c r="L9418" s="5" t="s">
        <v>27074</v>
      </c>
      <c r="M9418" s="2" t="s">
        <v>27075</v>
      </c>
      <c r="N9418" s="5" t="s">
        <v>24254</v>
      </c>
      <c r="O9418" s="5" t="s">
        <v>38</v>
      </c>
      <c r="P9418" s="5" t="s">
        <v>39</v>
      </c>
      <c r="Q9418" s="5" t="s">
        <v>40</v>
      </c>
      <c r="R9418" s="5" t="s">
        <v>24340</v>
      </c>
      <c r="S9418" s="5" t="s">
        <v>40</v>
      </c>
      <c r="T9418" s="5" t="s">
        <v>42</v>
      </c>
      <c r="U9418" s="2">
        <v>8.923</v>
      </c>
      <c r="V9418" s="2">
        <v>7.444</v>
      </c>
      <c r="W9418" s="2">
        <v>8.3000000000000004E-2</v>
      </c>
      <c r="X9418" s="2">
        <v>12</v>
      </c>
      <c r="Y9418" s="2">
        <v>50</v>
      </c>
      <c r="Z9418" s="2">
        <v>137.9</v>
      </c>
      <c r="AA9418" s="5">
        <v>8</v>
      </c>
      <c r="AB9418" s="5" t="s">
        <v>43</v>
      </c>
      <c r="AC9418" s="5" t="s">
        <v>44</v>
      </c>
      <c r="AD9418" s="2" t="s">
        <v>28928</v>
      </c>
      <c r="AE9418" s="1"/>
    </row>
    <row r="9419" spans="1:31" ht="14.45">
      <c r="A9419" s="11"/>
      <c r="B9419" s="20"/>
      <c r="C9419" s="2" t="s">
        <v>28937</v>
      </c>
      <c r="D9419" s="14" t="s">
        <v>28938</v>
      </c>
      <c r="E9419" s="2" t="s">
        <v>28939</v>
      </c>
      <c r="F9419" s="2" t="s">
        <v>28940</v>
      </c>
      <c r="G9419" s="8">
        <v>357</v>
      </c>
      <c r="H9419" s="5">
        <v>20</v>
      </c>
      <c r="I9419" s="5" t="s">
        <v>69</v>
      </c>
      <c r="J9419" s="5" t="s">
        <v>27074</v>
      </c>
      <c r="K9419" s="2" t="s">
        <v>27075</v>
      </c>
      <c r="L9419" s="5" t="s">
        <v>27074</v>
      </c>
      <c r="M9419" s="2" t="s">
        <v>27075</v>
      </c>
      <c r="N9419" s="5" t="s">
        <v>24254</v>
      </c>
      <c r="O9419" s="5" t="s">
        <v>38</v>
      </c>
      <c r="P9419" s="5" t="s">
        <v>39</v>
      </c>
      <c r="Q9419" s="5" t="s">
        <v>40</v>
      </c>
      <c r="R9419" s="5" t="s">
        <v>24340</v>
      </c>
      <c r="S9419" s="5" t="s">
        <v>40</v>
      </c>
      <c r="T9419" s="5" t="s">
        <v>42</v>
      </c>
      <c r="U9419" s="2">
        <v>9.7959999999999994</v>
      </c>
      <c r="V9419" s="2">
        <v>8.3170000000000002</v>
      </c>
      <c r="W9419" s="2">
        <v>8.3000000000000004E-2</v>
      </c>
      <c r="X9419" s="2">
        <v>12</v>
      </c>
      <c r="Y9419" s="2">
        <v>50</v>
      </c>
      <c r="Z9419" s="2">
        <v>137.9</v>
      </c>
      <c r="AA9419" s="5">
        <v>10</v>
      </c>
      <c r="AB9419" s="5" t="s">
        <v>43</v>
      </c>
      <c r="AC9419" s="5" t="s">
        <v>44</v>
      </c>
      <c r="AD9419" s="2" t="s">
        <v>28941</v>
      </c>
      <c r="AE9419" s="1"/>
    </row>
    <row r="9420" spans="1:31" ht="14.45">
      <c r="A9420" s="11"/>
      <c r="B9420" s="20"/>
      <c r="C9420" s="2" t="s">
        <v>28942</v>
      </c>
      <c r="D9420" s="14" t="s">
        <v>28943</v>
      </c>
      <c r="E9420" s="2" t="s">
        <v>28944</v>
      </c>
      <c r="F9420" s="2" t="s">
        <v>28887</v>
      </c>
      <c r="G9420" s="8">
        <v>357</v>
      </c>
      <c r="H9420" s="5">
        <v>20</v>
      </c>
      <c r="I9420" s="5" t="s">
        <v>69</v>
      </c>
      <c r="J9420" s="5" t="s">
        <v>27074</v>
      </c>
      <c r="K9420" s="2" t="s">
        <v>27075</v>
      </c>
      <c r="L9420" s="5" t="s">
        <v>27074</v>
      </c>
      <c r="M9420" s="2" t="s">
        <v>27075</v>
      </c>
      <c r="N9420" s="5" t="s">
        <v>24254</v>
      </c>
      <c r="O9420" s="5" t="s">
        <v>38</v>
      </c>
      <c r="P9420" s="5" t="s">
        <v>39</v>
      </c>
      <c r="Q9420" s="5" t="s">
        <v>40</v>
      </c>
      <c r="R9420" s="5" t="s">
        <v>25301</v>
      </c>
      <c r="S9420" s="5" t="s">
        <v>40</v>
      </c>
      <c r="T9420" s="5" t="s">
        <v>42</v>
      </c>
      <c r="U9420" s="2">
        <v>11.474</v>
      </c>
      <c r="V9420" s="2">
        <v>9.9610000000000003</v>
      </c>
      <c r="W9420" s="2">
        <v>8.3000000000000004E-2</v>
      </c>
      <c r="X9420" s="2">
        <v>12</v>
      </c>
      <c r="Y9420" s="2">
        <v>50</v>
      </c>
      <c r="Z9420" s="2">
        <v>137.9</v>
      </c>
      <c r="AA9420" s="5">
        <v>8</v>
      </c>
      <c r="AB9420" s="5" t="s">
        <v>43</v>
      </c>
      <c r="AC9420" s="5" t="s">
        <v>44</v>
      </c>
      <c r="AD9420" s="2" t="s">
        <v>28888</v>
      </c>
      <c r="AE9420" s="1"/>
    </row>
    <row r="9421" spans="1:31" ht="14.45">
      <c r="A9421" s="11"/>
      <c r="B9421" s="20"/>
      <c r="C9421" s="2" t="s">
        <v>28945</v>
      </c>
      <c r="D9421" s="14" t="s">
        <v>28946</v>
      </c>
      <c r="E9421" s="2" t="s">
        <v>28947</v>
      </c>
      <c r="F9421" s="2" t="s">
        <v>28948</v>
      </c>
      <c r="G9421" s="8">
        <v>357</v>
      </c>
      <c r="H9421" s="5">
        <v>20</v>
      </c>
      <c r="I9421" s="5" t="s">
        <v>69</v>
      </c>
      <c r="J9421" s="5" t="s">
        <v>27074</v>
      </c>
      <c r="K9421" s="2" t="s">
        <v>27075</v>
      </c>
      <c r="L9421" s="5" t="s">
        <v>27074</v>
      </c>
      <c r="M9421" s="2" t="s">
        <v>27075</v>
      </c>
      <c r="N9421" s="5" t="s">
        <v>24254</v>
      </c>
      <c r="O9421" s="5" t="s">
        <v>38</v>
      </c>
      <c r="P9421" s="5" t="s">
        <v>39</v>
      </c>
      <c r="Q9421" s="5" t="s">
        <v>40</v>
      </c>
      <c r="R9421" s="5" t="s">
        <v>25301</v>
      </c>
      <c r="S9421" s="5" t="s">
        <v>40</v>
      </c>
      <c r="T9421" s="5" t="s">
        <v>42</v>
      </c>
      <c r="U9421" s="2">
        <v>8.7629999999999999</v>
      </c>
      <c r="V9421" s="2">
        <v>7.25</v>
      </c>
      <c r="W9421" s="2">
        <v>8.3000000000000004E-2</v>
      </c>
      <c r="X9421" s="2">
        <v>12</v>
      </c>
      <c r="Y9421" s="2">
        <v>50</v>
      </c>
      <c r="Z9421" s="2">
        <v>137.9</v>
      </c>
      <c r="AA9421" s="5">
        <v>8</v>
      </c>
      <c r="AB9421" s="5" t="s">
        <v>43</v>
      </c>
      <c r="AC9421" s="5" t="s">
        <v>44</v>
      </c>
      <c r="AD9421" s="2" t="s">
        <v>28888</v>
      </c>
      <c r="AE9421" s="1"/>
    </row>
    <row r="9422" spans="1:31" ht="14.45">
      <c r="A9422" s="11"/>
      <c r="B9422" s="20"/>
      <c r="C9422" s="2" t="s">
        <v>28949</v>
      </c>
      <c r="D9422" s="14" t="s">
        <v>28950</v>
      </c>
      <c r="E9422" s="2" t="s">
        <v>28951</v>
      </c>
      <c r="F9422" s="2" t="s">
        <v>28892</v>
      </c>
      <c r="G9422" s="8">
        <v>357</v>
      </c>
      <c r="H9422" s="5">
        <v>20</v>
      </c>
      <c r="I9422" s="5" t="s">
        <v>69</v>
      </c>
      <c r="J9422" s="5" t="s">
        <v>27074</v>
      </c>
      <c r="K9422" s="2" t="s">
        <v>27075</v>
      </c>
      <c r="L9422" s="5" t="s">
        <v>27074</v>
      </c>
      <c r="M9422" s="2" t="s">
        <v>27075</v>
      </c>
      <c r="N9422" s="5" t="s">
        <v>24254</v>
      </c>
      <c r="O9422" s="5" t="s">
        <v>38</v>
      </c>
      <c r="P9422" s="5" t="s">
        <v>39</v>
      </c>
      <c r="Q9422" s="5" t="s">
        <v>40</v>
      </c>
      <c r="R9422" s="5" t="s">
        <v>25301</v>
      </c>
      <c r="S9422" s="5" t="s">
        <v>40</v>
      </c>
      <c r="T9422" s="5" t="s">
        <v>42</v>
      </c>
      <c r="U9422" s="2">
        <v>8.0990000000000002</v>
      </c>
      <c r="V9422" s="2">
        <v>6.62</v>
      </c>
      <c r="W9422" s="2">
        <v>8.3000000000000004E-2</v>
      </c>
      <c r="X9422" s="2">
        <v>12</v>
      </c>
      <c r="Y9422" s="2">
        <v>50</v>
      </c>
      <c r="Z9422" s="2">
        <v>137.9</v>
      </c>
      <c r="AA9422" s="5">
        <v>8</v>
      </c>
      <c r="AB9422" s="5" t="s">
        <v>43</v>
      </c>
      <c r="AC9422" s="5" t="s">
        <v>44</v>
      </c>
      <c r="AD9422" s="2" t="s">
        <v>28888</v>
      </c>
      <c r="AE9422" s="1"/>
    </row>
    <row r="9423" spans="1:31" ht="14.45">
      <c r="A9423" s="11"/>
      <c r="B9423" s="20"/>
      <c r="C9423" s="2" t="s">
        <v>28952</v>
      </c>
      <c r="D9423" s="14" t="s">
        <v>28953</v>
      </c>
      <c r="E9423" s="2" t="s">
        <v>28954</v>
      </c>
      <c r="F9423" s="2" t="s">
        <v>28896</v>
      </c>
      <c r="G9423" s="8">
        <v>357</v>
      </c>
      <c r="H9423" s="5">
        <v>20</v>
      </c>
      <c r="I9423" s="5" t="s">
        <v>69</v>
      </c>
      <c r="J9423" s="5" t="s">
        <v>27074</v>
      </c>
      <c r="K9423" s="2" t="s">
        <v>27075</v>
      </c>
      <c r="L9423" s="5" t="s">
        <v>27074</v>
      </c>
      <c r="M9423" s="2" t="s">
        <v>27075</v>
      </c>
      <c r="N9423" s="5" t="s">
        <v>24254</v>
      </c>
      <c r="O9423" s="5" t="s">
        <v>38</v>
      </c>
      <c r="P9423" s="5" t="s">
        <v>39</v>
      </c>
      <c r="Q9423" s="5" t="s">
        <v>40</v>
      </c>
      <c r="R9423" s="5" t="s">
        <v>25301</v>
      </c>
      <c r="S9423" s="5" t="s">
        <v>40</v>
      </c>
      <c r="T9423" s="5" t="s">
        <v>42</v>
      </c>
      <c r="U9423" s="2">
        <v>8.7119999999999997</v>
      </c>
      <c r="V9423" s="2">
        <v>7.2329999999999997</v>
      </c>
      <c r="W9423" s="2">
        <v>8.3000000000000004E-2</v>
      </c>
      <c r="X9423" s="2">
        <v>12</v>
      </c>
      <c r="Y9423" s="2">
        <v>50</v>
      </c>
      <c r="Z9423" s="2">
        <v>137.9</v>
      </c>
      <c r="AA9423" s="5">
        <v>10</v>
      </c>
      <c r="AB9423" s="5" t="s">
        <v>43</v>
      </c>
      <c r="AC9423" s="5" t="s">
        <v>44</v>
      </c>
      <c r="AD9423" s="2" t="s">
        <v>28955</v>
      </c>
      <c r="AE9423" s="1"/>
    </row>
    <row r="9424" spans="1:31" ht="14.45">
      <c r="A9424" s="11"/>
      <c r="B9424" s="20"/>
      <c r="C9424" s="2" t="s">
        <v>28956</v>
      </c>
      <c r="D9424" s="14" t="s">
        <v>28957</v>
      </c>
      <c r="E9424" s="2" t="s">
        <v>28958</v>
      </c>
      <c r="F9424" s="2" t="s">
        <v>28959</v>
      </c>
      <c r="G9424" s="8">
        <v>357</v>
      </c>
      <c r="H9424" s="5">
        <v>20</v>
      </c>
      <c r="I9424" s="5" t="s">
        <v>69</v>
      </c>
      <c r="J9424" s="5" t="s">
        <v>27074</v>
      </c>
      <c r="K9424" s="2" t="s">
        <v>27075</v>
      </c>
      <c r="L9424" s="5" t="s">
        <v>27074</v>
      </c>
      <c r="M9424" s="2" t="s">
        <v>27075</v>
      </c>
      <c r="N9424" s="5" t="s">
        <v>24254</v>
      </c>
      <c r="O9424" s="5" t="s">
        <v>38</v>
      </c>
      <c r="P9424" s="5" t="s">
        <v>39</v>
      </c>
      <c r="Q9424" s="5" t="s">
        <v>40</v>
      </c>
      <c r="R9424" s="5" t="s">
        <v>25301</v>
      </c>
      <c r="S9424" s="5" t="s">
        <v>40</v>
      </c>
      <c r="T9424" s="5" t="s">
        <v>42</v>
      </c>
      <c r="U9424" s="2">
        <v>6.5529999999999999</v>
      </c>
      <c r="V9424" s="2">
        <v>5.0739999999999998</v>
      </c>
      <c r="W9424" s="2">
        <v>8.3000000000000004E-2</v>
      </c>
      <c r="X9424" s="2">
        <v>12</v>
      </c>
      <c r="Y9424" s="2">
        <v>50</v>
      </c>
      <c r="Z9424" s="2">
        <v>137.9</v>
      </c>
      <c r="AA9424" s="5">
        <v>10</v>
      </c>
      <c r="AB9424" s="5" t="s">
        <v>43</v>
      </c>
      <c r="AC9424" s="5" t="s">
        <v>44</v>
      </c>
      <c r="AD9424" s="2" t="s">
        <v>28955</v>
      </c>
      <c r="AE9424" s="1"/>
    </row>
    <row r="9425" spans="1:31" ht="14.45">
      <c r="A9425" s="11"/>
      <c r="B9425" s="20"/>
      <c r="C9425" s="2" t="s">
        <v>28960</v>
      </c>
      <c r="D9425" s="14" t="s">
        <v>28961</v>
      </c>
      <c r="E9425" s="2" t="s">
        <v>28962</v>
      </c>
      <c r="F9425" s="2" t="s">
        <v>28901</v>
      </c>
      <c r="G9425" s="8">
        <v>357</v>
      </c>
      <c r="H9425" s="5">
        <v>20</v>
      </c>
      <c r="I9425" s="5" t="s">
        <v>69</v>
      </c>
      <c r="J9425" s="5" t="s">
        <v>27074</v>
      </c>
      <c r="K9425" s="2" t="s">
        <v>27075</v>
      </c>
      <c r="L9425" s="5" t="s">
        <v>27074</v>
      </c>
      <c r="M9425" s="2" t="s">
        <v>27075</v>
      </c>
      <c r="N9425" s="5" t="s">
        <v>24254</v>
      </c>
      <c r="O9425" s="5" t="s">
        <v>38</v>
      </c>
      <c r="P9425" s="5" t="s">
        <v>39</v>
      </c>
      <c r="Q9425" s="5" t="s">
        <v>40</v>
      </c>
      <c r="R9425" s="5" t="s">
        <v>25301</v>
      </c>
      <c r="S9425" s="5" t="s">
        <v>40</v>
      </c>
      <c r="T9425" s="5" t="s">
        <v>42</v>
      </c>
      <c r="U9425" s="2">
        <v>6.5110000000000001</v>
      </c>
      <c r="V9425" s="2">
        <v>5.032</v>
      </c>
      <c r="W9425" s="2">
        <v>8.3000000000000004E-2</v>
      </c>
      <c r="X9425" s="2">
        <v>12</v>
      </c>
      <c r="Y9425" s="2">
        <v>50</v>
      </c>
      <c r="Z9425" s="2">
        <v>137.9</v>
      </c>
      <c r="AA9425" s="5">
        <v>10</v>
      </c>
      <c r="AB9425" s="5" t="s">
        <v>43</v>
      </c>
      <c r="AC9425" s="5" t="s">
        <v>44</v>
      </c>
      <c r="AD9425" s="2" t="s">
        <v>28907</v>
      </c>
      <c r="AE9425" s="1"/>
    </row>
    <row r="9426" spans="1:31" ht="14.45">
      <c r="A9426" s="11"/>
      <c r="B9426" s="20"/>
      <c r="C9426" s="2" t="s">
        <v>28963</v>
      </c>
      <c r="D9426" s="14" t="s">
        <v>28964</v>
      </c>
      <c r="E9426" s="2" t="s">
        <v>28965</v>
      </c>
      <c r="F9426" s="2" t="s">
        <v>28906</v>
      </c>
      <c r="G9426" s="8">
        <v>357</v>
      </c>
      <c r="H9426" s="5">
        <v>20</v>
      </c>
      <c r="I9426" s="5" t="s">
        <v>69</v>
      </c>
      <c r="J9426" s="5" t="s">
        <v>27074</v>
      </c>
      <c r="K9426" s="2" t="s">
        <v>27075</v>
      </c>
      <c r="L9426" s="5" t="s">
        <v>27074</v>
      </c>
      <c r="M9426" s="2" t="s">
        <v>27075</v>
      </c>
      <c r="N9426" s="5" t="s">
        <v>24254</v>
      </c>
      <c r="O9426" s="5" t="s">
        <v>38</v>
      </c>
      <c r="P9426" s="5" t="s">
        <v>39</v>
      </c>
      <c r="Q9426" s="5" t="s">
        <v>40</v>
      </c>
      <c r="R9426" s="5" t="s">
        <v>25301</v>
      </c>
      <c r="S9426" s="5" t="s">
        <v>40</v>
      </c>
      <c r="T9426" s="5" t="s">
        <v>42</v>
      </c>
      <c r="U9426" s="2">
        <v>8.2870000000000008</v>
      </c>
      <c r="V9426" s="2">
        <v>6.8079999999999998</v>
      </c>
      <c r="W9426" s="2">
        <v>8.3000000000000004E-2</v>
      </c>
      <c r="X9426" s="2">
        <v>12</v>
      </c>
      <c r="Y9426" s="2">
        <v>50</v>
      </c>
      <c r="Z9426" s="2">
        <v>137.9</v>
      </c>
      <c r="AA9426" s="5">
        <v>10</v>
      </c>
      <c r="AB9426" s="5" t="s">
        <v>43</v>
      </c>
      <c r="AC9426" s="5" t="s">
        <v>44</v>
      </c>
      <c r="AD9426" s="2" t="s">
        <v>28907</v>
      </c>
      <c r="AE9426" s="1"/>
    </row>
    <row r="9427" spans="1:31" ht="14.45">
      <c r="A9427" s="11"/>
      <c r="B9427" s="20"/>
      <c r="C9427" s="2" t="s">
        <v>28966</v>
      </c>
      <c r="D9427" s="14" t="s">
        <v>28967</v>
      </c>
      <c r="E9427" s="2" t="s">
        <v>28968</v>
      </c>
      <c r="F9427" s="2" t="s">
        <v>28906</v>
      </c>
      <c r="G9427" s="8">
        <v>357</v>
      </c>
      <c r="H9427" s="5">
        <v>20</v>
      </c>
      <c r="I9427" s="5" t="s">
        <v>69</v>
      </c>
      <c r="J9427" s="5" t="s">
        <v>27074</v>
      </c>
      <c r="K9427" s="2" t="s">
        <v>27075</v>
      </c>
      <c r="L9427" s="5" t="s">
        <v>27074</v>
      </c>
      <c r="M9427" s="2" t="s">
        <v>27075</v>
      </c>
      <c r="N9427" s="5" t="s">
        <v>24254</v>
      </c>
      <c r="O9427" s="5" t="s">
        <v>38</v>
      </c>
      <c r="P9427" s="5" t="s">
        <v>39</v>
      </c>
      <c r="Q9427" s="5" t="s">
        <v>40</v>
      </c>
      <c r="R9427" s="5" t="s">
        <v>25301</v>
      </c>
      <c r="S9427" s="5" t="s">
        <v>40</v>
      </c>
      <c r="T9427" s="5" t="s">
        <v>42</v>
      </c>
      <c r="U9427" s="2">
        <v>8.9860000000000007</v>
      </c>
      <c r="V9427" s="2">
        <v>7.5069999999999997</v>
      </c>
      <c r="W9427" s="2">
        <v>8.3000000000000004E-2</v>
      </c>
      <c r="X9427" s="2">
        <v>12</v>
      </c>
      <c r="Y9427" s="2">
        <v>50</v>
      </c>
      <c r="Z9427" s="2">
        <v>137.9</v>
      </c>
      <c r="AA9427" s="5">
        <v>10</v>
      </c>
      <c r="AB9427" s="5" t="s">
        <v>43</v>
      </c>
      <c r="AC9427" s="5" t="s">
        <v>44</v>
      </c>
      <c r="AD9427" s="2" t="s">
        <v>28902</v>
      </c>
      <c r="AE9427" s="1"/>
    </row>
    <row r="9428" spans="1:31" ht="14.45">
      <c r="A9428" s="11"/>
      <c r="B9428" s="20"/>
      <c r="C9428" s="2" t="s">
        <v>28969</v>
      </c>
      <c r="D9428" s="14" t="s">
        <v>28970</v>
      </c>
      <c r="E9428" s="2" t="s">
        <v>28971</v>
      </c>
      <c r="F9428" s="2" t="s">
        <v>28911</v>
      </c>
      <c r="G9428" s="8">
        <v>1036</v>
      </c>
      <c r="H9428" s="5">
        <v>20</v>
      </c>
      <c r="I9428" s="5" t="s">
        <v>69</v>
      </c>
      <c r="J9428" s="5" t="s">
        <v>27074</v>
      </c>
      <c r="K9428" s="2" t="s">
        <v>27075</v>
      </c>
      <c r="L9428" s="5" t="s">
        <v>27074</v>
      </c>
      <c r="M9428" s="2" t="s">
        <v>27075</v>
      </c>
      <c r="N9428" s="5" t="s">
        <v>24254</v>
      </c>
      <c r="O9428" s="5" t="s">
        <v>38</v>
      </c>
      <c r="P9428" s="5" t="s">
        <v>39</v>
      </c>
      <c r="Q9428" s="5" t="s">
        <v>40</v>
      </c>
      <c r="R9428" s="5" t="s">
        <v>1487</v>
      </c>
      <c r="S9428" s="5"/>
      <c r="T9428" s="5" t="s">
        <v>42</v>
      </c>
      <c r="U9428" s="2">
        <v>0</v>
      </c>
      <c r="V9428" s="2">
        <v>0</v>
      </c>
      <c r="W9428" s="2">
        <v>0</v>
      </c>
      <c r="X9428" s="2">
        <v>0</v>
      </c>
      <c r="Y9428" s="2">
        <v>0</v>
      </c>
      <c r="Z9428" s="2">
        <v>0</v>
      </c>
      <c r="AA9428" s="5"/>
      <c r="AB9428" s="5" t="s">
        <v>43</v>
      </c>
      <c r="AC9428" s="5" t="s">
        <v>44</v>
      </c>
      <c r="AD9428" s="2"/>
      <c r="AE9428" s="1"/>
    </row>
    <row r="9429" spans="1:31" ht="14.45">
      <c r="A9429" s="11"/>
      <c r="B9429" s="20"/>
      <c r="C9429" s="2" t="s">
        <v>28972</v>
      </c>
      <c r="D9429" s="14" t="s">
        <v>28973</v>
      </c>
      <c r="E9429" s="2" t="s">
        <v>28974</v>
      </c>
      <c r="F9429" s="2" t="s">
        <v>28915</v>
      </c>
      <c r="G9429" s="8">
        <v>1036</v>
      </c>
      <c r="H9429" s="5">
        <v>20</v>
      </c>
      <c r="I9429" s="5" t="s">
        <v>69</v>
      </c>
      <c r="J9429" s="5" t="s">
        <v>27074</v>
      </c>
      <c r="K9429" s="2" t="s">
        <v>27075</v>
      </c>
      <c r="L9429" s="5" t="s">
        <v>27074</v>
      </c>
      <c r="M9429" s="2" t="s">
        <v>27075</v>
      </c>
      <c r="N9429" s="5" t="s">
        <v>24254</v>
      </c>
      <c r="O9429" s="5" t="s">
        <v>38</v>
      </c>
      <c r="P9429" s="5" t="s">
        <v>39</v>
      </c>
      <c r="Q9429" s="5" t="s">
        <v>40</v>
      </c>
      <c r="R9429" s="5" t="s">
        <v>1487</v>
      </c>
      <c r="S9429" s="5"/>
      <c r="T9429" s="5" t="s">
        <v>42</v>
      </c>
      <c r="U9429" s="2">
        <v>0</v>
      </c>
      <c r="V9429" s="2">
        <v>0</v>
      </c>
      <c r="W9429" s="2">
        <v>0</v>
      </c>
      <c r="X9429" s="2">
        <v>0</v>
      </c>
      <c r="Y9429" s="2">
        <v>0</v>
      </c>
      <c r="Z9429" s="2">
        <v>0</v>
      </c>
      <c r="AA9429" s="5"/>
      <c r="AB9429" s="5" t="s">
        <v>43</v>
      </c>
      <c r="AC9429" s="5" t="s">
        <v>44</v>
      </c>
      <c r="AD9429" s="2"/>
      <c r="AE9429" s="1"/>
    </row>
    <row r="9430" spans="1:31" ht="14.45">
      <c r="A9430" s="11"/>
      <c r="B9430" s="20"/>
      <c r="C9430" s="2" t="s">
        <v>28975</v>
      </c>
      <c r="D9430" s="14" t="s">
        <v>28976</v>
      </c>
      <c r="E9430" s="2" t="s">
        <v>28977</v>
      </c>
      <c r="F9430" s="2" t="s">
        <v>28919</v>
      </c>
      <c r="G9430" s="8">
        <v>1036</v>
      </c>
      <c r="H9430" s="5">
        <v>20</v>
      </c>
      <c r="I9430" s="5" t="s">
        <v>69</v>
      </c>
      <c r="J9430" s="5" t="s">
        <v>27074</v>
      </c>
      <c r="K9430" s="2" t="s">
        <v>27075</v>
      </c>
      <c r="L9430" s="5" t="s">
        <v>27074</v>
      </c>
      <c r="M9430" s="2" t="s">
        <v>27075</v>
      </c>
      <c r="N9430" s="5" t="s">
        <v>24254</v>
      </c>
      <c r="O9430" s="5" t="s">
        <v>38</v>
      </c>
      <c r="P9430" s="5" t="s">
        <v>39</v>
      </c>
      <c r="Q9430" s="5" t="s">
        <v>40</v>
      </c>
      <c r="R9430" s="5" t="s">
        <v>1487</v>
      </c>
      <c r="S9430" s="5"/>
      <c r="T9430" s="5" t="s">
        <v>42</v>
      </c>
      <c r="U9430" s="2">
        <v>0</v>
      </c>
      <c r="V9430" s="2">
        <v>0</v>
      </c>
      <c r="W9430" s="2">
        <v>0</v>
      </c>
      <c r="X9430" s="2">
        <v>0</v>
      </c>
      <c r="Y9430" s="2">
        <v>0</v>
      </c>
      <c r="Z9430" s="2">
        <v>0</v>
      </c>
      <c r="AA9430" s="5"/>
      <c r="AB9430" s="5" t="s">
        <v>43</v>
      </c>
      <c r="AC9430" s="5" t="s">
        <v>44</v>
      </c>
      <c r="AD9430" s="2"/>
      <c r="AE9430" s="1"/>
    </row>
    <row r="9431" spans="1:31" ht="14.45">
      <c r="A9431" s="11"/>
      <c r="B9431" s="20"/>
      <c r="C9431" s="2" t="s">
        <v>28978</v>
      </c>
      <c r="D9431" s="14" t="s">
        <v>28979</v>
      </c>
      <c r="E9431" s="2" t="s">
        <v>28980</v>
      </c>
      <c r="F9431" s="2" t="s">
        <v>28923</v>
      </c>
      <c r="G9431" s="8">
        <v>1036</v>
      </c>
      <c r="H9431" s="5">
        <v>20</v>
      </c>
      <c r="I9431" s="5" t="s">
        <v>69</v>
      </c>
      <c r="J9431" s="5" t="s">
        <v>27074</v>
      </c>
      <c r="K9431" s="2" t="s">
        <v>27075</v>
      </c>
      <c r="L9431" s="5" t="s">
        <v>27074</v>
      </c>
      <c r="M9431" s="2" t="s">
        <v>27075</v>
      </c>
      <c r="N9431" s="5" t="s">
        <v>24254</v>
      </c>
      <c r="O9431" s="5" t="s">
        <v>38</v>
      </c>
      <c r="P9431" s="5" t="s">
        <v>39</v>
      </c>
      <c r="Q9431" s="5" t="s">
        <v>40</v>
      </c>
      <c r="R9431" s="5" t="s">
        <v>1487</v>
      </c>
      <c r="S9431" s="5"/>
      <c r="T9431" s="5" t="s">
        <v>42</v>
      </c>
      <c r="U9431" s="2">
        <v>0</v>
      </c>
      <c r="V9431" s="2">
        <v>0</v>
      </c>
      <c r="W9431" s="2">
        <v>0</v>
      </c>
      <c r="X9431" s="2">
        <v>0</v>
      </c>
      <c r="Y9431" s="2">
        <v>0</v>
      </c>
      <c r="Z9431" s="2">
        <v>0</v>
      </c>
      <c r="AA9431" s="5"/>
      <c r="AB9431" s="5" t="s">
        <v>43</v>
      </c>
      <c r="AC9431" s="5" t="s">
        <v>44</v>
      </c>
      <c r="AD9431" s="2"/>
      <c r="AE9431" s="1"/>
    </row>
    <row r="9432" spans="1:31" ht="14.45">
      <c r="A9432" s="11"/>
      <c r="B9432" s="20"/>
      <c r="C9432" s="2" t="s">
        <v>28981</v>
      </c>
      <c r="D9432" s="14" t="s">
        <v>28982</v>
      </c>
      <c r="E9432" s="2" t="s">
        <v>28983</v>
      </c>
      <c r="F9432" s="2" t="s">
        <v>28940</v>
      </c>
      <c r="G9432" s="8">
        <v>365</v>
      </c>
      <c r="H9432" s="5">
        <v>20</v>
      </c>
      <c r="I9432" s="5" t="s">
        <v>69</v>
      </c>
      <c r="J9432" s="5" t="s">
        <v>27074</v>
      </c>
      <c r="K9432" s="2" t="s">
        <v>27075</v>
      </c>
      <c r="L9432" s="5" t="s">
        <v>27074</v>
      </c>
      <c r="M9432" s="2" t="s">
        <v>27075</v>
      </c>
      <c r="N9432" s="5" t="s">
        <v>24254</v>
      </c>
      <c r="O9432" s="5" t="s">
        <v>38</v>
      </c>
      <c r="P9432" s="5" t="s">
        <v>39</v>
      </c>
      <c r="Q9432" s="5" t="s">
        <v>40</v>
      </c>
      <c r="R9432" s="5" t="s">
        <v>24340</v>
      </c>
      <c r="S9432" s="5" t="s">
        <v>40</v>
      </c>
      <c r="T9432" s="5" t="s">
        <v>42</v>
      </c>
      <c r="U9432" s="2">
        <v>10.933999999999999</v>
      </c>
      <c r="V9432" s="2">
        <v>9.3109999999999999</v>
      </c>
      <c r="W9432" s="2">
        <v>9.2999999999999999E-2</v>
      </c>
      <c r="X9432" s="2">
        <v>12</v>
      </c>
      <c r="Y9432" s="2">
        <v>50</v>
      </c>
      <c r="Z9432" s="2">
        <v>154.4</v>
      </c>
      <c r="AA9432" s="5">
        <v>10</v>
      </c>
      <c r="AB9432" s="5" t="s">
        <v>43</v>
      </c>
      <c r="AC9432" s="5" t="s">
        <v>44</v>
      </c>
      <c r="AD9432" s="2" t="s">
        <v>28941</v>
      </c>
      <c r="AE9432" s="1"/>
    </row>
    <row r="9433" spans="1:31" ht="14.45">
      <c r="A9433" s="11"/>
      <c r="B9433" s="20"/>
      <c r="C9433" s="2" t="s">
        <v>28984</v>
      </c>
      <c r="D9433" s="14" t="s">
        <v>28985</v>
      </c>
      <c r="E9433" s="2" t="s">
        <v>28986</v>
      </c>
      <c r="F9433" s="2" t="s">
        <v>28887</v>
      </c>
      <c r="G9433" s="8">
        <v>365</v>
      </c>
      <c r="H9433" s="5">
        <v>20</v>
      </c>
      <c r="I9433" s="5" t="s">
        <v>69</v>
      </c>
      <c r="J9433" s="5" t="s">
        <v>27074</v>
      </c>
      <c r="K9433" s="2" t="s">
        <v>27075</v>
      </c>
      <c r="L9433" s="5" t="s">
        <v>27074</v>
      </c>
      <c r="M9433" s="2" t="s">
        <v>27075</v>
      </c>
      <c r="N9433" s="5" t="s">
        <v>24254</v>
      </c>
      <c r="O9433" s="5" t="s">
        <v>38</v>
      </c>
      <c r="P9433" s="5" t="s">
        <v>39</v>
      </c>
      <c r="Q9433" s="5" t="s">
        <v>40</v>
      </c>
      <c r="R9433" s="5" t="s">
        <v>25301</v>
      </c>
      <c r="S9433" s="5" t="s">
        <v>40</v>
      </c>
      <c r="T9433" s="5" t="s">
        <v>42</v>
      </c>
      <c r="U9433" s="2">
        <v>12.573</v>
      </c>
      <c r="V9433" s="2">
        <v>10.916</v>
      </c>
      <c r="W9433" s="2">
        <v>9.2999999999999999E-2</v>
      </c>
      <c r="X9433" s="2">
        <v>12</v>
      </c>
      <c r="Y9433" s="2">
        <v>50</v>
      </c>
      <c r="Z9433" s="2">
        <v>154.4</v>
      </c>
      <c r="AA9433" s="5">
        <v>8</v>
      </c>
      <c r="AB9433" s="5" t="s">
        <v>43</v>
      </c>
      <c r="AC9433" s="5" t="s">
        <v>44</v>
      </c>
      <c r="AD9433" s="2" t="s">
        <v>28888</v>
      </c>
      <c r="AE9433" s="1"/>
    </row>
    <row r="9434" spans="1:31" ht="14.45">
      <c r="A9434" s="11"/>
      <c r="B9434" s="20"/>
      <c r="C9434" s="2" t="s">
        <v>28987</v>
      </c>
      <c r="D9434" s="14" t="s">
        <v>28988</v>
      </c>
      <c r="E9434" s="2" t="s">
        <v>28989</v>
      </c>
      <c r="F9434" s="2" t="s">
        <v>28892</v>
      </c>
      <c r="G9434" s="8">
        <v>365</v>
      </c>
      <c r="H9434" s="5">
        <v>20</v>
      </c>
      <c r="I9434" s="5" t="s">
        <v>69</v>
      </c>
      <c r="J9434" s="5" t="s">
        <v>27074</v>
      </c>
      <c r="K9434" s="2" t="s">
        <v>27075</v>
      </c>
      <c r="L9434" s="5" t="s">
        <v>27074</v>
      </c>
      <c r="M9434" s="2" t="s">
        <v>27075</v>
      </c>
      <c r="N9434" s="5" t="s">
        <v>24254</v>
      </c>
      <c r="O9434" s="5" t="s">
        <v>38</v>
      </c>
      <c r="P9434" s="5" t="s">
        <v>39</v>
      </c>
      <c r="Q9434" s="5" t="s">
        <v>40</v>
      </c>
      <c r="R9434" s="5" t="s">
        <v>25301</v>
      </c>
      <c r="S9434" s="5" t="s">
        <v>40</v>
      </c>
      <c r="T9434" s="5" t="s">
        <v>42</v>
      </c>
      <c r="U9434" s="2">
        <v>8.8759999999999994</v>
      </c>
      <c r="V9434" s="2">
        <v>7.2530000000000001</v>
      </c>
      <c r="W9434" s="2">
        <v>9.2999999999999999E-2</v>
      </c>
      <c r="X9434" s="2">
        <v>12</v>
      </c>
      <c r="Y9434" s="2">
        <v>50</v>
      </c>
      <c r="Z9434" s="2">
        <v>154.4</v>
      </c>
      <c r="AA9434" s="5">
        <v>8</v>
      </c>
      <c r="AB9434" s="5" t="s">
        <v>43</v>
      </c>
      <c r="AC9434" s="5" t="s">
        <v>44</v>
      </c>
      <c r="AD9434" s="2" t="s">
        <v>28888</v>
      </c>
      <c r="AE9434" s="1"/>
    </row>
    <row r="9435" spans="1:31" ht="14.45">
      <c r="A9435" s="11"/>
      <c r="B9435" s="20"/>
      <c r="C9435" s="2" t="s">
        <v>28990</v>
      </c>
      <c r="D9435" s="14" t="s">
        <v>28991</v>
      </c>
      <c r="E9435" s="2" t="s">
        <v>28992</v>
      </c>
      <c r="F9435" s="2" t="s">
        <v>28906</v>
      </c>
      <c r="G9435" s="8">
        <v>365</v>
      </c>
      <c r="H9435" s="5">
        <v>20</v>
      </c>
      <c r="I9435" s="5" t="s">
        <v>69</v>
      </c>
      <c r="J9435" s="5" t="s">
        <v>27074</v>
      </c>
      <c r="K9435" s="2" t="s">
        <v>27075</v>
      </c>
      <c r="L9435" s="5" t="s">
        <v>27074</v>
      </c>
      <c r="M9435" s="2" t="s">
        <v>27075</v>
      </c>
      <c r="N9435" s="5" t="s">
        <v>24254</v>
      </c>
      <c r="O9435" s="5" t="s">
        <v>38</v>
      </c>
      <c r="P9435" s="5" t="s">
        <v>39</v>
      </c>
      <c r="Q9435" s="5" t="s">
        <v>40</v>
      </c>
      <c r="R9435" s="5" t="s">
        <v>25301</v>
      </c>
      <c r="S9435" s="5" t="s">
        <v>40</v>
      </c>
      <c r="T9435" s="5" t="s">
        <v>42</v>
      </c>
      <c r="U9435" s="2">
        <v>9.3290000000000006</v>
      </c>
      <c r="V9435" s="2">
        <v>7.7060000000000004</v>
      </c>
      <c r="W9435" s="2">
        <v>9.2999999999999999E-2</v>
      </c>
      <c r="X9435" s="2">
        <v>12</v>
      </c>
      <c r="Y9435" s="2">
        <v>50</v>
      </c>
      <c r="Z9435" s="2">
        <v>154.4</v>
      </c>
      <c r="AA9435" s="5">
        <v>10</v>
      </c>
      <c r="AB9435" s="5" t="s">
        <v>43</v>
      </c>
      <c r="AC9435" s="5" t="s">
        <v>44</v>
      </c>
      <c r="AD9435" s="2" t="s">
        <v>28907</v>
      </c>
      <c r="AE9435" s="1"/>
    </row>
    <row r="9436" spans="1:31" ht="14.45">
      <c r="A9436" s="11"/>
      <c r="B9436" s="20"/>
      <c r="C9436" s="2" t="s">
        <v>28993</v>
      </c>
      <c r="D9436" s="14" t="s">
        <v>28994</v>
      </c>
      <c r="E9436" s="2" t="s">
        <v>28995</v>
      </c>
      <c r="F9436" s="2" t="s">
        <v>28906</v>
      </c>
      <c r="G9436" s="8">
        <v>365</v>
      </c>
      <c r="H9436" s="5">
        <v>20</v>
      </c>
      <c r="I9436" s="5" t="s">
        <v>69</v>
      </c>
      <c r="J9436" s="5" t="s">
        <v>27074</v>
      </c>
      <c r="K9436" s="2" t="s">
        <v>27075</v>
      </c>
      <c r="L9436" s="5" t="s">
        <v>27074</v>
      </c>
      <c r="M9436" s="2" t="s">
        <v>27075</v>
      </c>
      <c r="N9436" s="5" t="s">
        <v>24254</v>
      </c>
      <c r="O9436" s="5" t="s">
        <v>38</v>
      </c>
      <c r="P9436" s="5" t="s">
        <v>39</v>
      </c>
      <c r="Q9436" s="5" t="s">
        <v>40</v>
      </c>
      <c r="R9436" s="5" t="s">
        <v>25301</v>
      </c>
      <c r="S9436" s="5" t="s">
        <v>40</v>
      </c>
      <c r="T9436" s="5" t="s">
        <v>42</v>
      </c>
      <c r="U9436" s="2">
        <v>10.028</v>
      </c>
      <c r="V9436" s="2">
        <v>8.4049999999999994</v>
      </c>
      <c r="W9436" s="2">
        <v>9.2999999999999999E-2</v>
      </c>
      <c r="X9436" s="2">
        <v>12</v>
      </c>
      <c r="Y9436" s="2">
        <v>50</v>
      </c>
      <c r="Z9436" s="2">
        <v>154.4</v>
      </c>
      <c r="AA9436" s="5">
        <v>10</v>
      </c>
      <c r="AB9436" s="5" t="s">
        <v>43</v>
      </c>
      <c r="AC9436" s="5" t="s">
        <v>44</v>
      </c>
      <c r="AD9436" s="2" t="s">
        <v>28902</v>
      </c>
      <c r="AE9436" s="1"/>
    </row>
    <row r="9437" spans="1:31" ht="14.45">
      <c r="A9437" s="11"/>
      <c r="B9437" s="20"/>
      <c r="C9437" s="2" t="s">
        <v>28996</v>
      </c>
      <c r="D9437" s="14" t="s">
        <v>28997</v>
      </c>
      <c r="E9437" s="2" t="s">
        <v>28998</v>
      </c>
      <c r="F9437" s="2" t="s">
        <v>28911</v>
      </c>
      <c r="G9437" s="8">
        <v>1064</v>
      </c>
      <c r="H9437" s="5">
        <v>20</v>
      </c>
      <c r="I9437" s="5" t="s">
        <v>69</v>
      </c>
      <c r="J9437" s="5" t="s">
        <v>27074</v>
      </c>
      <c r="K9437" s="2" t="s">
        <v>27075</v>
      </c>
      <c r="L9437" s="5" t="s">
        <v>27074</v>
      </c>
      <c r="M9437" s="2" t="s">
        <v>27075</v>
      </c>
      <c r="N9437" s="5" t="s">
        <v>24254</v>
      </c>
      <c r="O9437" s="5" t="s">
        <v>38</v>
      </c>
      <c r="P9437" s="5" t="s">
        <v>39</v>
      </c>
      <c r="Q9437" s="5" t="s">
        <v>40</v>
      </c>
      <c r="R9437" s="5" t="s">
        <v>1487</v>
      </c>
      <c r="S9437" s="5"/>
      <c r="T9437" s="5" t="s">
        <v>42</v>
      </c>
      <c r="U9437" s="2">
        <v>0</v>
      </c>
      <c r="V9437" s="2">
        <v>0</v>
      </c>
      <c r="W9437" s="2">
        <v>0</v>
      </c>
      <c r="X9437" s="2">
        <v>0</v>
      </c>
      <c r="Y9437" s="2">
        <v>0</v>
      </c>
      <c r="Z9437" s="2">
        <v>0</v>
      </c>
      <c r="AA9437" s="5"/>
      <c r="AB9437" s="5" t="s">
        <v>43</v>
      </c>
      <c r="AC9437" s="5" t="s">
        <v>44</v>
      </c>
      <c r="AD9437" s="2"/>
      <c r="AE9437" s="1"/>
    </row>
    <row r="9438" spans="1:31" ht="14.45">
      <c r="A9438" s="11"/>
      <c r="B9438" s="20"/>
      <c r="C9438" s="2" t="s">
        <v>28999</v>
      </c>
      <c r="D9438" s="14" t="s">
        <v>29000</v>
      </c>
      <c r="E9438" s="2" t="s">
        <v>29001</v>
      </c>
      <c r="F9438" s="2" t="s">
        <v>28915</v>
      </c>
      <c r="G9438" s="8">
        <v>1064</v>
      </c>
      <c r="H9438" s="5">
        <v>20</v>
      </c>
      <c r="I9438" s="5" t="s">
        <v>69</v>
      </c>
      <c r="J9438" s="5" t="s">
        <v>27074</v>
      </c>
      <c r="K9438" s="2" t="s">
        <v>27075</v>
      </c>
      <c r="L9438" s="5" t="s">
        <v>27074</v>
      </c>
      <c r="M9438" s="2" t="s">
        <v>27075</v>
      </c>
      <c r="N9438" s="5" t="s">
        <v>24254</v>
      </c>
      <c r="O9438" s="5" t="s">
        <v>38</v>
      </c>
      <c r="P9438" s="5" t="s">
        <v>39</v>
      </c>
      <c r="Q9438" s="5" t="s">
        <v>40</v>
      </c>
      <c r="R9438" s="5" t="s">
        <v>1487</v>
      </c>
      <c r="S9438" s="5"/>
      <c r="T9438" s="5" t="s">
        <v>42</v>
      </c>
      <c r="U9438" s="2">
        <v>0</v>
      </c>
      <c r="V9438" s="2">
        <v>0</v>
      </c>
      <c r="W9438" s="2">
        <v>0</v>
      </c>
      <c r="X9438" s="2">
        <v>0</v>
      </c>
      <c r="Y9438" s="2">
        <v>0</v>
      </c>
      <c r="Z9438" s="2">
        <v>0</v>
      </c>
      <c r="AA9438" s="5"/>
      <c r="AB9438" s="5" t="s">
        <v>43</v>
      </c>
      <c r="AC9438" s="5" t="s">
        <v>44</v>
      </c>
      <c r="AD9438" s="2"/>
      <c r="AE9438" s="1"/>
    </row>
    <row r="9439" spans="1:31" ht="14.45">
      <c r="A9439" s="11"/>
      <c r="B9439" s="20"/>
      <c r="C9439" s="2" t="s">
        <v>29002</v>
      </c>
      <c r="D9439" s="14" t="s">
        <v>29003</v>
      </c>
      <c r="E9439" s="2" t="s">
        <v>29004</v>
      </c>
      <c r="F9439" s="2" t="s">
        <v>28919</v>
      </c>
      <c r="G9439" s="8">
        <v>1064</v>
      </c>
      <c r="H9439" s="5">
        <v>20</v>
      </c>
      <c r="I9439" s="5" t="s">
        <v>69</v>
      </c>
      <c r="J9439" s="5" t="s">
        <v>27074</v>
      </c>
      <c r="K9439" s="2" t="s">
        <v>27075</v>
      </c>
      <c r="L9439" s="5" t="s">
        <v>27074</v>
      </c>
      <c r="M9439" s="2" t="s">
        <v>27075</v>
      </c>
      <c r="N9439" s="5" t="s">
        <v>24254</v>
      </c>
      <c r="O9439" s="5" t="s">
        <v>38</v>
      </c>
      <c r="P9439" s="5" t="s">
        <v>39</v>
      </c>
      <c r="Q9439" s="5" t="s">
        <v>40</v>
      </c>
      <c r="R9439" s="5" t="s">
        <v>1487</v>
      </c>
      <c r="S9439" s="5"/>
      <c r="T9439" s="5" t="s">
        <v>42</v>
      </c>
      <c r="U9439" s="2">
        <v>0</v>
      </c>
      <c r="V9439" s="2">
        <v>0</v>
      </c>
      <c r="W9439" s="2">
        <v>0</v>
      </c>
      <c r="X9439" s="2">
        <v>0</v>
      </c>
      <c r="Y9439" s="2">
        <v>0</v>
      </c>
      <c r="Z9439" s="2">
        <v>0</v>
      </c>
      <c r="AA9439" s="5"/>
      <c r="AB9439" s="5" t="s">
        <v>43</v>
      </c>
      <c r="AC9439" s="5" t="s">
        <v>44</v>
      </c>
      <c r="AD9439" s="2"/>
      <c r="AE9439" s="1"/>
    </row>
    <row r="9440" spans="1:31" ht="14.45">
      <c r="A9440" s="11"/>
      <c r="B9440" s="20"/>
      <c r="C9440" s="2" t="s">
        <v>29005</v>
      </c>
      <c r="D9440" s="14" t="s">
        <v>29006</v>
      </c>
      <c r="E9440" s="2" t="s">
        <v>29007</v>
      </c>
      <c r="F9440" s="2" t="s">
        <v>28923</v>
      </c>
      <c r="G9440" s="8">
        <v>1064</v>
      </c>
      <c r="H9440" s="5">
        <v>20</v>
      </c>
      <c r="I9440" s="5" t="s">
        <v>69</v>
      </c>
      <c r="J9440" s="5" t="s">
        <v>27074</v>
      </c>
      <c r="K9440" s="2" t="s">
        <v>27075</v>
      </c>
      <c r="L9440" s="5" t="s">
        <v>27074</v>
      </c>
      <c r="M9440" s="2" t="s">
        <v>27075</v>
      </c>
      <c r="N9440" s="5" t="s">
        <v>24254</v>
      </c>
      <c r="O9440" s="5" t="s">
        <v>38</v>
      </c>
      <c r="P9440" s="5" t="s">
        <v>39</v>
      </c>
      <c r="Q9440" s="5" t="s">
        <v>40</v>
      </c>
      <c r="R9440" s="5" t="s">
        <v>1487</v>
      </c>
      <c r="S9440" s="5"/>
      <c r="T9440" s="5" t="s">
        <v>42</v>
      </c>
      <c r="U9440" s="2">
        <v>0</v>
      </c>
      <c r="V9440" s="2">
        <v>0</v>
      </c>
      <c r="W9440" s="2">
        <v>0</v>
      </c>
      <c r="X9440" s="2">
        <v>0</v>
      </c>
      <c r="Y9440" s="2">
        <v>0</v>
      </c>
      <c r="Z9440" s="2">
        <v>0</v>
      </c>
      <c r="AA9440" s="5"/>
      <c r="AB9440" s="5" t="s">
        <v>43</v>
      </c>
      <c r="AC9440" s="5" t="s">
        <v>44</v>
      </c>
      <c r="AD9440" s="2"/>
      <c r="AE9440" s="1"/>
    </row>
    <row r="9441" spans="1:31" ht="14.45">
      <c r="A9441" s="11"/>
      <c r="B9441" s="20"/>
      <c r="C9441" s="2" t="s">
        <v>29008</v>
      </c>
      <c r="D9441" s="14" t="s">
        <v>29009</v>
      </c>
      <c r="E9441" s="2" t="s">
        <v>29010</v>
      </c>
      <c r="F9441" s="2" t="s">
        <v>28927</v>
      </c>
      <c r="G9441" s="8">
        <v>365</v>
      </c>
      <c r="H9441" s="5">
        <v>20</v>
      </c>
      <c r="I9441" s="5" t="s">
        <v>69</v>
      </c>
      <c r="J9441" s="5" t="s">
        <v>27074</v>
      </c>
      <c r="K9441" s="2" t="s">
        <v>27075</v>
      </c>
      <c r="L9441" s="5" t="s">
        <v>27074</v>
      </c>
      <c r="M9441" s="2" t="s">
        <v>27075</v>
      </c>
      <c r="N9441" s="5" t="s">
        <v>24254</v>
      </c>
      <c r="O9441" s="5" t="s">
        <v>38</v>
      </c>
      <c r="P9441" s="5" t="s">
        <v>39</v>
      </c>
      <c r="Q9441" s="5" t="s">
        <v>40</v>
      </c>
      <c r="R9441" s="5" t="s">
        <v>24340</v>
      </c>
      <c r="S9441" s="5" t="s">
        <v>40</v>
      </c>
      <c r="T9441" s="5" t="s">
        <v>42</v>
      </c>
      <c r="U9441" s="2">
        <v>13.51</v>
      </c>
      <c r="V9441" s="2">
        <v>11.997</v>
      </c>
      <c r="W9441" s="2">
        <v>8.3000000000000004E-2</v>
      </c>
      <c r="X9441" s="2">
        <v>12</v>
      </c>
      <c r="Y9441" s="2">
        <v>50</v>
      </c>
      <c r="Z9441" s="2">
        <v>137.9</v>
      </c>
      <c r="AA9441" s="5">
        <v>8</v>
      </c>
      <c r="AB9441" s="5" t="s">
        <v>43</v>
      </c>
      <c r="AC9441" s="5" t="s">
        <v>44</v>
      </c>
      <c r="AD9441" s="2" t="s">
        <v>28928</v>
      </c>
      <c r="AE9441" s="1"/>
    </row>
    <row r="9442" spans="1:31" ht="14.45">
      <c r="A9442" s="11"/>
      <c r="B9442" s="20"/>
      <c r="C9442" s="2" t="s">
        <v>29011</v>
      </c>
      <c r="D9442" s="14" t="s">
        <v>29012</v>
      </c>
      <c r="E9442" s="2" t="s">
        <v>29013</v>
      </c>
      <c r="F9442" s="2" t="s">
        <v>28936</v>
      </c>
      <c r="G9442" s="8">
        <v>365</v>
      </c>
      <c r="H9442" s="5">
        <v>20</v>
      </c>
      <c r="I9442" s="5" t="s">
        <v>69</v>
      </c>
      <c r="J9442" s="5" t="s">
        <v>27074</v>
      </c>
      <c r="K9442" s="2" t="s">
        <v>27075</v>
      </c>
      <c r="L9442" s="5" t="s">
        <v>27074</v>
      </c>
      <c r="M9442" s="2" t="s">
        <v>27075</v>
      </c>
      <c r="N9442" s="5" t="s">
        <v>24254</v>
      </c>
      <c r="O9442" s="5" t="s">
        <v>38</v>
      </c>
      <c r="P9442" s="5" t="s">
        <v>39</v>
      </c>
      <c r="Q9442" s="5" t="s">
        <v>40</v>
      </c>
      <c r="R9442" s="5" t="s">
        <v>24340</v>
      </c>
      <c r="S9442" s="5" t="s">
        <v>40</v>
      </c>
      <c r="T9442" s="5" t="s">
        <v>42</v>
      </c>
      <c r="U9442" s="2">
        <v>9.35</v>
      </c>
      <c r="V9442" s="2">
        <v>7.8710000000000004</v>
      </c>
      <c r="W9442" s="2">
        <v>8.3000000000000004E-2</v>
      </c>
      <c r="X9442" s="2">
        <v>12</v>
      </c>
      <c r="Y9442" s="2">
        <v>50</v>
      </c>
      <c r="Z9442" s="2">
        <v>137.9</v>
      </c>
      <c r="AA9442" s="5">
        <v>8</v>
      </c>
      <c r="AB9442" s="5" t="s">
        <v>43</v>
      </c>
      <c r="AC9442" s="5" t="s">
        <v>44</v>
      </c>
      <c r="AD9442" s="2" t="s">
        <v>28928</v>
      </c>
      <c r="AE9442" s="1"/>
    </row>
    <row r="9443" spans="1:31" ht="14.45">
      <c r="A9443" s="11"/>
      <c r="B9443" s="20"/>
      <c r="C9443" s="2" t="s">
        <v>29014</v>
      </c>
      <c r="D9443" s="14" t="s">
        <v>29015</v>
      </c>
      <c r="E9443" s="2" t="s">
        <v>29016</v>
      </c>
      <c r="F9443" s="2" t="s">
        <v>28887</v>
      </c>
      <c r="G9443" s="8">
        <v>365</v>
      </c>
      <c r="H9443" s="5">
        <v>20</v>
      </c>
      <c r="I9443" s="5" t="s">
        <v>69</v>
      </c>
      <c r="J9443" s="5" t="s">
        <v>27074</v>
      </c>
      <c r="K9443" s="2" t="s">
        <v>27075</v>
      </c>
      <c r="L9443" s="5" t="s">
        <v>27074</v>
      </c>
      <c r="M9443" s="2" t="s">
        <v>27075</v>
      </c>
      <c r="N9443" s="5" t="s">
        <v>24254</v>
      </c>
      <c r="O9443" s="5" t="s">
        <v>38</v>
      </c>
      <c r="P9443" s="5" t="s">
        <v>39</v>
      </c>
      <c r="Q9443" s="5" t="s">
        <v>40</v>
      </c>
      <c r="R9443" s="5" t="s">
        <v>25301</v>
      </c>
      <c r="S9443" s="5" t="s">
        <v>40</v>
      </c>
      <c r="T9443" s="5" t="s">
        <v>42</v>
      </c>
      <c r="U9443" s="2">
        <v>12.113</v>
      </c>
      <c r="V9443" s="2">
        <v>10.6</v>
      </c>
      <c r="W9443" s="2">
        <v>8.3000000000000004E-2</v>
      </c>
      <c r="X9443" s="2">
        <v>12</v>
      </c>
      <c r="Y9443" s="2">
        <v>50</v>
      </c>
      <c r="Z9443" s="2">
        <v>137.9</v>
      </c>
      <c r="AA9443" s="5">
        <v>8</v>
      </c>
      <c r="AB9443" s="5" t="s">
        <v>43</v>
      </c>
      <c r="AC9443" s="5" t="s">
        <v>44</v>
      </c>
      <c r="AD9443" s="2" t="s">
        <v>28888</v>
      </c>
      <c r="AE9443" s="1"/>
    </row>
    <row r="9444" spans="1:31" ht="14.45">
      <c r="A9444" s="11"/>
      <c r="B9444" s="20"/>
      <c r="C9444" s="2" t="s">
        <v>29017</v>
      </c>
      <c r="D9444" s="14" t="s">
        <v>29018</v>
      </c>
      <c r="E9444" s="2" t="s">
        <v>29019</v>
      </c>
      <c r="F9444" s="2" t="s">
        <v>28948</v>
      </c>
      <c r="G9444" s="8">
        <v>365</v>
      </c>
      <c r="H9444" s="5">
        <v>20</v>
      </c>
      <c r="I9444" s="5" t="s">
        <v>69</v>
      </c>
      <c r="J9444" s="5" t="s">
        <v>27074</v>
      </c>
      <c r="K9444" s="2" t="s">
        <v>27075</v>
      </c>
      <c r="L9444" s="5" t="s">
        <v>27074</v>
      </c>
      <c r="M9444" s="2" t="s">
        <v>27075</v>
      </c>
      <c r="N9444" s="5" t="s">
        <v>24254</v>
      </c>
      <c r="O9444" s="5" t="s">
        <v>38</v>
      </c>
      <c r="P9444" s="5" t="s">
        <v>39</v>
      </c>
      <c r="Q9444" s="5" t="s">
        <v>40</v>
      </c>
      <c r="R9444" s="5" t="s">
        <v>25301</v>
      </c>
      <c r="S9444" s="5" t="s">
        <v>40</v>
      </c>
      <c r="T9444" s="5" t="s">
        <v>42</v>
      </c>
      <c r="U9444" s="2">
        <v>8.984</v>
      </c>
      <c r="V9444" s="2">
        <v>7.4710000000000001</v>
      </c>
      <c r="W9444" s="2">
        <v>8.3000000000000004E-2</v>
      </c>
      <c r="X9444" s="2">
        <v>12</v>
      </c>
      <c r="Y9444" s="2">
        <v>50</v>
      </c>
      <c r="Z9444" s="2">
        <v>137.9</v>
      </c>
      <c r="AA9444" s="5">
        <v>8</v>
      </c>
      <c r="AB9444" s="5" t="s">
        <v>43</v>
      </c>
      <c r="AC9444" s="5" t="s">
        <v>44</v>
      </c>
      <c r="AD9444" s="2" t="s">
        <v>28888</v>
      </c>
      <c r="AE9444" s="1"/>
    </row>
    <row r="9445" spans="1:31" ht="14.45">
      <c r="A9445" s="11"/>
      <c r="B9445" s="20"/>
      <c r="C9445" s="2" t="s">
        <v>29020</v>
      </c>
      <c r="D9445" s="14" t="s">
        <v>29021</v>
      </c>
      <c r="E9445" s="2" t="s">
        <v>29022</v>
      </c>
      <c r="F9445" s="2" t="s">
        <v>28892</v>
      </c>
      <c r="G9445" s="8">
        <v>365</v>
      </c>
      <c r="H9445" s="5">
        <v>20</v>
      </c>
      <c r="I9445" s="5" t="s">
        <v>69</v>
      </c>
      <c r="J9445" s="5" t="s">
        <v>27074</v>
      </c>
      <c r="K9445" s="2" t="s">
        <v>27075</v>
      </c>
      <c r="L9445" s="5" t="s">
        <v>27074</v>
      </c>
      <c r="M9445" s="2" t="s">
        <v>27075</v>
      </c>
      <c r="N9445" s="5" t="s">
        <v>24254</v>
      </c>
      <c r="O9445" s="5" t="s">
        <v>38</v>
      </c>
      <c r="P9445" s="5" t="s">
        <v>39</v>
      </c>
      <c r="Q9445" s="5" t="s">
        <v>40</v>
      </c>
      <c r="R9445" s="5" t="s">
        <v>25301</v>
      </c>
      <c r="S9445" s="5" t="s">
        <v>40</v>
      </c>
      <c r="T9445" s="5" t="s">
        <v>42</v>
      </c>
      <c r="U9445" s="2">
        <v>8.4730000000000008</v>
      </c>
      <c r="V9445" s="2">
        <v>6.9939999999999998</v>
      </c>
      <c r="W9445" s="2">
        <v>8.3000000000000004E-2</v>
      </c>
      <c r="X9445" s="2">
        <v>12</v>
      </c>
      <c r="Y9445" s="2">
        <v>50</v>
      </c>
      <c r="Z9445" s="2">
        <v>137.9</v>
      </c>
      <c r="AA9445" s="5">
        <v>8</v>
      </c>
      <c r="AB9445" s="5" t="s">
        <v>43</v>
      </c>
      <c r="AC9445" s="5" t="s">
        <v>44</v>
      </c>
      <c r="AD9445" s="2" t="s">
        <v>28888</v>
      </c>
      <c r="AE9445" s="1"/>
    </row>
    <row r="9446" spans="1:31" ht="14.45">
      <c r="A9446" s="11"/>
      <c r="B9446" s="20"/>
      <c r="C9446" s="2" t="s">
        <v>29023</v>
      </c>
      <c r="D9446" s="14" t="s">
        <v>29024</v>
      </c>
      <c r="E9446" s="2" t="s">
        <v>29025</v>
      </c>
      <c r="F9446" s="2" t="s">
        <v>28911</v>
      </c>
      <c r="G9446" s="8">
        <v>1055</v>
      </c>
      <c r="H9446" s="5">
        <v>20</v>
      </c>
      <c r="I9446" s="5" t="s">
        <v>69</v>
      </c>
      <c r="J9446" s="5" t="s">
        <v>27074</v>
      </c>
      <c r="K9446" s="2" t="s">
        <v>27075</v>
      </c>
      <c r="L9446" s="5" t="s">
        <v>27074</v>
      </c>
      <c r="M9446" s="2" t="s">
        <v>27075</v>
      </c>
      <c r="N9446" s="5" t="s">
        <v>24254</v>
      </c>
      <c r="O9446" s="5" t="s">
        <v>38</v>
      </c>
      <c r="P9446" s="5" t="s">
        <v>39</v>
      </c>
      <c r="Q9446" s="5" t="s">
        <v>40</v>
      </c>
      <c r="R9446" s="5" t="s">
        <v>1487</v>
      </c>
      <c r="S9446" s="5"/>
      <c r="T9446" s="5" t="s">
        <v>42</v>
      </c>
      <c r="U9446" s="2">
        <v>0</v>
      </c>
      <c r="V9446" s="2">
        <v>0</v>
      </c>
      <c r="W9446" s="2">
        <v>0</v>
      </c>
      <c r="X9446" s="2">
        <v>0</v>
      </c>
      <c r="Y9446" s="2">
        <v>0</v>
      </c>
      <c r="Z9446" s="2">
        <v>0</v>
      </c>
      <c r="AA9446" s="5"/>
      <c r="AB9446" s="5" t="s">
        <v>43</v>
      </c>
      <c r="AC9446" s="5" t="s">
        <v>44</v>
      </c>
      <c r="AD9446" s="2"/>
      <c r="AE9446" s="1"/>
    </row>
    <row r="9447" spans="1:31" ht="14.45">
      <c r="A9447" s="11"/>
      <c r="B9447" s="20"/>
      <c r="C9447" s="2" t="s">
        <v>29026</v>
      </c>
      <c r="D9447" s="14" t="s">
        <v>29027</v>
      </c>
      <c r="E9447" s="2" t="s">
        <v>29028</v>
      </c>
      <c r="F9447" s="2" t="s">
        <v>28915</v>
      </c>
      <c r="G9447" s="8">
        <v>1055</v>
      </c>
      <c r="H9447" s="5">
        <v>20</v>
      </c>
      <c r="I9447" s="5" t="s">
        <v>69</v>
      </c>
      <c r="J9447" s="5" t="s">
        <v>27074</v>
      </c>
      <c r="K9447" s="2" t="s">
        <v>27075</v>
      </c>
      <c r="L9447" s="5" t="s">
        <v>27074</v>
      </c>
      <c r="M9447" s="2" t="s">
        <v>27075</v>
      </c>
      <c r="N9447" s="5" t="s">
        <v>24254</v>
      </c>
      <c r="O9447" s="5" t="s">
        <v>38</v>
      </c>
      <c r="P9447" s="5" t="s">
        <v>39</v>
      </c>
      <c r="Q9447" s="5" t="s">
        <v>40</v>
      </c>
      <c r="R9447" s="5" t="s">
        <v>1487</v>
      </c>
      <c r="S9447" s="5"/>
      <c r="T9447" s="5" t="s">
        <v>42</v>
      </c>
      <c r="U9447" s="2">
        <v>0</v>
      </c>
      <c r="V9447" s="2">
        <v>0</v>
      </c>
      <c r="W9447" s="2">
        <v>0</v>
      </c>
      <c r="X9447" s="2">
        <v>0</v>
      </c>
      <c r="Y9447" s="2">
        <v>0</v>
      </c>
      <c r="Z9447" s="2">
        <v>0</v>
      </c>
      <c r="AA9447" s="5"/>
      <c r="AB9447" s="5" t="s">
        <v>43</v>
      </c>
      <c r="AC9447" s="5" t="s">
        <v>44</v>
      </c>
      <c r="AD9447" s="2"/>
      <c r="AE9447" s="1"/>
    </row>
    <row r="9448" spans="1:31" ht="14.45">
      <c r="A9448" s="11"/>
      <c r="B9448" s="20"/>
      <c r="C9448" s="2" t="s">
        <v>29029</v>
      </c>
      <c r="D9448" s="14" t="s">
        <v>29030</v>
      </c>
      <c r="E9448" s="2" t="s">
        <v>29031</v>
      </c>
      <c r="F9448" s="2" t="s">
        <v>28919</v>
      </c>
      <c r="G9448" s="8">
        <v>1055</v>
      </c>
      <c r="H9448" s="5">
        <v>20</v>
      </c>
      <c r="I9448" s="5" t="s">
        <v>69</v>
      </c>
      <c r="J9448" s="5" t="s">
        <v>27074</v>
      </c>
      <c r="K9448" s="2" t="s">
        <v>27075</v>
      </c>
      <c r="L9448" s="5" t="s">
        <v>27074</v>
      </c>
      <c r="M9448" s="2" t="s">
        <v>27075</v>
      </c>
      <c r="N9448" s="5" t="s">
        <v>24254</v>
      </c>
      <c r="O9448" s="5" t="s">
        <v>38</v>
      </c>
      <c r="P9448" s="5" t="s">
        <v>39</v>
      </c>
      <c r="Q9448" s="5" t="s">
        <v>40</v>
      </c>
      <c r="R9448" s="5" t="s">
        <v>1487</v>
      </c>
      <c r="S9448" s="5"/>
      <c r="T9448" s="5" t="s">
        <v>42</v>
      </c>
      <c r="U9448" s="2">
        <v>0</v>
      </c>
      <c r="V9448" s="2">
        <v>0</v>
      </c>
      <c r="W9448" s="2">
        <v>0</v>
      </c>
      <c r="X9448" s="2">
        <v>0</v>
      </c>
      <c r="Y9448" s="2">
        <v>0</v>
      </c>
      <c r="Z9448" s="2">
        <v>0</v>
      </c>
      <c r="AA9448" s="5"/>
      <c r="AB9448" s="5" t="s">
        <v>43</v>
      </c>
      <c r="AC9448" s="5" t="s">
        <v>44</v>
      </c>
      <c r="AD9448" s="2"/>
      <c r="AE9448" s="1"/>
    </row>
    <row r="9449" spans="1:31" ht="14.45">
      <c r="A9449" s="11"/>
      <c r="B9449" s="20"/>
      <c r="C9449" s="2" t="s">
        <v>29032</v>
      </c>
      <c r="D9449" s="14" t="s">
        <v>29033</v>
      </c>
      <c r="E9449" s="2" t="s">
        <v>29034</v>
      </c>
      <c r="F9449" s="2" t="s">
        <v>28923</v>
      </c>
      <c r="G9449" s="8">
        <v>1055</v>
      </c>
      <c r="H9449" s="5">
        <v>20</v>
      </c>
      <c r="I9449" s="5" t="s">
        <v>69</v>
      </c>
      <c r="J9449" s="5" t="s">
        <v>27074</v>
      </c>
      <c r="K9449" s="2" t="s">
        <v>27075</v>
      </c>
      <c r="L9449" s="5" t="s">
        <v>27074</v>
      </c>
      <c r="M9449" s="2" t="s">
        <v>27075</v>
      </c>
      <c r="N9449" s="5" t="s">
        <v>24254</v>
      </c>
      <c r="O9449" s="5" t="s">
        <v>38</v>
      </c>
      <c r="P9449" s="5" t="s">
        <v>39</v>
      </c>
      <c r="Q9449" s="5" t="s">
        <v>40</v>
      </c>
      <c r="R9449" s="5" t="s">
        <v>1487</v>
      </c>
      <c r="S9449" s="5"/>
      <c r="T9449" s="5" t="s">
        <v>42</v>
      </c>
      <c r="U9449" s="2">
        <v>0</v>
      </c>
      <c r="V9449" s="2">
        <v>0</v>
      </c>
      <c r="W9449" s="2">
        <v>0</v>
      </c>
      <c r="X9449" s="2">
        <v>0</v>
      </c>
      <c r="Y9449" s="2">
        <v>0</v>
      </c>
      <c r="Z9449" s="2">
        <v>0</v>
      </c>
      <c r="AA9449" s="5"/>
      <c r="AB9449" s="5" t="s">
        <v>43</v>
      </c>
      <c r="AC9449" s="5" t="s">
        <v>44</v>
      </c>
      <c r="AD9449" s="2"/>
      <c r="AE9449" s="1"/>
    </row>
    <row r="9450" spans="1:31" ht="14.45">
      <c r="A9450" s="11"/>
      <c r="B9450" s="20"/>
      <c r="C9450" s="2" t="s">
        <v>29035</v>
      </c>
      <c r="D9450" s="14" t="s">
        <v>29036</v>
      </c>
      <c r="E9450" s="2" t="s">
        <v>29037</v>
      </c>
      <c r="F9450" s="2" t="s">
        <v>28887</v>
      </c>
      <c r="G9450" s="8">
        <v>384</v>
      </c>
      <c r="H9450" s="5">
        <v>20</v>
      </c>
      <c r="I9450" s="5" t="s">
        <v>69</v>
      </c>
      <c r="J9450" s="5" t="s">
        <v>27074</v>
      </c>
      <c r="K9450" s="2" t="s">
        <v>27075</v>
      </c>
      <c r="L9450" s="5" t="s">
        <v>27074</v>
      </c>
      <c r="M9450" s="2" t="s">
        <v>27075</v>
      </c>
      <c r="N9450" s="5" t="s">
        <v>24254</v>
      </c>
      <c r="O9450" s="5" t="s">
        <v>38</v>
      </c>
      <c r="P9450" s="5" t="s">
        <v>39</v>
      </c>
      <c r="Q9450" s="5" t="s">
        <v>40</v>
      </c>
      <c r="R9450" s="5" t="s">
        <v>25301</v>
      </c>
      <c r="S9450" s="5" t="s">
        <v>40</v>
      </c>
      <c r="T9450" s="5" t="s">
        <v>42</v>
      </c>
      <c r="U9450" s="2">
        <v>13.212999999999999</v>
      </c>
      <c r="V9450" s="2">
        <v>11.555999999999999</v>
      </c>
      <c r="W9450" s="2">
        <v>9.2999999999999999E-2</v>
      </c>
      <c r="X9450" s="2">
        <v>12</v>
      </c>
      <c r="Y9450" s="2">
        <v>50</v>
      </c>
      <c r="Z9450" s="2">
        <v>154.4</v>
      </c>
      <c r="AA9450" s="5">
        <v>8</v>
      </c>
      <c r="AB9450" s="5" t="s">
        <v>43</v>
      </c>
      <c r="AC9450" s="5" t="s">
        <v>44</v>
      </c>
      <c r="AD9450" s="2" t="s">
        <v>28888</v>
      </c>
      <c r="AE9450" s="1"/>
    </row>
    <row r="9451" spans="1:31" ht="14.45">
      <c r="A9451" s="11"/>
      <c r="B9451" s="20"/>
      <c r="C9451" s="2" t="s">
        <v>29038</v>
      </c>
      <c r="D9451" s="14" t="s">
        <v>29039</v>
      </c>
      <c r="E9451" s="2" t="s">
        <v>29040</v>
      </c>
      <c r="F9451" s="2" t="s">
        <v>28948</v>
      </c>
      <c r="G9451" s="8">
        <v>384</v>
      </c>
      <c r="H9451" s="5">
        <v>20</v>
      </c>
      <c r="I9451" s="5" t="s">
        <v>69</v>
      </c>
      <c r="J9451" s="5" t="s">
        <v>27074</v>
      </c>
      <c r="K9451" s="2" t="s">
        <v>27075</v>
      </c>
      <c r="L9451" s="5" t="s">
        <v>27074</v>
      </c>
      <c r="M9451" s="2" t="s">
        <v>27075</v>
      </c>
      <c r="N9451" s="5" t="s">
        <v>24254</v>
      </c>
      <c r="O9451" s="5" t="s">
        <v>38</v>
      </c>
      <c r="P9451" s="5" t="s">
        <v>39</v>
      </c>
      <c r="Q9451" s="5" t="s">
        <v>40</v>
      </c>
      <c r="R9451" s="5" t="s">
        <v>25301</v>
      </c>
      <c r="S9451" s="5" t="s">
        <v>40</v>
      </c>
      <c r="T9451" s="5" t="s">
        <v>42</v>
      </c>
      <c r="U9451" s="2">
        <v>9.7889999999999997</v>
      </c>
      <c r="V9451" s="2">
        <v>8.1319999999999997</v>
      </c>
      <c r="W9451" s="2">
        <v>9.2999999999999999E-2</v>
      </c>
      <c r="X9451" s="2">
        <v>12</v>
      </c>
      <c r="Y9451" s="2">
        <v>50</v>
      </c>
      <c r="Z9451" s="2">
        <v>154.4</v>
      </c>
      <c r="AA9451" s="5">
        <v>8</v>
      </c>
      <c r="AB9451" s="5" t="s">
        <v>43</v>
      </c>
      <c r="AC9451" s="5" t="s">
        <v>44</v>
      </c>
      <c r="AD9451" s="2" t="s">
        <v>28888</v>
      </c>
      <c r="AE9451" s="1"/>
    </row>
    <row r="9452" spans="1:31" ht="14.45">
      <c r="A9452" s="11"/>
      <c r="B9452" s="20"/>
      <c r="C9452" s="2" t="s">
        <v>29041</v>
      </c>
      <c r="D9452" s="14" t="s">
        <v>29042</v>
      </c>
      <c r="E9452" s="2" t="s">
        <v>29043</v>
      </c>
      <c r="F9452" s="2" t="s">
        <v>28892</v>
      </c>
      <c r="G9452" s="8">
        <v>384</v>
      </c>
      <c r="H9452" s="5">
        <v>20</v>
      </c>
      <c r="I9452" s="5" t="s">
        <v>69</v>
      </c>
      <c r="J9452" s="5" t="s">
        <v>27074</v>
      </c>
      <c r="K9452" s="2" t="s">
        <v>27075</v>
      </c>
      <c r="L9452" s="5" t="s">
        <v>27074</v>
      </c>
      <c r="M9452" s="2" t="s">
        <v>27075</v>
      </c>
      <c r="N9452" s="5" t="s">
        <v>24254</v>
      </c>
      <c r="O9452" s="5" t="s">
        <v>38</v>
      </c>
      <c r="P9452" s="5" t="s">
        <v>39</v>
      </c>
      <c r="Q9452" s="5" t="s">
        <v>40</v>
      </c>
      <c r="R9452" s="5" t="s">
        <v>25301</v>
      </c>
      <c r="S9452" s="5" t="s">
        <v>40</v>
      </c>
      <c r="T9452" s="5" t="s">
        <v>42</v>
      </c>
      <c r="U9452" s="2">
        <v>9.2509999999999994</v>
      </c>
      <c r="V9452" s="2">
        <v>7.6280000000000001</v>
      </c>
      <c r="W9452" s="2">
        <v>9.2999999999999999E-2</v>
      </c>
      <c r="X9452" s="2">
        <v>12</v>
      </c>
      <c r="Y9452" s="2">
        <v>50</v>
      </c>
      <c r="Z9452" s="2">
        <v>154.4</v>
      </c>
      <c r="AA9452" s="5">
        <v>8</v>
      </c>
      <c r="AB9452" s="5" t="s">
        <v>43</v>
      </c>
      <c r="AC9452" s="5" t="s">
        <v>44</v>
      </c>
      <c r="AD9452" s="2" t="s">
        <v>28888</v>
      </c>
      <c r="AE9452" s="1"/>
    </row>
    <row r="9453" spans="1:31" ht="14.45">
      <c r="A9453" s="11"/>
      <c r="B9453" s="20"/>
      <c r="C9453" s="2" t="s">
        <v>29044</v>
      </c>
      <c r="D9453" s="14" t="s">
        <v>29045</v>
      </c>
      <c r="E9453" s="2" t="s">
        <v>29046</v>
      </c>
      <c r="F9453" s="2" t="s">
        <v>28896</v>
      </c>
      <c r="G9453" s="8">
        <v>384</v>
      </c>
      <c r="H9453" s="5">
        <v>20</v>
      </c>
      <c r="I9453" s="5" t="s">
        <v>69</v>
      </c>
      <c r="J9453" s="5" t="s">
        <v>27074</v>
      </c>
      <c r="K9453" s="2" t="s">
        <v>27075</v>
      </c>
      <c r="L9453" s="5" t="s">
        <v>27074</v>
      </c>
      <c r="M9453" s="2" t="s">
        <v>27075</v>
      </c>
      <c r="N9453" s="5" t="s">
        <v>24254</v>
      </c>
      <c r="O9453" s="5" t="s">
        <v>38</v>
      </c>
      <c r="P9453" s="5" t="s">
        <v>39</v>
      </c>
      <c r="Q9453" s="5" t="s">
        <v>40</v>
      </c>
      <c r="R9453" s="5" t="s">
        <v>25301</v>
      </c>
      <c r="S9453" s="5" t="s">
        <v>40</v>
      </c>
      <c r="T9453" s="5" t="s">
        <v>42</v>
      </c>
      <c r="U9453" s="2">
        <v>9.9979999999999993</v>
      </c>
      <c r="V9453" s="2">
        <v>8.375</v>
      </c>
      <c r="W9453" s="2">
        <v>9.2999999999999999E-2</v>
      </c>
      <c r="X9453" s="2">
        <v>12</v>
      </c>
      <c r="Y9453" s="2">
        <v>50</v>
      </c>
      <c r="Z9453" s="2">
        <v>154.4</v>
      </c>
      <c r="AA9453" s="5">
        <v>10</v>
      </c>
      <c r="AB9453" s="5" t="s">
        <v>43</v>
      </c>
      <c r="AC9453" s="5" t="s">
        <v>44</v>
      </c>
      <c r="AD9453" s="2" t="s">
        <v>28955</v>
      </c>
      <c r="AE9453" s="1"/>
    </row>
    <row r="9454" spans="1:31" ht="14.45">
      <c r="A9454" s="11"/>
      <c r="B9454" s="20"/>
      <c r="C9454" s="2" t="s">
        <v>29047</v>
      </c>
      <c r="D9454" s="14" t="s">
        <v>29048</v>
      </c>
      <c r="E9454" s="2" t="s">
        <v>29049</v>
      </c>
      <c r="F9454" s="2" t="s">
        <v>28896</v>
      </c>
      <c r="G9454" s="8">
        <v>384</v>
      </c>
      <c r="H9454" s="5">
        <v>20</v>
      </c>
      <c r="I9454" s="5" t="s">
        <v>69</v>
      </c>
      <c r="J9454" s="5" t="s">
        <v>27074</v>
      </c>
      <c r="K9454" s="2" t="s">
        <v>27075</v>
      </c>
      <c r="L9454" s="5" t="s">
        <v>27074</v>
      </c>
      <c r="M9454" s="2" t="s">
        <v>27075</v>
      </c>
      <c r="N9454" s="5" t="s">
        <v>24254</v>
      </c>
      <c r="O9454" s="5" t="s">
        <v>38</v>
      </c>
      <c r="P9454" s="5" t="s">
        <v>39</v>
      </c>
      <c r="Q9454" s="5" t="s">
        <v>40</v>
      </c>
      <c r="R9454" s="5" t="s">
        <v>25301</v>
      </c>
      <c r="S9454" s="5" t="s">
        <v>40</v>
      </c>
      <c r="T9454" s="5" t="s">
        <v>42</v>
      </c>
      <c r="U9454" s="2">
        <v>10.54</v>
      </c>
      <c r="V9454" s="2">
        <v>8.9169999999999998</v>
      </c>
      <c r="W9454" s="2">
        <v>9.2999999999999999E-2</v>
      </c>
      <c r="X9454" s="2">
        <v>12</v>
      </c>
      <c r="Y9454" s="2">
        <v>50</v>
      </c>
      <c r="Z9454" s="2">
        <v>154.4</v>
      </c>
      <c r="AA9454" s="5">
        <v>10</v>
      </c>
      <c r="AB9454" s="5" t="s">
        <v>43</v>
      </c>
      <c r="AC9454" s="5" t="s">
        <v>44</v>
      </c>
      <c r="AD9454" s="2" t="s">
        <v>28897</v>
      </c>
      <c r="AE9454" s="1"/>
    </row>
    <row r="9455" spans="1:31" ht="14.45">
      <c r="A9455" s="11"/>
      <c r="B9455" s="20"/>
      <c r="C9455" s="2" t="s">
        <v>29050</v>
      </c>
      <c r="D9455" s="14" t="s">
        <v>29051</v>
      </c>
      <c r="E9455" s="2" t="s">
        <v>29052</v>
      </c>
      <c r="F9455" s="2" t="s">
        <v>28959</v>
      </c>
      <c r="G9455" s="8">
        <v>384</v>
      </c>
      <c r="H9455" s="5">
        <v>20</v>
      </c>
      <c r="I9455" s="5" t="s">
        <v>69</v>
      </c>
      <c r="J9455" s="5" t="s">
        <v>27074</v>
      </c>
      <c r="K9455" s="2" t="s">
        <v>27075</v>
      </c>
      <c r="L9455" s="5" t="s">
        <v>27074</v>
      </c>
      <c r="M9455" s="2" t="s">
        <v>27075</v>
      </c>
      <c r="N9455" s="5" t="s">
        <v>24254</v>
      </c>
      <c r="O9455" s="5" t="s">
        <v>38</v>
      </c>
      <c r="P9455" s="5" t="s">
        <v>39</v>
      </c>
      <c r="Q9455" s="5" t="s">
        <v>40</v>
      </c>
      <c r="R9455" s="5" t="s">
        <v>25301</v>
      </c>
      <c r="S9455" s="5" t="s">
        <v>40</v>
      </c>
      <c r="T9455" s="5" t="s">
        <v>42</v>
      </c>
      <c r="U9455" s="2">
        <v>7.8730000000000002</v>
      </c>
      <c r="V9455" s="2">
        <v>6.25</v>
      </c>
      <c r="W9455" s="2">
        <v>9.2999999999999999E-2</v>
      </c>
      <c r="X9455" s="2">
        <v>12</v>
      </c>
      <c r="Y9455" s="2">
        <v>50</v>
      </c>
      <c r="Z9455" s="2">
        <v>154.4</v>
      </c>
      <c r="AA9455" s="5">
        <v>10</v>
      </c>
      <c r="AB9455" s="5" t="s">
        <v>43</v>
      </c>
      <c r="AC9455" s="5" t="s">
        <v>44</v>
      </c>
      <c r="AD9455" s="2" t="s">
        <v>28897</v>
      </c>
      <c r="AE9455" s="1"/>
    </row>
    <row r="9456" spans="1:31" ht="14.45">
      <c r="A9456" s="11"/>
      <c r="B9456" s="20"/>
      <c r="C9456" s="2" t="s">
        <v>29053</v>
      </c>
      <c r="D9456" s="14" t="s">
        <v>29054</v>
      </c>
      <c r="E9456" s="2" t="s">
        <v>29055</v>
      </c>
      <c r="F9456" s="2" t="s">
        <v>28901</v>
      </c>
      <c r="G9456" s="8">
        <v>384</v>
      </c>
      <c r="H9456" s="5">
        <v>20</v>
      </c>
      <c r="I9456" s="5" t="s">
        <v>69</v>
      </c>
      <c r="J9456" s="5" t="s">
        <v>27074</v>
      </c>
      <c r="K9456" s="2" t="s">
        <v>27075</v>
      </c>
      <c r="L9456" s="5" t="s">
        <v>27074</v>
      </c>
      <c r="M9456" s="2" t="s">
        <v>27075</v>
      </c>
      <c r="N9456" s="5" t="s">
        <v>24254</v>
      </c>
      <c r="O9456" s="5" t="s">
        <v>38</v>
      </c>
      <c r="P9456" s="5" t="s">
        <v>39</v>
      </c>
      <c r="Q9456" s="5" t="s">
        <v>40</v>
      </c>
      <c r="R9456" s="5" t="s">
        <v>25301</v>
      </c>
      <c r="S9456" s="5" t="s">
        <v>40</v>
      </c>
      <c r="T9456" s="5" t="s">
        <v>42</v>
      </c>
      <c r="U9456" s="2">
        <v>7.4749999999999996</v>
      </c>
      <c r="V9456" s="2">
        <v>5.8520000000000003</v>
      </c>
      <c r="W9456" s="2">
        <v>9.2999999999999999E-2</v>
      </c>
      <c r="X9456" s="2">
        <v>12</v>
      </c>
      <c r="Y9456" s="2">
        <v>50</v>
      </c>
      <c r="Z9456" s="2">
        <v>154.4</v>
      </c>
      <c r="AA9456" s="5">
        <v>10</v>
      </c>
      <c r="AB9456" s="5" t="s">
        <v>43</v>
      </c>
      <c r="AC9456" s="5" t="s">
        <v>44</v>
      </c>
      <c r="AD9456" s="2" t="s">
        <v>28907</v>
      </c>
      <c r="AE9456" s="1"/>
    </row>
    <row r="9457" spans="1:31" ht="14.45">
      <c r="A9457" s="11"/>
      <c r="B9457" s="20"/>
      <c r="C9457" s="2" t="s">
        <v>29056</v>
      </c>
      <c r="D9457" s="14" t="s">
        <v>29057</v>
      </c>
      <c r="E9457" s="2" t="s">
        <v>29058</v>
      </c>
      <c r="F9457" s="2" t="s">
        <v>28901</v>
      </c>
      <c r="G9457" s="8">
        <v>384</v>
      </c>
      <c r="H9457" s="5">
        <v>20</v>
      </c>
      <c r="I9457" s="5" t="s">
        <v>69</v>
      </c>
      <c r="J9457" s="5" t="s">
        <v>27074</v>
      </c>
      <c r="K9457" s="2" t="s">
        <v>27075</v>
      </c>
      <c r="L9457" s="5" t="s">
        <v>27074</v>
      </c>
      <c r="M9457" s="2" t="s">
        <v>27075</v>
      </c>
      <c r="N9457" s="5" t="s">
        <v>24254</v>
      </c>
      <c r="O9457" s="5" t="s">
        <v>38</v>
      </c>
      <c r="P9457" s="5" t="s">
        <v>39</v>
      </c>
      <c r="Q9457" s="5" t="s">
        <v>40</v>
      </c>
      <c r="R9457" s="5" t="s">
        <v>25301</v>
      </c>
      <c r="S9457" s="5" t="s">
        <v>40</v>
      </c>
      <c r="T9457" s="5" t="s">
        <v>42</v>
      </c>
      <c r="U9457" s="2">
        <v>8.0210000000000008</v>
      </c>
      <c r="V9457" s="2">
        <v>6.3979999999999997</v>
      </c>
      <c r="W9457" s="2">
        <v>9.2999999999999999E-2</v>
      </c>
      <c r="X9457" s="2">
        <v>12</v>
      </c>
      <c r="Y9457" s="2">
        <v>50</v>
      </c>
      <c r="Z9457" s="2">
        <v>154.4</v>
      </c>
      <c r="AA9457" s="5">
        <v>10</v>
      </c>
      <c r="AB9457" s="5" t="s">
        <v>43</v>
      </c>
      <c r="AC9457" s="5" t="s">
        <v>44</v>
      </c>
      <c r="AD9457" s="2" t="s">
        <v>28902</v>
      </c>
      <c r="AE9457" s="1"/>
    </row>
    <row r="9458" spans="1:31" ht="14.45">
      <c r="A9458" s="11"/>
      <c r="B9458" s="20"/>
      <c r="C9458" s="2" t="s">
        <v>29059</v>
      </c>
      <c r="D9458" s="14" t="s">
        <v>29060</v>
      </c>
      <c r="E9458" s="2" t="s">
        <v>29061</v>
      </c>
      <c r="F9458" s="2" t="s">
        <v>28906</v>
      </c>
      <c r="G9458" s="8">
        <v>384</v>
      </c>
      <c r="H9458" s="5">
        <v>20</v>
      </c>
      <c r="I9458" s="5" t="s">
        <v>69</v>
      </c>
      <c r="J9458" s="5" t="s">
        <v>27074</v>
      </c>
      <c r="K9458" s="2" t="s">
        <v>27075</v>
      </c>
      <c r="L9458" s="5" t="s">
        <v>27074</v>
      </c>
      <c r="M9458" s="2" t="s">
        <v>27075</v>
      </c>
      <c r="N9458" s="5" t="s">
        <v>24254</v>
      </c>
      <c r="O9458" s="5" t="s">
        <v>38</v>
      </c>
      <c r="P9458" s="5" t="s">
        <v>39</v>
      </c>
      <c r="Q9458" s="5" t="s">
        <v>40</v>
      </c>
      <c r="R9458" s="5" t="s">
        <v>25301</v>
      </c>
      <c r="S9458" s="5" t="s">
        <v>40</v>
      </c>
      <c r="T9458" s="5" t="s">
        <v>42</v>
      </c>
      <c r="U9458" s="2">
        <v>9.4990000000000006</v>
      </c>
      <c r="V9458" s="2">
        <v>7.8760000000000003</v>
      </c>
      <c r="W9458" s="2">
        <v>9.2999999999999999E-2</v>
      </c>
      <c r="X9458" s="2">
        <v>12</v>
      </c>
      <c r="Y9458" s="2">
        <v>50</v>
      </c>
      <c r="Z9458" s="2">
        <v>154.4</v>
      </c>
      <c r="AA9458" s="5">
        <v>10</v>
      </c>
      <c r="AB9458" s="5" t="s">
        <v>43</v>
      </c>
      <c r="AC9458" s="5" t="s">
        <v>44</v>
      </c>
      <c r="AD9458" s="2" t="s">
        <v>28907</v>
      </c>
      <c r="AE9458" s="1"/>
    </row>
    <row r="9459" spans="1:31" ht="14.45">
      <c r="A9459" s="11"/>
      <c r="B9459" s="20"/>
      <c r="C9459" s="2" t="s">
        <v>29062</v>
      </c>
      <c r="D9459" s="14" t="s">
        <v>29063</v>
      </c>
      <c r="E9459" s="2" t="s">
        <v>29064</v>
      </c>
      <c r="F9459" s="2" t="s">
        <v>28906</v>
      </c>
      <c r="G9459" s="8">
        <v>384</v>
      </c>
      <c r="H9459" s="5">
        <v>20</v>
      </c>
      <c r="I9459" s="5" t="s">
        <v>69</v>
      </c>
      <c r="J9459" s="5" t="s">
        <v>27074</v>
      </c>
      <c r="K9459" s="2" t="s">
        <v>27075</v>
      </c>
      <c r="L9459" s="5" t="s">
        <v>27074</v>
      </c>
      <c r="M9459" s="2" t="s">
        <v>27075</v>
      </c>
      <c r="N9459" s="5" t="s">
        <v>24254</v>
      </c>
      <c r="O9459" s="5" t="s">
        <v>38</v>
      </c>
      <c r="P9459" s="5" t="s">
        <v>39</v>
      </c>
      <c r="Q9459" s="5" t="s">
        <v>40</v>
      </c>
      <c r="R9459" s="5" t="s">
        <v>25301</v>
      </c>
      <c r="S9459" s="5" t="s">
        <v>40</v>
      </c>
      <c r="T9459" s="5" t="s">
        <v>42</v>
      </c>
      <c r="U9459" s="2">
        <v>10.244999999999999</v>
      </c>
      <c r="V9459" s="2">
        <v>8.6219999999999999</v>
      </c>
      <c r="W9459" s="2">
        <v>9.2999999999999999E-2</v>
      </c>
      <c r="X9459" s="2">
        <v>12</v>
      </c>
      <c r="Y9459" s="2">
        <v>50</v>
      </c>
      <c r="Z9459" s="2">
        <v>154.4</v>
      </c>
      <c r="AA9459" s="5">
        <v>10</v>
      </c>
      <c r="AB9459" s="5" t="s">
        <v>43</v>
      </c>
      <c r="AC9459" s="5" t="s">
        <v>44</v>
      </c>
      <c r="AD9459" s="2" t="s">
        <v>28902</v>
      </c>
      <c r="AE9459" s="1"/>
    </row>
    <row r="9460" spans="1:31" ht="14.45">
      <c r="A9460" s="11"/>
      <c r="B9460" s="20"/>
      <c r="C9460" s="2" t="s">
        <v>29065</v>
      </c>
      <c r="D9460" s="14" t="s">
        <v>29066</v>
      </c>
      <c r="E9460" s="2" t="s">
        <v>29067</v>
      </c>
      <c r="F9460" s="2" t="s">
        <v>28911</v>
      </c>
      <c r="G9460" s="8">
        <v>1105</v>
      </c>
      <c r="H9460" s="5">
        <v>20</v>
      </c>
      <c r="I9460" s="5" t="s">
        <v>69</v>
      </c>
      <c r="J9460" s="5" t="s">
        <v>27074</v>
      </c>
      <c r="K9460" s="2" t="s">
        <v>27075</v>
      </c>
      <c r="L9460" s="5" t="s">
        <v>27074</v>
      </c>
      <c r="M9460" s="2" t="s">
        <v>27075</v>
      </c>
      <c r="N9460" s="5" t="s">
        <v>24254</v>
      </c>
      <c r="O9460" s="5" t="s">
        <v>38</v>
      </c>
      <c r="P9460" s="5" t="s">
        <v>39</v>
      </c>
      <c r="Q9460" s="5" t="s">
        <v>40</v>
      </c>
      <c r="R9460" s="5" t="s">
        <v>1487</v>
      </c>
      <c r="S9460" s="5"/>
      <c r="T9460" s="5" t="s">
        <v>42</v>
      </c>
      <c r="U9460" s="2">
        <v>0</v>
      </c>
      <c r="V9460" s="2">
        <v>0</v>
      </c>
      <c r="W9460" s="2">
        <v>0</v>
      </c>
      <c r="X9460" s="2">
        <v>0</v>
      </c>
      <c r="Y9460" s="2">
        <v>0</v>
      </c>
      <c r="Z9460" s="2">
        <v>0</v>
      </c>
      <c r="AA9460" s="5"/>
      <c r="AB9460" s="5" t="s">
        <v>43</v>
      </c>
      <c r="AC9460" s="5" t="s">
        <v>44</v>
      </c>
      <c r="AD9460" s="2"/>
      <c r="AE9460" s="1"/>
    </row>
    <row r="9461" spans="1:31" ht="14.45">
      <c r="A9461" s="11"/>
      <c r="B9461" s="20"/>
      <c r="C9461" s="2" t="s">
        <v>29068</v>
      </c>
      <c r="D9461" s="14" t="s">
        <v>29069</v>
      </c>
      <c r="E9461" s="2" t="s">
        <v>29070</v>
      </c>
      <c r="F9461" s="2" t="s">
        <v>28915</v>
      </c>
      <c r="G9461" s="8">
        <v>1105</v>
      </c>
      <c r="H9461" s="5">
        <v>20</v>
      </c>
      <c r="I9461" s="5" t="s">
        <v>69</v>
      </c>
      <c r="J9461" s="5" t="s">
        <v>27074</v>
      </c>
      <c r="K9461" s="2" t="s">
        <v>27075</v>
      </c>
      <c r="L9461" s="5" t="s">
        <v>27074</v>
      </c>
      <c r="M9461" s="2" t="s">
        <v>27075</v>
      </c>
      <c r="N9461" s="5" t="s">
        <v>24254</v>
      </c>
      <c r="O9461" s="5" t="s">
        <v>38</v>
      </c>
      <c r="P9461" s="5" t="s">
        <v>39</v>
      </c>
      <c r="Q9461" s="5" t="s">
        <v>40</v>
      </c>
      <c r="R9461" s="5" t="s">
        <v>1487</v>
      </c>
      <c r="S9461" s="5"/>
      <c r="T9461" s="5" t="s">
        <v>42</v>
      </c>
      <c r="U9461" s="2">
        <v>0</v>
      </c>
      <c r="V9461" s="2">
        <v>0</v>
      </c>
      <c r="W9461" s="2">
        <v>0</v>
      </c>
      <c r="X9461" s="2">
        <v>0</v>
      </c>
      <c r="Y9461" s="2">
        <v>0</v>
      </c>
      <c r="Z9461" s="2">
        <v>0</v>
      </c>
      <c r="AA9461" s="5"/>
      <c r="AB9461" s="5" t="s">
        <v>43</v>
      </c>
      <c r="AC9461" s="5" t="s">
        <v>44</v>
      </c>
      <c r="AD9461" s="2"/>
      <c r="AE9461" s="1"/>
    </row>
    <row r="9462" spans="1:31" ht="14.45">
      <c r="A9462" s="11"/>
      <c r="B9462" s="20"/>
      <c r="C9462" s="2" t="s">
        <v>29071</v>
      </c>
      <c r="D9462" s="14" t="s">
        <v>29072</v>
      </c>
      <c r="E9462" s="2" t="s">
        <v>29073</v>
      </c>
      <c r="F9462" s="2" t="s">
        <v>28919</v>
      </c>
      <c r="G9462" s="8">
        <v>1105</v>
      </c>
      <c r="H9462" s="5">
        <v>20</v>
      </c>
      <c r="I9462" s="5" t="s">
        <v>69</v>
      </c>
      <c r="J9462" s="5" t="s">
        <v>27074</v>
      </c>
      <c r="K9462" s="2" t="s">
        <v>27075</v>
      </c>
      <c r="L9462" s="5" t="s">
        <v>27074</v>
      </c>
      <c r="M9462" s="2" t="s">
        <v>27075</v>
      </c>
      <c r="N9462" s="5" t="s">
        <v>24254</v>
      </c>
      <c r="O9462" s="5" t="s">
        <v>38</v>
      </c>
      <c r="P9462" s="5" t="s">
        <v>39</v>
      </c>
      <c r="Q9462" s="5" t="s">
        <v>40</v>
      </c>
      <c r="R9462" s="5" t="s">
        <v>1487</v>
      </c>
      <c r="S9462" s="5"/>
      <c r="T9462" s="5" t="s">
        <v>42</v>
      </c>
      <c r="U9462" s="2">
        <v>0</v>
      </c>
      <c r="V9462" s="2">
        <v>0</v>
      </c>
      <c r="W9462" s="2">
        <v>0</v>
      </c>
      <c r="X9462" s="2">
        <v>0</v>
      </c>
      <c r="Y9462" s="2">
        <v>0</v>
      </c>
      <c r="Z9462" s="2">
        <v>0</v>
      </c>
      <c r="AA9462" s="5"/>
      <c r="AB9462" s="5" t="s">
        <v>43</v>
      </c>
      <c r="AC9462" s="5" t="s">
        <v>44</v>
      </c>
      <c r="AD9462" s="2"/>
      <c r="AE9462" s="1"/>
    </row>
    <row r="9463" spans="1:31" ht="14.45">
      <c r="A9463" s="11"/>
      <c r="B9463" s="20"/>
      <c r="C9463" s="2" t="s">
        <v>29074</v>
      </c>
      <c r="D9463" s="14" t="s">
        <v>29075</v>
      </c>
      <c r="E9463" s="2" t="s">
        <v>29076</v>
      </c>
      <c r="F9463" s="2" t="s">
        <v>28923</v>
      </c>
      <c r="G9463" s="8">
        <v>1105</v>
      </c>
      <c r="H9463" s="5">
        <v>20</v>
      </c>
      <c r="I9463" s="5" t="s">
        <v>69</v>
      </c>
      <c r="J9463" s="5" t="s">
        <v>27074</v>
      </c>
      <c r="K9463" s="2" t="s">
        <v>27075</v>
      </c>
      <c r="L9463" s="5" t="s">
        <v>27074</v>
      </c>
      <c r="M9463" s="2" t="s">
        <v>27075</v>
      </c>
      <c r="N9463" s="5" t="s">
        <v>24254</v>
      </c>
      <c r="O9463" s="5" t="s">
        <v>38</v>
      </c>
      <c r="P9463" s="5" t="s">
        <v>39</v>
      </c>
      <c r="Q9463" s="5" t="s">
        <v>40</v>
      </c>
      <c r="R9463" s="5" t="s">
        <v>1487</v>
      </c>
      <c r="S9463" s="5"/>
      <c r="T9463" s="5" t="s">
        <v>42</v>
      </c>
      <c r="U9463" s="2">
        <v>0</v>
      </c>
      <c r="V9463" s="2">
        <v>0</v>
      </c>
      <c r="W9463" s="2">
        <v>0</v>
      </c>
      <c r="X9463" s="2">
        <v>0</v>
      </c>
      <c r="Y9463" s="2">
        <v>0</v>
      </c>
      <c r="Z9463" s="2">
        <v>0</v>
      </c>
      <c r="AA9463" s="5"/>
      <c r="AB9463" s="5" t="s">
        <v>43</v>
      </c>
      <c r="AC9463" s="5" t="s">
        <v>44</v>
      </c>
      <c r="AD9463" s="2"/>
      <c r="AE9463" s="1"/>
    </row>
    <row r="9464" spans="1:31" ht="14.45">
      <c r="A9464" s="11"/>
      <c r="B9464" s="20"/>
      <c r="C9464" s="2" t="s">
        <v>29077</v>
      </c>
      <c r="D9464" s="14" t="s">
        <v>29078</v>
      </c>
      <c r="E9464" s="2" t="s">
        <v>29079</v>
      </c>
      <c r="F9464" s="2" t="s">
        <v>28927</v>
      </c>
      <c r="G9464" s="8">
        <v>391</v>
      </c>
      <c r="H9464" s="5">
        <v>20</v>
      </c>
      <c r="I9464" s="5" t="s">
        <v>69</v>
      </c>
      <c r="J9464" s="5" t="s">
        <v>27074</v>
      </c>
      <c r="K9464" s="2" t="s">
        <v>27075</v>
      </c>
      <c r="L9464" s="5" t="s">
        <v>27074</v>
      </c>
      <c r="M9464" s="2" t="s">
        <v>27075</v>
      </c>
      <c r="N9464" s="5" t="s">
        <v>24254</v>
      </c>
      <c r="O9464" s="5" t="s">
        <v>38</v>
      </c>
      <c r="P9464" s="5" t="s">
        <v>39</v>
      </c>
      <c r="Q9464" s="5" t="s">
        <v>40</v>
      </c>
      <c r="R9464" s="5" t="s">
        <v>24340</v>
      </c>
      <c r="S9464" s="5" t="s">
        <v>40</v>
      </c>
      <c r="T9464" s="5" t="s">
        <v>42</v>
      </c>
      <c r="U9464" s="2">
        <v>16.297999999999998</v>
      </c>
      <c r="V9464" s="2">
        <v>14.301</v>
      </c>
      <c r="W9464" s="2">
        <v>0.11600000000000001</v>
      </c>
      <c r="X9464" s="2">
        <v>12</v>
      </c>
      <c r="Y9464" s="2">
        <v>50</v>
      </c>
      <c r="Z9464" s="2">
        <v>193.9</v>
      </c>
      <c r="AA9464" s="5">
        <v>8</v>
      </c>
      <c r="AB9464" s="5" t="s">
        <v>43</v>
      </c>
      <c r="AC9464" s="5" t="s">
        <v>44</v>
      </c>
      <c r="AD9464" s="2" t="s">
        <v>28928</v>
      </c>
      <c r="AE9464" s="1"/>
    </row>
    <row r="9465" spans="1:31" ht="14.45">
      <c r="A9465" s="11"/>
      <c r="B9465" s="20"/>
      <c r="C9465" s="2" t="s">
        <v>29080</v>
      </c>
      <c r="D9465" s="14" t="s">
        <v>29081</v>
      </c>
      <c r="E9465" s="2" t="s">
        <v>29082</v>
      </c>
      <c r="F9465" s="2" t="s">
        <v>28932</v>
      </c>
      <c r="G9465" s="8">
        <v>391</v>
      </c>
      <c r="H9465" s="5">
        <v>20</v>
      </c>
      <c r="I9465" s="5" t="s">
        <v>69</v>
      </c>
      <c r="J9465" s="5" t="s">
        <v>27074</v>
      </c>
      <c r="K9465" s="2" t="s">
        <v>27075</v>
      </c>
      <c r="L9465" s="5" t="s">
        <v>27074</v>
      </c>
      <c r="M9465" s="2" t="s">
        <v>27075</v>
      </c>
      <c r="N9465" s="5" t="s">
        <v>24254</v>
      </c>
      <c r="O9465" s="5" t="s">
        <v>38</v>
      </c>
      <c r="P9465" s="5" t="s">
        <v>39</v>
      </c>
      <c r="Q9465" s="5" t="s">
        <v>40</v>
      </c>
      <c r="R9465" s="5" t="s">
        <v>24340</v>
      </c>
      <c r="S9465" s="5" t="s">
        <v>40</v>
      </c>
      <c r="T9465" s="5" t="s">
        <v>42</v>
      </c>
      <c r="U9465" s="2">
        <v>12.14</v>
      </c>
      <c r="V9465" s="2">
        <v>10.143000000000001</v>
      </c>
      <c r="W9465" s="2">
        <v>0.11600000000000001</v>
      </c>
      <c r="X9465" s="2">
        <v>12</v>
      </c>
      <c r="Y9465" s="2">
        <v>50</v>
      </c>
      <c r="Z9465" s="2">
        <v>193.9</v>
      </c>
      <c r="AA9465" s="5">
        <v>8</v>
      </c>
      <c r="AB9465" s="5" t="s">
        <v>43</v>
      </c>
      <c r="AC9465" s="5" t="s">
        <v>44</v>
      </c>
      <c r="AD9465" s="2" t="s">
        <v>28928</v>
      </c>
      <c r="AE9465" s="1"/>
    </row>
    <row r="9466" spans="1:31" ht="14.45">
      <c r="A9466" s="11"/>
      <c r="B9466" s="20"/>
      <c r="C9466" s="2" t="s">
        <v>29083</v>
      </c>
      <c r="D9466" s="14" t="s">
        <v>29084</v>
      </c>
      <c r="E9466" s="2" t="s">
        <v>29085</v>
      </c>
      <c r="F9466" s="2" t="s">
        <v>28936</v>
      </c>
      <c r="G9466" s="8">
        <v>391</v>
      </c>
      <c r="H9466" s="5">
        <v>20</v>
      </c>
      <c r="I9466" s="5" t="s">
        <v>69</v>
      </c>
      <c r="J9466" s="5" t="s">
        <v>27074</v>
      </c>
      <c r="K9466" s="2" t="s">
        <v>27075</v>
      </c>
      <c r="L9466" s="5" t="s">
        <v>27074</v>
      </c>
      <c r="M9466" s="2" t="s">
        <v>27075</v>
      </c>
      <c r="N9466" s="5" t="s">
        <v>24254</v>
      </c>
      <c r="O9466" s="5" t="s">
        <v>38</v>
      </c>
      <c r="P9466" s="5" t="s">
        <v>39</v>
      </c>
      <c r="Q9466" s="5" t="s">
        <v>40</v>
      </c>
      <c r="R9466" s="5" t="s">
        <v>24340</v>
      </c>
      <c r="S9466" s="5" t="s">
        <v>40</v>
      </c>
      <c r="T9466" s="5" t="s">
        <v>42</v>
      </c>
      <c r="U9466" s="2">
        <v>11.291</v>
      </c>
      <c r="V9466" s="2">
        <v>9.3279999999999994</v>
      </c>
      <c r="W9466" s="2">
        <v>0.11600000000000001</v>
      </c>
      <c r="X9466" s="2">
        <v>12</v>
      </c>
      <c r="Y9466" s="2">
        <v>50</v>
      </c>
      <c r="Z9466" s="2">
        <v>193.9</v>
      </c>
      <c r="AA9466" s="5">
        <v>8</v>
      </c>
      <c r="AB9466" s="5" t="s">
        <v>43</v>
      </c>
      <c r="AC9466" s="5" t="s">
        <v>44</v>
      </c>
      <c r="AD9466" s="2" t="s">
        <v>28928</v>
      </c>
      <c r="AE9466" s="1"/>
    </row>
    <row r="9467" spans="1:31" ht="14.45">
      <c r="A9467" s="11"/>
      <c r="B9467" s="20"/>
      <c r="C9467" s="2" t="s">
        <v>29086</v>
      </c>
      <c r="D9467" s="14" t="s">
        <v>29087</v>
      </c>
      <c r="E9467" s="2" t="s">
        <v>29088</v>
      </c>
      <c r="F9467" s="2" t="s">
        <v>28887</v>
      </c>
      <c r="G9467" s="8">
        <v>391</v>
      </c>
      <c r="H9467" s="5">
        <v>20</v>
      </c>
      <c r="I9467" s="5" t="s">
        <v>69</v>
      </c>
      <c r="J9467" s="5" t="s">
        <v>27074</v>
      </c>
      <c r="K9467" s="2" t="s">
        <v>27075</v>
      </c>
      <c r="L9467" s="5" t="s">
        <v>27074</v>
      </c>
      <c r="M9467" s="2" t="s">
        <v>27075</v>
      </c>
      <c r="N9467" s="5" t="s">
        <v>24254</v>
      </c>
      <c r="O9467" s="5" t="s">
        <v>38</v>
      </c>
      <c r="P9467" s="5" t="s">
        <v>39</v>
      </c>
      <c r="Q9467" s="5" t="s">
        <v>40</v>
      </c>
      <c r="R9467" s="5" t="s">
        <v>25301</v>
      </c>
      <c r="S9467" s="5" t="s">
        <v>40</v>
      </c>
      <c r="T9467" s="5" t="s">
        <v>42</v>
      </c>
      <c r="U9467" s="2">
        <v>14.606999999999999</v>
      </c>
      <c r="V9467" s="2">
        <v>12.61</v>
      </c>
      <c r="W9467" s="2">
        <v>0.11600000000000001</v>
      </c>
      <c r="X9467" s="2">
        <v>12</v>
      </c>
      <c r="Y9467" s="2">
        <v>50</v>
      </c>
      <c r="Z9467" s="2">
        <v>193.9</v>
      </c>
      <c r="AA9467" s="5">
        <v>8</v>
      </c>
      <c r="AB9467" s="5" t="s">
        <v>43</v>
      </c>
      <c r="AC9467" s="5" t="s">
        <v>44</v>
      </c>
      <c r="AD9467" s="2" t="s">
        <v>28888</v>
      </c>
      <c r="AE9467" s="1"/>
    </row>
    <row r="9468" spans="1:31" ht="14.45">
      <c r="A9468" s="11"/>
      <c r="B9468" s="20"/>
      <c r="C9468" s="2" t="s">
        <v>29089</v>
      </c>
      <c r="D9468" s="14" t="s">
        <v>29090</v>
      </c>
      <c r="E9468" s="2" t="s">
        <v>29091</v>
      </c>
      <c r="F9468" s="2" t="s">
        <v>28892</v>
      </c>
      <c r="G9468" s="8">
        <v>391</v>
      </c>
      <c r="H9468" s="5">
        <v>20</v>
      </c>
      <c r="I9468" s="5" t="s">
        <v>69</v>
      </c>
      <c r="J9468" s="5" t="s">
        <v>27074</v>
      </c>
      <c r="K9468" s="2" t="s">
        <v>27075</v>
      </c>
      <c r="L9468" s="5" t="s">
        <v>27074</v>
      </c>
      <c r="M9468" s="2" t="s">
        <v>27075</v>
      </c>
      <c r="N9468" s="5" t="s">
        <v>24254</v>
      </c>
      <c r="O9468" s="5" t="s">
        <v>38</v>
      </c>
      <c r="P9468" s="5" t="s">
        <v>39</v>
      </c>
      <c r="Q9468" s="5" t="s">
        <v>40</v>
      </c>
      <c r="R9468" s="5" t="s">
        <v>25301</v>
      </c>
      <c r="S9468" s="5" t="s">
        <v>40</v>
      </c>
      <c r="T9468" s="5" t="s">
        <v>42</v>
      </c>
      <c r="U9468" s="2">
        <v>10.289</v>
      </c>
      <c r="V9468" s="2">
        <v>8.3260000000000005</v>
      </c>
      <c r="W9468" s="2">
        <v>0.11600000000000001</v>
      </c>
      <c r="X9468" s="2">
        <v>12</v>
      </c>
      <c r="Y9468" s="2">
        <v>50</v>
      </c>
      <c r="Z9468" s="2">
        <v>193.9</v>
      </c>
      <c r="AA9468" s="5">
        <v>8</v>
      </c>
      <c r="AB9468" s="5" t="s">
        <v>43</v>
      </c>
      <c r="AC9468" s="5" t="s">
        <v>44</v>
      </c>
      <c r="AD9468" s="2" t="s">
        <v>28888</v>
      </c>
      <c r="AE9468" s="1"/>
    </row>
    <row r="9469" spans="1:31" ht="14.45">
      <c r="A9469" s="11"/>
      <c r="B9469" s="20"/>
      <c r="C9469" s="2" t="s">
        <v>29092</v>
      </c>
      <c r="D9469" s="14" t="s">
        <v>29093</v>
      </c>
      <c r="E9469" s="2" t="s">
        <v>29094</v>
      </c>
      <c r="F9469" s="2" t="s">
        <v>28906</v>
      </c>
      <c r="G9469" s="8">
        <v>391</v>
      </c>
      <c r="H9469" s="5">
        <v>20</v>
      </c>
      <c r="I9469" s="5" t="s">
        <v>69</v>
      </c>
      <c r="J9469" s="5" t="s">
        <v>27074</v>
      </c>
      <c r="K9469" s="2" t="s">
        <v>27075</v>
      </c>
      <c r="L9469" s="5" t="s">
        <v>27074</v>
      </c>
      <c r="M9469" s="2" t="s">
        <v>27075</v>
      </c>
      <c r="N9469" s="5" t="s">
        <v>24254</v>
      </c>
      <c r="O9469" s="5" t="s">
        <v>38</v>
      </c>
      <c r="P9469" s="5" t="s">
        <v>39</v>
      </c>
      <c r="Q9469" s="5" t="s">
        <v>40</v>
      </c>
      <c r="R9469" s="5" t="s">
        <v>25301</v>
      </c>
      <c r="S9469" s="5" t="s">
        <v>40</v>
      </c>
      <c r="T9469" s="5" t="s">
        <v>42</v>
      </c>
      <c r="U9469" s="2">
        <v>10.827</v>
      </c>
      <c r="V9469" s="2">
        <v>8.8640000000000008</v>
      </c>
      <c r="W9469" s="2">
        <v>0.11600000000000001</v>
      </c>
      <c r="X9469" s="2">
        <v>12</v>
      </c>
      <c r="Y9469" s="2">
        <v>50</v>
      </c>
      <c r="Z9469" s="2">
        <v>193.9</v>
      </c>
      <c r="AA9469" s="5">
        <v>10</v>
      </c>
      <c r="AB9469" s="5" t="s">
        <v>43</v>
      </c>
      <c r="AC9469" s="5" t="s">
        <v>44</v>
      </c>
      <c r="AD9469" s="2" t="s">
        <v>28907</v>
      </c>
      <c r="AE9469" s="1"/>
    </row>
    <row r="9470" spans="1:31" ht="14.45">
      <c r="A9470" s="11"/>
      <c r="B9470" s="20"/>
      <c r="C9470" s="2" t="s">
        <v>29095</v>
      </c>
      <c r="D9470" s="14" t="s">
        <v>29096</v>
      </c>
      <c r="E9470" s="2" t="s">
        <v>29097</v>
      </c>
      <c r="F9470" s="2" t="s">
        <v>28911</v>
      </c>
      <c r="G9470" s="8">
        <v>1121</v>
      </c>
      <c r="H9470" s="5">
        <v>20</v>
      </c>
      <c r="I9470" s="5" t="s">
        <v>69</v>
      </c>
      <c r="J9470" s="5" t="s">
        <v>27074</v>
      </c>
      <c r="K9470" s="2" t="s">
        <v>27075</v>
      </c>
      <c r="L9470" s="5" t="s">
        <v>27074</v>
      </c>
      <c r="M9470" s="2" t="s">
        <v>27075</v>
      </c>
      <c r="N9470" s="5" t="s">
        <v>24254</v>
      </c>
      <c r="O9470" s="5" t="s">
        <v>38</v>
      </c>
      <c r="P9470" s="5" t="s">
        <v>39</v>
      </c>
      <c r="Q9470" s="5" t="s">
        <v>40</v>
      </c>
      <c r="R9470" s="5" t="s">
        <v>1487</v>
      </c>
      <c r="S9470" s="5"/>
      <c r="T9470" s="5" t="s">
        <v>42</v>
      </c>
      <c r="U9470" s="2">
        <v>0</v>
      </c>
      <c r="V9470" s="2">
        <v>0</v>
      </c>
      <c r="W9470" s="2">
        <v>0</v>
      </c>
      <c r="X9470" s="2">
        <v>0</v>
      </c>
      <c r="Y9470" s="2">
        <v>0</v>
      </c>
      <c r="Z9470" s="2">
        <v>0</v>
      </c>
      <c r="AA9470" s="5"/>
      <c r="AB9470" s="5" t="s">
        <v>43</v>
      </c>
      <c r="AC9470" s="5" t="s">
        <v>44</v>
      </c>
      <c r="AD9470" s="2"/>
      <c r="AE9470" s="1"/>
    </row>
    <row r="9471" spans="1:31" ht="14.45">
      <c r="A9471" s="11"/>
      <c r="B9471" s="20"/>
      <c r="C9471" s="2" t="s">
        <v>29098</v>
      </c>
      <c r="D9471" s="14" t="s">
        <v>29099</v>
      </c>
      <c r="E9471" s="2" t="s">
        <v>29100</v>
      </c>
      <c r="F9471" s="2" t="s">
        <v>28915</v>
      </c>
      <c r="G9471" s="8">
        <v>1121</v>
      </c>
      <c r="H9471" s="5">
        <v>20</v>
      </c>
      <c r="I9471" s="5" t="s">
        <v>69</v>
      </c>
      <c r="J9471" s="5" t="s">
        <v>27074</v>
      </c>
      <c r="K9471" s="2" t="s">
        <v>27075</v>
      </c>
      <c r="L9471" s="5" t="s">
        <v>27074</v>
      </c>
      <c r="M9471" s="2" t="s">
        <v>27075</v>
      </c>
      <c r="N9471" s="5" t="s">
        <v>24254</v>
      </c>
      <c r="O9471" s="5" t="s">
        <v>38</v>
      </c>
      <c r="P9471" s="5" t="s">
        <v>39</v>
      </c>
      <c r="Q9471" s="5" t="s">
        <v>40</v>
      </c>
      <c r="R9471" s="5" t="s">
        <v>1487</v>
      </c>
      <c r="S9471" s="5"/>
      <c r="T9471" s="5" t="s">
        <v>42</v>
      </c>
      <c r="U9471" s="2">
        <v>0</v>
      </c>
      <c r="V9471" s="2">
        <v>0</v>
      </c>
      <c r="W9471" s="2">
        <v>0</v>
      </c>
      <c r="X9471" s="2">
        <v>0</v>
      </c>
      <c r="Y9471" s="2">
        <v>0</v>
      </c>
      <c r="Z9471" s="2">
        <v>0</v>
      </c>
      <c r="AA9471" s="5"/>
      <c r="AB9471" s="5" t="s">
        <v>43</v>
      </c>
      <c r="AC9471" s="5" t="s">
        <v>44</v>
      </c>
      <c r="AD9471" s="2"/>
      <c r="AE9471" s="1"/>
    </row>
    <row r="9472" spans="1:31" ht="14.45">
      <c r="A9472" s="11"/>
      <c r="B9472" s="20"/>
      <c r="C9472" s="2" t="s">
        <v>29101</v>
      </c>
      <c r="D9472" s="14" t="s">
        <v>29102</v>
      </c>
      <c r="E9472" s="2" t="s">
        <v>29103</v>
      </c>
      <c r="F9472" s="2" t="s">
        <v>28919</v>
      </c>
      <c r="G9472" s="8">
        <v>1121</v>
      </c>
      <c r="H9472" s="5">
        <v>20</v>
      </c>
      <c r="I9472" s="5" t="s">
        <v>69</v>
      </c>
      <c r="J9472" s="5" t="s">
        <v>27074</v>
      </c>
      <c r="K9472" s="2" t="s">
        <v>27075</v>
      </c>
      <c r="L9472" s="5" t="s">
        <v>27074</v>
      </c>
      <c r="M9472" s="2" t="s">
        <v>27075</v>
      </c>
      <c r="N9472" s="5" t="s">
        <v>24254</v>
      </c>
      <c r="O9472" s="5" t="s">
        <v>38</v>
      </c>
      <c r="P9472" s="5" t="s">
        <v>39</v>
      </c>
      <c r="Q9472" s="5" t="s">
        <v>40</v>
      </c>
      <c r="R9472" s="5" t="s">
        <v>1487</v>
      </c>
      <c r="S9472" s="5"/>
      <c r="T9472" s="5" t="s">
        <v>42</v>
      </c>
      <c r="U9472" s="2">
        <v>0</v>
      </c>
      <c r="V9472" s="2">
        <v>0</v>
      </c>
      <c r="W9472" s="2">
        <v>0</v>
      </c>
      <c r="X9472" s="2">
        <v>0</v>
      </c>
      <c r="Y9472" s="2">
        <v>0</v>
      </c>
      <c r="Z9472" s="2">
        <v>0</v>
      </c>
      <c r="AA9472" s="5"/>
      <c r="AB9472" s="5" t="s">
        <v>43</v>
      </c>
      <c r="AC9472" s="5" t="s">
        <v>44</v>
      </c>
      <c r="AD9472" s="2"/>
      <c r="AE9472" s="1"/>
    </row>
    <row r="9473" spans="1:31" ht="14.45">
      <c r="A9473" s="11"/>
      <c r="B9473" s="20"/>
      <c r="C9473" s="2" t="s">
        <v>29104</v>
      </c>
      <c r="D9473" s="14" t="s">
        <v>29105</v>
      </c>
      <c r="E9473" s="2" t="s">
        <v>29106</v>
      </c>
      <c r="F9473" s="2" t="s">
        <v>28923</v>
      </c>
      <c r="G9473" s="8">
        <v>1121</v>
      </c>
      <c r="H9473" s="5">
        <v>20</v>
      </c>
      <c r="I9473" s="5" t="s">
        <v>69</v>
      </c>
      <c r="J9473" s="5" t="s">
        <v>27074</v>
      </c>
      <c r="K9473" s="2" t="s">
        <v>27075</v>
      </c>
      <c r="L9473" s="5" t="s">
        <v>27074</v>
      </c>
      <c r="M9473" s="2" t="s">
        <v>27075</v>
      </c>
      <c r="N9473" s="5" t="s">
        <v>24254</v>
      </c>
      <c r="O9473" s="5" t="s">
        <v>38</v>
      </c>
      <c r="P9473" s="5" t="s">
        <v>39</v>
      </c>
      <c r="Q9473" s="5" t="s">
        <v>40</v>
      </c>
      <c r="R9473" s="5" t="s">
        <v>1487</v>
      </c>
      <c r="S9473" s="5"/>
      <c r="T9473" s="5" t="s">
        <v>42</v>
      </c>
      <c r="U9473" s="2">
        <v>0</v>
      </c>
      <c r="V9473" s="2">
        <v>0</v>
      </c>
      <c r="W9473" s="2">
        <v>0</v>
      </c>
      <c r="X9473" s="2">
        <v>0</v>
      </c>
      <c r="Y9473" s="2">
        <v>0</v>
      </c>
      <c r="Z9473" s="2">
        <v>0</v>
      </c>
      <c r="AA9473" s="5"/>
      <c r="AB9473" s="5" t="s">
        <v>43</v>
      </c>
      <c r="AC9473" s="5" t="s">
        <v>44</v>
      </c>
      <c r="AD9473" s="2"/>
      <c r="AE9473" s="1"/>
    </row>
    <row r="9474" spans="1:31" ht="14.45">
      <c r="A9474" s="11"/>
      <c r="B9474" s="20"/>
      <c r="C9474" s="2" t="s">
        <v>29107</v>
      </c>
      <c r="D9474" s="14" t="s">
        <v>29108</v>
      </c>
      <c r="E9474" s="2" t="s">
        <v>29109</v>
      </c>
      <c r="F9474" s="2" t="s">
        <v>28927</v>
      </c>
      <c r="G9474" s="8">
        <v>379</v>
      </c>
      <c r="H9474" s="5">
        <v>20</v>
      </c>
      <c r="I9474" s="5" t="s">
        <v>69</v>
      </c>
      <c r="J9474" s="5" t="s">
        <v>27074</v>
      </c>
      <c r="K9474" s="2" t="s">
        <v>27075</v>
      </c>
      <c r="L9474" s="5" t="s">
        <v>27074</v>
      </c>
      <c r="M9474" s="2" t="s">
        <v>27075</v>
      </c>
      <c r="N9474" s="5" t="s">
        <v>24254</v>
      </c>
      <c r="O9474" s="5" t="s">
        <v>38</v>
      </c>
      <c r="P9474" s="5" t="s">
        <v>39</v>
      </c>
      <c r="Q9474" s="5" t="s">
        <v>40</v>
      </c>
      <c r="R9474" s="5" t="s">
        <v>24340</v>
      </c>
      <c r="S9474" s="5" t="s">
        <v>40</v>
      </c>
      <c r="T9474" s="5" t="s">
        <v>42</v>
      </c>
      <c r="U9474" s="2">
        <v>13.975</v>
      </c>
      <c r="V9474" s="2">
        <v>12.462</v>
      </c>
      <c r="W9474" s="2">
        <v>8.3000000000000004E-2</v>
      </c>
      <c r="X9474" s="2">
        <v>12</v>
      </c>
      <c r="Y9474" s="2">
        <v>50</v>
      </c>
      <c r="Z9474" s="2">
        <v>137.9</v>
      </c>
      <c r="AA9474" s="5">
        <v>8</v>
      </c>
      <c r="AB9474" s="5" t="s">
        <v>43</v>
      </c>
      <c r="AC9474" s="5" t="s">
        <v>44</v>
      </c>
      <c r="AD9474" s="2" t="s">
        <v>28928</v>
      </c>
      <c r="AE9474" s="1"/>
    </row>
    <row r="9475" spans="1:31" ht="14.45">
      <c r="A9475" s="11"/>
      <c r="B9475" s="20"/>
      <c r="C9475" s="2" t="s">
        <v>29110</v>
      </c>
      <c r="D9475" s="14" t="s">
        <v>29111</v>
      </c>
      <c r="E9475" s="2" t="s">
        <v>29112</v>
      </c>
      <c r="F9475" s="2" t="s">
        <v>28932</v>
      </c>
      <c r="G9475" s="8">
        <v>379</v>
      </c>
      <c r="H9475" s="5">
        <v>20</v>
      </c>
      <c r="I9475" s="5" t="s">
        <v>69</v>
      </c>
      <c r="J9475" s="5" t="s">
        <v>27074</v>
      </c>
      <c r="K9475" s="2" t="s">
        <v>27075</v>
      </c>
      <c r="L9475" s="5" t="s">
        <v>27074</v>
      </c>
      <c r="M9475" s="2" t="s">
        <v>27075</v>
      </c>
      <c r="N9475" s="5" t="s">
        <v>24254</v>
      </c>
      <c r="O9475" s="5" t="s">
        <v>38</v>
      </c>
      <c r="P9475" s="5" t="s">
        <v>39</v>
      </c>
      <c r="Q9475" s="5" t="s">
        <v>40</v>
      </c>
      <c r="R9475" s="5" t="s">
        <v>24340</v>
      </c>
      <c r="S9475" s="5" t="s">
        <v>40</v>
      </c>
      <c r="T9475" s="5" t="s">
        <v>42</v>
      </c>
      <c r="U9475" s="2">
        <v>10.551</v>
      </c>
      <c r="V9475" s="2">
        <v>9.0380000000000003</v>
      </c>
      <c r="W9475" s="2">
        <v>8.3000000000000004E-2</v>
      </c>
      <c r="X9475" s="2">
        <v>12</v>
      </c>
      <c r="Y9475" s="2">
        <v>50</v>
      </c>
      <c r="Z9475" s="2">
        <v>137.9</v>
      </c>
      <c r="AA9475" s="5">
        <v>8</v>
      </c>
      <c r="AB9475" s="5" t="s">
        <v>43</v>
      </c>
      <c r="AC9475" s="5" t="s">
        <v>44</v>
      </c>
      <c r="AD9475" s="2" t="s">
        <v>28928</v>
      </c>
      <c r="AE9475" s="1"/>
    </row>
    <row r="9476" spans="1:31" ht="14.45">
      <c r="A9476" s="11"/>
      <c r="B9476" s="20"/>
      <c r="C9476" s="2" t="s">
        <v>29113</v>
      </c>
      <c r="D9476" s="14" t="s">
        <v>29114</v>
      </c>
      <c r="E9476" s="2" t="s">
        <v>29115</v>
      </c>
      <c r="F9476" s="2" t="s">
        <v>28936</v>
      </c>
      <c r="G9476" s="8">
        <v>379</v>
      </c>
      <c r="H9476" s="5">
        <v>20</v>
      </c>
      <c r="I9476" s="5" t="s">
        <v>69</v>
      </c>
      <c r="J9476" s="5" t="s">
        <v>27074</v>
      </c>
      <c r="K9476" s="2" t="s">
        <v>27075</v>
      </c>
      <c r="L9476" s="5" t="s">
        <v>27074</v>
      </c>
      <c r="M9476" s="2" t="s">
        <v>27075</v>
      </c>
      <c r="N9476" s="5" t="s">
        <v>24254</v>
      </c>
      <c r="O9476" s="5" t="s">
        <v>38</v>
      </c>
      <c r="P9476" s="5" t="s">
        <v>39</v>
      </c>
      <c r="Q9476" s="5" t="s">
        <v>40</v>
      </c>
      <c r="R9476" s="5" t="s">
        <v>24340</v>
      </c>
      <c r="S9476" s="5" t="s">
        <v>40</v>
      </c>
      <c r="T9476" s="5" t="s">
        <v>42</v>
      </c>
      <c r="U9476" s="2">
        <v>9.8160000000000007</v>
      </c>
      <c r="V9476" s="2">
        <v>8.3369999999999997</v>
      </c>
      <c r="W9476" s="2">
        <v>8.3000000000000004E-2</v>
      </c>
      <c r="X9476" s="2">
        <v>12</v>
      </c>
      <c r="Y9476" s="2">
        <v>50</v>
      </c>
      <c r="Z9476" s="2">
        <v>137.9</v>
      </c>
      <c r="AA9476" s="5">
        <v>8</v>
      </c>
      <c r="AB9476" s="5" t="s">
        <v>43</v>
      </c>
      <c r="AC9476" s="5" t="s">
        <v>44</v>
      </c>
      <c r="AD9476" s="2" t="s">
        <v>28928</v>
      </c>
      <c r="AE9476" s="1"/>
    </row>
    <row r="9477" spans="1:31" ht="14.45">
      <c r="A9477" s="11"/>
      <c r="B9477" s="20"/>
      <c r="C9477" s="2" t="s">
        <v>29116</v>
      </c>
      <c r="D9477" s="14" t="s">
        <v>29117</v>
      </c>
      <c r="E9477" s="2" t="s">
        <v>29118</v>
      </c>
      <c r="F9477" s="2" t="s">
        <v>28887</v>
      </c>
      <c r="G9477" s="8">
        <v>379</v>
      </c>
      <c r="H9477" s="5">
        <v>20</v>
      </c>
      <c r="I9477" s="5" t="s">
        <v>69</v>
      </c>
      <c r="J9477" s="5" t="s">
        <v>27074</v>
      </c>
      <c r="K9477" s="2" t="s">
        <v>27075</v>
      </c>
      <c r="L9477" s="5" t="s">
        <v>27074</v>
      </c>
      <c r="M9477" s="2" t="s">
        <v>27075</v>
      </c>
      <c r="N9477" s="5" t="s">
        <v>24254</v>
      </c>
      <c r="O9477" s="5" t="s">
        <v>38</v>
      </c>
      <c r="P9477" s="5" t="s">
        <v>39</v>
      </c>
      <c r="Q9477" s="5" t="s">
        <v>40</v>
      </c>
      <c r="R9477" s="5" t="s">
        <v>25301</v>
      </c>
      <c r="S9477" s="5" t="s">
        <v>40</v>
      </c>
      <c r="T9477" s="5" t="s">
        <v>42</v>
      </c>
      <c r="U9477" s="2">
        <v>12.519</v>
      </c>
      <c r="V9477" s="2">
        <v>11.006</v>
      </c>
      <c r="W9477" s="2">
        <v>8.3000000000000004E-2</v>
      </c>
      <c r="X9477" s="2">
        <v>12</v>
      </c>
      <c r="Y9477" s="2">
        <v>50</v>
      </c>
      <c r="Z9477" s="2">
        <v>137.9</v>
      </c>
      <c r="AA9477" s="5">
        <v>8</v>
      </c>
      <c r="AB9477" s="5" t="s">
        <v>43</v>
      </c>
      <c r="AC9477" s="5" t="s">
        <v>44</v>
      </c>
      <c r="AD9477" s="2" t="s">
        <v>28888</v>
      </c>
      <c r="AE9477" s="1"/>
    </row>
    <row r="9478" spans="1:31" ht="14.45">
      <c r="A9478" s="11"/>
      <c r="B9478" s="20"/>
      <c r="C9478" s="2" t="s">
        <v>29119</v>
      </c>
      <c r="D9478" s="14" t="s">
        <v>29120</v>
      </c>
      <c r="E9478" s="2" t="s">
        <v>29121</v>
      </c>
      <c r="F9478" s="2" t="s">
        <v>28948</v>
      </c>
      <c r="G9478" s="8">
        <v>379</v>
      </c>
      <c r="H9478" s="5">
        <v>20</v>
      </c>
      <c r="I9478" s="5" t="s">
        <v>69</v>
      </c>
      <c r="J9478" s="5" t="s">
        <v>27074</v>
      </c>
      <c r="K9478" s="2" t="s">
        <v>27075</v>
      </c>
      <c r="L9478" s="5" t="s">
        <v>27074</v>
      </c>
      <c r="M9478" s="2" t="s">
        <v>27075</v>
      </c>
      <c r="N9478" s="5" t="s">
        <v>24254</v>
      </c>
      <c r="O9478" s="5" t="s">
        <v>38</v>
      </c>
      <c r="P9478" s="5" t="s">
        <v>39</v>
      </c>
      <c r="Q9478" s="5" t="s">
        <v>40</v>
      </c>
      <c r="R9478" s="5" t="s">
        <v>25301</v>
      </c>
      <c r="S9478" s="5" t="s">
        <v>40</v>
      </c>
      <c r="T9478" s="5" t="s">
        <v>42</v>
      </c>
      <c r="U9478" s="2">
        <v>9.4</v>
      </c>
      <c r="V9478" s="2">
        <v>7.8869999999999996</v>
      </c>
      <c r="W9478" s="2">
        <v>8.3000000000000004E-2</v>
      </c>
      <c r="X9478" s="2">
        <v>12</v>
      </c>
      <c r="Y9478" s="2">
        <v>50</v>
      </c>
      <c r="Z9478" s="2">
        <v>137.9</v>
      </c>
      <c r="AA9478" s="5">
        <v>8</v>
      </c>
      <c r="AB9478" s="5" t="s">
        <v>43</v>
      </c>
      <c r="AC9478" s="5" t="s">
        <v>44</v>
      </c>
      <c r="AD9478" s="2" t="s">
        <v>28888</v>
      </c>
      <c r="AE9478" s="1"/>
    </row>
    <row r="9479" spans="1:31" ht="14.45">
      <c r="A9479" s="11"/>
      <c r="B9479" s="20"/>
      <c r="C9479" s="2" t="s">
        <v>29122</v>
      </c>
      <c r="D9479" s="14" t="s">
        <v>29123</v>
      </c>
      <c r="E9479" s="2" t="s">
        <v>29124</v>
      </c>
      <c r="F9479" s="2" t="s">
        <v>28892</v>
      </c>
      <c r="G9479" s="8">
        <v>379</v>
      </c>
      <c r="H9479" s="5">
        <v>20</v>
      </c>
      <c r="I9479" s="5" t="s">
        <v>69</v>
      </c>
      <c r="J9479" s="5" t="s">
        <v>27074</v>
      </c>
      <c r="K9479" s="2" t="s">
        <v>27075</v>
      </c>
      <c r="L9479" s="5" t="s">
        <v>27074</v>
      </c>
      <c r="M9479" s="2" t="s">
        <v>27075</v>
      </c>
      <c r="N9479" s="5" t="s">
        <v>24254</v>
      </c>
      <c r="O9479" s="5" t="s">
        <v>38</v>
      </c>
      <c r="P9479" s="5" t="s">
        <v>39</v>
      </c>
      <c r="Q9479" s="5" t="s">
        <v>40</v>
      </c>
      <c r="R9479" s="5" t="s">
        <v>25301</v>
      </c>
      <c r="S9479" s="5" t="s">
        <v>40</v>
      </c>
      <c r="T9479" s="5" t="s">
        <v>42</v>
      </c>
      <c r="U9479" s="2">
        <v>8.8780000000000001</v>
      </c>
      <c r="V9479" s="2">
        <v>7.399</v>
      </c>
      <c r="W9479" s="2">
        <v>8.3000000000000004E-2</v>
      </c>
      <c r="X9479" s="2">
        <v>12</v>
      </c>
      <c r="Y9479" s="2">
        <v>50</v>
      </c>
      <c r="Z9479" s="2">
        <v>137.9</v>
      </c>
      <c r="AA9479" s="5">
        <v>8</v>
      </c>
      <c r="AB9479" s="5" t="s">
        <v>43</v>
      </c>
      <c r="AC9479" s="5" t="s">
        <v>44</v>
      </c>
      <c r="AD9479" s="2" t="s">
        <v>28888</v>
      </c>
      <c r="AE9479" s="1"/>
    </row>
    <row r="9480" spans="1:31" ht="14.45">
      <c r="A9480" s="11"/>
      <c r="B9480" s="20"/>
      <c r="C9480" s="2" t="s">
        <v>29125</v>
      </c>
      <c r="D9480" s="14" t="s">
        <v>29126</v>
      </c>
      <c r="E9480" s="2" t="s">
        <v>29127</v>
      </c>
      <c r="F9480" s="2" t="s">
        <v>28896</v>
      </c>
      <c r="G9480" s="8">
        <v>379</v>
      </c>
      <c r="H9480" s="5">
        <v>20</v>
      </c>
      <c r="I9480" s="5" t="s">
        <v>69</v>
      </c>
      <c r="J9480" s="5" t="s">
        <v>27074</v>
      </c>
      <c r="K9480" s="2" t="s">
        <v>27075</v>
      </c>
      <c r="L9480" s="5" t="s">
        <v>27074</v>
      </c>
      <c r="M9480" s="2" t="s">
        <v>27075</v>
      </c>
      <c r="N9480" s="5" t="s">
        <v>24254</v>
      </c>
      <c r="O9480" s="5" t="s">
        <v>38</v>
      </c>
      <c r="P9480" s="5" t="s">
        <v>39</v>
      </c>
      <c r="Q9480" s="5" t="s">
        <v>40</v>
      </c>
      <c r="R9480" s="5" t="s">
        <v>25301</v>
      </c>
      <c r="S9480" s="5" t="s">
        <v>40</v>
      </c>
      <c r="T9480" s="5" t="s">
        <v>42</v>
      </c>
      <c r="U9480" s="2">
        <v>9.1</v>
      </c>
      <c r="V9480" s="2">
        <v>7.6210000000000004</v>
      </c>
      <c r="W9480" s="2">
        <v>8.3000000000000004E-2</v>
      </c>
      <c r="X9480" s="2">
        <v>12</v>
      </c>
      <c r="Y9480" s="2">
        <v>50</v>
      </c>
      <c r="Z9480" s="2">
        <v>137.9</v>
      </c>
      <c r="AA9480" s="5">
        <v>10</v>
      </c>
      <c r="AB9480" s="5" t="s">
        <v>43</v>
      </c>
      <c r="AC9480" s="5" t="s">
        <v>44</v>
      </c>
      <c r="AD9480" s="2" t="s">
        <v>28955</v>
      </c>
      <c r="AE9480" s="1"/>
    </row>
    <row r="9481" spans="1:31" ht="14.45">
      <c r="A9481" s="11"/>
      <c r="B9481" s="20"/>
      <c r="C9481" s="2" t="s">
        <v>29128</v>
      </c>
      <c r="D9481" s="14" t="s">
        <v>29129</v>
      </c>
      <c r="E9481" s="2" t="s">
        <v>29130</v>
      </c>
      <c r="F9481" s="2" t="s">
        <v>28896</v>
      </c>
      <c r="G9481" s="8">
        <v>379</v>
      </c>
      <c r="H9481" s="5">
        <v>20</v>
      </c>
      <c r="I9481" s="5" t="s">
        <v>69</v>
      </c>
      <c r="J9481" s="5" t="s">
        <v>27074</v>
      </c>
      <c r="K9481" s="2" t="s">
        <v>27075</v>
      </c>
      <c r="L9481" s="5" t="s">
        <v>27074</v>
      </c>
      <c r="M9481" s="2" t="s">
        <v>27075</v>
      </c>
      <c r="N9481" s="5" t="s">
        <v>24254</v>
      </c>
      <c r="O9481" s="5" t="s">
        <v>38</v>
      </c>
      <c r="P9481" s="5" t="s">
        <v>39</v>
      </c>
      <c r="Q9481" s="5" t="s">
        <v>40</v>
      </c>
      <c r="R9481" s="5" t="s">
        <v>25301</v>
      </c>
      <c r="S9481" s="5" t="s">
        <v>40</v>
      </c>
      <c r="T9481" s="5" t="s">
        <v>42</v>
      </c>
      <c r="U9481" s="2">
        <v>9.6940000000000008</v>
      </c>
      <c r="V9481" s="2">
        <v>8.2149999999999999</v>
      </c>
      <c r="W9481" s="2">
        <v>8.3000000000000004E-2</v>
      </c>
      <c r="X9481" s="2">
        <v>12</v>
      </c>
      <c r="Y9481" s="2">
        <v>50</v>
      </c>
      <c r="Z9481" s="2">
        <v>137.9</v>
      </c>
      <c r="AA9481" s="5">
        <v>10</v>
      </c>
      <c r="AB9481" s="5" t="s">
        <v>43</v>
      </c>
      <c r="AC9481" s="5" t="s">
        <v>44</v>
      </c>
      <c r="AD9481" s="2" t="s">
        <v>28897</v>
      </c>
      <c r="AE9481" s="1"/>
    </row>
    <row r="9482" spans="1:31" ht="14.45">
      <c r="A9482" s="11"/>
      <c r="B9482" s="20"/>
      <c r="C9482" s="2" t="s">
        <v>29131</v>
      </c>
      <c r="D9482" s="14" t="s">
        <v>29132</v>
      </c>
      <c r="E9482" s="2" t="s">
        <v>29133</v>
      </c>
      <c r="F9482" s="2" t="s">
        <v>28959</v>
      </c>
      <c r="G9482" s="8">
        <v>379</v>
      </c>
      <c r="H9482" s="5">
        <v>20</v>
      </c>
      <c r="I9482" s="5" t="s">
        <v>69</v>
      </c>
      <c r="J9482" s="5" t="s">
        <v>27074</v>
      </c>
      <c r="K9482" s="2" t="s">
        <v>27075</v>
      </c>
      <c r="L9482" s="5" t="s">
        <v>27074</v>
      </c>
      <c r="M9482" s="2" t="s">
        <v>27075</v>
      </c>
      <c r="N9482" s="5" t="s">
        <v>24254</v>
      </c>
      <c r="O9482" s="5" t="s">
        <v>38</v>
      </c>
      <c r="P9482" s="5" t="s">
        <v>39</v>
      </c>
      <c r="Q9482" s="5" t="s">
        <v>40</v>
      </c>
      <c r="R9482" s="5" t="s">
        <v>25301</v>
      </c>
      <c r="S9482" s="5" t="s">
        <v>40</v>
      </c>
      <c r="T9482" s="5" t="s">
        <v>42</v>
      </c>
      <c r="U9482" s="2">
        <v>7.3010000000000002</v>
      </c>
      <c r="V9482" s="2">
        <v>5.8220000000000001</v>
      </c>
      <c r="W9482" s="2">
        <v>8.3000000000000004E-2</v>
      </c>
      <c r="X9482" s="2">
        <v>12</v>
      </c>
      <c r="Y9482" s="2">
        <v>50</v>
      </c>
      <c r="Z9482" s="2">
        <v>137.9</v>
      </c>
      <c r="AA9482" s="5">
        <v>10</v>
      </c>
      <c r="AB9482" s="5" t="s">
        <v>43</v>
      </c>
      <c r="AC9482" s="5" t="s">
        <v>44</v>
      </c>
      <c r="AD9482" s="2" t="s">
        <v>28897</v>
      </c>
      <c r="AE9482" s="1"/>
    </row>
    <row r="9483" spans="1:31" ht="14.45">
      <c r="A9483" s="11"/>
      <c r="B9483" s="20"/>
      <c r="C9483" s="2" t="s">
        <v>29134</v>
      </c>
      <c r="D9483" s="14" t="s">
        <v>29135</v>
      </c>
      <c r="E9483" s="2" t="s">
        <v>29136</v>
      </c>
      <c r="F9483" s="2" t="s">
        <v>28901</v>
      </c>
      <c r="G9483" s="8">
        <v>379</v>
      </c>
      <c r="H9483" s="5">
        <v>20</v>
      </c>
      <c r="I9483" s="5" t="s">
        <v>69</v>
      </c>
      <c r="J9483" s="5" t="s">
        <v>27074</v>
      </c>
      <c r="K9483" s="2" t="s">
        <v>27075</v>
      </c>
      <c r="L9483" s="5" t="s">
        <v>27074</v>
      </c>
      <c r="M9483" s="2" t="s">
        <v>27075</v>
      </c>
      <c r="N9483" s="5" t="s">
        <v>24254</v>
      </c>
      <c r="O9483" s="5" t="s">
        <v>38</v>
      </c>
      <c r="P9483" s="5" t="s">
        <v>39</v>
      </c>
      <c r="Q9483" s="5" t="s">
        <v>40</v>
      </c>
      <c r="R9483" s="5" t="s">
        <v>25301</v>
      </c>
      <c r="S9483" s="5" t="s">
        <v>40</v>
      </c>
      <c r="T9483" s="5" t="s">
        <v>42</v>
      </c>
      <c r="U9483" s="2">
        <v>7.4969999999999999</v>
      </c>
      <c r="V9483" s="2">
        <v>6.0179999999999998</v>
      </c>
      <c r="W9483" s="2">
        <v>8.3000000000000004E-2</v>
      </c>
      <c r="X9483" s="2">
        <v>12</v>
      </c>
      <c r="Y9483" s="2">
        <v>50</v>
      </c>
      <c r="Z9483" s="2">
        <v>137.9</v>
      </c>
      <c r="AA9483" s="5">
        <v>10</v>
      </c>
      <c r="AB9483" s="5" t="s">
        <v>43</v>
      </c>
      <c r="AC9483" s="5" t="s">
        <v>44</v>
      </c>
      <c r="AD9483" s="2" t="s">
        <v>28902</v>
      </c>
      <c r="AE9483" s="1"/>
    </row>
    <row r="9484" spans="1:31" ht="14.45">
      <c r="A9484" s="11"/>
      <c r="B9484" s="20"/>
      <c r="C9484" s="2" t="s">
        <v>29137</v>
      </c>
      <c r="D9484" s="14" t="s">
        <v>29138</v>
      </c>
      <c r="E9484" s="2" t="s">
        <v>29139</v>
      </c>
      <c r="F9484" s="2" t="s">
        <v>28906</v>
      </c>
      <c r="G9484" s="8">
        <v>379</v>
      </c>
      <c r="H9484" s="5">
        <v>20</v>
      </c>
      <c r="I9484" s="5" t="s">
        <v>69</v>
      </c>
      <c r="J9484" s="5" t="s">
        <v>27074</v>
      </c>
      <c r="K9484" s="2" t="s">
        <v>27075</v>
      </c>
      <c r="L9484" s="5" t="s">
        <v>27074</v>
      </c>
      <c r="M9484" s="2" t="s">
        <v>27075</v>
      </c>
      <c r="N9484" s="5" t="s">
        <v>24254</v>
      </c>
      <c r="O9484" s="5" t="s">
        <v>38</v>
      </c>
      <c r="P9484" s="5" t="s">
        <v>39</v>
      </c>
      <c r="Q9484" s="5" t="s">
        <v>40</v>
      </c>
      <c r="R9484" s="5" t="s">
        <v>25301</v>
      </c>
      <c r="S9484" s="5" t="s">
        <v>40</v>
      </c>
      <c r="T9484" s="5" t="s">
        <v>42</v>
      </c>
      <c r="U9484" s="2">
        <v>8.6379999999999999</v>
      </c>
      <c r="V9484" s="2">
        <v>7.1589999999999998</v>
      </c>
      <c r="W9484" s="2">
        <v>8.3000000000000004E-2</v>
      </c>
      <c r="X9484" s="2">
        <v>12</v>
      </c>
      <c r="Y9484" s="2">
        <v>50</v>
      </c>
      <c r="Z9484" s="2">
        <v>137.9</v>
      </c>
      <c r="AA9484" s="5">
        <v>10</v>
      </c>
      <c r="AB9484" s="5" t="s">
        <v>43</v>
      </c>
      <c r="AC9484" s="5" t="s">
        <v>44</v>
      </c>
      <c r="AD9484" s="2" t="s">
        <v>28907</v>
      </c>
      <c r="AE9484" s="1"/>
    </row>
    <row r="9485" spans="1:31" ht="14.45">
      <c r="A9485" s="11"/>
      <c r="B9485" s="20"/>
      <c r="C9485" s="2" t="s">
        <v>29140</v>
      </c>
      <c r="D9485" s="14" t="s">
        <v>29141</v>
      </c>
      <c r="E9485" s="2" t="s">
        <v>29142</v>
      </c>
      <c r="F9485" s="2" t="s">
        <v>28911</v>
      </c>
      <c r="G9485" s="8">
        <v>1088</v>
      </c>
      <c r="H9485" s="5">
        <v>20</v>
      </c>
      <c r="I9485" s="5" t="s">
        <v>69</v>
      </c>
      <c r="J9485" s="5" t="s">
        <v>27074</v>
      </c>
      <c r="K9485" s="2" t="s">
        <v>27075</v>
      </c>
      <c r="L9485" s="5" t="s">
        <v>27074</v>
      </c>
      <c r="M9485" s="2" t="s">
        <v>27075</v>
      </c>
      <c r="N9485" s="5" t="s">
        <v>24254</v>
      </c>
      <c r="O9485" s="5" t="s">
        <v>38</v>
      </c>
      <c r="P9485" s="5" t="s">
        <v>39</v>
      </c>
      <c r="Q9485" s="5" t="s">
        <v>40</v>
      </c>
      <c r="R9485" s="5" t="s">
        <v>1487</v>
      </c>
      <c r="S9485" s="5"/>
      <c r="T9485" s="5" t="s">
        <v>42</v>
      </c>
      <c r="U9485" s="2">
        <v>0</v>
      </c>
      <c r="V9485" s="2">
        <v>0</v>
      </c>
      <c r="W9485" s="2">
        <v>0</v>
      </c>
      <c r="X9485" s="2">
        <v>0</v>
      </c>
      <c r="Y9485" s="2">
        <v>0</v>
      </c>
      <c r="Z9485" s="2">
        <v>0</v>
      </c>
      <c r="AA9485" s="5"/>
      <c r="AB9485" s="5" t="s">
        <v>43</v>
      </c>
      <c r="AC9485" s="5" t="s">
        <v>44</v>
      </c>
      <c r="AD9485" s="2"/>
      <c r="AE9485" s="1"/>
    </row>
    <row r="9486" spans="1:31" ht="14.45">
      <c r="A9486" s="11"/>
      <c r="B9486" s="20"/>
      <c r="C9486" s="2" t="s">
        <v>29143</v>
      </c>
      <c r="D9486" s="14" t="s">
        <v>29144</v>
      </c>
      <c r="E9486" s="2" t="s">
        <v>29145</v>
      </c>
      <c r="F9486" s="2" t="s">
        <v>28915</v>
      </c>
      <c r="G9486" s="8">
        <v>1088</v>
      </c>
      <c r="H9486" s="5">
        <v>20</v>
      </c>
      <c r="I9486" s="5" t="s">
        <v>69</v>
      </c>
      <c r="J9486" s="5" t="s">
        <v>27074</v>
      </c>
      <c r="K9486" s="2" t="s">
        <v>27075</v>
      </c>
      <c r="L9486" s="5" t="s">
        <v>27074</v>
      </c>
      <c r="M9486" s="2" t="s">
        <v>27075</v>
      </c>
      <c r="N9486" s="5" t="s">
        <v>24254</v>
      </c>
      <c r="O9486" s="5" t="s">
        <v>38</v>
      </c>
      <c r="P9486" s="5" t="s">
        <v>39</v>
      </c>
      <c r="Q9486" s="5" t="s">
        <v>40</v>
      </c>
      <c r="R9486" s="5" t="s">
        <v>1487</v>
      </c>
      <c r="S9486" s="5"/>
      <c r="T9486" s="5" t="s">
        <v>42</v>
      </c>
      <c r="U9486" s="2">
        <v>0</v>
      </c>
      <c r="V9486" s="2">
        <v>0</v>
      </c>
      <c r="W9486" s="2">
        <v>0</v>
      </c>
      <c r="X9486" s="2">
        <v>0</v>
      </c>
      <c r="Y9486" s="2">
        <v>0</v>
      </c>
      <c r="Z9486" s="2">
        <v>0</v>
      </c>
      <c r="AA9486" s="5"/>
      <c r="AB9486" s="5" t="s">
        <v>43</v>
      </c>
      <c r="AC9486" s="5" t="s">
        <v>44</v>
      </c>
      <c r="AD9486" s="2"/>
      <c r="AE9486" s="1"/>
    </row>
    <row r="9487" spans="1:31" ht="14.45">
      <c r="A9487" s="11"/>
      <c r="B9487" s="20"/>
      <c r="C9487" s="2" t="s">
        <v>29146</v>
      </c>
      <c r="D9487" s="14" t="s">
        <v>29147</v>
      </c>
      <c r="E9487" s="2" t="s">
        <v>29148</v>
      </c>
      <c r="F9487" s="2" t="s">
        <v>28919</v>
      </c>
      <c r="G9487" s="8">
        <v>1088</v>
      </c>
      <c r="H9487" s="5">
        <v>20</v>
      </c>
      <c r="I9487" s="5" t="s">
        <v>69</v>
      </c>
      <c r="J9487" s="5" t="s">
        <v>27074</v>
      </c>
      <c r="K9487" s="2" t="s">
        <v>27075</v>
      </c>
      <c r="L9487" s="5" t="s">
        <v>27074</v>
      </c>
      <c r="M9487" s="2" t="s">
        <v>27075</v>
      </c>
      <c r="N9487" s="5" t="s">
        <v>24254</v>
      </c>
      <c r="O9487" s="5" t="s">
        <v>38</v>
      </c>
      <c r="P9487" s="5" t="s">
        <v>39</v>
      </c>
      <c r="Q9487" s="5" t="s">
        <v>40</v>
      </c>
      <c r="R9487" s="5" t="s">
        <v>1487</v>
      </c>
      <c r="S9487" s="5"/>
      <c r="T9487" s="5" t="s">
        <v>42</v>
      </c>
      <c r="U9487" s="2">
        <v>0</v>
      </c>
      <c r="V9487" s="2">
        <v>0</v>
      </c>
      <c r="W9487" s="2">
        <v>0</v>
      </c>
      <c r="X9487" s="2">
        <v>0</v>
      </c>
      <c r="Y9487" s="2">
        <v>0</v>
      </c>
      <c r="Z9487" s="2">
        <v>0</v>
      </c>
      <c r="AA9487" s="5"/>
      <c r="AB9487" s="5" t="s">
        <v>43</v>
      </c>
      <c r="AC9487" s="5" t="s">
        <v>44</v>
      </c>
      <c r="AD9487" s="2"/>
      <c r="AE9487" s="1"/>
    </row>
    <row r="9488" spans="1:31" ht="14.45">
      <c r="A9488" s="11"/>
      <c r="B9488" s="20"/>
      <c r="C9488" s="2" t="s">
        <v>29149</v>
      </c>
      <c r="D9488" s="14" t="s">
        <v>29150</v>
      </c>
      <c r="E9488" s="2" t="s">
        <v>29151</v>
      </c>
      <c r="F9488" s="2" t="s">
        <v>28923</v>
      </c>
      <c r="G9488" s="8">
        <v>1088</v>
      </c>
      <c r="H9488" s="5">
        <v>20</v>
      </c>
      <c r="I9488" s="5" t="s">
        <v>69</v>
      </c>
      <c r="J9488" s="5" t="s">
        <v>27074</v>
      </c>
      <c r="K9488" s="2" t="s">
        <v>27075</v>
      </c>
      <c r="L9488" s="5" t="s">
        <v>27074</v>
      </c>
      <c r="M9488" s="2" t="s">
        <v>27075</v>
      </c>
      <c r="N9488" s="5" t="s">
        <v>24254</v>
      </c>
      <c r="O9488" s="5" t="s">
        <v>38</v>
      </c>
      <c r="P9488" s="5" t="s">
        <v>39</v>
      </c>
      <c r="Q9488" s="5" t="s">
        <v>40</v>
      </c>
      <c r="R9488" s="5" t="s">
        <v>1487</v>
      </c>
      <c r="S9488" s="5"/>
      <c r="T9488" s="5" t="s">
        <v>42</v>
      </c>
      <c r="U9488" s="2">
        <v>0</v>
      </c>
      <c r="V9488" s="2">
        <v>0</v>
      </c>
      <c r="W9488" s="2">
        <v>0</v>
      </c>
      <c r="X9488" s="2">
        <v>0</v>
      </c>
      <c r="Y9488" s="2">
        <v>0</v>
      </c>
      <c r="Z9488" s="2">
        <v>0</v>
      </c>
      <c r="AA9488" s="5"/>
      <c r="AB9488" s="5" t="s">
        <v>43</v>
      </c>
      <c r="AC9488" s="5" t="s">
        <v>44</v>
      </c>
      <c r="AD9488" s="2"/>
      <c r="AE9488" s="1"/>
    </row>
    <row r="9489" spans="1:31" ht="14.45">
      <c r="A9489" s="11"/>
      <c r="B9489" s="20"/>
      <c r="C9489" s="2" t="s">
        <v>29152</v>
      </c>
      <c r="D9489" s="14" t="s">
        <v>29153</v>
      </c>
      <c r="E9489" s="2" t="s">
        <v>29154</v>
      </c>
      <c r="F9489" s="2" t="s">
        <v>28927</v>
      </c>
      <c r="G9489" s="8">
        <v>391</v>
      </c>
      <c r="H9489" s="5">
        <v>20</v>
      </c>
      <c r="I9489" s="5" t="s">
        <v>69</v>
      </c>
      <c r="J9489" s="5" t="s">
        <v>27074</v>
      </c>
      <c r="K9489" s="2" t="s">
        <v>27075</v>
      </c>
      <c r="L9489" s="5" t="s">
        <v>27074</v>
      </c>
      <c r="M9489" s="2" t="s">
        <v>27075</v>
      </c>
      <c r="N9489" s="5" t="s">
        <v>24254</v>
      </c>
      <c r="O9489" s="5" t="s">
        <v>38</v>
      </c>
      <c r="P9489" s="5" t="s">
        <v>39</v>
      </c>
      <c r="Q9489" s="5" t="s">
        <v>40</v>
      </c>
      <c r="R9489" s="5" t="s">
        <v>24340</v>
      </c>
      <c r="S9489" s="5" t="s">
        <v>40</v>
      </c>
      <c r="T9489" s="5" t="s">
        <v>42</v>
      </c>
      <c r="U9489" s="2">
        <v>15.214</v>
      </c>
      <c r="V9489" s="2">
        <v>13.557</v>
      </c>
      <c r="W9489" s="2">
        <v>9.2999999999999999E-2</v>
      </c>
      <c r="X9489" s="2">
        <v>12</v>
      </c>
      <c r="Y9489" s="2">
        <v>50</v>
      </c>
      <c r="Z9489" s="2">
        <v>154.4</v>
      </c>
      <c r="AA9489" s="5">
        <v>8</v>
      </c>
      <c r="AB9489" s="5" t="s">
        <v>43</v>
      </c>
      <c r="AC9489" s="5" t="s">
        <v>44</v>
      </c>
      <c r="AD9489" s="2" t="s">
        <v>28928</v>
      </c>
      <c r="AE9489" s="1"/>
    </row>
    <row r="9490" spans="1:31" ht="14.45">
      <c r="A9490" s="11"/>
      <c r="B9490" s="20"/>
      <c r="C9490" s="2" t="s">
        <v>29155</v>
      </c>
      <c r="D9490" s="14" t="s">
        <v>29156</v>
      </c>
      <c r="E9490" s="2" t="s">
        <v>29157</v>
      </c>
      <c r="F9490" s="2" t="s">
        <v>28932</v>
      </c>
      <c r="G9490" s="8">
        <v>391</v>
      </c>
      <c r="H9490" s="5">
        <v>20</v>
      </c>
      <c r="I9490" s="5" t="s">
        <v>69</v>
      </c>
      <c r="J9490" s="5" t="s">
        <v>27074</v>
      </c>
      <c r="K9490" s="2" t="s">
        <v>27075</v>
      </c>
      <c r="L9490" s="5" t="s">
        <v>27074</v>
      </c>
      <c r="M9490" s="2" t="s">
        <v>27075</v>
      </c>
      <c r="N9490" s="5" t="s">
        <v>24254</v>
      </c>
      <c r="O9490" s="5" t="s">
        <v>38</v>
      </c>
      <c r="P9490" s="5" t="s">
        <v>39</v>
      </c>
      <c r="Q9490" s="5" t="s">
        <v>40</v>
      </c>
      <c r="R9490" s="5" t="s">
        <v>24340</v>
      </c>
      <c r="S9490" s="5" t="s">
        <v>40</v>
      </c>
      <c r="T9490" s="5" t="s">
        <v>42</v>
      </c>
      <c r="U9490" s="2">
        <v>11.458</v>
      </c>
      <c r="V9490" s="2">
        <v>9.8010000000000002</v>
      </c>
      <c r="W9490" s="2">
        <v>9.2999999999999999E-2</v>
      </c>
      <c r="X9490" s="2">
        <v>12</v>
      </c>
      <c r="Y9490" s="2">
        <v>50</v>
      </c>
      <c r="Z9490" s="2">
        <v>154.4</v>
      </c>
      <c r="AA9490" s="5">
        <v>8</v>
      </c>
      <c r="AB9490" s="5" t="s">
        <v>43</v>
      </c>
      <c r="AC9490" s="5" t="s">
        <v>44</v>
      </c>
      <c r="AD9490" s="2" t="s">
        <v>28928</v>
      </c>
      <c r="AE9490" s="1"/>
    </row>
    <row r="9491" spans="1:31" ht="14.45">
      <c r="A9491" s="11"/>
      <c r="B9491" s="20"/>
      <c r="C9491" s="2" t="s">
        <v>29158</v>
      </c>
      <c r="D9491" s="14" t="s">
        <v>29159</v>
      </c>
      <c r="E9491" s="2" t="s">
        <v>29160</v>
      </c>
      <c r="F9491" s="2" t="s">
        <v>28936</v>
      </c>
      <c r="G9491" s="8">
        <v>391</v>
      </c>
      <c r="H9491" s="5">
        <v>20</v>
      </c>
      <c r="I9491" s="5" t="s">
        <v>69</v>
      </c>
      <c r="J9491" s="5" t="s">
        <v>27074</v>
      </c>
      <c r="K9491" s="2" t="s">
        <v>27075</v>
      </c>
      <c r="L9491" s="5" t="s">
        <v>27074</v>
      </c>
      <c r="M9491" s="2" t="s">
        <v>27075</v>
      </c>
      <c r="N9491" s="5" t="s">
        <v>24254</v>
      </c>
      <c r="O9491" s="5" t="s">
        <v>38</v>
      </c>
      <c r="P9491" s="5" t="s">
        <v>39</v>
      </c>
      <c r="Q9491" s="5" t="s">
        <v>40</v>
      </c>
      <c r="R9491" s="5" t="s">
        <v>24340</v>
      </c>
      <c r="S9491" s="5" t="s">
        <v>40</v>
      </c>
      <c r="T9491" s="5" t="s">
        <v>42</v>
      </c>
      <c r="U9491" s="2">
        <v>10.653</v>
      </c>
      <c r="V9491" s="2">
        <v>9.0299999999999994</v>
      </c>
      <c r="W9491" s="2">
        <v>9.2999999999999999E-2</v>
      </c>
      <c r="X9491" s="2">
        <v>12</v>
      </c>
      <c r="Y9491" s="2">
        <v>50</v>
      </c>
      <c r="Z9491" s="2">
        <v>154.4</v>
      </c>
      <c r="AA9491" s="5">
        <v>8</v>
      </c>
      <c r="AB9491" s="5" t="s">
        <v>43</v>
      </c>
      <c r="AC9491" s="5" t="s">
        <v>44</v>
      </c>
      <c r="AD9491" s="2" t="s">
        <v>28928</v>
      </c>
      <c r="AE9491" s="1"/>
    </row>
    <row r="9492" spans="1:31" ht="14.45">
      <c r="A9492" s="11"/>
      <c r="B9492" s="20"/>
      <c r="C9492" s="2" t="s">
        <v>29161</v>
      </c>
      <c r="D9492" s="14" t="s">
        <v>29162</v>
      </c>
      <c r="E9492" s="2" t="s">
        <v>29163</v>
      </c>
      <c r="F9492" s="2" t="s">
        <v>29164</v>
      </c>
      <c r="G9492" s="8">
        <v>391</v>
      </c>
      <c r="H9492" s="5">
        <v>20</v>
      </c>
      <c r="I9492" s="5" t="s">
        <v>69</v>
      </c>
      <c r="J9492" s="5" t="s">
        <v>27074</v>
      </c>
      <c r="K9492" s="2" t="s">
        <v>27075</v>
      </c>
      <c r="L9492" s="5" t="s">
        <v>27074</v>
      </c>
      <c r="M9492" s="2" t="s">
        <v>27075</v>
      </c>
      <c r="N9492" s="5" t="s">
        <v>24254</v>
      </c>
      <c r="O9492" s="5" t="s">
        <v>38</v>
      </c>
      <c r="P9492" s="5" t="s">
        <v>39</v>
      </c>
      <c r="Q9492" s="5" t="s">
        <v>40</v>
      </c>
      <c r="R9492" s="5" t="s">
        <v>24340</v>
      </c>
      <c r="S9492" s="5" t="s">
        <v>40</v>
      </c>
      <c r="T9492" s="5" t="s">
        <v>42</v>
      </c>
      <c r="U9492" s="2">
        <v>12.167</v>
      </c>
      <c r="V9492" s="2">
        <v>10.544</v>
      </c>
      <c r="W9492" s="2">
        <v>9.2999999999999999E-2</v>
      </c>
      <c r="X9492" s="2">
        <v>12</v>
      </c>
      <c r="Y9492" s="2">
        <v>50</v>
      </c>
      <c r="Z9492" s="2">
        <v>154.4</v>
      </c>
      <c r="AA9492" s="5">
        <v>10</v>
      </c>
      <c r="AB9492" s="5" t="s">
        <v>43</v>
      </c>
      <c r="AC9492" s="5" t="s">
        <v>44</v>
      </c>
      <c r="AD9492" s="2" t="s">
        <v>29165</v>
      </c>
      <c r="AE9492" s="1"/>
    </row>
    <row r="9493" spans="1:31" ht="14.45">
      <c r="A9493" s="11"/>
      <c r="B9493" s="20"/>
      <c r="C9493" s="2" t="s">
        <v>29166</v>
      </c>
      <c r="D9493" s="14" t="s">
        <v>29167</v>
      </c>
      <c r="E9493" s="2" t="s">
        <v>29168</v>
      </c>
      <c r="F9493" s="2" t="s">
        <v>29169</v>
      </c>
      <c r="G9493" s="8">
        <v>391</v>
      </c>
      <c r="H9493" s="5">
        <v>20</v>
      </c>
      <c r="I9493" s="5" t="s">
        <v>69</v>
      </c>
      <c r="J9493" s="5" t="s">
        <v>27074</v>
      </c>
      <c r="K9493" s="2" t="s">
        <v>27075</v>
      </c>
      <c r="L9493" s="5" t="s">
        <v>27074</v>
      </c>
      <c r="M9493" s="2" t="s">
        <v>27075</v>
      </c>
      <c r="N9493" s="5" t="s">
        <v>24254</v>
      </c>
      <c r="O9493" s="5" t="s">
        <v>38</v>
      </c>
      <c r="P9493" s="5" t="s">
        <v>39</v>
      </c>
      <c r="Q9493" s="5" t="s">
        <v>40</v>
      </c>
      <c r="R9493" s="5" t="s">
        <v>24340</v>
      </c>
      <c r="S9493" s="5" t="s">
        <v>40</v>
      </c>
      <c r="T9493" s="5" t="s">
        <v>42</v>
      </c>
      <c r="U9493" s="2">
        <v>9.0879999999999992</v>
      </c>
      <c r="V9493" s="2">
        <v>7.4649999999999999</v>
      </c>
      <c r="W9493" s="2">
        <v>9.2999999999999999E-2</v>
      </c>
      <c r="X9493" s="2">
        <v>12</v>
      </c>
      <c r="Y9493" s="2">
        <v>50</v>
      </c>
      <c r="Z9493" s="2">
        <v>154.4</v>
      </c>
      <c r="AA9493" s="5">
        <v>10</v>
      </c>
      <c r="AB9493" s="5" t="s">
        <v>43</v>
      </c>
      <c r="AC9493" s="5" t="s">
        <v>44</v>
      </c>
      <c r="AD9493" s="2" t="s">
        <v>29165</v>
      </c>
      <c r="AE9493" s="1"/>
    </row>
    <row r="9494" spans="1:31" ht="14.45">
      <c r="A9494" s="11"/>
      <c r="B9494" s="20"/>
      <c r="C9494" s="2" t="s">
        <v>29170</v>
      </c>
      <c r="D9494" s="14" t="s">
        <v>29171</v>
      </c>
      <c r="E9494" s="2" t="s">
        <v>29172</v>
      </c>
      <c r="F9494" s="2" t="s">
        <v>29173</v>
      </c>
      <c r="G9494" s="8">
        <v>391</v>
      </c>
      <c r="H9494" s="5">
        <v>20</v>
      </c>
      <c r="I9494" s="5" t="s">
        <v>69</v>
      </c>
      <c r="J9494" s="5" t="s">
        <v>27074</v>
      </c>
      <c r="K9494" s="2" t="s">
        <v>27075</v>
      </c>
      <c r="L9494" s="5" t="s">
        <v>27074</v>
      </c>
      <c r="M9494" s="2" t="s">
        <v>27075</v>
      </c>
      <c r="N9494" s="5" t="s">
        <v>24254</v>
      </c>
      <c r="O9494" s="5" t="s">
        <v>38</v>
      </c>
      <c r="P9494" s="5" t="s">
        <v>39</v>
      </c>
      <c r="Q9494" s="5" t="s">
        <v>40</v>
      </c>
      <c r="R9494" s="5" t="s">
        <v>24340</v>
      </c>
      <c r="S9494" s="5" t="s">
        <v>40</v>
      </c>
      <c r="T9494" s="5" t="s">
        <v>42</v>
      </c>
      <c r="U9494" s="2">
        <v>9.0519999999999996</v>
      </c>
      <c r="V9494" s="2">
        <v>7.4290000000000003</v>
      </c>
      <c r="W9494" s="2">
        <v>9.2999999999999999E-2</v>
      </c>
      <c r="X9494" s="2">
        <v>12</v>
      </c>
      <c r="Y9494" s="2">
        <v>50</v>
      </c>
      <c r="Z9494" s="2">
        <v>154.4</v>
      </c>
      <c r="AA9494" s="5">
        <v>10</v>
      </c>
      <c r="AB9494" s="5" t="s">
        <v>43</v>
      </c>
      <c r="AC9494" s="5" t="s">
        <v>44</v>
      </c>
      <c r="AD9494" s="2" t="s">
        <v>28941</v>
      </c>
      <c r="AE9494" s="1"/>
    </row>
    <row r="9495" spans="1:31" ht="14.45">
      <c r="A9495" s="11"/>
      <c r="B9495" s="20"/>
      <c r="C9495" s="2" t="s">
        <v>29174</v>
      </c>
      <c r="D9495" s="14" t="s">
        <v>29175</v>
      </c>
      <c r="E9495" s="2" t="s">
        <v>29176</v>
      </c>
      <c r="F9495" s="2" t="s">
        <v>28887</v>
      </c>
      <c r="G9495" s="8">
        <v>391</v>
      </c>
      <c r="H9495" s="5">
        <v>20</v>
      </c>
      <c r="I9495" s="5" t="s">
        <v>69</v>
      </c>
      <c r="J9495" s="5" t="s">
        <v>27074</v>
      </c>
      <c r="K9495" s="2" t="s">
        <v>27075</v>
      </c>
      <c r="L9495" s="5" t="s">
        <v>27074</v>
      </c>
      <c r="M9495" s="2" t="s">
        <v>27075</v>
      </c>
      <c r="N9495" s="5" t="s">
        <v>24254</v>
      </c>
      <c r="O9495" s="5" t="s">
        <v>38</v>
      </c>
      <c r="P9495" s="5" t="s">
        <v>39</v>
      </c>
      <c r="Q9495" s="5" t="s">
        <v>40</v>
      </c>
      <c r="R9495" s="5" t="s">
        <v>25301</v>
      </c>
      <c r="S9495" s="5" t="s">
        <v>40</v>
      </c>
      <c r="T9495" s="5" t="s">
        <v>42</v>
      </c>
      <c r="U9495" s="2">
        <v>13.619</v>
      </c>
      <c r="V9495" s="2">
        <v>11.962</v>
      </c>
      <c r="W9495" s="2">
        <v>9.2999999999999999E-2</v>
      </c>
      <c r="X9495" s="2">
        <v>12</v>
      </c>
      <c r="Y9495" s="2">
        <v>50</v>
      </c>
      <c r="Z9495" s="2">
        <v>154.4</v>
      </c>
      <c r="AA9495" s="5">
        <v>8</v>
      </c>
      <c r="AB9495" s="5" t="s">
        <v>43</v>
      </c>
      <c r="AC9495" s="5" t="s">
        <v>44</v>
      </c>
      <c r="AD9495" s="2" t="s">
        <v>28888</v>
      </c>
      <c r="AE9495" s="1"/>
    </row>
    <row r="9496" spans="1:31" ht="14.45">
      <c r="A9496" s="11"/>
      <c r="B9496" s="20"/>
      <c r="C9496" s="2" t="s">
        <v>29177</v>
      </c>
      <c r="D9496" s="14" t="s">
        <v>29178</v>
      </c>
      <c r="E9496" s="2" t="s">
        <v>29179</v>
      </c>
      <c r="F9496" s="2" t="s">
        <v>28948</v>
      </c>
      <c r="G9496" s="8">
        <v>391</v>
      </c>
      <c r="H9496" s="5">
        <v>20</v>
      </c>
      <c r="I9496" s="5" t="s">
        <v>69</v>
      </c>
      <c r="J9496" s="5" t="s">
        <v>27074</v>
      </c>
      <c r="K9496" s="2" t="s">
        <v>27075</v>
      </c>
      <c r="L9496" s="5" t="s">
        <v>27074</v>
      </c>
      <c r="M9496" s="2" t="s">
        <v>27075</v>
      </c>
      <c r="N9496" s="5" t="s">
        <v>24254</v>
      </c>
      <c r="O9496" s="5" t="s">
        <v>38</v>
      </c>
      <c r="P9496" s="5" t="s">
        <v>39</v>
      </c>
      <c r="Q9496" s="5" t="s">
        <v>40</v>
      </c>
      <c r="R9496" s="5" t="s">
        <v>25301</v>
      </c>
      <c r="S9496" s="5" t="s">
        <v>40</v>
      </c>
      <c r="T9496" s="5" t="s">
        <v>42</v>
      </c>
      <c r="U9496" s="2">
        <v>10.205</v>
      </c>
      <c r="V9496" s="2">
        <v>8.548</v>
      </c>
      <c r="W9496" s="2">
        <v>9.2999999999999999E-2</v>
      </c>
      <c r="X9496" s="2">
        <v>12</v>
      </c>
      <c r="Y9496" s="2">
        <v>50</v>
      </c>
      <c r="Z9496" s="2">
        <v>154.4</v>
      </c>
      <c r="AA9496" s="5">
        <v>8</v>
      </c>
      <c r="AB9496" s="5" t="s">
        <v>43</v>
      </c>
      <c r="AC9496" s="5" t="s">
        <v>44</v>
      </c>
      <c r="AD9496" s="2" t="s">
        <v>28888</v>
      </c>
      <c r="AE9496" s="1"/>
    </row>
    <row r="9497" spans="1:31" ht="14.45">
      <c r="A9497" s="11"/>
      <c r="B9497" s="20"/>
      <c r="C9497" s="2" t="s">
        <v>29180</v>
      </c>
      <c r="D9497" s="14" t="s">
        <v>29181</v>
      </c>
      <c r="E9497" s="2" t="s">
        <v>29182</v>
      </c>
      <c r="F9497" s="2" t="s">
        <v>28892</v>
      </c>
      <c r="G9497" s="8">
        <v>391</v>
      </c>
      <c r="H9497" s="5">
        <v>20</v>
      </c>
      <c r="I9497" s="5" t="s">
        <v>69</v>
      </c>
      <c r="J9497" s="5" t="s">
        <v>27074</v>
      </c>
      <c r="K9497" s="2" t="s">
        <v>27075</v>
      </c>
      <c r="L9497" s="5" t="s">
        <v>27074</v>
      </c>
      <c r="M9497" s="2" t="s">
        <v>27075</v>
      </c>
      <c r="N9497" s="5" t="s">
        <v>24254</v>
      </c>
      <c r="O9497" s="5" t="s">
        <v>38</v>
      </c>
      <c r="P9497" s="5" t="s">
        <v>39</v>
      </c>
      <c r="Q9497" s="5" t="s">
        <v>40</v>
      </c>
      <c r="R9497" s="5" t="s">
        <v>25301</v>
      </c>
      <c r="S9497" s="5" t="s">
        <v>40</v>
      </c>
      <c r="T9497" s="5" t="s">
        <v>42</v>
      </c>
      <c r="U9497" s="2">
        <v>9.6560000000000006</v>
      </c>
      <c r="V9497" s="2">
        <v>8.0329999999999995</v>
      </c>
      <c r="W9497" s="2">
        <v>9.2999999999999999E-2</v>
      </c>
      <c r="X9497" s="2">
        <v>12</v>
      </c>
      <c r="Y9497" s="2">
        <v>50</v>
      </c>
      <c r="Z9497" s="2">
        <v>154.4</v>
      </c>
      <c r="AA9497" s="5">
        <v>8</v>
      </c>
      <c r="AB9497" s="5" t="s">
        <v>43</v>
      </c>
      <c r="AC9497" s="5" t="s">
        <v>44</v>
      </c>
      <c r="AD9497" s="2" t="s">
        <v>28888</v>
      </c>
      <c r="AE9497" s="1"/>
    </row>
    <row r="9498" spans="1:31" ht="14.45">
      <c r="A9498" s="11"/>
      <c r="B9498" s="20"/>
      <c r="C9498" s="2" t="s">
        <v>29183</v>
      </c>
      <c r="D9498" s="14" t="s">
        <v>29184</v>
      </c>
      <c r="E9498" s="2" t="s">
        <v>29185</v>
      </c>
      <c r="F9498" s="2" t="s">
        <v>28896</v>
      </c>
      <c r="G9498" s="8">
        <v>391</v>
      </c>
      <c r="H9498" s="5">
        <v>20</v>
      </c>
      <c r="I9498" s="5" t="s">
        <v>69</v>
      </c>
      <c r="J9498" s="5" t="s">
        <v>27074</v>
      </c>
      <c r="K9498" s="2" t="s">
        <v>27075</v>
      </c>
      <c r="L9498" s="5" t="s">
        <v>27074</v>
      </c>
      <c r="M9498" s="2" t="s">
        <v>27075</v>
      </c>
      <c r="N9498" s="5" t="s">
        <v>24254</v>
      </c>
      <c r="O9498" s="5" t="s">
        <v>38</v>
      </c>
      <c r="P9498" s="5" t="s">
        <v>39</v>
      </c>
      <c r="Q9498" s="5" t="s">
        <v>40</v>
      </c>
      <c r="R9498" s="5" t="s">
        <v>25301</v>
      </c>
      <c r="S9498" s="5" t="s">
        <v>40</v>
      </c>
      <c r="T9498" s="5" t="s">
        <v>42</v>
      </c>
      <c r="U9498" s="2">
        <v>10.199</v>
      </c>
      <c r="V9498" s="2">
        <v>8.5760000000000005</v>
      </c>
      <c r="W9498" s="2">
        <v>9.2999999999999999E-2</v>
      </c>
      <c r="X9498" s="2">
        <v>12</v>
      </c>
      <c r="Y9498" s="2">
        <v>50</v>
      </c>
      <c r="Z9498" s="2">
        <v>154.4</v>
      </c>
      <c r="AA9498" s="5">
        <v>10</v>
      </c>
      <c r="AB9498" s="5" t="s">
        <v>43</v>
      </c>
      <c r="AC9498" s="5" t="s">
        <v>44</v>
      </c>
      <c r="AD9498" s="2" t="s">
        <v>28955</v>
      </c>
      <c r="AE9498" s="1"/>
    </row>
    <row r="9499" spans="1:31" ht="14.45">
      <c r="A9499" s="11"/>
      <c r="B9499" s="20"/>
      <c r="C9499" s="2" t="s">
        <v>29186</v>
      </c>
      <c r="D9499" s="14" t="s">
        <v>29187</v>
      </c>
      <c r="E9499" s="2" t="s">
        <v>29188</v>
      </c>
      <c r="F9499" s="2" t="s">
        <v>28896</v>
      </c>
      <c r="G9499" s="8">
        <v>391</v>
      </c>
      <c r="H9499" s="5">
        <v>20</v>
      </c>
      <c r="I9499" s="5" t="s">
        <v>69</v>
      </c>
      <c r="J9499" s="5" t="s">
        <v>27074</v>
      </c>
      <c r="K9499" s="2" t="s">
        <v>27075</v>
      </c>
      <c r="L9499" s="5" t="s">
        <v>27074</v>
      </c>
      <c r="M9499" s="2" t="s">
        <v>27075</v>
      </c>
      <c r="N9499" s="5" t="s">
        <v>24254</v>
      </c>
      <c r="O9499" s="5" t="s">
        <v>38</v>
      </c>
      <c r="P9499" s="5" t="s">
        <v>39</v>
      </c>
      <c r="Q9499" s="5" t="s">
        <v>40</v>
      </c>
      <c r="R9499" s="5" t="s">
        <v>25301</v>
      </c>
      <c r="S9499" s="5" t="s">
        <v>40</v>
      </c>
      <c r="T9499" s="5" t="s">
        <v>42</v>
      </c>
      <c r="U9499" s="2">
        <v>10.792999999999999</v>
      </c>
      <c r="V9499" s="2">
        <v>9.17</v>
      </c>
      <c r="W9499" s="2">
        <v>9.2999999999999999E-2</v>
      </c>
      <c r="X9499" s="2">
        <v>12</v>
      </c>
      <c r="Y9499" s="2">
        <v>50</v>
      </c>
      <c r="Z9499" s="2">
        <v>154.4</v>
      </c>
      <c r="AA9499" s="5">
        <v>10</v>
      </c>
      <c r="AB9499" s="5" t="s">
        <v>43</v>
      </c>
      <c r="AC9499" s="5" t="s">
        <v>44</v>
      </c>
      <c r="AD9499" s="2" t="s">
        <v>28897</v>
      </c>
      <c r="AE9499" s="1"/>
    </row>
    <row r="9500" spans="1:31" ht="14.45">
      <c r="A9500" s="11"/>
      <c r="B9500" s="20"/>
      <c r="C9500" s="2" t="s">
        <v>29189</v>
      </c>
      <c r="D9500" s="14" t="s">
        <v>29190</v>
      </c>
      <c r="E9500" s="2" t="s">
        <v>29191</v>
      </c>
      <c r="F9500" s="2" t="s">
        <v>28959</v>
      </c>
      <c r="G9500" s="8">
        <v>391</v>
      </c>
      <c r="H9500" s="5">
        <v>20</v>
      </c>
      <c r="I9500" s="5" t="s">
        <v>69</v>
      </c>
      <c r="J9500" s="5" t="s">
        <v>27074</v>
      </c>
      <c r="K9500" s="2" t="s">
        <v>27075</v>
      </c>
      <c r="L9500" s="5" t="s">
        <v>27074</v>
      </c>
      <c r="M9500" s="2" t="s">
        <v>27075</v>
      </c>
      <c r="N9500" s="5" t="s">
        <v>24254</v>
      </c>
      <c r="O9500" s="5" t="s">
        <v>38</v>
      </c>
      <c r="P9500" s="5" t="s">
        <v>39</v>
      </c>
      <c r="Q9500" s="5" t="s">
        <v>40</v>
      </c>
      <c r="R9500" s="5" t="s">
        <v>25301</v>
      </c>
      <c r="S9500" s="5" t="s">
        <v>40</v>
      </c>
      <c r="T9500" s="5" t="s">
        <v>42</v>
      </c>
      <c r="U9500" s="2">
        <v>8.1069999999999993</v>
      </c>
      <c r="V9500" s="2">
        <v>6.484</v>
      </c>
      <c r="W9500" s="2">
        <v>9.2999999999999999E-2</v>
      </c>
      <c r="X9500" s="2">
        <v>12</v>
      </c>
      <c r="Y9500" s="2">
        <v>50</v>
      </c>
      <c r="Z9500" s="2">
        <v>154.4</v>
      </c>
      <c r="AA9500" s="5">
        <v>10</v>
      </c>
      <c r="AB9500" s="5" t="s">
        <v>43</v>
      </c>
      <c r="AC9500" s="5" t="s">
        <v>44</v>
      </c>
      <c r="AD9500" s="2" t="s">
        <v>28897</v>
      </c>
      <c r="AE9500" s="1"/>
    </row>
    <row r="9501" spans="1:31" ht="14.45">
      <c r="A9501" s="11"/>
      <c r="B9501" s="20"/>
      <c r="C9501" s="2" t="s">
        <v>29192</v>
      </c>
      <c r="D9501" s="14" t="s">
        <v>29193</v>
      </c>
      <c r="E9501" s="2" t="s">
        <v>29194</v>
      </c>
      <c r="F9501" s="2" t="s">
        <v>28901</v>
      </c>
      <c r="G9501" s="8">
        <v>391</v>
      </c>
      <c r="H9501" s="5">
        <v>20</v>
      </c>
      <c r="I9501" s="5" t="s">
        <v>69</v>
      </c>
      <c r="J9501" s="5" t="s">
        <v>27074</v>
      </c>
      <c r="K9501" s="2" t="s">
        <v>27075</v>
      </c>
      <c r="L9501" s="5" t="s">
        <v>27074</v>
      </c>
      <c r="M9501" s="2" t="s">
        <v>27075</v>
      </c>
      <c r="N9501" s="5" t="s">
        <v>24254</v>
      </c>
      <c r="O9501" s="5" t="s">
        <v>38</v>
      </c>
      <c r="P9501" s="5" t="s">
        <v>39</v>
      </c>
      <c r="Q9501" s="5" t="s">
        <v>40</v>
      </c>
      <c r="R9501" s="5" t="s">
        <v>25301</v>
      </c>
      <c r="S9501" s="5" t="s">
        <v>40</v>
      </c>
      <c r="T9501" s="5" t="s">
        <v>42</v>
      </c>
      <c r="U9501" s="2">
        <v>7.6760000000000002</v>
      </c>
      <c r="V9501" s="2">
        <v>6.0529999999999999</v>
      </c>
      <c r="W9501" s="2">
        <v>9.2999999999999999E-2</v>
      </c>
      <c r="X9501" s="2">
        <v>12</v>
      </c>
      <c r="Y9501" s="2">
        <v>50</v>
      </c>
      <c r="Z9501" s="2">
        <v>154.4</v>
      </c>
      <c r="AA9501" s="5">
        <v>10</v>
      </c>
      <c r="AB9501" s="5" t="s">
        <v>43</v>
      </c>
      <c r="AC9501" s="5" t="s">
        <v>44</v>
      </c>
      <c r="AD9501" s="2" t="s">
        <v>28907</v>
      </c>
      <c r="AE9501" s="1"/>
    </row>
    <row r="9502" spans="1:31" ht="14.45">
      <c r="A9502" s="11"/>
      <c r="B9502" s="20"/>
      <c r="C9502" s="2" t="s">
        <v>29195</v>
      </c>
      <c r="D9502" s="14" t="s">
        <v>29196</v>
      </c>
      <c r="E9502" s="2" t="s">
        <v>29197</v>
      </c>
      <c r="F9502" s="2" t="s">
        <v>28901</v>
      </c>
      <c r="G9502" s="8">
        <v>391</v>
      </c>
      <c r="H9502" s="5">
        <v>20</v>
      </c>
      <c r="I9502" s="5" t="s">
        <v>69</v>
      </c>
      <c r="J9502" s="5" t="s">
        <v>27074</v>
      </c>
      <c r="K9502" s="2" t="s">
        <v>27075</v>
      </c>
      <c r="L9502" s="5" t="s">
        <v>27074</v>
      </c>
      <c r="M9502" s="2" t="s">
        <v>27075</v>
      </c>
      <c r="N9502" s="5" t="s">
        <v>24254</v>
      </c>
      <c r="O9502" s="5" t="s">
        <v>38</v>
      </c>
      <c r="P9502" s="5" t="s">
        <v>39</v>
      </c>
      <c r="Q9502" s="5" t="s">
        <v>40</v>
      </c>
      <c r="R9502" s="5" t="s">
        <v>25301</v>
      </c>
      <c r="S9502" s="5" t="s">
        <v>40</v>
      </c>
      <c r="T9502" s="5" t="s">
        <v>42</v>
      </c>
      <c r="U9502" s="2">
        <v>8.2739999999999991</v>
      </c>
      <c r="V9502" s="2">
        <v>6.6509999999999998</v>
      </c>
      <c r="W9502" s="2">
        <v>9.2999999999999999E-2</v>
      </c>
      <c r="X9502" s="2">
        <v>12</v>
      </c>
      <c r="Y9502" s="2">
        <v>50</v>
      </c>
      <c r="Z9502" s="2">
        <v>154.4</v>
      </c>
      <c r="AA9502" s="5">
        <v>10</v>
      </c>
      <c r="AB9502" s="5" t="s">
        <v>43</v>
      </c>
      <c r="AC9502" s="5" t="s">
        <v>44</v>
      </c>
      <c r="AD9502" s="2" t="s">
        <v>28902</v>
      </c>
      <c r="AE9502" s="1"/>
    </row>
    <row r="9503" spans="1:31" ht="14.45">
      <c r="A9503" s="11"/>
      <c r="B9503" s="20"/>
      <c r="C9503" s="2" t="s">
        <v>29198</v>
      </c>
      <c r="D9503" s="14" t="s">
        <v>29199</v>
      </c>
      <c r="E9503" s="2" t="s">
        <v>29200</v>
      </c>
      <c r="F9503" s="2" t="s">
        <v>28906</v>
      </c>
      <c r="G9503" s="8">
        <v>391</v>
      </c>
      <c r="H9503" s="5">
        <v>20</v>
      </c>
      <c r="I9503" s="5" t="s">
        <v>69</v>
      </c>
      <c r="J9503" s="5" t="s">
        <v>27074</v>
      </c>
      <c r="K9503" s="2" t="s">
        <v>27075</v>
      </c>
      <c r="L9503" s="5" t="s">
        <v>27074</v>
      </c>
      <c r="M9503" s="2" t="s">
        <v>27075</v>
      </c>
      <c r="N9503" s="5" t="s">
        <v>24254</v>
      </c>
      <c r="O9503" s="5" t="s">
        <v>38</v>
      </c>
      <c r="P9503" s="5" t="s">
        <v>39</v>
      </c>
      <c r="Q9503" s="5" t="s">
        <v>40</v>
      </c>
      <c r="R9503" s="5" t="s">
        <v>25301</v>
      </c>
      <c r="S9503" s="5" t="s">
        <v>40</v>
      </c>
      <c r="T9503" s="5" t="s">
        <v>42</v>
      </c>
      <c r="U9503" s="2">
        <v>9.68</v>
      </c>
      <c r="V9503" s="2">
        <v>8.0570000000000004</v>
      </c>
      <c r="W9503" s="2">
        <v>9.2999999999999999E-2</v>
      </c>
      <c r="X9503" s="2">
        <v>12</v>
      </c>
      <c r="Y9503" s="2">
        <v>50</v>
      </c>
      <c r="Z9503" s="2">
        <v>154.4</v>
      </c>
      <c r="AA9503" s="5">
        <v>10</v>
      </c>
      <c r="AB9503" s="5" t="s">
        <v>43</v>
      </c>
      <c r="AC9503" s="5" t="s">
        <v>44</v>
      </c>
      <c r="AD9503" s="2" t="s">
        <v>28907</v>
      </c>
      <c r="AE9503" s="1"/>
    </row>
    <row r="9504" spans="1:31" ht="14.45">
      <c r="A9504" s="11"/>
      <c r="B9504" s="20"/>
      <c r="C9504" s="2" t="s">
        <v>29201</v>
      </c>
      <c r="D9504" s="14" t="s">
        <v>29202</v>
      </c>
      <c r="E9504" s="2" t="s">
        <v>29203</v>
      </c>
      <c r="F9504" s="2" t="s">
        <v>28911</v>
      </c>
      <c r="G9504" s="8">
        <v>1124</v>
      </c>
      <c r="H9504" s="5">
        <v>20</v>
      </c>
      <c r="I9504" s="5" t="s">
        <v>69</v>
      </c>
      <c r="J9504" s="5" t="s">
        <v>27074</v>
      </c>
      <c r="K9504" s="2" t="s">
        <v>27075</v>
      </c>
      <c r="L9504" s="5" t="s">
        <v>27074</v>
      </c>
      <c r="M9504" s="2" t="s">
        <v>27075</v>
      </c>
      <c r="N9504" s="5" t="s">
        <v>24254</v>
      </c>
      <c r="O9504" s="5" t="s">
        <v>38</v>
      </c>
      <c r="P9504" s="5" t="s">
        <v>39</v>
      </c>
      <c r="Q9504" s="5" t="s">
        <v>40</v>
      </c>
      <c r="R9504" s="5" t="s">
        <v>1487</v>
      </c>
      <c r="S9504" s="5"/>
      <c r="T9504" s="5" t="s">
        <v>42</v>
      </c>
      <c r="U9504" s="2">
        <v>0</v>
      </c>
      <c r="V9504" s="2">
        <v>0</v>
      </c>
      <c r="W9504" s="2">
        <v>0</v>
      </c>
      <c r="X9504" s="2">
        <v>0</v>
      </c>
      <c r="Y9504" s="2">
        <v>0</v>
      </c>
      <c r="Z9504" s="2">
        <v>0</v>
      </c>
      <c r="AA9504" s="5"/>
      <c r="AB9504" s="5" t="s">
        <v>43</v>
      </c>
      <c r="AC9504" s="5" t="s">
        <v>44</v>
      </c>
      <c r="AD9504" s="2"/>
      <c r="AE9504" s="1"/>
    </row>
    <row r="9505" spans="1:31" ht="14.45">
      <c r="A9505" s="11"/>
      <c r="B9505" s="20"/>
      <c r="C9505" s="2" t="s">
        <v>29204</v>
      </c>
      <c r="D9505" s="14" t="s">
        <v>29205</v>
      </c>
      <c r="E9505" s="2" t="s">
        <v>29206</v>
      </c>
      <c r="F9505" s="2" t="s">
        <v>28915</v>
      </c>
      <c r="G9505" s="8">
        <v>1124</v>
      </c>
      <c r="H9505" s="5">
        <v>20</v>
      </c>
      <c r="I9505" s="5" t="s">
        <v>69</v>
      </c>
      <c r="J9505" s="5" t="s">
        <v>27074</v>
      </c>
      <c r="K9505" s="2" t="s">
        <v>27075</v>
      </c>
      <c r="L9505" s="5" t="s">
        <v>27074</v>
      </c>
      <c r="M9505" s="2" t="s">
        <v>27075</v>
      </c>
      <c r="N9505" s="5" t="s">
        <v>24254</v>
      </c>
      <c r="O9505" s="5" t="s">
        <v>38</v>
      </c>
      <c r="P9505" s="5" t="s">
        <v>39</v>
      </c>
      <c r="Q9505" s="5" t="s">
        <v>40</v>
      </c>
      <c r="R9505" s="5" t="s">
        <v>1487</v>
      </c>
      <c r="S9505" s="5"/>
      <c r="T9505" s="5" t="s">
        <v>42</v>
      </c>
      <c r="U9505" s="2">
        <v>0</v>
      </c>
      <c r="V9505" s="2">
        <v>0</v>
      </c>
      <c r="W9505" s="2">
        <v>0</v>
      </c>
      <c r="X9505" s="2">
        <v>0</v>
      </c>
      <c r="Y9505" s="2">
        <v>0</v>
      </c>
      <c r="Z9505" s="2">
        <v>0</v>
      </c>
      <c r="AA9505" s="5"/>
      <c r="AB9505" s="5" t="s">
        <v>43</v>
      </c>
      <c r="AC9505" s="5" t="s">
        <v>44</v>
      </c>
      <c r="AD9505" s="2"/>
      <c r="AE9505" s="1"/>
    </row>
    <row r="9506" spans="1:31" ht="14.45">
      <c r="A9506" s="11"/>
      <c r="B9506" s="20"/>
      <c r="C9506" s="2" t="s">
        <v>29207</v>
      </c>
      <c r="D9506" s="14" t="s">
        <v>29208</v>
      </c>
      <c r="E9506" s="2" t="s">
        <v>29209</v>
      </c>
      <c r="F9506" s="2" t="s">
        <v>28919</v>
      </c>
      <c r="G9506" s="8">
        <v>1124</v>
      </c>
      <c r="H9506" s="5">
        <v>20</v>
      </c>
      <c r="I9506" s="5" t="s">
        <v>69</v>
      </c>
      <c r="J9506" s="5" t="s">
        <v>27074</v>
      </c>
      <c r="K9506" s="2" t="s">
        <v>27075</v>
      </c>
      <c r="L9506" s="5" t="s">
        <v>27074</v>
      </c>
      <c r="M9506" s="2" t="s">
        <v>27075</v>
      </c>
      <c r="N9506" s="5" t="s">
        <v>24254</v>
      </c>
      <c r="O9506" s="5" t="s">
        <v>38</v>
      </c>
      <c r="P9506" s="5" t="s">
        <v>39</v>
      </c>
      <c r="Q9506" s="5" t="s">
        <v>40</v>
      </c>
      <c r="R9506" s="5" t="s">
        <v>1487</v>
      </c>
      <c r="S9506" s="5"/>
      <c r="T9506" s="5" t="s">
        <v>42</v>
      </c>
      <c r="U9506" s="2">
        <v>0</v>
      </c>
      <c r="V9506" s="2">
        <v>0</v>
      </c>
      <c r="W9506" s="2">
        <v>0</v>
      </c>
      <c r="X9506" s="2">
        <v>0</v>
      </c>
      <c r="Y9506" s="2">
        <v>0</v>
      </c>
      <c r="Z9506" s="2">
        <v>0</v>
      </c>
      <c r="AA9506" s="5"/>
      <c r="AB9506" s="5" t="s">
        <v>43</v>
      </c>
      <c r="AC9506" s="5" t="s">
        <v>44</v>
      </c>
      <c r="AD9506" s="2"/>
      <c r="AE9506" s="1"/>
    </row>
    <row r="9507" spans="1:31" ht="14.45">
      <c r="A9507" s="11"/>
      <c r="B9507" s="20"/>
      <c r="C9507" s="2" t="s">
        <v>29210</v>
      </c>
      <c r="D9507" s="14" t="s">
        <v>29211</v>
      </c>
      <c r="E9507" s="2" t="s">
        <v>29212</v>
      </c>
      <c r="F9507" s="2" t="s">
        <v>28923</v>
      </c>
      <c r="G9507" s="8">
        <v>1124</v>
      </c>
      <c r="H9507" s="5">
        <v>20</v>
      </c>
      <c r="I9507" s="5" t="s">
        <v>69</v>
      </c>
      <c r="J9507" s="5" t="s">
        <v>27074</v>
      </c>
      <c r="K9507" s="2" t="s">
        <v>27075</v>
      </c>
      <c r="L9507" s="5" t="s">
        <v>27074</v>
      </c>
      <c r="M9507" s="2" t="s">
        <v>27075</v>
      </c>
      <c r="N9507" s="5" t="s">
        <v>24254</v>
      </c>
      <c r="O9507" s="5" t="s">
        <v>38</v>
      </c>
      <c r="P9507" s="5" t="s">
        <v>39</v>
      </c>
      <c r="Q9507" s="5" t="s">
        <v>40</v>
      </c>
      <c r="R9507" s="5" t="s">
        <v>1487</v>
      </c>
      <c r="S9507" s="5"/>
      <c r="T9507" s="5" t="s">
        <v>42</v>
      </c>
      <c r="U9507" s="2">
        <v>0</v>
      </c>
      <c r="V9507" s="2">
        <v>0</v>
      </c>
      <c r="W9507" s="2">
        <v>0</v>
      </c>
      <c r="X9507" s="2">
        <v>0</v>
      </c>
      <c r="Y9507" s="2">
        <v>0</v>
      </c>
      <c r="Z9507" s="2">
        <v>0</v>
      </c>
      <c r="AA9507" s="5"/>
      <c r="AB9507" s="5" t="s">
        <v>43</v>
      </c>
      <c r="AC9507" s="5" t="s">
        <v>44</v>
      </c>
      <c r="AD9507" s="2"/>
      <c r="AE9507" s="1"/>
    </row>
    <row r="9508" spans="1:31" ht="14.45">
      <c r="A9508" s="11"/>
      <c r="B9508" s="20"/>
      <c r="C9508" s="2" t="s">
        <v>29213</v>
      </c>
      <c r="D9508" s="14" t="s">
        <v>29214</v>
      </c>
      <c r="E9508" s="2" t="s">
        <v>29215</v>
      </c>
      <c r="F9508" s="2" t="s">
        <v>28927</v>
      </c>
      <c r="G9508" s="8">
        <v>403</v>
      </c>
      <c r="H9508" s="5">
        <v>20</v>
      </c>
      <c r="I9508" s="5" t="s">
        <v>69</v>
      </c>
      <c r="J9508" s="5" t="s">
        <v>27074</v>
      </c>
      <c r="K9508" s="2" t="s">
        <v>27075</v>
      </c>
      <c r="L9508" s="5" t="s">
        <v>27074</v>
      </c>
      <c r="M9508" s="2" t="s">
        <v>27075</v>
      </c>
      <c r="N9508" s="5" t="s">
        <v>24254</v>
      </c>
      <c r="O9508" s="5" t="s">
        <v>38</v>
      </c>
      <c r="P9508" s="5" t="s">
        <v>39</v>
      </c>
      <c r="Q9508" s="5" t="s">
        <v>40</v>
      </c>
      <c r="R9508" s="5" t="s">
        <v>24340</v>
      </c>
      <c r="S9508" s="5" t="s">
        <v>40</v>
      </c>
      <c r="T9508" s="5" t="s">
        <v>42</v>
      </c>
      <c r="U9508" s="2">
        <v>16.763999999999999</v>
      </c>
      <c r="V9508" s="2">
        <v>14.766999999999999</v>
      </c>
      <c r="W9508" s="2">
        <v>0.11600000000000001</v>
      </c>
      <c r="X9508" s="2">
        <v>12</v>
      </c>
      <c r="Y9508" s="2">
        <v>50</v>
      </c>
      <c r="Z9508" s="2">
        <v>193.9</v>
      </c>
      <c r="AA9508" s="5">
        <v>8</v>
      </c>
      <c r="AB9508" s="5" t="s">
        <v>43</v>
      </c>
      <c r="AC9508" s="5" t="s">
        <v>44</v>
      </c>
      <c r="AD9508" s="2" t="s">
        <v>28928</v>
      </c>
      <c r="AE9508" s="1"/>
    </row>
    <row r="9509" spans="1:31" ht="14.45">
      <c r="A9509" s="11"/>
      <c r="B9509" s="20"/>
      <c r="C9509" s="2" t="s">
        <v>29216</v>
      </c>
      <c r="D9509" s="14" t="s">
        <v>29217</v>
      </c>
      <c r="E9509" s="2" t="s">
        <v>29218</v>
      </c>
      <c r="F9509" s="2" t="s">
        <v>28932</v>
      </c>
      <c r="G9509" s="8">
        <v>403</v>
      </c>
      <c r="H9509" s="5">
        <v>20</v>
      </c>
      <c r="I9509" s="5" t="s">
        <v>69</v>
      </c>
      <c r="J9509" s="5" t="s">
        <v>27074</v>
      </c>
      <c r="K9509" s="2" t="s">
        <v>27075</v>
      </c>
      <c r="L9509" s="5" t="s">
        <v>27074</v>
      </c>
      <c r="M9509" s="2" t="s">
        <v>27075</v>
      </c>
      <c r="N9509" s="5" t="s">
        <v>24254</v>
      </c>
      <c r="O9509" s="5" t="s">
        <v>38</v>
      </c>
      <c r="P9509" s="5" t="s">
        <v>39</v>
      </c>
      <c r="Q9509" s="5" t="s">
        <v>40</v>
      </c>
      <c r="R9509" s="5" t="s">
        <v>24340</v>
      </c>
      <c r="S9509" s="5" t="s">
        <v>40</v>
      </c>
      <c r="T9509" s="5" t="s">
        <v>42</v>
      </c>
      <c r="U9509" s="2">
        <v>12.641999999999999</v>
      </c>
      <c r="V9509" s="2">
        <v>10.645</v>
      </c>
      <c r="W9509" s="2">
        <v>0.11600000000000001</v>
      </c>
      <c r="X9509" s="2">
        <v>12</v>
      </c>
      <c r="Y9509" s="2">
        <v>50</v>
      </c>
      <c r="Z9509" s="2">
        <v>193.9</v>
      </c>
      <c r="AA9509" s="5">
        <v>8</v>
      </c>
      <c r="AB9509" s="5" t="s">
        <v>43</v>
      </c>
      <c r="AC9509" s="5" t="s">
        <v>44</v>
      </c>
      <c r="AD9509" s="2" t="s">
        <v>28928</v>
      </c>
      <c r="AE9509" s="1"/>
    </row>
    <row r="9510" spans="1:31" ht="14.45">
      <c r="A9510" s="11"/>
      <c r="B9510" s="20"/>
      <c r="C9510" s="2" t="s">
        <v>29219</v>
      </c>
      <c r="D9510" s="14" t="s">
        <v>29220</v>
      </c>
      <c r="E9510" s="2" t="s">
        <v>29221</v>
      </c>
      <c r="F9510" s="2" t="s">
        <v>28936</v>
      </c>
      <c r="G9510" s="8">
        <v>403</v>
      </c>
      <c r="H9510" s="5">
        <v>20</v>
      </c>
      <c r="I9510" s="5" t="s">
        <v>69</v>
      </c>
      <c r="J9510" s="5" t="s">
        <v>27074</v>
      </c>
      <c r="K9510" s="2" t="s">
        <v>27075</v>
      </c>
      <c r="L9510" s="5" t="s">
        <v>27074</v>
      </c>
      <c r="M9510" s="2" t="s">
        <v>27075</v>
      </c>
      <c r="N9510" s="5" t="s">
        <v>24254</v>
      </c>
      <c r="O9510" s="5" t="s">
        <v>38</v>
      </c>
      <c r="P9510" s="5" t="s">
        <v>39</v>
      </c>
      <c r="Q9510" s="5" t="s">
        <v>40</v>
      </c>
      <c r="R9510" s="5" t="s">
        <v>24340</v>
      </c>
      <c r="S9510" s="5" t="s">
        <v>40</v>
      </c>
      <c r="T9510" s="5" t="s">
        <v>42</v>
      </c>
      <c r="U9510" s="2">
        <v>11.757999999999999</v>
      </c>
      <c r="V9510" s="2">
        <v>9.7949999999999999</v>
      </c>
      <c r="W9510" s="2">
        <v>0.11600000000000001</v>
      </c>
      <c r="X9510" s="2">
        <v>12</v>
      </c>
      <c r="Y9510" s="2">
        <v>50</v>
      </c>
      <c r="Z9510" s="2">
        <v>193.9</v>
      </c>
      <c r="AA9510" s="5">
        <v>8</v>
      </c>
      <c r="AB9510" s="5" t="s">
        <v>43</v>
      </c>
      <c r="AC9510" s="5" t="s">
        <v>44</v>
      </c>
      <c r="AD9510" s="2" t="s">
        <v>28928</v>
      </c>
      <c r="AE9510" s="1"/>
    </row>
    <row r="9511" spans="1:31" ht="14.45">
      <c r="A9511" s="11"/>
      <c r="B9511" s="20"/>
      <c r="C9511" s="2" t="s">
        <v>29222</v>
      </c>
      <c r="D9511" s="14" t="s">
        <v>29223</v>
      </c>
      <c r="E9511" s="2" t="s">
        <v>29224</v>
      </c>
      <c r="F9511" s="2" t="s">
        <v>29164</v>
      </c>
      <c r="G9511" s="8">
        <v>403</v>
      </c>
      <c r="H9511" s="5">
        <v>20</v>
      </c>
      <c r="I9511" s="5" t="s">
        <v>69</v>
      </c>
      <c r="J9511" s="5" t="s">
        <v>27074</v>
      </c>
      <c r="K9511" s="2" t="s">
        <v>27075</v>
      </c>
      <c r="L9511" s="5" t="s">
        <v>27074</v>
      </c>
      <c r="M9511" s="2" t="s">
        <v>27075</v>
      </c>
      <c r="N9511" s="5" t="s">
        <v>24254</v>
      </c>
      <c r="O9511" s="5" t="s">
        <v>38</v>
      </c>
      <c r="P9511" s="5" t="s">
        <v>39</v>
      </c>
      <c r="Q9511" s="5" t="s">
        <v>40</v>
      </c>
      <c r="R9511" s="5" t="s">
        <v>24340</v>
      </c>
      <c r="S9511" s="5" t="s">
        <v>40</v>
      </c>
      <c r="T9511" s="5" t="s">
        <v>42</v>
      </c>
      <c r="U9511" s="2">
        <v>12.974</v>
      </c>
      <c r="V9511" s="2">
        <v>11.010999999999999</v>
      </c>
      <c r="W9511" s="2">
        <v>0.11600000000000001</v>
      </c>
      <c r="X9511" s="2">
        <v>12</v>
      </c>
      <c r="Y9511" s="2">
        <v>50</v>
      </c>
      <c r="Z9511" s="2">
        <v>193.9</v>
      </c>
      <c r="AA9511" s="5">
        <v>10</v>
      </c>
      <c r="AB9511" s="5" t="s">
        <v>43</v>
      </c>
      <c r="AC9511" s="5" t="s">
        <v>44</v>
      </c>
      <c r="AD9511" s="2" t="s">
        <v>29225</v>
      </c>
      <c r="AE9511" s="1"/>
    </row>
    <row r="9512" spans="1:31" ht="14.45">
      <c r="A9512" s="11"/>
      <c r="B9512" s="20"/>
      <c r="C9512" s="2" t="s">
        <v>29226</v>
      </c>
      <c r="D9512" s="14" t="s">
        <v>29227</v>
      </c>
      <c r="E9512" s="2" t="s">
        <v>29228</v>
      </c>
      <c r="F9512" s="2" t="s">
        <v>29173</v>
      </c>
      <c r="G9512" s="8">
        <v>403</v>
      </c>
      <c r="H9512" s="5">
        <v>20</v>
      </c>
      <c r="I9512" s="5" t="s">
        <v>69</v>
      </c>
      <c r="J9512" s="5" t="s">
        <v>27074</v>
      </c>
      <c r="K9512" s="2" t="s">
        <v>27075</v>
      </c>
      <c r="L9512" s="5" t="s">
        <v>27074</v>
      </c>
      <c r="M9512" s="2" t="s">
        <v>27075</v>
      </c>
      <c r="N9512" s="5" t="s">
        <v>24254</v>
      </c>
      <c r="O9512" s="5" t="s">
        <v>38</v>
      </c>
      <c r="P9512" s="5" t="s">
        <v>39</v>
      </c>
      <c r="Q9512" s="5" t="s">
        <v>40</v>
      </c>
      <c r="R9512" s="5" t="s">
        <v>24340</v>
      </c>
      <c r="S9512" s="5" t="s">
        <v>40</v>
      </c>
      <c r="T9512" s="5" t="s">
        <v>42</v>
      </c>
      <c r="U9512" s="2">
        <v>9.407</v>
      </c>
      <c r="V9512" s="2">
        <v>7.444</v>
      </c>
      <c r="W9512" s="2">
        <v>0.11600000000000001</v>
      </c>
      <c r="X9512" s="2">
        <v>12</v>
      </c>
      <c r="Y9512" s="2">
        <v>50</v>
      </c>
      <c r="Z9512" s="2">
        <v>193.9</v>
      </c>
      <c r="AA9512" s="5">
        <v>10</v>
      </c>
      <c r="AB9512" s="5" t="s">
        <v>43</v>
      </c>
      <c r="AC9512" s="5" t="s">
        <v>44</v>
      </c>
      <c r="AD9512" s="2" t="s">
        <v>29229</v>
      </c>
      <c r="AE9512" s="1"/>
    </row>
    <row r="9513" spans="1:31" ht="14.45">
      <c r="A9513" s="11"/>
      <c r="B9513" s="20"/>
      <c r="C9513" s="2" t="s">
        <v>29230</v>
      </c>
      <c r="D9513" s="14" t="s">
        <v>29231</v>
      </c>
      <c r="E9513" s="2" t="s">
        <v>29232</v>
      </c>
      <c r="F9513" s="2" t="s">
        <v>28887</v>
      </c>
      <c r="G9513" s="8">
        <v>403</v>
      </c>
      <c r="H9513" s="5">
        <v>20</v>
      </c>
      <c r="I9513" s="5" t="s">
        <v>69</v>
      </c>
      <c r="J9513" s="5" t="s">
        <v>27074</v>
      </c>
      <c r="K9513" s="2" t="s">
        <v>27075</v>
      </c>
      <c r="L9513" s="5" t="s">
        <v>27074</v>
      </c>
      <c r="M9513" s="2" t="s">
        <v>27075</v>
      </c>
      <c r="N9513" s="5" t="s">
        <v>24254</v>
      </c>
      <c r="O9513" s="5" t="s">
        <v>38</v>
      </c>
      <c r="P9513" s="5" t="s">
        <v>39</v>
      </c>
      <c r="Q9513" s="5" t="s">
        <v>40</v>
      </c>
      <c r="R9513" s="5" t="s">
        <v>25301</v>
      </c>
      <c r="S9513" s="5" t="s">
        <v>40</v>
      </c>
      <c r="T9513" s="5" t="s">
        <v>42</v>
      </c>
      <c r="U9513" s="2">
        <v>15.013999999999999</v>
      </c>
      <c r="V9513" s="2">
        <v>13.016999999999999</v>
      </c>
      <c r="W9513" s="2">
        <v>0.11600000000000001</v>
      </c>
      <c r="X9513" s="2">
        <v>12</v>
      </c>
      <c r="Y9513" s="2">
        <v>50</v>
      </c>
      <c r="Z9513" s="2">
        <v>193.9</v>
      </c>
      <c r="AA9513" s="5">
        <v>8</v>
      </c>
      <c r="AB9513" s="5" t="s">
        <v>43</v>
      </c>
      <c r="AC9513" s="5" t="s">
        <v>44</v>
      </c>
      <c r="AD9513" s="2" t="s">
        <v>28888</v>
      </c>
      <c r="AE9513" s="1"/>
    </row>
    <row r="9514" spans="1:31" ht="14.45">
      <c r="A9514" s="11"/>
      <c r="B9514" s="20"/>
      <c r="C9514" s="2" t="s">
        <v>29233</v>
      </c>
      <c r="D9514" s="14" t="s">
        <v>29234</v>
      </c>
      <c r="E9514" s="2" t="s">
        <v>29235</v>
      </c>
      <c r="F9514" s="2" t="s">
        <v>28948</v>
      </c>
      <c r="G9514" s="8">
        <v>403</v>
      </c>
      <c r="H9514" s="5">
        <v>20</v>
      </c>
      <c r="I9514" s="5" t="s">
        <v>69</v>
      </c>
      <c r="J9514" s="5" t="s">
        <v>27074</v>
      </c>
      <c r="K9514" s="2" t="s">
        <v>27075</v>
      </c>
      <c r="L9514" s="5" t="s">
        <v>27074</v>
      </c>
      <c r="M9514" s="2" t="s">
        <v>27075</v>
      </c>
      <c r="N9514" s="5" t="s">
        <v>24254</v>
      </c>
      <c r="O9514" s="5" t="s">
        <v>38</v>
      </c>
      <c r="P9514" s="5" t="s">
        <v>39</v>
      </c>
      <c r="Q9514" s="5" t="s">
        <v>40</v>
      </c>
      <c r="R9514" s="5" t="s">
        <v>25301</v>
      </c>
      <c r="S9514" s="5" t="s">
        <v>40</v>
      </c>
      <c r="T9514" s="5" t="s">
        <v>42</v>
      </c>
      <c r="U9514" s="2">
        <v>11.276</v>
      </c>
      <c r="V9514" s="2">
        <v>9.2789999999999999</v>
      </c>
      <c r="W9514" s="2">
        <v>0.11600000000000001</v>
      </c>
      <c r="X9514" s="2">
        <v>12</v>
      </c>
      <c r="Y9514" s="2">
        <v>50</v>
      </c>
      <c r="Z9514" s="2">
        <v>193.9</v>
      </c>
      <c r="AA9514" s="5">
        <v>8</v>
      </c>
      <c r="AB9514" s="5" t="s">
        <v>43</v>
      </c>
      <c r="AC9514" s="5" t="s">
        <v>44</v>
      </c>
      <c r="AD9514" s="2" t="s">
        <v>28888</v>
      </c>
      <c r="AE9514" s="1"/>
    </row>
    <row r="9515" spans="1:31" ht="14.45">
      <c r="A9515" s="11"/>
      <c r="B9515" s="20"/>
      <c r="C9515" s="2" t="s">
        <v>29236</v>
      </c>
      <c r="D9515" s="14" t="s">
        <v>29237</v>
      </c>
      <c r="E9515" s="2" t="s">
        <v>29238</v>
      </c>
      <c r="F9515" s="2" t="s">
        <v>28892</v>
      </c>
      <c r="G9515" s="8">
        <v>403</v>
      </c>
      <c r="H9515" s="5">
        <v>20</v>
      </c>
      <c r="I9515" s="5" t="s">
        <v>69</v>
      </c>
      <c r="J9515" s="5" t="s">
        <v>27074</v>
      </c>
      <c r="K9515" s="2" t="s">
        <v>27075</v>
      </c>
      <c r="L9515" s="5" t="s">
        <v>27074</v>
      </c>
      <c r="M9515" s="2" t="s">
        <v>27075</v>
      </c>
      <c r="N9515" s="5" t="s">
        <v>24254</v>
      </c>
      <c r="O9515" s="5" t="s">
        <v>38</v>
      </c>
      <c r="P9515" s="5" t="s">
        <v>39</v>
      </c>
      <c r="Q9515" s="5" t="s">
        <v>40</v>
      </c>
      <c r="R9515" s="5" t="s">
        <v>25301</v>
      </c>
      <c r="S9515" s="5" t="s">
        <v>40</v>
      </c>
      <c r="T9515" s="5" t="s">
        <v>42</v>
      </c>
      <c r="U9515" s="2">
        <v>10.695</v>
      </c>
      <c r="V9515" s="2">
        <v>8.7319999999999993</v>
      </c>
      <c r="W9515" s="2">
        <v>0.11600000000000001</v>
      </c>
      <c r="X9515" s="2">
        <v>12</v>
      </c>
      <c r="Y9515" s="2">
        <v>50</v>
      </c>
      <c r="Z9515" s="2">
        <v>193.9</v>
      </c>
      <c r="AA9515" s="5">
        <v>8</v>
      </c>
      <c r="AB9515" s="5" t="s">
        <v>43</v>
      </c>
      <c r="AC9515" s="5" t="s">
        <v>44</v>
      </c>
      <c r="AD9515" s="2" t="s">
        <v>28888</v>
      </c>
      <c r="AE9515" s="1"/>
    </row>
    <row r="9516" spans="1:31" ht="14.45">
      <c r="A9516" s="11"/>
      <c r="B9516" s="20"/>
      <c r="C9516" s="2" t="s">
        <v>29239</v>
      </c>
      <c r="D9516" s="14" t="s">
        <v>29240</v>
      </c>
      <c r="E9516" s="2" t="s">
        <v>29241</v>
      </c>
      <c r="F9516" s="2" t="s">
        <v>28906</v>
      </c>
      <c r="G9516" s="8">
        <v>403</v>
      </c>
      <c r="H9516" s="5">
        <v>20</v>
      </c>
      <c r="I9516" s="5" t="s">
        <v>69</v>
      </c>
      <c r="J9516" s="5" t="s">
        <v>27074</v>
      </c>
      <c r="K9516" s="2" t="s">
        <v>27075</v>
      </c>
      <c r="L9516" s="5" t="s">
        <v>27074</v>
      </c>
      <c r="M9516" s="2" t="s">
        <v>27075</v>
      </c>
      <c r="N9516" s="5" t="s">
        <v>24254</v>
      </c>
      <c r="O9516" s="5" t="s">
        <v>38</v>
      </c>
      <c r="P9516" s="5" t="s">
        <v>39</v>
      </c>
      <c r="Q9516" s="5" t="s">
        <v>40</v>
      </c>
      <c r="R9516" s="5" t="s">
        <v>25301</v>
      </c>
      <c r="S9516" s="5" t="s">
        <v>40</v>
      </c>
      <c r="T9516" s="5" t="s">
        <v>42</v>
      </c>
      <c r="U9516" s="2">
        <v>11.009</v>
      </c>
      <c r="V9516" s="2">
        <v>9.0459999999999994</v>
      </c>
      <c r="W9516" s="2">
        <v>0.11600000000000001</v>
      </c>
      <c r="X9516" s="2">
        <v>12</v>
      </c>
      <c r="Y9516" s="2">
        <v>50</v>
      </c>
      <c r="Z9516" s="2">
        <v>193.9</v>
      </c>
      <c r="AA9516" s="5">
        <v>10</v>
      </c>
      <c r="AB9516" s="5" t="s">
        <v>43</v>
      </c>
      <c r="AC9516" s="5" t="s">
        <v>44</v>
      </c>
      <c r="AD9516" s="2" t="s">
        <v>28907</v>
      </c>
      <c r="AE9516" s="1"/>
    </row>
    <row r="9517" spans="1:31" ht="14.45">
      <c r="A9517" s="11"/>
      <c r="B9517" s="20"/>
      <c r="C9517" s="2" t="s">
        <v>29242</v>
      </c>
      <c r="D9517" s="14" t="s">
        <v>29243</v>
      </c>
      <c r="E9517" s="2" t="s">
        <v>29244</v>
      </c>
      <c r="F9517" s="2" t="s">
        <v>28911</v>
      </c>
      <c r="G9517" s="8">
        <v>1150</v>
      </c>
      <c r="H9517" s="5">
        <v>20</v>
      </c>
      <c r="I9517" s="5" t="s">
        <v>69</v>
      </c>
      <c r="J9517" s="5" t="s">
        <v>27074</v>
      </c>
      <c r="K9517" s="2" t="s">
        <v>27075</v>
      </c>
      <c r="L9517" s="5" t="s">
        <v>27074</v>
      </c>
      <c r="M9517" s="2" t="s">
        <v>27075</v>
      </c>
      <c r="N9517" s="5" t="s">
        <v>24254</v>
      </c>
      <c r="O9517" s="5" t="s">
        <v>38</v>
      </c>
      <c r="P9517" s="5" t="s">
        <v>39</v>
      </c>
      <c r="Q9517" s="5" t="s">
        <v>40</v>
      </c>
      <c r="R9517" s="5" t="s">
        <v>1487</v>
      </c>
      <c r="S9517" s="5"/>
      <c r="T9517" s="5" t="s">
        <v>42</v>
      </c>
      <c r="U9517" s="2">
        <v>0</v>
      </c>
      <c r="V9517" s="2">
        <v>0</v>
      </c>
      <c r="W9517" s="2">
        <v>0</v>
      </c>
      <c r="X9517" s="2">
        <v>0</v>
      </c>
      <c r="Y9517" s="2">
        <v>0</v>
      </c>
      <c r="Z9517" s="2">
        <v>0</v>
      </c>
      <c r="AA9517" s="5"/>
      <c r="AB9517" s="5" t="s">
        <v>43</v>
      </c>
      <c r="AC9517" s="5" t="s">
        <v>44</v>
      </c>
      <c r="AD9517" s="2"/>
      <c r="AE9517" s="1"/>
    </row>
    <row r="9518" spans="1:31" ht="14.45">
      <c r="A9518" s="11"/>
      <c r="B9518" s="20"/>
      <c r="C9518" s="2" t="s">
        <v>29245</v>
      </c>
      <c r="D9518" s="14" t="s">
        <v>29246</v>
      </c>
      <c r="E9518" s="2" t="s">
        <v>29247</v>
      </c>
      <c r="F9518" s="2" t="s">
        <v>28915</v>
      </c>
      <c r="G9518" s="8">
        <v>1150</v>
      </c>
      <c r="H9518" s="5">
        <v>20</v>
      </c>
      <c r="I9518" s="5" t="s">
        <v>69</v>
      </c>
      <c r="J9518" s="5" t="s">
        <v>27074</v>
      </c>
      <c r="K9518" s="2" t="s">
        <v>27075</v>
      </c>
      <c r="L9518" s="5" t="s">
        <v>27074</v>
      </c>
      <c r="M9518" s="2" t="s">
        <v>27075</v>
      </c>
      <c r="N9518" s="5" t="s">
        <v>24254</v>
      </c>
      <c r="O9518" s="5" t="s">
        <v>38</v>
      </c>
      <c r="P9518" s="5" t="s">
        <v>39</v>
      </c>
      <c r="Q9518" s="5" t="s">
        <v>40</v>
      </c>
      <c r="R9518" s="5" t="s">
        <v>1487</v>
      </c>
      <c r="S9518" s="5"/>
      <c r="T9518" s="5" t="s">
        <v>42</v>
      </c>
      <c r="U9518" s="2">
        <v>0</v>
      </c>
      <c r="V9518" s="2">
        <v>0</v>
      </c>
      <c r="W9518" s="2">
        <v>0</v>
      </c>
      <c r="X9518" s="2">
        <v>0</v>
      </c>
      <c r="Y9518" s="2">
        <v>0</v>
      </c>
      <c r="Z9518" s="2">
        <v>0</v>
      </c>
      <c r="AA9518" s="5"/>
      <c r="AB9518" s="5" t="s">
        <v>43</v>
      </c>
      <c r="AC9518" s="5" t="s">
        <v>44</v>
      </c>
      <c r="AD9518" s="2"/>
      <c r="AE9518" s="1"/>
    </row>
    <row r="9519" spans="1:31" ht="14.45">
      <c r="A9519" s="11"/>
      <c r="B9519" s="20"/>
      <c r="C9519" s="2" t="s">
        <v>29248</v>
      </c>
      <c r="D9519" s="14" t="s">
        <v>29249</v>
      </c>
      <c r="E9519" s="2" t="s">
        <v>29250</v>
      </c>
      <c r="F9519" s="2" t="s">
        <v>28919</v>
      </c>
      <c r="G9519" s="8">
        <v>1150</v>
      </c>
      <c r="H9519" s="5">
        <v>20</v>
      </c>
      <c r="I9519" s="5" t="s">
        <v>69</v>
      </c>
      <c r="J9519" s="5" t="s">
        <v>27074</v>
      </c>
      <c r="K9519" s="2" t="s">
        <v>27075</v>
      </c>
      <c r="L9519" s="5" t="s">
        <v>27074</v>
      </c>
      <c r="M9519" s="2" t="s">
        <v>27075</v>
      </c>
      <c r="N9519" s="5" t="s">
        <v>24254</v>
      </c>
      <c r="O9519" s="5" t="s">
        <v>38</v>
      </c>
      <c r="P9519" s="5" t="s">
        <v>39</v>
      </c>
      <c r="Q9519" s="5" t="s">
        <v>40</v>
      </c>
      <c r="R9519" s="5" t="s">
        <v>1487</v>
      </c>
      <c r="S9519" s="5"/>
      <c r="T9519" s="5" t="s">
        <v>42</v>
      </c>
      <c r="U9519" s="2">
        <v>0</v>
      </c>
      <c r="V9519" s="2">
        <v>0</v>
      </c>
      <c r="W9519" s="2">
        <v>0</v>
      </c>
      <c r="X9519" s="2">
        <v>0</v>
      </c>
      <c r="Y9519" s="2">
        <v>0</v>
      </c>
      <c r="Z9519" s="2">
        <v>0</v>
      </c>
      <c r="AA9519" s="5"/>
      <c r="AB9519" s="5" t="s">
        <v>43</v>
      </c>
      <c r="AC9519" s="5" t="s">
        <v>44</v>
      </c>
      <c r="AD9519" s="2"/>
      <c r="AE9519" s="1"/>
    </row>
    <row r="9520" spans="1:31" ht="14.45">
      <c r="A9520" s="11"/>
      <c r="B9520" s="20"/>
      <c r="C9520" s="2" t="s">
        <v>29251</v>
      </c>
      <c r="D9520" s="14" t="s">
        <v>29252</v>
      </c>
      <c r="E9520" s="2" t="s">
        <v>29253</v>
      </c>
      <c r="F9520" s="2" t="s">
        <v>28923</v>
      </c>
      <c r="G9520" s="8">
        <v>1150</v>
      </c>
      <c r="H9520" s="5">
        <v>20</v>
      </c>
      <c r="I9520" s="5" t="s">
        <v>69</v>
      </c>
      <c r="J9520" s="5" t="s">
        <v>27074</v>
      </c>
      <c r="K9520" s="2" t="s">
        <v>27075</v>
      </c>
      <c r="L9520" s="5" t="s">
        <v>27074</v>
      </c>
      <c r="M9520" s="2" t="s">
        <v>27075</v>
      </c>
      <c r="N9520" s="5" t="s">
        <v>24254</v>
      </c>
      <c r="O9520" s="5" t="s">
        <v>38</v>
      </c>
      <c r="P9520" s="5" t="s">
        <v>39</v>
      </c>
      <c r="Q9520" s="5" t="s">
        <v>40</v>
      </c>
      <c r="R9520" s="5" t="s">
        <v>1487</v>
      </c>
      <c r="S9520" s="5"/>
      <c r="T9520" s="5" t="s">
        <v>42</v>
      </c>
      <c r="U9520" s="2">
        <v>0</v>
      </c>
      <c r="V9520" s="2">
        <v>0</v>
      </c>
      <c r="W9520" s="2">
        <v>0</v>
      </c>
      <c r="X9520" s="2">
        <v>0</v>
      </c>
      <c r="Y9520" s="2">
        <v>0</v>
      </c>
      <c r="Z9520" s="2">
        <v>0</v>
      </c>
      <c r="AA9520" s="5"/>
      <c r="AB9520" s="5" t="s">
        <v>43</v>
      </c>
      <c r="AC9520" s="5" t="s">
        <v>44</v>
      </c>
      <c r="AD9520" s="2"/>
      <c r="AE9520" s="1"/>
    </row>
    <row r="9521" spans="1:31" ht="14.45">
      <c r="A9521" s="11"/>
      <c r="B9521" s="20"/>
      <c r="C9521" s="2" t="s">
        <v>29254</v>
      </c>
      <c r="D9521" s="14" t="s">
        <v>29255</v>
      </c>
      <c r="E9521" s="2" t="s">
        <v>29256</v>
      </c>
      <c r="F9521" s="2" t="s">
        <v>28927</v>
      </c>
      <c r="G9521" s="8">
        <v>439</v>
      </c>
      <c r="H9521" s="5">
        <v>20</v>
      </c>
      <c r="I9521" s="5" t="s">
        <v>69</v>
      </c>
      <c r="J9521" s="5" t="s">
        <v>27074</v>
      </c>
      <c r="K9521" s="2" t="s">
        <v>27075</v>
      </c>
      <c r="L9521" s="5" t="s">
        <v>27074</v>
      </c>
      <c r="M9521" s="2" t="s">
        <v>27075</v>
      </c>
      <c r="N9521" s="5" t="s">
        <v>24254</v>
      </c>
      <c r="O9521" s="5" t="s">
        <v>38</v>
      </c>
      <c r="P9521" s="5" t="s">
        <v>39</v>
      </c>
      <c r="Q9521" s="5" t="s">
        <v>40</v>
      </c>
      <c r="R9521" s="5" t="s">
        <v>24340</v>
      </c>
      <c r="S9521" s="5" t="s">
        <v>40</v>
      </c>
      <c r="T9521" s="5" t="s">
        <v>42</v>
      </c>
      <c r="U9521" s="2">
        <v>18.332999999999998</v>
      </c>
      <c r="V9521" s="2">
        <v>15.882</v>
      </c>
      <c r="W9521" s="2">
        <v>0.13600000000000001</v>
      </c>
      <c r="X9521" s="2">
        <v>12</v>
      </c>
      <c r="Y9521" s="2">
        <v>50</v>
      </c>
      <c r="Z9521" s="2">
        <v>227.4</v>
      </c>
      <c r="AA9521" s="5">
        <v>8</v>
      </c>
      <c r="AB9521" s="5" t="s">
        <v>43</v>
      </c>
      <c r="AC9521" s="5" t="s">
        <v>44</v>
      </c>
      <c r="AD9521" s="2" t="s">
        <v>28928</v>
      </c>
      <c r="AE9521" s="1"/>
    </row>
    <row r="9522" spans="1:31" ht="14.45">
      <c r="A9522" s="11"/>
      <c r="B9522" s="20"/>
      <c r="C9522" s="2" t="s">
        <v>29257</v>
      </c>
      <c r="D9522" s="14" t="s">
        <v>29258</v>
      </c>
      <c r="E9522" s="2" t="s">
        <v>29259</v>
      </c>
      <c r="F9522" s="2" t="s">
        <v>28932</v>
      </c>
      <c r="G9522" s="8">
        <v>439</v>
      </c>
      <c r="H9522" s="5">
        <v>20</v>
      </c>
      <c r="I9522" s="5" t="s">
        <v>69</v>
      </c>
      <c r="J9522" s="5" t="s">
        <v>27074</v>
      </c>
      <c r="K9522" s="2" t="s">
        <v>27075</v>
      </c>
      <c r="L9522" s="5" t="s">
        <v>27074</v>
      </c>
      <c r="M9522" s="2" t="s">
        <v>27075</v>
      </c>
      <c r="N9522" s="5" t="s">
        <v>24254</v>
      </c>
      <c r="O9522" s="5" t="s">
        <v>38</v>
      </c>
      <c r="P9522" s="5" t="s">
        <v>39</v>
      </c>
      <c r="Q9522" s="5" t="s">
        <v>40</v>
      </c>
      <c r="R9522" s="5" t="s">
        <v>24340</v>
      </c>
      <c r="S9522" s="5" t="s">
        <v>40</v>
      </c>
      <c r="T9522" s="5" t="s">
        <v>42</v>
      </c>
      <c r="U9522" s="2">
        <v>13.875</v>
      </c>
      <c r="V9522" s="2">
        <v>11.423999999999999</v>
      </c>
      <c r="W9522" s="2">
        <v>0.13600000000000001</v>
      </c>
      <c r="X9522" s="2">
        <v>12</v>
      </c>
      <c r="Y9522" s="2">
        <v>50</v>
      </c>
      <c r="Z9522" s="2">
        <v>227.4</v>
      </c>
      <c r="AA9522" s="5">
        <v>8</v>
      </c>
      <c r="AB9522" s="5" t="s">
        <v>43</v>
      </c>
      <c r="AC9522" s="5" t="s">
        <v>44</v>
      </c>
      <c r="AD9522" s="2" t="s">
        <v>28928</v>
      </c>
      <c r="AE9522" s="1"/>
    </row>
    <row r="9523" spans="1:31" ht="14.45">
      <c r="A9523" s="11"/>
      <c r="B9523" s="20"/>
      <c r="C9523" s="2" t="s">
        <v>29260</v>
      </c>
      <c r="D9523" s="14" t="s">
        <v>29261</v>
      </c>
      <c r="E9523" s="2" t="s">
        <v>29262</v>
      </c>
      <c r="F9523" s="2" t="s">
        <v>28936</v>
      </c>
      <c r="G9523" s="8">
        <v>439</v>
      </c>
      <c r="H9523" s="5">
        <v>20</v>
      </c>
      <c r="I9523" s="5" t="s">
        <v>69</v>
      </c>
      <c r="J9523" s="5" t="s">
        <v>27074</v>
      </c>
      <c r="K9523" s="2" t="s">
        <v>27075</v>
      </c>
      <c r="L9523" s="5" t="s">
        <v>27074</v>
      </c>
      <c r="M9523" s="2" t="s">
        <v>27075</v>
      </c>
      <c r="N9523" s="5" t="s">
        <v>24254</v>
      </c>
      <c r="O9523" s="5" t="s">
        <v>38</v>
      </c>
      <c r="P9523" s="5" t="s">
        <v>39</v>
      </c>
      <c r="Q9523" s="5" t="s">
        <v>40</v>
      </c>
      <c r="R9523" s="5" t="s">
        <v>24340</v>
      </c>
      <c r="S9523" s="5" t="s">
        <v>40</v>
      </c>
      <c r="T9523" s="5" t="s">
        <v>42</v>
      </c>
      <c r="U9523" s="2">
        <v>12.92</v>
      </c>
      <c r="V9523" s="2">
        <v>10.503</v>
      </c>
      <c r="W9523" s="2">
        <v>0.13600000000000001</v>
      </c>
      <c r="X9523" s="2">
        <v>12</v>
      </c>
      <c r="Y9523" s="2">
        <v>50</v>
      </c>
      <c r="Z9523" s="2">
        <v>227.4</v>
      </c>
      <c r="AA9523" s="5">
        <v>8</v>
      </c>
      <c r="AB9523" s="5" t="s">
        <v>43</v>
      </c>
      <c r="AC9523" s="5" t="s">
        <v>44</v>
      </c>
      <c r="AD9523" s="2" t="s">
        <v>28928</v>
      </c>
      <c r="AE9523" s="1"/>
    </row>
    <row r="9524" spans="1:31" ht="14.45">
      <c r="A9524" s="11"/>
      <c r="B9524" s="20"/>
      <c r="C9524" s="2" t="s">
        <v>29263</v>
      </c>
      <c r="D9524" s="14" t="s">
        <v>29264</v>
      </c>
      <c r="E9524" s="2" t="s">
        <v>29265</v>
      </c>
      <c r="F9524" s="2" t="s">
        <v>28887</v>
      </c>
      <c r="G9524" s="8">
        <v>439</v>
      </c>
      <c r="H9524" s="5">
        <v>20</v>
      </c>
      <c r="I9524" s="5" t="s">
        <v>69</v>
      </c>
      <c r="J9524" s="5" t="s">
        <v>27074</v>
      </c>
      <c r="K9524" s="2" t="s">
        <v>27075</v>
      </c>
      <c r="L9524" s="5" t="s">
        <v>27074</v>
      </c>
      <c r="M9524" s="2" t="s">
        <v>27075</v>
      </c>
      <c r="N9524" s="5" t="s">
        <v>24254</v>
      </c>
      <c r="O9524" s="5" t="s">
        <v>38</v>
      </c>
      <c r="P9524" s="5" t="s">
        <v>39</v>
      </c>
      <c r="Q9524" s="5" t="s">
        <v>40</v>
      </c>
      <c r="R9524" s="5" t="s">
        <v>25301</v>
      </c>
      <c r="S9524" s="5" t="s">
        <v>40</v>
      </c>
      <c r="T9524" s="5" t="s">
        <v>42</v>
      </c>
      <c r="U9524" s="2">
        <v>16.439</v>
      </c>
      <c r="V9524" s="2">
        <v>13.988</v>
      </c>
      <c r="W9524" s="2">
        <v>0.13600000000000001</v>
      </c>
      <c r="X9524" s="2">
        <v>12</v>
      </c>
      <c r="Y9524" s="2">
        <v>50</v>
      </c>
      <c r="Z9524" s="2">
        <v>227.4</v>
      </c>
      <c r="AA9524" s="5">
        <v>8</v>
      </c>
      <c r="AB9524" s="5" t="s">
        <v>43</v>
      </c>
      <c r="AC9524" s="5" t="s">
        <v>44</v>
      </c>
      <c r="AD9524" s="2" t="s">
        <v>28888</v>
      </c>
      <c r="AE9524" s="1"/>
    </row>
    <row r="9525" spans="1:31" ht="14.45">
      <c r="A9525" s="11"/>
      <c r="B9525" s="20"/>
      <c r="C9525" s="2" t="s">
        <v>29266</v>
      </c>
      <c r="D9525" s="14" t="s">
        <v>29267</v>
      </c>
      <c r="E9525" s="2" t="s">
        <v>29268</v>
      </c>
      <c r="F9525" s="2" t="s">
        <v>28948</v>
      </c>
      <c r="G9525" s="8">
        <v>439</v>
      </c>
      <c r="H9525" s="5">
        <v>20</v>
      </c>
      <c r="I9525" s="5" t="s">
        <v>69</v>
      </c>
      <c r="J9525" s="5" t="s">
        <v>27074</v>
      </c>
      <c r="K9525" s="2" t="s">
        <v>27075</v>
      </c>
      <c r="L9525" s="5" t="s">
        <v>27074</v>
      </c>
      <c r="M9525" s="2" t="s">
        <v>27075</v>
      </c>
      <c r="N9525" s="5" t="s">
        <v>24254</v>
      </c>
      <c r="O9525" s="5" t="s">
        <v>38</v>
      </c>
      <c r="P9525" s="5" t="s">
        <v>39</v>
      </c>
      <c r="Q9525" s="5" t="s">
        <v>40</v>
      </c>
      <c r="R9525" s="5" t="s">
        <v>25301</v>
      </c>
      <c r="S9525" s="5" t="s">
        <v>40</v>
      </c>
      <c r="T9525" s="5" t="s">
        <v>42</v>
      </c>
      <c r="U9525" s="2">
        <v>12.404</v>
      </c>
      <c r="V9525" s="2">
        <v>9.9529999999999994</v>
      </c>
      <c r="W9525" s="2">
        <v>0.13600000000000001</v>
      </c>
      <c r="X9525" s="2">
        <v>12</v>
      </c>
      <c r="Y9525" s="2">
        <v>50</v>
      </c>
      <c r="Z9525" s="2">
        <v>227.4</v>
      </c>
      <c r="AA9525" s="5">
        <v>8</v>
      </c>
      <c r="AB9525" s="5" t="s">
        <v>43</v>
      </c>
      <c r="AC9525" s="5" t="s">
        <v>44</v>
      </c>
      <c r="AD9525" s="2" t="s">
        <v>28888</v>
      </c>
      <c r="AE9525" s="1"/>
    </row>
    <row r="9526" spans="1:31" ht="14.45">
      <c r="A9526" s="11"/>
      <c r="B9526" s="20"/>
      <c r="C9526" s="2" t="s">
        <v>29269</v>
      </c>
      <c r="D9526" s="14" t="s">
        <v>29270</v>
      </c>
      <c r="E9526" s="2" t="s">
        <v>29271</v>
      </c>
      <c r="F9526" s="2" t="s">
        <v>28892</v>
      </c>
      <c r="G9526" s="8">
        <v>439</v>
      </c>
      <c r="H9526" s="5">
        <v>20</v>
      </c>
      <c r="I9526" s="5" t="s">
        <v>69</v>
      </c>
      <c r="J9526" s="5" t="s">
        <v>27074</v>
      </c>
      <c r="K9526" s="2" t="s">
        <v>27075</v>
      </c>
      <c r="L9526" s="5" t="s">
        <v>27074</v>
      </c>
      <c r="M9526" s="2" t="s">
        <v>27075</v>
      </c>
      <c r="N9526" s="5" t="s">
        <v>24254</v>
      </c>
      <c r="O9526" s="5" t="s">
        <v>38</v>
      </c>
      <c r="P9526" s="5" t="s">
        <v>39</v>
      </c>
      <c r="Q9526" s="5" t="s">
        <v>40</v>
      </c>
      <c r="R9526" s="5" t="s">
        <v>25301</v>
      </c>
      <c r="S9526" s="5" t="s">
        <v>40</v>
      </c>
      <c r="T9526" s="5" t="s">
        <v>42</v>
      </c>
      <c r="U9526" s="2">
        <v>11.794</v>
      </c>
      <c r="V9526" s="2">
        <v>9.3770000000000007</v>
      </c>
      <c r="W9526" s="2">
        <v>0.13600000000000001</v>
      </c>
      <c r="X9526" s="2">
        <v>12</v>
      </c>
      <c r="Y9526" s="2">
        <v>50</v>
      </c>
      <c r="Z9526" s="2">
        <v>227.4</v>
      </c>
      <c r="AA9526" s="5">
        <v>8</v>
      </c>
      <c r="AB9526" s="5" t="s">
        <v>43</v>
      </c>
      <c r="AC9526" s="5" t="s">
        <v>44</v>
      </c>
      <c r="AD9526" s="2" t="s">
        <v>28888</v>
      </c>
      <c r="AE9526" s="1"/>
    </row>
    <row r="9527" spans="1:31" ht="14.45">
      <c r="A9527" s="11"/>
      <c r="B9527" s="20"/>
      <c r="C9527" s="2" t="s">
        <v>29272</v>
      </c>
      <c r="D9527" s="14" t="s">
        <v>29273</v>
      </c>
      <c r="E9527" s="2" t="s">
        <v>29274</v>
      </c>
      <c r="F9527" s="2" t="s">
        <v>28896</v>
      </c>
      <c r="G9527" s="8">
        <v>439</v>
      </c>
      <c r="H9527" s="5">
        <v>20</v>
      </c>
      <c r="I9527" s="5" t="s">
        <v>69</v>
      </c>
      <c r="J9527" s="5" t="s">
        <v>27074</v>
      </c>
      <c r="K9527" s="2" t="s">
        <v>27075</v>
      </c>
      <c r="L9527" s="5" t="s">
        <v>27074</v>
      </c>
      <c r="M9527" s="2" t="s">
        <v>27075</v>
      </c>
      <c r="N9527" s="5" t="s">
        <v>24254</v>
      </c>
      <c r="O9527" s="5" t="s">
        <v>38</v>
      </c>
      <c r="P9527" s="5" t="s">
        <v>39</v>
      </c>
      <c r="Q9527" s="5" t="s">
        <v>40</v>
      </c>
      <c r="R9527" s="5" t="s">
        <v>25301</v>
      </c>
      <c r="S9527" s="5" t="s">
        <v>40</v>
      </c>
      <c r="T9527" s="5" t="s">
        <v>42</v>
      </c>
      <c r="U9527" s="2">
        <v>13.016</v>
      </c>
      <c r="V9527" s="2">
        <v>10.599</v>
      </c>
      <c r="W9527" s="2">
        <v>0.13600000000000001</v>
      </c>
      <c r="X9527" s="2">
        <v>12</v>
      </c>
      <c r="Y9527" s="2">
        <v>50</v>
      </c>
      <c r="Z9527" s="2">
        <v>227.4</v>
      </c>
      <c r="AA9527" s="5">
        <v>10</v>
      </c>
      <c r="AB9527" s="5" t="s">
        <v>43</v>
      </c>
      <c r="AC9527" s="5" t="s">
        <v>44</v>
      </c>
      <c r="AD9527" s="2" t="s">
        <v>28955</v>
      </c>
      <c r="AE9527" s="1"/>
    </row>
    <row r="9528" spans="1:31" ht="14.45">
      <c r="A9528" s="11"/>
      <c r="B9528" s="20"/>
      <c r="C9528" s="2" t="s">
        <v>29275</v>
      </c>
      <c r="D9528" s="14" t="s">
        <v>29276</v>
      </c>
      <c r="E9528" s="2" t="s">
        <v>29277</v>
      </c>
      <c r="F9528" s="2" t="s">
        <v>28896</v>
      </c>
      <c r="G9528" s="8">
        <v>439</v>
      </c>
      <c r="H9528" s="5">
        <v>20</v>
      </c>
      <c r="I9528" s="5" t="s">
        <v>69</v>
      </c>
      <c r="J9528" s="5" t="s">
        <v>27074</v>
      </c>
      <c r="K9528" s="2" t="s">
        <v>27075</v>
      </c>
      <c r="L9528" s="5" t="s">
        <v>27074</v>
      </c>
      <c r="M9528" s="2" t="s">
        <v>27075</v>
      </c>
      <c r="N9528" s="5" t="s">
        <v>24254</v>
      </c>
      <c r="O9528" s="5" t="s">
        <v>38</v>
      </c>
      <c r="P9528" s="5" t="s">
        <v>39</v>
      </c>
      <c r="Q9528" s="5" t="s">
        <v>40</v>
      </c>
      <c r="R9528" s="5" t="s">
        <v>25301</v>
      </c>
      <c r="S9528" s="5" t="s">
        <v>40</v>
      </c>
      <c r="T9528" s="5" t="s">
        <v>42</v>
      </c>
      <c r="U9528" s="2">
        <v>13.61</v>
      </c>
      <c r="V9528" s="2">
        <v>11.193</v>
      </c>
      <c r="W9528" s="2">
        <v>0.13600000000000001</v>
      </c>
      <c r="X9528" s="2">
        <v>12</v>
      </c>
      <c r="Y9528" s="2">
        <v>50</v>
      </c>
      <c r="Z9528" s="2">
        <v>227.4</v>
      </c>
      <c r="AA9528" s="5">
        <v>10</v>
      </c>
      <c r="AB9528" s="5" t="s">
        <v>43</v>
      </c>
      <c r="AC9528" s="5" t="s">
        <v>44</v>
      </c>
      <c r="AD9528" s="2" t="s">
        <v>28897</v>
      </c>
      <c r="AE9528" s="1"/>
    </row>
    <row r="9529" spans="1:31" ht="14.45">
      <c r="A9529" s="11"/>
      <c r="B9529" s="20"/>
      <c r="C9529" s="2" t="s">
        <v>29278</v>
      </c>
      <c r="D9529" s="14" t="s">
        <v>29279</v>
      </c>
      <c r="E9529" s="2" t="s">
        <v>29280</v>
      </c>
      <c r="F9529" s="2" t="s">
        <v>28959</v>
      </c>
      <c r="G9529" s="8">
        <v>439</v>
      </c>
      <c r="H9529" s="5">
        <v>20</v>
      </c>
      <c r="I9529" s="5" t="s">
        <v>69</v>
      </c>
      <c r="J9529" s="5" t="s">
        <v>27074</v>
      </c>
      <c r="K9529" s="2" t="s">
        <v>27075</v>
      </c>
      <c r="L9529" s="5" t="s">
        <v>27074</v>
      </c>
      <c r="M9529" s="2" t="s">
        <v>27075</v>
      </c>
      <c r="N9529" s="5" t="s">
        <v>24254</v>
      </c>
      <c r="O9529" s="5" t="s">
        <v>38</v>
      </c>
      <c r="P9529" s="5" t="s">
        <v>39</v>
      </c>
      <c r="Q9529" s="5" t="s">
        <v>40</v>
      </c>
      <c r="R9529" s="5" t="s">
        <v>25301</v>
      </c>
      <c r="S9529" s="5" t="s">
        <v>40</v>
      </c>
      <c r="T9529" s="5" t="s">
        <v>42</v>
      </c>
      <c r="U9529" s="2">
        <v>10.305</v>
      </c>
      <c r="V9529" s="2">
        <v>7.8879999999999999</v>
      </c>
      <c r="W9529" s="2">
        <v>0.13600000000000001</v>
      </c>
      <c r="X9529" s="2">
        <v>12</v>
      </c>
      <c r="Y9529" s="2">
        <v>50</v>
      </c>
      <c r="Z9529" s="2">
        <v>227.4</v>
      </c>
      <c r="AA9529" s="5">
        <v>10</v>
      </c>
      <c r="AB9529" s="5" t="s">
        <v>43</v>
      </c>
      <c r="AC9529" s="5" t="s">
        <v>44</v>
      </c>
      <c r="AD9529" s="2" t="s">
        <v>28897</v>
      </c>
      <c r="AE9529" s="1"/>
    </row>
    <row r="9530" spans="1:31" ht="14.45">
      <c r="A9530" s="11"/>
      <c r="B9530" s="20"/>
      <c r="C9530" s="2" t="s">
        <v>29281</v>
      </c>
      <c r="D9530" s="14" t="s">
        <v>29282</v>
      </c>
      <c r="E9530" s="2" t="s">
        <v>29283</v>
      </c>
      <c r="F9530" s="2" t="s">
        <v>28901</v>
      </c>
      <c r="G9530" s="8">
        <v>439</v>
      </c>
      <c r="H9530" s="5">
        <v>20</v>
      </c>
      <c r="I9530" s="5" t="s">
        <v>69</v>
      </c>
      <c r="J9530" s="5" t="s">
        <v>27074</v>
      </c>
      <c r="K9530" s="2" t="s">
        <v>27075</v>
      </c>
      <c r="L9530" s="5" t="s">
        <v>27074</v>
      </c>
      <c r="M9530" s="2" t="s">
        <v>27075</v>
      </c>
      <c r="N9530" s="5" t="s">
        <v>24254</v>
      </c>
      <c r="O9530" s="5" t="s">
        <v>38</v>
      </c>
      <c r="P9530" s="5" t="s">
        <v>39</v>
      </c>
      <c r="Q9530" s="5" t="s">
        <v>40</v>
      </c>
      <c r="R9530" s="5" t="s">
        <v>25301</v>
      </c>
      <c r="S9530" s="5" t="s">
        <v>40</v>
      </c>
      <c r="T9530" s="5" t="s">
        <v>42</v>
      </c>
      <c r="U9530" s="2">
        <v>9.8109999999999999</v>
      </c>
      <c r="V9530" s="2">
        <v>7.3940000000000001</v>
      </c>
      <c r="W9530" s="2">
        <v>0.13600000000000001</v>
      </c>
      <c r="X9530" s="2">
        <v>12</v>
      </c>
      <c r="Y9530" s="2">
        <v>50</v>
      </c>
      <c r="Z9530" s="2">
        <v>227.4</v>
      </c>
      <c r="AA9530" s="5">
        <v>10</v>
      </c>
      <c r="AB9530" s="5" t="s">
        <v>43</v>
      </c>
      <c r="AC9530" s="5" t="s">
        <v>44</v>
      </c>
      <c r="AD9530" s="2" t="s">
        <v>28907</v>
      </c>
      <c r="AE9530" s="1"/>
    </row>
    <row r="9531" spans="1:31" ht="14.45">
      <c r="A9531" s="11"/>
      <c r="B9531" s="20"/>
      <c r="C9531" s="2" t="s">
        <v>29284</v>
      </c>
      <c r="D9531" s="14" t="s">
        <v>29285</v>
      </c>
      <c r="E9531" s="2" t="s">
        <v>29286</v>
      </c>
      <c r="F9531" s="2" t="s">
        <v>28901</v>
      </c>
      <c r="G9531" s="8">
        <v>439</v>
      </c>
      <c r="H9531" s="5">
        <v>20</v>
      </c>
      <c r="I9531" s="5" t="s">
        <v>69</v>
      </c>
      <c r="J9531" s="5" t="s">
        <v>27074</v>
      </c>
      <c r="K9531" s="2" t="s">
        <v>27075</v>
      </c>
      <c r="L9531" s="5" t="s">
        <v>27074</v>
      </c>
      <c r="M9531" s="2" t="s">
        <v>27075</v>
      </c>
      <c r="N9531" s="5" t="s">
        <v>24254</v>
      </c>
      <c r="O9531" s="5" t="s">
        <v>38</v>
      </c>
      <c r="P9531" s="5" t="s">
        <v>39</v>
      </c>
      <c r="Q9531" s="5" t="s">
        <v>40</v>
      </c>
      <c r="R9531" s="5" t="s">
        <v>25301</v>
      </c>
      <c r="S9531" s="5" t="s">
        <v>40</v>
      </c>
      <c r="T9531" s="5" t="s">
        <v>42</v>
      </c>
      <c r="U9531" s="2">
        <v>10.409000000000001</v>
      </c>
      <c r="V9531" s="2">
        <v>7.992</v>
      </c>
      <c r="W9531" s="2">
        <v>0.13600000000000001</v>
      </c>
      <c r="X9531" s="2">
        <v>12</v>
      </c>
      <c r="Y9531" s="2">
        <v>50</v>
      </c>
      <c r="Z9531" s="2">
        <v>227.4</v>
      </c>
      <c r="AA9531" s="5">
        <v>10</v>
      </c>
      <c r="AB9531" s="5" t="s">
        <v>43</v>
      </c>
      <c r="AC9531" s="5" t="s">
        <v>44</v>
      </c>
      <c r="AD9531" s="2" t="s">
        <v>28902</v>
      </c>
      <c r="AE9531" s="1"/>
    </row>
    <row r="9532" spans="1:31" ht="14.45">
      <c r="A9532" s="11"/>
      <c r="B9532" s="20"/>
      <c r="C9532" s="2" t="s">
        <v>29287</v>
      </c>
      <c r="D9532" s="14" t="s">
        <v>29288</v>
      </c>
      <c r="E9532" s="2" t="s">
        <v>29289</v>
      </c>
      <c r="F9532" s="2" t="s">
        <v>28911</v>
      </c>
      <c r="G9532" s="8">
        <v>1232</v>
      </c>
      <c r="H9532" s="5">
        <v>20</v>
      </c>
      <c r="I9532" s="5" t="s">
        <v>69</v>
      </c>
      <c r="J9532" s="5" t="s">
        <v>27074</v>
      </c>
      <c r="K9532" s="2" t="s">
        <v>27075</v>
      </c>
      <c r="L9532" s="5" t="s">
        <v>27074</v>
      </c>
      <c r="M9532" s="2" t="s">
        <v>27075</v>
      </c>
      <c r="N9532" s="5" t="s">
        <v>24254</v>
      </c>
      <c r="O9532" s="5" t="s">
        <v>38</v>
      </c>
      <c r="P9532" s="5" t="s">
        <v>39</v>
      </c>
      <c r="Q9532" s="5" t="s">
        <v>40</v>
      </c>
      <c r="R9532" s="5" t="s">
        <v>1487</v>
      </c>
      <c r="S9532" s="5"/>
      <c r="T9532" s="5" t="s">
        <v>42</v>
      </c>
      <c r="U9532" s="2">
        <v>0</v>
      </c>
      <c r="V9532" s="2">
        <v>0</v>
      </c>
      <c r="W9532" s="2">
        <v>0</v>
      </c>
      <c r="X9532" s="2">
        <v>0</v>
      </c>
      <c r="Y9532" s="2">
        <v>0</v>
      </c>
      <c r="Z9532" s="2">
        <v>0</v>
      </c>
      <c r="AA9532" s="5"/>
      <c r="AB9532" s="5" t="s">
        <v>43</v>
      </c>
      <c r="AC9532" s="5" t="s">
        <v>44</v>
      </c>
      <c r="AD9532" s="2"/>
      <c r="AE9532" s="1"/>
    </row>
    <row r="9533" spans="1:31" ht="14.45">
      <c r="A9533" s="11"/>
      <c r="B9533" s="20"/>
      <c r="C9533" s="2" t="s">
        <v>29290</v>
      </c>
      <c r="D9533" s="14" t="s">
        <v>29291</v>
      </c>
      <c r="E9533" s="2" t="s">
        <v>29292</v>
      </c>
      <c r="F9533" s="2" t="s">
        <v>28915</v>
      </c>
      <c r="G9533" s="8">
        <v>1232</v>
      </c>
      <c r="H9533" s="5">
        <v>20</v>
      </c>
      <c r="I9533" s="5" t="s">
        <v>69</v>
      </c>
      <c r="J9533" s="5" t="s">
        <v>27074</v>
      </c>
      <c r="K9533" s="2" t="s">
        <v>27075</v>
      </c>
      <c r="L9533" s="5" t="s">
        <v>27074</v>
      </c>
      <c r="M9533" s="2" t="s">
        <v>27075</v>
      </c>
      <c r="N9533" s="5" t="s">
        <v>24254</v>
      </c>
      <c r="O9533" s="5" t="s">
        <v>38</v>
      </c>
      <c r="P9533" s="5" t="s">
        <v>39</v>
      </c>
      <c r="Q9533" s="5" t="s">
        <v>40</v>
      </c>
      <c r="R9533" s="5" t="s">
        <v>1487</v>
      </c>
      <c r="S9533" s="5"/>
      <c r="T9533" s="5" t="s">
        <v>42</v>
      </c>
      <c r="U9533" s="2">
        <v>0</v>
      </c>
      <c r="V9533" s="2">
        <v>0</v>
      </c>
      <c r="W9533" s="2">
        <v>0</v>
      </c>
      <c r="X9533" s="2">
        <v>0</v>
      </c>
      <c r="Y9533" s="2">
        <v>0</v>
      </c>
      <c r="Z9533" s="2">
        <v>0</v>
      </c>
      <c r="AA9533" s="5"/>
      <c r="AB9533" s="5" t="s">
        <v>43</v>
      </c>
      <c r="AC9533" s="5" t="s">
        <v>44</v>
      </c>
      <c r="AD9533" s="2"/>
      <c r="AE9533" s="1"/>
    </row>
    <row r="9534" spans="1:31" ht="14.45">
      <c r="A9534" s="11"/>
      <c r="B9534" s="20"/>
      <c r="C9534" s="2" t="s">
        <v>29293</v>
      </c>
      <c r="D9534" s="14" t="s">
        <v>29294</v>
      </c>
      <c r="E9534" s="2" t="s">
        <v>29295</v>
      </c>
      <c r="F9534" s="2" t="s">
        <v>28919</v>
      </c>
      <c r="G9534" s="8">
        <v>1232</v>
      </c>
      <c r="H9534" s="5">
        <v>20</v>
      </c>
      <c r="I9534" s="5" t="s">
        <v>69</v>
      </c>
      <c r="J9534" s="5" t="s">
        <v>27074</v>
      </c>
      <c r="K9534" s="2" t="s">
        <v>27075</v>
      </c>
      <c r="L9534" s="5" t="s">
        <v>27074</v>
      </c>
      <c r="M9534" s="2" t="s">
        <v>27075</v>
      </c>
      <c r="N9534" s="5" t="s">
        <v>24254</v>
      </c>
      <c r="O9534" s="5" t="s">
        <v>38</v>
      </c>
      <c r="P9534" s="5" t="s">
        <v>39</v>
      </c>
      <c r="Q9534" s="5" t="s">
        <v>40</v>
      </c>
      <c r="R9534" s="5" t="s">
        <v>1487</v>
      </c>
      <c r="S9534" s="5"/>
      <c r="T9534" s="5" t="s">
        <v>42</v>
      </c>
      <c r="U9534" s="2">
        <v>0</v>
      </c>
      <c r="V9534" s="2">
        <v>0</v>
      </c>
      <c r="W9534" s="2">
        <v>0</v>
      </c>
      <c r="X9534" s="2">
        <v>0</v>
      </c>
      <c r="Y9534" s="2">
        <v>0</v>
      </c>
      <c r="Z9534" s="2">
        <v>0</v>
      </c>
      <c r="AA9534" s="5"/>
      <c r="AB9534" s="5" t="s">
        <v>43</v>
      </c>
      <c r="AC9534" s="5" t="s">
        <v>44</v>
      </c>
      <c r="AD9534" s="2"/>
      <c r="AE9534" s="1"/>
    </row>
    <row r="9535" spans="1:31" ht="14.45">
      <c r="A9535" s="11"/>
      <c r="B9535" s="20"/>
      <c r="C9535" s="2" t="s">
        <v>29296</v>
      </c>
      <c r="D9535" s="14" t="s">
        <v>29297</v>
      </c>
      <c r="E9535" s="2" t="s">
        <v>29298</v>
      </c>
      <c r="F9535" s="2" t="s">
        <v>28923</v>
      </c>
      <c r="G9535" s="8">
        <v>1232</v>
      </c>
      <c r="H9535" s="5">
        <v>20</v>
      </c>
      <c r="I9535" s="5" t="s">
        <v>69</v>
      </c>
      <c r="J9535" s="5" t="s">
        <v>27074</v>
      </c>
      <c r="K9535" s="2" t="s">
        <v>27075</v>
      </c>
      <c r="L9535" s="5" t="s">
        <v>27074</v>
      </c>
      <c r="M9535" s="2" t="s">
        <v>27075</v>
      </c>
      <c r="N9535" s="5" t="s">
        <v>24254</v>
      </c>
      <c r="O9535" s="5" t="s">
        <v>38</v>
      </c>
      <c r="P9535" s="5" t="s">
        <v>39</v>
      </c>
      <c r="Q9535" s="5" t="s">
        <v>40</v>
      </c>
      <c r="R9535" s="5" t="s">
        <v>1487</v>
      </c>
      <c r="S9535" s="5"/>
      <c r="T9535" s="5" t="s">
        <v>42</v>
      </c>
      <c r="U9535" s="2">
        <v>0</v>
      </c>
      <c r="V9535" s="2">
        <v>0</v>
      </c>
      <c r="W9535" s="2">
        <v>0</v>
      </c>
      <c r="X9535" s="2">
        <v>0</v>
      </c>
      <c r="Y9535" s="2">
        <v>0</v>
      </c>
      <c r="Z9535" s="2">
        <v>0</v>
      </c>
      <c r="AA9535" s="5"/>
      <c r="AB9535" s="5" t="s">
        <v>43</v>
      </c>
      <c r="AC9535" s="5" t="s">
        <v>44</v>
      </c>
      <c r="AD9535" s="2"/>
      <c r="AE9535" s="1"/>
    </row>
    <row r="9536" spans="1:31" ht="14.45">
      <c r="A9536" s="11"/>
      <c r="B9536" s="20"/>
      <c r="C9536" s="2" t="s">
        <v>29299</v>
      </c>
      <c r="D9536" s="14" t="s">
        <v>29300</v>
      </c>
      <c r="E9536" s="2" t="s">
        <v>29301</v>
      </c>
      <c r="F9536" s="2" t="s">
        <v>28936</v>
      </c>
      <c r="G9536" s="8">
        <v>425</v>
      </c>
      <c r="H9536" s="5">
        <v>20</v>
      </c>
      <c r="I9536" s="5" t="s">
        <v>69</v>
      </c>
      <c r="J9536" s="5" t="s">
        <v>27074</v>
      </c>
      <c r="K9536" s="2" t="s">
        <v>27075</v>
      </c>
      <c r="L9536" s="5" t="s">
        <v>27074</v>
      </c>
      <c r="M9536" s="2" t="s">
        <v>27075</v>
      </c>
      <c r="N9536" s="5" t="s">
        <v>24254</v>
      </c>
      <c r="O9536" s="5" t="s">
        <v>38</v>
      </c>
      <c r="P9536" s="5" t="s">
        <v>39</v>
      </c>
      <c r="Q9536" s="5" t="s">
        <v>40</v>
      </c>
      <c r="R9536" s="5" t="s">
        <v>24340</v>
      </c>
      <c r="S9536" s="5" t="s">
        <v>40</v>
      </c>
      <c r="T9536" s="5" t="s">
        <v>42</v>
      </c>
      <c r="U9536" s="2">
        <v>11.278</v>
      </c>
      <c r="V9536" s="2">
        <v>9.6549999999999994</v>
      </c>
      <c r="W9536" s="2">
        <v>9.2999999999999999E-2</v>
      </c>
      <c r="X9536" s="2">
        <v>12</v>
      </c>
      <c r="Y9536" s="2">
        <v>50</v>
      </c>
      <c r="Z9536" s="2">
        <v>154.4</v>
      </c>
      <c r="AA9536" s="5">
        <v>8</v>
      </c>
      <c r="AB9536" s="5" t="s">
        <v>43</v>
      </c>
      <c r="AC9536" s="5" t="s">
        <v>44</v>
      </c>
      <c r="AD9536" s="2" t="s">
        <v>28928</v>
      </c>
      <c r="AE9536" s="1"/>
    </row>
    <row r="9537" spans="1:31" ht="14.45">
      <c r="A9537" s="11"/>
      <c r="B9537" s="20"/>
      <c r="C9537" s="2" t="s">
        <v>29302</v>
      </c>
      <c r="D9537" s="14" t="s">
        <v>29303</v>
      </c>
      <c r="E9537" s="2" t="s">
        <v>29304</v>
      </c>
      <c r="F9537" s="2" t="s">
        <v>28887</v>
      </c>
      <c r="G9537" s="8">
        <v>425</v>
      </c>
      <c r="H9537" s="5">
        <v>20</v>
      </c>
      <c r="I9537" s="5" t="s">
        <v>69</v>
      </c>
      <c r="J9537" s="5" t="s">
        <v>27074</v>
      </c>
      <c r="K9537" s="2" t="s">
        <v>27075</v>
      </c>
      <c r="L9537" s="5" t="s">
        <v>27074</v>
      </c>
      <c r="M9537" s="2" t="s">
        <v>27075</v>
      </c>
      <c r="N9537" s="5" t="s">
        <v>24254</v>
      </c>
      <c r="O9537" s="5" t="s">
        <v>38</v>
      </c>
      <c r="P9537" s="5" t="s">
        <v>39</v>
      </c>
      <c r="Q9537" s="5" t="s">
        <v>40</v>
      </c>
      <c r="R9537" s="5" t="s">
        <v>25301</v>
      </c>
      <c r="S9537" s="5" t="s">
        <v>40</v>
      </c>
      <c r="T9537" s="5" t="s">
        <v>42</v>
      </c>
      <c r="U9537" s="2">
        <v>14.163</v>
      </c>
      <c r="V9537" s="2">
        <v>12.506</v>
      </c>
      <c r="W9537" s="2">
        <v>9.2999999999999999E-2</v>
      </c>
      <c r="X9537" s="2">
        <v>12</v>
      </c>
      <c r="Y9537" s="2">
        <v>50</v>
      </c>
      <c r="Z9537" s="2">
        <v>154.4</v>
      </c>
      <c r="AA9537" s="5">
        <v>8</v>
      </c>
      <c r="AB9537" s="5" t="s">
        <v>43</v>
      </c>
      <c r="AC9537" s="5" t="s">
        <v>44</v>
      </c>
      <c r="AD9537" s="2" t="s">
        <v>28888</v>
      </c>
      <c r="AE9537" s="1"/>
    </row>
    <row r="9538" spans="1:31" ht="14.45">
      <c r="A9538" s="11"/>
      <c r="B9538" s="20"/>
      <c r="C9538" s="2" t="s">
        <v>29305</v>
      </c>
      <c r="D9538" s="14" t="s">
        <v>29306</v>
      </c>
      <c r="E9538" s="2" t="s">
        <v>29307</v>
      </c>
      <c r="F9538" s="2" t="s">
        <v>28948</v>
      </c>
      <c r="G9538" s="8">
        <v>425</v>
      </c>
      <c r="H9538" s="5">
        <v>20</v>
      </c>
      <c r="I9538" s="5" t="s">
        <v>69</v>
      </c>
      <c r="J9538" s="5" t="s">
        <v>27074</v>
      </c>
      <c r="K9538" s="2" t="s">
        <v>27075</v>
      </c>
      <c r="L9538" s="5" t="s">
        <v>27074</v>
      </c>
      <c r="M9538" s="2" t="s">
        <v>27075</v>
      </c>
      <c r="N9538" s="5" t="s">
        <v>24254</v>
      </c>
      <c r="O9538" s="5" t="s">
        <v>38</v>
      </c>
      <c r="P9538" s="5" t="s">
        <v>39</v>
      </c>
      <c r="Q9538" s="5" t="s">
        <v>40</v>
      </c>
      <c r="R9538" s="5" t="s">
        <v>25301</v>
      </c>
      <c r="S9538" s="5" t="s">
        <v>40</v>
      </c>
      <c r="T9538" s="5" t="s">
        <v>42</v>
      </c>
      <c r="U9538" s="2">
        <v>10.833</v>
      </c>
      <c r="V9538" s="2">
        <v>9.1760000000000002</v>
      </c>
      <c r="W9538" s="2">
        <v>9.2999999999999999E-2</v>
      </c>
      <c r="X9538" s="2">
        <v>12</v>
      </c>
      <c r="Y9538" s="2">
        <v>50</v>
      </c>
      <c r="Z9538" s="2">
        <v>154.4</v>
      </c>
      <c r="AA9538" s="5">
        <v>8</v>
      </c>
      <c r="AB9538" s="5" t="s">
        <v>43</v>
      </c>
      <c r="AC9538" s="5" t="s">
        <v>44</v>
      </c>
      <c r="AD9538" s="2" t="s">
        <v>28888</v>
      </c>
      <c r="AE9538" s="1"/>
    </row>
    <row r="9539" spans="1:31" ht="14.45">
      <c r="A9539" s="11"/>
      <c r="B9539" s="20"/>
      <c r="C9539" s="2" t="s">
        <v>29308</v>
      </c>
      <c r="D9539" s="14" t="s">
        <v>29309</v>
      </c>
      <c r="E9539" s="2" t="s">
        <v>29310</v>
      </c>
      <c r="F9539" s="2" t="s">
        <v>28892</v>
      </c>
      <c r="G9539" s="8">
        <v>425</v>
      </c>
      <c r="H9539" s="5">
        <v>20</v>
      </c>
      <c r="I9539" s="5" t="s">
        <v>69</v>
      </c>
      <c r="J9539" s="5" t="s">
        <v>27074</v>
      </c>
      <c r="K9539" s="2" t="s">
        <v>27075</v>
      </c>
      <c r="L9539" s="5" t="s">
        <v>27074</v>
      </c>
      <c r="M9539" s="2" t="s">
        <v>27075</v>
      </c>
      <c r="N9539" s="5" t="s">
        <v>24254</v>
      </c>
      <c r="O9539" s="5" t="s">
        <v>38</v>
      </c>
      <c r="P9539" s="5" t="s">
        <v>39</v>
      </c>
      <c r="Q9539" s="5" t="s">
        <v>40</v>
      </c>
      <c r="R9539" s="5" t="s">
        <v>25301</v>
      </c>
      <c r="S9539" s="5" t="s">
        <v>40</v>
      </c>
      <c r="T9539" s="5" t="s">
        <v>42</v>
      </c>
      <c r="U9539" s="2">
        <v>10.201000000000001</v>
      </c>
      <c r="V9539" s="2">
        <v>8.5779999999999994</v>
      </c>
      <c r="W9539" s="2">
        <v>9.2999999999999999E-2</v>
      </c>
      <c r="X9539" s="2">
        <v>12</v>
      </c>
      <c r="Y9539" s="2">
        <v>50</v>
      </c>
      <c r="Z9539" s="2">
        <v>154.4</v>
      </c>
      <c r="AA9539" s="5">
        <v>8</v>
      </c>
      <c r="AB9539" s="5" t="s">
        <v>43</v>
      </c>
      <c r="AC9539" s="5" t="s">
        <v>44</v>
      </c>
      <c r="AD9539" s="2" t="s">
        <v>28888</v>
      </c>
      <c r="AE9539" s="1"/>
    </row>
    <row r="9540" spans="1:31" ht="14.45">
      <c r="A9540" s="11"/>
      <c r="B9540" s="20"/>
      <c r="C9540" s="2" t="s">
        <v>29311</v>
      </c>
      <c r="D9540" s="14" t="s">
        <v>29312</v>
      </c>
      <c r="E9540" s="2" t="s">
        <v>29313</v>
      </c>
      <c r="F9540" s="2" t="s">
        <v>28896</v>
      </c>
      <c r="G9540" s="8">
        <v>425</v>
      </c>
      <c r="H9540" s="5">
        <v>20</v>
      </c>
      <c r="I9540" s="5" t="s">
        <v>69</v>
      </c>
      <c r="J9540" s="5" t="s">
        <v>27074</v>
      </c>
      <c r="K9540" s="2" t="s">
        <v>27075</v>
      </c>
      <c r="L9540" s="5" t="s">
        <v>27074</v>
      </c>
      <c r="M9540" s="2" t="s">
        <v>27075</v>
      </c>
      <c r="N9540" s="5" t="s">
        <v>24254</v>
      </c>
      <c r="O9540" s="5" t="s">
        <v>38</v>
      </c>
      <c r="P9540" s="5" t="s">
        <v>39</v>
      </c>
      <c r="Q9540" s="5" t="s">
        <v>40</v>
      </c>
      <c r="R9540" s="5" t="s">
        <v>25301</v>
      </c>
      <c r="S9540" s="5" t="s">
        <v>40</v>
      </c>
      <c r="T9540" s="5" t="s">
        <v>42</v>
      </c>
      <c r="U9540" s="2">
        <v>10.468</v>
      </c>
      <c r="V9540" s="2">
        <v>8.8450000000000006</v>
      </c>
      <c r="W9540" s="2">
        <v>9.2999999999999999E-2</v>
      </c>
      <c r="X9540" s="2">
        <v>12</v>
      </c>
      <c r="Y9540" s="2">
        <v>50</v>
      </c>
      <c r="Z9540" s="2">
        <v>154.4</v>
      </c>
      <c r="AA9540" s="5">
        <v>10</v>
      </c>
      <c r="AB9540" s="5" t="s">
        <v>43</v>
      </c>
      <c r="AC9540" s="5" t="s">
        <v>44</v>
      </c>
      <c r="AD9540" s="2" t="s">
        <v>28955</v>
      </c>
      <c r="AE9540" s="1"/>
    </row>
    <row r="9541" spans="1:31" ht="14.45">
      <c r="A9541" s="11"/>
      <c r="B9541" s="20"/>
      <c r="C9541" s="2" t="s">
        <v>29314</v>
      </c>
      <c r="D9541" s="14" t="s">
        <v>29315</v>
      </c>
      <c r="E9541" s="2" t="s">
        <v>29316</v>
      </c>
      <c r="F9541" s="2" t="s">
        <v>28901</v>
      </c>
      <c r="G9541" s="8">
        <v>425</v>
      </c>
      <c r="H9541" s="5">
        <v>20</v>
      </c>
      <c r="I9541" s="5" t="s">
        <v>69</v>
      </c>
      <c r="J9541" s="5" t="s">
        <v>27074</v>
      </c>
      <c r="K9541" s="2" t="s">
        <v>27075</v>
      </c>
      <c r="L9541" s="5" t="s">
        <v>27074</v>
      </c>
      <c r="M9541" s="2" t="s">
        <v>27075</v>
      </c>
      <c r="N9541" s="5" t="s">
        <v>24254</v>
      </c>
      <c r="O9541" s="5" t="s">
        <v>38</v>
      </c>
      <c r="P9541" s="5" t="s">
        <v>39</v>
      </c>
      <c r="Q9541" s="5" t="s">
        <v>40</v>
      </c>
      <c r="R9541" s="5" t="s">
        <v>25301</v>
      </c>
      <c r="S9541" s="5" t="s">
        <v>40</v>
      </c>
      <c r="T9541" s="5" t="s">
        <v>42</v>
      </c>
      <c r="U9541" s="2">
        <v>7.9450000000000003</v>
      </c>
      <c r="V9541" s="2">
        <v>6.3220000000000001</v>
      </c>
      <c r="W9541" s="2">
        <v>9.2999999999999999E-2</v>
      </c>
      <c r="X9541" s="2">
        <v>12</v>
      </c>
      <c r="Y9541" s="2">
        <v>50</v>
      </c>
      <c r="Z9541" s="2">
        <v>154.4</v>
      </c>
      <c r="AA9541" s="5">
        <v>10</v>
      </c>
      <c r="AB9541" s="5" t="s">
        <v>43</v>
      </c>
      <c r="AC9541" s="5" t="s">
        <v>44</v>
      </c>
      <c r="AD9541" s="2" t="s">
        <v>28907</v>
      </c>
      <c r="AE9541" s="1"/>
    </row>
    <row r="9542" spans="1:31" ht="14.45">
      <c r="A9542" s="11"/>
      <c r="B9542" s="20"/>
      <c r="C9542" s="2" t="s">
        <v>29317</v>
      </c>
      <c r="D9542" s="14" t="s">
        <v>29318</v>
      </c>
      <c r="E9542" s="2" t="s">
        <v>29319</v>
      </c>
      <c r="F9542" s="2" t="s">
        <v>28906</v>
      </c>
      <c r="G9542" s="8">
        <v>425</v>
      </c>
      <c r="H9542" s="5">
        <v>20</v>
      </c>
      <c r="I9542" s="5" t="s">
        <v>69</v>
      </c>
      <c r="J9542" s="5" t="s">
        <v>27074</v>
      </c>
      <c r="K9542" s="2" t="s">
        <v>27075</v>
      </c>
      <c r="L9542" s="5" t="s">
        <v>27074</v>
      </c>
      <c r="M9542" s="2" t="s">
        <v>27075</v>
      </c>
      <c r="N9542" s="5" t="s">
        <v>24254</v>
      </c>
      <c r="O9542" s="5" t="s">
        <v>38</v>
      </c>
      <c r="P9542" s="5" t="s">
        <v>39</v>
      </c>
      <c r="Q9542" s="5" t="s">
        <v>40</v>
      </c>
      <c r="R9542" s="5" t="s">
        <v>25301</v>
      </c>
      <c r="S9542" s="5" t="s">
        <v>40</v>
      </c>
      <c r="T9542" s="5" t="s">
        <v>42</v>
      </c>
      <c r="U9542" s="2">
        <v>9.923</v>
      </c>
      <c r="V9542" s="2">
        <v>8.3000000000000007</v>
      </c>
      <c r="W9542" s="2">
        <v>9.2999999999999999E-2</v>
      </c>
      <c r="X9542" s="2">
        <v>12</v>
      </c>
      <c r="Y9542" s="2">
        <v>50</v>
      </c>
      <c r="Z9542" s="2">
        <v>154.4</v>
      </c>
      <c r="AA9542" s="5">
        <v>10</v>
      </c>
      <c r="AB9542" s="5" t="s">
        <v>43</v>
      </c>
      <c r="AC9542" s="5" t="s">
        <v>44</v>
      </c>
      <c r="AD9542" s="2" t="s">
        <v>28907</v>
      </c>
      <c r="AE9542" s="1"/>
    </row>
    <row r="9543" spans="1:31" ht="14.45">
      <c r="A9543" s="11"/>
      <c r="B9543" s="20"/>
      <c r="C9543" s="2" t="s">
        <v>29320</v>
      </c>
      <c r="D9543" s="14" t="s">
        <v>29321</v>
      </c>
      <c r="E9543" s="2" t="s">
        <v>29322</v>
      </c>
      <c r="F9543" s="2" t="s">
        <v>28911</v>
      </c>
      <c r="G9543" s="8">
        <v>1199</v>
      </c>
      <c r="H9543" s="5">
        <v>20</v>
      </c>
      <c r="I9543" s="5" t="s">
        <v>69</v>
      </c>
      <c r="J9543" s="5" t="s">
        <v>27074</v>
      </c>
      <c r="K9543" s="2" t="s">
        <v>27075</v>
      </c>
      <c r="L9543" s="5" t="s">
        <v>27074</v>
      </c>
      <c r="M9543" s="2" t="s">
        <v>27075</v>
      </c>
      <c r="N9543" s="5" t="s">
        <v>24254</v>
      </c>
      <c r="O9543" s="5" t="s">
        <v>38</v>
      </c>
      <c r="P9543" s="5" t="s">
        <v>39</v>
      </c>
      <c r="Q9543" s="5" t="s">
        <v>40</v>
      </c>
      <c r="R9543" s="5" t="s">
        <v>1487</v>
      </c>
      <c r="S9543" s="5"/>
      <c r="T9543" s="5" t="s">
        <v>42</v>
      </c>
      <c r="U9543" s="2">
        <v>0</v>
      </c>
      <c r="V9543" s="2">
        <v>0</v>
      </c>
      <c r="W9543" s="2">
        <v>0</v>
      </c>
      <c r="X9543" s="2">
        <v>0</v>
      </c>
      <c r="Y9543" s="2">
        <v>0</v>
      </c>
      <c r="Z9543" s="2">
        <v>0</v>
      </c>
      <c r="AA9543" s="5"/>
      <c r="AB9543" s="5" t="s">
        <v>43</v>
      </c>
      <c r="AC9543" s="5" t="s">
        <v>44</v>
      </c>
      <c r="AD9543" s="2"/>
      <c r="AE9543" s="1"/>
    </row>
    <row r="9544" spans="1:31" ht="14.45">
      <c r="A9544" s="11"/>
      <c r="B9544" s="20"/>
      <c r="C9544" s="2" t="s">
        <v>29323</v>
      </c>
      <c r="D9544" s="14" t="s">
        <v>29324</v>
      </c>
      <c r="E9544" s="2" t="s">
        <v>29325</v>
      </c>
      <c r="F9544" s="2" t="s">
        <v>28915</v>
      </c>
      <c r="G9544" s="8">
        <v>1199</v>
      </c>
      <c r="H9544" s="5">
        <v>20</v>
      </c>
      <c r="I9544" s="5" t="s">
        <v>69</v>
      </c>
      <c r="J9544" s="5" t="s">
        <v>27074</v>
      </c>
      <c r="K9544" s="2" t="s">
        <v>27075</v>
      </c>
      <c r="L9544" s="5" t="s">
        <v>27074</v>
      </c>
      <c r="M9544" s="2" t="s">
        <v>27075</v>
      </c>
      <c r="N9544" s="5" t="s">
        <v>24254</v>
      </c>
      <c r="O9544" s="5" t="s">
        <v>38</v>
      </c>
      <c r="P9544" s="5" t="s">
        <v>39</v>
      </c>
      <c r="Q9544" s="5" t="s">
        <v>40</v>
      </c>
      <c r="R9544" s="5" t="s">
        <v>1487</v>
      </c>
      <c r="S9544" s="5"/>
      <c r="T9544" s="5" t="s">
        <v>42</v>
      </c>
      <c r="U9544" s="2">
        <v>0</v>
      </c>
      <c r="V9544" s="2">
        <v>0</v>
      </c>
      <c r="W9544" s="2">
        <v>0</v>
      </c>
      <c r="X9544" s="2">
        <v>0</v>
      </c>
      <c r="Y9544" s="2">
        <v>0</v>
      </c>
      <c r="Z9544" s="2">
        <v>0</v>
      </c>
      <c r="AA9544" s="5"/>
      <c r="AB9544" s="5" t="s">
        <v>43</v>
      </c>
      <c r="AC9544" s="5" t="s">
        <v>44</v>
      </c>
      <c r="AD9544" s="2"/>
      <c r="AE9544" s="1"/>
    </row>
    <row r="9545" spans="1:31" ht="14.45">
      <c r="A9545" s="11"/>
      <c r="B9545" s="20"/>
      <c r="C9545" s="2" t="s">
        <v>29326</v>
      </c>
      <c r="D9545" s="14" t="s">
        <v>29327</v>
      </c>
      <c r="E9545" s="2" t="s">
        <v>29328</v>
      </c>
      <c r="F9545" s="2" t="s">
        <v>28919</v>
      </c>
      <c r="G9545" s="8">
        <v>1199</v>
      </c>
      <c r="H9545" s="5">
        <v>20</v>
      </c>
      <c r="I9545" s="5" t="s">
        <v>69</v>
      </c>
      <c r="J9545" s="5" t="s">
        <v>27074</v>
      </c>
      <c r="K9545" s="2" t="s">
        <v>27075</v>
      </c>
      <c r="L9545" s="5" t="s">
        <v>27074</v>
      </c>
      <c r="M9545" s="2" t="s">
        <v>27075</v>
      </c>
      <c r="N9545" s="5" t="s">
        <v>24254</v>
      </c>
      <c r="O9545" s="5" t="s">
        <v>38</v>
      </c>
      <c r="P9545" s="5" t="s">
        <v>39</v>
      </c>
      <c r="Q9545" s="5" t="s">
        <v>40</v>
      </c>
      <c r="R9545" s="5" t="s">
        <v>1487</v>
      </c>
      <c r="S9545" s="5"/>
      <c r="T9545" s="5" t="s">
        <v>42</v>
      </c>
      <c r="U9545" s="2">
        <v>0</v>
      </c>
      <c r="V9545" s="2">
        <v>0</v>
      </c>
      <c r="W9545" s="2">
        <v>0</v>
      </c>
      <c r="X9545" s="2">
        <v>0</v>
      </c>
      <c r="Y9545" s="2">
        <v>0</v>
      </c>
      <c r="Z9545" s="2">
        <v>0</v>
      </c>
      <c r="AA9545" s="5"/>
      <c r="AB9545" s="5" t="s">
        <v>43</v>
      </c>
      <c r="AC9545" s="5" t="s">
        <v>44</v>
      </c>
      <c r="AD9545" s="2"/>
      <c r="AE9545" s="1"/>
    </row>
    <row r="9546" spans="1:31" ht="14.45">
      <c r="A9546" s="11"/>
      <c r="B9546" s="20"/>
      <c r="C9546" s="2" t="s">
        <v>29329</v>
      </c>
      <c r="D9546" s="14" t="s">
        <v>29330</v>
      </c>
      <c r="E9546" s="2" t="s">
        <v>29331</v>
      </c>
      <c r="F9546" s="2" t="s">
        <v>28923</v>
      </c>
      <c r="G9546" s="8">
        <v>1199</v>
      </c>
      <c r="H9546" s="5">
        <v>20</v>
      </c>
      <c r="I9546" s="5" t="s">
        <v>69</v>
      </c>
      <c r="J9546" s="5" t="s">
        <v>27074</v>
      </c>
      <c r="K9546" s="2" t="s">
        <v>27075</v>
      </c>
      <c r="L9546" s="5" t="s">
        <v>27074</v>
      </c>
      <c r="M9546" s="2" t="s">
        <v>27075</v>
      </c>
      <c r="N9546" s="5" t="s">
        <v>24254</v>
      </c>
      <c r="O9546" s="5" t="s">
        <v>38</v>
      </c>
      <c r="P9546" s="5" t="s">
        <v>39</v>
      </c>
      <c r="Q9546" s="5" t="s">
        <v>40</v>
      </c>
      <c r="R9546" s="5" t="s">
        <v>1487</v>
      </c>
      <c r="S9546" s="5"/>
      <c r="T9546" s="5" t="s">
        <v>42</v>
      </c>
      <c r="U9546" s="2">
        <v>0</v>
      </c>
      <c r="V9546" s="2">
        <v>0</v>
      </c>
      <c r="W9546" s="2">
        <v>0</v>
      </c>
      <c r="X9546" s="2">
        <v>0</v>
      </c>
      <c r="Y9546" s="2">
        <v>0</v>
      </c>
      <c r="Z9546" s="2">
        <v>0</v>
      </c>
      <c r="AA9546" s="5"/>
      <c r="AB9546" s="5" t="s">
        <v>43</v>
      </c>
      <c r="AC9546" s="5" t="s">
        <v>44</v>
      </c>
      <c r="AD9546" s="2"/>
      <c r="AE9546" s="1"/>
    </row>
    <row r="9547" spans="1:31" ht="14.45">
      <c r="A9547" s="11"/>
      <c r="B9547" s="20"/>
      <c r="C9547" s="2" t="s">
        <v>29332</v>
      </c>
      <c r="D9547" s="14" t="s">
        <v>29333</v>
      </c>
      <c r="E9547" s="2" t="s">
        <v>29334</v>
      </c>
      <c r="F9547" s="2" t="s">
        <v>28927</v>
      </c>
      <c r="G9547" s="8">
        <v>439</v>
      </c>
      <c r="H9547" s="5">
        <v>20</v>
      </c>
      <c r="I9547" s="5" t="s">
        <v>69</v>
      </c>
      <c r="J9547" s="5" t="s">
        <v>27074</v>
      </c>
      <c r="K9547" s="2" t="s">
        <v>27075</v>
      </c>
      <c r="L9547" s="5" t="s">
        <v>27074</v>
      </c>
      <c r="M9547" s="2" t="s">
        <v>27075</v>
      </c>
      <c r="N9547" s="5" t="s">
        <v>24254</v>
      </c>
      <c r="O9547" s="5" t="s">
        <v>38</v>
      </c>
      <c r="P9547" s="5" t="s">
        <v>39</v>
      </c>
      <c r="Q9547" s="5" t="s">
        <v>40</v>
      </c>
      <c r="R9547" s="5" t="s">
        <v>24340</v>
      </c>
      <c r="S9547" s="5" t="s">
        <v>40</v>
      </c>
      <c r="T9547" s="5" t="s">
        <v>42</v>
      </c>
      <c r="U9547" s="2">
        <v>17.388000000000002</v>
      </c>
      <c r="V9547" s="2">
        <v>15.391</v>
      </c>
      <c r="W9547" s="2">
        <v>0.11600000000000001</v>
      </c>
      <c r="X9547" s="2">
        <v>12</v>
      </c>
      <c r="Y9547" s="2">
        <v>50</v>
      </c>
      <c r="Z9547" s="2">
        <v>193.9</v>
      </c>
      <c r="AA9547" s="5">
        <v>8</v>
      </c>
      <c r="AB9547" s="5" t="s">
        <v>43</v>
      </c>
      <c r="AC9547" s="5" t="s">
        <v>44</v>
      </c>
      <c r="AD9547" s="2" t="s">
        <v>28928</v>
      </c>
      <c r="AE9547" s="1"/>
    </row>
    <row r="9548" spans="1:31" ht="14.45">
      <c r="A9548" s="11"/>
      <c r="B9548" s="20"/>
      <c r="C9548" s="2" t="s">
        <v>29335</v>
      </c>
      <c r="D9548" s="14" t="s">
        <v>29336</v>
      </c>
      <c r="E9548" s="2" t="s">
        <v>29337</v>
      </c>
      <c r="F9548" s="2" t="s">
        <v>28932</v>
      </c>
      <c r="G9548" s="8">
        <v>439</v>
      </c>
      <c r="H9548" s="5">
        <v>20</v>
      </c>
      <c r="I9548" s="5" t="s">
        <v>69</v>
      </c>
      <c r="J9548" s="5" t="s">
        <v>27074</v>
      </c>
      <c r="K9548" s="2" t="s">
        <v>27075</v>
      </c>
      <c r="L9548" s="5" t="s">
        <v>27074</v>
      </c>
      <c r="M9548" s="2" t="s">
        <v>27075</v>
      </c>
      <c r="N9548" s="5" t="s">
        <v>24254</v>
      </c>
      <c r="O9548" s="5" t="s">
        <v>38</v>
      </c>
      <c r="P9548" s="5" t="s">
        <v>39</v>
      </c>
      <c r="Q9548" s="5" t="s">
        <v>40</v>
      </c>
      <c r="R9548" s="5" t="s">
        <v>24340</v>
      </c>
      <c r="S9548" s="5" t="s">
        <v>40</v>
      </c>
      <c r="T9548" s="5" t="s">
        <v>42</v>
      </c>
      <c r="U9548" s="2">
        <v>13.351000000000001</v>
      </c>
      <c r="V9548" s="2">
        <v>11.353999999999999</v>
      </c>
      <c r="W9548" s="2">
        <v>0.11600000000000001</v>
      </c>
      <c r="X9548" s="2">
        <v>12</v>
      </c>
      <c r="Y9548" s="2">
        <v>50</v>
      </c>
      <c r="Z9548" s="2">
        <v>193.9</v>
      </c>
      <c r="AA9548" s="5">
        <v>8</v>
      </c>
      <c r="AB9548" s="5" t="s">
        <v>43</v>
      </c>
      <c r="AC9548" s="5" t="s">
        <v>44</v>
      </c>
      <c r="AD9548" s="2" t="s">
        <v>28928</v>
      </c>
      <c r="AE9548" s="1"/>
    </row>
    <row r="9549" spans="1:31" ht="14.45">
      <c r="A9549" s="11"/>
      <c r="B9549" s="20"/>
      <c r="C9549" s="2" t="s">
        <v>29338</v>
      </c>
      <c r="D9549" s="14" t="s">
        <v>29339</v>
      </c>
      <c r="E9549" s="2" t="s">
        <v>29340</v>
      </c>
      <c r="F9549" s="2" t="s">
        <v>28936</v>
      </c>
      <c r="G9549" s="8">
        <v>439</v>
      </c>
      <c r="H9549" s="5">
        <v>20</v>
      </c>
      <c r="I9549" s="5" t="s">
        <v>69</v>
      </c>
      <c r="J9549" s="5" t="s">
        <v>27074</v>
      </c>
      <c r="K9549" s="2" t="s">
        <v>27075</v>
      </c>
      <c r="L9549" s="5" t="s">
        <v>27074</v>
      </c>
      <c r="M9549" s="2" t="s">
        <v>27075</v>
      </c>
      <c r="N9549" s="5" t="s">
        <v>24254</v>
      </c>
      <c r="O9549" s="5" t="s">
        <v>38</v>
      </c>
      <c r="P9549" s="5" t="s">
        <v>39</v>
      </c>
      <c r="Q9549" s="5" t="s">
        <v>40</v>
      </c>
      <c r="R9549" s="5" t="s">
        <v>24340</v>
      </c>
      <c r="S9549" s="5" t="s">
        <v>40</v>
      </c>
      <c r="T9549" s="5" t="s">
        <v>42</v>
      </c>
      <c r="U9549" s="2">
        <v>12.382</v>
      </c>
      <c r="V9549" s="2">
        <v>10.419</v>
      </c>
      <c r="W9549" s="2">
        <v>0.11600000000000001</v>
      </c>
      <c r="X9549" s="2">
        <v>12</v>
      </c>
      <c r="Y9549" s="2">
        <v>50</v>
      </c>
      <c r="Z9549" s="2">
        <v>193.9</v>
      </c>
      <c r="AA9549" s="5">
        <v>8</v>
      </c>
      <c r="AB9549" s="5" t="s">
        <v>43</v>
      </c>
      <c r="AC9549" s="5" t="s">
        <v>44</v>
      </c>
      <c r="AD9549" s="2" t="s">
        <v>28928</v>
      </c>
      <c r="AE9549" s="1"/>
    </row>
    <row r="9550" spans="1:31" ht="14.45">
      <c r="A9550" s="11"/>
      <c r="B9550" s="20"/>
      <c r="C9550" s="2" t="s">
        <v>29341</v>
      </c>
      <c r="D9550" s="14" t="s">
        <v>29342</v>
      </c>
      <c r="E9550" s="2" t="s">
        <v>29343</v>
      </c>
      <c r="F9550" s="2" t="s">
        <v>28940</v>
      </c>
      <c r="G9550" s="8">
        <v>439</v>
      </c>
      <c r="H9550" s="5">
        <v>20</v>
      </c>
      <c r="I9550" s="5" t="s">
        <v>69</v>
      </c>
      <c r="J9550" s="5" t="s">
        <v>27074</v>
      </c>
      <c r="K9550" s="2" t="s">
        <v>27075</v>
      </c>
      <c r="L9550" s="5" t="s">
        <v>27074</v>
      </c>
      <c r="M9550" s="2" t="s">
        <v>27075</v>
      </c>
      <c r="N9550" s="5" t="s">
        <v>24254</v>
      </c>
      <c r="O9550" s="5" t="s">
        <v>38</v>
      </c>
      <c r="P9550" s="5" t="s">
        <v>39</v>
      </c>
      <c r="Q9550" s="5" t="s">
        <v>40</v>
      </c>
      <c r="R9550" s="5" t="s">
        <v>24340</v>
      </c>
      <c r="S9550" s="5" t="s">
        <v>40</v>
      </c>
      <c r="T9550" s="5" t="s">
        <v>42</v>
      </c>
      <c r="U9550" s="2">
        <v>12.21</v>
      </c>
      <c r="V9550" s="2">
        <v>10.247</v>
      </c>
      <c r="W9550" s="2">
        <v>0.11600000000000001</v>
      </c>
      <c r="X9550" s="2">
        <v>12</v>
      </c>
      <c r="Y9550" s="2">
        <v>50</v>
      </c>
      <c r="Z9550" s="2">
        <v>193.9</v>
      </c>
      <c r="AA9550" s="5">
        <v>10</v>
      </c>
      <c r="AB9550" s="5" t="s">
        <v>43</v>
      </c>
      <c r="AC9550" s="5" t="s">
        <v>44</v>
      </c>
      <c r="AD9550" s="2" t="s">
        <v>29229</v>
      </c>
      <c r="AE9550" s="1"/>
    </row>
    <row r="9551" spans="1:31" ht="14.45">
      <c r="A9551" s="11"/>
      <c r="B9551" s="20"/>
      <c r="C9551" s="2" t="s">
        <v>29344</v>
      </c>
      <c r="D9551" s="14" t="s">
        <v>29345</v>
      </c>
      <c r="E9551" s="2" t="s">
        <v>29346</v>
      </c>
      <c r="F9551" s="2" t="s">
        <v>28887</v>
      </c>
      <c r="G9551" s="8">
        <v>439</v>
      </c>
      <c r="H9551" s="5">
        <v>20</v>
      </c>
      <c r="I9551" s="5" t="s">
        <v>69</v>
      </c>
      <c r="J9551" s="5" t="s">
        <v>27074</v>
      </c>
      <c r="K9551" s="2" t="s">
        <v>27075</v>
      </c>
      <c r="L9551" s="5" t="s">
        <v>27074</v>
      </c>
      <c r="M9551" s="2" t="s">
        <v>27075</v>
      </c>
      <c r="N9551" s="5" t="s">
        <v>24254</v>
      </c>
      <c r="O9551" s="5" t="s">
        <v>38</v>
      </c>
      <c r="P9551" s="5" t="s">
        <v>39</v>
      </c>
      <c r="Q9551" s="5" t="s">
        <v>40</v>
      </c>
      <c r="R9551" s="5" t="s">
        <v>25301</v>
      </c>
      <c r="S9551" s="5" t="s">
        <v>40</v>
      </c>
      <c r="T9551" s="5" t="s">
        <v>42</v>
      </c>
      <c r="U9551" s="2">
        <v>15.557</v>
      </c>
      <c r="V9551" s="2">
        <v>13.56</v>
      </c>
      <c r="W9551" s="2">
        <v>0.11600000000000001</v>
      </c>
      <c r="X9551" s="2">
        <v>12</v>
      </c>
      <c r="Y9551" s="2">
        <v>50</v>
      </c>
      <c r="Z9551" s="2">
        <v>193.9</v>
      </c>
      <c r="AA9551" s="5">
        <v>8</v>
      </c>
      <c r="AB9551" s="5" t="s">
        <v>43</v>
      </c>
      <c r="AC9551" s="5" t="s">
        <v>44</v>
      </c>
      <c r="AD9551" s="2" t="s">
        <v>28888</v>
      </c>
      <c r="AE9551" s="1"/>
    </row>
    <row r="9552" spans="1:31" ht="14.45">
      <c r="A9552" s="11"/>
      <c r="B9552" s="20"/>
      <c r="C9552" s="2" t="s">
        <v>29347</v>
      </c>
      <c r="D9552" s="14" t="s">
        <v>29348</v>
      </c>
      <c r="E9552" s="2" t="s">
        <v>29349</v>
      </c>
      <c r="F9552" s="2" t="s">
        <v>28948</v>
      </c>
      <c r="G9552" s="8">
        <v>439</v>
      </c>
      <c r="H9552" s="5">
        <v>20</v>
      </c>
      <c r="I9552" s="5" t="s">
        <v>69</v>
      </c>
      <c r="J9552" s="5" t="s">
        <v>27074</v>
      </c>
      <c r="K9552" s="2" t="s">
        <v>27075</v>
      </c>
      <c r="L9552" s="5" t="s">
        <v>27074</v>
      </c>
      <c r="M9552" s="2" t="s">
        <v>27075</v>
      </c>
      <c r="N9552" s="5" t="s">
        <v>24254</v>
      </c>
      <c r="O9552" s="5" t="s">
        <v>38</v>
      </c>
      <c r="P9552" s="5" t="s">
        <v>39</v>
      </c>
      <c r="Q9552" s="5" t="s">
        <v>40</v>
      </c>
      <c r="R9552" s="5" t="s">
        <v>25301</v>
      </c>
      <c r="S9552" s="5" t="s">
        <v>40</v>
      </c>
      <c r="T9552" s="5" t="s">
        <v>42</v>
      </c>
      <c r="U9552" s="2">
        <v>11.903</v>
      </c>
      <c r="V9552" s="2">
        <v>9.9060000000000006</v>
      </c>
      <c r="W9552" s="2">
        <v>0.11600000000000001</v>
      </c>
      <c r="X9552" s="2">
        <v>12</v>
      </c>
      <c r="Y9552" s="2">
        <v>50</v>
      </c>
      <c r="Z9552" s="2">
        <v>193.9</v>
      </c>
      <c r="AA9552" s="5">
        <v>8</v>
      </c>
      <c r="AB9552" s="5" t="s">
        <v>43</v>
      </c>
      <c r="AC9552" s="5" t="s">
        <v>44</v>
      </c>
      <c r="AD9552" s="2" t="s">
        <v>28888</v>
      </c>
      <c r="AE9552" s="1"/>
    </row>
    <row r="9553" spans="1:31" ht="14.45">
      <c r="A9553" s="11"/>
      <c r="B9553" s="20"/>
      <c r="C9553" s="2" t="s">
        <v>29350</v>
      </c>
      <c r="D9553" s="14" t="s">
        <v>29351</v>
      </c>
      <c r="E9553" s="2" t="s">
        <v>29352</v>
      </c>
      <c r="F9553" s="2" t="s">
        <v>28892</v>
      </c>
      <c r="G9553" s="8">
        <v>439</v>
      </c>
      <c r="H9553" s="5">
        <v>20</v>
      </c>
      <c r="I9553" s="5" t="s">
        <v>69</v>
      </c>
      <c r="J9553" s="5" t="s">
        <v>27074</v>
      </c>
      <c r="K9553" s="2" t="s">
        <v>27075</v>
      </c>
      <c r="L9553" s="5" t="s">
        <v>27074</v>
      </c>
      <c r="M9553" s="2" t="s">
        <v>27075</v>
      </c>
      <c r="N9553" s="5" t="s">
        <v>24254</v>
      </c>
      <c r="O9553" s="5" t="s">
        <v>38</v>
      </c>
      <c r="P9553" s="5" t="s">
        <v>39</v>
      </c>
      <c r="Q9553" s="5" t="s">
        <v>40</v>
      </c>
      <c r="R9553" s="5" t="s">
        <v>25301</v>
      </c>
      <c r="S9553" s="5" t="s">
        <v>40</v>
      </c>
      <c r="T9553" s="5" t="s">
        <v>42</v>
      </c>
      <c r="U9553" s="2">
        <v>11.239000000000001</v>
      </c>
      <c r="V9553" s="2">
        <v>9.2759999999999998</v>
      </c>
      <c r="W9553" s="2">
        <v>0.11600000000000001</v>
      </c>
      <c r="X9553" s="2">
        <v>12</v>
      </c>
      <c r="Y9553" s="2">
        <v>50</v>
      </c>
      <c r="Z9553" s="2">
        <v>193.9</v>
      </c>
      <c r="AA9553" s="5">
        <v>8</v>
      </c>
      <c r="AB9553" s="5" t="s">
        <v>43</v>
      </c>
      <c r="AC9553" s="5" t="s">
        <v>44</v>
      </c>
      <c r="AD9553" s="2" t="s">
        <v>28888</v>
      </c>
      <c r="AE9553" s="1"/>
    </row>
    <row r="9554" spans="1:31" ht="14.45">
      <c r="A9554" s="11"/>
      <c r="B9554" s="20"/>
      <c r="C9554" s="2" t="s">
        <v>29353</v>
      </c>
      <c r="D9554" s="14" t="s">
        <v>29354</v>
      </c>
      <c r="E9554" s="2" t="s">
        <v>29355</v>
      </c>
      <c r="F9554" s="2" t="s">
        <v>28906</v>
      </c>
      <c r="G9554" s="8">
        <v>439</v>
      </c>
      <c r="H9554" s="5">
        <v>20</v>
      </c>
      <c r="I9554" s="5" t="s">
        <v>69</v>
      </c>
      <c r="J9554" s="5" t="s">
        <v>27074</v>
      </c>
      <c r="K9554" s="2" t="s">
        <v>27075</v>
      </c>
      <c r="L9554" s="5" t="s">
        <v>27074</v>
      </c>
      <c r="M9554" s="2" t="s">
        <v>27075</v>
      </c>
      <c r="N9554" s="5" t="s">
        <v>24254</v>
      </c>
      <c r="O9554" s="5" t="s">
        <v>38</v>
      </c>
      <c r="P9554" s="5" t="s">
        <v>39</v>
      </c>
      <c r="Q9554" s="5" t="s">
        <v>40</v>
      </c>
      <c r="R9554" s="5" t="s">
        <v>25301</v>
      </c>
      <c r="S9554" s="5" t="s">
        <v>40</v>
      </c>
      <c r="T9554" s="5" t="s">
        <v>42</v>
      </c>
      <c r="U9554" s="2">
        <v>11.252000000000001</v>
      </c>
      <c r="V9554" s="2">
        <v>9.2889999999999997</v>
      </c>
      <c r="W9554" s="2">
        <v>0.11600000000000001</v>
      </c>
      <c r="X9554" s="2">
        <v>12</v>
      </c>
      <c r="Y9554" s="2">
        <v>50</v>
      </c>
      <c r="Z9554" s="2">
        <v>193.9</v>
      </c>
      <c r="AA9554" s="5">
        <v>10</v>
      </c>
      <c r="AB9554" s="5" t="s">
        <v>43</v>
      </c>
      <c r="AC9554" s="5" t="s">
        <v>44</v>
      </c>
      <c r="AD9554" s="2" t="s">
        <v>28907</v>
      </c>
      <c r="AE9554" s="1"/>
    </row>
    <row r="9555" spans="1:31" ht="14.45">
      <c r="A9555" s="11"/>
      <c r="B9555" s="20"/>
      <c r="C9555" s="2" t="s">
        <v>29356</v>
      </c>
      <c r="D9555" s="14" t="s">
        <v>29357</v>
      </c>
      <c r="E9555" s="2" t="s">
        <v>29358</v>
      </c>
      <c r="F9555" s="2" t="s">
        <v>28911</v>
      </c>
      <c r="G9555" s="8">
        <v>1229</v>
      </c>
      <c r="H9555" s="5">
        <v>20</v>
      </c>
      <c r="I9555" s="5" t="s">
        <v>69</v>
      </c>
      <c r="J9555" s="5" t="s">
        <v>27074</v>
      </c>
      <c r="K9555" s="2" t="s">
        <v>27075</v>
      </c>
      <c r="L9555" s="5" t="s">
        <v>27074</v>
      </c>
      <c r="M9555" s="2" t="s">
        <v>27075</v>
      </c>
      <c r="N9555" s="5" t="s">
        <v>24254</v>
      </c>
      <c r="O9555" s="5" t="s">
        <v>38</v>
      </c>
      <c r="P9555" s="5" t="s">
        <v>39</v>
      </c>
      <c r="Q9555" s="5" t="s">
        <v>40</v>
      </c>
      <c r="R9555" s="5" t="s">
        <v>1487</v>
      </c>
      <c r="S9555" s="5"/>
      <c r="T9555" s="5" t="s">
        <v>42</v>
      </c>
      <c r="U9555" s="2">
        <v>0</v>
      </c>
      <c r="V9555" s="2">
        <v>0</v>
      </c>
      <c r="W9555" s="2">
        <v>0</v>
      </c>
      <c r="X9555" s="2">
        <v>0</v>
      </c>
      <c r="Y9555" s="2">
        <v>0</v>
      </c>
      <c r="Z9555" s="2">
        <v>0</v>
      </c>
      <c r="AA9555" s="5"/>
      <c r="AB9555" s="5" t="s">
        <v>43</v>
      </c>
      <c r="AC9555" s="5" t="s">
        <v>44</v>
      </c>
      <c r="AD9555" s="2"/>
      <c r="AE9555" s="1"/>
    </row>
    <row r="9556" spans="1:31" ht="14.45">
      <c r="A9556" s="11"/>
      <c r="B9556" s="20"/>
      <c r="C9556" s="2" t="s">
        <v>29359</v>
      </c>
      <c r="D9556" s="14" t="s">
        <v>29360</v>
      </c>
      <c r="E9556" s="2" t="s">
        <v>29361</v>
      </c>
      <c r="F9556" s="2" t="s">
        <v>28915</v>
      </c>
      <c r="G9556" s="8">
        <v>1229</v>
      </c>
      <c r="H9556" s="5">
        <v>20</v>
      </c>
      <c r="I9556" s="5" t="s">
        <v>69</v>
      </c>
      <c r="J9556" s="5" t="s">
        <v>27074</v>
      </c>
      <c r="K9556" s="2" t="s">
        <v>27075</v>
      </c>
      <c r="L9556" s="5" t="s">
        <v>27074</v>
      </c>
      <c r="M9556" s="2" t="s">
        <v>27075</v>
      </c>
      <c r="N9556" s="5" t="s">
        <v>24254</v>
      </c>
      <c r="O9556" s="5" t="s">
        <v>38</v>
      </c>
      <c r="P9556" s="5" t="s">
        <v>39</v>
      </c>
      <c r="Q9556" s="5" t="s">
        <v>40</v>
      </c>
      <c r="R9556" s="5" t="s">
        <v>1487</v>
      </c>
      <c r="S9556" s="5"/>
      <c r="T9556" s="5" t="s">
        <v>42</v>
      </c>
      <c r="U9556" s="2">
        <v>0</v>
      </c>
      <c r="V9556" s="2">
        <v>0</v>
      </c>
      <c r="W9556" s="2">
        <v>0</v>
      </c>
      <c r="X9556" s="2">
        <v>0</v>
      </c>
      <c r="Y9556" s="2">
        <v>0</v>
      </c>
      <c r="Z9556" s="2">
        <v>0</v>
      </c>
      <c r="AA9556" s="5"/>
      <c r="AB9556" s="5" t="s">
        <v>43</v>
      </c>
      <c r="AC9556" s="5" t="s">
        <v>44</v>
      </c>
      <c r="AD9556" s="2"/>
      <c r="AE9556" s="1"/>
    </row>
    <row r="9557" spans="1:31" ht="14.45">
      <c r="A9557" s="11"/>
      <c r="B9557" s="20"/>
      <c r="C9557" s="2" t="s">
        <v>29362</v>
      </c>
      <c r="D9557" s="14" t="s">
        <v>29363</v>
      </c>
      <c r="E9557" s="2" t="s">
        <v>29364</v>
      </c>
      <c r="F9557" s="2" t="s">
        <v>28919</v>
      </c>
      <c r="G9557" s="8">
        <v>1229</v>
      </c>
      <c r="H9557" s="5">
        <v>20</v>
      </c>
      <c r="I9557" s="5" t="s">
        <v>69</v>
      </c>
      <c r="J9557" s="5" t="s">
        <v>27074</v>
      </c>
      <c r="K9557" s="2" t="s">
        <v>27075</v>
      </c>
      <c r="L9557" s="5" t="s">
        <v>27074</v>
      </c>
      <c r="M9557" s="2" t="s">
        <v>27075</v>
      </c>
      <c r="N9557" s="5" t="s">
        <v>24254</v>
      </c>
      <c r="O9557" s="5" t="s">
        <v>38</v>
      </c>
      <c r="P9557" s="5" t="s">
        <v>39</v>
      </c>
      <c r="Q9557" s="5" t="s">
        <v>40</v>
      </c>
      <c r="R9557" s="5" t="s">
        <v>1487</v>
      </c>
      <c r="S9557" s="5"/>
      <c r="T9557" s="5" t="s">
        <v>42</v>
      </c>
      <c r="U9557" s="2">
        <v>0</v>
      </c>
      <c r="V9557" s="2">
        <v>0</v>
      </c>
      <c r="W9557" s="2">
        <v>0</v>
      </c>
      <c r="X9557" s="2">
        <v>0</v>
      </c>
      <c r="Y9557" s="2">
        <v>0</v>
      </c>
      <c r="Z9557" s="2">
        <v>0</v>
      </c>
      <c r="AA9557" s="5"/>
      <c r="AB9557" s="5" t="s">
        <v>43</v>
      </c>
      <c r="AC9557" s="5" t="s">
        <v>44</v>
      </c>
      <c r="AD9557" s="2"/>
      <c r="AE9557" s="1"/>
    </row>
    <row r="9558" spans="1:31" ht="14.45">
      <c r="A9558" s="11"/>
      <c r="B9558" s="20"/>
      <c r="C9558" s="2" t="s">
        <v>29365</v>
      </c>
      <c r="D9558" s="14" t="s">
        <v>29366</v>
      </c>
      <c r="E9558" s="2" t="s">
        <v>29367</v>
      </c>
      <c r="F9558" s="2" t="s">
        <v>28923</v>
      </c>
      <c r="G9558" s="8">
        <v>1229</v>
      </c>
      <c r="H9558" s="5">
        <v>20</v>
      </c>
      <c r="I9558" s="5" t="s">
        <v>69</v>
      </c>
      <c r="J9558" s="5" t="s">
        <v>27074</v>
      </c>
      <c r="K9558" s="2" t="s">
        <v>27075</v>
      </c>
      <c r="L9558" s="5" t="s">
        <v>27074</v>
      </c>
      <c r="M9558" s="2" t="s">
        <v>27075</v>
      </c>
      <c r="N9558" s="5" t="s">
        <v>24254</v>
      </c>
      <c r="O9558" s="5" t="s">
        <v>38</v>
      </c>
      <c r="P9558" s="5" t="s">
        <v>39</v>
      </c>
      <c r="Q9558" s="5" t="s">
        <v>40</v>
      </c>
      <c r="R9558" s="5" t="s">
        <v>1487</v>
      </c>
      <c r="S9558" s="5"/>
      <c r="T9558" s="5" t="s">
        <v>42</v>
      </c>
      <c r="U9558" s="2">
        <v>0</v>
      </c>
      <c r="V9558" s="2">
        <v>0</v>
      </c>
      <c r="W9558" s="2">
        <v>0</v>
      </c>
      <c r="X9558" s="2">
        <v>0</v>
      </c>
      <c r="Y9558" s="2">
        <v>0</v>
      </c>
      <c r="Z9558" s="2">
        <v>0</v>
      </c>
      <c r="AA9558" s="5"/>
      <c r="AB9558" s="5" t="s">
        <v>43</v>
      </c>
      <c r="AC9558" s="5" t="s">
        <v>44</v>
      </c>
      <c r="AD9558" s="2"/>
      <c r="AE9558" s="1"/>
    </row>
    <row r="9559" spans="1:31" ht="14.45">
      <c r="A9559" s="11"/>
      <c r="B9559" s="20"/>
      <c r="C9559" s="2" t="s">
        <v>29368</v>
      </c>
      <c r="D9559" s="14" t="s">
        <v>29369</v>
      </c>
      <c r="E9559" s="2" t="s">
        <v>29370</v>
      </c>
      <c r="F9559" s="2" t="s">
        <v>28927</v>
      </c>
      <c r="G9559" s="8">
        <v>456</v>
      </c>
      <c r="H9559" s="5">
        <v>20</v>
      </c>
      <c r="I9559" s="5" t="s">
        <v>69</v>
      </c>
      <c r="J9559" s="5" t="s">
        <v>27074</v>
      </c>
      <c r="K9559" s="2" t="s">
        <v>27075</v>
      </c>
      <c r="L9559" s="5" t="s">
        <v>27074</v>
      </c>
      <c r="M9559" s="2" t="s">
        <v>27075</v>
      </c>
      <c r="N9559" s="5" t="s">
        <v>24254</v>
      </c>
      <c r="O9559" s="5" t="s">
        <v>38</v>
      </c>
      <c r="P9559" s="5" t="s">
        <v>39</v>
      </c>
      <c r="Q9559" s="5" t="s">
        <v>40</v>
      </c>
      <c r="R9559" s="5" t="s">
        <v>24340</v>
      </c>
      <c r="S9559" s="5" t="s">
        <v>40</v>
      </c>
      <c r="T9559" s="5" t="s">
        <v>42</v>
      </c>
      <c r="U9559" s="2">
        <v>18.956</v>
      </c>
      <c r="V9559" s="2">
        <v>16.504999999999999</v>
      </c>
      <c r="W9559" s="2">
        <v>0.13600000000000001</v>
      </c>
      <c r="X9559" s="2">
        <v>12</v>
      </c>
      <c r="Y9559" s="2">
        <v>50</v>
      </c>
      <c r="Z9559" s="2">
        <v>227.4</v>
      </c>
      <c r="AA9559" s="5">
        <v>8</v>
      </c>
      <c r="AB9559" s="5" t="s">
        <v>43</v>
      </c>
      <c r="AC9559" s="5" t="s">
        <v>44</v>
      </c>
      <c r="AD9559" s="2" t="s">
        <v>28928</v>
      </c>
      <c r="AE9559" s="1"/>
    </row>
    <row r="9560" spans="1:31" ht="14.45">
      <c r="A9560" s="11"/>
      <c r="B9560" s="20"/>
      <c r="C9560" s="2" t="s">
        <v>29371</v>
      </c>
      <c r="D9560" s="14" t="s">
        <v>29372</v>
      </c>
      <c r="E9560" s="2" t="s">
        <v>29373</v>
      </c>
      <c r="F9560" s="2" t="s">
        <v>28932</v>
      </c>
      <c r="G9560" s="8">
        <v>456</v>
      </c>
      <c r="H9560" s="5">
        <v>20</v>
      </c>
      <c r="I9560" s="5" t="s">
        <v>69</v>
      </c>
      <c r="J9560" s="5" t="s">
        <v>27074</v>
      </c>
      <c r="K9560" s="2" t="s">
        <v>27075</v>
      </c>
      <c r="L9560" s="5" t="s">
        <v>27074</v>
      </c>
      <c r="M9560" s="2" t="s">
        <v>27075</v>
      </c>
      <c r="N9560" s="5" t="s">
        <v>24254</v>
      </c>
      <c r="O9560" s="5" t="s">
        <v>38</v>
      </c>
      <c r="P9560" s="5" t="s">
        <v>39</v>
      </c>
      <c r="Q9560" s="5" t="s">
        <v>40</v>
      </c>
      <c r="R9560" s="5" t="s">
        <v>24340</v>
      </c>
      <c r="S9560" s="5" t="s">
        <v>40</v>
      </c>
      <c r="T9560" s="5" t="s">
        <v>42</v>
      </c>
      <c r="U9560" s="2">
        <v>14.583</v>
      </c>
      <c r="V9560" s="2">
        <v>12.132</v>
      </c>
      <c r="W9560" s="2">
        <v>0.13600000000000001</v>
      </c>
      <c r="X9560" s="2">
        <v>12</v>
      </c>
      <c r="Y9560" s="2">
        <v>50</v>
      </c>
      <c r="Z9560" s="2">
        <v>227.4</v>
      </c>
      <c r="AA9560" s="5">
        <v>8</v>
      </c>
      <c r="AB9560" s="5" t="s">
        <v>43</v>
      </c>
      <c r="AC9560" s="5" t="s">
        <v>44</v>
      </c>
      <c r="AD9560" s="2" t="s">
        <v>28928</v>
      </c>
      <c r="AE9560" s="1"/>
    </row>
    <row r="9561" spans="1:31" ht="14.45">
      <c r="A9561" s="11"/>
      <c r="B9561" s="20"/>
      <c r="C9561" s="2" t="s">
        <v>29374</v>
      </c>
      <c r="D9561" s="14" t="s">
        <v>29375</v>
      </c>
      <c r="E9561" s="2" t="s">
        <v>29376</v>
      </c>
      <c r="F9561" s="2" t="s">
        <v>28936</v>
      </c>
      <c r="G9561" s="8">
        <v>456</v>
      </c>
      <c r="H9561" s="5">
        <v>20</v>
      </c>
      <c r="I9561" s="5" t="s">
        <v>69</v>
      </c>
      <c r="J9561" s="5" t="s">
        <v>27074</v>
      </c>
      <c r="K9561" s="2" t="s">
        <v>27075</v>
      </c>
      <c r="L9561" s="5" t="s">
        <v>27074</v>
      </c>
      <c r="M9561" s="2" t="s">
        <v>27075</v>
      </c>
      <c r="N9561" s="5" t="s">
        <v>24254</v>
      </c>
      <c r="O9561" s="5" t="s">
        <v>38</v>
      </c>
      <c r="P9561" s="5" t="s">
        <v>39</v>
      </c>
      <c r="Q9561" s="5" t="s">
        <v>40</v>
      </c>
      <c r="R9561" s="5" t="s">
        <v>24340</v>
      </c>
      <c r="S9561" s="5" t="s">
        <v>40</v>
      </c>
      <c r="T9561" s="5" t="s">
        <v>42</v>
      </c>
      <c r="U9561" s="2">
        <v>13.542999999999999</v>
      </c>
      <c r="V9561" s="2">
        <v>11.125999999999999</v>
      </c>
      <c r="W9561" s="2">
        <v>0.13600000000000001</v>
      </c>
      <c r="X9561" s="2">
        <v>12</v>
      </c>
      <c r="Y9561" s="2">
        <v>50</v>
      </c>
      <c r="Z9561" s="2">
        <v>227.4</v>
      </c>
      <c r="AA9561" s="5">
        <v>8</v>
      </c>
      <c r="AB9561" s="5" t="s">
        <v>43</v>
      </c>
      <c r="AC9561" s="5" t="s">
        <v>44</v>
      </c>
      <c r="AD9561" s="2" t="s">
        <v>28928</v>
      </c>
      <c r="AE9561" s="1"/>
    </row>
    <row r="9562" spans="1:31" ht="14.45">
      <c r="A9562" s="11"/>
      <c r="B9562" s="20"/>
      <c r="C9562" s="2" t="s">
        <v>29377</v>
      </c>
      <c r="D9562" s="14" t="s">
        <v>29378</v>
      </c>
      <c r="E9562" s="2" t="s">
        <v>29379</v>
      </c>
      <c r="F9562" s="2" t="s">
        <v>28887</v>
      </c>
      <c r="G9562" s="8">
        <v>456</v>
      </c>
      <c r="H9562" s="5">
        <v>20</v>
      </c>
      <c r="I9562" s="5" t="s">
        <v>69</v>
      </c>
      <c r="J9562" s="5" t="s">
        <v>27074</v>
      </c>
      <c r="K9562" s="2" t="s">
        <v>27075</v>
      </c>
      <c r="L9562" s="5" t="s">
        <v>27074</v>
      </c>
      <c r="M9562" s="2" t="s">
        <v>27075</v>
      </c>
      <c r="N9562" s="5" t="s">
        <v>24254</v>
      </c>
      <c r="O9562" s="5" t="s">
        <v>38</v>
      </c>
      <c r="P9562" s="5" t="s">
        <v>39</v>
      </c>
      <c r="Q9562" s="5" t="s">
        <v>40</v>
      </c>
      <c r="R9562" s="5" t="s">
        <v>25301</v>
      </c>
      <c r="S9562" s="5" t="s">
        <v>40</v>
      </c>
      <c r="T9562" s="5" t="s">
        <v>42</v>
      </c>
      <c r="U9562" s="2">
        <v>16.981000000000002</v>
      </c>
      <c r="V9562" s="2">
        <v>14.53</v>
      </c>
      <c r="W9562" s="2">
        <v>0.13600000000000001</v>
      </c>
      <c r="X9562" s="2">
        <v>12</v>
      </c>
      <c r="Y9562" s="2">
        <v>50</v>
      </c>
      <c r="Z9562" s="2">
        <v>227.4</v>
      </c>
      <c r="AA9562" s="5">
        <v>8</v>
      </c>
      <c r="AB9562" s="5" t="s">
        <v>43</v>
      </c>
      <c r="AC9562" s="5" t="s">
        <v>44</v>
      </c>
      <c r="AD9562" s="2" t="s">
        <v>28888</v>
      </c>
      <c r="AE9562" s="1"/>
    </row>
    <row r="9563" spans="1:31" ht="14.45">
      <c r="A9563" s="11"/>
      <c r="B9563" s="20"/>
      <c r="C9563" s="2" t="s">
        <v>29380</v>
      </c>
      <c r="D9563" s="14" t="s">
        <v>29381</v>
      </c>
      <c r="E9563" s="2" t="s">
        <v>29382</v>
      </c>
      <c r="F9563" s="2" t="s">
        <v>28948</v>
      </c>
      <c r="G9563" s="8">
        <v>456</v>
      </c>
      <c r="H9563" s="5">
        <v>20</v>
      </c>
      <c r="I9563" s="5" t="s">
        <v>69</v>
      </c>
      <c r="J9563" s="5" t="s">
        <v>27074</v>
      </c>
      <c r="K9563" s="2" t="s">
        <v>27075</v>
      </c>
      <c r="L9563" s="5" t="s">
        <v>27074</v>
      </c>
      <c r="M9563" s="2" t="s">
        <v>27075</v>
      </c>
      <c r="N9563" s="5" t="s">
        <v>24254</v>
      </c>
      <c r="O9563" s="5" t="s">
        <v>38</v>
      </c>
      <c r="P9563" s="5" t="s">
        <v>39</v>
      </c>
      <c r="Q9563" s="5" t="s">
        <v>40</v>
      </c>
      <c r="R9563" s="5" t="s">
        <v>25301</v>
      </c>
      <c r="S9563" s="5" t="s">
        <v>40</v>
      </c>
      <c r="T9563" s="5" t="s">
        <v>42</v>
      </c>
      <c r="U9563" s="2">
        <v>13.03</v>
      </c>
      <c r="V9563" s="2">
        <v>10.579000000000001</v>
      </c>
      <c r="W9563" s="2">
        <v>0.13600000000000001</v>
      </c>
      <c r="X9563" s="2">
        <v>12</v>
      </c>
      <c r="Y9563" s="2">
        <v>50</v>
      </c>
      <c r="Z9563" s="2">
        <v>227.4</v>
      </c>
      <c r="AA9563" s="5">
        <v>8</v>
      </c>
      <c r="AB9563" s="5" t="s">
        <v>43</v>
      </c>
      <c r="AC9563" s="5" t="s">
        <v>44</v>
      </c>
      <c r="AD9563" s="2" t="s">
        <v>28888</v>
      </c>
      <c r="AE9563" s="1"/>
    </row>
    <row r="9564" spans="1:31" ht="14.45">
      <c r="A9564" s="11"/>
      <c r="B9564" s="20"/>
      <c r="C9564" s="2" t="s">
        <v>29383</v>
      </c>
      <c r="D9564" s="14" t="s">
        <v>29384</v>
      </c>
      <c r="E9564" s="2" t="s">
        <v>29385</v>
      </c>
      <c r="F9564" s="2" t="s">
        <v>28892</v>
      </c>
      <c r="G9564" s="8">
        <v>456</v>
      </c>
      <c r="H9564" s="5">
        <v>20</v>
      </c>
      <c r="I9564" s="5" t="s">
        <v>69</v>
      </c>
      <c r="J9564" s="5" t="s">
        <v>27074</v>
      </c>
      <c r="K9564" s="2" t="s">
        <v>27075</v>
      </c>
      <c r="L9564" s="5" t="s">
        <v>27074</v>
      </c>
      <c r="M9564" s="2" t="s">
        <v>27075</v>
      </c>
      <c r="N9564" s="5" t="s">
        <v>24254</v>
      </c>
      <c r="O9564" s="5" t="s">
        <v>38</v>
      </c>
      <c r="P9564" s="5" t="s">
        <v>39</v>
      </c>
      <c r="Q9564" s="5" t="s">
        <v>40</v>
      </c>
      <c r="R9564" s="5" t="s">
        <v>25301</v>
      </c>
      <c r="S9564" s="5" t="s">
        <v>40</v>
      </c>
      <c r="T9564" s="5" t="s">
        <v>42</v>
      </c>
      <c r="U9564" s="2">
        <v>12.337</v>
      </c>
      <c r="V9564" s="2">
        <v>9.92</v>
      </c>
      <c r="W9564" s="2">
        <v>0.13600000000000001</v>
      </c>
      <c r="X9564" s="2">
        <v>12</v>
      </c>
      <c r="Y9564" s="2">
        <v>50</v>
      </c>
      <c r="Z9564" s="2">
        <v>227.4</v>
      </c>
      <c r="AA9564" s="5">
        <v>8</v>
      </c>
      <c r="AB9564" s="5" t="s">
        <v>43</v>
      </c>
      <c r="AC9564" s="5" t="s">
        <v>44</v>
      </c>
      <c r="AD9564" s="2" t="s">
        <v>28888</v>
      </c>
      <c r="AE9564" s="1"/>
    </row>
    <row r="9565" spans="1:31" ht="14.45">
      <c r="A9565" s="11"/>
      <c r="B9565" s="20"/>
      <c r="C9565" s="2" t="s">
        <v>29386</v>
      </c>
      <c r="D9565" s="14" t="s">
        <v>29387</v>
      </c>
      <c r="E9565" s="2" t="s">
        <v>29388</v>
      </c>
      <c r="F9565" s="2" t="s">
        <v>28911</v>
      </c>
      <c r="G9565" s="8">
        <v>1273</v>
      </c>
      <c r="H9565" s="5">
        <v>20</v>
      </c>
      <c r="I9565" s="5" t="s">
        <v>69</v>
      </c>
      <c r="J9565" s="5" t="s">
        <v>27074</v>
      </c>
      <c r="K9565" s="2" t="s">
        <v>27075</v>
      </c>
      <c r="L9565" s="5" t="s">
        <v>27074</v>
      </c>
      <c r="M9565" s="2" t="s">
        <v>27075</v>
      </c>
      <c r="N9565" s="5" t="s">
        <v>24254</v>
      </c>
      <c r="O9565" s="5" t="s">
        <v>38</v>
      </c>
      <c r="P9565" s="5" t="s">
        <v>39</v>
      </c>
      <c r="Q9565" s="5" t="s">
        <v>40</v>
      </c>
      <c r="R9565" s="5" t="s">
        <v>1487</v>
      </c>
      <c r="S9565" s="5"/>
      <c r="T9565" s="5" t="s">
        <v>42</v>
      </c>
      <c r="U9565" s="2">
        <v>0</v>
      </c>
      <c r="V9565" s="2">
        <v>0</v>
      </c>
      <c r="W9565" s="2">
        <v>0</v>
      </c>
      <c r="X9565" s="2">
        <v>0</v>
      </c>
      <c r="Y9565" s="2">
        <v>0</v>
      </c>
      <c r="Z9565" s="2">
        <v>0</v>
      </c>
      <c r="AA9565" s="5"/>
      <c r="AB9565" s="5" t="s">
        <v>43</v>
      </c>
      <c r="AC9565" s="5" t="s">
        <v>44</v>
      </c>
      <c r="AD9565" s="2"/>
      <c r="AE9565" s="1"/>
    </row>
    <row r="9566" spans="1:31" ht="14.45">
      <c r="A9566" s="11"/>
      <c r="B9566" s="20"/>
      <c r="C9566" s="2" t="s">
        <v>29389</v>
      </c>
      <c r="D9566" s="14" t="s">
        <v>29390</v>
      </c>
      <c r="E9566" s="2" t="s">
        <v>29391</v>
      </c>
      <c r="F9566" s="2" t="s">
        <v>28915</v>
      </c>
      <c r="G9566" s="8">
        <v>1273</v>
      </c>
      <c r="H9566" s="5">
        <v>20</v>
      </c>
      <c r="I9566" s="5" t="s">
        <v>69</v>
      </c>
      <c r="J9566" s="5" t="s">
        <v>27074</v>
      </c>
      <c r="K9566" s="2" t="s">
        <v>27075</v>
      </c>
      <c r="L9566" s="5" t="s">
        <v>27074</v>
      </c>
      <c r="M9566" s="2" t="s">
        <v>27075</v>
      </c>
      <c r="N9566" s="5" t="s">
        <v>24254</v>
      </c>
      <c r="O9566" s="5" t="s">
        <v>38</v>
      </c>
      <c r="P9566" s="5" t="s">
        <v>39</v>
      </c>
      <c r="Q9566" s="5" t="s">
        <v>40</v>
      </c>
      <c r="R9566" s="5" t="s">
        <v>1487</v>
      </c>
      <c r="S9566" s="5"/>
      <c r="T9566" s="5" t="s">
        <v>42</v>
      </c>
      <c r="U9566" s="2">
        <v>0</v>
      </c>
      <c r="V9566" s="2">
        <v>0</v>
      </c>
      <c r="W9566" s="2">
        <v>0</v>
      </c>
      <c r="X9566" s="2">
        <v>0</v>
      </c>
      <c r="Y9566" s="2">
        <v>0</v>
      </c>
      <c r="Z9566" s="2">
        <v>0</v>
      </c>
      <c r="AA9566" s="5"/>
      <c r="AB9566" s="5" t="s">
        <v>43</v>
      </c>
      <c r="AC9566" s="5" t="s">
        <v>44</v>
      </c>
      <c r="AD9566" s="2"/>
      <c r="AE9566" s="1"/>
    </row>
    <row r="9567" spans="1:31" ht="14.45">
      <c r="A9567" s="11"/>
      <c r="B9567" s="20"/>
      <c r="C9567" s="2" t="s">
        <v>29392</v>
      </c>
      <c r="D9567" s="14" t="s">
        <v>29393</v>
      </c>
      <c r="E9567" s="2" t="s">
        <v>29394</v>
      </c>
      <c r="F9567" s="2" t="s">
        <v>28919</v>
      </c>
      <c r="G9567" s="8">
        <v>1273</v>
      </c>
      <c r="H9567" s="5">
        <v>20</v>
      </c>
      <c r="I9567" s="5" t="s">
        <v>69</v>
      </c>
      <c r="J9567" s="5" t="s">
        <v>27074</v>
      </c>
      <c r="K9567" s="2" t="s">
        <v>27075</v>
      </c>
      <c r="L9567" s="5" t="s">
        <v>27074</v>
      </c>
      <c r="M9567" s="2" t="s">
        <v>27075</v>
      </c>
      <c r="N9567" s="5" t="s">
        <v>24254</v>
      </c>
      <c r="O9567" s="5" t="s">
        <v>38</v>
      </c>
      <c r="P9567" s="5" t="s">
        <v>39</v>
      </c>
      <c r="Q9567" s="5" t="s">
        <v>40</v>
      </c>
      <c r="R9567" s="5" t="s">
        <v>1487</v>
      </c>
      <c r="S9567" s="5"/>
      <c r="T9567" s="5" t="s">
        <v>42</v>
      </c>
      <c r="U9567" s="2">
        <v>0</v>
      </c>
      <c r="V9567" s="2">
        <v>0</v>
      </c>
      <c r="W9567" s="2">
        <v>0</v>
      </c>
      <c r="X9567" s="2">
        <v>0</v>
      </c>
      <c r="Y9567" s="2">
        <v>0</v>
      </c>
      <c r="Z9567" s="2">
        <v>0</v>
      </c>
      <c r="AA9567" s="5"/>
      <c r="AB9567" s="5" t="s">
        <v>43</v>
      </c>
      <c r="AC9567" s="5" t="s">
        <v>44</v>
      </c>
      <c r="AD9567" s="2"/>
      <c r="AE9567" s="1"/>
    </row>
    <row r="9568" spans="1:31" ht="14.45">
      <c r="A9568" s="11"/>
      <c r="B9568" s="20"/>
      <c r="C9568" s="2" t="s">
        <v>29395</v>
      </c>
      <c r="D9568" s="14" t="s">
        <v>29396</v>
      </c>
      <c r="E9568" s="2" t="s">
        <v>29397</v>
      </c>
      <c r="F9568" s="2" t="s">
        <v>28923</v>
      </c>
      <c r="G9568" s="8">
        <v>1273</v>
      </c>
      <c r="H9568" s="5">
        <v>20</v>
      </c>
      <c r="I9568" s="5" t="s">
        <v>69</v>
      </c>
      <c r="J9568" s="5" t="s">
        <v>27074</v>
      </c>
      <c r="K9568" s="2" t="s">
        <v>27075</v>
      </c>
      <c r="L9568" s="5" t="s">
        <v>27074</v>
      </c>
      <c r="M9568" s="2" t="s">
        <v>27075</v>
      </c>
      <c r="N9568" s="5" t="s">
        <v>24254</v>
      </c>
      <c r="O9568" s="5" t="s">
        <v>38</v>
      </c>
      <c r="P9568" s="5" t="s">
        <v>39</v>
      </c>
      <c r="Q9568" s="5" t="s">
        <v>40</v>
      </c>
      <c r="R9568" s="5" t="s">
        <v>1487</v>
      </c>
      <c r="S9568" s="5"/>
      <c r="T9568" s="5" t="s">
        <v>42</v>
      </c>
      <c r="U9568" s="2">
        <v>0</v>
      </c>
      <c r="V9568" s="2">
        <v>0</v>
      </c>
      <c r="W9568" s="2">
        <v>0</v>
      </c>
      <c r="X9568" s="2">
        <v>0</v>
      </c>
      <c r="Y9568" s="2">
        <v>0</v>
      </c>
      <c r="Z9568" s="2">
        <v>0</v>
      </c>
      <c r="AA9568" s="5"/>
      <c r="AB9568" s="5" t="s">
        <v>43</v>
      </c>
      <c r="AC9568" s="5" t="s">
        <v>44</v>
      </c>
      <c r="AD9568" s="2"/>
      <c r="AE9568" s="1"/>
    </row>
    <row r="9569" spans="1:31" ht="14.45">
      <c r="A9569" s="11"/>
      <c r="B9569" s="20"/>
      <c r="C9569" s="2" t="s">
        <v>29398</v>
      </c>
      <c r="D9569" s="14" t="s">
        <v>29399</v>
      </c>
      <c r="E9569" s="2" t="s">
        <v>29400</v>
      </c>
      <c r="F9569" s="2" t="s">
        <v>28927</v>
      </c>
      <c r="G9569" s="8">
        <v>439</v>
      </c>
      <c r="H9569" s="5">
        <v>20</v>
      </c>
      <c r="I9569" s="5" t="s">
        <v>69</v>
      </c>
      <c r="J9569" s="5" t="s">
        <v>27074</v>
      </c>
      <c r="K9569" s="2" t="s">
        <v>27075</v>
      </c>
      <c r="L9569" s="5" t="s">
        <v>27074</v>
      </c>
      <c r="M9569" s="2" t="s">
        <v>27075</v>
      </c>
      <c r="N9569" s="5" t="s">
        <v>24254</v>
      </c>
      <c r="O9569" s="5" t="s">
        <v>38</v>
      </c>
      <c r="P9569" s="5" t="s">
        <v>39</v>
      </c>
      <c r="Q9569" s="5" t="s">
        <v>40</v>
      </c>
      <c r="R9569" s="5" t="s">
        <v>24340</v>
      </c>
      <c r="S9569" s="5" t="s">
        <v>40</v>
      </c>
      <c r="T9569" s="5" t="s">
        <v>42</v>
      </c>
      <c r="U9569" s="2">
        <v>16.919</v>
      </c>
      <c r="V9569" s="2">
        <v>15.138</v>
      </c>
      <c r="W9569" s="2">
        <v>0.104</v>
      </c>
      <c r="X9569" s="2">
        <v>12</v>
      </c>
      <c r="Y9569" s="2">
        <v>50</v>
      </c>
      <c r="Z9569" s="2">
        <v>173.9</v>
      </c>
      <c r="AA9569" s="5">
        <v>8</v>
      </c>
      <c r="AB9569" s="5" t="s">
        <v>43</v>
      </c>
      <c r="AC9569" s="5" t="s">
        <v>44</v>
      </c>
      <c r="AD9569" s="2" t="s">
        <v>28928</v>
      </c>
      <c r="AE9569" s="1"/>
    </row>
    <row r="9570" spans="1:31" ht="14.45">
      <c r="A9570" s="11"/>
      <c r="B9570" s="20"/>
      <c r="C9570" s="2" t="s">
        <v>29401</v>
      </c>
      <c r="D9570" s="14" t="s">
        <v>29402</v>
      </c>
      <c r="E9570" s="2" t="s">
        <v>29403</v>
      </c>
      <c r="F9570" s="2" t="s">
        <v>28936</v>
      </c>
      <c r="G9570" s="8">
        <v>439</v>
      </c>
      <c r="H9570" s="5">
        <v>20</v>
      </c>
      <c r="I9570" s="5" t="s">
        <v>69</v>
      </c>
      <c r="J9570" s="5" t="s">
        <v>27074</v>
      </c>
      <c r="K9570" s="2" t="s">
        <v>27075</v>
      </c>
      <c r="L9570" s="5" t="s">
        <v>27074</v>
      </c>
      <c r="M9570" s="2" t="s">
        <v>27075</v>
      </c>
      <c r="N9570" s="5" t="s">
        <v>24254</v>
      </c>
      <c r="O9570" s="5" t="s">
        <v>38</v>
      </c>
      <c r="P9570" s="5" t="s">
        <v>39</v>
      </c>
      <c r="Q9570" s="5" t="s">
        <v>40</v>
      </c>
      <c r="R9570" s="5" t="s">
        <v>24340</v>
      </c>
      <c r="S9570" s="5" t="s">
        <v>40</v>
      </c>
      <c r="T9570" s="5" t="s">
        <v>42</v>
      </c>
      <c r="U9570" s="2">
        <v>12.167999999999999</v>
      </c>
      <c r="V9570" s="2">
        <v>10.420999999999999</v>
      </c>
      <c r="W9570" s="2">
        <v>0.104</v>
      </c>
      <c r="X9570" s="2">
        <v>12</v>
      </c>
      <c r="Y9570" s="2">
        <v>50</v>
      </c>
      <c r="Z9570" s="2">
        <v>173.9</v>
      </c>
      <c r="AA9570" s="5">
        <v>8</v>
      </c>
      <c r="AB9570" s="5" t="s">
        <v>43</v>
      </c>
      <c r="AC9570" s="5" t="s">
        <v>44</v>
      </c>
      <c r="AD9570" s="2" t="s">
        <v>28928</v>
      </c>
      <c r="AE9570" s="1"/>
    </row>
    <row r="9571" spans="1:31" ht="14.45">
      <c r="A9571" s="11"/>
      <c r="B9571" s="20"/>
      <c r="C9571" s="2" t="s">
        <v>29404</v>
      </c>
      <c r="D9571" s="14" t="s">
        <v>29405</v>
      </c>
      <c r="E9571" s="2" t="s">
        <v>29406</v>
      </c>
      <c r="F9571" s="2" t="s">
        <v>28887</v>
      </c>
      <c r="G9571" s="8">
        <v>439</v>
      </c>
      <c r="H9571" s="5">
        <v>20</v>
      </c>
      <c r="I9571" s="5" t="s">
        <v>69</v>
      </c>
      <c r="J9571" s="5" t="s">
        <v>27074</v>
      </c>
      <c r="K9571" s="2" t="s">
        <v>27075</v>
      </c>
      <c r="L9571" s="5" t="s">
        <v>27074</v>
      </c>
      <c r="M9571" s="2" t="s">
        <v>27075</v>
      </c>
      <c r="N9571" s="5" t="s">
        <v>24254</v>
      </c>
      <c r="O9571" s="5" t="s">
        <v>38</v>
      </c>
      <c r="P9571" s="5" t="s">
        <v>39</v>
      </c>
      <c r="Q9571" s="5" t="s">
        <v>40</v>
      </c>
      <c r="R9571" s="5" t="s">
        <v>25301</v>
      </c>
      <c r="S9571" s="5" t="s">
        <v>40</v>
      </c>
      <c r="T9571" s="5" t="s">
        <v>42</v>
      </c>
      <c r="U9571" s="2">
        <v>15.146000000000001</v>
      </c>
      <c r="V9571" s="2">
        <v>13.365</v>
      </c>
      <c r="W9571" s="2">
        <v>0.104</v>
      </c>
      <c r="X9571" s="2">
        <v>12</v>
      </c>
      <c r="Y9571" s="2">
        <v>50</v>
      </c>
      <c r="Z9571" s="2">
        <v>173.9</v>
      </c>
      <c r="AA9571" s="5">
        <v>8</v>
      </c>
      <c r="AB9571" s="5" t="s">
        <v>43</v>
      </c>
      <c r="AC9571" s="5" t="s">
        <v>44</v>
      </c>
      <c r="AD9571" s="2" t="s">
        <v>28888</v>
      </c>
      <c r="AE9571" s="1"/>
    </row>
    <row r="9572" spans="1:31" ht="14.45">
      <c r="A9572" s="11"/>
      <c r="B9572" s="20"/>
      <c r="C9572" s="2" t="s">
        <v>29407</v>
      </c>
      <c r="D9572" s="14" t="s">
        <v>29408</v>
      </c>
      <c r="E9572" s="2" t="s">
        <v>29409</v>
      </c>
      <c r="F9572" s="2" t="s">
        <v>28948</v>
      </c>
      <c r="G9572" s="8">
        <v>439</v>
      </c>
      <c r="H9572" s="5">
        <v>20</v>
      </c>
      <c r="I9572" s="5" t="s">
        <v>69</v>
      </c>
      <c r="J9572" s="5" t="s">
        <v>27074</v>
      </c>
      <c r="K9572" s="2" t="s">
        <v>27075</v>
      </c>
      <c r="L9572" s="5" t="s">
        <v>27074</v>
      </c>
      <c r="M9572" s="2" t="s">
        <v>27075</v>
      </c>
      <c r="N9572" s="5" t="s">
        <v>24254</v>
      </c>
      <c r="O9572" s="5" t="s">
        <v>38</v>
      </c>
      <c r="P9572" s="5" t="s">
        <v>39</v>
      </c>
      <c r="Q9572" s="5" t="s">
        <v>40</v>
      </c>
      <c r="R9572" s="5" t="s">
        <v>25301</v>
      </c>
      <c r="S9572" s="5" t="s">
        <v>40</v>
      </c>
      <c r="T9572" s="5" t="s">
        <v>42</v>
      </c>
      <c r="U9572" s="2">
        <v>11.682</v>
      </c>
      <c r="V9572" s="2">
        <v>9.9009999999999998</v>
      </c>
      <c r="W9572" s="2">
        <v>0.104</v>
      </c>
      <c r="X9572" s="2">
        <v>12</v>
      </c>
      <c r="Y9572" s="2">
        <v>50</v>
      </c>
      <c r="Z9572" s="2">
        <v>173.9</v>
      </c>
      <c r="AA9572" s="5">
        <v>8</v>
      </c>
      <c r="AB9572" s="5" t="s">
        <v>43</v>
      </c>
      <c r="AC9572" s="5" t="s">
        <v>44</v>
      </c>
      <c r="AD9572" s="2" t="s">
        <v>28888</v>
      </c>
      <c r="AE9572" s="1"/>
    </row>
    <row r="9573" spans="1:31" ht="14.45">
      <c r="A9573" s="11"/>
      <c r="B9573" s="20"/>
      <c r="C9573" s="2" t="s">
        <v>29410</v>
      </c>
      <c r="D9573" s="14" t="s">
        <v>29411</v>
      </c>
      <c r="E9573" s="2" t="s">
        <v>29412</v>
      </c>
      <c r="F9573" s="2" t="s">
        <v>28892</v>
      </c>
      <c r="G9573" s="8">
        <v>439</v>
      </c>
      <c r="H9573" s="5">
        <v>20</v>
      </c>
      <c r="I9573" s="5" t="s">
        <v>69</v>
      </c>
      <c r="J9573" s="5" t="s">
        <v>27074</v>
      </c>
      <c r="K9573" s="2" t="s">
        <v>27075</v>
      </c>
      <c r="L9573" s="5" t="s">
        <v>27074</v>
      </c>
      <c r="M9573" s="2" t="s">
        <v>27075</v>
      </c>
      <c r="N9573" s="5" t="s">
        <v>24254</v>
      </c>
      <c r="O9573" s="5" t="s">
        <v>38</v>
      </c>
      <c r="P9573" s="5" t="s">
        <v>39</v>
      </c>
      <c r="Q9573" s="5" t="s">
        <v>40</v>
      </c>
      <c r="R9573" s="5" t="s">
        <v>25301</v>
      </c>
      <c r="S9573" s="5" t="s">
        <v>40</v>
      </c>
      <c r="T9573" s="5" t="s">
        <v>42</v>
      </c>
      <c r="U9573" s="2">
        <v>10.993</v>
      </c>
      <c r="V9573" s="2">
        <v>9.2460000000000004</v>
      </c>
      <c r="W9573" s="2">
        <v>0.104</v>
      </c>
      <c r="X9573" s="2">
        <v>12</v>
      </c>
      <c r="Y9573" s="2">
        <v>50</v>
      </c>
      <c r="Z9573" s="2">
        <v>173.9</v>
      </c>
      <c r="AA9573" s="5">
        <v>8</v>
      </c>
      <c r="AB9573" s="5" t="s">
        <v>43</v>
      </c>
      <c r="AC9573" s="5" t="s">
        <v>44</v>
      </c>
      <c r="AD9573" s="2" t="s">
        <v>28888</v>
      </c>
      <c r="AE9573" s="1"/>
    </row>
    <row r="9574" spans="1:31" ht="14.45">
      <c r="A9574" s="11"/>
      <c r="B9574" s="20"/>
      <c r="C9574" s="2" t="s">
        <v>29413</v>
      </c>
      <c r="D9574" s="14" t="s">
        <v>29414</v>
      </c>
      <c r="E9574" s="2" t="s">
        <v>29415</v>
      </c>
      <c r="F9574" s="2" t="s">
        <v>28911</v>
      </c>
      <c r="G9574" s="8">
        <v>1277</v>
      </c>
      <c r="H9574" s="5">
        <v>20</v>
      </c>
      <c r="I9574" s="5" t="s">
        <v>69</v>
      </c>
      <c r="J9574" s="5" t="s">
        <v>27074</v>
      </c>
      <c r="K9574" s="2" t="s">
        <v>27075</v>
      </c>
      <c r="L9574" s="5" t="s">
        <v>27074</v>
      </c>
      <c r="M9574" s="2" t="s">
        <v>27075</v>
      </c>
      <c r="N9574" s="5" t="s">
        <v>24254</v>
      </c>
      <c r="O9574" s="5" t="s">
        <v>38</v>
      </c>
      <c r="P9574" s="5" t="s">
        <v>39</v>
      </c>
      <c r="Q9574" s="5" t="s">
        <v>40</v>
      </c>
      <c r="R9574" s="5" t="s">
        <v>1487</v>
      </c>
      <c r="S9574" s="5"/>
      <c r="T9574" s="5" t="s">
        <v>42</v>
      </c>
      <c r="U9574" s="2">
        <v>0</v>
      </c>
      <c r="V9574" s="2">
        <v>0</v>
      </c>
      <c r="W9574" s="2">
        <v>0</v>
      </c>
      <c r="X9574" s="2">
        <v>0</v>
      </c>
      <c r="Y9574" s="2">
        <v>0</v>
      </c>
      <c r="Z9574" s="2">
        <v>0</v>
      </c>
      <c r="AA9574" s="5"/>
      <c r="AB9574" s="5" t="s">
        <v>43</v>
      </c>
      <c r="AC9574" s="5" t="s">
        <v>44</v>
      </c>
      <c r="AD9574" s="2"/>
      <c r="AE9574" s="1"/>
    </row>
    <row r="9575" spans="1:31" ht="14.45">
      <c r="A9575" s="11"/>
      <c r="B9575" s="20"/>
      <c r="C9575" s="2" t="s">
        <v>29416</v>
      </c>
      <c r="D9575" s="14" t="s">
        <v>29417</v>
      </c>
      <c r="E9575" s="2" t="s">
        <v>29418</v>
      </c>
      <c r="F9575" s="2" t="s">
        <v>28915</v>
      </c>
      <c r="G9575" s="8">
        <v>1277</v>
      </c>
      <c r="H9575" s="5">
        <v>20</v>
      </c>
      <c r="I9575" s="5" t="s">
        <v>69</v>
      </c>
      <c r="J9575" s="5" t="s">
        <v>27074</v>
      </c>
      <c r="K9575" s="2" t="s">
        <v>27075</v>
      </c>
      <c r="L9575" s="5" t="s">
        <v>27074</v>
      </c>
      <c r="M9575" s="2" t="s">
        <v>27075</v>
      </c>
      <c r="N9575" s="5" t="s">
        <v>24254</v>
      </c>
      <c r="O9575" s="5" t="s">
        <v>38</v>
      </c>
      <c r="P9575" s="5" t="s">
        <v>39</v>
      </c>
      <c r="Q9575" s="5" t="s">
        <v>40</v>
      </c>
      <c r="R9575" s="5" t="s">
        <v>1487</v>
      </c>
      <c r="S9575" s="5"/>
      <c r="T9575" s="5" t="s">
        <v>42</v>
      </c>
      <c r="U9575" s="2">
        <v>0</v>
      </c>
      <c r="V9575" s="2">
        <v>0</v>
      </c>
      <c r="W9575" s="2">
        <v>0</v>
      </c>
      <c r="X9575" s="2">
        <v>0</v>
      </c>
      <c r="Y9575" s="2">
        <v>0</v>
      </c>
      <c r="Z9575" s="2">
        <v>0</v>
      </c>
      <c r="AA9575" s="5"/>
      <c r="AB9575" s="5" t="s">
        <v>43</v>
      </c>
      <c r="AC9575" s="5" t="s">
        <v>44</v>
      </c>
      <c r="AD9575" s="2"/>
      <c r="AE9575" s="1"/>
    </row>
    <row r="9576" spans="1:31" ht="14.45">
      <c r="A9576" s="11"/>
      <c r="B9576" s="20"/>
      <c r="C9576" s="2" t="s">
        <v>29419</v>
      </c>
      <c r="D9576" s="14" t="s">
        <v>29420</v>
      </c>
      <c r="E9576" s="2" t="s">
        <v>29421</v>
      </c>
      <c r="F9576" s="2" t="s">
        <v>28919</v>
      </c>
      <c r="G9576" s="8">
        <v>1277</v>
      </c>
      <c r="H9576" s="5">
        <v>20</v>
      </c>
      <c r="I9576" s="5" t="s">
        <v>69</v>
      </c>
      <c r="J9576" s="5" t="s">
        <v>27074</v>
      </c>
      <c r="K9576" s="2" t="s">
        <v>27075</v>
      </c>
      <c r="L9576" s="5" t="s">
        <v>27074</v>
      </c>
      <c r="M9576" s="2" t="s">
        <v>27075</v>
      </c>
      <c r="N9576" s="5" t="s">
        <v>24254</v>
      </c>
      <c r="O9576" s="5" t="s">
        <v>38</v>
      </c>
      <c r="P9576" s="5" t="s">
        <v>39</v>
      </c>
      <c r="Q9576" s="5" t="s">
        <v>40</v>
      </c>
      <c r="R9576" s="5" t="s">
        <v>1487</v>
      </c>
      <c r="S9576" s="5"/>
      <c r="T9576" s="5" t="s">
        <v>42</v>
      </c>
      <c r="U9576" s="2">
        <v>0</v>
      </c>
      <c r="V9576" s="2">
        <v>0</v>
      </c>
      <c r="W9576" s="2">
        <v>0</v>
      </c>
      <c r="X9576" s="2">
        <v>0</v>
      </c>
      <c r="Y9576" s="2">
        <v>0</v>
      </c>
      <c r="Z9576" s="2">
        <v>0</v>
      </c>
      <c r="AA9576" s="5"/>
      <c r="AB9576" s="5" t="s">
        <v>43</v>
      </c>
      <c r="AC9576" s="5" t="s">
        <v>44</v>
      </c>
      <c r="AD9576" s="2"/>
      <c r="AE9576" s="1"/>
    </row>
    <row r="9577" spans="1:31" ht="14.45">
      <c r="A9577" s="11"/>
      <c r="B9577" s="20"/>
      <c r="C9577" s="2" t="s">
        <v>29422</v>
      </c>
      <c r="D9577" s="14" t="s">
        <v>29423</v>
      </c>
      <c r="E9577" s="2" t="s">
        <v>29424</v>
      </c>
      <c r="F9577" s="2" t="s">
        <v>28923</v>
      </c>
      <c r="G9577" s="8">
        <v>1277</v>
      </c>
      <c r="H9577" s="5">
        <v>20</v>
      </c>
      <c r="I9577" s="5" t="s">
        <v>69</v>
      </c>
      <c r="J9577" s="5" t="s">
        <v>27074</v>
      </c>
      <c r="K9577" s="2" t="s">
        <v>27075</v>
      </c>
      <c r="L9577" s="5" t="s">
        <v>27074</v>
      </c>
      <c r="M9577" s="2" t="s">
        <v>27075</v>
      </c>
      <c r="N9577" s="5" t="s">
        <v>24254</v>
      </c>
      <c r="O9577" s="5" t="s">
        <v>38</v>
      </c>
      <c r="P9577" s="5" t="s">
        <v>39</v>
      </c>
      <c r="Q9577" s="5" t="s">
        <v>40</v>
      </c>
      <c r="R9577" s="5" t="s">
        <v>1487</v>
      </c>
      <c r="S9577" s="5"/>
      <c r="T9577" s="5" t="s">
        <v>42</v>
      </c>
      <c r="U9577" s="2">
        <v>0</v>
      </c>
      <c r="V9577" s="2">
        <v>0</v>
      </c>
      <c r="W9577" s="2">
        <v>0</v>
      </c>
      <c r="X9577" s="2">
        <v>0</v>
      </c>
      <c r="Y9577" s="2">
        <v>0</v>
      </c>
      <c r="Z9577" s="2">
        <v>0</v>
      </c>
      <c r="AA9577" s="5"/>
      <c r="AB9577" s="5" t="s">
        <v>43</v>
      </c>
      <c r="AC9577" s="5" t="s">
        <v>44</v>
      </c>
      <c r="AD9577" s="2"/>
      <c r="AE9577" s="1"/>
    </row>
    <row r="9578" spans="1:31" ht="14.45">
      <c r="A9578" s="11"/>
      <c r="B9578" s="20"/>
      <c r="C9578" s="2" t="s">
        <v>29425</v>
      </c>
      <c r="D9578" s="14" t="s">
        <v>29426</v>
      </c>
      <c r="E9578" s="2" t="s">
        <v>29427</v>
      </c>
      <c r="F9578" s="2" t="s">
        <v>28927</v>
      </c>
      <c r="G9578" s="8">
        <v>446</v>
      </c>
      <c r="H9578" s="5">
        <v>20</v>
      </c>
      <c r="I9578" s="5" t="s">
        <v>69</v>
      </c>
      <c r="J9578" s="5" t="s">
        <v>27074</v>
      </c>
      <c r="K9578" s="2" t="s">
        <v>27075</v>
      </c>
      <c r="L9578" s="5" t="s">
        <v>27074</v>
      </c>
      <c r="M9578" s="2" t="s">
        <v>27075</v>
      </c>
      <c r="N9578" s="5" t="s">
        <v>24254</v>
      </c>
      <c r="O9578" s="5" t="s">
        <v>38</v>
      </c>
      <c r="P9578" s="5" t="s">
        <v>39</v>
      </c>
      <c r="Q9578" s="5" t="s">
        <v>40</v>
      </c>
      <c r="R9578" s="5" t="s">
        <v>24340</v>
      </c>
      <c r="S9578" s="5" t="s">
        <v>40</v>
      </c>
      <c r="T9578" s="5" t="s">
        <v>42</v>
      </c>
      <c r="U9578" s="2">
        <v>18.343</v>
      </c>
      <c r="V9578" s="2">
        <v>16.346</v>
      </c>
      <c r="W9578" s="2">
        <v>0.11600000000000001</v>
      </c>
      <c r="X9578" s="2">
        <v>12</v>
      </c>
      <c r="Y9578" s="2">
        <v>50</v>
      </c>
      <c r="Z9578" s="2">
        <v>193.9</v>
      </c>
      <c r="AA9578" s="5">
        <v>8</v>
      </c>
      <c r="AB9578" s="5" t="s">
        <v>43</v>
      </c>
      <c r="AC9578" s="5" t="s">
        <v>44</v>
      </c>
      <c r="AD9578" s="2" t="s">
        <v>28928</v>
      </c>
      <c r="AE9578" s="1"/>
    </row>
    <row r="9579" spans="1:31" ht="14.45">
      <c r="A9579" s="11"/>
      <c r="B9579" s="20"/>
      <c r="C9579" s="2" t="s">
        <v>29428</v>
      </c>
      <c r="D9579" s="14" t="s">
        <v>29429</v>
      </c>
      <c r="E9579" s="2" t="s">
        <v>29430</v>
      </c>
      <c r="F9579" s="2" t="s">
        <v>28932</v>
      </c>
      <c r="G9579" s="8">
        <v>446</v>
      </c>
      <c r="H9579" s="5">
        <v>20</v>
      </c>
      <c r="I9579" s="5" t="s">
        <v>69</v>
      </c>
      <c r="J9579" s="5" t="s">
        <v>27074</v>
      </c>
      <c r="K9579" s="2" t="s">
        <v>27075</v>
      </c>
      <c r="L9579" s="5" t="s">
        <v>27074</v>
      </c>
      <c r="M9579" s="2" t="s">
        <v>27075</v>
      </c>
      <c r="N9579" s="5" t="s">
        <v>24254</v>
      </c>
      <c r="O9579" s="5" t="s">
        <v>38</v>
      </c>
      <c r="P9579" s="5" t="s">
        <v>39</v>
      </c>
      <c r="Q9579" s="5" t="s">
        <v>40</v>
      </c>
      <c r="R9579" s="5" t="s">
        <v>24340</v>
      </c>
      <c r="S9579" s="5" t="s">
        <v>40</v>
      </c>
      <c r="T9579" s="5" t="s">
        <v>42</v>
      </c>
      <c r="U9579" s="2">
        <v>14.170999999999999</v>
      </c>
      <c r="V9579" s="2">
        <v>12.173999999999999</v>
      </c>
      <c r="W9579" s="2">
        <v>0.11600000000000001</v>
      </c>
      <c r="X9579" s="2">
        <v>12</v>
      </c>
      <c r="Y9579" s="2">
        <v>50</v>
      </c>
      <c r="Z9579" s="2">
        <v>193.9</v>
      </c>
      <c r="AA9579" s="5">
        <v>8</v>
      </c>
      <c r="AB9579" s="5" t="s">
        <v>43</v>
      </c>
      <c r="AC9579" s="5" t="s">
        <v>44</v>
      </c>
      <c r="AD9579" s="2" t="s">
        <v>28928</v>
      </c>
      <c r="AE9579" s="1"/>
    </row>
    <row r="9580" spans="1:31" ht="14.45">
      <c r="A9580" s="11"/>
      <c r="B9580" s="20"/>
      <c r="C9580" s="2" t="s">
        <v>29431</v>
      </c>
      <c r="D9580" s="14" t="s">
        <v>29432</v>
      </c>
      <c r="E9580" s="2" t="s">
        <v>29433</v>
      </c>
      <c r="F9580" s="2" t="s">
        <v>28936</v>
      </c>
      <c r="G9580" s="8">
        <v>446</v>
      </c>
      <c r="H9580" s="5">
        <v>20</v>
      </c>
      <c r="I9580" s="5" t="s">
        <v>69</v>
      </c>
      <c r="J9580" s="5" t="s">
        <v>27074</v>
      </c>
      <c r="K9580" s="2" t="s">
        <v>27075</v>
      </c>
      <c r="L9580" s="5" t="s">
        <v>27074</v>
      </c>
      <c r="M9580" s="2" t="s">
        <v>27075</v>
      </c>
      <c r="N9580" s="5" t="s">
        <v>24254</v>
      </c>
      <c r="O9580" s="5" t="s">
        <v>38</v>
      </c>
      <c r="P9580" s="5" t="s">
        <v>39</v>
      </c>
      <c r="Q9580" s="5" t="s">
        <v>40</v>
      </c>
      <c r="R9580" s="5" t="s">
        <v>24340</v>
      </c>
      <c r="S9580" s="5" t="s">
        <v>40</v>
      </c>
      <c r="T9580" s="5" t="s">
        <v>42</v>
      </c>
      <c r="U9580" s="2">
        <v>13.147</v>
      </c>
      <c r="V9580" s="2">
        <v>11.183999999999999</v>
      </c>
      <c r="W9580" s="2">
        <v>0.11600000000000001</v>
      </c>
      <c r="X9580" s="2">
        <v>12</v>
      </c>
      <c r="Y9580" s="2">
        <v>50</v>
      </c>
      <c r="Z9580" s="2">
        <v>193.9</v>
      </c>
      <c r="AA9580" s="5">
        <v>8</v>
      </c>
      <c r="AB9580" s="5" t="s">
        <v>43</v>
      </c>
      <c r="AC9580" s="5" t="s">
        <v>44</v>
      </c>
      <c r="AD9580" s="2" t="s">
        <v>28928</v>
      </c>
      <c r="AE9580" s="1"/>
    </row>
    <row r="9581" spans="1:31" ht="14.45">
      <c r="A9581" s="11"/>
      <c r="B9581" s="20"/>
      <c r="C9581" s="2" t="s">
        <v>29434</v>
      </c>
      <c r="D9581" s="14" t="s">
        <v>29435</v>
      </c>
      <c r="E9581" s="2" t="s">
        <v>29436</v>
      </c>
      <c r="F9581" s="2" t="s">
        <v>28940</v>
      </c>
      <c r="G9581" s="8">
        <v>446</v>
      </c>
      <c r="H9581" s="5">
        <v>20</v>
      </c>
      <c r="I9581" s="5" t="s">
        <v>69</v>
      </c>
      <c r="J9581" s="5" t="s">
        <v>27074</v>
      </c>
      <c r="K9581" s="2" t="s">
        <v>27075</v>
      </c>
      <c r="L9581" s="5" t="s">
        <v>27074</v>
      </c>
      <c r="M9581" s="2" t="s">
        <v>27075</v>
      </c>
      <c r="N9581" s="5" t="s">
        <v>24254</v>
      </c>
      <c r="O9581" s="5" t="s">
        <v>38</v>
      </c>
      <c r="P9581" s="5" t="s">
        <v>39</v>
      </c>
      <c r="Q9581" s="5" t="s">
        <v>40</v>
      </c>
      <c r="R9581" s="5" t="s">
        <v>24340</v>
      </c>
      <c r="S9581" s="5" t="s">
        <v>40</v>
      </c>
      <c r="T9581" s="5" t="s">
        <v>42</v>
      </c>
      <c r="U9581" s="2">
        <v>13.608000000000001</v>
      </c>
      <c r="V9581" s="2">
        <v>11.645</v>
      </c>
      <c r="W9581" s="2">
        <v>0.11600000000000001</v>
      </c>
      <c r="X9581" s="2">
        <v>12</v>
      </c>
      <c r="Y9581" s="2">
        <v>50</v>
      </c>
      <c r="Z9581" s="2">
        <v>193.9</v>
      </c>
      <c r="AA9581" s="5">
        <v>10</v>
      </c>
      <c r="AB9581" s="5" t="s">
        <v>43</v>
      </c>
      <c r="AC9581" s="5" t="s">
        <v>44</v>
      </c>
      <c r="AD9581" s="2" t="s">
        <v>28941</v>
      </c>
      <c r="AE9581" s="1"/>
    </row>
    <row r="9582" spans="1:31" ht="14.45">
      <c r="A9582" s="11"/>
      <c r="B9582" s="20"/>
      <c r="C9582" s="2" t="s">
        <v>29437</v>
      </c>
      <c r="D9582" s="14" t="s">
        <v>29438</v>
      </c>
      <c r="E9582" s="2" t="s">
        <v>29439</v>
      </c>
      <c r="F9582" s="2" t="s">
        <v>28887</v>
      </c>
      <c r="G9582" s="8">
        <v>446</v>
      </c>
      <c r="H9582" s="5">
        <v>20</v>
      </c>
      <c r="I9582" s="5" t="s">
        <v>69</v>
      </c>
      <c r="J9582" s="5" t="s">
        <v>27074</v>
      </c>
      <c r="K9582" s="2" t="s">
        <v>27075</v>
      </c>
      <c r="L9582" s="5" t="s">
        <v>27074</v>
      </c>
      <c r="M9582" s="2" t="s">
        <v>27075</v>
      </c>
      <c r="N9582" s="5" t="s">
        <v>24254</v>
      </c>
      <c r="O9582" s="5" t="s">
        <v>38</v>
      </c>
      <c r="P9582" s="5" t="s">
        <v>39</v>
      </c>
      <c r="Q9582" s="5" t="s">
        <v>40</v>
      </c>
      <c r="R9582" s="5" t="s">
        <v>25301</v>
      </c>
      <c r="S9582" s="5" t="s">
        <v>40</v>
      </c>
      <c r="T9582" s="5" t="s">
        <v>42</v>
      </c>
      <c r="U9582" s="2">
        <v>16.414999999999999</v>
      </c>
      <c r="V9582" s="2">
        <v>14.417999999999999</v>
      </c>
      <c r="W9582" s="2">
        <v>0.11600000000000001</v>
      </c>
      <c r="X9582" s="2">
        <v>12</v>
      </c>
      <c r="Y9582" s="2">
        <v>50</v>
      </c>
      <c r="Z9582" s="2">
        <v>193.9</v>
      </c>
      <c r="AA9582" s="5">
        <v>8</v>
      </c>
      <c r="AB9582" s="5" t="s">
        <v>43</v>
      </c>
      <c r="AC9582" s="5" t="s">
        <v>44</v>
      </c>
      <c r="AD9582" s="2" t="s">
        <v>28888</v>
      </c>
      <c r="AE9582" s="1"/>
    </row>
    <row r="9583" spans="1:31" ht="14.45">
      <c r="A9583" s="11"/>
      <c r="B9583" s="20"/>
      <c r="C9583" s="2" t="s">
        <v>29440</v>
      </c>
      <c r="D9583" s="14" t="s">
        <v>29441</v>
      </c>
      <c r="E9583" s="2" t="s">
        <v>29442</v>
      </c>
      <c r="F9583" s="2" t="s">
        <v>28948</v>
      </c>
      <c r="G9583" s="8">
        <v>446</v>
      </c>
      <c r="H9583" s="5">
        <v>20</v>
      </c>
      <c r="I9583" s="5" t="s">
        <v>69</v>
      </c>
      <c r="J9583" s="5" t="s">
        <v>27074</v>
      </c>
      <c r="K9583" s="2" t="s">
        <v>27075</v>
      </c>
      <c r="L9583" s="5" t="s">
        <v>27074</v>
      </c>
      <c r="M9583" s="2" t="s">
        <v>27075</v>
      </c>
      <c r="N9583" s="5" t="s">
        <v>24254</v>
      </c>
      <c r="O9583" s="5" t="s">
        <v>38</v>
      </c>
      <c r="P9583" s="5" t="s">
        <v>39</v>
      </c>
      <c r="Q9583" s="5" t="s">
        <v>40</v>
      </c>
      <c r="R9583" s="5" t="s">
        <v>25301</v>
      </c>
      <c r="S9583" s="5" t="s">
        <v>40</v>
      </c>
      <c r="T9583" s="5" t="s">
        <v>42</v>
      </c>
      <c r="U9583" s="2">
        <v>12.627000000000001</v>
      </c>
      <c r="V9583" s="2">
        <v>10.63</v>
      </c>
      <c r="W9583" s="2">
        <v>0.11600000000000001</v>
      </c>
      <c r="X9583" s="2">
        <v>12</v>
      </c>
      <c r="Y9583" s="2">
        <v>50</v>
      </c>
      <c r="Z9583" s="2">
        <v>193.9</v>
      </c>
      <c r="AA9583" s="5">
        <v>8</v>
      </c>
      <c r="AB9583" s="5" t="s">
        <v>43</v>
      </c>
      <c r="AC9583" s="5" t="s">
        <v>44</v>
      </c>
      <c r="AD9583" s="2" t="s">
        <v>28888</v>
      </c>
      <c r="AE9583" s="1"/>
    </row>
    <row r="9584" spans="1:31" ht="14.45">
      <c r="A9584" s="11"/>
      <c r="B9584" s="20"/>
      <c r="C9584" s="2" t="s">
        <v>29443</v>
      </c>
      <c r="D9584" s="14" t="s">
        <v>29444</v>
      </c>
      <c r="E9584" s="2" t="s">
        <v>29445</v>
      </c>
      <c r="F9584" s="2" t="s">
        <v>28892</v>
      </c>
      <c r="G9584" s="8">
        <v>446</v>
      </c>
      <c r="H9584" s="5">
        <v>20</v>
      </c>
      <c r="I9584" s="5" t="s">
        <v>69</v>
      </c>
      <c r="J9584" s="5" t="s">
        <v>27074</v>
      </c>
      <c r="K9584" s="2" t="s">
        <v>27075</v>
      </c>
      <c r="L9584" s="5" t="s">
        <v>27074</v>
      </c>
      <c r="M9584" s="2" t="s">
        <v>27075</v>
      </c>
      <c r="N9584" s="5" t="s">
        <v>24254</v>
      </c>
      <c r="O9584" s="5" t="s">
        <v>38</v>
      </c>
      <c r="P9584" s="5" t="s">
        <v>39</v>
      </c>
      <c r="Q9584" s="5" t="s">
        <v>40</v>
      </c>
      <c r="R9584" s="5" t="s">
        <v>25301</v>
      </c>
      <c r="S9584" s="5" t="s">
        <v>40</v>
      </c>
      <c r="T9584" s="5" t="s">
        <v>42</v>
      </c>
      <c r="U9584" s="2">
        <v>11.906000000000001</v>
      </c>
      <c r="V9584" s="2">
        <v>9.9429999999999996</v>
      </c>
      <c r="W9584" s="2">
        <v>0.11600000000000001</v>
      </c>
      <c r="X9584" s="2">
        <v>12</v>
      </c>
      <c r="Y9584" s="2">
        <v>50</v>
      </c>
      <c r="Z9584" s="2">
        <v>193.9</v>
      </c>
      <c r="AA9584" s="5">
        <v>8</v>
      </c>
      <c r="AB9584" s="5" t="s">
        <v>43</v>
      </c>
      <c r="AC9584" s="5" t="s">
        <v>44</v>
      </c>
      <c r="AD9584" s="2" t="s">
        <v>28888</v>
      </c>
      <c r="AE9584" s="1"/>
    </row>
    <row r="9585" spans="1:31" ht="14.45">
      <c r="A9585" s="11"/>
      <c r="B9585" s="20"/>
      <c r="C9585" s="2" t="s">
        <v>29446</v>
      </c>
      <c r="D9585" s="14" t="s">
        <v>29447</v>
      </c>
      <c r="E9585" s="2" t="s">
        <v>29448</v>
      </c>
      <c r="F9585" s="2" t="s">
        <v>28896</v>
      </c>
      <c r="G9585" s="8">
        <v>446</v>
      </c>
      <c r="H9585" s="5">
        <v>20</v>
      </c>
      <c r="I9585" s="5" t="s">
        <v>69</v>
      </c>
      <c r="J9585" s="5" t="s">
        <v>27074</v>
      </c>
      <c r="K9585" s="2" t="s">
        <v>27075</v>
      </c>
      <c r="L9585" s="5" t="s">
        <v>27074</v>
      </c>
      <c r="M9585" s="2" t="s">
        <v>27075</v>
      </c>
      <c r="N9585" s="5" t="s">
        <v>24254</v>
      </c>
      <c r="O9585" s="5" t="s">
        <v>38</v>
      </c>
      <c r="P9585" s="5" t="s">
        <v>39</v>
      </c>
      <c r="Q9585" s="5" t="s">
        <v>40</v>
      </c>
      <c r="R9585" s="5" t="s">
        <v>25301</v>
      </c>
      <c r="S9585" s="5" t="s">
        <v>40</v>
      </c>
      <c r="T9585" s="5" t="s">
        <v>42</v>
      </c>
      <c r="U9585" s="2">
        <v>12.941000000000001</v>
      </c>
      <c r="V9585" s="2">
        <v>10.978</v>
      </c>
      <c r="W9585" s="2">
        <v>0.11600000000000001</v>
      </c>
      <c r="X9585" s="2">
        <v>12</v>
      </c>
      <c r="Y9585" s="2">
        <v>50</v>
      </c>
      <c r="Z9585" s="2">
        <v>193.9</v>
      </c>
      <c r="AA9585" s="5">
        <v>10</v>
      </c>
      <c r="AB9585" s="5" t="s">
        <v>43</v>
      </c>
      <c r="AC9585" s="5" t="s">
        <v>44</v>
      </c>
      <c r="AD9585" s="2" t="s">
        <v>28897</v>
      </c>
      <c r="AE9585" s="1"/>
    </row>
    <row r="9586" spans="1:31" ht="14.45">
      <c r="A9586" s="11"/>
      <c r="B9586" s="20"/>
      <c r="C9586" s="2" t="s">
        <v>29449</v>
      </c>
      <c r="D9586" s="14" t="s">
        <v>29450</v>
      </c>
      <c r="E9586" s="2" t="s">
        <v>29451</v>
      </c>
      <c r="F9586" s="2" t="s">
        <v>28901</v>
      </c>
      <c r="G9586" s="8">
        <v>446</v>
      </c>
      <c r="H9586" s="5">
        <v>20</v>
      </c>
      <c r="I9586" s="5" t="s">
        <v>69</v>
      </c>
      <c r="J9586" s="5" t="s">
        <v>27074</v>
      </c>
      <c r="K9586" s="2" t="s">
        <v>27075</v>
      </c>
      <c r="L9586" s="5" t="s">
        <v>27074</v>
      </c>
      <c r="M9586" s="2" t="s">
        <v>27075</v>
      </c>
      <c r="N9586" s="5" t="s">
        <v>24254</v>
      </c>
      <c r="O9586" s="5" t="s">
        <v>38</v>
      </c>
      <c r="P9586" s="5" t="s">
        <v>39</v>
      </c>
      <c r="Q9586" s="5" t="s">
        <v>40</v>
      </c>
      <c r="R9586" s="5" t="s">
        <v>25301</v>
      </c>
      <c r="S9586" s="5" t="s">
        <v>40</v>
      </c>
      <c r="T9586" s="5" t="s">
        <v>42</v>
      </c>
      <c r="U9586" s="2">
        <v>10.066000000000001</v>
      </c>
      <c r="V9586" s="2">
        <v>8.1029999999999998</v>
      </c>
      <c r="W9586" s="2">
        <v>0.11600000000000001</v>
      </c>
      <c r="X9586" s="2">
        <v>12</v>
      </c>
      <c r="Y9586" s="2">
        <v>50</v>
      </c>
      <c r="Z9586" s="2">
        <v>193.9</v>
      </c>
      <c r="AA9586" s="5">
        <v>10</v>
      </c>
      <c r="AB9586" s="5" t="s">
        <v>43</v>
      </c>
      <c r="AC9586" s="5" t="s">
        <v>44</v>
      </c>
      <c r="AD9586" s="2" t="s">
        <v>28902</v>
      </c>
      <c r="AE9586" s="1"/>
    </row>
    <row r="9587" spans="1:31" ht="14.45">
      <c r="A9587" s="11"/>
      <c r="B9587" s="20"/>
      <c r="C9587" s="2" t="s">
        <v>29452</v>
      </c>
      <c r="D9587" s="14" t="s">
        <v>29453</v>
      </c>
      <c r="E9587" s="2" t="s">
        <v>29454</v>
      </c>
      <c r="F9587" s="2" t="s">
        <v>28906</v>
      </c>
      <c r="G9587" s="8">
        <v>446</v>
      </c>
      <c r="H9587" s="5">
        <v>20</v>
      </c>
      <c r="I9587" s="5" t="s">
        <v>69</v>
      </c>
      <c r="J9587" s="5" t="s">
        <v>27074</v>
      </c>
      <c r="K9587" s="2" t="s">
        <v>27075</v>
      </c>
      <c r="L9587" s="5" t="s">
        <v>27074</v>
      </c>
      <c r="M9587" s="2" t="s">
        <v>27075</v>
      </c>
      <c r="N9587" s="5" t="s">
        <v>24254</v>
      </c>
      <c r="O9587" s="5" t="s">
        <v>38</v>
      </c>
      <c r="P9587" s="5" t="s">
        <v>39</v>
      </c>
      <c r="Q9587" s="5" t="s">
        <v>40</v>
      </c>
      <c r="R9587" s="5" t="s">
        <v>25301</v>
      </c>
      <c r="S9587" s="5" t="s">
        <v>40</v>
      </c>
      <c r="T9587" s="5" t="s">
        <v>42</v>
      </c>
      <c r="U9587" s="2">
        <v>11.55</v>
      </c>
      <c r="V9587" s="2">
        <v>9.5869999999999997</v>
      </c>
      <c r="W9587" s="2">
        <v>0.11600000000000001</v>
      </c>
      <c r="X9587" s="2">
        <v>12</v>
      </c>
      <c r="Y9587" s="2">
        <v>50</v>
      </c>
      <c r="Z9587" s="2">
        <v>193.9</v>
      </c>
      <c r="AA9587" s="5">
        <v>10</v>
      </c>
      <c r="AB9587" s="5" t="s">
        <v>43</v>
      </c>
      <c r="AC9587" s="5" t="s">
        <v>44</v>
      </c>
      <c r="AD9587" s="2" t="s">
        <v>28907</v>
      </c>
      <c r="AE9587" s="1"/>
    </row>
    <row r="9588" spans="1:31" ht="14.45">
      <c r="A9588" s="11"/>
      <c r="B9588" s="20"/>
      <c r="C9588" s="2" t="s">
        <v>29455</v>
      </c>
      <c r="D9588" s="14" t="s">
        <v>29456</v>
      </c>
      <c r="E9588" s="2" t="s">
        <v>29457</v>
      </c>
      <c r="F9588" s="2" t="s">
        <v>28906</v>
      </c>
      <c r="G9588" s="8">
        <v>446</v>
      </c>
      <c r="H9588" s="5">
        <v>20</v>
      </c>
      <c r="I9588" s="5" t="s">
        <v>69</v>
      </c>
      <c r="J9588" s="5" t="s">
        <v>27074</v>
      </c>
      <c r="K9588" s="2" t="s">
        <v>27075</v>
      </c>
      <c r="L9588" s="5" t="s">
        <v>27074</v>
      </c>
      <c r="M9588" s="2" t="s">
        <v>27075</v>
      </c>
      <c r="N9588" s="5" t="s">
        <v>24254</v>
      </c>
      <c r="O9588" s="5" t="s">
        <v>38</v>
      </c>
      <c r="P9588" s="5" t="s">
        <v>39</v>
      </c>
      <c r="Q9588" s="5" t="s">
        <v>40</v>
      </c>
      <c r="R9588" s="5" t="s">
        <v>25301</v>
      </c>
      <c r="S9588" s="5" t="s">
        <v>40</v>
      </c>
      <c r="T9588" s="5" t="s">
        <v>42</v>
      </c>
      <c r="U9588" s="2">
        <v>12.502000000000001</v>
      </c>
      <c r="V9588" s="2">
        <v>10.539</v>
      </c>
      <c r="W9588" s="2">
        <v>0.11600000000000001</v>
      </c>
      <c r="X9588" s="2">
        <v>12</v>
      </c>
      <c r="Y9588" s="2">
        <v>50</v>
      </c>
      <c r="Z9588" s="2">
        <v>193.9</v>
      </c>
      <c r="AA9588" s="5">
        <v>10</v>
      </c>
      <c r="AB9588" s="5" t="s">
        <v>43</v>
      </c>
      <c r="AC9588" s="5" t="s">
        <v>44</v>
      </c>
      <c r="AD9588" s="2" t="s">
        <v>28902</v>
      </c>
      <c r="AE9588" s="1"/>
    </row>
    <row r="9589" spans="1:31" ht="14.45">
      <c r="A9589" s="11"/>
      <c r="B9589" s="20"/>
      <c r="C9589" s="2" t="s">
        <v>29458</v>
      </c>
      <c r="D9589" s="14" t="s">
        <v>29459</v>
      </c>
      <c r="E9589" s="2" t="s">
        <v>29460</v>
      </c>
      <c r="F9589" s="2" t="s">
        <v>28911</v>
      </c>
      <c r="G9589" s="8">
        <v>1293</v>
      </c>
      <c r="H9589" s="5">
        <v>20</v>
      </c>
      <c r="I9589" s="5" t="s">
        <v>69</v>
      </c>
      <c r="J9589" s="5" t="s">
        <v>27074</v>
      </c>
      <c r="K9589" s="2" t="s">
        <v>27075</v>
      </c>
      <c r="L9589" s="5" t="s">
        <v>27074</v>
      </c>
      <c r="M9589" s="2" t="s">
        <v>27075</v>
      </c>
      <c r="N9589" s="5" t="s">
        <v>24254</v>
      </c>
      <c r="O9589" s="5" t="s">
        <v>38</v>
      </c>
      <c r="P9589" s="5" t="s">
        <v>39</v>
      </c>
      <c r="Q9589" s="5" t="s">
        <v>40</v>
      </c>
      <c r="R9589" s="5" t="s">
        <v>1487</v>
      </c>
      <c r="S9589" s="5"/>
      <c r="T9589" s="5" t="s">
        <v>42</v>
      </c>
      <c r="U9589" s="2">
        <v>0</v>
      </c>
      <c r="V9589" s="2">
        <v>0</v>
      </c>
      <c r="W9589" s="2">
        <v>0</v>
      </c>
      <c r="X9589" s="2">
        <v>0</v>
      </c>
      <c r="Y9589" s="2">
        <v>0</v>
      </c>
      <c r="Z9589" s="2">
        <v>0</v>
      </c>
      <c r="AA9589" s="5"/>
      <c r="AB9589" s="5" t="s">
        <v>43</v>
      </c>
      <c r="AC9589" s="5" t="s">
        <v>44</v>
      </c>
      <c r="AD9589" s="2"/>
      <c r="AE9589" s="1"/>
    </row>
    <row r="9590" spans="1:31" ht="14.45">
      <c r="A9590" s="11"/>
      <c r="B9590" s="20"/>
      <c r="C9590" s="2" t="s">
        <v>29461</v>
      </c>
      <c r="D9590" s="14" t="s">
        <v>29462</v>
      </c>
      <c r="E9590" s="2" t="s">
        <v>29463</v>
      </c>
      <c r="F9590" s="2" t="s">
        <v>28915</v>
      </c>
      <c r="G9590" s="8">
        <v>1293</v>
      </c>
      <c r="H9590" s="5">
        <v>20</v>
      </c>
      <c r="I9590" s="5" t="s">
        <v>69</v>
      </c>
      <c r="J9590" s="5" t="s">
        <v>27074</v>
      </c>
      <c r="K9590" s="2" t="s">
        <v>27075</v>
      </c>
      <c r="L9590" s="5" t="s">
        <v>27074</v>
      </c>
      <c r="M9590" s="2" t="s">
        <v>27075</v>
      </c>
      <c r="N9590" s="5" t="s">
        <v>24254</v>
      </c>
      <c r="O9590" s="5" t="s">
        <v>38</v>
      </c>
      <c r="P9590" s="5" t="s">
        <v>39</v>
      </c>
      <c r="Q9590" s="5" t="s">
        <v>40</v>
      </c>
      <c r="R9590" s="5" t="s">
        <v>1487</v>
      </c>
      <c r="S9590" s="5"/>
      <c r="T9590" s="5" t="s">
        <v>42</v>
      </c>
      <c r="U9590" s="2">
        <v>0</v>
      </c>
      <c r="V9590" s="2">
        <v>0</v>
      </c>
      <c r="W9590" s="2">
        <v>0</v>
      </c>
      <c r="X9590" s="2">
        <v>0</v>
      </c>
      <c r="Y9590" s="2">
        <v>0</v>
      </c>
      <c r="Z9590" s="2">
        <v>0</v>
      </c>
      <c r="AA9590" s="5"/>
      <c r="AB9590" s="5" t="s">
        <v>43</v>
      </c>
      <c r="AC9590" s="5" t="s">
        <v>44</v>
      </c>
      <c r="AD9590" s="2"/>
      <c r="AE9590" s="1"/>
    </row>
    <row r="9591" spans="1:31" ht="14.45">
      <c r="A9591" s="11"/>
      <c r="B9591" s="20"/>
      <c r="C9591" s="2" t="s">
        <v>29464</v>
      </c>
      <c r="D9591" s="14" t="s">
        <v>29465</v>
      </c>
      <c r="E9591" s="2" t="s">
        <v>29466</v>
      </c>
      <c r="F9591" s="2" t="s">
        <v>28919</v>
      </c>
      <c r="G9591" s="8">
        <v>1293</v>
      </c>
      <c r="H9591" s="5">
        <v>20</v>
      </c>
      <c r="I9591" s="5" t="s">
        <v>69</v>
      </c>
      <c r="J9591" s="5" t="s">
        <v>27074</v>
      </c>
      <c r="K9591" s="2" t="s">
        <v>27075</v>
      </c>
      <c r="L9591" s="5" t="s">
        <v>27074</v>
      </c>
      <c r="M9591" s="2" t="s">
        <v>27075</v>
      </c>
      <c r="N9591" s="5" t="s">
        <v>24254</v>
      </c>
      <c r="O9591" s="5" t="s">
        <v>38</v>
      </c>
      <c r="P9591" s="5" t="s">
        <v>39</v>
      </c>
      <c r="Q9591" s="5" t="s">
        <v>40</v>
      </c>
      <c r="R9591" s="5" t="s">
        <v>1487</v>
      </c>
      <c r="S9591" s="5"/>
      <c r="T9591" s="5" t="s">
        <v>42</v>
      </c>
      <c r="U9591" s="2">
        <v>0</v>
      </c>
      <c r="V9591" s="2">
        <v>0</v>
      </c>
      <c r="W9591" s="2">
        <v>0</v>
      </c>
      <c r="X9591" s="2">
        <v>0</v>
      </c>
      <c r="Y9591" s="2">
        <v>0</v>
      </c>
      <c r="Z9591" s="2">
        <v>0</v>
      </c>
      <c r="AA9591" s="5"/>
      <c r="AB9591" s="5" t="s">
        <v>43</v>
      </c>
      <c r="AC9591" s="5" t="s">
        <v>44</v>
      </c>
      <c r="AD9591" s="2"/>
      <c r="AE9591" s="1"/>
    </row>
    <row r="9592" spans="1:31" ht="14.45">
      <c r="A9592" s="11"/>
      <c r="B9592" s="20"/>
      <c r="C9592" s="2" t="s">
        <v>29467</v>
      </c>
      <c r="D9592" s="14" t="s">
        <v>29468</v>
      </c>
      <c r="E9592" s="2" t="s">
        <v>29469</v>
      </c>
      <c r="F9592" s="2" t="s">
        <v>28923</v>
      </c>
      <c r="G9592" s="8">
        <v>1293</v>
      </c>
      <c r="H9592" s="5">
        <v>20</v>
      </c>
      <c r="I9592" s="5" t="s">
        <v>69</v>
      </c>
      <c r="J9592" s="5" t="s">
        <v>27074</v>
      </c>
      <c r="K9592" s="2" t="s">
        <v>27075</v>
      </c>
      <c r="L9592" s="5" t="s">
        <v>27074</v>
      </c>
      <c r="M9592" s="2" t="s">
        <v>27075</v>
      </c>
      <c r="N9592" s="5" t="s">
        <v>24254</v>
      </c>
      <c r="O9592" s="5" t="s">
        <v>38</v>
      </c>
      <c r="P9592" s="5" t="s">
        <v>39</v>
      </c>
      <c r="Q9592" s="5" t="s">
        <v>40</v>
      </c>
      <c r="R9592" s="5" t="s">
        <v>1487</v>
      </c>
      <c r="S9592" s="5"/>
      <c r="T9592" s="5" t="s">
        <v>42</v>
      </c>
      <c r="U9592" s="2">
        <v>0</v>
      </c>
      <c r="V9592" s="2">
        <v>0</v>
      </c>
      <c r="W9592" s="2">
        <v>0</v>
      </c>
      <c r="X9592" s="2">
        <v>0</v>
      </c>
      <c r="Y9592" s="2">
        <v>0</v>
      </c>
      <c r="Z9592" s="2">
        <v>0</v>
      </c>
      <c r="AA9592" s="5"/>
      <c r="AB9592" s="5" t="s">
        <v>43</v>
      </c>
      <c r="AC9592" s="5" t="s">
        <v>44</v>
      </c>
      <c r="AD9592" s="2"/>
      <c r="AE9592" s="1"/>
    </row>
    <row r="9593" spans="1:31" ht="14.45">
      <c r="A9593" s="11"/>
      <c r="B9593" s="20"/>
      <c r="C9593" s="2" t="s">
        <v>29470</v>
      </c>
      <c r="D9593" s="14" t="s">
        <v>29471</v>
      </c>
      <c r="E9593" s="2" t="s">
        <v>29472</v>
      </c>
      <c r="F9593" s="2" t="s">
        <v>28927</v>
      </c>
      <c r="G9593" s="8">
        <v>477</v>
      </c>
      <c r="H9593" s="5">
        <v>20</v>
      </c>
      <c r="I9593" s="5" t="s">
        <v>69</v>
      </c>
      <c r="J9593" s="5" t="s">
        <v>27074</v>
      </c>
      <c r="K9593" s="2" t="s">
        <v>27075</v>
      </c>
      <c r="L9593" s="5" t="s">
        <v>27074</v>
      </c>
      <c r="M9593" s="2" t="s">
        <v>27075</v>
      </c>
      <c r="N9593" s="5" t="s">
        <v>24254</v>
      </c>
      <c r="O9593" s="5" t="s">
        <v>38</v>
      </c>
      <c r="P9593" s="5" t="s">
        <v>39</v>
      </c>
      <c r="Q9593" s="5" t="s">
        <v>40</v>
      </c>
      <c r="R9593" s="5" t="s">
        <v>24340</v>
      </c>
      <c r="S9593" s="5" t="s">
        <v>40</v>
      </c>
      <c r="T9593" s="5" t="s">
        <v>42</v>
      </c>
      <c r="U9593" s="2">
        <v>19.911999999999999</v>
      </c>
      <c r="V9593" s="2">
        <v>17.460999999999999</v>
      </c>
      <c r="W9593" s="2">
        <v>0.13600000000000001</v>
      </c>
      <c r="X9593" s="2">
        <v>12</v>
      </c>
      <c r="Y9593" s="2">
        <v>50</v>
      </c>
      <c r="Z9593" s="2">
        <v>227.4</v>
      </c>
      <c r="AA9593" s="5">
        <v>8</v>
      </c>
      <c r="AB9593" s="5" t="s">
        <v>43</v>
      </c>
      <c r="AC9593" s="5" t="s">
        <v>44</v>
      </c>
      <c r="AD9593" s="2" t="s">
        <v>28928</v>
      </c>
      <c r="AE9593" s="1"/>
    </row>
    <row r="9594" spans="1:31" ht="14.45">
      <c r="A9594" s="11"/>
      <c r="B9594" s="20"/>
      <c r="C9594" s="2" t="s">
        <v>29473</v>
      </c>
      <c r="D9594" s="14" t="s">
        <v>29474</v>
      </c>
      <c r="E9594" s="2" t="s">
        <v>29475</v>
      </c>
      <c r="F9594" s="2" t="s">
        <v>28932</v>
      </c>
      <c r="G9594" s="8">
        <v>477</v>
      </c>
      <c r="H9594" s="5">
        <v>20</v>
      </c>
      <c r="I9594" s="5" t="s">
        <v>69</v>
      </c>
      <c r="J9594" s="5" t="s">
        <v>27074</v>
      </c>
      <c r="K9594" s="2" t="s">
        <v>27075</v>
      </c>
      <c r="L9594" s="5" t="s">
        <v>27074</v>
      </c>
      <c r="M9594" s="2" t="s">
        <v>27075</v>
      </c>
      <c r="N9594" s="5" t="s">
        <v>24254</v>
      </c>
      <c r="O9594" s="5" t="s">
        <v>38</v>
      </c>
      <c r="P9594" s="5" t="s">
        <v>39</v>
      </c>
      <c r="Q9594" s="5" t="s">
        <v>40</v>
      </c>
      <c r="R9594" s="5" t="s">
        <v>24340</v>
      </c>
      <c r="S9594" s="5" t="s">
        <v>40</v>
      </c>
      <c r="T9594" s="5" t="s">
        <v>42</v>
      </c>
      <c r="U9594" s="2">
        <v>15.404</v>
      </c>
      <c r="V9594" s="2">
        <v>12.952999999999999</v>
      </c>
      <c r="W9594" s="2">
        <v>0.13600000000000001</v>
      </c>
      <c r="X9594" s="2">
        <v>12</v>
      </c>
      <c r="Y9594" s="2">
        <v>50</v>
      </c>
      <c r="Z9594" s="2">
        <v>227.4</v>
      </c>
      <c r="AA9594" s="5">
        <v>8</v>
      </c>
      <c r="AB9594" s="5" t="s">
        <v>43</v>
      </c>
      <c r="AC9594" s="5" t="s">
        <v>44</v>
      </c>
      <c r="AD9594" s="2" t="s">
        <v>28928</v>
      </c>
      <c r="AE9594" s="1"/>
    </row>
    <row r="9595" spans="1:31" ht="14.45">
      <c r="A9595" s="11"/>
      <c r="B9595" s="20"/>
      <c r="C9595" s="2" t="s">
        <v>29476</v>
      </c>
      <c r="D9595" s="14" t="s">
        <v>29477</v>
      </c>
      <c r="E9595" s="2" t="s">
        <v>29478</v>
      </c>
      <c r="F9595" s="2" t="s">
        <v>28936</v>
      </c>
      <c r="G9595" s="8">
        <v>477</v>
      </c>
      <c r="H9595" s="5">
        <v>20</v>
      </c>
      <c r="I9595" s="5" t="s">
        <v>69</v>
      </c>
      <c r="J9595" s="5" t="s">
        <v>27074</v>
      </c>
      <c r="K9595" s="2" t="s">
        <v>27075</v>
      </c>
      <c r="L9595" s="5" t="s">
        <v>27074</v>
      </c>
      <c r="M9595" s="2" t="s">
        <v>27075</v>
      </c>
      <c r="N9595" s="5" t="s">
        <v>24254</v>
      </c>
      <c r="O9595" s="5" t="s">
        <v>38</v>
      </c>
      <c r="P9595" s="5" t="s">
        <v>39</v>
      </c>
      <c r="Q9595" s="5" t="s">
        <v>40</v>
      </c>
      <c r="R9595" s="5" t="s">
        <v>24340</v>
      </c>
      <c r="S9595" s="5" t="s">
        <v>40</v>
      </c>
      <c r="T9595" s="5" t="s">
        <v>42</v>
      </c>
      <c r="U9595" s="2">
        <v>14.308999999999999</v>
      </c>
      <c r="V9595" s="2">
        <v>11.891999999999999</v>
      </c>
      <c r="W9595" s="2">
        <v>0.13600000000000001</v>
      </c>
      <c r="X9595" s="2">
        <v>12</v>
      </c>
      <c r="Y9595" s="2">
        <v>50</v>
      </c>
      <c r="Z9595" s="2">
        <v>227.4</v>
      </c>
      <c r="AA9595" s="5">
        <v>8</v>
      </c>
      <c r="AB9595" s="5" t="s">
        <v>43</v>
      </c>
      <c r="AC9595" s="5" t="s">
        <v>44</v>
      </c>
      <c r="AD9595" s="2" t="s">
        <v>28928</v>
      </c>
      <c r="AE9595" s="1"/>
    </row>
    <row r="9596" spans="1:31" ht="14.45">
      <c r="A9596" s="11"/>
      <c r="B9596" s="20"/>
      <c r="C9596" s="2" t="s">
        <v>29479</v>
      </c>
      <c r="D9596" s="14" t="s">
        <v>29480</v>
      </c>
      <c r="E9596" s="2" t="s">
        <v>29481</v>
      </c>
      <c r="F9596" s="2" t="s">
        <v>29164</v>
      </c>
      <c r="G9596" s="8">
        <v>477</v>
      </c>
      <c r="H9596" s="5">
        <v>20</v>
      </c>
      <c r="I9596" s="5" t="s">
        <v>69</v>
      </c>
      <c r="J9596" s="5" t="s">
        <v>27074</v>
      </c>
      <c r="K9596" s="2" t="s">
        <v>27075</v>
      </c>
      <c r="L9596" s="5" t="s">
        <v>27074</v>
      </c>
      <c r="M9596" s="2" t="s">
        <v>27075</v>
      </c>
      <c r="N9596" s="5" t="s">
        <v>24254</v>
      </c>
      <c r="O9596" s="5" t="s">
        <v>38</v>
      </c>
      <c r="P9596" s="5" t="s">
        <v>39</v>
      </c>
      <c r="Q9596" s="5" t="s">
        <v>40</v>
      </c>
      <c r="R9596" s="5" t="s">
        <v>24340</v>
      </c>
      <c r="S9596" s="5" t="s">
        <v>40</v>
      </c>
      <c r="T9596" s="5" t="s">
        <v>42</v>
      </c>
      <c r="U9596" s="2">
        <v>15.192</v>
      </c>
      <c r="V9596" s="2">
        <v>12.775</v>
      </c>
      <c r="W9596" s="2">
        <v>0.13600000000000001</v>
      </c>
      <c r="X9596" s="2">
        <v>12</v>
      </c>
      <c r="Y9596" s="2">
        <v>50</v>
      </c>
      <c r="Z9596" s="2">
        <v>227.4</v>
      </c>
      <c r="AA9596" s="5">
        <v>10</v>
      </c>
      <c r="AB9596" s="5" t="s">
        <v>43</v>
      </c>
      <c r="AC9596" s="5" t="s">
        <v>44</v>
      </c>
      <c r="AD9596" s="2" t="s">
        <v>29225</v>
      </c>
      <c r="AE9596" s="1"/>
    </row>
    <row r="9597" spans="1:31" ht="14.45">
      <c r="A9597" s="11"/>
      <c r="B9597" s="20"/>
      <c r="C9597" s="2" t="s">
        <v>29482</v>
      </c>
      <c r="D9597" s="14" t="s">
        <v>29483</v>
      </c>
      <c r="E9597" s="2" t="s">
        <v>29484</v>
      </c>
      <c r="F9597" s="2" t="s">
        <v>29164</v>
      </c>
      <c r="G9597" s="8">
        <v>477</v>
      </c>
      <c r="H9597" s="5">
        <v>20</v>
      </c>
      <c r="I9597" s="5" t="s">
        <v>69</v>
      </c>
      <c r="J9597" s="5" t="s">
        <v>27074</v>
      </c>
      <c r="K9597" s="2" t="s">
        <v>27075</v>
      </c>
      <c r="L9597" s="5" t="s">
        <v>27074</v>
      </c>
      <c r="M9597" s="2" t="s">
        <v>27075</v>
      </c>
      <c r="N9597" s="5" t="s">
        <v>24254</v>
      </c>
      <c r="O9597" s="5" t="s">
        <v>38</v>
      </c>
      <c r="P9597" s="5" t="s">
        <v>39</v>
      </c>
      <c r="Q9597" s="5" t="s">
        <v>40</v>
      </c>
      <c r="R9597" s="5" t="s">
        <v>24340</v>
      </c>
      <c r="S9597" s="5" t="s">
        <v>40</v>
      </c>
      <c r="T9597" s="5" t="s">
        <v>42</v>
      </c>
      <c r="U9597" s="2">
        <v>16.126999999999999</v>
      </c>
      <c r="V9597" s="2">
        <v>13.71</v>
      </c>
      <c r="W9597" s="2">
        <v>0.13600000000000001</v>
      </c>
      <c r="X9597" s="2">
        <v>12</v>
      </c>
      <c r="Y9597" s="2">
        <v>50</v>
      </c>
      <c r="Z9597" s="2">
        <v>227.4</v>
      </c>
      <c r="AA9597" s="5">
        <v>10</v>
      </c>
      <c r="AB9597" s="5" t="s">
        <v>43</v>
      </c>
      <c r="AC9597" s="5" t="s">
        <v>44</v>
      </c>
      <c r="AD9597" s="2" t="s">
        <v>29165</v>
      </c>
      <c r="AE9597" s="1"/>
    </row>
    <row r="9598" spans="1:31" ht="14.45">
      <c r="A9598" s="11"/>
      <c r="B9598" s="20"/>
      <c r="C9598" s="2" t="s">
        <v>29485</v>
      </c>
      <c r="D9598" s="14" t="s">
        <v>29486</v>
      </c>
      <c r="E9598" s="2" t="s">
        <v>29487</v>
      </c>
      <c r="F9598" s="2" t="s">
        <v>29173</v>
      </c>
      <c r="G9598" s="8">
        <v>477</v>
      </c>
      <c r="H9598" s="5">
        <v>20</v>
      </c>
      <c r="I9598" s="5" t="s">
        <v>69</v>
      </c>
      <c r="J9598" s="5" t="s">
        <v>27074</v>
      </c>
      <c r="K9598" s="2" t="s">
        <v>27075</v>
      </c>
      <c r="L9598" s="5" t="s">
        <v>27074</v>
      </c>
      <c r="M9598" s="2" t="s">
        <v>27075</v>
      </c>
      <c r="N9598" s="5" t="s">
        <v>24254</v>
      </c>
      <c r="O9598" s="5" t="s">
        <v>38</v>
      </c>
      <c r="P9598" s="5" t="s">
        <v>39</v>
      </c>
      <c r="Q9598" s="5" t="s">
        <v>40</v>
      </c>
      <c r="R9598" s="5" t="s">
        <v>24340</v>
      </c>
      <c r="S9598" s="5" t="s">
        <v>40</v>
      </c>
      <c r="T9598" s="5" t="s">
        <v>42</v>
      </c>
      <c r="U9598" s="2">
        <v>11.218</v>
      </c>
      <c r="V9598" s="2">
        <v>8.8010000000000002</v>
      </c>
      <c r="W9598" s="2">
        <v>0.13600000000000001</v>
      </c>
      <c r="X9598" s="2">
        <v>12</v>
      </c>
      <c r="Y9598" s="2">
        <v>50</v>
      </c>
      <c r="Z9598" s="2">
        <v>227.4</v>
      </c>
      <c r="AA9598" s="5">
        <v>10</v>
      </c>
      <c r="AB9598" s="5" t="s">
        <v>43</v>
      </c>
      <c r="AC9598" s="5" t="s">
        <v>44</v>
      </c>
      <c r="AD9598" s="2" t="s">
        <v>29229</v>
      </c>
      <c r="AE9598" s="1"/>
    </row>
    <row r="9599" spans="1:31" ht="14.45">
      <c r="A9599" s="11"/>
      <c r="B9599" s="20"/>
      <c r="C9599" s="2" t="s">
        <v>29488</v>
      </c>
      <c r="D9599" s="14" t="s">
        <v>29489</v>
      </c>
      <c r="E9599" s="2" t="s">
        <v>29490</v>
      </c>
      <c r="F9599" s="2" t="s">
        <v>29173</v>
      </c>
      <c r="G9599" s="8">
        <v>477</v>
      </c>
      <c r="H9599" s="5">
        <v>20</v>
      </c>
      <c r="I9599" s="5" t="s">
        <v>69</v>
      </c>
      <c r="J9599" s="5" t="s">
        <v>27074</v>
      </c>
      <c r="K9599" s="2" t="s">
        <v>27075</v>
      </c>
      <c r="L9599" s="5" t="s">
        <v>27074</v>
      </c>
      <c r="M9599" s="2" t="s">
        <v>27075</v>
      </c>
      <c r="N9599" s="5" t="s">
        <v>24254</v>
      </c>
      <c r="O9599" s="5" t="s">
        <v>38</v>
      </c>
      <c r="P9599" s="5" t="s">
        <v>39</v>
      </c>
      <c r="Q9599" s="5" t="s">
        <v>40</v>
      </c>
      <c r="R9599" s="5" t="s">
        <v>24340</v>
      </c>
      <c r="S9599" s="5" t="s">
        <v>40</v>
      </c>
      <c r="T9599" s="5" t="s">
        <v>42</v>
      </c>
      <c r="U9599" s="2">
        <v>12.159000000000001</v>
      </c>
      <c r="V9599" s="2">
        <v>9.7420000000000009</v>
      </c>
      <c r="W9599" s="2">
        <v>0.13600000000000001</v>
      </c>
      <c r="X9599" s="2">
        <v>12</v>
      </c>
      <c r="Y9599" s="2">
        <v>50</v>
      </c>
      <c r="Z9599" s="2">
        <v>227.4</v>
      </c>
      <c r="AA9599" s="5">
        <v>10</v>
      </c>
      <c r="AB9599" s="5" t="s">
        <v>43</v>
      </c>
      <c r="AC9599" s="5" t="s">
        <v>44</v>
      </c>
      <c r="AD9599" s="2" t="s">
        <v>28941</v>
      </c>
      <c r="AE9599" s="1"/>
    </row>
    <row r="9600" spans="1:31" ht="14.45">
      <c r="A9600" s="11"/>
      <c r="B9600" s="20"/>
      <c r="C9600" s="2" t="s">
        <v>29491</v>
      </c>
      <c r="D9600" s="14" t="s">
        <v>29492</v>
      </c>
      <c r="E9600" s="2" t="s">
        <v>29493</v>
      </c>
      <c r="F9600" s="2" t="s">
        <v>28887</v>
      </c>
      <c r="G9600" s="8">
        <v>477</v>
      </c>
      <c r="H9600" s="5">
        <v>20</v>
      </c>
      <c r="I9600" s="5" t="s">
        <v>69</v>
      </c>
      <c r="J9600" s="5" t="s">
        <v>27074</v>
      </c>
      <c r="K9600" s="2" t="s">
        <v>27075</v>
      </c>
      <c r="L9600" s="5" t="s">
        <v>27074</v>
      </c>
      <c r="M9600" s="2" t="s">
        <v>27075</v>
      </c>
      <c r="N9600" s="5" t="s">
        <v>24254</v>
      </c>
      <c r="O9600" s="5" t="s">
        <v>38</v>
      </c>
      <c r="P9600" s="5" t="s">
        <v>39</v>
      </c>
      <c r="Q9600" s="5" t="s">
        <v>40</v>
      </c>
      <c r="R9600" s="5" t="s">
        <v>25301</v>
      </c>
      <c r="S9600" s="5" t="s">
        <v>40</v>
      </c>
      <c r="T9600" s="5" t="s">
        <v>42</v>
      </c>
      <c r="U9600" s="2">
        <v>17.84</v>
      </c>
      <c r="V9600" s="2">
        <v>15.388999999999999</v>
      </c>
      <c r="W9600" s="2">
        <v>0.13600000000000001</v>
      </c>
      <c r="X9600" s="2">
        <v>12</v>
      </c>
      <c r="Y9600" s="2">
        <v>50</v>
      </c>
      <c r="Z9600" s="2">
        <v>227.4</v>
      </c>
      <c r="AA9600" s="5">
        <v>8</v>
      </c>
      <c r="AB9600" s="5" t="s">
        <v>43</v>
      </c>
      <c r="AC9600" s="5" t="s">
        <v>44</v>
      </c>
      <c r="AD9600" s="2" t="s">
        <v>28888</v>
      </c>
      <c r="AE9600" s="1"/>
    </row>
    <row r="9601" spans="1:31" ht="14.45">
      <c r="A9601" s="11"/>
      <c r="B9601" s="20"/>
      <c r="C9601" s="2" t="s">
        <v>29494</v>
      </c>
      <c r="D9601" s="14" t="s">
        <v>29495</v>
      </c>
      <c r="E9601" s="2" t="s">
        <v>29496</v>
      </c>
      <c r="F9601" s="2" t="s">
        <v>28948</v>
      </c>
      <c r="G9601" s="8">
        <v>477</v>
      </c>
      <c r="H9601" s="5">
        <v>20</v>
      </c>
      <c r="I9601" s="5" t="s">
        <v>69</v>
      </c>
      <c r="J9601" s="5" t="s">
        <v>27074</v>
      </c>
      <c r="K9601" s="2" t="s">
        <v>27075</v>
      </c>
      <c r="L9601" s="5" t="s">
        <v>27074</v>
      </c>
      <c r="M9601" s="2" t="s">
        <v>27075</v>
      </c>
      <c r="N9601" s="5" t="s">
        <v>24254</v>
      </c>
      <c r="O9601" s="5" t="s">
        <v>38</v>
      </c>
      <c r="P9601" s="5" t="s">
        <v>39</v>
      </c>
      <c r="Q9601" s="5" t="s">
        <v>40</v>
      </c>
      <c r="R9601" s="5" t="s">
        <v>25301</v>
      </c>
      <c r="S9601" s="5" t="s">
        <v>40</v>
      </c>
      <c r="T9601" s="5" t="s">
        <v>42</v>
      </c>
      <c r="U9601" s="2">
        <v>13.755000000000001</v>
      </c>
      <c r="V9601" s="2">
        <v>11.304</v>
      </c>
      <c r="W9601" s="2">
        <v>0.13600000000000001</v>
      </c>
      <c r="X9601" s="2">
        <v>12</v>
      </c>
      <c r="Y9601" s="2">
        <v>50</v>
      </c>
      <c r="Z9601" s="2">
        <v>227.4</v>
      </c>
      <c r="AA9601" s="5">
        <v>8</v>
      </c>
      <c r="AB9601" s="5" t="s">
        <v>43</v>
      </c>
      <c r="AC9601" s="5" t="s">
        <v>44</v>
      </c>
      <c r="AD9601" s="2" t="s">
        <v>28888</v>
      </c>
      <c r="AE9601" s="1"/>
    </row>
    <row r="9602" spans="1:31" ht="14.45">
      <c r="A9602" s="11"/>
      <c r="B9602" s="20"/>
      <c r="C9602" s="2" t="s">
        <v>29497</v>
      </c>
      <c r="D9602" s="14" t="s">
        <v>29498</v>
      </c>
      <c r="E9602" s="2" t="s">
        <v>29499</v>
      </c>
      <c r="F9602" s="2" t="s">
        <v>28892</v>
      </c>
      <c r="G9602" s="8">
        <v>477</v>
      </c>
      <c r="H9602" s="5">
        <v>20</v>
      </c>
      <c r="I9602" s="5" t="s">
        <v>69</v>
      </c>
      <c r="J9602" s="5" t="s">
        <v>27074</v>
      </c>
      <c r="K9602" s="2" t="s">
        <v>27075</v>
      </c>
      <c r="L9602" s="5" t="s">
        <v>27074</v>
      </c>
      <c r="M9602" s="2" t="s">
        <v>27075</v>
      </c>
      <c r="N9602" s="5" t="s">
        <v>24254</v>
      </c>
      <c r="O9602" s="5" t="s">
        <v>38</v>
      </c>
      <c r="P9602" s="5" t="s">
        <v>39</v>
      </c>
      <c r="Q9602" s="5" t="s">
        <v>40</v>
      </c>
      <c r="R9602" s="5" t="s">
        <v>25301</v>
      </c>
      <c r="S9602" s="5" t="s">
        <v>40</v>
      </c>
      <c r="T9602" s="5" t="s">
        <v>42</v>
      </c>
      <c r="U9602" s="2">
        <v>13.005000000000001</v>
      </c>
      <c r="V9602" s="2">
        <v>10.587999999999999</v>
      </c>
      <c r="W9602" s="2">
        <v>0.13600000000000001</v>
      </c>
      <c r="X9602" s="2">
        <v>12</v>
      </c>
      <c r="Y9602" s="2">
        <v>50</v>
      </c>
      <c r="Z9602" s="2">
        <v>227.4</v>
      </c>
      <c r="AA9602" s="5">
        <v>8</v>
      </c>
      <c r="AB9602" s="5" t="s">
        <v>43</v>
      </c>
      <c r="AC9602" s="5" t="s">
        <v>44</v>
      </c>
      <c r="AD9602" s="2" t="s">
        <v>28888</v>
      </c>
      <c r="AE9602" s="1"/>
    </row>
    <row r="9603" spans="1:31" ht="14.45">
      <c r="A9603" s="11"/>
      <c r="B9603" s="20"/>
      <c r="C9603" s="2" t="s">
        <v>29500</v>
      </c>
      <c r="D9603" s="14" t="s">
        <v>29501</v>
      </c>
      <c r="E9603" s="2" t="s">
        <v>29502</v>
      </c>
      <c r="F9603" s="2" t="s">
        <v>28896</v>
      </c>
      <c r="G9603" s="8">
        <v>477</v>
      </c>
      <c r="H9603" s="5">
        <v>20</v>
      </c>
      <c r="I9603" s="5" t="s">
        <v>69</v>
      </c>
      <c r="J9603" s="5" t="s">
        <v>27074</v>
      </c>
      <c r="K9603" s="2" t="s">
        <v>27075</v>
      </c>
      <c r="L9603" s="5" t="s">
        <v>27074</v>
      </c>
      <c r="M9603" s="2" t="s">
        <v>27075</v>
      </c>
      <c r="N9603" s="5" t="s">
        <v>24254</v>
      </c>
      <c r="O9603" s="5" t="s">
        <v>38</v>
      </c>
      <c r="P9603" s="5" t="s">
        <v>39</v>
      </c>
      <c r="Q9603" s="5" t="s">
        <v>40</v>
      </c>
      <c r="R9603" s="5" t="s">
        <v>25301</v>
      </c>
      <c r="S9603" s="5" t="s">
        <v>40</v>
      </c>
      <c r="T9603" s="5" t="s">
        <v>42</v>
      </c>
      <c r="U9603" s="2">
        <v>13.616</v>
      </c>
      <c r="V9603" s="2">
        <v>11.199</v>
      </c>
      <c r="W9603" s="2">
        <v>0.13600000000000001</v>
      </c>
      <c r="X9603" s="2">
        <v>12</v>
      </c>
      <c r="Y9603" s="2">
        <v>50</v>
      </c>
      <c r="Z9603" s="2">
        <v>227.4</v>
      </c>
      <c r="AA9603" s="5">
        <v>10</v>
      </c>
      <c r="AB9603" s="5" t="s">
        <v>43</v>
      </c>
      <c r="AC9603" s="5" t="s">
        <v>44</v>
      </c>
      <c r="AD9603" s="2" t="s">
        <v>28955</v>
      </c>
      <c r="AE9603" s="1"/>
    </row>
    <row r="9604" spans="1:31" ht="14.45">
      <c r="A9604" s="11"/>
      <c r="B9604" s="20"/>
      <c r="C9604" s="2" t="s">
        <v>29503</v>
      </c>
      <c r="D9604" s="14" t="s">
        <v>29504</v>
      </c>
      <c r="E9604" s="2" t="s">
        <v>29505</v>
      </c>
      <c r="F9604" s="2" t="s">
        <v>28896</v>
      </c>
      <c r="G9604" s="8">
        <v>477</v>
      </c>
      <c r="H9604" s="5">
        <v>20</v>
      </c>
      <c r="I9604" s="5" t="s">
        <v>69</v>
      </c>
      <c r="J9604" s="5" t="s">
        <v>27074</v>
      </c>
      <c r="K9604" s="2" t="s">
        <v>27075</v>
      </c>
      <c r="L9604" s="5" t="s">
        <v>27074</v>
      </c>
      <c r="M9604" s="2" t="s">
        <v>27075</v>
      </c>
      <c r="N9604" s="5" t="s">
        <v>24254</v>
      </c>
      <c r="O9604" s="5" t="s">
        <v>38</v>
      </c>
      <c r="P9604" s="5" t="s">
        <v>39</v>
      </c>
      <c r="Q9604" s="5" t="s">
        <v>40</v>
      </c>
      <c r="R9604" s="5" t="s">
        <v>25301</v>
      </c>
      <c r="S9604" s="5" t="s">
        <v>40</v>
      </c>
      <c r="T9604" s="5" t="s">
        <v>42</v>
      </c>
      <c r="U9604" s="2">
        <v>14.365</v>
      </c>
      <c r="V9604" s="2">
        <v>11.948</v>
      </c>
      <c r="W9604" s="2">
        <v>0.13600000000000001</v>
      </c>
      <c r="X9604" s="2">
        <v>12</v>
      </c>
      <c r="Y9604" s="2">
        <v>50</v>
      </c>
      <c r="Z9604" s="2">
        <v>227.4</v>
      </c>
      <c r="AA9604" s="5">
        <v>10</v>
      </c>
      <c r="AB9604" s="5" t="s">
        <v>43</v>
      </c>
      <c r="AC9604" s="5" t="s">
        <v>44</v>
      </c>
      <c r="AD9604" s="2" t="s">
        <v>28897</v>
      </c>
      <c r="AE9604" s="1"/>
    </row>
    <row r="9605" spans="1:31" ht="14.45">
      <c r="A9605" s="11"/>
      <c r="B9605" s="20"/>
      <c r="C9605" s="2" t="s">
        <v>29506</v>
      </c>
      <c r="D9605" s="14" t="s">
        <v>29507</v>
      </c>
      <c r="E9605" s="2" t="s">
        <v>29508</v>
      </c>
      <c r="F9605" s="2" t="s">
        <v>28901</v>
      </c>
      <c r="G9605" s="8">
        <v>477</v>
      </c>
      <c r="H9605" s="5">
        <v>20</v>
      </c>
      <c r="I9605" s="5" t="s">
        <v>69</v>
      </c>
      <c r="J9605" s="5" t="s">
        <v>27074</v>
      </c>
      <c r="K9605" s="2" t="s">
        <v>27075</v>
      </c>
      <c r="L9605" s="5" t="s">
        <v>27074</v>
      </c>
      <c r="M9605" s="2" t="s">
        <v>27075</v>
      </c>
      <c r="N9605" s="5" t="s">
        <v>24254</v>
      </c>
      <c r="O9605" s="5" t="s">
        <v>38</v>
      </c>
      <c r="P9605" s="5" t="s">
        <v>39</v>
      </c>
      <c r="Q9605" s="5" t="s">
        <v>40</v>
      </c>
      <c r="R9605" s="5" t="s">
        <v>25301</v>
      </c>
      <c r="S9605" s="5" t="s">
        <v>40</v>
      </c>
      <c r="T9605" s="5" t="s">
        <v>42</v>
      </c>
      <c r="U9605" s="2">
        <v>10.411</v>
      </c>
      <c r="V9605" s="2">
        <v>7.9939999999999998</v>
      </c>
      <c r="W9605" s="2">
        <v>0.13600000000000001</v>
      </c>
      <c r="X9605" s="2">
        <v>12</v>
      </c>
      <c r="Y9605" s="2">
        <v>50</v>
      </c>
      <c r="Z9605" s="2">
        <v>227.4</v>
      </c>
      <c r="AA9605" s="5">
        <v>10</v>
      </c>
      <c r="AB9605" s="5" t="s">
        <v>43</v>
      </c>
      <c r="AC9605" s="5" t="s">
        <v>44</v>
      </c>
      <c r="AD9605" s="2" t="s">
        <v>28907</v>
      </c>
      <c r="AE9605" s="1"/>
    </row>
    <row r="9606" spans="1:31" ht="14.45">
      <c r="A9606" s="11"/>
      <c r="B9606" s="20"/>
      <c r="C9606" s="2" t="s">
        <v>29509</v>
      </c>
      <c r="D9606" s="14" t="s">
        <v>29510</v>
      </c>
      <c r="E9606" s="2" t="s">
        <v>29511</v>
      </c>
      <c r="F9606" s="2" t="s">
        <v>28901</v>
      </c>
      <c r="G9606" s="8">
        <v>477</v>
      </c>
      <c r="H9606" s="5">
        <v>20</v>
      </c>
      <c r="I9606" s="5" t="s">
        <v>69</v>
      </c>
      <c r="J9606" s="5" t="s">
        <v>27074</v>
      </c>
      <c r="K9606" s="2" t="s">
        <v>27075</v>
      </c>
      <c r="L9606" s="5" t="s">
        <v>27074</v>
      </c>
      <c r="M9606" s="2" t="s">
        <v>27075</v>
      </c>
      <c r="N9606" s="5" t="s">
        <v>24254</v>
      </c>
      <c r="O9606" s="5" t="s">
        <v>38</v>
      </c>
      <c r="P9606" s="5" t="s">
        <v>39</v>
      </c>
      <c r="Q9606" s="5" t="s">
        <v>40</v>
      </c>
      <c r="R9606" s="5" t="s">
        <v>25301</v>
      </c>
      <c r="S9606" s="5" t="s">
        <v>40</v>
      </c>
      <c r="T9606" s="5" t="s">
        <v>42</v>
      </c>
      <c r="U9606" s="2">
        <v>11.164</v>
      </c>
      <c r="V9606" s="2">
        <v>8.7469999999999999</v>
      </c>
      <c r="W9606" s="2">
        <v>0.13600000000000001</v>
      </c>
      <c r="X9606" s="2">
        <v>12</v>
      </c>
      <c r="Y9606" s="2">
        <v>50</v>
      </c>
      <c r="Z9606" s="2">
        <v>227.4</v>
      </c>
      <c r="AA9606" s="5">
        <v>10</v>
      </c>
      <c r="AB9606" s="5" t="s">
        <v>43</v>
      </c>
      <c r="AC9606" s="5" t="s">
        <v>44</v>
      </c>
      <c r="AD9606" s="2" t="s">
        <v>28902</v>
      </c>
      <c r="AE9606" s="1"/>
    </row>
    <row r="9607" spans="1:31" ht="14.45">
      <c r="A9607" s="11"/>
      <c r="B9607" s="20"/>
      <c r="C9607" s="2" t="s">
        <v>29512</v>
      </c>
      <c r="D9607" s="14" t="s">
        <v>29513</v>
      </c>
      <c r="E9607" s="2" t="s">
        <v>29514</v>
      </c>
      <c r="F9607" s="2" t="s">
        <v>28906</v>
      </c>
      <c r="G9607" s="8">
        <v>477</v>
      </c>
      <c r="H9607" s="5">
        <v>20</v>
      </c>
      <c r="I9607" s="5" t="s">
        <v>69</v>
      </c>
      <c r="J9607" s="5" t="s">
        <v>27074</v>
      </c>
      <c r="K9607" s="2" t="s">
        <v>27075</v>
      </c>
      <c r="L9607" s="5" t="s">
        <v>27074</v>
      </c>
      <c r="M9607" s="2" t="s">
        <v>27075</v>
      </c>
      <c r="N9607" s="5" t="s">
        <v>24254</v>
      </c>
      <c r="O9607" s="5" t="s">
        <v>38</v>
      </c>
      <c r="P9607" s="5" t="s">
        <v>39</v>
      </c>
      <c r="Q9607" s="5" t="s">
        <v>40</v>
      </c>
      <c r="R9607" s="5" t="s">
        <v>25301</v>
      </c>
      <c r="S9607" s="5" t="s">
        <v>40</v>
      </c>
      <c r="T9607" s="5" t="s">
        <v>42</v>
      </c>
      <c r="U9607" s="2">
        <v>12.916</v>
      </c>
      <c r="V9607" s="2">
        <v>10.499000000000001</v>
      </c>
      <c r="W9607" s="2">
        <v>0.13600000000000001</v>
      </c>
      <c r="X9607" s="2">
        <v>12</v>
      </c>
      <c r="Y9607" s="2">
        <v>50</v>
      </c>
      <c r="Z9607" s="2">
        <v>227.4</v>
      </c>
      <c r="AA9607" s="5">
        <v>10</v>
      </c>
      <c r="AB9607" s="5" t="s">
        <v>43</v>
      </c>
      <c r="AC9607" s="5" t="s">
        <v>44</v>
      </c>
      <c r="AD9607" s="2" t="s">
        <v>28907</v>
      </c>
      <c r="AE9607" s="1"/>
    </row>
    <row r="9608" spans="1:31" ht="14.45">
      <c r="A9608" s="11"/>
      <c r="B9608" s="20"/>
      <c r="C9608" s="2" t="s">
        <v>29515</v>
      </c>
      <c r="D9608" s="14" t="s">
        <v>29516</v>
      </c>
      <c r="E9608" s="2" t="s">
        <v>29517</v>
      </c>
      <c r="F9608" s="2" t="s">
        <v>28911</v>
      </c>
      <c r="G9608" s="8">
        <v>1365</v>
      </c>
      <c r="H9608" s="5">
        <v>20</v>
      </c>
      <c r="I9608" s="5" t="s">
        <v>69</v>
      </c>
      <c r="J9608" s="5" t="s">
        <v>27074</v>
      </c>
      <c r="K9608" s="2" t="s">
        <v>27075</v>
      </c>
      <c r="L9608" s="5" t="s">
        <v>27074</v>
      </c>
      <c r="M9608" s="2" t="s">
        <v>27075</v>
      </c>
      <c r="N9608" s="5" t="s">
        <v>24254</v>
      </c>
      <c r="O9608" s="5" t="s">
        <v>38</v>
      </c>
      <c r="P9608" s="5" t="s">
        <v>39</v>
      </c>
      <c r="Q9608" s="5" t="s">
        <v>40</v>
      </c>
      <c r="R9608" s="5" t="s">
        <v>1487</v>
      </c>
      <c r="S9608" s="5"/>
      <c r="T9608" s="5" t="s">
        <v>42</v>
      </c>
      <c r="U9608" s="2">
        <v>0</v>
      </c>
      <c r="V9608" s="2">
        <v>0</v>
      </c>
      <c r="W9608" s="2">
        <v>0</v>
      </c>
      <c r="X9608" s="2">
        <v>0</v>
      </c>
      <c r="Y9608" s="2">
        <v>0</v>
      </c>
      <c r="Z9608" s="2">
        <v>0</v>
      </c>
      <c r="AA9608" s="5"/>
      <c r="AB9608" s="5" t="s">
        <v>43</v>
      </c>
      <c r="AC9608" s="5" t="s">
        <v>44</v>
      </c>
      <c r="AD9608" s="2"/>
      <c r="AE9608" s="1"/>
    </row>
    <row r="9609" spans="1:31" ht="14.45">
      <c r="A9609" s="11"/>
      <c r="B9609" s="20"/>
      <c r="C9609" s="2" t="s">
        <v>29518</v>
      </c>
      <c r="D9609" s="14" t="s">
        <v>29519</v>
      </c>
      <c r="E9609" s="2" t="s">
        <v>29520</v>
      </c>
      <c r="F9609" s="2" t="s">
        <v>28915</v>
      </c>
      <c r="G9609" s="8">
        <v>1365</v>
      </c>
      <c r="H9609" s="5">
        <v>20</v>
      </c>
      <c r="I9609" s="5" t="s">
        <v>69</v>
      </c>
      <c r="J9609" s="5" t="s">
        <v>27074</v>
      </c>
      <c r="K9609" s="2" t="s">
        <v>27075</v>
      </c>
      <c r="L9609" s="5" t="s">
        <v>27074</v>
      </c>
      <c r="M9609" s="2" t="s">
        <v>27075</v>
      </c>
      <c r="N9609" s="5" t="s">
        <v>24254</v>
      </c>
      <c r="O9609" s="5" t="s">
        <v>38</v>
      </c>
      <c r="P9609" s="5" t="s">
        <v>39</v>
      </c>
      <c r="Q9609" s="5" t="s">
        <v>40</v>
      </c>
      <c r="R9609" s="5" t="s">
        <v>1487</v>
      </c>
      <c r="S9609" s="5"/>
      <c r="T9609" s="5" t="s">
        <v>42</v>
      </c>
      <c r="U9609" s="2">
        <v>0</v>
      </c>
      <c r="V9609" s="2">
        <v>0</v>
      </c>
      <c r="W9609" s="2">
        <v>0</v>
      </c>
      <c r="X9609" s="2">
        <v>0</v>
      </c>
      <c r="Y9609" s="2">
        <v>0</v>
      </c>
      <c r="Z9609" s="2">
        <v>0</v>
      </c>
      <c r="AA9609" s="5"/>
      <c r="AB9609" s="5" t="s">
        <v>43</v>
      </c>
      <c r="AC9609" s="5" t="s">
        <v>44</v>
      </c>
      <c r="AD9609" s="2"/>
      <c r="AE9609" s="1"/>
    </row>
    <row r="9610" spans="1:31" ht="14.45">
      <c r="A9610" s="11"/>
      <c r="B9610" s="20"/>
      <c r="C9610" s="2" t="s">
        <v>29521</v>
      </c>
      <c r="D9610" s="14" t="s">
        <v>29522</v>
      </c>
      <c r="E9610" s="2" t="s">
        <v>29523</v>
      </c>
      <c r="F9610" s="2" t="s">
        <v>28919</v>
      </c>
      <c r="G9610" s="8">
        <v>1365</v>
      </c>
      <c r="H9610" s="5">
        <v>20</v>
      </c>
      <c r="I9610" s="5" t="s">
        <v>69</v>
      </c>
      <c r="J9610" s="5" t="s">
        <v>27074</v>
      </c>
      <c r="K9610" s="2" t="s">
        <v>27075</v>
      </c>
      <c r="L9610" s="5" t="s">
        <v>27074</v>
      </c>
      <c r="M9610" s="2" t="s">
        <v>27075</v>
      </c>
      <c r="N9610" s="5" t="s">
        <v>24254</v>
      </c>
      <c r="O9610" s="5" t="s">
        <v>38</v>
      </c>
      <c r="P9610" s="5" t="s">
        <v>39</v>
      </c>
      <c r="Q9610" s="5" t="s">
        <v>40</v>
      </c>
      <c r="R9610" s="5" t="s">
        <v>1487</v>
      </c>
      <c r="S9610" s="5"/>
      <c r="T9610" s="5" t="s">
        <v>42</v>
      </c>
      <c r="U9610" s="2">
        <v>0</v>
      </c>
      <c r="V9610" s="2">
        <v>0</v>
      </c>
      <c r="W9610" s="2">
        <v>0</v>
      </c>
      <c r="X9610" s="2">
        <v>0</v>
      </c>
      <c r="Y9610" s="2">
        <v>0</v>
      </c>
      <c r="Z9610" s="2">
        <v>0</v>
      </c>
      <c r="AA9610" s="5"/>
      <c r="AB9610" s="5" t="s">
        <v>43</v>
      </c>
      <c r="AC9610" s="5" t="s">
        <v>44</v>
      </c>
      <c r="AD9610" s="2"/>
      <c r="AE9610" s="1"/>
    </row>
    <row r="9611" spans="1:31" ht="14.45">
      <c r="A9611" s="11"/>
      <c r="B9611" s="20"/>
      <c r="C9611" s="2" t="s">
        <v>29524</v>
      </c>
      <c r="D9611" s="14" t="s">
        <v>29525</v>
      </c>
      <c r="E9611" s="2" t="s">
        <v>29526</v>
      </c>
      <c r="F9611" s="2" t="s">
        <v>28923</v>
      </c>
      <c r="G9611" s="8">
        <v>1365</v>
      </c>
      <c r="H9611" s="5">
        <v>20</v>
      </c>
      <c r="I9611" s="5" t="s">
        <v>69</v>
      </c>
      <c r="J9611" s="5" t="s">
        <v>27074</v>
      </c>
      <c r="K9611" s="2" t="s">
        <v>27075</v>
      </c>
      <c r="L9611" s="5" t="s">
        <v>27074</v>
      </c>
      <c r="M9611" s="2" t="s">
        <v>27075</v>
      </c>
      <c r="N9611" s="5" t="s">
        <v>24254</v>
      </c>
      <c r="O9611" s="5" t="s">
        <v>38</v>
      </c>
      <c r="P9611" s="5" t="s">
        <v>39</v>
      </c>
      <c r="Q9611" s="5" t="s">
        <v>40</v>
      </c>
      <c r="R9611" s="5" t="s">
        <v>1487</v>
      </c>
      <c r="S9611" s="5"/>
      <c r="T9611" s="5" t="s">
        <v>42</v>
      </c>
      <c r="U9611" s="2">
        <v>0</v>
      </c>
      <c r="V9611" s="2">
        <v>0</v>
      </c>
      <c r="W9611" s="2">
        <v>0</v>
      </c>
      <c r="X9611" s="2">
        <v>0</v>
      </c>
      <c r="Y9611" s="2">
        <v>0</v>
      </c>
      <c r="Z9611" s="2">
        <v>0</v>
      </c>
      <c r="AA9611" s="5"/>
      <c r="AB9611" s="5" t="s">
        <v>43</v>
      </c>
      <c r="AC9611" s="5" t="s">
        <v>44</v>
      </c>
      <c r="AD9611" s="2"/>
      <c r="AE9611" s="1"/>
    </row>
    <row r="9612" spans="1:31" ht="14.45">
      <c r="A9612" s="11"/>
      <c r="B9612" s="20"/>
      <c r="C9612" s="2" t="s">
        <v>29527</v>
      </c>
      <c r="D9612" s="14" t="s">
        <v>29528</v>
      </c>
      <c r="E9612" s="2" t="s">
        <v>29529</v>
      </c>
      <c r="F9612" s="2" t="s">
        <v>29164</v>
      </c>
      <c r="G9612" s="8">
        <v>439</v>
      </c>
      <c r="H9612" s="5">
        <v>20</v>
      </c>
      <c r="I9612" s="5" t="s">
        <v>69</v>
      </c>
      <c r="J9612" s="5" t="s">
        <v>27074</v>
      </c>
      <c r="K9612" s="2" t="s">
        <v>27075</v>
      </c>
      <c r="L9612" s="5" t="s">
        <v>27074</v>
      </c>
      <c r="M9612" s="2" t="s">
        <v>27075</v>
      </c>
      <c r="N9612" s="5" t="s">
        <v>24254</v>
      </c>
      <c r="O9612" s="5" t="s">
        <v>38</v>
      </c>
      <c r="P9612" s="5" t="s">
        <v>39</v>
      </c>
      <c r="Q9612" s="5" t="s">
        <v>40</v>
      </c>
      <c r="R9612" s="5" t="s">
        <v>24340</v>
      </c>
      <c r="S9612" s="5" t="s">
        <v>40</v>
      </c>
      <c r="T9612" s="5" t="s">
        <v>42</v>
      </c>
      <c r="U9612" s="2">
        <v>11.473000000000001</v>
      </c>
      <c r="V9612" s="2">
        <v>9.7260000000000009</v>
      </c>
      <c r="W9612" s="2">
        <v>0.104</v>
      </c>
      <c r="X9612" s="2">
        <v>12</v>
      </c>
      <c r="Y9612" s="2">
        <v>50</v>
      </c>
      <c r="Z9612" s="2">
        <v>173.9</v>
      </c>
      <c r="AA9612" s="5">
        <v>10</v>
      </c>
      <c r="AB9612" s="5" t="s">
        <v>43</v>
      </c>
      <c r="AC9612" s="5" t="s">
        <v>44</v>
      </c>
      <c r="AD9612" s="2" t="s">
        <v>29225</v>
      </c>
      <c r="AE9612" s="1"/>
    </row>
    <row r="9613" spans="1:31" ht="14.45">
      <c r="A9613" s="11"/>
      <c r="B9613" s="20"/>
      <c r="C9613" s="2" t="s">
        <v>29530</v>
      </c>
      <c r="D9613" s="14" t="s">
        <v>29531</v>
      </c>
      <c r="E9613" s="2" t="s">
        <v>29532</v>
      </c>
      <c r="F9613" s="2" t="s">
        <v>29173</v>
      </c>
      <c r="G9613" s="8">
        <v>439</v>
      </c>
      <c r="H9613" s="5">
        <v>20</v>
      </c>
      <c r="I9613" s="5" t="s">
        <v>69</v>
      </c>
      <c r="J9613" s="5" t="s">
        <v>27074</v>
      </c>
      <c r="K9613" s="2" t="s">
        <v>27075</v>
      </c>
      <c r="L9613" s="5" t="s">
        <v>27074</v>
      </c>
      <c r="M9613" s="2" t="s">
        <v>27075</v>
      </c>
      <c r="N9613" s="5" t="s">
        <v>24254</v>
      </c>
      <c r="O9613" s="5" t="s">
        <v>38</v>
      </c>
      <c r="P9613" s="5" t="s">
        <v>39</v>
      </c>
      <c r="Q9613" s="5" t="s">
        <v>40</v>
      </c>
      <c r="R9613" s="5" t="s">
        <v>24340</v>
      </c>
      <c r="S9613" s="5" t="s">
        <v>40</v>
      </c>
      <c r="T9613" s="5" t="s">
        <v>42</v>
      </c>
      <c r="U9613" s="2">
        <v>8.7539999999999996</v>
      </c>
      <c r="V9613" s="2">
        <v>7.0069999999999997</v>
      </c>
      <c r="W9613" s="2">
        <v>0.104</v>
      </c>
      <c r="X9613" s="2">
        <v>12</v>
      </c>
      <c r="Y9613" s="2">
        <v>50</v>
      </c>
      <c r="Z9613" s="2">
        <v>173.9</v>
      </c>
      <c r="AA9613" s="5">
        <v>10</v>
      </c>
      <c r="AB9613" s="5" t="s">
        <v>43</v>
      </c>
      <c r="AC9613" s="5" t="s">
        <v>44</v>
      </c>
      <c r="AD9613" s="2" t="s">
        <v>29229</v>
      </c>
      <c r="AE9613" s="1"/>
    </row>
    <row r="9614" spans="1:31" ht="14.45">
      <c r="A9614" s="11"/>
      <c r="B9614" s="20"/>
      <c r="C9614" s="2" t="s">
        <v>29533</v>
      </c>
      <c r="D9614" s="14" t="s">
        <v>29534</v>
      </c>
      <c r="E9614" s="2" t="s">
        <v>29535</v>
      </c>
      <c r="F9614" s="2" t="s">
        <v>28887</v>
      </c>
      <c r="G9614" s="8">
        <v>439</v>
      </c>
      <c r="H9614" s="5">
        <v>20</v>
      </c>
      <c r="I9614" s="5" t="s">
        <v>69</v>
      </c>
      <c r="J9614" s="5" t="s">
        <v>27074</v>
      </c>
      <c r="K9614" s="2" t="s">
        <v>27075</v>
      </c>
      <c r="L9614" s="5" t="s">
        <v>27074</v>
      </c>
      <c r="M9614" s="2" t="s">
        <v>27075</v>
      </c>
      <c r="N9614" s="5" t="s">
        <v>24254</v>
      </c>
      <c r="O9614" s="5" t="s">
        <v>38</v>
      </c>
      <c r="P9614" s="5" t="s">
        <v>39</v>
      </c>
      <c r="Q9614" s="5" t="s">
        <v>40</v>
      </c>
      <c r="R9614" s="5" t="s">
        <v>25301</v>
      </c>
      <c r="S9614" s="5" t="s">
        <v>40</v>
      </c>
      <c r="T9614" s="5" t="s">
        <v>42</v>
      </c>
      <c r="U9614" s="2">
        <v>14.865</v>
      </c>
      <c r="V9614" s="2">
        <v>13.084</v>
      </c>
      <c r="W9614" s="2">
        <v>0.104</v>
      </c>
      <c r="X9614" s="2">
        <v>12</v>
      </c>
      <c r="Y9614" s="2">
        <v>50</v>
      </c>
      <c r="Z9614" s="2">
        <v>173.9</v>
      </c>
      <c r="AA9614" s="5">
        <v>8</v>
      </c>
      <c r="AB9614" s="5" t="s">
        <v>43</v>
      </c>
      <c r="AC9614" s="5" t="s">
        <v>44</v>
      </c>
      <c r="AD9614" s="2" t="s">
        <v>28888</v>
      </c>
      <c r="AE9614" s="1"/>
    </row>
    <row r="9615" spans="1:31" ht="14.45">
      <c r="A9615" s="11"/>
      <c r="B9615" s="20"/>
      <c r="C9615" s="2" t="s">
        <v>29536</v>
      </c>
      <c r="D9615" s="14" t="s">
        <v>29537</v>
      </c>
      <c r="E9615" s="2" t="s">
        <v>29538</v>
      </c>
      <c r="F9615" s="2" t="s">
        <v>28948</v>
      </c>
      <c r="G9615" s="8">
        <v>439</v>
      </c>
      <c r="H9615" s="5">
        <v>20</v>
      </c>
      <c r="I9615" s="5" t="s">
        <v>69</v>
      </c>
      <c r="J9615" s="5" t="s">
        <v>27074</v>
      </c>
      <c r="K9615" s="2" t="s">
        <v>27075</v>
      </c>
      <c r="L9615" s="5" t="s">
        <v>27074</v>
      </c>
      <c r="M9615" s="2" t="s">
        <v>27075</v>
      </c>
      <c r="N9615" s="5" t="s">
        <v>24254</v>
      </c>
      <c r="O9615" s="5" t="s">
        <v>38</v>
      </c>
      <c r="P9615" s="5" t="s">
        <v>39</v>
      </c>
      <c r="Q9615" s="5" t="s">
        <v>40</v>
      </c>
      <c r="R9615" s="5" t="s">
        <v>25301</v>
      </c>
      <c r="S9615" s="5" t="s">
        <v>40</v>
      </c>
      <c r="T9615" s="5" t="s">
        <v>42</v>
      </c>
      <c r="U9615" s="2">
        <v>11.664</v>
      </c>
      <c r="V9615" s="2">
        <v>9.8829999999999991</v>
      </c>
      <c r="W9615" s="2">
        <v>0.104</v>
      </c>
      <c r="X9615" s="2">
        <v>12</v>
      </c>
      <c r="Y9615" s="2">
        <v>50</v>
      </c>
      <c r="Z9615" s="2">
        <v>173.9</v>
      </c>
      <c r="AA9615" s="5">
        <v>8</v>
      </c>
      <c r="AB9615" s="5" t="s">
        <v>43</v>
      </c>
      <c r="AC9615" s="5" t="s">
        <v>44</v>
      </c>
      <c r="AD9615" s="2" t="s">
        <v>28888</v>
      </c>
      <c r="AE9615" s="1"/>
    </row>
    <row r="9616" spans="1:31" ht="14.45">
      <c r="A9616" s="11"/>
      <c r="B9616" s="20"/>
      <c r="C9616" s="2" t="s">
        <v>29539</v>
      </c>
      <c r="D9616" s="14" t="s">
        <v>29540</v>
      </c>
      <c r="E9616" s="2" t="s">
        <v>29541</v>
      </c>
      <c r="F9616" s="2" t="s">
        <v>28892</v>
      </c>
      <c r="G9616" s="8">
        <v>439</v>
      </c>
      <c r="H9616" s="5">
        <v>20</v>
      </c>
      <c r="I9616" s="5" t="s">
        <v>69</v>
      </c>
      <c r="J9616" s="5" t="s">
        <v>27074</v>
      </c>
      <c r="K9616" s="2" t="s">
        <v>27075</v>
      </c>
      <c r="L9616" s="5" t="s">
        <v>27074</v>
      </c>
      <c r="M9616" s="2" t="s">
        <v>27075</v>
      </c>
      <c r="N9616" s="5" t="s">
        <v>24254</v>
      </c>
      <c r="O9616" s="5" t="s">
        <v>38</v>
      </c>
      <c r="P9616" s="5" t="s">
        <v>39</v>
      </c>
      <c r="Q9616" s="5" t="s">
        <v>40</v>
      </c>
      <c r="R9616" s="5" t="s">
        <v>25301</v>
      </c>
      <c r="S9616" s="5" t="s">
        <v>40</v>
      </c>
      <c r="T9616" s="5" t="s">
        <v>42</v>
      </c>
      <c r="U9616" s="2">
        <v>11.035</v>
      </c>
      <c r="V9616" s="2">
        <v>9.2880000000000003</v>
      </c>
      <c r="W9616" s="2">
        <v>0.104</v>
      </c>
      <c r="X9616" s="2">
        <v>12</v>
      </c>
      <c r="Y9616" s="2">
        <v>50</v>
      </c>
      <c r="Z9616" s="2">
        <v>173.9</v>
      </c>
      <c r="AA9616" s="5">
        <v>8</v>
      </c>
      <c r="AB9616" s="5" t="s">
        <v>43</v>
      </c>
      <c r="AC9616" s="5" t="s">
        <v>44</v>
      </c>
      <c r="AD9616" s="2" t="s">
        <v>28888</v>
      </c>
      <c r="AE9616" s="1"/>
    </row>
    <row r="9617" spans="1:31" ht="14.45">
      <c r="A9617" s="11"/>
      <c r="B9617" s="20"/>
      <c r="C9617" s="2" t="s">
        <v>29542</v>
      </c>
      <c r="D9617" s="14" t="s">
        <v>29543</v>
      </c>
      <c r="E9617" s="2" t="s">
        <v>29544</v>
      </c>
      <c r="F9617" s="2" t="s">
        <v>28911</v>
      </c>
      <c r="G9617" s="8">
        <v>1273</v>
      </c>
      <c r="H9617" s="5">
        <v>20</v>
      </c>
      <c r="I9617" s="5" t="s">
        <v>69</v>
      </c>
      <c r="J9617" s="5" t="s">
        <v>27074</v>
      </c>
      <c r="K9617" s="2" t="s">
        <v>27075</v>
      </c>
      <c r="L9617" s="5" t="s">
        <v>27074</v>
      </c>
      <c r="M9617" s="2" t="s">
        <v>27075</v>
      </c>
      <c r="N9617" s="5" t="s">
        <v>24254</v>
      </c>
      <c r="O9617" s="5" t="s">
        <v>38</v>
      </c>
      <c r="P9617" s="5" t="s">
        <v>39</v>
      </c>
      <c r="Q9617" s="5" t="s">
        <v>40</v>
      </c>
      <c r="R9617" s="5" t="s">
        <v>1487</v>
      </c>
      <c r="S9617" s="5"/>
      <c r="T9617" s="5" t="s">
        <v>42</v>
      </c>
      <c r="U9617" s="2">
        <v>0</v>
      </c>
      <c r="V9617" s="2">
        <v>0</v>
      </c>
      <c r="W9617" s="2">
        <v>0</v>
      </c>
      <c r="X9617" s="2">
        <v>0</v>
      </c>
      <c r="Y9617" s="2">
        <v>0</v>
      </c>
      <c r="Z9617" s="2">
        <v>0</v>
      </c>
      <c r="AA9617" s="5"/>
      <c r="AB9617" s="5" t="s">
        <v>43</v>
      </c>
      <c r="AC9617" s="5" t="s">
        <v>44</v>
      </c>
      <c r="AD9617" s="2"/>
      <c r="AE9617" s="1"/>
    </row>
    <row r="9618" spans="1:31" ht="14.45">
      <c r="A9618" s="11"/>
      <c r="B9618" s="20"/>
      <c r="C9618" s="2" t="s">
        <v>29545</v>
      </c>
      <c r="D9618" s="14" t="s">
        <v>29546</v>
      </c>
      <c r="E9618" s="2" t="s">
        <v>29547</v>
      </c>
      <c r="F9618" s="2" t="s">
        <v>28915</v>
      </c>
      <c r="G9618" s="8">
        <v>1273</v>
      </c>
      <c r="H9618" s="5">
        <v>20</v>
      </c>
      <c r="I9618" s="5" t="s">
        <v>69</v>
      </c>
      <c r="J9618" s="5" t="s">
        <v>27074</v>
      </c>
      <c r="K9618" s="2" t="s">
        <v>27075</v>
      </c>
      <c r="L9618" s="5" t="s">
        <v>27074</v>
      </c>
      <c r="M9618" s="2" t="s">
        <v>27075</v>
      </c>
      <c r="N9618" s="5" t="s">
        <v>24254</v>
      </c>
      <c r="O9618" s="5" t="s">
        <v>38</v>
      </c>
      <c r="P9618" s="5" t="s">
        <v>39</v>
      </c>
      <c r="Q9618" s="5" t="s">
        <v>40</v>
      </c>
      <c r="R9618" s="5" t="s">
        <v>1487</v>
      </c>
      <c r="S9618" s="5"/>
      <c r="T9618" s="5" t="s">
        <v>42</v>
      </c>
      <c r="U9618" s="2">
        <v>0</v>
      </c>
      <c r="V9618" s="2">
        <v>0</v>
      </c>
      <c r="W9618" s="2">
        <v>0</v>
      </c>
      <c r="X9618" s="2">
        <v>0</v>
      </c>
      <c r="Y9618" s="2">
        <v>0</v>
      </c>
      <c r="Z9618" s="2">
        <v>0</v>
      </c>
      <c r="AA9618" s="5"/>
      <c r="AB9618" s="5" t="s">
        <v>43</v>
      </c>
      <c r="AC9618" s="5" t="s">
        <v>44</v>
      </c>
      <c r="AD9618" s="2"/>
      <c r="AE9618" s="1"/>
    </row>
    <row r="9619" spans="1:31" ht="14.45">
      <c r="A9619" s="11"/>
      <c r="B9619" s="20"/>
      <c r="C9619" s="2" t="s">
        <v>29548</v>
      </c>
      <c r="D9619" s="14" t="s">
        <v>29549</v>
      </c>
      <c r="E9619" s="2" t="s">
        <v>29550</v>
      </c>
      <c r="F9619" s="2" t="s">
        <v>28919</v>
      </c>
      <c r="G9619" s="8">
        <v>1273</v>
      </c>
      <c r="H9619" s="5">
        <v>20</v>
      </c>
      <c r="I9619" s="5" t="s">
        <v>69</v>
      </c>
      <c r="J9619" s="5" t="s">
        <v>27074</v>
      </c>
      <c r="K9619" s="2" t="s">
        <v>27075</v>
      </c>
      <c r="L9619" s="5" t="s">
        <v>27074</v>
      </c>
      <c r="M9619" s="2" t="s">
        <v>27075</v>
      </c>
      <c r="N9619" s="5" t="s">
        <v>24254</v>
      </c>
      <c r="O9619" s="5" t="s">
        <v>38</v>
      </c>
      <c r="P9619" s="5" t="s">
        <v>39</v>
      </c>
      <c r="Q9619" s="5" t="s">
        <v>40</v>
      </c>
      <c r="R9619" s="5" t="s">
        <v>1487</v>
      </c>
      <c r="S9619" s="5"/>
      <c r="T9619" s="5" t="s">
        <v>42</v>
      </c>
      <c r="U9619" s="2">
        <v>0</v>
      </c>
      <c r="V9619" s="2">
        <v>0</v>
      </c>
      <c r="W9619" s="2">
        <v>0</v>
      </c>
      <c r="X9619" s="2">
        <v>0</v>
      </c>
      <c r="Y9619" s="2">
        <v>0</v>
      </c>
      <c r="Z9619" s="2">
        <v>0</v>
      </c>
      <c r="AA9619" s="5"/>
      <c r="AB9619" s="5" t="s">
        <v>43</v>
      </c>
      <c r="AC9619" s="5" t="s">
        <v>44</v>
      </c>
      <c r="AD9619" s="2"/>
      <c r="AE9619" s="1"/>
    </row>
    <row r="9620" spans="1:31" ht="14.45">
      <c r="A9620" s="11"/>
      <c r="B9620" s="20"/>
      <c r="C9620" s="2" t="s">
        <v>29551</v>
      </c>
      <c r="D9620" s="14" t="s">
        <v>29552</v>
      </c>
      <c r="E9620" s="2" t="s">
        <v>29553</v>
      </c>
      <c r="F9620" s="2" t="s">
        <v>28923</v>
      </c>
      <c r="G9620" s="8">
        <v>1273</v>
      </c>
      <c r="H9620" s="5">
        <v>20</v>
      </c>
      <c r="I9620" s="5" t="s">
        <v>69</v>
      </c>
      <c r="J9620" s="5" t="s">
        <v>27074</v>
      </c>
      <c r="K9620" s="2" t="s">
        <v>27075</v>
      </c>
      <c r="L9620" s="5" t="s">
        <v>27074</v>
      </c>
      <c r="M9620" s="2" t="s">
        <v>27075</v>
      </c>
      <c r="N9620" s="5" t="s">
        <v>24254</v>
      </c>
      <c r="O9620" s="5" t="s">
        <v>38</v>
      </c>
      <c r="P9620" s="5" t="s">
        <v>39</v>
      </c>
      <c r="Q9620" s="5" t="s">
        <v>40</v>
      </c>
      <c r="R9620" s="5" t="s">
        <v>1487</v>
      </c>
      <c r="S9620" s="5"/>
      <c r="T9620" s="5" t="s">
        <v>42</v>
      </c>
      <c r="U9620" s="2">
        <v>0</v>
      </c>
      <c r="V9620" s="2">
        <v>0</v>
      </c>
      <c r="W9620" s="2">
        <v>0</v>
      </c>
      <c r="X9620" s="2">
        <v>0</v>
      </c>
      <c r="Y9620" s="2">
        <v>0</v>
      </c>
      <c r="Z9620" s="2">
        <v>0</v>
      </c>
      <c r="AA9620" s="5"/>
      <c r="AB9620" s="5" t="s">
        <v>43</v>
      </c>
      <c r="AC9620" s="5" t="s">
        <v>44</v>
      </c>
      <c r="AD9620" s="2"/>
      <c r="AE9620" s="1"/>
    </row>
    <row r="9621" spans="1:31" ht="14.45">
      <c r="A9621" s="11"/>
      <c r="B9621" s="20"/>
      <c r="C9621" s="2" t="s">
        <v>29554</v>
      </c>
      <c r="D9621" s="14" t="s">
        <v>29555</v>
      </c>
      <c r="E9621" s="2" t="s">
        <v>29556</v>
      </c>
      <c r="F9621" s="2" t="s">
        <v>28927</v>
      </c>
      <c r="G9621" s="8">
        <v>463</v>
      </c>
      <c r="H9621" s="5">
        <v>20</v>
      </c>
      <c r="I9621" s="5" t="s">
        <v>69</v>
      </c>
      <c r="J9621" s="5" t="s">
        <v>27074</v>
      </c>
      <c r="K9621" s="2" t="s">
        <v>27075</v>
      </c>
      <c r="L9621" s="5" t="s">
        <v>27074</v>
      </c>
      <c r="M9621" s="2" t="s">
        <v>27075</v>
      </c>
      <c r="N9621" s="5" t="s">
        <v>24254</v>
      </c>
      <c r="O9621" s="5" t="s">
        <v>38</v>
      </c>
      <c r="P9621" s="5" t="s">
        <v>39</v>
      </c>
      <c r="Q9621" s="5" t="s">
        <v>40</v>
      </c>
      <c r="R9621" s="5" t="s">
        <v>24340</v>
      </c>
      <c r="S9621" s="5" t="s">
        <v>40</v>
      </c>
      <c r="T9621" s="5" t="s">
        <v>42</v>
      </c>
      <c r="U9621" s="2">
        <v>19.117999999999999</v>
      </c>
      <c r="V9621" s="2">
        <v>17.120999999999999</v>
      </c>
      <c r="W9621" s="2">
        <v>0.11600000000000001</v>
      </c>
      <c r="X9621" s="2">
        <v>12</v>
      </c>
      <c r="Y9621" s="2">
        <v>50</v>
      </c>
      <c r="Z9621" s="2">
        <v>193.9</v>
      </c>
      <c r="AA9621" s="5">
        <v>8</v>
      </c>
      <c r="AB9621" s="5" t="s">
        <v>43</v>
      </c>
      <c r="AC9621" s="5" t="s">
        <v>44</v>
      </c>
      <c r="AD9621" s="2" t="s">
        <v>28928</v>
      </c>
      <c r="AE9621" s="1"/>
    </row>
    <row r="9622" spans="1:31" ht="14.45">
      <c r="A9622" s="11"/>
      <c r="B9622" s="20"/>
      <c r="C9622" s="2" t="s">
        <v>29557</v>
      </c>
      <c r="D9622" s="14" t="s">
        <v>29558</v>
      </c>
      <c r="E9622" s="2" t="s">
        <v>29559</v>
      </c>
      <c r="F9622" s="2" t="s">
        <v>28936</v>
      </c>
      <c r="G9622" s="8">
        <v>463</v>
      </c>
      <c r="H9622" s="5">
        <v>20</v>
      </c>
      <c r="I9622" s="5" t="s">
        <v>69</v>
      </c>
      <c r="J9622" s="5" t="s">
        <v>27074</v>
      </c>
      <c r="K9622" s="2" t="s">
        <v>27075</v>
      </c>
      <c r="L9622" s="5" t="s">
        <v>27074</v>
      </c>
      <c r="M9622" s="2" t="s">
        <v>27075</v>
      </c>
      <c r="N9622" s="5" t="s">
        <v>24254</v>
      </c>
      <c r="O9622" s="5" t="s">
        <v>38</v>
      </c>
      <c r="P9622" s="5" t="s">
        <v>39</v>
      </c>
      <c r="Q9622" s="5" t="s">
        <v>40</v>
      </c>
      <c r="R9622" s="5" t="s">
        <v>24340</v>
      </c>
      <c r="S9622" s="5" t="s">
        <v>40</v>
      </c>
      <c r="T9622" s="5" t="s">
        <v>42</v>
      </c>
      <c r="U9622" s="2">
        <v>13.920999999999999</v>
      </c>
      <c r="V9622" s="2">
        <v>11.958</v>
      </c>
      <c r="W9622" s="2">
        <v>0.11600000000000001</v>
      </c>
      <c r="X9622" s="2">
        <v>12</v>
      </c>
      <c r="Y9622" s="2">
        <v>50</v>
      </c>
      <c r="Z9622" s="2">
        <v>193.9</v>
      </c>
      <c r="AA9622" s="5">
        <v>8</v>
      </c>
      <c r="AB9622" s="5" t="s">
        <v>43</v>
      </c>
      <c r="AC9622" s="5" t="s">
        <v>44</v>
      </c>
      <c r="AD9622" s="2" t="s">
        <v>28928</v>
      </c>
      <c r="AE9622" s="1"/>
    </row>
    <row r="9623" spans="1:31" ht="14.45">
      <c r="A9623" s="11"/>
      <c r="B9623" s="20"/>
      <c r="C9623" s="2" t="s">
        <v>29560</v>
      </c>
      <c r="D9623" s="14" t="s">
        <v>29561</v>
      </c>
      <c r="E9623" s="2" t="s">
        <v>29562</v>
      </c>
      <c r="F9623" s="2" t="s">
        <v>28887</v>
      </c>
      <c r="G9623" s="8">
        <v>463</v>
      </c>
      <c r="H9623" s="5">
        <v>20</v>
      </c>
      <c r="I9623" s="5" t="s">
        <v>69</v>
      </c>
      <c r="J9623" s="5" t="s">
        <v>27074</v>
      </c>
      <c r="K9623" s="2" t="s">
        <v>27075</v>
      </c>
      <c r="L9623" s="5" t="s">
        <v>27074</v>
      </c>
      <c r="M9623" s="2" t="s">
        <v>27075</v>
      </c>
      <c r="N9623" s="5" t="s">
        <v>24254</v>
      </c>
      <c r="O9623" s="5" t="s">
        <v>38</v>
      </c>
      <c r="P9623" s="5" t="s">
        <v>39</v>
      </c>
      <c r="Q9623" s="5" t="s">
        <v>40</v>
      </c>
      <c r="R9623" s="5" t="s">
        <v>25301</v>
      </c>
      <c r="S9623" s="5" t="s">
        <v>40</v>
      </c>
      <c r="T9623" s="5" t="s">
        <v>42</v>
      </c>
      <c r="U9623" s="2">
        <v>17.09</v>
      </c>
      <c r="V9623" s="2">
        <v>15.093</v>
      </c>
      <c r="W9623" s="2">
        <v>0.11600000000000001</v>
      </c>
      <c r="X9623" s="2">
        <v>12</v>
      </c>
      <c r="Y9623" s="2">
        <v>50</v>
      </c>
      <c r="Z9623" s="2">
        <v>193.9</v>
      </c>
      <c r="AA9623" s="5">
        <v>8</v>
      </c>
      <c r="AB9623" s="5" t="s">
        <v>43</v>
      </c>
      <c r="AC9623" s="5" t="s">
        <v>44</v>
      </c>
      <c r="AD9623" s="2" t="s">
        <v>28888</v>
      </c>
      <c r="AE9623" s="1"/>
    </row>
    <row r="9624" spans="1:31" ht="14.45">
      <c r="A9624" s="11"/>
      <c r="B9624" s="20"/>
      <c r="C9624" s="2" t="s">
        <v>29563</v>
      </c>
      <c r="D9624" s="14" t="s">
        <v>29564</v>
      </c>
      <c r="E9624" s="2" t="s">
        <v>29565</v>
      </c>
      <c r="F9624" s="2" t="s">
        <v>28948</v>
      </c>
      <c r="G9624" s="8">
        <v>463</v>
      </c>
      <c r="H9624" s="5">
        <v>20</v>
      </c>
      <c r="I9624" s="5" t="s">
        <v>69</v>
      </c>
      <c r="J9624" s="5" t="s">
        <v>27074</v>
      </c>
      <c r="K9624" s="2" t="s">
        <v>27075</v>
      </c>
      <c r="L9624" s="5" t="s">
        <v>27074</v>
      </c>
      <c r="M9624" s="2" t="s">
        <v>27075</v>
      </c>
      <c r="N9624" s="5" t="s">
        <v>24254</v>
      </c>
      <c r="O9624" s="5" t="s">
        <v>38</v>
      </c>
      <c r="P9624" s="5" t="s">
        <v>39</v>
      </c>
      <c r="Q9624" s="5" t="s">
        <v>40</v>
      </c>
      <c r="R9624" s="5" t="s">
        <v>25301</v>
      </c>
      <c r="S9624" s="5" t="s">
        <v>40</v>
      </c>
      <c r="T9624" s="5" t="s">
        <v>42</v>
      </c>
      <c r="U9624" s="2">
        <v>13.27</v>
      </c>
      <c r="V9624" s="2">
        <v>11.273</v>
      </c>
      <c r="W9624" s="2">
        <v>0.11600000000000001</v>
      </c>
      <c r="X9624" s="2">
        <v>12</v>
      </c>
      <c r="Y9624" s="2">
        <v>50</v>
      </c>
      <c r="Z9624" s="2">
        <v>193.9</v>
      </c>
      <c r="AA9624" s="5">
        <v>8</v>
      </c>
      <c r="AB9624" s="5" t="s">
        <v>43</v>
      </c>
      <c r="AC9624" s="5" t="s">
        <v>44</v>
      </c>
      <c r="AD9624" s="2" t="s">
        <v>28888</v>
      </c>
      <c r="AE9624" s="1"/>
    </row>
    <row r="9625" spans="1:31" ht="14.45">
      <c r="A9625" s="11"/>
      <c r="B9625" s="20"/>
      <c r="C9625" s="2" t="s">
        <v>29566</v>
      </c>
      <c r="D9625" s="14" t="s">
        <v>29567</v>
      </c>
      <c r="E9625" s="2" t="s">
        <v>29568</v>
      </c>
      <c r="F9625" s="2" t="s">
        <v>28892</v>
      </c>
      <c r="G9625" s="8">
        <v>463</v>
      </c>
      <c r="H9625" s="5">
        <v>20</v>
      </c>
      <c r="I9625" s="5" t="s">
        <v>69</v>
      </c>
      <c r="J9625" s="5" t="s">
        <v>27074</v>
      </c>
      <c r="K9625" s="2" t="s">
        <v>27075</v>
      </c>
      <c r="L9625" s="5" t="s">
        <v>27074</v>
      </c>
      <c r="M9625" s="2" t="s">
        <v>27075</v>
      </c>
      <c r="N9625" s="5" t="s">
        <v>24254</v>
      </c>
      <c r="O9625" s="5" t="s">
        <v>38</v>
      </c>
      <c r="P9625" s="5" t="s">
        <v>39</v>
      </c>
      <c r="Q9625" s="5" t="s">
        <v>40</v>
      </c>
      <c r="R9625" s="5" t="s">
        <v>25301</v>
      </c>
      <c r="S9625" s="5" t="s">
        <v>40</v>
      </c>
      <c r="T9625" s="5" t="s">
        <v>42</v>
      </c>
      <c r="U9625" s="2">
        <v>12.582000000000001</v>
      </c>
      <c r="V9625" s="2">
        <v>10.619</v>
      </c>
      <c r="W9625" s="2">
        <v>0.11600000000000001</v>
      </c>
      <c r="X9625" s="2">
        <v>12</v>
      </c>
      <c r="Y9625" s="2">
        <v>50</v>
      </c>
      <c r="Z9625" s="2">
        <v>193.9</v>
      </c>
      <c r="AA9625" s="5">
        <v>8</v>
      </c>
      <c r="AB9625" s="5" t="s">
        <v>43</v>
      </c>
      <c r="AC9625" s="5" t="s">
        <v>44</v>
      </c>
      <c r="AD9625" s="2" t="s">
        <v>28888</v>
      </c>
      <c r="AE9625" s="1"/>
    </row>
    <row r="9626" spans="1:31" ht="14.45">
      <c r="A9626" s="11"/>
      <c r="B9626" s="20"/>
      <c r="C9626" s="2" t="s">
        <v>29569</v>
      </c>
      <c r="D9626" s="14" t="s">
        <v>29570</v>
      </c>
      <c r="E9626" s="2" t="s">
        <v>29571</v>
      </c>
      <c r="F9626" s="2" t="s">
        <v>28906</v>
      </c>
      <c r="G9626" s="8">
        <v>463</v>
      </c>
      <c r="H9626" s="5">
        <v>20</v>
      </c>
      <c r="I9626" s="5" t="s">
        <v>69</v>
      </c>
      <c r="J9626" s="5" t="s">
        <v>27074</v>
      </c>
      <c r="K9626" s="2" t="s">
        <v>27075</v>
      </c>
      <c r="L9626" s="5" t="s">
        <v>27074</v>
      </c>
      <c r="M9626" s="2" t="s">
        <v>27075</v>
      </c>
      <c r="N9626" s="5" t="s">
        <v>24254</v>
      </c>
      <c r="O9626" s="5" t="s">
        <v>38</v>
      </c>
      <c r="P9626" s="5" t="s">
        <v>39</v>
      </c>
      <c r="Q9626" s="5" t="s">
        <v>40</v>
      </c>
      <c r="R9626" s="5" t="s">
        <v>25301</v>
      </c>
      <c r="S9626" s="5" t="s">
        <v>40</v>
      </c>
      <c r="T9626" s="5" t="s">
        <v>42</v>
      </c>
      <c r="U9626" s="2">
        <v>12.893000000000001</v>
      </c>
      <c r="V9626" s="2">
        <v>10.93</v>
      </c>
      <c r="W9626" s="2">
        <v>0.11600000000000001</v>
      </c>
      <c r="X9626" s="2">
        <v>12</v>
      </c>
      <c r="Y9626" s="2">
        <v>50</v>
      </c>
      <c r="Z9626" s="2">
        <v>193.9</v>
      </c>
      <c r="AA9626" s="5">
        <v>10</v>
      </c>
      <c r="AB9626" s="5" t="s">
        <v>43</v>
      </c>
      <c r="AC9626" s="5" t="s">
        <v>44</v>
      </c>
      <c r="AD9626" s="2" t="s">
        <v>28902</v>
      </c>
      <c r="AE9626" s="1"/>
    </row>
    <row r="9627" spans="1:31" ht="14.45">
      <c r="A9627" s="11"/>
      <c r="B9627" s="20"/>
      <c r="C9627" s="2" t="s">
        <v>29572</v>
      </c>
      <c r="D9627" s="14" t="s">
        <v>29573</v>
      </c>
      <c r="E9627" s="2" t="s">
        <v>29574</v>
      </c>
      <c r="F9627" s="2" t="s">
        <v>28911</v>
      </c>
      <c r="G9627" s="8">
        <v>1335</v>
      </c>
      <c r="H9627" s="5">
        <v>20</v>
      </c>
      <c r="I9627" s="5" t="s">
        <v>69</v>
      </c>
      <c r="J9627" s="5" t="s">
        <v>27074</v>
      </c>
      <c r="K9627" s="2" t="s">
        <v>27075</v>
      </c>
      <c r="L9627" s="5" t="s">
        <v>27074</v>
      </c>
      <c r="M9627" s="2" t="s">
        <v>27075</v>
      </c>
      <c r="N9627" s="5" t="s">
        <v>24254</v>
      </c>
      <c r="O9627" s="5" t="s">
        <v>38</v>
      </c>
      <c r="P9627" s="5" t="s">
        <v>39</v>
      </c>
      <c r="Q9627" s="5" t="s">
        <v>40</v>
      </c>
      <c r="R9627" s="5" t="s">
        <v>1487</v>
      </c>
      <c r="S9627" s="5"/>
      <c r="T9627" s="5" t="s">
        <v>42</v>
      </c>
      <c r="U9627" s="2">
        <v>0</v>
      </c>
      <c r="V9627" s="2">
        <v>0</v>
      </c>
      <c r="W9627" s="2">
        <v>0</v>
      </c>
      <c r="X9627" s="2">
        <v>0</v>
      </c>
      <c r="Y9627" s="2">
        <v>0</v>
      </c>
      <c r="Z9627" s="2">
        <v>0</v>
      </c>
      <c r="AA9627" s="5"/>
      <c r="AB9627" s="5" t="s">
        <v>43</v>
      </c>
      <c r="AC9627" s="5" t="s">
        <v>44</v>
      </c>
      <c r="AD9627" s="2"/>
      <c r="AE9627" s="1"/>
    </row>
    <row r="9628" spans="1:31" ht="14.45">
      <c r="A9628" s="11"/>
      <c r="B9628" s="20"/>
      <c r="C9628" s="2" t="s">
        <v>29575</v>
      </c>
      <c r="D9628" s="14" t="s">
        <v>29576</v>
      </c>
      <c r="E9628" s="2" t="s">
        <v>29577</v>
      </c>
      <c r="F9628" s="2" t="s">
        <v>28915</v>
      </c>
      <c r="G9628" s="8">
        <v>1335</v>
      </c>
      <c r="H9628" s="5">
        <v>20</v>
      </c>
      <c r="I9628" s="5" t="s">
        <v>69</v>
      </c>
      <c r="J9628" s="5" t="s">
        <v>27074</v>
      </c>
      <c r="K9628" s="2" t="s">
        <v>27075</v>
      </c>
      <c r="L9628" s="5" t="s">
        <v>27074</v>
      </c>
      <c r="M9628" s="2" t="s">
        <v>27075</v>
      </c>
      <c r="N9628" s="5" t="s">
        <v>24254</v>
      </c>
      <c r="O9628" s="5" t="s">
        <v>38</v>
      </c>
      <c r="P9628" s="5" t="s">
        <v>39</v>
      </c>
      <c r="Q9628" s="5" t="s">
        <v>40</v>
      </c>
      <c r="R9628" s="5" t="s">
        <v>1487</v>
      </c>
      <c r="S9628" s="5"/>
      <c r="T9628" s="5" t="s">
        <v>42</v>
      </c>
      <c r="U9628" s="2">
        <v>0</v>
      </c>
      <c r="V9628" s="2">
        <v>0</v>
      </c>
      <c r="W9628" s="2">
        <v>0</v>
      </c>
      <c r="X9628" s="2">
        <v>0</v>
      </c>
      <c r="Y9628" s="2">
        <v>0</v>
      </c>
      <c r="Z9628" s="2">
        <v>0</v>
      </c>
      <c r="AA9628" s="5"/>
      <c r="AB9628" s="5" t="s">
        <v>43</v>
      </c>
      <c r="AC9628" s="5" t="s">
        <v>44</v>
      </c>
      <c r="AD9628" s="2"/>
      <c r="AE9628" s="1"/>
    </row>
    <row r="9629" spans="1:31" ht="14.45">
      <c r="A9629" s="11"/>
      <c r="B9629" s="20"/>
      <c r="C9629" s="2" t="s">
        <v>29578</v>
      </c>
      <c r="D9629" s="14" t="s">
        <v>29579</v>
      </c>
      <c r="E9629" s="2" t="s">
        <v>29580</v>
      </c>
      <c r="F9629" s="2" t="s">
        <v>28919</v>
      </c>
      <c r="G9629" s="8">
        <v>1335</v>
      </c>
      <c r="H9629" s="5">
        <v>20</v>
      </c>
      <c r="I9629" s="5" t="s">
        <v>69</v>
      </c>
      <c r="J9629" s="5" t="s">
        <v>27074</v>
      </c>
      <c r="K9629" s="2" t="s">
        <v>27075</v>
      </c>
      <c r="L9629" s="5" t="s">
        <v>27074</v>
      </c>
      <c r="M9629" s="2" t="s">
        <v>27075</v>
      </c>
      <c r="N9629" s="5" t="s">
        <v>24254</v>
      </c>
      <c r="O9629" s="5" t="s">
        <v>38</v>
      </c>
      <c r="P9629" s="5" t="s">
        <v>39</v>
      </c>
      <c r="Q9629" s="5" t="s">
        <v>40</v>
      </c>
      <c r="R9629" s="5" t="s">
        <v>1487</v>
      </c>
      <c r="S9629" s="5"/>
      <c r="T9629" s="5" t="s">
        <v>42</v>
      </c>
      <c r="U9629" s="2">
        <v>0</v>
      </c>
      <c r="V9629" s="2">
        <v>0</v>
      </c>
      <c r="W9629" s="2">
        <v>0</v>
      </c>
      <c r="X9629" s="2">
        <v>0</v>
      </c>
      <c r="Y9629" s="2">
        <v>0</v>
      </c>
      <c r="Z9629" s="2">
        <v>0</v>
      </c>
      <c r="AA9629" s="5"/>
      <c r="AB9629" s="5" t="s">
        <v>43</v>
      </c>
      <c r="AC9629" s="5" t="s">
        <v>44</v>
      </c>
      <c r="AD9629" s="2"/>
      <c r="AE9629" s="1"/>
    </row>
    <row r="9630" spans="1:31" ht="14.45">
      <c r="A9630" s="11"/>
      <c r="B9630" s="20"/>
      <c r="C9630" s="2" t="s">
        <v>29581</v>
      </c>
      <c r="D9630" s="14" t="s">
        <v>29582</v>
      </c>
      <c r="E9630" s="2" t="s">
        <v>29583</v>
      </c>
      <c r="F9630" s="2" t="s">
        <v>28923</v>
      </c>
      <c r="G9630" s="8">
        <v>1335</v>
      </c>
      <c r="H9630" s="5">
        <v>20</v>
      </c>
      <c r="I9630" s="5" t="s">
        <v>69</v>
      </c>
      <c r="J9630" s="5" t="s">
        <v>27074</v>
      </c>
      <c r="K9630" s="2" t="s">
        <v>27075</v>
      </c>
      <c r="L9630" s="5" t="s">
        <v>27074</v>
      </c>
      <c r="M9630" s="2" t="s">
        <v>27075</v>
      </c>
      <c r="N9630" s="5" t="s">
        <v>24254</v>
      </c>
      <c r="O9630" s="5" t="s">
        <v>38</v>
      </c>
      <c r="P9630" s="5" t="s">
        <v>39</v>
      </c>
      <c r="Q9630" s="5" t="s">
        <v>40</v>
      </c>
      <c r="R9630" s="5" t="s">
        <v>1487</v>
      </c>
      <c r="S9630" s="5"/>
      <c r="T9630" s="5" t="s">
        <v>42</v>
      </c>
      <c r="U9630" s="2">
        <v>0</v>
      </c>
      <c r="V9630" s="2">
        <v>0</v>
      </c>
      <c r="W9630" s="2">
        <v>0</v>
      </c>
      <c r="X9630" s="2">
        <v>0</v>
      </c>
      <c r="Y9630" s="2">
        <v>0</v>
      </c>
      <c r="Z9630" s="2">
        <v>0</v>
      </c>
      <c r="AA9630" s="5"/>
      <c r="AB9630" s="5" t="s">
        <v>43</v>
      </c>
      <c r="AC9630" s="5" t="s">
        <v>44</v>
      </c>
      <c r="AD9630" s="2"/>
      <c r="AE9630" s="1"/>
    </row>
    <row r="9631" spans="1:31" ht="14.45">
      <c r="A9631" s="11"/>
      <c r="B9631" s="20"/>
      <c r="C9631" s="2" t="s">
        <v>29584</v>
      </c>
      <c r="D9631" s="14" t="s">
        <v>29585</v>
      </c>
      <c r="E9631" s="2" t="s">
        <v>29586</v>
      </c>
      <c r="F9631" s="2" t="s">
        <v>28927</v>
      </c>
      <c r="G9631" s="8">
        <v>499</v>
      </c>
      <c r="H9631" s="5">
        <v>20</v>
      </c>
      <c r="I9631" s="5" t="s">
        <v>69</v>
      </c>
      <c r="J9631" s="5" t="s">
        <v>27074</v>
      </c>
      <c r="K9631" s="2" t="s">
        <v>27075</v>
      </c>
      <c r="L9631" s="5" t="s">
        <v>27074</v>
      </c>
      <c r="M9631" s="2" t="s">
        <v>27075</v>
      </c>
      <c r="N9631" s="5" t="s">
        <v>24254</v>
      </c>
      <c r="O9631" s="5" t="s">
        <v>38</v>
      </c>
      <c r="P9631" s="5" t="s">
        <v>39</v>
      </c>
      <c r="Q9631" s="5" t="s">
        <v>40</v>
      </c>
      <c r="R9631" s="5" t="s">
        <v>24340</v>
      </c>
      <c r="S9631" s="5" t="s">
        <v>40</v>
      </c>
      <c r="T9631" s="5" t="s">
        <v>42</v>
      </c>
      <c r="U9631" s="2">
        <v>20.686</v>
      </c>
      <c r="V9631" s="2">
        <v>18.234999999999999</v>
      </c>
      <c r="W9631" s="2">
        <v>0.13600000000000001</v>
      </c>
      <c r="X9631" s="2">
        <v>12</v>
      </c>
      <c r="Y9631" s="2">
        <v>50</v>
      </c>
      <c r="Z9631" s="2">
        <v>227.4</v>
      </c>
      <c r="AA9631" s="5">
        <v>8</v>
      </c>
      <c r="AB9631" s="5" t="s">
        <v>43</v>
      </c>
      <c r="AC9631" s="5" t="s">
        <v>44</v>
      </c>
      <c r="AD9631" s="2" t="s">
        <v>28928</v>
      </c>
      <c r="AE9631" s="1"/>
    </row>
    <row r="9632" spans="1:31" ht="14.45">
      <c r="A9632" s="11"/>
      <c r="B9632" s="20"/>
      <c r="C9632" s="2" t="s">
        <v>29587</v>
      </c>
      <c r="D9632" s="14" t="s">
        <v>29588</v>
      </c>
      <c r="E9632" s="2" t="s">
        <v>29589</v>
      </c>
      <c r="F9632" s="2" t="s">
        <v>28936</v>
      </c>
      <c r="G9632" s="8">
        <v>499</v>
      </c>
      <c r="H9632" s="5">
        <v>20</v>
      </c>
      <c r="I9632" s="5" t="s">
        <v>69</v>
      </c>
      <c r="J9632" s="5" t="s">
        <v>27074</v>
      </c>
      <c r="K9632" s="2" t="s">
        <v>27075</v>
      </c>
      <c r="L9632" s="5" t="s">
        <v>27074</v>
      </c>
      <c r="M9632" s="2" t="s">
        <v>27075</v>
      </c>
      <c r="N9632" s="5" t="s">
        <v>24254</v>
      </c>
      <c r="O9632" s="5" t="s">
        <v>38</v>
      </c>
      <c r="P9632" s="5" t="s">
        <v>39</v>
      </c>
      <c r="Q9632" s="5" t="s">
        <v>40</v>
      </c>
      <c r="R9632" s="5" t="s">
        <v>24340</v>
      </c>
      <c r="S9632" s="5" t="s">
        <v>40</v>
      </c>
      <c r="T9632" s="5" t="s">
        <v>42</v>
      </c>
      <c r="U9632" s="2">
        <v>15.082000000000001</v>
      </c>
      <c r="V9632" s="2">
        <v>12.664999999999999</v>
      </c>
      <c r="W9632" s="2">
        <v>0.13600000000000001</v>
      </c>
      <c r="X9632" s="2">
        <v>12</v>
      </c>
      <c r="Y9632" s="2">
        <v>50</v>
      </c>
      <c r="Z9632" s="2">
        <v>227.4</v>
      </c>
      <c r="AA9632" s="5">
        <v>8</v>
      </c>
      <c r="AB9632" s="5" t="s">
        <v>43</v>
      </c>
      <c r="AC9632" s="5" t="s">
        <v>44</v>
      </c>
      <c r="AD9632" s="2" t="s">
        <v>28928</v>
      </c>
      <c r="AE9632" s="1"/>
    </row>
    <row r="9633" spans="1:31" ht="14.45">
      <c r="A9633" s="11"/>
      <c r="B9633" s="20"/>
      <c r="C9633" s="2" t="s">
        <v>29590</v>
      </c>
      <c r="D9633" s="14" t="s">
        <v>29591</v>
      </c>
      <c r="E9633" s="2" t="s">
        <v>29592</v>
      </c>
      <c r="F9633" s="2" t="s">
        <v>29164</v>
      </c>
      <c r="G9633" s="8">
        <v>499</v>
      </c>
      <c r="H9633" s="5">
        <v>20</v>
      </c>
      <c r="I9633" s="5" t="s">
        <v>69</v>
      </c>
      <c r="J9633" s="5" t="s">
        <v>27074</v>
      </c>
      <c r="K9633" s="2" t="s">
        <v>27075</v>
      </c>
      <c r="L9633" s="5" t="s">
        <v>27074</v>
      </c>
      <c r="M9633" s="2" t="s">
        <v>27075</v>
      </c>
      <c r="N9633" s="5" t="s">
        <v>24254</v>
      </c>
      <c r="O9633" s="5" t="s">
        <v>38</v>
      </c>
      <c r="P9633" s="5" t="s">
        <v>39</v>
      </c>
      <c r="Q9633" s="5" t="s">
        <v>40</v>
      </c>
      <c r="R9633" s="5" t="s">
        <v>24340</v>
      </c>
      <c r="S9633" s="5" t="s">
        <v>40</v>
      </c>
      <c r="T9633" s="5" t="s">
        <v>42</v>
      </c>
      <c r="U9633" s="2">
        <v>15.555999999999999</v>
      </c>
      <c r="V9633" s="2">
        <v>13.138999999999999</v>
      </c>
      <c r="W9633" s="2">
        <v>0.13600000000000001</v>
      </c>
      <c r="X9633" s="2">
        <v>12</v>
      </c>
      <c r="Y9633" s="2">
        <v>50</v>
      </c>
      <c r="Z9633" s="2">
        <v>227.4</v>
      </c>
      <c r="AA9633" s="5">
        <v>10</v>
      </c>
      <c r="AB9633" s="5" t="s">
        <v>43</v>
      </c>
      <c r="AC9633" s="5" t="s">
        <v>44</v>
      </c>
      <c r="AD9633" s="2" t="s">
        <v>29225</v>
      </c>
      <c r="AE9633" s="1"/>
    </row>
    <row r="9634" spans="1:31" ht="14.45">
      <c r="A9634" s="11"/>
      <c r="B9634" s="20"/>
      <c r="C9634" s="2" t="s">
        <v>29593</v>
      </c>
      <c r="D9634" s="14" t="s">
        <v>29594</v>
      </c>
      <c r="E9634" s="2" t="s">
        <v>29595</v>
      </c>
      <c r="F9634" s="2" t="s">
        <v>29173</v>
      </c>
      <c r="G9634" s="8">
        <v>499</v>
      </c>
      <c r="H9634" s="5">
        <v>20</v>
      </c>
      <c r="I9634" s="5" t="s">
        <v>69</v>
      </c>
      <c r="J9634" s="5" t="s">
        <v>27074</v>
      </c>
      <c r="K9634" s="2" t="s">
        <v>27075</v>
      </c>
      <c r="L9634" s="5" t="s">
        <v>27074</v>
      </c>
      <c r="M9634" s="2" t="s">
        <v>27075</v>
      </c>
      <c r="N9634" s="5" t="s">
        <v>24254</v>
      </c>
      <c r="O9634" s="5" t="s">
        <v>38</v>
      </c>
      <c r="P9634" s="5" t="s">
        <v>39</v>
      </c>
      <c r="Q9634" s="5" t="s">
        <v>40</v>
      </c>
      <c r="R9634" s="5" t="s">
        <v>24340</v>
      </c>
      <c r="S9634" s="5" t="s">
        <v>40</v>
      </c>
      <c r="T9634" s="5" t="s">
        <v>42</v>
      </c>
      <c r="U9634" s="2">
        <v>11.583</v>
      </c>
      <c r="V9634" s="2">
        <v>9.1660000000000004</v>
      </c>
      <c r="W9634" s="2">
        <v>0.13600000000000001</v>
      </c>
      <c r="X9634" s="2">
        <v>12</v>
      </c>
      <c r="Y9634" s="2">
        <v>50</v>
      </c>
      <c r="Z9634" s="2">
        <v>227.4</v>
      </c>
      <c r="AA9634" s="5">
        <v>10</v>
      </c>
      <c r="AB9634" s="5" t="s">
        <v>43</v>
      </c>
      <c r="AC9634" s="5" t="s">
        <v>44</v>
      </c>
      <c r="AD9634" s="2" t="s">
        <v>29229</v>
      </c>
      <c r="AE9634" s="1"/>
    </row>
    <row r="9635" spans="1:31" ht="14.45">
      <c r="A9635" s="11"/>
      <c r="B9635" s="20"/>
      <c r="C9635" s="2" t="s">
        <v>29596</v>
      </c>
      <c r="D9635" s="14" t="s">
        <v>29597</v>
      </c>
      <c r="E9635" s="2" t="s">
        <v>29598</v>
      </c>
      <c r="F9635" s="2" t="s">
        <v>28887</v>
      </c>
      <c r="G9635" s="8">
        <v>499</v>
      </c>
      <c r="H9635" s="5">
        <v>20</v>
      </c>
      <c r="I9635" s="5" t="s">
        <v>69</v>
      </c>
      <c r="J9635" s="5" t="s">
        <v>27074</v>
      </c>
      <c r="K9635" s="2" t="s">
        <v>27075</v>
      </c>
      <c r="L9635" s="5" t="s">
        <v>27074</v>
      </c>
      <c r="M9635" s="2" t="s">
        <v>27075</v>
      </c>
      <c r="N9635" s="5" t="s">
        <v>24254</v>
      </c>
      <c r="O9635" s="5" t="s">
        <v>38</v>
      </c>
      <c r="P9635" s="5" t="s">
        <v>39</v>
      </c>
      <c r="Q9635" s="5" t="s">
        <v>40</v>
      </c>
      <c r="R9635" s="5" t="s">
        <v>25301</v>
      </c>
      <c r="S9635" s="5" t="s">
        <v>40</v>
      </c>
      <c r="T9635" s="5" t="s">
        <v>42</v>
      </c>
      <c r="U9635" s="2">
        <v>18.513999999999999</v>
      </c>
      <c r="V9635" s="2">
        <v>16.062999999999999</v>
      </c>
      <c r="W9635" s="2">
        <v>0.13600000000000001</v>
      </c>
      <c r="X9635" s="2">
        <v>12</v>
      </c>
      <c r="Y9635" s="2">
        <v>50</v>
      </c>
      <c r="Z9635" s="2">
        <v>227.4</v>
      </c>
      <c r="AA9635" s="5">
        <v>8</v>
      </c>
      <c r="AB9635" s="5" t="s">
        <v>43</v>
      </c>
      <c r="AC9635" s="5" t="s">
        <v>44</v>
      </c>
      <c r="AD9635" s="2" t="s">
        <v>28888</v>
      </c>
      <c r="AE9635" s="1"/>
    </row>
    <row r="9636" spans="1:31" ht="14.45">
      <c r="A9636" s="11"/>
      <c r="B9636" s="20"/>
      <c r="C9636" s="2" t="s">
        <v>29599</v>
      </c>
      <c r="D9636" s="14" t="s">
        <v>29600</v>
      </c>
      <c r="E9636" s="2" t="s">
        <v>29601</v>
      </c>
      <c r="F9636" s="2" t="s">
        <v>28892</v>
      </c>
      <c r="G9636" s="8">
        <v>499</v>
      </c>
      <c r="H9636" s="5">
        <v>20</v>
      </c>
      <c r="I9636" s="5" t="s">
        <v>69</v>
      </c>
      <c r="J9636" s="5" t="s">
        <v>27074</v>
      </c>
      <c r="K9636" s="2" t="s">
        <v>27075</v>
      </c>
      <c r="L9636" s="5" t="s">
        <v>27074</v>
      </c>
      <c r="M9636" s="2" t="s">
        <v>27075</v>
      </c>
      <c r="N9636" s="5" t="s">
        <v>24254</v>
      </c>
      <c r="O9636" s="5" t="s">
        <v>38</v>
      </c>
      <c r="P9636" s="5" t="s">
        <v>39</v>
      </c>
      <c r="Q9636" s="5" t="s">
        <v>40</v>
      </c>
      <c r="R9636" s="5" t="s">
        <v>25301</v>
      </c>
      <c r="S9636" s="5" t="s">
        <v>40</v>
      </c>
      <c r="T9636" s="5" t="s">
        <v>42</v>
      </c>
      <c r="U9636" s="2">
        <v>13.68</v>
      </c>
      <c r="V9636" s="2">
        <v>11.263</v>
      </c>
      <c r="W9636" s="2">
        <v>0.13600000000000001</v>
      </c>
      <c r="X9636" s="2">
        <v>12</v>
      </c>
      <c r="Y9636" s="2">
        <v>50</v>
      </c>
      <c r="Z9636" s="2">
        <v>227.4</v>
      </c>
      <c r="AA9636" s="5">
        <v>8</v>
      </c>
      <c r="AB9636" s="5" t="s">
        <v>43</v>
      </c>
      <c r="AC9636" s="5" t="s">
        <v>44</v>
      </c>
      <c r="AD9636" s="2" t="s">
        <v>28888</v>
      </c>
      <c r="AE9636" s="1"/>
    </row>
    <row r="9637" spans="1:31" ht="14.45">
      <c r="A9637" s="11"/>
      <c r="B9637" s="20"/>
      <c r="C9637" s="2" t="s">
        <v>29602</v>
      </c>
      <c r="D9637" s="14" t="s">
        <v>29603</v>
      </c>
      <c r="E9637" s="2" t="s">
        <v>29604</v>
      </c>
      <c r="F9637" s="2" t="s">
        <v>28896</v>
      </c>
      <c r="G9637" s="8">
        <v>499</v>
      </c>
      <c r="H9637" s="5">
        <v>20</v>
      </c>
      <c r="I9637" s="5" t="s">
        <v>69</v>
      </c>
      <c r="J9637" s="5" t="s">
        <v>27074</v>
      </c>
      <c r="K9637" s="2" t="s">
        <v>27075</v>
      </c>
      <c r="L9637" s="5" t="s">
        <v>27074</v>
      </c>
      <c r="M9637" s="2" t="s">
        <v>27075</v>
      </c>
      <c r="N9637" s="5" t="s">
        <v>24254</v>
      </c>
      <c r="O9637" s="5" t="s">
        <v>38</v>
      </c>
      <c r="P9637" s="5" t="s">
        <v>39</v>
      </c>
      <c r="Q9637" s="5" t="s">
        <v>40</v>
      </c>
      <c r="R9637" s="5" t="s">
        <v>25301</v>
      </c>
      <c r="S9637" s="5" t="s">
        <v>40</v>
      </c>
      <c r="T9637" s="5" t="s">
        <v>42</v>
      </c>
      <c r="U9637" s="2">
        <v>14.787000000000001</v>
      </c>
      <c r="V9637" s="2">
        <v>12.37</v>
      </c>
      <c r="W9637" s="2">
        <v>0.13600000000000001</v>
      </c>
      <c r="X9637" s="2">
        <v>12</v>
      </c>
      <c r="Y9637" s="2">
        <v>50</v>
      </c>
      <c r="Z9637" s="2">
        <v>227.4</v>
      </c>
      <c r="AA9637" s="5">
        <v>10</v>
      </c>
      <c r="AB9637" s="5" t="s">
        <v>43</v>
      </c>
      <c r="AC9637" s="5" t="s">
        <v>44</v>
      </c>
      <c r="AD9637" s="2" t="s">
        <v>28897</v>
      </c>
      <c r="AE9637" s="1"/>
    </row>
    <row r="9638" spans="1:31" ht="14.45">
      <c r="A9638" s="11"/>
      <c r="B9638" s="20"/>
      <c r="C9638" s="2" t="s">
        <v>29605</v>
      </c>
      <c r="D9638" s="14" t="s">
        <v>29606</v>
      </c>
      <c r="E9638" s="2" t="s">
        <v>29607</v>
      </c>
      <c r="F9638" s="2" t="s">
        <v>28901</v>
      </c>
      <c r="G9638" s="8">
        <v>499</v>
      </c>
      <c r="H9638" s="5">
        <v>20</v>
      </c>
      <c r="I9638" s="5" t="s">
        <v>69</v>
      </c>
      <c r="J9638" s="5" t="s">
        <v>27074</v>
      </c>
      <c r="K9638" s="2" t="s">
        <v>27075</v>
      </c>
      <c r="L9638" s="5" t="s">
        <v>27074</v>
      </c>
      <c r="M9638" s="2" t="s">
        <v>27075</v>
      </c>
      <c r="N9638" s="5" t="s">
        <v>24254</v>
      </c>
      <c r="O9638" s="5" t="s">
        <v>38</v>
      </c>
      <c r="P9638" s="5" t="s">
        <v>39</v>
      </c>
      <c r="Q9638" s="5" t="s">
        <v>40</v>
      </c>
      <c r="R9638" s="5" t="s">
        <v>25301</v>
      </c>
      <c r="S9638" s="5" t="s">
        <v>40</v>
      </c>
      <c r="T9638" s="5" t="s">
        <v>42</v>
      </c>
      <c r="U9638" s="2">
        <v>11.586</v>
      </c>
      <c r="V9638" s="2">
        <v>9.1690000000000005</v>
      </c>
      <c r="W9638" s="2">
        <v>0.13600000000000001</v>
      </c>
      <c r="X9638" s="2">
        <v>12</v>
      </c>
      <c r="Y9638" s="2">
        <v>50</v>
      </c>
      <c r="Z9638" s="2">
        <v>227.4</v>
      </c>
      <c r="AA9638" s="5">
        <v>10</v>
      </c>
      <c r="AB9638" s="5" t="s">
        <v>43</v>
      </c>
      <c r="AC9638" s="5" t="s">
        <v>44</v>
      </c>
      <c r="AD9638" s="2" t="s">
        <v>28902</v>
      </c>
      <c r="AE9638" s="1"/>
    </row>
    <row r="9639" spans="1:31" ht="14.45">
      <c r="A9639" s="5"/>
      <c r="B9639" s="21"/>
      <c r="C9639" s="2" t="s">
        <v>29608</v>
      </c>
      <c r="D9639" s="14" t="s">
        <v>29609</v>
      </c>
      <c r="E9639" s="2" t="s">
        <v>29610</v>
      </c>
      <c r="F9639" s="2"/>
      <c r="G9639" s="8">
        <v>209</v>
      </c>
      <c r="H9639" s="5">
        <v>5</v>
      </c>
      <c r="I9639" s="5" t="s">
        <v>69</v>
      </c>
      <c r="J9639" s="5" t="s">
        <v>27074</v>
      </c>
      <c r="K9639" s="2" t="s">
        <v>27075</v>
      </c>
      <c r="L9639" s="5" t="s">
        <v>27074</v>
      </c>
      <c r="M9639" s="2" t="s">
        <v>27075</v>
      </c>
      <c r="N9639" s="5" t="s">
        <v>24254</v>
      </c>
      <c r="O9639" s="5" t="s">
        <v>38</v>
      </c>
      <c r="P9639" s="5" t="s">
        <v>39</v>
      </c>
      <c r="Q9639" s="5" t="s">
        <v>40</v>
      </c>
      <c r="R9639" s="5" t="s">
        <v>24335</v>
      </c>
      <c r="S9639" s="5" t="s">
        <v>40</v>
      </c>
      <c r="T9639" s="5" t="s">
        <v>42</v>
      </c>
      <c r="U9639" s="2">
        <v>9.9009999999999998</v>
      </c>
      <c r="V9639" s="2">
        <v>7.9249999999999998</v>
      </c>
      <c r="W9639" s="2">
        <v>0.129</v>
      </c>
      <c r="X9639" s="2">
        <v>12</v>
      </c>
      <c r="Y9639" s="2">
        <v>62</v>
      </c>
      <c r="Z9639" s="2">
        <v>172.9</v>
      </c>
      <c r="AA9639" s="5">
        <v>8</v>
      </c>
      <c r="AB9639" s="5" t="s">
        <v>43</v>
      </c>
      <c r="AC9639" s="5" t="s">
        <v>44</v>
      </c>
      <c r="AD9639" s="2" t="s">
        <v>29611</v>
      </c>
      <c r="AE9639" s="1"/>
    </row>
    <row r="9640" spans="1:31" ht="14.45">
      <c r="A9640" s="5"/>
      <c r="B9640" s="21"/>
      <c r="C9640" s="2" t="s">
        <v>29612</v>
      </c>
      <c r="D9640" s="14" t="s">
        <v>29613</v>
      </c>
      <c r="E9640" s="2" t="s">
        <v>29614</v>
      </c>
      <c r="F9640" s="2"/>
      <c r="G9640" s="8">
        <v>209</v>
      </c>
      <c r="H9640" s="5">
        <v>5</v>
      </c>
      <c r="I9640" s="5" t="s">
        <v>69</v>
      </c>
      <c r="J9640" s="5" t="s">
        <v>27074</v>
      </c>
      <c r="K9640" s="2" t="s">
        <v>27075</v>
      </c>
      <c r="L9640" s="5" t="s">
        <v>27074</v>
      </c>
      <c r="M9640" s="2" t="s">
        <v>27075</v>
      </c>
      <c r="N9640" s="5" t="s">
        <v>24254</v>
      </c>
      <c r="O9640" s="5" t="s">
        <v>38</v>
      </c>
      <c r="P9640" s="5" t="s">
        <v>39</v>
      </c>
      <c r="Q9640" s="5" t="s">
        <v>40</v>
      </c>
      <c r="R9640" s="5" t="s">
        <v>24335</v>
      </c>
      <c r="S9640" s="5" t="s">
        <v>40</v>
      </c>
      <c r="T9640" s="5" t="s">
        <v>42</v>
      </c>
      <c r="U9640" s="2">
        <v>8.5500000000000007</v>
      </c>
      <c r="V9640" s="2">
        <v>6.5750000000000002</v>
      </c>
      <c r="W9640" s="2">
        <v>0.129</v>
      </c>
      <c r="X9640" s="2">
        <v>12</v>
      </c>
      <c r="Y9640" s="2">
        <v>62</v>
      </c>
      <c r="Z9640" s="2">
        <v>172.9</v>
      </c>
      <c r="AA9640" s="5">
        <v>8</v>
      </c>
      <c r="AB9640" s="5" t="s">
        <v>43</v>
      </c>
      <c r="AC9640" s="5" t="s">
        <v>44</v>
      </c>
      <c r="AD9640" s="2" t="s">
        <v>29611</v>
      </c>
      <c r="AE9640" s="1"/>
    </row>
    <row r="9641" spans="1:31" ht="14.45">
      <c r="A9641" s="5"/>
      <c r="B9641" s="21"/>
      <c r="C9641" s="2" t="s">
        <v>29615</v>
      </c>
      <c r="D9641" s="14" t="s">
        <v>29616</v>
      </c>
      <c r="E9641" s="2" t="s">
        <v>29617</v>
      </c>
      <c r="F9641" s="2"/>
      <c r="G9641" s="8">
        <v>209</v>
      </c>
      <c r="H9641" s="5">
        <v>5</v>
      </c>
      <c r="I9641" s="5" t="s">
        <v>69</v>
      </c>
      <c r="J9641" s="5" t="s">
        <v>27074</v>
      </c>
      <c r="K9641" s="2" t="s">
        <v>27075</v>
      </c>
      <c r="L9641" s="5" t="s">
        <v>27074</v>
      </c>
      <c r="M9641" s="2" t="s">
        <v>27075</v>
      </c>
      <c r="N9641" s="5" t="s">
        <v>24254</v>
      </c>
      <c r="O9641" s="5" t="s">
        <v>38</v>
      </c>
      <c r="P9641" s="5" t="s">
        <v>39</v>
      </c>
      <c r="Q9641" s="5" t="s">
        <v>40</v>
      </c>
      <c r="R9641" s="5" t="s">
        <v>24335</v>
      </c>
      <c r="S9641" s="5" t="s">
        <v>40</v>
      </c>
      <c r="T9641" s="5" t="s">
        <v>42</v>
      </c>
      <c r="U9641" s="2">
        <v>7.42</v>
      </c>
      <c r="V9641" s="2">
        <v>5.468</v>
      </c>
      <c r="W9641" s="2">
        <v>0.129</v>
      </c>
      <c r="X9641" s="2">
        <v>12</v>
      </c>
      <c r="Y9641" s="2">
        <v>62</v>
      </c>
      <c r="Z9641" s="2">
        <v>172.9</v>
      </c>
      <c r="AA9641" s="5">
        <v>8</v>
      </c>
      <c r="AB9641" s="5" t="s">
        <v>43</v>
      </c>
      <c r="AC9641" s="5" t="s">
        <v>44</v>
      </c>
      <c r="AD9641" s="2" t="s">
        <v>29611</v>
      </c>
      <c r="AE9641" s="1"/>
    </row>
    <row r="9642" spans="1:31" ht="14.45">
      <c r="A9642" s="5"/>
      <c r="B9642" s="21"/>
      <c r="C9642" s="2" t="s">
        <v>29618</v>
      </c>
      <c r="D9642" s="14" t="s">
        <v>29619</v>
      </c>
      <c r="E9642" s="2" t="s">
        <v>29620</v>
      </c>
      <c r="F9642" s="2"/>
      <c r="G9642" s="8">
        <v>209</v>
      </c>
      <c r="H9642" s="5">
        <v>25</v>
      </c>
      <c r="I9642" s="5" t="s">
        <v>69</v>
      </c>
      <c r="J9642" s="5" t="s">
        <v>27074</v>
      </c>
      <c r="K9642" s="2" t="s">
        <v>27075</v>
      </c>
      <c r="L9642" s="5" t="s">
        <v>27074</v>
      </c>
      <c r="M9642" s="2" t="s">
        <v>27075</v>
      </c>
      <c r="N9642" s="5" t="s">
        <v>24254</v>
      </c>
      <c r="O9642" s="5" t="s">
        <v>38</v>
      </c>
      <c r="P9642" s="5" t="s">
        <v>39</v>
      </c>
      <c r="Q9642" s="5" t="s">
        <v>40</v>
      </c>
      <c r="R9642" s="5" t="s">
        <v>24335</v>
      </c>
      <c r="S9642" s="5" t="s">
        <v>40</v>
      </c>
      <c r="T9642" s="5" t="s">
        <v>42</v>
      </c>
      <c r="U9642" s="2">
        <v>6.7030000000000003</v>
      </c>
      <c r="V9642" s="2">
        <v>5.0979999999999999</v>
      </c>
      <c r="W9642" s="2">
        <v>0.10299999999999999</v>
      </c>
      <c r="X9642" s="2">
        <v>12</v>
      </c>
      <c r="Y9642" s="2">
        <v>62</v>
      </c>
      <c r="Z9642" s="2">
        <v>137.9</v>
      </c>
      <c r="AA9642" s="5">
        <v>10</v>
      </c>
      <c r="AB9642" s="5" t="s">
        <v>43</v>
      </c>
      <c r="AC9642" s="5" t="s">
        <v>44</v>
      </c>
      <c r="AD9642" s="2" t="s">
        <v>29621</v>
      </c>
      <c r="AE9642" s="1"/>
    </row>
    <row r="9643" spans="1:31" ht="14.45">
      <c r="A9643" s="5"/>
      <c r="B9643" s="21"/>
      <c r="C9643" s="2" t="s">
        <v>29622</v>
      </c>
      <c r="D9643" s="14" t="s">
        <v>29623</v>
      </c>
      <c r="E9643" s="2" t="s">
        <v>29624</v>
      </c>
      <c r="F9643" s="2"/>
      <c r="G9643" s="8">
        <v>209</v>
      </c>
      <c r="H9643" s="5">
        <v>25</v>
      </c>
      <c r="I9643" s="5" t="s">
        <v>69</v>
      </c>
      <c r="J9643" s="5" t="s">
        <v>27074</v>
      </c>
      <c r="K9643" s="2" t="s">
        <v>27075</v>
      </c>
      <c r="L9643" s="5" t="s">
        <v>27074</v>
      </c>
      <c r="M9643" s="2" t="s">
        <v>27075</v>
      </c>
      <c r="N9643" s="5" t="s">
        <v>24254</v>
      </c>
      <c r="O9643" s="5" t="s">
        <v>38</v>
      </c>
      <c r="P9643" s="5" t="s">
        <v>39</v>
      </c>
      <c r="Q9643" s="5" t="s">
        <v>40</v>
      </c>
      <c r="R9643" s="5" t="s">
        <v>24335</v>
      </c>
      <c r="S9643" s="5" t="s">
        <v>40</v>
      </c>
      <c r="T9643" s="5" t="s">
        <v>42</v>
      </c>
      <c r="U9643" s="2">
        <v>5.6630000000000003</v>
      </c>
      <c r="V9643" s="2">
        <v>4.0579999999999998</v>
      </c>
      <c r="W9643" s="2">
        <v>0.10299999999999999</v>
      </c>
      <c r="X9643" s="2">
        <v>12</v>
      </c>
      <c r="Y9643" s="2">
        <v>62</v>
      </c>
      <c r="Z9643" s="2">
        <v>137.9</v>
      </c>
      <c r="AA9643" s="5">
        <v>10</v>
      </c>
      <c r="AB9643" s="5" t="s">
        <v>43</v>
      </c>
      <c r="AC9643" s="5" t="s">
        <v>44</v>
      </c>
      <c r="AD9643" s="2" t="s">
        <v>29625</v>
      </c>
      <c r="AE9643" s="1"/>
    </row>
    <row r="9644" spans="1:31" ht="14.45">
      <c r="A9644" s="5"/>
      <c r="B9644" s="21"/>
      <c r="C9644" s="2" t="s">
        <v>29626</v>
      </c>
      <c r="D9644" s="14" t="s">
        <v>29627</v>
      </c>
      <c r="E9644" s="2" t="s">
        <v>29628</v>
      </c>
      <c r="F9644" s="2"/>
      <c r="G9644" s="8">
        <v>209</v>
      </c>
      <c r="H9644" s="5">
        <v>25</v>
      </c>
      <c r="I9644" s="5" t="s">
        <v>69</v>
      </c>
      <c r="J9644" s="5" t="s">
        <v>27074</v>
      </c>
      <c r="K9644" s="2" t="s">
        <v>27075</v>
      </c>
      <c r="L9644" s="5" t="s">
        <v>27074</v>
      </c>
      <c r="M9644" s="2" t="s">
        <v>27075</v>
      </c>
      <c r="N9644" s="5" t="s">
        <v>24254</v>
      </c>
      <c r="O9644" s="5" t="s">
        <v>38</v>
      </c>
      <c r="P9644" s="5" t="s">
        <v>39</v>
      </c>
      <c r="Q9644" s="5" t="s">
        <v>40</v>
      </c>
      <c r="R9644" s="5" t="s">
        <v>24335</v>
      </c>
      <c r="S9644" s="5" t="s">
        <v>40</v>
      </c>
      <c r="T9644" s="5" t="s">
        <v>42</v>
      </c>
      <c r="U9644" s="2">
        <v>5.7320000000000002</v>
      </c>
      <c r="V9644" s="2">
        <v>4.1269999999999998</v>
      </c>
      <c r="W9644" s="2">
        <v>0.10299999999999999</v>
      </c>
      <c r="X9644" s="2">
        <v>12</v>
      </c>
      <c r="Y9644" s="2">
        <v>62</v>
      </c>
      <c r="Z9644" s="2">
        <v>137.9</v>
      </c>
      <c r="AA9644" s="5">
        <v>10</v>
      </c>
      <c r="AB9644" s="5" t="s">
        <v>43</v>
      </c>
      <c r="AC9644" s="5" t="s">
        <v>44</v>
      </c>
      <c r="AD9644" s="2" t="s">
        <v>29629</v>
      </c>
      <c r="AE9644" s="1"/>
    </row>
    <row r="9645" spans="1:31" ht="14.45">
      <c r="A9645" s="5"/>
      <c r="B9645" s="21"/>
      <c r="C9645" s="2" t="s">
        <v>29630</v>
      </c>
      <c r="D9645" s="14" t="s">
        <v>29631</v>
      </c>
      <c r="E9645" s="2" t="s">
        <v>29632</v>
      </c>
      <c r="F9645" s="2"/>
      <c r="G9645" s="8">
        <v>209</v>
      </c>
      <c r="H9645" s="5">
        <v>25</v>
      </c>
      <c r="I9645" s="5" t="s">
        <v>69</v>
      </c>
      <c r="J9645" s="5" t="s">
        <v>27074</v>
      </c>
      <c r="K9645" s="2" t="s">
        <v>27075</v>
      </c>
      <c r="L9645" s="5" t="s">
        <v>27074</v>
      </c>
      <c r="M9645" s="2" t="s">
        <v>27075</v>
      </c>
      <c r="N9645" s="5" t="s">
        <v>24254</v>
      </c>
      <c r="O9645" s="5" t="s">
        <v>38</v>
      </c>
      <c r="P9645" s="5" t="s">
        <v>39</v>
      </c>
      <c r="Q9645" s="5" t="s">
        <v>40</v>
      </c>
      <c r="R9645" s="5" t="s">
        <v>24335</v>
      </c>
      <c r="S9645" s="5" t="s">
        <v>40</v>
      </c>
      <c r="T9645" s="5" t="s">
        <v>42</v>
      </c>
      <c r="U9645" s="2">
        <v>6.391</v>
      </c>
      <c r="V9645" s="2">
        <v>4.7859999999999996</v>
      </c>
      <c r="W9645" s="2">
        <v>0.10299999999999999</v>
      </c>
      <c r="X9645" s="2">
        <v>12</v>
      </c>
      <c r="Y9645" s="2">
        <v>62</v>
      </c>
      <c r="Z9645" s="2">
        <v>137.9</v>
      </c>
      <c r="AA9645" s="5">
        <v>10</v>
      </c>
      <c r="AB9645" s="5" t="s">
        <v>43</v>
      </c>
      <c r="AC9645" s="5" t="s">
        <v>44</v>
      </c>
      <c r="AD9645" s="2" t="s">
        <v>29625</v>
      </c>
      <c r="AE9645" s="1"/>
    </row>
    <row r="9646" spans="1:31" ht="14.45">
      <c r="A9646" s="5"/>
      <c r="B9646" s="21"/>
      <c r="C9646" s="2" t="s">
        <v>29633</v>
      </c>
      <c r="D9646" s="14" t="s">
        <v>29634</v>
      </c>
      <c r="E9646" s="2" t="s">
        <v>29635</v>
      </c>
      <c r="F9646" s="2" t="s">
        <v>29636</v>
      </c>
      <c r="G9646" s="8">
        <v>418</v>
      </c>
      <c r="H9646" s="5">
        <v>5</v>
      </c>
      <c r="I9646" s="5" t="s">
        <v>69</v>
      </c>
      <c r="J9646" s="5" t="s">
        <v>27074</v>
      </c>
      <c r="K9646" s="2" t="s">
        <v>27075</v>
      </c>
      <c r="L9646" s="5" t="s">
        <v>27074</v>
      </c>
      <c r="M9646" s="2" t="s">
        <v>27075</v>
      </c>
      <c r="N9646" s="5" t="s">
        <v>24254</v>
      </c>
      <c r="O9646" s="5" t="s">
        <v>38</v>
      </c>
      <c r="P9646" s="5" t="s">
        <v>39</v>
      </c>
      <c r="Q9646" s="5" t="s">
        <v>40</v>
      </c>
      <c r="R9646" s="5" t="s">
        <v>1487</v>
      </c>
      <c r="S9646" s="5"/>
      <c r="T9646" s="5" t="s">
        <v>42</v>
      </c>
      <c r="U9646" s="2">
        <v>0</v>
      </c>
      <c r="V9646" s="2">
        <v>0</v>
      </c>
      <c r="W9646" s="2">
        <v>0</v>
      </c>
      <c r="X9646" s="2">
        <v>0</v>
      </c>
      <c r="Y9646" s="2">
        <v>0</v>
      </c>
      <c r="Z9646" s="2">
        <v>0</v>
      </c>
      <c r="AA9646" s="5"/>
      <c r="AB9646" s="5" t="s">
        <v>43</v>
      </c>
      <c r="AC9646" s="5" t="s">
        <v>44</v>
      </c>
      <c r="AD9646" s="2" t="s">
        <v>29637</v>
      </c>
      <c r="AE9646" s="1"/>
    </row>
    <row r="9647" spans="1:31" ht="14.45">
      <c r="A9647" s="5"/>
      <c r="B9647" s="21"/>
      <c r="C9647" s="2" t="s">
        <v>29638</v>
      </c>
      <c r="D9647" s="14" t="s">
        <v>29639</v>
      </c>
      <c r="E9647" s="2" t="s">
        <v>29640</v>
      </c>
      <c r="F9647" s="2"/>
      <c r="G9647" s="8">
        <v>360</v>
      </c>
      <c r="H9647" s="5">
        <v>25</v>
      </c>
      <c r="I9647" s="5" t="s">
        <v>69</v>
      </c>
      <c r="J9647" s="5" t="s">
        <v>27074</v>
      </c>
      <c r="K9647" s="2" t="s">
        <v>27075</v>
      </c>
      <c r="L9647" s="5" t="s">
        <v>27074</v>
      </c>
      <c r="M9647" s="2" t="s">
        <v>27075</v>
      </c>
      <c r="N9647" s="5" t="s">
        <v>24254</v>
      </c>
      <c r="O9647" s="5" t="s">
        <v>38</v>
      </c>
      <c r="P9647" s="5" t="s">
        <v>39</v>
      </c>
      <c r="Q9647" s="5" t="s">
        <v>40</v>
      </c>
      <c r="R9647" s="5" t="s">
        <v>24340</v>
      </c>
      <c r="S9647" s="5" t="s">
        <v>40</v>
      </c>
      <c r="T9647" s="5" t="s">
        <v>42</v>
      </c>
      <c r="U9647" s="2">
        <v>14.519</v>
      </c>
      <c r="V9647" s="2">
        <v>12.879</v>
      </c>
      <c r="W9647" s="2">
        <v>0.10299999999999999</v>
      </c>
      <c r="X9647" s="2">
        <v>12</v>
      </c>
      <c r="Y9647" s="2">
        <v>62</v>
      </c>
      <c r="Z9647" s="2">
        <v>137.9</v>
      </c>
      <c r="AA9647" s="5">
        <v>8</v>
      </c>
      <c r="AB9647" s="5" t="s">
        <v>43</v>
      </c>
      <c r="AC9647" s="5" t="s">
        <v>44</v>
      </c>
      <c r="AD9647" s="2" t="s">
        <v>29641</v>
      </c>
      <c r="AE9647" s="1"/>
    </row>
    <row r="9648" spans="1:31" ht="14.45">
      <c r="A9648" s="5"/>
      <c r="B9648" s="21"/>
      <c r="C9648" s="2" t="s">
        <v>29642</v>
      </c>
      <c r="D9648" s="14" t="s">
        <v>29643</v>
      </c>
      <c r="E9648" s="2" t="s">
        <v>29644</v>
      </c>
      <c r="F9648" s="2"/>
      <c r="G9648" s="8">
        <v>360</v>
      </c>
      <c r="H9648" s="5">
        <v>25</v>
      </c>
      <c r="I9648" s="5" t="s">
        <v>69</v>
      </c>
      <c r="J9648" s="5" t="s">
        <v>27074</v>
      </c>
      <c r="K9648" s="2" t="s">
        <v>27075</v>
      </c>
      <c r="L9648" s="5" t="s">
        <v>27074</v>
      </c>
      <c r="M9648" s="2" t="s">
        <v>27075</v>
      </c>
      <c r="N9648" s="5" t="s">
        <v>24254</v>
      </c>
      <c r="O9648" s="5" t="s">
        <v>38</v>
      </c>
      <c r="P9648" s="5" t="s">
        <v>39</v>
      </c>
      <c r="Q9648" s="5" t="s">
        <v>40</v>
      </c>
      <c r="R9648" s="5" t="s">
        <v>24340</v>
      </c>
      <c r="S9648" s="5" t="s">
        <v>40</v>
      </c>
      <c r="T9648" s="5" t="s">
        <v>42</v>
      </c>
      <c r="U9648" s="2">
        <v>10.366</v>
      </c>
      <c r="V9648" s="2">
        <v>8.7579999999999991</v>
      </c>
      <c r="W9648" s="2">
        <v>0.10299999999999999</v>
      </c>
      <c r="X9648" s="2">
        <v>12</v>
      </c>
      <c r="Y9648" s="2">
        <v>62</v>
      </c>
      <c r="Z9648" s="2">
        <v>137.9</v>
      </c>
      <c r="AA9648" s="5">
        <v>8</v>
      </c>
      <c r="AB9648" s="5" t="s">
        <v>43</v>
      </c>
      <c r="AC9648" s="5" t="s">
        <v>44</v>
      </c>
      <c r="AD9648" s="2" t="s">
        <v>29641</v>
      </c>
      <c r="AE9648" s="1"/>
    </row>
    <row r="9649" spans="1:31" ht="14.45">
      <c r="A9649" s="5"/>
      <c r="B9649" s="21"/>
      <c r="C9649" s="2" t="s">
        <v>29645</v>
      </c>
      <c r="D9649" s="14" t="s">
        <v>29646</v>
      </c>
      <c r="E9649" s="2" t="s">
        <v>29647</v>
      </c>
      <c r="F9649" s="2"/>
      <c r="G9649" s="8">
        <v>360</v>
      </c>
      <c r="H9649" s="5">
        <v>25</v>
      </c>
      <c r="I9649" s="5" t="s">
        <v>69</v>
      </c>
      <c r="J9649" s="5" t="s">
        <v>27074</v>
      </c>
      <c r="K9649" s="2" t="s">
        <v>27075</v>
      </c>
      <c r="L9649" s="5" t="s">
        <v>27074</v>
      </c>
      <c r="M9649" s="2" t="s">
        <v>27075</v>
      </c>
      <c r="N9649" s="5" t="s">
        <v>24254</v>
      </c>
      <c r="O9649" s="5" t="s">
        <v>38</v>
      </c>
      <c r="P9649" s="5" t="s">
        <v>39</v>
      </c>
      <c r="Q9649" s="5" t="s">
        <v>40</v>
      </c>
      <c r="R9649" s="5" t="s">
        <v>24340</v>
      </c>
      <c r="S9649" s="5" t="s">
        <v>40</v>
      </c>
      <c r="T9649" s="5" t="s">
        <v>42</v>
      </c>
      <c r="U9649" s="2">
        <v>7.5410000000000004</v>
      </c>
      <c r="V9649" s="2">
        <v>5.9359999999999999</v>
      </c>
      <c r="W9649" s="2">
        <v>0.10299999999999999</v>
      </c>
      <c r="X9649" s="2">
        <v>12</v>
      </c>
      <c r="Y9649" s="2">
        <v>62</v>
      </c>
      <c r="Z9649" s="2">
        <v>137.9</v>
      </c>
      <c r="AA9649" s="5">
        <v>10</v>
      </c>
      <c r="AB9649" s="5" t="s">
        <v>43</v>
      </c>
      <c r="AC9649" s="5" t="s">
        <v>44</v>
      </c>
      <c r="AD9649" s="2" t="s">
        <v>29648</v>
      </c>
      <c r="AE9649" s="1"/>
    </row>
    <row r="9650" spans="1:31" ht="14.45">
      <c r="A9650" s="5"/>
      <c r="B9650" s="21"/>
      <c r="C9650" s="2" t="s">
        <v>29649</v>
      </c>
      <c r="D9650" s="14" t="s">
        <v>29650</v>
      </c>
      <c r="E9650" s="2" t="s">
        <v>29651</v>
      </c>
      <c r="F9650" s="2" t="s">
        <v>29652</v>
      </c>
      <c r="G9650" s="8">
        <v>869</v>
      </c>
      <c r="H9650" s="5">
        <v>15</v>
      </c>
      <c r="I9650" s="5" t="s">
        <v>69</v>
      </c>
      <c r="J9650" s="5" t="s">
        <v>27074</v>
      </c>
      <c r="K9650" s="2" t="s">
        <v>27075</v>
      </c>
      <c r="L9650" s="5" t="s">
        <v>27074</v>
      </c>
      <c r="M9650" s="2" t="s">
        <v>27075</v>
      </c>
      <c r="N9650" s="5" t="s">
        <v>24254</v>
      </c>
      <c r="O9650" s="5" t="s">
        <v>38</v>
      </c>
      <c r="P9650" s="5" t="s">
        <v>39</v>
      </c>
      <c r="Q9650" s="5" t="s">
        <v>40</v>
      </c>
      <c r="R9650" s="5" t="s">
        <v>1487</v>
      </c>
      <c r="S9650" s="5"/>
      <c r="T9650" s="5" t="s">
        <v>42</v>
      </c>
      <c r="U9650" s="2">
        <v>0</v>
      </c>
      <c r="V9650" s="2">
        <v>0</v>
      </c>
      <c r="W9650" s="2">
        <v>0</v>
      </c>
      <c r="X9650" s="2">
        <v>0</v>
      </c>
      <c r="Y9650" s="2">
        <v>0</v>
      </c>
      <c r="Z9650" s="2">
        <v>0</v>
      </c>
      <c r="AA9650" s="5"/>
      <c r="AB9650" s="5" t="s">
        <v>43</v>
      </c>
      <c r="AC9650" s="5" t="s">
        <v>44</v>
      </c>
      <c r="AD9650" s="2" t="s">
        <v>29653</v>
      </c>
      <c r="AE9650" s="1"/>
    </row>
    <row r="9651" spans="1:31" ht="14.45">
      <c r="A9651" s="5"/>
      <c r="B9651" s="21"/>
      <c r="C9651" s="2" t="s">
        <v>29654</v>
      </c>
      <c r="D9651" s="14" t="s">
        <v>29655</v>
      </c>
      <c r="E9651" s="2" t="s">
        <v>29656</v>
      </c>
      <c r="F9651" s="2" t="s">
        <v>29652</v>
      </c>
      <c r="G9651" s="8">
        <v>869</v>
      </c>
      <c r="H9651" s="5">
        <v>15</v>
      </c>
      <c r="I9651" s="5" t="s">
        <v>69</v>
      </c>
      <c r="J9651" s="5" t="s">
        <v>27074</v>
      </c>
      <c r="K9651" s="2" t="s">
        <v>27075</v>
      </c>
      <c r="L9651" s="5" t="s">
        <v>27074</v>
      </c>
      <c r="M9651" s="2" t="s">
        <v>27075</v>
      </c>
      <c r="N9651" s="5" t="s">
        <v>24254</v>
      </c>
      <c r="O9651" s="5" t="s">
        <v>38</v>
      </c>
      <c r="P9651" s="5" t="s">
        <v>39</v>
      </c>
      <c r="Q9651" s="5" t="s">
        <v>40</v>
      </c>
      <c r="R9651" s="5" t="s">
        <v>1487</v>
      </c>
      <c r="S9651" s="5"/>
      <c r="T9651" s="5" t="s">
        <v>42</v>
      </c>
      <c r="U9651" s="2">
        <v>0</v>
      </c>
      <c r="V9651" s="2">
        <v>0</v>
      </c>
      <c r="W9651" s="2">
        <v>0</v>
      </c>
      <c r="X9651" s="2">
        <v>0</v>
      </c>
      <c r="Y9651" s="2">
        <v>0</v>
      </c>
      <c r="Z9651" s="2">
        <v>0</v>
      </c>
      <c r="AA9651" s="5"/>
      <c r="AB9651" s="5" t="s">
        <v>43</v>
      </c>
      <c r="AC9651" s="5" t="s">
        <v>44</v>
      </c>
      <c r="AD9651" s="2" t="s">
        <v>29657</v>
      </c>
      <c r="AE9651" s="1"/>
    </row>
    <row r="9652" spans="1:31" ht="14.45">
      <c r="A9652" s="5"/>
      <c r="B9652" s="21"/>
      <c r="C9652" s="2" t="s">
        <v>29658</v>
      </c>
      <c r="D9652" s="14" t="s">
        <v>29659</v>
      </c>
      <c r="E9652" s="2" t="s">
        <v>29660</v>
      </c>
      <c r="F9652" s="2" t="s">
        <v>29652</v>
      </c>
      <c r="G9652" s="8">
        <v>1417</v>
      </c>
      <c r="H9652" s="5">
        <v>15</v>
      </c>
      <c r="I9652" s="5" t="s">
        <v>69</v>
      </c>
      <c r="J9652" s="5" t="s">
        <v>27074</v>
      </c>
      <c r="K9652" s="2" t="s">
        <v>27075</v>
      </c>
      <c r="L9652" s="5" t="s">
        <v>27074</v>
      </c>
      <c r="M9652" s="2" t="s">
        <v>27075</v>
      </c>
      <c r="N9652" s="5" t="s">
        <v>24254</v>
      </c>
      <c r="O9652" s="5" t="s">
        <v>38</v>
      </c>
      <c r="P9652" s="5" t="s">
        <v>39</v>
      </c>
      <c r="Q9652" s="5" t="s">
        <v>40</v>
      </c>
      <c r="R9652" s="5" t="s">
        <v>1487</v>
      </c>
      <c r="S9652" s="5"/>
      <c r="T9652" s="5" t="s">
        <v>42</v>
      </c>
      <c r="U9652" s="2">
        <v>0</v>
      </c>
      <c r="V9652" s="2">
        <v>0</v>
      </c>
      <c r="W9652" s="2">
        <v>0</v>
      </c>
      <c r="X9652" s="2">
        <v>0</v>
      </c>
      <c r="Y9652" s="2">
        <v>0</v>
      </c>
      <c r="Z9652" s="2">
        <v>0</v>
      </c>
      <c r="AA9652" s="5"/>
      <c r="AB9652" s="5" t="s">
        <v>43</v>
      </c>
      <c r="AC9652" s="5" t="s">
        <v>44</v>
      </c>
      <c r="AD9652" s="2" t="s">
        <v>29661</v>
      </c>
      <c r="AE9652" s="1"/>
    </row>
    <row r="9653" spans="1:31" ht="14.45">
      <c r="A9653" s="5"/>
      <c r="B9653" s="21"/>
      <c r="C9653" s="2" t="s">
        <v>29662</v>
      </c>
      <c r="D9653" s="14" t="s">
        <v>29663</v>
      </c>
      <c r="E9653" s="2" t="s">
        <v>29664</v>
      </c>
      <c r="F9653" s="2" t="s">
        <v>29652</v>
      </c>
      <c r="G9653" s="8">
        <v>1417</v>
      </c>
      <c r="H9653" s="5">
        <v>15</v>
      </c>
      <c r="I9653" s="5" t="s">
        <v>69</v>
      </c>
      <c r="J9653" s="5" t="s">
        <v>27074</v>
      </c>
      <c r="K9653" s="2" t="s">
        <v>27075</v>
      </c>
      <c r="L9653" s="5" t="s">
        <v>27074</v>
      </c>
      <c r="M9653" s="2" t="s">
        <v>27075</v>
      </c>
      <c r="N9653" s="5" t="s">
        <v>24254</v>
      </c>
      <c r="O9653" s="5" t="s">
        <v>38</v>
      </c>
      <c r="P9653" s="5" t="s">
        <v>39</v>
      </c>
      <c r="Q9653" s="5" t="s">
        <v>40</v>
      </c>
      <c r="R9653" s="5" t="s">
        <v>1487</v>
      </c>
      <c r="S9653" s="5"/>
      <c r="T9653" s="5" t="s">
        <v>42</v>
      </c>
      <c r="U9653" s="2">
        <v>0</v>
      </c>
      <c r="V9653" s="2">
        <v>0</v>
      </c>
      <c r="W9653" s="2">
        <v>0</v>
      </c>
      <c r="X9653" s="2">
        <v>0</v>
      </c>
      <c r="Y9653" s="2">
        <v>0</v>
      </c>
      <c r="Z9653" s="2">
        <v>0</v>
      </c>
      <c r="AA9653" s="5"/>
      <c r="AB9653" s="5" t="s">
        <v>43</v>
      </c>
      <c r="AC9653" s="5" t="s">
        <v>44</v>
      </c>
      <c r="AD9653" s="2" t="s">
        <v>29665</v>
      </c>
      <c r="AE9653" s="1"/>
    </row>
    <row r="9654" spans="1:31" ht="14.45">
      <c r="A9654" s="5"/>
      <c r="B9654" s="21"/>
      <c r="C9654" s="2" t="s">
        <v>29666</v>
      </c>
      <c r="D9654" s="14" t="s">
        <v>29667</v>
      </c>
      <c r="E9654" s="2" t="s">
        <v>29668</v>
      </c>
      <c r="F9654" s="2"/>
      <c r="G9654" s="8">
        <v>222</v>
      </c>
      <c r="H9654" s="5">
        <v>5</v>
      </c>
      <c r="I9654" s="5" t="s">
        <v>69</v>
      </c>
      <c r="J9654" s="5" t="s">
        <v>27074</v>
      </c>
      <c r="K9654" s="2" t="s">
        <v>27075</v>
      </c>
      <c r="L9654" s="5" t="s">
        <v>27074</v>
      </c>
      <c r="M9654" s="2" t="s">
        <v>27075</v>
      </c>
      <c r="N9654" s="5" t="s">
        <v>24254</v>
      </c>
      <c r="O9654" s="5" t="s">
        <v>38</v>
      </c>
      <c r="P9654" s="5" t="s">
        <v>39</v>
      </c>
      <c r="Q9654" s="5" t="s">
        <v>40</v>
      </c>
      <c r="R9654" s="5" t="s">
        <v>24335</v>
      </c>
      <c r="S9654" s="5" t="s">
        <v>40</v>
      </c>
      <c r="T9654" s="5" t="s">
        <v>42</v>
      </c>
      <c r="U9654" s="2">
        <v>10.385</v>
      </c>
      <c r="V9654" s="2">
        <v>8.4090000000000007</v>
      </c>
      <c r="W9654" s="2">
        <v>0.129</v>
      </c>
      <c r="X9654" s="2">
        <v>12</v>
      </c>
      <c r="Y9654" s="2">
        <v>62</v>
      </c>
      <c r="Z9654" s="2">
        <v>172.9</v>
      </c>
      <c r="AA9654" s="5">
        <v>8</v>
      </c>
      <c r="AB9654" s="5" t="s">
        <v>43</v>
      </c>
      <c r="AC9654" s="5" t="s">
        <v>44</v>
      </c>
      <c r="AD9654" s="2" t="s">
        <v>29611</v>
      </c>
      <c r="AE9654" s="1"/>
    </row>
    <row r="9655" spans="1:31" ht="14.45">
      <c r="A9655" s="5"/>
      <c r="B9655" s="21"/>
      <c r="C9655" s="2" t="s">
        <v>29669</v>
      </c>
      <c r="D9655" s="14" t="s">
        <v>29670</v>
      </c>
      <c r="E9655" s="2" t="s">
        <v>29671</v>
      </c>
      <c r="F9655" s="2"/>
      <c r="G9655" s="8">
        <v>222</v>
      </c>
      <c r="H9655" s="5">
        <v>5</v>
      </c>
      <c r="I9655" s="5" t="s">
        <v>69</v>
      </c>
      <c r="J9655" s="5" t="s">
        <v>27074</v>
      </c>
      <c r="K9655" s="2" t="s">
        <v>27075</v>
      </c>
      <c r="L9655" s="5" t="s">
        <v>27074</v>
      </c>
      <c r="M9655" s="2" t="s">
        <v>27075</v>
      </c>
      <c r="N9655" s="5" t="s">
        <v>24254</v>
      </c>
      <c r="O9655" s="5" t="s">
        <v>38</v>
      </c>
      <c r="P9655" s="5" t="s">
        <v>39</v>
      </c>
      <c r="Q9655" s="5" t="s">
        <v>40</v>
      </c>
      <c r="R9655" s="5" t="s">
        <v>24335</v>
      </c>
      <c r="S9655" s="5" t="s">
        <v>40</v>
      </c>
      <c r="T9655" s="5" t="s">
        <v>42</v>
      </c>
      <c r="U9655" s="2">
        <v>8.9730000000000008</v>
      </c>
      <c r="V9655" s="2">
        <v>6.9980000000000002</v>
      </c>
      <c r="W9655" s="2">
        <v>0.129</v>
      </c>
      <c r="X9655" s="2">
        <v>12</v>
      </c>
      <c r="Y9655" s="2">
        <v>62</v>
      </c>
      <c r="Z9655" s="2">
        <v>172.9</v>
      </c>
      <c r="AA9655" s="5">
        <v>8</v>
      </c>
      <c r="AB9655" s="5" t="s">
        <v>43</v>
      </c>
      <c r="AC9655" s="5" t="s">
        <v>44</v>
      </c>
      <c r="AD9655" s="2" t="s">
        <v>29611</v>
      </c>
      <c r="AE9655" s="1"/>
    </row>
    <row r="9656" spans="1:31" ht="14.45">
      <c r="A9656" s="5"/>
      <c r="B9656" s="21"/>
      <c r="C9656" s="2" t="s">
        <v>29672</v>
      </c>
      <c r="D9656" s="14" t="s">
        <v>29673</v>
      </c>
      <c r="E9656" s="2" t="s">
        <v>29674</v>
      </c>
      <c r="F9656" s="2"/>
      <c r="G9656" s="8">
        <v>222</v>
      </c>
      <c r="H9656" s="5">
        <v>5</v>
      </c>
      <c r="I9656" s="5" t="s">
        <v>69</v>
      </c>
      <c r="J9656" s="5" t="s">
        <v>27074</v>
      </c>
      <c r="K9656" s="2" t="s">
        <v>27075</v>
      </c>
      <c r="L9656" s="5" t="s">
        <v>27074</v>
      </c>
      <c r="M9656" s="2" t="s">
        <v>27075</v>
      </c>
      <c r="N9656" s="5" t="s">
        <v>24254</v>
      </c>
      <c r="O9656" s="5" t="s">
        <v>38</v>
      </c>
      <c r="P9656" s="5" t="s">
        <v>39</v>
      </c>
      <c r="Q9656" s="5" t="s">
        <v>40</v>
      </c>
      <c r="R9656" s="5" t="s">
        <v>24335</v>
      </c>
      <c r="S9656" s="5" t="s">
        <v>40</v>
      </c>
      <c r="T9656" s="5" t="s">
        <v>42</v>
      </c>
      <c r="U9656" s="2">
        <v>7.7830000000000004</v>
      </c>
      <c r="V9656" s="2">
        <v>5.8310000000000004</v>
      </c>
      <c r="W9656" s="2">
        <v>0.129</v>
      </c>
      <c r="X9656" s="2">
        <v>12</v>
      </c>
      <c r="Y9656" s="2">
        <v>62</v>
      </c>
      <c r="Z9656" s="2">
        <v>172.9</v>
      </c>
      <c r="AA9656" s="5">
        <v>8</v>
      </c>
      <c r="AB9656" s="5" t="s">
        <v>43</v>
      </c>
      <c r="AC9656" s="5" t="s">
        <v>44</v>
      </c>
      <c r="AD9656" s="2" t="s">
        <v>29611</v>
      </c>
      <c r="AE9656" s="1"/>
    </row>
    <row r="9657" spans="1:31" ht="14.45">
      <c r="A9657" s="5"/>
      <c r="B9657" s="21"/>
      <c r="C9657" s="2" t="s">
        <v>29675</v>
      </c>
      <c r="D9657" s="14" t="s">
        <v>29676</v>
      </c>
      <c r="E9657" s="2" t="s">
        <v>29677</v>
      </c>
      <c r="F9657" s="2"/>
      <c r="G9657" s="8">
        <v>222</v>
      </c>
      <c r="H9657" s="5">
        <v>25</v>
      </c>
      <c r="I9657" s="5" t="s">
        <v>69</v>
      </c>
      <c r="J9657" s="5" t="s">
        <v>27074</v>
      </c>
      <c r="K9657" s="2" t="s">
        <v>27075</v>
      </c>
      <c r="L9657" s="5" t="s">
        <v>27074</v>
      </c>
      <c r="M9657" s="2" t="s">
        <v>27075</v>
      </c>
      <c r="N9657" s="5" t="s">
        <v>24254</v>
      </c>
      <c r="O9657" s="5" t="s">
        <v>38</v>
      </c>
      <c r="P9657" s="5" t="s">
        <v>39</v>
      </c>
      <c r="Q9657" s="5" t="s">
        <v>40</v>
      </c>
      <c r="R9657" s="5" t="s">
        <v>24335</v>
      </c>
      <c r="S9657" s="5" t="s">
        <v>40</v>
      </c>
      <c r="T9657" s="5" t="s">
        <v>42</v>
      </c>
      <c r="U9657" s="2">
        <v>6.38</v>
      </c>
      <c r="V9657" s="2">
        <v>4.5640000000000001</v>
      </c>
      <c r="W9657" s="2">
        <v>0.11899999999999999</v>
      </c>
      <c r="X9657" s="2">
        <v>12</v>
      </c>
      <c r="Y9657" s="2">
        <v>62</v>
      </c>
      <c r="Z9657" s="2">
        <v>159.9</v>
      </c>
      <c r="AA9657" s="5">
        <v>10</v>
      </c>
      <c r="AB9657" s="5" t="s">
        <v>43</v>
      </c>
      <c r="AC9657" s="5" t="s">
        <v>44</v>
      </c>
      <c r="AD9657" s="2" t="s">
        <v>29629</v>
      </c>
      <c r="AE9657" s="1"/>
    </row>
    <row r="9658" spans="1:31" ht="14.45">
      <c r="A9658" s="5"/>
      <c r="B9658" s="21"/>
      <c r="C9658" s="2" t="s">
        <v>29678</v>
      </c>
      <c r="D9658" s="14" t="s">
        <v>29679</v>
      </c>
      <c r="E9658" s="2" t="s">
        <v>29680</v>
      </c>
      <c r="F9658" s="2" t="s">
        <v>29636</v>
      </c>
      <c r="G9658" s="8">
        <v>444</v>
      </c>
      <c r="H9658" s="5">
        <v>5</v>
      </c>
      <c r="I9658" s="5" t="s">
        <v>69</v>
      </c>
      <c r="J9658" s="5" t="s">
        <v>27074</v>
      </c>
      <c r="K9658" s="2" t="s">
        <v>27075</v>
      </c>
      <c r="L9658" s="5" t="s">
        <v>27074</v>
      </c>
      <c r="M9658" s="2" t="s">
        <v>27075</v>
      </c>
      <c r="N9658" s="5" t="s">
        <v>24254</v>
      </c>
      <c r="O9658" s="5" t="s">
        <v>38</v>
      </c>
      <c r="P9658" s="5" t="s">
        <v>39</v>
      </c>
      <c r="Q9658" s="5" t="s">
        <v>40</v>
      </c>
      <c r="R9658" s="5" t="s">
        <v>1487</v>
      </c>
      <c r="S9658" s="5"/>
      <c r="T9658" s="5" t="s">
        <v>42</v>
      </c>
      <c r="U9658" s="2">
        <v>0</v>
      </c>
      <c r="V9658" s="2">
        <v>0</v>
      </c>
      <c r="W9658" s="2">
        <v>0</v>
      </c>
      <c r="X9658" s="2">
        <v>0</v>
      </c>
      <c r="Y9658" s="2">
        <v>0</v>
      </c>
      <c r="Z9658" s="2">
        <v>0</v>
      </c>
      <c r="AA9658" s="5"/>
      <c r="AB9658" s="5" t="s">
        <v>43</v>
      </c>
      <c r="AC9658" s="5" t="s">
        <v>44</v>
      </c>
      <c r="AD9658" s="2" t="s">
        <v>29637</v>
      </c>
      <c r="AE9658" s="1"/>
    </row>
    <row r="9659" spans="1:31" ht="14.45">
      <c r="A9659" s="5"/>
      <c r="B9659" s="21"/>
      <c r="C9659" s="2" t="s">
        <v>29681</v>
      </c>
      <c r="D9659" s="14" t="s">
        <v>29682</v>
      </c>
      <c r="E9659" s="2" t="s">
        <v>29683</v>
      </c>
      <c r="F9659" s="2"/>
      <c r="G9659" s="8">
        <v>373</v>
      </c>
      <c r="H9659" s="5">
        <v>25</v>
      </c>
      <c r="I9659" s="5" t="s">
        <v>69</v>
      </c>
      <c r="J9659" s="5" t="s">
        <v>27074</v>
      </c>
      <c r="K9659" s="2" t="s">
        <v>27075</v>
      </c>
      <c r="L9659" s="5" t="s">
        <v>27074</v>
      </c>
      <c r="M9659" s="2" t="s">
        <v>27075</v>
      </c>
      <c r="N9659" s="5" t="s">
        <v>24254</v>
      </c>
      <c r="O9659" s="5" t="s">
        <v>38</v>
      </c>
      <c r="P9659" s="5" t="s">
        <v>39</v>
      </c>
      <c r="Q9659" s="5" t="s">
        <v>40</v>
      </c>
      <c r="R9659" s="5" t="s">
        <v>24340</v>
      </c>
      <c r="S9659" s="5" t="s">
        <v>40</v>
      </c>
      <c r="T9659" s="5" t="s">
        <v>42</v>
      </c>
      <c r="U9659" s="2">
        <v>15.773999999999999</v>
      </c>
      <c r="V9659" s="2">
        <v>13.923</v>
      </c>
      <c r="W9659" s="2">
        <v>0.11899999999999999</v>
      </c>
      <c r="X9659" s="2">
        <v>12</v>
      </c>
      <c r="Y9659" s="2">
        <v>62</v>
      </c>
      <c r="Z9659" s="2">
        <v>159.9</v>
      </c>
      <c r="AA9659" s="5">
        <v>8</v>
      </c>
      <c r="AB9659" s="5" t="s">
        <v>43</v>
      </c>
      <c r="AC9659" s="5" t="s">
        <v>44</v>
      </c>
      <c r="AD9659" s="2" t="s">
        <v>29641</v>
      </c>
      <c r="AE9659" s="1"/>
    </row>
    <row r="9660" spans="1:31" ht="14.45">
      <c r="A9660" s="5"/>
      <c r="B9660" s="21"/>
      <c r="C9660" s="2" t="s">
        <v>29684</v>
      </c>
      <c r="D9660" s="14" t="s">
        <v>29685</v>
      </c>
      <c r="E9660" s="2" t="s">
        <v>29686</v>
      </c>
      <c r="F9660" s="2"/>
      <c r="G9660" s="8">
        <v>373</v>
      </c>
      <c r="H9660" s="5">
        <v>25</v>
      </c>
      <c r="I9660" s="5" t="s">
        <v>69</v>
      </c>
      <c r="J9660" s="5" t="s">
        <v>27074</v>
      </c>
      <c r="K9660" s="2" t="s">
        <v>27075</v>
      </c>
      <c r="L9660" s="5" t="s">
        <v>27074</v>
      </c>
      <c r="M9660" s="2" t="s">
        <v>27075</v>
      </c>
      <c r="N9660" s="5" t="s">
        <v>24254</v>
      </c>
      <c r="O9660" s="5" t="s">
        <v>38</v>
      </c>
      <c r="P9660" s="5" t="s">
        <v>39</v>
      </c>
      <c r="Q9660" s="5" t="s">
        <v>40</v>
      </c>
      <c r="R9660" s="5" t="s">
        <v>24340</v>
      </c>
      <c r="S9660" s="5" t="s">
        <v>40</v>
      </c>
      <c r="T9660" s="5" t="s">
        <v>42</v>
      </c>
      <c r="U9660" s="2">
        <v>11.192</v>
      </c>
      <c r="V9660" s="2">
        <v>9.3729999999999993</v>
      </c>
      <c r="W9660" s="2">
        <v>0.11899999999999999</v>
      </c>
      <c r="X9660" s="2">
        <v>12</v>
      </c>
      <c r="Y9660" s="2">
        <v>62</v>
      </c>
      <c r="Z9660" s="2">
        <v>159.9</v>
      </c>
      <c r="AA9660" s="5">
        <v>8</v>
      </c>
      <c r="AB9660" s="5" t="s">
        <v>43</v>
      </c>
      <c r="AC9660" s="5" t="s">
        <v>44</v>
      </c>
      <c r="AD9660" s="2" t="s">
        <v>29641</v>
      </c>
      <c r="AE9660" s="1"/>
    </row>
    <row r="9661" spans="1:31" ht="14.45">
      <c r="A9661" s="5"/>
      <c r="B9661" s="21"/>
      <c r="C9661" s="2" t="s">
        <v>29687</v>
      </c>
      <c r="D9661" s="14" t="s">
        <v>29688</v>
      </c>
      <c r="E9661" s="2" t="s">
        <v>29689</v>
      </c>
      <c r="F9661" s="2" t="s">
        <v>29652</v>
      </c>
      <c r="G9661" s="8">
        <v>900</v>
      </c>
      <c r="H9661" s="5">
        <v>15</v>
      </c>
      <c r="I9661" s="5" t="s">
        <v>69</v>
      </c>
      <c r="J9661" s="5" t="s">
        <v>27074</v>
      </c>
      <c r="K9661" s="2" t="s">
        <v>27075</v>
      </c>
      <c r="L9661" s="5" t="s">
        <v>27074</v>
      </c>
      <c r="M9661" s="2" t="s">
        <v>27075</v>
      </c>
      <c r="N9661" s="5" t="s">
        <v>24254</v>
      </c>
      <c r="O9661" s="5" t="s">
        <v>38</v>
      </c>
      <c r="P9661" s="5" t="s">
        <v>39</v>
      </c>
      <c r="Q9661" s="5" t="s">
        <v>40</v>
      </c>
      <c r="R9661" s="5" t="s">
        <v>1487</v>
      </c>
      <c r="S9661" s="5"/>
      <c r="T9661" s="5" t="s">
        <v>42</v>
      </c>
      <c r="U9661" s="2">
        <v>0</v>
      </c>
      <c r="V9661" s="2">
        <v>0</v>
      </c>
      <c r="W9661" s="2">
        <v>0</v>
      </c>
      <c r="X9661" s="2">
        <v>0</v>
      </c>
      <c r="Y9661" s="2">
        <v>0</v>
      </c>
      <c r="Z9661" s="2">
        <v>0</v>
      </c>
      <c r="AA9661" s="5"/>
      <c r="AB9661" s="5" t="s">
        <v>43</v>
      </c>
      <c r="AC9661" s="5" t="s">
        <v>44</v>
      </c>
      <c r="AD9661" s="2" t="s">
        <v>29653</v>
      </c>
      <c r="AE9661" s="1"/>
    </row>
    <row r="9662" spans="1:31" ht="14.45">
      <c r="A9662" s="5"/>
      <c r="B9662" s="21"/>
      <c r="C9662" s="2" t="s">
        <v>29690</v>
      </c>
      <c r="D9662" s="14" t="s">
        <v>29691</v>
      </c>
      <c r="E9662" s="2" t="s">
        <v>29692</v>
      </c>
      <c r="F9662" s="2" t="s">
        <v>29652</v>
      </c>
      <c r="G9662" s="8">
        <v>900</v>
      </c>
      <c r="H9662" s="5">
        <v>15</v>
      </c>
      <c r="I9662" s="5" t="s">
        <v>69</v>
      </c>
      <c r="J9662" s="5" t="s">
        <v>27074</v>
      </c>
      <c r="K9662" s="2" t="s">
        <v>27075</v>
      </c>
      <c r="L9662" s="5" t="s">
        <v>27074</v>
      </c>
      <c r="M9662" s="2" t="s">
        <v>27075</v>
      </c>
      <c r="N9662" s="5" t="s">
        <v>24254</v>
      </c>
      <c r="O9662" s="5" t="s">
        <v>38</v>
      </c>
      <c r="P9662" s="5" t="s">
        <v>39</v>
      </c>
      <c r="Q9662" s="5" t="s">
        <v>40</v>
      </c>
      <c r="R9662" s="5" t="s">
        <v>1487</v>
      </c>
      <c r="S9662" s="5"/>
      <c r="T9662" s="5" t="s">
        <v>42</v>
      </c>
      <c r="U9662" s="2">
        <v>0</v>
      </c>
      <c r="V9662" s="2">
        <v>0</v>
      </c>
      <c r="W9662" s="2">
        <v>0</v>
      </c>
      <c r="X9662" s="2">
        <v>0</v>
      </c>
      <c r="Y9662" s="2">
        <v>0</v>
      </c>
      <c r="Z9662" s="2">
        <v>0</v>
      </c>
      <c r="AA9662" s="5"/>
      <c r="AB9662" s="5" t="s">
        <v>43</v>
      </c>
      <c r="AC9662" s="5" t="s">
        <v>44</v>
      </c>
      <c r="AD9662" s="2" t="s">
        <v>29657</v>
      </c>
      <c r="AE9662" s="1"/>
    </row>
    <row r="9663" spans="1:31" ht="14.45">
      <c r="A9663" s="5"/>
      <c r="B9663" s="21"/>
      <c r="C9663" s="2" t="s">
        <v>29693</v>
      </c>
      <c r="D9663" s="14" t="s">
        <v>29694</v>
      </c>
      <c r="E9663" s="2" t="s">
        <v>29695</v>
      </c>
      <c r="F9663" s="2" t="s">
        <v>29652</v>
      </c>
      <c r="G9663" s="8">
        <v>1466</v>
      </c>
      <c r="H9663" s="5">
        <v>15</v>
      </c>
      <c r="I9663" s="5" t="s">
        <v>69</v>
      </c>
      <c r="J9663" s="5" t="s">
        <v>27074</v>
      </c>
      <c r="K9663" s="2" t="s">
        <v>27075</v>
      </c>
      <c r="L9663" s="5" t="s">
        <v>27074</v>
      </c>
      <c r="M9663" s="2" t="s">
        <v>27075</v>
      </c>
      <c r="N9663" s="5" t="s">
        <v>24254</v>
      </c>
      <c r="O9663" s="5" t="s">
        <v>38</v>
      </c>
      <c r="P9663" s="5" t="s">
        <v>39</v>
      </c>
      <c r="Q9663" s="5" t="s">
        <v>40</v>
      </c>
      <c r="R9663" s="5" t="s">
        <v>1487</v>
      </c>
      <c r="S9663" s="5"/>
      <c r="T9663" s="5" t="s">
        <v>42</v>
      </c>
      <c r="U9663" s="2">
        <v>0</v>
      </c>
      <c r="V9663" s="2">
        <v>0</v>
      </c>
      <c r="W9663" s="2">
        <v>0</v>
      </c>
      <c r="X9663" s="2">
        <v>0</v>
      </c>
      <c r="Y9663" s="2">
        <v>0</v>
      </c>
      <c r="Z9663" s="2">
        <v>0</v>
      </c>
      <c r="AA9663" s="5"/>
      <c r="AB9663" s="5" t="s">
        <v>43</v>
      </c>
      <c r="AC9663" s="5" t="s">
        <v>44</v>
      </c>
      <c r="AD9663" s="2" t="s">
        <v>29661</v>
      </c>
      <c r="AE9663" s="1"/>
    </row>
    <row r="9664" spans="1:31" ht="14.45">
      <c r="A9664" s="5"/>
      <c r="B9664" s="21"/>
      <c r="C9664" s="2" t="s">
        <v>29696</v>
      </c>
      <c r="D9664" s="14" t="s">
        <v>29697</v>
      </c>
      <c r="E9664" s="2" t="s">
        <v>29698</v>
      </c>
      <c r="F9664" s="2" t="s">
        <v>29652</v>
      </c>
      <c r="G9664" s="8">
        <v>1466</v>
      </c>
      <c r="H9664" s="5">
        <v>15</v>
      </c>
      <c r="I9664" s="5" t="s">
        <v>69</v>
      </c>
      <c r="J9664" s="5" t="s">
        <v>27074</v>
      </c>
      <c r="K9664" s="2" t="s">
        <v>27075</v>
      </c>
      <c r="L9664" s="5" t="s">
        <v>27074</v>
      </c>
      <c r="M9664" s="2" t="s">
        <v>27075</v>
      </c>
      <c r="N9664" s="5" t="s">
        <v>24254</v>
      </c>
      <c r="O9664" s="5" t="s">
        <v>38</v>
      </c>
      <c r="P9664" s="5" t="s">
        <v>39</v>
      </c>
      <c r="Q9664" s="5" t="s">
        <v>40</v>
      </c>
      <c r="R9664" s="5" t="s">
        <v>1487</v>
      </c>
      <c r="S9664" s="5"/>
      <c r="T9664" s="5" t="s">
        <v>42</v>
      </c>
      <c r="U9664" s="2">
        <v>0</v>
      </c>
      <c r="V9664" s="2">
        <v>0</v>
      </c>
      <c r="W9664" s="2">
        <v>0</v>
      </c>
      <c r="X9664" s="2">
        <v>0</v>
      </c>
      <c r="Y9664" s="2">
        <v>0</v>
      </c>
      <c r="Z9664" s="2">
        <v>0</v>
      </c>
      <c r="AA9664" s="5"/>
      <c r="AB9664" s="5" t="s">
        <v>43</v>
      </c>
      <c r="AC9664" s="5" t="s">
        <v>44</v>
      </c>
      <c r="AD9664" s="2" t="s">
        <v>29665</v>
      </c>
      <c r="AE9664" s="1"/>
    </row>
    <row r="9665" spans="1:31" ht="14.45">
      <c r="A9665" s="5"/>
      <c r="B9665" s="21"/>
      <c r="C9665" s="2" t="s">
        <v>29699</v>
      </c>
      <c r="D9665" s="14" t="s">
        <v>29700</v>
      </c>
      <c r="E9665" s="2" t="s">
        <v>29701</v>
      </c>
      <c r="F9665" s="2"/>
      <c r="G9665" s="8">
        <v>230</v>
      </c>
      <c r="H9665" s="5">
        <v>5</v>
      </c>
      <c r="I9665" s="5" t="s">
        <v>69</v>
      </c>
      <c r="J9665" s="5" t="s">
        <v>27074</v>
      </c>
      <c r="K9665" s="2" t="s">
        <v>27075</v>
      </c>
      <c r="L9665" s="5" t="s">
        <v>27074</v>
      </c>
      <c r="M9665" s="2" t="s">
        <v>27075</v>
      </c>
      <c r="N9665" s="5" t="s">
        <v>24254</v>
      </c>
      <c r="O9665" s="5" t="s">
        <v>38</v>
      </c>
      <c r="P9665" s="5" t="s">
        <v>39</v>
      </c>
      <c r="Q9665" s="5" t="s">
        <v>40</v>
      </c>
      <c r="R9665" s="5" t="s">
        <v>24335</v>
      </c>
      <c r="S9665" s="5" t="s">
        <v>40</v>
      </c>
      <c r="T9665" s="5" t="s">
        <v>42</v>
      </c>
      <c r="U9665" s="2">
        <v>10.872</v>
      </c>
      <c r="V9665" s="2">
        <v>8.8960000000000008</v>
      </c>
      <c r="W9665" s="2">
        <v>0.129</v>
      </c>
      <c r="X9665" s="2">
        <v>12</v>
      </c>
      <c r="Y9665" s="2">
        <v>62</v>
      </c>
      <c r="Z9665" s="2">
        <v>172.9</v>
      </c>
      <c r="AA9665" s="5">
        <v>8</v>
      </c>
      <c r="AB9665" s="5" t="s">
        <v>43</v>
      </c>
      <c r="AC9665" s="5" t="s">
        <v>44</v>
      </c>
      <c r="AD9665" s="2" t="s">
        <v>29611</v>
      </c>
      <c r="AE9665" s="1"/>
    </row>
    <row r="9666" spans="1:31" ht="14.45">
      <c r="A9666" s="5"/>
      <c r="B9666" s="21"/>
      <c r="C9666" s="2" t="s">
        <v>29702</v>
      </c>
      <c r="D9666" s="14" t="s">
        <v>29703</v>
      </c>
      <c r="E9666" s="2" t="s">
        <v>29704</v>
      </c>
      <c r="F9666" s="2"/>
      <c r="G9666" s="8">
        <v>230</v>
      </c>
      <c r="H9666" s="5">
        <v>5</v>
      </c>
      <c r="I9666" s="5" t="s">
        <v>69</v>
      </c>
      <c r="J9666" s="5" t="s">
        <v>27074</v>
      </c>
      <c r="K9666" s="2" t="s">
        <v>27075</v>
      </c>
      <c r="L9666" s="5" t="s">
        <v>27074</v>
      </c>
      <c r="M9666" s="2" t="s">
        <v>27075</v>
      </c>
      <c r="N9666" s="5" t="s">
        <v>24254</v>
      </c>
      <c r="O9666" s="5" t="s">
        <v>38</v>
      </c>
      <c r="P9666" s="5" t="s">
        <v>39</v>
      </c>
      <c r="Q9666" s="5" t="s">
        <v>40</v>
      </c>
      <c r="R9666" s="5" t="s">
        <v>24335</v>
      </c>
      <c r="S9666" s="5" t="s">
        <v>40</v>
      </c>
      <c r="T9666" s="5" t="s">
        <v>42</v>
      </c>
      <c r="U9666" s="2">
        <v>9.4019999999999992</v>
      </c>
      <c r="V9666" s="2">
        <v>7.4269999999999996</v>
      </c>
      <c r="W9666" s="2">
        <v>0.129</v>
      </c>
      <c r="X9666" s="2">
        <v>12</v>
      </c>
      <c r="Y9666" s="2">
        <v>62</v>
      </c>
      <c r="Z9666" s="2">
        <v>172.9</v>
      </c>
      <c r="AA9666" s="5">
        <v>8</v>
      </c>
      <c r="AB9666" s="5" t="s">
        <v>43</v>
      </c>
      <c r="AC9666" s="5" t="s">
        <v>44</v>
      </c>
      <c r="AD9666" s="2" t="s">
        <v>29611</v>
      </c>
      <c r="AE9666" s="1"/>
    </row>
    <row r="9667" spans="1:31" ht="14.45">
      <c r="A9667" s="5"/>
      <c r="B9667" s="21"/>
      <c r="C9667" s="2" t="s">
        <v>29705</v>
      </c>
      <c r="D9667" s="14" t="s">
        <v>29706</v>
      </c>
      <c r="E9667" s="2" t="s">
        <v>29707</v>
      </c>
      <c r="F9667" s="2"/>
      <c r="G9667" s="8">
        <v>230</v>
      </c>
      <c r="H9667" s="5">
        <v>5</v>
      </c>
      <c r="I9667" s="5" t="s">
        <v>69</v>
      </c>
      <c r="J9667" s="5" t="s">
        <v>27074</v>
      </c>
      <c r="K9667" s="2" t="s">
        <v>27075</v>
      </c>
      <c r="L9667" s="5" t="s">
        <v>27074</v>
      </c>
      <c r="M9667" s="2" t="s">
        <v>27075</v>
      </c>
      <c r="N9667" s="5" t="s">
        <v>24254</v>
      </c>
      <c r="O9667" s="5" t="s">
        <v>38</v>
      </c>
      <c r="P9667" s="5" t="s">
        <v>39</v>
      </c>
      <c r="Q9667" s="5" t="s">
        <v>40</v>
      </c>
      <c r="R9667" s="5" t="s">
        <v>24335</v>
      </c>
      <c r="S9667" s="5" t="s">
        <v>40</v>
      </c>
      <c r="T9667" s="5" t="s">
        <v>42</v>
      </c>
      <c r="U9667" s="2">
        <v>8.1470000000000002</v>
      </c>
      <c r="V9667" s="2">
        <v>6.1950000000000003</v>
      </c>
      <c r="W9667" s="2">
        <v>0.129</v>
      </c>
      <c r="X9667" s="2">
        <v>12</v>
      </c>
      <c r="Y9667" s="2">
        <v>62</v>
      </c>
      <c r="Z9667" s="2">
        <v>172.9</v>
      </c>
      <c r="AA9667" s="5">
        <v>8</v>
      </c>
      <c r="AB9667" s="5" t="s">
        <v>43</v>
      </c>
      <c r="AC9667" s="5" t="s">
        <v>44</v>
      </c>
      <c r="AD9667" s="2" t="s">
        <v>29611</v>
      </c>
      <c r="AE9667" s="1"/>
    </row>
    <row r="9668" spans="1:31" ht="14.45">
      <c r="A9668" s="5"/>
      <c r="B9668" s="21"/>
      <c r="C9668" s="2" t="s">
        <v>29708</v>
      </c>
      <c r="D9668" s="14" t="s">
        <v>29709</v>
      </c>
      <c r="E9668" s="2" t="s">
        <v>29710</v>
      </c>
      <c r="F9668" s="2"/>
      <c r="G9668" s="8">
        <v>230</v>
      </c>
      <c r="H9668" s="5">
        <v>25</v>
      </c>
      <c r="I9668" s="5" t="s">
        <v>69</v>
      </c>
      <c r="J9668" s="5" t="s">
        <v>27074</v>
      </c>
      <c r="K9668" s="2" t="s">
        <v>27075</v>
      </c>
      <c r="L9668" s="5" t="s">
        <v>27074</v>
      </c>
      <c r="M9668" s="2" t="s">
        <v>27075</v>
      </c>
      <c r="N9668" s="5" t="s">
        <v>24254</v>
      </c>
      <c r="O9668" s="5" t="s">
        <v>38</v>
      </c>
      <c r="P9668" s="5" t="s">
        <v>39</v>
      </c>
      <c r="Q9668" s="5" t="s">
        <v>40</v>
      </c>
      <c r="R9668" s="5" t="s">
        <v>24335</v>
      </c>
      <c r="S9668" s="5" t="s">
        <v>40</v>
      </c>
      <c r="T9668" s="5" t="s">
        <v>42</v>
      </c>
      <c r="U9668" s="2">
        <v>5.9459999999999997</v>
      </c>
      <c r="V9668" s="2">
        <v>4.0049999999999999</v>
      </c>
      <c r="W9668" s="2">
        <v>0.129</v>
      </c>
      <c r="X9668" s="2">
        <v>12</v>
      </c>
      <c r="Y9668" s="2">
        <v>62</v>
      </c>
      <c r="Z9668" s="2">
        <v>172.9</v>
      </c>
      <c r="AA9668" s="5">
        <v>10</v>
      </c>
      <c r="AB9668" s="5" t="s">
        <v>43</v>
      </c>
      <c r="AC9668" s="5" t="s">
        <v>44</v>
      </c>
      <c r="AD9668" s="2" t="s">
        <v>29629</v>
      </c>
      <c r="AE9668" s="1"/>
    </row>
    <row r="9669" spans="1:31" ht="14.45">
      <c r="A9669" s="5"/>
      <c r="B9669" s="21"/>
      <c r="C9669" s="2" t="s">
        <v>29711</v>
      </c>
      <c r="D9669" s="14" t="s">
        <v>29712</v>
      </c>
      <c r="E9669" s="2" t="s">
        <v>29713</v>
      </c>
      <c r="F9669" s="2"/>
      <c r="G9669" s="8">
        <v>230</v>
      </c>
      <c r="H9669" s="5">
        <v>25</v>
      </c>
      <c r="I9669" s="5" t="s">
        <v>69</v>
      </c>
      <c r="J9669" s="5" t="s">
        <v>27074</v>
      </c>
      <c r="K9669" s="2" t="s">
        <v>27075</v>
      </c>
      <c r="L9669" s="5" t="s">
        <v>27074</v>
      </c>
      <c r="M9669" s="2" t="s">
        <v>27075</v>
      </c>
      <c r="N9669" s="5" t="s">
        <v>24254</v>
      </c>
      <c r="O9669" s="5" t="s">
        <v>38</v>
      </c>
      <c r="P9669" s="5" t="s">
        <v>39</v>
      </c>
      <c r="Q9669" s="5" t="s">
        <v>40</v>
      </c>
      <c r="R9669" s="5" t="s">
        <v>24335</v>
      </c>
      <c r="S9669" s="5" t="s">
        <v>40</v>
      </c>
      <c r="T9669" s="5" t="s">
        <v>42</v>
      </c>
      <c r="U9669" s="2">
        <v>6.9429999999999996</v>
      </c>
      <c r="V9669" s="2">
        <v>5.0019999999999998</v>
      </c>
      <c r="W9669" s="2">
        <v>0.129</v>
      </c>
      <c r="X9669" s="2">
        <v>12</v>
      </c>
      <c r="Y9669" s="2">
        <v>62</v>
      </c>
      <c r="Z9669" s="2">
        <v>172.9</v>
      </c>
      <c r="AA9669" s="5">
        <v>10</v>
      </c>
      <c r="AB9669" s="5" t="s">
        <v>43</v>
      </c>
      <c r="AC9669" s="5" t="s">
        <v>44</v>
      </c>
      <c r="AD9669" s="2" t="s">
        <v>29629</v>
      </c>
      <c r="AE9669" s="1"/>
    </row>
    <row r="9670" spans="1:31" ht="14.45">
      <c r="A9670" s="5"/>
      <c r="B9670" s="21"/>
      <c r="C9670" s="2" t="s">
        <v>29714</v>
      </c>
      <c r="D9670" s="14" t="s">
        <v>29715</v>
      </c>
      <c r="E9670" s="2" t="s">
        <v>29716</v>
      </c>
      <c r="F9670" s="2" t="s">
        <v>29636</v>
      </c>
      <c r="G9670" s="8">
        <v>460</v>
      </c>
      <c r="H9670" s="5">
        <v>5</v>
      </c>
      <c r="I9670" s="5" t="s">
        <v>69</v>
      </c>
      <c r="J9670" s="5" t="s">
        <v>27074</v>
      </c>
      <c r="K9670" s="2" t="s">
        <v>27075</v>
      </c>
      <c r="L9670" s="5" t="s">
        <v>27074</v>
      </c>
      <c r="M9670" s="2" t="s">
        <v>27075</v>
      </c>
      <c r="N9670" s="5" t="s">
        <v>24254</v>
      </c>
      <c r="O9670" s="5" t="s">
        <v>38</v>
      </c>
      <c r="P9670" s="5" t="s">
        <v>39</v>
      </c>
      <c r="Q9670" s="5" t="s">
        <v>40</v>
      </c>
      <c r="R9670" s="5" t="s">
        <v>1487</v>
      </c>
      <c r="S9670" s="5"/>
      <c r="T9670" s="5" t="s">
        <v>42</v>
      </c>
      <c r="U9670" s="2">
        <v>0</v>
      </c>
      <c r="V9670" s="2">
        <v>0</v>
      </c>
      <c r="W9670" s="2">
        <v>0</v>
      </c>
      <c r="X9670" s="2">
        <v>0</v>
      </c>
      <c r="Y9670" s="2">
        <v>0</v>
      </c>
      <c r="Z9670" s="2">
        <v>0</v>
      </c>
      <c r="AA9670" s="5"/>
      <c r="AB9670" s="5" t="s">
        <v>43</v>
      </c>
      <c r="AC9670" s="5" t="s">
        <v>44</v>
      </c>
      <c r="AD9670" s="2" t="s">
        <v>29637</v>
      </c>
      <c r="AE9670" s="1"/>
    </row>
    <row r="9671" spans="1:31" ht="14.45">
      <c r="A9671" s="5"/>
      <c r="B9671" s="21"/>
      <c r="C9671" s="2" t="s">
        <v>29717</v>
      </c>
      <c r="D9671" s="14" t="s">
        <v>29718</v>
      </c>
      <c r="E9671" s="2" t="s">
        <v>29719</v>
      </c>
      <c r="F9671" s="2"/>
      <c r="G9671" s="8">
        <v>381</v>
      </c>
      <c r="H9671" s="5">
        <v>25</v>
      </c>
      <c r="I9671" s="5" t="s">
        <v>69</v>
      </c>
      <c r="J9671" s="5" t="s">
        <v>27074</v>
      </c>
      <c r="K9671" s="2" t="s">
        <v>27075</v>
      </c>
      <c r="L9671" s="5" t="s">
        <v>27074</v>
      </c>
      <c r="M9671" s="2" t="s">
        <v>27075</v>
      </c>
      <c r="N9671" s="5" t="s">
        <v>24254</v>
      </c>
      <c r="O9671" s="5" t="s">
        <v>38</v>
      </c>
      <c r="P9671" s="5" t="s">
        <v>39</v>
      </c>
      <c r="Q9671" s="5" t="s">
        <v>40</v>
      </c>
      <c r="R9671" s="5" t="s">
        <v>24340</v>
      </c>
      <c r="S9671" s="5" t="s">
        <v>40</v>
      </c>
      <c r="T9671" s="5" t="s">
        <v>42</v>
      </c>
      <c r="U9671" s="2">
        <v>16.951000000000001</v>
      </c>
      <c r="V9671" s="2">
        <v>14.975</v>
      </c>
      <c r="W9671" s="2">
        <v>0.129</v>
      </c>
      <c r="X9671" s="2">
        <v>12</v>
      </c>
      <c r="Y9671" s="2">
        <v>62</v>
      </c>
      <c r="Z9671" s="2">
        <v>172.9</v>
      </c>
      <c r="AA9671" s="5">
        <v>8</v>
      </c>
      <c r="AB9671" s="5" t="s">
        <v>43</v>
      </c>
      <c r="AC9671" s="5" t="s">
        <v>44</v>
      </c>
      <c r="AD9671" s="2" t="s">
        <v>29641</v>
      </c>
      <c r="AE9671" s="1"/>
    </row>
    <row r="9672" spans="1:31" ht="14.45">
      <c r="A9672" s="5"/>
      <c r="B9672" s="21"/>
      <c r="C9672" s="2" t="s">
        <v>29720</v>
      </c>
      <c r="D9672" s="14" t="s">
        <v>29721</v>
      </c>
      <c r="E9672" s="2" t="s">
        <v>29722</v>
      </c>
      <c r="F9672" s="2"/>
      <c r="G9672" s="8">
        <v>381</v>
      </c>
      <c r="H9672" s="5">
        <v>25</v>
      </c>
      <c r="I9672" s="5" t="s">
        <v>69</v>
      </c>
      <c r="J9672" s="5" t="s">
        <v>27074</v>
      </c>
      <c r="K9672" s="2" t="s">
        <v>27075</v>
      </c>
      <c r="L9672" s="5" t="s">
        <v>27074</v>
      </c>
      <c r="M9672" s="2" t="s">
        <v>27075</v>
      </c>
      <c r="N9672" s="5" t="s">
        <v>24254</v>
      </c>
      <c r="O9672" s="5" t="s">
        <v>38</v>
      </c>
      <c r="P9672" s="5" t="s">
        <v>39</v>
      </c>
      <c r="Q9672" s="5" t="s">
        <v>40</v>
      </c>
      <c r="R9672" s="5" t="s">
        <v>24340</v>
      </c>
      <c r="S9672" s="5" t="s">
        <v>40</v>
      </c>
      <c r="T9672" s="5" t="s">
        <v>42</v>
      </c>
      <c r="U9672" s="2">
        <v>11.94</v>
      </c>
      <c r="V9672" s="2">
        <v>9.9960000000000004</v>
      </c>
      <c r="W9672" s="2">
        <v>0.129</v>
      </c>
      <c r="X9672" s="2">
        <v>12</v>
      </c>
      <c r="Y9672" s="2">
        <v>62</v>
      </c>
      <c r="Z9672" s="2">
        <v>172.9</v>
      </c>
      <c r="AA9672" s="5">
        <v>8</v>
      </c>
      <c r="AB9672" s="5" t="s">
        <v>43</v>
      </c>
      <c r="AC9672" s="5" t="s">
        <v>44</v>
      </c>
      <c r="AD9672" s="2" t="s">
        <v>29641</v>
      </c>
      <c r="AE9672" s="1"/>
    </row>
    <row r="9673" spans="1:31" ht="14.45">
      <c r="A9673" s="5"/>
      <c r="B9673" s="21"/>
      <c r="C9673" s="2" t="s">
        <v>29723</v>
      </c>
      <c r="D9673" s="14" t="s">
        <v>29724</v>
      </c>
      <c r="E9673" s="2" t="s">
        <v>29725</v>
      </c>
      <c r="F9673" s="2" t="s">
        <v>29652</v>
      </c>
      <c r="G9673" s="8">
        <v>928</v>
      </c>
      <c r="H9673" s="5">
        <v>15</v>
      </c>
      <c r="I9673" s="5" t="s">
        <v>69</v>
      </c>
      <c r="J9673" s="5" t="s">
        <v>27074</v>
      </c>
      <c r="K9673" s="2" t="s">
        <v>27075</v>
      </c>
      <c r="L9673" s="5" t="s">
        <v>27074</v>
      </c>
      <c r="M9673" s="2" t="s">
        <v>27075</v>
      </c>
      <c r="N9673" s="5" t="s">
        <v>24254</v>
      </c>
      <c r="O9673" s="5" t="s">
        <v>38</v>
      </c>
      <c r="P9673" s="5" t="s">
        <v>39</v>
      </c>
      <c r="Q9673" s="5" t="s">
        <v>40</v>
      </c>
      <c r="R9673" s="5" t="s">
        <v>1487</v>
      </c>
      <c r="S9673" s="5"/>
      <c r="T9673" s="5" t="s">
        <v>42</v>
      </c>
      <c r="U9673" s="2">
        <v>0</v>
      </c>
      <c r="V9673" s="2">
        <v>0</v>
      </c>
      <c r="W9673" s="2">
        <v>0</v>
      </c>
      <c r="X9673" s="2">
        <v>0</v>
      </c>
      <c r="Y9673" s="2">
        <v>0</v>
      </c>
      <c r="Z9673" s="2">
        <v>0</v>
      </c>
      <c r="AA9673" s="5"/>
      <c r="AB9673" s="5" t="s">
        <v>43</v>
      </c>
      <c r="AC9673" s="5" t="s">
        <v>44</v>
      </c>
      <c r="AD9673" s="2" t="s">
        <v>29653</v>
      </c>
      <c r="AE9673" s="1"/>
    </row>
    <row r="9674" spans="1:31" ht="14.45">
      <c r="A9674" s="5"/>
      <c r="B9674" s="21"/>
      <c r="C9674" s="2" t="s">
        <v>29726</v>
      </c>
      <c r="D9674" s="14" t="s">
        <v>29727</v>
      </c>
      <c r="E9674" s="2" t="s">
        <v>29728</v>
      </c>
      <c r="F9674" s="2" t="s">
        <v>29652</v>
      </c>
      <c r="G9674" s="8">
        <v>928</v>
      </c>
      <c r="H9674" s="5">
        <v>15</v>
      </c>
      <c r="I9674" s="5" t="s">
        <v>69</v>
      </c>
      <c r="J9674" s="5" t="s">
        <v>27074</v>
      </c>
      <c r="K9674" s="2" t="s">
        <v>27075</v>
      </c>
      <c r="L9674" s="5" t="s">
        <v>27074</v>
      </c>
      <c r="M9674" s="2" t="s">
        <v>27075</v>
      </c>
      <c r="N9674" s="5" t="s">
        <v>24254</v>
      </c>
      <c r="O9674" s="5" t="s">
        <v>38</v>
      </c>
      <c r="P9674" s="5" t="s">
        <v>39</v>
      </c>
      <c r="Q9674" s="5" t="s">
        <v>40</v>
      </c>
      <c r="R9674" s="5" t="s">
        <v>1487</v>
      </c>
      <c r="S9674" s="5"/>
      <c r="T9674" s="5" t="s">
        <v>42</v>
      </c>
      <c r="U9674" s="2">
        <v>0</v>
      </c>
      <c r="V9674" s="2">
        <v>0</v>
      </c>
      <c r="W9674" s="2">
        <v>0</v>
      </c>
      <c r="X9674" s="2">
        <v>0</v>
      </c>
      <c r="Y9674" s="2">
        <v>0</v>
      </c>
      <c r="Z9674" s="2">
        <v>0</v>
      </c>
      <c r="AA9674" s="5"/>
      <c r="AB9674" s="5" t="s">
        <v>43</v>
      </c>
      <c r="AC9674" s="5" t="s">
        <v>44</v>
      </c>
      <c r="AD9674" s="2" t="s">
        <v>29657</v>
      </c>
      <c r="AE9674" s="1"/>
    </row>
    <row r="9675" spans="1:31" ht="14.45">
      <c r="A9675" s="5"/>
      <c r="B9675" s="21"/>
      <c r="C9675" s="2" t="s">
        <v>29729</v>
      </c>
      <c r="D9675" s="14" t="s">
        <v>29730</v>
      </c>
      <c r="E9675" s="2" t="s">
        <v>29731</v>
      </c>
      <c r="F9675" s="2" t="s">
        <v>29652</v>
      </c>
      <c r="G9675" s="8">
        <v>1514</v>
      </c>
      <c r="H9675" s="5">
        <v>15</v>
      </c>
      <c r="I9675" s="5" t="s">
        <v>69</v>
      </c>
      <c r="J9675" s="5" t="s">
        <v>27074</v>
      </c>
      <c r="K9675" s="2" t="s">
        <v>27075</v>
      </c>
      <c r="L9675" s="5" t="s">
        <v>27074</v>
      </c>
      <c r="M9675" s="2" t="s">
        <v>27075</v>
      </c>
      <c r="N9675" s="5" t="s">
        <v>24254</v>
      </c>
      <c r="O9675" s="5" t="s">
        <v>38</v>
      </c>
      <c r="P9675" s="5" t="s">
        <v>39</v>
      </c>
      <c r="Q9675" s="5" t="s">
        <v>40</v>
      </c>
      <c r="R9675" s="5" t="s">
        <v>1487</v>
      </c>
      <c r="S9675" s="5"/>
      <c r="T9675" s="5" t="s">
        <v>42</v>
      </c>
      <c r="U9675" s="2">
        <v>0</v>
      </c>
      <c r="V9675" s="2">
        <v>0</v>
      </c>
      <c r="W9675" s="2">
        <v>0</v>
      </c>
      <c r="X9675" s="2">
        <v>0</v>
      </c>
      <c r="Y9675" s="2">
        <v>0</v>
      </c>
      <c r="Z9675" s="2">
        <v>0</v>
      </c>
      <c r="AA9675" s="5"/>
      <c r="AB9675" s="5" t="s">
        <v>43</v>
      </c>
      <c r="AC9675" s="5" t="s">
        <v>44</v>
      </c>
      <c r="AD9675" s="2" t="s">
        <v>29661</v>
      </c>
      <c r="AE9675" s="1"/>
    </row>
    <row r="9676" spans="1:31" ht="14.45">
      <c r="A9676" s="5"/>
      <c r="B9676" s="21"/>
      <c r="C9676" s="2" t="s">
        <v>29732</v>
      </c>
      <c r="D9676" s="14" t="s">
        <v>29733</v>
      </c>
      <c r="E9676" s="2" t="s">
        <v>29734</v>
      </c>
      <c r="F9676" s="2" t="s">
        <v>29652</v>
      </c>
      <c r="G9676" s="8">
        <v>1514</v>
      </c>
      <c r="H9676" s="5">
        <v>15</v>
      </c>
      <c r="I9676" s="5" t="s">
        <v>69</v>
      </c>
      <c r="J9676" s="5" t="s">
        <v>27074</v>
      </c>
      <c r="K9676" s="2" t="s">
        <v>27075</v>
      </c>
      <c r="L9676" s="5" t="s">
        <v>27074</v>
      </c>
      <c r="M9676" s="2" t="s">
        <v>27075</v>
      </c>
      <c r="N9676" s="5" t="s">
        <v>24254</v>
      </c>
      <c r="O9676" s="5" t="s">
        <v>38</v>
      </c>
      <c r="P9676" s="5" t="s">
        <v>39</v>
      </c>
      <c r="Q9676" s="5" t="s">
        <v>40</v>
      </c>
      <c r="R9676" s="5" t="s">
        <v>1487</v>
      </c>
      <c r="S9676" s="5"/>
      <c r="T9676" s="5" t="s">
        <v>42</v>
      </c>
      <c r="U9676" s="2">
        <v>0</v>
      </c>
      <c r="V9676" s="2">
        <v>0</v>
      </c>
      <c r="W9676" s="2">
        <v>0</v>
      </c>
      <c r="X9676" s="2">
        <v>0</v>
      </c>
      <c r="Y9676" s="2">
        <v>0</v>
      </c>
      <c r="Z9676" s="2">
        <v>0</v>
      </c>
      <c r="AA9676" s="5"/>
      <c r="AB9676" s="5" t="s">
        <v>43</v>
      </c>
      <c r="AC9676" s="5" t="s">
        <v>44</v>
      </c>
      <c r="AD9676" s="2" t="s">
        <v>29665</v>
      </c>
      <c r="AE9676" s="1"/>
    </row>
    <row r="9677" spans="1:31" ht="14.45">
      <c r="A9677" s="5"/>
      <c r="B9677" s="21"/>
      <c r="C9677" s="2" t="s">
        <v>29735</v>
      </c>
      <c r="D9677" s="14" t="s">
        <v>29736</v>
      </c>
      <c r="E9677" s="2" t="s">
        <v>29737</v>
      </c>
      <c r="F9677" s="2"/>
      <c r="G9677" s="8">
        <v>230</v>
      </c>
      <c r="H9677" s="5">
        <v>5</v>
      </c>
      <c r="I9677" s="5" t="s">
        <v>69</v>
      </c>
      <c r="J9677" s="5" t="s">
        <v>27074</v>
      </c>
      <c r="K9677" s="2" t="s">
        <v>27075</v>
      </c>
      <c r="L9677" s="5" t="s">
        <v>27074</v>
      </c>
      <c r="M9677" s="2" t="s">
        <v>27075</v>
      </c>
      <c r="N9677" s="5" t="s">
        <v>24254</v>
      </c>
      <c r="O9677" s="5" t="s">
        <v>38</v>
      </c>
      <c r="P9677" s="5" t="s">
        <v>39</v>
      </c>
      <c r="Q9677" s="5" t="s">
        <v>40</v>
      </c>
      <c r="R9677" s="5" t="s">
        <v>24335</v>
      </c>
      <c r="S9677" s="5" t="s">
        <v>40</v>
      </c>
      <c r="T9677" s="5" t="s">
        <v>42</v>
      </c>
      <c r="U9677" s="2">
        <v>11.941000000000001</v>
      </c>
      <c r="V9677" s="2">
        <v>9.1880000000000006</v>
      </c>
      <c r="W9677" s="2">
        <v>0.14899999999999999</v>
      </c>
      <c r="X9677" s="2">
        <v>12</v>
      </c>
      <c r="Y9677" s="2">
        <v>62</v>
      </c>
      <c r="Z9677" s="2">
        <v>199.7</v>
      </c>
      <c r="AA9677" s="5">
        <v>8</v>
      </c>
      <c r="AB9677" s="5" t="s">
        <v>43</v>
      </c>
      <c r="AC9677" s="5" t="s">
        <v>44</v>
      </c>
      <c r="AD9677" s="2" t="s">
        <v>29611</v>
      </c>
      <c r="AE9677" s="1"/>
    </row>
    <row r="9678" spans="1:31" ht="14.45">
      <c r="A9678" s="5"/>
      <c r="B9678" s="21"/>
      <c r="C9678" s="2" t="s">
        <v>29738</v>
      </c>
      <c r="D9678" s="14" t="s">
        <v>29739</v>
      </c>
      <c r="E9678" s="2" t="s">
        <v>29740</v>
      </c>
      <c r="F9678" s="2"/>
      <c r="G9678" s="8">
        <v>230</v>
      </c>
      <c r="H9678" s="5">
        <v>5</v>
      </c>
      <c r="I9678" s="5" t="s">
        <v>69</v>
      </c>
      <c r="J9678" s="5" t="s">
        <v>27074</v>
      </c>
      <c r="K9678" s="2" t="s">
        <v>27075</v>
      </c>
      <c r="L9678" s="5" t="s">
        <v>27074</v>
      </c>
      <c r="M9678" s="2" t="s">
        <v>27075</v>
      </c>
      <c r="N9678" s="5" t="s">
        <v>24254</v>
      </c>
      <c r="O9678" s="5" t="s">
        <v>38</v>
      </c>
      <c r="P9678" s="5" t="s">
        <v>39</v>
      </c>
      <c r="Q9678" s="5" t="s">
        <v>40</v>
      </c>
      <c r="R9678" s="5" t="s">
        <v>24335</v>
      </c>
      <c r="S9678" s="5" t="s">
        <v>40</v>
      </c>
      <c r="T9678" s="5" t="s">
        <v>42</v>
      </c>
      <c r="U9678" s="2">
        <v>10.259</v>
      </c>
      <c r="V9678" s="2">
        <v>7.5069999999999997</v>
      </c>
      <c r="W9678" s="2">
        <v>0.14899999999999999</v>
      </c>
      <c r="X9678" s="2">
        <v>12</v>
      </c>
      <c r="Y9678" s="2">
        <v>62</v>
      </c>
      <c r="Z9678" s="2">
        <v>199.7</v>
      </c>
      <c r="AA9678" s="5">
        <v>8</v>
      </c>
      <c r="AB9678" s="5" t="s">
        <v>43</v>
      </c>
      <c r="AC9678" s="5" t="s">
        <v>44</v>
      </c>
      <c r="AD9678" s="2" t="s">
        <v>29611</v>
      </c>
      <c r="AE9678" s="1"/>
    </row>
    <row r="9679" spans="1:31" ht="14.45">
      <c r="A9679" s="5"/>
      <c r="B9679" s="21"/>
      <c r="C9679" s="2" t="s">
        <v>29741</v>
      </c>
      <c r="D9679" s="14" t="s">
        <v>29742</v>
      </c>
      <c r="E9679" s="2" t="s">
        <v>29743</v>
      </c>
      <c r="F9679" s="2"/>
      <c r="G9679" s="8">
        <v>230</v>
      </c>
      <c r="H9679" s="5">
        <v>5</v>
      </c>
      <c r="I9679" s="5" t="s">
        <v>69</v>
      </c>
      <c r="J9679" s="5" t="s">
        <v>27074</v>
      </c>
      <c r="K9679" s="2" t="s">
        <v>27075</v>
      </c>
      <c r="L9679" s="5" t="s">
        <v>27074</v>
      </c>
      <c r="M9679" s="2" t="s">
        <v>27075</v>
      </c>
      <c r="N9679" s="5" t="s">
        <v>24254</v>
      </c>
      <c r="O9679" s="5" t="s">
        <v>38</v>
      </c>
      <c r="P9679" s="5" t="s">
        <v>39</v>
      </c>
      <c r="Q9679" s="5" t="s">
        <v>40</v>
      </c>
      <c r="R9679" s="5" t="s">
        <v>24335</v>
      </c>
      <c r="S9679" s="5" t="s">
        <v>40</v>
      </c>
      <c r="T9679" s="5" t="s">
        <v>42</v>
      </c>
      <c r="U9679" s="2">
        <v>9.07</v>
      </c>
      <c r="V9679" s="2">
        <v>6.3410000000000002</v>
      </c>
      <c r="W9679" s="2">
        <v>0.14899999999999999</v>
      </c>
      <c r="X9679" s="2">
        <v>12</v>
      </c>
      <c r="Y9679" s="2">
        <v>62</v>
      </c>
      <c r="Z9679" s="2">
        <v>199.7</v>
      </c>
      <c r="AA9679" s="5">
        <v>8</v>
      </c>
      <c r="AB9679" s="5" t="s">
        <v>43</v>
      </c>
      <c r="AC9679" s="5" t="s">
        <v>44</v>
      </c>
      <c r="AD9679" s="2" t="s">
        <v>29611</v>
      </c>
      <c r="AE9679" s="1"/>
    </row>
    <row r="9680" spans="1:31" ht="14.45">
      <c r="A9680" s="5"/>
      <c r="B9680" s="21"/>
      <c r="C9680" s="2" t="s">
        <v>29744</v>
      </c>
      <c r="D9680" s="14" t="s">
        <v>29745</v>
      </c>
      <c r="E9680" s="2" t="s">
        <v>29746</v>
      </c>
      <c r="F9680" s="2"/>
      <c r="G9680" s="8">
        <v>230</v>
      </c>
      <c r="H9680" s="5">
        <v>25</v>
      </c>
      <c r="I9680" s="5" t="s">
        <v>69</v>
      </c>
      <c r="J9680" s="5" t="s">
        <v>27074</v>
      </c>
      <c r="K9680" s="2" t="s">
        <v>27075</v>
      </c>
      <c r="L9680" s="5" t="s">
        <v>27074</v>
      </c>
      <c r="M9680" s="2" t="s">
        <v>27075</v>
      </c>
      <c r="N9680" s="5" t="s">
        <v>24254</v>
      </c>
      <c r="O9680" s="5" t="s">
        <v>38</v>
      </c>
      <c r="P9680" s="5" t="s">
        <v>39</v>
      </c>
      <c r="Q9680" s="5" t="s">
        <v>40</v>
      </c>
      <c r="R9680" s="5" t="s">
        <v>24335</v>
      </c>
      <c r="S9680" s="5" t="s">
        <v>40</v>
      </c>
      <c r="T9680" s="5" t="s">
        <v>42</v>
      </c>
      <c r="U9680" s="2">
        <v>7.0369999999999999</v>
      </c>
      <c r="V9680" s="2">
        <v>5.2210000000000001</v>
      </c>
      <c r="W9680" s="2">
        <v>0.11899999999999999</v>
      </c>
      <c r="X9680" s="2">
        <v>12</v>
      </c>
      <c r="Y9680" s="2">
        <v>62</v>
      </c>
      <c r="Z9680" s="2">
        <v>159.9</v>
      </c>
      <c r="AA9680" s="5">
        <v>10</v>
      </c>
      <c r="AB9680" s="5" t="s">
        <v>43</v>
      </c>
      <c r="AC9680" s="5" t="s">
        <v>44</v>
      </c>
      <c r="AD9680" s="2" t="s">
        <v>29747</v>
      </c>
      <c r="AE9680" s="1"/>
    </row>
    <row r="9681" spans="1:31" ht="14.45">
      <c r="A9681" s="5"/>
      <c r="B9681" s="21"/>
      <c r="C9681" s="2" t="s">
        <v>29748</v>
      </c>
      <c r="D9681" s="14" t="s">
        <v>29749</v>
      </c>
      <c r="E9681" s="2" t="s">
        <v>29750</v>
      </c>
      <c r="F9681" s="2"/>
      <c r="G9681" s="8">
        <v>230</v>
      </c>
      <c r="H9681" s="5">
        <v>25</v>
      </c>
      <c r="I9681" s="5" t="s">
        <v>69</v>
      </c>
      <c r="J9681" s="5" t="s">
        <v>27074</v>
      </c>
      <c r="K9681" s="2" t="s">
        <v>27075</v>
      </c>
      <c r="L9681" s="5" t="s">
        <v>27074</v>
      </c>
      <c r="M9681" s="2" t="s">
        <v>27075</v>
      </c>
      <c r="N9681" s="5" t="s">
        <v>24254</v>
      </c>
      <c r="O9681" s="5" t="s">
        <v>38</v>
      </c>
      <c r="P9681" s="5" t="s">
        <v>39</v>
      </c>
      <c r="Q9681" s="5" t="s">
        <v>40</v>
      </c>
      <c r="R9681" s="5" t="s">
        <v>24335</v>
      </c>
      <c r="S9681" s="5" t="s">
        <v>40</v>
      </c>
      <c r="T9681" s="5" t="s">
        <v>42</v>
      </c>
      <c r="U9681" s="2">
        <v>7.681</v>
      </c>
      <c r="V9681" s="2">
        <v>5.8650000000000002</v>
      </c>
      <c r="W9681" s="2">
        <v>0.11899999999999999</v>
      </c>
      <c r="X9681" s="2">
        <v>12</v>
      </c>
      <c r="Y9681" s="2">
        <v>62</v>
      </c>
      <c r="Z9681" s="2">
        <v>159.9</v>
      </c>
      <c r="AA9681" s="5">
        <v>10</v>
      </c>
      <c r="AB9681" s="5" t="s">
        <v>43</v>
      </c>
      <c r="AC9681" s="5" t="s">
        <v>44</v>
      </c>
      <c r="AD9681" s="2" t="s">
        <v>29621</v>
      </c>
      <c r="AE9681" s="1"/>
    </row>
    <row r="9682" spans="1:31" ht="14.45">
      <c r="A9682" s="5"/>
      <c r="B9682" s="21"/>
      <c r="C9682" s="2" t="s">
        <v>29751</v>
      </c>
      <c r="D9682" s="14" t="s">
        <v>29752</v>
      </c>
      <c r="E9682" s="2" t="s">
        <v>29753</v>
      </c>
      <c r="F9682" s="2"/>
      <c r="G9682" s="8">
        <v>230</v>
      </c>
      <c r="H9682" s="5">
        <v>25</v>
      </c>
      <c r="I9682" s="5" t="s">
        <v>69</v>
      </c>
      <c r="J9682" s="5" t="s">
        <v>27074</v>
      </c>
      <c r="K9682" s="2" t="s">
        <v>27075</v>
      </c>
      <c r="L9682" s="5" t="s">
        <v>27074</v>
      </c>
      <c r="M9682" s="2" t="s">
        <v>27075</v>
      </c>
      <c r="N9682" s="5" t="s">
        <v>24254</v>
      </c>
      <c r="O9682" s="5" t="s">
        <v>38</v>
      </c>
      <c r="P9682" s="5" t="s">
        <v>39</v>
      </c>
      <c r="Q9682" s="5" t="s">
        <v>40</v>
      </c>
      <c r="R9682" s="5" t="s">
        <v>24335</v>
      </c>
      <c r="S9682" s="5" t="s">
        <v>40</v>
      </c>
      <c r="T9682" s="5" t="s">
        <v>42</v>
      </c>
      <c r="U9682" s="2">
        <v>5.7969999999999997</v>
      </c>
      <c r="V9682" s="2">
        <v>3.9809999999999999</v>
      </c>
      <c r="W9682" s="2">
        <v>0.11899999999999999</v>
      </c>
      <c r="X9682" s="2">
        <v>12</v>
      </c>
      <c r="Y9682" s="2">
        <v>62</v>
      </c>
      <c r="Z9682" s="2">
        <v>159.9</v>
      </c>
      <c r="AA9682" s="5">
        <v>10</v>
      </c>
      <c r="AB9682" s="5" t="s">
        <v>43</v>
      </c>
      <c r="AC9682" s="5" t="s">
        <v>44</v>
      </c>
      <c r="AD9682" s="2" t="s">
        <v>29629</v>
      </c>
      <c r="AE9682" s="1"/>
    </row>
    <row r="9683" spans="1:31" ht="14.45">
      <c r="A9683" s="5"/>
      <c r="B9683" s="21"/>
      <c r="C9683" s="2" t="s">
        <v>29754</v>
      </c>
      <c r="D9683" s="14" t="s">
        <v>29755</v>
      </c>
      <c r="E9683" s="2" t="s">
        <v>29756</v>
      </c>
      <c r="F9683" s="2"/>
      <c r="G9683" s="8">
        <v>230</v>
      </c>
      <c r="H9683" s="5">
        <v>25</v>
      </c>
      <c r="I9683" s="5" t="s">
        <v>69</v>
      </c>
      <c r="J9683" s="5" t="s">
        <v>27074</v>
      </c>
      <c r="K9683" s="2" t="s">
        <v>27075</v>
      </c>
      <c r="L9683" s="5" t="s">
        <v>27074</v>
      </c>
      <c r="M9683" s="2" t="s">
        <v>27075</v>
      </c>
      <c r="N9683" s="5" t="s">
        <v>24254</v>
      </c>
      <c r="O9683" s="5" t="s">
        <v>38</v>
      </c>
      <c r="P9683" s="5" t="s">
        <v>39</v>
      </c>
      <c r="Q9683" s="5" t="s">
        <v>40</v>
      </c>
      <c r="R9683" s="5" t="s">
        <v>24335</v>
      </c>
      <c r="S9683" s="5" t="s">
        <v>40</v>
      </c>
      <c r="T9683" s="5" t="s">
        <v>42</v>
      </c>
      <c r="U9683" s="2">
        <v>6.4429999999999996</v>
      </c>
      <c r="V9683" s="2">
        <v>4.6269999999999998</v>
      </c>
      <c r="W9683" s="2">
        <v>0.11899999999999999</v>
      </c>
      <c r="X9683" s="2">
        <v>12</v>
      </c>
      <c r="Y9683" s="2">
        <v>62</v>
      </c>
      <c r="Z9683" s="2">
        <v>159.9</v>
      </c>
      <c r="AA9683" s="5">
        <v>10</v>
      </c>
      <c r="AB9683" s="5" t="s">
        <v>43</v>
      </c>
      <c r="AC9683" s="5" t="s">
        <v>44</v>
      </c>
      <c r="AD9683" s="2" t="s">
        <v>29625</v>
      </c>
      <c r="AE9683" s="1"/>
    </row>
    <row r="9684" spans="1:31" ht="14.45">
      <c r="A9684" s="5"/>
      <c r="B9684" s="21"/>
      <c r="C9684" s="2" t="s">
        <v>29757</v>
      </c>
      <c r="D9684" s="14" t="s">
        <v>29758</v>
      </c>
      <c r="E9684" s="2" t="s">
        <v>29759</v>
      </c>
      <c r="F9684" s="2"/>
      <c r="G9684" s="8">
        <v>230</v>
      </c>
      <c r="H9684" s="5">
        <v>25</v>
      </c>
      <c r="I9684" s="5" t="s">
        <v>69</v>
      </c>
      <c r="J9684" s="5" t="s">
        <v>27074</v>
      </c>
      <c r="K9684" s="2" t="s">
        <v>27075</v>
      </c>
      <c r="L9684" s="5" t="s">
        <v>27074</v>
      </c>
      <c r="M9684" s="2" t="s">
        <v>27075</v>
      </c>
      <c r="N9684" s="5" t="s">
        <v>24254</v>
      </c>
      <c r="O9684" s="5" t="s">
        <v>38</v>
      </c>
      <c r="P9684" s="5" t="s">
        <v>39</v>
      </c>
      <c r="Q9684" s="5" t="s">
        <v>40</v>
      </c>
      <c r="R9684" s="5" t="s">
        <v>24335</v>
      </c>
      <c r="S9684" s="5" t="s">
        <v>40</v>
      </c>
      <c r="T9684" s="5" t="s">
        <v>42</v>
      </c>
      <c r="U9684" s="2">
        <v>6.649</v>
      </c>
      <c r="V9684" s="2">
        <v>4.8330000000000002</v>
      </c>
      <c r="W9684" s="2">
        <v>0.11899999999999999</v>
      </c>
      <c r="X9684" s="2">
        <v>12</v>
      </c>
      <c r="Y9684" s="2">
        <v>62</v>
      </c>
      <c r="Z9684" s="2">
        <v>159.9</v>
      </c>
      <c r="AA9684" s="5">
        <v>10</v>
      </c>
      <c r="AB9684" s="5" t="s">
        <v>43</v>
      </c>
      <c r="AC9684" s="5" t="s">
        <v>44</v>
      </c>
      <c r="AD9684" s="2" t="s">
        <v>29629</v>
      </c>
      <c r="AE9684" s="1"/>
    </row>
    <row r="9685" spans="1:31" ht="14.45">
      <c r="A9685" s="5"/>
      <c r="B9685" s="21"/>
      <c r="C9685" s="2" t="s">
        <v>29760</v>
      </c>
      <c r="D9685" s="14" t="s">
        <v>29761</v>
      </c>
      <c r="E9685" s="2" t="s">
        <v>29762</v>
      </c>
      <c r="F9685" s="2"/>
      <c r="G9685" s="8">
        <v>230</v>
      </c>
      <c r="H9685" s="5">
        <v>25</v>
      </c>
      <c r="I9685" s="5" t="s">
        <v>69</v>
      </c>
      <c r="J9685" s="5" t="s">
        <v>27074</v>
      </c>
      <c r="K9685" s="2" t="s">
        <v>27075</v>
      </c>
      <c r="L9685" s="5" t="s">
        <v>27074</v>
      </c>
      <c r="M9685" s="2" t="s">
        <v>27075</v>
      </c>
      <c r="N9685" s="5" t="s">
        <v>24254</v>
      </c>
      <c r="O9685" s="5" t="s">
        <v>38</v>
      </c>
      <c r="P9685" s="5" t="s">
        <v>39</v>
      </c>
      <c r="Q9685" s="5" t="s">
        <v>40</v>
      </c>
      <c r="R9685" s="5" t="s">
        <v>24335</v>
      </c>
      <c r="S9685" s="5" t="s">
        <v>40</v>
      </c>
      <c r="T9685" s="5" t="s">
        <v>42</v>
      </c>
      <c r="U9685" s="2">
        <v>7.3789999999999996</v>
      </c>
      <c r="V9685" s="2">
        <v>5.5629999999999997</v>
      </c>
      <c r="W9685" s="2">
        <v>0.11899999999999999</v>
      </c>
      <c r="X9685" s="2">
        <v>12</v>
      </c>
      <c r="Y9685" s="2">
        <v>62</v>
      </c>
      <c r="Z9685" s="2">
        <v>159.9</v>
      </c>
      <c r="AA9685" s="5">
        <v>10</v>
      </c>
      <c r="AB9685" s="5" t="s">
        <v>43</v>
      </c>
      <c r="AC9685" s="5" t="s">
        <v>44</v>
      </c>
      <c r="AD9685" s="2" t="s">
        <v>29625</v>
      </c>
      <c r="AE9685" s="1"/>
    </row>
    <row r="9686" spans="1:31" ht="14.45">
      <c r="A9686" s="5"/>
      <c r="B9686" s="21"/>
      <c r="C9686" s="2" t="s">
        <v>29763</v>
      </c>
      <c r="D9686" s="14" t="s">
        <v>29764</v>
      </c>
      <c r="E9686" s="2" t="s">
        <v>29765</v>
      </c>
      <c r="F9686" s="2" t="s">
        <v>29636</v>
      </c>
      <c r="G9686" s="8">
        <v>460</v>
      </c>
      <c r="H9686" s="5">
        <v>5</v>
      </c>
      <c r="I9686" s="5" t="s">
        <v>69</v>
      </c>
      <c r="J9686" s="5" t="s">
        <v>27074</v>
      </c>
      <c r="K9686" s="2" t="s">
        <v>27075</v>
      </c>
      <c r="L9686" s="5" t="s">
        <v>27074</v>
      </c>
      <c r="M9686" s="2" t="s">
        <v>27075</v>
      </c>
      <c r="N9686" s="5" t="s">
        <v>24254</v>
      </c>
      <c r="O9686" s="5" t="s">
        <v>38</v>
      </c>
      <c r="P9686" s="5" t="s">
        <v>39</v>
      </c>
      <c r="Q9686" s="5" t="s">
        <v>40</v>
      </c>
      <c r="R9686" s="5" t="s">
        <v>1487</v>
      </c>
      <c r="S9686" s="5"/>
      <c r="T9686" s="5" t="s">
        <v>42</v>
      </c>
      <c r="U9686" s="2">
        <v>0</v>
      </c>
      <c r="V9686" s="2">
        <v>0</v>
      </c>
      <c r="W9686" s="2">
        <v>0</v>
      </c>
      <c r="X9686" s="2">
        <v>0</v>
      </c>
      <c r="Y9686" s="2">
        <v>0</v>
      </c>
      <c r="Z9686" s="2">
        <v>0</v>
      </c>
      <c r="AA9686" s="5"/>
      <c r="AB9686" s="5" t="s">
        <v>43</v>
      </c>
      <c r="AC9686" s="5" t="s">
        <v>44</v>
      </c>
      <c r="AD9686" s="2" t="s">
        <v>29637</v>
      </c>
      <c r="AE9686" s="1"/>
    </row>
    <row r="9687" spans="1:31" ht="14.45">
      <c r="A9687" s="5"/>
      <c r="B9687" s="21"/>
      <c r="C9687" s="2" t="s">
        <v>29766</v>
      </c>
      <c r="D9687" s="14" t="s">
        <v>29767</v>
      </c>
      <c r="E9687" s="2" t="s">
        <v>29768</v>
      </c>
      <c r="F9687" s="2"/>
      <c r="G9687" s="8">
        <v>381</v>
      </c>
      <c r="H9687" s="5">
        <v>25</v>
      </c>
      <c r="I9687" s="5" t="s">
        <v>69</v>
      </c>
      <c r="J9687" s="5" t="s">
        <v>27074</v>
      </c>
      <c r="K9687" s="2" t="s">
        <v>27075</v>
      </c>
      <c r="L9687" s="5" t="s">
        <v>27074</v>
      </c>
      <c r="M9687" s="2" t="s">
        <v>27075</v>
      </c>
      <c r="N9687" s="5" t="s">
        <v>24254</v>
      </c>
      <c r="O9687" s="5" t="s">
        <v>38</v>
      </c>
      <c r="P9687" s="5" t="s">
        <v>39</v>
      </c>
      <c r="Q9687" s="5" t="s">
        <v>40</v>
      </c>
      <c r="R9687" s="5" t="s">
        <v>24340</v>
      </c>
      <c r="S9687" s="5" t="s">
        <v>40</v>
      </c>
      <c r="T9687" s="5" t="s">
        <v>42</v>
      </c>
      <c r="U9687" s="2">
        <v>16.843</v>
      </c>
      <c r="V9687" s="2">
        <v>14.992000000000001</v>
      </c>
      <c r="W9687" s="2">
        <v>0.11899999999999999</v>
      </c>
      <c r="X9687" s="2">
        <v>12</v>
      </c>
      <c r="Y9687" s="2">
        <v>62</v>
      </c>
      <c r="Z9687" s="2">
        <v>159.9</v>
      </c>
      <c r="AA9687" s="5">
        <v>8</v>
      </c>
      <c r="AB9687" s="5" t="s">
        <v>43</v>
      </c>
      <c r="AC9687" s="5" t="s">
        <v>44</v>
      </c>
      <c r="AD9687" s="2" t="s">
        <v>29641</v>
      </c>
      <c r="AE9687" s="1"/>
    </row>
    <row r="9688" spans="1:31" ht="14.45">
      <c r="A9688" s="5"/>
      <c r="B9688" s="21"/>
      <c r="C9688" s="2" t="s">
        <v>29769</v>
      </c>
      <c r="D9688" s="14" t="s">
        <v>29770</v>
      </c>
      <c r="E9688" s="2" t="s">
        <v>29771</v>
      </c>
      <c r="F9688" s="2"/>
      <c r="G9688" s="8">
        <v>381</v>
      </c>
      <c r="H9688" s="5">
        <v>25</v>
      </c>
      <c r="I9688" s="5" t="s">
        <v>69</v>
      </c>
      <c r="J9688" s="5" t="s">
        <v>27074</v>
      </c>
      <c r="K9688" s="2" t="s">
        <v>27075</v>
      </c>
      <c r="L9688" s="5" t="s">
        <v>27074</v>
      </c>
      <c r="M9688" s="2" t="s">
        <v>27075</v>
      </c>
      <c r="N9688" s="5" t="s">
        <v>24254</v>
      </c>
      <c r="O9688" s="5" t="s">
        <v>38</v>
      </c>
      <c r="P9688" s="5" t="s">
        <v>39</v>
      </c>
      <c r="Q9688" s="5" t="s">
        <v>40</v>
      </c>
      <c r="R9688" s="5" t="s">
        <v>24340</v>
      </c>
      <c r="S9688" s="5" t="s">
        <v>40</v>
      </c>
      <c r="T9688" s="5" t="s">
        <v>42</v>
      </c>
      <c r="U9688" s="2">
        <v>11.994999999999999</v>
      </c>
      <c r="V9688" s="2">
        <v>10.176</v>
      </c>
      <c r="W9688" s="2">
        <v>0.11899999999999999</v>
      </c>
      <c r="X9688" s="2">
        <v>12</v>
      </c>
      <c r="Y9688" s="2">
        <v>62</v>
      </c>
      <c r="Z9688" s="2">
        <v>159.9</v>
      </c>
      <c r="AA9688" s="5">
        <v>8</v>
      </c>
      <c r="AB9688" s="5" t="s">
        <v>43</v>
      </c>
      <c r="AC9688" s="5" t="s">
        <v>44</v>
      </c>
      <c r="AD9688" s="2" t="s">
        <v>29641</v>
      </c>
      <c r="AE9688" s="1"/>
    </row>
    <row r="9689" spans="1:31" ht="14.45">
      <c r="A9689" s="5"/>
      <c r="B9689" s="21"/>
      <c r="C9689" s="2" t="s">
        <v>29772</v>
      </c>
      <c r="D9689" s="14" t="s">
        <v>29773</v>
      </c>
      <c r="E9689" s="2" t="s">
        <v>29774</v>
      </c>
      <c r="F9689" s="2" t="s">
        <v>29652</v>
      </c>
      <c r="G9689" s="8">
        <v>919</v>
      </c>
      <c r="H9689" s="5">
        <v>15</v>
      </c>
      <c r="I9689" s="5" t="s">
        <v>69</v>
      </c>
      <c r="J9689" s="5" t="s">
        <v>27074</v>
      </c>
      <c r="K9689" s="2" t="s">
        <v>27075</v>
      </c>
      <c r="L9689" s="5" t="s">
        <v>27074</v>
      </c>
      <c r="M9689" s="2" t="s">
        <v>27075</v>
      </c>
      <c r="N9689" s="5" t="s">
        <v>24254</v>
      </c>
      <c r="O9689" s="5" t="s">
        <v>38</v>
      </c>
      <c r="P9689" s="5" t="s">
        <v>39</v>
      </c>
      <c r="Q9689" s="5" t="s">
        <v>40</v>
      </c>
      <c r="R9689" s="5" t="s">
        <v>1487</v>
      </c>
      <c r="S9689" s="5"/>
      <c r="T9689" s="5" t="s">
        <v>42</v>
      </c>
      <c r="U9689" s="2">
        <v>0</v>
      </c>
      <c r="V9689" s="2">
        <v>0</v>
      </c>
      <c r="W9689" s="2">
        <v>0</v>
      </c>
      <c r="X9689" s="2">
        <v>0</v>
      </c>
      <c r="Y9689" s="2">
        <v>0</v>
      </c>
      <c r="Z9689" s="2">
        <v>0</v>
      </c>
      <c r="AA9689" s="5"/>
      <c r="AB9689" s="5" t="s">
        <v>43</v>
      </c>
      <c r="AC9689" s="5" t="s">
        <v>44</v>
      </c>
      <c r="AD9689" s="2" t="s">
        <v>29653</v>
      </c>
      <c r="AE9689" s="1"/>
    </row>
    <row r="9690" spans="1:31" ht="14.45">
      <c r="A9690" s="5"/>
      <c r="B9690" s="21"/>
      <c r="C9690" s="2" t="s">
        <v>29775</v>
      </c>
      <c r="D9690" s="14" t="s">
        <v>29776</v>
      </c>
      <c r="E9690" s="2" t="s">
        <v>29777</v>
      </c>
      <c r="F9690" s="2" t="s">
        <v>29652</v>
      </c>
      <c r="G9690" s="8">
        <v>919</v>
      </c>
      <c r="H9690" s="5">
        <v>15</v>
      </c>
      <c r="I9690" s="5" t="s">
        <v>69</v>
      </c>
      <c r="J9690" s="5" t="s">
        <v>27074</v>
      </c>
      <c r="K9690" s="2" t="s">
        <v>27075</v>
      </c>
      <c r="L9690" s="5" t="s">
        <v>27074</v>
      </c>
      <c r="M9690" s="2" t="s">
        <v>27075</v>
      </c>
      <c r="N9690" s="5" t="s">
        <v>24254</v>
      </c>
      <c r="O9690" s="5" t="s">
        <v>38</v>
      </c>
      <c r="P9690" s="5" t="s">
        <v>39</v>
      </c>
      <c r="Q9690" s="5" t="s">
        <v>40</v>
      </c>
      <c r="R9690" s="5" t="s">
        <v>1487</v>
      </c>
      <c r="S9690" s="5"/>
      <c r="T9690" s="5" t="s">
        <v>42</v>
      </c>
      <c r="U9690" s="2">
        <v>0</v>
      </c>
      <c r="V9690" s="2">
        <v>0</v>
      </c>
      <c r="W9690" s="2">
        <v>0</v>
      </c>
      <c r="X9690" s="2">
        <v>0</v>
      </c>
      <c r="Y9690" s="2">
        <v>0</v>
      </c>
      <c r="Z9690" s="2">
        <v>0</v>
      </c>
      <c r="AA9690" s="5"/>
      <c r="AB9690" s="5" t="s">
        <v>43</v>
      </c>
      <c r="AC9690" s="5" t="s">
        <v>44</v>
      </c>
      <c r="AD9690" s="2" t="s">
        <v>29657</v>
      </c>
      <c r="AE9690" s="1"/>
    </row>
    <row r="9691" spans="1:31" ht="14.45">
      <c r="A9691" s="5"/>
      <c r="B9691" s="21"/>
      <c r="C9691" s="2" t="s">
        <v>29778</v>
      </c>
      <c r="D9691" s="14" t="s">
        <v>29779</v>
      </c>
      <c r="E9691" s="2" t="s">
        <v>29780</v>
      </c>
      <c r="F9691" s="2" t="s">
        <v>29652</v>
      </c>
      <c r="G9691" s="8">
        <v>1540</v>
      </c>
      <c r="H9691" s="5">
        <v>15</v>
      </c>
      <c r="I9691" s="5" t="s">
        <v>69</v>
      </c>
      <c r="J9691" s="5" t="s">
        <v>27074</v>
      </c>
      <c r="K9691" s="2" t="s">
        <v>27075</v>
      </c>
      <c r="L9691" s="5" t="s">
        <v>27074</v>
      </c>
      <c r="M9691" s="2" t="s">
        <v>27075</v>
      </c>
      <c r="N9691" s="5" t="s">
        <v>24254</v>
      </c>
      <c r="O9691" s="5" t="s">
        <v>38</v>
      </c>
      <c r="P9691" s="5" t="s">
        <v>39</v>
      </c>
      <c r="Q9691" s="5" t="s">
        <v>40</v>
      </c>
      <c r="R9691" s="5" t="s">
        <v>1487</v>
      </c>
      <c r="S9691" s="5"/>
      <c r="T9691" s="5" t="s">
        <v>42</v>
      </c>
      <c r="U9691" s="2">
        <v>0</v>
      </c>
      <c r="V9691" s="2">
        <v>0</v>
      </c>
      <c r="W9691" s="2">
        <v>0</v>
      </c>
      <c r="X9691" s="2">
        <v>0</v>
      </c>
      <c r="Y9691" s="2">
        <v>0</v>
      </c>
      <c r="Z9691" s="2">
        <v>0</v>
      </c>
      <c r="AA9691" s="5"/>
      <c r="AB9691" s="5" t="s">
        <v>43</v>
      </c>
      <c r="AC9691" s="5" t="s">
        <v>44</v>
      </c>
      <c r="AD9691" s="2" t="s">
        <v>29661</v>
      </c>
      <c r="AE9691" s="1"/>
    </row>
    <row r="9692" spans="1:31" ht="14.45">
      <c r="A9692" s="5"/>
      <c r="B9692" s="21"/>
      <c r="C9692" s="2" t="s">
        <v>29781</v>
      </c>
      <c r="D9692" s="14" t="s">
        <v>29782</v>
      </c>
      <c r="E9692" s="2" t="s">
        <v>29783</v>
      </c>
      <c r="F9692" s="2" t="s">
        <v>29652</v>
      </c>
      <c r="G9692" s="8">
        <v>1540</v>
      </c>
      <c r="H9692" s="5">
        <v>15</v>
      </c>
      <c r="I9692" s="5" t="s">
        <v>69</v>
      </c>
      <c r="J9692" s="5" t="s">
        <v>27074</v>
      </c>
      <c r="K9692" s="2" t="s">
        <v>27075</v>
      </c>
      <c r="L9692" s="5" t="s">
        <v>27074</v>
      </c>
      <c r="M9692" s="2" t="s">
        <v>27075</v>
      </c>
      <c r="N9692" s="5" t="s">
        <v>24254</v>
      </c>
      <c r="O9692" s="5" t="s">
        <v>38</v>
      </c>
      <c r="P9692" s="5" t="s">
        <v>39</v>
      </c>
      <c r="Q9692" s="5" t="s">
        <v>40</v>
      </c>
      <c r="R9692" s="5" t="s">
        <v>1487</v>
      </c>
      <c r="S9692" s="5"/>
      <c r="T9692" s="5" t="s">
        <v>42</v>
      </c>
      <c r="U9692" s="2">
        <v>0</v>
      </c>
      <c r="V9692" s="2">
        <v>0</v>
      </c>
      <c r="W9692" s="2">
        <v>0</v>
      </c>
      <c r="X9692" s="2">
        <v>0</v>
      </c>
      <c r="Y9692" s="2">
        <v>0</v>
      </c>
      <c r="Z9692" s="2">
        <v>0</v>
      </c>
      <c r="AA9692" s="5"/>
      <c r="AB9692" s="5" t="s">
        <v>43</v>
      </c>
      <c r="AC9692" s="5" t="s">
        <v>44</v>
      </c>
      <c r="AD9692" s="2" t="s">
        <v>29665</v>
      </c>
      <c r="AE9692" s="1"/>
    </row>
    <row r="9693" spans="1:31" ht="14.45">
      <c r="A9693" s="5"/>
      <c r="B9693" s="21"/>
      <c r="C9693" s="2" t="s">
        <v>29784</v>
      </c>
      <c r="D9693" s="14" t="s">
        <v>29785</v>
      </c>
      <c r="E9693" s="2" t="s">
        <v>29786</v>
      </c>
      <c r="F9693" s="2"/>
      <c r="G9693" s="8">
        <v>251</v>
      </c>
      <c r="H9693" s="5">
        <v>5</v>
      </c>
      <c r="I9693" s="5" t="s">
        <v>69</v>
      </c>
      <c r="J9693" s="5" t="s">
        <v>27074</v>
      </c>
      <c r="K9693" s="2" t="s">
        <v>27075</v>
      </c>
      <c r="L9693" s="5" t="s">
        <v>27074</v>
      </c>
      <c r="M9693" s="2" t="s">
        <v>27075</v>
      </c>
      <c r="N9693" s="5" t="s">
        <v>24254</v>
      </c>
      <c r="O9693" s="5" t="s">
        <v>38</v>
      </c>
      <c r="P9693" s="5" t="s">
        <v>39</v>
      </c>
      <c r="Q9693" s="5" t="s">
        <v>40</v>
      </c>
      <c r="R9693" s="5" t="s">
        <v>24335</v>
      </c>
      <c r="S9693" s="5" t="s">
        <v>40</v>
      </c>
      <c r="T9693" s="5" t="s">
        <v>42</v>
      </c>
      <c r="U9693" s="2">
        <v>12.43</v>
      </c>
      <c r="V9693" s="2">
        <v>9.6769999999999996</v>
      </c>
      <c r="W9693" s="2">
        <v>0.14899999999999999</v>
      </c>
      <c r="X9693" s="2">
        <v>12</v>
      </c>
      <c r="Y9693" s="2">
        <v>62</v>
      </c>
      <c r="Z9693" s="2">
        <v>199.7</v>
      </c>
      <c r="AA9693" s="5">
        <v>8</v>
      </c>
      <c r="AB9693" s="5" t="s">
        <v>43</v>
      </c>
      <c r="AC9693" s="5" t="s">
        <v>44</v>
      </c>
      <c r="AD9693" s="2" t="s">
        <v>29611</v>
      </c>
      <c r="AE9693" s="1"/>
    </row>
    <row r="9694" spans="1:31" ht="14.45">
      <c r="A9694" s="5"/>
      <c r="B9694" s="21"/>
      <c r="C9694" s="2" t="s">
        <v>29787</v>
      </c>
      <c r="D9694" s="14" t="s">
        <v>29788</v>
      </c>
      <c r="E9694" s="2" t="s">
        <v>29789</v>
      </c>
      <c r="F9694" s="2"/>
      <c r="G9694" s="8">
        <v>251</v>
      </c>
      <c r="H9694" s="5">
        <v>5</v>
      </c>
      <c r="I9694" s="5" t="s">
        <v>69</v>
      </c>
      <c r="J9694" s="5" t="s">
        <v>27074</v>
      </c>
      <c r="K9694" s="2" t="s">
        <v>27075</v>
      </c>
      <c r="L9694" s="5" t="s">
        <v>27074</v>
      </c>
      <c r="M9694" s="2" t="s">
        <v>27075</v>
      </c>
      <c r="N9694" s="5" t="s">
        <v>24254</v>
      </c>
      <c r="O9694" s="5" t="s">
        <v>38</v>
      </c>
      <c r="P9694" s="5" t="s">
        <v>39</v>
      </c>
      <c r="Q9694" s="5" t="s">
        <v>40</v>
      </c>
      <c r="R9694" s="5" t="s">
        <v>24335</v>
      </c>
      <c r="S9694" s="5" t="s">
        <v>40</v>
      </c>
      <c r="T9694" s="5" t="s">
        <v>42</v>
      </c>
      <c r="U9694" s="2">
        <v>10.69</v>
      </c>
      <c r="V9694" s="2">
        <v>7.9379999999999997</v>
      </c>
      <c r="W9694" s="2">
        <v>0.14899999999999999</v>
      </c>
      <c r="X9694" s="2">
        <v>12</v>
      </c>
      <c r="Y9694" s="2">
        <v>62</v>
      </c>
      <c r="Z9694" s="2">
        <v>199.7</v>
      </c>
      <c r="AA9694" s="5">
        <v>8</v>
      </c>
      <c r="AB9694" s="5" t="s">
        <v>43</v>
      </c>
      <c r="AC9694" s="5" t="s">
        <v>44</v>
      </c>
      <c r="AD9694" s="2" t="s">
        <v>29611</v>
      </c>
      <c r="AE9694" s="1"/>
    </row>
    <row r="9695" spans="1:31" ht="14.45">
      <c r="A9695" s="5"/>
      <c r="B9695" s="21"/>
      <c r="C9695" s="2" t="s">
        <v>29790</v>
      </c>
      <c r="D9695" s="14" t="s">
        <v>29791</v>
      </c>
      <c r="E9695" s="2" t="s">
        <v>29792</v>
      </c>
      <c r="F9695" s="2"/>
      <c r="G9695" s="8">
        <v>251</v>
      </c>
      <c r="H9695" s="5">
        <v>5</v>
      </c>
      <c r="I9695" s="5" t="s">
        <v>69</v>
      </c>
      <c r="J9695" s="5" t="s">
        <v>27074</v>
      </c>
      <c r="K9695" s="2" t="s">
        <v>27075</v>
      </c>
      <c r="L9695" s="5" t="s">
        <v>27074</v>
      </c>
      <c r="M9695" s="2" t="s">
        <v>27075</v>
      </c>
      <c r="N9695" s="5" t="s">
        <v>24254</v>
      </c>
      <c r="O9695" s="5" t="s">
        <v>38</v>
      </c>
      <c r="P9695" s="5" t="s">
        <v>39</v>
      </c>
      <c r="Q9695" s="5" t="s">
        <v>40</v>
      </c>
      <c r="R9695" s="5" t="s">
        <v>24335</v>
      </c>
      <c r="S9695" s="5" t="s">
        <v>40</v>
      </c>
      <c r="T9695" s="5" t="s">
        <v>42</v>
      </c>
      <c r="U9695" s="2">
        <v>9.4359999999999999</v>
      </c>
      <c r="V9695" s="2">
        <v>6.7069999999999999</v>
      </c>
      <c r="W9695" s="2">
        <v>0.14899999999999999</v>
      </c>
      <c r="X9695" s="2">
        <v>12</v>
      </c>
      <c r="Y9695" s="2">
        <v>62</v>
      </c>
      <c r="Z9695" s="2">
        <v>199.7</v>
      </c>
      <c r="AA9695" s="5">
        <v>8</v>
      </c>
      <c r="AB9695" s="5" t="s">
        <v>43</v>
      </c>
      <c r="AC9695" s="5" t="s">
        <v>44</v>
      </c>
      <c r="AD9695" s="2" t="s">
        <v>29611</v>
      </c>
      <c r="AE9695" s="1"/>
    </row>
    <row r="9696" spans="1:31" ht="14.45">
      <c r="A9696" s="5"/>
      <c r="B9696" s="21"/>
      <c r="C9696" s="2" t="s">
        <v>29793</v>
      </c>
      <c r="D9696" s="14" t="s">
        <v>29794</v>
      </c>
      <c r="E9696" s="2" t="s">
        <v>29795</v>
      </c>
      <c r="F9696" s="2"/>
      <c r="G9696" s="8">
        <v>251</v>
      </c>
      <c r="H9696" s="5">
        <v>25</v>
      </c>
      <c r="I9696" s="5" t="s">
        <v>69</v>
      </c>
      <c r="J9696" s="5" t="s">
        <v>27074</v>
      </c>
      <c r="K9696" s="2" t="s">
        <v>27075</v>
      </c>
      <c r="L9696" s="5" t="s">
        <v>27074</v>
      </c>
      <c r="M9696" s="2" t="s">
        <v>27075</v>
      </c>
      <c r="N9696" s="5" t="s">
        <v>24254</v>
      </c>
      <c r="O9696" s="5" t="s">
        <v>38</v>
      </c>
      <c r="P9696" s="5" t="s">
        <v>39</v>
      </c>
      <c r="Q9696" s="5" t="s">
        <v>40</v>
      </c>
      <c r="R9696" s="5" t="s">
        <v>24335</v>
      </c>
      <c r="S9696" s="5" t="s">
        <v>40</v>
      </c>
      <c r="T9696" s="5" t="s">
        <v>42</v>
      </c>
      <c r="U9696" s="2">
        <v>7.5309999999999997</v>
      </c>
      <c r="V9696" s="2">
        <v>5.7149999999999999</v>
      </c>
      <c r="W9696" s="2">
        <v>0.11899999999999999</v>
      </c>
      <c r="X9696" s="2">
        <v>12</v>
      </c>
      <c r="Y9696" s="2">
        <v>62</v>
      </c>
      <c r="Z9696" s="2">
        <v>159.9</v>
      </c>
      <c r="AA9696" s="5">
        <v>10</v>
      </c>
      <c r="AB9696" s="5" t="s">
        <v>43</v>
      </c>
      <c r="AC9696" s="5" t="s">
        <v>44</v>
      </c>
      <c r="AD9696" s="2" t="s">
        <v>29747</v>
      </c>
      <c r="AE9696" s="1"/>
    </row>
    <row r="9697" spans="1:31" ht="14.45">
      <c r="A9697" s="5"/>
      <c r="B9697" s="21"/>
      <c r="C9697" s="2" t="s">
        <v>29796</v>
      </c>
      <c r="D9697" s="14" t="s">
        <v>29797</v>
      </c>
      <c r="E9697" s="2" t="s">
        <v>29798</v>
      </c>
      <c r="F9697" s="2"/>
      <c r="G9697" s="8">
        <v>251</v>
      </c>
      <c r="H9697" s="5">
        <v>25</v>
      </c>
      <c r="I9697" s="5" t="s">
        <v>69</v>
      </c>
      <c r="J9697" s="5" t="s">
        <v>27074</v>
      </c>
      <c r="K9697" s="2" t="s">
        <v>27075</v>
      </c>
      <c r="L9697" s="5" t="s">
        <v>27074</v>
      </c>
      <c r="M9697" s="2" t="s">
        <v>27075</v>
      </c>
      <c r="N9697" s="5" t="s">
        <v>24254</v>
      </c>
      <c r="O9697" s="5" t="s">
        <v>38</v>
      </c>
      <c r="P9697" s="5" t="s">
        <v>39</v>
      </c>
      <c r="Q9697" s="5" t="s">
        <v>40</v>
      </c>
      <c r="R9697" s="5" t="s">
        <v>24335</v>
      </c>
      <c r="S9697" s="5" t="s">
        <v>40</v>
      </c>
      <c r="T9697" s="5" t="s">
        <v>42</v>
      </c>
      <c r="U9697" s="2">
        <v>8.1750000000000007</v>
      </c>
      <c r="V9697" s="2">
        <v>6.359</v>
      </c>
      <c r="W9697" s="2">
        <v>0.11899999999999999</v>
      </c>
      <c r="X9697" s="2">
        <v>12</v>
      </c>
      <c r="Y9697" s="2">
        <v>62</v>
      </c>
      <c r="Z9697" s="2">
        <v>159.9</v>
      </c>
      <c r="AA9697" s="5">
        <v>10</v>
      </c>
      <c r="AB9697" s="5" t="s">
        <v>43</v>
      </c>
      <c r="AC9697" s="5" t="s">
        <v>44</v>
      </c>
      <c r="AD9697" s="2" t="s">
        <v>29621</v>
      </c>
      <c r="AE9697" s="1"/>
    </row>
    <row r="9698" spans="1:31" ht="14.45">
      <c r="A9698" s="5"/>
      <c r="B9698" s="21"/>
      <c r="C9698" s="2" t="s">
        <v>29799</v>
      </c>
      <c r="D9698" s="14" t="s">
        <v>29800</v>
      </c>
      <c r="E9698" s="2" t="s">
        <v>29801</v>
      </c>
      <c r="F9698" s="2"/>
      <c r="G9698" s="8">
        <v>251</v>
      </c>
      <c r="H9698" s="5">
        <v>25</v>
      </c>
      <c r="I9698" s="5" t="s">
        <v>69</v>
      </c>
      <c r="J9698" s="5" t="s">
        <v>27074</v>
      </c>
      <c r="K9698" s="2" t="s">
        <v>27075</v>
      </c>
      <c r="L9698" s="5" t="s">
        <v>27074</v>
      </c>
      <c r="M9698" s="2" t="s">
        <v>27075</v>
      </c>
      <c r="N9698" s="5" t="s">
        <v>24254</v>
      </c>
      <c r="O9698" s="5" t="s">
        <v>38</v>
      </c>
      <c r="P9698" s="5" t="s">
        <v>39</v>
      </c>
      <c r="Q9698" s="5" t="s">
        <v>40</v>
      </c>
      <c r="R9698" s="5" t="s">
        <v>24335</v>
      </c>
      <c r="S9698" s="5" t="s">
        <v>40</v>
      </c>
      <c r="T9698" s="5" t="s">
        <v>42</v>
      </c>
      <c r="U9698" s="2">
        <v>6.7370000000000001</v>
      </c>
      <c r="V9698" s="2">
        <v>4.9210000000000003</v>
      </c>
      <c r="W9698" s="2">
        <v>0.11899999999999999</v>
      </c>
      <c r="X9698" s="2">
        <v>12</v>
      </c>
      <c r="Y9698" s="2">
        <v>62</v>
      </c>
      <c r="Z9698" s="2">
        <v>159.9</v>
      </c>
      <c r="AA9698" s="5">
        <v>10</v>
      </c>
      <c r="AB9698" s="5" t="s">
        <v>43</v>
      </c>
      <c r="AC9698" s="5" t="s">
        <v>44</v>
      </c>
      <c r="AD9698" s="2" t="s">
        <v>29625</v>
      </c>
      <c r="AE9698" s="1"/>
    </row>
    <row r="9699" spans="1:31" ht="14.45">
      <c r="A9699" s="5"/>
      <c r="B9699" s="21"/>
      <c r="C9699" s="2" t="s">
        <v>29802</v>
      </c>
      <c r="D9699" s="14" t="s">
        <v>29803</v>
      </c>
      <c r="E9699" s="2" t="s">
        <v>29804</v>
      </c>
      <c r="F9699" s="2"/>
      <c r="G9699" s="8">
        <v>251</v>
      </c>
      <c r="H9699" s="5">
        <v>25</v>
      </c>
      <c r="I9699" s="5" t="s">
        <v>69</v>
      </c>
      <c r="J9699" s="5" t="s">
        <v>27074</v>
      </c>
      <c r="K9699" s="2" t="s">
        <v>27075</v>
      </c>
      <c r="L9699" s="5" t="s">
        <v>27074</v>
      </c>
      <c r="M9699" s="2" t="s">
        <v>27075</v>
      </c>
      <c r="N9699" s="5" t="s">
        <v>24254</v>
      </c>
      <c r="O9699" s="5" t="s">
        <v>38</v>
      </c>
      <c r="P9699" s="5" t="s">
        <v>39</v>
      </c>
      <c r="Q9699" s="5" t="s">
        <v>40</v>
      </c>
      <c r="R9699" s="5" t="s">
        <v>24335</v>
      </c>
      <c r="S9699" s="5" t="s">
        <v>40</v>
      </c>
      <c r="T9699" s="5" t="s">
        <v>42</v>
      </c>
      <c r="U9699" s="2">
        <v>7.0869999999999997</v>
      </c>
      <c r="V9699" s="2">
        <v>5.2709999999999999</v>
      </c>
      <c r="W9699" s="2">
        <v>0.11899999999999999</v>
      </c>
      <c r="X9699" s="2">
        <v>12</v>
      </c>
      <c r="Y9699" s="2">
        <v>62</v>
      </c>
      <c r="Z9699" s="2">
        <v>159.9</v>
      </c>
      <c r="AA9699" s="5">
        <v>10</v>
      </c>
      <c r="AB9699" s="5" t="s">
        <v>43</v>
      </c>
      <c r="AC9699" s="5" t="s">
        <v>44</v>
      </c>
      <c r="AD9699" s="2" t="s">
        <v>29629</v>
      </c>
      <c r="AE9699" s="1"/>
    </row>
    <row r="9700" spans="1:31" ht="14.45">
      <c r="A9700" s="5"/>
      <c r="B9700" s="21"/>
      <c r="C9700" s="2" t="s">
        <v>29805</v>
      </c>
      <c r="D9700" s="14" t="s">
        <v>29806</v>
      </c>
      <c r="E9700" s="2" t="s">
        <v>29807</v>
      </c>
      <c r="F9700" s="2"/>
      <c r="G9700" s="8">
        <v>251</v>
      </c>
      <c r="H9700" s="5">
        <v>25</v>
      </c>
      <c r="I9700" s="5" t="s">
        <v>69</v>
      </c>
      <c r="J9700" s="5" t="s">
        <v>27074</v>
      </c>
      <c r="K9700" s="2" t="s">
        <v>27075</v>
      </c>
      <c r="L9700" s="5" t="s">
        <v>27074</v>
      </c>
      <c r="M9700" s="2" t="s">
        <v>27075</v>
      </c>
      <c r="N9700" s="5" t="s">
        <v>24254</v>
      </c>
      <c r="O9700" s="5" t="s">
        <v>38</v>
      </c>
      <c r="P9700" s="5" t="s">
        <v>39</v>
      </c>
      <c r="Q9700" s="5" t="s">
        <v>40</v>
      </c>
      <c r="R9700" s="5" t="s">
        <v>24335</v>
      </c>
      <c r="S9700" s="5" t="s">
        <v>40</v>
      </c>
      <c r="T9700" s="5" t="s">
        <v>42</v>
      </c>
      <c r="U9700" s="2">
        <v>7.8170000000000002</v>
      </c>
      <c r="V9700" s="2">
        <v>6.0010000000000003</v>
      </c>
      <c r="W9700" s="2">
        <v>0.11899999999999999</v>
      </c>
      <c r="X9700" s="2">
        <v>12</v>
      </c>
      <c r="Y9700" s="2">
        <v>62</v>
      </c>
      <c r="Z9700" s="2">
        <v>159.9</v>
      </c>
      <c r="AA9700" s="5">
        <v>10</v>
      </c>
      <c r="AB9700" s="5" t="s">
        <v>43</v>
      </c>
      <c r="AC9700" s="5" t="s">
        <v>44</v>
      </c>
      <c r="AD9700" s="2" t="s">
        <v>29625</v>
      </c>
      <c r="AE9700" s="1"/>
    </row>
    <row r="9701" spans="1:31" ht="14.45">
      <c r="A9701" s="5"/>
      <c r="B9701" s="21"/>
      <c r="C9701" s="2" t="s">
        <v>29808</v>
      </c>
      <c r="D9701" s="14" t="s">
        <v>29809</v>
      </c>
      <c r="E9701" s="2" t="s">
        <v>29810</v>
      </c>
      <c r="F9701" s="2" t="s">
        <v>29636</v>
      </c>
      <c r="G9701" s="8">
        <v>502</v>
      </c>
      <c r="H9701" s="5">
        <v>5</v>
      </c>
      <c r="I9701" s="5" t="s">
        <v>69</v>
      </c>
      <c r="J9701" s="5" t="s">
        <v>27074</v>
      </c>
      <c r="K9701" s="2" t="s">
        <v>27075</v>
      </c>
      <c r="L9701" s="5" t="s">
        <v>27074</v>
      </c>
      <c r="M9701" s="2" t="s">
        <v>27075</v>
      </c>
      <c r="N9701" s="5" t="s">
        <v>24254</v>
      </c>
      <c r="O9701" s="5" t="s">
        <v>38</v>
      </c>
      <c r="P9701" s="5" t="s">
        <v>39</v>
      </c>
      <c r="Q9701" s="5" t="s">
        <v>40</v>
      </c>
      <c r="R9701" s="5" t="s">
        <v>1487</v>
      </c>
      <c r="S9701" s="5"/>
      <c r="T9701" s="5" t="s">
        <v>42</v>
      </c>
      <c r="U9701" s="2">
        <v>0</v>
      </c>
      <c r="V9701" s="2">
        <v>0</v>
      </c>
      <c r="W9701" s="2">
        <v>0</v>
      </c>
      <c r="X9701" s="2">
        <v>0</v>
      </c>
      <c r="Y9701" s="2">
        <v>0</v>
      </c>
      <c r="Z9701" s="2">
        <v>0</v>
      </c>
      <c r="AA9701" s="5"/>
      <c r="AB9701" s="5" t="s">
        <v>43</v>
      </c>
      <c r="AC9701" s="5" t="s">
        <v>44</v>
      </c>
      <c r="AD9701" s="2" t="s">
        <v>29637</v>
      </c>
      <c r="AE9701" s="1"/>
    </row>
    <row r="9702" spans="1:31" ht="14.45">
      <c r="A9702" s="5"/>
      <c r="B9702" s="21"/>
      <c r="C9702" s="2" t="s">
        <v>29811</v>
      </c>
      <c r="D9702" s="14" t="s">
        <v>29812</v>
      </c>
      <c r="E9702" s="2" t="s">
        <v>29813</v>
      </c>
      <c r="F9702" s="2"/>
      <c r="G9702" s="8">
        <v>402</v>
      </c>
      <c r="H9702" s="5">
        <v>25</v>
      </c>
      <c r="I9702" s="5" t="s">
        <v>69</v>
      </c>
      <c r="J9702" s="5" t="s">
        <v>27074</v>
      </c>
      <c r="K9702" s="2" t="s">
        <v>27075</v>
      </c>
      <c r="L9702" s="5" t="s">
        <v>27074</v>
      </c>
      <c r="M9702" s="2" t="s">
        <v>27075</v>
      </c>
      <c r="N9702" s="5" t="s">
        <v>24254</v>
      </c>
      <c r="O9702" s="5" t="s">
        <v>38</v>
      </c>
      <c r="P9702" s="5" t="s">
        <v>39</v>
      </c>
      <c r="Q9702" s="5" t="s">
        <v>40</v>
      </c>
      <c r="R9702" s="5" t="s">
        <v>24340</v>
      </c>
      <c r="S9702" s="5" t="s">
        <v>40</v>
      </c>
      <c r="T9702" s="5" t="s">
        <v>42</v>
      </c>
      <c r="U9702" s="2">
        <v>17.896000000000001</v>
      </c>
      <c r="V9702" s="2">
        <v>16.045000000000002</v>
      </c>
      <c r="W9702" s="2">
        <v>0.11899999999999999</v>
      </c>
      <c r="X9702" s="2">
        <v>12</v>
      </c>
      <c r="Y9702" s="2">
        <v>62</v>
      </c>
      <c r="Z9702" s="2">
        <v>159.9</v>
      </c>
      <c r="AA9702" s="5">
        <v>8</v>
      </c>
      <c r="AB9702" s="5" t="s">
        <v>43</v>
      </c>
      <c r="AC9702" s="5" t="s">
        <v>44</v>
      </c>
      <c r="AD9702" s="2" t="s">
        <v>29641</v>
      </c>
      <c r="AE9702" s="1"/>
    </row>
    <row r="9703" spans="1:31" ht="14.45">
      <c r="A9703" s="5"/>
      <c r="B9703" s="21"/>
      <c r="C9703" s="2" t="s">
        <v>29814</v>
      </c>
      <c r="D9703" s="14" t="s">
        <v>29815</v>
      </c>
      <c r="E9703" s="2" t="s">
        <v>29816</v>
      </c>
      <c r="F9703" s="2"/>
      <c r="G9703" s="8">
        <v>402</v>
      </c>
      <c r="H9703" s="5">
        <v>25</v>
      </c>
      <c r="I9703" s="5" t="s">
        <v>69</v>
      </c>
      <c r="J9703" s="5" t="s">
        <v>27074</v>
      </c>
      <c r="K9703" s="2" t="s">
        <v>27075</v>
      </c>
      <c r="L9703" s="5" t="s">
        <v>27074</v>
      </c>
      <c r="M9703" s="2" t="s">
        <v>27075</v>
      </c>
      <c r="N9703" s="5" t="s">
        <v>24254</v>
      </c>
      <c r="O9703" s="5" t="s">
        <v>38</v>
      </c>
      <c r="P9703" s="5" t="s">
        <v>39</v>
      </c>
      <c r="Q9703" s="5" t="s">
        <v>40</v>
      </c>
      <c r="R9703" s="5" t="s">
        <v>24340</v>
      </c>
      <c r="S9703" s="5" t="s">
        <v>40</v>
      </c>
      <c r="T9703" s="5" t="s">
        <v>42</v>
      </c>
      <c r="U9703" s="2">
        <v>12.62</v>
      </c>
      <c r="V9703" s="2">
        <v>10.801</v>
      </c>
      <c r="W9703" s="2">
        <v>0.11899999999999999</v>
      </c>
      <c r="X9703" s="2">
        <v>12</v>
      </c>
      <c r="Y9703" s="2">
        <v>62</v>
      </c>
      <c r="Z9703" s="2">
        <v>159.9</v>
      </c>
      <c r="AA9703" s="5">
        <v>8</v>
      </c>
      <c r="AB9703" s="5" t="s">
        <v>43</v>
      </c>
      <c r="AC9703" s="5" t="s">
        <v>44</v>
      </c>
      <c r="AD9703" s="2" t="s">
        <v>29641</v>
      </c>
      <c r="AE9703" s="1"/>
    </row>
    <row r="9704" spans="1:31" ht="14.45">
      <c r="A9704" s="5"/>
      <c r="B9704" s="21"/>
      <c r="C9704" s="2" t="s">
        <v>29817</v>
      </c>
      <c r="D9704" s="14" t="s">
        <v>29818</v>
      </c>
      <c r="E9704" s="2" t="s">
        <v>29819</v>
      </c>
      <c r="F9704" s="2"/>
      <c r="G9704" s="8">
        <v>402</v>
      </c>
      <c r="H9704" s="5">
        <v>25</v>
      </c>
      <c r="I9704" s="5" t="s">
        <v>69</v>
      </c>
      <c r="J9704" s="5" t="s">
        <v>27074</v>
      </c>
      <c r="K9704" s="2" t="s">
        <v>27075</v>
      </c>
      <c r="L9704" s="5" t="s">
        <v>27074</v>
      </c>
      <c r="M9704" s="2" t="s">
        <v>27075</v>
      </c>
      <c r="N9704" s="5" t="s">
        <v>24254</v>
      </c>
      <c r="O9704" s="5" t="s">
        <v>38</v>
      </c>
      <c r="P9704" s="5" t="s">
        <v>39</v>
      </c>
      <c r="Q9704" s="5" t="s">
        <v>40</v>
      </c>
      <c r="R9704" s="5" t="s">
        <v>25301</v>
      </c>
      <c r="S9704" s="5" t="s">
        <v>40</v>
      </c>
      <c r="T9704" s="5" t="s">
        <v>42</v>
      </c>
      <c r="U9704" s="2">
        <v>16.312000000000001</v>
      </c>
      <c r="V9704" s="2">
        <v>14.461</v>
      </c>
      <c r="W9704" s="2">
        <v>0.11899999999999999</v>
      </c>
      <c r="X9704" s="2">
        <v>12</v>
      </c>
      <c r="Y9704" s="2">
        <v>62</v>
      </c>
      <c r="Z9704" s="2">
        <v>159.9</v>
      </c>
      <c r="AA9704" s="5">
        <v>8</v>
      </c>
      <c r="AB9704" s="5" t="s">
        <v>43</v>
      </c>
      <c r="AC9704" s="5" t="s">
        <v>44</v>
      </c>
      <c r="AD9704" s="2" t="s">
        <v>29820</v>
      </c>
      <c r="AE9704" s="1"/>
    </row>
    <row r="9705" spans="1:31" ht="14.45">
      <c r="A9705" s="5"/>
      <c r="B9705" s="21"/>
      <c r="C9705" s="2" t="s">
        <v>29821</v>
      </c>
      <c r="D9705" s="14" t="s">
        <v>29822</v>
      </c>
      <c r="E9705" s="2" t="s">
        <v>29823</v>
      </c>
      <c r="F9705" s="2"/>
      <c r="G9705" s="8">
        <v>402</v>
      </c>
      <c r="H9705" s="5">
        <v>25</v>
      </c>
      <c r="I9705" s="5" t="s">
        <v>69</v>
      </c>
      <c r="J9705" s="5" t="s">
        <v>27074</v>
      </c>
      <c r="K9705" s="2" t="s">
        <v>27075</v>
      </c>
      <c r="L9705" s="5" t="s">
        <v>27074</v>
      </c>
      <c r="M9705" s="2" t="s">
        <v>27075</v>
      </c>
      <c r="N9705" s="5" t="s">
        <v>24254</v>
      </c>
      <c r="O9705" s="5" t="s">
        <v>38</v>
      </c>
      <c r="P9705" s="5" t="s">
        <v>39</v>
      </c>
      <c r="Q9705" s="5" t="s">
        <v>40</v>
      </c>
      <c r="R9705" s="5" t="s">
        <v>25301</v>
      </c>
      <c r="S9705" s="5" t="s">
        <v>40</v>
      </c>
      <c r="T9705" s="5" t="s">
        <v>42</v>
      </c>
      <c r="U9705" s="2">
        <v>13.928000000000001</v>
      </c>
      <c r="V9705" s="2">
        <v>12.077999999999999</v>
      </c>
      <c r="W9705" s="2">
        <v>0.11899999999999999</v>
      </c>
      <c r="X9705" s="2">
        <v>12</v>
      </c>
      <c r="Y9705" s="2">
        <v>62</v>
      </c>
      <c r="Z9705" s="2">
        <v>159.9</v>
      </c>
      <c r="AA9705" s="5">
        <v>8</v>
      </c>
      <c r="AB9705" s="5" t="s">
        <v>43</v>
      </c>
      <c r="AC9705" s="5" t="s">
        <v>44</v>
      </c>
      <c r="AD9705" s="2" t="s">
        <v>29820</v>
      </c>
      <c r="AE9705" s="1"/>
    </row>
    <row r="9706" spans="1:31" ht="14.45">
      <c r="A9706" s="5"/>
      <c r="B9706" s="21"/>
      <c r="C9706" s="2" t="s">
        <v>29824</v>
      </c>
      <c r="D9706" s="14" t="s">
        <v>29825</v>
      </c>
      <c r="E9706" s="2" t="s">
        <v>29826</v>
      </c>
      <c r="F9706" s="2"/>
      <c r="G9706" s="8">
        <v>402</v>
      </c>
      <c r="H9706" s="5">
        <v>25</v>
      </c>
      <c r="I9706" s="5" t="s">
        <v>69</v>
      </c>
      <c r="J9706" s="5" t="s">
        <v>27074</v>
      </c>
      <c r="K9706" s="2" t="s">
        <v>27075</v>
      </c>
      <c r="L9706" s="5" t="s">
        <v>27074</v>
      </c>
      <c r="M9706" s="2" t="s">
        <v>27075</v>
      </c>
      <c r="N9706" s="5" t="s">
        <v>24254</v>
      </c>
      <c r="O9706" s="5" t="s">
        <v>38</v>
      </c>
      <c r="P9706" s="5" t="s">
        <v>39</v>
      </c>
      <c r="Q9706" s="5" t="s">
        <v>40</v>
      </c>
      <c r="R9706" s="5" t="s">
        <v>25301</v>
      </c>
      <c r="S9706" s="5" t="s">
        <v>40</v>
      </c>
      <c r="T9706" s="5" t="s">
        <v>42</v>
      </c>
      <c r="U9706" s="2">
        <v>11.813000000000001</v>
      </c>
      <c r="V9706" s="2">
        <v>9.9939999999999998</v>
      </c>
      <c r="W9706" s="2">
        <v>0.11899999999999999</v>
      </c>
      <c r="X9706" s="2">
        <v>12</v>
      </c>
      <c r="Y9706" s="2">
        <v>62</v>
      </c>
      <c r="Z9706" s="2">
        <v>159.9</v>
      </c>
      <c r="AA9706" s="5">
        <v>8</v>
      </c>
      <c r="AB9706" s="5" t="s">
        <v>43</v>
      </c>
      <c r="AC9706" s="5" t="s">
        <v>44</v>
      </c>
      <c r="AD9706" s="2" t="s">
        <v>29820</v>
      </c>
      <c r="AE9706" s="1"/>
    </row>
    <row r="9707" spans="1:31" ht="14.45">
      <c r="A9707" s="5"/>
      <c r="B9707" s="21"/>
      <c r="C9707" s="2" t="s">
        <v>29827</v>
      </c>
      <c r="D9707" s="14" t="s">
        <v>29828</v>
      </c>
      <c r="E9707" s="2" t="s">
        <v>29829</v>
      </c>
      <c r="F9707" s="2" t="s">
        <v>29652</v>
      </c>
      <c r="G9707" s="8">
        <v>973</v>
      </c>
      <c r="H9707" s="5">
        <v>15</v>
      </c>
      <c r="I9707" s="5" t="s">
        <v>69</v>
      </c>
      <c r="J9707" s="5" t="s">
        <v>27074</v>
      </c>
      <c r="K9707" s="2" t="s">
        <v>27075</v>
      </c>
      <c r="L9707" s="5" t="s">
        <v>27074</v>
      </c>
      <c r="M9707" s="2" t="s">
        <v>27075</v>
      </c>
      <c r="N9707" s="5" t="s">
        <v>24254</v>
      </c>
      <c r="O9707" s="5" t="s">
        <v>38</v>
      </c>
      <c r="P9707" s="5" t="s">
        <v>39</v>
      </c>
      <c r="Q9707" s="5" t="s">
        <v>40</v>
      </c>
      <c r="R9707" s="5" t="s">
        <v>1487</v>
      </c>
      <c r="S9707" s="5"/>
      <c r="T9707" s="5" t="s">
        <v>42</v>
      </c>
      <c r="U9707" s="2">
        <v>0</v>
      </c>
      <c r="V9707" s="2">
        <v>0</v>
      </c>
      <c r="W9707" s="2">
        <v>0</v>
      </c>
      <c r="X9707" s="2">
        <v>0</v>
      </c>
      <c r="Y9707" s="2">
        <v>0</v>
      </c>
      <c r="Z9707" s="2">
        <v>0</v>
      </c>
      <c r="AA9707" s="5"/>
      <c r="AB9707" s="5" t="s">
        <v>43</v>
      </c>
      <c r="AC9707" s="5" t="s">
        <v>44</v>
      </c>
      <c r="AD9707" s="2" t="s">
        <v>29653</v>
      </c>
      <c r="AE9707" s="1"/>
    </row>
    <row r="9708" spans="1:31" ht="14.45">
      <c r="A9708" s="5"/>
      <c r="B9708" s="21"/>
      <c r="C9708" s="2" t="s">
        <v>29830</v>
      </c>
      <c r="D9708" s="14" t="s">
        <v>29831</v>
      </c>
      <c r="E9708" s="2" t="s">
        <v>29832</v>
      </c>
      <c r="F9708" s="2" t="s">
        <v>29652</v>
      </c>
      <c r="G9708" s="8">
        <v>973</v>
      </c>
      <c r="H9708" s="5">
        <v>15</v>
      </c>
      <c r="I9708" s="5" t="s">
        <v>69</v>
      </c>
      <c r="J9708" s="5" t="s">
        <v>27074</v>
      </c>
      <c r="K9708" s="2" t="s">
        <v>27075</v>
      </c>
      <c r="L9708" s="5" t="s">
        <v>27074</v>
      </c>
      <c r="M9708" s="2" t="s">
        <v>27075</v>
      </c>
      <c r="N9708" s="5" t="s">
        <v>24254</v>
      </c>
      <c r="O9708" s="5" t="s">
        <v>38</v>
      </c>
      <c r="P9708" s="5" t="s">
        <v>39</v>
      </c>
      <c r="Q9708" s="5" t="s">
        <v>40</v>
      </c>
      <c r="R9708" s="5" t="s">
        <v>1487</v>
      </c>
      <c r="S9708" s="5"/>
      <c r="T9708" s="5" t="s">
        <v>42</v>
      </c>
      <c r="U9708" s="2">
        <v>0</v>
      </c>
      <c r="V9708" s="2">
        <v>0</v>
      </c>
      <c r="W9708" s="2">
        <v>0</v>
      </c>
      <c r="X9708" s="2">
        <v>0</v>
      </c>
      <c r="Y9708" s="2">
        <v>0</v>
      </c>
      <c r="Z9708" s="2">
        <v>0</v>
      </c>
      <c r="AA9708" s="5"/>
      <c r="AB9708" s="5" t="s">
        <v>43</v>
      </c>
      <c r="AC9708" s="5" t="s">
        <v>44</v>
      </c>
      <c r="AD9708" s="2" t="s">
        <v>29657</v>
      </c>
      <c r="AE9708" s="1"/>
    </row>
    <row r="9709" spans="1:31" ht="14.45">
      <c r="A9709" s="5"/>
      <c r="B9709" s="21"/>
      <c r="C9709" s="2" t="s">
        <v>29833</v>
      </c>
      <c r="D9709" s="14" t="s">
        <v>29834</v>
      </c>
      <c r="E9709" s="2" t="s">
        <v>29835</v>
      </c>
      <c r="F9709" s="2" t="s">
        <v>29652</v>
      </c>
      <c r="G9709" s="8">
        <v>1627</v>
      </c>
      <c r="H9709" s="5">
        <v>15</v>
      </c>
      <c r="I9709" s="5" t="s">
        <v>69</v>
      </c>
      <c r="J9709" s="5" t="s">
        <v>27074</v>
      </c>
      <c r="K9709" s="2" t="s">
        <v>27075</v>
      </c>
      <c r="L9709" s="5" t="s">
        <v>27074</v>
      </c>
      <c r="M9709" s="2" t="s">
        <v>27075</v>
      </c>
      <c r="N9709" s="5" t="s">
        <v>24254</v>
      </c>
      <c r="O9709" s="5" t="s">
        <v>38</v>
      </c>
      <c r="P9709" s="5" t="s">
        <v>39</v>
      </c>
      <c r="Q9709" s="5" t="s">
        <v>40</v>
      </c>
      <c r="R9709" s="5" t="s">
        <v>1487</v>
      </c>
      <c r="S9709" s="5"/>
      <c r="T9709" s="5" t="s">
        <v>42</v>
      </c>
      <c r="U9709" s="2">
        <v>0</v>
      </c>
      <c r="V9709" s="2">
        <v>0</v>
      </c>
      <c r="W9709" s="2">
        <v>0</v>
      </c>
      <c r="X9709" s="2">
        <v>0</v>
      </c>
      <c r="Y9709" s="2">
        <v>0</v>
      </c>
      <c r="Z9709" s="2">
        <v>0</v>
      </c>
      <c r="AA9709" s="5"/>
      <c r="AB9709" s="5" t="s">
        <v>43</v>
      </c>
      <c r="AC9709" s="5" t="s">
        <v>44</v>
      </c>
      <c r="AD9709" s="2" t="s">
        <v>29661</v>
      </c>
      <c r="AE9709" s="1"/>
    </row>
    <row r="9710" spans="1:31" ht="14.45">
      <c r="A9710" s="5"/>
      <c r="B9710" s="21"/>
      <c r="C9710" s="2" t="s">
        <v>29836</v>
      </c>
      <c r="D9710" s="14" t="s">
        <v>29837</v>
      </c>
      <c r="E9710" s="2" t="s">
        <v>29838</v>
      </c>
      <c r="F9710" s="2" t="s">
        <v>29652</v>
      </c>
      <c r="G9710" s="8">
        <v>1627</v>
      </c>
      <c r="H9710" s="5">
        <v>15</v>
      </c>
      <c r="I9710" s="5" t="s">
        <v>69</v>
      </c>
      <c r="J9710" s="5" t="s">
        <v>27074</v>
      </c>
      <c r="K9710" s="2" t="s">
        <v>27075</v>
      </c>
      <c r="L9710" s="5" t="s">
        <v>27074</v>
      </c>
      <c r="M9710" s="2" t="s">
        <v>27075</v>
      </c>
      <c r="N9710" s="5" t="s">
        <v>24254</v>
      </c>
      <c r="O9710" s="5" t="s">
        <v>38</v>
      </c>
      <c r="P9710" s="5" t="s">
        <v>39</v>
      </c>
      <c r="Q9710" s="5" t="s">
        <v>40</v>
      </c>
      <c r="R9710" s="5" t="s">
        <v>1487</v>
      </c>
      <c r="S9710" s="5"/>
      <c r="T9710" s="5" t="s">
        <v>42</v>
      </c>
      <c r="U9710" s="2">
        <v>0</v>
      </c>
      <c r="V9710" s="2">
        <v>0</v>
      </c>
      <c r="W9710" s="2">
        <v>0</v>
      </c>
      <c r="X9710" s="2">
        <v>0</v>
      </c>
      <c r="Y9710" s="2">
        <v>0</v>
      </c>
      <c r="Z9710" s="2">
        <v>0</v>
      </c>
      <c r="AA9710" s="5"/>
      <c r="AB9710" s="5" t="s">
        <v>43</v>
      </c>
      <c r="AC9710" s="5" t="s">
        <v>44</v>
      </c>
      <c r="AD9710" s="2" t="s">
        <v>29665</v>
      </c>
      <c r="AE9710" s="1"/>
    </row>
    <row r="9711" spans="1:31" ht="14.45">
      <c r="A9711" s="5"/>
      <c r="B9711" s="21"/>
      <c r="C9711" s="2" t="s">
        <v>29839</v>
      </c>
      <c r="D9711" s="14" t="s">
        <v>29840</v>
      </c>
      <c r="E9711" s="2" t="s">
        <v>29841</v>
      </c>
      <c r="F9711" s="2"/>
      <c r="G9711" s="8">
        <v>258</v>
      </c>
      <c r="H9711" s="5">
        <v>5</v>
      </c>
      <c r="I9711" s="5" t="s">
        <v>69</v>
      </c>
      <c r="J9711" s="5" t="s">
        <v>27074</v>
      </c>
      <c r="K9711" s="2" t="s">
        <v>27075</v>
      </c>
      <c r="L9711" s="5" t="s">
        <v>27074</v>
      </c>
      <c r="M9711" s="2" t="s">
        <v>27075</v>
      </c>
      <c r="N9711" s="5" t="s">
        <v>24254</v>
      </c>
      <c r="O9711" s="5" t="s">
        <v>38</v>
      </c>
      <c r="P9711" s="5" t="s">
        <v>39</v>
      </c>
      <c r="Q9711" s="5" t="s">
        <v>40</v>
      </c>
      <c r="R9711" s="5" t="s">
        <v>24335</v>
      </c>
      <c r="S9711" s="5" t="s">
        <v>40</v>
      </c>
      <c r="T9711" s="5" t="s">
        <v>42</v>
      </c>
      <c r="U9711" s="2">
        <v>12.97</v>
      </c>
      <c r="V9711" s="2">
        <v>10.217000000000001</v>
      </c>
      <c r="W9711" s="2">
        <v>0.14899999999999999</v>
      </c>
      <c r="X9711" s="2">
        <v>12</v>
      </c>
      <c r="Y9711" s="2">
        <v>62</v>
      </c>
      <c r="Z9711" s="2">
        <v>199.7</v>
      </c>
      <c r="AA9711" s="5">
        <v>8</v>
      </c>
      <c r="AB9711" s="5" t="s">
        <v>43</v>
      </c>
      <c r="AC9711" s="5" t="s">
        <v>44</v>
      </c>
      <c r="AD9711" s="2" t="s">
        <v>29611</v>
      </c>
      <c r="AE9711" s="1"/>
    </row>
    <row r="9712" spans="1:31" ht="14.45">
      <c r="A9712" s="5"/>
      <c r="B9712" s="21"/>
      <c r="C9712" s="2" t="s">
        <v>29842</v>
      </c>
      <c r="D9712" s="14" t="s">
        <v>29843</v>
      </c>
      <c r="E9712" s="2" t="s">
        <v>29844</v>
      </c>
      <c r="F9712" s="2"/>
      <c r="G9712" s="8">
        <v>258</v>
      </c>
      <c r="H9712" s="5">
        <v>5</v>
      </c>
      <c r="I9712" s="5" t="s">
        <v>69</v>
      </c>
      <c r="J9712" s="5" t="s">
        <v>27074</v>
      </c>
      <c r="K9712" s="2" t="s">
        <v>27075</v>
      </c>
      <c r="L9712" s="5" t="s">
        <v>27074</v>
      </c>
      <c r="M9712" s="2" t="s">
        <v>27075</v>
      </c>
      <c r="N9712" s="5" t="s">
        <v>24254</v>
      </c>
      <c r="O9712" s="5" t="s">
        <v>38</v>
      </c>
      <c r="P9712" s="5" t="s">
        <v>39</v>
      </c>
      <c r="Q9712" s="5" t="s">
        <v>40</v>
      </c>
      <c r="R9712" s="5" t="s">
        <v>24335</v>
      </c>
      <c r="S9712" s="5" t="s">
        <v>40</v>
      </c>
      <c r="T9712" s="5" t="s">
        <v>42</v>
      </c>
      <c r="U9712" s="2">
        <v>11.162000000000001</v>
      </c>
      <c r="V9712" s="2">
        <v>8.41</v>
      </c>
      <c r="W9712" s="2">
        <v>0.14899999999999999</v>
      </c>
      <c r="X9712" s="2">
        <v>12</v>
      </c>
      <c r="Y9712" s="2">
        <v>62</v>
      </c>
      <c r="Z9712" s="2">
        <v>199.7</v>
      </c>
      <c r="AA9712" s="5">
        <v>8</v>
      </c>
      <c r="AB9712" s="5" t="s">
        <v>43</v>
      </c>
      <c r="AC9712" s="5" t="s">
        <v>44</v>
      </c>
      <c r="AD9712" s="2" t="s">
        <v>29611</v>
      </c>
      <c r="AE9712" s="1"/>
    </row>
    <row r="9713" spans="1:31" ht="14.45">
      <c r="A9713" s="5"/>
      <c r="B9713" s="21"/>
      <c r="C9713" s="2" t="s">
        <v>29845</v>
      </c>
      <c r="D9713" s="14" t="s">
        <v>29846</v>
      </c>
      <c r="E9713" s="2" t="s">
        <v>29847</v>
      </c>
      <c r="F9713" s="2"/>
      <c r="G9713" s="8">
        <v>258</v>
      </c>
      <c r="H9713" s="5">
        <v>5</v>
      </c>
      <c r="I9713" s="5" t="s">
        <v>69</v>
      </c>
      <c r="J9713" s="5" t="s">
        <v>27074</v>
      </c>
      <c r="K9713" s="2" t="s">
        <v>27075</v>
      </c>
      <c r="L9713" s="5" t="s">
        <v>27074</v>
      </c>
      <c r="M9713" s="2" t="s">
        <v>27075</v>
      </c>
      <c r="N9713" s="5" t="s">
        <v>24254</v>
      </c>
      <c r="O9713" s="5" t="s">
        <v>38</v>
      </c>
      <c r="P9713" s="5" t="s">
        <v>39</v>
      </c>
      <c r="Q9713" s="5" t="s">
        <v>40</v>
      </c>
      <c r="R9713" s="5" t="s">
        <v>24335</v>
      </c>
      <c r="S9713" s="5" t="s">
        <v>40</v>
      </c>
      <c r="T9713" s="5" t="s">
        <v>42</v>
      </c>
      <c r="U9713" s="2">
        <v>9.8420000000000005</v>
      </c>
      <c r="V9713" s="2">
        <v>7.1130000000000004</v>
      </c>
      <c r="W9713" s="2">
        <v>0.14899999999999999</v>
      </c>
      <c r="X9713" s="2">
        <v>12</v>
      </c>
      <c r="Y9713" s="2">
        <v>62</v>
      </c>
      <c r="Z9713" s="2">
        <v>199.7</v>
      </c>
      <c r="AA9713" s="5">
        <v>8</v>
      </c>
      <c r="AB9713" s="5" t="s">
        <v>43</v>
      </c>
      <c r="AC9713" s="5" t="s">
        <v>44</v>
      </c>
      <c r="AD9713" s="2" t="s">
        <v>29611</v>
      </c>
      <c r="AE9713" s="1"/>
    </row>
    <row r="9714" spans="1:31" ht="14.45">
      <c r="A9714" s="5"/>
      <c r="B9714" s="21"/>
      <c r="C9714" s="2" t="s">
        <v>29848</v>
      </c>
      <c r="D9714" s="14" t="s">
        <v>29849</v>
      </c>
      <c r="E9714" s="2" t="s">
        <v>29850</v>
      </c>
      <c r="F9714" s="2"/>
      <c r="G9714" s="8">
        <v>258</v>
      </c>
      <c r="H9714" s="5">
        <v>25</v>
      </c>
      <c r="I9714" s="5" t="s">
        <v>69</v>
      </c>
      <c r="J9714" s="5" t="s">
        <v>27074</v>
      </c>
      <c r="K9714" s="2" t="s">
        <v>27075</v>
      </c>
      <c r="L9714" s="5" t="s">
        <v>27074</v>
      </c>
      <c r="M9714" s="2" t="s">
        <v>27075</v>
      </c>
      <c r="N9714" s="5" t="s">
        <v>24254</v>
      </c>
      <c r="O9714" s="5" t="s">
        <v>38</v>
      </c>
      <c r="P9714" s="5" t="s">
        <v>39</v>
      </c>
      <c r="Q9714" s="5" t="s">
        <v>40</v>
      </c>
      <c r="R9714" s="5" t="s">
        <v>24335</v>
      </c>
      <c r="S9714" s="5" t="s">
        <v>40</v>
      </c>
      <c r="T9714" s="5" t="s">
        <v>42</v>
      </c>
      <c r="U9714" s="2">
        <v>9.625</v>
      </c>
      <c r="V9714" s="2">
        <v>6.907</v>
      </c>
      <c r="W9714" s="2">
        <v>0.14899999999999999</v>
      </c>
      <c r="X9714" s="2">
        <v>12</v>
      </c>
      <c r="Y9714" s="2">
        <v>62</v>
      </c>
      <c r="Z9714" s="2">
        <v>199.7</v>
      </c>
      <c r="AA9714" s="5">
        <v>10</v>
      </c>
      <c r="AB9714" s="5" t="s">
        <v>43</v>
      </c>
      <c r="AC9714" s="5" t="s">
        <v>44</v>
      </c>
      <c r="AD9714" s="2" t="s">
        <v>29621</v>
      </c>
      <c r="AE9714" s="1"/>
    </row>
    <row r="9715" spans="1:31" ht="14.45">
      <c r="A9715" s="5"/>
      <c r="B9715" s="21"/>
      <c r="C9715" s="2" t="s">
        <v>29851</v>
      </c>
      <c r="D9715" s="14" t="s">
        <v>29852</v>
      </c>
      <c r="E9715" s="2" t="s">
        <v>29853</v>
      </c>
      <c r="F9715" s="2"/>
      <c r="G9715" s="8">
        <v>258</v>
      </c>
      <c r="H9715" s="5">
        <v>25</v>
      </c>
      <c r="I9715" s="5" t="s">
        <v>69</v>
      </c>
      <c r="J9715" s="5" t="s">
        <v>27074</v>
      </c>
      <c r="K9715" s="2" t="s">
        <v>27075</v>
      </c>
      <c r="L9715" s="5" t="s">
        <v>27074</v>
      </c>
      <c r="M9715" s="2" t="s">
        <v>27075</v>
      </c>
      <c r="N9715" s="5" t="s">
        <v>24254</v>
      </c>
      <c r="O9715" s="5" t="s">
        <v>38</v>
      </c>
      <c r="P9715" s="5" t="s">
        <v>39</v>
      </c>
      <c r="Q9715" s="5" t="s">
        <v>40</v>
      </c>
      <c r="R9715" s="5" t="s">
        <v>24335</v>
      </c>
      <c r="S9715" s="5" t="s">
        <v>40</v>
      </c>
      <c r="T9715" s="5" t="s">
        <v>42</v>
      </c>
      <c r="U9715" s="2">
        <v>7.9690000000000003</v>
      </c>
      <c r="V9715" s="2">
        <v>5.2510000000000003</v>
      </c>
      <c r="W9715" s="2">
        <v>0.14899999999999999</v>
      </c>
      <c r="X9715" s="2">
        <v>12</v>
      </c>
      <c r="Y9715" s="2">
        <v>62</v>
      </c>
      <c r="Z9715" s="2">
        <v>199.7</v>
      </c>
      <c r="AA9715" s="5">
        <v>10</v>
      </c>
      <c r="AB9715" s="5" t="s">
        <v>43</v>
      </c>
      <c r="AC9715" s="5" t="s">
        <v>44</v>
      </c>
      <c r="AD9715" s="2" t="s">
        <v>29625</v>
      </c>
      <c r="AE9715" s="1"/>
    </row>
    <row r="9716" spans="1:31" ht="14.45">
      <c r="A9716" s="5"/>
      <c r="B9716" s="21"/>
      <c r="C9716" s="2" t="s">
        <v>29854</v>
      </c>
      <c r="D9716" s="14" t="s">
        <v>29855</v>
      </c>
      <c r="E9716" s="2" t="s">
        <v>29856</v>
      </c>
      <c r="F9716" s="2"/>
      <c r="G9716" s="8">
        <v>258</v>
      </c>
      <c r="H9716" s="5">
        <v>25</v>
      </c>
      <c r="I9716" s="5" t="s">
        <v>69</v>
      </c>
      <c r="J9716" s="5" t="s">
        <v>27074</v>
      </c>
      <c r="K9716" s="2" t="s">
        <v>27075</v>
      </c>
      <c r="L9716" s="5" t="s">
        <v>27074</v>
      </c>
      <c r="M9716" s="2" t="s">
        <v>27075</v>
      </c>
      <c r="N9716" s="5" t="s">
        <v>24254</v>
      </c>
      <c r="O9716" s="5" t="s">
        <v>38</v>
      </c>
      <c r="P9716" s="5" t="s">
        <v>39</v>
      </c>
      <c r="Q9716" s="5" t="s">
        <v>40</v>
      </c>
      <c r="R9716" s="5" t="s">
        <v>24335</v>
      </c>
      <c r="S9716" s="5" t="s">
        <v>40</v>
      </c>
      <c r="T9716" s="5" t="s">
        <v>42</v>
      </c>
      <c r="U9716" s="2">
        <v>8.4770000000000003</v>
      </c>
      <c r="V9716" s="2">
        <v>5.7590000000000003</v>
      </c>
      <c r="W9716" s="2">
        <v>0.14899999999999999</v>
      </c>
      <c r="X9716" s="2">
        <v>12</v>
      </c>
      <c r="Y9716" s="2">
        <v>62</v>
      </c>
      <c r="Z9716" s="2">
        <v>199.7</v>
      </c>
      <c r="AA9716" s="5">
        <v>10</v>
      </c>
      <c r="AB9716" s="5" t="s">
        <v>43</v>
      </c>
      <c r="AC9716" s="5" t="s">
        <v>44</v>
      </c>
      <c r="AD9716" s="2" t="s">
        <v>29629</v>
      </c>
      <c r="AE9716" s="1"/>
    </row>
    <row r="9717" spans="1:31" ht="14.45">
      <c r="A9717" s="5"/>
      <c r="B9717" s="21"/>
      <c r="C9717" s="2" t="s">
        <v>29857</v>
      </c>
      <c r="D9717" s="14" t="s">
        <v>29858</v>
      </c>
      <c r="E9717" s="2" t="s">
        <v>29859</v>
      </c>
      <c r="F9717" s="2"/>
      <c r="G9717" s="8">
        <v>258</v>
      </c>
      <c r="H9717" s="5">
        <v>25</v>
      </c>
      <c r="I9717" s="5" t="s">
        <v>69</v>
      </c>
      <c r="J9717" s="5" t="s">
        <v>27074</v>
      </c>
      <c r="K9717" s="2" t="s">
        <v>27075</v>
      </c>
      <c r="L9717" s="5" t="s">
        <v>27074</v>
      </c>
      <c r="M9717" s="2" t="s">
        <v>27075</v>
      </c>
      <c r="N9717" s="5" t="s">
        <v>24254</v>
      </c>
      <c r="O9717" s="5" t="s">
        <v>38</v>
      </c>
      <c r="P9717" s="5" t="s">
        <v>39</v>
      </c>
      <c r="Q9717" s="5" t="s">
        <v>40</v>
      </c>
      <c r="R9717" s="5" t="s">
        <v>24335</v>
      </c>
      <c r="S9717" s="5" t="s">
        <v>40</v>
      </c>
      <c r="T9717" s="5" t="s">
        <v>42</v>
      </c>
      <c r="U9717" s="2">
        <v>9.2070000000000007</v>
      </c>
      <c r="V9717" s="2">
        <v>6.4889999999999999</v>
      </c>
      <c r="W9717" s="2">
        <v>0.14899999999999999</v>
      </c>
      <c r="X9717" s="2">
        <v>12</v>
      </c>
      <c r="Y9717" s="2">
        <v>62</v>
      </c>
      <c r="Z9717" s="2">
        <v>199.7</v>
      </c>
      <c r="AA9717" s="5">
        <v>10</v>
      </c>
      <c r="AB9717" s="5" t="s">
        <v>43</v>
      </c>
      <c r="AC9717" s="5" t="s">
        <v>44</v>
      </c>
      <c r="AD9717" s="2" t="s">
        <v>29625</v>
      </c>
      <c r="AE9717" s="1"/>
    </row>
    <row r="9718" spans="1:31" ht="14.45">
      <c r="A9718" s="5"/>
      <c r="B9718" s="21"/>
      <c r="C9718" s="2" t="s">
        <v>29860</v>
      </c>
      <c r="D9718" s="14" t="s">
        <v>29861</v>
      </c>
      <c r="E9718" s="2" t="s">
        <v>29862</v>
      </c>
      <c r="F9718" s="2" t="s">
        <v>29636</v>
      </c>
      <c r="G9718" s="8">
        <v>516</v>
      </c>
      <c r="H9718" s="5">
        <v>5</v>
      </c>
      <c r="I9718" s="5" t="s">
        <v>69</v>
      </c>
      <c r="J9718" s="5" t="s">
        <v>27074</v>
      </c>
      <c r="K9718" s="2" t="s">
        <v>27075</v>
      </c>
      <c r="L9718" s="5" t="s">
        <v>27074</v>
      </c>
      <c r="M9718" s="2" t="s">
        <v>27075</v>
      </c>
      <c r="N9718" s="5" t="s">
        <v>24254</v>
      </c>
      <c r="O9718" s="5" t="s">
        <v>38</v>
      </c>
      <c r="P9718" s="5" t="s">
        <v>39</v>
      </c>
      <c r="Q9718" s="5" t="s">
        <v>40</v>
      </c>
      <c r="R9718" s="5" t="s">
        <v>1487</v>
      </c>
      <c r="S9718" s="5"/>
      <c r="T9718" s="5" t="s">
        <v>42</v>
      </c>
      <c r="U9718" s="2">
        <v>0</v>
      </c>
      <c r="V9718" s="2">
        <v>0</v>
      </c>
      <c r="W9718" s="2">
        <v>0</v>
      </c>
      <c r="X9718" s="2">
        <v>0</v>
      </c>
      <c r="Y9718" s="2">
        <v>0</v>
      </c>
      <c r="Z9718" s="2">
        <v>0</v>
      </c>
      <c r="AA9718" s="5"/>
      <c r="AB9718" s="5" t="s">
        <v>43</v>
      </c>
      <c r="AC9718" s="5" t="s">
        <v>44</v>
      </c>
      <c r="AD9718" s="2" t="s">
        <v>29637</v>
      </c>
      <c r="AE9718" s="1"/>
    </row>
    <row r="9719" spans="1:31" ht="14.45">
      <c r="A9719" s="5"/>
      <c r="B9719" s="21"/>
      <c r="C9719" s="2" t="s">
        <v>29863</v>
      </c>
      <c r="D9719" s="14" t="s">
        <v>29864</v>
      </c>
      <c r="E9719" s="2" t="s">
        <v>29865</v>
      </c>
      <c r="F9719" s="2"/>
      <c r="G9719" s="8">
        <v>409</v>
      </c>
      <c r="H9719" s="5">
        <v>25</v>
      </c>
      <c r="I9719" s="5" t="s">
        <v>69</v>
      </c>
      <c r="J9719" s="5" t="s">
        <v>27074</v>
      </c>
      <c r="K9719" s="2" t="s">
        <v>27075</v>
      </c>
      <c r="L9719" s="5" t="s">
        <v>27074</v>
      </c>
      <c r="M9719" s="2" t="s">
        <v>27075</v>
      </c>
      <c r="N9719" s="5" t="s">
        <v>24254</v>
      </c>
      <c r="O9719" s="5" t="s">
        <v>38</v>
      </c>
      <c r="P9719" s="5" t="s">
        <v>39</v>
      </c>
      <c r="Q9719" s="5" t="s">
        <v>40</v>
      </c>
      <c r="R9719" s="5" t="s">
        <v>24340</v>
      </c>
      <c r="S9719" s="5" t="s">
        <v>40</v>
      </c>
      <c r="T9719" s="5" t="s">
        <v>42</v>
      </c>
      <c r="U9719" s="2">
        <v>19.945</v>
      </c>
      <c r="V9719" s="2">
        <v>17.192</v>
      </c>
      <c r="W9719" s="2">
        <v>0.14899999999999999</v>
      </c>
      <c r="X9719" s="2">
        <v>12</v>
      </c>
      <c r="Y9719" s="2">
        <v>62</v>
      </c>
      <c r="Z9719" s="2">
        <v>199.7</v>
      </c>
      <c r="AA9719" s="5">
        <v>8</v>
      </c>
      <c r="AB9719" s="5" t="s">
        <v>43</v>
      </c>
      <c r="AC9719" s="5" t="s">
        <v>44</v>
      </c>
      <c r="AD9719" s="2" t="s">
        <v>29641</v>
      </c>
      <c r="AE9719" s="1"/>
    </row>
    <row r="9720" spans="1:31" ht="14.45">
      <c r="A9720" s="5"/>
      <c r="B9720" s="21"/>
      <c r="C9720" s="2" t="s">
        <v>29866</v>
      </c>
      <c r="D9720" s="14" t="s">
        <v>29867</v>
      </c>
      <c r="E9720" s="2" t="s">
        <v>29868</v>
      </c>
      <c r="F9720" s="2"/>
      <c r="G9720" s="8">
        <v>409</v>
      </c>
      <c r="H9720" s="5">
        <v>25</v>
      </c>
      <c r="I9720" s="5" t="s">
        <v>69</v>
      </c>
      <c r="J9720" s="5" t="s">
        <v>27074</v>
      </c>
      <c r="K9720" s="2" t="s">
        <v>27075</v>
      </c>
      <c r="L9720" s="5" t="s">
        <v>27074</v>
      </c>
      <c r="M9720" s="2" t="s">
        <v>27075</v>
      </c>
      <c r="N9720" s="5" t="s">
        <v>24254</v>
      </c>
      <c r="O9720" s="5" t="s">
        <v>38</v>
      </c>
      <c r="P9720" s="5" t="s">
        <v>39</v>
      </c>
      <c r="Q9720" s="5" t="s">
        <v>40</v>
      </c>
      <c r="R9720" s="5" t="s">
        <v>24340</v>
      </c>
      <c r="S9720" s="5" t="s">
        <v>40</v>
      </c>
      <c r="T9720" s="5" t="s">
        <v>42</v>
      </c>
      <c r="U9720" s="2">
        <v>16.978000000000002</v>
      </c>
      <c r="V9720" s="2">
        <v>14.226000000000001</v>
      </c>
      <c r="W9720" s="2">
        <v>0.14899999999999999</v>
      </c>
      <c r="X9720" s="2">
        <v>12</v>
      </c>
      <c r="Y9720" s="2">
        <v>62</v>
      </c>
      <c r="Z9720" s="2">
        <v>199.7</v>
      </c>
      <c r="AA9720" s="5">
        <v>8</v>
      </c>
      <c r="AB9720" s="5" t="s">
        <v>43</v>
      </c>
      <c r="AC9720" s="5" t="s">
        <v>44</v>
      </c>
      <c r="AD9720" s="2" t="s">
        <v>29641</v>
      </c>
      <c r="AE9720" s="1"/>
    </row>
    <row r="9721" spans="1:31" ht="14.45">
      <c r="A9721" s="5"/>
      <c r="B9721" s="21"/>
      <c r="C9721" s="2" t="s">
        <v>29869</v>
      </c>
      <c r="D9721" s="14" t="s">
        <v>29870</v>
      </c>
      <c r="E9721" s="2" t="s">
        <v>29871</v>
      </c>
      <c r="F9721" s="2"/>
      <c r="G9721" s="8">
        <v>409</v>
      </c>
      <c r="H9721" s="5">
        <v>25</v>
      </c>
      <c r="I9721" s="5" t="s">
        <v>69</v>
      </c>
      <c r="J9721" s="5" t="s">
        <v>27074</v>
      </c>
      <c r="K9721" s="2" t="s">
        <v>27075</v>
      </c>
      <c r="L9721" s="5" t="s">
        <v>27074</v>
      </c>
      <c r="M9721" s="2" t="s">
        <v>27075</v>
      </c>
      <c r="N9721" s="5" t="s">
        <v>24254</v>
      </c>
      <c r="O9721" s="5" t="s">
        <v>38</v>
      </c>
      <c r="P9721" s="5" t="s">
        <v>39</v>
      </c>
      <c r="Q9721" s="5" t="s">
        <v>40</v>
      </c>
      <c r="R9721" s="5" t="s">
        <v>24340</v>
      </c>
      <c r="S9721" s="5" t="s">
        <v>40</v>
      </c>
      <c r="T9721" s="5" t="s">
        <v>42</v>
      </c>
      <c r="U9721" s="2">
        <v>14.196999999999999</v>
      </c>
      <c r="V9721" s="2">
        <v>11.476000000000001</v>
      </c>
      <c r="W9721" s="2">
        <v>0.14899999999999999</v>
      </c>
      <c r="X9721" s="2">
        <v>12</v>
      </c>
      <c r="Y9721" s="2">
        <v>62</v>
      </c>
      <c r="Z9721" s="2">
        <v>199.7</v>
      </c>
      <c r="AA9721" s="5">
        <v>8</v>
      </c>
      <c r="AB9721" s="5" t="s">
        <v>43</v>
      </c>
      <c r="AC9721" s="5" t="s">
        <v>44</v>
      </c>
      <c r="AD9721" s="2" t="s">
        <v>29641</v>
      </c>
      <c r="AE9721" s="1"/>
    </row>
    <row r="9722" spans="1:31" ht="14.45">
      <c r="A9722" s="5"/>
      <c r="B9722" s="21"/>
      <c r="C9722" s="2" t="s">
        <v>29872</v>
      </c>
      <c r="D9722" s="14" t="s">
        <v>29873</v>
      </c>
      <c r="E9722" s="2" t="s">
        <v>29874</v>
      </c>
      <c r="F9722" s="2" t="s">
        <v>29652</v>
      </c>
      <c r="G9722" s="8">
        <v>989</v>
      </c>
      <c r="H9722" s="5">
        <v>15</v>
      </c>
      <c r="I9722" s="5" t="s">
        <v>69</v>
      </c>
      <c r="J9722" s="5" t="s">
        <v>27074</v>
      </c>
      <c r="K9722" s="2" t="s">
        <v>27075</v>
      </c>
      <c r="L9722" s="5" t="s">
        <v>27074</v>
      </c>
      <c r="M9722" s="2" t="s">
        <v>27075</v>
      </c>
      <c r="N9722" s="5" t="s">
        <v>24254</v>
      </c>
      <c r="O9722" s="5" t="s">
        <v>38</v>
      </c>
      <c r="P9722" s="5" t="s">
        <v>39</v>
      </c>
      <c r="Q9722" s="5" t="s">
        <v>40</v>
      </c>
      <c r="R9722" s="5" t="s">
        <v>1487</v>
      </c>
      <c r="S9722" s="5"/>
      <c r="T9722" s="5" t="s">
        <v>42</v>
      </c>
      <c r="U9722" s="2">
        <v>0</v>
      </c>
      <c r="V9722" s="2">
        <v>0</v>
      </c>
      <c r="W9722" s="2">
        <v>0</v>
      </c>
      <c r="X9722" s="2">
        <v>0</v>
      </c>
      <c r="Y9722" s="2">
        <v>0</v>
      </c>
      <c r="Z9722" s="2">
        <v>0</v>
      </c>
      <c r="AA9722" s="5"/>
      <c r="AB9722" s="5" t="s">
        <v>43</v>
      </c>
      <c r="AC9722" s="5" t="s">
        <v>44</v>
      </c>
      <c r="AD9722" s="2" t="s">
        <v>29653</v>
      </c>
      <c r="AE9722" s="1"/>
    </row>
    <row r="9723" spans="1:31" ht="14.45">
      <c r="A9723" s="5"/>
      <c r="B9723" s="21"/>
      <c r="C9723" s="2" t="s">
        <v>29875</v>
      </c>
      <c r="D9723" s="14" t="s">
        <v>29876</v>
      </c>
      <c r="E9723" s="2" t="s">
        <v>29877</v>
      </c>
      <c r="F9723" s="2" t="s">
        <v>29652</v>
      </c>
      <c r="G9723" s="8">
        <v>989</v>
      </c>
      <c r="H9723" s="5">
        <v>15</v>
      </c>
      <c r="I9723" s="5" t="s">
        <v>69</v>
      </c>
      <c r="J9723" s="5" t="s">
        <v>27074</v>
      </c>
      <c r="K9723" s="2" t="s">
        <v>27075</v>
      </c>
      <c r="L9723" s="5" t="s">
        <v>27074</v>
      </c>
      <c r="M9723" s="2" t="s">
        <v>27075</v>
      </c>
      <c r="N9723" s="5" t="s">
        <v>24254</v>
      </c>
      <c r="O9723" s="5" t="s">
        <v>38</v>
      </c>
      <c r="P9723" s="5" t="s">
        <v>39</v>
      </c>
      <c r="Q9723" s="5" t="s">
        <v>40</v>
      </c>
      <c r="R9723" s="5" t="s">
        <v>1487</v>
      </c>
      <c r="S9723" s="5"/>
      <c r="T9723" s="5" t="s">
        <v>42</v>
      </c>
      <c r="U9723" s="2">
        <v>0</v>
      </c>
      <c r="V9723" s="2">
        <v>0</v>
      </c>
      <c r="W9723" s="2">
        <v>0</v>
      </c>
      <c r="X9723" s="2">
        <v>0</v>
      </c>
      <c r="Y9723" s="2">
        <v>0</v>
      </c>
      <c r="Z9723" s="2">
        <v>0</v>
      </c>
      <c r="AA9723" s="5"/>
      <c r="AB9723" s="5" t="s">
        <v>43</v>
      </c>
      <c r="AC9723" s="5" t="s">
        <v>44</v>
      </c>
      <c r="AD9723" s="2" t="s">
        <v>29657</v>
      </c>
      <c r="AE9723" s="1"/>
    </row>
    <row r="9724" spans="1:31" ht="14.45">
      <c r="A9724" s="5"/>
      <c r="B9724" s="21"/>
      <c r="C9724" s="2" t="s">
        <v>29878</v>
      </c>
      <c r="D9724" s="14" t="s">
        <v>29879</v>
      </c>
      <c r="E9724" s="2" t="s">
        <v>29880</v>
      </c>
      <c r="F9724" s="2" t="s">
        <v>29652</v>
      </c>
      <c r="G9724" s="8">
        <v>1652</v>
      </c>
      <c r="H9724" s="5">
        <v>15</v>
      </c>
      <c r="I9724" s="5" t="s">
        <v>69</v>
      </c>
      <c r="J9724" s="5" t="s">
        <v>27074</v>
      </c>
      <c r="K9724" s="2" t="s">
        <v>27075</v>
      </c>
      <c r="L9724" s="5" t="s">
        <v>27074</v>
      </c>
      <c r="M9724" s="2" t="s">
        <v>27075</v>
      </c>
      <c r="N9724" s="5" t="s">
        <v>24254</v>
      </c>
      <c r="O9724" s="5" t="s">
        <v>38</v>
      </c>
      <c r="P9724" s="5" t="s">
        <v>39</v>
      </c>
      <c r="Q9724" s="5" t="s">
        <v>40</v>
      </c>
      <c r="R9724" s="5" t="s">
        <v>1487</v>
      </c>
      <c r="S9724" s="5"/>
      <c r="T9724" s="5" t="s">
        <v>42</v>
      </c>
      <c r="U9724" s="2">
        <v>0</v>
      </c>
      <c r="V9724" s="2">
        <v>0</v>
      </c>
      <c r="W9724" s="2">
        <v>0</v>
      </c>
      <c r="X9724" s="2">
        <v>0</v>
      </c>
      <c r="Y9724" s="2">
        <v>0</v>
      </c>
      <c r="Z9724" s="2">
        <v>0</v>
      </c>
      <c r="AA9724" s="5"/>
      <c r="AB9724" s="5" t="s">
        <v>43</v>
      </c>
      <c r="AC9724" s="5" t="s">
        <v>44</v>
      </c>
      <c r="AD9724" s="2" t="s">
        <v>29661</v>
      </c>
      <c r="AE9724" s="1"/>
    </row>
    <row r="9725" spans="1:31" ht="14.45">
      <c r="A9725" s="5"/>
      <c r="B9725" s="21"/>
      <c r="C9725" s="2" t="s">
        <v>29881</v>
      </c>
      <c r="D9725" s="14" t="s">
        <v>29882</v>
      </c>
      <c r="E9725" s="2" t="s">
        <v>29883</v>
      </c>
      <c r="F9725" s="2" t="s">
        <v>29652</v>
      </c>
      <c r="G9725" s="8">
        <v>1652</v>
      </c>
      <c r="H9725" s="5">
        <v>15</v>
      </c>
      <c r="I9725" s="5" t="s">
        <v>69</v>
      </c>
      <c r="J9725" s="5" t="s">
        <v>27074</v>
      </c>
      <c r="K9725" s="2" t="s">
        <v>27075</v>
      </c>
      <c r="L9725" s="5" t="s">
        <v>27074</v>
      </c>
      <c r="M9725" s="2" t="s">
        <v>27075</v>
      </c>
      <c r="N9725" s="5" t="s">
        <v>24254</v>
      </c>
      <c r="O9725" s="5" t="s">
        <v>38</v>
      </c>
      <c r="P9725" s="5" t="s">
        <v>39</v>
      </c>
      <c r="Q9725" s="5" t="s">
        <v>40</v>
      </c>
      <c r="R9725" s="5" t="s">
        <v>1487</v>
      </c>
      <c r="S9725" s="5"/>
      <c r="T9725" s="5" t="s">
        <v>42</v>
      </c>
      <c r="U9725" s="2">
        <v>0</v>
      </c>
      <c r="V9725" s="2">
        <v>0</v>
      </c>
      <c r="W9725" s="2">
        <v>0</v>
      </c>
      <c r="X9725" s="2">
        <v>0</v>
      </c>
      <c r="Y9725" s="2">
        <v>0</v>
      </c>
      <c r="Z9725" s="2">
        <v>0</v>
      </c>
      <c r="AA9725" s="5"/>
      <c r="AB9725" s="5" t="s">
        <v>43</v>
      </c>
      <c r="AC9725" s="5" t="s">
        <v>44</v>
      </c>
      <c r="AD9725" s="2" t="s">
        <v>29665</v>
      </c>
      <c r="AE9725" s="1"/>
    </row>
    <row r="9726" spans="1:31" ht="14.45">
      <c r="A9726" s="5"/>
      <c r="B9726" s="21"/>
      <c r="C9726" s="2" t="s">
        <v>29884</v>
      </c>
      <c r="D9726" s="14" t="s">
        <v>29885</v>
      </c>
      <c r="E9726" s="2" t="s">
        <v>29886</v>
      </c>
      <c r="F9726" s="2"/>
      <c r="G9726" s="8">
        <v>245</v>
      </c>
      <c r="H9726" s="5">
        <v>5</v>
      </c>
      <c r="I9726" s="5" t="s">
        <v>69</v>
      </c>
      <c r="J9726" s="5" t="s">
        <v>27074</v>
      </c>
      <c r="K9726" s="2" t="s">
        <v>27075</v>
      </c>
      <c r="L9726" s="5" t="s">
        <v>27074</v>
      </c>
      <c r="M9726" s="2" t="s">
        <v>27075</v>
      </c>
      <c r="N9726" s="5" t="s">
        <v>24254</v>
      </c>
      <c r="O9726" s="5" t="s">
        <v>38</v>
      </c>
      <c r="P9726" s="5" t="s">
        <v>39</v>
      </c>
      <c r="Q9726" s="5" t="s">
        <v>40</v>
      </c>
      <c r="R9726" s="5" t="s">
        <v>24335</v>
      </c>
      <c r="S9726" s="5" t="s">
        <v>40</v>
      </c>
      <c r="T9726" s="5" t="s">
        <v>42</v>
      </c>
      <c r="U9726" s="2">
        <v>11.901999999999999</v>
      </c>
      <c r="V9726" s="2">
        <v>9.7260000000000009</v>
      </c>
      <c r="W9726" s="2">
        <v>0.157</v>
      </c>
      <c r="X9726" s="2">
        <v>12</v>
      </c>
      <c r="Y9726" s="2">
        <v>62</v>
      </c>
      <c r="Z9726" s="2">
        <v>210.9</v>
      </c>
      <c r="AA9726" s="5">
        <v>8</v>
      </c>
      <c r="AB9726" s="5" t="s">
        <v>43</v>
      </c>
      <c r="AC9726" s="5" t="s">
        <v>44</v>
      </c>
      <c r="AD9726" s="2" t="s">
        <v>29611</v>
      </c>
      <c r="AE9726" s="1"/>
    </row>
    <row r="9727" spans="1:31" ht="14.45">
      <c r="A9727" s="5"/>
      <c r="B9727" s="21"/>
      <c r="C9727" s="2" t="s">
        <v>29887</v>
      </c>
      <c r="D9727" s="14" t="s">
        <v>29888</v>
      </c>
      <c r="E9727" s="2" t="s">
        <v>29889</v>
      </c>
      <c r="F9727" s="2"/>
      <c r="G9727" s="8">
        <v>245</v>
      </c>
      <c r="H9727" s="5">
        <v>5</v>
      </c>
      <c r="I9727" s="5" t="s">
        <v>69</v>
      </c>
      <c r="J9727" s="5" t="s">
        <v>27074</v>
      </c>
      <c r="K9727" s="2" t="s">
        <v>27075</v>
      </c>
      <c r="L9727" s="5" t="s">
        <v>27074</v>
      </c>
      <c r="M9727" s="2" t="s">
        <v>27075</v>
      </c>
      <c r="N9727" s="5" t="s">
        <v>24254</v>
      </c>
      <c r="O9727" s="5" t="s">
        <v>38</v>
      </c>
      <c r="P9727" s="5" t="s">
        <v>39</v>
      </c>
      <c r="Q9727" s="5" t="s">
        <v>40</v>
      </c>
      <c r="R9727" s="5" t="s">
        <v>24335</v>
      </c>
      <c r="S9727" s="5" t="s">
        <v>40</v>
      </c>
      <c r="T9727" s="5" t="s">
        <v>42</v>
      </c>
      <c r="U9727" s="2">
        <v>10.295999999999999</v>
      </c>
      <c r="V9727" s="2">
        <v>8.1210000000000004</v>
      </c>
      <c r="W9727" s="2">
        <v>0.129</v>
      </c>
      <c r="X9727" s="2">
        <v>12</v>
      </c>
      <c r="Y9727" s="2">
        <v>62</v>
      </c>
      <c r="Z9727" s="2">
        <v>172.9</v>
      </c>
      <c r="AA9727" s="5">
        <v>8</v>
      </c>
      <c r="AB9727" s="5" t="s">
        <v>43</v>
      </c>
      <c r="AC9727" s="5" t="s">
        <v>44</v>
      </c>
      <c r="AD9727" s="2" t="s">
        <v>29611</v>
      </c>
      <c r="AE9727" s="1"/>
    </row>
    <row r="9728" spans="1:31" ht="14.45">
      <c r="A9728" s="5"/>
      <c r="B9728" s="21"/>
      <c r="C9728" s="2" t="s">
        <v>29890</v>
      </c>
      <c r="D9728" s="14" t="s">
        <v>29891</v>
      </c>
      <c r="E9728" s="2" t="s">
        <v>29892</v>
      </c>
      <c r="F9728" s="2"/>
      <c r="G9728" s="8">
        <v>245</v>
      </c>
      <c r="H9728" s="5">
        <v>5</v>
      </c>
      <c r="I9728" s="5" t="s">
        <v>69</v>
      </c>
      <c r="J9728" s="5" t="s">
        <v>27074</v>
      </c>
      <c r="K9728" s="2" t="s">
        <v>27075</v>
      </c>
      <c r="L9728" s="5" t="s">
        <v>27074</v>
      </c>
      <c r="M9728" s="2" t="s">
        <v>27075</v>
      </c>
      <c r="N9728" s="5" t="s">
        <v>24254</v>
      </c>
      <c r="O9728" s="5" t="s">
        <v>38</v>
      </c>
      <c r="P9728" s="5" t="s">
        <v>39</v>
      </c>
      <c r="Q9728" s="5" t="s">
        <v>40</v>
      </c>
      <c r="R9728" s="5" t="s">
        <v>24335</v>
      </c>
      <c r="S9728" s="5" t="s">
        <v>40</v>
      </c>
      <c r="T9728" s="5" t="s">
        <v>42</v>
      </c>
      <c r="U9728" s="2">
        <v>9.0510000000000002</v>
      </c>
      <c r="V9728" s="2">
        <v>6.899</v>
      </c>
      <c r="W9728" s="2">
        <v>0.129</v>
      </c>
      <c r="X9728" s="2">
        <v>12</v>
      </c>
      <c r="Y9728" s="2">
        <v>62</v>
      </c>
      <c r="Z9728" s="2">
        <v>172.9</v>
      </c>
      <c r="AA9728" s="5">
        <v>8</v>
      </c>
      <c r="AB9728" s="5" t="s">
        <v>43</v>
      </c>
      <c r="AC9728" s="5" t="s">
        <v>44</v>
      </c>
      <c r="AD9728" s="2" t="s">
        <v>29611</v>
      </c>
      <c r="AE9728" s="1"/>
    </row>
    <row r="9729" spans="1:31" ht="14.45">
      <c r="A9729" s="5"/>
      <c r="B9729" s="21"/>
      <c r="C9729" s="2" t="s">
        <v>29893</v>
      </c>
      <c r="D9729" s="14" t="s">
        <v>29894</v>
      </c>
      <c r="E9729" s="2" t="s">
        <v>29895</v>
      </c>
      <c r="F9729" s="2"/>
      <c r="G9729" s="8">
        <v>245</v>
      </c>
      <c r="H9729" s="5">
        <v>25</v>
      </c>
      <c r="I9729" s="5" t="s">
        <v>69</v>
      </c>
      <c r="J9729" s="5" t="s">
        <v>27074</v>
      </c>
      <c r="K9729" s="2" t="s">
        <v>27075</v>
      </c>
      <c r="L9729" s="5" t="s">
        <v>27074</v>
      </c>
      <c r="M9729" s="2" t="s">
        <v>27075</v>
      </c>
      <c r="N9729" s="5" t="s">
        <v>24254</v>
      </c>
      <c r="O9729" s="5" t="s">
        <v>38</v>
      </c>
      <c r="P9729" s="5" t="s">
        <v>39</v>
      </c>
      <c r="Q9729" s="5" t="s">
        <v>40</v>
      </c>
      <c r="R9729" s="5" t="s">
        <v>24335</v>
      </c>
      <c r="S9729" s="5" t="s">
        <v>40</v>
      </c>
      <c r="T9729" s="5" t="s">
        <v>42</v>
      </c>
      <c r="U9729" s="2">
        <v>7.3330000000000002</v>
      </c>
      <c r="V9729" s="2">
        <v>5.5170000000000003</v>
      </c>
      <c r="W9729" s="2">
        <v>0.11899999999999999</v>
      </c>
      <c r="X9729" s="2">
        <v>12</v>
      </c>
      <c r="Y9729" s="2">
        <v>62</v>
      </c>
      <c r="Z9729" s="2">
        <v>159.9</v>
      </c>
      <c r="AA9729" s="5">
        <v>10</v>
      </c>
      <c r="AB9729" s="5" t="s">
        <v>43</v>
      </c>
      <c r="AC9729" s="5" t="s">
        <v>44</v>
      </c>
      <c r="AD9729" s="2" t="s">
        <v>29747</v>
      </c>
      <c r="AE9729" s="1"/>
    </row>
    <row r="9730" spans="1:31" ht="14.45">
      <c r="A9730" s="5"/>
      <c r="B9730" s="21"/>
      <c r="C9730" s="2" t="s">
        <v>29896</v>
      </c>
      <c r="D9730" s="14" t="s">
        <v>29897</v>
      </c>
      <c r="E9730" s="2" t="s">
        <v>29898</v>
      </c>
      <c r="F9730" s="2"/>
      <c r="G9730" s="8">
        <v>245</v>
      </c>
      <c r="H9730" s="5">
        <v>25</v>
      </c>
      <c r="I9730" s="5" t="s">
        <v>69</v>
      </c>
      <c r="J9730" s="5" t="s">
        <v>27074</v>
      </c>
      <c r="K9730" s="2" t="s">
        <v>27075</v>
      </c>
      <c r="L9730" s="5" t="s">
        <v>27074</v>
      </c>
      <c r="M9730" s="2" t="s">
        <v>27075</v>
      </c>
      <c r="N9730" s="5" t="s">
        <v>24254</v>
      </c>
      <c r="O9730" s="5" t="s">
        <v>38</v>
      </c>
      <c r="P9730" s="5" t="s">
        <v>39</v>
      </c>
      <c r="Q9730" s="5" t="s">
        <v>40</v>
      </c>
      <c r="R9730" s="5" t="s">
        <v>24335</v>
      </c>
      <c r="S9730" s="5" t="s">
        <v>40</v>
      </c>
      <c r="T9730" s="5" t="s">
        <v>42</v>
      </c>
      <c r="U9730" s="2">
        <v>8.0549999999999997</v>
      </c>
      <c r="V9730" s="2">
        <v>6.2389999999999999</v>
      </c>
      <c r="W9730" s="2">
        <v>0.11899999999999999</v>
      </c>
      <c r="X9730" s="2">
        <v>12</v>
      </c>
      <c r="Y9730" s="2">
        <v>62</v>
      </c>
      <c r="Z9730" s="2">
        <v>159.9</v>
      </c>
      <c r="AA9730" s="5">
        <v>10</v>
      </c>
      <c r="AB9730" s="5" t="s">
        <v>43</v>
      </c>
      <c r="AC9730" s="5" t="s">
        <v>44</v>
      </c>
      <c r="AD9730" s="2" t="s">
        <v>29621</v>
      </c>
      <c r="AE9730" s="1"/>
    </row>
    <row r="9731" spans="1:31" ht="14.45">
      <c r="A9731" s="5"/>
      <c r="B9731" s="21"/>
      <c r="C9731" s="2" t="s">
        <v>29899</v>
      </c>
      <c r="D9731" s="14" t="s">
        <v>29900</v>
      </c>
      <c r="E9731" s="2" t="s">
        <v>29901</v>
      </c>
      <c r="F9731" s="2"/>
      <c r="G9731" s="8">
        <v>245</v>
      </c>
      <c r="H9731" s="5">
        <v>25</v>
      </c>
      <c r="I9731" s="5" t="s">
        <v>69</v>
      </c>
      <c r="J9731" s="5" t="s">
        <v>27074</v>
      </c>
      <c r="K9731" s="2" t="s">
        <v>27075</v>
      </c>
      <c r="L9731" s="5" t="s">
        <v>27074</v>
      </c>
      <c r="M9731" s="2" t="s">
        <v>27075</v>
      </c>
      <c r="N9731" s="5" t="s">
        <v>24254</v>
      </c>
      <c r="O9731" s="5" t="s">
        <v>38</v>
      </c>
      <c r="P9731" s="5" t="s">
        <v>39</v>
      </c>
      <c r="Q9731" s="5" t="s">
        <v>40</v>
      </c>
      <c r="R9731" s="5" t="s">
        <v>24335</v>
      </c>
      <c r="S9731" s="5" t="s">
        <v>40</v>
      </c>
      <c r="T9731" s="5" t="s">
        <v>42</v>
      </c>
      <c r="U9731" s="2">
        <v>6.093</v>
      </c>
      <c r="V9731" s="2">
        <v>4.2770000000000001</v>
      </c>
      <c r="W9731" s="2">
        <v>0.11899999999999999</v>
      </c>
      <c r="X9731" s="2">
        <v>12</v>
      </c>
      <c r="Y9731" s="2">
        <v>62</v>
      </c>
      <c r="Z9731" s="2">
        <v>159.9</v>
      </c>
      <c r="AA9731" s="5">
        <v>10</v>
      </c>
      <c r="AB9731" s="5" t="s">
        <v>43</v>
      </c>
      <c r="AC9731" s="5" t="s">
        <v>44</v>
      </c>
      <c r="AD9731" s="2" t="s">
        <v>29629</v>
      </c>
      <c r="AE9731" s="1"/>
    </row>
    <row r="9732" spans="1:31" ht="14.45">
      <c r="A9732" s="5"/>
      <c r="B9732" s="21"/>
      <c r="C9732" s="2" t="s">
        <v>29902</v>
      </c>
      <c r="D9732" s="14" t="s">
        <v>29903</v>
      </c>
      <c r="E9732" s="2" t="s">
        <v>29904</v>
      </c>
      <c r="F9732" s="2"/>
      <c r="G9732" s="8">
        <v>245</v>
      </c>
      <c r="H9732" s="5">
        <v>25</v>
      </c>
      <c r="I9732" s="5" t="s">
        <v>69</v>
      </c>
      <c r="J9732" s="5" t="s">
        <v>27074</v>
      </c>
      <c r="K9732" s="2" t="s">
        <v>27075</v>
      </c>
      <c r="L9732" s="5" t="s">
        <v>27074</v>
      </c>
      <c r="M9732" s="2" t="s">
        <v>27075</v>
      </c>
      <c r="N9732" s="5" t="s">
        <v>24254</v>
      </c>
      <c r="O9732" s="5" t="s">
        <v>38</v>
      </c>
      <c r="P9732" s="5" t="s">
        <v>39</v>
      </c>
      <c r="Q9732" s="5" t="s">
        <v>40</v>
      </c>
      <c r="R9732" s="5" t="s">
        <v>24335</v>
      </c>
      <c r="S9732" s="5" t="s">
        <v>40</v>
      </c>
      <c r="T9732" s="5" t="s">
        <v>42</v>
      </c>
      <c r="U9732" s="2">
        <v>6.944</v>
      </c>
      <c r="V9732" s="2">
        <v>5.1280000000000001</v>
      </c>
      <c r="W9732" s="2">
        <v>0.11899999999999999</v>
      </c>
      <c r="X9732" s="2">
        <v>12</v>
      </c>
      <c r="Y9732" s="2">
        <v>62</v>
      </c>
      <c r="Z9732" s="2">
        <v>159.9</v>
      </c>
      <c r="AA9732" s="5">
        <v>10</v>
      </c>
      <c r="AB9732" s="5" t="s">
        <v>43</v>
      </c>
      <c r="AC9732" s="5" t="s">
        <v>44</v>
      </c>
      <c r="AD9732" s="2" t="s">
        <v>29629</v>
      </c>
      <c r="AE9732" s="1"/>
    </row>
    <row r="9733" spans="1:31" ht="14.45">
      <c r="A9733" s="5"/>
      <c r="B9733" s="21"/>
      <c r="C9733" s="2" t="s">
        <v>29905</v>
      </c>
      <c r="D9733" s="14" t="s">
        <v>29906</v>
      </c>
      <c r="E9733" s="2" t="s">
        <v>29907</v>
      </c>
      <c r="F9733" s="2"/>
      <c r="G9733" s="8">
        <v>245</v>
      </c>
      <c r="H9733" s="5">
        <v>25</v>
      </c>
      <c r="I9733" s="5" t="s">
        <v>69</v>
      </c>
      <c r="J9733" s="5" t="s">
        <v>27074</v>
      </c>
      <c r="K9733" s="2" t="s">
        <v>27075</v>
      </c>
      <c r="L9733" s="5" t="s">
        <v>27074</v>
      </c>
      <c r="M9733" s="2" t="s">
        <v>27075</v>
      </c>
      <c r="N9733" s="5" t="s">
        <v>24254</v>
      </c>
      <c r="O9733" s="5" t="s">
        <v>38</v>
      </c>
      <c r="P9733" s="5" t="s">
        <v>39</v>
      </c>
      <c r="Q9733" s="5" t="s">
        <v>40</v>
      </c>
      <c r="R9733" s="5" t="s">
        <v>24335</v>
      </c>
      <c r="S9733" s="5" t="s">
        <v>40</v>
      </c>
      <c r="T9733" s="5" t="s">
        <v>42</v>
      </c>
      <c r="U9733" s="2">
        <v>7.7519999999999998</v>
      </c>
      <c r="V9733" s="2">
        <v>5.9359999999999999</v>
      </c>
      <c r="W9733" s="2">
        <v>0.11899999999999999</v>
      </c>
      <c r="X9733" s="2">
        <v>12</v>
      </c>
      <c r="Y9733" s="2">
        <v>62</v>
      </c>
      <c r="Z9733" s="2">
        <v>159.9</v>
      </c>
      <c r="AA9733" s="5">
        <v>10</v>
      </c>
      <c r="AB9733" s="5" t="s">
        <v>43</v>
      </c>
      <c r="AC9733" s="5" t="s">
        <v>44</v>
      </c>
      <c r="AD9733" s="2" t="s">
        <v>29625</v>
      </c>
      <c r="AE9733" s="1"/>
    </row>
    <row r="9734" spans="1:31" ht="14.45">
      <c r="A9734" s="5"/>
      <c r="B9734" s="21"/>
      <c r="C9734" s="2" t="s">
        <v>29908</v>
      </c>
      <c r="D9734" s="14" t="s">
        <v>29909</v>
      </c>
      <c r="E9734" s="2" t="s">
        <v>29910</v>
      </c>
      <c r="F9734" s="2" t="s">
        <v>29636</v>
      </c>
      <c r="G9734" s="8">
        <v>490</v>
      </c>
      <c r="H9734" s="5">
        <v>5</v>
      </c>
      <c r="I9734" s="5" t="s">
        <v>69</v>
      </c>
      <c r="J9734" s="5" t="s">
        <v>27074</v>
      </c>
      <c r="K9734" s="2" t="s">
        <v>27075</v>
      </c>
      <c r="L9734" s="5" t="s">
        <v>27074</v>
      </c>
      <c r="M9734" s="2" t="s">
        <v>27075</v>
      </c>
      <c r="N9734" s="5" t="s">
        <v>24254</v>
      </c>
      <c r="O9734" s="5" t="s">
        <v>38</v>
      </c>
      <c r="P9734" s="5" t="s">
        <v>39</v>
      </c>
      <c r="Q9734" s="5" t="s">
        <v>40</v>
      </c>
      <c r="R9734" s="5" t="s">
        <v>1487</v>
      </c>
      <c r="S9734" s="5"/>
      <c r="T9734" s="5" t="s">
        <v>42</v>
      </c>
      <c r="U9734" s="2">
        <v>0</v>
      </c>
      <c r="V9734" s="2">
        <v>0</v>
      </c>
      <c r="W9734" s="2">
        <v>0</v>
      </c>
      <c r="X9734" s="2">
        <v>0</v>
      </c>
      <c r="Y9734" s="2">
        <v>0</v>
      </c>
      <c r="Z9734" s="2">
        <v>0</v>
      </c>
      <c r="AA9734" s="5"/>
      <c r="AB9734" s="5" t="s">
        <v>43</v>
      </c>
      <c r="AC9734" s="5" t="s">
        <v>44</v>
      </c>
      <c r="AD9734" s="2" t="s">
        <v>29637</v>
      </c>
      <c r="AE9734" s="1"/>
    </row>
    <row r="9735" spans="1:31" ht="14.45">
      <c r="A9735" s="5"/>
      <c r="B9735" s="21"/>
      <c r="C9735" s="2" t="s">
        <v>29911</v>
      </c>
      <c r="D9735" s="14" t="s">
        <v>29912</v>
      </c>
      <c r="E9735" s="2" t="s">
        <v>29913</v>
      </c>
      <c r="F9735" s="2"/>
      <c r="G9735" s="8">
        <v>396</v>
      </c>
      <c r="H9735" s="5">
        <v>25</v>
      </c>
      <c r="I9735" s="5" t="s">
        <v>69</v>
      </c>
      <c r="J9735" s="5" t="s">
        <v>27074</v>
      </c>
      <c r="K9735" s="2" t="s">
        <v>27075</v>
      </c>
      <c r="L9735" s="5" t="s">
        <v>27074</v>
      </c>
      <c r="M9735" s="2" t="s">
        <v>27075</v>
      </c>
      <c r="N9735" s="5" t="s">
        <v>24254</v>
      </c>
      <c r="O9735" s="5" t="s">
        <v>38</v>
      </c>
      <c r="P9735" s="5" t="s">
        <v>39</v>
      </c>
      <c r="Q9735" s="5" t="s">
        <v>40</v>
      </c>
      <c r="R9735" s="5" t="s">
        <v>24340</v>
      </c>
      <c r="S9735" s="5" t="s">
        <v>40</v>
      </c>
      <c r="T9735" s="5" t="s">
        <v>42</v>
      </c>
      <c r="U9735" s="2">
        <v>17.722999999999999</v>
      </c>
      <c r="V9735" s="2">
        <v>15.872</v>
      </c>
      <c r="W9735" s="2">
        <v>0.11899999999999999</v>
      </c>
      <c r="X9735" s="2">
        <v>12</v>
      </c>
      <c r="Y9735" s="2">
        <v>62</v>
      </c>
      <c r="Z9735" s="2">
        <v>159.9</v>
      </c>
      <c r="AA9735" s="5">
        <v>8</v>
      </c>
      <c r="AB9735" s="5" t="s">
        <v>43</v>
      </c>
      <c r="AC9735" s="5" t="s">
        <v>44</v>
      </c>
      <c r="AD9735" s="2" t="s">
        <v>29641</v>
      </c>
      <c r="AE9735" s="1"/>
    </row>
    <row r="9736" spans="1:31" ht="14.45">
      <c r="A9736" s="5"/>
      <c r="B9736" s="21"/>
      <c r="C9736" s="2" t="s">
        <v>29914</v>
      </c>
      <c r="D9736" s="14" t="s">
        <v>29915</v>
      </c>
      <c r="E9736" s="2" t="s">
        <v>29916</v>
      </c>
      <c r="F9736" s="2"/>
      <c r="G9736" s="8">
        <v>396</v>
      </c>
      <c r="H9736" s="5">
        <v>25</v>
      </c>
      <c r="I9736" s="5" t="s">
        <v>69</v>
      </c>
      <c r="J9736" s="5" t="s">
        <v>27074</v>
      </c>
      <c r="K9736" s="2" t="s">
        <v>27075</v>
      </c>
      <c r="L9736" s="5" t="s">
        <v>27074</v>
      </c>
      <c r="M9736" s="2" t="s">
        <v>27075</v>
      </c>
      <c r="N9736" s="5" t="s">
        <v>24254</v>
      </c>
      <c r="O9736" s="5" t="s">
        <v>38</v>
      </c>
      <c r="P9736" s="5" t="s">
        <v>39</v>
      </c>
      <c r="Q9736" s="5" t="s">
        <v>40</v>
      </c>
      <c r="R9736" s="5" t="s">
        <v>24340</v>
      </c>
      <c r="S9736" s="5" t="s">
        <v>40</v>
      </c>
      <c r="T9736" s="5" t="s">
        <v>42</v>
      </c>
      <c r="U9736" s="2">
        <v>12.875999999999999</v>
      </c>
      <c r="V9736" s="2">
        <v>11.057</v>
      </c>
      <c r="W9736" s="2">
        <v>0.11899999999999999</v>
      </c>
      <c r="X9736" s="2">
        <v>12</v>
      </c>
      <c r="Y9736" s="2">
        <v>62</v>
      </c>
      <c r="Z9736" s="2">
        <v>159.9</v>
      </c>
      <c r="AA9736" s="5">
        <v>8</v>
      </c>
      <c r="AB9736" s="5" t="s">
        <v>43</v>
      </c>
      <c r="AC9736" s="5" t="s">
        <v>44</v>
      </c>
      <c r="AD9736" s="2" t="s">
        <v>29641</v>
      </c>
      <c r="AE9736" s="1"/>
    </row>
    <row r="9737" spans="1:31" ht="14.45">
      <c r="A9737" s="5"/>
      <c r="B9737" s="21"/>
      <c r="C9737" s="2" t="s">
        <v>29917</v>
      </c>
      <c r="D9737" s="14" t="s">
        <v>29918</v>
      </c>
      <c r="E9737" s="2" t="s">
        <v>29919</v>
      </c>
      <c r="F9737" s="2"/>
      <c r="G9737" s="8">
        <v>396</v>
      </c>
      <c r="H9737" s="5">
        <v>25</v>
      </c>
      <c r="I9737" s="5" t="s">
        <v>69</v>
      </c>
      <c r="J9737" s="5" t="s">
        <v>27074</v>
      </c>
      <c r="K9737" s="2" t="s">
        <v>27075</v>
      </c>
      <c r="L9737" s="5" t="s">
        <v>27074</v>
      </c>
      <c r="M9737" s="2" t="s">
        <v>27075</v>
      </c>
      <c r="N9737" s="5" t="s">
        <v>24254</v>
      </c>
      <c r="O9737" s="5" t="s">
        <v>38</v>
      </c>
      <c r="P9737" s="5" t="s">
        <v>39</v>
      </c>
      <c r="Q9737" s="5" t="s">
        <v>40</v>
      </c>
      <c r="R9737" s="5" t="s">
        <v>24340</v>
      </c>
      <c r="S9737" s="5" t="s">
        <v>40</v>
      </c>
      <c r="T9737" s="5" t="s">
        <v>42</v>
      </c>
      <c r="U9737" s="2">
        <v>9.2249999999999996</v>
      </c>
      <c r="V9737" s="2">
        <v>7.4089999999999998</v>
      </c>
      <c r="W9737" s="2">
        <v>0.11899999999999999</v>
      </c>
      <c r="X9737" s="2">
        <v>12</v>
      </c>
      <c r="Y9737" s="2">
        <v>62</v>
      </c>
      <c r="Z9737" s="2">
        <v>159.9</v>
      </c>
      <c r="AA9737" s="5">
        <v>10</v>
      </c>
      <c r="AB9737" s="5" t="s">
        <v>43</v>
      </c>
      <c r="AC9737" s="5" t="s">
        <v>44</v>
      </c>
      <c r="AD9737" s="2" t="s">
        <v>29648</v>
      </c>
      <c r="AE9737" s="1"/>
    </row>
    <row r="9738" spans="1:31" ht="14.45">
      <c r="A9738" s="5"/>
      <c r="B9738" s="21"/>
      <c r="C9738" s="2" t="s">
        <v>29920</v>
      </c>
      <c r="D9738" s="14" t="s">
        <v>29921</v>
      </c>
      <c r="E9738" s="2" t="s">
        <v>29922</v>
      </c>
      <c r="F9738" s="2"/>
      <c r="G9738" s="8">
        <v>396</v>
      </c>
      <c r="H9738" s="5">
        <v>25</v>
      </c>
      <c r="I9738" s="5" t="s">
        <v>69</v>
      </c>
      <c r="J9738" s="5" t="s">
        <v>27074</v>
      </c>
      <c r="K9738" s="2" t="s">
        <v>27075</v>
      </c>
      <c r="L9738" s="5" t="s">
        <v>27074</v>
      </c>
      <c r="M9738" s="2" t="s">
        <v>27075</v>
      </c>
      <c r="N9738" s="5" t="s">
        <v>24254</v>
      </c>
      <c r="O9738" s="5" t="s">
        <v>38</v>
      </c>
      <c r="P9738" s="5" t="s">
        <v>39</v>
      </c>
      <c r="Q9738" s="5" t="s">
        <v>40</v>
      </c>
      <c r="R9738" s="5" t="s">
        <v>24340</v>
      </c>
      <c r="S9738" s="5" t="s">
        <v>40</v>
      </c>
      <c r="T9738" s="5" t="s">
        <v>42</v>
      </c>
      <c r="U9738" s="2">
        <v>10.225</v>
      </c>
      <c r="V9738" s="2">
        <v>8.4090000000000007</v>
      </c>
      <c r="W9738" s="2">
        <v>0.11899999999999999</v>
      </c>
      <c r="X9738" s="2">
        <v>12</v>
      </c>
      <c r="Y9738" s="2">
        <v>62</v>
      </c>
      <c r="Z9738" s="2">
        <v>159.9</v>
      </c>
      <c r="AA9738" s="5">
        <v>10</v>
      </c>
      <c r="AB9738" s="5" t="s">
        <v>43</v>
      </c>
      <c r="AC9738" s="5" t="s">
        <v>44</v>
      </c>
      <c r="AD9738" s="2" t="s">
        <v>29923</v>
      </c>
      <c r="AE9738" s="1"/>
    </row>
    <row r="9739" spans="1:31" ht="14.45">
      <c r="A9739" s="5"/>
      <c r="B9739" s="21"/>
      <c r="C9739" s="2" t="s">
        <v>29924</v>
      </c>
      <c r="D9739" s="14" t="s">
        <v>29925</v>
      </c>
      <c r="E9739" s="2" t="s">
        <v>29926</v>
      </c>
      <c r="F9739" s="2"/>
      <c r="G9739" s="8">
        <v>396</v>
      </c>
      <c r="H9739" s="5">
        <v>25</v>
      </c>
      <c r="I9739" s="5" t="s">
        <v>69</v>
      </c>
      <c r="J9739" s="5" t="s">
        <v>27074</v>
      </c>
      <c r="K9739" s="2" t="s">
        <v>27075</v>
      </c>
      <c r="L9739" s="5" t="s">
        <v>27074</v>
      </c>
      <c r="M9739" s="2" t="s">
        <v>27075</v>
      </c>
      <c r="N9739" s="5" t="s">
        <v>24254</v>
      </c>
      <c r="O9739" s="5" t="s">
        <v>38</v>
      </c>
      <c r="P9739" s="5" t="s">
        <v>39</v>
      </c>
      <c r="Q9739" s="5" t="s">
        <v>40</v>
      </c>
      <c r="R9739" s="5" t="s">
        <v>25301</v>
      </c>
      <c r="S9739" s="5" t="s">
        <v>40</v>
      </c>
      <c r="T9739" s="5" t="s">
        <v>42</v>
      </c>
      <c r="U9739" s="2">
        <v>16.222000000000001</v>
      </c>
      <c r="V9739" s="2">
        <v>14.371</v>
      </c>
      <c r="W9739" s="2">
        <v>0.11899999999999999</v>
      </c>
      <c r="X9739" s="2">
        <v>12</v>
      </c>
      <c r="Y9739" s="2">
        <v>62</v>
      </c>
      <c r="Z9739" s="2">
        <v>159.9</v>
      </c>
      <c r="AA9739" s="5">
        <v>8</v>
      </c>
      <c r="AB9739" s="5" t="s">
        <v>43</v>
      </c>
      <c r="AC9739" s="5" t="s">
        <v>44</v>
      </c>
      <c r="AD9739" s="2" t="s">
        <v>29820</v>
      </c>
      <c r="AE9739" s="1"/>
    </row>
    <row r="9740" spans="1:31" ht="14.45">
      <c r="A9740" s="5"/>
      <c r="B9740" s="21"/>
      <c r="C9740" s="2" t="s">
        <v>29927</v>
      </c>
      <c r="D9740" s="14" t="s">
        <v>29928</v>
      </c>
      <c r="E9740" s="2" t="s">
        <v>29929</v>
      </c>
      <c r="F9740" s="2"/>
      <c r="G9740" s="8">
        <v>396</v>
      </c>
      <c r="H9740" s="5">
        <v>25</v>
      </c>
      <c r="I9740" s="5" t="s">
        <v>69</v>
      </c>
      <c r="J9740" s="5" t="s">
        <v>27074</v>
      </c>
      <c r="K9740" s="2" t="s">
        <v>27075</v>
      </c>
      <c r="L9740" s="5" t="s">
        <v>27074</v>
      </c>
      <c r="M9740" s="2" t="s">
        <v>27075</v>
      </c>
      <c r="N9740" s="5" t="s">
        <v>24254</v>
      </c>
      <c r="O9740" s="5" t="s">
        <v>38</v>
      </c>
      <c r="P9740" s="5" t="s">
        <v>39</v>
      </c>
      <c r="Q9740" s="5" t="s">
        <v>40</v>
      </c>
      <c r="R9740" s="5" t="s">
        <v>25301</v>
      </c>
      <c r="S9740" s="5" t="s">
        <v>40</v>
      </c>
      <c r="T9740" s="5" t="s">
        <v>42</v>
      </c>
      <c r="U9740" s="2">
        <v>12.05</v>
      </c>
      <c r="V9740" s="2">
        <v>10.231</v>
      </c>
      <c r="W9740" s="2">
        <v>0.11899999999999999</v>
      </c>
      <c r="X9740" s="2">
        <v>12</v>
      </c>
      <c r="Y9740" s="2">
        <v>62</v>
      </c>
      <c r="Z9740" s="2">
        <v>159.9</v>
      </c>
      <c r="AA9740" s="5">
        <v>8</v>
      </c>
      <c r="AB9740" s="5" t="s">
        <v>43</v>
      </c>
      <c r="AC9740" s="5" t="s">
        <v>44</v>
      </c>
      <c r="AD9740" s="2" t="s">
        <v>29820</v>
      </c>
      <c r="AE9740" s="1"/>
    </row>
    <row r="9741" spans="1:31" ht="14.45">
      <c r="A9741" s="5"/>
      <c r="B9741" s="21"/>
      <c r="C9741" s="2" t="s">
        <v>29930</v>
      </c>
      <c r="D9741" s="14" t="s">
        <v>29931</v>
      </c>
      <c r="E9741" s="2" t="s">
        <v>29932</v>
      </c>
      <c r="F9741" s="2" t="s">
        <v>29652</v>
      </c>
      <c r="G9741" s="8">
        <v>954</v>
      </c>
      <c r="H9741" s="5">
        <v>15</v>
      </c>
      <c r="I9741" s="5" t="s">
        <v>69</v>
      </c>
      <c r="J9741" s="5" t="s">
        <v>27074</v>
      </c>
      <c r="K9741" s="2" t="s">
        <v>27075</v>
      </c>
      <c r="L9741" s="5" t="s">
        <v>27074</v>
      </c>
      <c r="M9741" s="2" t="s">
        <v>27075</v>
      </c>
      <c r="N9741" s="5" t="s">
        <v>24254</v>
      </c>
      <c r="O9741" s="5" t="s">
        <v>38</v>
      </c>
      <c r="P9741" s="5" t="s">
        <v>39</v>
      </c>
      <c r="Q9741" s="5" t="s">
        <v>40</v>
      </c>
      <c r="R9741" s="5" t="s">
        <v>1487</v>
      </c>
      <c r="S9741" s="5"/>
      <c r="T9741" s="5" t="s">
        <v>42</v>
      </c>
      <c r="U9741" s="2">
        <v>0</v>
      </c>
      <c r="V9741" s="2">
        <v>0</v>
      </c>
      <c r="W9741" s="2">
        <v>0</v>
      </c>
      <c r="X9741" s="2">
        <v>0</v>
      </c>
      <c r="Y9741" s="2">
        <v>0</v>
      </c>
      <c r="Z9741" s="2">
        <v>0</v>
      </c>
      <c r="AA9741" s="5"/>
      <c r="AB9741" s="5" t="s">
        <v>43</v>
      </c>
      <c r="AC9741" s="5" t="s">
        <v>44</v>
      </c>
      <c r="AD9741" s="2" t="s">
        <v>29653</v>
      </c>
      <c r="AE9741" s="1"/>
    </row>
    <row r="9742" spans="1:31" ht="14.45">
      <c r="A9742" s="5"/>
      <c r="B9742" s="21"/>
      <c r="C9742" s="2" t="s">
        <v>29933</v>
      </c>
      <c r="D9742" s="14" t="s">
        <v>29934</v>
      </c>
      <c r="E9742" s="2" t="s">
        <v>29935</v>
      </c>
      <c r="F9742" s="2" t="s">
        <v>29652</v>
      </c>
      <c r="G9742" s="8">
        <v>954</v>
      </c>
      <c r="H9742" s="5">
        <v>15</v>
      </c>
      <c r="I9742" s="5" t="s">
        <v>69</v>
      </c>
      <c r="J9742" s="5" t="s">
        <v>27074</v>
      </c>
      <c r="K9742" s="2" t="s">
        <v>27075</v>
      </c>
      <c r="L9742" s="5" t="s">
        <v>27074</v>
      </c>
      <c r="M9742" s="2" t="s">
        <v>27075</v>
      </c>
      <c r="N9742" s="5" t="s">
        <v>24254</v>
      </c>
      <c r="O9742" s="5" t="s">
        <v>38</v>
      </c>
      <c r="P9742" s="5" t="s">
        <v>39</v>
      </c>
      <c r="Q9742" s="5" t="s">
        <v>40</v>
      </c>
      <c r="R9742" s="5" t="s">
        <v>1487</v>
      </c>
      <c r="S9742" s="5"/>
      <c r="T9742" s="5" t="s">
        <v>42</v>
      </c>
      <c r="U9742" s="2">
        <v>0</v>
      </c>
      <c r="V9742" s="2">
        <v>0</v>
      </c>
      <c r="W9742" s="2">
        <v>0</v>
      </c>
      <c r="X9742" s="2">
        <v>0</v>
      </c>
      <c r="Y9742" s="2">
        <v>0</v>
      </c>
      <c r="Z9742" s="2">
        <v>0</v>
      </c>
      <c r="AA9742" s="5"/>
      <c r="AB9742" s="5" t="s">
        <v>43</v>
      </c>
      <c r="AC9742" s="5" t="s">
        <v>44</v>
      </c>
      <c r="AD9742" s="2" t="s">
        <v>29657</v>
      </c>
      <c r="AE9742" s="1"/>
    </row>
    <row r="9743" spans="1:31" ht="14.45">
      <c r="A9743" s="5"/>
      <c r="B9743" s="21"/>
      <c r="C9743" s="2" t="s">
        <v>29936</v>
      </c>
      <c r="D9743" s="14" t="s">
        <v>29937</v>
      </c>
      <c r="E9743" s="2" t="s">
        <v>29938</v>
      </c>
      <c r="F9743" s="2" t="s">
        <v>29652</v>
      </c>
      <c r="G9743" s="8">
        <v>1593</v>
      </c>
      <c r="H9743" s="5">
        <v>15</v>
      </c>
      <c r="I9743" s="5" t="s">
        <v>69</v>
      </c>
      <c r="J9743" s="5" t="s">
        <v>27074</v>
      </c>
      <c r="K9743" s="2" t="s">
        <v>27075</v>
      </c>
      <c r="L9743" s="5" t="s">
        <v>27074</v>
      </c>
      <c r="M9743" s="2" t="s">
        <v>27075</v>
      </c>
      <c r="N9743" s="5" t="s">
        <v>24254</v>
      </c>
      <c r="O9743" s="5" t="s">
        <v>38</v>
      </c>
      <c r="P9743" s="5" t="s">
        <v>39</v>
      </c>
      <c r="Q9743" s="5" t="s">
        <v>40</v>
      </c>
      <c r="R9743" s="5" t="s">
        <v>1487</v>
      </c>
      <c r="S9743" s="5"/>
      <c r="T9743" s="5" t="s">
        <v>42</v>
      </c>
      <c r="U9743" s="2">
        <v>0</v>
      </c>
      <c r="V9743" s="2">
        <v>0</v>
      </c>
      <c r="W9743" s="2">
        <v>0</v>
      </c>
      <c r="X9743" s="2">
        <v>0</v>
      </c>
      <c r="Y9743" s="2">
        <v>0</v>
      </c>
      <c r="Z9743" s="2">
        <v>0</v>
      </c>
      <c r="AA9743" s="5"/>
      <c r="AB9743" s="5" t="s">
        <v>43</v>
      </c>
      <c r="AC9743" s="5" t="s">
        <v>44</v>
      </c>
      <c r="AD9743" s="2" t="s">
        <v>29661</v>
      </c>
      <c r="AE9743" s="1"/>
    </row>
    <row r="9744" spans="1:31" ht="14.45">
      <c r="A9744" s="5"/>
      <c r="B9744" s="21"/>
      <c r="C9744" s="2" t="s">
        <v>29939</v>
      </c>
      <c r="D9744" s="14" t="s">
        <v>29940</v>
      </c>
      <c r="E9744" s="2" t="s">
        <v>29941</v>
      </c>
      <c r="F9744" s="2" t="s">
        <v>29652</v>
      </c>
      <c r="G9744" s="8">
        <v>1593</v>
      </c>
      <c r="H9744" s="5">
        <v>15</v>
      </c>
      <c r="I9744" s="5" t="s">
        <v>69</v>
      </c>
      <c r="J9744" s="5" t="s">
        <v>27074</v>
      </c>
      <c r="K9744" s="2" t="s">
        <v>27075</v>
      </c>
      <c r="L9744" s="5" t="s">
        <v>27074</v>
      </c>
      <c r="M9744" s="2" t="s">
        <v>27075</v>
      </c>
      <c r="N9744" s="5" t="s">
        <v>24254</v>
      </c>
      <c r="O9744" s="5" t="s">
        <v>38</v>
      </c>
      <c r="P9744" s="5" t="s">
        <v>39</v>
      </c>
      <c r="Q9744" s="5" t="s">
        <v>40</v>
      </c>
      <c r="R9744" s="5" t="s">
        <v>1487</v>
      </c>
      <c r="S9744" s="5"/>
      <c r="T9744" s="5" t="s">
        <v>42</v>
      </c>
      <c r="U9744" s="2">
        <v>0</v>
      </c>
      <c r="V9744" s="2">
        <v>0</v>
      </c>
      <c r="W9744" s="2">
        <v>0</v>
      </c>
      <c r="X9744" s="2">
        <v>0</v>
      </c>
      <c r="Y9744" s="2">
        <v>0</v>
      </c>
      <c r="Z9744" s="2">
        <v>0</v>
      </c>
      <c r="AA9744" s="5"/>
      <c r="AB9744" s="5" t="s">
        <v>43</v>
      </c>
      <c r="AC9744" s="5" t="s">
        <v>44</v>
      </c>
      <c r="AD9744" s="2" t="s">
        <v>29665</v>
      </c>
      <c r="AE9744" s="1"/>
    </row>
    <row r="9745" spans="1:31" ht="14.45">
      <c r="A9745" s="5"/>
      <c r="B9745" s="21"/>
      <c r="C9745" s="2" t="s">
        <v>29942</v>
      </c>
      <c r="D9745" s="14" t="s">
        <v>29943</v>
      </c>
      <c r="E9745" s="2" t="s">
        <v>29944</v>
      </c>
      <c r="F9745" s="2"/>
      <c r="G9745" s="8">
        <v>258</v>
      </c>
      <c r="H9745" s="5">
        <v>5</v>
      </c>
      <c r="I9745" s="5" t="s">
        <v>69</v>
      </c>
      <c r="J9745" s="5" t="s">
        <v>27074</v>
      </c>
      <c r="K9745" s="2" t="s">
        <v>27075</v>
      </c>
      <c r="L9745" s="5" t="s">
        <v>27074</v>
      </c>
      <c r="M9745" s="2" t="s">
        <v>27075</v>
      </c>
      <c r="N9745" s="5" t="s">
        <v>24254</v>
      </c>
      <c r="O9745" s="5" t="s">
        <v>38</v>
      </c>
      <c r="P9745" s="5" t="s">
        <v>39</v>
      </c>
      <c r="Q9745" s="5" t="s">
        <v>40</v>
      </c>
      <c r="R9745" s="5" t="s">
        <v>24335</v>
      </c>
      <c r="S9745" s="5" t="s">
        <v>40</v>
      </c>
      <c r="T9745" s="5" t="s">
        <v>42</v>
      </c>
      <c r="U9745" s="2">
        <v>12.218999999999999</v>
      </c>
      <c r="V9745" s="2">
        <v>10.243</v>
      </c>
      <c r="W9745" s="2">
        <v>0.129</v>
      </c>
      <c r="X9745" s="2">
        <v>12</v>
      </c>
      <c r="Y9745" s="2">
        <v>62</v>
      </c>
      <c r="Z9745" s="2">
        <v>172.9</v>
      </c>
      <c r="AA9745" s="5">
        <v>8</v>
      </c>
      <c r="AB9745" s="5" t="s">
        <v>43</v>
      </c>
      <c r="AC9745" s="5" t="s">
        <v>44</v>
      </c>
      <c r="AD9745" s="2" t="s">
        <v>29611</v>
      </c>
      <c r="AE9745" s="1"/>
    </row>
    <row r="9746" spans="1:31" ht="14.45">
      <c r="A9746" s="5"/>
      <c r="B9746" s="21"/>
      <c r="C9746" s="2" t="s">
        <v>29945</v>
      </c>
      <c r="D9746" s="14" t="s">
        <v>29946</v>
      </c>
      <c r="E9746" s="2" t="s">
        <v>29947</v>
      </c>
      <c r="F9746" s="2"/>
      <c r="G9746" s="8">
        <v>258</v>
      </c>
      <c r="H9746" s="5">
        <v>5</v>
      </c>
      <c r="I9746" s="5" t="s">
        <v>69</v>
      </c>
      <c r="J9746" s="5" t="s">
        <v>27074</v>
      </c>
      <c r="K9746" s="2" t="s">
        <v>27075</v>
      </c>
      <c r="L9746" s="5" t="s">
        <v>27074</v>
      </c>
      <c r="M9746" s="2" t="s">
        <v>27075</v>
      </c>
      <c r="N9746" s="5" t="s">
        <v>24254</v>
      </c>
      <c r="O9746" s="5" t="s">
        <v>38</v>
      </c>
      <c r="P9746" s="5" t="s">
        <v>39</v>
      </c>
      <c r="Q9746" s="5" t="s">
        <v>40</v>
      </c>
      <c r="R9746" s="5" t="s">
        <v>24335</v>
      </c>
      <c r="S9746" s="5" t="s">
        <v>40</v>
      </c>
      <c r="T9746" s="5" t="s">
        <v>42</v>
      </c>
      <c r="U9746" s="2">
        <v>10.727</v>
      </c>
      <c r="V9746" s="2">
        <v>8.5519999999999996</v>
      </c>
      <c r="W9746" s="2">
        <v>0.129</v>
      </c>
      <c r="X9746" s="2">
        <v>12</v>
      </c>
      <c r="Y9746" s="2">
        <v>62</v>
      </c>
      <c r="Z9746" s="2">
        <v>172.9</v>
      </c>
      <c r="AA9746" s="5">
        <v>8</v>
      </c>
      <c r="AB9746" s="5" t="s">
        <v>43</v>
      </c>
      <c r="AC9746" s="5" t="s">
        <v>44</v>
      </c>
      <c r="AD9746" s="2" t="s">
        <v>29611</v>
      </c>
      <c r="AE9746" s="1"/>
    </row>
    <row r="9747" spans="1:31" ht="14.45">
      <c r="A9747" s="5"/>
      <c r="B9747" s="21"/>
      <c r="C9747" s="2" t="s">
        <v>29948</v>
      </c>
      <c r="D9747" s="14" t="s">
        <v>29949</v>
      </c>
      <c r="E9747" s="2" t="s">
        <v>29950</v>
      </c>
      <c r="F9747" s="2"/>
      <c r="G9747" s="8">
        <v>258</v>
      </c>
      <c r="H9747" s="5">
        <v>5</v>
      </c>
      <c r="I9747" s="5" t="s">
        <v>69</v>
      </c>
      <c r="J9747" s="5" t="s">
        <v>27074</v>
      </c>
      <c r="K9747" s="2" t="s">
        <v>27075</v>
      </c>
      <c r="L9747" s="5" t="s">
        <v>27074</v>
      </c>
      <c r="M9747" s="2" t="s">
        <v>27075</v>
      </c>
      <c r="N9747" s="5" t="s">
        <v>24254</v>
      </c>
      <c r="O9747" s="5" t="s">
        <v>38</v>
      </c>
      <c r="P9747" s="5" t="s">
        <v>39</v>
      </c>
      <c r="Q9747" s="5" t="s">
        <v>40</v>
      </c>
      <c r="R9747" s="5" t="s">
        <v>24335</v>
      </c>
      <c r="S9747" s="5" t="s">
        <v>40</v>
      </c>
      <c r="T9747" s="5" t="s">
        <v>42</v>
      </c>
      <c r="U9747" s="2">
        <v>9.2759999999999998</v>
      </c>
      <c r="V9747" s="2">
        <v>7.3319999999999999</v>
      </c>
      <c r="W9747" s="2">
        <v>0.129</v>
      </c>
      <c r="X9747" s="2">
        <v>12</v>
      </c>
      <c r="Y9747" s="2">
        <v>62</v>
      </c>
      <c r="Z9747" s="2">
        <v>172.9</v>
      </c>
      <c r="AA9747" s="5">
        <v>8</v>
      </c>
      <c r="AB9747" s="5" t="s">
        <v>43</v>
      </c>
      <c r="AC9747" s="5" t="s">
        <v>44</v>
      </c>
      <c r="AD9747" s="2" t="s">
        <v>29611</v>
      </c>
      <c r="AE9747" s="1"/>
    </row>
    <row r="9748" spans="1:31" ht="14.45">
      <c r="A9748" s="5"/>
      <c r="B9748" s="21"/>
      <c r="C9748" s="2" t="s">
        <v>29951</v>
      </c>
      <c r="D9748" s="14" t="s">
        <v>29952</v>
      </c>
      <c r="E9748" s="2" t="s">
        <v>29953</v>
      </c>
      <c r="F9748" s="2"/>
      <c r="G9748" s="8">
        <v>258</v>
      </c>
      <c r="H9748" s="5">
        <v>25</v>
      </c>
      <c r="I9748" s="5" t="s">
        <v>69</v>
      </c>
      <c r="J9748" s="5" t="s">
        <v>27074</v>
      </c>
      <c r="K9748" s="2" t="s">
        <v>27075</v>
      </c>
      <c r="L9748" s="5" t="s">
        <v>27074</v>
      </c>
      <c r="M9748" s="2" t="s">
        <v>27075</v>
      </c>
      <c r="N9748" s="5" t="s">
        <v>24254</v>
      </c>
      <c r="O9748" s="5" t="s">
        <v>38</v>
      </c>
      <c r="P9748" s="5" t="s">
        <v>39</v>
      </c>
      <c r="Q9748" s="5" t="s">
        <v>40</v>
      </c>
      <c r="R9748" s="5" t="s">
        <v>24335</v>
      </c>
      <c r="S9748" s="5" t="s">
        <v>40</v>
      </c>
      <c r="T9748" s="5" t="s">
        <v>42</v>
      </c>
      <c r="U9748" s="2">
        <v>7.9530000000000003</v>
      </c>
      <c r="V9748" s="2">
        <v>6.0119999999999996</v>
      </c>
      <c r="W9748" s="2">
        <v>0.129</v>
      </c>
      <c r="X9748" s="2">
        <v>12</v>
      </c>
      <c r="Y9748" s="2">
        <v>62</v>
      </c>
      <c r="Z9748" s="2">
        <v>172.9</v>
      </c>
      <c r="AA9748" s="5">
        <v>10</v>
      </c>
      <c r="AB9748" s="5" t="s">
        <v>43</v>
      </c>
      <c r="AC9748" s="5" t="s">
        <v>44</v>
      </c>
      <c r="AD9748" s="2" t="s">
        <v>29747</v>
      </c>
      <c r="AE9748" s="1"/>
    </row>
    <row r="9749" spans="1:31" ht="14.45">
      <c r="A9749" s="5"/>
      <c r="B9749" s="21"/>
      <c r="C9749" s="2" t="s">
        <v>29954</v>
      </c>
      <c r="D9749" s="14" t="s">
        <v>29955</v>
      </c>
      <c r="E9749" s="2" t="s">
        <v>29956</v>
      </c>
      <c r="F9749" s="2"/>
      <c r="G9749" s="8">
        <v>258</v>
      </c>
      <c r="H9749" s="5">
        <v>25</v>
      </c>
      <c r="I9749" s="5" t="s">
        <v>69</v>
      </c>
      <c r="J9749" s="5" t="s">
        <v>27074</v>
      </c>
      <c r="K9749" s="2" t="s">
        <v>27075</v>
      </c>
      <c r="L9749" s="5" t="s">
        <v>27074</v>
      </c>
      <c r="M9749" s="2" t="s">
        <v>27075</v>
      </c>
      <c r="N9749" s="5" t="s">
        <v>24254</v>
      </c>
      <c r="O9749" s="5" t="s">
        <v>38</v>
      </c>
      <c r="P9749" s="5" t="s">
        <v>39</v>
      </c>
      <c r="Q9749" s="5" t="s">
        <v>40</v>
      </c>
      <c r="R9749" s="5" t="s">
        <v>24335</v>
      </c>
      <c r="S9749" s="5" t="s">
        <v>40</v>
      </c>
      <c r="T9749" s="5" t="s">
        <v>42</v>
      </c>
      <c r="U9749" s="2">
        <v>8.6750000000000007</v>
      </c>
      <c r="V9749" s="2">
        <v>6.734</v>
      </c>
      <c r="W9749" s="2">
        <v>0.129</v>
      </c>
      <c r="X9749" s="2">
        <v>12</v>
      </c>
      <c r="Y9749" s="2">
        <v>62</v>
      </c>
      <c r="Z9749" s="2">
        <v>172.9</v>
      </c>
      <c r="AA9749" s="5">
        <v>10</v>
      </c>
      <c r="AB9749" s="5" t="s">
        <v>43</v>
      </c>
      <c r="AC9749" s="5" t="s">
        <v>44</v>
      </c>
      <c r="AD9749" s="2" t="s">
        <v>29621</v>
      </c>
      <c r="AE9749" s="1"/>
    </row>
    <row r="9750" spans="1:31" ht="14.45">
      <c r="A9750" s="5"/>
      <c r="B9750" s="21"/>
      <c r="C9750" s="2" t="s">
        <v>29957</v>
      </c>
      <c r="D9750" s="14" t="s">
        <v>29958</v>
      </c>
      <c r="E9750" s="2" t="s">
        <v>29959</v>
      </c>
      <c r="F9750" s="2"/>
      <c r="G9750" s="8">
        <v>258</v>
      </c>
      <c r="H9750" s="5">
        <v>25</v>
      </c>
      <c r="I9750" s="5" t="s">
        <v>69</v>
      </c>
      <c r="J9750" s="5" t="s">
        <v>27074</v>
      </c>
      <c r="K9750" s="2" t="s">
        <v>27075</v>
      </c>
      <c r="L9750" s="5" t="s">
        <v>27074</v>
      </c>
      <c r="M9750" s="2" t="s">
        <v>27075</v>
      </c>
      <c r="N9750" s="5" t="s">
        <v>24254</v>
      </c>
      <c r="O9750" s="5" t="s">
        <v>38</v>
      </c>
      <c r="P9750" s="5" t="s">
        <v>39</v>
      </c>
      <c r="Q9750" s="5" t="s">
        <v>40</v>
      </c>
      <c r="R9750" s="5" t="s">
        <v>24335</v>
      </c>
      <c r="S9750" s="5" t="s">
        <v>40</v>
      </c>
      <c r="T9750" s="5" t="s">
        <v>42</v>
      </c>
      <c r="U9750" s="2">
        <v>6.5129999999999999</v>
      </c>
      <c r="V9750" s="2">
        <v>4.5720000000000001</v>
      </c>
      <c r="W9750" s="2">
        <v>0.129</v>
      </c>
      <c r="X9750" s="2">
        <v>12</v>
      </c>
      <c r="Y9750" s="2">
        <v>62</v>
      </c>
      <c r="Z9750" s="2">
        <v>172.9</v>
      </c>
      <c r="AA9750" s="5">
        <v>10</v>
      </c>
      <c r="AB9750" s="5" t="s">
        <v>43</v>
      </c>
      <c r="AC9750" s="5" t="s">
        <v>44</v>
      </c>
      <c r="AD9750" s="2" t="s">
        <v>29629</v>
      </c>
      <c r="AE9750" s="1"/>
    </row>
    <row r="9751" spans="1:31" ht="14.45">
      <c r="A9751" s="5"/>
      <c r="B9751" s="21"/>
      <c r="C9751" s="2" t="s">
        <v>29960</v>
      </c>
      <c r="D9751" s="14" t="s">
        <v>29961</v>
      </c>
      <c r="E9751" s="2" t="s">
        <v>29962</v>
      </c>
      <c r="F9751" s="2"/>
      <c r="G9751" s="8">
        <v>258</v>
      </c>
      <c r="H9751" s="5">
        <v>25</v>
      </c>
      <c r="I9751" s="5" t="s">
        <v>69</v>
      </c>
      <c r="J9751" s="5" t="s">
        <v>27074</v>
      </c>
      <c r="K9751" s="2" t="s">
        <v>27075</v>
      </c>
      <c r="L9751" s="5" t="s">
        <v>27074</v>
      </c>
      <c r="M9751" s="2" t="s">
        <v>27075</v>
      </c>
      <c r="N9751" s="5" t="s">
        <v>24254</v>
      </c>
      <c r="O9751" s="5" t="s">
        <v>38</v>
      </c>
      <c r="P9751" s="5" t="s">
        <v>39</v>
      </c>
      <c r="Q9751" s="5" t="s">
        <v>40</v>
      </c>
      <c r="R9751" s="5" t="s">
        <v>24335</v>
      </c>
      <c r="S9751" s="5" t="s">
        <v>40</v>
      </c>
      <c r="T9751" s="5" t="s">
        <v>42</v>
      </c>
      <c r="U9751" s="2">
        <v>7.2370000000000001</v>
      </c>
      <c r="V9751" s="2">
        <v>5.2960000000000003</v>
      </c>
      <c r="W9751" s="2">
        <v>0.129</v>
      </c>
      <c r="X9751" s="2">
        <v>12</v>
      </c>
      <c r="Y9751" s="2">
        <v>62</v>
      </c>
      <c r="Z9751" s="2">
        <v>172.9</v>
      </c>
      <c r="AA9751" s="5">
        <v>10</v>
      </c>
      <c r="AB9751" s="5" t="s">
        <v>43</v>
      </c>
      <c r="AC9751" s="5" t="s">
        <v>44</v>
      </c>
      <c r="AD9751" s="2" t="s">
        <v>29625</v>
      </c>
      <c r="AE9751" s="1"/>
    </row>
    <row r="9752" spans="1:31" ht="14.45">
      <c r="A9752" s="5"/>
      <c r="B9752" s="21"/>
      <c r="C9752" s="2" t="s">
        <v>29963</v>
      </c>
      <c r="D9752" s="14" t="s">
        <v>29964</v>
      </c>
      <c r="E9752" s="2" t="s">
        <v>29965</v>
      </c>
      <c r="F9752" s="2"/>
      <c r="G9752" s="8">
        <v>258</v>
      </c>
      <c r="H9752" s="5">
        <v>25</v>
      </c>
      <c r="I9752" s="5" t="s">
        <v>69</v>
      </c>
      <c r="J9752" s="5" t="s">
        <v>27074</v>
      </c>
      <c r="K9752" s="2" t="s">
        <v>27075</v>
      </c>
      <c r="L9752" s="5" t="s">
        <v>27074</v>
      </c>
      <c r="M9752" s="2" t="s">
        <v>27075</v>
      </c>
      <c r="N9752" s="5" t="s">
        <v>24254</v>
      </c>
      <c r="O9752" s="5" t="s">
        <v>38</v>
      </c>
      <c r="P9752" s="5" t="s">
        <v>39</v>
      </c>
      <c r="Q9752" s="5" t="s">
        <v>40</v>
      </c>
      <c r="R9752" s="5" t="s">
        <v>24335</v>
      </c>
      <c r="S9752" s="5" t="s">
        <v>40</v>
      </c>
      <c r="T9752" s="5" t="s">
        <v>42</v>
      </c>
      <c r="U9752" s="2">
        <v>7.508</v>
      </c>
      <c r="V9752" s="2">
        <v>5.5670000000000002</v>
      </c>
      <c r="W9752" s="2">
        <v>0.129</v>
      </c>
      <c r="X9752" s="2">
        <v>12</v>
      </c>
      <c r="Y9752" s="2">
        <v>62</v>
      </c>
      <c r="Z9752" s="2">
        <v>172.9</v>
      </c>
      <c r="AA9752" s="5">
        <v>10</v>
      </c>
      <c r="AB9752" s="5" t="s">
        <v>43</v>
      </c>
      <c r="AC9752" s="5" t="s">
        <v>44</v>
      </c>
      <c r="AD9752" s="2" t="s">
        <v>29629</v>
      </c>
      <c r="AE9752" s="1"/>
    </row>
    <row r="9753" spans="1:31" ht="14.45">
      <c r="A9753" s="5"/>
      <c r="B9753" s="21"/>
      <c r="C9753" s="2" t="s">
        <v>29966</v>
      </c>
      <c r="D9753" s="14" t="s">
        <v>29967</v>
      </c>
      <c r="E9753" s="2" t="s">
        <v>29968</v>
      </c>
      <c r="F9753" s="2"/>
      <c r="G9753" s="8">
        <v>258</v>
      </c>
      <c r="H9753" s="5">
        <v>25</v>
      </c>
      <c r="I9753" s="5" t="s">
        <v>69</v>
      </c>
      <c r="J9753" s="5" t="s">
        <v>27074</v>
      </c>
      <c r="K9753" s="2" t="s">
        <v>27075</v>
      </c>
      <c r="L9753" s="5" t="s">
        <v>27074</v>
      </c>
      <c r="M9753" s="2" t="s">
        <v>27075</v>
      </c>
      <c r="N9753" s="5" t="s">
        <v>24254</v>
      </c>
      <c r="O9753" s="5" t="s">
        <v>38</v>
      </c>
      <c r="P9753" s="5" t="s">
        <v>39</v>
      </c>
      <c r="Q9753" s="5" t="s">
        <v>40</v>
      </c>
      <c r="R9753" s="5" t="s">
        <v>24335</v>
      </c>
      <c r="S9753" s="5" t="s">
        <v>40</v>
      </c>
      <c r="T9753" s="5" t="s">
        <v>42</v>
      </c>
      <c r="U9753" s="2">
        <v>8.3160000000000007</v>
      </c>
      <c r="V9753" s="2">
        <v>6.375</v>
      </c>
      <c r="W9753" s="2">
        <v>0.129</v>
      </c>
      <c r="X9753" s="2">
        <v>12</v>
      </c>
      <c r="Y9753" s="2">
        <v>62</v>
      </c>
      <c r="Z9753" s="2">
        <v>172.9</v>
      </c>
      <c r="AA9753" s="5">
        <v>10</v>
      </c>
      <c r="AB9753" s="5" t="s">
        <v>43</v>
      </c>
      <c r="AC9753" s="5" t="s">
        <v>44</v>
      </c>
      <c r="AD9753" s="2" t="s">
        <v>29625</v>
      </c>
      <c r="AE9753" s="1"/>
    </row>
    <row r="9754" spans="1:31" ht="14.45">
      <c r="A9754" s="5"/>
      <c r="B9754" s="21"/>
      <c r="C9754" s="2" t="s">
        <v>29969</v>
      </c>
      <c r="D9754" s="14" t="s">
        <v>29970</v>
      </c>
      <c r="E9754" s="2" t="s">
        <v>29971</v>
      </c>
      <c r="F9754" s="2" t="s">
        <v>29636</v>
      </c>
      <c r="G9754" s="8">
        <v>516</v>
      </c>
      <c r="H9754" s="5">
        <v>5</v>
      </c>
      <c r="I9754" s="5" t="s">
        <v>69</v>
      </c>
      <c r="J9754" s="5" t="s">
        <v>27074</v>
      </c>
      <c r="K9754" s="2" t="s">
        <v>27075</v>
      </c>
      <c r="L9754" s="5" t="s">
        <v>27074</v>
      </c>
      <c r="M9754" s="2" t="s">
        <v>27075</v>
      </c>
      <c r="N9754" s="5" t="s">
        <v>24254</v>
      </c>
      <c r="O9754" s="5" t="s">
        <v>38</v>
      </c>
      <c r="P9754" s="5" t="s">
        <v>39</v>
      </c>
      <c r="Q9754" s="5" t="s">
        <v>40</v>
      </c>
      <c r="R9754" s="5" t="s">
        <v>1487</v>
      </c>
      <c r="S9754" s="5"/>
      <c r="T9754" s="5" t="s">
        <v>42</v>
      </c>
      <c r="U9754" s="2">
        <v>0</v>
      </c>
      <c r="V9754" s="2">
        <v>0</v>
      </c>
      <c r="W9754" s="2">
        <v>0</v>
      </c>
      <c r="X9754" s="2">
        <v>0</v>
      </c>
      <c r="Y9754" s="2">
        <v>0</v>
      </c>
      <c r="Z9754" s="2">
        <v>0</v>
      </c>
      <c r="AA9754" s="5"/>
      <c r="AB9754" s="5" t="s">
        <v>43</v>
      </c>
      <c r="AC9754" s="5" t="s">
        <v>44</v>
      </c>
      <c r="AD9754" s="2" t="s">
        <v>29637</v>
      </c>
      <c r="AE9754" s="1"/>
    </row>
    <row r="9755" spans="1:31" ht="14.45">
      <c r="A9755" s="5"/>
      <c r="B9755" s="21"/>
      <c r="C9755" s="2" t="s">
        <v>29972</v>
      </c>
      <c r="D9755" s="14" t="s">
        <v>29973</v>
      </c>
      <c r="E9755" s="2" t="s">
        <v>29974</v>
      </c>
      <c r="F9755" s="2"/>
      <c r="G9755" s="8">
        <v>409</v>
      </c>
      <c r="H9755" s="5">
        <v>25</v>
      </c>
      <c r="I9755" s="5" t="s">
        <v>69</v>
      </c>
      <c r="J9755" s="5" t="s">
        <v>27074</v>
      </c>
      <c r="K9755" s="2" t="s">
        <v>27075</v>
      </c>
      <c r="L9755" s="5" t="s">
        <v>27074</v>
      </c>
      <c r="M9755" s="2" t="s">
        <v>27075</v>
      </c>
      <c r="N9755" s="5" t="s">
        <v>24254</v>
      </c>
      <c r="O9755" s="5" t="s">
        <v>38</v>
      </c>
      <c r="P9755" s="5" t="s">
        <v>39</v>
      </c>
      <c r="Q9755" s="5" t="s">
        <v>40</v>
      </c>
      <c r="R9755" s="5" t="s">
        <v>24340</v>
      </c>
      <c r="S9755" s="5" t="s">
        <v>40</v>
      </c>
      <c r="T9755" s="5" t="s">
        <v>42</v>
      </c>
      <c r="U9755" s="2">
        <v>18.902000000000001</v>
      </c>
      <c r="V9755" s="2">
        <v>16.925999999999998</v>
      </c>
      <c r="W9755" s="2">
        <v>0.129</v>
      </c>
      <c r="X9755" s="2">
        <v>12</v>
      </c>
      <c r="Y9755" s="2">
        <v>62</v>
      </c>
      <c r="Z9755" s="2">
        <v>172.9</v>
      </c>
      <c r="AA9755" s="5">
        <v>8</v>
      </c>
      <c r="AB9755" s="5" t="s">
        <v>43</v>
      </c>
      <c r="AC9755" s="5" t="s">
        <v>44</v>
      </c>
      <c r="AD9755" s="2" t="s">
        <v>29641</v>
      </c>
      <c r="AE9755" s="1"/>
    </row>
    <row r="9756" spans="1:31" ht="14.45">
      <c r="A9756" s="5"/>
      <c r="B9756" s="21"/>
      <c r="C9756" s="2" t="s">
        <v>29975</v>
      </c>
      <c r="D9756" s="14" t="s">
        <v>29976</v>
      </c>
      <c r="E9756" s="2" t="s">
        <v>29977</v>
      </c>
      <c r="F9756" s="2"/>
      <c r="G9756" s="8">
        <v>409</v>
      </c>
      <c r="H9756" s="5">
        <v>25</v>
      </c>
      <c r="I9756" s="5" t="s">
        <v>69</v>
      </c>
      <c r="J9756" s="5" t="s">
        <v>27074</v>
      </c>
      <c r="K9756" s="2" t="s">
        <v>27075</v>
      </c>
      <c r="L9756" s="5" t="s">
        <v>27074</v>
      </c>
      <c r="M9756" s="2" t="s">
        <v>27075</v>
      </c>
      <c r="N9756" s="5" t="s">
        <v>24254</v>
      </c>
      <c r="O9756" s="5" t="s">
        <v>38</v>
      </c>
      <c r="P9756" s="5" t="s">
        <v>39</v>
      </c>
      <c r="Q9756" s="5" t="s">
        <v>40</v>
      </c>
      <c r="R9756" s="5" t="s">
        <v>24340</v>
      </c>
      <c r="S9756" s="5" t="s">
        <v>40</v>
      </c>
      <c r="T9756" s="5" t="s">
        <v>42</v>
      </c>
      <c r="U9756" s="2">
        <v>16.201000000000001</v>
      </c>
      <c r="V9756" s="2">
        <v>14.226000000000001</v>
      </c>
      <c r="W9756" s="2">
        <v>0.129</v>
      </c>
      <c r="X9756" s="2">
        <v>12</v>
      </c>
      <c r="Y9756" s="2">
        <v>62</v>
      </c>
      <c r="Z9756" s="2">
        <v>172.9</v>
      </c>
      <c r="AA9756" s="5">
        <v>8</v>
      </c>
      <c r="AB9756" s="5" t="s">
        <v>43</v>
      </c>
      <c r="AC9756" s="5" t="s">
        <v>44</v>
      </c>
      <c r="AD9756" s="2" t="s">
        <v>29641</v>
      </c>
      <c r="AE9756" s="1"/>
    </row>
    <row r="9757" spans="1:31" ht="14.45">
      <c r="A9757" s="5"/>
      <c r="B9757" s="21"/>
      <c r="C9757" s="2" t="s">
        <v>29978</v>
      </c>
      <c r="D9757" s="14" t="s">
        <v>29979</v>
      </c>
      <c r="E9757" s="2" t="s">
        <v>29980</v>
      </c>
      <c r="F9757" s="2"/>
      <c r="G9757" s="8">
        <v>409</v>
      </c>
      <c r="H9757" s="5">
        <v>25</v>
      </c>
      <c r="I9757" s="5" t="s">
        <v>69</v>
      </c>
      <c r="J9757" s="5" t="s">
        <v>27074</v>
      </c>
      <c r="K9757" s="2" t="s">
        <v>27075</v>
      </c>
      <c r="L9757" s="5" t="s">
        <v>27074</v>
      </c>
      <c r="M9757" s="2" t="s">
        <v>27075</v>
      </c>
      <c r="N9757" s="5" t="s">
        <v>24254</v>
      </c>
      <c r="O9757" s="5" t="s">
        <v>38</v>
      </c>
      <c r="P9757" s="5" t="s">
        <v>39</v>
      </c>
      <c r="Q9757" s="5" t="s">
        <v>40</v>
      </c>
      <c r="R9757" s="5" t="s">
        <v>24340</v>
      </c>
      <c r="S9757" s="5" t="s">
        <v>40</v>
      </c>
      <c r="T9757" s="5" t="s">
        <v>42</v>
      </c>
      <c r="U9757" s="2">
        <v>13.625999999999999</v>
      </c>
      <c r="V9757" s="2">
        <v>11.682</v>
      </c>
      <c r="W9757" s="2">
        <v>0.129</v>
      </c>
      <c r="X9757" s="2">
        <v>12</v>
      </c>
      <c r="Y9757" s="2">
        <v>62</v>
      </c>
      <c r="Z9757" s="2">
        <v>172.9</v>
      </c>
      <c r="AA9757" s="5">
        <v>8</v>
      </c>
      <c r="AB9757" s="5" t="s">
        <v>43</v>
      </c>
      <c r="AC9757" s="5" t="s">
        <v>44</v>
      </c>
      <c r="AD9757" s="2" t="s">
        <v>29641</v>
      </c>
      <c r="AE9757" s="1"/>
    </row>
    <row r="9758" spans="1:31" ht="14.45">
      <c r="A9758" s="5"/>
      <c r="B9758" s="21"/>
      <c r="C9758" s="2" t="s">
        <v>29981</v>
      </c>
      <c r="D9758" s="14" t="s">
        <v>29982</v>
      </c>
      <c r="E9758" s="2" t="s">
        <v>29983</v>
      </c>
      <c r="F9758" s="2" t="s">
        <v>29652</v>
      </c>
      <c r="G9758" s="8">
        <v>992</v>
      </c>
      <c r="H9758" s="5">
        <v>15</v>
      </c>
      <c r="I9758" s="5" t="s">
        <v>69</v>
      </c>
      <c r="J9758" s="5" t="s">
        <v>27074</v>
      </c>
      <c r="K9758" s="2" t="s">
        <v>27075</v>
      </c>
      <c r="L9758" s="5" t="s">
        <v>27074</v>
      </c>
      <c r="M9758" s="2" t="s">
        <v>27075</v>
      </c>
      <c r="N9758" s="5" t="s">
        <v>24254</v>
      </c>
      <c r="O9758" s="5" t="s">
        <v>38</v>
      </c>
      <c r="P9758" s="5" t="s">
        <v>39</v>
      </c>
      <c r="Q9758" s="5" t="s">
        <v>40</v>
      </c>
      <c r="R9758" s="5" t="s">
        <v>1487</v>
      </c>
      <c r="S9758" s="5"/>
      <c r="T9758" s="5" t="s">
        <v>42</v>
      </c>
      <c r="U9758" s="2">
        <v>0</v>
      </c>
      <c r="V9758" s="2">
        <v>0</v>
      </c>
      <c r="W9758" s="2">
        <v>0</v>
      </c>
      <c r="X9758" s="2">
        <v>0</v>
      </c>
      <c r="Y9758" s="2">
        <v>0</v>
      </c>
      <c r="Z9758" s="2">
        <v>0</v>
      </c>
      <c r="AA9758" s="5"/>
      <c r="AB9758" s="5" t="s">
        <v>43</v>
      </c>
      <c r="AC9758" s="5" t="s">
        <v>44</v>
      </c>
      <c r="AD9758" s="2" t="s">
        <v>29653</v>
      </c>
      <c r="AE9758" s="1"/>
    </row>
    <row r="9759" spans="1:31" ht="14.45">
      <c r="A9759" s="5"/>
      <c r="B9759" s="21"/>
      <c r="C9759" s="2" t="s">
        <v>29984</v>
      </c>
      <c r="D9759" s="14" t="s">
        <v>29985</v>
      </c>
      <c r="E9759" s="2" t="s">
        <v>29986</v>
      </c>
      <c r="F9759" s="2" t="s">
        <v>29652</v>
      </c>
      <c r="G9759" s="8">
        <v>992</v>
      </c>
      <c r="H9759" s="5">
        <v>15</v>
      </c>
      <c r="I9759" s="5" t="s">
        <v>69</v>
      </c>
      <c r="J9759" s="5" t="s">
        <v>27074</v>
      </c>
      <c r="K9759" s="2" t="s">
        <v>27075</v>
      </c>
      <c r="L9759" s="5" t="s">
        <v>27074</v>
      </c>
      <c r="M9759" s="2" t="s">
        <v>27075</v>
      </c>
      <c r="N9759" s="5" t="s">
        <v>24254</v>
      </c>
      <c r="O9759" s="5" t="s">
        <v>38</v>
      </c>
      <c r="P9759" s="5" t="s">
        <v>39</v>
      </c>
      <c r="Q9759" s="5" t="s">
        <v>40</v>
      </c>
      <c r="R9759" s="5" t="s">
        <v>1487</v>
      </c>
      <c r="S9759" s="5"/>
      <c r="T9759" s="5" t="s">
        <v>42</v>
      </c>
      <c r="U9759" s="2">
        <v>0</v>
      </c>
      <c r="V9759" s="2">
        <v>0</v>
      </c>
      <c r="W9759" s="2">
        <v>0</v>
      </c>
      <c r="X9759" s="2">
        <v>0</v>
      </c>
      <c r="Y9759" s="2">
        <v>0</v>
      </c>
      <c r="Z9759" s="2">
        <v>0</v>
      </c>
      <c r="AA9759" s="5"/>
      <c r="AB9759" s="5" t="s">
        <v>43</v>
      </c>
      <c r="AC9759" s="5" t="s">
        <v>44</v>
      </c>
      <c r="AD9759" s="2" t="s">
        <v>29657</v>
      </c>
      <c r="AE9759" s="1"/>
    </row>
    <row r="9760" spans="1:31" ht="14.45">
      <c r="A9760" s="5"/>
      <c r="B9760" s="21"/>
      <c r="C9760" s="2" t="s">
        <v>29987</v>
      </c>
      <c r="D9760" s="14" t="s">
        <v>29988</v>
      </c>
      <c r="E9760" s="2" t="s">
        <v>29989</v>
      </c>
      <c r="F9760" s="2" t="s">
        <v>29652</v>
      </c>
      <c r="G9760" s="8">
        <v>1656</v>
      </c>
      <c r="H9760" s="5">
        <v>15</v>
      </c>
      <c r="I9760" s="5" t="s">
        <v>69</v>
      </c>
      <c r="J9760" s="5" t="s">
        <v>27074</v>
      </c>
      <c r="K9760" s="2" t="s">
        <v>27075</v>
      </c>
      <c r="L9760" s="5" t="s">
        <v>27074</v>
      </c>
      <c r="M9760" s="2" t="s">
        <v>27075</v>
      </c>
      <c r="N9760" s="5" t="s">
        <v>24254</v>
      </c>
      <c r="O9760" s="5" t="s">
        <v>38</v>
      </c>
      <c r="P9760" s="5" t="s">
        <v>39</v>
      </c>
      <c r="Q9760" s="5" t="s">
        <v>40</v>
      </c>
      <c r="R9760" s="5" t="s">
        <v>1487</v>
      </c>
      <c r="S9760" s="5"/>
      <c r="T9760" s="5" t="s">
        <v>42</v>
      </c>
      <c r="U9760" s="2">
        <v>0</v>
      </c>
      <c r="V9760" s="2">
        <v>0</v>
      </c>
      <c r="W9760" s="2">
        <v>0</v>
      </c>
      <c r="X9760" s="2">
        <v>0</v>
      </c>
      <c r="Y9760" s="2">
        <v>0</v>
      </c>
      <c r="Z9760" s="2">
        <v>0</v>
      </c>
      <c r="AA9760" s="5"/>
      <c r="AB9760" s="5" t="s">
        <v>43</v>
      </c>
      <c r="AC9760" s="5" t="s">
        <v>44</v>
      </c>
      <c r="AD9760" s="2" t="s">
        <v>29661</v>
      </c>
      <c r="AE9760" s="1"/>
    </row>
    <row r="9761" spans="1:31" ht="14.45">
      <c r="A9761" s="5"/>
      <c r="B9761" s="21"/>
      <c r="C9761" s="2" t="s">
        <v>29990</v>
      </c>
      <c r="D9761" s="14" t="s">
        <v>29991</v>
      </c>
      <c r="E9761" s="2" t="s">
        <v>29992</v>
      </c>
      <c r="F9761" s="2" t="s">
        <v>29652</v>
      </c>
      <c r="G9761" s="8">
        <v>1656</v>
      </c>
      <c r="H9761" s="5">
        <v>15</v>
      </c>
      <c r="I9761" s="5" t="s">
        <v>69</v>
      </c>
      <c r="J9761" s="5" t="s">
        <v>27074</v>
      </c>
      <c r="K9761" s="2" t="s">
        <v>27075</v>
      </c>
      <c r="L9761" s="5" t="s">
        <v>27074</v>
      </c>
      <c r="M9761" s="2" t="s">
        <v>27075</v>
      </c>
      <c r="N9761" s="5" t="s">
        <v>24254</v>
      </c>
      <c r="O9761" s="5" t="s">
        <v>38</v>
      </c>
      <c r="P9761" s="5" t="s">
        <v>39</v>
      </c>
      <c r="Q9761" s="5" t="s">
        <v>40</v>
      </c>
      <c r="R9761" s="5" t="s">
        <v>1487</v>
      </c>
      <c r="S9761" s="5"/>
      <c r="T9761" s="5" t="s">
        <v>42</v>
      </c>
      <c r="U9761" s="2">
        <v>0</v>
      </c>
      <c r="V9761" s="2">
        <v>0</v>
      </c>
      <c r="W9761" s="2">
        <v>0</v>
      </c>
      <c r="X9761" s="2">
        <v>0</v>
      </c>
      <c r="Y9761" s="2">
        <v>0</v>
      </c>
      <c r="Z9761" s="2">
        <v>0</v>
      </c>
      <c r="AA9761" s="5"/>
      <c r="AB9761" s="5" t="s">
        <v>43</v>
      </c>
      <c r="AC9761" s="5" t="s">
        <v>44</v>
      </c>
      <c r="AD9761" s="2" t="s">
        <v>29665</v>
      </c>
      <c r="AE9761" s="1"/>
    </row>
    <row r="9762" spans="1:31" ht="14.45">
      <c r="A9762" s="5"/>
      <c r="B9762" s="21"/>
      <c r="C9762" s="2" t="s">
        <v>29993</v>
      </c>
      <c r="D9762" s="14" t="s">
        <v>29994</v>
      </c>
      <c r="E9762" s="2" t="s">
        <v>29995</v>
      </c>
      <c r="F9762" s="2"/>
      <c r="G9762" s="8">
        <v>271</v>
      </c>
      <c r="H9762" s="5">
        <v>5</v>
      </c>
      <c r="I9762" s="5" t="s">
        <v>69</v>
      </c>
      <c r="J9762" s="5" t="s">
        <v>27074</v>
      </c>
      <c r="K9762" s="2" t="s">
        <v>27075</v>
      </c>
      <c r="L9762" s="5" t="s">
        <v>27074</v>
      </c>
      <c r="M9762" s="2" t="s">
        <v>27075</v>
      </c>
      <c r="N9762" s="5" t="s">
        <v>24254</v>
      </c>
      <c r="O9762" s="5" t="s">
        <v>38</v>
      </c>
      <c r="P9762" s="5" t="s">
        <v>39</v>
      </c>
      <c r="Q9762" s="5" t="s">
        <v>40</v>
      </c>
      <c r="R9762" s="5" t="s">
        <v>24335</v>
      </c>
      <c r="S9762" s="5" t="s">
        <v>40</v>
      </c>
      <c r="T9762" s="5" t="s">
        <v>42</v>
      </c>
      <c r="U9762" s="2">
        <v>13.536</v>
      </c>
      <c r="V9762" s="2">
        <v>10.782999999999999</v>
      </c>
      <c r="W9762" s="2">
        <v>0.14899999999999999</v>
      </c>
      <c r="X9762" s="2">
        <v>12</v>
      </c>
      <c r="Y9762" s="2">
        <v>62</v>
      </c>
      <c r="Z9762" s="2">
        <v>199.7</v>
      </c>
      <c r="AA9762" s="5">
        <v>8</v>
      </c>
      <c r="AB9762" s="5" t="s">
        <v>43</v>
      </c>
      <c r="AC9762" s="5" t="s">
        <v>44</v>
      </c>
      <c r="AD9762" s="2" t="s">
        <v>29611</v>
      </c>
      <c r="AE9762" s="1"/>
    </row>
    <row r="9763" spans="1:31" ht="14.45">
      <c r="A9763" s="5"/>
      <c r="B9763" s="21"/>
      <c r="C9763" s="2" t="s">
        <v>29996</v>
      </c>
      <c r="D9763" s="14" t="s">
        <v>29997</v>
      </c>
      <c r="E9763" s="2" t="s">
        <v>29998</v>
      </c>
      <c r="F9763" s="2"/>
      <c r="G9763" s="8">
        <v>271</v>
      </c>
      <c r="H9763" s="5">
        <v>5</v>
      </c>
      <c r="I9763" s="5" t="s">
        <v>69</v>
      </c>
      <c r="J9763" s="5" t="s">
        <v>27074</v>
      </c>
      <c r="K9763" s="2" t="s">
        <v>27075</v>
      </c>
      <c r="L9763" s="5" t="s">
        <v>27074</v>
      </c>
      <c r="M9763" s="2" t="s">
        <v>27075</v>
      </c>
      <c r="N9763" s="5" t="s">
        <v>24254</v>
      </c>
      <c r="O9763" s="5" t="s">
        <v>38</v>
      </c>
      <c r="P9763" s="5" t="s">
        <v>39</v>
      </c>
      <c r="Q9763" s="5" t="s">
        <v>40</v>
      </c>
      <c r="R9763" s="5" t="s">
        <v>24335</v>
      </c>
      <c r="S9763" s="5" t="s">
        <v>40</v>
      </c>
      <c r="T9763" s="5" t="s">
        <v>42</v>
      </c>
      <c r="U9763" s="2">
        <v>11.199</v>
      </c>
      <c r="V9763" s="2">
        <v>9.0239999999999991</v>
      </c>
      <c r="W9763" s="2">
        <v>0.129</v>
      </c>
      <c r="X9763" s="2">
        <v>12</v>
      </c>
      <c r="Y9763" s="2">
        <v>62</v>
      </c>
      <c r="Z9763" s="2">
        <v>172.9</v>
      </c>
      <c r="AA9763" s="5">
        <v>8</v>
      </c>
      <c r="AB9763" s="5" t="s">
        <v>43</v>
      </c>
      <c r="AC9763" s="5" t="s">
        <v>44</v>
      </c>
      <c r="AD9763" s="2" t="s">
        <v>29611</v>
      </c>
      <c r="AE9763" s="1"/>
    </row>
    <row r="9764" spans="1:31" ht="14.45">
      <c r="A9764" s="5"/>
      <c r="B9764" s="21"/>
      <c r="C9764" s="2" t="s">
        <v>29999</v>
      </c>
      <c r="D9764" s="14" t="s">
        <v>30000</v>
      </c>
      <c r="E9764" s="2" t="s">
        <v>30001</v>
      </c>
      <c r="F9764" s="2"/>
      <c r="G9764" s="8">
        <v>271</v>
      </c>
      <c r="H9764" s="5">
        <v>5</v>
      </c>
      <c r="I9764" s="5" t="s">
        <v>69</v>
      </c>
      <c r="J9764" s="5" t="s">
        <v>27074</v>
      </c>
      <c r="K9764" s="2" t="s">
        <v>27075</v>
      </c>
      <c r="L9764" s="5" t="s">
        <v>27074</v>
      </c>
      <c r="M9764" s="2" t="s">
        <v>27075</v>
      </c>
      <c r="N9764" s="5" t="s">
        <v>24254</v>
      </c>
      <c r="O9764" s="5" t="s">
        <v>38</v>
      </c>
      <c r="P9764" s="5" t="s">
        <v>39</v>
      </c>
      <c r="Q9764" s="5" t="s">
        <v>40</v>
      </c>
      <c r="R9764" s="5" t="s">
        <v>24335</v>
      </c>
      <c r="S9764" s="5" t="s">
        <v>40</v>
      </c>
      <c r="T9764" s="5" t="s">
        <v>42</v>
      </c>
      <c r="U9764" s="2">
        <v>10.459</v>
      </c>
      <c r="V9764" s="2">
        <v>7.7380000000000004</v>
      </c>
      <c r="W9764" s="2">
        <v>0.129</v>
      </c>
      <c r="X9764" s="2">
        <v>12</v>
      </c>
      <c r="Y9764" s="2">
        <v>62</v>
      </c>
      <c r="Z9764" s="2">
        <v>172.9</v>
      </c>
      <c r="AA9764" s="5">
        <v>8</v>
      </c>
      <c r="AB9764" s="5" t="s">
        <v>43</v>
      </c>
      <c r="AC9764" s="5" t="s">
        <v>44</v>
      </c>
      <c r="AD9764" s="2" t="s">
        <v>29611</v>
      </c>
      <c r="AE9764" s="1"/>
    </row>
    <row r="9765" spans="1:31" ht="14.45">
      <c r="A9765" s="5"/>
      <c r="B9765" s="21"/>
      <c r="C9765" s="2" t="s">
        <v>30002</v>
      </c>
      <c r="D9765" s="14" t="s">
        <v>30003</v>
      </c>
      <c r="E9765" s="2" t="s">
        <v>30004</v>
      </c>
      <c r="F9765" s="2"/>
      <c r="G9765" s="8">
        <v>271</v>
      </c>
      <c r="H9765" s="5">
        <v>25</v>
      </c>
      <c r="I9765" s="5" t="s">
        <v>69</v>
      </c>
      <c r="J9765" s="5" t="s">
        <v>27074</v>
      </c>
      <c r="K9765" s="2" t="s">
        <v>27075</v>
      </c>
      <c r="L9765" s="5" t="s">
        <v>27074</v>
      </c>
      <c r="M9765" s="2" t="s">
        <v>27075</v>
      </c>
      <c r="N9765" s="5" t="s">
        <v>24254</v>
      </c>
      <c r="O9765" s="5" t="s">
        <v>38</v>
      </c>
      <c r="P9765" s="5" t="s">
        <v>39</v>
      </c>
      <c r="Q9765" s="5" t="s">
        <v>40</v>
      </c>
      <c r="R9765" s="5" t="s">
        <v>24335</v>
      </c>
      <c r="S9765" s="5" t="s">
        <v>40</v>
      </c>
      <c r="T9765" s="5" t="s">
        <v>42</v>
      </c>
      <c r="U9765" s="2">
        <v>9.2769999999999992</v>
      </c>
      <c r="V9765" s="2">
        <v>6.5590000000000002</v>
      </c>
      <c r="W9765" s="2">
        <v>0.14899999999999999</v>
      </c>
      <c r="X9765" s="2">
        <v>12</v>
      </c>
      <c r="Y9765" s="2">
        <v>62</v>
      </c>
      <c r="Z9765" s="2">
        <v>199.7</v>
      </c>
      <c r="AA9765" s="5">
        <v>10</v>
      </c>
      <c r="AB9765" s="5" t="s">
        <v>43</v>
      </c>
      <c r="AC9765" s="5" t="s">
        <v>44</v>
      </c>
      <c r="AD9765" s="2" t="s">
        <v>29747</v>
      </c>
      <c r="AE9765" s="1"/>
    </row>
    <row r="9766" spans="1:31" ht="14.45">
      <c r="A9766" s="5"/>
      <c r="B9766" s="21"/>
      <c r="C9766" s="2" t="s">
        <v>30005</v>
      </c>
      <c r="D9766" s="14" t="s">
        <v>30006</v>
      </c>
      <c r="E9766" s="2" t="s">
        <v>30007</v>
      </c>
      <c r="F9766" s="2"/>
      <c r="G9766" s="8">
        <v>271</v>
      </c>
      <c r="H9766" s="5">
        <v>25</v>
      </c>
      <c r="I9766" s="5" t="s">
        <v>69</v>
      </c>
      <c r="J9766" s="5" t="s">
        <v>27074</v>
      </c>
      <c r="K9766" s="2" t="s">
        <v>27075</v>
      </c>
      <c r="L9766" s="5" t="s">
        <v>27074</v>
      </c>
      <c r="M9766" s="2" t="s">
        <v>27075</v>
      </c>
      <c r="N9766" s="5" t="s">
        <v>24254</v>
      </c>
      <c r="O9766" s="5" t="s">
        <v>38</v>
      </c>
      <c r="P9766" s="5" t="s">
        <v>39</v>
      </c>
      <c r="Q9766" s="5" t="s">
        <v>40</v>
      </c>
      <c r="R9766" s="5" t="s">
        <v>24335</v>
      </c>
      <c r="S9766" s="5" t="s">
        <v>40</v>
      </c>
      <c r="T9766" s="5" t="s">
        <v>42</v>
      </c>
      <c r="U9766" s="2">
        <v>9.9990000000000006</v>
      </c>
      <c r="V9766" s="2">
        <v>7.2809999999999997</v>
      </c>
      <c r="W9766" s="2">
        <v>0.14899999999999999</v>
      </c>
      <c r="X9766" s="2">
        <v>12</v>
      </c>
      <c r="Y9766" s="2">
        <v>62</v>
      </c>
      <c r="Z9766" s="2">
        <v>199.7</v>
      </c>
      <c r="AA9766" s="5">
        <v>10</v>
      </c>
      <c r="AB9766" s="5" t="s">
        <v>43</v>
      </c>
      <c r="AC9766" s="5" t="s">
        <v>44</v>
      </c>
      <c r="AD9766" s="2" t="s">
        <v>29621</v>
      </c>
      <c r="AE9766" s="1"/>
    </row>
    <row r="9767" spans="1:31" ht="14.45">
      <c r="A9767" s="5"/>
      <c r="B9767" s="21"/>
      <c r="C9767" s="2" t="s">
        <v>30008</v>
      </c>
      <c r="D9767" s="14" t="s">
        <v>30009</v>
      </c>
      <c r="E9767" s="2" t="s">
        <v>30010</v>
      </c>
      <c r="F9767" s="2"/>
      <c r="G9767" s="8">
        <v>271</v>
      </c>
      <c r="H9767" s="5">
        <v>25</v>
      </c>
      <c r="I9767" s="5" t="s">
        <v>69</v>
      </c>
      <c r="J9767" s="5" t="s">
        <v>27074</v>
      </c>
      <c r="K9767" s="2" t="s">
        <v>27075</v>
      </c>
      <c r="L9767" s="5" t="s">
        <v>27074</v>
      </c>
      <c r="M9767" s="2" t="s">
        <v>27075</v>
      </c>
      <c r="N9767" s="5" t="s">
        <v>24254</v>
      </c>
      <c r="O9767" s="5" t="s">
        <v>38</v>
      </c>
      <c r="P9767" s="5" t="s">
        <v>39</v>
      </c>
      <c r="Q9767" s="5" t="s">
        <v>40</v>
      </c>
      <c r="R9767" s="5" t="s">
        <v>24335</v>
      </c>
      <c r="S9767" s="5" t="s">
        <v>40</v>
      </c>
      <c r="T9767" s="5" t="s">
        <v>42</v>
      </c>
      <c r="U9767" s="2">
        <v>6.8419999999999996</v>
      </c>
      <c r="V9767" s="2">
        <v>4.9009999999999998</v>
      </c>
      <c r="W9767" s="2">
        <v>0.129</v>
      </c>
      <c r="X9767" s="2">
        <v>12</v>
      </c>
      <c r="Y9767" s="2">
        <v>62</v>
      </c>
      <c r="Z9767" s="2">
        <v>172.9</v>
      </c>
      <c r="AA9767" s="5">
        <v>10</v>
      </c>
      <c r="AB9767" s="5" t="s">
        <v>43</v>
      </c>
      <c r="AC9767" s="5" t="s">
        <v>44</v>
      </c>
      <c r="AD9767" s="2" t="s">
        <v>29629</v>
      </c>
      <c r="AE9767" s="1"/>
    </row>
    <row r="9768" spans="1:31" ht="14.45">
      <c r="A9768" s="5"/>
      <c r="B9768" s="21"/>
      <c r="C9768" s="2" t="s">
        <v>30011</v>
      </c>
      <c r="D9768" s="14" t="s">
        <v>30012</v>
      </c>
      <c r="E9768" s="2" t="s">
        <v>30013</v>
      </c>
      <c r="F9768" s="2"/>
      <c r="G9768" s="8">
        <v>271</v>
      </c>
      <c r="H9768" s="5">
        <v>25</v>
      </c>
      <c r="I9768" s="5" t="s">
        <v>69</v>
      </c>
      <c r="J9768" s="5" t="s">
        <v>27074</v>
      </c>
      <c r="K9768" s="2" t="s">
        <v>27075</v>
      </c>
      <c r="L9768" s="5" t="s">
        <v>27074</v>
      </c>
      <c r="M9768" s="2" t="s">
        <v>27075</v>
      </c>
      <c r="N9768" s="5" t="s">
        <v>24254</v>
      </c>
      <c r="O9768" s="5" t="s">
        <v>38</v>
      </c>
      <c r="P9768" s="5" t="s">
        <v>39</v>
      </c>
      <c r="Q9768" s="5" t="s">
        <v>40</v>
      </c>
      <c r="R9768" s="5" t="s">
        <v>24335</v>
      </c>
      <c r="S9768" s="5" t="s">
        <v>40</v>
      </c>
      <c r="T9768" s="5" t="s">
        <v>42</v>
      </c>
      <c r="U9768" s="2">
        <v>7.5659999999999998</v>
      </c>
      <c r="V9768" s="2">
        <v>5.625</v>
      </c>
      <c r="W9768" s="2">
        <v>0.129</v>
      </c>
      <c r="X9768" s="2">
        <v>12</v>
      </c>
      <c r="Y9768" s="2">
        <v>62</v>
      </c>
      <c r="Z9768" s="2">
        <v>172.9</v>
      </c>
      <c r="AA9768" s="5">
        <v>10</v>
      </c>
      <c r="AB9768" s="5" t="s">
        <v>43</v>
      </c>
      <c r="AC9768" s="5" t="s">
        <v>44</v>
      </c>
      <c r="AD9768" s="2" t="s">
        <v>29625</v>
      </c>
      <c r="AE9768" s="1"/>
    </row>
    <row r="9769" spans="1:31" ht="14.45">
      <c r="A9769" s="5"/>
      <c r="B9769" s="21"/>
      <c r="C9769" s="2" t="s">
        <v>30014</v>
      </c>
      <c r="D9769" s="14" t="s">
        <v>30015</v>
      </c>
      <c r="E9769" s="2" t="s">
        <v>30016</v>
      </c>
      <c r="F9769" s="2"/>
      <c r="G9769" s="8">
        <v>271</v>
      </c>
      <c r="H9769" s="5">
        <v>25</v>
      </c>
      <c r="I9769" s="5" t="s">
        <v>69</v>
      </c>
      <c r="J9769" s="5" t="s">
        <v>27074</v>
      </c>
      <c r="K9769" s="2" t="s">
        <v>27075</v>
      </c>
      <c r="L9769" s="5" t="s">
        <v>27074</v>
      </c>
      <c r="M9769" s="2" t="s">
        <v>27075</v>
      </c>
      <c r="N9769" s="5" t="s">
        <v>24254</v>
      </c>
      <c r="O9769" s="5" t="s">
        <v>38</v>
      </c>
      <c r="P9769" s="5" t="s">
        <v>39</v>
      </c>
      <c r="Q9769" s="5" t="s">
        <v>40</v>
      </c>
      <c r="R9769" s="5" t="s">
        <v>24335</v>
      </c>
      <c r="S9769" s="5" t="s">
        <v>40</v>
      </c>
      <c r="T9769" s="5" t="s">
        <v>42</v>
      </c>
      <c r="U9769" s="2">
        <v>7.9960000000000004</v>
      </c>
      <c r="V9769" s="2">
        <v>6.0549999999999997</v>
      </c>
      <c r="W9769" s="2">
        <v>0.129</v>
      </c>
      <c r="X9769" s="2">
        <v>12</v>
      </c>
      <c r="Y9769" s="2">
        <v>62</v>
      </c>
      <c r="Z9769" s="2">
        <v>172.9</v>
      </c>
      <c r="AA9769" s="5">
        <v>10</v>
      </c>
      <c r="AB9769" s="5" t="s">
        <v>43</v>
      </c>
      <c r="AC9769" s="5" t="s">
        <v>44</v>
      </c>
      <c r="AD9769" s="2" t="s">
        <v>29629</v>
      </c>
      <c r="AE9769" s="1"/>
    </row>
    <row r="9770" spans="1:31" ht="14.45">
      <c r="A9770" s="5"/>
      <c r="B9770" s="21"/>
      <c r="C9770" s="2" t="s">
        <v>30017</v>
      </c>
      <c r="D9770" s="14" t="s">
        <v>30018</v>
      </c>
      <c r="E9770" s="2" t="s">
        <v>30019</v>
      </c>
      <c r="F9770" s="2"/>
      <c r="G9770" s="8">
        <v>271</v>
      </c>
      <c r="H9770" s="5">
        <v>25</v>
      </c>
      <c r="I9770" s="5" t="s">
        <v>69</v>
      </c>
      <c r="J9770" s="5" t="s">
        <v>27074</v>
      </c>
      <c r="K9770" s="2" t="s">
        <v>27075</v>
      </c>
      <c r="L9770" s="5" t="s">
        <v>27074</v>
      </c>
      <c r="M9770" s="2" t="s">
        <v>27075</v>
      </c>
      <c r="N9770" s="5" t="s">
        <v>24254</v>
      </c>
      <c r="O9770" s="5" t="s">
        <v>38</v>
      </c>
      <c r="P9770" s="5" t="s">
        <v>39</v>
      </c>
      <c r="Q9770" s="5" t="s">
        <v>40</v>
      </c>
      <c r="R9770" s="5" t="s">
        <v>24335</v>
      </c>
      <c r="S9770" s="5" t="s">
        <v>40</v>
      </c>
      <c r="T9770" s="5" t="s">
        <v>42</v>
      </c>
      <c r="U9770" s="2">
        <v>8.8040000000000003</v>
      </c>
      <c r="V9770" s="2">
        <v>6.8630000000000004</v>
      </c>
      <c r="W9770" s="2">
        <v>0.129</v>
      </c>
      <c r="X9770" s="2">
        <v>12</v>
      </c>
      <c r="Y9770" s="2">
        <v>62</v>
      </c>
      <c r="Z9770" s="2">
        <v>172.9</v>
      </c>
      <c r="AA9770" s="5">
        <v>10</v>
      </c>
      <c r="AB9770" s="5" t="s">
        <v>43</v>
      </c>
      <c r="AC9770" s="5" t="s">
        <v>44</v>
      </c>
      <c r="AD9770" s="2" t="s">
        <v>29625</v>
      </c>
      <c r="AE9770" s="1"/>
    </row>
    <row r="9771" spans="1:31" ht="14.45">
      <c r="A9771" s="5"/>
      <c r="B9771" s="21"/>
      <c r="C9771" s="2" t="s">
        <v>30020</v>
      </c>
      <c r="D9771" s="14" t="s">
        <v>30021</v>
      </c>
      <c r="E9771" s="2" t="s">
        <v>30022</v>
      </c>
      <c r="F9771" s="2" t="s">
        <v>29636</v>
      </c>
      <c r="G9771" s="8">
        <v>542</v>
      </c>
      <c r="H9771" s="5">
        <v>5</v>
      </c>
      <c r="I9771" s="5" t="s">
        <v>69</v>
      </c>
      <c r="J9771" s="5" t="s">
        <v>27074</v>
      </c>
      <c r="K9771" s="2" t="s">
        <v>27075</v>
      </c>
      <c r="L9771" s="5" t="s">
        <v>27074</v>
      </c>
      <c r="M9771" s="2" t="s">
        <v>27075</v>
      </c>
      <c r="N9771" s="5" t="s">
        <v>24254</v>
      </c>
      <c r="O9771" s="5" t="s">
        <v>38</v>
      </c>
      <c r="P9771" s="5" t="s">
        <v>39</v>
      </c>
      <c r="Q9771" s="5" t="s">
        <v>40</v>
      </c>
      <c r="R9771" s="5" t="s">
        <v>1487</v>
      </c>
      <c r="S9771" s="5"/>
      <c r="T9771" s="5" t="s">
        <v>42</v>
      </c>
      <c r="U9771" s="2">
        <v>0</v>
      </c>
      <c r="V9771" s="2">
        <v>0</v>
      </c>
      <c r="W9771" s="2">
        <v>0</v>
      </c>
      <c r="X9771" s="2">
        <v>0</v>
      </c>
      <c r="Y9771" s="2">
        <v>0</v>
      </c>
      <c r="Z9771" s="2">
        <v>0</v>
      </c>
      <c r="AA9771" s="5"/>
      <c r="AB9771" s="5" t="s">
        <v>43</v>
      </c>
      <c r="AC9771" s="5" t="s">
        <v>44</v>
      </c>
      <c r="AD9771" s="2" t="s">
        <v>29637</v>
      </c>
      <c r="AE9771" s="1"/>
    </row>
    <row r="9772" spans="1:31" ht="14.45">
      <c r="A9772" s="5"/>
      <c r="B9772" s="21"/>
      <c r="C9772" s="2" t="s">
        <v>30023</v>
      </c>
      <c r="D9772" s="14" t="s">
        <v>30024</v>
      </c>
      <c r="E9772" s="2" t="s">
        <v>30025</v>
      </c>
      <c r="F9772" s="2"/>
      <c r="G9772" s="8">
        <v>422</v>
      </c>
      <c r="H9772" s="5">
        <v>25</v>
      </c>
      <c r="I9772" s="5" t="s">
        <v>69</v>
      </c>
      <c r="J9772" s="5" t="s">
        <v>27074</v>
      </c>
      <c r="K9772" s="2" t="s">
        <v>27075</v>
      </c>
      <c r="L9772" s="5" t="s">
        <v>27074</v>
      </c>
      <c r="M9772" s="2" t="s">
        <v>27075</v>
      </c>
      <c r="N9772" s="5" t="s">
        <v>24254</v>
      </c>
      <c r="O9772" s="5" t="s">
        <v>38</v>
      </c>
      <c r="P9772" s="5" t="s">
        <v>39</v>
      </c>
      <c r="Q9772" s="5" t="s">
        <v>40</v>
      </c>
      <c r="R9772" s="5" t="s">
        <v>24340</v>
      </c>
      <c r="S9772" s="5" t="s">
        <v>40</v>
      </c>
      <c r="T9772" s="5" t="s">
        <v>42</v>
      </c>
      <c r="U9772" s="2">
        <v>20.824999999999999</v>
      </c>
      <c r="V9772" s="2">
        <v>18.071999999999999</v>
      </c>
      <c r="W9772" s="2">
        <v>0.14899999999999999</v>
      </c>
      <c r="X9772" s="2">
        <v>12</v>
      </c>
      <c r="Y9772" s="2">
        <v>62</v>
      </c>
      <c r="Z9772" s="2">
        <v>199.7</v>
      </c>
      <c r="AA9772" s="5">
        <v>8</v>
      </c>
      <c r="AB9772" s="5" t="s">
        <v>43</v>
      </c>
      <c r="AC9772" s="5" t="s">
        <v>44</v>
      </c>
      <c r="AD9772" s="2" t="s">
        <v>29641</v>
      </c>
      <c r="AE9772" s="1"/>
    </row>
    <row r="9773" spans="1:31" ht="14.45">
      <c r="A9773" s="5"/>
      <c r="B9773" s="21"/>
      <c r="C9773" s="2" t="s">
        <v>30026</v>
      </c>
      <c r="D9773" s="14" t="s">
        <v>30027</v>
      </c>
      <c r="E9773" s="2" t="s">
        <v>30028</v>
      </c>
      <c r="F9773" s="2"/>
      <c r="G9773" s="8">
        <v>422</v>
      </c>
      <c r="H9773" s="5">
        <v>25</v>
      </c>
      <c r="I9773" s="5" t="s">
        <v>69</v>
      </c>
      <c r="J9773" s="5" t="s">
        <v>27074</v>
      </c>
      <c r="K9773" s="2" t="s">
        <v>27075</v>
      </c>
      <c r="L9773" s="5" t="s">
        <v>27074</v>
      </c>
      <c r="M9773" s="2" t="s">
        <v>27075</v>
      </c>
      <c r="N9773" s="5" t="s">
        <v>24254</v>
      </c>
      <c r="O9773" s="5" t="s">
        <v>38</v>
      </c>
      <c r="P9773" s="5" t="s">
        <v>39</v>
      </c>
      <c r="Q9773" s="5" t="s">
        <v>40</v>
      </c>
      <c r="R9773" s="5" t="s">
        <v>24340</v>
      </c>
      <c r="S9773" s="5" t="s">
        <v>40</v>
      </c>
      <c r="T9773" s="5" t="s">
        <v>42</v>
      </c>
      <c r="U9773" s="2">
        <v>15.077</v>
      </c>
      <c r="V9773" s="2">
        <v>12.356</v>
      </c>
      <c r="W9773" s="2">
        <v>0.129</v>
      </c>
      <c r="X9773" s="2">
        <v>12</v>
      </c>
      <c r="Y9773" s="2">
        <v>62</v>
      </c>
      <c r="Z9773" s="2">
        <v>172.9</v>
      </c>
      <c r="AA9773" s="5">
        <v>8</v>
      </c>
      <c r="AB9773" s="5" t="s">
        <v>43</v>
      </c>
      <c r="AC9773" s="5" t="s">
        <v>44</v>
      </c>
      <c r="AD9773" s="2" t="s">
        <v>29641</v>
      </c>
      <c r="AE9773" s="1"/>
    </row>
    <row r="9774" spans="1:31" ht="14.45">
      <c r="A9774" s="5"/>
      <c r="B9774" s="21"/>
      <c r="C9774" s="2" t="s">
        <v>30029</v>
      </c>
      <c r="D9774" s="14" t="s">
        <v>30030</v>
      </c>
      <c r="E9774" s="2" t="s">
        <v>30031</v>
      </c>
      <c r="F9774" s="2"/>
      <c r="G9774" s="8">
        <v>422</v>
      </c>
      <c r="H9774" s="5">
        <v>25</v>
      </c>
      <c r="I9774" s="5" t="s">
        <v>69</v>
      </c>
      <c r="J9774" s="5" t="s">
        <v>27074</v>
      </c>
      <c r="K9774" s="2" t="s">
        <v>27075</v>
      </c>
      <c r="L9774" s="5" t="s">
        <v>27074</v>
      </c>
      <c r="M9774" s="2" t="s">
        <v>27075</v>
      </c>
      <c r="N9774" s="5" t="s">
        <v>24254</v>
      </c>
      <c r="O9774" s="5" t="s">
        <v>38</v>
      </c>
      <c r="P9774" s="5" t="s">
        <v>39</v>
      </c>
      <c r="Q9774" s="5" t="s">
        <v>40</v>
      </c>
      <c r="R9774" s="5" t="s">
        <v>25301</v>
      </c>
      <c r="S9774" s="5" t="s">
        <v>40</v>
      </c>
      <c r="T9774" s="5" t="s">
        <v>42</v>
      </c>
      <c r="U9774" s="2">
        <v>19.013999999999999</v>
      </c>
      <c r="V9774" s="2">
        <v>16.260999999999999</v>
      </c>
      <c r="W9774" s="2">
        <v>0.14899999999999999</v>
      </c>
      <c r="X9774" s="2">
        <v>12</v>
      </c>
      <c r="Y9774" s="2">
        <v>62</v>
      </c>
      <c r="Z9774" s="2">
        <v>199.7</v>
      </c>
      <c r="AA9774" s="5">
        <v>8</v>
      </c>
      <c r="AB9774" s="5" t="s">
        <v>43</v>
      </c>
      <c r="AC9774" s="5" t="s">
        <v>44</v>
      </c>
      <c r="AD9774" s="2" t="s">
        <v>29820</v>
      </c>
      <c r="AE9774" s="1"/>
    </row>
    <row r="9775" spans="1:31" ht="14.45">
      <c r="A9775" s="5"/>
      <c r="B9775" s="21"/>
      <c r="C9775" s="2" t="s">
        <v>30032</v>
      </c>
      <c r="D9775" s="14" t="s">
        <v>30033</v>
      </c>
      <c r="E9775" s="2" t="s">
        <v>30034</v>
      </c>
      <c r="F9775" s="2"/>
      <c r="G9775" s="8">
        <v>422</v>
      </c>
      <c r="H9775" s="5">
        <v>25</v>
      </c>
      <c r="I9775" s="5" t="s">
        <v>69</v>
      </c>
      <c r="J9775" s="5" t="s">
        <v>27074</v>
      </c>
      <c r="K9775" s="2" t="s">
        <v>27075</v>
      </c>
      <c r="L9775" s="5" t="s">
        <v>27074</v>
      </c>
      <c r="M9775" s="2" t="s">
        <v>27075</v>
      </c>
      <c r="N9775" s="5" t="s">
        <v>24254</v>
      </c>
      <c r="O9775" s="5" t="s">
        <v>38</v>
      </c>
      <c r="P9775" s="5" t="s">
        <v>39</v>
      </c>
      <c r="Q9775" s="5" t="s">
        <v>40</v>
      </c>
      <c r="R9775" s="5" t="s">
        <v>25301</v>
      </c>
      <c r="S9775" s="5" t="s">
        <v>40</v>
      </c>
      <c r="T9775" s="5" t="s">
        <v>42</v>
      </c>
      <c r="U9775" s="2">
        <v>14.122999999999999</v>
      </c>
      <c r="V9775" s="2">
        <v>11.401999999999999</v>
      </c>
      <c r="W9775" s="2">
        <v>0.129</v>
      </c>
      <c r="X9775" s="2">
        <v>12</v>
      </c>
      <c r="Y9775" s="2">
        <v>62</v>
      </c>
      <c r="Z9775" s="2">
        <v>172.9</v>
      </c>
      <c r="AA9775" s="5">
        <v>8</v>
      </c>
      <c r="AB9775" s="5" t="s">
        <v>43</v>
      </c>
      <c r="AC9775" s="5" t="s">
        <v>44</v>
      </c>
      <c r="AD9775" s="2" t="s">
        <v>29820</v>
      </c>
      <c r="AE9775" s="1"/>
    </row>
    <row r="9776" spans="1:31" ht="14.45">
      <c r="A9776" s="5"/>
      <c r="B9776" s="21"/>
      <c r="C9776" s="2" t="s">
        <v>30035</v>
      </c>
      <c r="D9776" s="14" t="s">
        <v>30036</v>
      </c>
      <c r="E9776" s="2" t="s">
        <v>30037</v>
      </c>
      <c r="F9776" s="2"/>
      <c r="G9776" s="8">
        <v>422</v>
      </c>
      <c r="H9776" s="5">
        <v>25</v>
      </c>
      <c r="I9776" s="5" t="s">
        <v>69</v>
      </c>
      <c r="J9776" s="5" t="s">
        <v>27074</v>
      </c>
      <c r="K9776" s="2" t="s">
        <v>27075</v>
      </c>
      <c r="L9776" s="5" t="s">
        <v>27074</v>
      </c>
      <c r="M9776" s="2" t="s">
        <v>27075</v>
      </c>
      <c r="N9776" s="5" t="s">
        <v>24254</v>
      </c>
      <c r="O9776" s="5" t="s">
        <v>38</v>
      </c>
      <c r="P9776" s="5" t="s">
        <v>39</v>
      </c>
      <c r="Q9776" s="5" t="s">
        <v>40</v>
      </c>
      <c r="R9776" s="5" t="s">
        <v>25301</v>
      </c>
      <c r="S9776" s="5" t="s">
        <v>40</v>
      </c>
      <c r="T9776" s="5" t="s">
        <v>42</v>
      </c>
      <c r="U9776" s="2">
        <v>13.236000000000001</v>
      </c>
      <c r="V9776" s="2">
        <v>10.518000000000001</v>
      </c>
      <c r="W9776" s="2">
        <v>0.14899999999999999</v>
      </c>
      <c r="X9776" s="2">
        <v>12</v>
      </c>
      <c r="Y9776" s="2">
        <v>62</v>
      </c>
      <c r="Z9776" s="2">
        <v>199.7</v>
      </c>
      <c r="AA9776" s="5">
        <v>10</v>
      </c>
      <c r="AB9776" s="5" t="s">
        <v>43</v>
      </c>
      <c r="AC9776" s="5" t="s">
        <v>44</v>
      </c>
      <c r="AD9776" s="2" t="s">
        <v>30038</v>
      </c>
      <c r="AE9776" s="1"/>
    </row>
    <row r="9777" spans="1:31" ht="14.45">
      <c r="A9777" s="5"/>
      <c r="B9777" s="21"/>
      <c r="C9777" s="2" t="s">
        <v>30039</v>
      </c>
      <c r="D9777" s="14" t="s">
        <v>30040</v>
      </c>
      <c r="E9777" s="2" t="s">
        <v>30041</v>
      </c>
      <c r="F9777" s="2"/>
      <c r="G9777" s="8">
        <v>422</v>
      </c>
      <c r="H9777" s="5">
        <v>25</v>
      </c>
      <c r="I9777" s="5" t="s">
        <v>69</v>
      </c>
      <c r="J9777" s="5" t="s">
        <v>27074</v>
      </c>
      <c r="K9777" s="2" t="s">
        <v>27075</v>
      </c>
      <c r="L9777" s="5" t="s">
        <v>27074</v>
      </c>
      <c r="M9777" s="2" t="s">
        <v>27075</v>
      </c>
      <c r="N9777" s="5" t="s">
        <v>24254</v>
      </c>
      <c r="O9777" s="5" t="s">
        <v>38</v>
      </c>
      <c r="P9777" s="5" t="s">
        <v>39</v>
      </c>
      <c r="Q9777" s="5" t="s">
        <v>40</v>
      </c>
      <c r="R9777" s="5" t="s">
        <v>25301</v>
      </c>
      <c r="S9777" s="5" t="s">
        <v>40</v>
      </c>
      <c r="T9777" s="5" t="s">
        <v>42</v>
      </c>
      <c r="U9777" s="2">
        <v>8.3740000000000006</v>
      </c>
      <c r="V9777" s="2">
        <v>6.4329999999999998</v>
      </c>
      <c r="W9777" s="2">
        <v>0.129</v>
      </c>
      <c r="X9777" s="2">
        <v>12</v>
      </c>
      <c r="Y9777" s="2">
        <v>62</v>
      </c>
      <c r="Z9777" s="2">
        <v>172.9</v>
      </c>
      <c r="AA9777" s="5">
        <v>10</v>
      </c>
      <c r="AB9777" s="5" t="s">
        <v>43</v>
      </c>
      <c r="AC9777" s="5" t="s">
        <v>44</v>
      </c>
      <c r="AD9777" s="2" t="s">
        <v>30042</v>
      </c>
      <c r="AE9777" s="1"/>
    </row>
    <row r="9778" spans="1:31" ht="14.45">
      <c r="A9778" s="5"/>
      <c r="B9778" s="21"/>
      <c r="C9778" s="2" t="s">
        <v>30043</v>
      </c>
      <c r="D9778" s="14" t="s">
        <v>30044</v>
      </c>
      <c r="E9778" s="2" t="s">
        <v>30045</v>
      </c>
      <c r="F9778" s="2"/>
      <c r="G9778" s="8">
        <v>422</v>
      </c>
      <c r="H9778" s="5">
        <v>25</v>
      </c>
      <c r="I9778" s="5" t="s">
        <v>69</v>
      </c>
      <c r="J9778" s="5" t="s">
        <v>27074</v>
      </c>
      <c r="K9778" s="2" t="s">
        <v>27075</v>
      </c>
      <c r="L9778" s="5" t="s">
        <v>27074</v>
      </c>
      <c r="M9778" s="2" t="s">
        <v>27075</v>
      </c>
      <c r="N9778" s="5" t="s">
        <v>24254</v>
      </c>
      <c r="O9778" s="5" t="s">
        <v>38</v>
      </c>
      <c r="P9778" s="5" t="s">
        <v>39</v>
      </c>
      <c r="Q9778" s="5" t="s">
        <v>40</v>
      </c>
      <c r="R9778" s="5" t="s">
        <v>25301</v>
      </c>
      <c r="S9778" s="5" t="s">
        <v>40</v>
      </c>
      <c r="T9778" s="5" t="s">
        <v>42</v>
      </c>
      <c r="U9778" s="2">
        <v>10.936999999999999</v>
      </c>
      <c r="V9778" s="2">
        <v>8.9960000000000004</v>
      </c>
      <c r="W9778" s="2">
        <v>0.129</v>
      </c>
      <c r="X9778" s="2">
        <v>12</v>
      </c>
      <c r="Y9778" s="2">
        <v>62</v>
      </c>
      <c r="Z9778" s="2">
        <v>172.9</v>
      </c>
      <c r="AA9778" s="5">
        <v>10</v>
      </c>
      <c r="AB9778" s="5" t="s">
        <v>43</v>
      </c>
      <c r="AC9778" s="5" t="s">
        <v>44</v>
      </c>
      <c r="AD9778" s="2" t="s">
        <v>30042</v>
      </c>
      <c r="AE9778" s="1"/>
    </row>
    <row r="9779" spans="1:31" ht="14.45">
      <c r="A9779" s="5"/>
      <c r="B9779" s="21"/>
      <c r="C9779" s="2" t="s">
        <v>30046</v>
      </c>
      <c r="D9779" s="14" t="s">
        <v>30047</v>
      </c>
      <c r="E9779" s="2" t="s">
        <v>30048</v>
      </c>
      <c r="F9779" s="2" t="s">
        <v>29652</v>
      </c>
      <c r="G9779" s="8">
        <v>1020</v>
      </c>
      <c r="H9779" s="5">
        <v>15</v>
      </c>
      <c r="I9779" s="5" t="s">
        <v>69</v>
      </c>
      <c r="J9779" s="5" t="s">
        <v>27074</v>
      </c>
      <c r="K9779" s="2" t="s">
        <v>27075</v>
      </c>
      <c r="L9779" s="5" t="s">
        <v>27074</v>
      </c>
      <c r="M9779" s="2" t="s">
        <v>27075</v>
      </c>
      <c r="N9779" s="5" t="s">
        <v>24254</v>
      </c>
      <c r="O9779" s="5" t="s">
        <v>38</v>
      </c>
      <c r="P9779" s="5" t="s">
        <v>39</v>
      </c>
      <c r="Q9779" s="5" t="s">
        <v>40</v>
      </c>
      <c r="R9779" s="5" t="s">
        <v>1487</v>
      </c>
      <c r="S9779" s="5"/>
      <c r="T9779" s="5" t="s">
        <v>42</v>
      </c>
      <c r="U9779" s="2">
        <v>0</v>
      </c>
      <c r="V9779" s="2">
        <v>0</v>
      </c>
      <c r="W9779" s="2">
        <v>0</v>
      </c>
      <c r="X9779" s="2">
        <v>0</v>
      </c>
      <c r="Y9779" s="2">
        <v>0</v>
      </c>
      <c r="Z9779" s="2">
        <v>0</v>
      </c>
      <c r="AA9779" s="5"/>
      <c r="AB9779" s="5" t="s">
        <v>43</v>
      </c>
      <c r="AC9779" s="5" t="s">
        <v>44</v>
      </c>
      <c r="AD9779" s="2" t="s">
        <v>29653</v>
      </c>
      <c r="AE9779" s="1"/>
    </row>
    <row r="9780" spans="1:31" ht="14.45">
      <c r="A9780" s="5"/>
      <c r="B9780" s="21"/>
      <c r="C9780" s="2" t="s">
        <v>30049</v>
      </c>
      <c r="D9780" s="14" t="s">
        <v>30050</v>
      </c>
      <c r="E9780" s="2" t="s">
        <v>30051</v>
      </c>
      <c r="F9780" s="2" t="s">
        <v>29652</v>
      </c>
      <c r="G9780" s="8">
        <v>1020</v>
      </c>
      <c r="H9780" s="5">
        <v>15</v>
      </c>
      <c r="I9780" s="5" t="s">
        <v>69</v>
      </c>
      <c r="J9780" s="5" t="s">
        <v>27074</v>
      </c>
      <c r="K9780" s="2" t="s">
        <v>27075</v>
      </c>
      <c r="L9780" s="5" t="s">
        <v>27074</v>
      </c>
      <c r="M9780" s="2" t="s">
        <v>27075</v>
      </c>
      <c r="N9780" s="5" t="s">
        <v>24254</v>
      </c>
      <c r="O9780" s="5" t="s">
        <v>38</v>
      </c>
      <c r="P9780" s="5" t="s">
        <v>39</v>
      </c>
      <c r="Q9780" s="5" t="s">
        <v>40</v>
      </c>
      <c r="R9780" s="5" t="s">
        <v>1487</v>
      </c>
      <c r="S9780" s="5"/>
      <c r="T9780" s="5" t="s">
        <v>42</v>
      </c>
      <c r="U9780" s="2">
        <v>0</v>
      </c>
      <c r="V9780" s="2">
        <v>0</v>
      </c>
      <c r="W9780" s="2">
        <v>0</v>
      </c>
      <c r="X9780" s="2">
        <v>0</v>
      </c>
      <c r="Y9780" s="2">
        <v>0</v>
      </c>
      <c r="Z9780" s="2">
        <v>0</v>
      </c>
      <c r="AA9780" s="5"/>
      <c r="AB9780" s="5" t="s">
        <v>43</v>
      </c>
      <c r="AC9780" s="5" t="s">
        <v>44</v>
      </c>
      <c r="AD9780" s="2" t="s">
        <v>29657</v>
      </c>
      <c r="AE9780" s="1"/>
    </row>
    <row r="9781" spans="1:31" ht="14.45">
      <c r="A9781" s="5"/>
      <c r="B9781" s="21"/>
      <c r="C9781" s="2" t="s">
        <v>30052</v>
      </c>
      <c r="D9781" s="14" t="s">
        <v>30053</v>
      </c>
      <c r="E9781" s="2" t="s">
        <v>30054</v>
      </c>
      <c r="F9781" s="2" t="s">
        <v>29652</v>
      </c>
      <c r="G9781" s="8">
        <v>1699</v>
      </c>
      <c r="H9781" s="5">
        <v>15</v>
      </c>
      <c r="I9781" s="5" t="s">
        <v>69</v>
      </c>
      <c r="J9781" s="5" t="s">
        <v>27074</v>
      </c>
      <c r="K9781" s="2" t="s">
        <v>27075</v>
      </c>
      <c r="L9781" s="5" t="s">
        <v>27074</v>
      </c>
      <c r="M9781" s="2" t="s">
        <v>27075</v>
      </c>
      <c r="N9781" s="5" t="s">
        <v>24254</v>
      </c>
      <c r="O9781" s="5" t="s">
        <v>38</v>
      </c>
      <c r="P9781" s="5" t="s">
        <v>39</v>
      </c>
      <c r="Q9781" s="5" t="s">
        <v>40</v>
      </c>
      <c r="R9781" s="5" t="s">
        <v>1487</v>
      </c>
      <c r="S9781" s="5"/>
      <c r="T9781" s="5" t="s">
        <v>42</v>
      </c>
      <c r="U9781" s="2">
        <v>0</v>
      </c>
      <c r="V9781" s="2">
        <v>0</v>
      </c>
      <c r="W9781" s="2">
        <v>0</v>
      </c>
      <c r="X9781" s="2">
        <v>0</v>
      </c>
      <c r="Y9781" s="2">
        <v>0</v>
      </c>
      <c r="Z9781" s="2">
        <v>0</v>
      </c>
      <c r="AA9781" s="5"/>
      <c r="AB9781" s="5" t="s">
        <v>43</v>
      </c>
      <c r="AC9781" s="5" t="s">
        <v>44</v>
      </c>
      <c r="AD9781" s="2" t="s">
        <v>29661</v>
      </c>
      <c r="AE9781" s="1"/>
    </row>
    <row r="9782" spans="1:31" ht="14.45">
      <c r="A9782" s="5"/>
      <c r="B9782" s="21"/>
      <c r="C9782" s="2" t="s">
        <v>30055</v>
      </c>
      <c r="D9782" s="14" t="s">
        <v>30056</v>
      </c>
      <c r="E9782" s="2" t="s">
        <v>30057</v>
      </c>
      <c r="F9782" s="2" t="s">
        <v>29652</v>
      </c>
      <c r="G9782" s="8">
        <v>1699</v>
      </c>
      <c r="H9782" s="5">
        <v>15</v>
      </c>
      <c r="I9782" s="5" t="s">
        <v>69</v>
      </c>
      <c r="J9782" s="5" t="s">
        <v>27074</v>
      </c>
      <c r="K9782" s="2" t="s">
        <v>27075</v>
      </c>
      <c r="L9782" s="5" t="s">
        <v>27074</v>
      </c>
      <c r="M9782" s="2" t="s">
        <v>27075</v>
      </c>
      <c r="N9782" s="5" t="s">
        <v>24254</v>
      </c>
      <c r="O9782" s="5" t="s">
        <v>38</v>
      </c>
      <c r="P9782" s="5" t="s">
        <v>39</v>
      </c>
      <c r="Q9782" s="5" t="s">
        <v>40</v>
      </c>
      <c r="R9782" s="5" t="s">
        <v>1487</v>
      </c>
      <c r="S9782" s="5"/>
      <c r="T9782" s="5" t="s">
        <v>42</v>
      </c>
      <c r="U9782" s="2">
        <v>0</v>
      </c>
      <c r="V9782" s="2">
        <v>0</v>
      </c>
      <c r="W9782" s="2">
        <v>0</v>
      </c>
      <c r="X9782" s="2">
        <v>0</v>
      </c>
      <c r="Y9782" s="2">
        <v>0</v>
      </c>
      <c r="Z9782" s="2">
        <v>0</v>
      </c>
      <c r="AA9782" s="5"/>
      <c r="AB9782" s="5" t="s">
        <v>43</v>
      </c>
      <c r="AC9782" s="5" t="s">
        <v>44</v>
      </c>
      <c r="AD9782" s="2" t="s">
        <v>29665</v>
      </c>
      <c r="AE9782" s="1"/>
    </row>
    <row r="9783" spans="1:31" ht="14.45">
      <c r="A9783" s="5"/>
      <c r="B9783" s="21"/>
      <c r="C9783" s="2" t="s">
        <v>30058</v>
      </c>
      <c r="D9783" s="14" t="s">
        <v>30059</v>
      </c>
      <c r="E9783" s="2" t="s">
        <v>30060</v>
      </c>
      <c r="F9783" s="2"/>
      <c r="G9783" s="8">
        <v>310</v>
      </c>
      <c r="H9783" s="5">
        <v>5</v>
      </c>
      <c r="I9783" s="5" t="s">
        <v>69</v>
      </c>
      <c r="J9783" s="5" t="s">
        <v>27074</v>
      </c>
      <c r="K9783" s="2" t="s">
        <v>27075</v>
      </c>
      <c r="L9783" s="5" t="s">
        <v>27074</v>
      </c>
      <c r="M9783" s="2" t="s">
        <v>27075</v>
      </c>
      <c r="N9783" s="5" t="s">
        <v>24254</v>
      </c>
      <c r="O9783" s="5" t="s">
        <v>38</v>
      </c>
      <c r="P9783" s="5" t="s">
        <v>39</v>
      </c>
      <c r="Q9783" s="5" t="s">
        <v>40</v>
      </c>
      <c r="R9783" s="5" t="s">
        <v>24335</v>
      </c>
      <c r="S9783" s="5" t="s">
        <v>40</v>
      </c>
      <c r="T9783" s="5" t="s">
        <v>42</v>
      </c>
      <c r="U9783" s="2">
        <v>13.427</v>
      </c>
      <c r="V9783" s="2">
        <v>11.250999999999999</v>
      </c>
      <c r="W9783" s="2">
        <v>0.157</v>
      </c>
      <c r="X9783" s="2">
        <v>12</v>
      </c>
      <c r="Y9783" s="2">
        <v>62</v>
      </c>
      <c r="Z9783" s="2">
        <v>210.9</v>
      </c>
      <c r="AA9783" s="5">
        <v>8</v>
      </c>
      <c r="AB9783" s="5" t="s">
        <v>43</v>
      </c>
      <c r="AC9783" s="5" t="s">
        <v>44</v>
      </c>
      <c r="AD9783" s="2" t="s">
        <v>29611</v>
      </c>
      <c r="AE9783" s="1"/>
    </row>
    <row r="9784" spans="1:31" ht="14.45">
      <c r="A9784" s="5"/>
      <c r="B9784" s="21"/>
      <c r="C9784" s="2" t="s">
        <v>30061</v>
      </c>
      <c r="D9784" s="14" t="s">
        <v>30062</v>
      </c>
      <c r="E9784" s="2" t="s">
        <v>30063</v>
      </c>
      <c r="F9784" s="2"/>
      <c r="G9784" s="8">
        <v>310</v>
      </c>
      <c r="H9784" s="5">
        <v>5</v>
      </c>
      <c r="I9784" s="5" t="s">
        <v>69</v>
      </c>
      <c r="J9784" s="5" t="s">
        <v>27074</v>
      </c>
      <c r="K9784" s="2" t="s">
        <v>27075</v>
      </c>
      <c r="L9784" s="5" t="s">
        <v>27074</v>
      </c>
      <c r="M9784" s="2" t="s">
        <v>27075</v>
      </c>
      <c r="N9784" s="5" t="s">
        <v>24254</v>
      </c>
      <c r="O9784" s="5" t="s">
        <v>38</v>
      </c>
      <c r="P9784" s="5" t="s">
        <v>39</v>
      </c>
      <c r="Q9784" s="5" t="s">
        <v>40</v>
      </c>
      <c r="R9784" s="5" t="s">
        <v>24335</v>
      </c>
      <c r="S9784" s="5" t="s">
        <v>40</v>
      </c>
      <c r="T9784" s="5" t="s">
        <v>42</v>
      </c>
      <c r="U9784" s="2">
        <v>11.634</v>
      </c>
      <c r="V9784" s="2">
        <v>9.4589999999999996</v>
      </c>
      <c r="W9784" s="2">
        <v>0.129</v>
      </c>
      <c r="X9784" s="2">
        <v>12</v>
      </c>
      <c r="Y9784" s="2">
        <v>62</v>
      </c>
      <c r="Z9784" s="2">
        <v>172.9</v>
      </c>
      <c r="AA9784" s="5">
        <v>8</v>
      </c>
      <c r="AB9784" s="5" t="s">
        <v>43</v>
      </c>
      <c r="AC9784" s="5" t="s">
        <v>44</v>
      </c>
      <c r="AD9784" s="2" t="s">
        <v>29611</v>
      </c>
      <c r="AE9784" s="1"/>
    </row>
    <row r="9785" spans="1:31" ht="14.45">
      <c r="A9785" s="5"/>
      <c r="B9785" s="21"/>
      <c r="C9785" s="2" t="s">
        <v>30064</v>
      </c>
      <c r="D9785" s="14" t="s">
        <v>30065</v>
      </c>
      <c r="E9785" s="2" t="s">
        <v>30066</v>
      </c>
      <c r="F9785" s="2"/>
      <c r="G9785" s="8">
        <v>310</v>
      </c>
      <c r="H9785" s="5">
        <v>5</v>
      </c>
      <c r="I9785" s="5" t="s">
        <v>69</v>
      </c>
      <c r="J9785" s="5" t="s">
        <v>27074</v>
      </c>
      <c r="K9785" s="2" t="s">
        <v>27075</v>
      </c>
      <c r="L9785" s="5" t="s">
        <v>27074</v>
      </c>
      <c r="M9785" s="2" t="s">
        <v>27075</v>
      </c>
      <c r="N9785" s="5" t="s">
        <v>24254</v>
      </c>
      <c r="O9785" s="5" t="s">
        <v>38</v>
      </c>
      <c r="P9785" s="5" t="s">
        <v>39</v>
      </c>
      <c r="Q9785" s="5" t="s">
        <v>40</v>
      </c>
      <c r="R9785" s="5" t="s">
        <v>24335</v>
      </c>
      <c r="S9785" s="5" t="s">
        <v>40</v>
      </c>
      <c r="T9785" s="5" t="s">
        <v>42</v>
      </c>
      <c r="U9785" s="2">
        <v>10.196</v>
      </c>
      <c r="V9785" s="2">
        <v>8.0440000000000005</v>
      </c>
      <c r="W9785" s="2">
        <v>0.129</v>
      </c>
      <c r="X9785" s="2">
        <v>12</v>
      </c>
      <c r="Y9785" s="2">
        <v>62</v>
      </c>
      <c r="Z9785" s="2">
        <v>172.9</v>
      </c>
      <c r="AA9785" s="5">
        <v>8</v>
      </c>
      <c r="AB9785" s="5" t="s">
        <v>43</v>
      </c>
      <c r="AC9785" s="5" t="s">
        <v>44</v>
      </c>
      <c r="AD9785" s="2" t="s">
        <v>29611</v>
      </c>
      <c r="AE9785" s="1"/>
    </row>
    <row r="9786" spans="1:31" ht="14.45">
      <c r="A9786" s="5"/>
      <c r="B9786" s="21"/>
      <c r="C9786" s="2" t="s">
        <v>30067</v>
      </c>
      <c r="D9786" s="14" t="s">
        <v>30068</v>
      </c>
      <c r="E9786" s="2" t="s">
        <v>30069</v>
      </c>
      <c r="F9786" s="2"/>
      <c r="G9786" s="8">
        <v>310</v>
      </c>
      <c r="H9786" s="5">
        <v>25</v>
      </c>
      <c r="I9786" s="5" t="s">
        <v>69</v>
      </c>
      <c r="J9786" s="5" t="s">
        <v>27074</v>
      </c>
      <c r="K9786" s="2" t="s">
        <v>27075</v>
      </c>
      <c r="L9786" s="5" t="s">
        <v>27074</v>
      </c>
      <c r="M9786" s="2" t="s">
        <v>27075</v>
      </c>
      <c r="N9786" s="5" t="s">
        <v>24254</v>
      </c>
      <c r="O9786" s="5" t="s">
        <v>38</v>
      </c>
      <c r="P9786" s="5" t="s">
        <v>39</v>
      </c>
      <c r="Q9786" s="5" t="s">
        <v>40</v>
      </c>
      <c r="R9786" s="5" t="s">
        <v>24335</v>
      </c>
      <c r="S9786" s="5" t="s">
        <v>40</v>
      </c>
      <c r="T9786" s="5" t="s">
        <v>42</v>
      </c>
      <c r="U9786" s="2">
        <v>9.2059999999999995</v>
      </c>
      <c r="V9786" s="2">
        <v>7.0650000000000004</v>
      </c>
      <c r="W9786" s="2">
        <v>0.157</v>
      </c>
      <c r="X9786" s="2">
        <v>12</v>
      </c>
      <c r="Y9786" s="2">
        <v>62</v>
      </c>
      <c r="Z9786" s="2">
        <v>210.9</v>
      </c>
      <c r="AA9786" s="5">
        <v>10</v>
      </c>
      <c r="AB9786" s="5" t="s">
        <v>43</v>
      </c>
      <c r="AC9786" s="5" t="s">
        <v>44</v>
      </c>
      <c r="AD9786" s="2" t="s">
        <v>29747</v>
      </c>
      <c r="AE9786" s="1"/>
    </row>
    <row r="9787" spans="1:31" ht="14.45">
      <c r="A9787" s="5"/>
      <c r="B9787" s="21"/>
      <c r="C9787" s="2" t="s">
        <v>30070</v>
      </c>
      <c r="D9787" s="14" t="s">
        <v>30071</v>
      </c>
      <c r="E9787" s="2" t="s">
        <v>30072</v>
      </c>
      <c r="F9787" s="2"/>
      <c r="G9787" s="8">
        <v>310</v>
      </c>
      <c r="H9787" s="5">
        <v>25</v>
      </c>
      <c r="I9787" s="5" t="s">
        <v>69</v>
      </c>
      <c r="J9787" s="5" t="s">
        <v>27074</v>
      </c>
      <c r="K9787" s="2" t="s">
        <v>27075</v>
      </c>
      <c r="L9787" s="5" t="s">
        <v>27074</v>
      </c>
      <c r="M9787" s="2" t="s">
        <v>27075</v>
      </c>
      <c r="N9787" s="5" t="s">
        <v>24254</v>
      </c>
      <c r="O9787" s="5" t="s">
        <v>38</v>
      </c>
      <c r="P9787" s="5" t="s">
        <v>39</v>
      </c>
      <c r="Q9787" s="5" t="s">
        <v>40</v>
      </c>
      <c r="R9787" s="5" t="s">
        <v>24335</v>
      </c>
      <c r="S9787" s="5" t="s">
        <v>40</v>
      </c>
      <c r="T9787" s="5" t="s">
        <v>42</v>
      </c>
      <c r="U9787" s="2">
        <v>5.3120000000000003</v>
      </c>
      <c r="V9787" s="2">
        <v>5.2030000000000003</v>
      </c>
      <c r="W9787" s="2">
        <v>0.129</v>
      </c>
      <c r="X9787" s="2">
        <v>12</v>
      </c>
      <c r="Y9787" s="2">
        <v>62</v>
      </c>
      <c r="Z9787" s="2">
        <v>172.9</v>
      </c>
      <c r="AA9787" s="5">
        <v>10</v>
      </c>
      <c r="AB9787" s="5" t="s">
        <v>43</v>
      </c>
      <c r="AC9787" s="5" t="s">
        <v>44</v>
      </c>
      <c r="AD9787" s="2" t="s">
        <v>29629</v>
      </c>
      <c r="AE9787" s="1"/>
    </row>
    <row r="9788" spans="1:31" ht="14.45">
      <c r="A9788" s="5"/>
      <c r="B9788" s="21"/>
      <c r="C9788" s="2" t="s">
        <v>30073</v>
      </c>
      <c r="D9788" s="14" t="s">
        <v>30074</v>
      </c>
      <c r="E9788" s="2" t="s">
        <v>30075</v>
      </c>
      <c r="F9788" s="2"/>
      <c r="G9788" s="8">
        <v>310</v>
      </c>
      <c r="H9788" s="5">
        <v>25</v>
      </c>
      <c r="I9788" s="5" t="s">
        <v>69</v>
      </c>
      <c r="J9788" s="5" t="s">
        <v>27074</v>
      </c>
      <c r="K9788" s="2" t="s">
        <v>27075</v>
      </c>
      <c r="L9788" s="5" t="s">
        <v>27074</v>
      </c>
      <c r="M9788" s="2" t="s">
        <v>27075</v>
      </c>
      <c r="N9788" s="5" t="s">
        <v>24254</v>
      </c>
      <c r="O9788" s="5" t="s">
        <v>38</v>
      </c>
      <c r="P9788" s="5" t="s">
        <v>39</v>
      </c>
      <c r="Q9788" s="5" t="s">
        <v>40</v>
      </c>
      <c r="R9788" s="5" t="s">
        <v>24335</v>
      </c>
      <c r="S9788" s="5" t="s">
        <v>40</v>
      </c>
      <c r="T9788" s="5" t="s">
        <v>42</v>
      </c>
      <c r="U9788" s="2">
        <v>8.4459999999999997</v>
      </c>
      <c r="V9788" s="2">
        <v>6.5049999999999999</v>
      </c>
      <c r="W9788" s="2">
        <v>0.129</v>
      </c>
      <c r="X9788" s="2">
        <v>12</v>
      </c>
      <c r="Y9788" s="2">
        <v>62</v>
      </c>
      <c r="Z9788" s="2">
        <v>172.9</v>
      </c>
      <c r="AA9788" s="5">
        <v>10</v>
      </c>
      <c r="AB9788" s="5" t="s">
        <v>43</v>
      </c>
      <c r="AC9788" s="5" t="s">
        <v>44</v>
      </c>
      <c r="AD9788" s="2" t="s">
        <v>29629</v>
      </c>
      <c r="AE9788" s="1"/>
    </row>
    <row r="9789" spans="1:31" ht="14.45">
      <c r="A9789" s="5"/>
      <c r="B9789" s="21"/>
      <c r="C9789" s="2" t="s">
        <v>30076</v>
      </c>
      <c r="D9789" s="14" t="s">
        <v>30077</v>
      </c>
      <c r="E9789" s="2" t="s">
        <v>30078</v>
      </c>
      <c r="F9789" s="2"/>
      <c r="G9789" s="8">
        <v>310</v>
      </c>
      <c r="H9789" s="5">
        <v>25</v>
      </c>
      <c r="I9789" s="5" t="s">
        <v>69</v>
      </c>
      <c r="J9789" s="5" t="s">
        <v>27074</v>
      </c>
      <c r="K9789" s="2" t="s">
        <v>27075</v>
      </c>
      <c r="L9789" s="5" t="s">
        <v>27074</v>
      </c>
      <c r="M9789" s="2" t="s">
        <v>27075</v>
      </c>
      <c r="N9789" s="5" t="s">
        <v>24254</v>
      </c>
      <c r="O9789" s="5" t="s">
        <v>38</v>
      </c>
      <c r="P9789" s="5" t="s">
        <v>39</v>
      </c>
      <c r="Q9789" s="5" t="s">
        <v>40</v>
      </c>
      <c r="R9789" s="5" t="s">
        <v>24335</v>
      </c>
      <c r="S9789" s="5" t="s">
        <v>40</v>
      </c>
      <c r="T9789" s="5" t="s">
        <v>42</v>
      </c>
      <c r="U9789" s="2">
        <v>9.2539999999999996</v>
      </c>
      <c r="V9789" s="2">
        <v>7.3129999999999997</v>
      </c>
      <c r="W9789" s="2">
        <v>0.129</v>
      </c>
      <c r="X9789" s="2">
        <v>12</v>
      </c>
      <c r="Y9789" s="2">
        <v>62</v>
      </c>
      <c r="Z9789" s="2">
        <v>172.9</v>
      </c>
      <c r="AA9789" s="5">
        <v>10</v>
      </c>
      <c r="AB9789" s="5" t="s">
        <v>43</v>
      </c>
      <c r="AC9789" s="5" t="s">
        <v>44</v>
      </c>
      <c r="AD9789" s="2" t="s">
        <v>29625</v>
      </c>
      <c r="AE9789" s="1"/>
    </row>
    <row r="9790" spans="1:31" ht="14.45">
      <c r="A9790" s="5"/>
      <c r="B9790" s="21"/>
      <c r="C9790" s="2" t="s">
        <v>30079</v>
      </c>
      <c r="D9790" s="14" t="s">
        <v>30080</v>
      </c>
      <c r="E9790" s="2" t="s">
        <v>30081</v>
      </c>
      <c r="F9790" s="2" t="s">
        <v>29636</v>
      </c>
      <c r="G9790" s="8">
        <v>620</v>
      </c>
      <c r="H9790" s="5">
        <v>5</v>
      </c>
      <c r="I9790" s="5" t="s">
        <v>69</v>
      </c>
      <c r="J9790" s="5" t="s">
        <v>27074</v>
      </c>
      <c r="K9790" s="2" t="s">
        <v>27075</v>
      </c>
      <c r="L9790" s="5" t="s">
        <v>27074</v>
      </c>
      <c r="M9790" s="2" t="s">
        <v>27075</v>
      </c>
      <c r="N9790" s="5" t="s">
        <v>24254</v>
      </c>
      <c r="O9790" s="5" t="s">
        <v>38</v>
      </c>
      <c r="P9790" s="5" t="s">
        <v>39</v>
      </c>
      <c r="Q9790" s="5" t="s">
        <v>40</v>
      </c>
      <c r="R9790" s="5" t="s">
        <v>1487</v>
      </c>
      <c r="S9790" s="5"/>
      <c r="T9790" s="5" t="s">
        <v>42</v>
      </c>
      <c r="U9790" s="2">
        <v>0</v>
      </c>
      <c r="V9790" s="2">
        <v>0</v>
      </c>
      <c r="W9790" s="2">
        <v>0</v>
      </c>
      <c r="X9790" s="2">
        <v>0</v>
      </c>
      <c r="Y9790" s="2">
        <v>0</v>
      </c>
      <c r="Z9790" s="2">
        <v>0</v>
      </c>
      <c r="AA9790" s="5"/>
      <c r="AB9790" s="5" t="s">
        <v>43</v>
      </c>
      <c r="AC9790" s="5" t="s">
        <v>44</v>
      </c>
      <c r="AD9790" s="2" t="s">
        <v>29637</v>
      </c>
      <c r="AE9790" s="1"/>
    </row>
    <row r="9791" spans="1:31" ht="14.45">
      <c r="A9791" s="5"/>
      <c r="B9791" s="21"/>
      <c r="C9791" s="2" t="s">
        <v>30082</v>
      </c>
      <c r="D9791" s="14" t="s">
        <v>30083</v>
      </c>
      <c r="E9791" s="2" t="s">
        <v>30084</v>
      </c>
      <c r="F9791" s="2"/>
      <c r="G9791" s="8">
        <v>461</v>
      </c>
      <c r="H9791" s="5">
        <v>25</v>
      </c>
      <c r="I9791" s="5" t="s">
        <v>69</v>
      </c>
      <c r="J9791" s="5" t="s">
        <v>27074</v>
      </c>
      <c r="K9791" s="2" t="s">
        <v>27075</v>
      </c>
      <c r="L9791" s="5" t="s">
        <v>27074</v>
      </c>
      <c r="M9791" s="2" t="s">
        <v>27075</v>
      </c>
      <c r="N9791" s="5" t="s">
        <v>24254</v>
      </c>
      <c r="O9791" s="5" t="s">
        <v>38</v>
      </c>
      <c r="P9791" s="5" t="s">
        <v>39</v>
      </c>
      <c r="Q9791" s="5" t="s">
        <v>40</v>
      </c>
      <c r="R9791" s="5" t="s">
        <v>24340</v>
      </c>
      <c r="S9791" s="5" t="s">
        <v>40</v>
      </c>
      <c r="T9791" s="5" t="s">
        <v>42</v>
      </c>
      <c r="U9791" s="2">
        <v>21.309000000000001</v>
      </c>
      <c r="V9791" s="2">
        <v>19.132999999999999</v>
      </c>
      <c r="W9791" s="2">
        <v>0.157</v>
      </c>
      <c r="X9791" s="2">
        <v>12</v>
      </c>
      <c r="Y9791" s="2">
        <v>62</v>
      </c>
      <c r="Z9791" s="2">
        <v>210.9</v>
      </c>
      <c r="AA9791" s="5">
        <v>8</v>
      </c>
      <c r="AB9791" s="5" t="s">
        <v>43</v>
      </c>
      <c r="AC9791" s="5" t="s">
        <v>44</v>
      </c>
      <c r="AD9791" s="2" t="s">
        <v>29641</v>
      </c>
      <c r="AE9791" s="1"/>
    </row>
    <row r="9792" spans="1:31" ht="14.45">
      <c r="A9792" s="5"/>
      <c r="B9792" s="21"/>
      <c r="C9792" s="2" t="s">
        <v>30085</v>
      </c>
      <c r="D9792" s="14" t="s">
        <v>30086</v>
      </c>
      <c r="E9792" s="2" t="s">
        <v>30087</v>
      </c>
      <c r="F9792" s="2"/>
      <c r="G9792" s="8">
        <v>461</v>
      </c>
      <c r="H9792" s="5">
        <v>25</v>
      </c>
      <c r="I9792" s="5" t="s">
        <v>69</v>
      </c>
      <c r="J9792" s="5" t="s">
        <v>27074</v>
      </c>
      <c r="K9792" s="2" t="s">
        <v>27075</v>
      </c>
      <c r="L9792" s="5" t="s">
        <v>27074</v>
      </c>
      <c r="M9792" s="2" t="s">
        <v>27075</v>
      </c>
      <c r="N9792" s="5" t="s">
        <v>24254</v>
      </c>
      <c r="O9792" s="5" t="s">
        <v>38</v>
      </c>
      <c r="P9792" s="5" t="s">
        <v>39</v>
      </c>
      <c r="Q9792" s="5" t="s">
        <v>40</v>
      </c>
      <c r="R9792" s="5" t="s">
        <v>24340</v>
      </c>
      <c r="S9792" s="5" t="s">
        <v>40</v>
      </c>
      <c r="T9792" s="5" t="s">
        <v>42</v>
      </c>
      <c r="U9792" s="2">
        <v>15.127000000000001</v>
      </c>
      <c r="V9792" s="2">
        <v>12.983000000000001</v>
      </c>
      <c r="W9792" s="2">
        <v>0.129</v>
      </c>
      <c r="X9792" s="2">
        <v>12</v>
      </c>
      <c r="Y9792" s="2">
        <v>62</v>
      </c>
      <c r="Z9792" s="2">
        <v>172.9</v>
      </c>
      <c r="AA9792" s="5">
        <v>8</v>
      </c>
      <c r="AB9792" s="5" t="s">
        <v>43</v>
      </c>
      <c r="AC9792" s="5" t="s">
        <v>44</v>
      </c>
      <c r="AD9792" s="2" t="s">
        <v>29641</v>
      </c>
      <c r="AE9792" s="1"/>
    </row>
    <row r="9793" spans="1:31" ht="14.45">
      <c r="A9793" s="5"/>
      <c r="B9793" s="21"/>
      <c r="C9793" s="2" t="s">
        <v>30088</v>
      </c>
      <c r="D9793" s="14" t="s">
        <v>30089</v>
      </c>
      <c r="E9793" s="2" t="s">
        <v>30090</v>
      </c>
      <c r="F9793" s="2"/>
      <c r="G9793" s="8">
        <v>461</v>
      </c>
      <c r="H9793" s="5">
        <v>25</v>
      </c>
      <c r="I9793" s="5" t="s">
        <v>69</v>
      </c>
      <c r="J9793" s="5" t="s">
        <v>27074</v>
      </c>
      <c r="K9793" s="2" t="s">
        <v>27075</v>
      </c>
      <c r="L9793" s="5" t="s">
        <v>27074</v>
      </c>
      <c r="M9793" s="2" t="s">
        <v>27075</v>
      </c>
      <c r="N9793" s="5" t="s">
        <v>24254</v>
      </c>
      <c r="O9793" s="5" t="s">
        <v>38</v>
      </c>
      <c r="P9793" s="5" t="s">
        <v>39</v>
      </c>
      <c r="Q9793" s="5" t="s">
        <v>40</v>
      </c>
      <c r="R9793" s="5" t="s">
        <v>25301</v>
      </c>
      <c r="S9793" s="5" t="s">
        <v>40</v>
      </c>
      <c r="T9793" s="5" t="s">
        <v>42</v>
      </c>
      <c r="U9793" s="2">
        <v>19.349</v>
      </c>
      <c r="V9793" s="2">
        <v>17.172999999999998</v>
      </c>
      <c r="W9793" s="2">
        <v>0.157</v>
      </c>
      <c r="X9793" s="2">
        <v>12</v>
      </c>
      <c r="Y9793" s="2">
        <v>62</v>
      </c>
      <c r="Z9793" s="2">
        <v>210.9</v>
      </c>
      <c r="AA9793" s="5">
        <v>8</v>
      </c>
      <c r="AB9793" s="5" t="s">
        <v>43</v>
      </c>
      <c r="AC9793" s="5" t="s">
        <v>44</v>
      </c>
      <c r="AD9793" s="2" t="s">
        <v>29820</v>
      </c>
      <c r="AE9793" s="1"/>
    </row>
    <row r="9794" spans="1:31" ht="14.45">
      <c r="A9794" s="5"/>
      <c r="B9794" s="21"/>
      <c r="C9794" s="2" t="s">
        <v>30091</v>
      </c>
      <c r="D9794" s="14" t="s">
        <v>30092</v>
      </c>
      <c r="E9794" s="2" t="s">
        <v>30093</v>
      </c>
      <c r="F9794" s="2"/>
      <c r="G9794" s="8">
        <v>461</v>
      </c>
      <c r="H9794" s="5">
        <v>25</v>
      </c>
      <c r="I9794" s="5" t="s">
        <v>69</v>
      </c>
      <c r="J9794" s="5" t="s">
        <v>27074</v>
      </c>
      <c r="K9794" s="2" t="s">
        <v>27075</v>
      </c>
      <c r="L9794" s="5" t="s">
        <v>27074</v>
      </c>
      <c r="M9794" s="2" t="s">
        <v>27075</v>
      </c>
      <c r="N9794" s="5" t="s">
        <v>24254</v>
      </c>
      <c r="O9794" s="5" t="s">
        <v>38</v>
      </c>
      <c r="P9794" s="5" t="s">
        <v>39</v>
      </c>
      <c r="Q9794" s="5" t="s">
        <v>40</v>
      </c>
      <c r="R9794" s="5" t="s">
        <v>25301</v>
      </c>
      <c r="S9794" s="5" t="s">
        <v>40</v>
      </c>
      <c r="T9794" s="5" t="s">
        <v>42</v>
      </c>
      <c r="U9794" s="2">
        <v>14.113</v>
      </c>
      <c r="V9794" s="2">
        <v>11.968999999999999</v>
      </c>
      <c r="W9794" s="2">
        <v>0.129</v>
      </c>
      <c r="X9794" s="2">
        <v>12</v>
      </c>
      <c r="Y9794" s="2">
        <v>62</v>
      </c>
      <c r="Z9794" s="2">
        <v>172.9</v>
      </c>
      <c r="AA9794" s="5">
        <v>8</v>
      </c>
      <c r="AB9794" s="5" t="s">
        <v>43</v>
      </c>
      <c r="AC9794" s="5" t="s">
        <v>44</v>
      </c>
      <c r="AD9794" s="2" t="s">
        <v>29820</v>
      </c>
      <c r="AE9794" s="1"/>
    </row>
    <row r="9795" spans="1:31" ht="14.45">
      <c r="A9795" s="5"/>
      <c r="B9795" s="21"/>
      <c r="C9795" s="2" t="s">
        <v>30094</v>
      </c>
      <c r="D9795" s="14" t="s">
        <v>30095</v>
      </c>
      <c r="E9795" s="2" t="s">
        <v>30096</v>
      </c>
      <c r="F9795" s="2" t="s">
        <v>29652</v>
      </c>
      <c r="G9795" s="8">
        <v>1108</v>
      </c>
      <c r="H9795" s="5">
        <v>15</v>
      </c>
      <c r="I9795" s="5" t="s">
        <v>69</v>
      </c>
      <c r="J9795" s="5" t="s">
        <v>27074</v>
      </c>
      <c r="K9795" s="2" t="s">
        <v>27075</v>
      </c>
      <c r="L9795" s="5" t="s">
        <v>27074</v>
      </c>
      <c r="M9795" s="2" t="s">
        <v>27075</v>
      </c>
      <c r="N9795" s="5" t="s">
        <v>24254</v>
      </c>
      <c r="O9795" s="5" t="s">
        <v>38</v>
      </c>
      <c r="P9795" s="5" t="s">
        <v>39</v>
      </c>
      <c r="Q9795" s="5" t="s">
        <v>40</v>
      </c>
      <c r="R9795" s="5" t="s">
        <v>1487</v>
      </c>
      <c r="S9795" s="5"/>
      <c r="T9795" s="5" t="s">
        <v>42</v>
      </c>
      <c r="U9795" s="2">
        <v>0</v>
      </c>
      <c r="V9795" s="2">
        <v>0</v>
      </c>
      <c r="W9795" s="2">
        <v>0</v>
      </c>
      <c r="X9795" s="2">
        <v>0</v>
      </c>
      <c r="Y9795" s="2">
        <v>0</v>
      </c>
      <c r="Z9795" s="2">
        <v>0</v>
      </c>
      <c r="AA9795" s="5"/>
      <c r="AB9795" s="5" t="s">
        <v>43</v>
      </c>
      <c r="AC9795" s="5" t="s">
        <v>44</v>
      </c>
      <c r="AD9795" s="2" t="s">
        <v>29653</v>
      </c>
      <c r="AE9795" s="1"/>
    </row>
    <row r="9796" spans="1:31" ht="14.45">
      <c r="A9796" s="5"/>
      <c r="B9796" s="21"/>
      <c r="C9796" s="2" t="s">
        <v>30097</v>
      </c>
      <c r="D9796" s="14" t="s">
        <v>30098</v>
      </c>
      <c r="E9796" s="2" t="s">
        <v>30099</v>
      </c>
      <c r="F9796" s="2" t="s">
        <v>29652</v>
      </c>
      <c r="G9796" s="8">
        <v>1108</v>
      </c>
      <c r="H9796" s="5">
        <v>15</v>
      </c>
      <c r="I9796" s="5" t="s">
        <v>69</v>
      </c>
      <c r="J9796" s="5" t="s">
        <v>27074</v>
      </c>
      <c r="K9796" s="2" t="s">
        <v>27075</v>
      </c>
      <c r="L9796" s="5" t="s">
        <v>27074</v>
      </c>
      <c r="M9796" s="2" t="s">
        <v>27075</v>
      </c>
      <c r="N9796" s="5" t="s">
        <v>24254</v>
      </c>
      <c r="O9796" s="5" t="s">
        <v>38</v>
      </c>
      <c r="P9796" s="5" t="s">
        <v>39</v>
      </c>
      <c r="Q9796" s="5" t="s">
        <v>40</v>
      </c>
      <c r="R9796" s="5" t="s">
        <v>1487</v>
      </c>
      <c r="S9796" s="5"/>
      <c r="T9796" s="5" t="s">
        <v>42</v>
      </c>
      <c r="U9796" s="2">
        <v>0</v>
      </c>
      <c r="V9796" s="2">
        <v>0</v>
      </c>
      <c r="W9796" s="2">
        <v>0</v>
      </c>
      <c r="X9796" s="2">
        <v>0</v>
      </c>
      <c r="Y9796" s="2">
        <v>0</v>
      </c>
      <c r="Z9796" s="2">
        <v>0</v>
      </c>
      <c r="AA9796" s="5"/>
      <c r="AB9796" s="5" t="s">
        <v>43</v>
      </c>
      <c r="AC9796" s="5" t="s">
        <v>44</v>
      </c>
      <c r="AD9796" s="2" t="s">
        <v>29657</v>
      </c>
      <c r="AE9796" s="1"/>
    </row>
    <row r="9797" spans="1:31" ht="14.45">
      <c r="A9797" s="5"/>
      <c r="B9797" s="21"/>
      <c r="C9797" s="2" t="s">
        <v>30100</v>
      </c>
      <c r="D9797" s="14" t="s">
        <v>30101</v>
      </c>
      <c r="E9797" s="2" t="s">
        <v>30102</v>
      </c>
      <c r="F9797" s="2" t="s">
        <v>29652</v>
      </c>
      <c r="G9797" s="8">
        <v>1836</v>
      </c>
      <c r="H9797" s="5">
        <v>15</v>
      </c>
      <c r="I9797" s="5" t="s">
        <v>69</v>
      </c>
      <c r="J9797" s="5" t="s">
        <v>27074</v>
      </c>
      <c r="K9797" s="2" t="s">
        <v>27075</v>
      </c>
      <c r="L9797" s="5" t="s">
        <v>27074</v>
      </c>
      <c r="M9797" s="2" t="s">
        <v>27075</v>
      </c>
      <c r="N9797" s="5" t="s">
        <v>24254</v>
      </c>
      <c r="O9797" s="5" t="s">
        <v>38</v>
      </c>
      <c r="P9797" s="5" t="s">
        <v>39</v>
      </c>
      <c r="Q9797" s="5" t="s">
        <v>40</v>
      </c>
      <c r="R9797" s="5" t="s">
        <v>1487</v>
      </c>
      <c r="S9797" s="5"/>
      <c r="T9797" s="5" t="s">
        <v>42</v>
      </c>
      <c r="U9797" s="2">
        <v>0</v>
      </c>
      <c r="V9797" s="2">
        <v>0</v>
      </c>
      <c r="W9797" s="2">
        <v>0</v>
      </c>
      <c r="X9797" s="2">
        <v>0</v>
      </c>
      <c r="Y9797" s="2">
        <v>0</v>
      </c>
      <c r="Z9797" s="2">
        <v>0</v>
      </c>
      <c r="AA9797" s="5"/>
      <c r="AB9797" s="5" t="s">
        <v>43</v>
      </c>
      <c r="AC9797" s="5" t="s">
        <v>44</v>
      </c>
      <c r="AD9797" s="2" t="s">
        <v>29661</v>
      </c>
      <c r="AE9797" s="1"/>
    </row>
    <row r="9798" spans="1:31" ht="14.45">
      <c r="A9798" s="5"/>
      <c r="B9798" s="21"/>
      <c r="C9798" s="2" t="s">
        <v>30103</v>
      </c>
      <c r="D9798" s="14" t="s">
        <v>30104</v>
      </c>
      <c r="E9798" s="2" t="s">
        <v>30105</v>
      </c>
      <c r="F9798" s="2" t="s">
        <v>29652</v>
      </c>
      <c r="G9798" s="8">
        <v>1836</v>
      </c>
      <c r="H9798" s="5">
        <v>15</v>
      </c>
      <c r="I9798" s="5" t="s">
        <v>69</v>
      </c>
      <c r="J9798" s="5" t="s">
        <v>27074</v>
      </c>
      <c r="K9798" s="2" t="s">
        <v>27075</v>
      </c>
      <c r="L9798" s="5" t="s">
        <v>27074</v>
      </c>
      <c r="M9798" s="2" t="s">
        <v>27075</v>
      </c>
      <c r="N9798" s="5" t="s">
        <v>24254</v>
      </c>
      <c r="O9798" s="5" t="s">
        <v>38</v>
      </c>
      <c r="P9798" s="5" t="s">
        <v>39</v>
      </c>
      <c r="Q9798" s="5" t="s">
        <v>40</v>
      </c>
      <c r="R9798" s="5" t="s">
        <v>1487</v>
      </c>
      <c r="S9798" s="5"/>
      <c r="T9798" s="5" t="s">
        <v>42</v>
      </c>
      <c r="U9798" s="2">
        <v>0</v>
      </c>
      <c r="V9798" s="2">
        <v>0</v>
      </c>
      <c r="W9798" s="2">
        <v>0</v>
      </c>
      <c r="X9798" s="2">
        <v>0</v>
      </c>
      <c r="Y9798" s="2">
        <v>0</v>
      </c>
      <c r="Z9798" s="2">
        <v>0</v>
      </c>
      <c r="AA9798" s="5"/>
      <c r="AB9798" s="5" t="s">
        <v>43</v>
      </c>
      <c r="AC9798" s="5" t="s">
        <v>44</v>
      </c>
      <c r="AD9798" s="2" t="s">
        <v>29665</v>
      </c>
      <c r="AE9798" s="1"/>
    </row>
    <row r="9799" spans="1:31" ht="14.45">
      <c r="A9799" s="5"/>
      <c r="B9799" s="21"/>
      <c r="C9799" s="2" t="s">
        <v>30106</v>
      </c>
      <c r="D9799" s="14" t="s">
        <v>30107</v>
      </c>
      <c r="E9799" s="2" t="s">
        <v>30108</v>
      </c>
      <c r="F9799" s="2"/>
      <c r="G9799" s="8">
        <v>315</v>
      </c>
      <c r="H9799" s="5">
        <v>10</v>
      </c>
      <c r="I9799" s="5" t="s">
        <v>69</v>
      </c>
      <c r="J9799" s="5" t="s">
        <v>27074</v>
      </c>
      <c r="K9799" s="2" t="s">
        <v>27075</v>
      </c>
      <c r="L9799" s="5" t="s">
        <v>27074</v>
      </c>
      <c r="M9799" s="2" t="s">
        <v>27075</v>
      </c>
      <c r="N9799" s="5" t="s">
        <v>24254</v>
      </c>
      <c r="O9799" s="5" t="s">
        <v>38</v>
      </c>
      <c r="P9799" s="5" t="s">
        <v>39</v>
      </c>
      <c r="Q9799" s="5" t="s">
        <v>40</v>
      </c>
      <c r="R9799" s="5" t="s">
        <v>24335</v>
      </c>
      <c r="S9799" s="5" t="s">
        <v>40</v>
      </c>
      <c r="T9799" s="5" t="s">
        <v>42</v>
      </c>
      <c r="U9799" s="2">
        <v>14.018000000000001</v>
      </c>
      <c r="V9799" s="2">
        <v>13.978</v>
      </c>
      <c r="W9799" s="2">
        <v>0.17399999999999999</v>
      </c>
      <c r="X9799" s="2">
        <v>12</v>
      </c>
      <c r="Y9799" s="2">
        <v>62</v>
      </c>
      <c r="Z9799" s="2">
        <v>234.1</v>
      </c>
      <c r="AA9799" s="5">
        <v>8</v>
      </c>
      <c r="AB9799" s="5" t="s">
        <v>43</v>
      </c>
      <c r="AC9799" s="5" t="s">
        <v>44</v>
      </c>
      <c r="AD9799" s="2" t="s">
        <v>29611</v>
      </c>
      <c r="AE9799" s="1"/>
    </row>
    <row r="9800" spans="1:31" ht="14.45">
      <c r="A9800" s="5"/>
      <c r="B9800" s="21"/>
      <c r="C9800" s="2" t="s">
        <v>30109</v>
      </c>
      <c r="D9800" s="14" t="s">
        <v>30110</v>
      </c>
      <c r="E9800" s="2" t="s">
        <v>30111</v>
      </c>
      <c r="F9800" s="2"/>
      <c r="G9800" s="8">
        <v>315</v>
      </c>
      <c r="H9800" s="5">
        <v>10</v>
      </c>
      <c r="I9800" s="5" t="s">
        <v>69</v>
      </c>
      <c r="J9800" s="5" t="s">
        <v>27074</v>
      </c>
      <c r="K9800" s="2" t="s">
        <v>27075</v>
      </c>
      <c r="L9800" s="5" t="s">
        <v>27074</v>
      </c>
      <c r="M9800" s="2" t="s">
        <v>27075</v>
      </c>
      <c r="N9800" s="5" t="s">
        <v>24254</v>
      </c>
      <c r="O9800" s="5" t="s">
        <v>38</v>
      </c>
      <c r="P9800" s="5" t="s">
        <v>39</v>
      </c>
      <c r="Q9800" s="5" t="s">
        <v>40</v>
      </c>
      <c r="R9800" s="5" t="s">
        <v>24335</v>
      </c>
      <c r="S9800" s="5" t="s">
        <v>40</v>
      </c>
      <c r="T9800" s="5" t="s">
        <v>42</v>
      </c>
      <c r="U9800" s="2">
        <v>12.255000000000001</v>
      </c>
      <c r="V9800" s="2">
        <v>12.124000000000001</v>
      </c>
      <c r="W9800" s="2">
        <v>0.17399999999999999</v>
      </c>
      <c r="X9800" s="2">
        <v>12</v>
      </c>
      <c r="Y9800" s="2">
        <v>62</v>
      </c>
      <c r="Z9800" s="2">
        <v>234.1</v>
      </c>
      <c r="AA9800" s="5">
        <v>8</v>
      </c>
      <c r="AB9800" s="5" t="s">
        <v>43</v>
      </c>
      <c r="AC9800" s="5" t="s">
        <v>44</v>
      </c>
      <c r="AD9800" s="2" t="s">
        <v>29611</v>
      </c>
      <c r="AE9800" s="1"/>
    </row>
    <row r="9801" spans="1:31" ht="14.45">
      <c r="A9801" s="5"/>
      <c r="B9801" s="21"/>
      <c r="C9801" s="2" t="s">
        <v>30112</v>
      </c>
      <c r="D9801" s="14" t="s">
        <v>30113</v>
      </c>
      <c r="E9801" s="2" t="s">
        <v>30114</v>
      </c>
      <c r="F9801" s="2"/>
      <c r="G9801" s="8">
        <v>315</v>
      </c>
      <c r="H9801" s="5">
        <v>5</v>
      </c>
      <c r="I9801" s="5" t="s">
        <v>69</v>
      </c>
      <c r="J9801" s="5" t="s">
        <v>27074</v>
      </c>
      <c r="K9801" s="2" t="s">
        <v>27075</v>
      </c>
      <c r="L9801" s="5" t="s">
        <v>27074</v>
      </c>
      <c r="M9801" s="2" t="s">
        <v>27075</v>
      </c>
      <c r="N9801" s="5" t="s">
        <v>24254</v>
      </c>
      <c r="O9801" s="5" t="s">
        <v>38</v>
      </c>
      <c r="P9801" s="5" t="s">
        <v>39</v>
      </c>
      <c r="Q9801" s="5" t="s">
        <v>40</v>
      </c>
      <c r="R9801" s="5" t="s">
        <v>24335</v>
      </c>
      <c r="S9801" s="5" t="s">
        <v>40</v>
      </c>
      <c r="T9801" s="5" t="s">
        <v>42</v>
      </c>
      <c r="U9801" s="2">
        <v>10.664999999999999</v>
      </c>
      <c r="V9801" s="2">
        <v>10.648999999999999</v>
      </c>
      <c r="W9801" s="2">
        <v>0.17399999999999999</v>
      </c>
      <c r="X9801" s="2">
        <v>12</v>
      </c>
      <c r="Y9801" s="2">
        <v>62</v>
      </c>
      <c r="Z9801" s="2">
        <v>234.1</v>
      </c>
      <c r="AA9801" s="5">
        <v>8</v>
      </c>
      <c r="AB9801" s="5" t="s">
        <v>43</v>
      </c>
      <c r="AC9801" s="5" t="s">
        <v>44</v>
      </c>
      <c r="AD9801" s="2" t="s">
        <v>29611</v>
      </c>
      <c r="AE9801" s="1"/>
    </row>
    <row r="9802" spans="1:31" ht="14.45">
      <c r="A9802" s="5"/>
      <c r="B9802" s="21"/>
      <c r="C9802" s="2" t="s">
        <v>30115</v>
      </c>
      <c r="D9802" s="14" t="s">
        <v>30116</v>
      </c>
      <c r="E9802" s="2" t="s">
        <v>30117</v>
      </c>
      <c r="F9802" s="2"/>
      <c r="G9802" s="8">
        <v>315</v>
      </c>
      <c r="H9802" s="5">
        <v>25</v>
      </c>
      <c r="I9802" s="5" t="s">
        <v>69</v>
      </c>
      <c r="J9802" s="5" t="s">
        <v>27074</v>
      </c>
      <c r="K9802" s="2" t="s">
        <v>27075</v>
      </c>
      <c r="L9802" s="5" t="s">
        <v>27074</v>
      </c>
      <c r="M9802" s="2" t="s">
        <v>27075</v>
      </c>
      <c r="N9802" s="5" t="s">
        <v>24254</v>
      </c>
      <c r="O9802" s="5" t="s">
        <v>38</v>
      </c>
      <c r="P9802" s="5" t="s">
        <v>39</v>
      </c>
      <c r="Q9802" s="5" t="s">
        <v>40</v>
      </c>
      <c r="R9802" s="5" t="s">
        <v>24335</v>
      </c>
      <c r="S9802" s="5" t="s">
        <v>40</v>
      </c>
      <c r="T9802" s="5" t="s">
        <v>42</v>
      </c>
      <c r="U9802" s="2">
        <v>9.0879999999999992</v>
      </c>
      <c r="V9802" s="2">
        <v>6.9470000000000001</v>
      </c>
      <c r="W9802" s="2">
        <v>0.157</v>
      </c>
      <c r="X9802" s="2">
        <v>12</v>
      </c>
      <c r="Y9802" s="2">
        <v>62</v>
      </c>
      <c r="Z9802" s="2">
        <v>210.9</v>
      </c>
      <c r="AA9802" s="5">
        <v>10</v>
      </c>
      <c r="AB9802" s="5" t="s">
        <v>43</v>
      </c>
      <c r="AC9802" s="5" t="s">
        <v>44</v>
      </c>
      <c r="AD9802" s="2" t="s">
        <v>29629</v>
      </c>
      <c r="AE9802" s="1"/>
    </row>
    <row r="9803" spans="1:31" ht="14.45">
      <c r="A9803" s="5"/>
      <c r="B9803" s="21"/>
      <c r="C9803" s="2" t="s">
        <v>30118</v>
      </c>
      <c r="D9803" s="14" t="s">
        <v>30119</v>
      </c>
      <c r="E9803" s="2" t="s">
        <v>30120</v>
      </c>
      <c r="F9803" s="2"/>
      <c r="G9803" s="8">
        <v>295</v>
      </c>
      <c r="H9803" s="5">
        <v>5</v>
      </c>
      <c r="I9803" s="5" t="s">
        <v>69</v>
      </c>
      <c r="J9803" s="5" t="s">
        <v>27074</v>
      </c>
      <c r="K9803" s="2" t="s">
        <v>27075</v>
      </c>
      <c r="L9803" s="5" t="s">
        <v>27074</v>
      </c>
      <c r="M9803" s="2" t="s">
        <v>27075</v>
      </c>
      <c r="N9803" s="5" t="s">
        <v>24254</v>
      </c>
      <c r="O9803" s="5" t="s">
        <v>38</v>
      </c>
      <c r="P9803" s="5" t="s">
        <v>39</v>
      </c>
      <c r="Q9803" s="5" t="s">
        <v>40</v>
      </c>
      <c r="R9803" s="5" t="s">
        <v>24335</v>
      </c>
      <c r="S9803" s="5" t="s">
        <v>40</v>
      </c>
      <c r="T9803" s="5" t="s">
        <v>42</v>
      </c>
      <c r="U9803" s="2">
        <v>13.169</v>
      </c>
      <c r="V9803" s="2">
        <v>10.993</v>
      </c>
      <c r="W9803" s="2">
        <v>0.157</v>
      </c>
      <c r="X9803" s="2">
        <v>12</v>
      </c>
      <c r="Y9803" s="2">
        <v>62</v>
      </c>
      <c r="Z9803" s="2">
        <v>210.9</v>
      </c>
      <c r="AA9803" s="5">
        <v>8</v>
      </c>
      <c r="AB9803" s="5" t="s">
        <v>43</v>
      </c>
      <c r="AC9803" s="5" t="s">
        <v>44</v>
      </c>
      <c r="AD9803" s="2" t="s">
        <v>29611</v>
      </c>
      <c r="AE9803" s="1"/>
    </row>
    <row r="9804" spans="1:31" ht="14.45">
      <c r="A9804" s="5"/>
      <c r="B9804" s="21"/>
      <c r="C9804" s="2" t="s">
        <v>30121</v>
      </c>
      <c r="D9804" s="14" t="s">
        <v>30122</v>
      </c>
      <c r="E9804" s="2" t="s">
        <v>30123</v>
      </c>
      <c r="F9804" s="2"/>
      <c r="G9804" s="8">
        <v>295</v>
      </c>
      <c r="H9804" s="5">
        <v>5</v>
      </c>
      <c r="I9804" s="5" t="s">
        <v>69</v>
      </c>
      <c r="J9804" s="5" t="s">
        <v>27074</v>
      </c>
      <c r="K9804" s="2" t="s">
        <v>27075</v>
      </c>
      <c r="L9804" s="5" t="s">
        <v>27074</v>
      </c>
      <c r="M9804" s="2" t="s">
        <v>27075</v>
      </c>
      <c r="N9804" s="5" t="s">
        <v>24254</v>
      </c>
      <c r="O9804" s="5" t="s">
        <v>38</v>
      </c>
      <c r="P9804" s="5" t="s">
        <v>39</v>
      </c>
      <c r="Q9804" s="5" t="s">
        <v>40</v>
      </c>
      <c r="R9804" s="5" t="s">
        <v>24335</v>
      </c>
      <c r="S9804" s="5" t="s">
        <v>40</v>
      </c>
      <c r="T9804" s="5" t="s">
        <v>42</v>
      </c>
      <c r="U9804" s="2">
        <v>11.586</v>
      </c>
      <c r="V9804" s="2">
        <v>9.4109999999999996</v>
      </c>
      <c r="W9804" s="2">
        <v>0.157</v>
      </c>
      <c r="X9804" s="2">
        <v>12</v>
      </c>
      <c r="Y9804" s="2">
        <v>62</v>
      </c>
      <c r="Z9804" s="2">
        <v>210.9</v>
      </c>
      <c r="AA9804" s="5">
        <v>8</v>
      </c>
      <c r="AB9804" s="5" t="s">
        <v>43</v>
      </c>
      <c r="AC9804" s="5" t="s">
        <v>44</v>
      </c>
      <c r="AD9804" s="2" t="s">
        <v>29611</v>
      </c>
      <c r="AE9804" s="1"/>
    </row>
    <row r="9805" spans="1:31" ht="14.45">
      <c r="A9805" s="5"/>
      <c r="B9805" s="21"/>
      <c r="C9805" s="2" t="s">
        <v>30124</v>
      </c>
      <c r="D9805" s="14" t="s">
        <v>30125</v>
      </c>
      <c r="E9805" s="2" t="s">
        <v>30126</v>
      </c>
      <c r="F9805" s="2"/>
      <c r="G9805" s="8">
        <v>295</v>
      </c>
      <c r="H9805" s="5">
        <v>5</v>
      </c>
      <c r="I9805" s="5" t="s">
        <v>69</v>
      </c>
      <c r="J9805" s="5" t="s">
        <v>27074</v>
      </c>
      <c r="K9805" s="2" t="s">
        <v>27075</v>
      </c>
      <c r="L9805" s="5" t="s">
        <v>27074</v>
      </c>
      <c r="M9805" s="2" t="s">
        <v>27075</v>
      </c>
      <c r="N9805" s="5" t="s">
        <v>24254</v>
      </c>
      <c r="O9805" s="5" t="s">
        <v>38</v>
      </c>
      <c r="P9805" s="5" t="s">
        <v>39</v>
      </c>
      <c r="Q9805" s="5" t="s">
        <v>40</v>
      </c>
      <c r="R9805" s="5" t="s">
        <v>24335</v>
      </c>
      <c r="S9805" s="5" t="s">
        <v>40</v>
      </c>
      <c r="T9805" s="5" t="s">
        <v>42</v>
      </c>
      <c r="U9805" s="2">
        <v>10.744</v>
      </c>
      <c r="V9805" s="2">
        <v>8.0150000000000006</v>
      </c>
      <c r="W9805" s="2">
        <v>0.14899999999999999</v>
      </c>
      <c r="X9805" s="2">
        <v>12</v>
      </c>
      <c r="Y9805" s="2">
        <v>62</v>
      </c>
      <c r="Z9805" s="2">
        <v>199.7</v>
      </c>
      <c r="AA9805" s="5">
        <v>8</v>
      </c>
      <c r="AB9805" s="5" t="s">
        <v>43</v>
      </c>
      <c r="AC9805" s="5" t="s">
        <v>44</v>
      </c>
      <c r="AD9805" s="2" t="s">
        <v>29611</v>
      </c>
      <c r="AE9805" s="1"/>
    </row>
    <row r="9806" spans="1:31" ht="14.45">
      <c r="A9806" s="5"/>
      <c r="B9806" s="21"/>
      <c r="C9806" s="2" t="s">
        <v>30127</v>
      </c>
      <c r="D9806" s="14" t="s">
        <v>30128</v>
      </c>
      <c r="E9806" s="2" t="s">
        <v>30129</v>
      </c>
      <c r="F9806" s="2"/>
      <c r="G9806" s="8">
        <v>295</v>
      </c>
      <c r="H9806" s="5">
        <v>25</v>
      </c>
      <c r="I9806" s="5" t="s">
        <v>69</v>
      </c>
      <c r="J9806" s="5" t="s">
        <v>27074</v>
      </c>
      <c r="K9806" s="2" t="s">
        <v>27075</v>
      </c>
      <c r="L9806" s="5" t="s">
        <v>27074</v>
      </c>
      <c r="M9806" s="2" t="s">
        <v>27075</v>
      </c>
      <c r="N9806" s="5" t="s">
        <v>24254</v>
      </c>
      <c r="O9806" s="5" t="s">
        <v>38</v>
      </c>
      <c r="P9806" s="5" t="s">
        <v>39</v>
      </c>
      <c r="Q9806" s="5" t="s">
        <v>40</v>
      </c>
      <c r="R9806" s="5" t="s">
        <v>24335</v>
      </c>
      <c r="S9806" s="5" t="s">
        <v>40</v>
      </c>
      <c r="T9806" s="5" t="s">
        <v>42</v>
      </c>
      <c r="U9806" s="2">
        <v>9.1739999999999995</v>
      </c>
      <c r="V9806" s="2">
        <v>7.2329999999999997</v>
      </c>
      <c r="W9806" s="2">
        <v>0.129</v>
      </c>
      <c r="X9806" s="2">
        <v>12</v>
      </c>
      <c r="Y9806" s="2">
        <v>62</v>
      </c>
      <c r="Z9806" s="2">
        <v>172.9</v>
      </c>
      <c r="AA9806" s="5">
        <v>10</v>
      </c>
      <c r="AB9806" s="5" t="s">
        <v>43</v>
      </c>
      <c r="AC9806" s="5" t="s">
        <v>44</v>
      </c>
      <c r="AD9806" s="2" t="s">
        <v>29621</v>
      </c>
      <c r="AE9806" s="1"/>
    </row>
    <row r="9807" spans="1:31" ht="14.45">
      <c r="A9807" s="5"/>
      <c r="B9807" s="21"/>
      <c r="C9807" s="2" t="s">
        <v>30130</v>
      </c>
      <c r="D9807" s="14" t="s">
        <v>30131</v>
      </c>
      <c r="E9807" s="2" t="s">
        <v>30132</v>
      </c>
      <c r="F9807" s="2"/>
      <c r="G9807" s="8">
        <v>295</v>
      </c>
      <c r="H9807" s="5">
        <v>25</v>
      </c>
      <c r="I9807" s="5" t="s">
        <v>69</v>
      </c>
      <c r="J9807" s="5" t="s">
        <v>27074</v>
      </c>
      <c r="K9807" s="2" t="s">
        <v>27075</v>
      </c>
      <c r="L9807" s="5" t="s">
        <v>27074</v>
      </c>
      <c r="M9807" s="2" t="s">
        <v>27075</v>
      </c>
      <c r="N9807" s="5" t="s">
        <v>24254</v>
      </c>
      <c r="O9807" s="5" t="s">
        <v>38</v>
      </c>
      <c r="P9807" s="5" t="s">
        <v>39</v>
      </c>
      <c r="Q9807" s="5" t="s">
        <v>40</v>
      </c>
      <c r="R9807" s="5" t="s">
        <v>24335</v>
      </c>
      <c r="S9807" s="5" t="s">
        <v>40</v>
      </c>
      <c r="T9807" s="5" t="s">
        <v>42</v>
      </c>
      <c r="U9807" s="2">
        <v>7.7359999999999998</v>
      </c>
      <c r="V9807" s="2">
        <v>5.7949999999999999</v>
      </c>
      <c r="W9807" s="2">
        <v>0.129</v>
      </c>
      <c r="X9807" s="2">
        <v>12</v>
      </c>
      <c r="Y9807" s="2">
        <v>62</v>
      </c>
      <c r="Z9807" s="2">
        <v>172.9</v>
      </c>
      <c r="AA9807" s="5">
        <v>10</v>
      </c>
      <c r="AB9807" s="5" t="s">
        <v>43</v>
      </c>
      <c r="AC9807" s="5" t="s">
        <v>44</v>
      </c>
      <c r="AD9807" s="2" t="s">
        <v>29625</v>
      </c>
      <c r="AE9807" s="1"/>
    </row>
    <row r="9808" spans="1:31" ht="14.45">
      <c r="A9808" s="5"/>
      <c r="B9808" s="21"/>
      <c r="C9808" s="2" t="s">
        <v>30133</v>
      </c>
      <c r="D9808" s="14" t="s">
        <v>30134</v>
      </c>
      <c r="E9808" s="2" t="s">
        <v>30135</v>
      </c>
      <c r="F9808" s="2"/>
      <c r="G9808" s="8">
        <v>295</v>
      </c>
      <c r="H9808" s="5">
        <v>25</v>
      </c>
      <c r="I9808" s="5" t="s">
        <v>69</v>
      </c>
      <c r="J9808" s="5" t="s">
        <v>27074</v>
      </c>
      <c r="K9808" s="2" t="s">
        <v>27075</v>
      </c>
      <c r="L9808" s="5" t="s">
        <v>27074</v>
      </c>
      <c r="M9808" s="2" t="s">
        <v>27075</v>
      </c>
      <c r="N9808" s="5" t="s">
        <v>24254</v>
      </c>
      <c r="O9808" s="5" t="s">
        <v>38</v>
      </c>
      <c r="P9808" s="5" t="s">
        <v>39</v>
      </c>
      <c r="Q9808" s="5" t="s">
        <v>40</v>
      </c>
      <c r="R9808" s="5" t="s">
        <v>24335</v>
      </c>
      <c r="S9808" s="5" t="s">
        <v>40</v>
      </c>
      <c r="T9808" s="5" t="s">
        <v>42</v>
      </c>
      <c r="U9808" s="2">
        <v>7.9009999999999998</v>
      </c>
      <c r="V9808" s="2">
        <v>5.96</v>
      </c>
      <c r="W9808" s="2">
        <v>0.129</v>
      </c>
      <c r="X9808" s="2">
        <v>12</v>
      </c>
      <c r="Y9808" s="2">
        <v>62</v>
      </c>
      <c r="Z9808" s="2">
        <v>172.9</v>
      </c>
      <c r="AA9808" s="5">
        <v>10</v>
      </c>
      <c r="AB9808" s="5" t="s">
        <v>43</v>
      </c>
      <c r="AC9808" s="5" t="s">
        <v>44</v>
      </c>
      <c r="AD9808" s="2" t="s">
        <v>29629</v>
      </c>
      <c r="AE9808" s="1"/>
    </row>
    <row r="9809" spans="1:31" ht="14.45">
      <c r="A9809" s="5"/>
      <c r="B9809" s="21"/>
      <c r="C9809" s="2" t="s">
        <v>30136</v>
      </c>
      <c r="D9809" s="14" t="s">
        <v>30137</v>
      </c>
      <c r="E9809" s="2" t="s">
        <v>30138</v>
      </c>
      <c r="F9809" s="2"/>
      <c r="G9809" s="8">
        <v>295</v>
      </c>
      <c r="H9809" s="5">
        <v>25</v>
      </c>
      <c r="I9809" s="5" t="s">
        <v>69</v>
      </c>
      <c r="J9809" s="5" t="s">
        <v>27074</v>
      </c>
      <c r="K9809" s="2" t="s">
        <v>27075</v>
      </c>
      <c r="L9809" s="5" t="s">
        <v>27074</v>
      </c>
      <c r="M9809" s="2" t="s">
        <v>27075</v>
      </c>
      <c r="N9809" s="5" t="s">
        <v>24254</v>
      </c>
      <c r="O9809" s="5" t="s">
        <v>38</v>
      </c>
      <c r="P9809" s="5" t="s">
        <v>39</v>
      </c>
      <c r="Q9809" s="5" t="s">
        <v>40</v>
      </c>
      <c r="R9809" s="5" t="s">
        <v>24335</v>
      </c>
      <c r="S9809" s="5" t="s">
        <v>40</v>
      </c>
      <c r="T9809" s="5" t="s">
        <v>42</v>
      </c>
      <c r="U9809" s="2">
        <v>8.8140000000000001</v>
      </c>
      <c r="V9809" s="2">
        <v>6.8730000000000002</v>
      </c>
      <c r="W9809" s="2">
        <v>0.129</v>
      </c>
      <c r="X9809" s="2">
        <v>12</v>
      </c>
      <c r="Y9809" s="2">
        <v>62</v>
      </c>
      <c r="Z9809" s="2">
        <v>172.9</v>
      </c>
      <c r="AA9809" s="5">
        <v>10</v>
      </c>
      <c r="AB9809" s="5" t="s">
        <v>43</v>
      </c>
      <c r="AC9809" s="5" t="s">
        <v>44</v>
      </c>
      <c r="AD9809" s="2" t="s">
        <v>29625</v>
      </c>
      <c r="AE9809" s="1"/>
    </row>
    <row r="9810" spans="1:31" ht="14.45">
      <c r="A9810" s="5"/>
      <c r="B9810" s="21"/>
      <c r="C9810" s="2" t="s">
        <v>30139</v>
      </c>
      <c r="D9810" s="14" t="s">
        <v>30140</v>
      </c>
      <c r="E9810" s="2" t="s">
        <v>30141</v>
      </c>
      <c r="F9810" s="2" t="s">
        <v>29636</v>
      </c>
      <c r="G9810" s="8">
        <v>590</v>
      </c>
      <c r="H9810" s="5">
        <v>5</v>
      </c>
      <c r="I9810" s="5" t="s">
        <v>69</v>
      </c>
      <c r="J9810" s="5" t="s">
        <v>27074</v>
      </c>
      <c r="K9810" s="2" t="s">
        <v>27075</v>
      </c>
      <c r="L9810" s="5" t="s">
        <v>27074</v>
      </c>
      <c r="M9810" s="2" t="s">
        <v>27075</v>
      </c>
      <c r="N9810" s="5" t="s">
        <v>24254</v>
      </c>
      <c r="O9810" s="5" t="s">
        <v>38</v>
      </c>
      <c r="P9810" s="5" t="s">
        <v>39</v>
      </c>
      <c r="Q9810" s="5" t="s">
        <v>40</v>
      </c>
      <c r="R9810" s="5" t="s">
        <v>1487</v>
      </c>
      <c r="S9810" s="5"/>
      <c r="T9810" s="5" t="s">
        <v>42</v>
      </c>
      <c r="U9810" s="2">
        <v>0</v>
      </c>
      <c r="V9810" s="2">
        <v>0</v>
      </c>
      <c r="W9810" s="2">
        <v>0</v>
      </c>
      <c r="X9810" s="2">
        <v>0</v>
      </c>
      <c r="Y9810" s="2">
        <v>0</v>
      </c>
      <c r="Z9810" s="2">
        <v>0</v>
      </c>
      <c r="AA9810" s="5"/>
      <c r="AB9810" s="5" t="s">
        <v>43</v>
      </c>
      <c r="AC9810" s="5" t="s">
        <v>44</v>
      </c>
      <c r="AD9810" s="2" t="s">
        <v>29637</v>
      </c>
      <c r="AE9810" s="1"/>
    </row>
    <row r="9811" spans="1:31" ht="14.45">
      <c r="A9811" s="5"/>
      <c r="B9811" s="21"/>
      <c r="C9811" s="2" t="s">
        <v>30142</v>
      </c>
      <c r="D9811" s="14" t="s">
        <v>30143</v>
      </c>
      <c r="E9811" s="2" t="s">
        <v>30144</v>
      </c>
      <c r="F9811" s="2"/>
      <c r="G9811" s="8">
        <v>446</v>
      </c>
      <c r="H9811" s="5">
        <v>25</v>
      </c>
      <c r="I9811" s="5" t="s">
        <v>69</v>
      </c>
      <c r="J9811" s="5" t="s">
        <v>27074</v>
      </c>
      <c r="K9811" s="2" t="s">
        <v>27075</v>
      </c>
      <c r="L9811" s="5" t="s">
        <v>27074</v>
      </c>
      <c r="M9811" s="2" t="s">
        <v>27075</v>
      </c>
      <c r="N9811" s="5" t="s">
        <v>24254</v>
      </c>
      <c r="O9811" s="5" t="s">
        <v>38</v>
      </c>
      <c r="P9811" s="5" t="s">
        <v>39</v>
      </c>
      <c r="Q9811" s="5" t="s">
        <v>40</v>
      </c>
      <c r="R9811" s="5" t="s">
        <v>24340</v>
      </c>
      <c r="S9811" s="5" t="s">
        <v>40</v>
      </c>
      <c r="T9811" s="5" t="s">
        <v>42</v>
      </c>
      <c r="U9811" s="2">
        <v>20.087</v>
      </c>
      <c r="V9811" s="2">
        <v>18.111000000000001</v>
      </c>
      <c r="W9811" s="2">
        <v>0.129</v>
      </c>
      <c r="X9811" s="2">
        <v>12</v>
      </c>
      <c r="Y9811" s="2">
        <v>62</v>
      </c>
      <c r="Z9811" s="2">
        <v>172.9</v>
      </c>
      <c r="AA9811" s="5">
        <v>8</v>
      </c>
      <c r="AB9811" s="5" t="s">
        <v>43</v>
      </c>
      <c r="AC9811" s="5" t="s">
        <v>44</v>
      </c>
      <c r="AD9811" s="2" t="s">
        <v>29641</v>
      </c>
      <c r="AE9811" s="1"/>
    </row>
    <row r="9812" spans="1:31" ht="14.45">
      <c r="A9812" s="5"/>
      <c r="B9812" s="21"/>
      <c r="C9812" s="2" t="s">
        <v>30145</v>
      </c>
      <c r="D9812" s="14" t="s">
        <v>30146</v>
      </c>
      <c r="E9812" s="2" t="s">
        <v>30147</v>
      </c>
      <c r="F9812" s="2"/>
      <c r="G9812" s="8">
        <v>446</v>
      </c>
      <c r="H9812" s="5">
        <v>25</v>
      </c>
      <c r="I9812" s="5" t="s">
        <v>69</v>
      </c>
      <c r="J9812" s="5" t="s">
        <v>27074</v>
      </c>
      <c r="K9812" s="2" t="s">
        <v>27075</v>
      </c>
      <c r="L9812" s="5" t="s">
        <v>27074</v>
      </c>
      <c r="M9812" s="2" t="s">
        <v>27075</v>
      </c>
      <c r="N9812" s="5" t="s">
        <v>24254</v>
      </c>
      <c r="O9812" s="5" t="s">
        <v>38</v>
      </c>
      <c r="P9812" s="5" t="s">
        <v>39</v>
      </c>
      <c r="Q9812" s="5" t="s">
        <v>40</v>
      </c>
      <c r="R9812" s="5" t="s">
        <v>24340</v>
      </c>
      <c r="S9812" s="5" t="s">
        <v>40</v>
      </c>
      <c r="T9812" s="5" t="s">
        <v>42</v>
      </c>
      <c r="U9812" s="2">
        <v>14.81</v>
      </c>
      <c r="V9812" s="2">
        <v>12.866</v>
      </c>
      <c r="W9812" s="2">
        <v>0.129</v>
      </c>
      <c r="X9812" s="2">
        <v>12</v>
      </c>
      <c r="Y9812" s="2">
        <v>62</v>
      </c>
      <c r="Z9812" s="2">
        <v>172.9</v>
      </c>
      <c r="AA9812" s="5">
        <v>8</v>
      </c>
      <c r="AB9812" s="5" t="s">
        <v>43</v>
      </c>
      <c r="AC9812" s="5" t="s">
        <v>44</v>
      </c>
      <c r="AD9812" s="2" t="s">
        <v>29641</v>
      </c>
      <c r="AE9812" s="1"/>
    </row>
    <row r="9813" spans="1:31" ht="14.45">
      <c r="A9813" s="5"/>
      <c r="B9813" s="21"/>
      <c r="C9813" s="2" t="s">
        <v>30148</v>
      </c>
      <c r="D9813" s="14" t="s">
        <v>30149</v>
      </c>
      <c r="E9813" s="2" t="s">
        <v>30150</v>
      </c>
      <c r="F9813" s="2"/>
      <c r="G9813" s="8">
        <v>446</v>
      </c>
      <c r="H9813" s="5">
        <v>25</v>
      </c>
      <c r="I9813" s="5" t="s">
        <v>69</v>
      </c>
      <c r="J9813" s="5" t="s">
        <v>27074</v>
      </c>
      <c r="K9813" s="2" t="s">
        <v>27075</v>
      </c>
      <c r="L9813" s="5" t="s">
        <v>27074</v>
      </c>
      <c r="M9813" s="2" t="s">
        <v>27075</v>
      </c>
      <c r="N9813" s="5" t="s">
        <v>24254</v>
      </c>
      <c r="O9813" s="5" t="s">
        <v>38</v>
      </c>
      <c r="P9813" s="5" t="s">
        <v>39</v>
      </c>
      <c r="Q9813" s="5" t="s">
        <v>40</v>
      </c>
      <c r="R9813" s="5" t="s">
        <v>25301</v>
      </c>
      <c r="S9813" s="5" t="s">
        <v>40</v>
      </c>
      <c r="T9813" s="5" t="s">
        <v>42</v>
      </c>
      <c r="U9813" s="2">
        <v>18.332000000000001</v>
      </c>
      <c r="V9813" s="2">
        <v>16.356000000000002</v>
      </c>
      <c r="W9813" s="2">
        <v>0.129</v>
      </c>
      <c r="X9813" s="2">
        <v>12</v>
      </c>
      <c r="Y9813" s="2">
        <v>62</v>
      </c>
      <c r="Z9813" s="2">
        <v>172.9</v>
      </c>
      <c r="AA9813" s="5">
        <v>8</v>
      </c>
      <c r="AB9813" s="5" t="s">
        <v>43</v>
      </c>
      <c r="AC9813" s="5" t="s">
        <v>44</v>
      </c>
      <c r="AD9813" s="2" t="s">
        <v>29820</v>
      </c>
      <c r="AE9813" s="1"/>
    </row>
    <row r="9814" spans="1:31" ht="14.45">
      <c r="A9814" s="5"/>
      <c r="B9814" s="21"/>
      <c r="C9814" s="2" t="s">
        <v>30151</v>
      </c>
      <c r="D9814" s="14" t="s">
        <v>30152</v>
      </c>
      <c r="E9814" s="2" t="s">
        <v>30153</v>
      </c>
      <c r="F9814" s="2"/>
      <c r="G9814" s="8">
        <v>446</v>
      </c>
      <c r="H9814" s="5">
        <v>25</v>
      </c>
      <c r="I9814" s="5" t="s">
        <v>69</v>
      </c>
      <c r="J9814" s="5" t="s">
        <v>27074</v>
      </c>
      <c r="K9814" s="2" t="s">
        <v>27075</v>
      </c>
      <c r="L9814" s="5" t="s">
        <v>27074</v>
      </c>
      <c r="M9814" s="2" t="s">
        <v>27075</v>
      </c>
      <c r="N9814" s="5" t="s">
        <v>24254</v>
      </c>
      <c r="O9814" s="5" t="s">
        <v>38</v>
      </c>
      <c r="P9814" s="5" t="s">
        <v>39</v>
      </c>
      <c r="Q9814" s="5" t="s">
        <v>40</v>
      </c>
      <c r="R9814" s="5" t="s">
        <v>25301</v>
      </c>
      <c r="S9814" s="5" t="s">
        <v>40</v>
      </c>
      <c r="T9814" s="5" t="s">
        <v>42</v>
      </c>
      <c r="U9814" s="2">
        <v>16.021000000000001</v>
      </c>
      <c r="V9814" s="2">
        <v>14.045999999999999</v>
      </c>
      <c r="W9814" s="2">
        <v>0.129</v>
      </c>
      <c r="X9814" s="2">
        <v>12</v>
      </c>
      <c r="Y9814" s="2">
        <v>62</v>
      </c>
      <c r="Z9814" s="2">
        <v>172.9</v>
      </c>
      <c r="AA9814" s="5">
        <v>8</v>
      </c>
      <c r="AB9814" s="5" t="s">
        <v>43</v>
      </c>
      <c r="AC9814" s="5" t="s">
        <v>44</v>
      </c>
      <c r="AD9814" s="2" t="s">
        <v>29820</v>
      </c>
      <c r="AE9814" s="1"/>
    </row>
    <row r="9815" spans="1:31" ht="14.45">
      <c r="A9815" s="5"/>
      <c r="B9815" s="21"/>
      <c r="C9815" s="2" t="s">
        <v>30154</v>
      </c>
      <c r="D9815" s="14" t="s">
        <v>30155</v>
      </c>
      <c r="E9815" s="2" t="s">
        <v>30156</v>
      </c>
      <c r="F9815" s="2"/>
      <c r="G9815" s="8">
        <v>446</v>
      </c>
      <c r="H9815" s="5">
        <v>25</v>
      </c>
      <c r="I9815" s="5" t="s">
        <v>69</v>
      </c>
      <c r="J9815" s="5" t="s">
        <v>27074</v>
      </c>
      <c r="K9815" s="2" t="s">
        <v>27075</v>
      </c>
      <c r="L9815" s="5" t="s">
        <v>27074</v>
      </c>
      <c r="M9815" s="2" t="s">
        <v>27075</v>
      </c>
      <c r="N9815" s="5" t="s">
        <v>24254</v>
      </c>
      <c r="O9815" s="5" t="s">
        <v>38</v>
      </c>
      <c r="P9815" s="5" t="s">
        <v>39</v>
      </c>
      <c r="Q9815" s="5" t="s">
        <v>40</v>
      </c>
      <c r="R9815" s="5" t="s">
        <v>25301</v>
      </c>
      <c r="S9815" s="5" t="s">
        <v>40</v>
      </c>
      <c r="T9815" s="5" t="s">
        <v>42</v>
      </c>
      <c r="U9815" s="2">
        <v>13.75</v>
      </c>
      <c r="V9815" s="2">
        <v>11.805999999999999</v>
      </c>
      <c r="W9815" s="2">
        <v>0.129</v>
      </c>
      <c r="X9815" s="2">
        <v>12</v>
      </c>
      <c r="Y9815" s="2">
        <v>62</v>
      </c>
      <c r="Z9815" s="2">
        <v>172.9</v>
      </c>
      <c r="AA9815" s="5">
        <v>8</v>
      </c>
      <c r="AB9815" s="5" t="s">
        <v>43</v>
      </c>
      <c r="AC9815" s="5" t="s">
        <v>44</v>
      </c>
      <c r="AD9815" s="2" t="s">
        <v>29820</v>
      </c>
      <c r="AE9815" s="1"/>
    </row>
    <row r="9816" spans="1:31" ht="14.45">
      <c r="A9816" s="5"/>
      <c r="B9816" s="21"/>
      <c r="C9816" s="2" t="s">
        <v>30157</v>
      </c>
      <c r="D9816" s="14" t="s">
        <v>30158</v>
      </c>
      <c r="E9816" s="2" t="s">
        <v>30159</v>
      </c>
      <c r="F9816" s="2" t="s">
        <v>29652</v>
      </c>
      <c r="G9816" s="8">
        <v>1073</v>
      </c>
      <c r="H9816" s="5">
        <v>15</v>
      </c>
      <c r="I9816" s="5" t="s">
        <v>69</v>
      </c>
      <c r="J9816" s="5" t="s">
        <v>27074</v>
      </c>
      <c r="K9816" s="2" t="s">
        <v>27075</v>
      </c>
      <c r="L9816" s="5" t="s">
        <v>27074</v>
      </c>
      <c r="M9816" s="2" t="s">
        <v>27075</v>
      </c>
      <c r="N9816" s="5" t="s">
        <v>24254</v>
      </c>
      <c r="O9816" s="5" t="s">
        <v>38</v>
      </c>
      <c r="P9816" s="5" t="s">
        <v>39</v>
      </c>
      <c r="Q9816" s="5" t="s">
        <v>40</v>
      </c>
      <c r="R9816" s="5" t="s">
        <v>1487</v>
      </c>
      <c r="S9816" s="5"/>
      <c r="T9816" s="5" t="s">
        <v>42</v>
      </c>
      <c r="U9816" s="2">
        <v>0</v>
      </c>
      <c r="V9816" s="2">
        <v>0</v>
      </c>
      <c r="W9816" s="2">
        <v>0</v>
      </c>
      <c r="X9816" s="2">
        <v>0</v>
      </c>
      <c r="Y9816" s="2">
        <v>0</v>
      </c>
      <c r="Z9816" s="2">
        <v>0</v>
      </c>
      <c r="AA9816" s="5"/>
      <c r="AB9816" s="5" t="s">
        <v>43</v>
      </c>
      <c r="AC9816" s="5" t="s">
        <v>44</v>
      </c>
      <c r="AD9816" s="2" t="s">
        <v>29653</v>
      </c>
      <c r="AE9816" s="1"/>
    </row>
    <row r="9817" spans="1:31" ht="14.45">
      <c r="A9817" s="5"/>
      <c r="B9817" s="21"/>
      <c r="C9817" s="2" t="s">
        <v>30160</v>
      </c>
      <c r="D9817" s="14" t="s">
        <v>30161</v>
      </c>
      <c r="E9817" s="2" t="s">
        <v>30162</v>
      </c>
      <c r="F9817" s="2"/>
      <c r="G9817" s="8">
        <v>310</v>
      </c>
      <c r="H9817" s="5">
        <v>5</v>
      </c>
      <c r="I9817" s="5" t="s">
        <v>69</v>
      </c>
      <c r="J9817" s="5" t="s">
        <v>27074</v>
      </c>
      <c r="K9817" s="2" t="s">
        <v>27075</v>
      </c>
      <c r="L9817" s="5" t="s">
        <v>27074</v>
      </c>
      <c r="M9817" s="2" t="s">
        <v>27075</v>
      </c>
      <c r="N9817" s="5" t="s">
        <v>24254</v>
      </c>
      <c r="O9817" s="5" t="s">
        <v>38</v>
      </c>
      <c r="P9817" s="5" t="s">
        <v>39</v>
      </c>
      <c r="Q9817" s="5" t="s">
        <v>40</v>
      </c>
      <c r="R9817" s="5" t="s">
        <v>24335</v>
      </c>
      <c r="S9817" s="5" t="s">
        <v>40</v>
      </c>
      <c r="T9817" s="5" t="s">
        <v>42</v>
      </c>
      <c r="U9817" s="2">
        <v>13.708</v>
      </c>
      <c r="V9817" s="2">
        <v>11.532</v>
      </c>
      <c r="W9817" s="2">
        <v>0.157</v>
      </c>
      <c r="X9817" s="2">
        <v>12</v>
      </c>
      <c r="Y9817" s="2">
        <v>62</v>
      </c>
      <c r="Z9817" s="2">
        <v>210.9</v>
      </c>
      <c r="AA9817" s="5">
        <v>8</v>
      </c>
      <c r="AB9817" s="5" t="s">
        <v>43</v>
      </c>
      <c r="AC9817" s="5" t="s">
        <v>44</v>
      </c>
      <c r="AD9817" s="2" t="s">
        <v>29611</v>
      </c>
      <c r="AE9817" s="1"/>
    </row>
    <row r="9818" spans="1:31" ht="14.45">
      <c r="A9818" s="5"/>
      <c r="B9818" s="21"/>
      <c r="C9818" s="2" t="s">
        <v>30163</v>
      </c>
      <c r="D9818" s="14" t="s">
        <v>30164</v>
      </c>
      <c r="E9818" s="2" t="s">
        <v>30165</v>
      </c>
      <c r="F9818" s="2"/>
      <c r="G9818" s="8">
        <v>310</v>
      </c>
      <c r="H9818" s="5">
        <v>5</v>
      </c>
      <c r="I9818" s="5" t="s">
        <v>69</v>
      </c>
      <c r="J9818" s="5" t="s">
        <v>27074</v>
      </c>
      <c r="K9818" s="2" t="s">
        <v>27075</v>
      </c>
      <c r="L9818" s="5" t="s">
        <v>27074</v>
      </c>
      <c r="M9818" s="2" t="s">
        <v>27075</v>
      </c>
      <c r="N9818" s="5" t="s">
        <v>24254</v>
      </c>
      <c r="O9818" s="5" t="s">
        <v>38</v>
      </c>
      <c r="P9818" s="5" t="s">
        <v>39</v>
      </c>
      <c r="Q9818" s="5" t="s">
        <v>40</v>
      </c>
      <c r="R9818" s="5" t="s">
        <v>24335</v>
      </c>
      <c r="S9818" s="5" t="s">
        <v>40</v>
      </c>
      <c r="T9818" s="5" t="s">
        <v>42</v>
      </c>
      <c r="U9818" s="2">
        <v>12.058999999999999</v>
      </c>
      <c r="V9818" s="2">
        <v>9.8840000000000003</v>
      </c>
      <c r="W9818" s="2">
        <v>0.157</v>
      </c>
      <c r="X9818" s="2">
        <v>12</v>
      </c>
      <c r="Y9818" s="2">
        <v>62</v>
      </c>
      <c r="Z9818" s="2">
        <v>210.9</v>
      </c>
      <c r="AA9818" s="5">
        <v>8</v>
      </c>
      <c r="AB9818" s="5" t="s">
        <v>43</v>
      </c>
      <c r="AC9818" s="5" t="s">
        <v>44</v>
      </c>
      <c r="AD9818" s="2" t="s">
        <v>29611</v>
      </c>
      <c r="AE9818" s="1"/>
    </row>
    <row r="9819" spans="1:31" ht="14.45">
      <c r="A9819" s="5"/>
      <c r="B9819" s="21"/>
      <c r="C9819" s="2" t="s">
        <v>30166</v>
      </c>
      <c r="D9819" s="14" t="s">
        <v>30167</v>
      </c>
      <c r="E9819" s="2" t="s">
        <v>30168</v>
      </c>
      <c r="F9819" s="2"/>
      <c r="G9819" s="8">
        <v>310</v>
      </c>
      <c r="H9819" s="5">
        <v>5</v>
      </c>
      <c r="I9819" s="5" t="s">
        <v>69</v>
      </c>
      <c r="J9819" s="5" t="s">
        <v>27074</v>
      </c>
      <c r="K9819" s="2" t="s">
        <v>27075</v>
      </c>
      <c r="L9819" s="5" t="s">
        <v>27074</v>
      </c>
      <c r="M9819" s="2" t="s">
        <v>27075</v>
      </c>
      <c r="N9819" s="5" t="s">
        <v>24254</v>
      </c>
      <c r="O9819" s="5" t="s">
        <v>38</v>
      </c>
      <c r="P9819" s="5" t="s">
        <v>39</v>
      </c>
      <c r="Q9819" s="5" t="s">
        <v>40</v>
      </c>
      <c r="R9819" s="5" t="s">
        <v>24335</v>
      </c>
      <c r="S9819" s="5" t="s">
        <v>40</v>
      </c>
      <c r="T9819" s="5" t="s">
        <v>42</v>
      </c>
      <c r="U9819" s="2">
        <v>11.148999999999999</v>
      </c>
      <c r="V9819" s="2">
        <v>8.42</v>
      </c>
      <c r="W9819" s="2">
        <v>0.14899999999999999</v>
      </c>
      <c r="X9819" s="2">
        <v>12</v>
      </c>
      <c r="Y9819" s="2">
        <v>62</v>
      </c>
      <c r="Z9819" s="2">
        <v>199.7</v>
      </c>
      <c r="AA9819" s="5">
        <v>8</v>
      </c>
      <c r="AB9819" s="5" t="s">
        <v>43</v>
      </c>
      <c r="AC9819" s="5" t="s">
        <v>44</v>
      </c>
      <c r="AD9819" s="2" t="s">
        <v>29611</v>
      </c>
      <c r="AE9819" s="1"/>
    </row>
    <row r="9820" spans="1:31" ht="14.45">
      <c r="A9820" s="5"/>
      <c r="B9820" s="21"/>
      <c r="C9820" s="2" t="s">
        <v>30169</v>
      </c>
      <c r="D9820" s="14" t="s">
        <v>30170</v>
      </c>
      <c r="E9820" s="2" t="s">
        <v>30171</v>
      </c>
      <c r="F9820" s="2"/>
      <c r="G9820" s="8">
        <v>310</v>
      </c>
      <c r="H9820" s="5">
        <v>25</v>
      </c>
      <c r="I9820" s="5" t="s">
        <v>69</v>
      </c>
      <c r="J9820" s="5" t="s">
        <v>27074</v>
      </c>
      <c r="K9820" s="2" t="s">
        <v>27075</v>
      </c>
      <c r="L9820" s="5" t="s">
        <v>27074</v>
      </c>
      <c r="M9820" s="2" t="s">
        <v>27075</v>
      </c>
      <c r="N9820" s="5" t="s">
        <v>24254</v>
      </c>
      <c r="O9820" s="5" t="s">
        <v>38</v>
      </c>
      <c r="P9820" s="5" t="s">
        <v>39</v>
      </c>
      <c r="Q9820" s="5" t="s">
        <v>40</v>
      </c>
      <c r="R9820" s="5" t="s">
        <v>24335</v>
      </c>
      <c r="S9820" s="5" t="s">
        <v>40</v>
      </c>
      <c r="T9820" s="5" t="s">
        <v>42</v>
      </c>
      <c r="U9820" s="2">
        <v>9.6709999999999994</v>
      </c>
      <c r="V9820" s="2">
        <v>6.9530000000000003</v>
      </c>
      <c r="W9820" s="2">
        <v>0.14899999999999999</v>
      </c>
      <c r="X9820" s="2">
        <v>12</v>
      </c>
      <c r="Y9820" s="2">
        <v>62</v>
      </c>
      <c r="Z9820" s="2">
        <v>199.7</v>
      </c>
      <c r="AA9820" s="5">
        <v>10</v>
      </c>
      <c r="AB9820" s="5" t="s">
        <v>43</v>
      </c>
      <c r="AC9820" s="5" t="s">
        <v>44</v>
      </c>
      <c r="AD9820" s="2" t="s">
        <v>29747</v>
      </c>
      <c r="AE9820" s="1"/>
    </row>
    <row r="9821" spans="1:31" ht="14.45">
      <c r="A9821" s="5"/>
      <c r="B9821" s="21"/>
      <c r="C9821" s="2" t="s">
        <v>30172</v>
      </c>
      <c r="D9821" s="14" t="s">
        <v>30173</v>
      </c>
      <c r="E9821" s="2" t="s">
        <v>30174</v>
      </c>
      <c r="F9821" s="2"/>
      <c r="G9821" s="8">
        <v>310</v>
      </c>
      <c r="H9821" s="5">
        <v>25</v>
      </c>
      <c r="I9821" s="5" t="s">
        <v>69</v>
      </c>
      <c r="J9821" s="5" t="s">
        <v>27074</v>
      </c>
      <c r="K9821" s="2" t="s">
        <v>27075</v>
      </c>
      <c r="L9821" s="5" t="s">
        <v>27074</v>
      </c>
      <c r="M9821" s="2" t="s">
        <v>27075</v>
      </c>
      <c r="N9821" s="5" t="s">
        <v>24254</v>
      </c>
      <c r="O9821" s="5" t="s">
        <v>38</v>
      </c>
      <c r="P9821" s="5" t="s">
        <v>39</v>
      </c>
      <c r="Q9821" s="5" t="s">
        <v>40</v>
      </c>
      <c r="R9821" s="5" t="s">
        <v>24335</v>
      </c>
      <c r="S9821" s="5" t="s">
        <v>40</v>
      </c>
      <c r="T9821" s="5" t="s">
        <v>42</v>
      </c>
      <c r="U9821" s="2">
        <v>10.497999999999999</v>
      </c>
      <c r="V9821" s="2">
        <v>7.78</v>
      </c>
      <c r="W9821" s="2">
        <v>0.14899999999999999</v>
      </c>
      <c r="X9821" s="2">
        <v>12</v>
      </c>
      <c r="Y9821" s="2">
        <v>62</v>
      </c>
      <c r="Z9821" s="2">
        <v>199.7</v>
      </c>
      <c r="AA9821" s="5">
        <v>10</v>
      </c>
      <c r="AB9821" s="5" t="s">
        <v>43</v>
      </c>
      <c r="AC9821" s="5" t="s">
        <v>44</v>
      </c>
      <c r="AD9821" s="2" t="s">
        <v>29621</v>
      </c>
      <c r="AE9821" s="1"/>
    </row>
    <row r="9822" spans="1:31" ht="14.45">
      <c r="A9822" s="5"/>
      <c r="B9822" s="21"/>
      <c r="C9822" s="2" t="s">
        <v>30175</v>
      </c>
      <c r="D9822" s="14" t="s">
        <v>30176</v>
      </c>
      <c r="E9822" s="2" t="s">
        <v>30177</v>
      </c>
      <c r="F9822" s="2"/>
      <c r="G9822" s="8">
        <v>310</v>
      </c>
      <c r="H9822" s="5">
        <v>25</v>
      </c>
      <c r="I9822" s="5" t="s">
        <v>69</v>
      </c>
      <c r="J9822" s="5" t="s">
        <v>27074</v>
      </c>
      <c r="K9822" s="2" t="s">
        <v>27075</v>
      </c>
      <c r="L9822" s="5" t="s">
        <v>27074</v>
      </c>
      <c r="M9822" s="2" t="s">
        <v>27075</v>
      </c>
      <c r="N9822" s="5" t="s">
        <v>24254</v>
      </c>
      <c r="O9822" s="5" t="s">
        <v>38</v>
      </c>
      <c r="P9822" s="5" t="s">
        <v>39</v>
      </c>
      <c r="Q9822" s="5" t="s">
        <v>40</v>
      </c>
      <c r="R9822" s="5" t="s">
        <v>24335</v>
      </c>
      <c r="S9822" s="5" t="s">
        <v>40</v>
      </c>
      <c r="T9822" s="5" t="s">
        <v>42</v>
      </c>
      <c r="U9822" s="2">
        <v>8.0129999999999999</v>
      </c>
      <c r="V9822" s="2">
        <v>5.2949999999999999</v>
      </c>
      <c r="W9822" s="2">
        <v>0.14899999999999999</v>
      </c>
      <c r="X9822" s="2">
        <v>12</v>
      </c>
      <c r="Y9822" s="2">
        <v>62</v>
      </c>
      <c r="Z9822" s="2">
        <v>199.7</v>
      </c>
      <c r="AA9822" s="5">
        <v>10</v>
      </c>
      <c r="AB9822" s="5" t="s">
        <v>43</v>
      </c>
      <c r="AC9822" s="5" t="s">
        <v>44</v>
      </c>
      <c r="AD9822" s="2" t="s">
        <v>29629</v>
      </c>
      <c r="AE9822" s="1"/>
    </row>
    <row r="9823" spans="1:31" ht="14.45">
      <c r="A9823" s="5"/>
      <c r="B9823" s="21"/>
      <c r="C9823" s="2" t="s">
        <v>30178</v>
      </c>
      <c r="D9823" s="14" t="s">
        <v>30179</v>
      </c>
      <c r="E9823" s="2" t="s">
        <v>30180</v>
      </c>
      <c r="F9823" s="2"/>
      <c r="G9823" s="8">
        <v>310</v>
      </c>
      <c r="H9823" s="5">
        <v>25</v>
      </c>
      <c r="I9823" s="5" t="s">
        <v>69</v>
      </c>
      <c r="J9823" s="5" t="s">
        <v>27074</v>
      </c>
      <c r="K9823" s="2" t="s">
        <v>27075</v>
      </c>
      <c r="L9823" s="5" t="s">
        <v>27074</v>
      </c>
      <c r="M9823" s="2" t="s">
        <v>27075</v>
      </c>
      <c r="N9823" s="5" t="s">
        <v>24254</v>
      </c>
      <c r="O9823" s="5" t="s">
        <v>38</v>
      </c>
      <c r="P9823" s="5" t="s">
        <v>39</v>
      </c>
      <c r="Q9823" s="5" t="s">
        <v>40</v>
      </c>
      <c r="R9823" s="5" t="s">
        <v>24335</v>
      </c>
      <c r="S9823" s="5" t="s">
        <v>40</v>
      </c>
      <c r="T9823" s="5" t="s">
        <v>42</v>
      </c>
      <c r="U9823" s="2">
        <v>8.8420000000000005</v>
      </c>
      <c r="V9823" s="2">
        <v>6.1239999999999997</v>
      </c>
      <c r="W9823" s="2">
        <v>0.14899999999999999</v>
      </c>
      <c r="X9823" s="2">
        <v>12</v>
      </c>
      <c r="Y9823" s="2">
        <v>62</v>
      </c>
      <c r="Z9823" s="2">
        <v>199.7</v>
      </c>
      <c r="AA9823" s="5">
        <v>10</v>
      </c>
      <c r="AB9823" s="5" t="s">
        <v>43</v>
      </c>
      <c r="AC9823" s="5" t="s">
        <v>44</v>
      </c>
      <c r="AD9823" s="2" t="s">
        <v>29625</v>
      </c>
      <c r="AE9823" s="1"/>
    </row>
    <row r="9824" spans="1:31" ht="14.45">
      <c r="A9824" s="5"/>
      <c r="B9824" s="21"/>
      <c r="C9824" s="2" t="s">
        <v>30181</v>
      </c>
      <c r="D9824" s="14" t="s">
        <v>30182</v>
      </c>
      <c r="E9824" s="2" t="s">
        <v>30183</v>
      </c>
      <c r="F9824" s="2"/>
      <c r="G9824" s="8">
        <v>310</v>
      </c>
      <c r="H9824" s="5">
        <v>25</v>
      </c>
      <c r="I9824" s="5" t="s">
        <v>69</v>
      </c>
      <c r="J9824" s="5" t="s">
        <v>27074</v>
      </c>
      <c r="K9824" s="2" t="s">
        <v>27075</v>
      </c>
      <c r="L9824" s="5" t="s">
        <v>27074</v>
      </c>
      <c r="M9824" s="2" t="s">
        <v>27075</v>
      </c>
      <c r="N9824" s="5" t="s">
        <v>24254</v>
      </c>
      <c r="O9824" s="5" t="s">
        <v>38</v>
      </c>
      <c r="P9824" s="5" t="s">
        <v>39</v>
      </c>
      <c r="Q9824" s="5" t="s">
        <v>40</v>
      </c>
      <c r="R9824" s="5" t="s">
        <v>24335</v>
      </c>
      <c r="S9824" s="5" t="s">
        <v>40</v>
      </c>
      <c r="T9824" s="5" t="s">
        <v>42</v>
      </c>
      <c r="U9824" s="2">
        <v>9.1660000000000004</v>
      </c>
      <c r="V9824" s="2">
        <v>6.4480000000000004</v>
      </c>
      <c r="W9824" s="2">
        <v>0.14899999999999999</v>
      </c>
      <c r="X9824" s="2">
        <v>12</v>
      </c>
      <c r="Y9824" s="2">
        <v>62</v>
      </c>
      <c r="Z9824" s="2">
        <v>199.7</v>
      </c>
      <c r="AA9824" s="5">
        <v>10</v>
      </c>
      <c r="AB9824" s="5" t="s">
        <v>43</v>
      </c>
      <c r="AC9824" s="5" t="s">
        <v>44</v>
      </c>
      <c r="AD9824" s="2" t="s">
        <v>29629</v>
      </c>
      <c r="AE9824" s="1"/>
    </row>
    <row r="9825" spans="1:31" ht="14.45">
      <c r="A9825" s="5"/>
      <c r="B9825" s="21"/>
      <c r="C9825" s="2" t="s">
        <v>30184</v>
      </c>
      <c r="D9825" s="14" t="s">
        <v>30185</v>
      </c>
      <c r="E9825" s="2" t="s">
        <v>30186</v>
      </c>
      <c r="F9825" s="2"/>
      <c r="G9825" s="8">
        <v>310</v>
      </c>
      <c r="H9825" s="5">
        <v>25</v>
      </c>
      <c r="I9825" s="5" t="s">
        <v>69</v>
      </c>
      <c r="J9825" s="5" t="s">
        <v>27074</v>
      </c>
      <c r="K9825" s="2" t="s">
        <v>27075</v>
      </c>
      <c r="L9825" s="5" t="s">
        <v>27074</v>
      </c>
      <c r="M9825" s="2" t="s">
        <v>27075</v>
      </c>
      <c r="N9825" s="5" t="s">
        <v>24254</v>
      </c>
      <c r="O9825" s="5" t="s">
        <v>38</v>
      </c>
      <c r="P9825" s="5" t="s">
        <v>39</v>
      </c>
      <c r="Q9825" s="5" t="s">
        <v>40</v>
      </c>
      <c r="R9825" s="5" t="s">
        <v>24335</v>
      </c>
      <c r="S9825" s="5" t="s">
        <v>40</v>
      </c>
      <c r="T9825" s="5" t="s">
        <v>42</v>
      </c>
      <c r="U9825" s="2">
        <v>10.079000000000001</v>
      </c>
      <c r="V9825" s="2">
        <v>7.3609999999999998</v>
      </c>
      <c r="W9825" s="2">
        <v>0.14899999999999999</v>
      </c>
      <c r="X9825" s="2">
        <v>12</v>
      </c>
      <c r="Y9825" s="2">
        <v>62</v>
      </c>
      <c r="Z9825" s="2">
        <v>199.7</v>
      </c>
      <c r="AA9825" s="5">
        <v>10</v>
      </c>
      <c r="AB9825" s="5" t="s">
        <v>43</v>
      </c>
      <c r="AC9825" s="5" t="s">
        <v>44</v>
      </c>
      <c r="AD9825" s="2" t="s">
        <v>29625</v>
      </c>
      <c r="AE9825" s="1"/>
    </row>
    <row r="9826" spans="1:31" ht="14.45">
      <c r="A9826" s="5"/>
      <c r="B9826" s="21"/>
      <c r="C9826" s="2" t="s">
        <v>30187</v>
      </c>
      <c r="D9826" s="14" t="s">
        <v>30188</v>
      </c>
      <c r="E9826" s="2" t="s">
        <v>30189</v>
      </c>
      <c r="F9826" s="2" t="s">
        <v>29636</v>
      </c>
      <c r="G9826" s="8">
        <v>620</v>
      </c>
      <c r="H9826" s="5">
        <v>5</v>
      </c>
      <c r="I9826" s="5" t="s">
        <v>69</v>
      </c>
      <c r="J9826" s="5" t="s">
        <v>27074</v>
      </c>
      <c r="K9826" s="2" t="s">
        <v>27075</v>
      </c>
      <c r="L9826" s="5" t="s">
        <v>27074</v>
      </c>
      <c r="M9826" s="2" t="s">
        <v>27075</v>
      </c>
      <c r="N9826" s="5" t="s">
        <v>24254</v>
      </c>
      <c r="O9826" s="5" t="s">
        <v>38</v>
      </c>
      <c r="P9826" s="5" t="s">
        <v>39</v>
      </c>
      <c r="Q9826" s="5" t="s">
        <v>40</v>
      </c>
      <c r="R9826" s="5" t="s">
        <v>1487</v>
      </c>
      <c r="S9826" s="5"/>
      <c r="T9826" s="5" t="s">
        <v>42</v>
      </c>
      <c r="U9826" s="2">
        <v>0</v>
      </c>
      <c r="V9826" s="2">
        <v>0</v>
      </c>
      <c r="W9826" s="2">
        <v>0</v>
      </c>
      <c r="X9826" s="2">
        <v>0</v>
      </c>
      <c r="Y9826" s="2">
        <v>0</v>
      </c>
      <c r="Z9826" s="2">
        <v>0</v>
      </c>
      <c r="AA9826" s="5"/>
      <c r="AB9826" s="5" t="s">
        <v>43</v>
      </c>
      <c r="AC9826" s="5" t="s">
        <v>44</v>
      </c>
      <c r="AD9826" s="2" t="s">
        <v>29637</v>
      </c>
      <c r="AE9826" s="1"/>
    </row>
    <row r="9827" spans="1:31" ht="14.45">
      <c r="A9827" s="5"/>
      <c r="B9827" s="21"/>
      <c r="C9827" s="2" t="s">
        <v>30190</v>
      </c>
      <c r="D9827" s="14" t="s">
        <v>30191</v>
      </c>
      <c r="E9827" s="2" t="s">
        <v>30192</v>
      </c>
      <c r="F9827" s="2" t="s">
        <v>29652</v>
      </c>
      <c r="G9827" s="8">
        <v>1105</v>
      </c>
      <c r="H9827" s="5">
        <v>15</v>
      </c>
      <c r="I9827" s="5" t="s">
        <v>69</v>
      </c>
      <c r="J9827" s="5" t="s">
        <v>27074</v>
      </c>
      <c r="K9827" s="2" t="s">
        <v>27075</v>
      </c>
      <c r="L9827" s="5" t="s">
        <v>27074</v>
      </c>
      <c r="M9827" s="2" t="s">
        <v>27075</v>
      </c>
      <c r="N9827" s="5" t="s">
        <v>24254</v>
      </c>
      <c r="O9827" s="5" t="s">
        <v>38</v>
      </c>
      <c r="P9827" s="5" t="s">
        <v>39</v>
      </c>
      <c r="Q9827" s="5" t="s">
        <v>40</v>
      </c>
      <c r="R9827" s="5" t="s">
        <v>1487</v>
      </c>
      <c r="S9827" s="5"/>
      <c r="T9827" s="5" t="s">
        <v>42</v>
      </c>
      <c r="U9827" s="2">
        <v>0</v>
      </c>
      <c r="V9827" s="2">
        <v>0</v>
      </c>
      <c r="W9827" s="2">
        <v>0</v>
      </c>
      <c r="X9827" s="2">
        <v>0</v>
      </c>
      <c r="Y9827" s="2">
        <v>0</v>
      </c>
      <c r="Z9827" s="2">
        <v>0</v>
      </c>
      <c r="AA9827" s="5"/>
      <c r="AB9827" s="5" t="s">
        <v>43</v>
      </c>
      <c r="AC9827" s="5" t="s">
        <v>44</v>
      </c>
      <c r="AD9827" s="2" t="s">
        <v>29653</v>
      </c>
      <c r="AE9827" s="1"/>
    </row>
    <row r="9828" spans="1:31" ht="14.45">
      <c r="A9828" s="5"/>
      <c r="B9828" s="21"/>
      <c r="C9828" s="2" t="s">
        <v>30193</v>
      </c>
      <c r="D9828" s="14" t="s">
        <v>30194</v>
      </c>
      <c r="E9828" s="2" t="s">
        <v>30195</v>
      </c>
      <c r="F9828" s="2"/>
      <c r="G9828" s="8">
        <v>328</v>
      </c>
      <c r="H9828" s="5">
        <v>5</v>
      </c>
      <c r="I9828" s="5" t="s">
        <v>69</v>
      </c>
      <c r="J9828" s="5" t="s">
        <v>27074</v>
      </c>
      <c r="K9828" s="2" t="s">
        <v>27075</v>
      </c>
      <c r="L9828" s="5" t="s">
        <v>27074</v>
      </c>
      <c r="M9828" s="2" t="s">
        <v>27075</v>
      </c>
      <c r="N9828" s="5" t="s">
        <v>24254</v>
      </c>
      <c r="O9828" s="5" t="s">
        <v>38</v>
      </c>
      <c r="P9828" s="5" t="s">
        <v>39</v>
      </c>
      <c r="Q9828" s="5" t="s">
        <v>40</v>
      </c>
      <c r="R9828" s="5" t="s">
        <v>24335</v>
      </c>
      <c r="S9828" s="5" t="s">
        <v>40</v>
      </c>
      <c r="T9828" s="5" t="s">
        <v>42</v>
      </c>
      <c r="U9828" s="2">
        <v>14.206</v>
      </c>
      <c r="V9828" s="2">
        <v>12.03</v>
      </c>
      <c r="W9828" s="2">
        <v>0.157</v>
      </c>
      <c r="X9828" s="2">
        <v>12</v>
      </c>
      <c r="Y9828" s="2">
        <v>62</v>
      </c>
      <c r="Z9828" s="2">
        <v>210.9</v>
      </c>
      <c r="AA9828" s="5">
        <v>8</v>
      </c>
      <c r="AB9828" s="5" t="s">
        <v>43</v>
      </c>
      <c r="AC9828" s="5" t="s">
        <v>44</v>
      </c>
      <c r="AD9828" s="2" t="s">
        <v>29611</v>
      </c>
      <c r="AE9828" s="1"/>
    </row>
    <row r="9829" spans="1:31" ht="14.45">
      <c r="A9829" s="5"/>
      <c r="B9829" s="21"/>
      <c r="C9829" s="2" t="s">
        <v>30196</v>
      </c>
      <c r="D9829" s="14" t="s">
        <v>30197</v>
      </c>
      <c r="E9829" s="2" t="s">
        <v>30198</v>
      </c>
      <c r="F9829" s="2"/>
      <c r="G9829" s="8">
        <v>328</v>
      </c>
      <c r="H9829" s="5">
        <v>5</v>
      </c>
      <c r="I9829" s="5" t="s">
        <v>69</v>
      </c>
      <c r="J9829" s="5" t="s">
        <v>27074</v>
      </c>
      <c r="K9829" s="2" t="s">
        <v>27075</v>
      </c>
      <c r="L9829" s="5" t="s">
        <v>27074</v>
      </c>
      <c r="M9829" s="2" t="s">
        <v>27075</v>
      </c>
      <c r="N9829" s="5" t="s">
        <v>24254</v>
      </c>
      <c r="O9829" s="5" t="s">
        <v>38</v>
      </c>
      <c r="P9829" s="5" t="s">
        <v>39</v>
      </c>
      <c r="Q9829" s="5" t="s">
        <v>40</v>
      </c>
      <c r="R9829" s="5" t="s">
        <v>24335</v>
      </c>
      <c r="S9829" s="5" t="s">
        <v>40</v>
      </c>
      <c r="T9829" s="5" t="s">
        <v>42</v>
      </c>
      <c r="U9829" s="2">
        <v>12.494</v>
      </c>
      <c r="V9829" s="2">
        <v>10.319000000000001</v>
      </c>
      <c r="W9829" s="2">
        <v>0.157</v>
      </c>
      <c r="X9829" s="2">
        <v>12</v>
      </c>
      <c r="Y9829" s="2">
        <v>62</v>
      </c>
      <c r="Z9829" s="2">
        <v>210.9</v>
      </c>
      <c r="AA9829" s="5">
        <v>8</v>
      </c>
      <c r="AB9829" s="5" t="s">
        <v>43</v>
      </c>
      <c r="AC9829" s="5" t="s">
        <v>44</v>
      </c>
      <c r="AD9829" s="2" t="s">
        <v>29611</v>
      </c>
      <c r="AE9829" s="1"/>
    </row>
    <row r="9830" spans="1:31" ht="14.45">
      <c r="A9830" s="5"/>
      <c r="B9830" s="21"/>
      <c r="C9830" s="2" t="s">
        <v>30199</v>
      </c>
      <c r="D9830" s="14" t="s">
        <v>30200</v>
      </c>
      <c r="E9830" s="2" t="s">
        <v>30201</v>
      </c>
      <c r="F9830" s="2"/>
      <c r="G9830" s="8">
        <v>328</v>
      </c>
      <c r="H9830" s="5">
        <v>5</v>
      </c>
      <c r="I9830" s="5" t="s">
        <v>69</v>
      </c>
      <c r="J9830" s="5" t="s">
        <v>27074</v>
      </c>
      <c r="K9830" s="2" t="s">
        <v>27075</v>
      </c>
      <c r="L9830" s="5" t="s">
        <v>27074</v>
      </c>
      <c r="M9830" s="2" t="s">
        <v>27075</v>
      </c>
      <c r="N9830" s="5" t="s">
        <v>24254</v>
      </c>
      <c r="O9830" s="5" t="s">
        <v>38</v>
      </c>
      <c r="P9830" s="5" t="s">
        <v>39</v>
      </c>
      <c r="Q9830" s="5" t="s">
        <v>40</v>
      </c>
      <c r="R9830" s="5" t="s">
        <v>24335</v>
      </c>
      <c r="S9830" s="5" t="s">
        <v>40</v>
      </c>
      <c r="T9830" s="5" t="s">
        <v>42</v>
      </c>
      <c r="U9830" s="2">
        <v>11.523999999999999</v>
      </c>
      <c r="V9830" s="2">
        <v>8.7949999999999999</v>
      </c>
      <c r="W9830" s="2">
        <v>0.14899999999999999</v>
      </c>
      <c r="X9830" s="2">
        <v>12</v>
      </c>
      <c r="Y9830" s="2">
        <v>62</v>
      </c>
      <c r="Z9830" s="2">
        <v>199.7</v>
      </c>
      <c r="AA9830" s="5">
        <v>8</v>
      </c>
      <c r="AB9830" s="5" t="s">
        <v>43</v>
      </c>
      <c r="AC9830" s="5" t="s">
        <v>44</v>
      </c>
      <c r="AD9830" s="2" t="s">
        <v>29611</v>
      </c>
      <c r="AE9830" s="1"/>
    </row>
    <row r="9831" spans="1:31" ht="14.45">
      <c r="A9831" s="5"/>
      <c r="B9831" s="21"/>
      <c r="C9831" s="2" t="s">
        <v>30202</v>
      </c>
      <c r="D9831" s="14" t="s">
        <v>30203</v>
      </c>
      <c r="E9831" s="2" t="s">
        <v>30204</v>
      </c>
      <c r="F9831" s="2"/>
      <c r="G9831" s="8">
        <v>328</v>
      </c>
      <c r="H9831" s="5">
        <v>25</v>
      </c>
      <c r="I9831" s="5" t="s">
        <v>69</v>
      </c>
      <c r="J9831" s="5" t="s">
        <v>27074</v>
      </c>
      <c r="K9831" s="2" t="s">
        <v>27075</v>
      </c>
      <c r="L9831" s="5" t="s">
        <v>27074</v>
      </c>
      <c r="M9831" s="2" t="s">
        <v>27075</v>
      </c>
      <c r="N9831" s="5" t="s">
        <v>24254</v>
      </c>
      <c r="O9831" s="5" t="s">
        <v>38</v>
      </c>
      <c r="P9831" s="5" t="s">
        <v>39</v>
      </c>
      <c r="Q9831" s="5" t="s">
        <v>40</v>
      </c>
      <c r="R9831" s="5" t="s">
        <v>24335</v>
      </c>
      <c r="S9831" s="5" t="s">
        <v>40</v>
      </c>
      <c r="T9831" s="5" t="s">
        <v>42</v>
      </c>
      <c r="U9831" s="2">
        <v>9.6020000000000003</v>
      </c>
      <c r="V9831" s="2">
        <v>7.4610000000000003</v>
      </c>
      <c r="W9831" s="2">
        <v>0.157</v>
      </c>
      <c r="X9831" s="2">
        <v>12</v>
      </c>
      <c r="Y9831" s="2">
        <v>62</v>
      </c>
      <c r="Z9831" s="2">
        <v>210.9</v>
      </c>
      <c r="AA9831" s="5">
        <v>10</v>
      </c>
      <c r="AB9831" s="5" t="s">
        <v>43</v>
      </c>
      <c r="AC9831" s="5" t="s">
        <v>44</v>
      </c>
      <c r="AD9831" s="2" t="s">
        <v>29747</v>
      </c>
      <c r="AE9831" s="1"/>
    </row>
    <row r="9832" spans="1:31" ht="14.45">
      <c r="A9832" s="5"/>
      <c r="B9832" s="21"/>
      <c r="C9832" s="2" t="s">
        <v>30205</v>
      </c>
      <c r="D9832" s="14" t="s">
        <v>30206</v>
      </c>
      <c r="E9832" s="2" t="s">
        <v>30207</v>
      </c>
      <c r="F9832" s="2"/>
      <c r="G9832" s="8">
        <v>328</v>
      </c>
      <c r="H9832" s="5">
        <v>25</v>
      </c>
      <c r="I9832" s="5" t="s">
        <v>69</v>
      </c>
      <c r="J9832" s="5" t="s">
        <v>27074</v>
      </c>
      <c r="K9832" s="2" t="s">
        <v>27075</v>
      </c>
      <c r="L9832" s="5" t="s">
        <v>27074</v>
      </c>
      <c r="M9832" s="2" t="s">
        <v>27075</v>
      </c>
      <c r="N9832" s="5" t="s">
        <v>24254</v>
      </c>
      <c r="O9832" s="5" t="s">
        <v>38</v>
      </c>
      <c r="P9832" s="5" t="s">
        <v>39</v>
      </c>
      <c r="Q9832" s="5" t="s">
        <v>40</v>
      </c>
      <c r="R9832" s="5" t="s">
        <v>24335</v>
      </c>
      <c r="S9832" s="5" t="s">
        <v>40</v>
      </c>
      <c r="T9832" s="5" t="s">
        <v>42</v>
      </c>
      <c r="U9832" s="2">
        <v>8.3170000000000002</v>
      </c>
      <c r="V9832" s="2">
        <v>5.5990000000000002</v>
      </c>
      <c r="W9832" s="2">
        <v>0.14899999999999999</v>
      </c>
      <c r="X9832" s="2">
        <v>12</v>
      </c>
      <c r="Y9832" s="2">
        <v>62</v>
      </c>
      <c r="Z9832" s="2">
        <v>199.7</v>
      </c>
      <c r="AA9832" s="5">
        <v>10</v>
      </c>
      <c r="AB9832" s="5" t="s">
        <v>43</v>
      </c>
      <c r="AC9832" s="5" t="s">
        <v>44</v>
      </c>
      <c r="AD9832" s="2" t="s">
        <v>29629</v>
      </c>
      <c r="AE9832" s="1"/>
    </row>
    <row r="9833" spans="1:31" ht="14.45">
      <c r="A9833" s="5"/>
      <c r="B9833" s="21"/>
      <c r="C9833" s="2" t="s">
        <v>30208</v>
      </c>
      <c r="D9833" s="14" t="s">
        <v>30209</v>
      </c>
      <c r="E9833" s="2" t="s">
        <v>30210</v>
      </c>
      <c r="F9833" s="2"/>
      <c r="G9833" s="8">
        <v>328</v>
      </c>
      <c r="H9833" s="5">
        <v>25</v>
      </c>
      <c r="I9833" s="5" t="s">
        <v>69</v>
      </c>
      <c r="J9833" s="5" t="s">
        <v>27074</v>
      </c>
      <c r="K9833" s="2" t="s">
        <v>27075</v>
      </c>
      <c r="L9833" s="5" t="s">
        <v>27074</v>
      </c>
      <c r="M9833" s="2" t="s">
        <v>27075</v>
      </c>
      <c r="N9833" s="5" t="s">
        <v>24254</v>
      </c>
      <c r="O9833" s="5" t="s">
        <v>38</v>
      </c>
      <c r="P9833" s="5" t="s">
        <v>39</v>
      </c>
      <c r="Q9833" s="5" t="s">
        <v>40</v>
      </c>
      <c r="R9833" s="5" t="s">
        <v>24335</v>
      </c>
      <c r="S9833" s="5" t="s">
        <v>40</v>
      </c>
      <c r="T9833" s="5" t="s">
        <v>42</v>
      </c>
      <c r="U9833" s="2">
        <v>9.6170000000000009</v>
      </c>
      <c r="V9833" s="2">
        <v>6.899</v>
      </c>
      <c r="W9833" s="2">
        <v>0.14899999999999999</v>
      </c>
      <c r="X9833" s="2">
        <v>12</v>
      </c>
      <c r="Y9833" s="2">
        <v>62</v>
      </c>
      <c r="Z9833" s="2">
        <v>199.7</v>
      </c>
      <c r="AA9833" s="5">
        <v>10</v>
      </c>
      <c r="AB9833" s="5" t="s">
        <v>43</v>
      </c>
      <c r="AC9833" s="5" t="s">
        <v>44</v>
      </c>
      <c r="AD9833" s="2" t="s">
        <v>29629</v>
      </c>
      <c r="AE9833" s="1"/>
    </row>
    <row r="9834" spans="1:31" ht="14.45">
      <c r="A9834" s="5"/>
      <c r="B9834" s="21"/>
      <c r="C9834" s="2" t="s">
        <v>30211</v>
      </c>
      <c r="D9834" s="14" t="s">
        <v>30212</v>
      </c>
      <c r="E9834" s="2" t="s">
        <v>30213</v>
      </c>
      <c r="F9834" s="2"/>
      <c r="G9834" s="8">
        <v>328</v>
      </c>
      <c r="H9834" s="5">
        <v>25</v>
      </c>
      <c r="I9834" s="5" t="s">
        <v>69</v>
      </c>
      <c r="J9834" s="5" t="s">
        <v>27074</v>
      </c>
      <c r="K9834" s="2" t="s">
        <v>27075</v>
      </c>
      <c r="L9834" s="5" t="s">
        <v>27074</v>
      </c>
      <c r="M9834" s="2" t="s">
        <v>27075</v>
      </c>
      <c r="N9834" s="5" t="s">
        <v>24254</v>
      </c>
      <c r="O9834" s="5" t="s">
        <v>38</v>
      </c>
      <c r="P9834" s="5" t="s">
        <v>39</v>
      </c>
      <c r="Q9834" s="5" t="s">
        <v>40</v>
      </c>
      <c r="R9834" s="5" t="s">
        <v>24335</v>
      </c>
      <c r="S9834" s="5" t="s">
        <v>40</v>
      </c>
      <c r="T9834" s="5" t="s">
        <v>42</v>
      </c>
      <c r="U9834" s="2">
        <v>10.53</v>
      </c>
      <c r="V9834" s="2">
        <v>7.8120000000000003</v>
      </c>
      <c r="W9834" s="2">
        <v>0.14899999999999999</v>
      </c>
      <c r="X9834" s="2">
        <v>12</v>
      </c>
      <c r="Y9834" s="2">
        <v>62</v>
      </c>
      <c r="Z9834" s="2">
        <v>199.7</v>
      </c>
      <c r="AA9834" s="5">
        <v>10</v>
      </c>
      <c r="AB9834" s="5" t="s">
        <v>43</v>
      </c>
      <c r="AC9834" s="5" t="s">
        <v>44</v>
      </c>
      <c r="AD9834" s="2" t="s">
        <v>29625</v>
      </c>
      <c r="AE9834" s="1"/>
    </row>
    <row r="9835" spans="1:31" ht="14.45">
      <c r="A9835" s="5"/>
      <c r="B9835" s="21"/>
      <c r="C9835" s="2" t="s">
        <v>30214</v>
      </c>
      <c r="D9835" s="14" t="s">
        <v>30215</v>
      </c>
      <c r="E9835" s="2" t="s">
        <v>30216</v>
      </c>
      <c r="F9835" s="2" t="s">
        <v>29636</v>
      </c>
      <c r="G9835" s="8">
        <v>656</v>
      </c>
      <c r="H9835" s="5">
        <v>5</v>
      </c>
      <c r="I9835" s="5" t="s">
        <v>69</v>
      </c>
      <c r="J9835" s="5" t="s">
        <v>27074</v>
      </c>
      <c r="K9835" s="2" t="s">
        <v>27075</v>
      </c>
      <c r="L9835" s="5" t="s">
        <v>27074</v>
      </c>
      <c r="M9835" s="2" t="s">
        <v>27075</v>
      </c>
      <c r="N9835" s="5" t="s">
        <v>24254</v>
      </c>
      <c r="O9835" s="5" t="s">
        <v>38</v>
      </c>
      <c r="P9835" s="5" t="s">
        <v>39</v>
      </c>
      <c r="Q9835" s="5" t="s">
        <v>40</v>
      </c>
      <c r="R9835" s="5" t="s">
        <v>1487</v>
      </c>
      <c r="S9835" s="5"/>
      <c r="T9835" s="5" t="s">
        <v>42</v>
      </c>
      <c r="U9835" s="2">
        <v>0</v>
      </c>
      <c r="V9835" s="2">
        <v>0</v>
      </c>
      <c r="W9835" s="2">
        <v>0</v>
      </c>
      <c r="X9835" s="2">
        <v>0</v>
      </c>
      <c r="Y9835" s="2">
        <v>0</v>
      </c>
      <c r="Z9835" s="2">
        <v>0</v>
      </c>
      <c r="AA9835" s="5"/>
      <c r="AB9835" s="5" t="s">
        <v>43</v>
      </c>
      <c r="AC9835" s="5" t="s">
        <v>44</v>
      </c>
      <c r="AD9835" s="2" t="s">
        <v>29637</v>
      </c>
      <c r="AE9835" s="1"/>
    </row>
    <row r="9836" spans="1:31" ht="14.45">
      <c r="A9836" s="5"/>
      <c r="B9836" s="21"/>
      <c r="C9836" s="2" t="s">
        <v>30217</v>
      </c>
      <c r="D9836" s="14" t="s">
        <v>30218</v>
      </c>
      <c r="E9836" s="2" t="s">
        <v>30219</v>
      </c>
      <c r="F9836" s="2"/>
      <c r="G9836" s="8">
        <v>479</v>
      </c>
      <c r="H9836" s="5">
        <v>25</v>
      </c>
      <c r="I9836" s="5" t="s">
        <v>69</v>
      </c>
      <c r="J9836" s="5" t="s">
        <v>27074</v>
      </c>
      <c r="K9836" s="2" t="s">
        <v>27075</v>
      </c>
      <c r="L9836" s="5" t="s">
        <v>27074</v>
      </c>
      <c r="M9836" s="2" t="s">
        <v>27075</v>
      </c>
      <c r="N9836" s="5" t="s">
        <v>24254</v>
      </c>
      <c r="O9836" s="5" t="s">
        <v>38</v>
      </c>
      <c r="P9836" s="5" t="s">
        <v>39</v>
      </c>
      <c r="Q9836" s="5" t="s">
        <v>40</v>
      </c>
      <c r="R9836" s="5" t="s">
        <v>25301</v>
      </c>
      <c r="S9836" s="5" t="s">
        <v>40</v>
      </c>
      <c r="T9836" s="5" t="s">
        <v>42</v>
      </c>
      <c r="U9836" s="2">
        <v>20.437000000000001</v>
      </c>
      <c r="V9836" s="2">
        <v>18.260999999999999</v>
      </c>
      <c r="W9836" s="2">
        <v>0.157</v>
      </c>
      <c r="X9836" s="2">
        <v>12</v>
      </c>
      <c r="Y9836" s="2">
        <v>62</v>
      </c>
      <c r="Z9836" s="2">
        <v>210.9</v>
      </c>
      <c r="AA9836" s="5">
        <v>8</v>
      </c>
      <c r="AB9836" s="5" t="s">
        <v>43</v>
      </c>
      <c r="AC9836" s="5" t="s">
        <v>44</v>
      </c>
      <c r="AD9836" s="2" t="s">
        <v>29820</v>
      </c>
      <c r="AE9836" s="1"/>
    </row>
    <row r="9837" spans="1:31" ht="14.45">
      <c r="A9837" s="5"/>
      <c r="B9837" s="21"/>
      <c r="C9837" s="2" t="s">
        <v>30220</v>
      </c>
      <c r="D9837" s="14" t="s">
        <v>30221</v>
      </c>
      <c r="E9837" s="2" t="s">
        <v>30222</v>
      </c>
      <c r="F9837" s="2"/>
      <c r="G9837" s="8">
        <v>479</v>
      </c>
      <c r="H9837" s="5">
        <v>25</v>
      </c>
      <c r="I9837" s="5" t="s">
        <v>69</v>
      </c>
      <c r="J9837" s="5" t="s">
        <v>27074</v>
      </c>
      <c r="K9837" s="2" t="s">
        <v>27075</v>
      </c>
      <c r="L9837" s="5" t="s">
        <v>27074</v>
      </c>
      <c r="M9837" s="2" t="s">
        <v>27075</v>
      </c>
      <c r="N9837" s="5" t="s">
        <v>24254</v>
      </c>
      <c r="O9837" s="5" t="s">
        <v>38</v>
      </c>
      <c r="P9837" s="5" t="s">
        <v>39</v>
      </c>
      <c r="Q9837" s="5" t="s">
        <v>40</v>
      </c>
      <c r="R9837" s="5" t="s">
        <v>25301</v>
      </c>
      <c r="S9837" s="5" t="s">
        <v>40</v>
      </c>
      <c r="T9837" s="5" t="s">
        <v>42</v>
      </c>
      <c r="U9837" s="2">
        <v>15.712</v>
      </c>
      <c r="V9837" s="2">
        <v>12.991</v>
      </c>
      <c r="W9837" s="2">
        <v>0.14899999999999999</v>
      </c>
      <c r="X9837" s="2">
        <v>12</v>
      </c>
      <c r="Y9837" s="2">
        <v>62</v>
      </c>
      <c r="Z9837" s="2">
        <v>199.7</v>
      </c>
      <c r="AA9837" s="5">
        <v>8</v>
      </c>
      <c r="AB9837" s="5" t="s">
        <v>43</v>
      </c>
      <c r="AC9837" s="5" t="s">
        <v>44</v>
      </c>
      <c r="AD9837" s="2" t="s">
        <v>29820</v>
      </c>
      <c r="AE9837" s="1"/>
    </row>
    <row r="9838" spans="1:31" ht="14.45">
      <c r="A9838" s="5"/>
      <c r="B9838" s="21"/>
      <c r="C9838" s="2" t="s">
        <v>30223</v>
      </c>
      <c r="D9838" s="14" t="s">
        <v>30224</v>
      </c>
      <c r="E9838" s="2" t="s">
        <v>30225</v>
      </c>
      <c r="F9838" s="2" t="s">
        <v>29652</v>
      </c>
      <c r="G9838" s="8">
        <v>1151</v>
      </c>
      <c r="H9838" s="5">
        <v>15</v>
      </c>
      <c r="I9838" s="5" t="s">
        <v>69</v>
      </c>
      <c r="J9838" s="5" t="s">
        <v>27074</v>
      </c>
      <c r="K9838" s="2" t="s">
        <v>27075</v>
      </c>
      <c r="L9838" s="5" t="s">
        <v>27074</v>
      </c>
      <c r="M9838" s="2" t="s">
        <v>27075</v>
      </c>
      <c r="N9838" s="5" t="s">
        <v>24254</v>
      </c>
      <c r="O9838" s="5" t="s">
        <v>38</v>
      </c>
      <c r="P9838" s="5" t="s">
        <v>39</v>
      </c>
      <c r="Q9838" s="5" t="s">
        <v>40</v>
      </c>
      <c r="R9838" s="5" t="s">
        <v>1487</v>
      </c>
      <c r="S9838" s="5"/>
      <c r="T9838" s="5" t="s">
        <v>42</v>
      </c>
      <c r="U9838" s="2">
        <v>0</v>
      </c>
      <c r="V9838" s="2">
        <v>0</v>
      </c>
      <c r="W9838" s="2">
        <v>0</v>
      </c>
      <c r="X9838" s="2">
        <v>0</v>
      </c>
      <c r="Y9838" s="2">
        <v>0</v>
      </c>
      <c r="Z9838" s="2">
        <v>0</v>
      </c>
      <c r="AA9838" s="5"/>
      <c r="AB9838" s="5" t="s">
        <v>43</v>
      </c>
      <c r="AC9838" s="5" t="s">
        <v>44</v>
      </c>
      <c r="AD9838" s="2" t="s">
        <v>29653</v>
      </c>
      <c r="AE9838" s="1"/>
    </row>
    <row r="9839" spans="1:31" ht="14.45">
      <c r="A9839" s="5"/>
      <c r="B9839" s="21"/>
      <c r="C9839" s="2" t="s">
        <v>30226</v>
      </c>
      <c r="D9839" s="14" t="s">
        <v>30227</v>
      </c>
      <c r="E9839" s="2" t="s">
        <v>30228</v>
      </c>
      <c r="F9839" s="2"/>
      <c r="G9839" s="8">
        <v>287</v>
      </c>
      <c r="H9839" s="5">
        <v>5</v>
      </c>
      <c r="I9839" s="5" t="s">
        <v>69</v>
      </c>
      <c r="J9839" s="5" t="s">
        <v>27074</v>
      </c>
      <c r="K9839" s="2" t="s">
        <v>27075</v>
      </c>
      <c r="L9839" s="5" t="s">
        <v>27074</v>
      </c>
      <c r="M9839" s="2" t="s">
        <v>27075</v>
      </c>
      <c r="N9839" s="5" t="s">
        <v>24254</v>
      </c>
      <c r="O9839" s="5" t="s">
        <v>38</v>
      </c>
      <c r="P9839" s="5" t="s">
        <v>39</v>
      </c>
      <c r="Q9839" s="5" t="s">
        <v>40</v>
      </c>
      <c r="R9839" s="5" t="s">
        <v>24335</v>
      </c>
      <c r="S9839" s="5" t="s">
        <v>40</v>
      </c>
      <c r="T9839" s="5" t="s">
        <v>42</v>
      </c>
      <c r="U9839" s="2">
        <v>11.635999999999999</v>
      </c>
      <c r="V9839" s="2">
        <v>9.4600000000000009</v>
      </c>
      <c r="W9839" s="2">
        <v>0.157</v>
      </c>
      <c r="X9839" s="2">
        <v>12</v>
      </c>
      <c r="Y9839" s="2">
        <v>62</v>
      </c>
      <c r="Z9839" s="2">
        <v>210.9</v>
      </c>
      <c r="AA9839" s="5">
        <v>8</v>
      </c>
      <c r="AB9839" s="5" t="s">
        <v>43</v>
      </c>
      <c r="AC9839" s="5" t="s">
        <v>44</v>
      </c>
      <c r="AD9839" s="2" t="s">
        <v>29611</v>
      </c>
      <c r="AE9839" s="1"/>
    </row>
    <row r="9840" spans="1:31" ht="14.45">
      <c r="A9840" s="5"/>
      <c r="B9840" s="21"/>
      <c r="C9840" s="2" t="s">
        <v>30229</v>
      </c>
      <c r="D9840" s="14" t="s">
        <v>30230</v>
      </c>
      <c r="E9840" s="2" t="s">
        <v>30231</v>
      </c>
      <c r="F9840" s="2"/>
      <c r="G9840" s="8">
        <v>287</v>
      </c>
      <c r="H9840" s="5">
        <v>5</v>
      </c>
      <c r="I9840" s="5" t="s">
        <v>69</v>
      </c>
      <c r="J9840" s="5" t="s">
        <v>27074</v>
      </c>
      <c r="K9840" s="2" t="s">
        <v>27075</v>
      </c>
      <c r="L9840" s="5" t="s">
        <v>27074</v>
      </c>
      <c r="M9840" s="2" t="s">
        <v>27075</v>
      </c>
      <c r="N9840" s="5" t="s">
        <v>24254</v>
      </c>
      <c r="O9840" s="5" t="s">
        <v>38</v>
      </c>
      <c r="P9840" s="5" t="s">
        <v>39</v>
      </c>
      <c r="Q9840" s="5" t="s">
        <v>40</v>
      </c>
      <c r="R9840" s="5" t="s">
        <v>24335</v>
      </c>
      <c r="S9840" s="5" t="s">
        <v>40</v>
      </c>
      <c r="T9840" s="5" t="s">
        <v>42</v>
      </c>
      <c r="U9840" s="2">
        <v>9.5920000000000005</v>
      </c>
      <c r="V9840" s="2">
        <v>6.8659999999999997</v>
      </c>
      <c r="W9840" s="2">
        <v>0.14899999999999999</v>
      </c>
      <c r="X9840" s="2">
        <v>12</v>
      </c>
      <c r="Y9840" s="2">
        <v>62</v>
      </c>
      <c r="Z9840" s="2">
        <v>199.7</v>
      </c>
      <c r="AA9840" s="5">
        <v>8</v>
      </c>
      <c r="AB9840" s="5" t="s">
        <v>43</v>
      </c>
      <c r="AC9840" s="5" t="s">
        <v>44</v>
      </c>
      <c r="AD9840" s="2" t="s">
        <v>29611</v>
      </c>
      <c r="AE9840" s="1"/>
    </row>
    <row r="9841" spans="1:31" ht="14.45">
      <c r="A9841" s="5"/>
      <c r="B9841" s="21"/>
      <c r="C9841" s="2" t="s">
        <v>30232</v>
      </c>
      <c r="D9841" s="14" t="s">
        <v>30233</v>
      </c>
      <c r="E9841" s="2" t="s">
        <v>30234</v>
      </c>
      <c r="F9841" s="2"/>
      <c r="G9841" s="8">
        <v>310</v>
      </c>
      <c r="H9841" s="5">
        <v>5</v>
      </c>
      <c r="I9841" s="5" t="s">
        <v>69</v>
      </c>
      <c r="J9841" s="5" t="s">
        <v>27074</v>
      </c>
      <c r="K9841" s="2" t="s">
        <v>27075</v>
      </c>
      <c r="L9841" s="5" t="s">
        <v>27074</v>
      </c>
      <c r="M9841" s="2" t="s">
        <v>27075</v>
      </c>
      <c r="N9841" s="5" t="s">
        <v>24254</v>
      </c>
      <c r="O9841" s="5" t="s">
        <v>38</v>
      </c>
      <c r="P9841" s="5" t="s">
        <v>39</v>
      </c>
      <c r="Q9841" s="5" t="s">
        <v>40</v>
      </c>
      <c r="R9841" s="5" t="s">
        <v>24335</v>
      </c>
      <c r="S9841" s="5" t="s">
        <v>40</v>
      </c>
      <c r="T9841" s="5" t="s">
        <v>42</v>
      </c>
      <c r="U9841" s="2">
        <v>14.287000000000001</v>
      </c>
      <c r="V9841" s="2">
        <v>12.111000000000001</v>
      </c>
      <c r="W9841" s="2">
        <v>0.157</v>
      </c>
      <c r="X9841" s="2">
        <v>12</v>
      </c>
      <c r="Y9841" s="2">
        <v>62</v>
      </c>
      <c r="Z9841" s="2">
        <v>210.9</v>
      </c>
      <c r="AA9841" s="5">
        <v>8</v>
      </c>
      <c r="AB9841" s="5" t="s">
        <v>43</v>
      </c>
      <c r="AC9841" s="5" t="s">
        <v>44</v>
      </c>
      <c r="AD9841" s="2" t="s">
        <v>29611</v>
      </c>
      <c r="AE9841" s="1"/>
    </row>
    <row r="9842" spans="1:31" ht="14.45">
      <c r="A9842" s="5"/>
      <c r="B9842" s="21"/>
      <c r="C9842" s="2" t="s">
        <v>30235</v>
      </c>
      <c r="D9842" s="14" t="s">
        <v>30236</v>
      </c>
      <c r="E9842" s="2" t="s">
        <v>30237</v>
      </c>
      <c r="F9842" s="2"/>
      <c r="G9842" s="8">
        <v>310</v>
      </c>
      <c r="H9842" s="5">
        <v>5</v>
      </c>
      <c r="I9842" s="5" t="s">
        <v>69</v>
      </c>
      <c r="J9842" s="5" t="s">
        <v>27074</v>
      </c>
      <c r="K9842" s="2" t="s">
        <v>27075</v>
      </c>
      <c r="L9842" s="5" t="s">
        <v>27074</v>
      </c>
      <c r="M9842" s="2" t="s">
        <v>27075</v>
      </c>
      <c r="N9842" s="5" t="s">
        <v>24254</v>
      </c>
      <c r="O9842" s="5" t="s">
        <v>38</v>
      </c>
      <c r="P9842" s="5" t="s">
        <v>39</v>
      </c>
      <c r="Q9842" s="5" t="s">
        <v>40</v>
      </c>
      <c r="R9842" s="5" t="s">
        <v>24335</v>
      </c>
      <c r="S9842" s="5" t="s">
        <v>40</v>
      </c>
      <c r="T9842" s="5" t="s">
        <v>42</v>
      </c>
      <c r="U9842" s="2">
        <v>12.6</v>
      </c>
      <c r="V9842" s="2">
        <v>10.425000000000001</v>
      </c>
      <c r="W9842" s="2">
        <v>0.157</v>
      </c>
      <c r="X9842" s="2">
        <v>12</v>
      </c>
      <c r="Y9842" s="2">
        <v>62</v>
      </c>
      <c r="Z9842" s="2">
        <v>210.9</v>
      </c>
      <c r="AA9842" s="5">
        <v>8</v>
      </c>
      <c r="AB9842" s="5" t="s">
        <v>43</v>
      </c>
      <c r="AC9842" s="5" t="s">
        <v>44</v>
      </c>
      <c r="AD9842" s="2" t="s">
        <v>29611</v>
      </c>
      <c r="AE9842" s="1"/>
    </row>
    <row r="9843" spans="1:31" ht="14.45">
      <c r="A9843" s="5"/>
      <c r="B9843" s="21"/>
      <c r="C9843" s="2" t="s">
        <v>30238</v>
      </c>
      <c r="D9843" s="14" t="s">
        <v>30239</v>
      </c>
      <c r="E9843" s="2" t="s">
        <v>30240</v>
      </c>
      <c r="F9843" s="2"/>
      <c r="G9843" s="8">
        <v>310</v>
      </c>
      <c r="H9843" s="5">
        <v>5</v>
      </c>
      <c r="I9843" s="5" t="s">
        <v>69</v>
      </c>
      <c r="J9843" s="5" t="s">
        <v>27074</v>
      </c>
      <c r="K9843" s="2" t="s">
        <v>27075</v>
      </c>
      <c r="L9843" s="5" t="s">
        <v>27074</v>
      </c>
      <c r="M9843" s="2" t="s">
        <v>27075</v>
      </c>
      <c r="N9843" s="5" t="s">
        <v>24254</v>
      </c>
      <c r="O9843" s="5" t="s">
        <v>38</v>
      </c>
      <c r="P9843" s="5" t="s">
        <v>39</v>
      </c>
      <c r="Q9843" s="5" t="s">
        <v>40</v>
      </c>
      <c r="R9843" s="5" t="s">
        <v>24335</v>
      </c>
      <c r="S9843" s="5" t="s">
        <v>40</v>
      </c>
      <c r="T9843" s="5" t="s">
        <v>42</v>
      </c>
      <c r="U9843" s="2">
        <v>11.092000000000001</v>
      </c>
      <c r="V9843" s="2">
        <v>8.94</v>
      </c>
      <c r="W9843" s="2">
        <v>0.14899999999999999</v>
      </c>
      <c r="X9843" s="2">
        <v>12</v>
      </c>
      <c r="Y9843" s="2">
        <v>62</v>
      </c>
      <c r="Z9843" s="2">
        <v>199.7</v>
      </c>
      <c r="AA9843" s="5">
        <v>8</v>
      </c>
      <c r="AB9843" s="5" t="s">
        <v>43</v>
      </c>
      <c r="AC9843" s="5" t="s">
        <v>44</v>
      </c>
      <c r="AD9843" s="2" t="s">
        <v>29611</v>
      </c>
      <c r="AE9843" s="1"/>
    </row>
    <row r="9844" spans="1:31" ht="14.45">
      <c r="A9844" s="5"/>
      <c r="B9844" s="21"/>
      <c r="C9844" s="2" t="s">
        <v>30241</v>
      </c>
      <c r="D9844" s="14" t="s">
        <v>30242</v>
      </c>
      <c r="E9844" s="2" t="s">
        <v>30243</v>
      </c>
      <c r="F9844" s="2"/>
      <c r="G9844" s="8">
        <v>310</v>
      </c>
      <c r="H9844" s="5">
        <v>25</v>
      </c>
      <c r="I9844" s="5" t="s">
        <v>69</v>
      </c>
      <c r="J9844" s="5" t="s">
        <v>27074</v>
      </c>
      <c r="K9844" s="2" t="s">
        <v>27075</v>
      </c>
      <c r="L9844" s="5" t="s">
        <v>27074</v>
      </c>
      <c r="M9844" s="2" t="s">
        <v>27075</v>
      </c>
      <c r="N9844" s="5" t="s">
        <v>24254</v>
      </c>
      <c r="O9844" s="5" t="s">
        <v>38</v>
      </c>
      <c r="P9844" s="5" t="s">
        <v>39</v>
      </c>
      <c r="Q9844" s="5" t="s">
        <v>40</v>
      </c>
      <c r="R9844" s="5" t="s">
        <v>24335</v>
      </c>
      <c r="S9844" s="5" t="s">
        <v>40</v>
      </c>
      <c r="T9844" s="5" t="s">
        <v>42</v>
      </c>
      <c r="U9844" s="2">
        <v>8.8360000000000003</v>
      </c>
      <c r="V9844" s="2">
        <v>6.8949999999999996</v>
      </c>
      <c r="W9844" s="2">
        <v>0.129</v>
      </c>
      <c r="X9844" s="2">
        <v>12</v>
      </c>
      <c r="Y9844" s="2">
        <v>62</v>
      </c>
      <c r="Z9844" s="2">
        <v>172.9</v>
      </c>
      <c r="AA9844" s="5">
        <v>10</v>
      </c>
      <c r="AB9844" s="5" t="s">
        <v>43</v>
      </c>
      <c r="AC9844" s="5" t="s">
        <v>44</v>
      </c>
      <c r="AD9844" s="2" t="s">
        <v>29747</v>
      </c>
      <c r="AE9844" s="1"/>
    </row>
    <row r="9845" spans="1:31" ht="14.45">
      <c r="A9845" s="5"/>
      <c r="B9845" s="21"/>
      <c r="C9845" s="2" t="s">
        <v>30244</v>
      </c>
      <c r="D9845" s="14" t="s">
        <v>30245</v>
      </c>
      <c r="E9845" s="2" t="s">
        <v>30246</v>
      </c>
      <c r="F9845" s="2"/>
      <c r="G9845" s="8">
        <v>310</v>
      </c>
      <c r="H9845" s="5">
        <v>25</v>
      </c>
      <c r="I9845" s="5" t="s">
        <v>69</v>
      </c>
      <c r="J9845" s="5" t="s">
        <v>27074</v>
      </c>
      <c r="K9845" s="2" t="s">
        <v>27075</v>
      </c>
      <c r="L9845" s="5" t="s">
        <v>27074</v>
      </c>
      <c r="M9845" s="2" t="s">
        <v>27075</v>
      </c>
      <c r="N9845" s="5" t="s">
        <v>24254</v>
      </c>
      <c r="O9845" s="5" t="s">
        <v>38</v>
      </c>
      <c r="P9845" s="5" t="s">
        <v>39</v>
      </c>
      <c r="Q9845" s="5" t="s">
        <v>40</v>
      </c>
      <c r="R9845" s="5" t="s">
        <v>24335</v>
      </c>
      <c r="S9845" s="5" t="s">
        <v>40</v>
      </c>
      <c r="T9845" s="5" t="s">
        <v>42</v>
      </c>
      <c r="U9845" s="2">
        <v>9.7899999999999991</v>
      </c>
      <c r="V9845" s="2">
        <v>7.8490000000000002</v>
      </c>
      <c r="W9845" s="2">
        <v>0.129</v>
      </c>
      <c r="X9845" s="2">
        <v>12</v>
      </c>
      <c r="Y9845" s="2">
        <v>62</v>
      </c>
      <c r="Z9845" s="2">
        <v>172.9</v>
      </c>
      <c r="AA9845" s="5">
        <v>10</v>
      </c>
      <c r="AB9845" s="5" t="s">
        <v>43</v>
      </c>
      <c r="AC9845" s="5" t="s">
        <v>44</v>
      </c>
      <c r="AD9845" s="2" t="s">
        <v>29621</v>
      </c>
      <c r="AE9845" s="1"/>
    </row>
    <row r="9846" spans="1:31" ht="14.45">
      <c r="A9846" s="5"/>
      <c r="B9846" s="21"/>
      <c r="C9846" s="2" t="s">
        <v>30247</v>
      </c>
      <c r="D9846" s="14" t="s">
        <v>30248</v>
      </c>
      <c r="E9846" s="2" t="s">
        <v>30249</v>
      </c>
      <c r="F9846" s="2"/>
      <c r="G9846" s="8">
        <v>310</v>
      </c>
      <c r="H9846" s="5">
        <v>25</v>
      </c>
      <c r="I9846" s="5" t="s">
        <v>69</v>
      </c>
      <c r="J9846" s="5" t="s">
        <v>27074</v>
      </c>
      <c r="K9846" s="2" t="s">
        <v>27075</v>
      </c>
      <c r="L9846" s="5" t="s">
        <v>27074</v>
      </c>
      <c r="M9846" s="2" t="s">
        <v>27075</v>
      </c>
      <c r="N9846" s="5" t="s">
        <v>24254</v>
      </c>
      <c r="O9846" s="5" t="s">
        <v>38</v>
      </c>
      <c r="P9846" s="5" t="s">
        <v>39</v>
      </c>
      <c r="Q9846" s="5" t="s">
        <v>40</v>
      </c>
      <c r="R9846" s="5" t="s">
        <v>24335</v>
      </c>
      <c r="S9846" s="5" t="s">
        <v>40</v>
      </c>
      <c r="T9846" s="5" t="s">
        <v>42</v>
      </c>
      <c r="U9846" s="2">
        <v>7.3959999999999999</v>
      </c>
      <c r="V9846" s="2">
        <v>5.4550000000000001</v>
      </c>
      <c r="W9846" s="2">
        <v>0.129</v>
      </c>
      <c r="X9846" s="2">
        <v>12</v>
      </c>
      <c r="Y9846" s="2">
        <v>62</v>
      </c>
      <c r="Z9846" s="2">
        <v>172.9</v>
      </c>
      <c r="AA9846" s="5">
        <v>10</v>
      </c>
      <c r="AB9846" s="5" t="s">
        <v>43</v>
      </c>
      <c r="AC9846" s="5" t="s">
        <v>44</v>
      </c>
      <c r="AD9846" s="2" t="s">
        <v>29629</v>
      </c>
      <c r="AE9846" s="1"/>
    </row>
    <row r="9847" spans="1:31" ht="14.45">
      <c r="A9847" s="5"/>
      <c r="B9847" s="21"/>
      <c r="C9847" s="2" t="s">
        <v>30250</v>
      </c>
      <c r="D9847" s="14" t="s">
        <v>30251</v>
      </c>
      <c r="E9847" s="2" t="s">
        <v>30252</v>
      </c>
      <c r="F9847" s="2"/>
      <c r="G9847" s="8">
        <v>310</v>
      </c>
      <c r="H9847" s="5">
        <v>25</v>
      </c>
      <c r="I9847" s="5" t="s">
        <v>69</v>
      </c>
      <c r="J9847" s="5" t="s">
        <v>27074</v>
      </c>
      <c r="K9847" s="2" t="s">
        <v>27075</v>
      </c>
      <c r="L9847" s="5" t="s">
        <v>27074</v>
      </c>
      <c r="M9847" s="2" t="s">
        <v>27075</v>
      </c>
      <c r="N9847" s="5" t="s">
        <v>24254</v>
      </c>
      <c r="O9847" s="5" t="s">
        <v>38</v>
      </c>
      <c r="P9847" s="5" t="s">
        <v>39</v>
      </c>
      <c r="Q9847" s="5" t="s">
        <v>40</v>
      </c>
      <c r="R9847" s="5" t="s">
        <v>24335</v>
      </c>
      <c r="S9847" s="5" t="s">
        <v>40</v>
      </c>
      <c r="T9847" s="5" t="s">
        <v>42</v>
      </c>
      <c r="U9847" s="2">
        <v>8.3520000000000003</v>
      </c>
      <c r="V9847" s="2">
        <v>6.4109999999999996</v>
      </c>
      <c r="W9847" s="2">
        <v>0.129</v>
      </c>
      <c r="X9847" s="2">
        <v>12</v>
      </c>
      <c r="Y9847" s="2">
        <v>62</v>
      </c>
      <c r="Z9847" s="2">
        <v>172.9</v>
      </c>
      <c r="AA9847" s="5">
        <v>10</v>
      </c>
      <c r="AB9847" s="5" t="s">
        <v>43</v>
      </c>
      <c r="AC9847" s="5" t="s">
        <v>44</v>
      </c>
      <c r="AD9847" s="2" t="s">
        <v>29625</v>
      </c>
      <c r="AE9847" s="1"/>
    </row>
    <row r="9848" spans="1:31" ht="14.45">
      <c r="A9848" s="5"/>
      <c r="B9848" s="21"/>
      <c r="C9848" s="2" t="s">
        <v>30253</v>
      </c>
      <c r="D9848" s="14" t="s">
        <v>30254</v>
      </c>
      <c r="E9848" s="2" t="s">
        <v>30255</v>
      </c>
      <c r="F9848" s="2"/>
      <c r="G9848" s="8">
        <v>310</v>
      </c>
      <c r="H9848" s="5">
        <v>25</v>
      </c>
      <c r="I9848" s="5" t="s">
        <v>69</v>
      </c>
      <c r="J9848" s="5" t="s">
        <v>27074</v>
      </c>
      <c r="K9848" s="2" t="s">
        <v>27075</v>
      </c>
      <c r="L9848" s="5" t="s">
        <v>27074</v>
      </c>
      <c r="M9848" s="2" t="s">
        <v>27075</v>
      </c>
      <c r="N9848" s="5" t="s">
        <v>24254</v>
      </c>
      <c r="O9848" s="5" t="s">
        <v>38</v>
      </c>
      <c r="P9848" s="5" t="s">
        <v>39</v>
      </c>
      <c r="Q9848" s="5" t="s">
        <v>40</v>
      </c>
      <c r="R9848" s="5" t="s">
        <v>24335</v>
      </c>
      <c r="S9848" s="5" t="s">
        <v>40</v>
      </c>
      <c r="T9848" s="5" t="s">
        <v>42</v>
      </c>
      <c r="U9848" s="2">
        <v>8.3889999999999993</v>
      </c>
      <c r="V9848" s="2">
        <v>6.4480000000000004</v>
      </c>
      <c r="W9848" s="2">
        <v>0.129</v>
      </c>
      <c r="X9848" s="2">
        <v>12</v>
      </c>
      <c r="Y9848" s="2">
        <v>62</v>
      </c>
      <c r="Z9848" s="2">
        <v>172.9</v>
      </c>
      <c r="AA9848" s="5">
        <v>10</v>
      </c>
      <c r="AB9848" s="5" t="s">
        <v>43</v>
      </c>
      <c r="AC9848" s="5" t="s">
        <v>44</v>
      </c>
      <c r="AD9848" s="2" t="s">
        <v>29629</v>
      </c>
      <c r="AE9848" s="1"/>
    </row>
    <row r="9849" spans="1:31" ht="14.45">
      <c r="A9849" s="5"/>
      <c r="B9849" s="21"/>
      <c r="C9849" s="2" t="s">
        <v>30256</v>
      </c>
      <c r="D9849" s="14" t="s">
        <v>30257</v>
      </c>
      <c r="E9849" s="2" t="s">
        <v>30258</v>
      </c>
      <c r="F9849" s="2"/>
      <c r="G9849" s="8">
        <v>310</v>
      </c>
      <c r="H9849" s="5">
        <v>25</v>
      </c>
      <c r="I9849" s="5" t="s">
        <v>69</v>
      </c>
      <c r="J9849" s="5" t="s">
        <v>27074</v>
      </c>
      <c r="K9849" s="2" t="s">
        <v>27075</v>
      </c>
      <c r="L9849" s="5" t="s">
        <v>27074</v>
      </c>
      <c r="M9849" s="2" t="s">
        <v>27075</v>
      </c>
      <c r="N9849" s="5" t="s">
        <v>24254</v>
      </c>
      <c r="O9849" s="5" t="s">
        <v>38</v>
      </c>
      <c r="P9849" s="5" t="s">
        <v>39</v>
      </c>
      <c r="Q9849" s="5" t="s">
        <v>40</v>
      </c>
      <c r="R9849" s="5" t="s">
        <v>24335</v>
      </c>
      <c r="S9849" s="5" t="s">
        <v>40</v>
      </c>
      <c r="T9849" s="5" t="s">
        <v>42</v>
      </c>
      <c r="U9849" s="2">
        <v>9.4290000000000003</v>
      </c>
      <c r="V9849" s="2">
        <v>7.4880000000000004</v>
      </c>
      <c r="W9849" s="2">
        <v>0.129</v>
      </c>
      <c r="X9849" s="2">
        <v>12</v>
      </c>
      <c r="Y9849" s="2">
        <v>62</v>
      </c>
      <c r="Z9849" s="2">
        <v>172.9</v>
      </c>
      <c r="AA9849" s="5">
        <v>10</v>
      </c>
      <c r="AB9849" s="5" t="s">
        <v>43</v>
      </c>
      <c r="AC9849" s="5" t="s">
        <v>44</v>
      </c>
      <c r="AD9849" s="2" t="s">
        <v>29625</v>
      </c>
      <c r="AE9849" s="1"/>
    </row>
    <row r="9850" spans="1:31" ht="14.45">
      <c r="A9850" s="5"/>
      <c r="B9850" s="21"/>
      <c r="C9850" s="2" t="s">
        <v>30259</v>
      </c>
      <c r="D9850" s="14" t="s">
        <v>30260</v>
      </c>
      <c r="E9850" s="2" t="s">
        <v>30261</v>
      </c>
      <c r="F9850" s="2" t="s">
        <v>29636</v>
      </c>
      <c r="G9850" s="8">
        <v>620</v>
      </c>
      <c r="H9850" s="5">
        <v>5</v>
      </c>
      <c r="I9850" s="5" t="s">
        <v>69</v>
      </c>
      <c r="J9850" s="5" t="s">
        <v>27074</v>
      </c>
      <c r="K9850" s="2" t="s">
        <v>27075</v>
      </c>
      <c r="L9850" s="5" t="s">
        <v>27074</v>
      </c>
      <c r="M9850" s="2" t="s">
        <v>27075</v>
      </c>
      <c r="N9850" s="5" t="s">
        <v>24254</v>
      </c>
      <c r="O9850" s="5" t="s">
        <v>38</v>
      </c>
      <c r="P9850" s="5" t="s">
        <v>39</v>
      </c>
      <c r="Q9850" s="5" t="s">
        <v>40</v>
      </c>
      <c r="R9850" s="5" t="s">
        <v>1487</v>
      </c>
      <c r="S9850" s="5"/>
      <c r="T9850" s="5" t="s">
        <v>42</v>
      </c>
      <c r="U9850" s="2">
        <v>0</v>
      </c>
      <c r="V9850" s="2">
        <v>0</v>
      </c>
      <c r="W9850" s="2">
        <v>0</v>
      </c>
      <c r="X9850" s="2">
        <v>0</v>
      </c>
      <c r="Y9850" s="2">
        <v>0</v>
      </c>
      <c r="Z9850" s="2">
        <v>0</v>
      </c>
      <c r="AA9850" s="5"/>
      <c r="AB9850" s="5" t="s">
        <v>43</v>
      </c>
      <c r="AC9850" s="5" t="s">
        <v>44</v>
      </c>
      <c r="AD9850" s="2" t="s">
        <v>29637</v>
      </c>
      <c r="AE9850" s="1"/>
    </row>
    <row r="9851" spans="1:31" ht="14.45">
      <c r="A9851" s="5"/>
      <c r="B9851" s="21"/>
      <c r="C9851" s="2" t="s">
        <v>30262</v>
      </c>
      <c r="D9851" s="14" t="s">
        <v>30263</v>
      </c>
      <c r="E9851" s="2" t="s">
        <v>30264</v>
      </c>
      <c r="F9851" s="2"/>
      <c r="G9851" s="8">
        <v>461</v>
      </c>
      <c r="H9851" s="5">
        <v>25</v>
      </c>
      <c r="I9851" s="5" t="s">
        <v>69</v>
      </c>
      <c r="J9851" s="5" t="s">
        <v>27074</v>
      </c>
      <c r="K9851" s="2" t="s">
        <v>27075</v>
      </c>
      <c r="L9851" s="5" t="s">
        <v>27074</v>
      </c>
      <c r="M9851" s="2" t="s">
        <v>27075</v>
      </c>
      <c r="N9851" s="5" t="s">
        <v>24254</v>
      </c>
      <c r="O9851" s="5" t="s">
        <v>38</v>
      </c>
      <c r="P9851" s="5" t="s">
        <v>39</v>
      </c>
      <c r="Q9851" s="5" t="s">
        <v>40</v>
      </c>
      <c r="R9851" s="5" t="s">
        <v>24340</v>
      </c>
      <c r="S9851" s="5" t="s">
        <v>40</v>
      </c>
      <c r="T9851" s="5" t="s">
        <v>42</v>
      </c>
      <c r="U9851" s="2">
        <v>21.731999999999999</v>
      </c>
      <c r="V9851" s="2">
        <v>19.756</v>
      </c>
      <c r="W9851" s="2">
        <v>0.129</v>
      </c>
      <c r="X9851" s="2">
        <v>12</v>
      </c>
      <c r="Y9851" s="2">
        <v>62</v>
      </c>
      <c r="Z9851" s="2">
        <v>172.9</v>
      </c>
      <c r="AA9851" s="5">
        <v>8</v>
      </c>
      <c r="AB9851" s="5" t="s">
        <v>43</v>
      </c>
      <c r="AC9851" s="5" t="s">
        <v>44</v>
      </c>
      <c r="AD9851" s="2" t="s">
        <v>29641</v>
      </c>
      <c r="AE9851" s="1"/>
    </row>
    <row r="9852" spans="1:31" ht="14.45">
      <c r="A9852" s="5"/>
      <c r="B9852" s="21"/>
      <c r="C9852" s="2" t="s">
        <v>30265</v>
      </c>
      <c r="D9852" s="14" t="s">
        <v>30266</v>
      </c>
      <c r="E9852" s="2" t="s">
        <v>30267</v>
      </c>
      <c r="F9852" s="2"/>
      <c r="G9852" s="8">
        <v>461</v>
      </c>
      <c r="H9852" s="5">
        <v>25</v>
      </c>
      <c r="I9852" s="5" t="s">
        <v>69</v>
      </c>
      <c r="J9852" s="5" t="s">
        <v>27074</v>
      </c>
      <c r="K9852" s="2" t="s">
        <v>27075</v>
      </c>
      <c r="L9852" s="5" t="s">
        <v>27074</v>
      </c>
      <c r="M9852" s="2" t="s">
        <v>27075</v>
      </c>
      <c r="N9852" s="5" t="s">
        <v>24254</v>
      </c>
      <c r="O9852" s="5" t="s">
        <v>38</v>
      </c>
      <c r="P9852" s="5" t="s">
        <v>39</v>
      </c>
      <c r="Q9852" s="5" t="s">
        <v>40</v>
      </c>
      <c r="R9852" s="5" t="s">
        <v>24340</v>
      </c>
      <c r="S9852" s="5" t="s">
        <v>40</v>
      </c>
      <c r="T9852" s="5" t="s">
        <v>42</v>
      </c>
      <c r="U9852" s="2">
        <v>16.266999999999999</v>
      </c>
      <c r="V9852" s="2">
        <v>14.323</v>
      </c>
      <c r="W9852" s="2">
        <v>0.129</v>
      </c>
      <c r="X9852" s="2">
        <v>12</v>
      </c>
      <c r="Y9852" s="2">
        <v>62</v>
      </c>
      <c r="Z9852" s="2">
        <v>172.9</v>
      </c>
      <c r="AA9852" s="5">
        <v>8</v>
      </c>
      <c r="AB9852" s="5" t="s">
        <v>43</v>
      </c>
      <c r="AC9852" s="5" t="s">
        <v>44</v>
      </c>
      <c r="AD9852" s="2" t="s">
        <v>29641</v>
      </c>
      <c r="AE9852" s="1"/>
    </row>
    <row r="9853" spans="1:31" ht="14.45">
      <c r="A9853" s="5"/>
      <c r="B9853" s="21"/>
      <c r="C9853" s="2" t="s">
        <v>30268</v>
      </c>
      <c r="D9853" s="14" t="s">
        <v>30269</v>
      </c>
      <c r="E9853" s="2" t="s">
        <v>30270</v>
      </c>
      <c r="F9853" s="2" t="s">
        <v>29652</v>
      </c>
      <c r="G9853" s="8">
        <v>1153</v>
      </c>
      <c r="H9853" s="5">
        <v>15</v>
      </c>
      <c r="I9853" s="5" t="s">
        <v>69</v>
      </c>
      <c r="J9853" s="5" t="s">
        <v>27074</v>
      </c>
      <c r="K9853" s="2" t="s">
        <v>27075</v>
      </c>
      <c r="L9853" s="5" t="s">
        <v>27074</v>
      </c>
      <c r="M9853" s="2" t="s">
        <v>27075</v>
      </c>
      <c r="N9853" s="5" t="s">
        <v>24254</v>
      </c>
      <c r="O9853" s="5" t="s">
        <v>38</v>
      </c>
      <c r="P9853" s="5" t="s">
        <v>39</v>
      </c>
      <c r="Q9853" s="5" t="s">
        <v>40</v>
      </c>
      <c r="R9853" s="5" t="s">
        <v>1487</v>
      </c>
      <c r="S9853" s="5"/>
      <c r="T9853" s="5" t="s">
        <v>42</v>
      </c>
      <c r="U9853" s="2">
        <v>0</v>
      </c>
      <c r="V9853" s="2">
        <v>0</v>
      </c>
      <c r="W9853" s="2">
        <v>0</v>
      </c>
      <c r="X9853" s="2">
        <v>0</v>
      </c>
      <c r="Y9853" s="2">
        <v>0</v>
      </c>
      <c r="Z9853" s="2">
        <v>0</v>
      </c>
      <c r="AA9853" s="5"/>
      <c r="AB9853" s="5" t="s">
        <v>43</v>
      </c>
      <c r="AC9853" s="5" t="s">
        <v>44</v>
      </c>
      <c r="AD9853" s="2" t="s">
        <v>29653</v>
      </c>
      <c r="AE9853" s="1"/>
    </row>
    <row r="9854" spans="1:31" ht="14.45">
      <c r="A9854" s="5"/>
      <c r="B9854" s="21"/>
      <c r="C9854" s="2" t="s">
        <v>30271</v>
      </c>
      <c r="D9854" s="14" t="s">
        <v>30272</v>
      </c>
      <c r="E9854" s="2" t="s">
        <v>30273</v>
      </c>
      <c r="F9854" s="2"/>
      <c r="G9854" s="8">
        <v>318</v>
      </c>
      <c r="H9854" s="5">
        <v>5</v>
      </c>
      <c r="I9854" s="5" t="s">
        <v>69</v>
      </c>
      <c r="J9854" s="5" t="s">
        <v>27074</v>
      </c>
      <c r="K9854" s="2" t="s">
        <v>27075</v>
      </c>
      <c r="L9854" s="5" t="s">
        <v>27074</v>
      </c>
      <c r="M9854" s="2" t="s">
        <v>27075</v>
      </c>
      <c r="N9854" s="5" t="s">
        <v>24254</v>
      </c>
      <c r="O9854" s="5" t="s">
        <v>38</v>
      </c>
      <c r="P9854" s="5" t="s">
        <v>39</v>
      </c>
      <c r="Q9854" s="5" t="s">
        <v>40</v>
      </c>
      <c r="R9854" s="5" t="s">
        <v>24335</v>
      </c>
      <c r="S9854" s="5" t="s">
        <v>40</v>
      </c>
      <c r="T9854" s="5" t="s">
        <v>42</v>
      </c>
      <c r="U9854" s="2">
        <v>14.827</v>
      </c>
      <c r="V9854" s="2">
        <v>12.651</v>
      </c>
      <c r="W9854" s="2">
        <v>0.157</v>
      </c>
      <c r="X9854" s="2">
        <v>12</v>
      </c>
      <c r="Y9854" s="2">
        <v>62</v>
      </c>
      <c r="Z9854" s="2">
        <v>210.9</v>
      </c>
      <c r="AA9854" s="5">
        <v>8</v>
      </c>
      <c r="AB9854" s="5" t="s">
        <v>43</v>
      </c>
      <c r="AC9854" s="5" t="s">
        <v>44</v>
      </c>
      <c r="AD9854" s="2" t="s">
        <v>29611</v>
      </c>
      <c r="AE9854" s="1"/>
    </row>
    <row r="9855" spans="1:31" ht="14.45">
      <c r="A9855" s="5"/>
      <c r="B9855" s="21"/>
      <c r="C9855" s="2" t="s">
        <v>30274</v>
      </c>
      <c r="D9855" s="14" t="s">
        <v>30275</v>
      </c>
      <c r="E9855" s="2" t="s">
        <v>30276</v>
      </c>
      <c r="F9855" s="2"/>
      <c r="G9855" s="8">
        <v>318</v>
      </c>
      <c r="H9855" s="5">
        <v>5</v>
      </c>
      <c r="I9855" s="5" t="s">
        <v>69</v>
      </c>
      <c r="J9855" s="5" t="s">
        <v>27074</v>
      </c>
      <c r="K9855" s="2" t="s">
        <v>27075</v>
      </c>
      <c r="L9855" s="5" t="s">
        <v>27074</v>
      </c>
      <c r="M9855" s="2" t="s">
        <v>27075</v>
      </c>
      <c r="N9855" s="5" t="s">
        <v>24254</v>
      </c>
      <c r="O9855" s="5" t="s">
        <v>38</v>
      </c>
      <c r="P9855" s="5" t="s">
        <v>39</v>
      </c>
      <c r="Q9855" s="5" t="s">
        <v>40</v>
      </c>
      <c r="R9855" s="5" t="s">
        <v>24335</v>
      </c>
      <c r="S9855" s="5" t="s">
        <v>40</v>
      </c>
      <c r="T9855" s="5" t="s">
        <v>42</v>
      </c>
      <c r="U9855" s="2">
        <v>13.073</v>
      </c>
      <c r="V9855" s="2">
        <v>10.898</v>
      </c>
      <c r="W9855" s="2">
        <v>0.157</v>
      </c>
      <c r="X9855" s="2">
        <v>12</v>
      </c>
      <c r="Y9855" s="2">
        <v>62</v>
      </c>
      <c r="Z9855" s="2">
        <v>210.9</v>
      </c>
      <c r="AA9855" s="5">
        <v>8</v>
      </c>
      <c r="AB9855" s="5" t="s">
        <v>43</v>
      </c>
      <c r="AC9855" s="5" t="s">
        <v>44</v>
      </c>
      <c r="AD9855" s="2" t="s">
        <v>29611</v>
      </c>
      <c r="AE9855" s="1"/>
    </row>
    <row r="9856" spans="1:31" ht="14.45">
      <c r="A9856" s="5"/>
      <c r="B9856" s="21"/>
      <c r="C9856" s="2" t="s">
        <v>30277</v>
      </c>
      <c r="D9856" s="14" t="s">
        <v>30278</v>
      </c>
      <c r="E9856" s="2" t="s">
        <v>30279</v>
      </c>
      <c r="F9856" s="2"/>
      <c r="G9856" s="8">
        <v>318</v>
      </c>
      <c r="H9856" s="5">
        <v>5</v>
      </c>
      <c r="I9856" s="5" t="s">
        <v>69</v>
      </c>
      <c r="J9856" s="5" t="s">
        <v>27074</v>
      </c>
      <c r="K9856" s="2" t="s">
        <v>27075</v>
      </c>
      <c r="L9856" s="5" t="s">
        <v>27074</v>
      </c>
      <c r="M9856" s="2" t="s">
        <v>27075</v>
      </c>
      <c r="N9856" s="5" t="s">
        <v>24254</v>
      </c>
      <c r="O9856" s="5" t="s">
        <v>38</v>
      </c>
      <c r="P9856" s="5" t="s">
        <v>39</v>
      </c>
      <c r="Q9856" s="5" t="s">
        <v>40</v>
      </c>
      <c r="R9856" s="5" t="s">
        <v>24335</v>
      </c>
      <c r="S9856" s="5" t="s">
        <v>40</v>
      </c>
      <c r="T9856" s="5" t="s">
        <v>42</v>
      </c>
      <c r="U9856" s="2">
        <v>11.497999999999999</v>
      </c>
      <c r="V9856" s="2">
        <v>9.3460000000000001</v>
      </c>
      <c r="W9856" s="2">
        <v>0.14899999999999999</v>
      </c>
      <c r="X9856" s="2">
        <v>12</v>
      </c>
      <c r="Y9856" s="2">
        <v>62</v>
      </c>
      <c r="Z9856" s="2">
        <v>199.7</v>
      </c>
      <c r="AA9856" s="5">
        <v>8</v>
      </c>
      <c r="AB9856" s="5" t="s">
        <v>43</v>
      </c>
      <c r="AC9856" s="5" t="s">
        <v>44</v>
      </c>
      <c r="AD9856" s="2" t="s">
        <v>29611</v>
      </c>
      <c r="AE9856" s="1"/>
    </row>
    <row r="9857" spans="1:31" ht="14.45">
      <c r="A9857" s="5"/>
      <c r="B9857" s="21"/>
      <c r="C9857" s="2" t="s">
        <v>30280</v>
      </c>
      <c r="D9857" s="14" t="s">
        <v>30281</v>
      </c>
      <c r="E9857" s="2" t="s">
        <v>30282</v>
      </c>
      <c r="F9857" s="2"/>
      <c r="G9857" s="8">
        <v>318</v>
      </c>
      <c r="H9857" s="5">
        <v>25</v>
      </c>
      <c r="I9857" s="5" t="s">
        <v>69</v>
      </c>
      <c r="J9857" s="5" t="s">
        <v>27074</v>
      </c>
      <c r="K9857" s="2" t="s">
        <v>27075</v>
      </c>
      <c r="L9857" s="5" t="s">
        <v>27074</v>
      </c>
      <c r="M9857" s="2" t="s">
        <v>27075</v>
      </c>
      <c r="N9857" s="5" t="s">
        <v>24254</v>
      </c>
      <c r="O9857" s="5" t="s">
        <v>38</v>
      </c>
      <c r="P9857" s="5" t="s">
        <v>39</v>
      </c>
      <c r="Q9857" s="5" t="s">
        <v>40</v>
      </c>
      <c r="R9857" s="5" t="s">
        <v>24335</v>
      </c>
      <c r="S9857" s="5" t="s">
        <v>40</v>
      </c>
      <c r="T9857" s="5" t="s">
        <v>42</v>
      </c>
      <c r="U9857" s="2">
        <v>11.115</v>
      </c>
      <c r="V9857" s="2">
        <v>8.3970000000000002</v>
      </c>
      <c r="W9857" s="2">
        <v>0.14899999999999999</v>
      </c>
      <c r="X9857" s="2">
        <v>12</v>
      </c>
      <c r="Y9857" s="2">
        <v>62</v>
      </c>
      <c r="Z9857" s="2">
        <v>199.7</v>
      </c>
      <c r="AA9857" s="5">
        <v>10</v>
      </c>
      <c r="AB9857" s="5" t="s">
        <v>43</v>
      </c>
      <c r="AC9857" s="5" t="s">
        <v>44</v>
      </c>
      <c r="AD9857" s="2" t="s">
        <v>29621</v>
      </c>
      <c r="AE9857" s="1"/>
    </row>
    <row r="9858" spans="1:31" ht="14.45">
      <c r="A9858" s="5"/>
      <c r="B9858" s="21"/>
      <c r="C9858" s="2" t="s">
        <v>30283</v>
      </c>
      <c r="D9858" s="14" t="s">
        <v>30284</v>
      </c>
      <c r="E9858" s="2" t="s">
        <v>30285</v>
      </c>
      <c r="F9858" s="2"/>
      <c r="G9858" s="8">
        <v>318</v>
      </c>
      <c r="H9858" s="5">
        <v>25</v>
      </c>
      <c r="I9858" s="5" t="s">
        <v>69</v>
      </c>
      <c r="J9858" s="5" t="s">
        <v>27074</v>
      </c>
      <c r="K9858" s="2" t="s">
        <v>27075</v>
      </c>
      <c r="L9858" s="5" t="s">
        <v>27074</v>
      </c>
      <c r="M9858" s="2" t="s">
        <v>27075</v>
      </c>
      <c r="N9858" s="5" t="s">
        <v>24254</v>
      </c>
      <c r="O9858" s="5" t="s">
        <v>38</v>
      </c>
      <c r="P9858" s="5" t="s">
        <v>39</v>
      </c>
      <c r="Q9858" s="5" t="s">
        <v>40</v>
      </c>
      <c r="R9858" s="5" t="s">
        <v>24335</v>
      </c>
      <c r="S9858" s="5" t="s">
        <v>40</v>
      </c>
      <c r="T9858" s="5" t="s">
        <v>42</v>
      </c>
      <c r="U9858" s="2">
        <v>9.4589999999999996</v>
      </c>
      <c r="V9858" s="2">
        <v>6.7409999999999997</v>
      </c>
      <c r="W9858" s="2">
        <v>0.14899999999999999</v>
      </c>
      <c r="X9858" s="2">
        <v>12</v>
      </c>
      <c r="Y9858" s="2">
        <v>62</v>
      </c>
      <c r="Z9858" s="2">
        <v>199.7</v>
      </c>
      <c r="AA9858" s="5">
        <v>10</v>
      </c>
      <c r="AB9858" s="5" t="s">
        <v>43</v>
      </c>
      <c r="AC9858" s="5" t="s">
        <v>44</v>
      </c>
      <c r="AD9858" s="2" t="s">
        <v>29625</v>
      </c>
      <c r="AE9858" s="1"/>
    </row>
    <row r="9859" spans="1:31" ht="14.45">
      <c r="A9859" s="5"/>
      <c r="B9859" s="21"/>
      <c r="C9859" s="2" t="s">
        <v>30286</v>
      </c>
      <c r="D9859" s="14" t="s">
        <v>30287</v>
      </c>
      <c r="E9859" s="2" t="s">
        <v>30288</v>
      </c>
      <c r="F9859" s="2"/>
      <c r="G9859" s="8">
        <v>318</v>
      </c>
      <c r="H9859" s="5">
        <v>25</v>
      </c>
      <c r="I9859" s="5" t="s">
        <v>69</v>
      </c>
      <c r="J9859" s="5" t="s">
        <v>27074</v>
      </c>
      <c r="K9859" s="2" t="s">
        <v>27075</v>
      </c>
      <c r="L9859" s="5" t="s">
        <v>27074</v>
      </c>
      <c r="M9859" s="2" t="s">
        <v>27075</v>
      </c>
      <c r="N9859" s="5" t="s">
        <v>24254</v>
      </c>
      <c r="O9859" s="5" t="s">
        <v>38</v>
      </c>
      <c r="P9859" s="5" t="s">
        <v>39</v>
      </c>
      <c r="Q9859" s="5" t="s">
        <v>40</v>
      </c>
      <c r="R9859" s="5" t="s">
        <v>24335</v>
      </c>
      <c r="S9859" s="5" t="s">
        <v>40</v>
      </c>
      <c r="T9859" s="5" t="s">
        <v>42</v>
      </c>
      <c r="U9859" s="2">
        <v>9.6329999999999991</v>
      </c>
      <c r="V9859" s="2">
        <v>6.915</v>
      </c>
      <c r="W9859" s="2">
        <v>0.14899999999999999</v>
      </c>
      <c r="X9859" s="2">
        <v>12</v>
      </c>
      <c r="Y9859" s="2">
        <v>62</v>
      </c>
      <c r="Z9859" s="2">
        <v>199.7</v>
      </c>
      <c r="AA9859" s="5">
        <v>10</v>
      </c>
      <c r="AB9859" s="5" t="s">
        <v>43</v>
      </c>
      <c r="AC9859" s="5" t="s">
        <v>44</v>
      </c>
      <c r="AD9859" s="2" t="s">
        <v>29629</v>
      </c>
      <c r="AE9859" s="1"/>
    </row>
    <row r="9860" spans="1:31" ht="14.45">
      <c r="A9860" s="5"/>
      <c r="B9860" s="21"/>
      <c r="C9860" s="2" t="s">
        <v>30289</v>
      </c>
      <c r="D9860" s="14" t="s">
        <v>30290</v>
      </c>
      <c r="E9860" s="2" t="s">
        <v>30291</v>
      </c>
      <c r="F9860" s="2"/>
      <c r="G9860" s="8">
        <v>318</v>
      </c>
      <c r="H9860" s="5">
        <v>25</v>
      </c>
      <c r="I9860" s="5" t="s">
        <v>69</v>
      </c>
      <c r="J9860" s="5" t="s">
        <v>27074</v>
      </c>
      <c r="K9860" s="2" t="s">
        <v>27075</v>
      </c>
      <c r="L9860" s="5" t="s">
        <v>27074</v>
      </c>
      <c r="M9860" s="2" t="s">
        <v>27075</v>
      </c>
      <c r="N9860" s="5" t="s">
        <v>24254</v>
      </c>
      <c r="O9860" s="5" t="s">
        <v>38</v>
      </c>
      <c r="P9860" s="5" t="s">
        <v>39</v>
      </c>
      <c r="Q9860" s="5" t="s">
        <v>40</v>
      </c>
      <c r="R9860" s="5" t="s">
        <v>24335</v>
      </c>
      <c r="S9860" s="5" t="s">
        <v>40</v>
      </c>
      <c r="T9860" s="5" t="s">
        <v>42</v>
      </c>
      <c r="U9860" s="2">
        <v>10.673</v>
      </c>
      <c r="V9860" s="2">
        <v>7.9550000000000001</v>
      </c>
      <c r="W9860" s="2">
        <v>0.14899999999999999</v>
      </c>
      <c r="X9860" s="2">
        <v>12</v>
      </c>
      <c r="Y9860" s="2">
        <v>62</v>
      </c>
      <c r="Z9860" s="2">
        <v>199.7</v>
      </c>
      <c r="AA9860" s="5">
        <v>10</v>
      </c>
      <c r="AB9860" s="5" t="s">
        <v>43</v>
      </c>
      <c r="AC9860" s="5" t="s">
        <v>44</v>
      </c>
      <c r="AD9860" s="2" t="s">
        <v>29625</v>
      </c>
      <c r="AE9860" s="1"/>
    </row>
    <row r="9861" spans="1:31" ht="14.45">
      <c r="A9861" s="5"/>
      <c r="B9861" s="21"/>
      <c r="C9861" s="2" t="s">
        <v>30292</v>
      </c>
      <c r="D9861" s="14" t="s">
        <v>30293</v>
      </c>
      <c r="E9861" s="2" t="s">
        <v>30294</v>
      </c>
      <c r="F9861" s="2" t="s">
        <v>29636</v>
      </c>
      <c r="G9861" s="8">
        <v>636</v>
      </c>
      <c r="H9861" s="5">
        <v>5</v>
      </c>
      <c r="I9861" s="5" t="s">
        <v>69</v>
      </c>
      <c r="J9861" s="5" t="s">
        <v>27074</v>
      </c>
      <c r="K9861" s="2" t="s">
        <v>27075</v>
      </c>
      <c r="L9861" s="5" t="s">
        <v>27074</v>
      </c>
      <c r="M9861" s="2" t="s">
        <v>27075</v>
      </c>
      <c r="N9861" s="5" t="s">
        <v>24254</v>
      </c>
      <c r="O9861" s="5" t="s">
        <v>38</v>
      </c>
      <c r="P9861" s="5" t="s">
        <v>39</v>
      </c>
      <c r="Q9861" s="5" t="s">
        <v>40</v>
      </c>
      <c r="R9861" s="5" t="s">
        <v>1487</v>
      </c>
      <c r="S9861" s="5"/>
      <c r="T9861" s="5" t="s">
        <v>42</v>
      </c>
      <c r="U9861" s="2">
        <v>0</v>
      </c>
      <c r="V9861" s="2">
        <v>0</v>
      </c>
      <c r="W9861" s="2">
        <v>0</v>
      </c>
      <c r="X9861" s="2">
        <v>0</v>
      </c>
      <c r="Y9861" s="2">
        <v>0</v>
      </c>
      <c r="Z9861" s="2">
        <v>0</v>
      </c>
      <c r="AA9861" s="5"/>
      <c r="AB9861" s="5" t="s">
        <v>43</v>
      </c>
      <c r="AC9861" s="5" t="s">
        <v>44</v>
      </c>
      <c r="AD9861" s="2" t="s">
        <v>29637</v>
      </c>
      <c r="AE9861" s="1"/>
    </row>
    <row r="9862" spans="1:31" ht="14.45">
      <c r="A9862" s="5"/>
      <c r="B9862" s="21"/>
      <c r="C9862" s="2" t="s">
        <v>30295</v>
      </c>
      <c r="D9862" s="14" t="s">
        <v>30296</v>
      </c>
      <c r="E9862" s="2" t="s">
        <v>30297</v>
      </c>
      <c r="F9862" s="2" t="s">
        <v>29652</v>
      </c>
      <c r="G9862" s="8">
        <v>1171</v>
      </c>
      <c r="H9862" s="5">
        <v>15</v>
      </c>
      <c r="I9862" s="5" t="s">
        <v>69</v>
      </c>
      <c r="J9862" s="5" t="s">
        <v>27074</v>
      </c>
      <c r="K9862" s="2" t="s">
        <v>27075</v>
      </c>
      <c r="L9862" s="5" t="s">
        <v>27074</v>
      </c>
      <c r="M9862" s="2" t="s">
        <v>27075</v>
      </c>
      <c r="N9862" s="5" t="s">
        <v>24254</v>
      </c>
      <c r="O9862" s="5" t="s">
        <v>38</v>
      </c>
      <c r="P9862" s="5" t="s">
        <v>39</v>
      </c>
      <c r="Q9862" s="5" t="s">
        <v>40</v>
      </c>
      <c r="R9862" s="5" t="s">
        <v>1487</v>
      </c>
      <c r="S9862" s="5"/>
      <c r="T9862" s="5" t="s">
        <v>42</v>
      </c>
      <c r="U9862" s="2">
        <v>0</v>
      </c>
      <c r="V9862" s="2">
        <v>0</v>
      </c>
      <c r="W9862" s="2">
        <v>0</v>
      </c>
      <c r="X9862" s="2">
        <v>0</v>
      </c>
      <c r="Y9862" s="2">
        <v>0</v>
      </c>
      <c r="Z9862" s="2">
        <v>0</v>
      </c>
      <c r="AA9862" s="5"/>
      <c r="AB9862" s="5" t="s">
        <v>43</v>
      </c>
      <c r="AC9862" s="5" t="s">
        <v>44</v>
      </c>
      <c r="AD9862" s="2" t="s">
        <v>29653</v>
      </c>
      <c r="AE9862" s="1"/>
    </row>
    <row r="9863" spans="1:31" ht="14.45">
      <c r="A9863" s="5"/>
      <c r="B9863" s="21"/>
      <c r="C9863" s="2" t="s">
        <v>30298</v>
      </c>
      <c r="D9863" s="14" t="s">
        <v>30299</v>
      </c>
      <c r="E9863" s="2" t="s">
        <v>30300</v>
      </c>
      <c r="F9863" s="2"/>
      <c r="G9863" s="8">
        <v>351</v>
      </c>
      <c r="H9863" s="5">
        <v>5</v>
      </c>
      <c r="I9863" s="5" t="s">
        <v>69</v>
      </c>
      <c r="J9863" s="5" t="s">
        <v>27074</v>
      </c>
      <c r="K9863" s="2" t="s">
        <v>27075</v>
      </c>
      <c r="L9863" s="5" t="s">
        <v>27074</v>
      </c>
      <c r="M9863" s="2" t="s">
        <v>27075</v>
      </c>
      <c r="N9863" s="5" t="s">
        <v>24254</v>
      </c>
      <c r="O9863" s="5" t="s">
        <v>38</v>
      </c>
      <c r="P9863" s="5" t="s">
        <v>39</v>
      </c>
      <c r="Q9863" s="5" t="s">
        <v>40</v>
      </c>
      <c r="R9863" s="5" t="s">
        <v>24335</v>
      </c>
      <c r="S9863" s="5" t="s">
        <v>40</v>
      </c>
      <c r="T9863" s="5" t="s">
        <v>42</v>
      </c>
      <c r="U9863" s="2">
        <v>15.323</v>
      </c>
      <c r="V9863" s="2">
        <v>13.147</v>
      </c>
      <c r="W9863" s="2">
        <v>0.157</v>
      </c>
      <c r="X9863" s="2">
        <v>12</v>
      </c>
      <c r="Y9863" s="2">
        <v>62</v>
      </c>
      <c r="Z9863" s="2">
        <v>210.9</v>
      </c>
      <c r="AA9863" s="5">
        <v>8</v>
      </c>
      <c r="AB9863" s="5" t="s">
        <v>43</v>
      </c>
      <c r="AC9863" s="5" t="s">
        <v>44</v>
      </c>
      <c r="AD9863" s="2" t="s">
        <v>29611</v>
      </c>
      <c r="AE9863" s="1"/>
    </row>
    <row r="9864" spans="1:31" ht="14.45">
      <c r="A9864" s="5"/>
      <c r="B9864" s="21"/>
      <c r="C9864" s="2" t="s">
        <v>30301</v>
      </c>
      <c r="D9864" s="14" t="s">
        <v>30302</v>
      </c>
      <c r="E9864" s="2" t="s">
        <v>30303</v>
      </c>
      <c r="F9864" s="2"/>
      <c r="G9864" s="8">
        <v>351</v>
      </c>
      <c r="H9864" s="5">
        <v>5</v>
      </c>
      <c r="I9864" s="5" t="s">
        <v>69</v>
      </c>
      <c r="J9864" s="5" t="s">
        <v>27074</v>
      </c>
      <c r="K9864" s="2" t="s">
        <v>27075</v>
      </c>
      <c r="L9864" s="5" t="s">
        <v>27074</v>
      </c>
      <c r="M9864" s="2" t="s">
        <v>27075</v>
      </c>
      <c r="N9864" s="5" t="s">
        <v>24254</v>
      </c>
      <c r="O9864" s="5" t="s">
        <v>38</v>
      </c>
      <c r="P9864" s="5" t="s">
        <v>39</v>
      </c>
      <c r="Q9864" s="5" t="s">
        <v>40</v>
      </c>
      <c r="R9864" s="5" t="s">
        <v>24335</v>
      </c>
      <c r="S9864" s="5" t="s">
        <v>40</v>
      </c>
      <c r="T9864" s="5" t="s">
        <v>42</v>
      </c>
      <c r="U9864" s="2">
        <v>13.507</v>
      </c>
      <c r="V9864" s="2">
        <v>11.332000000000001</v>
      </c>
      <c r="W9864" s="2">
        <v>0.157</v>
      </c>
      <c r="X9864" s="2">
        <v>12</v>
      </c>
      <c r="Y9864" s="2">
        <v>62</v>
      </c>
      <c r="Z9864" s="2">
        <v>210.9</v>
      </c>
      <c r="AA9864" s="5">
        <v>8</v>
      </c>
      <c r="AB9864" s="5" t="s">
        <v>43</v>
      </c>
      <c r="AC9864" s="5" t="s">
        <v>44</v>
      </c>
      <c r="AD9864" s="2" t="s">
        <v>29611</v>
      </c>
      <c r="AE9864" s="1"/>
    </row>
    <row r="9865" spans="1:31" ht="14.45">
      <c r="A9865" s="5"/>
      <c r="B9865" s="21"/>
      <c r="C9865" s="2" t="s">
        <v>30304</v>
      </c>
      <c r="D9865" s="14" t="s">
        <v>30305</v>
      </c>
      <c r="E9865" s="2" t="s">
        <v>30306</v>
      </c>
      <c r="F9865" s="2"/>
      <c r="G9865" s="8">
        <v>351</v>
      </c>
      <c r="H9865" s="5">
        <v>5</v>
      </c>
      <c r="I9865" s="5" t="s">
        <v>69</v>
      </c>
      <c r="J9865" s="5" t="s">
        <v>27074</v>
      </c>
      <c r="K9865" s="2" t="s">
        <v>27075</v>
      </c>
      <c r="L9865" s="5" t="s">
        <v>27074</v>
      </c>
      <c r="M9865" s="2" t="s">
        <v>27075</v>
      </c>
      <c r="N9865" s="5" t="s">
        <v>24254</v>
      </c>
      <c r="O9865" s="5" t="s">
        <v>38</v>
      </c>
      <c r="P9865" s="5" t="s">
        <v>39</v>
      </c>
      <c r="Q9865" s="5" t="s">
        <v>40</v>
      </c>
      <c r="R9865" s="5" t="s">
        <v>24335</v>
      </c>
      <c r="S9865" s="5" t="s">
        <v>40</v>
      </c>
      <c r="T9865" s="5" t="s">
        <v>42</v>
      </c>
      <c r="U9865" s="2">
        <v>11.871</v>
      </c>
      <c r="V9865" s="2">
        <v>9.7189999999999994</v>
      </c>
      <c r="W9865" s="2">
        <v>0.14899999999999999</v>
      </c>
      <c r="X9865" s="2">
        <v>12</v>
      </c>
      <c r="Y9865" s="2">
        <v>62</v>
      </c>
      <c r="Z9865" s="2">
        <v>199.7</v>
      </c>
      <c r="AA9865" s="5">
        <v>8</v>
      </c>
      <c r="AB9865" s="5" t="s">
        <v>43</v>
      </c>
      <c r="AC9865" s="5" t="s">
        <v>44</v>
      </c>
      <c r="AD9865" s="2" t="s">
        <v>29611</v>
      </c>
      <c r="AE9865" s="1"/>
    </row>
    <row r="9866" spans="1:31" ht="14.45">
      <c r="A9866" s="5"/>
      <c r="B9866" s="21"/>
      <c r="C9866" s="2" t="s">
        <v>30307</v>
      </c>
      <c r="D9866" s="14" t="s">
        <v>30308</v>
      </c>
      <c r="E9866" s="2" t="s">
        <v>30309</v>
      </c>
      <c r="F9866" s="2"/>
      <c r="G9866" s="8">
        <v>351</v>
      </c>
      <c r="H9866" s="5">
        <v>25</v>
      </c>
      <c r="I9866" s="5" t="s">
        <v>69</v>
      </c>
      <c r="J9866" s="5" t="s">
        <v>27074</v>
      </c>
      <c r="K9866" s="2" t="s">
        <v>27075</v>
      </c>
      <c r="L9866" s="5" t="s">
        <v>27074</v>
      </c>
      <c r="M9866" s="2" t="s">
        <v>27075</v>
      </c>
      <c r="N9866" s="5" t="s">
        <v>24254</v>
      </c>
      <c r="O9866" s="5" t="s">
        <v>38</v>
      </c>
      <c r="P9866" s="5" t="s">
        <v>39</v>
      </c>
      <c r="Q9866" s="5" t="s">
        <v>40</v>
      </c>
      <c r="R9866" s="5" t="s">
        <v>24335</v>
      </c>
      <c r="S9866" s="5" t="s">
        <v>40</v>
      </c>
      <c r="T9866" s="5" t="s">
        <v>42</v>
      </c>
      <c r="U9866" s="2">
        <v>10.089</v>
      </c>
      <c r="V9866" s="2">
        <v>7.9480000000000004</v>
      </c>
      <c r="W9866" s="2">
        <v>0.157</v>
      </c>
      <c r="X9866" s="2">
        <v>12</v>
      </c>
      <c r="Y9866" s="2">
        <v>62</v>
      </c>
      <c r="Z9866" s="2">
        <v>210.9</v>
      </c>
      <c r="AA9866" s="5">
        <v>10</v>
      </c>
      <c r="AB9866" s="5" t="s">
        <v>43</v>
      </c>
      <c r="AC9866" s="5" t="s">
        <v>44</v>
      </c>
      <c r="AD9866" s="2" t="s">
        <v>29747</v>
      </c>
      <c r="AE9866" s="1"/>
    </row>
    <row r="9867" spans="1:31" ht="14.45">
      <c r="A9867" s="5"/>
      <c r="B9867" s="21"/>
      <c r="C9867" s="2" t="s">
        <v>30310</v>
      </c>
      <c r="D9867" s="14" t="s">
        <v>30311</v>
      </c>
      <c r="E9867" s="2" t="s">
        <v>30312</v>
      </c>
      <c r="F9867" s="2"/>
      <c r="G9867" s="8">
        <v>351</v>
      </c>
      <c r="H9867" s="5">
        <v>25</v>
      </c>
      <c r="I9867" s="5" t="s">
        <v>69</v>
      </c>
      <c r="J9867" s="5" t="s">
        <v>27074</v>
      </c>
      <c r="K9867" s="2" t="s">
        <v>27075</v>
      </c>
      <c r="L9867" s="5" t="s">
        <v>27074</v>
      </c>
      <c r="M9867" s="2" t="s">
        <v>27075</v>
      </c>
      <c r="N9867" s="5" t="s">
        <v>24254</v>
      </c>
      <c r="O9867" s="5" t="s">
        <v>38</v>
      </c>
      <c r="P9867" s="5" t="s">
        <v>39</v>
      </c>
      <c r="Q9867" s="5" t="s">
        <v>40</v>
      </c>
      <c r="R9867" s="5" t="s">
        <v>24335</v>
      </c>
      <c r="S9867" s="5" t="s">
        <v>40</v>
      </c>
      <c r="T9867" s="5" t="s">
        <v>42</v>
      </c>
      <c r="U9867" s="2">
        <v>11.042999999999999</v>
      </c>
      <c r="V9867" s="2">
        <v>8.9019999999999992</v>
      </c>
      <c r="W9867" s="2">
        <v>0.157</v>
      </c>
      <c r="X9867" s="2">
        <v>12</v>
      </c>
      <c r="Y9867" s="2">
        <v>62</v>
      </c>
      <c r="Z9867" s="2">
        <v>210.9</v>
      </c>
      <c r="AA9867" s="5">
        <v>10</v>
      </c>
      <c r="AB9867" s="5" t="s">
        <v>43</v>
      </c>
      <c r="AC9867" s="5" t="s">
        <v>44</v>
      </c>
      <c r="AD9867" s="2" t="s">
        <v>29621</v>
      </c>
      <c r="AE9867" s="1"/>
    </row>
    <row r="9868" spans="1:31" ht="14.45">
      <c r="A9868" s="5"/>
      <c r="B9868" s="21"/>
      <c r="C9868" s="2" t="s">
        <v>30313</v>
      </c>
      <c r="D9868" s="14" t="s">
        <v>30314</v>
      </c>
      <c r="E9868" s="2" t="s">
        <v>30315</v>
      </c>
      <c r="F9868" s="2"/>
      <c r="G9868" s="8">
        <v>351</v>
      </c>
      <c r="H9868" s="5">
        <v>25</v>
      </c>
      <c r="I9868" s="5" t="s">
        <v>69</v>
      </c>
      <c r="J9868" s="5" t="s">
        <v>27074</v>
      </c>
      <c r="K9868" s="2" t="s">
        <v>27075</v>
      </c>
      <c r="L9868" s="5" t="s">
        <v>27074</v>
      </c>
      <c r="M9868" s="2" t="s">
        <v>27075</v>
      </c>
      <c r="N9868" s="5" t="s">
        <v>24254</v>
      </c>
      <c r="O9868" s="5" t="s">
        <v>38</v>
      </c>
      <c r="P9868" s="5" t="s">
        <v>39</v>
      </c>
      <c r="Q9868" s="5" t="s">
        <v>40</v>
      </c>
      <c r="R9868" s="5" t="s">
        <v>24335</v>
      </c>
      <c r="S9868" s="5" t="s">
        <v>40</v>
      </c>
      <c r="T9868" s="5" t="s">
        <v>42</v>
      </c>
      <c r="U9868" s="2">
        <v>8.8040000000000003</v>
      </c>
      <c r="V9868" s="2">
        <v>6.0860000000000003</v>
      </c>
      <c r="W9868" s="2">
        <v>0.14899999999999999</v>
      </c>
      <c r="X9868" s="2">
        <v>12</v>
      </c>
      <c r="Y9868" s="2">
        <v>62</v>
      </c>
      <c r="Z9868" s="2">
        <v>199.7</v>
      </c>
      <c r="AA9868" s="5">
        <v>10</v>
      </c>
      <c r="AB9868" s="5" t="s">
        <v>43</v>
      </c>
      <c r="AC9868" s="5" t="s">
        <v>44</v>
      </c>
      <c r="AD9868" s="2" t="s">
        <v>29629</v>
      </c>
      <c r="AE9868" s="1"/>
    </row>
    <row r="9869" spans="1:31" ht="14.45">
      <c r="A9869" s="5"/>
      <c r="B9869" s="21"/>
      <c r="C9869" s="2" t="s">
        <v>30316</v>
      </c>
      <c r="D9869" s="14" t="s">
        <v>30317</v>
      </c>
      <c r="E9869" s="2" t="s">
        <v>30318</v>
      </c>
      <c r="F9869" s="2"/>
      <c r="G9869" s="8">
        <v>351</v>
      </c>
      <c r="H9869" s="5">
        <v>25</v>
      </c>
      <c r="I9869" s="5" t="s">
        <v>69</v>
      </c>
      <c r="J9869" s="5" t="s">
        <v>27074</v>
      </c>
      <c r="K9869" s="2" t="s">
        <v>27075</v>
      </c>
      <c r="L9869" s="5" t="s">
        <v>27074</v>
      </c>
      <c r="M9869" s="2" t="s">
        <v>27075</v>
      </c>
      <c r="N9869" s="5" t="s">
        <v>24254</v>
      </c>
      <c r="O9869" s="5" t="s">
        <v>38</v>
      </c>
      <c r="P9869" s="5" t="s">
        <v>39</v>
      </c>
      <c r="Q9869" s="5" t="s">
        <v>40</v>
      </c>
      <c r="R9869" s="5" t="s">
        <v>24335</v>
      </c>
      <c r="S9869" s="5" t="s">
        <v>40</v>
      </c>
      <c r="T9869" s="5" t="s">
        <v>42</v>
      </c>
      <c r="U9869" s="2">
        <v>9.76</v>
      </c>
      <c r="V9869" s="2">
        <v>7.0419999999999998</v>
      </c>
      <c r="W9869" s="2">
        <v>0.14899999999999999</v>
      </c>
      <c r="X9869" s="2">
        <v>12</v>
      </c>
      <c r="Y9869" s="2">
        <v>62</v>
      </c>
      <c r="Z9869" s="2">
        <v>199.7</v>
      </c>
      <c r="AA9869" s="5">
        <v>10</v>
      </c>
      <c r="AB9869" s="5" t="s">
        <v>43</v>
      </c>
      <c r="AC9869" s="5" t="s">
        <v>44</v>
      </c>
      <c r="AD9869" s="2" t="s">
        <v>29625</v>
      </c>
      <c r="AE9869" s="1"/>
    </row>
    <row r="9870" spans="1:31" ht="14.45">
      <c r="A9870" s="5"/>
      <c r="B9870" s="21"/>
      <c r="C9870" s="2" t="s">
        <v>30319</v>
      </c>
      <c r="D9870" s="14" t="s">
        <v>30320</v>
      </c>
      <c r="E9870" s="2" t="s">
        <v>30321</v>
      </c>
      <c r="F9870" s="2"/>
      <c r="G9870" s="8">
        <v>351</v>
      </c>
      <c r="H9870" s="5">
        <v>25</v>
      </c>
      <c r="I9870" s="5" t="s">
        <v>69</v>
      </c>
      <c r="J9870" s="5" t="s">
        <v>27074</v>
      </c>
      <c r="K9870" s="2" t="s">
        <v>27075</v>
      </c>
      <c r="L9870" s="5" t="s">
        <v>27074</v>
      </c>
      <c r="M9870" s="2" t="s">
        <v>27075</v>
      </c>
      <c r="N9870" s="5" t="s">
        <v>24254</v>
      </c>
      <c r="O9870" s="5" t="s">
        <v>38</v>
      </c>
      <c r="P9870" s="5" t="s">
        <v>39</v>
      </c>
      <c r="Q9870" s="5" t="s">
        <v>40</v>
      </c>
      <c r="R9870" s="5" t="s">
        <v>24335</v>
      </c>
      <c r="S9870" s="5" t="s">
        <v>40</v>
      </c>
      <c r="T9870" s="5" t="s">
        <v>42</v>
      </c>
      <c r="U9870" s="2">
        <v>10.103</v>
      </c>
      <c r="V9870" s="2">
        <v>7.3849999999999998</v>
      </c>
      <c r="W9870" s="2">
        <v>0.14899999999999999</v>
      </c>
      <c r="X9870" s="2">
        <v>12</v>
      </c>
      <c r="Y9870" s="2">
        <v>62</v>
      </c>
      <c r="Z9870" s="2">
        <v>199.7</v>
      </c>
      <c r="AA9870" s="5">
        <v>10</v>
      </c>
      <c r="AB9870" s="5" t="s">
        <v>43</v>
      </c>
      <c r="AC9870" s="5" t="s">
        <v>44</v>
      </c>
      <c r="AD9870" s="2" t="s">
        <v>29629</v>
      </c>
      <c r="AE9870" s="1"/>
    </row>
    <row r="9871" spans="1:31" ht="14.45">
      <c r="A9871" s="5"/>
      <c r="B9871" s="21"/>
      <c r="C9871" s="2" t="s">
        <v>30322</v>
      </c>
      <c r="D9871" s="14" t="s">
        <v>30323</v>
      </c>
      <c r="E9871" s="2" t="s">
        <v>30324</v>
      </c>
      <c r="F9871" s="2"/>
      <c r="G9871" s="8">
        <v>351</v>
      </c>
      <c r="H9871" s="5">
        <v>25</v>
      </c>
      <c r="I9871" s="5" t="s">
        <v>69</v>
      </c>
      <c r="J9871" s="5" t="s">
        <v>27074</v>
      </c>
      <c r="K9871" s="2" t="s">
        <v>27075</v>
      </c>
      <c r="L9871" s="5" t="s">
        <v>27074</v>
      </c>
      <c r="M9871" s="2" t="s">
        <v>27075</v>
      </c>
      <c r="N9871" s="5" t="s">
        <v>24254</v>
      </c>
      <c r="O9871" s="5" t="s">
        <v>38</v>
      </c>
      <c r="P9871" s="5" t="s">
        <v>39</v>
      </c>
      <c r="Q9871" s="5" t="s">
        <v>40</v>
      </c>
      <c r="R9871" s="5" t="s">
        <v>24335</v>
      </c>
      <c r="S9871" s="5" t="s">
        <v>40</v>
      </c>
      <c r="T9871" s="5" t="s">
        <v>42</v>
      </c>
      <c r="U9871" s="2">
        <v>11.143000000000001</v>
      </c>
      <c r="V9871" s="2">
        <v>8.4250000000000007</v>
      </c>
      <c r="W9871" s="2">
        <v>0.14899999999999999</v>
      </c>
      <c r="X9871" s="2">
        <v>12</v>
      </c>
      <c r="Y9871" s="2">
        <v>62</v>
      </c>
      <c r="Z9871" s="2">
        <v>199.7</v>
      </c>
      <c r="AA9871" s="5">
        <v>10</v>
      </c>
      <c r="AB9871" s="5" t="s">
        <v>43</v>
      </c>
      <c r="AC9871" s="5" t="s">
        <v>44</v>
      </c>
      <c r="AD9871" s="2" t="s">
        <v>29625</v>
      </c>
      <c r="AE9871" s="1"/>
    </row>
    <row r="9872" spans="1:31" ht="14.45">
      <c r="A9872" s="5"/>
      <c r="B9872" s="21"/>
      <c r="C9872" s="2" t="s">
        <v>30325</v>
      </c>
      <c r="D9872" s="14" t="s">
        <v>30326</v>
      </c>
      <c r="E9872" s="2" t="s">
        <v>30327</v>
      </c>
      <c r="F9872" s="2" t="s">
        <v>29636</v>
      </c>
      <c r="G9872" s="8">
        <v>702</v>
      </c>
      <c r="H9872" s="5">
        <v>5</v>
      </c>
      <c r="I9872" s="5" t="s">
        <v>69</v>
      </c>
      <c r="J9872" s="5" t="s">
        <v>27074</v>
      </c>
      <c r="K9872" s="2" t="s">
        <v>27075</v>
      </c>
      <c r="L9872" s="5" t="s">
        <v>27074</v>
      </c>
      <c r="M9872" s="2" t="s">
        <v>27075</v>
      </c>
      <c r="N9872" s="5" t="s">
        <v>24254</v>
      </c>
      <c r="O9872" s="5" t="s">
        <v>38</v>
      </c>
      <c r="P9872" s="5" t="s">
        <v>39</v>
      </c>
      <c r="Q9872" s="5" t="s">
        <v>40</v>
      </c>
      <c r="R9872" s="5" t="s">
        <v>1487</v>
      </c>
      <c r="S9872" s="5"/>
      <c r="T9872" s="5" t="s">
        <v>42</v>
      </c>
      <c r="U9872" s="2">
        <v>0</v>
      </c>
      <c r="V9872" s="2">
        <v>0</v>
      </c>
      <c r="W9872" s="2">
        <v>0</v>
      </c>
      <c r="X9872" s="2">
        <v>0</v>
      </c>
      <c r="Y9872" s="2">
        <v>0</v>
      </c>
      <c r="Z9872" s="2">
        <v>0</v>
      </c>
      <c r="AA9872" s="5"/>
      <c r="AB9872" s="5" t="s">
        <v>43</v>
      </c>
      <c r="AC9872" s="5" t="s">
        <v>44</v>
      </c>
      <c r="AD9872" s="2" t="s">
        <v>29637</v>
      </c>
      <c r="AE9872" s="1"/>
    </row>
    <row r="9873" spans="1:31" ht="14.45">
      <c r="A9873" s="5"/>
      <c r="B9873" s="21"/>
      <c r="C9873" s="2" t="s">
        <v>30328</v>
      </c>
      <c r="D9873" s="14" t="s">
        <v>30329</v>
      </c>
      <c r="E9873" s="2" t="s">
        <v>30330</v>
      </c>
      <c r="F9873" s="2"/>
      <c r="G9873" s="8">
        <v>502</v>
      </c>
      <c r="H9873" s="5">
        <v>25</v>
      </c>
      <c r="I9873" s="5" t="s">
        <v>69</v>
      </c>
      <c r="J9873" s="5" t="s">
        <v>27074</v>
      </c>
      <c r="K9873" s="2" t="s">
        <v>27075</v>
      </c>
      <c r="L9873" s="5" t="s">
        <v>27074</v>
      </c>
      <c r="M9873" s="2" t="s">
        <v>27075</v>
      </c>
      <c r="N9873" s="5" t="s">
        <v>24254</v>
      </c>
      <c r="O9873" s="5" t="s">
        <v>38</v>
      </c>
      <c r="P9873" s="5" t="s">
        <v>39</v>
      </c>
      <c r="Q9873" s="5" t="s">
        <v>40</v>
      </c>
      <c r="R9873" s="5" t="s">
        <v>24340</v>
      </c>
      <c r="S9873" s="5" t="s">
        <v>40</v>
      </c>
      <c r="T9873" s="5" t="s">
        <v>42</v>
      </c>
      <c r="U9873" s="2">
        <v>21.027000000000001</v>
      </c>
      <c r="V9873" s="2">
        <v>18.852</v>
      </c>
      <c r="W9873" s="2">
        <v>0.157</v>
      </c>
      <c r="X9873" s="2">
        <v>12</v>
      </c>
      <c r="Y9873" s="2">
        <v>62</v>
      </c>
      <c r="Z9873" s="2">
        <v>210.9</v>
      </c>
      <c r="AA9873" s="5">
        <v>8</v>
      </c>
      <c r="AB9873" s="5" t="s">
        <v>43</v>
      </c>
      <c r="AC9873" s="5" t="s">
        <v>44</v>
      </c>
      <c r="AD9873" s="2" t="s">
        <v>29641</v>
      </c>
      <c r="AE9873" s="1"/>
    </row>
    <row r="9874" spans="1:31" ht="14.45">
      <c r="A9874" s="5"/>
      <c r="B9874" s="21"/>
      <c r="C9874" s="2" t="s">
        <v>30331</v>
      </c>
      <c r="D9874" s="14" t="s">
        <v>30332</v>
      </c>
      <c r="E9874" s="2" t="s">
        <v>30333</v>
      </c>
      <c r="F9874" s="2" t="s">
        <v>29652</v>
      </c>
      <c r="G9874" s="8">
        <v>1247</v>
      </c>
      <c r="H9874" s="5">
        <v>15</v>
      </c>
      <c r="I9874" s="5" t="s">
        <v>69</v>
      </c>
      <c r="J9874" s="5" t="s">
        <v>27074</v>
      </c>
      <c r="K9874" s="2" t="s">
        <v>27075</v>
      </c>
      <c r="L9874" s="5" t="s">
        <v>27074</v>
      </c>
      <c r="M9874" s="2" t="s">
        <v>27075</v>
      </c>
      <c r="N9874" s="5" t="s">
        <v>24254</v>
      </c>
      <c r="O9874" s="5" t="s">
        <v>38</v>
      </c>
      <c r="P9874" s="5" t="s">
        <v>39</v>
      </c>
      <c r="Q9874" s="5" t="s">
        <v>40</v>
      </c>
      <c r="R9874" s="5" t="s">
        <v>1487</v>
      </c>
      <c r="S9874" s="5"/>
      <c r="T9874" s="5" t="s">
        <v>42</v>
      </c>
      <c r="U9874" s="2">
        <v>0</v>
      </c>
      <c r="V9874" s="2">
        <v>0</v>
      </c>
      <c r="W9874" s="2">
        <v>0</v>
      </c>
      <c r="X9874" s="2">
        <v>0</v>
      </c>
      <c r="Y9874" s="2">
        <v>0</v>
      </c>
      <c r="Z9874" s="2">
        <v>0</v>
      </c>
      <c r="AA9874" s="5"/>
      <c r="AB9874" s="5" t="s">
        <v>43</v>
      </c>
      <c r="AC9874" s="5" t="s">
        <v>44</v>
      </c>
      <c r="AD9874" s="2" t="s">
        <v>29653</v>
      </c>
      <c r="AE9874" s="1"/>
    </row>
    <row r="9875" spans="1:31" ht="14.45">
      <c r="A9875" s="5"/>
      <c r="B9875" s="21"/>
      <c r="C9875" s="2" t="s">
        <v>30334</v>
      </c>
      <c r="D9875" s="14" t="s">
        <v>30335</v>
      </c>
      <c r="E9875" s="2" t="s">
        <v>30336</v>
      </c>
      <c r="F9875" s="2"/>
      <c r="G9875" s="8">
        <v>310</v>
      </c>
      <c r="H9875" s="5">
        <v>5</v>
      </c>
      <c r="I9875" s="5" t="s">
        <v>69</v>
      </c>
      <c r="J9875" s="5" t="s">
        <v>27074</v>
      </c>
      <c r="K9875" s="2" t="s">
        <v>27075</v>
      </c>
      <c r="L9875" s="5" t="s">
        <v>27074</v>
      </c>
      <c r="M9875" s="2" t="s">
        <v>27075</v>
      </c>
      <c r="N9875" s="5" t="s">
        <v>24254</v>
      </c>
      <c r="O9875" s="5" t="s">
        <v>38</v>
      </c>
      <c r="P9875" s="5" t="s">
        <v>39</v>
      </c>
      <c r="Q9875" s="5" t="s">
        <v>40</v>
      </c>
      <c r="R9875" s="5" t="s">
        <v>24335</v>
      </c>
      <c r="S9875" s="5" t="s">
        <v>40</v>
      </c>
      <c r="T9875" s="5" t="s">
        <v>42</v>
      </c>
      <c r="U9875" s="2">
        <v>14.738</v>
      </c>
      <c r="V9875" s="2">
        <v>12.561999999999999</v>
      </c>
      <c r="W9875" s="2">
        <v>0.157</v>
      </c>
      <c r="X9875" s="2">
        <v>12</v>
      </c>
      <c r="Y9875" s="2">
        <v>62</v>
      </c>
      <c r="Z9875" s="2">
        <v>210.9</v>
      </c>
      <c r="AA9875" s="5">
        <v>8</v>
      </c>
      <c r="AB9875" s="5" t="s">
        <v>43</v>
      </c>
      <c r="AC9875" s="5" t="s">
        <v>44</v>
      </c>
      <c r="AD9875" s="2" t="s">
        <v>29611</v>
      </c>
      <c r="AE9875" s="1"/>
    </row>
    <row r="9876" spans="1:31" ht="14.45">
      <c r="A9876" s="5"/>
      <c r="B9876" s="21"/>
      <c r="C9876" s="2" t="s">
        <v>30337</v>
      </c>
      <c r="D9876" s="14" t="s">
        <v>30338</v>
      </c>
      <c r="E9876" s="2" t="s">
        <v>30339</v>
      </c>
      <c r="F9876" s="2"/>
      <c r="G9876" s="8">
        <v>310</v>
      </c>
      <c r="H9876" s="5">
        <v>5</v>
      </c>
      <c r="I9876" s="5" t="s">
        <v>69</v>
      </c>
      <c r="J9876" s="5" t="s">
        <v>27074</v>
      </c>
      <c r="K9876" s="2" t="s">
        <v>27075</v>
      </c>
      <c r="L9876" s="5" t="s">
        <v>27074</v>
      </c>
      <c r="M9876" s="2" t="s">
        <v>27075</v>
      </c>
      <c r="N9876" s="5" t="s">
        <v>24254</v>
      </c>
      <c r="O9876" s="5" t="s">
        <v>38</v>
      </c>
      <c r="P9876" s="5" t="s">
        <v>39</v>
      </c>
      <c r="Q9876" s="5" t="s">
        <v>40</v>
      </c>
      <c r="R9876" s="5" t="s">
        <v>24335</v>
      </c>
      <c r="S9876" s="5" t="s">
        <v>40</v>
      </c>
      <c r="T9876" s="5" t="s">
        <v>42</v>
      </c>
      <c r="U9876" s="2">
        <v>13.097</v>
      </c>
      <c r="V9876" s="2">
        <v>10.922000000000001</v>
      </c>
      <c r="W9876" s="2">
        <v>0.157</v>
      </c>
      <c r="X9876" s="2">
        <v>12</v>
      </c>
      <c r="Y9876" s="2">
        <v>62</v>
      </c>
      <c r="Z9876" s="2">
        <v>210.9</v>
      </c>
      <c r="AA9876" s="5">
        <v>8</v>
      </c>
      <c r="AB9876" s="5" t="s">
        <v>43</v>
      </c>
      <c r="AC9876" s="5" t="s">
        <v>44</v>
      </c>
      <c r="AD9876" s="2" t="s">
        <v>29611</v>
      </c>
      <c r="AE9876" s="1"/>
    </row>
    <row r="9877" spans="1:31" ht="14.45">
      <c r="A9877" s="5"/>
      <c r="B9877" s="21"/>
      <c r="C9877" s="2" t="s">
        <v>30340</v>
      </c>
      <c r="D9877" s="14" t="s">
        <v>30341</v>
      </c>
      <c r="E9877" s="2" t="s">
        <v>30342</v>
      </c>
      <c r="F9877" s="2"/>
      <c r="G9877" s="8">
        <v>310</v>
      </c>
      <c r="H9877" s="5">
        <v>5</v>
      </c>
      <c r="I9877" s="5" t="s">
        <v>69</v>
      </c>
      <c r="J9877" s="5" t="s">
        <v>27074</v>
      </c>
      <c r="K9877" s="2" t="s">
        <v>27075</v>
      </c>
      <c r="L9877" s="5" t="s">
        <v>27074</v>
      </c>
      <c r="M9877" s="2" t="s">
        <v>27075</v>
      </c>
      <c r="N9877" s="5" t="s">
        <v>24254</v>
      </c>
      <c r="O9877" s="5" t="s">
        <v>38</v>
      </c>
      <c r="P9877" s="5" t="s">
        <v>39</v>
      </c>
      <c r="Q9877" s="5" t="s">
        <v>40</v>
      </c>
      <c r="R9877" s="5" t="s">
        <v>24335</v>
      </c>
      <c r="S9877" s="5" t="s">
        <v>40</v>
      </c>
      <c r="T9877" s="5" t="s">
        <v>42</v>
      </c>
      <c r="U9877" s="2">
        <v>11.657</v>
      </c>
      <c r="V9877" s="2">
        <v>9.5050000000000008</v>
      </c>
      <c r="W9877" s="2">
        <v>0.14899999999999999</v>
      </c>
      <c r="X9877" s="2">
        <v>12</v>
      </c>
      <c r="Y9877" s="2">
        <v>62</v>
      </c>
      <c r="Z9877" s="2">
        <v>199.7</v>
      </c>
      <c r="AA9877" s="5">
        <v>8</v>
      </c>
      <c r="AB9877" s="5" t="s">
        <v>43</v>
      </c>
      <c r="AC9877" s="5" t="s">
        <v>44</v>
      </c>
      <c r="AD9877" s="2" t="s">
        <v>29611</v>
      </c>
      <c r="AE9877" s="1"/>
    </row>
    <row r="9878" spans="1:31" ht="14.45">
      <c r="A9878" s="5"/>
      <c r="B9878" s="21"/>
      <c r="C9878" s="2" t="s">
        <v>30343</v>
      </c>
      <c r="D9878" s="14" t="s">
        <v>30344</v>
      </c>
      <c r="E9878" s="2" t="s">
        <v>30345</v>
      </c>
      <c r="F9878" s="2"/>
      <c r="G9878" s="8">
        <v>310</v>
      </c>
      <c r="H9878" s="5">
        <v>25</v>
      </c>
      <c r="I9878" s="5" t="s">
        <v>69</v>
      </c>
      <c r="J9878" s="5" t="s">
        <v>27074</v>
      </c>
      <c r="K9878" s="2" t="s">
        <v>27075</v>
      </c>
      <c r="L9878" s="5" t="s">
        <v>27074</v>
      </c>
      <c r="M9878" s="2" t="s">
        <v>27075</v>
      </c>
      <c r="N9878" s="5" t="s">
        <v>24254</v>
      </c>
      <c r="O9878" s="5" t="s">
        <v>38</v>
      </c>
      <c r="P9878" s="5" t="s">
        <v>39</v>
      </c>
      <c r="Q9878" s="5" t="s">
        <v>40</v>
      </c>
      <c r="R9878" s="5" t="s">
        <v>24335</v>
      </c>
      <c r="S9878" s="5" t="s">
        <v>40</v>
      </c>
      <c r="T9878" s="5" t="s">
        <v>42</v>
      </c>
      <c r="U9878" s="2">
        <v>10.7</v>
      </c>
      <c r="V9878" s="2">
        <v>7.9820000000000002</v>
      </c>
      <c r="W9878" s="2">
        <v>0.14899999999999999</v>
      </c>
      <c r="X9878" s="2">
        <v>12</v>
      </c>
      <c r="Y9878" s="2">
        <v>62</v>
      </c>
      <c r="Z9878" s="2">
        <v>199.7</v>
      </c>
      <c r="AA9878" s="5">
        <v>10</v>
      </c>
      <c r="AB9878" s="5" t="s">
        <v>43</v>
      </c>
      <c r="AC9878" s="5" t="s">
        <v>44</v>
      </c>
      <c r="AD9878" s="2" t="s">
        <v>29621</v>
      </c>
      <c r="AE9878" s="1"/>
    </row>
    <row r="9879" spans="1:31" ht="14.45">
      <c r="A9879" s="5"/>
      <c r="B9879" s="21"/>
      <c r="C9879" s="2" t="s">
        <v>30346</v>
      </c>
      <c r="D9879" s="14" t="s">
        <v>30347</v>
      </c>
      <c r="E9879" s="2" t="s">
        <v>30348</v>
      </c>
      <c r="F9879" s="2"/>
      <c r="G9879" s="8">
        <v>310</v>
      </c>
      <c r="H9879" s="5">
        <v>25</v>
      </c>
      <c r="I9879" s="5" t="s">
        <v>69</v>
      </c>
      <c r="J9879" s="5" t="s">
        <v>27074</v>
      </c>
      <c r="K9879" s="2" t="s">
        <v>27075</v>
      </c>
      <c r="L9879" s="5" t="s">
        <v>27074</v>
      </c>
      <c r="M9879" s="2" t="s">
        <v>27075</v>
      </c>
      <c r="N9879" s="5" t="s">
        <v>24254</v>
      </c>
      <c r="O9879" s="5" t="s">
        <v>38</v>
      </c>
      <c r="P9879" s="5" t="s">
        <v>39</v>
      </c>
      <c r="Q9879" s="5" t="s">
        <v>40</v>
      </c>
      <c r="R9879" s="5" t="s">
        <v>24335</v>
      </c>
      <c r="S9879" s="5" t="s">
        <v>40</v>
      </c>
      <c r="T9879" s="5" t="s">
        <v>42</v>
      </c>
      <c r="U9879" s="2">
        <v>9.4619999999999997</v>
      </c>
      <c r="V9879" s="2">
        <v>6.7439999999999998</v>
      </c>
      <c r="W9879" s="2">
        <v>0.14899999999999999</v>
      </c>
      <c r="X9879" s="2">
        <v>12</v>
      </c>
      <c r="Y9879" s="2">
        <v>62</v>
      </c>
      <c r="Z9879" s="2">
        <v>199.7</v>
      </c>
      <c r="AA9879" s="5">
        <v>10</v>
      </c>
      <c r="AB9879" s="5" t="s">
        <v>43</v>
      </c>
      <c r="AC9879" s="5" t="s">
        <v>44</v>
      </c>
      <c r="AD9879" s="2" t="s">
        <v>29625</v>
      </c>
      <c r="AE9879" s="1"/>
    </row>
    <row r="9880" spans="1:31" ht="14.45">
      <c r="A9880" s="5"/>
      <c r="B9880" s="21"/>
      <c r="C9880" s="2" t="s">
        <v>30349</v>
      </c>
      <c r="D9880" s="14" t="s">
        <v>30350</v>
      </c>
      <c r="E9880" s="2" t="s">
        <v>30351</v>
      </c>
      <c r="F9880" s="2"/>
      <c r="G9880" s="8">
        <v>310</v>
      </c>
      <c r="H9880" s="5">
        <v>25</v>
      </c>
      <c r="I9880" s="5" t="s">
        <v>69</v>
      </c>
      <c r="J9880" s="5" t="s">
        <v>27074</v>
      </c>
      <c r="K9880" s="2" t="s">
        <v>27075</v>
      </c>
      <c r="L9880" s="5" t="s">
        <v>27074</v>
      </c>
      <c r="M9880" s="2" t="s">
        <v>27075</v>
      </c>
      <c r="N9880" s="5" t="s">
        <v>24254</v>
      </c>
      <c r="O9880" s="5" t="s">
        <v>38</v>
      </c>
      <c r="P9880" s="5" t="s">
        <v>39</v>
      </c>
      <c r="Q9880" s="5" t="s">
        <v>40</v>
      </c>
      <c r="R9880" s="5" t="s">
        <v>24335</v>
      </c>
      <c r="S9880" s="5" t="s">
        <v>40</v>
      </c>
      <c r="T9880" s="5" t="s">
        <v>42</v>
      </c>
      <c r="U9880" s="2">
        <v>9.2230000000000008</v>
      </c>
      <c r="V9880" s="2">
        <v>6.5049999999999999</v>
      </c>
      <c r="W9880" s="2">
        <v>0.14899999999999999</v>
      </c>
      <c r="X9880" s="2">
        <v>12</v>
      </c>
      <c r="Y9880" s="2">
        <v>62</v>
      </c>
      <c r="Z9880" s="2">
        <v>199.7</v>
      </c>
      <c r="AA9880" s="5">
        <v>10</v>
      </c>
      <c r="AB9880" s="5" t="s">
        <v>43</v>
      </c>
      <c r="AC9880" s="5" t="s">
        <v>44</v>
      </c>
      <c r="AD9880" s="2" t="s">
        <v>29629</v>
      </c>
      <c r="AE9880" s="1"/>
    </row>
    <row r="9881" spans="1:31" ht="14.45">
      <c r="A9881" s="5"/>
      <c r="B9881" s="21"/>
      <c r="C9881" s="2" t="s">
        <v>30352</v>
      </c>
      <c r="D9881" s="14" t="s">
        <v>30353</v>
      </c>
      <c r="E9881" s="2" t="s">
        <v>30354</v>
      </c>
      <c r="F9881" s="2"/>
      <c r="G9881" s="8">
        <v>310</v>
      </c>
      <c r="H9881" s="5">
        <v>25</v>
      </c>
      <c r="I9881" s="5" t="s">
        <v>69</v>
      </c>
      <c r="J9881" s="5" t="s">
        <v>27074</v>
      </c>
      <c r="K9881" s="2" t="s">
        <v>27075</v>
      </c>
      <c r="L9881" s="5" t="s">
        <v>27074</v>
      </c>
      <c r="M9881" s="2" t="s">
        <v>27075</v>
      </c>
      <c r="N9881" s="5" t="s">
        <v>24254</v>
      </c>
      <c r="O9881" s="5" t="s">
        <v>38</v>
      </c>
      <c r="P9881" s="5" t="s">
        <v>39</v>
      </c>
      <c r="Q9881" s="5" t="s">
        <v>40</v>
      </c>
      <c r="R9881" s="5" t="s">
        <v>24335</v>
      </c>
      <c r="S9881" s="5" t="s">
        <v>40</v>
      </c>
      <c r="T9881" s="5" t="s">
        <v>42</v>
      </c>
      <c r="U9881" s="2">
        <v>10.393000000000001</v>
      </c>
      <c r="V9881" s="2">
        <v>7.6749999999999998</v>
      </c>
      <c r="W9881" s="2">
        <v>0.14899999999999999</v>
      </c>
      <c r="X9881" s="2">
        <v>12</v>
      </c>
      <c r="Y9881" s="2">
        <v>62</v>
      </c>
      <c r="Z9881" s="2">
        <v>199.7</v>
      </c>
      <c r="AA9881" s="5">
        <v>10</v>
      </c>
      <c r="AB9881" s="5" t="s">
        <v>43</v>
      </c>
      <c r="AC9881" s="5" t="s">
        <v>44</v>
      </c>
      <c r="AD9881" s="2" t="s">
        <v>29625</v>
      </c>
      <c r="AE9881" s="1"/>
    </row>
    <row r="9882" spans="1:31" ht="14.45">
      <c r="A9882" s="5"/>
      <c r="B9882" s="21"/>
      <c r="C9882" s="2" t="s">
        <v>30355</v>
      </c>
      <c r="D9882" s="14" t="s">
        <v>30356</v>
      </c>
      <c r="E9882" s="2" t="s">
        <v>30357</v>
      </c>
      <c r="F9882" s="2" t="s">
        <v>29636</v>
      </c>
      <c r="G9882" s="8">
        <v>620</v>
      </c>
      <c r="H9882" s="5">
        <v>5</v>
      </c>
      <c r="I9882" s="5" t="s">
        <v>69</v>
      </c>
      <c r="J9882" s="5" t="s">
        <v>27074</v>
      </c>
      <c r="K9882" s="2" t="s">
        <v>27075</v>
      </c>
      <c r="L9882" s="5" t="s">
        <v>27074</v>
      </c>
      <c r="M9882" s="2" t="s">
        <v>27075</v>
      </c>
      <c r="N9882" s="5" t="s">
        <v>24254</v>
      </c>
      <c r="O9882" s="5" t="s">
        <v>38</v>
      </c>
      <c r="P9882" s="5" t="s">
        <v>39</v>
      </c>
      <c r="Q9882" s="5" t="s">
        <v>40</v>
      </c>
      <c r="R9882" s="5" t="s">
        <v>1487</v>
      </c>
      <c r="S9882" s="5"/>
      <c r="T9882" s="5" t="s">
        <v>42</v>
      </c>
      <c r="U9882" s="2">
        <v>0</v>
      </c>
      <c r="V9882" s="2">
        <v>0</v>
      </c>
      <c r="W9882" s="2">
        <v>0</v>
      </c>
      <c r="X9882" s="2">
        <v>0</v>
      </c>
      <c r="Y9882" s="2">
        <v>0</v>
      </c>
      <c r="Z9882" s="2">
        <v>0</v>
      </c>
      <c r="AA9882" s="5"/>
      <c r="AB9882" s="5" t="s">
        <v>43</v>
      </c>
      <c r="AC9882" s="5" t="s">
        <v>44</v>
      </c>
      <c r="AD9882" s="2" t="s">
        <v>29637</v>
      </c>
      <c r="AE9882" s="1"/>
    </row>
    <row r="9883" spans="1:31" ht="14.45">
      <c r="A9883" s="5"/>
      <c r="B9883" s="21"/>
      <c r="C9883" s="2" t="s">
        <v>30358</v>
      </c>
      <c r="D9883" s="14" t="s">
        <v>30359</v>
      </c>
      <c r="E9883" s="2" t="s">
        <v>30360</v>
      </c>
      <c r="F9883" s="2"/>
      <c r="G9883" s="8">
        <v>461</v>
      </c>
      <c r="H9883" s="5">
        <v>25</v>
      </c>
      <c r="I9883" s="5" t="s">
        <v>69</v>
      </c>
      <c r="J9883" s="5" t="s">
        <v>27074</v>
      </c>
      <c r="K9883" s="2" t="s">
        <v>27075</v>
      </c>
      <c r="L9883" s="5" t="s">
        <v>27074</v>
      </c>
      <c r="M9883" s="2" t="s">
        <v>27075</v>
      </c>
      <c r="N9883" s="5" t="s">
        <v>24254</v>
      </c>
      <c r="O9883" s="5" t="s">
        <v>38</v>
      </c>
      <c r="P9883" s="5" t="s">
        <v>39</v>
      </c>
      <c r="Q9883" s="5" t="s">
        <v>40</v>
      </c>
      <c r="R9883" s="5" t="s">
        <v>24340</v>
      </c>
      <c r="S9883" s="5" t="s">
        <v>40</v>
      </c>
      <c r="T9883" s="5" t="s">
        <v>42</v>
      </c>
      <c r="U9883" s="2">
        <v>22.927</v>
      </c>
      <c r="V9883" s="2">
        <v>20.173999999999999</v>
      </c>
      <c r="W9883" s="2">
        <v>0.14899999999999999</v>
      </c>
      <c r="X9883" s="2">
        <v>12</v>
      </c>
      <c r="Y9883" s="2">
        <v>62</v>
      </c>
      <c r="Z9883" s="2">
        <v>199.7</v>
      </c>
      <c r="AA9883" s="5">
        <v>8</v>
      </c>
      <c r="AB9883" s="5" t="s">
        <v>43</v>
      </c>
      <c r="AC9883" s="5" t="s">
        <v>44</v>
      </c>
      <c r="AD9883" s="2" t="s">
        <v>29641</v>
      </c>
      <c r="AE9883" s="1"/>
    </row>
    <row r="9884" spans="1:31" ht="14.45">
      <c r="A9884" s="5"/>
      <c r="B9884" s="21"/>
      <c r="C9884" s="2" t="s">
        <v>30361</v>
      </c>
      <c r="D9884" s="14" t="s">
        <v>30362</v>
      </c>
      <c r="E9884" s="2" t="s">
        <v>30363</v>
      </c>
      <c r="F9884" s="2"/>
      <c r="G9884" s="8">
        <v>461</v>
      </c>
      <c r="H9884" s="5">
        <v>25</v>
      </c>
      <c r="I9884" s="5" t="s">
        <v>69</v>
      </c>
      <c r="J9884" s="5" t="s">
        <v>27074</v>
      </c>
      <c r="K9884" s="2" t="s">
        <v>27075</v>
      </c>
      <c r="L9884" s="5" t="s">
        <v>27074</v>
      </c>
      <c r="M9884" s="2" t="s">
        <v>27075</v>
      </c>
      <c r="N9884" s="5" t="s">
        <v>24254</v>
      </c>
      <c r="O9884" s="5" t="s">
        <v>38</v>
      </c>
      <c r="P9884" s="5" t="s">
        <v>39</v>
      </c>
      <c r="Q9884" s="5" t="s">
        <v>40</v>
      </c>
      <c r="R9884" s="5" t="s">
        <v>24340</v>
      </c>
      <c r="S9884" s="5" t="s">
        <v>40</v>
      </c>
      <c r="T9884" s="5" t="s">
        <v>42</v>
      </c>
      <c r="U9884" s="2">
        <v>17.888999999999999</v>
      </c>
      <c r="V9884" s="2">
        <v>15.167999999999999</v>
      </c>
      <c r="W9884" s="2">
        <v>0.14899999999999999</v>
      </c>
      <c r="X9884" s="2">
        <v>12</v>
      </c>
      <c r="Y9884" s="2">
        <v>62</v>
      </c>
      <c r="Z9884" s="2">
        <v>199.7</v>
      </c>
      <c r="AA9884" s="5">
        <v>8</v>
      </c>
      <c r="AB9884" s="5" t="s">
        <v>43</v>
      </c>
      <c r="AC9884" s="5" t="s">
        <v>44</v>
      </c>
      <c r="AD9884" s="2" t="s">
        <v>29641</v>
      </c>
      <c r="AE9884" s="1"/>
    </row>
    <row r="9885" spans="1:31" ht="14.45">
      <c r="A9885" s="5"/>
      <c r="B9885" s="21"/>
      <c r="C9885" s="2" t="s">
        <v>30364</v>
      </c>
      <c r="D9885" s="14" t="s">
        <v>30365</v>
      </c>
      <c r="E9885" s="2" t="s">
        <v>30366</v>
      </c>
      <c r="F9885" s="2" t="s">
        <v>29652</v>
      </c>
      <c r="G9885" s="8">
        <v>1149</v>
      </c>
      <c r="H9885" s="5">
        <v>15</v>
      </c>
      <c r="I9885" s="5" t="s">
        <v>69</v>
      </c>
      <c r="J9885" s="5" t="s">
        <v>27074</v>
      </c>
      <c r="K9885" s="2" t="s">
        <v>27075</v>
      </c>
      <c r="L9885" s="5" t="s">
        <v>27074</v>
      </c>
      <c r="M9885" s="2" t="s">
        <v>27075</v>
      </c>
      <c r="N9885" s="5" t="s">
        <v>24254</v>
      </c>
      <c r="O9885" s="5" t="s">
        <v>38</v>
      </c>
      <c r="P9885" s="5" t="s">
        <v>39</v>
      </c>
      <c r="Q9885" s="5" t="s">
        <v>40</v>
      </c>
      <c r="R9885" s="5" t="s">
        <v>1487</v>
      </c>
      <c r="S9885" s="5"/>
      <c r="T9885" s="5" t="s">
        <v>42</v>
      </c>
      <c r="U9885" s="2">
        <v>0</v>
      </c>
      <c r="V9885" s="2">
        <v>0</v>
      </c>
      <c r="W9885" s="2">
        <v>0</v>
      </c>
      <c r="X9885" s="2">
        <v>0</v>
      </c>
      <c r="Y9885" s="2">
        <v>0</v>
      </c>
      <c r="Z9885" s="2">
        <v>0</v>
      </c>
      <c r="AA9885" s="5"/>
      <c r="AB9885" s="5" t="s">
        <v>43</v>
      </c>
      <c r="AC9885" s="5" t="s">
        <v>44</v>
      </c>
      <c r="AD9885" s="2" t="s">
        <v>29653</v>
      </c>
      <c r="AE9885" s="1"/>
    </row>
    <row r="9886" spans="1:31" ht="14.45">
      <c r="A9886" s="5"/>
      <c r="B9886" s="21"/>
      <c r="C9886" s="2" t="s">
        <v>30367</v>
      </c>
      <c r="D9886" s="14" t="s">
        <v>30368</v>
      </c>
      <c r="E9886" s="2" t="s">
        <v>30369</v>
      </c>
      <c r="F9886" s="2"/>
      <c r="G9886" s="8">
        <v>336</v>
      </c>
      <c r="H9886" s="5">
        <v>5</v>
      </c>
      <c r="I9886" s="5" t="s">
        <v>69</v>
      </c>
      <c r="J9886" s="5" t="s">
        <v>27074</v>
      </c>
      <c r="K9886" s="2" t="s">
        <v>27075</v>
      </c>
      <c r="L9886" s="5" t="s">
        <v>27074</v>
      </c>
      <c r="M9886" s="2" t="s">
        <v>27075</v>
      </c>
      <c r="N9886" s="5" t="s">
        <v>24254</v>
      </c>
      <c r="O9886" s="5" t="s">
        <v>38</v>
      </c>
      <c r="P9886" s="5" t="s">
        <v>39</v>
      </c>
      <c r="Q9886" s="5" t="s">
        <v>40</v>
      </c>
      <c r="R9886" s="5" t="s">
        <v>24335</v>
      </c>
      <c r="S9886" s="5" t="s">
        <v>40</v>
      </c>
      <c r="T9886" s="5" t="s">
        <v>42</v>
      </c>
      <c r="U9886" s="2">
        <v>15.766</v>
      </c>
      <c r="V9886" s="2">
        <v>13.59</v>
      </c>
      <c r="W9886" s="2">
        <v>0.157</v>
      </c>
      <c r="X9886" s="2">
        <v>12</v>
      </c>
      <c r="Y9886" s="2">
        <v>62</v>
      </c>
      <c r="Z9886" s="2">
        <v>210.9</v>
      </c>
      <c r="AA9886" s="5">
        <v>8</v>
      </c>
      <c r="AB9886" s="5" t="s">
        <v>43</v>
      </c>
      <c r="AC9886" s="5" t="s">
        <v>44</v>
      </c>
      <c r="AD9886" s="2" t="s">
        <v>29611</v>
      </c>
      <c r="AE9886" s="1"/>
    </row>
    <row r="9887" spans="1:31" ht="14.45">
      <c r="A9887" s="5"/>
      <c r="B9887" s="21"/>
      <c r="C9887" s="2" t="s">
        <v>30370</v>
      </c>
      <c r="D9887" s="14" t="s">
        <v>30371</v>
      </c>
      <c r="E9887" s="2" t="s">
        <v>30372</v>
      </c>
      <c r="F9887" s="2"/>
      <c r="G9887" s="8">
        <v>336</v>
      </c>
      <c r="H9887" s="5">
        <v>5</v>
      </c>
      <c r="I9887" s="5" t="s">
        <v>69</v>
      </c>
      <c r="J9887" s="5" t="s">
        <v>27074</v>
      </c>
      <c r="K9887" s="2" t="s">
        <v>27075</v>
      </c>
      <c r="L9887" s="5" t="s">
        <v>27074</v>
      </c>
      <c r="M9887" s="2" t="s">
        <v>27075</v>
      </c>
      <c r="N9887" s="5" t="s">
        <v>24254</v>
      </c>
      <c r="O9887" s="5" t="s">
        <v>38</v>
      </c>
      <c r="P9887" s="5" t="s">
        <v>39</v>
      </c>
      <c r="Q9887" s="5" t="s">
        <v>40</v>
      </c>
      <c r="R9887" s="5" t="s">
        <v>24335</v>
      </c>
      <c r="S9887" s="5" t="s">
        <v>40</v>
      </c>
      <c r="T9887" s="5" t="s">
        <v>42</v>
      </c>
      <c r="U9887" s="2">
        <v>13.999000000000001</v>
      </c>
      <c r="V9887" s="2">
        <v>11.824</v>
      </c>
      <c r="W9887" s="2">
        <v>0.157</v>
      </c>
      <c r="X9887" s="2">
        <v>12</v>
      </c>
      <c r="Y9887" s="2">
        <v>62</v>
      </c>
      <c r="Z9887" s="2">
        <v>210.9</v>
      </c>
      <c r="AA9887" s="5">
        <v>8</v>
      </c>
      <c r="AB9887" s="5" t="s">
        <v>43</v>
      </c>
      <c r="AC9887" s="5" t="s">
        <v>44</v>
      </c>
      <c r="AD9887" s="2" t="s">
        <v>29611</v>
      </c>
      <c r="AE9887" s="1"/>
    </row>
    <row r="9888" spans="1:31" ht="14.45">
      <c r="A9888" s="5"/>
      <c r="B9888" s="21"/>
      <c r="C9888" s="2" t="s">
        <v>30373</v>
      </c>
      <c r="D9888" s="14" t="s">
        <v>30374</v>
      </c>
      <c r="E9888" s="2" t="s">
        <v>30375</v>
      </c>
      <c r="F9888" s="2"/>
      <c r="G9888" s="8">
        <v>336</v>
      </c>
      <c r="H9888" s="5">
        <v>5</v>
      </c>
      <c r="I9888" s="5" t="s">
        <v>69</v>
      </c>
      <c r="J9888" s="5" t="s">
        <v>27074</v>
      </c>
      <c r="K9888" s="2" t="s">
        <v>27075</v>
      </c>
      <c r="L9888" s="5" t="s">
        <v>27074</v>
      </c>
      <c r="M9888" s="2" t="s">
        <v>27075</v>
      </c>
      <c r="N9888" s="5" t="s">
        <v>24254</v>
      </c>
      <c r="O9888" s="5" t="s">
        <v>38</v>
      </c>
      <c r="P9888" s="5" t="s">
        <v>39</v>
      </c>
      <c r="Q9888" s="5" t="s">
        <v>40</v>
      </c>
      <c r="R9888" s="5" t="s">
        <v>24335</v>
      </c>
      <c r="S9888" s="5" t="s">
        <v>40</v>
      </c>
      <c r="T9888" s="5" t="s">
        <v>42</v>
      </c>
      <c r="U9888" s="2">
        <v>12.428000000000001</v>
      </c>
      <c r="V9888" s="2">
        <v>10.276</v>
      </c>
      <c r="W9888" s="2">
        <v>0.14899999999999999</v>
      </c>
      <c r="X9888" s="2">
        <v>12</v>
      </c>
      <c r="Y9888" s="2">
        <v>62</v>
      </c>
      <c r="Z9888" s="2">
        <v>199.7</v>
      </c>
      <c r="AA9888" s="5">
        <v>8</v>
      </c>
      <c r="AB9888" s="5" t="s">
        <v>43</v>
      </c>
      <c r="AC9888" s="5" t="s">
        <v>44</v>
      </c>
      <c r="AD9888" s="2" t="s">
        <v>29611</v>
      </c>
      <c r="AE9888" s="1"/>
    </row>
    <row r="9889" spans="1:31" ht="14.45">
      <c r="A9889" s="5"/>
      <c r="B9889" s="21"/>
      <c r="C9889" s="2" t="s">
        <v>30376</v>
      </c>
      <c r="D9889" s="14" t="s">
        <v>30377</v>
      </c>
      <c r="E9889" s="2" t="s">
        <v>30378</v>
      </c>
      <c r="F9889" s="2"/>
      <c r="G9889" s="8">
        <v>336</v>
      </c>
      <c r="H9889" s="5">
        <v>25</v>
      </c>
      <c r="I9889" s="5" t="s">
        <v>69</v>
      </c>
      <c r="J9889" s="5" t="s">
        <v>27074</v>
      </c>
      <c r="K9889" s="2" t="s">
        <v>27075</v>
      </c>
      <c r="L9889" s="5" t="s">
        <v>27074</v>
      </c>
      <c r="M9889" s="2" t="s">
        <v>27075</v>
      </c>
      <c r="N9889" s="5" t="s">
        <v>24254</v>
      </c>
      <c r="O9889" s="5" t="s">
        <v>38</v>
      </c>
      <c r="P9889" s="5" t="s">
        <v>39</v>
      </c>
      <c r="Q9889" s="5" t="s">
        <v>40</v>
      </c>
      <c r="R9889" s="5" t="s">
        <v>24335</v>
      </c>
      <c r="S9889" s="5" t="s">
        <v>40</v>
      </c>
      <c r="T9889" s="5" t="s">
        <v>42</v>
      </c>
      <c r="U9889" s="2">
        <v>10.132999999999999</v>
      </c>
      <c r="V9889" s="2">
        <v>7.415</v>
      </c>
      <c r="W9889" s="2">
        <v>0.14899999999999999</v>
      </c>
      <c r="X9889" s="2">
        <v>12</v>
      </c>
      <c r="Y9889" s="2">
        <v>62</v>
      </c>
      <c r="Z9889" s="2">
        <v>199.7</v>
      </c>
      <c r="AA9889" s="5">
        <v>10</v>
      </c>
      <c r="AB9889" s="5" t="s">
        <v>43</v>
      </c>
      <c r="AC9889" s="5" t="s">
        <v>44</v>
      </c>
      <c r="AD9889" s="2" t="s">
        <v>29629</v>
      </c>
      <c r="AE9889" s="1"/>
    </row>
    <row r="9890" spans="1:31" ht="14.45">
      <c r="A9890" s="5"/>
      <c r="B9890" s="21"/>
      <c r="C9890" s="2" t="s">
        <v>30379</v>
      </c>
      <c r="D9890" s="14" t="s">
        <v>30380</v>
      </c>
      <c r="E9890" s="2" t="s">
        <v>30381</v>
      </c>
      <c r="F9890" s="2"/>
      <c r="G9890" s="8">
        <v>336</v>
      </c>
      <c r="H9890" s="5">
        <v>25</v>
      </c>
      <c r="I9890" s="5" t="s">
        <v>69</v>
      </c>
      <c r="J9890" s="5" t="s">
        <v>27074</v>
      </c>
      <c r="K9890" s="2" t="s">
        <v>27075</v>
      </c>
      <c r="L9890" s="5" t="s">
        <v>27074</v>
      </c>
      <c r="M9890" s="2" t="s">
        <v>27075</v>
      </c>
      <c r="N9890" s="5" t="s">
        <v>24254</v>
      </c>
      <c r="O9890" s="5" t="s">
        <v>38</v>
      </c>
      <c r="P9890" s="5" t="s">
        <v>39</v>
      </c>
      <c r="Q9890" s="5" t="s">
        <v>40</v>
      </c>
      <c r="R9890" s="5" t="s">
        <v>24335</v>
      </c>
      <c r="S9890" s="5" t="s">
        <v>40</v>
      </c>
      <c r="T9890" s="5" t="s">
        <v>42</v>
      </c>
      <c r="U9890" s="2">
        <v>11.303000000000001</v>
      </c>
      <c r="V9890" s="2">
        <v>8.5850000000000009</v>
      </c>
      <c r="W9890" s="2">
        <v>0.14899999999999999</v>
      </c>
      <c r="X9890" s="2">
        <v>12</v>
      </c>
      <c r="Y9890" s="2">
        <v>62</v>
      </c>
      <c r="Z9890" s="2">
        <v>199.7</v>
      </c>
      <c r="AA9890" s="5">
        <v>10</v>
      </c>
      <c r="AB9890" s="5" t="s">
        <v>43</v>
      </c>
      <c r="AC9890" s="5" t="s">
        <v>44</v>
      </c>
      <c r="AD9890" s="2" t="s">
        <v>29625</v>
      </c>
      <c r="AE9890" s="1"/>
    </row>
    <row r="9891" spans="1:31" ht="14.45">
      <c r="A9891" s="5"/>
      <c r="B9891" s="21"/>
      <c r="C9891" s="2" t="s">
        <v>30382</v>
      </c>
      <c r="D9891" s="14" t="s">
        <v>30383</v>
      </c>
      <c r="E9891" s="2" t="s">
        <v>30384</v>
      </c>
      <c r="F9891" s="2" t="s">
        <v>29636</v>
      </c>
      <c r="G9891" s="8">
        <v>672</v>
      </c>
      <c r="H9891" s="5">
        <v>5</v>
      </c>
      <c r="I9891" s="5" t="s">
        <v>69</v>
      </c>
      <c r="J9891" s="5" t="s">
        <v>27074</v>
      </c>
      <c r="K9891" s="2" t="s">
        <v>27075</v>
      </c>
      <c r="L9891" s="5" t="s">
        <v>27074</v>
      </c>
      <c r="M9891" s="2" t="s">
        <v>27075</v>
      </c>
      <c r="N9891" s="5" t="s">
        <v>24254</v>
      </c>
      <c r="O9891" s="5" t="s">
        <v>38</v>
      </c>
      <c r="P9891" s="5" t="s">
        <v>39</v>
      </c>
      <c r="Q9891" s="5" t="s">
        <v>40</v>
      </c>
      <c r="R9891" s="5" t="s">
        <v>1487</v>
      </c>
      <c r="S9891" s="5"/>
      <c r="T9891" s="5" t="s">
        <v>42</v>
      </c>
      <c r="U9891" s="2">
        <v>0</v>
      </c>
      <c r="V9891" s="2">
        <v>0</v>
      </c>
      <c r="W9891" s="2">
        <v>0</v>
      </c>
      <c r="X9891" s="2">
        <v>0</v>
      </c>
      <c r="Y9891" s="2">
        <v>0</v>
      </c>
      <c r="Z9891" s="2">
        <v>0</v>
      </c>
      <c r="AA9891" s="5"/>
      <c r="AB9891" s="5" t="s">
        <v>43</v>
      </c>
      <c r="AC9891" s="5" t="s">
        <v>44</v>
      </c>
      <c r="AD9891" s="2" t="s">
        <v>29637</v>
      </c>
      <c r="AE9891" s="1"/>
    </row>
    <row r="9892" spans="1:31" ht="14.45">
      <c r="A9892" s="5"/>
      <c r="B9892" s="21"/>
      <c r="C9892" s="2" t="s">
        <v>30385</v>
      </c>
      <c r="D9892" s="14" t="s">
        <v>30386</v>
      </c>
      <c r="E9892" s="2" t="s">
        <v>30387</v>
      </c>
      <c r="F9892" s="2"/>
      <c r="G9892" s="8">
        <v>487</v>
      </c>
      <c r="H9892" s="5">
        <v>25</v>
      </c>
      <c r="I9892" s="5" t="s">
        <v>69</v>
      </c>
      <c r="J9892" s="5" t="s">
        <v>27074</v>
      </c>
      <c r="K9892" s="2" t="s">
        <v>27075</v>
      </c>
      <c r="L9892" s="5" t="s">
        <v>27074</v>
      </c>
      <c r="M9892" s="2" t="s">
        <v>27075</v>
      </c>
      <c r="N9892" s="5" t="s">
        <v>24254</v>
      </c>
      <c r="O9892" s="5" t="s">
        <v>38</v>
      </c>
      <c r="P9892" s="5" t="s">
        <v>39</v>
      </c>
      <c r="Q9892" s="5" t="s">
        <v>40</v>
      </c>
      <c r="R9892" s="5" t="s">
        <v>24340</v>
      </c>
      <c r="S9892" s="5" t="s">
        <v>40</v>
      </c>
      <c r="T9892" s="5" t="s">
        <v>42</v>
      </c>
      <c r="U9892" s="2">
        <v>13.471</v>
      </c>
      <c r="V9892" s="2">
        <v>10.753</v>
      </c>
      <c r="W9892" s="2">
        <v>0.14899999999999999</v>
      </c>
      <c r="X9892" s="2">
        <v>12</v>
      </c>
      <c r="Y9892" s="2">
        <v>62</v>
      </c>
      <c r="Z9892" s="2">
        <v>199.7</v>
      </c>
      <c r="AA9892" s="5">
        <v>10</v>
      </c>
      <c r="AB9892" s="5" t="s">
        <v>43</v>
      </c>
      <c r="AC9892" s="5" t="s">
        <v>44</v>
      </c>
      <c r="AD9892" s="2" t="s">
        <v>29648</v>
      </c>
      <c r="AE9892" s="1"/>
    </row>
    <row r="9893" spans="1:31" ht="14.45">
      <c r="A9893" s="5"/>
      <c r="B9893" s="21"/>
      <c r="C9893" s="2" t="s">
        <v>30388</v>
      </c>
      <c r="D9893" s="14" t="s">
        <v>30389</v>
      </c>
      <c r="E9893" s="2" t="s">
        <v>30390</v>
      </c>
      <c r="F9893" s="2" t="s">
        <v>29652</v>
      </c>
      <c r="G9893" s="8">
        <v>1215</v>
      </c>
      <c r="H9893" s="5">
        <v>15</v>
      </c>
      <c r="I9893" s="5" t="s">
        <v>69</v>
      </c>
      <c r="J9893" s="5" t="s">
        <v>27074</v>
      </c>
      <c r="K9893" s="2" t="s">
        <v>27075</v>
      </c>
      <c r="L9893" s="5" t="s">
        <v>27074</v>
      </c>
      <c r="M9893" s="2" t="s">
        <v>27075</v>
      </c>
      <c r="N9893" s="5" t="s">
        <v>24254</v>
      </c>
      <c r="O9893" s="5" t="s">
        <v>38</v>
      </c>
      <c r="P9893" s="5" t="s">
        <v>39</v>
      </c>
      <c r="Q9893" s="5" t="s">
        <v>40</v>
      </c>
      <c r="R9893" s="5" t="s">
        <v>1487</v>
      </c>
      <c r="S9893" s="5"/>
      <c r="T9893" s="5" t="s">
        <v>42</v>
      </c>
      <c r="U9893" s="2">
        <v>0</v>
      </c>
      <c r="V9893" s="2">
        <v>0</v>
      </c>
      <c r="W9893" s="2">
        <v>0</v>
      </c>
      <c r="X9893" s="2">
        <v>0</v>
      </c>
      <c r="Y9893" s="2">
        <v>0</v>
      </c>
      <c r="Z9893" s="2">
        <v>0</v>
      </c>
      <c r="AA9893" s="5"/>
      <c r="AB9893" s="5" t="s">
        <v>43</v>
      </c>
      <c r="AC9893" s="5" t="s">
        <v>44</v>
      </c>
      <c r="AD9893" s="2" t="s">
        <v>29653</v>
      </c>
      <c r="AE9893" s="1"/>
    </row>
    <row r="9894" spans="1:31" ht="14.45">
      <c r="A9894" s="5"/>
      <c r="B9894" s="21"/>
      <c r="C9894" s="2" t="s">
        <v>30391</v>
      </c>
      <c r="D9894" s="14" t="s">
        <v>30392</v>
      </c>
      <c r="E9894" s="2" t="s">
        <v>30393</v>
      </c>
      <c r="F9894" s="2"/>
      <c r="G9894" s="8">
        <v>375</v>
      </c>
      <c r="H9894" s="5">
        <v>5</v>
      </c>
      <c r="I9894" s="5" t="s">
        <v>69</v>
      </c>
      <c r="J9894" s="5" t="s">
        <v>27074</v>
      </c>
      <c r="K9894" s="2" t="s">
        <v>27075</v>
      </c>
      <c r="L9894" s="5" t="s">
        <v>27074</v>
      </c>
      <c r="M9894" s="2" t="s">
        <v>27075</v>
      </c>
      <c r="N9894" s="5" t="s">
        <v>24254</v>
      </c>
      <c r="O9894" s="5" t="s">
        <v>38</v>
      </c>
      <c r="P9894" s="5" t="s">
        <v>39</v>
      </c>
      <c r="Q9894" s="5" t="s">
        <v>40</v>
      </c>
      <c r="R9894" s="5" t="s">
        <v>24335</v>
      </c>
      <c r="S9894" s="5" t="s">
        <v>40</v>
      </c>
      <c r="T9894" s="5" t="s">
        <v>42</v>
      </c>
      <c r="U9894" s="2">
        <v>16.263999999999999</v>
      </c>
      <c r="V9894" s="2">
        <v>14.087999999999999</v>
      </c>
      <c r="W9894" s="2">
        <v>0.157</v>
      </c>
      <c r="X9894" s="2">
        <v>12</v>
      </c>
      <c r="Y9894" s="2">
        <v>62</v>
      </c>
      <c r="Z9894" s="2">
        <v>210.9</v>
      </c>
      <c r="AA9894" s="5">
        <v>8</v>
      </c>
      <c r="AB9894" s="5" t="s">
        <v>43</v>
      </c>
      <c r="AC9894" s="5" t="s">
        <v>44</v>
      </c>
      <c r="AD9894" s="2" t="s">
        <v>29611</v>
      </c>
      <c r="AE9894" s="1"/>
    </row>
    <row r="9895" spans="1:31" ht="14.45">
      <c r="A9895" s="5"/>
      <c r="B9895" s="21"/>
      <c r="C9895" s="2" t="s">
        <v>30394</v>
      </c>
      <c r="D9895" s="14" t="s">
        <v>30395</v>
      </c>
      <c r="E9895" s="2" t="s">
        <v>30396</v>
      </c>
      <c r="F9895" s="2"/>
      <c r="G9895" s="8">
        <v>375</v>
      </c>
      <c r="H9895" s="5">
        <v>5</v>
      </c>
      <c r="I9895" s="5" t="s">
        <v>69</v>
      </c>
      <c r="J9895" s="5" t="s">
        <v>27074</v>
      </c>
      <c r="K9895" s="2" t="s">
        <v>27075</v>
      </c>
      <c r="L9895" s="5" t="s">
        <v>27074</v>
      </c>
      <c r="M9895" s="2" t="s">
        <v>27075</v>
      </c>
      <c r="N9895" s="5" t="s">
        <v>24254</v>
      </c>
      <c r="O9895" s="5" t="s">
        <v>38</v>
      </c>
      <c r="P9895" s="5" t="s">
        <v>39</v>
      </c>
      <c r="Q9895" s="5" t="s">
        <v>40</v>
      </c>
      <c r="R9895" s="5" t="s">
        <v>24335</v>
      </c>
      <c r="S9895" s="5" t="s">
        <v>40</v>
      </c>
      <c r="T9895" s="5" t="s">
        <v>42</v>
      </c>
      <c r="U9895" s="2">
        <v>14.435</v>
      </c>
      <c r="V9895" s="2">
        <v>12.26</v>
      </c>
      <c r="W9895" s="2">
        <v>0.157</v>
      </c>
      <c r="X9895" s="2">
        <v>12</v>
      </c>
      <c r="Y9895" s="2">
        <v>62</v>
      </c>
      <c r="Z9895" s="2">
        <v>210.9</v>
      </c>
      <c r="AA9895" s="5">
        <v>8</v>
      </c>
      <c r="AB9895" s="5" t="s">
        <v>43</v>
      </c>
      <c r="AC9895" s="5" t="s">
        <v>44</v>
      </c>
      <c r="AD9895" s="2" t="s">
        <v>29611</v>
      </c>
      <c r="AE9895" s="1"/>
    </row>
    <row r="9896" spans="1:31" ht="14.45">
      <c r="A9896" s="5"/>
      <c r="B9896" s="21"/>
      <c r="C9896" s="2" t="s">
        <v>30397</v>
      </c>
      <c r="D9896" s="14" t="s">
        <v>30398</v>
      </c>
      <c r="E9896" s="2" t="s">
        <v>30399</v>
      </c>
      <c r="F9896" s="2"/>
      <c r="G9896" s="8">
        <v>375</v>
      </c>
      <c r="H9896" s="5">
        <v>5</v>
      </c>
      <c r="I9896" s="5" t="s">
        <v>69</v>
      </c>
      <c r="J9896" s="5" t="s">
        <v>27074</v>
      </c>
      <c r="K9896" s="2" t="s">
        <v>27075</v>
      </c>
      <c r="L9896" s="5" t="s">
        <v>27074</v>
      </c>
      <c r="M9896" s="2" t="s">
        <v>27075</v>
      </c>
      <c r="N9896" s="5" t="s">
        <v>24254</v>
      </c>
      <c r="O9896" s="5" t="s">
        <v>38</v>
      </c>
      <c r="P9896" s="5" t="s">
        <v>39</v>
      </c>
      <c r="Q9896" s="5" t="s">
        <v>40</v>
      </c>
      <c r="R9896" s="5" t="s">
        <v>24335</v>
      </c>
      <c r="S9896" s="5" t="s">
        <v>40</v>
      </c>
      <c r="T9896" s="5" t="s">
        <v>42</v>
      </c>
      <c r="U9896" s="2">
        <v>12.803000000000001</v>
      </c>
      <c r="V9896" s="2">
        <v>10.651</v>
      </c>
      <c r="W9896" s="2">
        <v>0.14899999999999999</v>
      </c>
      <c r="X9896" s="2">
        <v>12</v>
      </c>
      <c r="Y9896" s="2">
        <v>62</v>
      </c>
      <c r="Z9896" s="2">
        <v>199.7</v>
      </c>
      <c r="AA9896" s="5">
        <v>8</v>
      </c>
      <c r="AB9896" s="5" t="s">
        <v>43</v>
      </c>
      <c r="AC9896" s="5" t="s">
        <v>44</v>
      </c>
      <c r="AD9896" s="2" t="s">
        <v>29611</v>
      </c>
      <c r="AE9896" s="1"/>
    </row>
    <row r="9897" spans="1:31" ht="14.45">
      <c r="A9897" s="5"/>
      <c r="B9897" s="21"/>
      <c r="C9897" s="2" t="s">
        <v>30400</v>
      </c>
      <c r="D9897" s="14" t="s">
        <v>30401</v>
      </c>
      <c r="E9897" s="2" t="s">
        <v>30402</v>
      </c>
      <c r="F9897" s="2"/>
      <c r="G9897" s="8">
        <v>375</v>
      </c>
      <c r="H9897" s="5">
        <v>25</v>
      </c>
      <c r="I9897" s="5" t="s">
        <v>69</v>
      </c>
      <c r="J9897" s="5" t="s">
        <v>27074</v>
      </c>
      <c r="K9897" s="2" t="s">
        <v>27075</v>
      </c>
      <c r="L9897" s="5" t="s">
        <v>27074</v>
      </c>
      <c r="M9897" s="2" t="s">
        <v>27075</v>
      </c>
      <c r="N9897" s="5" t="s">
        <v>24254</v>
      </c>
      <c r="O9897" s="5" t="s">
        <v>38</v>
      </c>
      <c r="P9897" s="5" t="s">
        <v>39</v>
      </c>
      <c r="Q9897" s="5" t="s">
        <v>40</v>
      </c>
      <c r="R9897" s="5" t="s">
        <v>24335</v>
      </c>
      <c r="S9897" s="5" t="s">
        <v>40</v>
      </c>
      <c r="T9897" s="5" t="s">
        <v>42</v>
      </c>
      <c r="U9897" s="2">
        <v>11.670999999999999</v>
      </c>
      <c r="V9897" s="2">
        <v>9.5299999999999994</v>
      </c>
      <c r="W9897" s="2">
        <v>0.157</v>
      </c>
      <c r="X9897" s="2">
        <v>12</v>
      </c>
      <c r="Y9897" s="2">
        <v>62</v>
      </c>
      <c r="Z9897" s="2">
        <v>210.9</v>
      </c>
      <c r="AA9897" s="5">
        <v>10</v>
      </c>
      <c r="AB9897" s="5" t="s">
        <v>43</v>
      </c>
      <c r="AC9897" s="5" t="s">
        <v>44</v>
      </c>
      <c r="AD9897" s="2" t="s">
        <v>29621</v>
      </c>
      <c r="AE9897" s="1"/>
    </row>
    <row r="9898" spans="1:31" ht="14.45">
      <c r="A9898" s="5"/>
      <c r="B9898" s="21"/>
      <c r="C9898" s="2" t="s">
        <v>30403</v>
      </c>
      <c r="D9898" s="14" t="s">
        <v>30404</v>
      </c>
      <c r="E9898" s="2" t="s">
        <v>30405</v>
      </c>
      <c r="F9898" s="2"/>
      <c r="G9898" s="8">
        <v>375</v>
      </c>
      <c r="H9898" s="5">
        <v>25</v>
      </c>
      <c r="I9898" s="5" t="s">
        <v>69</v>
      </c>
      <c r="J9898" s="5" t="s">
        <v>27074</v>
      </c>
      <c r="K9898" s="2" t="s">
        <v>27075</v>
      </c>
      <c r="L9898" s="5" t="s">
        <v>27074</v>
      </c>
      <c r="M9898" s="2" t="s">
        <v>27075</v>
      </c>
      <c r="N9898" s="5" t="s">
        <v>24254</v>
      </c>
      <c r="O9898" s="5" t="s">
        <v>38</v>
      </c>
      <c r="P9898" s="5" t="s">
        <v>39</v>
      </c>
      <c r="Q9898" s="5" t="s">
        <v>40</v>
      </c>
      <c r="R9898" s="5" t="s">
        <v>24335</v>
      </c>
      <c r="S9898" s="5" t="s">
        <v>40</v>
      </c>
      <c r="T9898" s="5" t="s">
        <v>42</v>
      </c>
      <c r="U9898" s="2">
        <v>10.388</v>
      </c>
      <c r="V9898" s="2">
        <v>7.67</v>
      </c>
      <c r="W9898" s="2">
        <v>0.14899999999999999</v>
      </c>
      <c r="X9898" s="2">
        <v>12</v>
      </c>
      <c r="Y9898" s="2">
        <v>62</v>
      </c>
      <c r="Z9898" s="2">
        <v>199.7</v>
      </c>
      <c r="AA9898" s="5">
        <v>10</v>
      </c>
      <c r="AB9898" s="5" t="s">
        <v>43</v>
      </c>
      <c r="AC9898" s="5" t="s">
        <v>44</v>
      </c>
      <c r="AD9898" s="2" t="s">
        <v>29625</v>
      </c>
      <c r="AE9898" s="1"/>
    </row>
    <row r="9899" spans="1:31" ht="14.45">
      <c r="A9899" s="5"/>
      <c r="B9899" s="21"/>
      <c r="C9899" s="2" t="s">
        <v>30406</v>
      </c>
      <c r="D9899" s="14" t="s">
        <v>30407</v>
      </c>
      <c r="E9899" s="2" t="s">
        <v>30408</v>
      </c>
      <c r="F9899" s="2"/>
      <c r="G9899" s="8">
        <v>375</v>
      </c>
      <c r="H9899" s="5">
        <v>25</v>
      </c>
      <c r="I9899" s="5" t="s">
        <v>69</v>
      </c>
      <c r="J9899" s="5" t="s">
        <v>27074</v>
      </c>
      <c r="K9899" s="2" t="s">
        <v>27075</v>
      </c>
      <c r="L9899" s="5" t="s">
        <v>27074</v>
      </c>
      <c r="M9899" s="2" t="s">
        <v>27075</v>
      </c>
      <c r="N9899" s="5" t="s">
        <v>24254</v>
      </c>
      <c r="O9899" s="5" t="s">
        <v>38</v>
      </c>
      <c r="P9899" s="5" t="s">
        <v>39</v>
      </c>
      <c r="Q9899" s="5" t="s">
        <v>40</v>
      </c>
      <c r="R9899" s="5" t="s">
        <v>24335</v>
      </c>
      <c r="S9899" s="5" t="s">
        <v>40</v>
      </c>
      <c r="T9899" s="5" t="s">
        <v>42</v>
      </c>
      <c r="U9899" s="2">
        <v>10.6</v>
      </c>
      <c r="V9899" s="2">
        <v>7.8819999999999997</v>
      </c>
      <c r="W9899" s="2">
        <v>0.14899999999999999</v>
      </c>
      <c r="X9899" s="2">
        <v>12</v>
      </c>
      <c r="Y9899" s="2">
        <v>62</v>
      </c>
      <c r="Z9899" s="2">
        <v>199.7</v>
      </c>
      <c r="AA9899" s="5">
        <v>10</v>
      </c>
      <c r="AB9899" s="5" t="s">
        <v>43</v>
      </c>
      <c r="AC9899" s="5" t="s">
        <v>44</v>
      </c>
      <c r="AD9899" s="2" t="s">
        <v>29629</v>
      </c>
      <c r="AE9899" s="1"/>
    </row>
    <row r="9900" spans="1:31" ht="14.45">
      <c r="A9900" s="5"/>
      <c r="B9900" s="21"/>
      <c r="C9900" s="2" t="s">
        <v>30409</v>
      </c>
      <c r="D9900" s="14" t="s">
        <v>30410</v>
      </c>
      <c r="E9900" s="2" t="s">
        <v>30411</v>
      </c>
      <c r="F9900" s="2"/>
      <c r="G9900" s="8">
        <v>375</v>
      </c>
      <c r="H9900" s="5">
        <v>25</v>
      </c>
      <c r="I9900" s="5" t="s">
        <v>69</v>
      </c>
      <c r="J9900" s="5" t="s">
        <v>27074</v>
      </c>
      <c r="K9900" s="2" t="s">
        <v>27075</v>
      </c>
      <c r="L9900" s="5" t="s">
        <v>27074</v>
      </c>
      <c r="M9900" s="2" t="s">
        <v>27075</v>
      </c>
      <c r="N9900" s="5" t="s">
        <v>24254</v>
      </c>
      <c r="O9900" s="5" t="s">
        <v>38</v>
      </c>
      <c r="P9900" s="5" t="s">
        <v>39</v>
      </c>
      <c r="Q9900" s="5" t="s">
        <v>40</v>
      </c>
      <c r="R9900" s="5" t="s">
        <v>24335</v>
      </c>
      <c r="S9900" s="5" t="s">
        <v>40</v>
      </c>
      <c r="T9900" s="5" t="s">
        <v>42</v>
      </c>
      <c r="U9900" s="2">
        <v>11.77</v>
      </c>
      <c r="V9900" s="2">
        <v>9.0519999999999996</v>
      </c>
      <c r="W9900" s="2">
        <v>0.14899999999999999</v>
      </c>
      <c r="X9900" s="2">
        <v>12</v>
      </c>
      <c r="Y9900" s="2">
        <v>62</v>
      </c>
      <c r="Z9900" s="2">
        <v>199.7</v>
      </c>
      <c r="AA9900" s="5">
        <v>10</v>
      </c>
      <c r="AB9900" s="5" t="s">
        <v>43</v>
      </c>
      <c r="AC9900" s="5" t="s">
        <v>44</v>
      </c>
      <c r="AD9900" s="2" t="s">
        <v>29625</v>
      </c>
      <c r="AE9900" s="1"/>
    </row>
    <row r="9901" spans="1:31" ht="14.45">
      <c r="A9901" s="5"/>
      <c r="B9901" s="21"/>
      <c r="C9901" s="2" t="s">
        <v>30412</v>
      </c>
      <c r="D9901" s="14" t="s">
        <v>30413</v>
      </c>
      <c r="E9901" s="2" t="s">
        <v>30414</v>
      </c>
      <c r="F9901" s="2" t="s">
        <v>29636</v>
      </c>
      <c r="G9901" s="8">
        <v>750</v>
      </c>
      <c r="H9901" s="5">
        <v>5</v>
      </c>
      <c r="I9901" s="5" t="s">
        <v>69</v>
      </c>
      <c r="J9901" s="5" t="s">
        <v>27074</v>
      </c>
      <c r="K9901" s="2" t="s">
        <v>27075</v>
      </c>
      <c r="L9901" s="5" t="s">
        <v>27074</v>
      </c>
      <c r="M9901" s="2" t="s">
        <v>27075</v>
      </c>
      <c r="N9901" s="5" t="s">
        <v>24254</v>
      </c>
      <c r="O9901" s="5" t="s">
        <v>38</v>
      </c>
      <c r="P9901" s="5" t="s">
        <v>39</v>
      </c>
      <c r="Q9901" s="5" t="s">
        <v>40</v>
      </c>
      <c r="R9901" s="5" t="s">
        <v>1487</v>
      </c>
      <c r="S9901" s="5"/>
      <c r="T9901" s="5" t="s">
        <v>42</v>
      </c>
      <c r="U9901" s="2">
        <v>0</v>
      </c>
      <c r="V9901" s="2">
        <v>0</v>
      </c>
      <c r="W9901" s="2">
        <v>0</v>
      </c>
      <c r="X9901" s="2">
        <v>0</v>
      </c>
      <c r="Y9901" s="2">
        <v>0</v>
      </c>
      <c r="Z9901" s="2">
        <v>0</v>
      </c>
      <c r="AA9901" s="5"/>
      <c r="AB9901" s="5" t="s">
        <v>43</v>
      </c>
      <c r="AC9901" s="5" t="s">
        <v>44</v>
      </c>
      <c r="AD9901" s="2" t="s">
        <v>29637</v>
      </c>
      <c r="AE9901" s="1"/>
    </row>
    <row r="9902" spans="1:31" ht="14.45">
      <c r="A9902" s="11"/>
      <c r="B9902" s="20"/>
      <c r="C9902" s="2" t="s">
        <v>30415</v>
      </c>
      <c r="D9902" s="14" t="s">
        <v>30416</v>
      </c>
      <c r="E9902" s="2" t="s">
        <v>30417</v>
      </c>
      <c r="F9902" s="2" t="s">
        <v>30418</v>
      </c>
      <c r="G9902" s="8">
        <v>149</v>
      </c>
      <c r="H9902" s="5">
        <v>10</v>
      </c>
      <c r="I9902" s="5" t="s">
        <v>69</v>
      </c>
      <c r="J9902" s="5" t="s">
        <v>27074</v>
      </c>
      <c r="K9902" s="2" t="s">
        <v>27075</v>
      </c>
      <c r="L9902" s="5" t="s">
        <v>27074</v>
      </c>
      <c r="M9902" s="2" t="s">
        <v>27075</v>
      </c>
      <c r="N9902" s="5" t="s">
        <v>24254</v>
      </c>
      <c r="O9902" s="5" t="s">
        <v>38</v>
      </c>
      <c r="P9902" s="5" t="s">
        <v>39</v>
      </c>
      <c r="Q9902" s="5" t="s">
        <v>40</v>
      </c>
      <c r="R9902" s="5" t="s">
        <v>24335</v>
      </c>
      <c r="S9902" s="5" t="s">
        <v>40</v>
      </c>
      <c r="T9902" s="5" t="s">
        <v>42</v>
      </c>
      <c r="U9902" s="2">
        <v>6.8879999999999999</v>
      </c>
      <c r="V9902" s="2">
        <v>5.5549999999999997</v>
      </c>
      <c r="W9902" s="2">
        <v>6.9000000000000006E-2</v>
      </c>
      <c r="X9902" s="2">
        <v>12</v>
      </c>
      <c r="Y9902" s="2">
        <v>50</v>
      </c>
      <c r="Z9902" s="2">
        <v>114.9</v>
      </c>
      <c r="AA9902" s="5">
        <v>8</v>
      </c>
      <c r="AB9902" s="5" t="s">
        <v>43</v>
      </c>
      <c r="AC9902" s="5" t="s">
        <v>44</v>
      </c>
      <c r="AD9902" s="2" t="s">
        <v>30419</v>
      </c>
      <c r="AE9902" s="1"/>
    </row>
    <row r="9903" spans="1:31" ht="14.45">
      <c r="A9903" s="11"/>
      <c r="B9903" s="20"/>
      <c r="C9903" s="2" t="s">
        <v>30420</v>
      </c>
      <c r="D9903" s="14" t="s">
        <v>30421</v>
      </c>
      <c r="E9903" s="2" t="s">
        <v>30422</v>
      </c>
      <c r="F9903" s="2" t="s">
        <v>30423</v>
      </c>
      <c r="G9903" s="8">
        <v>149</v>
      </c>
      <c r="H9903" s="5">
        <v>5</v>
      </c>
      <c r="I9903" s="5" t="s">
        <v>69</v>
      </c>
      <c r="J9903" s="5" t="s">
        <v>27074</v>
      </c>
      <c r="K9903" s="2" t="s">
        <v>27075</v>
      </c>
      <c r="L9903" s="5" t="s">
        <v>27074</v>
      </c>
      <c r="M9903" s="2" t="s">
        <v>27075</v>
      </c>
      <c r="N9903" s="5" t="s">
        <v>24254</v>
      </c>
      <c r="O9903" s="5" t="s">
        <v>38</v>
      </c>
      <c r="P9903" s="5" t="s">
        <v>39</v>
      </c>
      <c r="Q9903" s="5" t="s">
        <v>40</v>
      </c>
      <c r="R9903" s="5" t="s">
        <v>24335</v>
      </c>
      <c r="S9903" s="5" t="s">
        <v>40</v>
      </c>
      <c r="T9903" s="5" t="s">
        <v>42</v>
      </c>
      <c r="U9903" s="2">
        <v>5.4640000000000004</v>
      </c>
      <c r="V9903" s="2">
        <v>3.8069999999999999</v>
      </c>
      <c r="W9903" s="2">
        <v>6.9000000000000006E-2</v>
      </c>
      <c r="X9903" s="2">
        <v>12</v>
      </c>
      <c r="Y9903" s="2">
        <v>50</v>
      </c>
      <c r="Z9903" s="2">
        <v>114.9</v>
      </c>
      <c r="AA9903" s="5">
        <v>8</v>
      </c>
      <c r="AB9903" s="5" t="s">
        <v>43</v>
      </c>
      <c r="AC9903" s="5" t="s">
        <v>44</v>
      </c>
      <c r="AD9903" s="2" t="s">
        <v>30419</v>
      </c>
      <c r="AE9903" s="1"/>
    </row>
    <row r="9904" spans="1:31" ht="14.45">
      <c r="A9904" s="11"/>
      <c r="B9904" s="20"/>
      <c r="C9904" s="2" t="s">
        <v>30424</v>
      </c>
      <c r="D9904" s="14" t="s">
        <v>30425</v>
      </c>
      <c r="E9904" s="2" t="s">
        <v>30426</v>
      </c>
      <c r="F9904" s="2" t="s">
        <v>30427</v>
      </c>
      <c r="G9904" s="8">
        <v>149</v>
      </c>
      <c r="H9904" s="5">
        <v>10</v>
      </c>
      <c r="I9904" s="5" t="s">
        <v>69</v>
      </c>
      <c r="J9904" s="5" t="s">
        <v>27074</v>
      </c>
      <c r="K9904" s="2" t="s">
        <v>27075</v>
      </c>
      <c r="L9904" s="5" t="s">
        <v>27074</v>
      </c>
      <c r="M9904" s="2" t="s">
        <v>27075</v>
      </c>
      <c r="N9904" s="5" t="s">
        <v>24254</v>
      </c>
      <c r="O9904" s="5" t="s">
        <v>38</v>
      </c>
      <c r="P9904" s="5" t="s">
        <v>39</v>
      </c>
      <c r="Q9904" s="5" t="s">
        <v>40</v>
      </c>
      <c r="R9904" s="5" t="s">
        <v>24335</v>
      </c>
      <c r="S9904" s="5" t="s">
        <v>40</v>
      </c>
      <c r="T9904" s="5" t="s">
        <v>42</v>
      </c>
      <c r="U9904" s="2">
        <v>3.98</v>
      </c>
      <c r="V9904" s="2">
        <v>2.7440000000000002</v>
      </c>
      <c r="W9904" s="2">
        <v>6.9000000000000006E-2</v>
      </c>
      <c r="X9904" s="2">
        <v>12</v>
      </c>
      <c r="Y9904" s="2">
        <v>50</v>
      </c>
      <c r="Z9904" s="2">
        <v>114.9</v>
      </c>
      <c r="AA9904" s="5">
        <v>8</v>
      </c>
      <c r="AB9904" s="5" t="s">
        <v>43</v>
      </c>
      <c r="AC9904" s="5" t="s">
        <v>44</v>
      </c>
      <c r="AD9904" s="2" t="s">
        <v>30419</v>
      </c>
      <c r="AE9904" s="1"/>
    </row>
    <row r="9905" spans="1:31" ht="14.45">
      <c r="A9905" s="11"/>
      <c r="B9905" s="20"/>
      <c r="C9905" s="2" t="s">
        <v>30428</v>
      </c>
      <c r="D9905" s="14" t="s">
        <v>30429</v>
      </c>
      <c r="E9905" s="2" t="s">
        <v>30430</v>
      </c>
      <c r="F9905" s="2" t="s">
        <v>30431</v>
      </c>
      <c r="G9905" s="8">
        <v>149</v>
      </c>
      <c r="H9905" s="5">
        <v>5</v>
      </c>
      <c r="I9905" s="5" t="s">
        <v>69</v>
      </c>
      <c r="J9905" s="5" t="s">
        <v>27074</v>
      </c>
      <c r="K9905" s="2" t="s">
        <v>27075</v>
      </c>
      <c r="L9905" s="5" t="s">
        <v>27074</v>
      </c>
      <c r="M9905" s="2" t="s">
        <v>27075</v>
      </c>
      <c r="N9905" s="5" t="s">
        <v>24254</v>
      </c>
      <c r="O9905" s="5" t="s">
        <v>38</v>
      </c>
      <c r="P9905" s="5" t="s">
        <v>39</v>
      </c>
      <c r="Q9905" s="5" t="s">
        <v>40</v>
      </c>
      <c r="R9905" s="5" t="s">
        <v>24335</v>
      </c>
      <c r="S9905" s="5" t="s">
        <v>40</v>
      </c>
      <c r="T9905" s="5" t="s">
        <v>42</v>
      </c>
      <c r="U9905" s="2">
        <v>5.0469999999999997</v>
      </c>
      <c r="V9905" s="2">
        <v>3.5379999999999998</v>
      </c>
      <c r="W9905" s="2">
        <v>6.9000000000000006E-2</v>
      </c>
      <c r="X9905" s="2">
        <v>12</v>
      </c>
      <c r="Y9905" s="2">
        <v>50</v>
      </c>
      <c r="Z9905" s="2">
        <v>114.9</v>
      </c>
      <c r="AA9905" s="5">
        <v>10</v>
      </c>
      <c r="AB9905" s="5" t="s">
        <v>43</v>
      </c>
      <c r="AC9905" s="5" t="s">
        <v>44</v>
      </c>
      <c r="AD9905" s="2" t="s">
        <v>30432</v>
      </c>
      <c r="AE9905" s="1"/>
    </row>
    <row r="9906" spans="1:31" ht="14.45">
      <c r="A9906" s="11"/>
      <c r="B9906" s="20"/>
      <c r="C9906" s="2" t="s">
        <v>30433</v>
      </c>
      <c r="D9906" s="14" t="s">
        <v>30434</v>
      </c>
      <c r="E9906" s="2" t="s">
        <v>30435</v>
      </c>
      <c r="F9906" s="2" t="s">
        <v>30431</v>
      </c>
      <c r="G9906" s="8">
        <v>149</v>
      </c>
      <c r="H9906" s="5">
        <v>5</v>
      </c>
      <c r="I9906" s="5" t="s">
        <v>69</v>
      </c>
      <c r="J9906" s="5" t="s">
        <v>27074</v>
      </c>
      <c r="K9906" s="2" t="s">
        <v>27075</v>
      </c>
      <c r="L9906" s="5" t="s">
        <v>27074</v>
      </c>
      <c r="M9906" s="2" t="s">
        <v>27075</v>
      </c>
      <c r="N9906" s="5" t="s">
        <v>24254</v>
      </c>
      <c r="O9906" s="5" t="s">
        <v>38</v>
      </c>
      <c r="P9906" s="5" t="s">
        <v>39</v>
      </c>
      <c r="Q9906" s="5" t="s">
        <v>40</v>
      </c>
      <c r="R9906" s="5" t="s">
        <v>24335</v>
      </c>
      <c r="S9906" s="5" t="s">
        <v>40</v>
      </c>
      <c r="T9906" s="5" t="s">
        <v>42</v>
      </c>
      <c r="U9906" s="2">
        <v>5.4189999999999996</v>
      </c>
      <c r="V9906" s="2">
        <v>3.766</v>
      </c>
      <c r="W9906" s="2">
        <v>7.5999999999999998E-2</v>
      </c>
      <c r="X9906" s="2">
        <v>12</v>
      </c>
      <c r="Y9906" s="2">
        <v>50</v>
      </c>
      <c r="Z9906" s="2">
        <v>125.9</v>
      </c>
      <c r="AA9906" s="5">
        <v>10</v>
      </c>
      <c r="AB9906" s="5" t="s">
        <v>43</v>
      </c>
      <c r="AC9906" s="5" t="s">
        <v>44</v>
      </c>
      <c r="AD9906" s="2" t="s">
        <v>30436</v>
      </c>
      <c r="AE9906" s="1"/>
    </row>
    <row r="9907" spans="1:31" ht="14.45">
      <c r="A9907" s="11"/>
      <c r="B9907" s="20"/>
      <c r="C9907" s="2" t="s">
        <v>30437</v>
      </c>
      <c r="D9907" s="14" t="s">
        <v>30438</v>
      </c>
      <c r="E9907" s="2" t="s">
        <v>30439</v>
      </c>
      <c r="F9907" s="2" t="s">
        <v>30440</v>
      </c>
      <c r="G9907" s="8">
        <v>149</v>
      </c>
      <c r="H9907" s="5">
        <v>5</v>
      </c>
      <c r="I9907" s="5" t="s">
        <v>69</v>
      </c>
      <c r="J9907" s="5" t="s">
        <v>27074</v>
      </c>
      <c r="K9907" s="2" t="s">
        <v>27075</v>
      </c>
      <c r="L9907" s="5" t="s">
        <v>27074</v>
      </c>
      <c r="M9907" s="2" t="s">
        <v>27075</v>
      </c>
      <c r="N9907" s="5" t="s">
        <v>24254</v>
      </c>
      <c r="O9907" s="5" t="s">
        <v>38</v>
      </c>
      <c r="P9907" s="5" t="s">
        <v>39</v>
      </c>
      <c r="Q9907" s="5" t="s">
        <v>40</v>
      </c>
      <c r="R9907" s="5" t="s">
        <v>24335</v>
      </c>
      <c r="S9907" s="5" t="s">
        <v>40</v>
      </c>
      <c r="T9907" s="5" t="s">
        <v>42</v>
      </c>
      <c r="U9907" s="2">
        <v>4.0810000000000004</v>
      </c>
      <c r="V9907" s="2">
        <v>2.5720000000000001</v>
      </c>
      <c r="W9907" s="2">
        <v>6.9000000000000006E-2</v>
      </c>
      <c r="X9907" s="2">
        <v>12</v>
      </c>
      <c r="Y9907" s="2">
        <v>50</v>
      </c>
      <c r="Z9907" s="2">
        <v>114.9</v>
      </c>
      <c r="AA9907" s="5">
        <v>10</v>
      </c>
      <c r="AB9907" s="5" t="s">
        <v>43</v>
      </c>
      <c r="AC9907" s="5" t="s">
        <v>44</v>
      </c>
      <c r="AD9907" s="2" t="s">
        <v>30441</v>
      </c>
      <c r="AE9907" s="1"/>
    </row>
    <row r="9908" spans="1:31" ht="14.45">
      <c r="A9908" s="11"/>
      <c r="B9908" s="20"/>
      <c r="C9908" s="2" t="s">
        <v>30442</v>
      </c>
      <c r="D9908" s="14" t="s">
        <v>30443</v>
      </c>
      <c r="E9908" s="2" t="s">
        <v>30444</v>
      </c>
      <c r="F9908" s="2" t="s">
        <v>30440</v>
      </c>
      <c r="G9908" s="8">
        <v>149</v>
      </c>
      <c r="H9908" s="5">
        <v>5</v>
      </c>
      <c r="I9908" s="5" t="s">
        <v>69</v>
      </c>
      <c r="J9908" s="5" t="s">
        <v>27074</v>
      </c>
      <c r="K9908" s="2" t="s">
        <v>27075</v>
      </c>
      <c r="L9908" s="5" t="s">
        <v>27074</v>
      </c>
      <c r="M9908" s="2" t="s">
        <v>27075</v>
      </c>
      <c r="N9908" s="5" t="s">
        <v>24254</v>
      </c>
      <c r="O9908" s="5" t="s">
        <v>38</v>
      </c>
      <c r="P9908" s="5" t="s">
        <v>39</v>
      </c>
      <c r="Q9908" s="5" t="s">
        <v>40</v>
      </c>
      <c r="R9908" s="5" t="s">
        <v>24335</v>
      </c>
      <c r="S9908" s="5" t="s">
        <v>40</v>
      </c>
      <c r="T9908" s="5" t="s">
        <v>42</v>
      </c>
      <c r="U9908" s="2">
        <v>4.2439999999999998</v>
      </c>
      <c r="V9908" s="2">
        <v>2.7349999999999999</v>
      </c>
      <c r="W9908" s="2">
        <v>6.9000000000000006E-2</v>
      </c>
      <c r="X9908" s="2">
        <v>12</v>
      </c>
      <c r="Y9908" s="2">
        <v>50</v>
      </c>
      <c r="Z9908" s="2">
        <v>114.9</v>
      </c>
      <c r="AA9908" s="5">
        <v>10</v>
      </c>
      <c r="AB9908" s="5" t="s">
        <v>43</v>
      </c>
      <c r="AC9908" s="5" t="s">
        <v>44</v>
      </c>
      <c r="AD9908" s="2" t="s">
        <v>30445</v>
      </c>
      <c r="AE9908" s="1"/>
    </row>
    <row r="9909" spans="1:31" ht="14.45">
      <c r="A9909" s="11"/>
      <c r="B9909" s="20"/>
      <c r="C9909" s="2" t="s">
        <v>30446</v>
      </c>
      <c r="D9909" s="14" t="s">
        <v>30447</v>
      </c>
      <c r="E9909" s="2" t="s">
        <v>30448</v>
      </c>
      <c r="F9909" s="2" t="s">
        <v>30449</v>
      </c>
      <c r="G9909" s="8">
        <v>149</v>
      </c>
      <c r="H9909" s="5">
        <v>5</v>
      </c>
      <c r="I9909" s="5" t="s">
        <v>69</v>
      </c>
      <c r="J9909" s="5" t="s">
        <v>27074</v>
      </c>
      <c r="K9909" s="2" t="s">
        <v>27075</v>
      </c>
      <c r="L9909" s="5" t="s">
        <v>27074</v>
      </c>
      <c r="M9909" s="2" t="s">
        <v>27075</v>
      </c>
      <c r="N9909" s="5" t="s">
        <v>24254</v>
      </c>
      <c r="O9909" s="5" t="s">
        <v>38</v>
      </c>
      <c r="P9909" s="5" t="s">
        <v>39</v>
      </c>
      <c r="Q9909" s="5" t="s">
        <v>40</v>
      </c>
      <c r="R9909" s="5" t="s">
        <v>24335</v>
      </c>
      <c r="S9909" s="5" t="s">
        <v>40</v>
      </c>
      <c r="T9909" s="5" t="s">
        <v>42</v>
      </c>
      <c r="U9909" s="2">
        <v>4.8140000000000001</v>
      </c>
      <c r="V9909" s="2">
        <v>3.1179999999999999</v>
      </c>
      <c r="W9909" s="2">
        <v>7.5999999999999998E-2</v>
      </c>
      <c r="X9909" s="2">
        <v>12</v>
      </c>
      <c r="Y9909" s="2">
        <v>50</v>
      </c>
      <c r="Z9909" s="2">
        <v>125.9</v>
      </c>
      <c r="AA9909" s="5">
        <v>10</v>
      </c>
      <c r="AB9909" s="5" t="s">
        <v>43</v>
      </c>
      <c r="AC9909" s="5" t="s">
        <v>44</v>
      </c>
      <c r="AD9909" s="2" t="s">
        <v>30441</v>
      </c>
      <c r="AE9909" s="1"/>
    </row>
    <row r="9910" spans="1:31" ht="14.45">
      <c r="A9910" s="11"/>
      <c r="B9910" s="20"/>
      <c r="C9910" s="2" t="s">
        <v>30450</v>
      </c>
      <c r="D9910" s="14" t="s">
        <v>30451</v>
      </c>
      <c r="E9910" s="2" t="s">
        <v>30452</v>
      </c>
      <c r="F9910" s="2" t="s">
        <v>30449</v>
      </c>
      <c r="G9910" s="8">
        <v>149</v>
      </c>
      <c r="H9910" s="5">
        <v>5</v>
      </c>
      <c r="I9910" s="5" t="s">
        <v>69</v>
      </c>
      <c r="J9910" s="5" t="s">
        <v>27074</v>
      </c>
      <c r="K9910" s="2" t="s">
        <v>27075</v>
      </c>
      <c r="L9910" s="5" t="s">
        <v>27074</v>
      </c>
      <c r="M9910" s="2" t="s">
        <v>27075</v>
      </c>
      <c r="N9910" s="5" t="s">
        <v>24254</v>
      </c>
      <c r="O9910" s="5" t="s">
        <v>38</v>
      </c>
      <c r="P9910" s="5" t="s">
        <v>39</v>
      </c>
      <c r="Q9910" s="5" t="s">
        <v>40</v>
      </c>
      <c r="R9910" s="5" t="s">
        <v>24335</v>
      </c>
      <c r="S9910" s="5" t="s">
        <v>40</v>
      </c>
      <c r="T9910" s="5" t="s">
        <v>42</v>
      </c>
      <c r="U9910" s="2">
        <v>5.0590000000000002</v>
      </c>
      <c r="V9910" s="2">
        <v>3.363</v>
      </c>
      <c r="W9910" s="2">
        <v>7.5999999999999998E-2</v>
      </c>
      <c r="X9910" s="2">
        <v>12</v>
      </c>
      <c r="Y9910" s="2">
        <v>50</v>
      </c>
      <c r="Z9910" s="2">
        <v>125.9</v>
      </c>
      <c r="AA9910" s="5">
        <v>10</v>
      </c>
      <c r="AB9910" s="5" t="s">
        <v>43</v>
      </c>
      <c r="AC9910" s="5" t="s">
        <v>44</v>
      </c>
      <c r="AD9910" s="2" t="s">
        <v>30445</v>
      </c>
      <c r="AE9910" s="1"/>
    </row>
    <row r="9911" spans="1:31" ht="14.45">
      <c r="A9911" s="11"/>
      <c r="B9911" s="20"/>
      <c r="C9911" s="2" t="s">
        <v>30453</v>
      </c>
      <c r="D9911" s="14" t="s">
        <v>30454</v>
      </c>
      <c r="E9911" s="2" t="s">
        <v>30455</v>
      </c>
      <c r="F9911" s="2" t="s">
        <v>30456</v>
      </c>
      <c r="G9911" s="8">
        <v>272</v>
      </c>
      <c r="H9911" s="5">
        <v>5</v>
      </c>
      <c r="I9911" s="5" t="s">
        <v>69</v>
      </c>
      <c r="J9911" s="5" t="s">
        <v>27074</v>
      </c>
      <c r="K9911" s="2" t="s">
        <v>27075</v>
      </c>
      <c r="L9911" s="5" t="s">
        <v>27074</v>
      </c>
      <c r="M9911" s="2" t="s">
        <v>27075</v>
      </c>
      <c r="N9911" s="5" t="s">
        <v>24254</v>
      </c>
      <c r="O9911" s="5" t="s">
        <v>38</v>
      </c>
      <c r="P9911" s="5" t="s">
        <v>39</v>
      </c>
      <c r="Q9911" s="5" t="s">
        <v>40</v>
      </c>
      <c r="R9911" s="5" t="s">
        <v>24335</v>
      </c>
      <c r="S9911" s="5" t="s">
        <v>40</v>
      </c>
      <c r="T9911" s="5" t="s">
        <v>42</v>
      </c>
      <c r="U9911" s="2">
        <v>10.41</v>
      </c>
      <c r="V9911" s="2">
        <v>8.2799999999999994</v>
      </c>
      <c r="W9911" s="2">
        <v>0.14299999999999999</v>
      </c>
      <c r="X9911" s="2">
        <v>12</v>
      </c>
      <c r="Y9911" s="2">
        <v>77</v>
      </c>
      <c r="Z9911" s="2">
        <v>154.9</v>
      </c>
      <c r="AA9911" s="5">
        <v>8</v>
      </c>
      <c r="AB9911" s="5" t="s">
        <v>43</v>
      </c>
      <c r="AC9911" s="5" t="s">
        <v>44</v>
      </c>
      <c r="AD9911" s="2" t="s">
        <v>30457</v>
      </c>
      <c r="AE9911" s="1"/>
    </row>
    <row r="9912" spans="1:31" ht="14.45">
      <c r="A9912" s="11"/>
      <c r="B9912" s="20"/>
      <c r="C9912" s="2" t="s">
        <v>30458</v>
      </c>
      <c r="D9912" s="14" t="s">
        <v>30459</v>
      </c>
      <c r="E9912" s="2" t="s">
        <v>30460</v>
      </c>
      <c r="F9912" s="2" t="s">
        <v>30461</v>
      </c>
      <c r="G9912" s="8">
        <v>574</v>
      </c>
      <c r="H9912" s="5">
        <v>10</v>
      </c>
      <c r="I9912" s="5" t="s">
        <v>69</v>
      </c>
      <c r="J9912" s="5" t="s">
        <v>27074</v>
      </c>
      <c r="K9912" s="2" t="s">
        <v>27075</v>
      </c>
      <c r="L9912" s="5" t="s">
        <v>27074</v>
      </c>
      <c r="M9912" s="2" t="s">
        <v>27075</v>
      </c>
      <c r="N9912" s="5" t="s">
        <v>24254</v>
      </c>
      <c r="O9912" s="5" t="s">
        <v>38</v>
      </c>
      <c r="P9912" s="5" t="s">
        <v>39</v>
      </c>
      <c r="Q9912" s="5" t="s">
        <v>40</v>
      </c>
      <c r="R9912" s="5" t="s">
        <v>24340</v>
      </c>
      <c r="S9912" s="5" t="s">
        <v>40</v>
      </c>
      <c r="T9912" s="5" t="s">
        <v>42</v>
      </c>
      <c r="U9912" s="2">
        <v>18.382999999999999</v>
      </c>
      <c r="V9912" s="2">
        <v>16.241</v>
      </c>
      <c r="W9912" s="2">
        <v>0.14299999999999999</v>
      </c>
      <c r="X9912" s="2">
        <v>12</v>
      </c>
      <c r="Y9912" s="2">
        <v>77</v>
      </c>
      <c r="Z9912" s="2">
        <v>154.9</v>
      </c>
      <c r="AA9912" s="5">
        <v>8</v>
      </c>
      <c r="AB9912" s="5" t="s">
        <v>43</v>
      </c>
      <c r="AC9912" s="5" t="s">
        <v>44</v>
      </c>
      <c r="AD9912" s="2" t="s">
        <v>30462</v>
      </c>
      <c r="AE9912" s="1"/>
    </row>
    <row r="9913" spans="1:31" ht="14.45">
      <c r="A9913" s="11"/>
      <c r="B9913" s="20"/>
      <c r="C9913" s="2" t="s">
        <v>30463</v>
      </c>
      <c r="D9913" s="14" t="s">
        <v>30464</v>
      </c>
      <c r="E9913" s="2" t="s">
        <v>30465</v>
      </c>
      <c r="F9913" s="2" t="s">
        <v>30466</v>
      </c>
      <c r="G9913" s="8">
        <v>589</v>
      </c>
      <c r="H9913" s="5">
        <v>5</v>
      </c>
      <c r="I9913" s="5" t="s">
        <v>69</v>
      </c>
      <c r="J9913" s="5" t="s">
        <v>27074</v>
      </c>
      <c r="K9913" s="2" t="s">
        <v>27075</v>
      </c>
      <c r="L9913" s="5" t="s">
        <v>27074</v>
      </c>
      <c r="M9913" s="2" t="s">
        <v>27075</v>
      </c>
      <c r="N9913" s="5" t="s">
        <v>24254</v>
      </c>
      <c r="O9913" s="5" t="s">
        <v>38</v>
      </c>
      <c r="P9913" s="5" t="s">
        <v>39</v>
      </c>
      <c r="Q9913" s="5" t="s">
        <v>40</v>
      </c>
      <c r="R9913" s="5" t="s">
        <v>1487</v>
      </c>
      <c r="S9913" s="5"/>
      <c r="T9913" s="5" t="s">
        <v>42</v>
      </c>
      <c r="U9913" s="2">
        <v>0</v>
      </c>
      <c r="V9913" s="2">
        <v>0</v>
      </c>
      <c r="W9913" s="2">
        <v>0</v>
      </c>
      <c r="X9913" s="2">
        <v>0</v>
      </c>
      <c r="Y9913" s="2">
        <v>0</v>
      </c>
      <c r="Z9913" s="2">
        <v>0</v>
      </c>
      <c r="AA9913" s="5"/>
      <c r="AB9913" s="5" t="s">
        <v>43</v>
      </c>
      <c r="AC9913" s="5" t="s">
        <v>44</v>
      </c>
      <c r="AD9913" s="2" t="s">
        <v>30467</v>
      </c>
      <c r="AE9913" s="1"/>
    </row>
    <row r="9914" spans="1:31" ht="14.45">
      <c r="A9914" s="11"/>
      <c r="B9914" s="20"/>
      <c r="C9914" s="2" t="s">
        <v>30468</v>
      </c>
      <c r="D9914" s="14" t="s">
        <v>30469</v>
      </c>
      <c r="E9914" s="2" t="s">
        <v>30470</v>
      </c>
      <c r="F9914" s="2" t="s">
        <v>30471</v>
      </c>
      <c r="G9914" s="8">
        <v>589</v>
      </c>
      <c r="H9914" s="5">
        <v>15</v>
      </c>
      <c r="I9914" s="5" t="s">
        <v>69</v>
      </c>
      <c r="J9914" s="5" t="s">
        <v>27074</v>
      </c>
      <c r="K9914" s="2" t="s">
        <v>27075</v>
      </c>
      <c r="L9914" s="5" t="s">
        <v>27074</v>
      </c>
      <c r="M9914" s="2" t="s">
        <v>27075</v>
      </c>
      <c r="N9914" s="5" t="s">
        <v>24254</v>
      </c>
      <c r="O9914" s="5" t="s">
        <v>38</v>
      </c>
      <c r="P9914" s="5" t="s">
        <v>39</v>
      </c>
      <c r="Q9914" s="5" t="s">
        <v>40</v>
      </c>
      <c r="R9914" s="5" t="s">
        <v>1487</v>
      </c>
      <c r="S9914" s="5"/>
      <c r="T9914" s="5" t="s">
        <v>42</v>
      </c>
      <c r="U9914" s="2">
        <v>0</v>
      </c>
      <c r="V9914" s="2">
        <v>0</v>
      </c>
      <c r="W9914" s="2">
        <v>0</v>
      </c>
      <c r="X9914" s="2">
        <v>0</v>
      </c>
      <c r="Y9914" s="2">
        <v>0</v>
      </c>
      <c r="Z9914" s="2">
        <v>0</v>
      </c>
      <c r="AA9914" s="5"/>
      <c r="AB9914" s="5" t="s">
        <v>43</v>
      </c>
      <c r="AC9914" s="5" t="s">
        <v>44</v>
      </c>
      <c r="AD9914" s="2" t="s">
        <v>30472</v>
      </c>
      <c r="AE9914" s="1"/>
    </row>
    <row r="9915" spans="1:31" ht="14.45">
      <c r="A9915" s="11"/>
      <c r="B9915" s="20"/>
      <c r="C9915" s="2" t="s">
        <v>30473</v>
      </c>
      <c r="D9915" s="14" t="s">
        <v>30474</v>
      </c>
      <c r="E9915" s="2" t="s">
        <v>30475</v>
      </c>
      <c r="F9915" s="2" t="s">
        <v>30476</v>
      </c>
      <c r="G9915" s="8">
        <v>943</v>
      </c>
      <c r="H9915" s="5">
        <v>15</v>
      </c>
      <c r="I9915" s="5" t="s">
        <v>69</v>
      </c>
      <c r="J9915" s="5" t="s">
        <v>27074</v>
      </c>
      <c r="K9915" s="2" t="s">
        <v>27075</v>
      </c>
      <c r="L9915" s="5" t="s">
        <v>27074</v>
      </c>
      <c r="M9915" s="2" t="s">
        <v>27075</v>
      </c>
      <c r="N9915" s="5" t="s">
        <v>24254</v>
      </c>
      <c r="O9915" s="5" t="s">
        <v>38</v>
      </c>
      <c r="P9915" s="5" t="s">
        <v>39</v>
      </c>
      <c r="Q9915" s="5" t="s">
        <v>40</v>
      </c>
      <c r="R9915" s="5" t="s">
        <v>1487</v>
      </c>
      <c r="S9915" s="5"/>
      <c r="T9915" s="5" t="s">
        <v>42</v>
      </c>
      <c r="U9915" s="2">
        <v>0</v>
      </c>
      <c r="V9915" s="2">
        <v>0</v>
      </c>
      <c r="W9915" s="2">
        <v>0</v>
      </c>
      <c r="X9915" s="2">
        <v>0</v>
      </c>
      <c r="Y9915" s="2">
        <v>0</v>
      </c>
      <c r="Z9915" s="2">
        <v>0</v>
      </c>
      <c r="AA9915" s="5"/>
      <c r="AB9915" s="5" t="s">
        <v>43</v>
      </c>
      <c r="AC9915" s="5" t="s">
        <v>44</v>
      </c>
      <c r="AD9915" s="2" t="s">
        <v>30477</v>
      </c>
      <c r="AE9915" s="1"/>
    </row>
    <row r="9916" spans="1:31" ht="14.45">
      <c r="A9916" s="11"/>
      <c r="B9916" s="20"/>
      <c r="C9916" s="2" t="s">
        <v>30478</v>
      </c>
      <c r="D9916" s="14" t="s">
        <v>30479</v>
      </c>
      <c r="E9916" s="2" t="s">
        <v>30480</v>
      </c>
      <c r="F9916" s="2" t="s">
        <v>30481</v>
      </c>
      <c r="G9916" s="8">
        <v>943</v>
      </c>
      <c r="H9916" s="5">
        <v>15</v>
      </c>
      <c r="I9916" s="5" t="s">
        <v>69</v>
      </c>
      <c r="J9916" s="5" t="s">
        <v>27074</v>
      </c>
      <c r="K9916" s="2" t="s">
        <v>27075</v>
      </c>
      <c r="L9916" s="5" t="s">
        <v>27074</v>
      </c>
      <c r="M9916" s="2" t="s">
        <v>27075</v>
      </c>
      <c r="N9916" s="5" t="s">
        <v>24254</v>
      </c>
      <c r="O9916" s="5" t="s">
        <v>38</v>
      </c>
      <c r="P9916" s="5" t="s">
        <v>39</v>
      </c>
      <c r="Q9916" s="5" t="s">
        <v>40</v>
      </c>
      <c r="R9916" s="5" t="s">
        <v>1487</v>
      </c>
      <c r="S9916" s="5"/>
      <c r="T9916" s="5" t="s">
        <v>42</v>
      </c>
      <c r="U9916" s="2">
        <v>0</v>
      </c>
      <c r="V9916" s="2">
        <v>0</v>
      </c>
      <c r="W9916" s="2">
        <v>0</v>
      </c>
      <c r="X9916" s="2">
        <v>0</v>
      </c>
      <c r="Y9916" s="2">
        <v>0</v>
      </c>
      <c r="Z9916" s="2">
        <v>0</v>
      </c>
      <c r="AA9916" s="5"/>
      <c r="AB9916" s="5" t="s">
        <v>43</v>
      </c>
      <c r="AC9916" s="5" t="s">
        <v>44</v>
      </c>
      <c r="AD9916" s="2" t="s">
        <v>30482</v>
      </c>
      <c r="AE9916" s="1"/>
    </row>
    <row r="9917" spans="1:31" ht="14.45">
      <c r="A9917" s="11"/>
      <c r="B9917" s="20"/>
      <c r="C9917" s="2" t="s">
        <v>30483</v>
      </c>
      <c r="D9917" s="14" t="s">
        <v>30484</v>
      </c>
      <c r="E9917" s="2" t="s">
        <v>30485</v>
      </c>
      <c r="F9917" s="2" t="s">
        <v>30486</v>
      </c>
      <c r="G9917" s="8">
        <v>891</v>
      </c>
      <c r="H9917" s="5">
        <v>10</v>
      </c>
      <c r="I9917" s="5" t="s">
        <v>69</v>
      </c>
      <c r="J9917" s="5" t="s">
        <v>27074</v>
      </c>
      <c r="K9917" s="2" t="s">
        <v>27075</v>
      </c>
      <c r="L9917" s="5" t="s">
        <v>27074</v>
      </c>
      <c r="M9917" s="2" t="s">
        <v>27075</v>
      </c>
      <c r="N9917" s="5" t="s">
        <v>24254</v>
      </c>
      <c r="O9917" s="5" t="s">
        <v>38</v>
      </c>
      <c r="P9917" s="5" t="s">
        <v>39</v>
      </c>
      <c r="Q9917" s="5" t="s">
        <v>40</v>
      </c>
      <c r="R9917" s="5" t="s">
        <v>1487</v>
      </c>
      <c r="S9917" s="5"/>
      <c r="T9917" s="5" t="s">
        <v>42</v>
      </c>
      <c r="U9917" s="2">
        <v>0</v>
      </c>
      <c r="V9917" s="2">
        <v>0</v>
      </c>
      <c r="W9917" s="2">
        <v>0</v>
      </c>
      <c r="X9917" s="2">
        <v>0</v>
      </c>
      <c r="Y9917" s="2">
        <v>0</v>
      </c>
      <c r="Z9917" s="2">
        <v>0</v>
      </c>
      <c r="AA9917" s="5"/>
      <c r="AB9917" s="5" t="s">
        <v>43</v>
      </c>
      <c r="AC9917" s="5" t="s">
        <v>44</v>
      </c>
      <c r="AD9917" s="2"/>
      <c r="AE9917" s="1"/>
    </row>
    <row r="9918" spans="1:31" ht="14.45">
      <c r="A9918" s="11"/>
      <c r="B9918" s="20"/>
      <c r="C9918" s="2" t="s">
        <v>30487</v>
      </c>
      <c r="D9918" s="14" t="s">
        <v>30488</v>
      </c>
      <c r="E9918" s="2" t="s">
        <v>30489</v>
      </c>
      <c r="F9918" s="2" t="s">
        <v>30490</v>
      </c>
      <c r="G9918" s="8">
        <v>891</v>
      </c>
      <c r="H9918" s="5">
        <v>15</v>
      </c>
      <c r="I9918" s="5" t="s">
        <v>69</v>
      </c>
      <c r="J9918" s="5" t="s">
        <v>27074</v>
      </c>
      <c r="K9918" s="2" t="s">
        <v>27075</v>
      </c>
      <c r="L9918" s="5" t="s">
        <v>27074</v>
      </c>
      <c r="M9918" s="2" t="s">
        <v>27075</v>
      </c>
      <c r="N9918" s="5" t="s">
        <v>24254</v>
      </c>
      <c r="O9918" s="5" t="s">
        <v>38</v>
      </c>
      <c r="P9918" s="5" t="s">
        <v>39</v>
      </c>
      <c r="Q9918" s="5" t="s">
        <v>40</v>
      </c>
      <c r="R9918" s="5" t="s">
        <v>1487</v>
      </c>
      <c r="S9918" s="5"/>
      <c r="T9918" s="5" t="s">
        <v>42</v>
      </c>
      <c r="U9918" s="2">
        <v>0</v>
      </c>
      <c r="V9918" s="2">
        <v>0</v>
      </c>
      <c r="W9918" s="2">
        <v>0</v>
      </c>
      <c r="X9918" s="2">
        <v>0</v>
      </c>
      <c r="Y9918" s="2">
        <v>0</v>
      </c>
      <c r="Z9918" s="2">
        <v>0</v>
      </c>
      <c r="AA9918" s="5"/>
      <c r="AB9918" s="5" t="s">
        <v>43</v>
      </c>
      <c r="AC9918" s="5" t="s">
        <v>44</v>
      </c>
      <c r="AD9918" s="2"/>
      <c r="AE9918" s="1"/>
    </row>
    <row r="9919" spans="1:31" ht="14.45">
      <c r="A9919" s="11"/>
      <c r="B9919" s="20"/>
      <c r="C9919" s="2" t="s">
        <v>30491</v>
      </c>
      <c r="D9919" s="14" t="s">
        <v>30492</v>
      </c>
      <c r="E9919" s="2" t="s">
        <v>30493</v>
      </c>
      <c r="F9919" s="2" t="s">
        <v>30418</v>
      </c>
      <c r="G9919" s="8">
        <v>159</v>
      </c>
      <c r="H9919" s="5">
        <v>10</v>
      </c>
      <c r="I9919" s="5" t="s">
        <v>69</v>
      </c>
      <c r="J9919" s="5" t="s">
        <v>27074</v>
      </c>
      <c r="K9919" s="2" t="s">
        <v>27075</v>
      </c>
      <c r="L9919" s="5" t="s">
        <v>27074</v>
      </c>
      <c r="M9919" s="2" t="s">
        <v>27075</v>
      </c>
      <c r="N9919" s="5" t="s">
        <v>24254</v>
      </c>
      <c r="O9919" s="5" t="s">
        <v>38</v>
      </c>
      <c r="P9919" s="5" t="s">
        <v>39</v>
      </c>
      <c r="Q9919" s="5" t="s">
        <v>40</v>
      </c>
      <c r="R9919" s="5" t="s">
        <v>24335</v>
      </c>
      <c r="S9919" s="5" t="s">
        <v>40</v>
      </c>
      <c r="T9919" s="5" t="s">
        <v>42</v>
      </c>
      <c r="U9919" s="2">
        <v>7.633</v>
      </c>
      <c r="V9919" s="2">
        <v>6.1029999999999998</v>
      </c>
      <c r="W9919" s="2">
        <v>8.3000000000000004E-2</v>
      </c>
      <c r="X9919" s="2">
        <v>12</v>
      </c>
      <c r="Y9919" s="2">
        <v>50</v>
      </c>
      <c r="Z9919" s="2">
        <v>137.9</v>
      </c>
      <c r="AA9919" s="5">
        <v>8</v>
      </c>
      <c r="AB9919" s="5" t="s">
        <v>43</v>
      </c>
      <c r="AC9919" s="5" t="s">
        <v>44</v>
      </c>
      <c r="AD9919" s="2" t="s">
        <v>30419</v>
      </c>
      <c r="AE9919" s="1"/>
    </row>
    <row r="9920" spans="1:31" ht="14.45">
      <c r="A9920" s="11"/>
      <c r="B9920" s="20"/>
      <c r="C9920" s="2" t="s">
        <v>30494</v>
      </c>
      <c r="D9920" s="14" t="s">
        <v>30495</v>
      </c>
      <c r="E9920" s="2" t="s">
        <v>30496</v>
      </c>
      <c r="F9920" s="2" t="s">
        <v>30423</v>
      </c>
      <c r="G9920" s="8">
        <v>159</v>
      </c>
      <c r="H9920" s="5">
        <v>5</v>
      </c>
      <c r="I9920" s="5" t="s">
        <v>69</v>
      </c>
      <c r="J9920" s="5" t="s">
        <v>27074</v>
      </c>
      <c r="K9920" s="2" t="s">
        <v>27075</v>
      </c>
      <c r="L9920" s="5" t="s">
        <v>27074</v>
      </c>
      <c r="M9920" s="2" t="s">
        <v>27075</v>
      </c>
      <c r="N9920" s="5" t="s">
        <v>24254</v>
      </c>
      <c r="O9920" s="5" t="s">
        <v>38</v>
      </c>
      <c r="P9920" s="5" t="s">
        <v>39</v>
      </c>
      <c r="Q9920" s="5" t="s">
        <v>40</v>
      </c>
      <c r="R9920" s="5" t="s">
        <v>24335</v>
      </c>
      <c r="S9920" s="5" t="s">
        <v>40</v>
      </c>
      <c r="T9920" s="5" t="s">
        <v>42</v>
      </c>
      <c r="U9920" s="2">
        <v>5.8220000000000001</v>
      </c>
      <c r="V9920" s="2">
        <v>4.165</v>
      </c>
      <c r="W9920" s="2">
        <v>8.3000000000000004E-2</v>
      </c>
      <c r="X9920" s="2">
        <v>12</v>
      </c>
      <c r="Y9920" s="2">
        <v>50</v>
      </c>
      <c r="Z9920" s="2">
        <v>137.9</v>
      </c>
      <c r="AA9920" s="5">
        <v>8</v>
      </c>
      <c r="AB9920" s="5" t="s">
        <v>43</v>
      </c>
      <c r="AC9920" s="5" t="s">
        <v>44</v>
      </c>
      <c r="AD9920" s="2" t="s">
        <v>30419</v>
      </c>
      <c r="AE9920" s="1"/>
    </row>
    <row r="9921" spans="1:31" ht="14.45">
      <c r="A9921" s="11"/>
      <c r="B9921" s="20"/>
      <c r="C9921" s="2" t="s">
        <v>30497</v>
      </c>
      <c r="D9921" s="14" t="s">
        <v>30498</v>
      </c>
      <c r="E9921" s="2" t="s">
        <v>30499</v>
      </c>
      <c r="F9921" s="2" t="s">
        <v>30427</v>
      </c>
      <c r="G9921" s="8">
        <v>159</v>
      </c>
      <c r="H9921" s="5">
        <v>10</v>
      </c>
      <c r="I9921" s="5" t="s">
        <v>69</v>
      </c>
      <c r="J9921" s="5" t="s">
        <v>27074</v>
      </c>
      <c r="K9921" s="2" t="s">
        <v>27075</v>
      </c>
      <c r="L9921" s="5" t="s">
        <v>27074</v>
      </c>
      <c r="M9921" s="2" t="s">
        <v>27075</v>
      </c>
      <c r="N9921" s="5" t="s">
        <v>24254</v>
      </c>
      <c r="O9921" s="5" t="s">
        <v>38</v>
      </c>
      <c r="P9921" s="5" t="s">
        <v>39</v>
      </c>
      <c r="Q9921" s="5" t="s">
        <v>40</v>
      </c>
      <c r="R9921" s="5" t="s">
        <v>24335</v>
      </c>
      <c r="S9921" s="5" t="s">
        <v>40</v>
      </c>
      <c r="T9921" s="5" t="s">
        <v>42</v>
      </c>
      <c r="U9921" s="2">
        <v>4.4290000000000003</v>
      </c>
      <c r="V9921" s="2">
        <v>2.996</v>
      </c>
      <c r="W9921" s="2">
        <v>8.3000000000000004E-2</v>
      </c>
      <c r="X9921" s="2">
        <v>12</v>
      </c>
      <c r="Y9921" s="2">
        <v>50</v>
      </c>
      <c r="Z9921" s="2">
        <v>137.9</v>
      </c>
      <c r="AA9921" s="5">
        <v>8</v>
      </c>
      <c r="AB9921" s="5" t="s">
        <v>43</v>
      </c>
      <c r="AC9921" s="5" t="s">
        <v>44</v>
      </c>
      <c r="AD9921" s="2" t="s">
        <v>30419</v>
      </c>
      <c r="AE9921" s="1"/>
    </row>
    <row r="9922" spans="1:31" ht="14.45">
      <c r="A9922" s="11"/>
      <c r="B9922" s="20"/>
      <c r="C9922" s="2" t="s">
        <v>30500</v>
      </c>
      <c r="D9922" s="14" t="s">
        <v>30501</v>
      </c>
      <c r="E9922" s="2" t="s">
        <v>30502</v>
      </c>
      <c r="F9922" s="2" t="s">
        <v>30431</v>
      </c>
      <c r="G9922" s="8">
        <v>159</v>
      </c>
      <c r="H9922" s="5">
        <v>5</v>
      </c>
      <c r="I9922" s="5" t="s">
        <v>69</v>
      </c>
      <c r="J9922" s="5" t="s">
        <v>27074</v>
      </c>
      <c r="K9922" s="2" t="s">
        <v>27075</v>
      </c>
      <c r="L9922" s="5" t="s">
        <v>27074</v>
      </c>
      <c r="M9922" s="2" t="s">
        <v>27075</v>
      </c>
      <c r="N9922" s="5" t="s">
        <v>24254</v>
      </c>
      <c r="O9922" s="5" t="s">
        <v>38</v>
      </c>
      <c r="P9922" s="5" t="s">
        <v>39</v>
      </c>
      <c r="Q9922" s="5" t="s">
        <v>40</v>
      </c>
      <c r="R9922" s="5" t="s">
        <v>24335</v>
      </c>
      <c r="S9922" s="5" t="s">
        <v>40</v>
      </c>
      <c r="T9922" s="5" t="s">
        <v>42</v>
      </c>
      <c r="U9922" s="2">
        <v>5.4249999999999998</v>
      </c>
      <c r="V9922" s="2">
        <v>3.9159999999999999</v>
      </c>
      <c r="W9922" s="2">
        <v>8.3000000000000004E-2</v>
      </c>
      <c r="X9922" s="2">
        <v>12</v>
      </c>
      <c r="Y9922" s="2">
        <v>50</v>
      </c>
      <c r="Z9922" s="2">
        <v>137.9</v>
      </c>
      <c r="AA9922" s="5">
        <v>10</v>
      </c>
      <c r="AB9922" s="5" t="s">
        <v>43</v>
      </c>
      <c r="AC9922" s="5" t="s">
        <v>44</v>
      </c>
      <c r="AD9922" s="2" t="s">
        <v>30432</v>
      </c>
      <c r="AE9922" s="1"/>
    </row>
    <row r="9923" spans="1:31" ht="14.45">
      <c r="A9923" s="11"/>
      <c r="B9923" s="20"/>
      <c r="C9923" s="2" t="s">
        <v>30503</v>
      </c>
      <c r="D9923" s="14" t="s">
        <v>30504</v>
      </c>
      <c r="E9923" s="2" t="s">
        <v>30505</v>
      </c>
      <c r="F9923" s="2" t="s">
        <v>30431</v>
      </c>
      <c r="G9923" s="8">
        <v>159</v>
      </c>
      <c r="H9923" s="5">
        <v>5</v>
      </c>
      <c r="I9923" s="5" t="s">
        <v>69</v>
      </c>
      <c r="J9923" s="5" t="s">
        <v>27074</v>
      </c>
      <c r="K9923" s="2" t="s">
        <v>27075</v>
      </c>
      <c r="L9923" s="5" t="s">
        <v>27074</v>
      </c>
      <c r="M9923" s="2" t="s">
        <v>27075</v>
      </c>
      <c r="N9923" s="5" t="s">
        <v>24254</v>
      </c>
      <c r="O9923" s="5" t="s">
        <v>38</v>
      </c>
      <c r="P9923" s="5" t="s">
        <v>39</v>
      </c>
      <c r="Q9923" s="5" t="s">
        <v>40</v>
      </c>
      <c r="R9923" s="5" t="s">
        <v>24335</v>
      </c>
      <c r="S9923" s="5" t="s">
        <v>40</v>
      </c>
      <c r="T9923" s="5" t="s">
        <v>42</v>
      </c>
      <c r="U9923" s="2">
        <v>5.7969999999999997</v>
      </c>
      <c r="V9923" s="2">
        <v>4.1440000000000001</v>
      </c>
      <c r="W9923" s="2">
        <v>8.3000000000000004E-2</v>
      </c>
      <c r="X9923" s="2">
        <v>12</v>
      </c>
      <c r="Y9923" s="2">
        <v>50</v>
      </c>
      <c r="Z9923" s="2">
        <v>137.9</v>
      </c>
      <c r="AA9923" s="5">
        <v>10</v>
      </c>
      <c r="AB9923" s="5" t="s">
        <v>43</v>
      </c>
      <c r="AC9923" s="5" t="s">
        <v>44</v>
      </c>
      <c r="AD9923" s="2" t="s">
        <v>30436</v>
      </c>
      <c r="AE9923" s="1"/>
    </row>
    <row r="9924" spans="1:31" ht="14.45">
      <c r="A9924" s="11"/>
      <c r="B9924" s="20"/>
      <c r="C9924" s="2" t="s">
        <v>30506</v>
      </c>
      <c r="D9924" s="14" t="s">
        <v>30507</v>
      </c>
      <c r="E9924" s="2" t="s">
        <v>30508</v>
      </c>
      <c r="F9924" s="2" t="s">
        <v>30440</v>
      </c>
      <c r="G9924" s="8">
        <v>159</v>
      </c>
      <c r="H9924" s="5">
        <v>5</v>
      </c>
      <c r="I9924" s="5" t="s">
        <v>69</v>
      </c>
      <c r="J9924" s="5" t="s">
        <v>27074</v>
      </c>
      <c r="K9924" s="2" t="s">
        <v>27075</v>
      </c>
      <c r="L9924" s="5" t="s">
        <v>27074</v>
      </c>
      <c r="M9924" s="2" t="s">
        <v>27075</v>
      </c>
      <c r="N9924" s="5" t="s">
        <v>24254</v>
      </c>
      <c r="O9924" s="5" t="s">
        <v>38</v>
      </c>
      <c r="P9924" s="5" t="s">
        <v>39</v>
      </c>
      <c r="Q9924" s="5" t="s">
        <v>40</v>
      </c>
      <c r="R9924" s="5" t="s">
        <v>24335</v>
      </c>
      <c r="S9924" s="5" t="s">
        <v>40</v>
      </c>
      <c r="T9924" s="5" t="s">
        <v>42</v>
      </c>
      <c r="U9924" s="2">
        <v>4.3330000000000002</v>
      </c>
      <c r="V9924" s="2">
        <v>2.8239999999999998</v>
      </c>
      <c r="W9924" s="2">
        <v>8.3000000000000004E-2</v>
      </c>
      <c r="X9924" s="2">
        <v>12</v>
      </c>
      <c r="Y9924" s="2">
        <v>50</v>
      </c>
      <c r="Z9924" s="2">
        <v>137.9</v>
      </c>
      <c r="AA9924" s="5">
        <v>10</v>
      </c>
      <c r="AB9924" s="5" t="s">
        <v>43</v>
      </c>
      <c r="AC9924" s="5" t="s">
        <v>44</v>
      </c>
      <c r="AD9924" s="2" t="s">
        <v>30441</v>
      </c>
      <c r="AE9924" s="1"/>
    </row>
    <row r="9925" spans="1:31" ht="14.45">
      <c r="A9925" s="11"/>
      <c r="B9925" s="20"/>
      <c r="C9925" s="2" t="s">
        <v>30509</v>
      </c>
      <c r="D9925" s="14" t="s">
        <v>30510</v>
      </c>
      <c r="E9925" s="2" t="s">
        <v>30511</v>
      </c>
      <c r="F9925" s="2" t="s">
        <v>30440</v>
      </c>
      <c r="G9925" s="8">
        <v>159</v>
      </c>
      <c r="H9925" s="5">
        <v>5</v>
      </c>
      <c r="I9925" s="5" t="s">
        <v>69</v>
      </c>
      <c r="J9925" s="5" t="s">
        <v>27074</v>
      </c>
      <c r="K9925" s="2" t="s">
        <v>27075</v>
      </c>
      <c r="L9925" s="5" t="s">
        <v>27074</v>
      </c>
      <c r="M9925" s="2" t="s">
        <v>27075</v>
      </c>
      <c r="N9925" s="5" t="s">
        <v>24254</v>
      </c>
      <c r="O9925" s="5" t="s">
        <v>38</v>
      </c>
      <c r="P9925" s="5" t="s">
        <v>39</v>
      </c>
      <c r="Q9925" s="5" t="s">
        <v>40</v>
      </c>
      <c r="R9925" s="5" t="s">
        <v>24335</v>
      </c>
      <c r="S9925" s="5" t="s">
        <v>40</v>
      </c>
      <c r="T9925" s="5" t="s">
        <v>42</v>
      </c>
      <c r="U9925" s="2">
        <v>4.4960000000000004</v>
      </c>
      <c r="V9925" s="2">
        <v>2.9870000000000001</v>
      </c>
      <c r="W9925" s="2">
        <v>8.3000000000000004E-2</v>
      </c>
      <c r="X9925" s="2">
        <v>12</v>
      </c>
      <c r="Y9925" s="2">
        <v>50</v>
      </c>
      <c r="Z9925" s="2">
        <v>137.9</v>
      </c>
      <c r="AA9925" s="5">
        <v>10</v>
      </c>
      <c r="AB9925" s="5" t="s">
        <v>43</v>
      </c>
      <c r="AC9925" s="5" t="s">
        <v>44</v>
      </c>
      <c r="AD9925" s="2" t="s">
        <v>30445</v>
      </c>
      <c r="AE9925" s="1"/>
    </row>
    <row r="9926" spans="1:31" ht="14.45">
      <c r="A9926" s="11"/>
      <c r="B9926" s="20"/>
      <c r="C9926" s="2" t="s">
        <v>30512</v>
      </c>
      <c r="D9926" s="14" t="s">
        <v>30513</v>
      </c>
      <c r="E9926" s="2" t="s">
        <v>30514</v>
      </c>
      <c r="F9926" s="2" t="s">
        <v>30449</v>
      </c>
      <c r="G9926" s="8">
        <v>159</v>
      </c>
      <c r="H9926" s="5">
        <v>5</v>
      </c>
      <c r="I9926" s="5" t="s">
        <v>69</v>
      </c>
      <c r="J9926" s="5" t="s">
        <v>27074</v>
      </c>
      <c r="K9926" s="2" t="s">
        <v>27075</v>
      </c>
      <c r="L9926" s="5" t="s">
        <v>27074</v>
      </c>
      <c r="M9926" s="2" t="s">
        <v>27075</v>
      </c>
      <c r="N9926" s="5" t="s">
        <v>24254</v>
      </c>
      <c r="O9926" s="5" t="s">
        <v>38</v>
      </c>
      <c r="P9926" s="5" t="s">
        <v>39</v>
      </c>
      <c r="Q9926" s="5" t="s">
        <v>40</v>
      </c>
      <c r="R9926" s="5" t="s">
        <v>24335</v>
      </c>
      <c r="S9926" s="5" t="s">
        <v>40</v>
      </c>
      <c r="T9926" s="5" t="s">
        <v>42</v>
      </c>
      <c r="U9926" s="2">
        <v>5.23</v>
      </c>
      <c r="V9926" s="2">
        <v>3.5339999999999998</v>
      </c>
      <c r="W9926" s="2">
        <v>8.3000000000000004E-2</v>
      </c>
      <c r="X9926" s="2">
        <v>12</v>
      </c>
      <c r="Y9926" s="2">
        <v>50</v>
      </c>
      <c r="Z9926" s="2">
        <v>137.9</v>
      </c>
      <c r="AA9926" s="5">
        <v>10</v>
      </c>
      <c r="AB9926" s="5" t="s">
        <v>43</v>
      </c>
      <c r="AC9926" s="5" t="s">
        <v>44</v>
      </c>
      <c r="AD9926" s="2" t="s">
        <v>30441</v>
      </c>
      <c r="AE9926" s="1"/>
    </row>
    <row r="9927" spans="1:31" ht="14.45">
      <c r="A9927" s="11"/>
      <c r="B9927" s="20"/>
      <c r="C9927" s="2" t="s">
        <v>30515</v>
      </c>
      <c r="D9927" s="14" t="s">
        <v>30516</v>
      </c>
      <c r="E9927" s="2" t="s">
        <v>30517</v>
      </c>
      <c r="F9927" s="2" t="s">
        <v>30449</v>
      </c>
      <c r="G9927" s="8">
        <v>159</v>
      </c>
      <c r="H9927" s="5">
        <v>5</v>
      </c>
      <c r="I9927" s="5" t="s">
        <v>69</v>
      </c>
      <c r="J9927" s="5" t="s">
        <v>27074</v>
      </c>
      <c r="K9927" s="2" t="s">
        <v>27075</v>
      </c>
      <c r="L9927" s="5" t="s">
        <v>27074</v>
      </c>
      <c r="M9927" s="2" t="s">
        <v>27075</v>
      </c>
      <c r="N9927" s="5" t="s">
        <v>24254</v>
      </c>
      <c r="O9927" s="5" t="s">
        <v>38</v>
      </c>
      <c r="P9927" s="5" t="s">
        <v>39</v>
      </c>
      <c r="Q9927" s="5" t="s">
        <v>40</v>
      </c>
      <c r="R9927" s="5" t="s">
        <v>24335</v>
      </c>
      <c r="S9927" s="5" t="s">
        <v>40</v>
      </c>
      <c r="T9927" s="5" t="s">
        <v>42</v>
      </c>
      <c r="U9927" s="2">
        <v>5.4749999999999996</v>
      </c>
      <c r="V9927" s="2">
        <v>3.7789999999999999</v>
      </c>
      <c r="W9927" s="2">
        <v>8.3000000000000004E-2</v>
      </c>
      <c r="X9927" s="2">
        <v>12</v>
      </c>
      <c r="Y9927" s="2">
        <v>50</v>
      </c>
      <c r="Z9927" s="2">
        <v>137.9</v>
      </c>
      <c r="AA9927" s="5">
        <v>10</v>
      </c>
      <c r="AB9927" s="5" t="s">
        <v>43</v>
      </c>
      <c r="AC9927" s="5" t="s">
        <v>44</v>
      </c>
      <c r="AD9927" s="2" t="s">
        <v>30445</v>
      </c>
      <c r="AE9927" s="1"/>
    </row>
    <row r="9928" spans="1:31" ht="14.45">
      <c r="A9928" s="11"/>
      <c r="B9928" s="20"/>
      <c r="C9928" s="2" t="s">
        <v>30518</v>
      </c>
      <c r="D9928" s="14" t="s">
        <v>30519</v>
      </c>
      <c r="E9928" s="2" t="s">
        <v>30520</v>
      </c>
      <c r="F9928" s="2" t="s">
        <v>30456</v>
      </c>
      <c r="G9928" s="8">
        <v>288</v>
      </c>
      <c r="H9928" s="5">
        <v>5</v>
      </c>
      <c r="I9928" s="5" t="s">
        <v>69</v>
      </c>
      <c r="J9928" s="5" t="s">
        <v>27074</v>
      </c>
      <c r="K9928" s="2" t="s">
        <v>27075</v>
      </c>
      <c r="L9928" s="5" t="s">
        <v>27074</v>
      </c>
      <c r="M9928" s="2" t="s">
        <v>27075</v>
      </c>
      <c r="N9928" s="5" t="s">
        <v>24254</v>
      </c>
      <c r="O9928" s="5" t="s">
        <v>38</v>
      </c>
      <c r="P9928" s="5" t="s">
        <v>39</v>
      </c>
      <c r="Q9928" s="5" t="s">
        <v>40</v>
      </c>
      <c r="R9928" s="5" t="s">
        <v>24335</v>
      </c>
      <c r="S9928" s="5" t="s">
        <v>40</v>
      </c>
      <c r="T9928" s="5" t="s">
        <v>42</v>
      </c>
      <c r="U9928" s="2">
        <v>11.21</v>
      </c>
      <c r="V9928" s="2">
        <v>9.08</v>
      </c>
      <c r="W9928" s="2">
        <v>0.14299999999999999</v>
      </c>
      <c r="X9928" s="2">
        <v>12</v>
      </c>
      <c r="Y9928" s="2">
        <v>77</v>
      </c>
      <c r="Z9928" s="2">
        <v>154.9</v>
      </c>
      <c r="AA9928" s="5">
        <v>8</v>
      </c>
      <c r="AB9928" s="5" t="s">
        <v>43</v>
      </c>
      <c r="AC9928" s="5" t="s">
        <v>44</v>
      </c>
      <c r="AD9928" s="2" t="s">
        <v>30457</v>
      </c>
      <c r="AE9928" s="1"/>
    </row>
    <row r="9929" spans="1:31" ht="14.45">
      <c r="A9929" s="11"/>
      <c r="B9929" s="20"/>
      <c r="C9929" s="2" t="s">
        <v>30521</v>
      </c>
      <c r="D9929" s="14" t="s">
        <v>30522</v>
      </c>
      <c r="E9929" s="2" t="s">
        <v>30523</v>
      </c>
      <c r="F9929" s="2" t="s">
        <v>30524</v>
      </c>
      <c r="G9929" s="8">
        <v>310</v>
      </c>
      <c r="H9929" s="5">
        <v>10</v>
      </c>
      <c r="I9929" s="5" t="s">
        <v>69</v>
      </c>
      <c r="J9929" s="5" t="s">
        <v>27074</v>
      </c>
      <c r="K9929" s="2" t="s">
        <v>27075</v>
      </c>
      <c r="L9929" s="5" t="s">
        <v>27074</v>
      </c>
      <c r="M9929" s="2" t="s">
        <v>27075</v>
      </c>
      <c r="N9929" s="5" t="s">
        <v>24254</v>
      </c>
      <c r="O9929" s="5" t="s">
        <v>38</v>
      </c>
      <c r="P9929" s="5" t="s">
        <v>39</v>
      </c>
      <c r="Q9929" s="5" t="s">
        <v>40</v>
      </c>
      <c r="R9929" s="5" t="s">
        <v>24340</v>
      </c>
      <c r="S9929" s="5" t="s">
        <v>40</v>
      </c>
      <c r="T9929" s="5" t="s">
        <v>42</v>
      </c>
      <c r="U9929" s="2">
        <v>14.163</v>
      </c>
      <c r="V9929" s="2">
        <v>12.621</v>
      </c>
      <c r="W9929" s="2">
        <v>8.3000000000000004E-2</v>
      </c>
      <c r="X9929" s="2">
        <v>12</v>
      </c>
      <c r="Y9929" s="2">
        <v>50</v>
      </c>
      <c r="Z9929" s="2">
        <v>137.9</v>
      </c>
      <c r="AA9929" s="5">
        <v>8</v>
      </c>
      <c r="AB9929" s="5" t="s">
        <v>43</v>
      </c>
      <c r="AC9929" s="5" t="s">
        <v>44</v>
      </c>
      <c r="AD9929" s="2" t="s">
        <v>30525</v>
      </c>
      <c r="AE9929" s="1"/>
    </row>
    <row r="9930" spans="1:31" ht="14.45">
      <c r="A9930" s="11"/>
      <c r="B9930" s="20"/>
      <c r="C9930" s="2" t="s">
        <v>30526</v>
      </c>
      <c r="D9930" s="14" t="s">
        <v>30527</v>
      </c>
      <c r="E9930" s="2" t="s">
        <v>30528</v>
      </c>
      <c r="F9930" s="2" t="s">
        <v>30529</v>
      </c>
      <c r="G9930" s="8">
        <v>310</v>
      </c>
      <c r="H9930" s="5">
        <v>10</v>
      </c>
      <c r="I9930" s="5" t="s">
        <v>69</v>
      </c>
      <c r="J9930" s="5" t="s">
        <v>27074</v>
      </c>
      <c r="K9930" s="2" t="s">
        <v>27075</v>
      </c>
      <c r="L9930" s="5" t="s">
        <v>27074</v>
      </c>
      <c r="M9930" s="2" t="s">
        <v>27075</v>
      </c>
      <c r="N9930" s="5" t="s">
        <v>24254</v>
      </c>
      <c r="O9930" s="5" t="s">
        <v>38</v>
      </c>
      <c r="P9930" s="5" t="s">
        <v>39</v>
      </c>
      <c r="Q9930" s="5" t="s">
        <v>40</v>
      </c>
      <c r="R9930" s="5" t="s">
        <v>24340</v>
      </c>
      <c r="S9930" s="5" t="s">
        <v>40</v>
      </c>
      <c r="T9930" s="5" t="s">
        <v>42</v>
      </c>
      <c r="U9930" s="2">
        <v>6.8070000000000004</v>
      </c>
      <c r="V9930" s="2">
        <v>5.3739999999999997</v>
      </c>
      <c r="W9930" s="2">
        <v>8.3000000000000004E-2</v>
      </c>
      <c r="X9930" s="2">
        <v>12</v>
      </c>
      <c r="Y9930" s="2">
        <v>50</v>
      </c>
      <c r="Z9930" s="2">
        <v>137.9</v>
      </c>
      <c r="AA9930" s="5">
        <v>8</v>
      </c>
      <c r="AB9930" s="5" t="s">
        <v>43</v>
      </c>
      <c r="AC9930" s="5" t="s">
        <v>44</v>
      </c>
      <c r="AD9930" s="2" t="s">
        <v>30525</v>
      </c>
      <c r="AE9930" s="1"/>
    </row>
    <row r="9931" spans="1:31" ht="14.45">
      <c r="A9931" s="11"/>
      <c r="B9931" s="20"/>
      <c r="C9931" s="2" t="s">
        <v>30530</v>
      </c>
      <c r="D9931" s="14" t="s">
        <v>30531</v>
      </c>
      <c r="E9931" s="2" t="s">
        <v>30532</v>
      </c>
      <c r="F9931" s="2" t="s">
        <v>30533</v>
      </c>
      <c r="G9931" s="8">
        <v>310</v>
      </c>
      <c r="H9931" s="5">
        <v>10</v>
      </c>
      <c r="I9931" s="5" t="s">
        <v>69</v>
      </c>
      <c r="J9931" s="5" t="s">
        <v>27074</v>
      </c>
      <c r="K9931" s="2" t="s">
        <v>27075</v>
      </c>
      <c r="L9931" s="5" t="s">
        <v>27074</v>
      </c>
      <c r="M9931" s="2" t="s">
        <v>27075</v>
      </c>
      <c r="N9931" s="5" t="s">
        <v>24254</v>
      </c>
      <c r="O9931" s="5" t="s">
        <v>38</v>
      </c>
      <c r="P9931" s="5" t="s">
        <v>39</v>
      </c>
      <c r="Q9931" s="5" t="s">
        <v>40</v>
      </c>
      <c r="R9931" s="5" t="s">
        <v>24340</v>
      </c>
      <c r="S9931" s="5" t="s">
        <v>40</v>
      </c>
      <c r="T9931" s="5" t="s">
        <v>42</v>
      </c>
      <c r="U9931" s="2">
        <v>9.8919999999999995</v>
      </c>
      <c r="V9931" s="2">
        <v>8.3279999999999994</v>
      </c>
      <c r="W9931" s="2">
        <v>8.3000000000000004E-2</v>
      </c>
      <c r="X9931" s="2">
        <v>12</v>
      </c>
      <c r="Y9931" s="2">
        <v>50</v>
      </c>
      <c r="Z9931" s="2">
        <v>137.9</v>
      </c>
      <c r="AA9931" s="5">
        <v>10</v>
      </c>
      <c r="AB9931" s="5" t="s">
        <v>43</v>
      </c>
      <c r="AC9931" s="5" t="s">
        <v>44</v>
      </c>
      <c r="AD9931" s="2" t="s">
        <v>30534</v>
      </c>
      <c r="AE9931" s="1"/>
    </row>
    <row r="9932" spans="1:31" ht="14.45">
      <c r="A9932" s="11"/>
      <c r="B9932" s="20"/>
      <c r="C9932" s="2" t="s">
        <v>30535</v>
      </c>
      <c r="D9932" s="14" t="s">
        <v>30536</v>
      </c>
      <c r="E9932" s="2" t="s">
        <v>30537</v>
      </c>
      <c r="F9932" s="2" t="s">
        <v>30461</v>
      </c>
      <c r="G9932" s="8">
        <v>590</v>
      </c>
      <c r="H9932" s="5">
        <v>10</v>
      </c>
      <c r="I9932" s="5" t="s">
        <v>69</v>
      </c>
      <c r="J9932" s="5" t="s">
        <v>27074</v>
      </c>
      <c r="K9932" s="2" t="s">
        <v>27075</v>
      </c>
      <c r="L9932" s="5" t="s">
        <v>27074</v>
      </c>
      <c r="M9932" s="2" t="s">
        <v>27075</v>
      </c>
      <c r="N9932" s="5" t="s">
        <v>24254</v>
      </c>
      <c r="O9932" s="5" t="s">
        <v>38</v>
      </c>
      <c r="P9932" s="5" t="s">
        <v>39</v>
      </c>
      <c r="Q9932" s="5" t="s">
        <v>40</v>
      </c>
      <c r="R9932" s="5" t="s">
        <v>24340</v>
      </c>
      <c r="S9932" s="5" t="s">
        <v>40</v>
      </c>
      <c r="T9932" s="5" t="s">
        <v>42</v>
      </c>
      <c r="U9932" s="2">
        <v>20.117000000000001</v>
      </c>
      <c r="V9932" s="2">
        <v>17.975000000000001</v>
      </c>
      <c r="W9932" s="2">
        <v>0.14299999999999999</v>
      </c>
      <c r="X9932" s="2">
        <v>12</v>
      </c>
      <c r="Y9932" s="2">
        <v>77</v>
      </c>
      <c r="Z9932" s="2">
        <v>154.9</v>
      </c>
      <c r="AA9932" s="5">
        <v>8</v>
      </c>
      <c r="AB9932" s="5" t="s">
        <v>43</v>
      </c>
      <c r="AC9932" s="5" t="s">
        <v>44</v>
      </c>
      <c r="AD9932" s="2" t="s">
        <v>30462</v>
      </c>
      <c r="AE9932" s="1"/>
    </row>
    <row r="9933" spans="1:31" ht="14.45">
      <c r="A9933" s="11"/>
      <c r="B9933" s="20"/>
      <c r="C9933" s="2" t="s">
        <v>30538</v>
      </c>
      <c r="D9933" s="14" t="s">
        <v>30539</v>
      </c>
      <c r="E9933" s="2" t="s">
        <v>30540</v>
      </c>
      <c r="F9933" s="2" t="s">
        <v>30541</v>
      </c>
      <c r="G9933" s="8">
        <v>310</v>
      </c>
      <c r="H9933" s="5">
        <v>10</v>
      </c>
      <c r="I9933" s="5" t="s">
        <v>69</v>
      </c>
      <c r="J9933" s="5" t="s">
        <v>27074</v>
      </c>
      <c r="K9933" s="2" t="s">
        <v>27075</v>
      </c>
      <c r="L9933" s="5" t="s">
        <v>27074</v>
      </c>
      <c r="M9933" s="2" t="s">
        <v>27075</v>
      </c>
      <c r="N9933" s="5" t="s">
        <v>24254</v>
      </c>
      <c r="O9933" s="5" t="s">
        <v>38</v>
      </c>
      <c r="P9933" s="5" t="s">
        <v>39</v>
      </c>
      <c r="Q9933" s="5" t="s">
        <v>40</v>
      </c>
      <c r="R9933" s="5" t="s">
        <v>25301</v>
      </c>
      <c r="S9933" s="5" t="s">
        <v>40</v>
      </c>
      <c r="T9933" s="5" t="s">
        <v>42</v>
      </c>
      <c r="U9933" s="2">
        <v>12.506</v>
      </c>
      <c r="V9933" s="2">
        <v>10.962999999999999</v>
      </c>
      <c r="W9933" s="2">
        <v>8.3000000000000004E-2</v>
      </c>
      <c r="X9933" s="2">
        <v>12</v>
      </c>
      <c r="Y9933" s="2">
        <v>50</v>
      </c>
      <c r="Z9933" s="2">
        <v>137.9</v>
      </c>
      <c r="AA9933" s="5">
        <v>8</v>
      </c>
      <c r="AB9933" s="5" t="s">
        <v>43</v>
      </c>
      <c r="AC9933" s="5" t="s">
        <v>44</v>
      </c>
      <c r="AD9933" s="2" t="s">
        <v>30542</v>
      </c>
      <c r="AE9933" s="1"/>
    </row>
    <row r="9934" spans="1:31" ht="14.45">
      <c r="A9934" s="11"/>
      <c r="B9934" s="20"/>
      <c r="C9934" s="2" t="s">
        <v>30543</v>
      </c>
      <c r="D9934" s="14" t="s">
        <v>30544</v>
      </c>
      <c r="E9934" s="2" t="s">
        <v>30545</v>
      </c>
      <c r="F9934" s="2" t="s">
        <v>30546</v>
      </c>
      <c r="G9934" s="8">
        <v>310</v>
      </c>
      <c r="H9934" s="5">
        <v>10</v>
      </c>
      <c r="I9934" s="5" t="s">
        <v>69</v>
      </c>
      <c r="J9934" s="5" t="s">
        <v>27074</v>
      </c>
      <c r="K9934" s="2" t="s">
        <v>27075</v>
      </c>
      <c r="L9934" s="5" t="s">
        <v>27074</v>
      </c>
      <c r="M9934" s="2" t="s">
        <v>27075</v>
      </c>
      <c r="N9934" s="5" t="s">
        <v>24254</v>
      </c>
      <c r="O9934" s="5" t="s">
        <v>38</v>
      </c>
      <c r="P9934" s="5" t="s">
        <v>39</v>
      </c>
      <c r="Q9934" s="5" t="s">
        <v>40</v>
      </c>
      <c r="R9934" s="5" t="s">
        <v>25301</v>
      </c>
      <c r="S9934" s="5" t="s">
        <v>40</v>
      </c>
      <c r="T9934" s="5" t="s">
        <v>42</v>
      </c>
      <c r="U9934" s="2">
        <v>6.3179999999999996</v>
      </c>
      <c r="V9934" s="2">
        <v>4.8840000000000003</v>
      </c>
      <c r="W9934" s="2">
        <v>8.3000000000000004E-2</v>
      </c>
      <c r="X9934" s="2">
        <v>12</v>
      </c>
      <c r="Y9934" s="2">
        <v>50</v>
      </c>
      <c r="Z9934" s="2">
        <v>137.9</v>
      </c>
      <c r="AA9934" s="5">
        <v>8</v>
      </c>
      <c r="AB9934" s="5" t="s">
        <v>43</v>
      </c>
      <c r="AC9934" s="5" t="s">
        <v>44</v>
      </c>
      <c r="AD9934" s="2" t="s">
        <v>30542</v>
      </c>
      <c r="AE9934" s="1"/>
    </row>
    <row r="9935" spans="1:31" ht="14.45">
      <c r="A9935" s="11"/>
      <c r="B9935" s="20"/>
      <c r="C9935" s="2" t="s">
        <v>30547</v>
      </c>
      <c r="D9935" s="14" t="s">
        <v>30548</v>
      </c>
      <c r="E9935" s="2" t="s">
        <v>30549</v>
      </c>
      <c r="F9935" s="2" t="s">
        <v>30466</v>
      </c>
      <c r="G9935" s="8">
        <v>610</v>
      </c>
      <c r="H9935" s="5">
        <v>5</v>
      </c>
      <c r="I9935" s="5" t="s">
        <v>69</v>
      </c>
      <c r="J9935" s="5" t="s">
        <v>27074</v>
      </c>
      <c r="K9935" s="2" t="s">
        <v>27075</v>
      </c>
      <c r="L9935" s="5" t="s">
        <v>27074</v>
      </c>
      <c r="M9935" s="2" t="s">
        <v>27075</v>
      </c>
      <c r="N9935" s="5" t="s">
        <v>24254</v>
      </c>
      <c r="O9935" s="5" t="s">
        <v>38</v>
      </c>
      <c r="P9935" s="5" t="s">
        <v>39</v>
      </c>
      <c r="Q9935" s="5" t="s">
        <v>40</v>
      </c>
      <c r="R9935" s="5" t="s">
        <v>1487</v>
      </c>
      <c r="S9935" s="5"/>
      <c r="T9935" s="5" t="s">
        <v>42</v>
      </c>
      <c r="U9935" s="2">
        <v>0</v>
      </c>
      <c r="V9935" s="2">
        <v>0</v>
      </c>
      <c r="W9935" s="2">
        <v>0</v>
      </c>
      <c r="X9935" s="2">
        <v>0</v>
      </c>
      <c r="Y9935" s="2">
        <v>0</v>
      </c>
      <c r="Z9935" s="2">
        <v>0</v>
      </c>
      <c r="AA9935" s="5"/>
      <c r="AB9935" s="5" t="s">
        <v>43</v>
      </c>
      <c r="AC9935" s="5" t="s">
        <v>44</v>
      </c>
      <c r="AD9935" s="2" t="s">
        <v>30467</v>
      </c>
      <c r="AE9935" s="1"/>
    </row>
    <row r="9936" spans="1:31" ht="14.45">
      <c r="A9936" s="11"/>
      <c r="B9936" s="20"/>
      <c r="C9936" s="2" t="s">
        <v>30550</v>
      </c>
      <c r="D9936" s="14" t="s">
        <v>30551</v>
      </c>
      <c r="E9936" s="2" t="s">
        <v>30552</v>
      </c>
      <c r="F9936" s="2" t="s">
        <v>30471</v>
      </c>
      <c r="G9936" s="8">
        <v>610</v>
      </c>
      <c r="H9936" s="5">
        <v>15</v>
      </c>
      <c r="I9936" s="5" t="s">
        <v>69</v>
      </c>
      <c r="J9936" s="5" t="s">
        <v>27074</v>
      </c>
      <c r="K9936" s="2" t="s">
        <v>27075</v>
      </c>
      <c r="L9936" s="5" t="s">
        <v>27074</v>
      </c>
      <c r="M9936" s="2" t="s">
        <v>27075</v>
      </c>
      <c r="N9936" s="5" t="s">
        <v>24254</v>
      </c>
      <c r="O9936" s="5" t="s">
        <v>38</v>
      </c>
      <c r="P9936" s="5" t="s">
        <v>39</v>
      </c>
      <c r="Q9936" s="5" t="s">
        <v>40</v>
      </c>
      <c r="R9936" s="5" t="s">
        <v>1487</v>
      </c>
      <c r="S9936" s="5"/>
      <c r="T9936" s="5" t="s">
        <v>42</v>
      </c>
      <c r="U9936" s="2">
        <v>0</v>
      </c>
      <c r="V9936" s="2">
        <v>0</v>
      </c>
      <c r="W9936" s="2">
        <v>0</v>
      </c>
      <c r="X9936" s="2">
        <v>0</v>
      </c>
      <c r="Y9936" s="2">
        <v>0</v>
      </c>
      <c r="Z9936" s="2">
        <v>0</v>
      </c>
      <c r="AA9936" s="5"/>
      <c r="AB9936" s="5" t="s">
        <v>43</v>
      </c>
      <c r="AC9936" s="5" t="s">
        <v>44</v>
      </c>
      <c r="AD9936" s="2" t="s">
        <v>30472</v>
      </c>
      <c r="AE9936" s="1"/>
    </row>
    <row r="9937" spans="1:31" ht="14.45">
      <c r="A9937" s="11"/>
      <c r="B9937" s="20"/>
      <c r="C9937" s="2" t="s">
        <v>30553</v>
      </c>
      <c r="D9937" s="14" t="s">
        <v>30554</v>
      </c>
      <c r="E9937" s="2" t="s">
        <v>30555</v>
      </c>
      <c r="F9937" s="2" t="s">
        <v>30476</v>
      </c>
      <c r="G9937" s="8">
        <v>979</v>
      </c>
      <c r="H9937" s="5">
        <v>15</v>
      </c>
      <c r="I9937" s="5" t="s">
        <v>69</v>
      </c>
      <c r="J9937" s="5" t="s">
        <v>27074</v>
      </c>
      <c r="K9937" s="2" t="s">
        <v>27075</v>
      </c>
      <c r="L9937" s="5" t="s">
        <v>27074</v>
      </c>
      <c r="M9937" s="2" t="s">
        <v>27075</v>
      </c>
      <c r="N9937" s="5" t="s">
        <v>24254</v>
      </c>
      <c r="O9937" s="5" t="s">
        <v>38</v>
      </c>
      <c r="P9937" s="5" t="s">
        <v>39</v>
      </c>
      <c r="Q9937" s="5" t="s">
        <v>40</v>
      </c>
      <c r="R9937" s="5" t="s">
        <v>1487</v>
      </c>
      <c r="S9937" s="5"/>
      <c r="T9937" s="5" t="s">
        <v>42</v>
      </c>
      <c r="U9937" s="2">
        <v>0</v>
      </c>
      <c r="V9937" s="2">
        <v>0</v>
      </c>
      <c r="W9937" s="2">
        <v>0</v>
      </c>
      <c r="X9937" s="2">
        <v>0</v>
      </c>
      <c r="Y9937" s="2">
        <v>0</v>
      </c>
      <c r="Z9937" s="2">
        <v>0</v>
      </c>
      <c r="AA9937" s="5"/>
      <c r="AB9937" s="5" t="s">
        <v>43</v>
      </c>
      <c r="AC9937" s="5" t="s">
        <v>44</v>
      </c>
      <c r="AD9937" s="2" t="s">
        <v>30477</v>
      </c>
      <c r="AE9937" s="1"/>
    </row>
    <row r="9938" spans="1:31" ht="14.45">
      <c r="A9938" s="11"/>
      <c r="B9938" s="20"/>
      <c r="C9938" s="2" t="s">
        <v>30556</v>
      </c>
      <c r="D9938" s="14" t="s">
        <v>30557</v>
      </c>
      <c r="E9938" s="2" t="s">
        <v>30558</v>
      </c>
      <c r="F9938" s="2" t="s">
        <v>30481</v>
      </c>
      <c r="G9938" s="8">
        <v>979</v>
      </c>
      <c r="H9938" s="5">
        <v>15</v>
      </c>
      <c r="I9938" s="5" t="s">
        <v>69</v>
      </c>
      <c r="J9938" s="5" t="s">
        <v>27074</v>
      </c>
      <c r="K9938" s="2" t="s">
        <v>27075</v>
      </c>
      <c r="L9938" s="5" t="s">
        <v>27074</v>
      </c>
      <c r="M9938" s="2" t="s">
        <v>27075</v>
      </c>
      <c r="N9938" s="5" t="s">
        <v>24254</v>
      </c>
      <c r="O9938" s="5" t="s">
        <v>38</v>
      </c>
      <c r="P9938" s="5" t="s">
        <v>39</v>
      </c>
      <c r="Q9938" s="5" t="s">
        <v>40</v>
      </c>
      <c r="R9938" s="5" t="s">
        <v>1487</v>
      </c>
      <c r="S9938" s="5"/>
      <c r="T9938" s="5" t="s">
        <v>42</v>
      </c>
      <c r="U9938" s="2">
        <v>0</v>
      </c>
      <c r="V9938" s="2">
        <v>0</v>
      </c>
      <c r="W9938" s="2">
        <v>0</v>
      </c>
      <c r="X9938" s="2">
        <v>0</v>
      </c>
      <c r="Y9938" s="2">
        <v>0</v>
      </c>
      <c r="Z9938" s="2">
        <v>0</v>
      </c>
      <c r="AA9938" s="5"/>
      <c r="AB9938" s="5" t="s">
        <v>43</v>
      </c>
      <c r="AC9938" s="5" t="s">
        <v>44</v>
      </c>
      <c r="AD9938" s="2" t="s">
        <v>30482</v>
      </c>
      <c r="AE9938" s="1"/>
    </row>
    <row r="9939" spans="1:31" ht="14.45">
      <c r="A9939" s="11"/>
      <c r="B9939" s="20"/>
      <c r="C9939" s="2" t="s">
        <v>30559</v>
      </c>
      <c r="D9939" s="14" t="s">
        <v>30560</v>
      </c>
      <c r="E9939" s="2" t="s">
        <v>30561</v>
      </c>
      <c r="F9939" s="2" t="s">
        <v>30486</v>
      </c>
      <c r="G9939" s="8">
        <v>912</v>
      </c>
      <c r="H9939" s="5">
        <v>10</v>
      </c>
      <c r="I9939" s="5" t="s">
        <v>69</v>
      </c>
      <c r="J9939" s="5" t="s">
        <v>27074</v>
      </c>
      <c r="K9939" s="2" t="s">
        <v>27075</v>
      </c>
      <c r="L9939" s="5" t="s">
        <v>27074</v>
      </c>
      <c r="M9939" s="2" t="s">
        <v>27075</v>
      </c>
      <c r="N9939" s="5" t="s">
        <v>24254</v>
      </c>
      <c r="O9939" s="5" t="s">
        <v>38</v>
      </c>
      <c r="P9939" s="5" t="s">
        <v>39</v>
      </c>
      <c r="Q9939" s="5" t="s">
        <v>40</v>
      </c>
      <c r="R9939" s="5" t="s">
        <v>1487</v>
      </c>
      <c r="S9939" s="5"/>
      <c r="T9939" s="5" t="s">
        <v>42</v>
      </c>
      <c r="U9939" s="2">
        <v>0</v>
      </c>
      <c r="V9939" s="2">
        <v>0</v>
      </c>
      <c r="W9939" s="2">
        <v>0</v>
      </c>
      <c r="X9939" s="2">
        <v>0</v>
      </c>
      <c r="Y9939" s="2">
        <v>0</v>
      </c>
      <c r="Z9939" s="2">
        <v>0</v>
      </c>
      <c r="AA9939" s="5"/>
      <c r="AB9939" s="5" t="s">
        <v>43</v>
      </c>
      <c r="AC9939" s="5" t="s">
        <v>44</v>
      </c>
      <c r="AD9939" s="2"/>
      <c r="AE9939" s="1"/>
    </row>
    <row r="9940" spans="1:31" ht="14.45">
      <c r="A9940" s="11"/>
      <c r="B9940" s="20"/>
      <c r="C9940" s="2" t="s">
        <v>30562</v>
      </c>
      <c r="D9940" s="14" t="s">
        <v>30563</v>
      </c>
      <c r="E9940" s="2" t="s">
        <v>30564</v>
      </c>
      <c r="F9940" s="2" t="s">
        <v>30490</v>
      </c>
      <c r="G9940" s="8">
        <v>912</v>
      </c>
      <c r="H9940" s="5">
        <v>15</v>
      </c>
      <c r="I9940" s="5" t="s">
        <v>69</v>
      </c>
      <c r="J9940" s="5" t="s">
        <v>27074</v>
      </c>
      <c r="K9940" s="2" t="s">
        <v>27075</v>
      </c>
      <c r="L9940" s="5" t="s">
        <v>27074</v>
      </c>
      <c r="M9940" s="2" t="s">
        <v>27075</v>
      </c>
      <c r="N9940" s="5" t="s">
        <v>24254</v>
      </c>
      <c r="O9940" s="5" t="s">
        <v>38</v>
      </c>
      <c r="P9940" s="5" t="s">
        <v>39</v>
      </c>
      <c r="Q9940" s="5" t="s">
        <v>40</v>
      </c>
      <c r="R9940" s="5" t="s">
        <v>1487</v>
      </c>
      <c r="S9940" s="5"/>
      <c r="T9940" s="5" t="s">
        <v>42</v>
      </c>
      <c r="U9940" s="2">
        <v>0</v>
      </c>
      <c r="V9940" s="2">
        <v>0</v>
      </c>
      <c r="W9940" s="2">
        <v>0</v>
      </c>
      <c r="X9940" s="2">
        <v>0</v>
      </c>
      <c r="Y9940" s="2">
        <v>0</v>
      </c>
      <c r="Z9940" s="2">
        <v>0</v>
      </c>
      <c r="AA9940" s="5"/>
      <c r="AB9940" s="5" t="s">
        <v>43</v>
      </c>
      <c r="AC9940" s="5" t="s">
        <v>44</v>
      </c>
      <c r="AD9940" s="2"/>
      <c r="AE9940" s="1"/>
    </row>
    <row r="9941" spans="1:31" ht="14.45">
      <c r="A9941" s="11"/>
      <c r="B9941" s="20"/>
      <c r="C9941" s="2" t="s">
        <v>30565</v>
      </c>
      <c r="D9941" s="14" t="s">
        <v>30566</v>
      </c>
      <c r="E9941" s="2" t="s">
        <v>30567</v>
      </c>
      <c r="F9941" s="2" t="s">
        <v>30418</v>
      </c>
      <c r="G9941" s="8">
        <v>164</v>
      </c>
      <c r="H9941" s="5">
        <v>10</v>
      </c>
      <c r="I9941" s="5" t="s">
        <v>69</v>
      </c>
      <c r="J9941" s="5" t="s">
        <v>27074</v>
      </c>
      <c r="K9941" s="2" t="s">
        <v>27075</v>
      </c>
      <c r="L9941" s="5" t="s">
        <v>27074</v>
      </c>
      <c r="M9941" s="2" t="s">
        <v>27075</v>
      </c>
      <c r="N9941" s="5" t="s">
        <v>24254</v>
      </c>
      <c r="O9941" s="5" t="s">
        <v>38</v>
      </c>
      <c r="P9941" s="5" t="s">
        <v>39</v>
      </c>
      <c r="Q9941" s="5" t="s">
        <v>40</v>
      </c>
      <c r="R9941" s="5" t="s">
        <v>24335</v>
      </c>
      <c r="S9941" s="5" t="s">
        <v>40</v>
      </c>
      <c r="T9941" s="5" t="s">
        <v>42</v>
      </c>
      <c r="U9941" s="2">
        <v>8.1829999999999998</v>
      </c>
      <c r="V9941" s="2">
        <v>6.6529999999999996</v>
      </c>
      <c r="W9941" s="2">
        <v>8.3000000000000004E-2</v>
      </c>
      <c r="X9941" s="2">
        <v>12</v>
      </c>
      <c r="Y9941" s="2">
        <v>50</v>
      </c>
      <c r="Z9941" s="2">
        <v>137.9</v>
      </c>
      <c r="AA9941" s="5">
        <v>8</v>
      </c>
      <c r="AB9941" s="5" t="s">
        <v>43</v>
      </c>
      <c r="AC9941" s="5" t="s">
        <v>44</v>
      </c>
      <c r="AD9941" s="2" t="s">
        <v>30419</v>
      </c>
      <c r="AE9941" s="1"/>
    </row>
    <row r="9942" spans="1:31" ht="14.45">
      <c r="A9942" s="11"/>
      <c r="B9942" s="20"/>
      <c r="C9942" s="2" t="s">
        <v>30568</v>
      </c>
      <c r="D9942" s="14" t="s">
        <v>30569</v>
      </c>
      <c r="E9942" s="2" t="s">
        <v>30570</v>
      </c>
      <c r="F9942" s="2" t="s">
        <v>30423</v>
      </c>
      <c r="G9942" s="8">
        <v>164</v>
      </c>
      <c r="H9942" s="5">
        <v>5</v>
      </c>
      <c r="I9942" s="5" t="s">
        <v>69</v>
      </c>
      <c r="J9942" s="5" t="s">
        <v>27074</v>
      </c>
      <c r="K9942" s="2" t="s">
        <v>27075</v>
      </c>
      <c r="L9942" s="5" t="s">
        <v>27074</v>
      </c>
      <c r="M9942" s="2" t="s">
        <v>27075</v>
      </c>
      <c r="N9942" s="5" t="s">
        <v>24254</v>
      </c>
      <c r="O9942" s="5" t="s">
        <v>38</v>
      </c>
      <c r="P9942" s="5" t="s">
        <v>39</v>
      </c>
      <c r="Q9942" s="5" t="s">
        <v>40</v>
      </c>
      <c r="R9942" s="5" t="s">
        <v>24335</v>
      </c>
      <c r="S9942" s="5" t="s">
        <v>40</v>
      </c>
      <c r="T9942" s="5" t="s">
        <v>42</v>
      </c>
      <c r="U9942" s="2">
        <v>6.181</v>
      </c>
      <c r="V9942" s="2">
        <v>4.524</v>
      </c>
      <c r="W9942" s="2">
        <v>0.104</v>
      </c>
      <c r="X9942" s="2">
        <v>12</v>
      </c>
      <c r="Y9942" s="2">
        <v>50</v>
      </c>
      <c r="Z9942" s="2">
        <v>173.9</v>
      </c>
      <c r="AA9942" s="5">
        <v>8</v>
      </c>
      <c r="AB9942" s="5" t="s">
        <v>43</v>
      </c>
      <c r="AC9942" s="5" t="s">
        <v>44</v>
      </c>
      <c r="AD9942" s="2" t="s">
        <v>30419</v>
      </c>
      <c r="AE9942" s="1"/>
    </row>
    <row r="9943" spans="1:31" ht="14.45">
      <c r="A9943" s="11"/>
      <c r="B9943" s="20"/>
      <c r="C9943" s="2" t="s">
        <v>30571</v>
      </c>
      <c r="D9943" s="14" t="s">
        <v>30572</v>
      </c>
      <c r="E9943" s="2" t="s">
        <v>30573</v>
      </c>
      <c r="F9943" s="2" t="s">
        <v>30427</v>
      </c>
      <c r="G9943" s="8">
        <v>164</v>
      </c>
      <c r="H9943" s="5">
        <v>10</v>
      </c>
      <c r="I9943" s="5" t="s">
        <v>69</v>
      </c>
      <c r="J9943" s="5" t="s">
        <v>27074</v>
      </c>
      <c r="K9943" s="2" t="s">
        <v>27075</v>
      </c>
      <c r="L9943" s="5" t="s">
        <v>27074</v>
      </c>
      <c r="M9943" s="2" t="s">
        <v>27075</v>
      </c>
      <c r="N9943" s="5" t="s">
        <v>24254</v>
      </c>
      <c r="O9943" s="5" t="s">
        <v>38</v>
      </c>
      <c r="P9943" s="5" t="s">
        <v>39</v>
      </c>
      <c r="Q9943" s="5" t="s">
        <v>40</v>
      </c>
      <c r="R9943" s="5" t="s">
        <v>24335</v>
      </c>
      <c r="S9943" s="5" t="s">
        <v>40</v>
      </c>
      <c r="T9943" s="5" t="s">
        <v>42</v>
      </c>
      <c r="U9943" s="2">
        <v>4.6840000000000002</v>
      </c>
      <c r="V9943" s="2">
        <v>3.2509999999999999</v>
      </c>
      <c r="W9943" s="2">
        <v>8.3000000000000004E-2</v>
      </c>
      <c r="X9943" s="2">
        <v>12</v>
      </c>
      <c r="Y9943" s="2">
        <v>50</v>
      </c>
      <c r="Z9943" s="2">
        <v>137.9</v>
      </c>
      <c r="AA9943" s="5">
        <v>8</v>
      </c>
      <c r="AB9943" s="5" t="s">
        <v>43</v>
      </c>
      <c r="AC9943" s="5" t="s">
        <v>44</v>
      </c>
      <c r="AD9943" s="2" t="s">
        <v>30419</v>
      </c>
      <c r="AE9943" s="1"/>
    </row>
    <row r="9944" spans="1:31" ht="14.45">
      <c r="A9944" s="11"/>
      <c r="B9944" s="20"/>
      <c r="C9944" s="2" t="s">
        <v>30574</v>
      </c>
      <c r="D9944" s="14" t="s">
        <v>30575</v>
      </c>
      <c r="E9944" s="2" t="s">
        <v>30576</v>
      </c>
      <c r="F9944" s="2" t="s">
        <v>30431</v>
      </c>
      <c r="G9944" s="8">
        <v>164</v>
      </c>
      <c r="H9944" s="5">
        <v>5</v>
      </c>
      <c r="I9944" s="5" t="s">
        <v>69</v>
      </c>
      <c r="J9944" s="5" t="s">
        <v>27074</v>
      </c>
      <c r="K9944" s="2" t="s">
        <v>27075</v>
      </c>
      <c r="L9944" s="5" t="s">
        <v>27074</v>
      </c>
      <c r="M9944" s="2" t="s">
        <v>27075</v>
      </c>
      <c r="N9944" s="5" t="s">
        <v>24254</v>
      </c>
      <c r="O9944" s="5" t="s">
        <v>38</v>
      </c>
      <c r="P9944" s="5" t="s">
        <v>39</v>
      </c>
      <c r="Q9944" s="5" t="s">
        <v>40</v>
      </c>
      <c r="R9944" s="5" t="s">
        <v>24335</v>
      </c>
      <c r="S9944" s="5" t="s">
        <v>40</v>
      </c>
      <c r="T9944" s="5" t="s">
        <v>42</v>
      </c>
      <c r="U9944" s="2">
        <v>6.0350000000000001</v>
      </c>
      <c r="V9944" s="2">
        <v>4.5380000000000003</v>
      </c>
      <c r="W9944" s="2">
        <v>8.3000000000000004E-2</v>
      </c>
      <c r="X9944" s="2">
        <v>12</v>
      </c>
      <c r="Y9944" s="2">
        <v>50</v>
      </c>
      <c r="Z9944" s="2">
        <v>137.9</v>
      </c>
      <c r="AA9944" s="5">
        <v>10</v>
      </c>
      <c r="AB9944" s="5" t="s">
        <v>43</v>
      </c>
      <c r="AC9944" s="5" t="s">
        <v>44</v>
      </c>
      <c r="AD9944" s="2" t="s">
        <v>30432</v>
      </c>
      <c r="AE9944" s="1"/>
    </row>
    <row r="9945" spans="1:31" ht="14.45">
      <c r="A9945" s="11"/>
      <c r="B9945" s="20"/>
      <c r="C9945" s="2" t="s">
        <v>30577</v>
      </c>
      <c r="D9945" s="14" t="s">
        <v>30578</v>
      </c>
      <c r="E9945" s="2" t="s">
        <v>30579</v>
      </c>
      <c r="F9945" s="2" t="s">
        <v>30440</v>
      </c>
      <c r="G9945" s="8">
        <v>164</v>
      </c>
      <c r="H9945" s="5">
        <v>5</v>
      </c>
      <c r="I9945" s="5" t="s">
        <v>69</v>
      </c>
      <c r="J9945" s="5" t="s">
        <v>27074</v>
      </c>
      <c r="K9945" s="2" t="s">
        <v>27075</v>
      </c>
      <c r="L9945" s="5" t="s">
        <v>27074</v>
      </c>
      <c r="M9945" s="2" t="s">
        <v>27075</v>
      </c>
      <c r="N9945" s="5" t="s">
        <v>24254</v>
      </c>
      <c r="O9945" s="5" t="s">
        <v>38</v>
      </c>
      <c r="P9945" s="5" t="s">
        <v>39</v>
      </c>
      <c r="Q9945" s="5" t="s">
        <v>40</v>
      </c>
      <c r="R9945" s="5" t="s">
        <v>24335</v>
      </c>
      <c r="S9945" s="5" t="s">
        <v>40</v>
      </c>
      <c r="T9945" s="5" t="s">
        <v>42</v>
      </c>
      <c r="U9945" s="2">
        <v>4.8159999999999998</v>
      </c>
      <c r="V9945" s="2">
        <v>3.319</v>
      </c>
      <c r="W9945" s="2">
        <v>8.3000000000000004E-2</v>
      </c>
      <c r="X9945" s="2">
        <v>12</v>
      </c>
      <c r="Y9945" s="2">
        <v>50</v>
      </c>
      <c r="Z9945" s="2">
        <v>137.9</v>
      </c>
      <c r="AA9945" s="5">
        <v>10</v>
      </c>
      <c r="AB9945" s="5" t="s">
        <v>43</v>
      </c>
      <c r="AC9945" s="5" t="s">
        <v>44</v>
      </c>
      <c r="AD9945" s="2" t="s">
        <v>30441</v>
      </c>
      <c r="AE9945" s="1"/>
    </row>
    <row r="9946" spans="1:31" ht="14.45">
      <c r="A9946" s="11"/>
      <c r="B9946" s="20"/>
      <c r="C9946" s="2" t="s">
        <v>30580</v>
      </c>
      <c r="D9946" s="14" t="s">
        <v>30581</v>
      </c>
      <c r="E9946" s="2" t="s">
        <v>30582</v>
      </c>
      <c r="F9946" s="2" t="s">
        <v>30449</v>
      </c>
      <c r="G9946" s="8">
        <v>164</v>
      </c>
      <c r="H9946" s="5">
        <v>5</v>
      </c>
      <c r="I9946" s="5" t="s">
        <v>69</v>
      </c>
      <c r="J9946" s="5" t="s">
        <v>27074</v>
      </c>
      <c r="K9946" s="2" t="s">
        <v>27075</v>
      </c>
      <c r="L9946" s="5" t="s">
        <v>27074</v>
      </c>
      <c r="M9946" s="2" t="s">
        <v>27075</v>
      </c>
      <c r="N9946" s="5" t="s">
        <v>24254</v>
      </c>
      <c r="O9946" s="5" t="s">
        <v>38</v>
      </c>
      <c r="P9946" s="5" t="s">
        <v>39</v>
      </c>
      <c r="Q9946" s="5" t="s">
        <v>40</v>
      </c>
      <c r="R9946" s="5" t="s">
        <v>24335</v>
      </c>
      <c r="S9946" s="5" t="s">
        <v>40</v>
      </c>
      <c r="T9946" s="5" t="s">
        <v>42</v>
      </c>
      <c r="U9946" s="2">
        <v>5.6470000000000002</v>
      </c>
      <c r="V9946" s="2">
        <v>3.9510000000000001</v>
      </c>
      <c r="W9946" s="2">
        <v>9.2999999999999999E-2</v>
      </c>
      <c r="X9946" s="2">
        <v>12</v>
      </c>
      <c r="Y9946" s="2">
        <v>50</v>
      </c>
      <c r="Z9946" s="2">
        <v>154.4</v>
      </c>
      <c r="AA9946" s="5">
        <v>10</v>
      </c>
      <c r="AB9946" s="5" t="s">
        <v>43</v>
      </c>
      <c r="AC9946" s="5" t="s">
        <v>44</v>
      </c>
      <c r="AD9946" s="2" t="s">
        <v>30441</v>
      </c>
      <c r="AE9946" s="1"/>
    </row>
    <row r="9947" spans="1:31" ht="14.45">
      <c r="A9947" s="11"/>
      <c r="B9947" s="20"/>
      <c r="C9947" s="2" t="s">
        <v>30583</v>
      </c>
      <c r="D9947" s="14" t="s">
        <v>30584</v>
      </c>
      <c r="E9947" s="2" t="s">
        <v>30585</v>
      </c>
      <c r="F9947" s="2" t="s">
        <v>30449</v>
      </c>
      <c r="G9947" s="8">
        <v>164</v>
      </c>
      <c r="H9947" s="5">
        <v>5</v>
      </c>
      <c r="I9947" s="5" t="s">
        <v>69</v>
      </c>
      <c r="J9947" s="5" t="s">
        <v>27074</v>
      </c>
      <c r="K9947" s="2" t="s">
        <v>27075</v>
      </c>
      <c r="L9947" s="5" t="s">
        <v>27074</v>
      </c>
      <c r="M9947" s="2" t="s">
        <v>27075</v>
      </c>
      <c r="N9947" s="5" t="s">
        <v>24254</v>
      </c>
      <c r="O9947" s="5" t="s">
        <v>38</v>
      </c>
      <c r="P9947" s="5" t="s">
        <v>39</v>
      </c>
      <c r="Q9947" s="5" t="s">
        <v>40</v>
      </c>
      <c r="R9947" s="5" t="s">
        <v>24335</v>
      </c>
      <c r="S9947" s="5" t="s">
        <v>40</v>
      </c>
      <c r="T9947" s="5" t="s">
        <v>42</v>
      </c>
      <c r="U9947" s="2">
        <v>5.8920000000000003</v>
      </c>
      <c r="V9947" s="2">
        <v>4.1959999999999997</v>
      </c>
      <c r="W9947" s="2">
        <v>9.2999999999999999E-2</v>
      </c>
      <c r="X9947" s="2">
        <v>12</v>
      </c>
      <c r="Y9947" s="2">
        <v>50</v>
      </c>
      <c r="Z9947" s="2">
        <v>154.4</v>
      </c>
      <c r="AA9947" s="5">
        <v>10</v>
      </c>
      <c r="AB9947" s="5" t="s">
        <v>43</v>
      </c>
      <c r="AC9947" s="5" t="s">
        <v>44</v>
      </c>
      <c r="AD9947" s="2" t="s">
        <v>30445</v>
      </c>
      <c r="AE9947" s="1"/>
    </row>
    <row r="9948" spans="1:31" ht="14.45">
      <c r="A9948" s="11"/>
      <c r="B9948" s="20"/>
      <c r="C9948" s="2" t="s">
        <v>30586</v>
      </c>
      <c r="D9948" s="14" t="s">
        <v>30587</v>
      </c>
      <c r="E9948" s="2" t="s">
        <v>30588</v>
      </c>
      <c r="F9948" s="2" t="s">
        <v>30456</v>
      </c>
      <c r="G9948" s="8">
        <v>298</v>
      </c>
      <c r="H9948" s="5">
        <v>5</v>
      </c>
      <c r="I9948" s="5" t="s">
        <v>69</v>
      </c>
      <c r="J9948" s="5" t="s">
        <v>27074</v>
      </c>
      <c r="K9948" s="2" t="s">
        <v>27075</v>
      </c>
      <c r="L9948" s="5" t="s">
        <v>27074</v>
      </c>
      <c r="M9948" s="2" t="s">
        <v>27075</v>
      </c>
      <c r="N9948" s="5" t="s">
        <v>24254</v>
      </c>
      <c r="O9948" s="5" t="s">
        <v>38</v>
      </c>
      <c r="P9948" s="5" t="s">
        <v>39</v>
      </c>
      <c r="Q9948" s="5" t="s">
        <v>40</v>
      </c>
      <c r="R9948" s="5" t="s">
        <v>24335</v>
      </c>
      <c r="S9948" s="5" t="s">
        <v>40</v>
      </c>
      <c r="T9948" s="5" t="s">
        <v>42</v>
      </c>
      <c r="U9948" s="2">
        <v>12.205</v>
      </c>
      <c r="V9948" s="2">
        <v>9.8810000000000002</v>
      </c>
      <c r="W9948" s="2">
        <v>0.14299999999999999</v>
      </c>
      <c r="X9948" s="2">
        <v>12</v>
      </c>
      <c r="Y9948" s="2">
        <v>77</v>
      </c>
      <c r="Z9948" s="2">
        <v>154.9</v>
      </c>
      <c r="AA9948" s="5">
        <v>8</v>
      </c>
      <c r="AB9948" s="5" t="s">
        <v>43</v>
      </c>
      <c r="AC9948" s="5" t="s">
        <v>44</v>
      </c>
      <c r="AD9948" s="2" t="s">
        <v>30457</v>
      </c>
      <c r="AE9948" s="1"/>
    </row>
    <row r="9949" spans="1:31" ht="14.45">
      <c r="A9949" s="11"/>
      <c r="B9949" s="20"/>
      <c r="C9949" s="2" t="s">
        <v>30589</v>
      </c>
      <c r="D9949" s="14" t="s">
        <v>30590</v>
      </c>
      <c r="E9949" s="2" t="s">
        <v>30591</v>
      </c>
      <c r="F9949" s="2" t="s">
        <v>30524</v>
      </c>
      <c r="G9949" s="8">
        <v>315</v>
      </c>
      <c r="H9949" s="5">
        <v>10</v>
      </c>
      <c r="I9949" s="5" t="s">
        <v>69</v>
      </c>
      <c r="J9949" s="5" t="s">
        <v>27074</v>
      </c>
      <c r="K9949" s="2" t="s">
        <v>27075</v>
      </c>
      <c r="L9949" s="5" t="s">
        <v>27074</v>
      </c>
      <c r="M9949" s="2" t="s">
        <v>27075</v>
      </c>
      <c r="N9949" s="5" t="s">
        <v>24254</v>
      </c>
      <c r="O9949" s="5" t="s">
        <v>38</v>
      </c>
      <c r="P9949" s="5" t="s">
        <v>39</v>
      </c>
      <c r="Q9949" s="5" t="s">
        <v>40</v>
      </c>
      <c r="R9949" s="5" t="s">
        <v>24340</v>
      </c>
      <c r="S9949" s="5" t="s">
        <v>40</v>
      </c>
      <c r="T9949" s="5" t="s">
        <v>42</v>
      </c>
      <c r="U9949" s="2">
        <v>15.518000000000001</v>
      </c>
      <c r="V9949" s="2">
        <v>13.976000000000001</v>
      </c>
      <c r="W9949" s="2">
        <v>8.3000000000000004E-2</v>
      </c>
      <c r="X9949" s="2">
        <v>12</v>
      </c>
      <c r="Y9949" s="2">
        <v>50</v>
      </c>
      <c r="Z9949" s="2">
        <v>137.9</v>
      </c>
      <c r="AA9949" s="5">
        <v>8</v>
      </c>
      <c r="AB9949" s="5" t="s">
        <v>43</v>
      </c>
      <c r="AC9949" s="5" t="s">
        <v>44</v>
      </c>
      <c r="AD9949" s="2" t="s">
        <v>30525</v>
      </c>
      <c r="AE9949" s="1"/>
    </row>
    <row r="9950" spans="1:31" ht="14.45">
      <c r="A9950" s="11"/>
      <c r="B9950" s="20"/>
      <c r="C9950" s="2" t="s">
        <v>30592</v>
      </c>
      <c r="D9950" s="14" t="s">
        <v>30593</v>
      </c>
      <c r="E9950" s="2" t="s">
        <v>30594</v>
      </c>
      <c r="F9950" s="2" t="s">
        <v>30595</v>
      </c>
      <c r="G9950" s="8">
        <v>315</v>
      </c>
      <c r="H9950" s="5">
        <v>10</v>
      </c>
      <c r="I9950" s="5" t="s">
        <v>69</v>
      </c>
      <c r="J9950" s="5" t="s">
        <v>27074</v>
      </c>
      <c r="K9950" s="2" t="s">
        <v>27075</v>
      </c>
      <c r="L9950" s="5" t="s">
        <v>27074</v>
      </c>
      <c r="M9950" s="2" t="s">
        <v>27075</v>
      </c>
      <c r="N9950" s="5" t="s">
        <v>24254</v>
      </c>
      <c r="O9950" s="5" t="s">
        <v>38</v>
      </c>
      <c r="P9950" s="5" t="s">
        <v>39</v>
      </c>
      <c r="Q9950" s="5" t="s">
        <v>40</v>
      </c>
      <c r="R9950" s="5" t="s">
        <v>24340</v>
      </c>
      <c r="S9950" s="5" t="s">
        <v>40</v>
      </c>
      <c r="T9950" s="5" t="s">
        <v>42</v>
      </c>
      <c r="U9950" s="2">
        <v>10.64</v>
      </c>
      <c r="V9950" s="2">
        <v>8.9830000000000005</v>
      </c>
      <c r="W9950" s="2">
        <v>9.2999999999999999E-2</v>
      </c>
      <c r="X9950" s="2">
        <v>12</v>
      </c>
      <c r="Y9950" s="2">
        <v>50</v>
      </c>
      <c r="Z9950" s="2">
        <v>154.4</v>
      </c>
      <c r="AA9950" s="5">
        <v>8</v>
      </c>
      <c r="AB9950" s="5" t="s">
        <v>43</v>
      </c>
      <c r="AC9950" s="5" t="s">
        <v>44</v>
      </c>
      <c r="AD9950" s="2" t="s">
        <v>30525</v>
      </c>
      <c r="AE9950" s="1"/>
    </row>
    <row r="9951" spans="1:31" ht="14.45">
      <c r="A9951" s="11"/>
      <c r="B9951" s="20"/>
      <c r="C9951" s="2" t="s">
        <v>30596</v>
      </c>
      <c r="D9951" s="14" t="s">
        <v>30597</v>
      </c>
      <c r="E9951" s="2" t="s">
        <v>30598</v>
      </c>
      <c r="F9951" s="2" t="s">
        <v>30529</v>
      </c>
      <c r="G9951" s="8">
        <v>315</v>
      </c>
      <c r="H9951" s="5">
        <v>10</v>
      </c>
      <c r="I9951" s="5" t="s">
        <v>69</v>
      </c>
      <c r="J9951" s="5" t="s">
        <v>27074</v>
      </c>
      <c r="K9951" s="2" t="s">
        <v>27075</v>
      </c>
      <c r="L9951" s="5" t="s">
        <v>27074</v>
      </c>
      <c r="M9951" s="2" t="s">
        <v>27075</v>
      </c>
      <c r="N9951" s="5" t="s">
        <v>24254</v>
      </c>
      <c r="O9951" s="5" t="s">
        <v>38</v>
      </c>
      <c r="P9951" s="5" t="s">
        <v>39</v>
      </c>
      <c r="Q9951" s="5" t="s">
        <v>40</v>
      </c>
      <c r="R9951" s="5" t="s">
        <v>24340</v>
      </c>
      <c r="S9951" s="5" t="s">
        <v>40</v>
      </c>
      <c r="T9951" s="5" t="s">
        <v>42</v>
      </c>
      <c r="U9951" s="2">
        <v>7.1840000000000002</v>
      </c>
      <c r="V9951" s="2">
        <v>5.7510000000000003</v>
      </c>
      <c r="W9951" s="2">
        <v>8.3000000000000004E-2</v>
      </c>
      <c r="X9951" s="2">
        <v>12</v>
      </c>
      <c r="Y9951" s="2">
        <v>50</v>
      </c>
      <c r="Z9951" s="2">
        <v>137.9</v>
      </c>
      <c r="AA9951" s="5">
        <v>8</v>
      </c>
      <c r="AB9951" s="5" t="s">
        <v>43</v>
      </c>
      <c r="AC9951" s="5" t="s">
        <v>44</v>
      </c>
      <c r="AD9951" s="2" t="s">
        <v>30525</v>
      </c>
      <c r="AE9951" s="1"/>
    </row>
    <row r="9952" spans="1:31" ht="14.45">
      <c r="A9952" s="11"/>
      <c r="B9952" s="20"/>
      <c r="C9952" s="2" t="s">
        <v>30599</v>
      </c>
      <c r="D9952" s="14" t="s">
        <v>30600</v>
      </c>
      <c r="E9952" s="2" t="s">
        <v>30601</v>
      </c>
      <c r="F9952" s="2" t="s">
        <v>30461</v>
      </c>
      <c r="G9952" s="8">
        <v>600</v>
      </c>
      <c r="H9952" s="5">
        <v>10</v>
      </c>
      <c r="I9952" s="5" t="s">
        <v>69</v>
      </c>
      <c r="J9952" s="5" t="s">
        <v>27074</v>
      </c>
      <c r="K9952" s="2" t="s">
        <v>27075</v>
      </c>
      <c r="L9952" s="5" t="s">
        <v>27074</v>
      </c>
      <c r="M9952" s="2" t="s">
        <v>27075</v>
      </c>
      <c r="N9952" s="5" t="s">
        <v>24254</v>
      </c>
      <c r="O9952" s="5" t="s">
        <v>38</v>
      </c>
      <c r="P9952" s="5" t="s">
        <v>39</v>
      </c>
      <c r="Q9952" s="5" t="s">
        <v>40</v>
      </c>
      <c r="R9952" s="5" t="s">
        <v>24340</v>
      </c>
      <c r="S9952" s="5" t="s">
        <v>40</v>
      </c>
      <c r="T9952" s="5" t="s">
        <v>42</v>
      </c>
      <c r="U9952" s="2">
        <v>22.042999999999999</v>
      </c>
      <c r="V9952" s="2">
        <v>19.707000000000001</v>
      </c>
      <c r="W9952" s="2">
        <v>0.14299999999999999</v>
      </c>
      <c r="X9952" s="2">
        <v>12</v>
      </c>
      <c r="Y9952" s="2">
        <v>77</v>
      </c>
      <c r="Z9952" s="2">
        <v>154.9</v>
      </c>
      <c r="AA9952" s="5">
        <v>8</v>
      </c>
      <c r="AB9952" s="5" t="s">
        <v>43</v>
      </c>
      <c r="AC9952" s="5" t="s">
        <v>44</v>
      </c>
      <c r="AD9952" s="2" t="s">
        <v>30462</v>
      </c>
      <c r="AE9952" s="1"/>
    </row>
    <row r="9953" spans="1:31" ht="14.45">
      <c r="A9953" s="11"/>
      <c r="B9953" s="20"/>
      <c r="C9953" s="2" t="s">
        <v>30602</v>
      </c>
      <c r="D9953" s="14" t="s">
        <v>30603</v>
      </c>
      <c r="E9953" s="2" t="s">
        <v>30604</v>
      </c>
      <c r="F9953" s="2" t="s">
        <v>30466</v>
      </c>
      <c r="G9953" s="8">
        <v>632</v>
      </c>
      <c r="H9953" s="5">
        <v>5</v>
      </c>
      <c r="I9953" s="5" t="s">
        <v>69</v>
      </c>
      <c r="J9953" s="5" t="s">
        <v>27074</v>
      </c>
      <c r="K9953" s="2" t="s">
        <v>27075</v>
      </c>
      <c r="L9953" s="5" t="s">
        <v>27074</v>
      </c>
      <c r="M9953" s="2" t="s">
        <v>27075</v>
      </c>
      <c r="N9953" s="5" t="s">
        <v>24254</v>
      </c>
      <c r="O9953" s="5" t="s">
        <v>38</v>
      </c>
      <c r="P9953" s="5" t="s">
        <v>39</v>
      </c>
      <c r="Q9953" s="5" t="s">
        <v>40</v>
      </c>
      <c r="R9953" s="5" t="s">
        <v>1487</v>
      </c>
      <c r="S9953" s="5"/>
      <c r="T9953" s="5" t="s">
        <v>42</v>
      </c>
      <c r="U9953" s="2">
        <v>0</v>
      </c>
      <c r="V9953" s="2">
        <v>0</v>
      </c>
      <c r="W9953" s="2">
        <v>0</v>
      </c>
      <c r="X9953" s="2">
        <v>0</v>
      </c>
      <c r="Y9953" s="2">
        <v>0</v>
      </c>
      <c r="Z9953" s="2">
        <v>0</v>
      </c>
      <c r="AA9953" s="5"/>
      <c r="AB9953" s="5" t="s">
        <v>43</v>
      </c>
      <c r="AC9953" s="5" t="s">
        <v>44</v>
      </c>
      <c r="AD9953" s="2" t="s">
        <v>30467</v>
      </c>
      <c r="AE9953" s="1"/>
    </row>
    <row r="9954" spans="1:31" ht="14.45">
      <c r="A9954" s="11"/>
      <c r="B9954" s="20"/>
      <c r="C9954" s="2" t="s">
        <v>30605</v>
      </c>
      <c r="D9954" s="14" t="s">
        <v>30606</v>
      </c>
      <c r="E9954" s="2" t="s">
        <v>30607</v>
      </c>
      <c r="F9954" s="2" t="s">
        <v>30471</v>
      </c>
      <c r="G9954" s="8">
        <v>632</v>
      </c>
      <c r="H9954" s="5">
        <v>15</v>
      </c>
      <c r="I9954" s="5" t="s">
        <v>69</v>
      </c>
      <c r="J9954" s="5" t="s">
        <v>27074</v>
      </c>
      <c r="K9954" s="2" t="s">
        <v>27075</v>
      </c>
      <c r="L9954" s="5" t="s">
        <v>27074</v>
      </c>
      <c r="M9954" s="2" t="s">
        <v>27075</v>
      </c>
      <c r="N9954" s="5" t="s">
        <v>24254</v>
      </c>
      <c r="O9954" s="5" t="s">
        <v>38</v>
      </c>
      <c r="P9954" s="5" t="s">
        <v>39</v>
      </c>
      <c r="Q9954" s="5" t="s">
        <v>40</v>
      </c>
      <c r="R9954" s="5" t="s">
        <v>1487</v>
      </c>
      <c r="S9954" s="5"/>
      <c r="T9954" s="5" t="s">
        <v>42</v>
      </c>
      <c r="U9954" s="2">
        <v>0</v>
      </c>
      <c r="V9954" s="2">
        <v>0</v>
      </c>
      <c r="W9954" s="2">
        <v>0</v>
      </c>
      <c r="X9954" s="2">
        <v>0</v>
      </c>
      <c r="Y9954" s="2">
        <v>0</v>
      </c>
      <c r="Z9954" s="2">
        <v>0</v>
      </c>
      <c r="AA9954" s="5"/>
      <c r="AB9954" s="5" t="s">
        <v>43</v>
      </c>
      <c r="AC9954" s="5" t="s">
        <v>44</v>
      </c>
      <c r="AD9954" s="2" t="s">
        <v>30472</v>
      </c>
      <c r="AE9954" s="1"/>
    </row>
    <row r="9955" spans="1:31" ht="14.45">
      <c r="A9955" s="11"/>
      <c r="B9955" s="20"/>
      <c r="C9955" s="2" t="s">
        <v>30608</v>
      </c>
      <c r="D9955" s="14" t="s">
        <v>30609</v>
      </c>
      <c r="E9955" s="2" t="s">
        <v>30610</v>
      </c>
      <c r="F9955" s="2" t="s">
        <v>30476</v>
      </c>
      <c r="G9955" s="8">
        <v>1018</v>
      </c>
      <c r="H9955" s="5">
        <v>15</v>
      </c>
      <c r="I9955" s="5" t="s">
        <v>69</v>
      </c>
      <c r="J9955" s="5" t="s">
        <v>27074</v>
      </c>
      <c r="K9955" s="2" t="s">
        <v>27075</v>
      </c>
      <c r="L9955" s="5" t="s">
        <v>27074</v>
      </c>
      <c r="M9955" s="2" t="s">
        <v>27075</v>
      </c>
      <c r="N9955" s="5" t="s">
        <v>24254</v>
      </c>
      <c r="O9955" s="5" t="s">
        <v>38</v>
      </c>
      <c r="P9955" s="5" t="s">
        <v>39</v>
      </c>
      <c r="Q9955" s="5" t="s">
        <v>40</v>
      </c>
      <c r="R9955" s="5" t="s">
        <v>1487</v>
      </c>
      <c r="S9955" s="5"/>
      <c r="T9955" s="5" t="s">
        <v>42</v>
      </c>
      <c r="U9955" s="2">
        <v>0</v>
      </c>
      <c r="V9955" s="2">
        <v>0</v>
      </c>
      <c r="W9955" s="2">
        <v>0</v>
      </c>
      <c r="X9955" s="2">
        <v>0</v>
      </c>
      <c r="Y9955" s="2">
        <v>0</v>
      </c>
      <c r="Z9955" s="2">
        <v>0</v>
      </c>
      <c r="AA9955" s="5"/>
      <c r="AB9955" s="5" t="s">
        <v>43</v>
      </c>
      <c r="AC9955" s="5" t="s">
        <v>44</v>
      </c>
      <c r="AD9955" s="2" t="s">
        <v>30477</v>
      </c>
      <c r="AE9955" s="1"/>
    </row>
    <row r="9956" spans="1:31" ht="14.45">
      <c r="A9956" s="11"/>
      <c r="B9956" s="20"/>
      <c r="C9956" s="2" t="s">
        <v>30611</v>
      </c>
      <c r="D9956" s="14" t="s">
        <v>30612</v>
      </c>
      <c r="E9956" s="2" t="s">
        <v>30613</v>
      </c>
      <c r="F9956" s="2" t="s">
        <v>30481</v>
      </c>
      <c r="G9956" s="8">
        <v>1018</v>
      </c>
      <c r="H9956" s="5">
        <v>15</v>
      </c>
      <c r="I9956" s="5" t="s">
        <v>69</v>
      </c>
      <c r="J9956" s="5" t="s">
        <v>27074</v>
      </c>
      <c r="K9956" s="2" t="s">
        <v>27075</v>
      </c>
      <c r="L9956" s="5" t="s">
        <v>27074</v>
      </c>
      <c r="M9956" s="2" t="s">
        <v>27075</v>
      </c>
      <c r="N9956" s="5" t="s">
        <v>24254</v>
      </c>
      <c r="O9956" s="5" t="s">
        <v>38</v>
      </c>
      <c r="P9956" s="5" t="s">
        <v>39</v>
      </c>
      <c r="Q9956" s="5" t="s">
        <v>40</v>
      </c>
      <c r="R9956" s="5" t="s">
        <v>1487</v>
      </c>
      <c r="S9956" s="5"/>
      <c r="T9956" s="5" t="s">
        <v>42</v>
      </c>
      <c r="U9956" s="2">
        <v>0</v>
      </c>
      <c r="V9956" s="2">
        <v>0</v>
      </c>
      <c r="W9956" s="2">
        <v>0</v>
      </c>
      <c r="X9956" s="2">
        <v>0</v>
      </c>
      <c r="Y9956" s="2">
        <v>0</v>
      </c>
      <c r="Z9956" s="2">
        <v>0</v>
      </c>
      <c r="AA9956" s="5"/>
      <c r="AB9956" s="5" t="s">
        <v>43</v>
      </c>
      <c r="AC9956" s="5" t="s">
        <v>44</v>
      </c>
      <c r="AD9956" s="2" t="s">
        <v>30482</v>
      </c>
      <c r="AE9956" s="1"/>
    </row>
    <row r="9957" spans="1:31" ht="14.45">
      <c r="A9957" s="11"/>
      <c r="B9957" s="20"/>
      <c r="C9957" s="2" t="s">
        <v>30614</v>
      </c>
      <c r="D9957" s="14" t="s">
        <v>30615</v>
      </c>
      <c r="E9957" s="2" t="s">
        <v>30616</v>
      </c>
      <c r="F9957" s="2" t="s">
        <v>30486</v>
      </c>
      <c r="G9957" s="8">
        <v>934</v>
      </c>
      <c r="H9957" s="5">
        <v>10</v>
      </c>
      <c r="I9957" s="5" t="s">
        <v>69</v>
      </c>
      <c r="J9957" s="5" t="s">
        <v>27074</v>
      </c>
      <c r="K9957" s="2" t="s">
        <v>27075</v>
      </c>
      <c r="L9957" s="5" t="s">
        <v>27074</v>
      </c>
      <c r="M9957" s="2" t="s">
        <v>27075</v>
      </c>
      <c r="N9957" s="5" t="s">
        <v>24254</v>
      </c>
      <c r="O9957" s="5" t="s">
        <v>38</v>
      </c>
      <c r="P9957" s="5" t="s">
        <v>39</v>
      </c>
      <c r="Q9957" s="5" t="s">
        <v>40</v>
      </c>
      <c r="R9957" s="5" t="s">
        <v>1487</v>
      </c>
      <c r="S9957" s="5"/>
      <c r="T9957" s="5" t="s">
        <v>42</v>
      </c>
      <c r="U9957" s="2">
        <v>0</v>
      </c>
      <c r="V9957" s="2">
        <v>0</v>
      </c>
      <c r="W9957" s="2">
        <v>0</v>
      </c>
      <c r="X9957" s="2">
        <v>0</v>
      </c>
      <c r="Y9957" s="2">
        <v>0</v>
      </c>
      <c r="Z9957" s="2">
        <v>0</v>
      </c>
      <c r="AA9957" s="5"/>
      <c r="AB9957" s="5" t="s">
        <v>43</v>
      </c>
      <c r="AC9957" s="5" t="s">
        <v>44</v>
      </c>
      <c r="AD9957" s="2"/>
      <c r="AE9957" s="1"/>
    </row>
    <row r="9958" spans="1:31" ht="14.45">
      <c r="A9958" s="11"/>
      <c r="B9958" s="20"/>
      <c r="C9958" s="2" t="s">
        <v>30617</v>
      </c>
      <c r="D9958" s="14" t="s">
        <v>30618</v>
      </c>
      <c r="E9958" s="2" t="s">
        <v>30619</v>
      </c>
      <c r="F9958" s="2" t="s">
        <v>30490</v>
      </c>
      <c r="G9958" s="8">
        <v>934</v>
      </c>
      <c r="H9958" s="5">
        <v>15</v>
      </c>
      <c r="I9958" s="5" t="s">
        <v>69</v>
      </c>
      <c r="J9958" s="5" t="s">
        <v>27074</v>
      </c>
      <c r="K9958" s="2" t="s">
        <v>27075</v>
      </c>
      <c r="L9958" s="5" t="s">
        <v>27074</v>
      </c>
      <c r="M9958" s="2" t="s">
        <v>27075</v>
      </c>
      <c r="N9958" s="5" t="s">
        <v>24254</v>
      </c>
      <c r="O9958" s="5" t="s">
        <v>38</v>
      </c>
      <c r="P9958" s="5" t="s">
        <v>39</v>
      </c>
      <c r="Q9958" s="5" t="s">
        <v>40</v>
      </c>
      <c r="R9958" s="5" t="s">
        <v>1487</v>
      </c>
      <c r="S9958" s="5"/>
      <c r="T9958" s="5" t="s">
        <v>42</v>
      </c>
      <c r="U9958" s="2">
        <v>0</v>
      </c>
      <c r="V9958" s="2">
        <v>0</v>
      </c>
      <c r="W9958" s="2">
        <v>0</v>
      </c>
      <c r="X9958" s="2">
        <v>0</v>
      </c>
      <c r="Y9958" s="2">
        <v>0</v>
      </c>
      <c r="Z9958" s="2">
        <v>0</v>
      </c>
      <c r="AA9958" s="5"/>
      <c r="AB9958" s="5" t="s">
        <v>43</v>
      </c>
      <c r="AC9958" s="5" t="s">
        <v>44</v>
      </c>
      <c r="AD9958" s="2"/>
      <c r="AE9958" s="1"/>
    </row>
    <row r="9959" spans="1:31" ht="14.45">
      <c r="A9959" s="11"/>
      <c r="B9959" s="20"/>
      <c r="C9959" s="2" t="s">
        <v>30620</v>
      </c>
      <c r="D9959" s="14" t="s">
        <v>30621</v>
      </c>
      <c r="E9959" s="2" t="s">
        <v>30622</v>
      </c>
      <c r="F9959" s="2" t="s">
        <v>30418</v>
      </c>
      <c r="G9959" s="8">
        <v>164</v>
      </c>
      <c r="H9959" s="5">
        <v>10</v>
      </c>
      <c r="I9959" s="5" t="s">
        <v>69</v>
      </c>
      <c r="J9959" s="5" t="s">
        <v>27074</v>
      </c>
      <c r="K9959" s="2" t="s">
        <v>27075</v>
      </c>
      <c r="L9959" s="5" t="s">
        <v>27074</v>
      </c>
      <c r="M9959" s="2" t="s">
        <v>27075</v>
      </c>
      <c r="N9959" s="5" t="s">
        <v>24254</v>
      </c>
      <c r="O9959" s="5" t="s">
        <v>38</v>
      </c>
      <c r="P9959" s="5" t="s">
        <v>39</v>
      </c>
      <c r="Q9959" s="5" t="s">
        <v>40</v>
      </c>
      <c r="R9959" s="5" t="s">
        <v>24335</v>
      </c>
      <c r="S9959" s="5" t="s">
        <v>40</v>
      </c>
      <c r="T9959" s="5" t="s">
        <v>42</v>
      </c>
      <c r="U9959" s="2">
        <v>8.1159999999999997</v>
      </c>
      <c r="V9959" s="2">
        <v>6.5860000000000003</v>
      </c>
      <c r="W9959" s="2">
        <v>8.3000000000000004E-2</v>
      </c>
      <c r="X9959" s="2">
        <v>12</v>
      </c>
      <c r="Y9959" s="2">
        <v>50</v>
      </c>
      <c r="Z9959" s="2">
        <v>137.9</v>
      </c>
      <c r="AA9959" s="5">
        <v>8</v>
      </c>
      <c r="AB9959" s="5" t="s">
        <v>43</v>
      </c>
      <c r="AC9959" s="5" t="s">
        <v>44</v>
      </c>
      <c r="AD9959" s="2" t="s">
        <v>30419</v>
      </c>
      <c r="AE9959" s="1"/>
    </row>
    <row r="9960" spans="1:31" ht="14.45">
      <c r="A9960" s="11"/>
      <c r="B9960" s="20"/>
      <c r="C9960" s="2" t="s">
        <v>30623</v>
      </c>
      <c r="D9960" s="14" t="s">
        <v>30624</v>
      </c>
      <c r="E9960" s="2" t="s">
        <v>30625</v>
      </c>
      <c r="F9960" s="2" t="s">
        <v>30423</v>
      </c>
      <c r="G9960" s="8">
        <v>164</v>
      </c>
      <c r="H9960" s="5">
        <v>5</v>
      </c>
      <c r="I9960" s="5" t="s">
        <v>69</v>
      </c>
      <c r="J9960" s="5" t="s">
        <v>27074</v>
      </c>
      <c r="K9960" s="2" t="s">
        <v>27075</v>
      </c>
      <c r="L9960" s="5" t="s">
        <v>27074</v>
      </c>
      <c r="M9960" s="2" t="s">
        <v>27075</v>
      </c>
      <c r="N9960" s="5" t="s">
        <v>24254</v>
      </c>
      <c r="O9960" s="5" t="s">
        <v>38</v>
      </c>
      <c r="P9960" s="5" t="s">
        <v>39</v>
      </c>
      <c r="Q9960" s="5" t="s">
        <v>40</v>
      </c>
      <c r="R9960" s="5" t="s">
        <v>24335</v>
      </c>
      <c r="S9960" s="5" t="s">
        <v>40</v>
      </c>
      <c r="T9960" s="5" t="s">
        <v>42</v>
      </c>
      <c r="U9960" s="2">
        <v>6.1449999999999996</v>
      </c>
      <c r="V9960" s="2">
        <v>4.3639999999999999</v>
      </c>
      <c r="W9960" s="2">
        <v>8.3000000000000004E-2</v>
      </c>
      <c r="X9960" s="2">
        <v>12</v>
      </c>
      <c r="Y9960" s="2">
        <v>50</v>
      </c>
      <c r="Z9960" s="2">
        <v>137.9</v>
      </c>
      <c r="AA9960" s="5">
        <v>8</v>
      </c>
      <c r="AB9960" s="5" t="s">
        <v>43</v>
      </c>
      <c r="AC9960" s="5" t="s">
        <v>44</v>
      </c>
      <c r="AD9960" s="2" t="s">
        <v>30419</v>
      </c>
      <c r="AE9960" s="1"/>
    </row>
    <row r="9961" spans="1:31" ht="14.45">
      <c r="A9961" s="11"/>
      <c r="B9961" s="20"/>
      <c r="C9961" s="2" t="s">
        <v>30626</v>
      </c>
      <c r="D9961" s="14" t="s">
        <v>30627</v>
      </c>
      <c r="E9961" s="2" t="s">
        <v>30628</v>
      </c>
      <c r="F9961" s="2" t="s">
        <v>30427</v>
      </c>
      <c r="G9961" s="8">
        <v>164</v>
      </c>
      <c r="H9961" s="5">
        <v>10</v>
      </c>
      <c r="I9961" s="5" t="s">
        <v>69</v>
      </c>
      <c r="J9961" s="5" t="s">
        <v>27074</v>
      </c>
      <c r="K9961" s="2" t="s">
        <v>27075</v>
      </c>
      <c r="L9961" s="5" t="s">
        <v>27074</v>
      </c>
      <c r="M9961" s="2" t="s">
        <v>27075</v>
      </c>
      <c r="N9961" s="5" t="s">
        <v>24254</v>
      </c>
      <c r="O9961" s="5" t="s">
        <v>38</v>
      </c>
      <c r="P9961" s="5" t="s">
        <v>39</v>
      </c>
      <c r="Q9961" s="5" t="s">
        <v>40</v>
      </c>
      <c r="R9961" s="5" t="s">
        <v>24335</v>
      </c>
      <c r="S9961" s="5" t="s">
        <v>40</v>
      </c>
      <c r="T9961" s="5" t="s">
        <v>42</v>
      </c>
      <c r="U9961" s="2">
        <v>4.6459999999999999</v>
      </c>
      <c r="V9961" s="2">
        <v>3.2130000000000001</v>
      </c>
      <c r="W9961" s="2">
        <v>8.3000000000000004E-2</v>
      </c>
      <c r="X9961" s="2">
        <v>12</v>
      </c>
      <c r="Y9961" s="2">
        <v>50</v>
      </c>
      <c r="Z9961" s="2">
        <v>137.9</v>
      </c>
      <c r="AA9961" s="5">
        <v>8</v>
      </c>
      <c r="AB9961" s="5" t="s">
        <v>43</v>
      </c>
      <c r="AC9961" s="5" t="s">
        <v>44</v>
      </c>
      <c r="AD9961" s="2" t="s">
        <v>30419</v>
      </c>
      <c r="AE9961" s="1"/>
    </row>
    <row r="9962" spans="1:31" ht="14.45">
      <c r="A9962" s="11"/>
      <c r="B9962" s="20"/>
      <c r="C9962" s="2" t="s">
        <v>30629</v>
      </c>
      <c r="D9962" s="14" t="s">
        <v>30630</v>
      </c>
      <c r="E9962" s="2" t="s">
        <v>30631</v>
      </c>
      <c r="F9962" s="2" t="s">
        <v>30431</v>
      </c>
      <c r="G9962" s="8">
        <v>164</v>
      </c>
      <c r="H9962" s="5">
        <v>5</v>
      </c>
      <c r="I9962" s="5" t="s">
        <v>69</v>
      </c>
      <c r="J9962" s="5" t="s">
        <v>27074</v>
      </c>
      <c r="K9962" s="2" t="s">
        <v>27075</v>
      </c>
      <c r="L9962" s="5" t="s">
        <v>27074</v>
      </c>
      <c r="M9962" s="2" t="s">
        <v>27075</v>
      </c>
      <c r="N9962" s="5" t="s">
        <v>24254</v>
      </c>
      <c r="O9962" s="5" t="s">
        <v>38</v>
      </c>
      <c r="P9962" s="5" t="s">
        <v>39</v>
      </c>
      <c r="Q9962" s="5" t="s">
        <v>40</v>
      </c>
      <c r="R9962" s="5" t="s">
        <v>24335</v>
      </c>
      <c r="S9962" s="5" t="s">
        <v>40</v>
      </c>
      <c r="T9962" s="5" t="s">
        <v>42</v>
      </c>
      <c r="U9962" s="2">
        <v>5.8609999999999998</v>
      </c>
      <c r="V9962" s="2">
        <v>4.0839999999999996</v>
      </c>
      <c r="W9962" s="2">
        <v>8.3000000000000004E-2</v>
      </c>
      <c r="X9962" s="2">
        <v>12</v>
      </c>
      <c r="Y9962" s="2">
        <v>50</v>
      </c>
      <c r="Z9962" s="2">
        <v>137.9</v>
      </c>
      <c r="AA9962" s="5">
        <v>10</v>
      </c>
      <c r="AB9962" s="5" t="s">
        <v>43</v>
      </c>
      <c r="AC9962" s="5" t="s">
        <v>44</v>
      </c>
      <c r="AD9962" s="2" t="s">
        <v>30432</v>
      </c>
      <c r="AE9962" s="1"/>
    </row>
    <row r="9963" spans="1:31" ht="14.45">
      <c r="A9963" s="11"/>
      <c r="B9963" s="20"/>
      <c r="C9963" s="2" t="s">
        <v>30632</v>
      </c>
      <c r="D9963" s="14" t="s">
        <v>30633</v>
      </c>
      <c r="E9963" s="2" t="s">
        <v>30634</v>
      </c>
      <c r="F9963" s="2" t="s">
        <v>30440</v>
      </c>
      <c r="G9963" s="8">
        <v>164</v>
      </c>
      <c r="H9963" s="5">
        <v>5</v>
      </c>
      <c r="I9963" s="5" t="s">
        <v>69</v>
      </c>
      <c r="J9963" s="5" t="s">
        <v>27074</v>
      </c>
      <c r="K9963" s="2" t="s">
        <v>27075</v>
      </c>
      <c r="L9963" s="5" t="s">
        <v>27074</v>
      </c>
      <c r="M9963" s="2" t="s">
        <v>27075</v>
      </c>
      <c r="N9963" s="5" t="s">
        <v>24254</v>
      </c>
      <c r="O9963" s="5" t="s">
        <v>38</v>
      </c>
      <c r="P9963" s="5" t="s">
        <v>39</v>
      </c>
      <c r="Q9963" s="5" t="s">
        <v>40</v>
      </c>
      <c r="R9963" s="5" t="s">
        <v>24335</v>
      </c>
      <c r="S9963" s="5" t="s">
        <v>40</v>
      </c>
      <c r="T9963" s="5" t="s">
        <v>42</v>
      </c>
      <c r="U9963" s="2">
        <v>4.7290000000000001</v>
      </c>
      <c r="V9963" s="2">
        <v>2.952</v>
      </c>
      <c r="W9963" s="2">
        <v>8.3000000000000004E-2</v>
      </c>
      <c r="X9963" s="2">
        <v>12</v>
      </c>
      <c r="Y9963" s="2">
        <v>50</v>
      </c>
      <c r="Z9963" s="2">
        <v>137.9</v>
      </c>
      <c r="AA9963" s="5">
        <v>10</v>
      </c>
      <c r="AB9963" s="5" t="s">
        <v>43</v>
      </c>
      <c r="AC9963" s="5" t="s">
        <v>44</v>
      </c>
      <c r="AD9963" s="2" t="s">
        <v>30441</v>
      </c>
      <c r="AE9963" s="1"/>
    </row>
    <row r="9964" spans="1:31" ht="14.45">
      <c r="A9964" s="11"/>
      <c r="B9964" s="20"/>
      <c r="C9964" s="2" t="s">
        <v>30635</v>
      </c>
      <c r="D9964" s="14" t="s">
        <v>30636</v>
      </c>
      <c r="E9964" s="2" t="s">
        <v>30637</v>
      </c>
      <c r="F9964" s="2" t="s">
        <v>30449</v>
      </c>
      <c r="G9964" s="8">
        <v>164</v>
      </c>
      <c r="H9964" s="5">
        <v>5</v>
      </c>
      <c r="I9964" s="5" t="s">
        <v>69</v>
      </c>
      <c r="J9964" s="5" t="s">
        <v>27074</v>
      </c>
      <c r="K9964" s="2" t="s">
        <v>27075</v>
      </c>
      <c r="L9964" s="5" t="s">
        <v>27074</v>
      </c>
      <c r="M9964" s="2" t="s">
        <v>27075</v>
      </c>
      <c r="N9964" s="5" t="s">
        <v>24254</v>
      </c>
      <c r="O9964" s="5" t="s">
        <v>38</v>
      </c>
      <c r="P9964" s="5" t="s">
        <v>39</v>
      </c>
      <c r="Q9964" s="5" t="s">
        <v>40</v>
      </c>
      <c r="R9964" s="5" t="s">
        <v>24335</v>
      </c>
      <c r="S9964" s="5" t="s">
        <v>40</v>
      </c>
      <c r="T9964" s="5" t="s">
        <v>42</v>
      </c>
      <c r="U9964" s="2">
        <v>5.5149999999999997</v>
      </c>
      <c r="V9964" s="2">
        <v>3.6840000000000002</v>
      </c>
      <c r="W9964" s="2">
        <v>8.3000000000000004E-2</v>
      </c>
      <c r="X9964" s="2">
        <v>12</v>
      </c>
      <c r="Y9964" s="2">
        <v>50</v>
      </c>
      <c r="Z9964" s="2">
        <v>137.9</v>
      </c>
      <c r="AA9964" s="5">
        <v>10</v>
      </c>
      <c r="AB9964" s="5" t="s">
        <v>43</v>
      </c>
      <c r="AC9964" s="5" t="s">
        <v>44</v>
      </c>
      <c r="AD9964" s="2" t="s">
        <v>30441</v>
      </c>
      <c r="AE9964" s="1"/>
    </row>
    <row r="9965" spans="1:31" ht="14.45">
      <c r="A9965" s="11"/>
      <c r="B9965" s="20"/>
      <c r="C9965" s="2" t="s">
        <v>30638</v>
      </c>
      <c r="D9965" s="14" t="s">
        <v>30639</v>
      </c>
      <c r="E9965" s="2" t="s">
        <v>30640</v>
      </c>
      <c r="F9965" s="2" t="s">
        <v>30456</v>
      </c>
      <c r="G9965" s="8">
        <v>298</v>
      </c>
      <c r="H9965" s="5">
        <v>5</v>
      </c>
      <c r="I9965" s="5" t="s">
        <v>69</v>
      </c>
      <c r="J9965" s="5" t="s">
        <v>27074</v>
      </c>
      <c r="K9965" s="2" t="s">
        <v>27075</v>
      </c>
      <c r="L9965" s="5" t="s">
        <v>27074</v>
      </c>
      <c r="M9965" s="2" t="s">
        <v>27075</v>
      </c>
      <c r="N9965" s="5" t="s">
        <v>24254</v>
      </c>
      <c r="O9965" s="5" t="s">
        <v>38</v>
      </c>
      <c r="P9965" s="5" t="s">
        <v>39</v>
      </c>
      <c r="Q9965" s="5" t="s">
        <v>40</v>
      </c>
      <c r="R9965" s="5" t="s">
        <v>24335</v>
      </c>
      <c r="S9965" s="5" t="s">
        <v>40</v>
      </c>
      <c r="T9965" s="5" t="s">
        <v>42</v>
      </c>
      <c r="U9965" s="2">
        <v>12.227</v>
      </c>
      <c r="V9965" s="2">
        <v>9.51</v>
      </c>
      <c r="W9965" s="2">
        <v>0.16</v>
      </c>
      <c r="X9965" s="2">
        <v>12</v>
      </c>
      <c r="Y9965" s="2">
        <v>77</v>
      </c>
      <c r="Z9965" s="2">
        <v>173.4</v>
      </c>
      <c r="AA9965" s="5">
        <v>8</v>
      </c>
      <c r="AB9965" s="5" t="s">
        <v>43</v>
      </c>
      <c r="AC9965" s="5" t="s">
        <v>44</v>
      </c>
      <c r="AD9965" s="2" t="s">
        <v>30457</v>
      </c>
      <c r="AE9965" s="1"/>
    </row>
    <row r="9966" spans="1:31" ht="14.45">
      <c r="A9966" s="11"/>
      <c r="B9966" s="20"/>
      <c r="C9966" s="2" t="s">
        <v>30641</v>
      </c>
      <c r="D9966" s="14" t="s">
        <v>30642</v>
      </c>
      <c r="E9966" s="2" t="s">
        <v>30643</v>
      </c>
      <c r="F9966" s="2" t="s">
        <v>30524</v>
      </c>
      <c r="G9966" s="8">
        <v>315</v>
      </c>
      <c r="H9966" s="5">
        <v>10</v>
      </c>
      <c r="I9966" s="5" t="s">
        <v>69</v>
      </c>
      <c r="J9966" s="5" t="s">
        <v>27074</v>
      </c>
      <c r="K9966" s="2" t="s">
        <v>27075</v>
      </c>
      <c r="L9966" s="5" t="s">
        <v>27074</v>
      </c>
      <c r="M9966" s="2" t="s">
        <v>27075</v>
      </c>
      <c r="N9966" s="5" t="s">
        <v>24254</v>
      </c>
      <c r="O9966" s="5" t="s">
        <v>38</v>
      </c>
      <c r="P9966" s="5" t="s">
        <v>39</v>
      </c>
      <c r="Q9966" s="5" t="s">
        <v>40</v>
      </c>
      <c r="R9966" s="5" t="s">
        <v>24340</v>
      </c>
      <c r="S9966" s="5" t="s">
        <v>40</v>
      </c>
      <c r="T9966" s="5" t="s">
        <v>42</v>
      </c>
      <c r="U9966" s="2">
        <v>14.858000000000001</v>
      </c>
      <c r="V9966" s="2">
        <v>13.316000000000001</v>
      </c>
      <c r="W9966" s="2">
        <v>8.3000000000000004E-2</v>
      </c>
      <c r="X9966" s="2">
        <v>12</v>
      </c>
      <c r="Y9966" s="2">
        <v>50</v>
      </c>
      <c r="Z9966" s="2">
        <v>137.9</v>
      </c>
      <c r="AA9966" s="5">
        <v>8</v>
      </c>
      <c r="AB9966" s="5" t="s">
        <v>43</v>
      </c>
      <c r="AC9966" s="5" t="s">
        <v>44</v>
      </c>
      <c r="AD9966" s="2" t="s">
        <v>30525</v>
      </c>
      <c r="AE9966" s="1"/>
    </row>
    <row r="9967" spans="1:31" ht="14.45">
      <c r="A9967" s="11"/>
      <c r="B9967" s="20"/>
      <c r="C9967" s="2" t="s">
        <v>30644</v>
      </c>
      <c r="D9967" s="14" t="s">
        <v>30645</v>
      </c>
      <c r="E9967" s="2" t="s">
        <v>30646</v>
      </c>
      <c r="F9967" s="2" t="s">
        <v>30529</v>
      </c>
      <c r="G9967" s="8">
        <v>315</v>
      </c>
      <c r="H9967" s="5">
        <v>10</v>
      </c>
      <c r="I9967" s="5" t="s">
        <v>69</v>
      </c>
      <c r="J9967" s="5" t="s">
        <v>27074</v>
      </c>
      <c r="K9967" s="2" t="s">
        <v>27075</v>
      </c>
      <c r="L9967" s="5" t="s">
        <v>27074</v>
      </c>
      <c r="M9967" s="2" t="s">
        <v>27075</v>
      </c>
      <c r="N9967" s="5" t="s">
        <v>24254</v>
      </c>
      <c r="O9967" s="5" t="s">
        <v>38</v>
      </c>
      <c r="P9967" s="5" t="s">
        <v>39</v>
      </c>
      <c r="Q9967" s="5" t="s">
        <v>40</v>
      </c>
      <c r="R9967" s="5" t="s">
        <v>24340</v>
      </c>
      <c r="S9967" s="5" t="s">
        <v>40</v>
      </c>
      <c r="T9967" s="5" t="s">
        <v>42</v>
      </c>
      <c r="U9967" s="2">
        <v>7.2359999999999998</v>
      </c>
      <c r="V9967" s="2">
        <v>5.8029999999999999</v>
      </c>
      <c r="W9967" s="2">
        <v>8.3000000000000004E-2</v>
      </c>
      <c r="X9967" s="2">
        <v>12</v>
      </c>
      <c r="Y9967" s="2">
        <v>50</v>
      </c>
      <c r="Z9967" s="2">
        <v>137.9</v>
      </c>
      <c r="AA9967" s="5">
        <v>8</v>
      </c>
      <c r="AB9967" s="5" t="s">
        <v>43</v>
      </c>
      <c r="AC9967" s="5" t="s">
        <v>44</v>
      </c>
      <c r="AD9967" s="2" t="s">
        <v>30525</v>
      </c>
      <c r="AE9967" s="1"/>
    </row>
    <row r="9968" spans="1:31" ht="14.45">
      <c r="A9968" s="11"/>
      <c r="B9968" s="20"/>
      <c r="C9968" s="2" t="s">
        <v>30647</v>
      </c>
      <c r="D9968" s="14" t="s">
        <v>30648</v>
      </c>
      <c r="E9968" s="2" t="s">
        <v>30649</v>
      </c>
      <c r="F9968" s="2" t="s">
        <v>30650</v>
      </c>
      <c r="G9968" s="8">
        <v>315</v>
      </c>
      <c r="H9968" s="5">
        <v>10</v>
      </c>
      <c r="I9968" s="5" t="s">
        <v>69</v>
      </c>
      <c r="J9968" s="5" t="s">
        <v>27074</v>
      </c>
      <c r="K9968" s="2" t="s">
        <v>27075</v>
      </c>
      <c r="L9968" s="5" t="s">
        <v>27074</v>
      </c>
      <c r="M9968" s="2" t="s">
        <v>27075</v>
      </c>
      <c r="N9968" s="5" t="s">
        <v>24254</v>
      </c>
      <c r="O9968" s="5" t="s">
        <v>38</v>
      </c>
      <c r="P9968" s="5" t="s">
        <v>39</v>
      </c>
      <c r="Q9968" s="5" t="s">
        <v>40</v>
      </c>
      <c r="R9968" s="5" t="s">
        <v>24340</v>
      </c>
      <c r="S9968" s="5" t="s">
        <v>40</v>
      </c>
      <c r="T9968" s="5" t="s">
        <v>42</v>
      </c>
      <c r="U9968" s="2">
        <v>10.198</v>
      </c>
      <c r="V9968" s="2">
        <v>8.6890000000000001</v>
      </c>
      <c r="W9968" s="2">
        <v>8.3000000000000004E-2</v>
      </c>
      <c r="X9968" s="2">
        <v>12</v>
      </c>
      <c r="Y9968" s="2">
        <v>50</v>
      </c>
      <c r="Z9968" s="2">
        <v>137.9</v>
      </c>
      <c r="AA9968" s="5">
        <v>10</v>
      </c>
      <c r="AB9968" s="5" t="s">
        <v>43</v>
      </c>
      <c r="AC9968" s="5" t="s">
        <v>44</v>
      </c>
      <c r="AD9968" s="2" t="s">
        <v>30651</v>
      </c>
      <c r="AE9968" s="1"/>
    </row>
    <row r="9969" spans="1:31" ht="14.45">
      <c r="A9969" s="11"/>
      <c r="B9969" s="20"/>
      <c r="C9969" s="2" t="s">
        <v>30652</v>
      </c>
      <c r="D9969" s="14" t="s">
        <v>30653</v>
      </c>
      <c r="E9969" s="2" t="s">
        <v>30654</v>
      </c>
      <c r="F9969" s="2" t="s">
        <v>30655</v>
      </c>
      <c r="G9969" s="8">
        <v>315</v>
      </c>
      <c r="H9969" s="5">
        <v>10</v>
      </c>
      <c r="I9969" s="5" t="s">
        <v>69</v>
      </c>
      <c r="J9969" s="5" t="s">
        <v>27074</v>
      </c>
      <c r="K9969" s="2" t="s">
        <v>27075</v>
      </c>
      <c r="L9969" s="5" t="s">
        <v>27074</v>
      </c>
      <c r="M9969" s="2" t="s">
        <v>27075</v>
      </c>
      <c r="N9969" s="5" t="s">
        <v>24254</v>
      </c>
      <c r="O9969" s="5" t="s">
        <v>38</v>
      </c>
      <c r="P9969" s="5" t="s">
        <v>39</v>
      </c>
      <c r="Q9969" s="5" t="s">
        <v>40</v>
      </c>
      <c r="R9969" s="5" t="s">
        <v>24340</v>
      </c>
      <c r="S9969" s="5" t="s">
        <v>40</v>
      </c>
      <c r="T9969" s="5" t="s">
        <v>42</v>
      </c>
      <c r="U9969" s="2">
        <v>6.8959999999999999</v>
      </c>
      <c r="V9969" s="2">
        <v>5.3869999999999996</v>
      </c>
      <c r="W9969" s="2">
        <v>8.3000000000000004E-2</v>
      </c>
      <c r="X9969" s="2">
        <v>12</v>
      </c>
      <c r="Y9969" s="2">
        <v>50</v>
      </c>
      <c r="Z9969" s="2">
        <v>137.9</v>
      </c>
      <c r="AA9969" s="5">
        <v>10</v>
      </c>
      <c r="AB9969" s="5" t="s">
        <v>43</v>
      </c>
      <c r="AC9969" s="5" t="s">
        <v>44</v>
      </c>
      <c r="AD9969" s="2" t="s">
        <v>30656</v>
      </c>
      <c r="AE9969" s="1"/>
    </row>
    <row r="9970" spans="1:31" ht="14.45">
      <c r="A9970" s="11"/>
      <c r="B9970" s="20"/>
      <c r="C9970" s="2" t="s">
        <v>30657</v>
      </c>
      <c r="D9970" s="14" t="s">
        <v>30658</v>
      </c>
      <c r="E9970" s="2" t="s">
        <v>30659</v>
      </c>
      <c r="F9970" s="2" t="s">
        <v>30533</v>
      </c>
      <c r="G9970" s="8">
        <v>315</v>
      </c>
      <c r="H9970" s="5">
        <v>10</v>
      </c>
      <c r="I9970" s="5" t="s">
        <v>69</v>
      </c>
      <c r="J9970" s="5" t="s">
        <v>27074</v>
      </c>
      <c r="K9970" s="2" t="s">
        <v>27075</v>
      </c>
      <c r="L9970" s="5" t="s">
        <v>27074</v>
      </c>
      <c r="M9970" s="2" t="s">
        <v>27075</v>
      </c>
      <c r="N9970" s="5" t="s">
        <v>24254</v>
      </c>
      <c r="O9970" s="5" t="s">
        <v>38</v>
      </c>
      <c r="P9970" s="5" t="s">
        <v>39</v>
      </c>
      <c r="Q9970" s="5" t="s">
        <v>40</v>
      </c>
      <c r="R9970" s="5" t="s">
        <v>24340</v>
      </c>
      <c r="S9970" s="5" t="s">
        <v>40</v>
      </c>
      <c r="T9970" s="5" t="s">
        <v>42</v>
      </c>
      <c r="U9970" s="2">
        <v>9.3829999999999991</v>
      </c>
      <c r="V9970" s="2">
        <v>7.8079999999999998</v>
      </c>
      <c r="W9970" s="2">
        <v>8.3000000000000004E-2</v>
      </c>
      <c r="X9970" s="2">
        <v>12</v>
      </c>
      <c r="Y9970" s="2">
        <v>50</v>
      </c>
      <c r="Z9970" s="2">
        <v>137.9</v>
      </c>
      <c r="AA9970" s="5">
        <v>10</v>
      </c>
      <c r="AB9970" s="5" t="s">
        <v>43</v>
      </c>
      <c r="AC9970" s="5" t="s">
        <v>44</v>
      </c>
      <c r="AD9970" s="2" t="s">
        <v>30656</v>
      </c>
      <c r="AE9970" s="1"/>
    </row>
    <row r="9971" spans="1:31" ht="14.45">
      <c r="A9971" s="11"/>
      <c r="B9971" s="20"/>
      <c r="C9971" s="2" t="s">
        <v>30660</v>
      </c>
      <c r="D9971" s="14" t="s">
        <v>30661</v>
      </c>
      <c r="E9971" s="2" t="s">
        <v>30662</v>
      </c>
      <c r="F9971" s="2" t="s">
        <v>30461</v>
      </c>
      <c r="G9971" s="8">
        <v>600</v>
      </c>
      <c r="H9971" s="5">
        <v>10</v>
      </c>
      <c r="I9971" s="5" t="s">
        <v>69</v>
      </c>
      <c r="J9971" s="5" t="s">
        <v>27074</v>
      </c>
      <c r="K9971" s="2" t="s">
        <v>27075</v>
      </c>
      <c r="L9971" s="5" t="s">
        <v>27074</v>
      </c>
      <c r="M9971" s="2" t="s">
        <v>27075</v>
      </c>
      <c r="N9971" s="5" t="s">
        <v>24254</v>
      </c>
      <c r="O9971" s="5" t="s">
        <v>38</v>
      </c>
      <c r="P9971" s="5" t="s">
        <v>39</v>
      </c>
      <c r="Q9971" s="5" t="s">
        <v>40</v>
      </c>
      <c r="R9971" s="5" t="s">
        <v>24340</v>
      </c>
      <c r="S9971" s="5" t="s">
        <v>40</v>
      </c>
      <c r="T9971" s="5" t="s">
        <v>42</v>
      </c>
      <c r="U9971" s="2">
        <v>21.169</v>
      </c>
      <c r="V9971" s="2">
        <v>18.832999999999998</v>
      </c>
      <c r="W9971" s="2">
        <v>0.16</v>
      </c>
      <c r="X9971" s="2">
        <v>12</v>
      </c>
      <c r="Y9971" s="2">
        <v>77</v>
      </c>
      <c r="Z9971" s="2">
        <v>173.4</v>
      </c>
      <c r="AA9971" s="5">
        <v>8</v>
      </c>
      <c r="AB9971" s="5" t="s">
        <v>43</v>
      </c>
      <c r="AC9971" s="5" t="s">
        <v>44</v>
      </c>
      <c r="AD9971" s="2" t="s">
        <v>30462</v>
      </c>
      <c r="AE9971" s="1"/>
    </row>
    <row r="9972" spans="1:31" ht="14.45">
      <c r="A9972" s="11"/>
      <c r="B9972" s="20"/>
      <c r="C9972" s="2" t="s">
        <v>30663</v>
      </c>
      <c r="D9972" s="14" t="s">
        <v>30664</v>
      </c>
      <c r="E9972" s="2" t="s">
        <v>30665</v>
      </c>
      <c r="F9972" s="2" t="s">
        <v>30466</v>
      </c>
      <c r="G9972" s="8">
        <v>623</v>
      </c>
      <c r="H9972" s="5">
        <v>5</v>
      </c>
      <c r="I9972" s="5" t="s">
        <v>69</v>
      </c>
      <c r="J9972" s="5" t="s">
        <v>27074</v>
      </c>
      <c r="K9972" s="2" t="s">
        <v>27075</v>
      </c>
      <c r="L9972" s="5" t="s">
        <v>27074</v>
      </c>
      <c r="M9972" s="2" t="s">
        <v>27075</v>
      </c>
      <c r="N9972" s="5" t="s">
        <v>24254</v>
      </c>
      <c r="O9972" s="5" t="s">
        <v>38</v>
      </c>
      <c r="P9972" s="5" t="s">
        <v>39</v>
      </c>
      <c r="Q9972" s="5" t="s">
        <v>40</v>
      </c>
      <c r="R9972" s="5" t="s">
        <v>1487</v>
      </c>
      <c r="S9972" s="5"/>
      <c r="T9972" s="5" t="s">
        <v>42</v>
      </c>
      <c r="U9972" s="2">
        <v>0</v>
      </c>
      <c r="V9972" s="2">
        <v>0</v>
      </c>
      <c r="W9972" s="2">
        <v>0</v>
      </c>
      <c r="X9972" s="2">
        <v>0</v>
      </c>
      <c r="Y9972" s="2">
        <v>0</v>
      </c>
      <c r="Z9972" s="2">
        <v>0</v>
      </c>
      <c r="AA9972" s="5"/>
      <c r="AB9972" s="5" t="s">
        <v>43</v>
      </c>
      <c r="AC9972" s="5" t="s">
        <v>44</v>
      </c>
      <c r="AD9972" s="2" t="s">
        <v>30467</v>
      </c>
      <c r="AE9972" s="1"/>
    </row>
    <row r="9973" spans="1:31" ht="14.45">
      <c r="A9973" s="11"/>
      <c r="B9973" s="20"/>
      <c r="C9973" s="2" t="s">
        <v>30666</v>
      </c>
      <c r="D9973" s="14" t="s">
        <v>30667</v>
      </c>
      <c r="E9973" s="2" t="s">
        <v>30668</v>
      </c>
      <c r="F9973" s="2" t="s">
        <v>30471</v>
      </c>
      <c r="G9973" s="8">
        <v>623</v>
      </c>
      <c r="H9973" s="5">
        <v>15</v>
      </c>
      <c r="I9973" s="5" t="s">
        <v>69</v>
      </c>
      <c r="J9973" s="5" t="s">
        <v>27074</v>
      </c>
      <c r="K9973" s="2" t="s">
        <v>27075</v>
      </c>
      <c r="L9973" s="5" t="s">
        <v>27074</v>
      </c>
      <c r="M9973" s="2" t="s">
        <v>27075</v>
      </c>
      <c r="N9973" s="5" t="s">
        <v>24254</v>
      </c>
      <c r="O9973" s="5" t="s">
        <v>38</v>
      </c>
      <c r="P9973" s="5" t="s">
        <v>39</v>
      </c>
      <c r="Q9973" s="5" t="s">
        <v>40</v>
      </c>
      <c r="R9973" s="5" t="s">
        <v>1487</v>
      </c>
      <c r="S9973" s="5"/>
      <c r="T9973" s="5" t="s">
        <v>42</v>
      </c>
      <c r="U9973" s="2">
        <v>0</v>
      </c>
      <c r="V9973" s="2">
        <v>0</v>
      </c>
      <c r="W9973" s="2">
        <v>0</v>
      </c>
      <c r="X9973" s="2">
        <v>0</v>
      </c>
      <c r="Y9973" s="2">
        <v>0</v>
      </c>
      <c r="Z9973" s="2">
        <v>0</v>
      </c>
      <c r="AA9973" s="5"/>
      <c r="AB9973" s="5" t="s">
        <v>43</v>
      </c>
      <c r="AC9973" s="5" t="s">
        <v>44</v>
      </c>
      <c r="AD9973" s="2" t="s">
        <v>30472</v>
      </c>
      <c r="AE9973" s="1"/>
    </row>
    <row r="9974" spans="1:31" ht="14.45">
      <c r="A9974" s="11"/>
      <c r="B9974" s="20"/>
      <c r="C9974" s="2" t="s">
        <v>30669</v>
      </c>
      <c r="D9974" s="14" t="s">
        <v>30670</v>
      </c>
      <c r="E9974" s="2" t="s">
        <v>30671</v>
      </c>
      <c r="F9974" s="2" t="s">
        <v>30476</v>
      </c>
      <c r="G9974" s="8">
        <v>1044</v>
      </c>
      <c r="H9974" s="5">
        <v>15</v>
      </c>
      <c r="I9974" s="5" t="s">
        <v>69</v>
      </c>
      <c r="J9974" s="5" t="s">
        <v>27074</v>
      </c>
      <c r="K9974" s="2" t="s">
        <v>27075</v>
      </c>
      <c r="L9974" s="5" t="s">
        <v>27074</v>
      </c>
      <c r="M9974" s="2" t="s">
        <v>27075</v>
      </c>
      <c r="N9974" s="5" t="s">
        <v>24254</v>
      </c>
      <c r="O9974" s="5" t="s">
        <v>38</v>
      </c>
      <c r="P9974" s="5" t="s">
        <v>39</v>
      </c>
      <c r="Q9974" s="5" t="s">
        <v>40</v>
      </c>
      <c r="R9974" s="5" t="s">
        <v>1487</v>
      </c>
      <c r="S9974" s="5"/>
      <c r="T9974" s="5" t="s">
        <v>42</v>
      </c>
      <c r="U9974" s="2">
        <v>0</v>
      </c>
      <c r="V9974" s="2">
        <v>0</v>
      </c>
      <c r="W9974" s="2">
        <v>0</v>
      </c>
      <c r="X9974" s="2">
        <v>0</v>
      </c>
      <c r="Y9974" s="2">
        <v>0</v>
      </c>
      <c r="Z9974" s="2">
        <v>0</v>
      </c>
      <c r="AA9974" s="5"/>
      <c r="AB9974" s="5" t="s">
        <v>43</v>
      </c>
      <c r="AC9974" s="5" t="s">
        <v>44</v>
      </c>
      <c r="AD9974" s="2" t="s">
        <v>30477</v>
      </c>
      <c r="AE9974" s="1"/>
    </row>
    <row r="9975" spans="1:31" ht="14.45">
      <c r="A9975" s="11"/>
      <c r="B9975" s="20"/>
      <c r="C9975" s="2" t="s">
        <v>30672</v>
      </c>
      <c r="D9975" s="14" t="s">
        <v>30673</v>
      </c>
      <c r="E9975" s="2" t="s">
        <v>30674</v>
      </c>
      <c r="F9975" s="2" t="s">
        <v>30481</v>
      </c>
      <c r="G9975" s="8">
        <v>1044</v>
      </c>
      <c r="H9975" s="5">
        <v>15</v>
      </c>
      <c r="I9975" s="5" t="s">
        <v>69</v>
      </c>
      <c r="J9975" s="5" t="s">
        <v>27074</v>
      </c>
      <c r="K9975" s="2" t="s">
        <v>27075</v>
      </c>
      <c r="L9975" s="5" t="s">
        <v>27074</v>
      </c>
      <c r="M9975" s="2" t="s">
        <v>27075</v>
      </c>
      <c r="N9975" s="5" t="s">
        <v>24254</v>
      </c>
      <c r="O9975" s="5" t="s">
        <v>38</v>
      </c>
      <c r="P9975" s="5" t="s">
        <v>39</v>
      </c>
      <c r="Q9975" s="5" t="s">
        <v>40</v>
      </c>
      <c r="R9975" s="5" t="s">
        <v>1487</v>
      </c>
      <c r="S9975" s="5"/>
      <c r="T9975" s="5" t="s">
        <v>42</v>
      </c>
      <c r="U9975" s="2">
        <v>0</v>
      </c>
      <c r="V9975" s="2">
        <v>0</v>
      </c>
      <c r="W9975" s="2">
        <v>0</v>
      </c>
      <c r="X9975" s="2">
        <v>0</v>
      </c>
      <c r="Y9975" s="2">
        <v>0</v>
      </c>
      <c r="Z9975" s="2">
        <v>0</v>
      </c>
      <c r="AA9975" s="5"/>
      <c r="AB9975" s="5" t="s">
        <v>43</v>
      </c>
      <c r="AC9975" s="5" t="s">
        <v>44</v>
      </c>
      <c r="AD9975" s="2" t="s">
        <v>30482</v>
      </c>
      <c r="AE9975" s="1"/>
    </row>
    <row r="9976" spans="1:31" ht="14.45">
      <c r="A9976" s="11"/>
      <c r="B9976" s="20"/>
      <c r="C9976" s="2" t="s">
        <v>30675</v>
      </c>
      <c r="D9976" s="14" t="s">
        <v>30676</v>
      </c>
      <c r="E9976" s="2" t="s">
        <v>30677</v>
      </c>
      <c r="F9976" s="2" t="s">
        <v>30486</v>
      </c>
      <c r="G9976" s="8">
        <v>925</v>
      </c>
      <c r="H9976" s="5">
        <v>10</v>
      </c>
      <c r="I9976" s="5" t="s">
        <v>69</v>
      </c>
      <c r="J9976" s="5" t="s">
        <v>27074</v>
      </c>
      <c r="K9976" s="2" t="s">
        <v>27075</v>
      </c>
      <c r="L9976" s="5" t="s">
        <v>27074</v>
      </c>
      <c r="M9976" s="2" t="s">
        <v>27075</v>
      </c>
      <c r="N9976" s="5" t="s">
        <v>24254</v>
      </c>
      <c r="O9976" s="5" t="s">
        <v>38</v>
      </c>
      <c r="P9976" s="5" t="s">
        <v>39</v>
      </c>
      <c r="Q9976" s="5" t="s">
        <v>40</v>
      </c>
      <c r="R9976" s="5" t="s">
        <v>1487</v>
      </c>
      <c r="S9976" s="5"/>
      <c r="T9976" s="5" t="s">
        <v>42</v>
      </c>
      <c r="U9976" s="2">
        <v>0</v>
      </c>
      <c r="V9976" s="2">
        <v>0</v>
      </c>
      <c r="W9976" s="2">
        <v>0</v>
      </c>
      <c r="X9976" s="2">
        <v>0</v>
      </c>
      <c r="Y9976" s="2">
        <v>0</v>
      </c>
      <c r="Z9976" s="2">
        <v>0</v>
      </c>
      <c r="AA9976" s="5"/>
      <c r="AB9976" s="5" t="s">
        <v>43</v>
      </c>
      <c r="AC9976" s="5" t="s">
        <v>44</v>
      </c>
      <c r="AD9976" s="2"/>
      <c r="AE9976" s="1"/>
    </row>
    <row r="9977" spans="1:31" ht="14.45">
      <c r="A9977" s="11"/>
      <c r="B9977" s="20"/>
      <c r="C9977" s="2" t="s">
        <v>30678</v>
      </c>
      <c r="D9977" s="14" t="s">
        <v>30679</v>
      </c>
      <c r="E9977" s="2" t="s">
        <v>30680</v>
      </c>
      <c r="F9977" s="2" t="s">
        <v>30490</v>
      </c>
      <c r="G9977" s="8">
        <v>925</v>
      </c>
      <c r="H9977" s="5">
        <v>15</v>
      </c>
      <c r="I9977" s="5" t="s">
        <v>69</v>
      </c>
      <c r="J9977" s="5" t="s">
        <v>27074</v>
      </c>
      <c r="K9977" s="2" t="s">
        <v>27075</v>
      </c>
      <c r="L9977" s="5" t="s">
        <v>27074</v>
      </c>
      <c r="M9977" s="2" t="s">
        <v>27075</v>
      </c>
      <c r="N9977" s="5" t="s">
        <v>24254</v>
      </c>
      <c r="O9977" s="5" t="s">
        <v>38</v>
      </c>
      <c r="P9977" s="5" t="s">
        <v>39</v>
      </c>
      <c r="Q9977" s="5" t="s">
        <v>40</v>
      </c>
      <c r="R9977" s="5" t="s">
        <v>1487</v>
      </c>
      <c r="S9977" s="5"/>
      <c r="T9977" s="5" t="s">
        <v>42</v>
      </c>
      <c r="U9977" s="2">
        <v>0</v>
      </c>
      <c r="V9977" s="2">
        <v>0</v>
      </c>
      <c r="W9977" s="2">
        <v>0</v>
      </c>
      <c r="X9977" s="2">
        <v>0</v>
      </c>
      <c r="Y9977" s="2">
        <v>0</v>
      </c>
      <c r="Z9977" s="2">
        <v>0</v>
      </c>
      <c r="AA9977" s="5"/>
      <c r="AB9977" s="5" t="s">
        <v>43</v>
      </c>
      <c r="AC9977" s="5" t="s">
        <v>44</v>
      </c>
      <c r="AD9977" s="2"/>
      <c r="AE9977" s="1"/>
    </row>
    <row r="9978" spans="1:31" ht="14.45">
      <c r="A9978" s="11"/>
      <c r="B9978" s="20"/>
      <c r="C9978" s="2" t="s">
        <v>30681</v>
      </c>
      <c r="D9978" s="14" t="s">
        <v>30682</v>
      </c>
      <c r="E9978" s="2" t="s">
        <v>30683</v>
      </c>
      <c r="F9978" s="2" t="s">
        <v>30418</v>
      </c>
      <c r="G9978" s="8">
        <v>179</v>
      </c>
      <c r="H9978" s="5">
        <v>10</v>
      </c>
      <c r="I9978" s="5" t="s">
        <v>69</v>
      </c>
      <c r="J9978" s="5" t="s">
        <v>27074</v>
      </c>
      <c r="K9978" s="2" t="s">
        <v>27075</v>
      </c>
      <c r="L9978" s="5" t="s">
        <v>27074</v>
      </c>
      <c r="M9978" s="2" t="s">
        <v>27075</v>
      </c>
      <c r="N9978" s="5" t="s">
        <v>24254</v>
      </c>
      <c r="O9978" s="5" t="s">
        <v>38</v>
      </c>
      <c r="P9978" s="5" t="s">
        <v>39</v>
      </c>
      <c r="Q9978" s="5" t="s">
        <v>40</v>
      </c>
      <c r="R9978" s="5" t="s">
        <v>24335</v>
      </c>
      <c r="S9978" s="5" t="s">
        <v>40</v>
      </c>
      <c r="T9978" s="5" t="s">
        <v>42</v>
      </c>
      <c r="U9978" s="2">
        <v>8.9350000000000005</v>
      </c>
      <c r="V9978" s="2">
        <v>7.1369999999999996</v>
      </c>
      <c r="W9978" s="2">
        <v>0.104</v>
      </c>
      <c r="X9978" s="2">
        <v>12</v>
      </c>
      <c r="Y9978" s="2">
        <v>50</v>
      </c>
      <c r="Z9978" s="2">
        <v>173.9</v>
      </c>
      <c r="AA9978" s="5">
        <v>8</v>
      </c>
      <c r="AB9978" s="5" t="s">
        <v>43</v>
      </c>
      <c r="AC9978" s="5" t="s">
        <v>44</v>
      </c>
      <c r="AD9978" s="2" t="s">
        <v>30419</v>
      </c>
      <c r="AE9978" s="1"/>
    </row>
    <row r="9979" spans="1:31" ht="14.45">
      <c r="A9979" s="11"/>
      <c r="B9979" s="20"/>
      <c r="C9979" s="2" t="s">
        <v>30684</v>
      </c>
      <c r="D9979" s="14" t="s">
        <v>30685</v>
      </c>
      <c r="E9979" s="2" t="s">
        <v>30686</v>
      </c>
      <c r="F9979" s="2" t="s">
        <v>30423</v>
      </c>
      <c r="G9979" s="8">
        <v>179</v>
      </c>
      <c r="H9979" s="5">
        <v>5</v>
      </c>
      <c r="I9979" s="5" t="s">
        <v>69</v>
      </c>
      <c r="J9979" s="5" t="s">
        <v>27074</v>
      </c>
      <c r="K9979" s="2" t="s">
        <v>27075</v>
      </c>
      <c r="L9979" s="5" t="s">
        <v>27074</v>
      </c>
      <c r="M9979" s="2" t="s">
        <v>27075</v>
      </c>
      <c r="N9979" s="5" t="s">
        <v>24254</v>
      </c>
      <c r="O9979" s="5" t="s">
        <v>38</v>
      </c>
      <c r="P9979" s="5" t="s">
        <v>39</v>
      </c>
      <c r="Q9979" s="5" t="s">
        <v>40</v>
      </c>
      <c r="R9979" s="5" t="s">
        <v>24335</v>
      </c>
      <c r="S9979" s="5" t="s">
        <v>40</v>
      </c>
      <c r="T9979" s="5" t="s">
        <v>42</v>
      </c>
      <c r="U9979" s="2">
        <v>6.5049999999999999</v>
      </c>
      <c r="V9979" s="2">
        <v>4.7240000000000002</v>
      </c>
      <c r="W9979" s="2">
        <v>0.104</v>
      </c>
      <c r="X9979" s="2">
        <v>12</v>
      </c>
      <c r="Y9979" s="2">
        <v>50</v>
      </c>
      <c r="Z9979" s="2">
        <v>173.9</v>
      </c>
      <c r="AA9979" s="5">
        <v>8</v>
      </c>
      <c r="AB9979" s="5" t="s">
        <v>43</v>
      </c>
      <c r="AC9979" s="5" t="s">
        <v>44</v>
      </c>
      <c r="AD9979" s="2" t="s">
        <v>30419</v>
      </c>
      <c r="AE9979" s="1"/>
    </row>
    <row r="9980" spans="1:31" ht="14.45">
      <c r="A9980" s="11"/>
      <c r="B9980" s="20"/>
      <c r="C9980" s="2" t="s">
        <v>30687</v>
      </c>
      <c r="D9980" s="14" t="s">
        <v>30688</v>
      </c>
      <c r="E9980" s="2" t="s">
        <v>30689</v>
      </c>
      <c r="F9980" s="2" t="s">
        <v>30427</v>
      </c>
      <c r="G9980" s="8">
        <v>179</v>
      </c>
      <c r="H9980" s="5">
        <v>10</v>
      </c>
      <c r="I9980" s="5" t="s">
        <v>69</v>
      </c>
      <c r="J9980" s="5" t="s">
        <v>27074</v>
      </c>
      <c r="K9980" s="2" t="s">
        <v>27075</v>
      </c>
      <c r="L9980" s="5" t="s">
        <v>27074</v>
      </c>
      <c r="M9980" s="2" t="s">
        <v>27075</v>
      </c>
      <c r="N9980" s="5" t="s">
        <v>24254</v>
      </c>
      <c r="O9980" s="5" t="s">
        <v>38</v>
      </c>
      <c r="P9980" s="5" t="s">
        <v>39</v>
      </c>
      <c r="Q9980" s="5" t="s">
        <v>40</v>
      </c>
      <c r="R9980" s="5" t="s">
        <v>24335</v>
      </c>
      <c r="S9980" s="5" t="s">
        <v>40</v>
      </c>
      <c r="T9980" s="5" t="s">
        <v>42</v>
      </c>
      <c r="U9980" s="2">
        <v>5.17</v>
      </c>
      <c r="V9980" s="2">
        <v>3.4689999999999999</v>
      </c>
      <c r="W9980" s="2">
        <v>0.104</v>
      </c>
      <c r="X9980" s="2">
        <v>12</v>
      </c>
      <c r="Y9980" s="2">
        <v>50</v>
      </c>
      <c r="Z9980" s="2">
        <v>173.9</v>
      </c>
      <c r="AA9980" s="5">
        <v>8</v>
      </c>
      <c r="AB9980" s="5" t="s">
        <v>43</v>
      </c>
      <c r="AC9980" s="5" t="s">
        <v>44</v>
      </c>
      <c r="AD9980" s="2" t="s">
        <v>30419</v>
      </c>
      <c r="AE9980" s="1"/>
    </row>
    <row r="9981" spans="1:31" ht="14.45">
      <c r="A9981" s="11"/>
      <c r="B9981" s="20"/>
      <c r="C9981" s="2" t="s">
        <v>30690</v>
      </c>
      <c r="D9981" s="14" t="s">
        <v>30691</v>
      </c>
      <c r="E9981" s="2" t="s">
        <v>30692</v>
      </c>
      <c r="F9981" s="2" t="s">
        <v>30431</v>
      </c>
      <c r="G9981" s="8">
        <v>179</v>
      </c>
      <c r="H9981" s="5">
        <v>5</v>
      </c>
      <c r="I9981" s="5" t="s">
        <v>69</v>
      </c>
      <c r="J9981" s="5" t="s">
        <v>27074</v>
      </c>
      <c r="K9981" s="2" t="s">
        <v>27075</v>
      </c>
      <c r="L9981" s="5" t="s">
        <v>27074</v>
      </c>
      <c r="M9981" s="2" t="s">
        <v>27075</v>
      </c>
      <c r="N9981" s="5" t="s">
        <v>24254</v>
      </c>
      <c r="O9981" s="5" t="s">
        <v>38</v>
      </c>
      <c r="P9981" s="5" t="s">
        <v>39</v>
      </c>
      <c r="Q9981" s="5" t="s">
        <v>40</v>
      </c>
      <c r="R9981" s="5" t="s">
        <v>24335</v>
      </c>
      <c r="S9981" s="5" t="s">
        <v>40</v>
      </c>
      <c r="T9981" s="5" t="s">
        <v>42</v>
      </c>
      <c r="U9981" s="2">
        <v>6.4720000000000004</v>
      </c>
      <c r="V9981" s="2">
        <v>4.7069999999999999</v>
      </c>
      <c r="W9981" s="2">
        <v>0.104</v>
      </c>
      <c r="X9981" s="2">
        <v>12</v>
      </c>
      <c r="Y9981" s="2">
        <v>50</v>
      </c>
      <c r="Z9981" s="2">
        <v>173.9</v>
      </c>
      <c r="AA9981" s="5">
        <v>10</v>
      </c>
      <c r="AB9981" s="5" t="s">
        <v>43</v>
      </c>
      <c r="AC9981" s="5" t="s">
        <v>44</v>
      </c>
      <c r="AD9981" s="2" t="s">
        <v>30432</v>
      </c>
      <c r="AE9981" s="1"/>
    </row>
    <row r="9982" spans="1:31" ht="14.45">
      <c r="A9982" s="11"/>
      <c r="B9982" s="20"/>
      <c r="C9982" s="2" t="s">
        <v>30693</v>
      </c>
      <c r="D9982" s="14" t="s">
        <v>30694</v>
      </c>
      <c r="E9982" s="2" t="s">
        <v>30695</v>
      </c>
      <c r="F9982" s="2" t="s">
        <v>30431</v>
      </c>
      <c r="G9982" s="8">
        <v>179</v>
      </c>
      <c r="H9982" s="5">
        <v>5</v>
      </c>
      <c r="I9982" s="5" t="s">
        <v>69</v>
      </c>
      <c r="J9982" s="5" t="s">
        <v>27074</v>
      </c>
      <c r="K9982" s="2" t="s">
        <v>27075</v>
      </c>
      <c r="L9982" s="5" t="s">
        <v>27074</v>
      </c>
      <c r="M9982" s="2" t="s">
        <v>27075</v>
      </c>
      <c r="N9982" s="5" t="s">
        <v>24254</v>
      </c>
      <c r="O9982" s="5" t="s">
        <v>38</v>
      </c>
      <c r="P9982" s="5" t="s">
        <v>39</v>
      </c>
      <c r="Q9982" s="5" t="s">
        <v>40</v>
      </c>
      <c r="R9982" s="5" t="s">
        <v>24335</v>
      </c>
      <c r="S9982" s="5" t="s">
        <v>40</v>
      </c>
      <c r="T9982" s="5" t="s">
        <v>42</v>
      </c>
      <c r="U9982" s="2">
        <v>6.73</v>
      </c>
      <c r="V9982" s="2">
        <v>4.9649999999999999</v>
      </c>
      <c r="W9982" s="2">
        <v>0.104</v>
      </c>
      <c r="X9982" s="2">
        <v>12</v>
      </c>
      <c r="Y9982" s="2">
        <v>50</v>
      </c>
      <c r="Z9982" s="2">
        <v>173.9</v>
      </c>
      <c r="AA9982" s="5">
        <v>10</v>
      </c>
      <c r="AB9982" s="5" t="s">
        <v>43</v>
      </c>
      <c r="AC9982" s="5" t="s">
        <v>44</v>
      </c>
      <c r="AD9982" s="2" t="s">
        <v>30436</v>
      </c>
      <c r="AE9982" s="1"/>
    </row>
    <row r="9983" spans="1:31" ht="14.45">
      <c r="A9983" s="11"/>
      <c r="B9983" s="20"/>
      <c r="C9983" s="2" t="s">
        <v>30696</v>
      </c>
      <c r="D9983" s="14" t="s">
        <v>30697</v>
      </c>
      <c r="E9983" s="2" t="s">
        <v>30698</v>
      </c>
      <c r="F9983" s="2" t="s">
        <v>30440</v>
      </c>
      <c r="G9983" s="8">
        <v>179</v>
      </c>
      <c r="H9983" s="5">
        <v>5</v>
      </c>
      <c r="I9983" s="5" t="s">
        <v>69</v>
      </c>
      <c r="J9983" s="5" t="s">
        <v>27074</v>
      </c>
      <c r="K9983" s="2" t="s">
        <v>27075</v>
      </c>
      <c r="L9983" s="5" t="s">
        <v>27074</v>
      </c>
      <c r="M9983" s="2" t="s">
        <v>27075</v>
      </c>
      <c r="N9983" s="5" t="s">
        <v>24254</v>
      </c>
      <c r="O9983" s="5" t="s">
        <v>38</v>
      </c>
      <c r="P9983" s="5" t="s">
        <v>39</v>
      </c>
      <c r="Q9983" s="5" t="s">
        <v>40</v>
      </c>
      <c r="R9983" s="5" t="s">
        <v>24335</v>
      </c>
      <c r="S9983" s="5" t="s">
        <v>40</v>
      </c>
      <c r="T9983" s="5" t="s">
        <v>42</v>
      </c>
      <c r="U9983" s="2">
        <v>5.2130000000000001</v>
      </c>
      <c r="V9983" s="2">
        <v>3.448</v>
      </c>
      <c r="W9983" s="2">
        <v>0.104</v>
      </c>
      <c r="X9983" s="2">
        <v>12</v>
      </c>
      <c r="Y9983" s="2">
        <v>50</v>
      </c>
      <c r="Z9983" s="2">
        <v>173.9</v>
      </c>
      <c r="AA9983" s="5">
        <v>10</v>
      </c>
      <c r="AB9983" s="5" t="s">
        <v>43</v>
      </c>
      <c r="AC9983" s="5" t="s">
        <v>44</v>
      </c>
      <c r="AD9983" s="2" t="s">
        <v>30441</v>
      </c>
      <c r="AE9983" s="1"/>
    </row>
    <row r="9984" spans="1:31" ht="14.45">
      <c r="A9984" s="11"/>
      <c r="B9984" s="20"/>
      <c r="C9984" s="2" t="s">
        <v>30699</v>
      </c>
      <c r="D9984" s="14" t="s">
        <v>30700</v>
      </c>
      <c r="E9984" s="2" t="s">
        <v>30701</v>
      </c>
      <c r="F9984" s="2" t="s">
        <v>30440</v>
      </c>
      <c r="G9984" s="8">
        <v>179</v>
      </c>
      <c r="H9984" s="5">
        <v>5</v>
      </c>
      <c r="I9984" s="5" t="s">
        <v>69</v>
      </c>
      <c r="J9984" s="5" t="s">
        <v>27074</v>
      </c>
      <c r="K9984" s="2" t="s">
        <v>27075</v>
      </c>
      <c r="L9984" s="5" t="s">
        <v>27074</v>
      </c>
      <c r="M9984" s="2" t="s">
        <v>27075</v>
      </c>
      <c r="N9984" s="5" t="s">
        <v>24254</v>
      </c>
      <c r="O9984" s="5" t="s">
        <v>38</v>
      </c>
      <c r="P9984" s="5" t="s">
        <v>39</v>
      </c>
      <c r="Q9984" s="5" t="s">
        <v>40</v>
      </c>
      <c r="R9984" s="5" t="s">
        <v>24335</v>
      </c>
      <c r="S9984" s="5" t="s">
        <v>40</v>
      </c>
      <c r="T9984" s="5" t="s">
        <v>42</v>
      </c>
      <c r="U9984" s="2">
        <v>5.3760000000000003</v>
      </c>
      <c r="V9984" s="2">
        <v>3.6110000000000002</v>
      </c>
      <c r="W9984" s="2">
        <v>0.104</v>
      </c>
      <c r="X9984" s="2">
        <v>12</v>
      </c>
      <c r="Y9984" s="2">
        <v>50</v>
      </c>
      <c r="Z9984" s="2">
        <v>173.9</v>
      </c>
      <c r="AA9984" s="5">
        <v>10</v>
      </c>
      <c r="AB9984" s="5" t="s">
        <v>43</v>
      </c>
      <c r="AC9984" s="5" t="s">
        <v>44</v>
      </c>
      <c r="AD9984" s="2" t="s">
        <v>30445</v>
      </c>
      <c r="AE9984" s="1"/>
    </row>
    <row r="9985" spans="1:31" ht="14.45">
      <c r="A9985" s="11"/>
      <c r="B9985" s="20"/>
      <c r="C9985" s="2" t="s">
        <v>30702</v>
      </c>
      <c r="D9985" s="14" t="s">
        <v>30703</v>
      </c>
      <c r="E9985" s="2" t="s">
        <v>30704</v>
      </c>
      <c r="F9985" s="2" t="s">
        <v>30449</v>
      </c>
      <c r="G9985" s="8">
        <v>179</v>
      </c>
      <c r="H9985" s="5">
        <v>5</v>
      </c>
      <c r="I9985" s="5" t="s">
        <v>69</v>
      </c>
      <c r="J9985" s="5" t="s">
        <v>27074</v>
      </c>
      <c r="K9985" s="2" t="s">
        <v>27075</v>
      </c>
      <c r="L9985" s="5" t="s">
        <v>27074</v>
      </c>
      <c r="M9985" s="2" t="s">
        <v>27075</v>
      </c>
      <c r="N9985" s="5" t="s">
        <v>24254</v>
      </c>
      <c r="O9985" s="5" t="s">
        <v>38</v>
      </c>
      <c r="P9985" s="5" t="s">
        <v>39</v>
      </c>
      <c r="Q9985" s="5" t="s">
        <v>40</v>
      </c>
      <c r="R9985" s="5" t="s">
        <v>24335</v>
      </c>
      <c r="S9985" s="5" t="s">
        <v>40</v>
      </c>
      <c r="T9985" s="5" t="s">
        <v>42</v>
      </c>
      <c r="U9985" s="2">
        <v>5.9329999999999998</v>
      </c>
      <c r="V9985" s="2">
        <v>4.1020000000000003</v>
      </c>
      <c r="W9985" s="2">
        <v>0.104</v>
      </c>
      <c r="X9985" s="2">
        <v>12</v>
      </c>
      <c r="Y9985" s="2">
        <v>50</v>
      </c>
      <c r="Z9985" s="2">
        <v>173.9</v>
      </c>
      <c r="AA9985" s="5">
        <v>10</v>
      </c>
      <c r="AB9985" s="5" t="s">
        <v>43</v>
      </c>
      <c r="AC9985" s="5" t="s">
        <v>44</v>
      </c>
      <c r="AD9985" s="2" t="s">
        <v>30441</v>
      </c>
      <c r="AE9985" s="1"/>
    </row>
    <row r="9986" spans="1:31" ht="14.45">
      <c r="A9986" s="11"/>
      <c r="B9986" s="20"/>
      <c r="C9986" s="2" t="s">
        <v>30705</v>
      </c>
      <c r="D9986" s="14" t="s">
        <v>30706</v>
      </c>
      <c r="E9986" s="2" t="s">
        <v>30707</v>
      </c>
      <c r="F9986" s="2" t="s">
        <v>30456</v>
      </c>
      <c r="G9986" s="8">
        <v>326</v>
      </c>
      <c r="H9986" s="5">
        <v>5</v>
      </c>
      <c r="I9986" s="5" t="s">
        <v>69</v>
      </c>
      <c r="J9986" s="5" t="s">
        <v>27074</v>
      </c>
      <c r="K9986" s="2" t="s">
        <v>27075</v>
      </c>
      <c r="L9986" s="5" t="s">
        <v>27074</v>
      </c>
      <c r="M9986" s="2" t="s">
        <v>27075</v>
      </c>
      <c r="N9986" s="5" t="s">
        <v>24254</v>
      </c>
      <c r="O9986" s="5" t="s">
        <v>38</v>
      </c>
      <c r="P9986" s="5" t="s">
        <v>39</v>
      </c>
      <c r="Q9986" s="5" t="s">
        <v>40</v>
      </c>
      <c r="R9986" s="5" t="s">
        <v>24335</v>
      </c>
      <c r="S9986" s="5" t="s">
        <v>40</v>
      </c>
      <c r="T9986" s="5" t="s">
        <v>42</v>
      </c>
      <c r="U9986" s="2">
        <v>12.645</v>
      </c>
      <c r="V9986" s="2">
        <v>10.321</v>
      </c>
      <c r="W9986" s="2">
        <v>0.16</v>
      </c>
      <c r="X9986" s="2">
        <v>12</v>
      </c>
      <c r="Y9986" s="2">
        <v>77</v>
      </c>
      <c r="Z9986" s="2">
        <v>173.4</v>
      </c>
      <c r="AA9986" s="5">
        <v>8</v>
      </c>
      <c r="AB9986" s="5" t="s">
        <v>43</v>
      </c>
      <c r="AC9986" s="5" t="s">
        <v>44</v>
      </c>
      <c r="AD9986" s="2" t="s">
        <v>30457</v>
      </c>
      <c r="AE9986" s="1"/>
    </row>
    <row r="9987" spans="1:31" ht="14.45">
      <c r="A9987" s="11"/>
      <c r="B9987" s="20"/>
      <c r="C9987" s="2" t="s">
        <v>30708</v>
      </c>
      <c r="D9987" s="14" t="s">
        <v>30709</v>
      </c>
      <c r="E9987" s="2" t="s">
        <v>30710</v>
      </c>
      <c r="F9987" s="2" t="s">
        <v>30524</v>
      </c>
      <c r="G9987" s="8">
        <v>330</v>
      </c>
      <c r="H9987" s="5">
        <v>10</v>
      </c>
      <c r="I9987" s="5" t="s">
        <v>69</v>
      </c>
      <c r="J9987" s="5" t="s">
        <v>27074</v>
      </c>
      <c r="K9987" s="2" t="s">
        <v>27075</v>
      </c>
      <c r="L9987" s="5" t="s">
        <v>27074</v>
      </c>
      <c r="M9987" s="2" t="s">
        <v>27075</v>
      </c>
      <c r="N9987" s="5" t="s">
        <v>24254</v>
      </c>
      <c r="O9987" s="5" t="s">
        <v>38</v>
      </c>
      <c r="P9987" s="5" t="s">
        <v>39</v>
      </c>
      <c r="Q9987" s="5" t="s">
        <v>40</v>
      </c>
      <c r="R9987" s="5" t="s">
        <v>24340</v>
      </c>
      <c r="S9987" s="5" t="s">
        <v>40</v>
      </c>
      <c r="T9987" s="5" t="s">
        <v>42</v>
      </c>
      <c r="U9987" s="2">
        <v>16.481999999999999</v>
      </c>
      <c r="V9987" s="2">
        <v>14.672000000000001</v>
      </c>
      <c r="W9987" s="2">
        <v>0.104</v>
      </c>
      <c r="X9987" s="2">
        <v>12</v>
      </c>
      <c r="Y9987" s="2">
        <v>50</v>
      </c>
      <c r="Z9987" s="2">
        <v>173.9</v>
      </c>
      <c r="AA9987" s="5">
        <v>8</v>
      </c>
      <c r="AB9987" s="5" t="s">
        <v>43</v>
      </c>
      <c r="AC9987" s="5" t="s">
        <v>44</v>
      </c>
      <c r="AD9987" s="2" t="s">
        <v>30525</v>
      </c>
      <c r="AE9987" s="1"/>
    </row>
    <row r="9988" spans="1:31" ht="14.45">
      <c r="A9988" s="11"/>
      <c r="B9988" s="20"/>
      <c r="C9988" s="2" t="s">
        <v>30711</v>
      </c>
      <c r="D9988" s="14" t="s">
        <v>30712</v>
      </c>
      <c r="E9988" s="2" t="s">
        <v>30713</v>
      </c>
      <c r="F9988" s="2" t="s">
        <v>30595</v>
      </c>
      <c r="G9988" s="8">
        <v>330</v>
      </c>
      <c r="H9988" s="5">
        <v>10</v>
      </c>
      <c r="I9988" s="5" t="s">
        <v>69</v>
      </c>
      <c r="J9988" s="5" t="s">
        <v>27074</v>
      </c>
      <c r="K9988" s="2" t="s">
        <v>27075</v>
      </c>
      <c r="L9988" s="5" t="s">
        <v>27074</v>
      </c>
      <c r="M9988" s="2" t="s">
        <v>27075</v>
      </c>
      <c r="N9988" s="5" t="s">
        <v>24254</v>
      </c>
      <c r="O9988" s="5" t="s">
        <v>38</v>
      </c>
      <c r="P9988" s="5" t="s">
        <v>39</v>
      </c>
      <c r="Q9988" s="5" t="s">
        <v>40</v>
      </c>
      <c r="R9988" s="5" t="s">
        <v>24340</v>
      </c>
      <c r="S9988" s="5" t="s">
        <v>40</v>
      </c>
      <c r="T9988" s="5" t="s">
        <v>42</v>
      </c>
      <c r="U9988" s="2">
        <v>11.176</v>
      </c>
      <c r="V9988" s="2">
        <v>9.3949999999999996</v>
      </c>
      <c r="W9988" s="2">
        <v>0.104</v>
      </c>
      <c r="X9988" s="2">
        <v>12</v>
      </c>
      <c r="Y9988" s="2">
        <v>50</v>
      </c>
      <c r="Z9988" s="2">
        <v>173.9</v>
      </c>
      <c r="AA9988" s="5">
        <v>8</v>
      </c>
      <c r="AB9988" s="5" t="s">
        <v>43</v>
      </c>
      <c r="AC9988" s="5" t="s">
        <v>44</v>
      </c>
      <c r="AD9988" s="2" t="s">
        <v>30525</v>
      </c>
      <c r="AE9988" s="1"/>
    </row>
    <row r="9989" spans="1:31" ht="14.45">
      <c r="A9989" s="11"/>
      <c r="B9989" s="20"/>
      <c r="C9989" s="2" t="s">
        <v>30714</v>
      </c>
      <c r="D9989" s="14" t="s">
        <v>30715</v>
      </c>
      <c r="E9989" s="2" t="s">
        <v>30716</v>
      </c>
      <c r="F9989" s="2" t="s">
        <v>30529</v>
      </c>
      <c r="G9989" s="8">
        <v>330</v>
      </c>
      <c r="H9989" s="5">
        <v>10</v>
      </c>
      <c r="I9989" s="5" t="s">
        <v>69</v>
      </c>
      <c r="J9989" s="5" t="s">
        <v>27074</v>
      </c>
      <c r="K9989" s="2" t="s">
        <v>27075</v>
      </c>
      <c r="L9989" s="5" t="s">
        <v>27074</v>
      </c>
      <c r="M9989" s="2" t="s">
        <v>27075</v>
      </c>
      <c r="N9989" s="5" t="s">
        <v>24254</v>
      </c>
      <c r="O9989" s="5" t="s">
        <v>38</v>
      </c>
      <c r="P9989" s="5" t="s">
        <v>39</v>
      </c>
      <c r="Q9989" s="5" t="s">
        <v>40</v>
      </c>
      <c r="R9989" s="5" t="s">
        <v>24340</v>
      </c>
      <c r="S9989" s="5" t="s">
        <v>40</v>
      </c>
      <c r="T9989" s="5" t="s">
        <v>42</v>
      </c>
      <c r="U9989" s="2">
        <v>7.8819999999999997</v>
      </c>
      <c r="V9989" s="2">
        <v>6.181</v>
      </c>
      <c r="W9989" s="2">
        <v>0.104</v>
      </c>
      <c r="X9989" s="2">
        <v>12</v>
      </c>
      <c r="Y9989" s="2">
        <v>50</v>
      </c>
      <c r="Z9989" s="2">
        <v>173.9</v>
      </c>
      <c r="AA9989" s="5">
        <v>8</v>
      </c>
      <c r="AB9989" s="5" t="s">
        <v>43</v>
      </c>
      <c r="AC9989" s="5" t="s">
        <v>44</v>
      </c>
      <c r="AD9989" s="2" t="s">
        <v>30525</v>
      </c>
      <c r="AE9989" s="1"/>
    </row>
    <row r="9990" spans="1:31" ht="14.45">
      <c r="A9990" s="11"/>
      <c r="B9990" s="20"/>
      <c r="C9990" s="2" t="s">
        <v>30717</v>
      </c>
      <c r="D9990" s="14" t="s">
        <v>30718</v>
      </c>
      <c r="E9990" s="2" t="s">
        <v>30719</v>
      </c>
      <c r="F9990" s="2" t="s">
        <v>30533</v>
      </c>
      <c r="G9990" s="8">
        <v>330</v>
      </c>
      <c r="H9990" s="5">
        <v>10</v>
      </c>
      <c r="I9990" s="5" t="s">
        <v>69</v>
      </c>
      <c r="J9990" s="5" t="s">
        <v>27074</v>
      </c>
      <c r="K9990" s="2" t="s">
        <v>27075</v>
      </c>
      <c r="L9990" s="5" t="s">
        <v>27074</v>
      </c>
      <c r="M9990" s="2" t="s">
        <v>27075</v>
      </c>
      <c r="N9990" s="5" t="s">
        <v>24254</v>
      </c>
      <c r="O9990" s="5" t="s">
        <v>38</v>
      </c>
      <c r="P9990" s="5" t="s">
        <v>39</v>
      </c>
      <c r="Q9990" s="5" t="s">
        <v>40</v>
      </c>
      <c r="R9990" s="5" t="s">
        <v>24340</v>
      </c>
      <c r="S9990" s="5" t="s">
        <v>40</v>
      </c>
      <c r="T9990" s="5" t="s">
        <v>42</v>
      </c>
      <c r="U9990" s="2">
        <v>10.595000000000001</v>
      </c>
      <c r="V9990" s="2">
        <v>8.7520000000000007</v>
      </c>
      <c r="W9990" s="2">
        <v>0.104</v>
      </c>
      <c r="X9990" s="2">
        <v>12</v>
      </c>
      <c r="Y9990" s="2">
        <v>50</v>
      </c>
      <c r="Z9990" s="2">
        <v>173.9</v>
      </c>
      <c r="AA9990" s="5">
        <v>10</v>
      </c>
      <c r="AB9990" s="5" t="s">
        <v>43</v>
      </c>
      <c r="AC9990" s="5" t="s">
        <v>44</v>
      </c>
      <c r="AD9990" s="2" t="s">
        <v>30656</v>
      </c>
      <c r="AE9990" s="1"/>
    </row>
    <row r="9991" spans="1:31" ht="14.45">
      <c r="A9991" s="11"/>
      <c r="B9991" s="20"/>
      <c r="C9991" s="2" t="s">
        <v>30720</v>
      </c>
      <c r="D9991" s="14" t="s">
        <v>30721</v>
      </c>
      <c r="E9991" s="2" t="s">
        <v>30722</v>
      </c>
      <c r="F9991" s="2" t="s">
        <v>30533</v>
      </c>
      <c r="G9991" s="8">
        <v>330</v>
      </c>
      <c r="H9991" s="5">
        <v>10</v>
      </c>
      <c r="I9991" s="5" t="s">
        <v>69</v>
      </c>
      <c r="J9991" s="5" t="s">
        <v>27074</v>
      </c>
      <c r="K9991" s="2" t="s">
        <v>27075</v>
      </c>
      <c r="L9991" s="5" t="s">
        <v>27074</v>
      </c>
      <c r="M9991" s="2" t="s">
        <v>27075</v>
      </c>
      <c r="N9991" s="5" t="s">
        <v>24254</v>
      </c>
      <c r="O9991" s="5" t="s">
        <v>38</v>
      </c>
      <c r="P9991" s="5" t="s">
        <v>39</v>
      </c>
      <c r="Q9991" s="5" t="s">
        <v>40</v>
      </c>
      <c r="R9991" s="5" t="s">
        <v>24340</v>
      </c>
      <c r="S9991" s="5" t="s">
        <v>40</v>
      </c>
      <c r="T9991" s="5" t="s">
        <v>42</v>
      </c>
      <c r="U9991" s="2">
        <v>11.462999999999999</v>
      </c>
      <c r="V9991" s="2">
        <v>9.6199999999999992</v>
      </c>
      <c r="W9991" s="2">
        <v>0.104</v>
      </c>
      <c r="X9991" s="2">
        <v>12</v>
      </c>
      <c r="Y9991" s="2">
        <v>50</v>
      </c>
      <c r="Z9991" s="2">
        <v>173.9</v>
      </c>
      <c r="AA9991" s="5">
        <v>10</v>
      </c>
      <c r="AB9991" s="5" t="s">
        <v>43</v>
      </c>
      <c r="AC9991" s="5" t="s">
        <v>44</v>
      </c>
      <c r="AD9991" s="2" t="s">
        <v>30534</v>
      </c>
      <c r="AE9991" s="1"/>
    </row>
    <row r="9992" spans="1:31" ht="14.45">
      <c r="A9992" s="11"/>
      <c r="B9992" s="20"/>
      <c r="C9992" s="2" t="s">
        <v>30723</v>
      </c>
      <c r="D9992" s="14" t="s">
        <v>30724</v>
      </c>
      <c r="E9992" s="2" t="s">
        <v>30725</v>
      </c>
      <c r="F9992" s="2" t="s">
        <v>30461</v>
      </c>
      <c r="G9992" s="8">
        <v>628</v>
      </c>
      <c r="H9992" s="5">
        <v>10</v>
      </c>
      <c r="I9992" s="5" t="s">
        <v>69</v>
      </c>
      <c r="J9992" s="5" t="s">
        <v>27074</v>
      </c>
      <c r="K9992" s="2" t="s">
        <v>27075</v>
      </c>
      <c r="L9992" s="5" t="s">
        <v>27074</v>
      </c>
      <c r="M9992" s="2" t="s">
        <v>27075</v>
      </c>
      <c r="N9992" s="5" t="s">
        <v>24254</v>
      </c>
      <c r="O9992" s="5" t="s">
        <v>38</v>
      </c>
      <c r="P9992" s="5" t="s">
        <v>39</v>
      </c>
      <c r="Q9992" s="5" t="s">
        <v>40</v>
      </c>
      <c r="R9992" s="5" t="s">
        <v>24340</v>
      </c>
      <c r="S9992" s="5" t="s">
        <v>40</v>
      </c>
      <c r="T9992" s="5" t="s">
        <v>42</v>
      </c>
      <c r="U9992" s="2">
        <v>22.902999999999999</v>
      </c>
      <c r="V9992" s="2">
        <v>20.567</v>
      </c>
      <c r="W9992" s="2">
        <v>0.14299999999999999</v>
      </c>
      <c r="X9992" s="2">
        <v>12</v>
      </c>
      <c r="Y9992" s="2">
        <v>77</v>
      </c>
      <c r="Z9992" s="2">
        <v>154.9</v>
      </c>
      <c r="AA9992" s="5">
        <v>8</v>
      </c>
      <c r="AB9992" s="5" t="s">
        <v>43</v>
      </c>
      <c r="AC9992" s="5" t="s">
        <v>44</v>
      </c>
      <c r="AD9992" s="2" t="s">
        <v>30462</v>
      </c>
      <c r="AE9992" s="1"/>
    </row>
    <row r="9993" spans="1:31" ht="14.45">
      <c r="A9993" s="11"/>
      <c r="B9993" s="20"/>
      <c r="C9993" s="2" t="s">
        <v>30726</v>
      </c>
      <c r="D9993" s="14" t="s">
        <v>30727</v>
      </c>
      <c r="E9993" s="2" t="s">
        <v>30728</v>
      </c>
      <c r="F9993" s="2" t="s">
        <v>30541</v>
      </c>
      <c r="G9993" s="8">
        <v>330</v>
      </c>
      <c r="H9993" s="5">
        <v>10</v>
      </c>
      <c r="I9993" s="5" t="s">
        <v>69</v>
      </c>
      <c r="J9993" s="5" t="s">
        <v>27074</v>
      </c>
      <c r="K9993" s="2" t="s">
        <v>27075</v>
      </c>
      <c r="L9993" s="5" t="s">
        <v>27074</v>
      </c>
      <c r="M9993" s="2" t="s">
        <v>27075</v>
      </c>
      <c r="N9993" s="5" t="s">
        <v>24254</v>
      </c>
      <c r="O9993" s="5" t="s">
        <v>38</v>
      </c>
      <c r="P9993" s="5" t="s">
        <v>39</v>
      </c>
      <c r="Q9993" s="5" t="s">
        <v>40</v>
      </c>
      <c r="R9993" s="5" t="s">
        <v>25301</v>
      </c>
      <c r="S9993" s="5" t="s">
        <v>40</v>
      </c>
      <c r="T9993" s="5" t="s">
        <v>42</v>
      </c>
      <c r="U9993" s="2">
        <v>14.574999999999999</v>
      </c>
      <c r="V9993" s="2">
        <v>12.763999999999999</v>
      </c>
      <c r="W9993" s="2">
        <v>0.104</v>
      </c>
      <c r="X9993" s="2">
        <v>12</v>
      </c>
      <c r="Y9993" s="2">
        <v>50</v>
      </c>
      <c r="Z9993" s="2">
        <v>173.9</v>
      </c>
      <c r="AA9993" s="5">
        <v>8</v>
      </c>
      <c r="AB9993" s="5" t="s">
        <v>43</v>
      </c>
      <c r="AC9993" s="5" t="s">
        <v>44</v>
      </c>
      <c r="AD9993" s="2" t="s">
        <v>30542</v>
      </c>
      <c r="AE9993" s="1"/>
    </row>
    <row r="9994" spans="1:31" ht="14.45">
      <c r="A9994" s="11"/>
      <c r="B9994" s="20"/>
      <c r="C9994" s="2" t="s">
        <v>30729</v>
      </c>
      <c r="D9994" s="14" t="s">
        <v>30730</v>
      </c>
      <c r="E9994" s="2" t="s">
        <v>30731</v>
      </c>
      <c r="F9994" s="2" t="s">
        <v>30546</v>
      </c>
      <c r="G9994" s="8">
        <v>330</v>
      </c>
      <c r="H9994" s="5">
        <v>10</v>
      </c>
      <c r="I9994" s="5" t="s">
        <v>69</v>
      </c>
      <c r="J9994" s="5" t="s">
        <v>27074</v>
      </c>
      <c r="K9994" s="2" t="s">
        <v>27075</v>
      </c>
      <c r="L9994" s="5" t="s">
        <v>27074</v>
      </c>
      <c r="M9994" s="2" t="s">
        <v>27075</v>
      </c>
      <c r="N9994" s="5" t="s">
        <v>24254</v>
      </c>
      <c r="O9994" s="5" t="s">
        <v>38</v>
      </c>
      <c r="P9994" s="5" t="s">
        <v>39</v>
      </c>
      <c r="Q9994" s="5" t="s">
        <v>40</v>
      </c>
      <c r="R9994" s="5" t="s">
        <v>25301</v>
      </c>
      <c r="S9994" s="5" t="s">
        <v>40</v>
      </c>
      <c r="T9994" s="5" t="s">
        <v>42</v>
      </c>
      <c r="U9994" s="2">
        <v>7.3319999999999999</v>
      </c>
      <c r="V9994" s="2">
        <v>5.63</v>
      </c>
      <c r="W9994" s="2">
        <v>0.104</v>
      </c>
      <c r="X9994" s="2">
        <v>12</v>
      </c>
      <c r="Y9994" s="2">
        <v>50</v>
      </c>
      <c r="Z9994" s="2">
        <v>173.9</v>
      </c>
      <c r="AA9994" s="5">
        <v>8</v>
      </c>
      <c r="AB9994" s="5" t="s">
        <v>43</v>
      </c>
      <c r="AC9994" s="5" t="s">
        <v>44</v>
      </c>
      <c r="AD9994" s="2" t="s">
        <v>30542</v>
      </c>
      <c r="AE9994" s="1"/>
    </row>
    <row r="9995" spans="1:31" ht="14.45">
      <c r="A9995" s="11"/>
      <c r="B9995" s="20"/>
      <c r="C9995" s="2" t="s">
        <v>30732</v>
      </c>
      <c r="D9995" s="14" t="s">
        <v>30733</v>
      </c>
      <c r="E9995" s="2" t="s">
        <v>30734</v>
      </c>
      <c r="F9995" s="2" t="s">
        <v>30466</v>
      </c>
      <c r="G9995" s="8">
        <v>663</v>
      </c>
      <c r="H9995" s="5">
        <v>5</v>
      </c>
      <c r="I9995" s="5" t="s">
        <v>69</v>
      </c>
      <c r="J9995" s="5" t="s">
        <v>27074</v>
      </c>
      <c r="K9995" s="2" t="s">
        <v>27075</v>
      </c>
      <c r="L9995" s="5" t="s">
        <v>27074</v>
      </c>
      <c r="M9995" s="2" t="s">
        <v>27075</v>
      </c>
      <c r="N9995" s="5" t="s">
        <v>24254</v>
      </c>
      <c r="O9995" s="5" t="s">
        <v>38</v>
      </c>
      <c r="P9995" s="5" t="s">
        <v>39</v>
      </c>
      <c r="Q9995" s="5" t="s">
        <v>40</v>
      </c>
      <c r="R9995" s="5" t="s">
        <v>1487</v>
      </c>
      <c r="S9995" s="5"/>
      <c r="T9995" s="5" t="s">
        <v>42</v>
      </c>
      <c r="U9995" s="2">
        <v>0</v>
      </c>
      <c r="V9995" s="2">
        <v>0</v>
      </c>
      <c r="W9995" s="2">
        <v>0</v>
      </c>
      <c r="X9995" s="2">
        <v>0</v>
      </c>
      <c r="Y9995" s="2">
        <v>0</v>
      </c>
      <c r="Z9995" s="2">
        <v>0</v>
      </c>
      <c r="AA9995" s="5"/>
      <c r="AB9995" s="5" t="s">
        <v>43</v>
      </c>
      <c r="AC9995" s="5" t="s">
        <v>44</v>
      </c>
      <c r="AD9995" s="2" t="s">
        <v>30467</v>
      </c>
      <c r="AE9995" s="1"/>
    </row>
    <row r="9996" spans="1:31" ht="14.45">
      <c r="A9996" s="11"/>
      <c r="B9996" s="20"/>
      <c r="C9996" s="2" t="s">
        <v>30735</v>
      </c>
      <c r="D9996" s="14" t="s">
        <v>30736</v>
      </c>
      <c r="E9996" s="2" t="s">
        <v>30737</v>
      </c>
      <c r="F9996" s="2" t="s">
        <v>30471</v>
      </c>
      <c r="G9996" s="8">
        <v>663</v>
      </c>
      <c r="H9996" s="5">
        <v>15</v>
      </c>
      <c r="I9996" s="5" t="s">
        <v>69</v>
      </c>
      <c r="J9996" s="5" t="s">
        <v>27074</v>
      </c>
      <c r="K9996" s="2" t="s">
        <v>27075</v>
      </c>
      <c r="L9996" s="5" t="s">
        <v>27074</v>
      </c>
      <c r="M9996" s="2" t="s">
        <v>27075</v>
      </c>
      <c r="N9996" s="5" t="s">
        <v>24254</v>
      </c>
      <c r="O9996" s="5" t="s">
        <v>38</v>
      </c>
      <c r="P9996" s="5" t="s">
        <v>39</v>
      </c>
      <c r="Q9996" s="5" t="s">
        <v>40</v>
      </c>
      <c r="R9996" s="5" t="s">
        <v>1487</v>
      </c>
      <c r="S9996" s="5"/>
      <c r="T9996" s="5" t="s">
        <v>42</v>
      </c>
      <c r="U9996" s="2">
        <v>0</v>
      </c>
      <c r="V9996" s="2">
        <v>0</v>
      </c>
      <c r="W9996" s="2">
        <v>0</v>
      </c>
      <c r="X9996" s="2">
        <v>0</v>
      </c>
      <c r="Y9996" s="2">
        <v>0</v>
      </c>
      <c r="Z9996" s="2">
        <v>0</v>
      </c>
      <c r="AA9996" s="5"/>
      <c r="AB9996" s="5" t="s">
        <v>43</v>
      </c>
      <c r="AC9996" s="5" t="s">
        <v>44</v>
      </c>
      <c r="AD9996" s="2" t="s">
        <v>30472</v>
      </c>
      <c r="AE9996" s="1"/>
    </row>
    <row r="9997" spans="1:31" ht="14.45">
      <c r="A9997" s="11"/>
      <c r="B9997" s="20"/>
      <c r="C9997" s="2" t="s">
        <v>30738</v>
      </c>
      <c r="D9997" s="14" t="s">
        <v>30739</v>
      </c>
      <c r="E9997" s="2" t="s">
        <v>30740</v>
      </c>
      <c r="F9997" s="2" t="s">
        <v>30476</v>
      </c>
      <c r="G9997" s="8">
        <v>1111</v>
      </c>
      <c r="H9997" s="5">
        <v>15</v>
      </c>
      <c r="I9997" s="5" t="s">
        <v>69</v>
      </c>
      <c r="J9997" s="5" t="s">
        <v>27074</v>
      </c>
      <c r="K9997" s="2" t="s">
        <v>27075</v>
      </c>
      <c r="L9997" s="5" t="s">
        <v>27074</v>
      </c>
      <c r="M9997" s="2" t="s">
        <v>27075</v>
      </c>
      <c r="N9997" s="5" t="s">
        <v>24254</v>
      </c>
      <c r="O9997" s="5" t="s">
        <v>38</v>
      </c>
      <c r="P9997" s="5" t="s">
        <v>39</v>
      </c>
      <c r="Q9997" s="5" t="s">
        <v>40</v>
      </c>
      <c r="R9997" s="5" t="s">
        <v>1487</v>
      </c>
      <c r="S9997" s="5"/>
      <c r="T9997" s="5" t="s">
        <v>42</v>
      </c>
      <c r="U9997" s="2">
        <v>0</v>
      </c>
      <c r="V9997" s="2">
        <v>0</v>
      </c>
      <c r="W9997" s="2">
        <v>0</v>
      </c>
      <c r="X9997" s="2">
        <v>0</v>
      </c>
      <c r="Y9997" s="2">
        <v>0</v>
      </c>
      <c r="Z9997" s="2">
        <v>0</v>
      </c>
      <c r="AA9997" s="5"/>
      <c r="AB9997" s="5" t="s">
        <v>43</v>
      </c>
      <c r="AC9997" s="5" t="s">
        <v>44</v>
      </c>
      <c r="AD9997" s="2" t="s">
        <v>30477</v>
      </c>
      <c r="AE9997" s="1"/>
    </row>
    <row r="9998" spans="1:31" ht="14.45">
      <c r="A9998" s="11"/>
      <c r="B9998" s="20"/>
      <c r="C9998" s="2" t="s">
        <v>30741</v>
      </c>
      <c r="D9998" s="14" t="s">
        <v>30742</v>
      </c>
      <c r="E9998" s="2" t="s">
        <v>30743</v>
      </c>
      <c r="F9998" s="2" t="s">
        <v>30481</v>
      </c>
      <c r="G9998" s="8">
        <v>1111</v>
      </c>
      <c r="H9998" s="5">
        <v>15</v>
      </c>
      <c r="I9998" s="5" t="s">
        <v>69</v>
      </c>
      <c r="J9998" s="5" t="s">
        <v>27074</v>
      </c>
      <c r="K9998" s="2" t="s">
        <v>27075</v>
      </c>
      <c r="L9998" s="5" t="s">
        <v>27074</v>
      </c>
      <c r="M9998" s="2" t="s">
        <v>27075</v>
      </c>
      <c r="N9998" s="5" t="s">
        <v>24254</v>
      </c>
      <c r="O9998" s="5" t="s">
        <v>38</v>
      </c>
      <c r="P9998" s="5" t="s">
        <v>39</v>
      </c>
      <c r="Q9998" s="5" t="s">
        <v>40</v>
      </c>
      <c r="R9998" s="5" t="s">
        <v>1487</v>
      </c>
      <c r="S9998" s="5"/>
      <c r="T9998" s="5" t="s">
        <v>42</v>
      </c>
      <c r="U9998" s="2">
        <v>0</v>
      </c>
      <c r="V9998" s="2">
        <v>0</v>
      </c>
      <c r="W9998" s="2">
        <v>0</v>
      </c>
      <c r="X9998" s="2">
        <v>0</v>
      </c>
      <c r="Y9998" s="2">
        <v>0</v>
      </c>
      <c r="Z9998" s="2">
        <v>0</v>
      </c>
      <c r="AA9998" s="5"/>
      <c r="AB9998" s="5" t="s">
        <v>43</v>
      </c>
      <c r="AC9998" s="5" t="s">
        <v>44</v>
      </c>
      <c r="AD9998" s="2" t="s">
        <v>30482</v>
      </c>
      <c r="AE9998" s="1"/>
    </row>
    <row r="9999" spans="1:31" ht="14.45">
      <c r="A9999" s="11"/>
      <c r="B9999" s="20"/>
      <c r="C9999" s="2" t="s">
        <v>30744</v>
      </c>
      <c r="D9999" s="14" t="s">
        <v>30745</v>
      </c>
      <c r="E9999" s="2" t="s">
        <v>30746</v>
      </c>
      <c r="F9999" s="2" t="s">
        <v>30486</v>
      </c>
      <c r="G9999" s="8">
        <v>965</v>
      </c>
      <c r="H9999" s="5">
        <v>10</v>
      </c>
      <c r="I9999" s="5" t="s">
        <v>69</v>
      </c>
      <c r="J9999" s="5" t="s">
        <v>27074</v>
      </c>
      <c r="K9999" s="2" t="s">
        <v>27075</v>
      </c>
      <c r="L9999" s="5" t="s">
        <v>27074</v>
      </c>
      <c r="M9999" s="2" t="s">
        <v>27075</v>
      </c>
      <c r="N9999" s="5" t="s">
        <v>24254</v>
      </c>
      <c r="O9999" s="5" t="s">
        <v>38</v>
      </c>
      <c r="P9999" s="5" t="s">
        <v>39</v>
      </c>
      <c r="Q9999" s="5" t="s">
        <v>40</v>
      </c>
      <c r="R9999" s="5" t="s">
        <v>1487</v>
      </c>
      <c r="S9999" s="5"/>
      <c r="T9999" s="5" t="s">
        <v>42</v>
      </c>
      <c r="U9999" s="2">
        <v>0</v>
      </c>
      <c r="V9999" s="2">
        <v>0</v>
      </c>
      <c r="W9999" s="2">
        <v>0</v>
      </c>
      <c r="X9999" s="2">
        <v>0</v>
      </c>
      <c r="Y9999" s="2">
        <v>0</v>
      </c>
      <c r="Z9999" s="2">
        <v>0</v>
      </c>
      <c r="AA9999" s="5"/>
      <c r="AB9999" s="5" t="s">
        <v>43</v>
      </c>
      <c r="AC9999" s="5" t="s">
        <v>44</v>
      </c>
      <c r="AD9999" s="2"/>
      <c r="AE9999" s="1"/>
    </row>
    <row r="10000" spans="1:31" ht="14.45">
      <c r="A10000" s="11"/>
      <c r="B10000" s="20"/>
      <c r="C10000" s="2" t="s">
        <v>30747</v>
      </c>
      <c r="D10000" s="14" t="s">
        <v>30748</v>
      </c>
      <c r="E10000" s="2" t="s">
        <v>30749</v>
      </c>
      <c r="F10000" s="2" t="s">
        <v>30490</v>
      </c>
      <c r="G10000" s="8">
        <v>965</v>
      </c>
      <c r="H10000" s="5">
        <v>15</v>
      </c>
      <c r="I10000" s="5" t="s">
        <v>69</v>
      </c>
      <c r="J10000" s="5" t="s">
        <v>27074</v>
      </c>
      <c r="K10000" s="2" t="s">
        <v>27075</v>
      </c>
      <c r="L10000" s="5" t="s">
        <v>27074</v>
      </c>
      <c r="M10000" s="2" t="s">
        <v>27075</v>
      </c>
      <c r="N10000" s="5" t="s">
        <v>24254</v>
      </c>
      <c r="O10000" s="5" t="s">
        <v>38</v>
      </c>
      <c r="P10000" s="5" t="s">
        <v>39</v>
      </c>
      <c r="Q10000" s="5" t="s">
        <v>40</v>
      </c>
      <c r="R10000" s="5" t="s">
        <v>1487</v>
      </c>
      <c r="S10000" s="5"/>
      <c r="T10000" s="5" t="s">
        <v>42</v>
      </c>
      <c r="U10000" s="2">
        <v>0</v>
      </c>
      <c r="V10000" s="2">
        <v>0</v>
      </c>
      <c r="W10000" s="2">
        <v>0</v>
      </c>
      <c r="X10000" s="2">
        <v>0</v>
      </c>
      <c r="Y10000" s="2">
        <v>0</v>
      </c>
      <c r="Z10000" s="2">
        <v>0</v>
      </c>
      <c r="AA10000" s="5"/>
      <c r="AB10000" s="5" t="s">
        <v>43</v>
      </c>
      <c r="AC10000" s="5" t="s">
        <v>44</v>
      </c>
      <c r="AD10000" s="2"/>
      <c r="AE10000" s="1"/>
    </row>
    <row r="10001" spans="1:31" ht="14.45">
      <c r="A10001" s="11"/>
      <c r="B10001" s="20"/>
      <c r="C10001" s="2" t="s">
        <v>30750</v>
      </c>
      <c r="D10001" s="14" t="s">
        <v>30751</v>
      </c>
      <c r="E10001" s="2" t="s">
        <v>30752</v>
      </c>
      <c r="F10001" s="2" t="s">
        <v>30418</v>
      </c>
      <c r="G10001" s="8">
        <v>185</v>
      </c>
      <c r="H10001" s="5">
        <v>10</v>
      </c>
      <c r="I10001" s="5" t="s">
        <v>69</v>
      </c>
      <c r="J10001" s="5" t="s">
        <v>27074</v>
      </c>
      <c r="K10001" s="2" t="s">
        <v>27075</v>
      </c>
      <c r="L10001" s="5" t="s">
        <v>27074</v>
      </c>
      <c r="M10001" s="2" t="s">
        <v>27075</v>
      </c>
      <c r="N10001" s="5" t="s">
        <v>24254</v>
      </c>
      <c r="O10001" s="5" t="s">
        <v>38</v>
      </c>
      <c r="P10001" s="5" t="s">
        <v>39</v>
      </c>
      <c r="Q10001" s="5" t="s">
        <v>40</v>
      </c>
      <c r="R10001" s="5" t="s">
        <v>24335</v>
      </c>
      <c r="S10001" s="5" t="s">
        <v>40</v>
      </c>
      <c r="T10001" s="5" t="s">
        <v>42</v>
      </c>
      <c r="U10001" s="2">
        <v>9.5210000000000008</v>
      </c>
      <c r="V10001" s="2">
        <v>7.7229999999999999</v>
      </c>
      <c r="W10001" s="2">
        <v>0.104</v>
      </c>
      <c r="X10001" s="2">
        <v>12</v>
      </c>
      <c r="Y10001" s="2">
        <v>50</v>
      </c>
      <c r="Z10001" s="2">
        <v>173.9</v>
      </c>
      <c r="AA10001" s="5">
        <v>8</v>
      </c>
      <c r="AB10001" s="5" t="s">
        <v>43</v>
      </c>
      <c r="AC10001" s="5" t="s">
        <v>44</v>
      </c>
      <c r="AD10001" s="2" t="s">
        <v>30419</v>
      </c>
      <c r="AE10001" s="1"/>
    </row>
    <row r="10002" spans="1:31" ht="14.45">
      <c r="A10002" s="11"/>
      <c r="B10002" s="20"/>
      <c r="C10002" s="2" t="s">
        <v>30753</v>
      </c>
      <c r="D10002" s="14" t="s">
        <v>30754</v>
      </c>
      <c r="E10002" s="2" t="s">
        <v>30755</v>
      </c>
      <c r="F10002" s="2" t="s">
        <v>30423</v>
      </c>
      <c r="G10002" s="8">
        <v>185</v>
      </c>
      <c r="H10002" s="5">
        <v>5</v>
      </c>
      <c r="I10002" s="5" t="s">
        <v>69</v>
      </c>
      <c r="J10002" s="5" t="s">
        <v>27074</v>
      </c>
      <c r="K10002" s="2" t="s">
        <v>27075</v>
      </c>
      <c r="L10002" s="5" t="s">
        <v>27074</v>
      </c>
      <c r="M10002" s="2" t="s">
        <v>27075</v>
      </c>
      <c r="N10002" s="5" t="s">
        <v>24254</v>
      </c>
      <c r="O10002" s="5" t="s">
        <v>38</v>
      </c>
      <c r="P10002" s="5" t="s">
        <v>39</v>
      </c>
      <c r="Q10002" s="5" t="s">
        <v>40</v>
      </c>
      <c r="R10002" s="5" t="s">
        <v>24335</v>
      </c>
      <c r="S10002" s="5" t="s">
        <v>40</v>
      </c>
      <c r="T10002" s="5" t="s">
        <v>42</v>
      </c>
      <c r="U10002" s="2">
        <v>6.8979999999999997</v>
      </c>
      <c r="V10002" s="2">
        <v>5.117</v>
      </c>
      <c r="W10002" s="2">
        <v>0.104</v>
      </c>
      <c r="X10002" s="2">
        <v>12</v>
      </c>
      <c r="Y10002" s="2">
        <v>50</v>
      </c>
      <c r="Z10002" s="2">
        <v>173.9</v>
      </c>
      <c r="AA10002" s="5">
        <v>8</v>
      </c>
      <c r="AB10002" s="5" t="s">
        <v>43</v>
      </c>
      <c r="AC10002" s="5" t="s">
        <v>44</v>
      </c>
      <c r="AD10002" s="2" t="s">
        <v>30419</v>
      </c>
      <c r="AE10002" s="1"/>
    </row>
    <row r="10003" spans="1:31" ht="14.45">
      <c r="A10003" s="11"/>
      <c r="B10003" s="20"/>
      <c r="C10003" s="2" t="s">
        <v>30756</v>
      </c>
      <c r="D10003" s="14" t="s">
        <v>30757</v>
      </c>
      <c r="E10003" s="2" t="s">
        <v>30758</v>
      </c>
      <c r="F10003" s="2" t="s">
        <v>30427</v>
      </c>
      <c r="G10003" s="8">
        <v>185</v>
      </c>
      <c r="H10003" s="5">
        <v>10</v>
      </c>
      <c r="I10003" s="5" t="s">
        <v>69</v>
      </c>
      <c r="J10003" s="5" t="s">
        <v>27074</v>
      </c>
      <c r="K10003" s="2" t="s">
        <v>27075</v>
      </c>
      <c r="L10003" s="5" t="s">
        <v>27074</v>
      </c>
      <c r="M10003" s="2" t="s">
        <v>27075</v>
      </c>
      <c r="N10003" s="5" t="s">
        <v>24254</v>
      </c>
      <c r="O10003" s="5" t="s">
        <v>38</v>
      </c>
      <c r="P10003" s="5" t="s">
        <v>39</v>
      </c>
      <c r="Q10003" s="5" t="s">
        <v>40</v>
      </c>
      <c r="R10003" s="5" t="s">
        <v>24335</v>
      </c>
      <c r="S10003" s="5" t="s">
        <v>40</v>
      </c>
      <c r="T10003" s="5" t="s">
        <v>42</v>
      </c>
      <c r="U10003" s="2">
        <v>5.4480000000000004</v>
      </c>
      <c r="V10003" s="2">
        <v>3.7469999999999999</v>
      </c>
      <c r="W10003" s="2">
        <v>0.104</v>
      </c>
      <c r="X10003" s="2">
        <v>12</v>
      </c>
      <c r="Y10003" s="2">
        <v>50</v>
      </c>
      <c r="Z10003" s="2">
        <v>173.9</v>
      </c>
      <c r="AA10003" s="5">
        <v>8</v>
      </c>
      <c r="AB10003" s="5" t="s">
        <v>43</v>
      </c>
      <c r="AC10003" s="5" t="s">
        <v>44</v>
      </c>
      <c r="AD10003" s="2" t="s">
        <v>30419</v>
      </c>
      <c r="AE10003" s="1"/>
    </row>
    <row r="10004" spans="1:31" ht="14.45">
      <c r="A10004" s="11"/>
      <c r="B10004" s="20"/>
      <c r="C10004" s="2" t="s">
        <v>30759</v>
      </c>
      <c r="D10004" s="14" t="s">
        <v>30760</v>
      </c>
      <c r="E10004" s="2" t="s">
        <v>30761</v>
      </c>
      <c r="F10004" s="2" t="s">
        <v>30431</v>
      </c>
      <c r="G10004" s="8">
        <v>185</v>
      </c>
      <c r="H10004" s="5">
        <v>5</v>
      </c>
      <c r="I10004" s="5" t="s">
        <v>69</v>
      </c>
      <c r="J10004" s="5" t="s">
        <v>27074</v>
      </c>
      <c r="K10004" s="2" t="s">
        <v>27075</v>
      </c>
      <c r="L10004" s="5" t="s">
        <v>27074</v>
      </c>
      <c r="M10004" s="2" t="s">
        <v>27075</v>
      </c>
      <c r="N10004" s="5" t="s">
        <v>24254</v>
      </c>
      <c r="O10004" s="5" t="s">
        <v>38</v>
      </c>
      <c r="P10004" s="5" t="s">
        <v>39</v>
      </c>
      <c r="Q10004" s="5" t="s">
        <v>40</v>
      </c>
      <c r="R10004" s="5" t="s">
        <v>24335</v>
      </c>
      <c r="S10004" s="5" t="s">
        <v>40</v>
      </c>
      <c r="T10004" s="5" t="s">
        <v>42</v>
      </c>
      <c r="U10004" s="2">
        <v>6.8879999999999999</v>
      </c>
      <c r="V10004" s="2">
        <v>5.1230000000000002</v>
      </c>
      <c r="W10004" s="2">
        <v>0.104</v>
      </c>
      <c r="X10004" s="2">
        <v>12</v>
      </c>
      <c r="Y10004" s="2">
        <v>50</v>
      </c>
      <c r="Z10004" s="2">
        <v>173.9</v>
      </c>
      <c r="AA10004" s="5">
        <v>10</v>
      </c>
      <c r="AB10004" s="5" t="s">
        <v>43</v>
      </c>
      <c r="AC10004" s="5" t="s">
        <v>44</v>
      </c>
      <c r="AD10004" s="2" t="s">
        <v>30432</v>
      </c>
      <c r="AE10004" s="1"/>
    </row>
    <row r="10005" spans="1:31" ht="14.45">
      <c r="A10005" s="11"/>
      <c r="B10005" s="20"/>
      <c r="C10005" s="2" t="s">
        <v>30762</v>
      </c>
      <c r="D10005" s="14" t="s">
        <v>30763</v>
      </c>
      <c r="E10005" s="2" t="s">
        <v>30764</v>
      </c>
      <c r="F10005" s="2" t="s">
        <v>30440</v>
      </c>
      <c r="G10005" s="8">
        <v>185</v>
      </c>
      <c r="H10005" s="5">
        <v>5</v>
      </c>
      <c r="I10005" s="5" t="s">
        <v>69</v>
      </c>
      <c r="J10005" s="5" t="s">
        <v>27074</v>
      </c>
      <c r="K10005" s="2" t="s">
        <v>27075</v>
      </c>
      <c r="L10005" s="5" t="s">
        <v>27074</v>
      </c>
      <c r="M10005" s="2" t="s">
        <v>27075</v>
      </c>
      <c r="N10005" s="5" t="s">
        <v>24254</v>
      </c>
      <c r="O10005" s="5" t="s">
        <v>38</v>
      </c>
      <c r="P10005" s="5" t="s">
        <v>39</v>
      </c>
      <c r="Q10005" s="5" t="s">
        <v>40</v>
      </c>
      <c r="R10005" s="5" t="s">
        <v>24335</v>
      </c>
      <c r="S10005" s="5" t="s">
        <v>40</v>
      </c>
      <c r="T10005" s="5" t="s">
        <v>42</v>
      </c>
      <c r="U10005" s="2">
        <v>5.4909999999999997</v>
      </c>
      <c r="V10005" s="2">
        <v>3.726</v>
      </c>
      <c r="W10005" s="2">
        <v>0.104</v>
      </c>
      <c r="X10005" s="2">
        <v>12</v>
      </c>
      <c r="Y10005" s="2">
        <v>50</v>
      </c>
      <c r="Z10005" s="2">
        <v>173.9</v>
      </c>
      <c r="AA10005" s="5">
        <v>10</v>
      </c>
      <c r="AB10005" s="5" t="s">
        <v>43</v>
      </c>
      <c r="AC10005" s="5" t="s">
        <v>44</v>
      </c>
      <c r="AD10005" s="2" t="s">
        <v>30441</v>
      </c>
      <c r="AE10005" s="1"/>
    </row>
    <row r="10006" spans="1:31" ht="14.45">
      <c r="A10006" s="11"/>
      <c r="B10006" s="20"/>
      <c r="C10006" s="2" t="s">
        <v>30765</v>
      </c>
      <c r="D10006" s="14" t="s">
        <v>30766</v>
      </c>
      <c r="E10006" s="2" t="s">
        <v>30767</v>
      </c>
      <c r="F10006" s="2" t="s">
        <v>30449</v>
      </c>
      <c r="G10006" s="8">
        <v>185</v>
      </c>
      <c r="H10006" s="5">
        <v>5</v>
      </c>
      <c r="I10006" s="5" t="s">
        <v>69</v>
      </c>
      <c r="J10006" s="5" t="s">
        <v>27074</v>
      </c>
      <c r="K10006" s="2" t="s">
        <v>27075</v>
      </c>
      <c r="L10006" s="5" t="s">
        <v>27074</v>
      </c>
      <c r="M10006" s="2" t="s">
        <v>27075</v>
      </c>
      <c r="N10006" s="5" t="s">
        <v>24254</v>
      </c>
      <c r="O10006" s="5" t="s">
        <v>38</v>
      </c>
      <c r="P10006" s="5" t="s">
        <v>39</v>
      </c>
      <c r="Q10006" s="5" t="s">
        <v>40</v>
      </c>
      <c r="R10006" s="5" t="s">
        <v>24335</v>
      </c>
      <c r="S10006" s="5" t="s">
        <v>40</v>
      </c>
      <c r="T10006" s="5" t="s">
        <v>42</v>
      </c>
      <c r="U10006" s="2">
        <v>6.3719999999999999</v>
      </c>
      <c r="V10006" s="2">
        <v>4.5410000000000004</v>
      </c>
      <c r="W10006" s="2">
        <v>0.104</v>
      </c>
      <c r="X10006" s="2">
        <v>12</v>
      </c>
      <c r="Y10006" s="2">
        <v>50</v>
      </c>
      <c r="Z10006" s="2">
        <v>173.9</v>
      </c>
      <c r="AA10006" s="5">
        <v>10</v>
      </c>
      <c r="AB10006" s="5" t="s">
        <v>43</v>
      </c>
      <c r="AC10006" s="5" t="s">
        <v>44</v>
      </c>
      <c r="AD10006" s="2" t="s">
        <v>30441</v>
      </c>
      <c r="AE10006" s="1"/>
    </row>
    <row r="10007" spans="1:31" ht="14.45">
      <c r="A10007" s="11"/>
      <c r="B10007" s="20"/>
      <c r="C10007" s="2" t="s">
        <v>30768</v>
      </c>
      <c r="D10007" s="14" t="s">
        <v>30769</v>
      </c>
      <c r="E10007" s="2" t="s">
        <v>30770</v>
      </c>
      <c r="F10007" s="2" t="s">
        <v>30449</v>
      </c>
      <c r="G10007" s="8">
        <v>185</v>
      </c>
      <c r="H10007" s="5">
        <v>5</v>
      </c>
      <c r="I10007" s="5" t="s">
        <v>69</v>
      </c>
      <c r="J10007" s="5" t="s">
        <v>27074</v>
      </c>
      <c r="K10007" s="2" t="s">
        <v>27075</v>
      </c>
      <c r="L10007" s="5" t="s">
        <v>27074</v>
      </c>
      <c r="M10007" s="2" t="s">
        <v>27075</v>
      </c>
      <c r="N10007" s="5" t="s">
        <v>24254</v>
      </c>
      <c r="O10007" s="5" t="s">
        <v>38</v>
      </c>
      <c r="P10007" s="5" t="s">
        <v>39</v>
      </c>
      <c r="Q10007" s="5" t="s">
        <v>40</v>
      </c>
      <c r="R10007" s="5" t="s">
        <v>24335</v>
      </c>
      <c r="S10007" s="5" t="s">
        <v>40</v>
      </c>
      <c r="T10007" s="5" t="s">
        <v>42</v>
      </c>
      <c r="U10007" s="2">
        <v>6.6470000000000002</v>
      </c>
      <c r="V10007" s="2">
        <v>4.8159999999999998</v>
      </c>
      <c r="W10007" s="2">
        <v>0.104</v>
      </c>
      <c r="X10007" s="2">
        <v>12</v>
      </c>
      <c r="Y10007" s="2">
        <v>50</v>
      </c>
      <c r="Z10007" s="2">
        <v>173.9</v>
      </c>
      <c r="AA10007" s="5">
        <v>10</v>
      </c>
      <c r="AB10007" s="5" t="s">
        <v>43</v>
      </c>
      <c r="AC10007" s="5" t="s">
        <v>44</v>
      </c>
      <c r="AD10007" s="2" t="s">
        <v>30445</v>
      </c>
      <c r="AE10007" s="1"/>
    </row>
    <row r="10008" spans="1:31" ht="14.45">
      <c r="A10008" s="11"/>
      <c r="B10008" s="20"/>
      <c r="C10008" s="2" t="s">
        <v>30771</v>
      </c>
      <c r="D10008" s="14" t="s">
        <v>30772</v>
      </c>
      <c r="E10008" s="2" t="s">
        <v>30773</v>
      </c>
      <c r="F10008" s="2" t="s">
        <v>30456</v>
      </c>
      <c r="G10008" s="8">
        <v>336</v>
      </c>
      <c r="H10008" s="5">
        <v>5</v>
      </c>
      <c r="I10008" s="5" t="s">
        <v>69</v>
      </c>
      <c r="J10008" s="5" t="s">
        <v>27074</v>
      </c>
      <c r="K10008" s="2" t="s">
        <v>27075</v>
      </c>
      <c r="L10008" s="5" t="s">
        <v>27074</v>
      </c>
      <c r="M10008" s="2" t="s">
        <v>27075</v>
      </c>
      <c r="N10008" s="5" t="s">
        <v>24254</v>
      </c>
      <c r="O10008" s="5" t="s">
        <v>38</v>
      </c>
      <c r="P10008" s="5" t="s">
        <v>39</v>
      </c>
      <c r="Q10008" s="5" t="s">
        <v>40</v>
      </c>
      <c r="R10008" s="5" t="s">
        <v>24335</v>
      </c>
      <c r="S10008" s="5" t="s">
        <v>40</v>
      </c>
      <c r="T10008" s="5" t="s">
        <v>42</v>
      </c>
      <c r="U10008" s="2">
        <v>13.898</v>
      </c>
      <c r="V10008" s="2">
        <v>11.180999999999999</v>
      </c>
      <c r="W10008" s="2">
        <v>0.16</v>
      </c>
      <c r="X10008" s="2">
        <v>12</v>
      </c>
      <c r="Y10008" s="2">
        <v>77</v>
      </c>
      <c r="Z10008" s="2">
        <v>173.4</v>
      </c>
      <c r="AA10008" s="5">
        <v>8</v>
      </c>
      <c r="AB10008" s="5" t="s">
        <v>43</v>
      </c>
      <c r="AC10008" s="5" t="s">
        <v>44</v>
      </c>
      <c r="AD10008" s="2" t="s">
        <v>30457</v>
      </c>
      <c r="AE10008" s="1"/>
    </row>
    <row r="10009" spans="1:31" ht="14.45">
      <c r="A10009" s="11"/>
      <c r="B10009" s="20"/>
      <c r="C10009" s="2" t="s">
        <v>30774</v>
      </c>
      <c r="D10009" s="14" t="s">
        <v>30775</v>
      </c>
      <c r="E10009" s="2" t="s">
        <v>30776</v>
      </c>
      <c r="F10009" s="2" t="s">
        <v>30529</v>
      </c>
      <c r="G10009" s="8">
        <v>336</v>
      </c>
      <c r="H10009" s="5">
        <v>10</v>
      </c>
      <c r="I10009" s="5" t="s">
        <v>69</v>
      </c>
      <c r="J10009" s="5" t="s">
        <v>27074</v>
      </c>
      <c r="K10009" s="2" t="s">
        <v>27075</v>
      </c>
      <c r="L10009" s="5" t="s">
        <v>27074</v>
      </c>
      <c r="M10009" s="2" t="s">
        <v>27075</v>
      </c>
      <c r="N10009" s="5" t="s">
        <v>24254</v>
      </c>
      <c r="O10009" s="5" t="s">
        <v>38</v>
      </c>
      <c r="P10009" s="5" t="s">
        <v>39</v>
      </c>
      <c r="Q10009" s="5" t="s">
        <v>40</v>
      </c>
      <c r="R10009" s="5" t="s">
        <v>24340</v>
      </c>
      <c r="S10009" s="5" t="s">
        <v>40</v>
      </c>
      <c r="T10009" s="5" t="s">
        <v>42</v>
      </c>
      <c r="U10009" s="2">
        <v>8.298</v>
      </c>
      <c r="V10009" s="2">
        <v>6.5970000000000004</v>
      </c>
      <c r="W10009" s="2">
        <v>0.104</v>
      </c>
      <c r="X10009" s="2">
        <v>12</v>
      </c>
      <c r="Y10009" s="2">
        <v>50</v>
      </c>
      <c r="Z10009" s="2">
        <v>173.9</v>
      </c>
      <c r="AA10009" s="5">
        <v>8</v>
      </c>
      <c r="AB10009" s="5" t="s">
        <v>43</v>
      </c>
      <c r="AC10009" s="5" t="s">
        <v>44</v>
      </c>
      <c r="AD10009" s="2" t="s">
        <v>30525</v>
      </c>
      <c r="AE10009" s="1"/>
    </row>
    <row r="10010" spans="1:31" ht="14.45">
      <c r="A10010" s="11"/>
      <c r="B10010" s="20"/>
      <c r="C10010" s="2" t="s">
        <v>30777</v>
      </c>
      <c r="D10010" s="14" t="s">
        <v>30778</v>
      </c>
      <c r="E10010" s="2" t="s">
        <v>30779</v>
      </c>
      <c r="F10010" s="2" t="s">
        <v>30461</v>
      </c>
      <c r="G10010" s="8">
        <v>638</v>
      </c>
      <c r="H10010" s="5">
        <v>10</v>
      </c>
      <c r="I10010" s="5" t="s">
        <v>69</v>
      </c>
      <c r="J10010" s="5" t="s">
        <v>27074</v>
      </c>
      <c r="K10010" s="2" t="s">
        <v>27075</v>
      </c>
      <c r="L10010" s="5" t="s">
        <v>27074</v>
      </c>
      <c r="M10010" s="2" t="s">
        <v>27075</v>
      </c>
      <c r="N10010" s="5" t="s">
        <v>24254</v>
      </c>
      <c r="O10010" s="5" t="s">
        <v>38</v>
      </c>
      <c r="P10010" s="5" t="s">
        <v>39</v>
      </c>
      <c r="Q10010" s="5" t="s">
        <v>40</v>
      </c>
      <c r="R10010" s="5" t="s">
        <v>24340</v>
      </c>
      <c r="S10010" s="5" t="s">
        <v>40</v>
      </c>
      <c r="T10010" s="5" t="s">
        <v>42</v>
      </c>
      <c r="U10010" s="2">
        <v>25.146999999999998</v>
      </c>
      <c r="V10010" s="2">
        <v>22.417999999999999</v>
      </c>
      <c r="W10010" s="2">
        <v>0.16</v>
      </c>
      <c r="X10010" s="2">
        <v>12</v>
      </c>
      <c r="Y10010" s="2">
        <v>77</v>
      </c>
      <c r="Z10010" s="2">
        <v>173.4</v>
      </c>
      <c r="AA10010" s="5">
        <v>8</v>
      </c>
      <c r="AB10010" s="5" t="s">
        <v>43</v>
      </c>
      <c r="AC10010" s="5" t="s">
        <v>44</v>
      </c>
      <c r="AD10010" s="2" t="s">
        <v>30462</v>
      </c>
      <c r="AE10010" s="1"/>
    </row>
    <row r="10011" spans="1:31" ht="14.45">
      <c r="A10011" s="11"/>
      <c r="B10011" s="20"/>
      <c r="C10011" s="2" t="s">
        <v>30780</v>
      </c>
      <c r="D10011" s="14" t="s">
        <v>30781</v>
      </c>
      <c r="E10011" s="2" t="s">
        <v>30782</v>
      </c>
      <c r="F10011" s="2" t="s">
        <v>30541</v>
      </c>
      <c r="G10011" s="8">
        <v>336</v>
      </c>
      <c r="H10011" s="5">
        <v>10</v>
      </c>
      <c r="I10011" s="5" t="s">
        <v>69</v>
      </c>
      <c r="J10011" s="5" t="s">
        <v>27074</v>
      </c>
      <c r="K10011" s="2" t="s">
        <v>27075</v>
      </c>
      <c r="L10011" s="5" t="s">
        <v>27074</v>
      </c>
      <c r="M10011" s="2" t="s">
        <v>27075</v>
      </c>
      <c r="N10011" s="5" t="s">
        <v>24254</v>
      </c>
      <c r="O10011" s="5" t="s">
        <v>38</v>
      </c>
      <c r="P10011" s="5" t="s">
        <v>39</v>
      </c>
      <c r="Q10011" s="5" t="s">
        <v>40</v>
      </c>
      <c r="R10011" s="5" t="s">
        <v>25301</v>
      </c>
      <c r="S10011" s="5" t="s">
        <v>40</v>
      </c>
      <c r="T10011" s="5" t="s">
        <v>42</v>
      </c>
      <c r="U10011" s="2">
        <v>15.789</v>
      </c>
      <c r="V10011" s="2">
        <v>13.978</v>
      </c>
      <c r="W10011" s="2">
        <v>0.104</v>
      </c>
      <c r="X10011" s="2">
        <v>12</v>
      </c>
      <c r="Y10011" s="2">
        <v>50</v>
      </c>
      <c r="Z10011" s="2">
        <v>173.9</v>
      </c>
      <c r="AA10011" s="5">
        <v>8</v>
      </c>
      <c r="AB10011" s="5" t="s">
        <v>43</v>
      </c>
      <c r="AC10011" s="5" t="s">
        <v>44</v>
      </c>
      <c r="AD10011" s="2" t="s">
        <v>30542</v>
      </c>
      <c r="AE10011" s="1"/>
    </row>
    <row r="10012" spans="1:31" ht="14.45">
      <c r="A10012" s="11"/>
      <c r="B10012" s="20"/>
      <c r="C10012" s="2" t="s">
        <v>30783</v>
      </c>
      <c r="D10012" s="14" t="s">
        <v>30784</v>
      </c>
      <c r="E10012" s="2" t="s">
        <v>30785</v>
      </c>
      <c r="F10012" s="2" t="s">
        <v>30546</v>
      </c>
      <c r="G10012" s="8">
        <v>336</v>
      </c>
      <c r="H10012" s="5">
        <v>10</v>
      </c>
      <c r="I10012" s="5" t="s">
        <v>69</v>
      </c>
      <c r="J10012" s="5" t="s">
        <v>27074</v>
      </c>
      <c r="K10012" s="2" t="s">
        <v>27075</v>
      </c>
      <c r="L10012" s="5" t="s">
        <v>27074</v>
      </c>
      <c r="M10012" s="2" t="s">
        <v>27075</v>
      </c>
      <c r="N10012" s="5" t="s">
        <v>24254</v>
      </c>
      <c r="O10012" s="5" t="s">
        <v>38</v>
      </c>
      <c r="P10012" s="5" t="s">
        <v>39</v>
      </c>
      <c r="Q10012" s="5" t="s">
        <v>40</v>
      </c>
      <c r="R10012" s="5" t="s">
        <v>25301</v>
      </c>
      <c r="S10012" s="5" t="s">
        <v>40</v>
      </c>
      <c r="T10012" s="5" t="s">
        <v>42</v>
      </c>
      <c r="U10012" s="2">
        <v>7.7240000000000002</v>
      </c>
      <c r="V10012" s="2">
        <v>6.0220000000000002</v>
      </c>
      <c r="W10012" s="2">
        <v>0.104</v>
      </c>
      <c r="X10012" s="2">
        <v>12</v>
      </c>
      <c r="Y10012" s="2">
        <v>50</v>
      </c>
      <c r="Z10012" s="2">
        <v>173.9</v>
      </c>
      <c r="AA10012" s="5">
        <v>8</v>
      </c>
      <c r="AB10012" s="5" t="s">
        <v>43</v>
      </c>
      <c r="AC10012" s="5" t="s">
        <v>44</v>
      </c>
      <c r="AD10012" s="2" t="s">
        <v>30542</v>
      </c>
      <c r="AE10012" s="1"/>
    </row>
    <row r="10013" spans="1:31" ht="14.45">
      <c r="A10013" s="11"/>
      <c r="B10013" s="20"/>
      <c r="C10013" s="2" t="s">
        <v>30786</v>
      </c>
      <c r="D10013" s="14" t="s">
        <v>30787</v>
      </c>
      <c r="E10013" s="2" t="s">
        <v>30788</v>
      </c>
      <c r="F10013" s="2" t="s">
        <v>30466</v>
      </c>
      <c r="G10013" s="8">
        <v>675</v>
      </c>
      <c r="H10013" s="5">
        <v>5</v>
      </c>
      <c r="I10013" s="5" t="s">
        <v>69</v>
      </c>
      <c r="J10013" s="5" t="s">
        <v>27074</v>
      </c>
      <c r="K10013" s="2" t="s">
        <v>27075</v>
      </c>
      <c r="L10013" s="5" t="s">
        <v>27074</v>
      </c>
      <c r="M10013" s="2" t="s">
        <v>27075</v>
      </c>
      <c r="N10013" s="5" t="s">
        <v>24254</v>
      </c>
      <c r="O10013" s="5" t="s">
        <v>38</v>
      </c>
      <c r="P10013" s="5" t="s">
        <v>39</v>
      </c>
      <c r="Q10013" s="5" t="s">
        <v>40</v>
      </c>
      <c r="R10013" s="5" t="s">
        <v>1487</v>
      </c>
      <c r="S10013" s="5"/>
      <c r="T10013" s="5" t="s">
        <v>42</v>
      </c>
      <c r="U10013" s="2">
        <v>0</v>
      </c>
      <c r="V10013" s="2">
        <v>0</v>
      </c>
      <c r="W10013" s="2">
        <v>0</v>
      </c>
      <c r="X10013" s="2">
        <v>0</v>
      </c>
      <c r="Y10013" s="2">
        <v>0</v>
      </c>
      <c r="Z10013" s="2">
        <v>0</v>
      </c>
      <c r="AA10013" s="5"/>
      <c r="AB10013" s="5" t="s">
        <v>43</v>
      </c>
      <c r="AC10013" s="5" t="s">
        <v>44</v>
      </c>
      <c r="AD10013" s="2" t="s">
        <v>30467</v>
      </c>
      <c r="AE10013" s="1"/>
    </row>
    <row r="10014" spans="1:31" ht="14.45">
      <c r="A10014" s="11"/>
      <c r="B10014" s="20"/>
      <c r="C10014" s="2" t="s">
        <v>30789</v>
      </c>
      <c r="D10014" s="14" t="s">
        <v>30790</v>
      </c>
      <c r="E10014" s="2" t="s">
        <v>30791</v>
      </c>
      <c r="F10014" s="2" t="s">
        <v>30471</v>
      </c>
      <c r="G10014" s="8">
        <v>675</v>
      </c>
      <c r="H10014" s="5">
        <v>15</v>
      </c>
      <c r="I10014" s="5" t="s">
        <v>69</v>
      </c>
      <c r="J10014" s="5" t="s">
        <v>27074</v>
      </c>
      <c r="K10014" s="2" t="s">
        <v>27075</v>
      </c>
      <c r="L10014" s="5" t="s">
        <v>27074</v>
      </c>
      <c r="M10014" s="2" t="s">
        <v>27075</v>
      </c>
      <c r="N10014" s="5" t="s">
        <v>24254</v>
      </c>
      <c r="O10014" s="5" t="s">
        <v>38</v>
      </c>
      <c r="P10014" s="5" t="s">
        <v>39</v>
      </c>
      <c r="Q10014" s="5" t="s">
        <v>40</v>
      </c>
      <c r="R10014" s="5" t="s">
        <v>1487</v>
      </c>
      <c r="S10014" s="5"/>
      <c r="T10014" s="5" t="s">
        <v>42</v>
      </c>
      <c r="U10014" s="2">
        <v>0</v>
      </c>
      <c r="V10014" s="2">
        <v>0</v>
      </c>
      <c r="W10014" s="2">
        <v>0</v>
      </c>
      <c r="X10014" s="2">
        <v>0</v>
      </c>
      <c r="Y10014" s="2">
        <v>0</v>
      </c>
      <c r="Z10014" s="2">
        <v>0</v>
      </c>
      <c r="AA10014" s="5"/>
      <c r="AB10014" s="5" t="s">
        <v>43</v>
      </c>
      <c r="AC10014" s="5" t="s">
        <v>44</v>
      </c>
      <c r="AD10014" s="2" t="s">
        <v>30472</v>
      </c>
      <c r="AE10014" s="1"/>
    </row>
    <row r="10015" spans="1:31" ht="14.45">
      <c r="A10015" s="11"/>
      <c r="B10015" s="20"/>
      <c r="C10015" s="2" t="s">
        <v>30792</v>
      </c>
      <c r="D10015" s="14" t="s">
        <v>30793</v>
      </c>
      <c r="E10015" s="2" t="s">
        <v>30794</v>
      </c>
      <c r="F10015" s="2" t="s">
        <v>30476</v>
      </c>
      <c r="G10015" s="8">
        <v>1131</v>
      </c>
      <c r="H10015" s="5">
        <v>15</v>
      </c>
      <c r="I10015" s="5" t="s">
        <v>69</v>
      </c>
      <c r="J10015" s="5" t="s">
        <v>27074</v>
      </c>
      <c r="K10015" s="2" t="s">
        <v>27075</v>
      </c>
      <c r="L10015" s="5" t="s">
        <v>27074</v>
      </c>
      <c r="M10015" s="2" t="s">
        <v>27075</v>
      </c>
      <c r="N10015" s="5" t="s">
        <v>24254</v>
      </c>
      <c r="O10015" s="5" t="s">
        <v>38</v>
      </c>
      <c r="P10015" s="5" t="s">
        <v>39</v>
      </c>
      <c r="Q10015" s="5" t="s">
        <v>40</v>
      </c>
      <c r="R10015" s="5" t="s">
        <v>1487</v>
      </c>
      <c r="S10015" s="5"/>
      <c r="T10015" s="5" t="s">
        <v>42</v>
      </c>
      <c r="U10015" s="2">
        <v>0</v>
      </c>
      <c r="V10015" s="2">
        <v>0</v>
      </c>
      <c r="W10015" s="2">
        <v>0</v>
      </c>
      <c r="X10015" s="2">
        <v>0</v>
      </c>
      <c r="Y10015" s="2">
        <v>0</v>
      </c>
      <c r="Z10015" s="2">
        <v>0</v>
      </c>
      <c r="AA10015" s="5"/>
      <c r="AB10015" s="5" t="s">
        <v>43</v>
      </c>
      <c r="AC10015" s="5" t="s">
        <v>44</v>
      </c>
      <c r="AD10015" s="2" t="s">
        <v>30477</v>
      </c>
      <c r="AE10015" s="1"/>
    </row>
    <row r="10016" spans="1:31" ht="14.45">
      <c r="A10016" s="11"/>
      <c r="B10016" s="20"/>
      <c r="C10016" s="2" t="s">
        <v>30795</v>
      </c>
      <c r="D10016" s="14" t="s">
        <v>30796</v>
      </c>
      <c r="E10016" s="2" t="s">
        <v>30797</v>
      </c>
      <c r="F10016" s="2" t="s">
        <v>30481</v>
      </c>
      <c r="G10016" s="8">
        <v>1131</v>
      </c>
      <c r="H10016" s="5">
        <v>15</v>
      </c>
      <c r="I10016" s="5" t="s">
        <v>69</v>
      </c>
      <c r="J10016" s="5" t="s">
        <v>27074</v>
      </c>
      <c r="K10016" s="2" t="s">
        <v>27075</v>
      </c>
      <c r="L10016" s="5" t="s">
        <v>27074</v>
      </c>
      <c r="M10016" s="2" t="s">
        <v>27075</v>
      </c>
      <c r="N10016" s="5" t="s">
        <v>24254</v>
      </c>
      <c r="O10016" s="5" t="s">
        <v>38</v>
      </c>
      <c r="P10016" s="5" t="s">
        <v>39</v>
      </c>
      <c r="Q10016" s="5" t="s">
        <v>40</v>
      </c>
      <c r="R10016" s="5" t="s">
        <v>1487</v>
      </c>
      <c r="S10016" s="5"/>
      <c r="T10016" s="5" t="s">
        <v>42</v>
      </c>
      <c r="U10016" s="2">
        <v>0</v>
      </c>
      <c r="V10016" s="2">
        <v>0</v>
      </c>
      <c r="W10016" s="2">
        <v>0</v>
      </c>
      <c r="X10016" s="2">
        <v>0</v>
      </c>
      <c r="Y10016" s="2">
        <v>0</v>
      </c>
      <c r="Z10016" s="2">
        <v>0</v>
      </c>
      <c r="AA10016" s="5"/>
      <c r="AB10016" s="5" t="s">
        <v>43</v>
      </c>
      <c r="AC10016" s="5" t="s">
        <v>44</v>
      </c>
      <c r="AD10016" s="2" t="s">
        <v>30482</v>
      </c>
      <c r="AE10016" s="1"/>
    </row>
    <row r="10017" spans="1:31" ht="14.45">
      <c r="A10017" s="11"/>
      <c r="B10017" s="20"/>
      <c r="C10017" s="2" t="s">
        <v>30798</v>
      </c>
      <c r="D10017" s="14" t="s">
        <v>30799</v>
      </c>
      <c r="E10017" s="2" t="s">
        <v>30800</v>
      </c>
      <c r="F10017" s="2" t="s">
        <v>30486</v>
      </c>
      <c r="G10017" s="8">
        <v>977</v>
      </c>
      <c r="H10017" s="5">
        <v>10</v>
      </c>
      <c r="I10017" s="5" t="s">
        <v>69</v>
      </c>
      <c r="J10017" s="5" t="s">
        <v>27074</v>
      </c>
      <c r="K10017" s="2" t="s">
        <v>27075</v>
      </c>
      <c r="L10017" s="5" t="s">
        <v>27074</v>
      </c>
      <c r="M10017" s="2" t="s">
        <v>27075</v>
      </c>
      <c r="N10017" s="5" t="s">
        <v>24254</v>
      </c>
      <c r="O10017" s="5" t="s">
        <v>38</v>
      </c>
      <c r="P10017" s="5" t="s">
        <v>39</v>
      </c>
      <c r="Q10017" s="5" t="s">
        <v>40</v>
      </c>
      <c r="R10017" s="5" t="s">
        <v>1487</v>
      </c>
      <c r="S10017" s="5"/>
      <c r="T10017" s="5" t="s">
        <v>42</v>
      </c>
      <c r="U10017" s="2">
        <v>0</v>
      </c>
      <c r="V10017" s="2">
        <v>0</v>
      </c>
      <c r="W10017" s="2">
        <v>0</v>
      </c>
      <c r="X10017" s="2">
        <v>0</v>
      </c>
      <c r="Y10017" s="2">
        <v>0</v>
      </c>
      <c r="Z10017" s="2">
        <v>0</v>
      </c>
      <c r="AA10017" s="5"/>
      <c r="AB10017" s="5" t="s">
        <v>43</v>
      </c>
      <c r="AC10017" s="5" t="s">
        <v>44</v>
      </c>
      <c r="AD10017" s="2"/>
      <c r="AE10017" s="1"/>
    </row>
    <row r="10018" spans="1:31" ht="14.45">
      <c r="A10018" s="11"/>
      <c r="B10018" s="20"/>
      <c r="C10018" s="2" t="s">
        <v>30801</v>
      </c>
      <c r="D10018" s="14" t="s">
        <v>30802</v>
      </c>
      <c r="E10018" s="2" t="s">
        <v>30803</v>
      </c>
      <c r="F10018" s="2" t="s">
        <v>30490</v>
      </c>
      <c r="G10018" s="8">
        <v>977</v>
      </c>
      <c r="H10018" s="5">
        <v>15</v>
      </c>
      <c r="I10018" s="5" t="s">
        <v>69</v>
      </c>
      <c r="J10018" s="5" t="s">
        <v>27074</v>
      </c>
      <c r="K10018" s="2" t="s">
        <v>27075</v>
      </c>
      <c r="L10018" s="5" t="s">
        <v>27074</v>
      </c>
      <c r="M10018" s="2" t="s">
        <v>27075</v>
      </c>
      <c r="N10018" s="5" t="s">
        <v>24254</v>
      </c>
      <c r="O10018" s="5" t="s">
        <v>38</v>
      </c>
      <c r="P10018" s="5" t="s">
        <v>39</v>
      </c>
      <c r="Q10018" s="5" t="s">
        <v>40</v>
      </c>
      <c r="R10018" s="5" t="s">
        <v>1487</v>
      </c>
      <c r="S10018" s="5"/>
      <c r="T10018" s="5" t="s">
        <v>42</v>
      </c>
      <c r="U10018" s="2">
        <v>0</v>
      </c>
      <c r="V10018" s="2">
        <v>0</v>
      </c>
      <c r="W10018" s="2">
        <v>0</v>
      </c>
      <c r="X10018" s="2">
        <v>0</v>
      </c>
      <c r="Y10018" s="2">
        <v>0</v>
      </c>
      <c r="Z10018" s="2">
        <v>0</v>
      </c>
      <c r="AA10018" s="5"/>
      <c r="AB10018" s="5" t="s">
        <v>43</v>
      </c>
      <c r="AC10018" s="5" t="s">
        <v>44</v>
      </c>
      <c r="AD10018" s="2"/>
      <c r="AE10018" s="1"/>
    </row>
    <row r="10019" spans="1:31" ht="14.45">
      <c r="A10019" s="11"/>
      <c r="B10019" s="20"/>
      <c r="C10019" s="2" t="s">
        <v>30804</v>
      </c>
      <c r="D10019" s="14" t="s">
        <v>30805</v>
      </c>
      <c r="E10019" s="2" t="s">
        <v>30806</v>
      </c>
      <c r="F10019" s="2" t="s">
        <v>30418</v>
      </c>
      <c r="G10019" s="8">
        <v>175</v>
      </c>
      <c r="H10019" s="5">
        <v>10</v>
      </c>
      <c r="I10019" s="5" t="s">
        <v>69</v>
      </c>
      <c r="J10019" s="5" t="s">
        <v>27074</v>
      </c>
      <c r="K10019" s="2" t="s">
        <v>27075</v>
      </c>
      <c r="L10019" s="5" t="s">
        <v>27074</v>
      </c>
      <c r="M10019" s="2" t="s">
        <v>27075</v>
      </c>
      <c r="N10019" s="5" t="s">
        <v>24254</v>
      </c>
      <c r="O10019" s="5" t="s">
        <v>38</v>
      </c>
      <c r="P10019" s="5" t="s">
        <v>39</v>
      </c>
      <c r="Q10019" s="5" t="s">
        <v>40</v>
      </c>
      <c r="R10019" s="5" t="s">
        <v>24335</v>
      </c>
      <c r="S10019" s="5" t="s">
        <v>40</v>
      </c>
      <c r="T10019" s="5" t="s">
        <v>42</v>
      </c>
      <c r="U10019" s="2">
        <v>8.3529999999999998</v>
      </c>
      <c r="V10019" s="2">
        <v>6.8230000000000004</v>
      </c>
      <c r="W10019" s="2">
        <v>8.3000000000000004E-2</v>
      </c>
      <c r="X10019" s="2">
        <v>12</v>
      </c>
      <c r="Y10019" s="2">
        <v>50</v>
      </c>
      <c r="Z10019" s="2">
        <v>137.9</v>
      </c>
      <c r="AA10019" s="5">
        <v>8</v>
      </c>
      <c r="AB10019" s="5" t="s">
        <v>43</v>
      </c>
      <c r="AC10019" s="5" t="s">
        <v>44</v>
      </c>
      <c r="AD10019" s="2" t="s">
        <v>30419</v>
      </c>
      <c r="AE10019" s="1"/>
    </row>
    <row r="10020" spans="1:31" ht="14.45">
      <c r="A10020" s="11"/>
      <c r="B10020" s="20"/>
      <c r="C10020" s="2" t="s">
        <v>30807</v>
      </c>
      <c r="D10020" s="14" t="s">
        <v>30808</v>
      </c>
      <c r="E10020" s="2" t="s">
        <v>30809</v>
      </c>
      <c r="F10020" s="2" t="s">
        <v>30423</v>
      </c>
      <c r="G10020" s="8">
        <v>175</v>
      </c>
      <c r="H10020" s="5">
        <v>5</v>
      </c>
      <c r="I10020" s="5" t="s">
        <v>69</v>
      </c>
      <c r="J10020" s="5" t="s">
        <v>27074</v>
      </c>
      <c r="K10020" s="2" t="s">
        <v>27075</v>
      </c>
      <c r="L10020" s="5" t="s">
        <v>27074</v>
      </c>
      <c r="M10020" s="2" t="s">
        <v>27075</v>
      </c>
      <c r="N10020" s="5" t="s">
        <v>24254</v>
      </c>
      <c r="O10020" s="5" t="s">
        <v>38</v>
      </c>
      <c r="P10020" s="5" t="s">
        <v>39</v>
      </c>
      <c r="Q10020" s="5" t="s">
        <v>40</v>
      </c>
      <c r="R10020" s="5" t="s">
        <v>24335</v>
      </c>
      <c r="S10020" s="5" t="s">
        <v>40</v>
      </c>
      <c r="T10020" s="5" t="s">
        <v>42</v>
      </c>
      <c r="U10020" s="2">
        <v>6.4889999999999999</v>
      </c>
      <c r="V10020" s="2">
        <v>4.6369999999999996</v>
      </c>
      <c r="W10020" s="2">
        <v>8.3000000000000004E-2</v>
      </c>
      <c r="X10020" s="2">
        <v>12</v>
      </c>
      <c r="Y10020" s="2">
        <v>50</v>
      </c>
      <c r="Z10020" s="2">
        <v>137.9</v>
      </c>
      <c r="AA10020" s="5">
        <v>8</v>
      </c>
      <c r="AB10020" s="5" t="s">
        <v>43</v>
      </c>
      <c r="AC10020" s="5" t="s">
        <v>44</v>
      </c>
      <c r="AD10020" s="2" t="s">
        <v>30419</v>
      </c>
      <c r="AE10020" s="1"/>
    </row>
    <row r="10021" spans="1:31" ht="14.45">
      <c r="A10021" s="11"/>
      <c r="B10021" s="20"/>
      <c r="C10021" s="2" t="s">
        <v>30810</v>
      </c>
      <c r="D10021" s="14" t="s">
        <v>30811</v>
      </c>
      <c r="E10021" s="2" t="s">
        <v>30812</v>
      </c>
      <c r="F10021" s="2" t="s">
        <v>30427</v>
      </c>
      <c r="G10021" s="8">
        <v>175</v>
      </c>
      <c r="H10021" s="5">
        <v>10</v>
      </c>
      <c r="I10021" s="5" t="s">
        <v>69</v>
      </c>
      <c r="J10021" s="5" t="s">
        <v>27074</v>
      </c>
      <c r="K10021" s="2" t="s">
        <v>27075</v>
      </c>
      <c r="L10021" s="5" t="s">
        <v>27074</v>
      </c>
      <c r="M10021" s="2" t="s">
        <v>27075</v>
      </c>
      <c r="N10021" s="5" t="s">
        <v>24254</v>
      </c>
      <c r="O10021" s="5" t="s">
        <v>38</v>
      </c>
      <c r="P10021" s="5" t="s">
        <v>39</v>
      </c>
      <c r="Q10021" s="5" t="s">
        <v>40</v>
      </c>
      <c r="R10021" s="5" t="s">
        <v>24335</v>
      </c>
      <c r="S10021" s="5" t="s">
        <v>40</v>
      </c>
      <c r="T10021" s="5" t="s">
        <v>42</v>
      </c>
      <c r="U10021" s="2">
        <v>4.883</v>
      </c>
      <c r="V10021" s="2">
        <v>3.45</v>
      </c>
      <c r="W10021" s="2">
        <v>8.3000000000000004E-2</v>
      </c>
      <c r="X10021" s="2">
        <v>12</v>
      </c>
      <c r="Y10021" s="2">
        <v>50</v>
      </c>
      <c r="Z10021" s="2">
        <v>137.9</v>
      </c>
      <c r="AA10021" s="5">
        <v>8</v>
      </c>
      <c r="AB10021" s="5" t="s">
        <v>43</v>
      </c>
      <c r="AC10021" s="5" t="s">
        <v>44</v>
      </c>
      <c r="AD10021" s="2" t="s">
        <v>30419</v>
      </c>
      <c r="AE10021" s="1"/>
    </row>
    <row r="10022" spans="1:31" ht="14.45">
      <c r="A10022" s="11"/>
      <c r="B10022" s="20"/>
      <c r="C10022" s="2" t="s">
        <v>30813</v>
      </c>
      <c r="D10022" s="14" t="s">
        <v>30814</v>
      </c>
      <c r="E10022" s="2" t="s">
        <v>30815</v>
      </c>
      <c r="F10022" s="2" t="s">
        <v>30431</v>
      </c>
      <c r="G10022" s="8">
        <v>175</v>
      </c>
      <c r="H10022" s="5">
        <v>5</v>
      </c>
      <c r="I10022" s="5" t="s">
        <v>69</v>
      </c>
      <c r="J10022" s="5" t="s">
        <v>27074</v>
      </c>
      <c r="K10022" s="2" t="s">
        <v>27075</v>
      </c>
      <c r="L10022" s="5" t="s">
        <v>27074</v>
      </c>
      <c r="M10022" s="2" t="s">
        <v>27075</v>
      </c>
      <c r="N10022" s="5" t="s">
        <v>24254</v>
      </c>
      <c r="O10022" s="5" t="s">
        <v>38</v>
      </c>
      <c r="P10022" s="5" t="s">
        <v>39</v>
      </c>
      <c r="Q10022" s="5" t="s">
        <v>40</v>
      </c>
      <c r="R10022" s="5" t="s">
        <v>24335</v>
      </c>
      <c r="S10022" s="5" t="s">
        <v>40</v>
      </c>
      <c r="T10022" s="5" t="s">
        <v>42</v>
      </c>
      <c r="U10022" s="2">
        <v>6.1150000000000002</v>
      </c>
      <c r="V10022" s="2">
        <v>4.2670000000000003</v>
      </c>
      <c r="W10022" s="2">
        <v>8.3000000000000004E-2</v>
      </c>
      <c r="X10022" s="2">
        <v>12</v>
      </c>
      <c r="Y10022" s="2">
        <v>50</v>
      </c>
      <c r="Z10022" s="2">
        <v>137.9</v>
      </c>
      <c r="AA10022" s="5">
        <v>10</v>
      </c>
      <c r="AB10022" s="5" t="s">
        <v>43</v>
      </c>
      <c r="AC10022" s="5" t="s">
        <v>44</v>
      </c>
      <c r="AD10022" s="2" t="s">
        <v>30432</v>
      </c>
      <c r="AE10022" s="1"/>
    </row>
    <row r="10023" spans="1:31" ht="14.45">
      <c r="A10023" s="11"/>
      <c r="B10023" s="20"/>
      <c r="C10023" s="2" t="s">
        <v>30816</v>
      </c>
      <c r="D10023" s="14" t="s">
        <v>30817</v>
      </c>
      <c r="E10023" s="2" t="s">
        <v>30818</v>
      </c>
      <c r="F10023" s="2" t="s">
        <v>30431</v>
      </c>
      <c r="G10023" s="8">
        <v>175</v>
      </c>
      <c r="H10023" s="5">
        <v>5</v>
      </c>
      <c r="I10023" s="5" t="s">
        <v>69</v>
      </c>
      <c r="J10023" s="5" t="s">
        <v>27074</v>
      </c>
      <c r="K10023" s="2" t="s">
        <v>27075</v>
      </c>
      <c r="L10023" s="5" t="s">
        <v>27074</v>
      </c>
      <c r="M10023" s="2" t="s">
        <v>27075</v>
      </c>
      <c r="N10023" s="5" t="s">
        <v>24254</v>
      </c>
      <c r="O10023" s="5" t="s">
        <v>38</v>
      </c>
      <c r="P10023" s="5" t="s">
        <v>39</v>
      </c>
      <c r="Q10023" s="5" t="s">
        <v>40</v>
      </c>
      <c r="R10023" s="5" t="s">
        <v>24335</v>
      </c>
      <c r="S10023" s="5" t="s">
        <v>40</v>
      </c>
      <c r="T10023" s="5" t="s">
        <v>42</v>
      </c>
      <c r="U10023" s="2">
        <v>6.407</v>
      </c>
      <c r="V10023" s="2">
        <v>4.5590000000000002</v>
      </c>
      <c r="W10023" s="2">
        <v>8.3000000000000004E-2</v>
      </c>
      <c r="X10023" s="2">
        <v>12</v>
      </c>
      <c r="Y10023" s="2">
        <v>50</v>
      </c>
      <c r="Z10023" s="2">
        <v>137.9</v>
      </c>
      <c r="AA10023" s="5">
        <v>10</v>
      </c>
      <c r="AB10023" s="5" t="s">
        <v>43</v>
      </c>
      <c r="AC10023" s="5" t="s">
        <v>44</v>
      </c>
      <c r="AD10023" s="2" t="s">
        <v>30436</v>
      </c>
      <c r="AE10023" s="1"/>
    </row>
    <row r="10024" spans="1:31" ht="14.45">
      <c r="A10024" s="11"/>
      <c r="B10024" s="20"/>
      <c r="C10024" s="2" t="s">
        <v>30819</v>
      </c>
      <c r="D10024" s="14" t="s">
        <v>30820</v>
      </c>
      <c r="E10024" s="2" t="s">
        <v>30821</v>
      </c>
      <c r="F10024" s="2" t="s">
        <v>30440</v>
      </c>
      <c r="G10024" s="8">
        <v>175</v>
      </c>
      <c r="H10024" s="5">
        <v>5</v>
      </c>
      <c r="I10024" s="5" t="s">
        <v>69</v>
      </c>
      <c r="J10024" s="5" t="s">
        <v>27074</v>
      </c>
      <c r="K10024" s="2" t="s">
        <v>27075</v>
      </c>
      <c r="L10024" s="5" t="s">
        <v>27074</v>
      </c>
      <c r="M10024" s="2" t="s">
        <v>27075</v>
      </c>
      <c r="N10024" s="5" t="s">
        <v>24254</v>
      </c>
      <c r="O10024" s="5" t="s">
        <v>38</v>
      </c>
      <c r="P10024" s="5" t="s">
        <v>39</v>
      </c>
      <c r="Q10024" s="5" t="s">
        <v>40</v>
      </c>
      <c r="R10024" s="5" t="s">
        <v>24335</v>
      </c>
      <c r="S10024" s="5" t="s">
        <v>40</v>
      </c>
      <c r="T10024" s="5" t="s">
        <v>42</v>
      </c>
      <c r="U10024" s="2">
        <v>4.9409999999999998</v>
      </c>
      <c r="V10024" s="2">
        <v>3.093</v>
      </c>
      <c r="W10024" s="2">
        <v>8.3000000000000004E-2</v>
      </c>
      <c r="X10024" s="2">
        <v>12</v>
      </c>
      <c r="Y10024" s="2">
        <v>50</v>
      </c>
      <c r="Z10024" s="2">
        <v>137.9</v>
      </c>
      <c r="AA10024" s="5">
        <v>10</v>
      </c>
      <c r="AB10024" s="5" t="s">
        <v>43</v>
      </c>
      <c r="AC10024" s="5" t="s">
        <v>44</v>
      </c>
      <c r="AD10024" s="2" t="s">
        <v>30441</v>
      </c>
      <c r="AE10024" s="1"/>
    </row>
    <row r="10025" spans="1:31" ht="14.45">
      <c r="A10025" s="11"/>
      <c r="B10025" s="20"/>
      <c r="C10025" s="2" t="s">
        <v>30822</v>
      </c>
      <c r="D10025" s="14" t="s">
        <v>30823</v>
      </c>
      <c r="E10025" s="2" t="s">
        <v>30824</v>
      </c>
      <c r="F10025" s="2" t="s">
        <v>30440</v>
      </c>
      <c r="G10025" s="8">
        <v>175</v>
      </c>
      <c r="H10025" s="5">
        <v>5</v>
      </c>
      <c r="I10025" s="5" t="s">
        <v>69</v>
      </c>
      <c r="J10025" s="5" t="s">
        <v>27074</v>
      </c>
      <c r="K10025" s="2" t="s">
        <v>27075</v>
      </c>
      <c r="L10025" s="5" t="s">
        <v>27074</v>
      </c>
      <c r="M10025" s="2" t="s">
        <v>27075</v>
      </c>
      <c r="N10025" s="5" t="s">
        <v>24254</v>
      </c>
      <c r="O10025" s="5" t="s">
        <v>38</v>
      </c>
      <c r="P10025" s="5" t="s">
        <v>39</v>
      </c>
      <c r="Q10025" s="5" t="s">
        <v>40</v>
      </c>
      <c r="R10025" s="5" t="s">
        <v>24335</v>
      </c>
      <c r="S10025" s="5" t="s">
        <v>40</v>
      </c>
      <c r="T10025" s="5" t="s">
        <v>42</v>
      </c>
      <c r="U10025" s="2">
        <v>5.1040000000000001</v>
      </c>
      <c r="V10025" s="2">
        <v>3.2559999999999998</v>
      </c>
      <c r="W10025" s="2">
        <v>8.3000000000000004E-2</v>
      </c>
      <c r="X10025" s="2">
        <v>12</v>
      </c>
      <c r="Y10025" s="2">
        <v>50</v>
      </c>
      <c r="Z10025" s="2">
        <v>137.9</v>
      </c>
      <c r="AA10025" s="5">
        <v>10</v>
      </c>
      <c r="AB10025" s="5" t="s">
        <v>43</v>
      </c>
      <c r="AC10025" s="5" t="s">
        <v>44</v>
      </c>
      <c r="AD10025" s="2" t="s">
        <v>30445</v>
      </c>
      <c r="AE10025" s="1"/>
    </row>
    <row r="10026" spans="1:31" ht="14.45">
      <c r="A10026" s="11"/>
      <c r="B10026" s="20"/>
      <c r="C10026" s="2" t="s">
        <v>30825</v>
      </c>
      <c r="D10026" s="14" t="s">
        <v>30826</v>
      </c>
      <c r="E10026" s="2" t="s">
        <v>30827</v>
      </c>
      <c r="F10026" s="2" t="s">
        <v>30449</v>
      </c>
      <c r="G10026" s="8">
        <v>175</v>
      </c>
      <c r="H10026" s="5">
        <v>5</v>
      </c>
      <c r="I10026" s="5" t="s">
        <v>69</v>
      </c>
      <c r="J10026" s="5" t="s">
        <v>27074</v>
      </c>
      <c r="K10026" s="2" t="s">
        <v>27075</v>
      </c>
      <c r="L10026" s="5" t="s">
        <v>27074</v>
      </c>
      <c r="M10026" s="2" t="s">
        <v>27075</v>
      </c>
      <c r="N10026" s="5" t="s">
        <v>24254</v>
      </c>
      <c r="O10026" s="5" t="s">
        <v>38</v>
      </c>
      <c r="P10026" s="5" t="s">
        <v>39</v>
      </c>
      <c r="Q10026" s="5" t="s">
        <v>40</v>
      </c>
      <c r="R10026" s="5" t="s">
        <v>24335</v>
      </c>
      <c r="S10026" s="5" t="s">
        <v>40</v>
      </c>
      <c r="T10026" s="5" t="s">
        <v>42</v>
      </c>
      <c r="U10026" s="2">
        <v>5.907</v>
      </c>
      <c r="V10026" s="2">
        <v>3.847</v>
      </c>
      <c r="W10026" s="2">
        <v>8.3000000000000004E-2</v>
      </c>
      <c r="X10026" s="2">
        <v>12</v>
      </c>
      <c r="Y10026" s="2">
        <v>50</v>
      </c>
      <c r="Z10026" s="2">
        <v>137.9</v>
      </c>
      <c r="AA10026" s="5">
        <v>10</v>
      </c>
      <c r="AB10026" s="5" t="s">
        <v>43</v>
      </c>
      <c r="AC10026" s="5" t="s">
        <v>44</v>
      </c>
      <c r="AD10026" s="2" t="s">
        <v>30441</v>
      </c>
      <c r="AE10026" s="1"/>
    </row>
    <row r="10027" spans="1:31" ht="14.45">
      <c r="A10027" s="11"/>
      <c r="B10027" s="20"/>
      <c r="C10027" s="2" t="s">
        <v>30828</v>
      </c>
      <c r="D10027" s="14" t="s">
        <v>30829</v>
      </c>
      <c r="E10027" s="2" t="s">
        <v>30830</v>
      </c>
      <c r="F10027" s="2" t="s">
        <v>30449</v>
      </c>
      <c r="G10027" s="8">
        <v>175</v>
      </c>
      <c r="H10027" s="5">
        <v>5</v>
      </c>
      <c r="I10027" s="5" t="s">
        <v>69</v>
      </c>
      <c r="J10027" s="5" t="s">
        <v>27074</v>
      </c>
      <c r="K10027" s="2" t="s">
        <v>27075</v>
      </c>
      <c r="L10027" s="5" t="s">
        <v>27074</v>
      </c>
      <c r="M10027" s="2" t="s">
        <v>27075</v>
      </c>
      <c r="N10027" s="5" t="s">
        <v>24254</v>
      </c>
      <c r="O10027" s="5" t="s">
        <v>38</v>
      </c>
      <c r="P10027" s="5" t="s">
        <v>39</v>
      </c>
      <c r="Q10027" s="5" t="s">
        <v>40</v>
      </c>
      <c r="R10027" s="5" t="s">
        <v>24335</v>
      </c>
      <c r="S10027" s="5" t="s">
        <v>40</v>
      </c>
      <c r="T10027" s="5" t="s">
        <v>42</v>
      </c>
      <c r="U10027" s="2">
        <v>6.2160000000000002</v>
      </c>
      <c r="V10027" s="2">
        <v>4.1559999999999997</v>
      </c>
      <c r="W10027" s="2">
        <v>8.3000000000000004E-2</v>
      </c>
      <c r="X10027" s="2">
        <v>12</v>
      </c>
      <c r="Y10027" s="2">
        <v>50</v>
      </c>
      <c r="Z10027" s="2">
        <v>137.9</v>
      </c>
      <c r="AA10027" s="5">
        <v>10</v>
      </c>
      <c r="AB10027" s="5" t="s">
        <v>43</v>
      </c>
      <c r="AC10027" s="5" t="s">
        <v>44</v>
      </c>
      <c r="AD10027" s="2" t="s">
        <v>30445</v>
      </c>
      <c r="AE10027" s="1"/>
    </row>
    <row r="10028" spans="1:31" ht="14.45">
      <c r="A10028" s="11"/>
      <c r="B10028" s="20"/>
      <c r="C10028" s="2" t="s">
        <v>30831</v>
      </c>
      <c r="D10028" s="14" t="s">
        <v>30832</v>
      </c>
      <c r="E10028" s="2" t="s">
        <v>30833</v>
      </c>
      <c r="F10028" s="2" t="s">
        <v>30456</v>
      </c>
      <c r="G10028" s="8">
        <v>318</v>
      </c>
      <c r="H10028" s="5">
        <v>5</v>
      </c>
      <c r="I10028" s="5" t="s">
        <v>69</v>
      </c>
      <c r="J10028" s="5" t="s">
        <v>27074</v>
      </c>
      <c r="K10028" s="2" t="s">
        <v>27075</v>
      </c>
      <c r="L10028" s="5" t="s">
        <v>27074</v>
      </c>
      <c r="M10028" s="2" t="s">
        <v>27075</v>
      </c>
      <c r="N10028" s="5" t="s">
        <v>24254</v>
      </c>
      <c r="O10028" s="5" t="s">
        <v>38</v>
      </c>
      <c r="P10028" s="5" t="s">
        <v>39</v>
      </c>
      <c r="Q10028" s="5" t="s">
        <v>40</v>
      </c>
      <c r="R10028" s="5" t="s">
        <v>24335</v>
      </c>
      <c r="S10028" s="5" t="s">
        <v>40</v>
      </c>
      <c r="T10028" s="5" t="s">
        <v>42</v>
      </c>
      <c r="U10028" s="2">
        <v>12.311999999999999</v>
      </c>
      <c r="V10028" s="2">
        <v>9.9879999999999995</v>
      </c>
      <c r="W10028" s="2">
        <v>0.16</v>
      </c>
      <c r="X10028" s="2">
        <v>12</v>
      </c>
      <c r="Y10028" s="2">
        <v>77</v>
      </c>
      <c r="Z10028" s="2">
        <v>173.4</v>
      </c>
      <c r="AA10028" s="5">
        <v>8</v>
      </c>
      <c r="AB10028" s="5" t="s">
        <v>43</v>
      </c>
      <c r="AC10028" s="5" t="s">
        <v>44</v>
      </c>
      <c r="AD10028" s="2" t="s">
        <v>30457</v>
      </c>
      <c r="AE10028" s="1"/>
    </row>
    <row r="10029" spans="1:31" ht="14.45">
      <c r="A10029" s="11"/>
      <c r="B10029" s="20"/>
      <c r="C10029" s="2" t="s">
        <v>30834</v>
      </c>
      <c r="D10029" s="14" t="s">
        <v>30835</v>
      </c>
      <c r="E10029" s="2" t="s">
        <v>30836</v>
      </c>
      <c r="F10029" s="2" t="s">
        <v>30524</v>
      </c>
      <c r="G10029" s="8">
        <v>326</v>
      </c>
      <c r="H10029" s="5">
        <v>10</v>
      </c>
      <c r="I10029" s="5" t="s">
        <v>69</v>
      </c>
      <c r="J10029" s="5" t="s">
        <v>27074</v>
      </c>
      <c r="K10029" s="2" t="s">
        <v>27075</v>
      </c>
      <c r="L10029" s="5" t="s">
        <v>27074</v>
      </c>
      <c r="M10029" s="2" t="s">
        <v>27075</v>
      </c>
      <c r="N10029" s="5" t="s">
        <v>24254</v>
      </c>
      <c r="O10029" s="5" t="s">
        <v>38</v>
      </c>
      <c r="P10029" s="5" t="s">
        <v>39</v>
      </c>
      <c r="Q10029" s="5" t="s">
        <v>40</v>
      </c>
      <c r="R10029" s="5" t="s">
        <v>24340</v>
      </c>
      <c r="S10029" s="5" t="s">
        <v>40</v>
      </c>
      <c r="T10029" s="5" t="s">
        <v>42</v>
      </c>
      <c r="U10029" s="2">
        <v>15.324</v>
      </c>
      <c r="V10029" s="2">
        <v>13.782</v>
      </c>
      <c r="W10029" s="2">
        <v>8.3000000000000004E-2</v>
      </c>
      <c r="X10029" s="2">
        <v>12</v>
      </c>
      <c r="Y10029" s="2">
        <v>50</v>
      </c>
      <c r="Z10029" s="2">
        <v>137.9</v>
      </c>
      <c r="AA10029" s="5">
        <v>8</v>
      </c>
      <c r="AB10029" s="5" t="s">
        <v>43</v>
      </c>
      <c r="AC10029" s="5" t="s">
        <v>44</v>
      </c>
      <c r="AD10029" s="2" t="s">
        <v>30525</v>
      </c>
      <c r="AE10029" s="1"/>
    </row>
    <row r="10030" spans="1:31" ht="14.45">
      <c r="A10030" s="11"/>
      <c r="B10030" s="20"/>
      <c r="C10030" s="2" t="s">
        <v>30837</v>
      </c>
      <c r="D10030" s="14" t="s">
        <v>30838</v>
      </c>
      <c r="E10030" s="2" t="s">
        <v>30839</v>
      </c>
      <c r="F10030" s="2" t="s">
        <v>30529</v>
      </c>
      <c r="G10030" s="8">
        <v>326</v>
      </c>
      <c r="H10030" s="5">
        <v>10</v>
      </c>
      <c r="I10030" s="5" t="s">
        <v>69</v>
      </c>
      <c r="J10030" s="5" t="s">
        <v>27074</v>
      </c>
      <c r="K10030" s="2" t="s">
        <v>27075</v>
      </c>
      <c r="L10030" s="5" t="s">
        <v>27074</v>
      </c>
      <c r="M10030" s="2" t="s">
        <v>27075</v>
      </c>
      <c r="N10030" s="5" t="s">
        <v>24254</v>
      </c>
      <c r="O10030" s="5" t="s">
        <v>38</v>
      </c>
      <c r="P10030" s="5" t="s">
        <v>39</v>
      </c>
      <c r="Q10030" s="5" t="s">
        <v>40</v>
      </c>
      <c r="R10030" s="5" t="s">
        <v>24340</v>
      </c>
      <c r="S10030" s="5" t="s">
        <v>40</v>
      </c>
      <c r="T10030" s="5" t="s">
        <v>42</v>
      </c>
      <c r="U10030" s="2">
        <v>7.702</v>
      </c>
      <c r="V10030" s="2">
        <v>6.2690000000000001</v>
      </c>
      <c r="W10030" s="2">
        <v>8.3000000000000004E-2</v>
      </c>
      <c r="X10030" s="2">
        <v>12</v>
      </c>
      <c r="Y10030" s="2">
        <v>50</v>
      </c>
      <c r="Z10030" s="2">
        <v>137.9</v>
      </c>
      <c r="AA10030" s="5">
        <v>8</v>
      </c>
      <c r="AB10030" s="5" t="s">
        <v>43</v>
      </c>
      <c r="AC10030" s="5" t="s">
        <v>44</v>
      </c>
      <c r="AD10030" s="2" t="s">
        <v>30525</v>
      </c>
      <c r="AE10030" s="1"/>
    </row>
    <row r="10031" spans="1:31" ht="14.45">
      <c r="A10031" s="11"/>
      <c r="B10031" s="20"/>
      <c r="C10031" s="2" t="s">
        <v>30840</v>
      </c>
      <c r="D10031" s="14" t="s">
        <v>30841</v>
      </c>
      <c r="E10031" s="2" t="s">
        <v>30842</v>
      </c>
      <c r="F10031" s="2" t="s">
        <v>30650</v>
      </c>
      <c r="G10031" s="8">
        <v>326</v>
      </c>
      <c r="H10031" s="5">
        <v>10</v>
      </c>
      <c r="I10031" s="5" t="s">
        <v>69</v>
      </c>
      <c r="J10031" s="5" t="s">
        <v>27074</v>
      </c>
      <c r="K10031" s="2" t="s">
        <v>27075</v>
      </c>
      <c r="L10031" s="5" t="s">
        <v>27074</v>
      </c>
      <c r="M10031" s="2" t="s">
        <v>27075</v>
      </c>
      <c r="N10031" s="5" t="s">
        <v>24254</v>
      </c>
      <c r="O10031" s="5" t="s">
        <v>38</v>
      </c>
      <c r="P10031" s="5" t="s">
        <v>39</v>
      </c>
      <c r="Q10031" s="5" t="s">
        <v>40</v>
      </c>
      <c r="R10031" s="5" t="s">
        <v>24340</v>
      </c>
      <c r="S10031" s="5" t="s">
        <v>40</v>
      </c>
      <c r="T10031" s="5" t="s">
        <v>42</v>
      </c>
      <c r="U10031" s="2">
        <v>10.49</v>
      </c>
      <c r="V10031" s="2">
        <v>8.9809999999999999</v>
      </c>
      <c r="W10031" s="2">
        <v>8.3000000000000004E-2</v>
      </c>
      <c r="X10031" s="2">
        <v>12</v>
      </c>
      <c r="Y10031" s="2">
        <v>50</v>
      </c>
      <c r="Z10031" s="2">
        <v>137.9</v>
      </c>
      <c r="AA10031" s="5">
        <v>10</v>
      </c>
      <c r="AB10031" s="5" t="s">
        <v>43</v>
      </c>
      <c r="AC10031" s="5" t="s">
        <v>44</v>
      </c>
      <c r="AD10031" s="2" t="s">
        <v>30651</v>
      </c>
      <c r="AE10031" s="1"/>
    </row>
    <row r="10032" spans="1:31" ht="14.45">
      <c r="A10032" s="11"/>
      <c r="B10032" s="20"/>
      <c r="C10032" s="2" t="s">
        <v>30843</v>
      </c>
      <c r="D10032" s="14" t="s">
        <v>30844</v>
      </c>
      <c r="E10032" s="2" t="s">
        <v>30845</v>
      </c>
      <c r="F10032" s="2" t="s">
        <v>30650</v>
      </c>
      <c r="G10032" s="8">
        <v>326</v>
      </c>
      <c r="H10032" s="5">
        <v>10</v>
      </c>
      <c r="I10032" s="5" t="s">
        <v>69</v>
      </c>
      <c r="J10032" s="5" t="s">
        <v>27074</v>
      </c>
      <c r="K10032" s="2" t="s">
        <v>27075</v>
      </c>
      <c r="L10032" s="5" t="s">
        <v>27074</v>
      </c>
      <c r="M10032" s="2" t="s">
        <v>27075</v>
      </c>
      <c r="N10032" s="5" t="s">
        <v>24254</v>
      </c>
      <c r="O10032" s="5" t="s">
        <v>38</v>
      </c>
      <c r="P10032" s="5" t="s">
        <v>39</v>
      </c>
      <c r="Q10032" s="5" t="s">
        <v>40</v>
      </c>
      <c r="R10032" s="5" t="s">
        <v>24340</v>
      </c>
      <c r="S10032" s="5" t="s">
        <v>40</v>
      </c>
      <c r="T10032" s="5" t="s">
        <v>42</v>
      </c>
      <c r="U10032" s="2">
        <v>11.420999999999999</v>
      </c>
      <c r="V10032" s="2">
        <v>9.9120000000000008</v>
      </c>
      <c r="W10032" s="2">
        <v>8.3000000000000004E-2</v>
      </c>
      <c r="X10032" s="2">
        <v>12</v>
      </c>
      <c r="Y10032" s="2">
        <v>50</v>
      </c>
      <c r="Z10032" s="2">
        <v>137.9</v>
      </c>
      <c r="AA10032" s="5">
        <v>10</v>
      </c>
      <c r="AB10032" s="5" t="s">
        <v>43</v>
      </c>
      <c r="AC10032" s="5" t="s">
        <v>44</v>
      </c>
      <c r="AD10032" s="2" t="s">
        <v>30846</v>
      </c>
      <c r="AE10032" s="1"/>
    </row>
    <row r="10033" spans="1:31" ht="14.45">
      <c r="A10033" s="11"/>
      <c r="B10033" s="20"/>
      <c r="C10033" s="2" t="s">
        <v>30847</v>
      </c>
      <c r="D10033" s="14" t="s">
        <v>30848</v>
      </c>
      <c r="E10033" s="2" t="s">
        <v>30849</v>
      </c>
      <c r="F10033" s="2" t="s">
        <v>30655</v>
      </c>
      <c r="G10033" s="8">
        <v>326</v>
      </c>
      <c r="H10033" s="5">
        <v>10</v>
      </c>
      <c r="I10033" s="5" t="s">
        <v>69</v>
      </c>
      <c r="J10033" s="5" t="s">
        <v>27074</v>
      </c>
      <c r="K10033" s="2" t="s">
        <v>27075</v>
      </c>
      <c r="L10033" s="5" t="s">
        <v>27074</v>
      </c>
      <c r="M10033" s="2" t="s">
        <v>27075</v>
      </c>
      <c r="N10033" s="5" t="s">
        <v>24254</v>
      </c>
      <c r="O10033" s="5" t="s">
        <v>38</v>
      </c>
      <c r="P10033" s="5" t="s">
        <v>39</v>
      </c>
      <c r="Q10033" s="5" t="s">
        <v>40</v>
      </c>
      <c r="R10033" s="5" t="s">
        <v>24340</v>
      </c>
      <c r="S10033" s="5" t="s">
        <v>40</v>
      </c>
      <c r="T10033" s="5" t="s">
        <v>42</v>
      </c>
      <c r="U10033" s="2">
        <v>7.0739999999999998</v>
      </c>
      <c r="V10033" s="2">
        <v>5.5650000000000004</v>
      </c>
      <c r="W10033" s="2">
        <v>8.3000000000000004E-2</v>
      </c>
      <c r="X10033" s="2">
        <v>12</v>
      </c>
      <c r="Y10033" s="2">
        <v>50</v>
      </c>
      <c r="Z10033" s="2">
        <v>137.9</v>
      </c>
      <c r="AA10033" s="5">
        <v>10</v>
      </c>
      <c r="AB10033" s="5" t="s">
        <v>43</v>
      </c>
      <c r="AC10033" s="5" t="s">
        <v>44</v>
      </c>
      <c r="AD10033" s="2" t="s">
        <v>30656</v>
      </c>
      <c r="AE10033" s="1"/>
    </row>
    <row r="10034" spans="1:31" ht="14.45">
      <c r="A10034" s="11"/>
      <c r="B10034" s="20"/>
      <c r="C10034" s="2" t="s">
        <v>30850</v>
      </c>
      <c r="D10034" s="14" t="s">
        <v>30851</v>
      </c>
      <c r="E10034" s="2" t="s">
        <v>30852</v>
      </c>
      <c r="F10034" s="2" t="s">
        <v>30655</v>
      </c>
      <c r="G10034" s="8">
        <v>326</v>
      </c>
      <c r="H10034" s="5">
        <v>10</v>
      </c>
      <c r="I10034" s="5" t="s">
        <v>69</v>
      </c>
      <c r="J10034" s="5" t="s">
        <v>27074</v>
      </c>
      <c r="K10034" s="2" t="s">
        <v>27075</v>
      </c>
      <c r="L10034" s="5" t="s">
        <v>27074</v>
      </c>
      <c r="M10034" s="2" t="s">
        <v>27075</v>
      </c>
      <c r="N10034" s="5" t="s">
        <v>24254</v>
      </c>
      <c r="O10034" s="5" t="s">
        <v>38</v>
      </c>
      <c r="P10034" s="5" t="s">
        <v>39</v>
      </c>
      <c r="Q10034" s="5" t="s">
        <v>40</v>
      </c>
      <c r="R10034" s="5" t="s">
        <v>24340</v>
      </c>
      <c r="S10034" s="5" t="s">
        <v>40</v>
      </c>
      <c r="T10034" s="5" t="s">
        <v>42</v>
      </c>
      <c r="U10034" s="2">
        <v>7.6020000000000003</v>
      </c>
      <c r="V10034" s="2">
        <v>6.093</v>
      </c>
      <c r="W10034" s="2">
        <v>8.3000000000000004E-2</v>
      </c>
      <c r="X10034" s="2">
        <v>12</v>
      </c>
      <c r="Y10034" s="2">
        <v>50</v>
      </c>
      <c r="Z10034" s="2">
        <v>137.9</v>
      </c>
      <c r="AA10034" s="5">
        <v>10</v>
      </c>
      <c r="AB10034" s="5" t="s">
        <v>43</v>
      </c>
      <c r="AC10034" s="5" t="s">
        <v>44</v>
      </c>
      <c r="AD10034" s="2" t="s">
        <v>30534</v>
      </c>
      <c r="AE10034" s="1"/>
    </row>
    <row r="10035" spans="1:31" ht="14.45">
      <c r="A10035" s="11"/>
      <c r="B10035" s="20"/>
      <c r="C10035" s="2" t="s">
        <v>30853</v>
      </c>
      <c r="D10035" s="14" t="s">
        <v>30854</v>
      </c>
      <c r="E10035" s="2" t="s">
        <v>30855</v>
      </c>
      <c r="F10035" s="2" t="s">
        <v>30461</v>
      </c>
      <c r="G10035" s="8">
        <v>620</v>
      </c>
      <c r="H10035" s="5">
        <v>10</v>
      </c>
      <c r="I10035" s="5" t="s">
        <v>69</v>
      </c>
      <c r="J10035" s="5" t="s">
        <v>27074</v>
      </c>
      <c r="K10035" s="2" t="s">
        <v>27075</v>
      </c>
      <c r="L10035" s="5" t="s">
        <v>27074</v>
      </c>
      <c r="M10035" s="2" t="s">
        <v>27075</v>
      </c>
      <c r="N10035" s="5" t="s">
        <v>24254</v>
      </c>
      <c r="O10035" s="5" t="s">
        <v>38</v>
      </c>
      <c r="P10035" s="5" t="s">
        <v>39</v>
      </c>
      <c r="Q10035" s="5" t="s">
        <v>40</v>
      </c>
      <c r="R10035" s="5" t="s">
        <v>24340</v>
      </c>
      <c r="S10035" s="5" t="s">
        <v>40</v>
      </c>
      <c r="T10035" s="5" t="s">
        <v>42</v>
      </c>
      <c r="U10035" s="2">
        <v>22.100999999999999</v>
      </c>
      <c r="V10035" s="2">
        <v>19.765000000000001</v>
      </c>
      <c r="W10035" s="2">
        <v>0.16</v>
      </c>
      <c r="X10035" s="2">
        <v>12</v>
      </c>
      <c r="Y10035" s="2">
        <v>77</v>
      </c>
      <c r="Z10035" s="2">
        <v>173.4</v>
      </c>
      <c r="AA10035" s="5">
        <v>8</v>
      </c>
      <c r="AB10035" s="5" t="s">
        <v>43</v>
      </c>
      <c r="AC10035" s="5" t="s">
        <v>44</v>
      </c>
      <c r="AD10035" s="2" t="s">
        <v>30462</v>
      </c>
      <c r="AE10035" s="1"/>
    </row>
    <row r="10036" spans="1:31" ht="14.45">
      <c r="A10036" s="11"/>
      <c r="B10036" s="20"/>
      <c r="C10036" s="2" t="s">
        <v>30856</v>
      </c>
      <c r="D10036" s="14" t="s">
        <v>30857</v>
      </c>
      <c r="E10036" s="2" t="s">
        <v>30858</v>
      </c>
      <c r="F10036" s="2" t="s">
        <v>30541</v>
      </c>
      <c r="G10036" s="8">
        <v>326</v>
      </c>
      <c r="H10036" s="5">
        <v>10</v>
      </c>
      <c r="I10036" s="5" t="s">
        <v>69</v>
      </c>
      <c r="J10036" s="5" t="s">
        <v>27074</v>
      </c>
      <c r="K10036" s="2" t="s">
        <v>27075</v>
      </c>
      <c r="L10036" s="5" t="s">
        <v>27074</v>
      </c>
      <c r="M10036" s="2" t="s">
        <v>27075</v>
      </c>
      <c r="N10036" s="5" t="s">
        <v>24254</v>
      </c>
      <c r="O10036" s="5" t="s">
        <v>38</v>
      </c>
      <c r="P10036" s="5" t="s">
        <v>39</v>
      </c>
      <c r="Q10036" s="5" t="s">
        <v>40</v>
      </c>
      <c r="R10036" s="5" t="s">
        <v>25301</v>
      </c>
      <c r="S10036" s="5" t="s">
        <v>40</v>
      </c>
      <c r="T10036" s="5" t="s">
        <v>42</v>
      </c>
      <c r="U10036" s="2">
        <v>13.585000000000001</v>
      </c>
      <c r="V10036" s="2">
        <v>12.042</v>
      </c>
      <c r="W10036" s="2">
        <v>8.3000000000000004E-2</v>
      </c>
      <c r="X10036" s="2">
        <v>12</v>
      </c>
      <c r="Y10036" s="2">
        <v>50</v>
      </c>
      <c r="Z10036" s="2">
        <v>137.9</v>
      </c>
      <c r="AA10036" s="5">
        <v>8</v>
      </c>
      <c r="AB10036" s="5" t="s">
        <v>43</v>
      </c>
      <c r="AC10036" s="5" t="s">
        <v>44</v>
      </c>
      <c r="AD10036" s="2" t="s">
        <v>30542</v>
      </c>
      <c r="AE10036" s="1"/>
    </row>
    <row r="10037" spans="1:31" ht="14.45">
      <c r="A10037" s="11"/>
      <c r="B10037" s="20"/>
      <c r="C10037" s="2" t="s">
        <v>30859</v>
      </c>
      <c r="D10037" s="14" t="s">
        <v>30860</v>
      </c>
      <c r="E10037" s="2" t="s">
        <v>30861</v>
      </c>
      <c r="F10037" s="2" t="s">
        <v>30862</v>
      </c>
      <c r="G10037" s="8">
        <v>326</v>
      </c>
      <c r="H10037" s="5">
        <v>10</v>
      </c>
      <c r="I10037" s="5" t="s">
        <v>69</v>
      </c>
      <c r="J10037" s="5" t="s">
        <v>27074</v>
      </c>
      <c r="K10037" s="2" t="s">
        <v>27075</v>
      </c>
      <c r="L10037" s="5" t="s">
        <v>27074</v>
      </c>
      <c r="M10037" s="2" t="s">
        <v>27075</v>
      </c>
      <c r="N10037" s="5" t="s">
        <v>24254</v>
      </c>
      <c r="O10037" s="5" t="s">
        <v>38</v>
      </c>
      <c r="P10037" s="5" t="s">
        <v>39</v>
      </c>
      <c r="Q10037" s="5" t="s">
        <v>40</v>
      </c>
      <c r="R10037" s="5" t="s">
        <v>25301</v>
      </c>
      <c r="S10037" s="5" t="s">
        <v>40</v>
      </c>
      <c r="T10037" s="5" t="s">
        <v>42</v>
      </c>
      <c r="U10037" s="2">
        <v>9.6199999999999992</v>
      </c>
      <c r="V10037" s="2">
        <v>8.1059999999999999</v>
      </c>
      <c r="W10037" s="2">
        <v>8.3000000000000004E-2</v>
      </c>
      <c r="X10037" s="2">
        <v>12</v>
      </c>
      <c r="Y10037" s="2">
        <v>50</v>
      </c>
      <c r="Z10037" s="2">
        <v>137.9</v>
      </c>
      <c r="AA10037" s="5">
        <v>8</v>
      </c>
      <c r="AB10037" s="5" t="s">
        <v>43</v>
      </c>
      <c r="AC10037" s="5" t="s">
        <v>44</v>
      </c>
      <c r="AD10037" s="2" t="s">
        <v>30542</v>
      </c>
      <c r="AE10037" s="1"/>
    </row>
    <row r="10038" spans="1:31" ht="14.45">
      <c r="A10038" s="11"/>
      <c r="B10038" s="20"/>
      <c r="C10038" s="2" t="s">
        <v>30863</v>
      </c>
      <c r="D10038" s="14" t="s">
        <v>30864</v>
      </c>
      <c r="E10038" s="2" t="s">
        <v>30865</v>
      </c>
      <c r="F10038" s="2" t="s">
        <v>30546</v>
      </c>
      <c r="G10038" s="8">
        <v>326</v>
      </c>
      <c r="H10038" s="5">
        <v>10</v>
      </c>
      <c r="I10038" s="5" t="s">
        <v>69</v>
      </c>
      <c r="J10038" s="5" t="s">
        <v>27074</v>
      </c>
      <c r="K10038" s="2" t="s">
        <v>27075</v>
      </c>
      <c r="L10038" s="5" t="s">
        <v>27074</v>
      </c>
      <c r="M10038" s="2" t="s">
        <v>27075</v>
      </c>
      <c r="N10038" s="5" t="s">
        <v>24254</v>
      </c>
      <c r="O10038" s="5" t="s">
        <v>38</v>
      </c>
      <c r="P10038" s="5" t="s">
        <v>39</v>
      </c>
      <c r="Q10038" s="5" t="s">
        <v>40</v>
      </c>
      <c r="R10038" s="5" t="s">
        <v>25301</v>
      </c>
      <c r="S10038" s="5" t="s">
        <v>40</v>
      </c>
      <c r="T10038" s="5" t="s">
        <v>42</v>
      </c>
      <c r="U10038" s="2">
        <v>7.1310000000000002</v>
      </c>
      <c r="V10038" s="2">
        <v>5.6970000000000001</v>
      </c>
      <c r="W10038" s="2">
        <v>8.3000000000000004E-2</v>
      </c>
      <c r="X10038" s="2">
        <v>12</v>
      </c>
      <c r="Y10038" s="2">
        <v>50</v>
      </c>
      <c r="Z10038" s="2">
        <v>137.9</v>
      </c>
      <c r="AA10038" s="5">
        <v>8</v>
      </c>
      <c r="AB10038" s="5" t="s">
        <v>43</v>
      </c>
      <c r="AC10038" s="5" t="s">
        <v>44</v>
      </c>
      <c r="AD10038" s="2" t="s">
        <v>30542</v>
      </c>
      <c r="AE10038" s="1"/>
    </row>
    <row r="10039" spans="1:31" ht="14.45">
      <c r="A10039" s="11"/>
      <c r="B10039" s="20"/>
      <c r="C10039" s="2" t="s">
        <v>30866</v>
      </c>
      <c r="D10039" s="14" t="s">
        <v>30867</v>
      </c>
      <c r="E10039" s="2" t="s">
        <v>30868</v>
      </c>
      <c r="F10039" s="2" t="s">
        <v>30466</v>
      </c>
      <c r="G10039" s="8">
        <v>648</v>
      </c>
      <c r="H10039" s="5">
        <v>5</v>
      </c>
      <c r="I10039" s="5" t="s">
        <v>69</v>
      </c>
      <c r="J10039" s="5" t="s">
        <v>27074</v>
      </c>
      <c r="K10039" s="2" t="s">
        <v>27075</v>
      </c>
      <c r="L10039" s="5" t="s">
        <v>27074</v>
      </c>
      <c r="M10039" s="2" t="s">
        <v>27075</v>
      </c>
      <c r="N10039" s="5" t="s">
        <v>24254</v>
      </c>
      <c r="O10039" s="5" t="s">
        <v>38</v>
      </c>
      <c r="P10039" s="5" t="s">
        <v>39</v>
      </c>
      <c r="Q10039" s="5" t="s">
        <v>40</v>
      </c>
      <c r="R10039" s="5" t="s">
        <v>1487</v>
      </c>
      <c r="S10039" s="5"/>
      <c r="T10039" s="5" t="s">
        <v>42</v>
      </c>
      <c r="U10039" s="2">
        <v>0</v>
      </c>
      <c r="V10039" s="2">
        <v>0</v>
      </c>
      <c r="W10039" s="2">
        <v>0</v>
      </c>
      <c r="X10039" s="2">
        <v>0</v>
      </c>
      <c r="Y10039" s="2">
        <v>0</v>
      </c>
      <c r="Z10039" s="2">
        <v>0</v>
      </c>
      <c r="AA10039" s="5"/>
      <c r="AB10039" s="5" t="s">
        <v>43</v>
      </c>
      <c r="AC10039" s="5" t="s">
        <v>44</v>
      </c>
      <c r="AD10039" s="2" t="s">
        <v>30467</v>
      </c>
      <c r="AE10039" s="1"/>
    </row>
    <row r="10040" spans="1:31" ht="14.45">
      <c r="A10040" s="11"/>
      <c r="B10040" s="20"/>
      <c r="C10040" s="2" t="s">
        <v>30869</v>
      </c>
      <c r="D10040" s="14" t="s">
        <v>30870</v>
      </c>
      <c r="E10040" s="2" t="s">
        <v>30871</v>
      </c>
      <c r="F10040" s="2" t="s">
        <v>30471</v>
      </c>
      <c r="G10040" s="8">
        <v>648</v>
      </c>
      <c r="H10040" s="5">
        <v>15</v>
      </c>
      <c r="I10040" s="5" t="s">
        <v>69</v>
      </c>
      <c r="J10040" s="5" t="s">
        <v>27074</v>
      </c>
      <c r="K10040" s="2" t="s">
        <v>27075</v>
      </c>
      <c r="L10040" s="5" t="s">
        <v>27074</v>
      </c>
      <c r="M10040" s="2" t="s">
        <v>27075</v>
      </c>
      <c r="N10040" s="5" t="s">
        <v>24254</v>
      </c>
      <c r="O10040" s="5" t="s">
        <v>38</v>
      </c>
      <c r="P10040" s="5" t="s">
        <v>39</v>
      </c>
      <c r="Q10040" s="5" t="s">
        <v>40</v>
      </c>
      <c r="R10040" s="5" t="s">
        <v>1487</v>
      </c>
      <c r="S10040" s="5"/>
      <c r="T10040" s="5" t="s">
        <v>42</v>
      </c>
      <c r="U10040" s="2">
        <v>0</v>
      </c>
      <c r="V10040" s="2">
        <v>0</v>
      </c>
      <c r="W10040" s="2">
        <v>0</v>
      </c>
      <c r="X10040" s="2">
        <v>0</v>
      </c>
      <c r="Y10040" s="2">
        <v>0</v>
      </c>
      <c r="Z10040" s="2">
        <v>0</v>
      </c>
      <c r="AA10040" s="5"/>
      <c r="AB10040" s="5" t="s">
        <v>43</v>
      </c>
      <c r="AC10040" s="5" t="s">
        <v>44</v>
      </c>
      <c r="AD10040" s="2" t="s">
        <v>30472</v>
      </c>
      <c r="AE10040" s="1"/>
    </row>
    <row r="10041" spans="1:31" ht="14.45">
      <c r="A10041" s="11"/>
      <c r="B10041" s="20"/>
      <c r="C10041" s="2" t="s">
        <v>30872</v>
      </c>
      <c r="D10041" s="14" t="s">
        <v>30873</v>
      </c>
      <c r="E10041" s="2" t="s">
        <v>30874</v>
      </c>
      <c r="F10041" s="2" t="s">
        <v>30476</v>
      </c>
      <c r="G10041" s="8">
        <v>1083</v>
      </c>
      <c r="H10041" s="5">
        <v>15</v>
      </c>
      <c r="I10041" s="5" t="s">
        <v>69</v>
      </c>
      <c r="J10041" s="5" t="s">
        <v>27074</v>
      </c>
      <c r="K10041" s="2" t="s">
        <v>27075</v>
      </c>
      <c r="L10041" s="5" t="s">
        <v>27074</v>
      </c>
      <c r="M10041" s="2" t="s">
        <v>27075</v>
      </c>
      <c r="N10041" s="5" t="s">
        <v>24254</v>
      </c>
      <c r="O10041" s="5" t="s">
        <v>38</v>
      </c>
      <c r="P10041" s="5" t="s">
        <v>39</v>
      </c>
      <c r="Q10041" s="5" t="s">
        <v>40</v>
      </c>
      <c r="R10041" s="5" t="s">
        <v>1487</v>
      </c>
      <c r="S10041" s="5"/>
      <c r="T10041" s="5" t="s">
        <v>42</v>
      </c>
      <c r="U10041" s="2">
        <v>0</v>
      </c>
      <c r="V10041" s="2">
        <v>0</v>
      </c>
      <c r="W10041" s="2">
        <v>0</v>
      </c>
      <c r="X10041" s="2">
        <v>0</v>
      </c>
      <c r="Y10041" s="2">
        <v>0</v>
      </c>
      <c r="Z10041" s="2">
        <v>0</v>
      </c>
      <c r="AA10041" s="5"/>
      <c r="AB10041" s="5" t="s">
        <v>43</v>
      </c>
      <c r="AC10041" s="5" t="s">
        <v>44</v>
      </c>
      <c r="AD10041" s="2" t="s">
        <v>30477</v>
      </c>
      <c r="AE10041" s="1"/>
    </row>
    <row r="10042" spans="1:31" ht="14.45">
      <c r="A10042" s="11"/>
      <c r="B10042" s="20"/>
      <c r="C10042" s="2" t="s">
        <v>30875</v>
      </c>
      <c r="D10042" s="14" t="s">
        <v>30876</v>
      </c>
      <c r="E10042" s="2" t="s">
        <v>30877</v>
      </c>
      <c r="F10042" s="2" t="s">
        <v>30481</v>
      </c>
      <c r="G10042" s="8">
        <v>1083</v>
      </c>
      <c r="H10042" s="5">
        <v>15</v>
      </c>
      <c r="I10042" s="5" t="s">
        <v>69</v>
      </c>
      <c r="J10042" s="5" t="s">
        <v>27074</v>
      </c>
      <c r="K10042" s="2" t="s">
        <v>27075</v>
      </c>
      <c r="L10042" s="5" t="s">
        <v>27074</v>
      </c>
      <c r="M10042" s="2" t="s">
        <v>27075</v>
      </c>
      <c r="N10042" s="5" t="s">
        <v>24254</v>
      </c>
      <c r="O10042" s="5" t="s">
        <v>38</v>
      </c>
      <c r="P10042" s="5" t="s">
        <v>39</v>
      </c>
      <c r="Q10042" s="5" t="s">
        <v>40</v>
      </c>
      <c r="R10042" s="5" t="s">
        <v>1487</v>
      </c>
      <c r="S10042" s="5"/>
      <c r="T10042" s="5" t="s">
        <v>42</v>
      </c>
      <c r="U10042" s="2">
        <v>0</v>
      </c>
      <c r="V10042" s="2">
        <v>0</v>
      </c>
      <c r="W10042" s="2">
        <v>0</v>
      </c>
      <c r="X10042" s="2">
        <v>0</v>
      </c>
      <c r="Y10042" s="2">
        <v>0</v>
      </c>
      <c r="Z10042" s="2">
        <v>0</v>
      </c>
      <c r="AA10042" s="5"/>
      <c r="AB10042" s="5" t="s">
        <v>43</v>
      </c>
      <c r="AC10042" s="5" t="s">
        <v>44</v>
      </c>
      <c r="AD10042" s="2" t="s">
        <v>30482</v>
      </c>
      <c r="AE10042" s="1"/>
    </row>
    <row r="10043" spans="1:31" ht="14.45">
      <c r="A10043" s="11"/>
      <c r="B10043" s="20"/>
      <c r="C10043" s="2" t="s">
        <v>30878</v>
      </c>
      <c r="D10043" s="14" t="s">
        <v>30879</v>
      </c>
      <c r="E10043" s="2" t="s">
        <v>30880</v>
      </c>
      <c r="F10043" s="2" t="s">
        <v>30486</v>
      </c>
      <c r="G10043" s="8">
        <v>950</v>
      </c>
      <c r="H10043" s="5">
        <v>10</v>
      </c>
      <c r="I10043" s="5" t="s">
        <v>69</v>
      </c>
      <c r="J10043" s="5" t="s">
        <v>27074</v>
      </c>
      <c r="K10043" s="2" t="s">
        <v>27075</v>
      </c>
      <c r="L10043" s="5" t="s">
        <v>27074</v>
      </c>
      <c r="M10043" s="2" t="s">
        <v>27075</v>
      </c>
      <c r="N10043" s="5" t="s">
        <v>24254</v>
      </c>
      <c r="O10043" s="5" t="s">
        <v>38</v>
      </c>
      <c r="P10043" s="5" t="s">
        <v>39</v>
      </c>
      <c r="Q10043" s="5" t="s">
        <v>40</v>
      </c>
      <c r="R10043" s="5" t="s">
        <v>1487</v>
      </c>
      <c r="S10043" s="5"/>
      <c r="T10043" s="5" t="s">
        <v>42</v>
      </c>
      <c r="U10043" s="2">
        <v>0</v>
      </c>
      <c r="V10043" s="2">
        <v>0</v>
      </c>
      <c r="W10043" s="2">
        <v>0</v>
      </c>
      <c r="X10043" s="2">
        <v>0</v>
      </c>
      <c r="Y10043" s="2">
        <v>0</v>
      </c>
      <c r="Z10043" s="2">
        <v>0</v>
      </c>
      <c r="AA10043" s="5"/>
      <c r="AB10043" s="5" t="s">
        <v>43</v>
      </c>
      <c r="AC10043" s="5" t="s">
        <v>44</v>
      </c>
      <c r="AD10043" s="2"/>
      <c r="AE10043" s="1"/>
    </row>
    <row r="10044" spans="1:31" ht="14.45">
      <c r="A10044" s="11"/>
      <c r="B10044" s="20"/>
      <c r="C10044" s="2" t="s">
        <v>30881</v>
      </c>
      <c r="D10044" s="14" t="s">
        <v>30882</v>
      </c>
      <c r="E10044" s="2" t="s">
        <v>30883</v>
      </c>
      <c r="F10044" s="2" t="s">
        <v>30490</v>
      </c>
      <c r="G10044" s="8">
        <v>950</v>
      </c>
      <c r="H10044" s="5">
        <v>15</v>
      </c>
      <c r="I10044" s="5" t="s">
        <v>69</v>
      </c>
      <c r="J10044" s="5" t="s">
        <v>27074</v>
      </c>
      <c r="K10044" s="2" t="s">
        <v>27075</v>
      </c>
      <c r="L10044" s="5" t="s">
        <v>27074</v>
      </c>
      <c r="M10044" s="2" t="s">
        <v>27075</v>
      </c>
      <c r="N10044" s="5" t="s">
        <v>24254</v>
      </c>
      <c r="O10044" s="5" t="s">
        <v>38</v>
      </c>
      <c r="P10044" s="5" t="s">
        <v>39</v>
      </c>
      <c r="Q10044" s="5" t="s">
        <v>40</v>
      </c>
      <c r="R10044" s="5" t="s">
        <v>1487</v>
      </c>
      <c r="S10044" s="5"/>
      <c r="T10044" s="5" t="s">
        <v>42</v>
      </c>
      <c r="U10044" s="2">
        <v>0</v>
      </c>
      <c r="V10044" s="2">
        <v>0</v>
      </c>
      <c r="W10044" s="2">
        <v>0</v>
      </c>
      <c r="X10044" s="2">
        <v>0</v>
      </c>
      <c r="Y10044" s="2">
        <v>0</v>
      </c>
      <c r="Z10044" s="2">
        <v>0</v>
      </c>
      <c r="AA10044" s="5"/>
      <c r="AB10044" s="5" t="s">
        <v>43</v>
      </c>
      <c r="AC10044" s="5" t="s">
        <v>44</v>
      </c>
      <c r="AD10044" s="2"/>
      <c r="AE10044" s="1"/>
    </row>
    <row r="10045" spans="1:31" ht="14.45">
      <c r="A10045" s="11"/>
      <c r="B10045" s="20"/>
      <c r="C10045" s="2" t="s">
        <v>30884</v>
      </c>
      <c r="D10045" s="14" t="s">
        <v>30885</v>
      </c>
      <c r="E10045" s="2" t="s">
        <v>30886</v>
      </c>
      <c r="F10045" s="2" t="s">
        <v>30418</v>
      </c>
      <c r="G10045" s="8">
        <v>185</v>
      </c>
      <c r="H10045" s="5">
        <v>10</v>
      </c>
      <c r="I10045" s="5" t="s">
        <v>69</v>
      </c>
      <c r="J10045" s="5" t="s">
        <v>27074</v>
      </c>
      <c r="K10045" s="2" t="s">
        <v>27075</v>
      </c>
      <c r="L10045" s="5" t="s">
        <v>27074</v>
      </c>
      <c r="M10045" s="2" t="s">
        <v>27075</v>
      </c>
      <c r="N10045" s="5" t="s">
        <v>24254</v>
      </c>
      <c r="O10045" s="5" t="s">
        <v>38</v>
      </c>
      <c r="P10045" s="5" t="s">
        <v>39</v>
      </c>
      <c r="Q10045" s="5" t="s">
        <v>40</v>
      </c>
      <c r="R10045" s="5" t="s">
        <v>24335</v>
      </c>
      <c r="S10045" s="5" t="s">
        <v>40</v>
      </c>
      <c r="T10045" s="5" t="s">
        <v>42</v>
      </c>
      <c r="U10045" s="2">
        <v>9.1720000000000006</v>
      </c>
      <c r="V10045" s="2">
        <v>7.3739999999999997</v>
      </c>
      <c r="W10045" s="2">
        <v>0.104</v>
      </c>
      <c r="X10045" s="2">
        <v>12</v>
      </c>
      <c r="Y10045" s="2">
        <v>50</v>
      </c>
      <c r="Z10045" s="2">
        <v>173.9</v>
      </c>
      <c r="AA10045" s="5">
        <v>8</v>
      </c>
      <c r="AB10045" s="5" t="s">
        <v>43</v>
      </c>
      <c r="AC10045" s="5" t="s">
        <v>44</v>
      </c>
      <c r="AD10045" s="2" t="s">
        <v>30419</v>
      </c>
      <c r="AE10045" s="1"/>
    </row>
    <row r="10046" spans="1:31" ht="14.45">
      <c r="A10046" s="11"/>
      <c r="B10046" s="20"/>
      <c r="C10046" s="2" t="s">
        <v>30887</v>
      </c>
      <c r="D10046" s="14" t="s">
        <v>30888</v>
      </c>
      <c r="E10046" s="2" t="s">
        <v>30889</v>
      </c>
      <c r="F10046" s="2" t="s">
        <v>30423</v>
      </c>
      <c r="G10046" s="8">
        <v>185</v>
      </c>
      <c r="H10046" s="5">
        <v>5</v>
      </c>
      <c r="I10046" s="5" t="s">
        <v>69</v>
      </c>
      <c r="J10046" s="5" t="s">
        <v>27074</v>
      </c>
      <c r="K10046" s="2" t="s">
        <v>27075</v>
      </c>
      <c r="L10046" s="5" t="s">
        <v>27074</v>
      </c>
      <c r="M10046" s="2" t="s">
        <v>27075</v>
      </c>
      <c r="N10046" s="5" t="s">
        <v>24254</v>
      </c>
      <c r="O10046" s="5" t="s">
        <v>38</v>
      </c>
      <c r="P10046" s="5" t="s">
        <v>39</v>
      </c>
      <c r="Q10046" s="5" t="s">
        <v>40</v>
      </c>
      <c r="R10046" s="5" t="s">
        <v>24335</v>
      </c>
      <c r="S10046" s="5" t="s">
        <v>40</v>
      </c>
      <c r="T10046" s="5" t="s">
        <v>42</v>
      </c>
      <c r="U10046" s="2">
        <v>6.7770000000000001</v>
      </c>
      <c r="V10046" s="2">
        <v>4.9960000000000004</v>
      </c>
      <c r="W10046" s="2">
        <v>0.104</v>
      </c>
      <c r="X10046" s="2">
        <v>12</v>
      </c>
      <c r="Y10046" s="2">
        <v>50</v>
      </c>
      <c r="Z10046" s="2">
        <v>173.9</v>
      </c>
      <c r="AA10046" s="5">
        <v>8</v>
      </c>
      <c r="AB10046" s="5" t="s">
        <v>43</v>
      </c>
      <c r="AC10046" s="5" t="s">
        <v>44</v>
      </c>
      <c r="AD10046" s="2" t="s">
        <v>30419</v>
      </c>
      <c r="AE10046" s="1"/>
    </row>
    <row r="10047" spans="1:31" ht="14.45">
      <c r="A10047" s="11"/>
      <c r="B10047" s="20"/>
      <c r="C10047" s="2" t="s">
        <v>30890</v>
      </c>
      <c r="D10047" s="14" t="s">
        <v>30891</v>
      </c>
      <c r="E10047" s="2" t="s">
        <v>30892</v>
      </c>
      <c r="F10047" s="2" t="s">
        <v>30427</v>
      </c>
      <c r="G10047" s="8">
        <v>185</v>
      </c>
      <c r="H10047" s="5">
        <v>10</v>
      </c>
      <c r="I10047" s="5" t="s">
        <v>69</v>
      </c>
      <c r="J10047" s="5" t="s">
        <v>27074</v>
      </c>
      <c r="K10047" s="2" t="s">
        <v>27075</v>
      </c>
      <c r="L10047" s="5" t="s">
        <v>27074</v>
      </c>
      <c r="M10047" s="2" t="s">
        <v>27075</v>
      </c>
      <c r="N10047" s="5" t="s">
        <v>24254</v>
      </c>
      <c r="O10047" s="5" t="s">
        <v>38</v>
      </c>
      <c r="P10047" s="5" t="s">
        <v>39</v>
      </c>
      <c r="Q10047" s="5" t="s">
        <v>40</v>
      </c>
      <c r="R10047" s="5" t="s">
        <v>24335</v>
      </c>
      <c r="S10047" s="5" t="s">
        <v>40</v>
      </c>
      <c r="T10047" s="5" t="s">
        <v>42</v>
      </c>
      <c r="U10047" s="2">
        <v>5.407</v>
      </c>
      <c r="V10047" s="2">
        <v>3.706</v>
      </c>
      <c r="W10047" s="2">
        <v>0.104</v>
      </c>
      <c r="X10047" s="2">
        <v>12</v>
      </c>
      <c r="Y10047" s="2">
        <v>50</v>
      </c>
      <c r="Z10047" s="2">
        <v>173.9</v>
      </c>
      <c r="AA10047" s="5">
        <v>8</v>
      </c>
      <c r="AB10047" s="5" t="s">
        <v>43</v>
      </c>
      <c r="AC10047" s="5" t="s">
        <v>44</v>
      </c>
      <c r="AD10047" s="2" t="s">
        <v>30419</v>
      </c>
      <c r="AE10047" s="1"/>
    </row>
    <row r="10048" spans="1:31" ht="14.45">
      <c r="A10048" s="11"/>
      <c r="B10048" s="20"/>
      <c r="C10048" s="2" t="s">
        <v>30893</v>
      </c>
      <c r="D10048" s="14" t="s">
        <v>30894</v>
      </c>
      <c r="E10048" s="2" t="s">
        <v>30895</v>
      </c>
      <c r="F10048" s="2" t="s">
        <v>30431</v>
      </c>
      <c r="G10048" s="8">
        <v>185</v>
      </c>
      <c r="H10048" s="5">
        <v>5</v>
      </c>
      <c r="I10048" s="5" t="s">
        <v>69</v>
      </c>
      <c r="J10048" s="5" t="s">
        <v>27074</v>
      </c>
      <c r="K10048" s="2" t="s">
        <v>27075</v>
      </c>
      <c r="L10048" s="5" t="s">
        <v>27074</v>
      </c>
      <c r="M10048" s="2" t="s">
        <v>27075</v>
      </c>
      <c r="N10048" s="5" t="s">
        <v>24254</v>
      </c>
      <c r="O10048" s="5" t="s">
        <v>38</v>
      </c>
      <c r="P10048" s="5" t="s">
        <v>39</v>
      </c>
      <c r="Q10048" s="5" t="s">
        <v>40</v>
      </c>
      <c r="R10048" s="5" t="s">
        <v>24335</v>
      </c>
      <c r="S10048" s="5" t="s">
        <v>40</v>
      </c>
      <c r="T10048" s="5" t="s">
        <v>42</v>
      </c>
      <c r="U10048" s="2">
        <v>6.726</v>
      </c>
      <c r="V10048" s="2">
        <v>4.8899999999999997</v>
      </c>
      <c r="W10048" s="2">
        <v>0.104</v>
      </c>
      <c r="X10048" s="2">
        <v>12</v>
      </c>
      <c r="Y10048" s="2">
        <v>50</v>
      </c>
      <c r="Z10048" s="2">
        <v>173.9</v>
      </c>
      <c r="AA10048" s="5">
        <v>10</v>
      </c>
      <c r="AB10048" s="5" t="s">
        <v>43</v>
      </c>
      <c r="AC10048" s="5" t="s">
        <v>44</v>
      </c>
      <c r="AD10048" s="2" t="s">
        <v>30432</v>
      </c>
      <c r="AE10048" s="1"/>
    </row>
    <row r="10049" spans="1:31" ht="14.45">
      <c r="A10049" s="11"/>
      <c r="B10049" s="20"/>
      <c r="C10049" s="2" t="s">
        <v>30896</v>
      </c>
      <c r="D10049" s="14" t="s">
        <v>30897</v>
      </c>
      <c r="E10049" s="2" t="s">
        <v>30898</v>
      </c>
      <c r="F10049" s="2" t="s">
        <v>30431</v>
      </c>
      <c r="G10049" s="8">
        <v>185</v>
      </c>
      <c r="H10049" s="5">
        <v>5</v>
      </c>
      <c r="I10049" s="5" t="s">
        <v>69</v>
      </c>
      <c r="J10049" s="5" t="s">
        <v>27074</v>
      </c>
      <c r="K10049" s="2" t="s">
        <v>27075</v>
      </c>
      <c r="L10049" s="5" t="s">
        <v>27074</v>
      </c>
      <c r="M10049" s="2" t="s">
        <v>27075</v>
      </c>
      <c r="N10049" s="5" t="s">
        <v>24254</v>
      </c>
      <c r="O10049" s="5" t="s">
        <v>38</v>
      </c>
      <c r="P10049" s="5" t="s">
        <v>39</v>
      </c>
      <c r="Q10049" s="5" t="s">
        <v>40</v>
      </c>
      <c r="R10049" s="5" t="s">
        <v>24335</v>
      </c>
      <c r="S10049" s="5" t="s">
        <v>40</v>
      </c>
      <c r="T10049" s="5" t="s">
        <v>42</v>
      </c>
      <c r="U10049" s="2">
        <v>7.0179999999999998</v>
      </c>
      <c r="V10049" s="2">
        <v>5.1820000000000004</v>
      </c>
      <c r="W10049" s="2">
        <v>0.104</v>
      </c>
      <c r="X10049" s="2">
        <v>12</v>
      </c>
      <c r="Y10049" s="2">
        <v>50</v>
      </c>
      <c r="Z10049" s="2">
        <v>173.9</v>
      </c>
      <c r="AA10049" s="5">
        <v>10</v>
      </c>
      <c r="AB10049" s="5" t="s">
        <v>43</v>
      </c>
      <c r="AC10049" s="5" t="s">
        <v>44</v>
      </c>
      <c r="AD10049" s="2" t="s">
        <v>30436</v>
      </c>
      <c r="AE10049" s="1"/>
    </row>
    <row r="10050" spans="1:31" ht="14.45">
      <c r="A10050" s="11"/>
      <c r="B10050" s="20"/>
      <c r="C10050" s="2" t="s">
        <v>30899</v>
      </c>
      <c r="D10050" s="14" t="s">
        <v>30900</v>
      </c>
      <c r="E10050" s="2" t="s">
        <v>30901</v>
      </c>
      <c r="F10050" s="2" t="s">
        <v>30440</v>
      </c>
      <c r="G10050" s="8">
        <v>185</v>
      </c>
      <c r="H10050" s="5">
        <v>5</v>
      </c>
      <c r="I10050" s="5" t="s">
        <v>69</v>
      </c>
      <c r="J10050" s="5" t="s">
        <v>27074</v>
      </c>
      <c r="K10050" s="2" t="s">
        <v>27075</v>
      </c>
      <c r="L10050" s="5" t="s">
        <v>27074</v>
      </c>
      <c r="M10050" s="2" t="s">
        <v>27075</v>
      </c>
      <c r="N10050" s="5" t="s">
        <v>24254</v>
      </c>
      <c r="O10050" s="5" t="s">
        <v>38</v>
      </c>
      <c r="P10050" s="5" t="s">
        <v>39</v>
      </c>
      <c r="Q10050" s="5" t="s">
        <v>40</v>
      </c>
      <c r="R10050" s="5" t="s">
        <v>24335</v>
      </c>
      <c r="S10050" s="5" t="s">
        <v>40</v>
      </c>
      <c r="T10050" s="5" t="s">
        <v>42</v>
      </c>
      <c r="U10050" s="2">
        <v>5.4249999999999998</v>
      </c>
      <c r="V10050" s="2">
        <v>3.589</v>
      </c>
      <c r="W10050" s="2">
        <v>0.104</v>
      </c>
      <c r="X10050" s="2">
        <v>12</v>
      </c>
      <c r="Y10050" s="2">
        <v>50</v>
      </c>
      <c r="Z10050" s="2">
        <v>173.9</v>
      </c>
      <c r="AA10050" s="5">
        <v>10</v>
      </c>
      <c r="AB10050" s="5" t="s">
        <v>43</v>
      </c>
      <c r="AC10050" s="5" t="s">
        <v>44</v>
      </c>
      <c r="AD10050" s="2" t="s">
        <v>30441</v>
      </c>
      <c r="AE10050" s="1"/>
    </row>
    <row r="10051" spans="1:31" ht="14.45">
      <c r="A10051" s="11"/>
      <c r="B10051" s="20"/>
      <c r="C10051" s="2" t="s">
        <v>30902</v>
      </c>
      <c r="D10051" s="14" t="s">
        <v>30903</v>
      </c>
      <c r="E10051" s="2" t="s">
        <v>30904</v>
      </c>
      <c r="F10051" s="2" t="s">
        <v>30440</v>
      </c>
      <c r="G10051" s="8">
        <v>185</v>
      </c>
      <c r="H10051" s="5">
        <v>5</v>
      </c>
      <c r="I10051" s="5" t="s">
        <v>69</v>
      </c>
      <c r="J10051" s="5" t="s">
        <v>27074</v>
      </c>
      <c r="K10051" s="2" t="s">
        <v>27075</v>
      </c>
      <c r="L10051" s="5" t="s">
        <v>27074</v>
      </c>
      <c r="M10051" s="2" t="s">
        <v>27075</v>
      </c>
      <c r="N10051" s="5" t="s">
        <v>24254</v>
      </c>
      <c r="O10051" s="5" t="s">
        <v>38</v>
      </c>
      <c r="P10051" s="5" t="s">
        <v>39</v>
      </c>
      <c r="Q10051" s="5" t="s">
        <v>40</v>
      </c>
      <c r="R10051" s="5" t="s">
        <v>24335</v>
      </c>
      <c r="S10051" s="5" t="s">
        <v>40</v>
      </c>
      <c r="T10051" s="5" t="s">
        <v>42</v>
      </c>
      <c r="U10051" s="2">
        <v>5.5880000000000001</v>
      </c>
      <c r="V10051" s="2">
        <v>3.7519999999999998</v>
      </c>
      <c r="W10051" s="2">
        <v>0.104</v>
      </c>
      <c r="X10051" s="2">
        <v>12</v>
      </c>
      <c r="Y10051" s="2">
        <v>50</v>
      </c>
      <c r="Z10051" s="2">
        <v>173.9</v>
      </c>
      <c r="AA10051" s="5">
        <v>10</v>
      </c>
      <c r="AB10051" s="5" t="s">
        <v>43</v>
      </c>
      <c r="AC10051" s="5" t="s">
        <v>44</v>
      </c>
      <c r="AD10051" s="2" t="s">
        <v>30445</v>
      </c>
      <c r="AE10051" s="1"/>
    </row>
    <row r="10052" spans="1:31" ht="14.45">
      <c r="A10052" s="11"/>
      <c r="B10052" s="20"/>
      <c r="C10052" s="2" t="s">
        <v>30905</v>
      </c>
      <c r="D10052" s="14" t="s">
        <v>30906</v>
      </c>
      <c r="E10052" s="2" t="s">
        <v>30907</v>
      </c>
      <c r="F10052" s="2" t="s">
        <v>30449</v>
      </c>
      <c r="G10052" s="8">
        <v>185</v>
      </c>
      <c r="H10052" s="5">
        <v>5</v>
      </c>
      <c r="I10052" s="5" t="s">
        <v>69</v>
      </c>
      <c r="J10052" s="5" t="s">
        <v>27074</v>
      </c>
      <c r="K10052" s="2" t="s">
        <v>27075</v>
      </c>
      <c r="L10052" s="5" t="s">
        <v>27074</v>
      </c>
      <c r="M10052" s="2" t="s">
        <v>27075</v>
      </c>
      <c r="N10052" s="5" t="s">
        <v>24254</v>
      </c>
      <c r="O10052" s="5" t="s">
        <v>38</v>
      </c>
      <c r="P10052" s="5" t="s">
        <v>39</v>
      </c>
      <c r="Q10052" s="5" t="s">
        <v>40</v>
      </c>
      <c r="R10052" s="5" t="s">
        <v>24335</v>
      </c>
      <c r="S10052" s="5" t="s">
        <v>40</v>
      </c>
      <c r="T10052" s="5" t="s">
        <v>42</v>
      </c>
      <c r="U10052" s="2">
        <v>6.3250000000000002</v>
      </c>
      <c r="V10052" s="2">
        <v>4.2649999999999997</v>
      </c>
      <c r="W10052" s="2">
        <v>0.104</v>
      </c>
      <c r="X10052" s="2">
        <v>12</v>
      </c>
      <c r="Y10052" s="2">
        <v>50</v>
      </c>
      <c r="Z10052" s="2">
        <v>173.9</v>
      </c>
      <c r="AA10052" s="5">
        <v>10</v>
      </c>
      <c r="AB10052" s="5" t="s">
        <v>43</v>
      </c>
      <c r="AC10052" s="5" t="s">
        <v>44</v>
      </c>
      <c r="AD10052" s="2" t="s">
        <v>30441</v>
      </c>
      <c r="AE10052" s="1"/>
    </row>
    <row r="10053" spans="1:31" ht="14.45">
      <c r="A10053" s="11"/>
      <c r="B10053" s="20"/>
      <c r="C10053" s="2" t="s">
        <v>30908</v>
      </c>
      <c r="D10053" s="14" t="s">
        <v>30909</v>
      </c>
      <c r="E10053" s="2" t="s">
        <v>30910</v>
      </c>
      <c r="F10053" s="2" t="s">
        <v>30449</v>
      </c>
      <c r="G10053" s="8">
        <v>185</v>
      </c>
      <c r="H10053" s="5">
        <v>5</v>
      </c>
      <c r="I10053" s="5" t="s">
        <v>69</v>
      </c>
      <c r="J10053" s="5" t="s">
        <v>27074</v>
      </c>
      <c r="K10053" s="2" t="s">
        <v>27075</v>
      </c>
      <c r="L10053" s="5" t="s">
        <v>27074</v>
      </c>
      <c r="M10053" s="2" t="s">
        <v>27075</v>
      </c>
      <c r="N10053" s="5" t="s">
        <v>24254</v>
      </c>
      <c r="O10053" s="5" t="s">
        <v>38</v>
      </c>
      <c r="P10053" s="5" t="s">
        <v>39</v>
      </c>
      <c r="Q10053" s="5" t="s">
        <v>40</v>
      </c>
      <c r="R10053" s="5" t="s">
        <v>24335</v>
      </c>
      <c r="S10053" s="5" t="s">
        <v>40</v>
      </c>
      <c r="T10053" s="5" t="s">
        <v>42</v>
      </c>
      <c r="U10053" s="2">
        <v>6.6340000000000003</v>
      </c>
      <c r="V10053" s="2">
        <v>4.5739999999999998</v>
      </c>
      <c r="W10053" s="2">
        <v>0.104</v>
      </c>
      <c r="X10053" s="2">
        <v>12</v>
      </c>
      <c r="Y10053" s="2">
        <v>50</v>
      </c>
      <c r="Z10053" s="2">
        <v>173.9</v>
      </c>
      <c r="AA10053" s="5">
        <v>10</v>
      </c>
      <c r="AB10053" s="5" t="s">
        <v>43</v>
      </c>
      <c r="AC10053" s="5" t="s">
        <v>44</v>
      </c>
      <c r="AD10053" s="2" t="s">
        <v>30445</v>
      </c>
      <c r="AE10053" s="1"/>
    </row>
    <row r="10054" spans="1:31" ht="14.45">
      <c r="A10054" s="11"/>
      <c r="B10054" s="20"/>
      <c r="C10054" s="2" t="s">
        <v>30911</v>
      </c>
      <c r="D10054" s="14" t="s">
        <v>30912</v>
      </c>
      <c r="E10054" s="2" t="s">
        <v>30913</v>
      </c>
      <c r="F10054" s="2" t="s">
        <v>30456</v>
      </c>
      <c r="G10054" s="8">
        <v>336</v>
      </c>
      <c r="H10054" s="5">
        <v>5</v>
      </c>
      <c r="I10054" s="5" t="s">
        <v>69</v>
      </c>
      <c r="J10054" s="5" t="s">
        <v>27074</v>
      </c>
      <c r="K10054" s="2" t="s">
        <v>27075</v>
      </c>
      <c r="L10054" s="5" t="s">
        <v>27074</v>
      </c>
      <c r="M10054" s="2" t="s">
        <v>27075</v>
      </c>
      <c r="N10054" s="5" t="s">
        <v>24254</v>
      </c>
      <c r="O10054" s="5" t="s">
        <v>38</v>
      </c>
      <c r="P10054" s="5" t="s">
        <v>39</v>
      </c>
      <c r="Q10054" s="5" t="s">
        <v>40</v>
      </c>
      <c r="R10054" s="5" t="s">
        <v>24335</v>
      </c>
      <c r="S10054" s="5" t="s">
        <v>40</v>
      </c>
      <c r="T10054" s="5" t="s">
        <v>42</v>
      </c>
      <c r="U10054" s="2">
        <v>13.119</v>
      </c>
      <c r="V10054" s="2">
        <v>10.795</v>
      </c>
      <c r="W10054" s="2">
        <v>0.16</v>
      </c>
      <c r="X10054" s="2">
        <v>12</v>
      </c>
      <c r="Y10054" s="2">
        <v>77</v>
      </c>
      <c r="Z10054" s="2">
        <v>173.4</v>
      </c>
      <c r="AA10054" s="5">
        <v>8</v>
      </c>
      <c r="AB10054" s="5" t="s">
        <v>43</v>
      </c>
      <c r="AC10054" s="5" t="s">
        <v>44</v>
      </c>
      <c r="AD10054" s="2" t="s">
        <v>30457</v>
      </c>
      <c r="AE10054" s="1"/>
    </row>
    <row r="10055" spans="1:31" ht="14.45">
      <c r="A10055" s="11"/>
      <c r="B10055" s="20"/>
      <c r="C10055" s="2" t="s">
        <v>30914</v>
      </c>
      <c r="D10055" s="14" t="s">
        <v>30915</v>
      </c>
      <c r="E10055" s="2" t="s">
        <v>30916</v>
      </c>
      <c r="F10055" s="2" t="s">
        <v>30595</v>
      </c>
      <c r="G10055" s="8">
        <v>336</v>
      </c>
      <c r="H10055" s="5">
        <v>10</v>
      </c>
      <c r="I10055" s="5" t="s">
        <v>69</v>
      </c>
      <c r="J10055" s="5" t="s">
        <v>27074</v>
      </c>
      <c r="K10055" s="2" t="s">
        <v>27075</v>
      </c>
      <c r="L10055" s="5" t="s">
        <v>27074</v>
      </c>
      <c r="M10055" s="2" t="s">
        <v>27075</v>
      </c>
      <c r="N10055" s="5" t="s">
        <v>24254</v>
      </c>
      <c r="O10055" s="5" t="s">
        <v>38</v>
      </c>
      <c r="P10055" s="5" t="s">
        <v>39</v>
      </c>
      <c r="Q10055" s="5" t="s">
        <v>40</v>
      </c>
      <c r="R10055" s="5" t="s">
        <v>24340</v>
      </c>
      <c r="S10055" s="5" t="s">
        <v>40</v>
      </c>
      <c r="T10055" s="5" t="s">
        <v>42</v>
      </c>
      <c r="U10055" s="2">
        <v>11.678000000000001</v>
      </c>
      <c r="V10055" s="2">
        <v>9.8970000000000002</v>
      </c>
      <c r="W10055" s="2">
        <v>0.104</v>
      </c>
      <c r="X10055" s="2">
        <v>12</v>
      </c>
      <c r="Y10055" s="2">
        <v>50</v>
      </c>
      <c r="Z10055" s="2">
        <v>173.9</v>
      </c>
      <c r="AA10055" s="5">
        <v>8</v>
      </c>
      <c r="AB10055" s="5" t="s">
        <v>43</v>
      </c>
      <c r="AC10055" s="5" t="s">
        <v>44</v>
      </c>
      <c r="AD10055" s="2" t="s">
        <v>30525</v>
      </c>
      <c r="AE10055" s="1"/>
    </row>
    <row r="10056" spans="1:31" ht="14.45">
      <c r="A10056" s="11"/>
      <c r="B10056" s="20"/>
      <c r="C10056" s="2" t="s">
        <v>30917</v>
      </c>
      <c r="D10056" s="14" t="s">
        <v>30918</v>
      </c>
      <c r="E10056" s="2" t="s">
        <v>30919</v>
      </c>
      <c r="F10056" s="2" t="s">
        <v>30461</v>
      </c>
      <c r="G10056" s="8">
        <v>638</v>
      </c>
      <c r="H10056" s="5">
        <v>10</v>
      </c>
      <c r="I10056" s="5" t="s">
        <v>69</v>
      </c>
      <c r="J10056" s="5" t="s">
        <v>27074</v>
      </c>
      <c r="K10056" s="2" t="s">
        <v>27075</v>
      </c>
      <c r="L10056" s="5" t="s">
        <v>27074</v>
      </c>
      <c r="M10056" s="2" t="s">
        <v>27075</v>
      </c>
      <c r="N10056" s="5" t="s">
        <v>24254</v>
      </c>
      <c r="O10056" s="5" t="s">
        <v>38</v>
      </c>
      <c r="P10056" s="5" t="s">
        <v>39</v>
      </c>
      <c r="Q10056" s="5" t="s">
        <v>40</v>
      </c>
      <c r="R10056" s="5" t="s">
        <v>24340</v>
      </c>
      <c r="S10056" s="5" t="s">
        <v>40</v>
      </c>
      <c r="T10056" s="5" t="s">
        <v>42</v>
      </c>
      <c r="U10056" s="2">
        <v>23.835000000000001</v>
      </c>
      <c r="V10056" s="2">
        <v>21.498999999999999</v>
      </c>
      <c r="W10056" s="2">
        <v>0.16</v>
      </c>
      <c r="X10056" s="2">
        <v>12</v>
      </c>
      <c r="Y10056" s="2">
        <v>77</v>
      </c>
      <c r="Z10056" s="2">
        <v>173.4</v>
      </c>
      <c r="AA10056" s="5">
        <v>8</v>
      </c>
      <c r="AB10056" s="5" t="s">
        <v>43</v>
      </c>
      <c r="AC10056" s="5" t="s">
        <v>44</v>
      </c>
      <c r="AD10056" s="2" t="s">
        <v>30462</v>
      </c>
      <c r="AE10056" s="1"/>
    </row>
    <row r="10057" spans="1:31" ht="14.45">
      <c r="A10057" s="11"/>
      <c r="B10057" s="20"/>
      <c r="C10057" s="2" t="s">
        <v>30920</v>
      </c>
      <c r="D10057" s="14" t="s">
        <v>30921</v>
      </c>
      <c r="E10057" s="2" t="s">
        <v>30922</v>
      </c>
      <c r="F10057" s="2" t="s">
        <v>30541</v>
      </c>
      <c r="G10057" s="8">
        <v>336</v>
      </c>
      <c r="H10057" s="5">
        <v>10</v>
      </c>
      <c r="I10057" s="5" t="s">
        <v>69</v>
      </c>
      <c r="J10057" s="5" t="s">
        <v>27074</v>
      </c>
      <c r="K10057" s="2" t="s">
        <v>27075</v>
      </c>
      <c r="L10057" s="5" t="s">
        <v>27074</v>
      </c>
      <c r="M10057" s="2" t="s">
        <v>27075</v>
      </c>
      <c r="N10057" s="5" t="s">
        <v>24254</v>
      </c>
      <c r="O10057" s="5" t="s">
        <v>38</v>
      </c>
      <c r="P10057" s="5" t="s">
        <v>39</v>
      </c>
      <c r="Q10057" s="5" t="s">
        <v>40</v>
      </c>
      <c r="R10057" s="5" t="s">
        <v>25301</v>
      </c>
      <c r="S10057" s="5" t="s">
        <v>40</v>
      </c>
      <c r="T10057" s="5" t="s">
        <v>42</v>
      </c>
      <c r="U10057" s="2">
        <v>14.997999999999999</v>
      </c>
      <c r="V10057" s="2">
        <v>13.186999999999999</v>
      </c>
      <c r="W10057" s="2">
        <v>0.104</v>
      </c>
      <c r="X10057" s="2">
        <v>12</v>
      </c>
      <c r="Y10057" s="2">
        <v>50</v>
      </c>
      <c r="Z10057" s="2">
        <v>173.9</v>
      </c>
      <c r="AA10057" s="5">
        <v>8</v>
      </c>
      <c r="AB10057" s="5" t="s">
        <v>43</v>
      </c>
      <c r="AC10057" s="5" t="s">
        <v>44</v>
      </c>
      <c r="AD10057" s="2" t="s">
        <v>30542</v>
      </c>
      <c r="AE10057" s="1"/>
    </row>
    <row r="10058" spans="1:31" ht="14.45">
      <c r="A10058" s="11"/>
      <c r="B10058" s="20"/>
      <c r="C10058" s="2" t="s">
        <v>30923</v>
      </c>
      <c r="D10058" s="14" t="s">
        <v>30924</v>
      </c>
      <c r="E10058" s="2" t="s">
        <v>30925</v>
      </c>
      <c r="F10058" s="2" t="s">
        <v>30862</v>
      </c>
      <c r="G10058" s="8">
        <v>336</v>
      </c>
      <c r="H10058" s="5">
        <v>10</v>
      </c>
      <c r="I10058" s="5" t="s">
        <v>69</v>
      </c>
      <c r="J10058" s="5" t="s">
        <v>27074</v>
      </c>
      <c r="K10058" s="2" t="s">
        <v>27075</v>
      </c>
      <c r="L10058" s="5" t="s">
        <v>27074</v>
      </c>
      <c r="M10058" s="2" t="s">
        <v>27075</v>
      </c>
      <c r="N10058" s="5" t="s">
        <v>24254</v>
      </c>
      <c r="O10058" s="5" t="s">
        <v>38</v>
      </c>
      <c r="P10058" s="5" t="s">
        <v>39</v>
      </c>
      <c r="Q10058" s="5" t="s">
        <v>40</v>
      </c>
      <c r="R10058" s="5" t="s">
        <v>25301</v>
      </c>
      <c r="S10058" s="5" t="s">
        <v>40</v>
      </c>
      <c r="T10058" s="5" t="s">
        <v>42</v>
      </c>
      <c r="U10058" s="2">
        <v>10.55</v>
      </c>
      <c r="V10058" s="2">
        <v>8.7680000000000007</v>
      </c>
      <c r="W10058" s="2">
        <v>0.104</v>
      </c>
      <c r="X10058" s="2">
        <v>12</v>
      </c>
      <c r="Y10058" s="2">
        <v>50</v>
      </c>
      <c r="Z10058" s="2">
        <v>173.9</v>
      </c>
      <c r="AA10058" s="5">
        <v>8</v>
      </c>
      <c r="AB10058" s="5" t="s">
        <v>43</v>
      </c>
      <c r="AC10058" s="5" t="s">
        <v>44</v>
      </c>
      <c r="AD10058" s="2" t="s">
        <v>30542</v>
      </c>
      <c r="AE10058" s="1"/>
    </row>
    <row r="10059" spans="1:31" ht="14.45">
      <c r="A10059" s="11"/>
      <c r="B10059" s="20"/>
      <c r="C10059" s="2" t="s">
        <v>30926</v>
      </c>
      <c r="D10059" s="14" t="s">
        <v>30927</v>
      </c>
      <c r="E10059" s="2" t="s">
        <v>30928</v>
      </c>
      <c r="F10059" s="2" t="s">
        <v>30546</v>
      </c>
      <c r="G10059" s="8">
        <v>336</v>
      </c>
      <c r="H10059" s="5">
        <v>10</v>
      </c>
      <c r="I10059" s="5" t="s">
        <v>69</v>
      </c>
      <c r="J10059" s="5" t="s">
        <v>27074</v>
      </c>
      <c r="K10059" s="2" t="s">
        <v>27075</v>
      </c>
      <c r="L10059" s="5" t="s">
        <v>27074</v>
      </c>
      <c r="M10059" s="2" t="s">
        <v>27075</v>
      </c>
      <c r="N10059" s="5" t="s">
        <v>24254</v>
      </c>
      <c r="O10059" s="5" t="s">
        <v>38</v>
      </c>
      <c r="P10059" s="5" t="s">
        <v>39</v>
      </c>
      <c r="Q10059" s="5" t="s">
        <v>40</v>
      </c>
      <c r="R10059" s="5" t="s">
        <v>25301</v>
      </c>
      <c r="S10059" s="5" t="s">
        <v>40</v>
      </c>
      <c r="T10059" s="5" t="s">
        <v>42</v>
      </c>
      <c r="U10059" s="2">
        <v>7.7549999999999999</v>
      </c>
      <c r="V10059" s="2">
        <v>6.0529999999999999</v>
      </c>
      <c r="W10059" s="2">
        <v>0.104</v>
      </c>
      <c r="X10059" s="2">
        <v>12</v>
      </c>
      <c r="Y10059" s="2">
        <v>50</v>
      </c>
      <c r="Z10059" s="2">
        <v>173.9</v>
      </c>
      <c r="AA10059" s="5">
        <v>8</v>
      </c>
      <c r="AB10059" s="5" t="s">
        <v>43</v>
      </c>
      <c r="AC10059" s="5" t="s">
        <v>44</v>
      </c>
      <c r="AD10059" s="2" t="s">
        <v>30542</v>
      </c>
      <c r="AE10059" s="1"/>
    </row>
    <row r="10060" spans="1:31" ht="14.45">
      <c r="A10060" s="11"/>
      <c r="B10060" s="20"/>
      <c r="C10060" s="2" t="s">
        <v>30929</v>
      </c>
      <c r="D10060" s="14" t="s">
        <v>30930</v>
      </c>
      <c r="E10060" s="2" t="s">
        <v>30931</v>
      </c>
      <c r="F10060" s="2" t="s">
        <v>30466</v>
      </c>
      <c r="G10060" s="8">
        <v>678</v>
      </c>
      <c r="H10060" s="5">
        <v>5</v>
      </c>
      <c r="I10060" s="5" t="s">
        <v>69</v>
      </c>
      <c r="J10060" s="5" t="s">
        <v>27074</v>
      </c>
      <c r="K10060" s="2" t="s">
        <v>27075</v>
      </c>
      <c r="L10060" s="5" t="s">
        <v>27074</v>
      </c>
      <c r="M10060" s="2" t="s">
        <v>27075</v>
      </c>
      <c r="N10060" s="5" t="s">
        <v>24254</v>
      </c>
      <c r="O10060" s="5" t="s">
        <v>38</v>
      </c>
      <c r="P10060" s="5" t="s">
        <v>39</v>
      </c>
      <c r="Q10060" s="5" t="s">
        <v>40</v>
      </c>
      <c r="R10060" s="5" t="s">
        <v>1487</v>
      </c>
      <c r="S10060" s="5"/>
      <c r="T10060" s="5" t="s">
        <v>42</v>
      </c>
      <c r="U10060" s="2">
        <v>0</v>
      </c>
      <c r="V10060" s="2">
        <v>0</v>
      </c>
      <c r="W10060" s="2">
        <v>0</v>
      </c>
      <c r="X10060" s="2">
        <v>0</v>
      </c>
      <c r="Y10060" s="2">
        <v>0</v>
      </c>
      <c r="Z10060" s="2">
        <v>0</v>
      </c>
      <c r="AA10060" s="5"/>
      <c r="AB10060" s="5" t="s">
        <v>43</v>
      </c>
      <c r="AC10060" s="5" t="s">
        <v>44</v>
      </c>
      <c r="AD10060" s="2" t="s">
        <v>30467</v>
      </c>
      <c r="AE10060" s="1"/>
    </row>
    <row r="10061" spans="1:31" ht="14.45">
      <c r="A10061" s="11"/>
      <c r="B10061" s="20"/>
      <c r="C10061" s="2" t="s">
        <v>30932</v>
      </c>
      <c r="D10061" s="14" t="s">
        <v>30933</v>
      </c>
      <c r="E10061" s="2" t="s">
        <v>30934</v>
      </c>
      <c r="F10061" s="2" t="s">
        <v>30471</v>
      </c>
      <c r="G10061" s="8">
        <v>678</v>
      </c>
      <c r="H10061" s="5">
        <v>15</v>
      </c>
      <c r="I10061" s="5" t="s">
        <v>69</v>
      </c>
      <c r="J10061" s="5" t="s">
        <v>27074</v>
      </c>
      <c r="K10061" s="2" t="s">
        <v>27075</v>
      </c>
      <c r="L10061" s="5" t="s">
        <v>27074</v>
      </c>
      <c r="M10061" s="2" t="s">
        <v>27075</v>
      </c>
      <c r="N10061" s="5" t="s">
        <v>24254</v>
      </c>
      <c r="O10061" s="5" t="s">
        <v>38</v>
      </c>
      <c r="P10061" s="5" t="s">
        <v>39</v>
      </c>
      <c r="Q10061" s="5" t="s">
        <v>40</v>
      </c>
      <c r="R10061" s="5" t="s">
        <v>1487</v>
      </c>
      <c r="S10061" s="5"/>
      <c r="T10061" s="5" t="s">
        <v>42</v>
      </c>
      <c r="U10061" s="2">
        <v>0</v>
      </c>
      <c r="V10061" s="2">
        <v>0</v>
      </c>
      <c r="W10061" s="2">
        <v>0</v>
      </c>
      <c r="X10061" s="2">
        <v>0</v>
      </c>
      <c r="Y10061" s="2">
        <v>0</v>
      </c>
      <c r="Z10061" s="2">
        <v>0</v>
      </c>
      <c r="AA10061" s="5"/>
      <c r="AB10061" s="5" t="s">
        <v>43</v>
      </c>
      <c r="AC10061" s="5" t="s">
        <v>44</v>
      </c>
      <c r="AD10061" s="2" t="s">
        <v>30472</v>
      </c>
      <c r="AE10061" s="1"/>
    </row>
    <row r="10062" spans="1:31" ht="14.45">
      <c r="A10062" s="11"/>
      <c r="B10062" s="20"/>
      <c r="C10062" s="2" t="s">
        <v>30935</v>
      </c>
      <c r="D10062" s="14" t="s">
        <v>30936</v>
      </c>
      <c r="E10062" s="2" t="s">
        <v>30937</v>
      </c>
      <c r="F10062" s="2" t="s">
        <v>30476</v>
      </c>
      <c r="G10062" s="8">
        <v>1135</v>
      </c>
      <c r="H10062" s="5">
        <v>15</v>
      </c>
      <c r="I10062" s="5" t="s">
        <v>69</v>
      </c>
      <c r="J10062" s="5" t="s">
        <v>27074</v>
      </c>
      <c r="K10062" s="2" t="s">
        <v>27075</v>
      </c>
      <c r="L10062" s="5" t="s">
        <v>27074</v>
      </c>
      <c r="M10062" s="2" t="s">
        <v>27075</v>
      </c>
      <c r="N10062" s="5" t="s">
        <v>24254</v>
      </c>
      <c r="O10062" s="5" t="s">
        <v>38</v>
      </c>
      <c r="P10062" s="5" t="s">
        <v>39</v>
      </c>
      <c r="Q10062" s="5" t="s">
        <v>40</v>
      </c>
      <c r="R10062" s="5" t="s">
        <v>1487</v>
      </c>
      <c r="S10062" s="5"/>
      <c r="T10062" s="5" t="s">
        <v>42</v>
      </c>
      <c r="U10062" s="2">
        <v>0</v>
      </c>
      <c r="V10062" s="2">
        <v>0</v>
      </c>
      <c r="W10062" s="2">
        <v>0</v>
      </c>
      <c r="X10062" s="2">
        <v>0</v>
      </c>
      <c r="Y10062" s="2">
        <v>0</v>
      </c>
      <c r="Z10062" s="2">
        <v>0</v>
      </c>
      <c r="AA10062" s="5"/>
      <c r="AB10062" s="5" t="s">
        <v>43</v>
      </c>
      <c r="AC10062" s="5" t="s">
        <v>44</v>
      </c>
      <c r="AD10062" s="2" t="s">
        <v>30477</v>
      </c>
      <c r="AE10062" s="1"/>
    </row>
    <row r="10063" spans="1:31" ht="14.45">
      <c r="A10063" s="11"/>
      <c r="B10063" s="20"/>
      <c r="C10063" s="2" t="s">
        <v>30938</v>
      </c>
      <c r="D10063" s="14" t="s">
        <v>30939</v>
      </c>
      <c r="E10063" s="2" t="s">
        <v>30940</v>
      </c>
      <c r="F10063" s="2" t="s">
        <v>30481</v>
      </c>
      <c r="G10063" s="8">
        <v>1135</v>
      </c>
      <c r="H10063" s="5">
        <v>15</v>
      </c>
      <c r="I10063" s="5" t="s">
        <v>69</v>
      </c>
      <c r="J10063" s="5" t="s">
        <v>27074</v>
      </c>
      <c r="K10063" s="2" t="s">
        <v>27075</v>
      </c>
      <c r="L10063" s="5" t="s">
        <v>27074</v>
      </c>
      <c r="M10063" s="2" t="s">
        <v>27075</v>
      </c>
      <c r="N10063" s="5" t="s">
        <v>24254</v>
      </c>
      <c r="O10063" s="5" t="s">
        <v>38</v>
      </c>
      <c r="P10063" s="5" t="s">
        <v>39</v>
      </c>
      <c r="Q10063" s="5" t="s">
        <v>40</v>
      </c>
      <c r="R10063" s="5" t="s">
        <v>1487</v>
      </c>
      <c r="S10063" s="5"/>
      <c r="T10063" s="5" t="s">
        <v>42</v>
      </c>
      <c r="U10063" s="2">
        <v>0</v>
      </c>
      <c r="V10063" s="2">
        <v>0</v>
      </c>
      <c r="W10063" s="2">
        <v>0</v>
      </c>
      <c r="X10063" s="2">
        <v>0</v>
      </c>
      <c r="Y10063" s="2">
        <v>0</v>
      </c>
      <c r="Z10063" s="2">
        <v>0</v>
      </c>
      <c r="AA10063" s="5"/>
      <c r="AB10063" s="5" t="s">
        <v>43</v>
      </c>
      <c r="AC10063" s="5" t="s">
        <v>44</v>
      </c>
      <c r="AD10063" s="2" t="s">
        <v>30482</v>
      </c>
      <c r="AE10063" s="1"/>
    </row>
    <row r="10064" spans="1:31" ht="14.45">
      <c r="A10064" s="11"/>
      <c r="B10064" s="20"/>
      <c r="C10064" s="2" t="s">
        <v>30941</v>
      </c>
      <c r="D10064" s="14" t="s">
        <v>30942</v>
      </c>
      <c r="E10064" s="2" t="s">
        <v>30943</v>
      </c>
      <c r="F10064" s="2" t="s">
        <v>30486</v>
      </c>
      <c r="G10064" s="8">
        <v>980</v>
      </c>
      <c r="H10064" s="5">
        <v>10</v>
      </c>
      <c r="I10064" s="5" t="s">
        <v>69</v>
      </c>
      <c r="J10064" s="5" t="s">
        <v>27074</v>
      </c>
      <c r="K10064" s="2" t="s">
        <v>27075</v>
      </c>
      <c r="L10064" s="5" t="s">
        <v>27074</v>
      </c>
      <c r="M10064" s="2" t="s">
        <v>27075</v>
      </c>
      <c r="N10064" s="5" t="s">
        <v>24254</v>
      </c>
      <c r="O10064" s="5" t="s">
        <v>38</v>
      </c>
      <c r="P10064" s="5" t="s">
        <v>39</v>
      </c>
      <c r="Q10064" s="5" t="s">
        <v>40</v>
      </c>
      <c r="R10064" s="5" t="s">
        <v>1487</v>
      </c>
      <c r="S10064" s="5"/>
      <c r="T10064" s="5" t="s">
        <v>42</v>
      </c>
      <c r="U10064" s="2">
        <v>0</v>
      </c>
      <c r="V10064" s="2">
        <v>0</v>
      </c>
      <c r="W10064" s="2">
        <v>0</v>
      </c>
      <c r="X10064" s="2">
        <v>0</v>
      </c>
      <c r="Y10064" s="2">
        <v>0</v>
      </c>
      <c r="Z10064" s="2">
        <v>0</v>
      </c>
      <c r="AA10064" s="5"/>
      <c r="AB10064" s="5" t="s">
        <v>43</v>
      </c>
      <c r="AC10064" s="5" t="s">
        <v>44</v>
      </c>
      <c r="AD10064" s="2"/>
      <c r="AE10064" s="1"/>
    </row>
    <row r="10065" spans="1:31" ht="14.45">
      <c r="A10065" s="11"/>
      <c r="B10065" s="20"/>
      <c r="C10065" s="2" t="s">
        <v>30944</v>
      </c>
      <c r="D10065" s="14" t="s">
        <v>30945</v>
      </c>
      <c r="E10065" s="2" t="s">
        <v>30946</v>
      </c>
      <c r="F10065" s="2" t="s">
        <v>30490</v>
      </c>
      <c r="G10065" s="8">
        <v>980</v>
      </c>
      <c r="H10065" s="5">
        <v>15</v>
      </c>
      <c r="I10065" s="5" t="s">
        <v>69</v>
      </c>
      <c r="J10065" s="5" t="s">
        <v>27074</v>
      </c>
      <c r="K10065" s="2" t="s">
        <v>27075</v>
      </c>
      <c r="L10065" s="5" t="s">
        <v>27074</v>
      </c>
      <c r="M10065" s="2" t="s">
        <v>27075</v>
      </c>
      <c r="N10065" s="5" t="s">
        <v>24254</v>
      </c>
      <c r="O10065" s="5" t="s">
        <v>38</v>
      </c>
      <c r="P10065" s="5" t="s">
        <v>39</v>
      </c>
      <c r="Q10065" s="5" t="s">
        <v>40</v>
      </c>
      <c r="R10065" s="5" t="s">
        <v>1487</v>
      </c>
      <c r="S10065" s="5"/>
      <c r="T10065" s="5" t="s">
        <v>42</v>
      </c>
      <c r="U10065" s="2">
        <v>0</v>
      </c>
      <c r="V10065" s="2">
        <v>0</v>
      </c>
      <c r="W10065" s="2">
        <v>0</v>
      </c>
      <c r="X10065" s="2">
        <v>0</v>
      </c>
      <c r="Y10065" s="2">
        <v>0</v>
      </c>
      <c r="Z10065" s="2">
        <v>0</v>
      </c>
      <c r="AA10065" s="5"/>
      <c r="AB10065" s="5" t="s">
        <v>43</v>
      </c>
      <c r="AC10065" s="5" t="s">
        <v>44</v>
      </c>
      <c r="AD10065" s="2"/>
      <c r="AE10065" s="1"/>
    </row>
    <row r="10066" spans="1:31" ht="14.45">
      <c r="A10066" s="11"/>
      <c r="B10066" s="20"/>
      <c r="C10066" s="2" t="s">
        <v>30947</v>
      </c>
      <c r="D10066" s="14" t="s">
        <v>30948</v>
      </c>
      <c r="E10066" s="2" t="s">
        <v>30949</v>
      </c>
      <c r="F10066" s="2" t="s">
        <v>30418</v>
      </c>
      <c r="G10066" s="8">
        <v>194</v>
      </c>
      <c r="H10066" s="5">
        <v>10</v>
      </c>
      <c r="I10066" s="5" t="s">
        <v>69</v>
      </c>
      <c r="J10066" s="5" t="s">
        <v>27074</v>
      </c>
      <c r="K10066" s="2" t="s">
        <v>27075</v>
      </c>
      <c r="L10066" s="5" t="s">
        <v>27074</v>
      </c>
      <c r="M10066" s="2" t="s">
        <v>27075</v>
      </c>
      <c r="N10066" s="5" t="s">
        <v>24254</v>
      </c>
      <c r="O10066" s="5" t="s">
        <v>38</v>
      </c>
      <c r="P10066" s="5" t="s">
        <v>39</v>
      </c>
      <c r="Q10066" s="5" t="s">
        <v>40</v>
      </c>
      <c r="R10066" s="5" t="s">
        <v>24335</v>
      </c>
      <c r="S10066" s="5" t="s">
        <v>40</v>
      </c>
      <c r="T10066" s="5" t="s">
        <v>42</v>
      </c>
      <c r="U10066" s="2">
        <v>9.7590000000000003</v>
      </c>
      <c r="V10066" s="2">
        <v>7.9610000000000003</v>
      </c>
      <c r="W10066" s="2">
        <v>0.104</v>
      </c>
      <c r="X10066" s="2">
        <v>12</v>
      </c>
      <c r="Y10066" s="2">
        <v>50</v>
      </c>
      <c r="Z10066" s="2">
        <v>173.9</v>
      </c>
      <c r="AA10066" s="5">
        <v>8</v>
      </c>
      <c r="AB10066" s="5" t="s">
        <v>43</v>
      </c>
      <c r="AC10066" s="5" t="s">
        <v>44</v>
      </c>
      <c r="AD10066" s="2" t="s">
        <v>30419</v>
      </c>
      <c r="AE10066" s="1"/>
    </row>
    <row r="10067" spans="1:31" ht="14.45">
      <c r="A10067" s="11"/>
      <c r="B10067" s="20"/>
      <c r="C10067" s="2" t="s">
        <v>30950</v>
      </c>
      <c r="D10067" s="14" t="s">
        <v>30951</v>
      </c>
      <c r="E10067" s="2" t="s">
        <v>30952</v>
      </c>
      <c r="F10067" s="2" t="s">
        <v>30423</v>
      </c>
      <c r="G10067" s="8">
        <v>194</v>
      </c>
      <c r="H10067" s="5">
        <v>5</v>
      </c>
      <c r="I10067" s="5" t="s">
        <v>69</v>
      </c>
      <c r="J10067" s="5" t="s">
        <v>27074</v>
      </c>
      <c r="K10067" s="2" t="s">
        <v>27075</v>
      </c>
      <c r="L10067" s="5" t="s">
        <v>27074</v>
      </c>
      <c r="M10067" s="2" t="s">
        <v>27075</v>
      </c>
      <c r="N10067" s="5" t="s">
        <v>24254</v>
      </c>
      <c r="O10067" s="5" t="s">
        <v>38</v>
      </c>
      <c r="P10067" s="5" t="s">
        <v>39</v>
      </c>
      <c r="Q10067" s="5" t="s">
        <v>40</v>
      </c>
      <c r="R10067" s="5" t="s">
        <v>24335</v>
      </c>
      <c r="S10067" s="5" t="s">
        <v>40</v>
      </c>
      <c r="T10067" s="5" t="s">
        <v>42</v>
      </c>
      <c r="U10067" s="2">
        <v>7.3869999999999996</v>
      </c>
      <c r="V10067" s="2">
        <v>5.39</v>
      </c>
      <c r="W10067" s="2">
        <v>0.11600000000000001</v>
      </c>
      <c r="X10067" s="2">
        <v>12</v>
      </c>
      <c r="Y10067" s="2">
        <v>50</v>
      </c>
      <c r="Z10067" s="2">
        <v>193.9</v>
      </c>
      <c r="AA10067" s="5">
        <v>8</v>
      </c>
      <c r="AB10067" s="5" t="s">
        <v>43</v>
      </c>
      <c r="AC10067" s="5" t="s">
        <v>44</v>
      </c>
      <c r="AD10067" s="2" t="s">
        <v>30419</v>
      </c>
      <c r="AE10067" s="1"/>
    </row>
    <row r="10068" spans="1:31" ht="14.45">
      <c r="A10068" s="11"/>
      <c r="B10068" s="20"/>
      <c r="C10068" s="2" t="s">
        <v>30953</v>
      </c>
      <c r="D10068" s="14" t="s">
        <v>30954</v>
      </c>
      <c r="E10068" s="2" t="s">
        <v>30955</v>
      </c>
      <c r="F10068" s="2" t="s">
        <v>30427</v>
      </c>
      <c r="G10068" s="8">
        <v>194</v>
      </c>
      <c r="H10068" s="5">
        <v>10</v>
      </c>
      <c r="I10068" s="5" t="s">
        <v>69</v>
      </c>
      <c r="J10068" s="5" t="s">
        <v>27074</v>
      </c>
      <c r="K10068" s="2" t="s">
        <v>27075</v>
      </c>
      <c r="L10068" s="5" t="s">
        <v>27074</v>
      </c>
      <c r="M10068" s="2" t="s">
        <v>27075</v>
      </c>
      <c r="N10068" s="5" t="s">
        <v>24254</v>
      </c>
      <c r="O10068" s="5" t="s">
        <v>38</v>
      </c>
      <c r="P10068" s="5" t="s">
        <v>39</v>
      </c>
      <c r="Q10068" s="5" t="s">
        <v>40</v>
      </c>
      <c r="R10068" s="5" t="s">
        <v>24335</v>
      </c>
      <c r="S10068" s="5" t="s">
        <v>40</v>
      </c>
      <c r="T10068" s="5" t="s">
        <v>42</v>
      </c>
      <c r="U10068" s="2">
        <v>5.6859999999999999</v>
      </c>
      <c r="V10068" s="2">
        <v>3.9849999999999999</v>
      </c>
      <c r="W10068" s="2">
        <v>0.104</v>
      </c>
      <c r="X10068" s="2">
        <v>12</v>
      </c>
      <c r="Y10068" s="2">
        <v>50</v>
      </c>
      <c r="Z10068" s="2">
        <v>173.9</v>
      </c>
      <c r="AA10068" s="5">
        <v>8</v>
      </c>
      <c r="AB10068" s="5" t="s">
        <v>43</v>
      </c>
      <c r="AC10068" s="5" t="s">
        <v>44</v>
      </c>
      <c r="AD10068" s="2" t="s">
        <v>30419</v>
      </c>
      <c r="AE10068" s="1"/>
    </row>
    <row r="10069" spans="1:31" ht="14.45">
      <c r="A10069" s="11"/>
      <c r="B10069" s="20"/>
      <c r="C10069" s="2" t="s">
        <v>30956</v>
      </c>
      <c r="D10069" s="14" t="s">
        <v>30957</v>
      </c>
      <c r="E10069" s="2" t="s">
        <v>30958</v>
      </c>
      <c r="F10069" s="2" t="s">
        <v>30431</v>
      </c>
      <c r="G10069" s="8">
        <v>194</v>
      </c>
      <c r="H10069" s="5">
        <v>5</v>
      </c>
      <c r="I10069" s="5" t="s">
        <v>69</v>
      </c>
      <c r="J10069" s="5" t="s">
        <v>27074</v>
      </c>
      <c r="K10069" s="2" t="s">
        <v>27075</v>
      </c>
      <c r="L10069" s="5" t="s">
        <v>27074</v>
      </c>
      <c r="M10069" s="2" t="s">
        <v>27075</v>
      </c>
      <c r="N10069" s="5" t="s">
        <v>24254</v>
      </c>
      <c r="O10069" s="5" t="s">
        <v>38</v>
      </c>
      <c r="P10069" s="5" t="s">
        <v>39</v>
      </c>
      <c r="Q10069" s="5" t="s">
        <v>40</v>
      </c>
      <c r="R10069" s="5" t="s">
        <v>24335</v>
      </c>
      <c r="S10069" s="5" t="s">
        <v>40</v>
      </c>
      <c r="T10069" s="5" t="s">
        <v>42</v>
      </c>
      <c r="U10069" s="2">
        <v>7.1429999999999998</v>
      </c>
      <c r="V10069" s="2">
        <v>5.3070000000000004</v>
      </c>
      <c r="W10069" s="2">
        <v>0.104</v>
      </c>
      <c r="X10069" s="2">
        <v>12</v>
      </c>
      <c r="Y10069" s="2">
        <v>50</v>
      </c>
      <c r="Z10069" s="2">
        <v>173.9</v>
      </c>
      <c r="AA10069" s="5">
        <v>10</v>
      </c>
      <c r="AB10069" s="5" t="s">
        <v>43</v>
      </c>
      <c r="AC10069" s="5" t="s">
        <v>44</v>
      </c>
      <c r="AD10069" s="2" t="s">
        <v>30432</v>
      </c>
      <c r="AE10069" s="1"/>
    </row>
    <row r="10070" spans="1:31" ht="14.45">
      <c r="A10070" s="11"/>
      <c r="B10070" s="20"/>
      <c r="C10070" s="2" t="s">
        <v>30959</v>
      </c>
      <c r="D10070" s="14" t="s">
        <v>30960</v>
      </c>
      <c r="E10070" s="2" t="s">
        <v>30961</v>
      </c>
      <c r="F10070" s="2" t="s">
        <v>30431</v>
      </c>
      <c r="G10070" s="8">
        <v>194</v>
      </c>
      <c r="H10070" s="5">
        <v>5</v>
      </c>
      <c r="I10070" s="5" t="s">
        <v>69</v>
      </c>
      <c r="J10070" s="5" t="s">
        <v>27074</v>
      </c>
      <c r="K10070" s="2" t="s">
        <v>27075</v>
      </c>
      <c r="L10070" s="5" t="s">
        <v>27074</v>
      </c>
      <c r="M10070" s="2" t="s">
        <v>27075</v>
      </c>
      <c r="N10070" s="5" t="s">
        <v>24254</v>
      </c>
      <c r="O10070" s="5" t="s">
        <v>38</v>
      </c>
      <c r="P10070" s="5" t="s">
        <v>39</v>
      </c>
      <c r="Q10070" s="5" t="s">
        <v>40</v>
      </c>
      <c r="R10070" s="5" t="s">
        <v>24335</v>
      </c>
      <c r="S10070" s="5" t="s">
        <v>40</v>
      </c>
      <c r="T10070" s="5" t="s">
        <v>42</v>
      </c>
      <c r="U10070" s="2">
        <v>7.4349999999999996</v>
      </c>
      <c r="V10070" s="2">
        <v>5.5990000000000002</v>
      </c>
      <c r="W10070" s="2">
        <v>0.104</v>
      </c>
      <c r="X10070" s="2">
        <v>12</v>
      </c>
      <c r="Y10070" s="2">
        <v>50</v>
      </c>
      <c r="Z10070" s="2">
        <v>173.9</v>
      </c>
      <c r="AA10070" s="5">
        <v>10</v>
      </c>
      <c r="AB10070" s="5" t="s">
        <v>43</v>
      </c>
      <c r="AC10070" s="5" t="s">
        <v>44</v>
      </c>
      <c r="AD10070" s="2" t="s">
        <v>30436</v>
      </c>
      <c r="AE10070" s="1"/>
    </row>
    <row r="10071" spans="1:31" ht="14.45">
      <c r="A10071" s="11"/>
      <c r="B10071" s="20"/>
      <c r="C10071" s="2" t="s">
        <v>30962</v>
      </c>
      <c r="D10071" s="14" t="s">
        <v>30963</v>
      </c>
      <c r="E10071" s="2" t="s">
        <v>30964</v>
      </c>
      <c r="F10071" s="2" t="s">
        <v>30440</v>
      </c>
      <c r="G10071" s="8">
        <v>194</v>
      </c>
      <c r="H10071" s="5">
        <v>5</v>
      </c>
      <c r="I10071" s="5" t="s">
        <v>69</v>
      </c>
      <c r="J10071" s="5" t="s">
        <v>27074</v>
      </c>
      <c r="K10071" s="2" t="s">
        <v>27075</v>
      </c>
      <c r="L10071" s="5" t="s">
        <v>27074</v>
      </c>
      <c r="M10071" s="2" t="s">
        <v>27075</v>
      </c>
      <c r="N10071" s="5" t="s">
        <v>24254</v>
      </c>
      <c r="O10071" s="5" t="s">
        <v>38</v>
      </c>
      <c r="P10071" s="5" t="s">
        <v>39</v>
      </c>
      <c r="Q10071" s="5" t="s">
        <v>40</v>
      </c>
      <c r="R10071" s="5" t="s">
        <v>24335</v>
      </c>
      <c r="S10071" s="5" t="s">
        <v>40</v>
      </c>
      <c r="T10071" s="5" t="s">
        <v>42</v>
      </c>
      <c r="U10071" s="2">
        <v>5.7039999999999997</v>
      </c>
      <c r="V10071" s="2">
        <v>3.8679999999999999</v>
      </c>
      <c r="W10071" s="2">
        <v>0.104</v>
      </c>
      <c r="X10071" s="2">
        <v>12</v>
      </c>
      <c r="Y10071" s="2">
        <v>50</v>
      </c>
      <c r="Z10071" s="2">
        <v>173.9</v>
      </c>
      <c r="AA10071" s="5">
        <v>10</v>
      </c>
      <c r="AB10071" s="5" t="s">
        <v>43</v>
      </c>
      <c r="AC10071" s="5" t="s">
        <v>44</v>
      </c>
      <c r="AD10071" s="2" t="s">
        <v>30441</v>
      </c>
      <c r="AE10071" s="1"/>
    </row>
    <row r="10072" spans="1:31" ht="14.45">
      <c r="A10072" s="11"/>
      <c r="B10072" s="20"/>
      <c r="C10072" s="2" t="s">
        <v>30965</v>
      </c>
      <c r="D10072" s="14" t="s">
        <v>30966</v>
      </c>
      <c r="E10072" s="2" t="s">
        <v>30967</v>
      </c>
      <c r="F10072" s="2" t="s">
        <v>30440</v>
      </c>
      <c r="G10072" s="8">
        <v>194</v>
      </c>
      <c r="H10072" s="5">
        <v>5</v>
      </c>
      <c r="I10072" s="5" t="s">
        <v>69</v>
      </c>
      <c r="J10072" s="5" t="s">
        <v>27074</v>
      </c>
      <c r="K10072" s="2" t="s">
        <v>27075</v>
      </c>
      <c r="L10072" s="5" t="s">
        <v>27074</v>
      </c>
      <c r="M10072" s="2" t="s">
        <v>27075</v>
      </c>
      <c r="N10072" s="5" t="s">
        <v>24254</v>
      </c>
      <c r="O10072" s="5" t="s">
        <v>38</v>
      </c>
      <c r="P10072" s="5" t="s">
        <v>39</v>
      </c>
      <c r="Q10072" s="5" t="s">
        <v>40</v>
      </c>
      <c r="R10072" s="5" t="s">
        <v>24335</v>
      </c>
      <c r="S10072" s="5" t="s">
        <v>40</v>
      </c>
      <c r="T10072" s="5" t="s">
        <v>42</v>
      </c>
      <c r="U10072" s="2">
        <v>5.867</v>
      </c>
      <c r="V10072" s="2">
        <v>4.0309999999999997</v>
      </c>
      <c r="W10072" s="2">
        <v>0.104</v>
      </c>
      <c r="X10072" s="2">
        <v>12</v>
      </c>
      <c r="Y10072" s="2">
        <v>50</v>
      </c>
      <c r="Z10072" s="2">
        <v>173.9</v>
      </c>
      <c r="AA10072" s="5">
        <v>10</v>
      </c>
      <c r="AB10072" s="5" t="s">
        <v>43</v>
      </c>
      <c r="AC10072" s="5" t="s">
        <v>44</v>
      </c>
      <c r="AD10072" s="2" t="s">
        <v>30445</v>
      </c>
      <c r="AE10072" s="1"/>
    </row>
    <row r="10073" spans="1:31" ht="14.45">
      <c r="A10073" s="11"/>
      <c r="B10073" s="20"/>
      <c r="C10073" s="2" t="s">
        <v>30968</v>
      </c>
      <c r="D10073" s="14" t="s">
        <v>30969</v>
      </c>
      <c r="E10073" s="2" t="s">
        <v>30970</v>
      </c>
      <c r="F10073" s="2" t="s">
        <v>30449</v>
      </c>
      <c r="G10073" s="8">
        <v>194</v>
      </c>
      <c r="H10073" s="5">
        <v>5</v>
      </c>
      <c r="I10073" s="5" t="s">
        <v>69</v>
      </c>
      <c r="J10073" s="5" t="s">
        <v>27074</v>
      </c>
      <c r="K10073" s="2" t="s">
        <v>27075</v>
      </c>
      <c r="L10073" s="5" t="s">
        <v>27074</v>
      </c>
      <c r="M10073" s="2" t="s">
        <v>27075</v>
      </c>
      <c r="N10073" s="5" t="s">
        <v>24254</v>
      </c>
      <c r="O10073" s="5" t="s">
        <v>38</v>
      </c>
      <c r="P10073" s="5" t="s">
        <v>39</v>
      </c>
      <c r="Q10073" s="5" t="s">
        <v>40</v>
      </c>
      <c r="R10073" s="5" t="s">
        <v>24335</v>
      </c>
      <c r="S10073" s="5" t="s">
        <v>40</v>
      </c>
      <c r="T10073" s="5" t="s">
        <v>42</v>
      </c>
      <c r="U10073" s="2">
        <v>6.7649999999999997</v>
      </c>
      <c r="V10073" s="2">
        <v>4.7050000000000001</v>
      </c>
      <c r="W10073" s="2">
        <v>0.104</v>
      </c>
      <c r="X10073" s="2">
        <v>12</v>
      </c>
      <c r="Y10073" s="2">
        <v>50</v>
      </c>
      <c r="Z10073" s="2">
        <v>173.9</v>
      </c>
      <c r="AA10073" s="5">
        <v>10</v>
      </c>
      <c r="AB10073" s="5" t="s">
        <v>43</v>
      </c>
      <c r="AC10073" s="5" t="s">
        <v>44</v>
      </c>
      <c r="AD10073" s="2" t="s">
        <v>30441</v>
      </c>
      <c r="AE10073" s="1"/>
    </row>
    <row r="10074" spans="1:31" ht="14.45">
      <c r="A10074" s="11"/>
      <c r="B10074" s="20"/>
      <c r="C10074" s="2" t="s">
        <v>30971</v>
      </c>
      <c r="D10074" s="14" t="s">
        <v>30972</v>
      </c>
      <c r="E10074" s="2" t="s">
        <v>30973</v>
      </c>
      <c r="F10074" s="2" t="s">
        <v>30449</v>
      </c>
      <c r="G10074" s="8">
        <v>194</v>
      </c>
      <c r="H10074" s="5">
        <v>5</v>
      </c>
      <c r="I10074" s="5" t="s">
        <v>69</v>
      </c>
      <c r="J10074" s="5" t="s">
        <v>27074</v>
      </c>
      <c r="K10074" s="2" t="s">
        <v>27075</v>
      </c>
      <c r="L10074" s="5" t="s">
        <v>27074</v>
      </c>
      <c r="M10074" s="2" t="s">
        <v>27075</v>
      </c>
      <c r="N10074" s="5" t="s">
        <v>24254</v>
      </c>
      <c r="O10074" s="5" t="s">
        <v>38</v>
      </c>
      <c r="P10074" s="5" t="s">
        <v>39</v>
      </c>
      <c r="Q10074" s="5" t="s">
        <v>40</v>
      </c>
      <c r="R10074" s="5" t="s">
        <v>24335</v>
      </c>
      <c r="S10074" s="5" t="s">
        <v>40</v>
      </c>
      <c r="T10074" s="5" t="s">
        <v>42</v>
      </c>
      <c r="U10074" s="2">
        <v>7.0739999999999998</v>
      </c>
      <c r="V10074" s="2">
        <v>5.0140000000000002</v>
      </c>
      <c r="W10074" s="2">
        <v>0.104</v>
      </c>
      <c r="X10074" s="2">
        <v>12</v>
      </c>
      <c r="Y10074" s="2">
        <v>50</v>
      </c>
      <c r="Z10074" s="2">
        <v>173.9</v>
      </c>
      <c r="AA10074" s="5">
        <v>10</v>
      </c>
      <c r="AB10074" s="5" t="s">
        <v>43</v>
      </c>
      <c r="AC10074" s="5" t="s">
        <v>44</v>
      </c>
      <c r="AD10074" s="2" t="s">
        <v>30445</v>
      </c>
      <c r="AE10074" s="1"/>
    </row>
    <row r="10075" spans="1:31" ht="14.45">
      <c r="A10075" s="11"/>
      <c r="B10075" s="20"/>
      <c r="C10075" s="2" t="s">
        <v>30974</v>
      </c>
      <c r="D10075" s="14" t="s">
        <v>30975</v>
      </c>
      <c r="E10075" s="2" t="s">
        <v>30976</v>
      </c>
      <c r="F10075" s="2" t="s">
        <v>30456</v>
      </c>
      <c r="G10075" s="8">
        <v>352</v>
      </c>
      <c r="H10075" s="5">
        <v>5</v>
      </c>
      <c r="I10075" s="5" t="s">
        <v>69</v>
      </c>
      <c r="J10075" s="5" t="s">
        <v>27074</v>
      </c>
      <c r="K10075" s="2" t="s">
        <v>27075</v>
      </c>
      <c r="L10075" s="5" t="s">
        <v>27074</v>
      </c>
      <c r="M10075" s="2" t="s">
        <v>27075</v>
      </c>
      <c r="N10075" s="5" t="s">
        <v>24254</v>
      </c>
      <c r="O10075" s="5" t="s">
        <v>38</v>
      </c>
      <c r="P10075" s="5" t="s">
        <v>39</v>
      </c>
      <c r="Q10075" s="5" t="s">
        <v>40</v>
      </c>
      <c r="R10075" s="5" t="s">
        <v>24335</v>
      </c>
      <c r="S10075" s="5" t="s">
        <v>40</v>
      </c>
      <c r="T10075" s="5" t="s">
        <v>42</v>
      </c>
      <c r="U10075" s="2">
        <v>14.378</v>
      </c>
      <c r="V10075" s="2">
        <v>11.661</v>
      </c>
      <c r="W10075" s="2">
        <v>0.19500000000000001</v>
      </c>
      <c r="X10075" s="2">
        <v>12</v>
      </c>
      <c r="Y10075" s="2">
        <v>77</v>
      </c>
      <c r="Z10075" s="2">
        <v>210.9</v>
      </c>
      <c r="AA10075" s="5">
        <v>8</v>
      </c>
      <c r="AB10075" s="5" t="s">
        <v>43</v>
      </c>
      <c r="AC10075" s="5" t="s">
        <v>44</v>
      </c>
      <c r="AD10075" s="2" t="s">
        <v>30457</v>
      </c>
      <c r="AE10075" s="1"/>
    </row>
    <row r="10076" spans="1:31" ht="14.45">
      <c r="A10076" s="11"/>
      <c r="B10076" s="20"/>
      <c r="C10076" s="2" t="s">
        <v>30977</v>
      </c>
      <c r="D10076" s="14" t="s">
        <v>30978</v>
      </c>
      <c r="E10076" s="2" t="s">
        <v>30979</v>
      </c>
      <c r="F10076" s="2" t="s">
        <v>30524</v>
      </c>
      <c r="G10076" s="8">
        <v>345</v>
      </c>
      <c r="H10076" s="5">
        <v>10</v>
      </c>
      <c r="I10076" s="5" t="s">
        <v>69</v>
      </c>
      <c r="J10076" s="5" t="s">
        <v>27074</v>
      </c>
      <c r="K10076" s="2" t="s">
        <v>27075</v>
      </c>
      <c r="L10076" s="5" t="s">
        <v>27074</v>
      </c>
      <c r="M10076" s="2" t="s">
        <v>27075</v>
      </c>
      <c r="N10076" s="5" t="s">
        <v>24254</v>
      </c>
      <c r="O10076" s="5" t="s">
        <v>38</v>
      </c>
      <c r="P10076" s="5" t="s">
        <v>39</v>
      </c>
      <c r="Q10076" s="5" t="s">
        <v>40</v>
      </c>
      <c r="R10076" s="5" t="s">
        <v>24340</v>
      </c>
      <c r="S10076" s="5" t="s">
        <v>40</v>
      </c>
      <c r="T10076" s="5" t="s">
        <v>42</v>
      </c>
      <c r="U10076" s="2">
        <v>18.384</v>
      </c>
      <c r="V10076" s="2">
        <v>16.574000000000002</v>
      </c>
      <c r="W10076" s="2">
        <v>0.104</v>
      </c>
      <c r="X10076" s="2">
        <v>12</v>
      </c>
      <c r="Y10076" s="2">
        <v>50</v>
      </c>
      <c r="Z10076" s="2">
        <v>173.9</v>
      </c>
      <c r="AA10076" s="5">
        <v>8</v>
      </c>
      <c r="AB10076" s="5" t="s">
        <v>43</v>
      </c>
      <c r="AC10076" s="5" t="s">
        <v>44</v>
      </c>
      <c r="AD10076" s="2" t="s">
        <v>30525</v>
      </c>
      <c r="AE10076" s="1"/>
    </row>
    <row r="10077" spans="1:31" ht="14.45">
      <c r="A10077" s="11"/>
      <c r="B10077" s="20"/>
      <c r="C10077" s="2" t="s">
        <v>30980</v>
      </c>
      <c r="D10077" s="14" t="s">
        <v>30981</v>
      </c>
      <c r="E10077" s="2" t="s">
        <v>30982</v>
      </c>
      <c r="F10077" s="2" t="s">
        <v>30595</v>
      </c>
      <c r="G10077" s="8">
        <v>345</v>
      </c>
      <c r="H10077" s="5">
        <v>10</v>
      </c>
      <c r="I10077" s="5" t="s">
        <v>69</v>
      </c>
      <c r="J10077" s="5" t="s">
        <v>27074</v>
      </c>
      <c r="K10077" s="2" t="s">
        <v>27075</v>
      </c>
      <c r="L10077" s="5" t="s">
        <v>27074</v>
      </c>
      <c r="M10077" s="2" t="s">
        <v>27075</v>
      </c>
      <c r="N10077" s="5" t="s">
        <v>24254</v>
      </c>
      <c r="O10077" s="5" t="s">
        <v>38</v>
      </c>
      <c r="P10077" s="5" t="s">
        <v>39</v>
      </c>
      <c r="Q10077" s="5" t="s">
        <v>40</v>
      </c>
      <c r="R10077" s="5" t="s">
        <v>24340</v>
      </c>
      <c r="S10077" s="5" t="s">
        <v>40</v>
      </c>
      <c r="T10077" s="5" t="s">
        <v>42</v>
      </c>
      <c r="U10077" s="2">
        <v>12.733000000000001</v>
      </c>
      <c r="V10077" s="2">
        <v>10.736000000000001</v>
      </c>
      <c r="W10077" s="2">
        <v>0.104</v>
      </c>
      <c r="X10077" s="2">
        <v>12</v>
      </c>
      <c r="Y10077" s="2">
        <v>50</v>
      </c>
      <c r="Z10077" s="2">
        <v>173.9</v>
      </c>
      <c r="AA10077" s="5">
        <v>8</v>
      </c>
      <c r="AB10077" s="5" t="s">
        <v>43</v>
      </c>
      <c r="AC10077" s="5" t="s">
        <v>44</v>
      </c>
      <c r="AD10077" s="2" t="s">
        <v>30525</v>
      </c>
      <c r="AE10077" s="1"/>
    </row>
    <row r="10078" spans="1:31" ht="14.45">
      <c r="A10078" s="11"/>
      <c r="B10078" s="20"/>
      <c r="C10078" s="2" t="s">
        <v>30983</v>
      </c>
      <c r="D10078" s="14" t="s">
        <v>30984</v>
      </c>
      <c r="E10078" s="2" t="s">
        <v>30985</v>
      </c>
      <c r="F10078" s="2" t="s">
        <v>30529</v>
      </c>
      <c r="G10078" s="8">
        <v>345</v>
      </c>
      <c r="H10078" s="5">
        <v>10</v>
      </c>
      <c r="I10078" s="5" t="s">
        <v>69</v>
      </c>
      <c r="J10078" s="5" t="s">
        <v>27074</v>
      </c>
      <c r="K10078" s="2" t="s">
        <v>27075</v>
      </c>
      <c r="L10078" s="5" t="s">
        <v>27074</v>
      </c>
      <c r="M10078" s="2" t="s">
        <v>27075</v>
      </c>
      <c r="N10078" s="5" t="s">
        <v>24254</v>
      </c>
      <c r="O10078" s="5" t="s">
        <v>38</v>
      </c>
      <c r="P10078" s="5" t="s">
        <v>39</v>
      </c>
      <c r="Q10078" s="5" t="s">
        <v>40</v>
      </c>
      <c r="R10078" s="5" t="s">
        <v>24340</v>
      </c>
      <c r="S10078" s="5" t="s">
        <v>40</v>
      </c>
      <c r="T10078" s="5" t="s">
        <v>42</v>
      </c>
      <c r="U10078" s="2">
        <v>8.7650000000000006</v>
      </c>
      <c r="V10078" s="2">
        <v>7.0640000000000001</v>
      </c>
      <c r="W10078" s="2">
        <v>0.104</v>
      </c>
      <c r="X10078" s="2">
        <v>12</v>
      </c>
      <c r="Y10078" s="2">
        <v>50</v>
      </c>
      <c r="Z10078" s="2">
        <v>173.9</v>
      </c>
      <c r="AA10078" s="5">
        <v>8</v>
      </c>
      <c r="AB10078" s="5" t="s">
        <v>43</v>
      </c>
      <c r="AC10078" s="5" t="s">
        <v>44</v>
      </c>
      <c r="AD10078" s="2" t="s">
        <v>30525</v>
      </c>
      <c r="AE10078" s="1"/>
    </row>
    <row r="10079" spans="1:31" ht="14.45">
      <c r="A10079" s="11"/>
      <c r="B10079" s="20"/>
      <c r="C10079" s="2" t="s">
        <v>30986</v>
      </c>
      <c r="D10079" s="14" t="s">
        <v>30987</v>
      </c>
      <c r="E10079" s="2" t="s">
        <v>30988</v>
      </c>
      <c r="F10079" s="2" t="s">
        <v>30533</v>
      </c>
      <c r="G10079" s="8">
        <v>345</v>
      </c>
      <c r="H10079" s="5">
        <v>10</v>
      </c>
      <c r="I10079" s="5" t="s">
        <v>69</v>
      </c>
      <c r="J10079" s="5" t="s">
        <v>27074</v>
      </c>
      <c r="K10079" s="2" t="s">
        <v>27075</v>
      </c>
      <c r="L10079" s="5" t="s">
        <v>27074</v>
      </c>
      <c r="M10079" s="2" t="s">
        <v>27075</v>
      </c>
      <c r="N10079" s="5" t="s">
        <v>24254</v>
      </c>
      <c r="O10079" s="5" t="s">
        <v>38</v>
      </c>
      <c r="P10079" s="5" t="s">
        <v>39</v>
      </c>
      <c r="Q10079" s="5" t="s">
        <v>40</v>
      </c>
      <c r="R10079" s="5" t="s">
        <v>24340</v>
      </c>
      <c r="S10079" s="5" t="s">
        <v>40</v>
      </c>
      <c r="T10079" s="5" t="s">
        <v>42</v>
      </c>
      <c r="U10079" s="2">
        <v>11.863</v>
      </c>
      <c r="V10079" s="2">
        <v>10.007</v>
      </c>
      <c r="W10079" s="2">
        <v>0.104</v>
      </c>
      <c r="X10079" s="2">
        <v>12</v>
      </c>
      <c r="Y10079" s="2">
        <v>50</v>
      </c>
      <c r="Z10079" s="2">
        <v>173.9</v>
      </c>
      <c r="AA10079" s="5">
        <v>10</v>
      </c>
      <c r="AB10079" s="5" t="s">
        <v>43</v>
      </c>
      <c r="AC10079" s="5" t="s">
        <v>44</v>
      </c>
      <c r="AD10079" s="2" t="s">
        <v>30656</v>
      </c>
      <c r="AE10079" s="1"/>
    </row>
    <row r="10080" spans="1:31" ht="14.45">
      <c r="A10080" s="11"/>
      <c r="B10080" s="20"/>
      <c r="C10080" s="2" t="s">
        <v>30989</v>
      </c>
      <c r="D10080" s="14" t="s">
        <v>30990</v>
      </c>
      <c r="E10080" s="2" t="s">
        <v>30991</v>
      </c>
      <c r="F10080" s="2" t="s">
        <v>30461</v>
      </c>
      <c r="G10080" s="8">
        <v>654</v>
      </c>
      <c r="H10080" s="5">
        <v>10</v>
      </c>
      <c r="I10080" s="5" t="s">
        <v>69</v>
      </c>
      <c r="J10080" s="5" t="s">
        <v>27074</v>
      </c>
      <c r="K10080" s="2" t="s">
        <v>27075</v>
      </c>
      <c r="L10080" s="5" t="s">
        <v>27074</v>
      </c>
      <c r="M10080" s="2" t="s">
        <v>27075</v>
      </c>
      <c r="N10080" s="5" t="s">
        <v>24254</v>
      </c>
      <c r="O10080" s="5" t="s">
        <v>38</v>
      </c>
      <c r="P10080" s="5" t="s">
        <v>39</v>
      </c>
      <c r="Q10080" s="5" t="s">
        <v>40</v>
      </c>
      <c r="R10080" s="5" t="s">
        <v>24340</v>
      </c>
      <c r="S10080" s="5" t="s">
        <v>40</v>
      </c>
      <c r="T10080" s="5" t="s">
        <v>42</v>
      </c>
      <c r="U10080" s="2">
        <v>26.081</v>
      </c>
      <c r="V10080" s="2">
        <v>23.352</v>
      </c>
      <c r="W10080" s="2">
        <v>0.16</v>
      </c>
      <c r="X10080" s="2">
        <v>12</v>
      </c>
      <c r="Y10080" s="2">
        <v>77</v>
      </c>
      <c r="Z10080" s="2">
        <v>173.4</v>
      </c>
      <c r="AA10080" s="5">
        <v>8</v>
      </c>
      <c r="AB10080" s="5" t="s">
        <v>43</v>
      </c>
      <c r="AC10080" s="5" t="s">
        <v>44</v>
      </c>
      <c r="AD10080" s="2" t="s">
        <v>30462</v>
      </c>
      <c r="AE10080" s="1"/>
    </row>
    <row r="10081" spans="1:31" ht="14.45">
      <c r="A10081" s="11"/>
      <c r="B10081" s="20"/>
      <c r="C10081" s="2" t="s">
        <v>30992</v>
      </c>
      <c r="D10081" s="14" t="s">
        <v>30993</v>
      </c>
      <c r="E10081" s="2" t="s">
        <v>30994</v>
      </c>
      <c r="F10081" s="2" t="s">
        <v>30541</v>
      </c>
      <c r="G10081" s="8">
        <v>345</v>
      </c>
      <c r="H10081" s="5">
        <v>10</v>
      </c>
      <c r="I10081" s="5" t="s">
        <v>69</v>
      </c>
      <c r="J10081" s="5" t="s">
        <v>27074</v>
      </c>
      <c r="K10081" s="2" t="s">
        <v>27075</v>
      </c>
      <c r="L10081" s="5" t="s">
        <v>27074</v>
      </c>
      <c r="M10081" s="2" t="s">
        <v>27075</v>
      </c>
      <c r="N10081" s="5" t="s">
        <v>24254</v>
      </c>
      <c r="O10081" s="5" t="s">
        <v>38</v>
      </c>
      <c r="P10081" s="5" t="s">
        <v>39</v>
      </c>
      <c r="Q10081" s="5" t="s">
        <v>40</v>
      </c>
      <c r="R10081" s="5" t="s">
        <v>25301</v>
      </c>
      <c r="S10081" s="5" t="s">
        <v>40</v>
      </c>
      <c r="T10081" s="5" t="s">
        <v>42</v>
      </c>
      <c r="U10081" s="2">
        <v>16.213000000000001</v>
      </c>
      <c r="V10081" s="2">
        <v>14.401999999999999</v>
      </c>
      <c r="W10081" s="2">
        <v>0.104</v>
      </c>
      <c r="X10081" s="2">
        <v>12</v>
      </c>
      <c r="Y10081" s="2">
        <v>50</v>
      </c>
      <c r="Z10081" s="2">
        <v>173.9</v>
      </c>
      <c r="AA10081" s="5">
        <v>8</v>
      </c>
      <c r="AB10081" s="5" t="s">
        <v>43</v>
      </c>
      <c r="AC10081" s="5" t="s">
        <v>44</v>
      </c>
      <c r="AD10081" s="2" t="s">
        <v>30542</v>
      </c>
      <c r="AE10081" s="1"/>
    </row>
    <row r="10082" spans="1:31" ht="14.45">
      <c r="A10082" s="11"/>
      <c r="B10082" s="20"/>
      <c r="C10082" s="2" t="s">
        <v>30995</v>
      </c>
      <c r="D10082" s="14" t="s">
        <v>30996</v>
      </c>
      <c r="E10082" s="2" t="s">
        <v>30997</v>
      </c>
      <c r="F10082" s="2" t="s">
        <v>30862</v>
      </c>
      <c r="G10082" s="8">
        <v>345</v>
      </c>
      <c r="H10082" s="5">
        <v>10</v>
      </c>
      <c r="I10082" s="5" t="s">
        <v>69</v>
      </c>
      <c r="J10082" s="5" t="s">
        <v>27074</v>
      </c>
      <c r="K10082" s="2" t="s">
        <v>27075</v>
      </c>
      <c r="L10082" s="5" t="s">
        <v>27074</v>
      </c>
      <c r="M10082" s="2" t="s">
        <v>27075</v>
      </c>
      <c r="N10082" s="5" t="s">
        <v>24254</v>
      </c>
      <c r="O10082" s="5" t="s">
        <v>38</v>
      </c>
      <c r="P10082" s="5" t="s">
        <v>39</v>
      </c>
      <c r="Q10082" s="5" t="s">
        <v>40</v>
      </c>
      <c r="R10082" s="5" t="s">
        <v>25301</v>
      </c>
      <c r="S10082" s="5" t="s">
        <v>40</v>
      </c>
      <c r="T10082" s="5" t="s">
        <v>42</v>
      </c>
      <c r="U10082" s="2">
        <v>11.496</v>
      </c>
      <c r="V10082" s="2">
        <v>9.4979999999999993</v>
      </c>
      <c r="W10082" s="2">
        <v>0.104</v>
      </c>
      <c r="X10082" s="2">
        <v>12</v>
      </c>
      <c r="Y10082" s="2">
        <v>50</v>
      </c>
      <c r="Z10082" s="2">
        <v>173.9</v>
      </c>
      <c r="AA10082" s="5">
        <v>8</v>
      </c>
      <c r="AB10082" s="5" t="s">
        <v>43</v>
      </c>
      <c r="AC10082" s="5" t="s">
        <v>44</v>
      </c>
      <c r="AD10082" s="2" t="s">
        <v>30542</v>
      </c>
      <c r="AE10082" s="1"/>
    </row>
    <row r="10083" spans="1:31" ht="14.45">
      <c r="A10083" s="11"/>
      <c r="B10083" s="20"/>
      <c r="C10083" s="2" t="s">
        <v>30998</v>
      </c>
      <c r="D10083" s="14" t="s">
        <v>30999</v>
      </c>
      <c r="E10083" s="2" t="s">
        <v>31000</v>
      </c>
      <c r="F10083" s="2" t="s">
        <v>30546</v>
      </c>
      <c r="G10083" s="8">
        <v>345</v>
      </c>
      <c r="H10083" s="5">
        <v>10</v>
      </c>
      <c r="I10083" s="5" t="s">
        <v>69</v>
      </c>
      <c r="J10083" s="5" t="s">
        <v>27074</v>
      </c>
      <c r="K10083" s="2" t="s">
        <v>27075</v>
      </c>
      <c r="L10083" s="5" t="s">
        <v>27074</v>
      </c>
      <c r="M10083" s="2" t="s">
        <v>27075</v>
      </c>
      <c r="N10083" s="5" t="s">
        <v>24254</v>
      </c>
      <c r="O10083" s="5" t="s">
        <v>38</v>
      </c>
      <c r="P10083" s="5" t="s">
        <v>39</v>
      </c>
      <c r="Q10083" s="5" t="s">
        <v>40</v>
      </c>
      <c r="R10083" s="5" t="s">
        <v>25301</v>
      </c>
      <c r="S10083" s="5" t="s">
        <v>40</v>
      </c>
      <c r="T10083" s="5" t="s">
        <v>42</v>
      </c>
      <c r="U10083" s="2">
        <v>8.1479999999999997</v>
      </c>
      <c r="V10083" s="2">
        <v>6.4459999999999997</v>
      </c>
      <c r="W10083" s="2">
        <v>0.104</v>
      </c>
      <c r="X10083" s="2">
        <v>12</v>
      </c>
      <c r="Y10083" s="2">
        <v>50</v>
      </c>
      <c r="Z10083" s="2">
        <v>173.9</v>
      </c>
      <c r="AA10083" s="5">
        <v>8</v>
      </c>
      <c r="AB10083" s="5" t="s">
        <v>43</v>
      </c>
      <c r="AC10083" s="5" t="s">
        <v>44</v>
      </c>
      <c r="AD10083" s="2" t="s">
        <v>30542</v>
      </c>
      <c r="AE10083" s="1"/>
    </row>
    <row r="10084" spans="1:31" ht="14.45">
      <c r="A10084" s="11"/>
      <c r="B10084" s="20"/>
      <c r="C10084" s="2" t="s">
        <v>31001</v>
      </c>
      <c r="D10084" s="14" t="s">
        <v>31002</v>
      </c>
      <c r="E10084" s="2" t="s">
        <v>31003</v>
      </c>
      <c r="F10084" s="2" t="s">
        <v>31004</v>
      </c>
      <c r="G10084" s="8">
        <v>345</v>
      </c>
      <c r="H10084" s="5">
        <v>10</v>
      </c>
      <c r="I10084" s="5" t="s">
        <v>69</v>
      </c>
      <c r="J10084" s="5" t="s">
        <v>27074</v>
      </c>
      <c r="K10084" s="2" t="s">
        <v>27075</v>
      </c>
      <c r="L10084" s="5" t="s">
        <v>27074</v>
      </c>
      <c r="M10084" s="2" t="s">
        <v>27075</v>
      </c>
      <c r="N10084" s="5" t="s">
        <v>24254</v>
      </c>
      <c r="O10084" s="5" t="s">
        <v>38</v>
      </c>
      <c r="P10084" s="5" t="s">
        <v>39</v>
      </c>
      <c r="Q10084" s="5" t="s">
        <v>40</v>
      </c>
      <c r="R10084" s="5" t="s">
        <v>25301</v>
      </c>
      <c r="S10084" s="5" t="s">
        <v>40</v>
      </c>
      <c r="T10084" s="5" t="s">
        <v>42</v>
      </c>
      <c r="U10084" s="2">
        <v>11.526999999999999</v>
      </c>
      <c r="V10084" s="2">
        <v>9.7490000000000006</v>
      </c>
      <c r="W10084" s="2">
        <v>0.104</v>
      </c>
      <c r="X10084" s="2">
        <v>12</v>
      </c>
      <c r="Y10084" s="2">
        <v>50</v>
      </c>
      <c r="Z10084" s="2">
        <v>173.9</v>
      </c>
      <c r="AA10084" s="5">
        <v>10</v>
      </c>
      <c r="AB10084" s="5" t="s">
        <v>43</v>
      </c>
      <c r="AC10084" s="5" t="s">
        <v>44</v>
      </c>
      <c r="AD10084" s="2" t="s">
        <v>31005</v>
      </c>
      <c r="AE10084" s="1"/>
    </row>
    <row r="10085" spans="1:31" ht="14.45">
      <c r="A10085" s="11"/>
      <c r="B10085" s="20"/>
      <c r="C10085" s="2" t="s">
        <v>31006</v>
      </c>
      <c r="D10085" s="14" t="s">
        <v>31007</v>
      </c>
      <c r="E10085" s="2" t="s">
        <v>31008</v>
      </c>
      <c r="F10085" s="2" t="s">
        <v>31009</v>
      </c>
      <c r="G10085" s="8">
        <v>345</v>
      </c>
      <c r="H10085" s="5">
        <v>10</v>
      </c>
      <c r="I10085" s="5" t="s">
        <v>69</v>
      </c>
      <c r="J10085" s="5" t="s">
        <v>27074</v>
      </c>
      <c r="K10085" s="2" t="s">
        <v>27075</v>
      </c>
      <c r="L10085" s="5" t="s">
        <v>27074</v>
      </c>
      <c r="M10085" s="2" t="s">
        <v>27075</v>
      </c>
      <c r="N10085" s="5" t="s">
        <v>24254</v>
      </c>
      <c r="O10085" s="5" t="s">
        <v>38</v>
      </c>
      <c r="P10085" s="5" t="s">
        <v>39</v>
      </c>
      <c r="Q10085" s="5" t="s">
        <v>40</v>
      </c>
      <c r="R10085" s="5" t="s">
        <v>25301</v>
      </c>
      <c r="S10085" s="5" t="s">
        <v>40</v>
      </c>
      <c r="T10085" s="5" t="s">
        <v>42</v>
      </c>
      <c r="U10085" s="2">
        <v>8.6669999999999998</v>
      </c>
      <c r="V10085" s="2">
        <v>6.8890000000000002</v>
      </c>
      <c r="W10085" s="2">
        <v>0.104</v>
      </c>
      <c r="X10085" s="2">
        <v>12</v>
      </c>
      <c r="Y10085" s="2">
        <v>50</v>
      </c>
      <c r="Z10085" s="2">
        <v>173.9</v>
      </c>
      <c r="AA10085" s="5">
        <v>10</v>
      </c>
      <c r="AB10085" s="5" t="s">
        <v>43</v>
      </c>
      <c r="AC10085" s="5" t="s">
        <v>44</v>
      </c>
      <c r="AD10085" s="2" t="s">
        <v>31010</v>
      </c>
      <c r="AE10085" s="1"/>
    </row>
    <row r="10086" spans="1:31" ht="14.45">
      <c r="A10086" s="11"/>
      <c r="B10086" s="20"/>
      <c r="C10086" s="2" t="s">
        <v>31011</v>
      </c>
      <c r="D10086" s="14" t="s">
        <v>31012</v>
      </c>
      <c r="E10086" s="2" t="s">
        <v>31013</v>
      </c>
      <c r="F10086" s="2" t="s">
        <v>30466</v>
      </c>
      <c r="G10086" s="8">
        <v>696</v>
      </c>
      <c r="H10086" s="5">
        <v>5</v>
      </c>
      <c r="I10086" s="5" t="s">
        <v>69</v>
      </c>
      <c r="J10086" s="5" t="s">
        <v>27074</v>
      </c>
      <c r="K10086" s="2" t="s">
        <v>27075</v>
      </c>
      <c r="L10086" s="5" t="s">
        <v>27074</v>
      </c>
      <c r="M10086" s="2" t="s">
        <v>27075</v>
      </c>
      <c r="N10086" s="5" t="s">
        <v>24254</v>
      </c>
      <c r="O10086" s="5" t="s">
        <v>38</v>
      </c>
      <c r="P10086" s="5" t="s">
        <v>39</v>
      </c>
      <c r="Q10086" s="5" t="s">
        <v>40</v>
      </c>
      <c r="R10086" s="5" t="s">
        <v>1487</v>
      </c>
      <c r="S10086" s="5"/>
      <c r="T10086" s="5" t="s">
        <v>42</v>
      </c>
      <c r="U10086" s="2">
        <v>0</v>
      </c>
      <c r="V10086" s="2">
        <v>0</v>
      </c>
      <c r="W10086" s="2">
        <v>0</v>
      </c>
      <c r="X10086" s="2">
        <v>0</v>
      </c>
      <c r="Y10086" s="2">
        <v>0</v>
      </c>
      <c r="Z10086" s="2">
        <v>0</v>
      </c>
      <c r="AA10086" s="5"/>
      <c r="AB10086" s="5" t="s">
        <v>43</v>
      </c>
      <c r="AC10086" s="5" t="s">
        <v>44</v>
      </c>
      <c r="AD10086" s="2" t="s">
        <v>30467</v>
      </c>
      <c r="AE10086" s="1"/>
    </row>
    <row r="10087" spans="1:31" ht="14.45">
      <c r="A10087" s="11"/>
      <c r="B10087" s="20"/>
      <c r="C10087" s="2" t="s">
        <v>31014</v>
      </c>
      <c r="D10087" s="14" t="s">
        <v>31015</v>
      </c>
      <c r="E10087" s="2" t="s">
        <v>31016</v>
      </c>
      <c r="F10087" s="2" t="s">
        <v>30471</v>
      </c>
      <c r="G10087" s="8">
        <v>696</v>
      </c>
      <c r="H10087" s="5">
        <v>15</v>
      </c>
      <c r="I10087" s="5" t="s">
        <v>69</v>
      </c>
      <c r="J10087" s="5" t="s">
        <v>27074</v>
      </c>
      <c r="K10087" s="2" t="s">
        <v>27075</v>
      </c>
      <c r="L10087" s="5" t="s">
        <v>27074</v>
      </c>
      <c r="M10087" s="2" t="s">
        <v>27075</v>
      </c>
      <c r="N10087" s="5" t="s">
        <v>24254</v>
      </c>
      <c r="O10087" s="5" t="s">
        <v>38</v>
      </c>
      <c r="P10087" s="5" t="s">
        <v>39</v>
      </c>
      <c r="Q10087" s="5" t="s">
        <v>40</v>
      </c>
      <c r="R10087" s="5" t="s">
        <v>1487</v>
      </c>
      <c r="S10087" s="5"/>
      <c r="T10087" s="5" t="s">
        <v>42</v>
      </c>
      <c r="U10087" s="2">
        <v>0</v>
      </c>
      <c r="V10087" s="2">
        <v>0</v>
      </c>
      <c r="W10087" s="2">
        <v>0</v>
      </c>
      <c r="X10087" s="2">
        <v>0</v>
      </c>
      <c r="Y10087" s="2">
        <v>0</v>
      </c>
      <c r="Z10087" s="2">
        <v>0</v>
      </c>
      <c r="AA10087" s="5"/>
      <c r="AB10087" s="5" t="s">
        <v>43</v>
      </c>
      <c r="AC10087" s="5" t="s">
        <v>44</v>
      </c>
      <c r="AD10087" s="2" t="s">
        <v>30472</v>
      </c>
      <c r="AE10087" s="1"/>
    </row>
    <row r="10088" spans="1:31" ht="14.45">
      <c r="A10088" s="11"/>
      <c r="B10088" s="20"/>
      <c r="C10088" s="2" t="s">
        <v>31017</v>
      </c>
      <c r="D10088" s="14" t="s">
        <v>31018</v>
      </c>
      <c r="E10088" s="2" t="s">
        <v>31019</v>
      </c>
      <c r="F10088" s="2" t="s">
        <v>30476</v>
      </c>
      <c r="G10088" s="8">
        <v>1164</v>
      </c>
      <c r="H10088" s="5">
        <v>15</v>
      </c>
      <c r="I10088" s="5" t="s">
        <v>69</v>
      </c>
      <c r="J10088" s="5" t="s">
        <v>27074</v>
      </c>
      <c r="K10088" s="2" t="s">
        <v>27075</v>
      </c>
      <c r="L10088" s="5" t="s">
        <v>27074</v>
      </c>
      <c r="M10088" s="2" t="s">
        <v>27075</v>
      </c>
      <c r="N10088" s="5" t="s">
        <v>24254</v>
      </c>
      <c r="O10088" s="5" t="s">
        <v>38</v>
      </c>
      <c r="P10088" s="5" t="s">
        <v>39</v>
      </c>
      <c r="Q10088" s="5" t="s">
        <v>40</v>
      </c>
      <c r="R10088" s="5" t="s">
        <v>1487</v>
      </c>
      <c r="S10088" s="5"/>
      <c r="T10088" s="5" t="s">
        <v>42</v>
      </c>
      <c r="U10088" s="2">
        <v>0</v>
      </c>
      <c r="V10088" s="2">
        <v>0</v>
      </c>
      <c r="W10088" s="2">
        <v>0</v>
      </c>
      <c r="X10088" s="2">
        <v>0</v>
      </c>
      <c r="Y10088" s="2">
        <v>0</v>
      </c>
      <c r="Z10088" s="2">
        <v>0</v>
      </c>
      <c r="AA10088" s="5"/>
      <c r="AB10088" s="5" t="s">
        <v>43</v>
      </c>
      <c r="AC10088" s="5" t="s">
        <v>44</v>
      </c>
      <c r="AD10088" s="2" t="s">
        <v>30477</v>
      </c>
      <c r="AE10088" s="1"/>
    </row>
    <row r="10089" spans="1:31" ht="14.45">
      <c r="A10089" s="11"/>
      <c r="B10089" s="20"/>
      <c r="C10089" s="2" t="s">
        <v>31020</v>
      </c>
      <c r="D10089" s="14" t="s">
        <v>31021</v>
      </c>
      <c r="E10089" s="2" t="s">
        <v>31022</v>
      </c>
      <c r="F10089" s="2" t="s">
        <v>30481</v>
      </c>
      <c r="G10089" s="8">
        <v>1164</v>
      </c>
      <c r="H10089" s="5">
        <v>15</v>
      </c>
      <c r="I10089" s="5" t="s">
        <v>69</v>
      </c>
      <c r="J10089" s="5" t="s">
        <v>27074</v>
      </c>
      <c r="K10089" s="2" t="s">
        <v>27075</v>
      </c>
      <c r="L10089" s="5" t="s">
        <v>27074</v>
      </c>
      <c r="M10089" s="2" t="s">
        <v>27075</v>
      </c>
      <c r="N10089" s="5" t="s">
        <v>24254</v>
      </c>
      <c r="O10089" s="5" t="s">
        <v>38</v>
      </c>
      <c r="P10089" s="5" t="s">
        <v>39</v>
      </c>
      <c r="Q10089" s="5" t="s">
        <v>40</v>
      </c>
      <c r="R10089" s="5" t="s">
        <v>1487</v>
      </c>
      <c r="S10089" s="5"/>
      <c r="T10089" s="5" t="s">
        <v>42</v>
      </c>
      <c r="U10089" s="2">
        <v>0</v>
      </c>
      <c r="V10089" s="2">
        <v>0</v>
      </c>
      <c r="W10089" s="2">
        <v>0</v>
      </c>
      <c r="X10089" s="2">
        <v>0</v>
      </c>
      <c r="Y10089" s="2">
        <v>0</v>
      </c>
      <c r="Z10089" s="2">
        <v>0</v>
      </c>
      <c r="AA10089" s="5"/>
      <c r="AB10089" s="5" t="s">
        <v>43</v>
      </c>
      <c r="AC10089" s="5" t="s">
        <v>44</v>
      </c>
      <c r="AD10089" s="2" t="s">
        <v>30482</v>
      </c>
      <c r="AE10089" s="1"/>
    </row>
    <row r="10090" spans="1:31" ht="14.45">
      <c r="A10090" s="11"/>
      <c r="B10090" s="20"/>
      <c r="C10090" s="2" t="s">
        <v>31023</v>
      </c>
      <c r="D10090" s="14" t="s">
        <v>31024</v>
      </c>
      <c r="E10090" s="2" t="s">
        <v>31025</v>
      </c>
      <c r="F10090" s="2" t="s">
        <v>30486</v>
      </c>
      <c r="G10090" s="8">
        <v>998</v>
      </c>
      <c r="H10090" s="5">
        <v>10</v>
      </c>
      <c r="I10090" s="5" t="s">
        <v>69</v>
      </c>
      <c r="J10090" s="5" t="s">
        <v>27074</v>
      </c>
      <c r="K10090" s="2" t="s">
        <v>27075</v>
      </c>
      <c r="L10090" s="5" t="s">
        <v>27074</v>
      </c>
      <c r="M10090" s="2" t="s">
        <v>27075</v>
      </c>
      <c r="N10090" s="5" t="s">
        <v>24254</v>
      </c>
      <c r="O10090" s="5" t="s">
        <v>38</v>
      </c>
      <c r="P10090" s="5" t="s">
        <v>39</v>
      </c>
      <c r="Q10090" s="5" t="s">
        <v>40</v>
      </c>
      <c r="R10090" s="5" t="s">
        <v>1487</v>
      </c>
      <c r="S10090" s="5"/>
      <c r="T10090" s="5" t="s">
        <v>42</v>
      </c>
      <c r="U10090" s="2">
        <v>0</v>
      </c>
      <c r="V10090" s="2">
        <v>0</v>
      </c>
      <c r="W10090" s="2">
        <v>0</v>
      </c>
      <c r="X10090" s="2">
        <v>0</v>
      </c>
      <c r="Y10090" s="2">
        <v>0</v>
      </c>
      <c r="Z10090" s="2">
        <v>0</v>
      </c>
      <c r="AA10090" s="5"/>
      <c r="AB10090" s="5" t="s">
        <v>43</v>
      </c>
      <c r="AC10090" s="5" t="s">
        <v>44</v>
      </c>
      <c r="AD10090" s="2"/>
      <c r="AE10090" s="1"/>
    </row>
    <row r="10091" spans="1:31" ht="14.45">
      <c r="A10091" s="11"/>
      <c r="B10091" s="20"/>
      <c r="C10091" s="2" t="s">
        <v>31026</v>
      </c>
      <c r="D10091" s="14" t="s">
        <v>31027</v>
      </c>
      <c r="E10091" s="2" t="s">
        <v>31028</v>
      </c>
      <c r="F10091" s="2" t="s">
        <v>30490</v>
      </c>
      <c r="G10091" s="8">
        <v>998</v>
      </c>
      <c r="H10091" s="5">
        <v>15</v>
      </c>
      <c r="I10091" s="5" t="s">
        <v>69</v>
      </c>
      <c r="J10091" s="5" t="s">
        <v>27074</v>
      </c>
      <c r="K10091" s="2" t="s">
        <v>27075</v>
      </c>
      <c r="L10091" s="5" t="s">
        <v>27074</v>
      </c>
      <c r="M10091" s="2" t="s">
        <v>27075</v>
      </c>
      <c r="N10091" s="5" t="s">
        <v>24254</v>
      </c>
      <c r="O10091" s="5" t="s">
        <v>38</v>
      </c>
      <c r="P10091" s="5" t="s">
        <v>39</v>
      </c>
      <c r="Q10091" s="5" t="s">
        <v>40</v>
      </c>
      <c r="R10091" s="5" t="s">
        <v>1487</v>
      </c>
      <c r="S10091" s="5"/>
      <c r="T10091" s="5" t="s">
        <v>42</v>
      </c>
      <c r="U10091" s="2">
        <v>0</v>
      </c>
      <c r="V10091" s="2">
        <v>0</v>
      </c>
      <c r="W10091" s="2">
        <v>0</v>
      </c>
      <c r="X10091" s="2">
        <v>0</v>
      </c>
      <c r="Y10091" s="2">
        <v>0</v>
      </c>
      <c r="Z10091" s="2">
        <v>0</v>
      </c>
      <c r="AA10091" s="5"/>
      <c r="AB10091" s="5" t="s">
        <v>43</v>
      </c>
      <c r="AC10091" s="5" t="s">
        <v>44</v>
      </c>
      <c r="AD10091" s="2"/>
      <c r="AE10091" s="1"/>
    </row>
    <row r="10092" spans="1:31" ht="14.45">
      <c r="A10092" s="11"/>
      <c r="B10092" s="20"/>
      <c r="C10092" s="2" t="s">
        <v>31029</v>
      </c>
      <c r="D10092" s="14" t="s">
        <v>31030</v>
      </c>
      <c r="E10092" s="2" t="s">
        <v>31031</v>
      </c>
      <c r="F10092" s="2" t="s">
        <v>30418</v>
      </c>
      <c r="G10092" s="8">
        <v>221</v>
      </c>
      <c r="H10092" s="5">
        <v>10</v>
      </c>
      <c r="I10092" s="5" t="s">
        <v>69</v>
      </c>
      <c r="J10092" s="5" t="s">
        <v>27074</v>
      </c>
      <c r="K10092" s="2" t="s">
        <v>27075</v>
      </c>
      <c r="L10092" s="5" t="s">
        <v>27074</v>
      </c>
      <c r="M10092" s="2" t="s">
        <v>27075</v>
      </c>
      <c r="N10092" s="5" t="s">
        <v>24254</v>
      </c>
      <c r="O10092" s="5" t="s">
        <v>38</v>
      </c>
      <c r="P10092" s="5" t="s">
        <v>39</v>
      </c>
      <c r="Q10092" s="5" t="s">
        <v>40</v>
      </c>
      <c r="R10092" s="5" t="s">
        <v>24335</v>
      </c>
      <c r="S10092" s="5" t="s">
        <v>40</v>
      </c>
      <c r="T10092" s="5" t="s">
        <v>42</v>
      </c>
      <c r="U10092" s="2">
        <v>10.387</v>
      </c>
      <c r="V10092" s="2">
        <v>8.5180000000000007</v>
      </c>
      <c r="W10092" s="2">
        <v>0.126</v>
      </c>
      <c r="X10092" s="2">
        <v>12</v>
      </c>
      <c r="Y10092" s="2">
        <v>50</v>
      </c>
      <c r="Z10092" s="2">
        <v>210</v>
      </c>
      <c r="AA10092" s="5">
        <v>8</v>
      </c>
      <c r="AB10092" s="5" t="s">
        <v>43</v>
      </c>
      <c r="AC10092" s="5" t="s">
        <v>44</v>
      </c>
      <c r="AD10092" s="2" t="s">
        <v>30419</v>
      </c>
      <c r="AE10092" s="1"/>
    </row>
    <row r="10093" spans="1:31" ht="14.45">
      <c r="A10093" s="11"/>
      <c r="B10093" s="20"/>
      <c r="C10093" s="2" t="s">
        <v>31032</v>
      </c>
      <c r="D10093" s="14" t="s">
        <v>31033</v>
      </c>
      <c r="E10093" s="2" t="s">
        <v>31034</v>
      </c>
      <c r="F10093" s="2" t="s">
        <v>30423</v>
      </c>
      <c r="G10093" s="8">
        <v>221</v>
      </c>
      <c r="H10093" s="5">
        <v>5</v>
      </c>
      <c r="I10093" s="5" t="s">
        <v>69</v>
      </c>
      <c r="J10093" s="5" t="s">
        <v>27074</v>
      </c>
      <c r="K10093" s="2" t="s">
        <v>27075</v>
      </c>
      <c r="L10093" s="5" t="s">
        <v>27074</v>
      </c>
      <c r="M10093" s="2" t="s">
        <v>27075</v>
      </c>
      <c r="N10093" s="5" t="s">
        <v>24254</v>
      </c>
      <c r="O10093" s="5" t="s">
        <v>38</v>
      </c>
      <c r="P10093" s="5" t="s">
        <v>39</v>
      </c>
      <c r="Q10093" s="5" t="s">
        <v>40</v>
      </c>
      <c r="R10093" s="5" t="s">
        <v>24335</v>
      </c>
      <c r="S10093" s="5" t="s">
        <v>40</v>
      </c>
      <c r="T10093" s="5" t="s">
        <v>42</v>
      </c>
      <c r="U10093" s="2">
        <v>7.6079999999999997</v>
      </c>
      <c r="V10093" s="2">
        <v>5.7560000000000002</v>
      </c>
      <c r="W10093" s="2">
        <v>0.126</v>
      </c>
      <c r="X10093" s="2">
        <v>12</v>
      </c>
      <c r="Y10093" s="2">
        <v>50</v>
      </c>
      <c r="Z10093" s="2">
        <v>210</v>
      </c>
      <c r="AA10093" s="5">
        <v>8</v>
      </c>
      <c r="AB10093" s="5" t="s">
        <v>43</v>
      </c>
      <c r="AC10093" s="5" t="s">
        <v>44</v>
      </c>
      <c r="AD10093" s="2" t="s">
        <v>30419</v>
      </c>
      <c r="AE10093" s="1"/>
    </row>
    <row r="10094" spans="1:31" ht="14.45">
      <c r="A10094" s="11"/>
      <c r="B10094" s="20"/>
      <c r="C10094" s="2" t="s">
        <v>31035</v>
      </c>
      <c r="D10094" s="14" t="s">
        <v>31036</v>
      </c>
      <c r="E10094" s="2" t="s">
        <v>31037</v>
      </c>
      <c r="F10094" s="2" t="s">
        <v>30427</v>
      </c>
      <c r="G10094" s="8">
        <v>221</v>
      </c>
      <c r="H10094" s="5">
        <v>10</v>
      </c>
      <c r="I10094" s="5" t="s">
        <v>69</v>
      </c>
      <c r="J10094" s="5" t="s">
        <v>27074</v>
      </c>
      <c r="K10094" s="2" t="s">
        <v>27075</v>
      </c>
      <c r="L10094" s="5" t="s">
        <v>27074</v>
      </c>
      <c r="M10094" s="2" t="s">
        <v>27075</v>
      </c>
      <c r="N10094" s="5" t="s">
        <v>24254</v>
      </c>
      <c r="O10094" s="5" t="s">
        <v>38</v>
      </c>
      <c r="P10094" s="5" t="s">
        <v>39</v>
      </c>
      <c r="Q10094" s="5" t="s">
        <v>40</v>
      </c>
      <c r="R10094" s="5" t="s">
        <v>24335</v>
      </c>
      <c r="S10094" s="5" t="s">
        <v>40</v>
      </c>
      <c r="T10094" s="5" t="s">
        <v>42</v>
      </c>
      <c r="U10094" s="2">
        <v>6.0179999999999998</v>
      </c>
      <c r="V10094" s="2">
        <v>4.2460000000000004</v>
      </c>
      <c r="W10094" s="2">
        <v>0.11600000000000001</v>
      </c>
      <c r="X10094" s="2">
        <v>12</v>
      </c>
      <c r="Y10094" s="2">
        <v>50</v>
      </c>
      <c r="Z10094" s="2">
        <v>193.9</v>
      </c>
      <c r="AA10094" s="5">
        <v>8</v>
      </c>
      <c r="AB10094" s="5" t="s">
        <v>43</v>
      </c>
      <c r="AC10094" s="5" t="s">
        <v>44</v>
      </c>
      <c r="AD10094" s="2" t="s">
        <v>30419</v>
      </c>
      <c r="AE10094" s="1"/>
    </row>
    <row r="10095" spans="1:31" ht="14.45">
      <c r="A10095" s="11"/>
      <c r="B10095" s="20"/>
      <c r="C10095" s="2" t="s">
        <v>31038</v>
      </c>
      <c r="D10095" s="14" t="s">
        <v>31039</v>
      </c>
      <c r="E10095" s="2" t="s">
        <v>31040</v>
      </c>
      <c r="F10095" s="2" t="s">
        <v>30431</v>
      </c>
      <c r="G10095" s="8">
        <v>221</v>
      </c>
      <c r="H10095" s="5">
        <v>5</v>
      </c>
      <c r="I10095" s="5" t="s">
        <v>69</v>
      </c>
      <c r="J10095" s="5" t="s">
        <v>27074</v>
      </c>
      <c r="K10095" s="2" t="s">
        <v>27075</v>
      </c>
      <c r="L10095" s="5" t="s">
        <v>27074</v>
      </c>
      <c r="M10095" s="2" t="s">
        <v>27075</v>
      </c>
      <c r="N10095" s="5" t="s">
        <v>24254</v>
      </c>
      <c r="O10095" s="5" t="s">
        <v>38</v>
      </c>
      <c r="P10095" s="5" t="s">
        <v>39</v>
      </c>
      <c r="Q10095" s="5" t="s">
        <v>40</v>
      </c>
      <c r="R10095" s="5" t="s">
        <v>24335</v>
      </c>
      <c r="S10095" s="5" t="s">
        <v>40</v>
      </c>
      <c r="T10095" s="5" t="s">
        <v>42</v>
      </c>
      <c r="U10095" s="2">
        <v>7.7050000000000001</v>
      </c>
      <c r="V10095" s="2">
        <v>5.8689999999999998</v>
      </c>
      <c r="W10095" s="2">
        <v>0.126</v>
      </c>
      <c r="X10095" s="2">
        <v>12</v>
      </c>
      <c r="Y10095" s="2">
        <v>50</v>
      </c>
      <c r="Z10095" s="2">
        <v>210</v>
      </c>
      <c r="AA10095" s="5">
        <v>10</v>
      </c>
      <c r="AB10095" s="5" t="s">
        <v>43</v>
      </c>
      <c r="AC10095" s="5" t="s">
        <v>44</v>
      </c>
      <c r="AD10095" s="2" t="s">
        <v>30432</v>
      </c>
      <c r="AE10095" s="1"/>
    </row>
    <row r="10096" spans="1:31" ht="14.45">
      <c r="A10096" s="11"/>
      <c r="B10096" s="20"/>
      <c r="C10096" s="2" t="s">
        <v>31041</v>
      </c>
      <c r="D10096" s="14" t="s">
        <v>31042</v>
      </c>
      <c r="E10096" s="2" t="s">
        <v>31043</v>
      </c>
      <c r="F10096" s="2" t="s">
        <v>30431</v>
      </c>
      <c r="G10096" s="8">
        <v>221</v>
      </c>
      <c r="H10096" s="5">
        <v>5</v>
      </c>
      <c r="I10096" s="5" t="s">
        <v>69</v>
      </c>
      <c r="J10096" s="5" t="s">
        <v>27074</v>
      </c>
      <c r="K10096" s="2" t="s">
        <v>27075</v>
      </c>
      <c r="L10096" s="5" t="s">
        <v>27074</v>
      </c>
      <c r="M10096" s="2" t="s">
        <v>27075</v>
      </c>
      <c r="N10096" s="5" t="s">
        <v>24254</v>
      </c>
      <c r="O10096" s="5" t="s">
        <v>38</v>
      </c>
      <c r="P10096" s="5" t="s">
        <v>39</v>
      </c>
      <c r="Q10096" s="5" t="s">
        <v>40</v>
      </c>
      <c r="R10096" s="5" t="s">
        <v>24335</v>
      </c>
      <c r="S10096" s="5" t="s">
        <v>40</v>
      </c>
      <c r="T10096" s="5" t="s">
        <v>42</v>
      </c>
      <c r="U10096" s="2">
        <v>7.9969999999999999</v>
      </c>
      <c r="V10096" s="2">
        <v>6.1609999999999996</v>
      </c>
      <c r="W10096" s="2">
        <v>0.126</v>
      </c>
      <c r="X10096" s="2">
        <v>12</v>
      </c>
      <c r="Y10096" s="2">
        <v>50</v>
      </c>
      <c r="Z10096" s="2">
        <v>210</v>
      </c>
      <c r="AA10096" s="5">
        <v>10</v>
      </c>
      <c r="AB10096" s="5" t="s">
        <v>43</v>
      </c>
      <c r="AC10096" s="5" t="s">
        <v>44</v>
      </c>
      <c r="AD10096" s="2" t="s">
        <v>30436</v>
      </c>
      <c r="AE10096" s="1"/>
    </row>
    <row r="10097" spans="1:31" ht="14.45">
      <c r="A10097" s="11"/>
      <c r="B10097" s="20"/>
      <c r="C10097" s="2" t="s">
        <v>31044</v>
      </c>
      <c r="D10097" s="14" t="s">
        <v>31045</v>
      </c>
      <c r="E10097" s="2" t="s">
        <v>31046</v>
      </c>
      <c r="F10097" s="2" t="s">
        <v>30440</v>
      </c>
      <c r="G10097" s="8">
        <v>221</v>
      </c>
      <c r="H10097" s="5">
        <v>5</v>
      </c>
      <c r="I10097" s="5" t="s">
        <v>69</v>
      </c>
      <c r="J10097" s="5" t="s">
        <v>27074</v>
      </c>
      <c r="K10097" s="2" t="s">
        <v>27075</v>
      </c>
      <c r="L10097" s="5" t="s">
        <v>27074</v>
      </c>
      <c r="M10097" s="2" t="s">
        <v>27075</v>
      </c>
      <c r="N10097" s="5" t="s">
        <v>24254</v>
      </c>
      <c r="O10097" s="5" t="s">
        <v>38</v>
      </c>
      <c r="P10097" s="5" t="s">
        <v>39</v>
      </c>
      <c r="Q10097" s="5" t="s">
        <v>40</v>
      </c>
      <c r="R10097" s="5" t="s">
        <v>24335</v>
      </c>
      <c r="S10097" s="5" t="s">
        <v>40</v>
      </c>
      <c r="T10097" s="5" t="s">
        <v>42</v>
      </c>
      <c r="U10097" s="2">
        <v>6.1379999999999999</v>
      </c>
      <c r="V10097" s="2">
        <v>4.3019999999999996</v>
      </c>
      <c r="W10097" s="2">
        <v>0.11600000000000001</v>
      </c>
      <c r="X10097" s="2">
        <v>12</v>
      </c>
      <c r="Y10097" s="2">
        <v>50</v>
      </c>
      <c r="Z10097" s="2">
        <v>193.9</v>
      </c>
      <c r="AA10097" s="5">
        <v>10</v>
      </c>
      <c r="AB10097" s="5" t="s">
        <v>43</v>
      </c>
      <c r="AC10097" s="5" t="s">
        <v>44</v>
      </c>
      <c r="AD10097" s="2" t="s">
        <v>30441</v>
      </c>
      <c r="AE10097" s="1"/>
    </row>
    <row r="10098" spans="1:31" ht="14.45">
      <c r="A10098" s="11"/>
      <c r="B10098" s="20"/>
      <c r="C10098" s="2" t="s">
        <v>31047</v>
      </c>
      <c r="D10098" s="14" t="s">
        <v>31048</v>
      </c>
      <c r="E10098" s="2" t="s">
        <v>31049</v>
      </c>
      <c r="F10098" s="2" t="s">
        <v>30440</v>
      </c>
      <c r="G10098" s="8">
        <v>221</v>
      </c>
      <c r="H10098" s="5">
        <v>5</v>
      </c>
      <c r="I10098" s="5" t="s">
        <v>69</v>
      </c>
      <c r="J10098" s="5" t="s">
        <v>27074</v>
      </c>
      <c r="K10098" s="2" t="s">
        <v>27075</v>
      </c>
      <c r="L10098" s="5" t="s">
        <v>27074</v>
      </c>
      <c r="M10098" s="2" t="s">
        <v>27075</v>
      </c>
      <c r="N10098" s="5" t="s">
        <v>24254</v>
      </c>
      <c r="O10098" s="5" t="s">
        <v>38</v>
      </c>
      <c r="P10098" s="5" t="s">
        <v>39</v>
      </c>
      <c r="Q10098" s="5" t="s">
        <v>40</v>
      </c>
      <c r="R10098" s="5" t="s">
        <v>24335</v>
      </c>
      <c r="S10098" s="5" t="s">
        <v>40</v>
      </c>
      <c r="T10098" s="5" t="s">
        <v>42</v>
      </c>
      <c r="U10098" s="2">
        <v>6.3010000000000002</v>
      </c>
      <c r="V10098" s="2">
        <v>4.4649999999999999</v>
      </c>
      <c r="W10098" s="2">
        <v>0.11600000000000001</v>
      </c>
      <c r="X10098" s="2">
        <v>12</v>
      </c>
      <c r="Y10098" s="2">
        <v>50</v>
      </c>
      <c r="Z10098" s="2">
        <v>193.9</v>
      </c>
      <c r="AA10098" s="5">
        <v>10</v>
      </c>
      <c r="AB10098" s="5" t="s">
        <v>43</v>
      </c>
      <c r="AC10098" s="5" t="s">
        <v>44</v>
      </c>
      <c r="AD10098" s="2" t="s">
        <v>30445</v>
      </c>
      <c r="AE10098" s="1"/>
    </row>
    <row r="10099" spans="1:31" ht="14.45">
      <c r="A10099" s="11"/>
      <c r="B10099" s="20"/>
      <c r="C10099" s="2" t="s">
        <v>31050</v>
      </c>
      <c r="D10099" s="14" t="s">
        <v>31051</v>
      </c>
      <c r="E10099" s="2" t="s">
        <v>31052</v>
      </c>
      <c r="F10099" s="2" t="s">
        <v>30449</v>
      </c>
      <c r="G10099" s="8">
        <v>221</v>
      </c>
      <c r="H10099" s="5">
        <v>5</v>
      </c>
      <c r="I10099" s="5" t="s">
        <v>69</v>
      </c>
      <c r="J10099" s="5" t="s">
        <v>27074</v>
      </c>
      <c r="K10099" s="2" t="s">
        <v>27075</v>
      </c>
      <c r="L10099" s="5" t="s">
        <v>27074</v>
      </c>
      <c r="M10099" s="2" t="s">
        <v>27075</v>
      </c>
      <c r="N10099" s="5" t="s">
        <v>24254</v>
      </c>
      <c r="O10099" s="5" t="s">
        <v>38</v>
      </c>
      <c r="P10099" s="5" t="s">
        <v>39</v>
      </c>
      <c r="Q10099" s="5" t="s">
        <v>40</v>
      </c>
      <c r="R10099" s="5" t="s">
        <v>24335</v>
      </c>
      <c r="S10099" s="5" t="s">
        <v>40</v>
      </c>
      <c r="T10099" s="5" t="s">
        <v>42</v>
      </c>
      <c r="U10099" s="2">
        <v>7.1870000000000003</v>
      </c>
      <c r="V10099" s="2">
        <v>5.1269999999999998</v>
      </c>
      <c r="W10099" s="2">
        <v>0.11600000000000001</v>
      </c>
      <c r="X10099" s="2">
        <v>12</v>
      </c>
      <c r="Y10099" s="2">
        <v>50</v>
      </c>
      <c r="Z10099" s="2">
        <v>193.9</v>
      </c>
      <c r="AA10099" s="5">
        <v>10</v>
      </c>
      <c r="AB10099" s="5" t="s">
        <v>43</v>
      </c>
      <c r="AC10099" s="5" t="s">
        <v>44</v>
      </c>
      <c r="AD10099" s="2" t="s">
        <v>30441</v>
      </c>
      <c r="AE10099" s="1"/>
    </row>
    <row r="10100" spans="1:31" ht="14.45">
      <c r="A10100" s="11"/>
      <c r="B10100" s="20"/>
      <c r="C10100" s="2" t="s">
        <v>31053</v>
      </c>
      <c r="D10100" s="14" t="s">
        <v>31054</v>
      </c>
      <c r="E10100" s="2" t="s">
        <v>31055</v>
      </c>
      <c r="F10100" s="2" t="s">
        <v>30449</v>
      </c>
      <c r="G10100" s="8">
        <v>221</v>
      </c>
      <c r="H10100" s="5">
        <v>5</v>
      </c>
      <c r="I10100" s="5" t="s">
        <v>69</v>
      </c>
      <c r="J10100" s="5" t="s">
        <v>27074</v>
      </c>
      <c r="K10100" s="2" t="s">
        <v>27075</v>
      </c>
      <c r="L10100" s="5" t="s">
        <v>27074</v>
      </c>
      <c r="M10100" s="2" t="s">
        <v>27075</v>
      </c>
      <c r="N10100" s="5" t="s">
        <v>24254</v>
      </c>
      <c r="O10100" s="5" t="s">
        <v>38</v>
      </c>
      <c r="P10100" s="5" t="s">
        <v>39</v>
      </c>
      <c r="Q10100" s="5" t="s">
        <v>40</v>
      </c>
      <c r="R10100" s="5" t="s">
        <v>24335</v>
      </c>
      <c r="S10100" s="5" t="s">
        <v>40</v>
      </c>
      <c r="T10100" s="5" t="s">
        <v>42</v>
      </c>
      <c r="U10100" s="2">
        <v>7.4960000000000004</v>
      </c>
      <c r="V10100" s="2">
        <v>5.4359999999999999</v>
      </c>
      <c r="W10100" s="2">
        <v>0.11600000000000001</v>
      </c>
      <c r="X10100" s="2">
        <v>12</v>
      </c>
      <c r="Y10100" s="2">
        <v>50</v>
      </c>
      <c r="Z10100" s="2">
        <v>193.9</v>
      </c>
      <c r="AA10100" s="5">
        <v>10</v>
      </c>
      <c r="AB10100" s="5" t="s">
        <v>43</v>
      </c>
      <c r="AC10100" s="5" t="s">
        <v>44</v>
      </c>
      <c r="AD10100" s="2" t="s">
        <v>30445</v>
      </c>
      <c r="AE10100" s="1"/>
    </row>
    <row r="10101" spans="1:31" ht="14.45">
      <c r="A10101" s="11"/>
      <c r="B10101" s="20"/>
      <c r="C10101" s="2" t="s">
        <v>31056</v>
      </c>
      <c r="D10101" s="14" t="s">
        <v>31057</v>
      </c>
      <c r="E10101" s="2" t="s">
        <v>31058</v>
      </c>
      <c r="F10101" s="2" t="s">
        <v>30456</v>
      </c>
      <c r="G10101" s="8">
        <v>402</v>
      </c>
      <c r="H10101" s="5">
        <v>5</v>
      </c>
      <c r="I10101" s="5" t="s">
        <v>69</v>
      </c>
      <c r="J10101" s="5" t="s">
        <v>27074</v>
      </c>
      <c r="K10101" s="2" t="s">
        <v>27075</v>
      </c>
      <c r="L10101" s="5" t="s">
        <v>27074</v>
      </c>
      <c r="M10101" s="2" t="s">
        <v>27075</v>
      </c>
      <c r="N10101" s="5" t="s">
        <v>24254</v>
      </c>
      <c r="O10101" s="5" t="s">
        <v>38</v>
      </c>
      <c r="P10101" s="5" t="s">
        <v>39</v>
      </c>
      <c r="Q10101" s="5" t="s">
        <v>40</v>
      </c>
      <c r="R10101" s="5" t="s">
        <v>24335</v>
      </c>
      <c r="S10101" s="5" t="s">
        <v>40</v>
      </c>
      <c r="T10101" s="5" t="s">
        <v>42</v>
      </c>
      <c r="U10101" s="2">
        <v>15.195</v>
      </c>
      <c r="V10101" s="2">
        <v>12.478</v>
      </c>
      <c r="W10101" s="2">
        <v>0.19500000000000001</v>
      </c>
      <c r="X10101" s="2">
        <v>12</v>
      </c>
      <c r="Y10101" s="2">
        <v>77</v>
      </c>
      <c r="Z10101" s="2">
        <v>210.9</v>
      </c>
      <c r="AA10101" s="5">
        <v>8</v>
      </c>
      <c r="AB10101" s="5" t="s">
        <v>43</v>
      </c>
      <c r="AC10101" s="5" t="s">
        <v>44</v>
      </c>
      <c r="AD10101" s="2" t="s">
        <v>30457</v>
      </c>
      <c r="AE10101" s="1"/>
    </row>
    <row r="10102" spans="1:31" ht="14.45">
      <c r="A10102" s="11"/>
      <c r="B10102" s="20"/>
      <c r="C10102" s="2" t="s">
        <v>31059</v>
      </c>
      <c r="D10102" s="14" t="s">
        <v>31060</v>
      </c>
      <c r="E10102" s="2" t="s">
        <v>31061</v>
      </c>
      <c r="F10102" s="2" t="s">
        <v>30461</v>
      </c>
      <c r="G10102" s="8">
        <v>704</v>
      </c>
      <c r="H10102" s="5">
        <v>10</v>
      </c>
      <c r="I10102" s="5" t="s">
        <v>69</v>
      </c>
      <c r="J10102" s="5" t="s">
        <v>27074</v>
      </c>
      <c r="K10102" s="2" t="s">
        <v>27075</v>
      </c>
      <c r="L10102" s="5" t="s">
        <v>27074</v>
      </c>
      <c r="M10102" s="2" t="s">
        <v>27075</v>
      </c>
      <c r="N10102" s="5" t="s">
        <v>24254</v>
      </c>
      <c r="O10102" s="5" t="s">
        <v>38</v>
      </c>
      <c r="P10102" s="5" t="s">
        <v>39</v>
      </c>
      <c r="Q10102" s="5" t="s">
        <v>40</v>
      </c>
      <c r="R10102" s="5" t="s">
        <v>24340</v>
      </c>
      <c r="S10102" s="5" t="s">
        <v>40</v>
      </c>
      <c r="T10102" s="5" t="s">
        <v>42</v>
      </c>
      <c r="U10102" s="2">
        <v>27.84</v>
      </c>
      <c r="V10102" s="2">
        <v>25.111000000000001</v>
      </c>
      <c r="W10102" s="2">
        <v>0.19500000000000001</v>
      </c>
      <c r="X10102" s="2">
        <v>12</v>
      </c>
      <c r="Y10102" s="2">
        <v>77</v>
      </c>
      <c r="Z10102" s="2">
        <v>210.9</v>
      </c>
      <c r="AA10102" s="5">
        <v>8</v>
      </c>
      <c r="AB10102" s="5" t="s">
        <v>43</v>
      </c>
      <c r="AC10102" s="5" t="s">
        <v>44</v>
      </c>
      <c r="AD10102" s="2" t="s">
        <v>30462</v>
      </c>
      <c r="AE10102" s="1"/>
    </row>
    <row r="10103" spans="1:31" ht="14.45">
      <c r="A10103" s="11"/>
      <c r="B10103" s="20"/>
      <c r="C10103" s="2" t="s">
        <v>31062</v>
      </c>
      <c r="D10103" s="14" t="s">
        <v>31063</v>
      </c>
      <c r="E10103" s="2" t="s">
        <v>31064</v>
      </c>
      <c r="F10103" s="2" t="s">
        <v>30541</v>
      </c>
      <c r="G10103" s="8">
        <v>372</v>
      </c>
      <c r="H10103" s="5">
        <v>10</v>
      </c>
      <c r="I10103" s="5" t="s">
        <v>69</v>
      </c>
      <c r="J10103" s="5" t="s">
        <v>27074</v>
      </c>
      <c r="K10103" s="2" t="s">
        <v>27075</v>
      </c>
      <c r="L10103" s="5" t="s">
        <v>27074</v>
      </c>
      <c r="M10103" s="2" t="s">
        <v>27075</v>
      </c>
      <c r="N10103" s="5" t="s">
        <v>24254</v>
      </c>
      <c r="O10103" s="5" t="s">
        <v>38</v>
      </c>
      <c r="P10103" s="5" t="s">
        <v>39</v>
      </c>
      <c r="Q10103" s="5" t="s">
        <v>40</v>
      </c>
      <c r="R10103" s="5" t="s">
        <v>25301</v>
      </c>
      <c r="S10103" s="5" t="s">
        <v>40</v>
      </c>
      <c r="T10103" s="5" t="s">
        <v>42</v>
      </c>
      <c r="U10103" s="2">
        <v>17.922999999999998</v>
      </c>
      <c r="V10103" s="2">
        <v>16.041</v>
      </c>
      <c r="W10103" s="2">
        <v>0.126</v>
      </c>
      <c r="X10103" s="2">
        <v>12</v>
      </c>
      <c r="Y10103" s="2">
        <v>50</v>
      </c>
      <c r="Z10103" s="2">
        <v>210</v>
      </c>
      <c r="AA10103" s="5">
        <v>8</v>
      </c>
      <c r="AB10103" s="5" t="s">
        <v>43</v>
      </c>
      <c r="AC10103" s="5" t="s">
        <v>44</v>
      </c>
      <c r="AD10103" s="2" t="s">
        <v>30542</v>
      </c>
      <c r="AE10103" s="1"/>
    </row>
    <row r="10104" spans="1:31" ht="14.45">
      <c r="A10104" s="11"/>
      <c r="B10104" s="20"/>
      <c r="C10104" s="2" t="s">
        <v>31065</v>
      </c>
      <c r="D10104" s="14" t="s">
        <v>31066</v>
      </c>
      <c r="E10104" s="2" t="s">
        <v>31067</v>
      </c>
      <c r="F10104" s="2" t="s">
        <v>30546</v>
      </c>
      <c r="G10104" s="8">
        <v>372</v>
      </c>
      <c r="H10104" s="5">
        <v>10</v>
      </c>
      <c r="I10104" s="5" t="s">
        <v>69</v>
      </c>
      <c r="J10104" s="5" t="s">
        <v>27074</v>
      </c>
      <c r="K10104" s="2" t="s">
        <v>27075</v>
      </c>
      <c r="L10104" s="5" t="s">
        <v>27074</v>
      </c>
      <c r="M10104" s="2" t="s">
        <v>27075</v>
      </c>
      <c r="N10104" s="5" t="s">
        <v>24254</v>
      </c>
      <c r="O10104" s="5" t="s">
        <v>38</v>
      </c>
      <c r="P10104" s="5" t="s">
        <v>39</v>
      </c>
      <c r="Q10104" s="5" t="s">
        <v>40</v>
      </c>
      <c r="R10104" s="5" t="s">
        <v>25301</v>
      </c>
      <c r="S10104" s="5" t="s">
        <v>40</v>
      </c>
      <c r="T10104" s="5" t="s">
        <v>42</v>
      </c>
      <c r="U10104" s="2">
        <v>8.5839999999999996</v>
      </c>
      <c r="V10104" s="2">
        <v>6.8109999999999999</v>
      </c>
      <c r="W10104" s="2">
        <v>0.11600000000000001</v>
      </c>
      <c r="X10104" s="2">
        <v>12</v>
      </c>
      <c r="Y10104" s="2">
        <v>50</v>
      </c>
      <c r="Z10104" s="2">
        <v>193.9</v>
      </c>
      <c r="AA10104" s="5">
        <v>8</v>
      </c>
      <c r="AB10104" s="5" t="s">
        <v>43</v>
      </c>
      <c r="AC10104" s="5" t="s">
        <v>44</v>
      </c>
      <c r="AD10104" s="2" t="s">
        <v>30542</v>
      </c>
      <c r="AE10104" s="1"/>
    </row>
    <row r="10105" spans="1:31" ht="14.45">
      <c r="A10105" s="11"/>
      <c r="B10105" s="20"/>
      <c r="C10105" s="2" t="s">
        <v>31068</v>
      </c>
      <c r="D10105" s="14" t="s">
        <v>31069</v>
      </c>
      <c r="E10105" s="2" t="s">
        <v>31070</v>
      </c>
      <c r="F10105" s="2" t="s">
        <v>30466</v>
      </c>
      <c r="G10105" s="8">
        <v>756</v>
      </c>
      <c r="H10105" s="5">
        <v>5</v>
      </c>
      <c r="I10105" s="5" t="s">
        <v>69</v>
      </c>
      <c r="J10105" s="5" t="s">
        <v>27074</v>
      </c>
      <c r="K10105" s="2" t="s">
        <v>27075</v>
      </c>
      <c r="L10105" s="5" t="s">
        <v>27074</v>
      </c>
      <c r="M10105" s="2" t="s">
        <v>27075</v>
      </c>
      <c r="N10105" s="5" t="s">
        <v>24254</v>
      </c>
      <c r="O10105" s="5" t="s">
        <v>38</v>
      </c>
      <c r="P10105" s="5" t="s">
        <v>39</v>
      </c>
      <c r="Q10105" s="5" t="s">
        <v>40</v>
      </c>
      <c r="R10105" s="5" t="s">
        <v>1487</v>
      </c>
      <c r="S10105" s="5"/>
      <c r="T10105" s="5" t="s">
        <v>42</v>
      </c>
      <c r="U10105" s="2">
        <v>0</v>
      </c>
      <c r="V10105" s="2">
        <v>0</v>
      </c>
      <c r="W10105" s="2">
        <v>0</v>
      </c>
      <c r="X10105" s="2">
        <v>0</v>
      </c>
      <c r="Y10105" s="2">
        <v>0</v>
      </c>
      <c r="Z10105" s="2">
        <v>0</v>
      </c>
      <c r="AA10105" s="5"/>
      <c r="AB10105" s="5" t="s">
        <v>43</v>
      </c>
      <c r="AC10105" s="5" t="s">
        <v>44</v>
      </c>
      <c r="AD10105" s="2" t="s">
        <v>30467</v>
      </c>
      <c r="AE10105" s="1"/>
    </row>
    <row r="10106" spans="1:31" ht="14.45">
      <c r="A10106" s="11"/>
      <c r="B10106" s="20"/>
      <c r="C10106" s="2" t="s">
        <v>31071</v>
      </c>
      <c r="D10106" s="14" t="s">
        <v>31072</v>
      </c>
      <c r="E10106" s="2" t="s">
        <v>31073</v>
      </c>
      <c r="F10106" s="2" t="s">
        <v>30471</v>
      </c>
      <c r="G10106" s="8">
        <v>756</v>
      </c>
      <c r="H10106" s="5">
        <v>15</v>
      </c>
      <c r="I10106" s="5" t="s">
        <v>69</v>
      </c>
      <c r="J10106" s="5" t="s">
        <v>27074</v>
      </c>
      <c r="K10106" s="2" t="s">
        <v>27075</v>
      </c>
      <c r="L10106" s="5" t="s">
        <v>27074</v>
      </c>
      <c r="M10106" s="2" t="s">
        <v>27075</v>
      </c>
      <c r="N10106" s="5" t="s">
        <v>24254</v>
      </c>
      <c r="O10106" s="5" t="s">
        <v>38</v>
      </c>
      <c r="P10106" s="5" t="s">
        <v>39</v>
      </c>
      <c r="Q10106" s="5" t="s">
        <v>40</v>
      </c>
      <c r="R10106" s="5" t="s">
        <v>1487</v>
      </c>
      <c r="S10106" s="5"/>
      <c r="T10106" s="5" t="s">
        <v>42</v>
      </c>
      <c r="U10106" s="2">
        <v>0</v>
      </c>
      <c r="V10106" s="2">
        <v>0</v>
      </c>
      <c r="W10106" s="2">
        <v>0</v>
      </c>
      <c r="X10106" s="2">
        <v>0</v>
      </c>
      <c r="Y10106" s="2">
        <v>0</v>
      </c>
      <c r="Z10106" s="2">
        <v>0</v>
      </c>
      <c r="AA10106" s="5"/>
      <c r="AB10106" s="5" t="s">
        <v>43</v>
      </c>
      <c r="AC10106" s="5" t="s">
        <v>44</v>
      </c>
      <c r="AD10106" s="2" t="s">
        <v>30472</v>
      </c>
      <c r="AE10106" s="1"/>
    </row>
    <row r="10107" spans="1:31" ht="14.45">
      <c r="A10107" s="11"/>
      <c r="B10107" s="20"/>
      <c r="C10107" s="2" t="s">
        <v>31074</v>
      </c>
      <c r="D10107" s="14" t="s">
        <v>31075</v>
      </c>
      <c r="E10107" s="2" t="s">
        <v>31076</v>
      </c>
      <c r="F10107" s="2" t="s">
        <v>30476</v>
      </c>
      <c r="G10107" s="8">
        <v>1261</v>
      </c>
      <c r="H10107" s="5">
        <v>15</v>
      </c>
      <c r="I10107" s="5" t="s">
        <v>69</v>
      </c>
      <c r="J10107" s="5" t="s">
        <v>27074</v>
      </c>
      <c r="K10107" s="2" t="s">
        <v>27075</v>
      </c>
      <c r="L10107" s="5" t="s">
        <v>27074</v>
      </c>
      <c r="M10107" s="2" t="s">
        <v>27075</v>
      </c>
      <c r="N10107" s="5" t="s">
        <v>24254</v>
      </c>
      <c r="O10107" s="5" t="s">
        <v>38</v>
      </c>
      <c r="P10107" s="5" t="s">
        <v>39</v>
      </c>
      <c r="Q10107" s="5" t="s">
        <v>40</v>
      </c>
      <c r="R10107" s="5" t="s">
        <v>1487</v>
      </c>
      <c r="S10107" s="5"/>
      <c r="T10107" s="5" t="s">
        <v>42</v>
      </c>
      <c r="U10107" s="2">
        <v>0</v>
      </c>
      <c r="V10107" s="2">
        <v>0</v>
      </c>
      <c r="W10107" s="2">
        <v>0</v>
      </c>
      <c r="X10107" s="2">
        <v>0</v>
      </c>
      <c r="Y10107" s="2">
        <v>0</v>
      </c>
      <c r="Z10107" s="2">
        <v>0</v>
      </c>
      <c r="AA10107" s="5"/>
      <c r="AB10107" s="5" t="s">
        <v>43</v>
      </c>
      <c r="AC10107" s="5" t="s">
        <v>44</v>
      </c>
      <c r="AD10107" s="2" t="s">
        <v>30477</v>
      </c>
      <c r="AE10107" s="1"/>
    </row>
    <row r="10108" spans="1:31" ht="14.45">
      <c r="A10108" s="11"/>
      <c r="B10108" s="20"/>
      <c r="C10108" s="2" t="s">
        <v>31077</v>
      </c>
      <c r="D10108" s="14" t="s">
        <v>31078</v>
      </c>
      <c r="E10108" s="2" t="s">
        <v>31079</v>
      </c>
      <c r="F10108" s="2" t="s">
        <v>30481</v>
      </c>
      <c r="G10108" s="8">
        <v>1261</v>
      </c>
      <c r="H10108" s="5">
        <v>15</v>
      </c>
      <c r="I10108" s="5" t="s">
        <v>69</v>
      </c>
      <c r="J10108" s="5" t="s">
        <v>27074</v>
      </c>
      <c r="K10108" s="2" t="s">
        <v>27075</v>
      </c>
      <c r="L10108" s="5" t="s">
        <v>27074</v>
      </c>
      <c r="M10108" s="2" t="s">
        <v>27075</v>
      </c>
      <c r="N10108" s="5" t="s">
        <v>24254</v>
      </c>
      <c r="O10108" s="5" t="s">
        <v>38</v>
      </c>
      <c r="P10108" s="5" t="s">
        <v>39</v>
      </c>
      <c r="Q10108" s="5" t="s">
        <v>40</v>
      </c>
      <c r="R10108" s="5" t="s">
        <v>1487</v>
      </c>
      <c r="S10108" s="5"/>
      <c r="T10108" s="5" t="s">
        <v>42</v>
      </c>
      <c r="U10108" s="2">
        <v>0</v>
      </c>
      <c r="V10108" s="2">
        <v>0</v>
      </c>
      <c r="W10108" s="2">
        <v>0</v>
      </c>
      <c r="X10108" s="2">
        <v>0</v>
      </c>
      <c r="Y10108" s="2">
        <v>0</v>
      </c>
      <c r="Z10108" s="2">
        <v>0</v>
      </c>
      <c r="AA10108" s="5"/>
      <c r="AB10108" s="5" t="s">
        <v>43</v>
      </c>
      <c r="AC10108" s="5" t="s">
        <v>44</v>
      </c>
      <c r="AD10108" s="2" t="s">
        <v>30482</v>
      </c>
      <c r="AE10108" s="1"/>
    </row>
    <row r="10109" spans="1:31" ht="14.45">
      <c r="A10109" s="11"/>
      <c r="B10109" s="20"/>
      <c r="C10109" s="2" t="s">
        <v>31080</v>
      </c>
      <c r="D10109" s="14" t="s">
        <v>31081</v>
      </c>
      <c r="E10109" s="2" t="s">
        <v>31082</v>
      </c>
      <c r="F10109" s="2" t="s">
        <v>30486</v>
      </c>
      <c r="G10109" s="8">
        <v>1058</v>
      </c>
      <c r="H10109" s="5">
        <v>10</v>
      </c>
      <c r="I10109" s="5" t="s">
        <v>69</v>
      </c>
      <c r="J10109" s="5" t="s">
        <v>27074</v>
      </c>
      <c r="K10109" s="2" t="s">
        <v>27075</v>
      </c>
      <c r="L10109" s="5" t="s">
        <v>27074</v>
      </c>
      <c r="M10109" s="2" t="s">
        <v>27075</v>
      </c>
      <c r="N10109" s="5" t="s">
        <v>24254</v>
      </c>
      <c r="O10109" s="5" t="s">
        <v>38</v>
      </c>
      <c r="P10109" s="5" t="s">
        <v>39</v>
      </c>
      <c r="Q10109" s="5" t="s">
        <v>40</v>
      </c>
      <c r="R10109" s="5" t="s">
        <v>1487</v>
      </c>
      <c r="S10109" s="5"/>
      <c r="T10109" s="5" t="s">
        <v>42</v>
      </c>
      <c r="U10109" s="2">
        <v>0</v>
      </c>
      <c r="V10109" s="2">
        <v>0</v>
      </c>
      <c r="W10109" s="2">
        <v>0</v>
      </c>
      <c r="X10109" s="2">
        <v>0</v>
      </c>
      <c r="Y10109" s="2">
        <v>0</v>
      </c>
      <c r="Z10109" s="2">
        <v>0</v>
      </c>
      <c r="AA10109" s="5"/>
      <c r="AB10109" s="5" t="s">
        <v>43</v>
      </c>
      <c r="AC10109" s="5" t="s">
        <v>44</v>
      </c>
      <c r="AD10109" s="2"/>
      <c r="AE10109" s="1"/>
    </row>
    <row r="10110" spans="1:31" ht="14.45">
      <c r="A10110" s="11"/>
      <c r="B10110" s="20"/>
      <c r="C10110" s="2" t="s">
        <v>31083</v>
      </c>
      <c r="D10110" s="14" t="s">
        <v>31084</v>
      </c>
      <c r="E10110" s="2" t="s">
        <v>31085</v>
      </c>
      <c r="F10110" s="2" t="s">
        <v>30490</v>
      </c>
      <c r="G10110" s="8">
        <v>1058</v>
      </c>
      <c r="H10110" s="5">
        <v>15</v>
      </c>
      <c r="I10110" s="5" t="s">
        <v>69</v>
      </c>
      <c r="J10110" s="5" t="s">
        <v>27074</v>
      </c>
      <c r="K10110" s="2" t="s">
        <v>27075</v>
      </c>
      <c r="L10110" s="5" t="s">
        <v>27074</v>
      </c>
      <c r="M10110" s="2" t="s">
        <v>27075</v>
      </c>
      <c r="N10110" s="5" t="s">
        <v>24254</v>
      </c>
      <c r="O10110" s="5" t="s">
        <v>38</v>
      </c>
      <c r="P10110" s="5" t="s">
        <v>39</v>
      </c>
      <c r="Q10110" s="5" t="s">
        <v>40</v>
      </c>
      <c r="R10110" s="5" t="s">
        <v>1487</v>
      </c>
      <c r="S10110" s="5"/>
      <c r="T10110" s="5" t="s">
        <v>42</v>
      </c>
      <c r="U10110" s="2">
        <v>0</v>
      </c>
      <c r="V10110" s="2">
        <v>0</v>
      </c>
      <c r="W10110" s="2">
        <v>0</v>
      </c>
      <c r="X10110" s="2">
        <v>0</v>
      </c>
      <c r="Y10110" s="2">
        <v>0</v>
      </c>
      <c r="Z10110" s="2">
        <v>0</v>
      </c>
      <c r="AA10110" s="5"/>
      <c r="AB10110" s="5" t="s">
        <v>43</v>
      </c>
      <c r="AC10110" s="5" t="s">
        <v>44</v>
      </c>
      <c r="AD10110" s="2"/>
      <c r="AE10110" s="1"/>
    </row>
    <row r="10111" spans="1:31" ht="14.45">
      <c r="A10111" s="11"/>
      <c r="B10111" s="20"/>
      <c r="C10111" s="2" t="s">
        <v>31086</v>
      </c>
      <c r="D10111" s="14" t="s">
        <v>31087</v>
      </c>
      <c r="E10111" s="2" t="s">
        <v>31088</v>
      </c>
      <c r="F10111" s="2" t="s">
        <v>30418</v>
      </c>
      <c r="G10111" s="8">
        <v>225</v>
      </c>
      <c r="H10111" s="5">
        <v>10</v>
      </c>
      <c r="I10111" s="5" t="s">
        <v>69</v>
      </c>
      <c r="J10111" s="5" t="s">
        <v>27074</v>
      </c>
      <c r="K10111" s="2" t="s">
        <v>27075</v>
      </c>
      <c r="L10111" s="5" t="s">
        <v>27074</v>
      </c>
      <c r="M10111" s="2" t="s">
        <v>27075</v>
      </c>
      <c r="N10111" s="5" t="s">
        <v>24254</v>
      </c>
      <c r="O10111" s="5" t="s">
        <v>38</v>
      </c>
      <c r="P10111" s="5" t="s">
        <v>39</v>
      </c>
      <c r="Q10111" s="5" t="s">
        <v>40</v>
      </c>
      <c r="R10111" s="5" t="s">
        <v>24335</v>
      </c>
      <c r="S10111" s="5" t="s">
        <v>40</v>
      </c>
      <c r="T10111" s="5" t="s">
        <v>42</v>
      </c>
      <c r="U10111" s="2">
        <v>11.481</v>
      </c>
      <c r="V10111" s="2">
        <v>9.0009999999999994</v>
      </c>
      <c r="W10111" s="2">
        <v>0.13600000000000001</v>
      </c>
      <c r="X10111" s="2">
        <v>12</v>
      </c>
      <c r="Y10111" s="2">
        <v>50</v>
      </c>
      <c r="Z10111" s="2">
        <v>227.4</v>
      </c>
      <c r="AA10111" s="5">
        <v>8</v>
      </c>
      <c r="AB10111" s="5" t="s">
        <v>43</v>
      </c>
      <c r="AC10111" s="5" t="s">
        <v>44</v>
      </c>
      <c r="AD10111" s="2" t="s">
        <v>30419</v>
      </c>
      <c r="AE10111" s="1"/>
    </row>
    <row r="10112" spans="1:31" ht="14.45">
      <c r="A10112" s="11"/>
      <c r="B10112" s="20"/>
      <c r="C10112" s="2" t="s">
        <v>31089</v>
      </c>
      <c r="D10112" s="14" t="s">
        <v>31090</v>
      </c>
      <c r="E10112" s="2" t="s">
        <v>31091</v>
      </c>
      <c r="F10112" s="2" t="s">
        <v>30423</v>
      </c>
      <c r="G10112" s="8">
        <v>225</v>
      </c>
      <c r="H10112" s="5">
        <v>10</v>
      </c>
      <c r="I10112" s="5" t="s">
        <v>69</v>
      </c>
      <c r="J10112" s="5" t="s">
        <v>27074</v>
      </c>
      <c r="K10112" s="2" t="s">
        <v>27075</v>
      </c>
      <c r="L10112" s="5" t="s">
        <v>27074</v>
      </c>
      <c r="M10112" s="2" t="s">
        <v>27075</v>
      </c>
      <c r="N10112" s="5" t="s">
        <v>24254</v>
      </c>
      <c r="O10112" s="5" t="s">
        <v>38</v>
      </c>
      <c r="P10112" s="5" t="s">
        <v>39</v>
      </c>
      <c r="Q10112" s="5" t="s">
        <v>40</v>
      </c>
      <c r="R10112" s="5" t="s">
        <v>24335</v>
      </c>
      <c r="S10112" s="5" t="s">
        <v>40</v>
      </c>
      <c r="T10112" s="5" t="s">
        <v>42</v>
      </c>
      <c r="U10112" s="2">
        <v>8.5619999999999994</v>
      </c>
      <c r="V10112" s="2">
        <v>6.1109999999999998</v>
      </c>
      <c r="W10112" s="2">
        <v>0.13600000000000001</v>
      </c>
      <c r="X10112" s="2">
        <v>12</v>
      </c>
      <c r="Y10112" s="2">
        <v>50</v>
      </c>
      <c r="Z10112" s="2">
        <v>227.4</v>
      </c>
      <c r="AA10112" s="5">
        <v>8</v>
      </c>
      <c r="AB10112" s="5" t="s">
        <v>43</v>
      </c>
      <c r="AC10112" s="5" t="s">
        <v>44</v>
      </c>
      <c r="AD10112" s="2" t="s">
        <v>30419</v>
      </c>
      <c r="AE10112" s="1"/>
    </row>
    <row r="10113" spans="1:31" ht="14.45">
      <c r="A10113" s="11"/>
      <c r="B10113" s="20"/>
      <c r="C10113" s="2" t="s">
        <v>31092</v>
      </c>
      <c r="D10113" s="14" t="s">
        <v>31093</v>
      </c>
      <c r="E10113" s="2" t="s">
        <v>31094</v>
      </c>
      <c r="F10113" s="2" t="s">
        <v>30427</v>
      </c>
      <c r="G10113" s="8">
        <v>225</v>
      </c>
      <c r="H10113" s="5">
        <v>10</v>
      </c>
      <c r="I10113" s="5" t="s">
        <v>69</v>
      </c>
      <c r="J10113" s="5" t="s">
        <v>27074</v>
      </c>
      <c r="K10113" s="2" t="s">
        <v>27075</v>
      </c>
      <c r="L10113" s="5" t="s">
        <v>27074</v>
      </c>
      <c r="M10113" s="2" t="s">
        <v>27075</v>
      </c>
      <c r="N10113" s="5" t="s">
        <v>24254</v>
      </c>
      <c r="O10113" s="5" t="s">
        <v>38</v>
      </c>
      <c r="P10113" s="5" t="s">
        <v>39</v>
      </c>
      <c r="Q10113" s="5" t="s">
        <v>40</v>
      </c>
      <c r="R10113" s="5" t="s">
        <v>24335</v>
      </c>
      <c r="S10113" s="5" t="s">
        <v>40</v>
      </c>
      <c r="T10113" s="5" t="s">
        <v>42</v>
      </c>
      <c r="U10113" s="2">
        <v>6.87</v>
      </c>
      <c r="V10113" s="2">
        <v>4.4989999999999997</v>
      </c>
      <c r="W10113" s="2">
        <v>0.13600000000000001</v>
      </c>
      <c r="X10113" s="2">
        <v>12</v>
      </c>
      <c r="Y10113" s="2">
        <v>50</v>
      </c>
      <c r="Z10113" s="2">
        <v>227.4</v>
      </c>
      <c r="AA10113" s="5">
        <v>8</v>
      </c>
      <c r="AB10113" s="5" t="s">
        <v>43</v>
      </c>
      <c r="AC10113" s="5" t="s">
        <v>44</v>
      </c>
      <c r="AD10113" s="2" t="s">
        <v>30419</v>
      </c>
      <c r="AE10113" s="1"/>
    </row>
    <row r="10114" spans="1:31" ht="14.45">
      <c r="A10114" s="11"/>
      <c r="B10114" s="20"/>
      <c r="C10114" s="2" t="s">
        <v>31095</v>
      </c>
      <c r="D10114" s="14" t="s">
        <v>31096</v>
      </c>
      <c r="E10114" s="2" t="s">
        <v>31097</v>
      </c>
      <c r="F10114" s="2" t="s">
        <v>30431</v>
      </c>
      <c r="G10114" s="8">
        <v>225</v>
      </c>
      <c r="H10114" s="5">
        <v>10</v>
      </c>
      <c r="I10114" s="5" t="s">
        <v>69</v>
      </c>
      <c r="J10114" s="5" t="s">
        <v>27074</v>
      </c>
      <c r="K10114" s="2" t="s">
        <v>27075</v>
      </c>
      <c r="L10114" s="5" t="s">
        <v>27074</v>
      </c>
      <c r="M10114" s="2" t="s">
        <v>27075</v>
      </c>
      <c r="N10114" s="5" t="s">
        <v>24254</v>
      </c>
      <c r="O10114" s="5" t="s">
        <v>38</v>
      </c>
      <c r="P10114" s="5" t="s">
        <v>39</v>
      </c>
      <c r="Q10114" s="5" t="s">
        <v>40</v>
      </c>
      <c r="R10114" s="5" t="s">
        <v>24335</v>
      </c>
      <c r="S10114" s="5" t="s">
        <v>40</v>
      </c>
      <c r="T10114" s="5" t="s">
        <v>42</v>
      </c>
      <c r="U10114" s="2">
        <v>8.6820000000000004</v>
      </c>
      <c r="V10114" s="2">
        <v>6.2469999999999999</v>
      </c>
      <c r="W10114" s="2">
        <v>0.13600000000000001</v>
      </c>
      <c r="X10114" s="2">
        <v>12</v>
      </c>
      <c r="Y10114" s="2">
        <v>50</v>
      </c>
      <c r="Z10114" s="2">
        <v>227.4</v>
      </c>
      <c r="AA10114" s="5">
        <v>10</v>
      </c>
      <c r="AB10114" s="5" t="s">
        <v>43</v>
      </c>
      <c r="AC10114" s="5" t="s">
        <v>44</v>
      </c>
      <c r="AD10114" s="2" t="s">
        <v>30432</v>
      </c>
      <c r="AE10114" s="1"/>
    </row>
    <row r="10115" spans="1:31" ht="14.45">
      <c r="A10115" s="11"/>
      <c r="B10115" s="20"/>
      <c r="C10115" s="2" t="s">
        <v>31098</v>
      </c>
      <c r="D10115" s="14" t="s">
        <v>31099</v>
      </c>
      <c r="E10115" s="2" t="s">
        <v>31100</v>
      </c>
      <c r="F10115" s="2" t="s">
        <v>30440</v>
      </c>
      <c r="G10115" s="8">
        <v>225</v>
      </c>
      <c r="H10115" s="5">
        <v>10</v>
      </c>
      <c r="I10115" s="5" t="s">
        <v>69</v>
      </c>
      <c r="J10115" s="5" t="s">
        <v>27074</v>
      </c>
      <c r="K10115" s="2" t="s">
        <v>27075</v>
      </c>
      <c r="L10115" s="5" t="s">
        <v>27074</v>
      </c>
      <c r="M10115" s="2" t="s">
        <v>27075</v>
      </c>
      <c r="N10115" s="5" t="s">
        <v>24254</v>
      </c>
      <c r="O10115" s="5" t="s">
        <v>38</v>
      </c>
      <c r="P10115" s="5" t="s">
        <v>39</v>
      </c>
      <c r="Q10115" s="5" t="s">
        <v>40</v>
      </c>
      <c r="R10115" s="5" t="s">
        <v>24335</v>
      </c>
      <c r="S10115" s="5" t="s">
        <v>40</v>
      </c>
      <c r="T10115" s="5" t="s">
        <v>42</v>
      </c>
      <c r="U10115" s="2">
        <v>6.9880000000000004</v>
      </c>
      <c r="V10115" s="2">
        <v>4.5529999999999999</v>
      </c>
      <c r="W10115" s="2">
        <v>0.13600000000000001</v>
      </c>
      <c r="X10115" s="2">
        <v>12</v>
      </c>
      <c r="Y10115" s="2">
        <v>50</v>
      </c>
      <c r="Z10115" s="2">
        <v>227.4</v>
      </c>
      <c r="AA10115" s="5">
        <v>10</v>
      </c>
      <c r="AB10115" s="5" t="s">
        <v>43</v>
      </c>
      <c r="AC10115" s="5" t="s">
        <v>44</v>
      </c>
      <c r="AD10115" s="2" t="s">
        <v>30441</v>
      </c>
      <c r="AE10115" s="1"/>
    </row>
    <row r="10116" spans="1:31" ht="14.45">
      <c r="A10116" s="11"/>
      <c r="B10116" s="20"/>
      <c r="C10116" s="2" t="s">
        <v>31101</v>
      </c>
      <c r="D10116" s="14" t="s">
        <v>31102</v>
      </c>
      <c r="E10116" s="2" t="s">
        <v>31103</v>
      </c>
      <c r="F10116" s="2" t="s">
        <v>30449</v>
      </c>
      <c r="G10116" s="8">
        <v>225</v>
      </c>
      <c r="H10116" s="5">
        <v>10</v>
      </c>
      <c r="I10116" s="5" t="s">
        <v>69</v>
      </c>
      <c r="J10116" s="5" t="s">
        <v>27074</v>
      </c>
      <c r="K10116" s="2" t="s">
        <v>27075</v>
      </c>
      <c r="L10116" s="5" t="s">
        <v>27074</v>
      </c>
      <c r="M10116" s="2" t="s">
        <v>27075</v>
      </c>
      <c r="N10116" s="5" t="s">
        <v>24254</v>
      </c>
      <c r="O10116" s="5" t="s">
        <v>38</v>
      </c>
      <c r="P10116" s="5" t="s">
        <v>39</v>
      </c>
      <c r="Q10116" s="5" t="s">
        <v>40</v>
      </c>
      <c r="R10116" s="5" t="s">
        <v>24335</v>
      </c>
      <c r="S10116" s="5" t="s">
        <v>40</v>
      </c>
      <c r="T10116" s="5" t="s">
        <v>42</v>
      </c>
      <c r="U10116" s="2">
        <v>7.5449999999999999</v>
      </c>
      <c r="V10116" s="2">
        <v>5.4729999999999999</v>
      </c>
      <c r="W10116" s="2">
        <v>0.11600000000000001</v>
      </c>
      <c r="X10116" s="2">
        <v>12</v>
      </c>
      <c r="Y10116" s="2">
        <v>50</v>
      </c>
      <c r="Z10116" s="2">
        <v>193.9</v>
      </c>
      <c r="AA10116" s="5">
        <v>10</v>
      </c>
      <c r="AB10116" s="5" t="s">
        <v>43</v>
      </c>
      <c r="AC10116" s="5" t="s">
        <v>44</v>
      </c>
      <c r="AD10116" s="2" t="s">
        <v>30441</v>
      </c>
      <c r="AE10116" s="1"/>
    </row>
    <row r="10117" spans="1:31" ht="14.45">
      <c r="A10117" s="11"/>
      <c r="B10117" s="20"/>
      <c r="C10117" s="2" t="s">
        <v>31104</v>
      </c>
      <c r="D10117" s="14" t="s">
        <v>31105</v>
      </c>
      <c r="E10117" s="2" t="s">
        <v>31106</v>
      </c>
      <c r="F10117" s="2" t="s">
        <v>30456</v>
      </c>
      <c r="G10117" s="8">
        <v>410</v>
      </c>
      <c r="H10117" s="5">
        <v>10</v>
      </c>
      <c r="I10117" s="5" t="s">
        <v>69</v>
      </c>
      <c r="J10117" s="5" t="s">
        <v>27074</v>
      </c>
      <c r="K10117" s="2" t="s">
        <v>27075</v>
      </c>
      <c r="L10117" s="5" t="s">
        <v>27074</v>
      </c>
      <c r="M10117" s="2" t="s">
        <v>27075</v>
      </c>
      <c r="N10117" s="5" t="s">
        <v>24254</v>
      </c>
      <c r="O10117" s="5" t="s">
        <v>38</v>
      </c>
      <c r="P10117" s="5" t="s">
        <v>39</v>
      </c>
      <c r="Q10117" s="5" t="s">
        <v>40</v>
      </c>
      <c r="R10117" s="5" t="s">
        <v>24335</v>
      </c>
      <c r="S10117" s="5" t="s">
        <v>40</v>
      </c>
      <c r="T10117" s="5" t="s">
        <v>42</v>
      </c>
      <c r="U10117" s="2">
        <v>16.038</v>
      </c>
      <c r="V10117" s="2">
        <v>13.212999999999999</v>
      </c>
      <c r="W10117" s="2">
        <v>0.20399999999999999</v>
      </c>
      <c r="X10117" s="2">
        <v>12</v>
      </c>
      <c r="Y10117" s="2">
        <v>77</v>
      </c>
      <c r="Z10117" s="2">
        <v>220.9</v>
      </c>
      <c r="AA10117" s="5">
        <v>8</v>
      </c>
      <c r="AB10117" s="5" t="s">
        <v>43</v>
      </c>
      <c r="AC10117" s="5" t="s">
        <v>44</v>
      </c>
      <c r="AD10117" s="2" t="s">
        <v>30457</v>
      </c>
      <c r="AE10117" s="1"/>
    </row>
    <row r="10118" spans="1:31" ht="14.45">
      <c r="A10118" s="11"/>
      <c r="B10118" s="20"/>
      <c r="C10118" s="2" t="s">
        <v>31107</v>
      </c>
      <c r="D10118" s="14" t="s">
        <v>31108</v>
      </c>
      <c r="E10118" s="2" t="s">
        <v>31109</v>
      </c>
      <c r="F10118" s="2" t="s">
        <v>30418</v>
      </c>
      <c r="G10118" s="8">
        <v>210</v>
      </c>
      <c r="H10118" s="5">
        <v>10</v>
      </c>
      <c r="I10118" s="5" t="s">
        <v>69</v>
      </c>
      <c r="J10118" s="5" t="s">
        <v>27074</v>
      </c>
      <c r="K10118" s="2" t="s">
        <v>27075</v>
      </c>
      <c r="L10118" s="5" t="s">
        <v>27074</v>
      </c>
      <c r="M10118" s="2" t="s">
        <v>27075</v>
      </c>
      <c r="N10118" s="5" t="s">
        <v>24254</v>
      </c>
      <c r="O10118" s="5" t="s">
        <v>38</v>
      </c>
      <c r="P10118" s="5" t="s">
        <v>39</v>
      </c>
      <c r="Q10118" s="5" t="s">
        <v>40</v>
      </c>
      <c r="R10118" s="5" t="s">
        <v>24335</v>
      </c>
      <c r="S10118" s="5" t="s">
        <v>40</v>
      </c>
      <c r="T10118" s="5" t="s">
        <v>42</v>
      </c>
      <c r="U10118" s="2">
        <v>9.4860000000000007</v>
      </c>
      <c r="V10118" s="2">
        <v>7.6879999999999997</v>
      </c>
      <c r="W10118" s="2">
        <v>0.104</v>
      </c>
      <c r="X10118" s="2">
        <v>12</v>
      </c>
      <c r="Y10118" s="2">
        <v>50</v>
      </c>
      <c r="Z10118" s="2">
        <v>173.9</v>
      </c>
      <c r="AA10118" s="5">
        <v>8</v>
      </c>
      <c r="AB10118" s="5" t="s">
        <v>43</v>
      </c>
      <c r="AC10118" s="5" t="s">
        <v>44</v>
      </c>
      <c r="AD10118" s="2" t="s">
        <v>30419</v>
      </c>
      <c r="AE10118" s="1"/>
    </row>
    <row r="10119" spans="1:31" ht="14.45">
      <c r="A10119" s="11"/>
      <c r="B10119" s="20"/>
      <c r="C10119" s="2" t="s">
        <v>31110</v>
      </c>
      <c r="D10119" s="14" t="s">
        <v>31111</v>
      </c>
      <c r="E10119" s="2" t="s">
        <v>31112</v>
      </c>
      <c r="F10119" s="2" t="s">
        <v>30423</v>
      </c>
      <c r="G10119" s="8">
        <v>210</v>
      </c>
      <c r="H10119" s="5">
        <v>5</v>
      </c>
      <c r="I10119" s="5" t="s">
        <v>69</v>
      </c>
      <c r="J10119" s="5" t="s">
        <v>27074</v>
      </c>
      <c r="K10119" s="2" t="s">
        <v>27075</v>
      </c>
      <c r="L10119" s="5" t="s">
        <v>27074</v>
      </c>
      <c r="M10119" s="2" t="s">
        <v>27075</v>
      </c>
      <c r="N10119" s="5" t="s">
        <v>24254</v>
      </c>
      <c r="O10119" s="5" t="s">
        <v>38</v>
      </c>
      <c r="P10119" s="5" t="s">
        <v>39</v>
      </c>
      <c r="Q10119" s="5" t="s">
        <v>40</v>
      </c>
      <c r="R10119" s="5" t="s">
        <v>24335</v>
      </c>
      <c r="S10119" s="5" t="s">
        <v>40</v>
      </c>
      <c r="T10119" s="5" t="s">
        <v>42</v>
      </c>
      <c r="U10119" s="2">
        <v>7.2469999999999999</v>
      </c>
      <c r="V10119" s="2">
        <v>5.3949999999999996</v>
      </c>
      <c r="W10119" s="2">
        <v>0.104</v>
      </c>
      <c r="X10119" s="2">
        <v>12</v>
      </c>
      <c r="Y10119" s="2">
        <v>50</v>
      </c>
      <c r="Z10119" s="2">
        <v>173.9</v>
      </c>
      <c r="AA10119" s="5">
        <v>8</v>
      </c>
      <c r="AB10119" s="5" t="s">
        <v>43</v>
      </c>
      <c r="AC10119" s="5" t="s">
        <v>44</v>
      </c>
      <c r="AD10119" s="2" t="s">
        <v>30419</v>
      </c>
      <c r="AE10119" s="1"/>
    </row>
    <row r="10120" spans="1:31" ht="14.45">
      <c r="A10120" s="11"/>
      <c r="B10120" s="20"/>
      <c r="C10120" s="2" t="s">
        <v>31113</v>
      </c>
      <c r="D10120" s="14" t="s">
        <v>31114</v>
      </c>
      <c r="E10120" s="2" t="s">
        <v>31115</v>
      </c>
      <c r="F10120" s="2" t="s">
        <v>30427</v>
      </c>
      <c r="G10120" s="8">
        <v>210</v>
      </c>
      <c r="H10120" s="5">
        <v>10</v>
      </c>
      <c r="I10120" s="5" t="s">
        <v>69</v>
      </c>
      <c r="J10120" s="5" t="s">
        <v>27074</v>
      </c>
      <c r="K10120" s="2" t="s">
        <v>27075</v>
      </c>
      <c r="L10120" s="5" t="s">
        <v>27074</v>
      </c>
      <c r="M10120" s="2" t="s">
        <v>27075</v>
      </c>
      <c r="N10120" s="5" t="s">
        <v>24254</v>
      </c>
      <c r="O10120" s="5" t="s">
        <v>38</v>
      </c>
      <c r="P10120" s="5" t="s">
        <v>39</v>
      </c>
      <c r="Q10120" s="5" t="s">
        <v>40</v>
      </c>
      <c r="R10120" s="5" t="s">
        <v>24335</v>
      </c>
      <c r="S10120" s="5" t="s">
        <v>40</v>
      </c>
      <c r="T10120" s="5" t="s">
        <v>42</v>
      </c>
      <c r="U10120" s="2">
        <v>5.7210000000000001</v>
      </c>
      <c r="V10120" s="2">
        <v>4.0199999999999996</v>
      </c>
      <c r="W10120" s="2">
        <v>0.104</v>
      </c>
      <c r="X10120" s="2">
        <v>12</v>
      </c>
      <c r="Y10120" s="2">
        <v>50</v>
      </c>
      <c r="Z10120" s="2">
        <v>173.9</v>
      </c>
      <c r="AA10120" s="5">
        <v>8</v>
      </c>
      <c r="AB10120" s="5" t="s">
        <v>43</v>
      </c>
      <c r="AC10120" s="5" t="s">
        <v>44</v>
      </c>
      <c r="AD10120" s="2" t="s">
        <v>30419</v>
      </c>
      <c r="AE10120" s="1"/>
    </row>
    <row r="10121" spans="1:31" ht="14.45">
      <c r="A10121" s="11"/>
      <c r="B10121" s="20"/>
      <c r="C10121" s="2" t="s">
        <v>31116</v>
      </c>
      <c r="D10121" s="14" t="s">
        <v>31117</v>
      </c>
      <c r="E10121" s="2" t="s">
        <v>31118</v>
      </c>
      <c r="F10121" s="2" t="s">
        <v>30431</v>
      </c>
      <c r="G10121" s="8">
        <v>210</v>
      </c>
      <c r="H10121" s="5">
        <v>5</v>
      </c>
      <c r="I10121" s="5" t="s">
        <v>69</v>
      </c>
      <c r="J10121" s="5" t="s">
        <v>27074</v>
      </c>
      <c r="K10121" s="2" t="s">
        <v>27075</v>
      </c>
      <c r="L10121" s="5" t="s">
        <v>27074</v>
      </c>
      <c r="M10121" s="2" t="s">
        <v>27075</v>
      </c>
      <c r="N10121" s="5" t="s">
        <v>24254</v>
      </c>
      <c r="O10121" s="5" t="s">
        <v>38</v>
      </c>
      <c r="P10121" s="5" t="s">
        <v>39</v>
      </c>
      <c r="Q10121" s="5" t="s">
        <v>40</v>
      </c>
      <c r="R10121" s="5" t="s">
        <v>24335</v>
      </c>
      <c r="S10121" s="5" t="s">
        <v>40</v>
      </c>
      <c r="T10121" s="5" t="s">
        <v>42</v>
      </c>
      <c r="U10121" s="2">
        <v>6.9640000000000004</v>
      </c>
      <c r="V10121" s="2">
        <v>5.1280000000000001</v>
      </c>
      <c r="W10121" s="2">
        <v>0.104</v>
      </c>
      <c r="X10121" s="2">
        <v>12</v>
      </c>
      <c r="Y10121" s="2">
        <v>50</v>
      </c>
      <c r="Z10121" s="2">
        <v>173.9</v>
      </c>
      <c r="AA10121" s="5">
        <v>10</v>
      </c>
      <c r="AB10121" s="5" t="s">
        <v>43</v>
      </c>
      <c r="AC10121" s="5" t="s">
        <v>44</v>
      </c>
      <c r="AD10121" s="2" t="s">
        <v>30432</v>
      </c>
      <c r="AE10121" s="1"/>
    </row>
    <row r="10122" spans="1:31" ht="14.45">
      <c r="A10122" s="11"/>
      <c r="B10122" s="20"/>
      <c r="C10122" s="2" t="s">
        <v>31119</v>
      </c>
      <c r="D10122" s="14" t="s">
        <v>31120</v>
      </c>
      <c r="E10122" s="2" t="s">
        <v>31121</v>
      </c>
      <c r="F10122" s="2" t="s">
        <v>30431</v>
      </c>
      <c r="G10122" s="8">
        <v>210</v>
      </c>
      <c r="H10122" s="5">
        <v>5</v>
      </c>
      <c r="I10122" s="5" t="s">
        <v>69</v>
      </c>
      <c r="J10122" s="5" t="s">
        <v>27074</v>
      </c>
      <c r="K10122" s="2" t="s">
        <v>27075</v>
      </c>
      <c r="L10122" s="5" t="s">
        <v>27074</v>
      </c>
      <c r="M10122" s="2" t="s">
        <v>27075</v>
      </c>
      <c r="N10122" s="5" t="s">
        <v>24254</v>
      </c>
      <c r="O10122" s="5" t="s">
        <v>38</v>
      </c>
      <c r="P10122" s="5" t="s">
        <v>39</v>
      </c>
      <c r="Q10122" s="5" t="s">
        <v>40</v>
      </c>
      <c r="R10122" s="5" t="s">
        <v>24335</v>
      </c>
      <c r="S10122" s="5" t="s">
        <v>40</v>
      </c>
      <c r="T10122" s="5" t="s">
        <v>42</v>
      </c>
      <c r="U10122" s="2">
        <v>7.3019999999999996</v>
      </c>
      <c r="V10122" s="2">
        <v>5.4660000000000002</v>
      </c>
      <c r="W10122" s="2">
        <v>0.104</v>
      </c>
      <c r="X10122" s="2">
        <v>12</v>
      </c>
      <c r="Y10122" s="2">
        <v>50</v>
      </c>
      <c r="Z10122" s="2">
        <v>173.9</v>
      </c>
      <c r="AA10122" s="5">
        <v>10</v>
      </c>
      <c r="AB10122" s="5" t="s">
        <v>43</v>
      </c>
      <c r="AC10122" s="5" t="s">
        <v>44</v>
      </c>
      <c r="AD10122" s="2" t="s">
        <v>30436</v>
      </c>
      <c r="AE10122" s="1"/>
    </row>
    <row r="10123" spans="1:31" ht="14.45">
      <c r="A10123" s="11"/>
      <c r="B10123" s="20"/>
      <c r="C10123" s="2" t="s">
        <v>31122</v>
      </c>
      <c r="D10123" s="14" t="s">
        <v>31123</v>
      </c>
      <c r="E10123" s="2" t="s">
        <v>31124</v>
      </c>
      <c r="F10123" s="2" t="s">
        <v>30440</v>
      </c>
      <c r="G10123" s="8">
        <v>210</v>
      </c>
      <c r="H10123" s="5">
        <v>5</v>
      </c>
      <c r="I10123" s="5" t="s">
        <v>69</v>
      </c>
      <c r="J10123" s="5" t="s">
        <v>27074</v>
      </c>
      <c r="K10123" s="2" t="s">
        <v>27075</v>
      </c>
      <c r="L10123" s="5" t="s">
        <v>27074</v>
      </c>
      <c r="M10123" s="2" t="s">
        <v>27075</v>
      </c>
      <c r="N10123" s="5" t="s">
        <v>24254</v>
      </c>
      <c r="O10123" s="5" t="s">
        <v>38</v>
      </c>
      <c r="P10123" s="5" t="s">
        <v>39</v>
      </c>
      <c r="Q10123" s="5" t="s">
        <v>40</v>
      </c>
      <c r="R10123" s="5" t="s">
        <v>24335</v>
      </c>
      <c r="S10123" s="5" t="s">
        <v>40</v>
      </c>
      <c r="T10123" s="5" t="s">
        <v>42</v>
      </c>
      <c r="U10123" s="2">
        <v>5.6059999999999999</v>
      </c>
      <c r="V10123" s="2">
        <v>3.77</v>
      </c>
      <c r="W10123" s="2">
        <v>0.104</v>
      </c>
      <c r="X10123" s="2">
        <v>12</v>
      </c>
      <c r="Y10123" s="2">
        <v>50</v>
      </c>
      <c r="Z10123" s="2">
        <v>173.9</v>
      </c>
      <c r="AA10123" s="5">
        <v>10</v>
      </c>
      <c r="AB10123" s="5" t="s">
        <v>43</v>
      </c>
      <c r="AC10123" s="5" t="s">
        <v>44</v>
      </c>
      <c r="AD10123" s="2" t="s">
        <v>30441</v>
      </c>
      <c r="AE10123" s="1"/>
    </row>
    <row r="10124" spans="1:31" ht="14.45">
      <c r="A10124" s="11"/>
      <c r="B10124" s="20"/>
      <c r="C10124" s="2" t="s">
        <v>31125</v>
      </c>
      <c r="D10124" s="14" t="s">
        <v>31126</v>
      </c>
      <c r="E10124" s="2" t="s">
        <v>31127</v>
      </c>
      <c r="F10124" s="2" t="s">
        <v>30440</v>
      </c>
      <c r="G10124" s="8">
        <v>210</v>
      </c>
      <c r="H10124" s="5">
        <v>5</v>
      </c>
      <c r="I10124" s="5" t="s">
        <v>69</v>
      </c>
      <c r="J10124" s="5" t="s">
        <v>27074</v>
      </c>
      <c r="K10124" s="2" t="s">
        <v>27075</v>
      </c>
      <c r="L10124" s="5" t="s">
        <v>27074</v>
      </c>
      <c r="M10124" s="2" t="s">
        <v>27075</v>
      </c>
      <c r="N10124" s="5" t="s">
        <v>24254</v>
      </c>
      <c r="O10124" s="5" t="s">
        <v>38</v>
      </c>
      <c r="P10124" s="5" t="s">
        <v>39</v>
      </c>
      <c r="Q10124" s="5" t="s">
        <v>40</v>
      </c>
      <c r="R10124" s="5" t="s">
        <v>24335</v>
      </c>
      <c r="S10124" s="5" t="s">
        <v>40</v>
      </c>
      <c r="T10124" s="5" t="s">
        <v>42</v>
      </c>
      <c r="U10124" s="2">
        <v>5.7690000000000001</v>
      </c>
      <c r="V10124" s="2">
        <v>3.9329999999999998</v>
      </c>
      <c r="W10124" s="2">
        <v>0.104</v>
      </c>
      <c r="X10124" s="2">
        <v>12</v>
      </c>
      <c r="Y10124" s="2">
        <v>50</v>
      </c>
      <c r="Z10124" s="2">
        <v>173.9</v>
      </c>
      <c r="AA10124" s="5">
        <v>10</v>
      </c>
      <c r="AB10124" s="5" t="s">
        <v>43</v>
      </c>
      <c r="AC10124" s="5" t="s">
        <v>44</v>
      </c>
      <c r="AD10124" s="2" t="s">
        <v>30445</v>
      </c>
      <c r="AE10124" s="1"/>
    </row>
    <row r="10125" spans="1:31" ht="14.45">
      <c r="A10125" s="11"/>
      <c r="B10125" s="20"/>
      <c r="C10125" s="2" t="s">
        <v>31128</v>
      </c>
      <c r="D10125" s="14" t="s">
        <v>31129</v>
      </c>
      <c r="E10125" s="2" t="s">
        <v>31130</v>
      </c>
      <c r="F10125" s="2" t="s">
        <v>30449</v>
      </c>
      <c r="G10125" s="8">
        <v>210</v>
      </c>
      <c r="H10125" s="5">
        <v>5</v>
      </c>
      <c r="I10125" s="5" t="s">
        <v>69</v>
      </c>
      <c r="J10125" s="5" t="s">
        <v>27074</v>
      </c>
      <c r="K10125" s="2" t="s">
        <v>27075</v>
      </c>
      <c r="L10125" s="5" t="s">
        <v>27074</v>
      </c>
      <c r="M10125" s="2" t="s">
        <v>27075</v>
      </c>
      <c r="N10125" s="5" t="s">
        <v>24254</v>
      </c>
      <c r="O10125" s="5" t="s">
        <v>38</v>
      </c>
      <c r="P10125" s="5" t="s">
        <v>39</v>
      </c>
      <c r="Q10125" s="5" t="s">
        <v>40</v>
      </c>
      <c r="R10125" s="5" t="s">
        <v>24335</v>
      </c>
      <c r="S10125" s="5" t="s">
        <v>40</v>
      </c>
      <c r="T10125" s="5" t="s">
        <v>42</v>
      </c>
      <c r="U10125" s="2">
        <v>6.556</v>
      </c>
      <c r="V10125" s="2">
        <v>4.4800000000000004</v>
      </c>
      <c r="W10125" s="2">
        <v>0.104</v>
      </c>
      <c r="X10125" s="2">
        <v>12</v>
      </c>
      <c r="Y10125" s="2">
        <v>50</v>
      </c>
      <c r="Z10125" s="2">
        <v>173.9</v>
      </c>
      <c r="AA10125" s="5">
        <v>10</v>
      </c>
      <c r="AB10125" s="5" t="s">
        <v>43</v>
      </c>
      <c r="AC10125" s="5" t="s">
        <v>44</v>
      </c>
      <c r="AD10125" s="2" t="s">
        <v>30441</v>
      </c>
      <c r="AE10125" s="1"/>
    </row>
    <row r="10126" spans="1:31" ht="14.45">
      <c r="A10126" s="11"/>
      <c r="B10126" s="20"/>
      <c r="C10126" s="2" t="s">
        <v>31131</v>
      </c>
      <c r="D10126" s="14" t="s">
        <v>31132</v>
      </c>
      <c r="E10126" s="2" t="s">
        <v>31133</v>
      </c>
      <c r="F10126" s="2" t="s">
        <v>30449</v>
      </c>
      <c r="G10126" s="8">
        <v>210</v>
      </c>
      <c r="H10126" s="5">
        <v>5</v>
      </c>
      <c r="I10126" s="5" t="s">
        <v>69</v>
      </c>
      <c r="J10126" s="5" t="s">
        <v>27074</v>
      </c>
      <c r="K10126" s="2" t="s">
        <v>27075</v>
      </c>
      <c r="L10126" s="5" t="s">
        <v>27074</v>
      </c>
      <c r="M10126" s="2" t="s">
        <v>27075</v>
      </c>
      <c r="N10126" s="5" t="s">
        <v>24254</v>
      </c>
      <c r="O10126" s="5" t="s">
        <v>38</v>
      </c>
      <c r="P10126" s="5" t="s">
        <v>39</v>
      </c>
      <c r="Q10126" s="5" t="s">
        <v>40</v>
      </c>
      <c r="R10126" s="5" t="s">
        <v>24335</v>
      </c>
      <c r="S10126" s="5" t="s">
        <v>40</v>
      </c>
      <c r="T10126" s="5" t="s">
        <v>42</v>
      </c>
      <c r="U10126" s="2">
        <v>6.9109999999999996</v>
      </c>
      <c r="V10126" s="2">
        <v>4.835</v>
      </c>
      <c r="W10126" s="2">
        <v>0.104</v>
      </c>
      <c r="X10126" s="2">
        <v>12</v>
      </c>
      <c r="Y10126" s="2">
        <v>50</v>
      </c>
      <c r="Z10126" s="2">
        <v>173.9</v>
      </c>
      <c r="AA10126" s="5">
        <v>10</v>
      </c>
      <c r="AB10126" s="5" t="s">
        <v>43</v>
      </c>
      <c r="AC10126" s="5" t="s">
        <v>44</v>
      </c>
      <c r="AD10126" s="2" t="s">
        <v>30445</v>
      </c>
      <c r="AE10126" s="1"/>
    </row>
    <row r="10127" spans="1:31" ht="14.45">
      <c r="A10127" s="11"/>
      <c r="B10127" s="20"/>
      <c r="C10127" s="2" t="s">
        <v>31134</v>
      </c>
      <c r="D10127" s="14" t="s">
        <v>31135</v>
      </c>
      <c r="E10127" s="2" t="s">
        <v>31136</v>
      </c>
      <c r="F10127" s="2" t="s">
        <v>30456</v>
      </c>
      <c r="G10127" s="8">
        <v>382</v>
      </c>
      <c r="H10127" s="5">
        <v>10</v>
      </c>
      <c r="I10127" s="5" t="s">
        <v>69</v>
      </c>
      <c r="J10127" s="5" t="s">
        <v>27074</v>
      </c>
      <c r="K10127" s="2" t="s">
        <v>27075</v>
      </c>
      <c r="L10127" s="5" t="s">
        <v>27074</v>
      </c>
      <c r="M10127" s="2" t="s">
        <v>27075</v>
      </c>
      <c r="N10127" s="5" t="s">
        <v>24254</v>
      </c>
      <c r="O10127" s="5" t="s">
        <v>38</v>
      </c>
      <c r="P10127" s="5" t="s">
        <v>39</v>
      </c>
      <c r="Q10127" s="5" t="s">
        <v>40</v>
      </c>
      <c r="R10127" s="5" t="s">
        <v>24335</v>
      </c>
      <c r="S10127" s="5" t="s">
        <v>40</v>
      </c>
      <c r="T10127" s="5" t="s">
        <v>42</v>
      </c>
      <c r="U10127" s="2">
        <v>14.406000000000001</v>
      </c>
      <c r="V10127" s="2">
        <v>11.689</v>
      </c>
      <c r="W10127" s="2">
        <v>0.16</v>
      </c>
      <c r="X10127" s="2">
        <v>12</v>
      </c>
      <c r="Y10127" s="2">
        <v>77</v>
      </c>
      <c r="Z10127" s="2">
        <v>173.4</v>
      </c>
      <c r="AA10127" s="5">
        <v>8</v>
      </c>
      <c r="AB10127" s="5" t="s">
        <v>43</v>
      </c>
      <c r="AC10127" s="5" t="s">
        <v>44</v>
      </c>
      <c r="AD10127" s="2" t="s">
        <v>30457</v>
      </c>
      <c r="AE10127" s="1"/>
    </row>
    <row r="10128" spans="1:31" ht="14.45">
      <c r="A10128" s="11"/>
      <c r="B10128" s="20"/>
      <c r="C10128" s="2" t="s">
        <v>31137</v>
      </c>
      <c r="D10128" s="14" t="s">
        <v>31138</v>
      </c>
      <c r="E10128" s="2" t="s">
        <v>31139</v>
      </c>
      <c r="F10128" s="2" t="s">
        <v>30529</v>
      </c>
      <c r="G10128" s="8">
        <v>361</v>
      </c>
      <c r="H10128" s="5">
        <v>10</v>
      </c>
      <c r="I10128" s="5" t="s">
        <v>69</v>
      </c>
      <c r="J10128" s="5" t="s">
        <v>27074</v>
      </c>
      <c r="K10128" s="2" t="s">
        <v>27075</v>
      </c>
      <c r="L10128" s="5" t="s">
        <v>27074</v>
      </c>
      <c r="M10128" s="2" t="s">
        <v>27075</v>
      </c>
      <c r="N10128" s="5" t="s">
        <v>24254</v>
      </c>
      <c r="O10128" s="5" t="s">
        <v>38</v>
      </c>
      <c r="P10128" s="5" t="s">
        <v>39</v>
      </c>
      <c r="Q10128" s="5" t="s">
        <v>40</v>
      </c>
      <c r="R10128" s="5" t="s">
        <v>24340</v>
      </c>
      <c r="S10128" s="5" t="s">
        <v>40</v>
      </c>
      <c r="T10128" s="5" t="s">
        <v>42</v>
      </c>
      <c r="U10128" s="2">
        <v>8.9730000000000008</v>
      </c>
      <c r="V10128" s="2">
        <v>7.2720000000000002</v>
      </c>
      <c r="W10128" s="2">
        <v>0.104</v>
      </c>
      <c r="X10128" s="2">
        <v>12</v>
      </c>
      <c r="Y10128" s="2">
        <v>50</v>
      </c>
      <c r="Z10128" s="2">
        <v>173.9</v>
      </c>
      <c r="AA10128" s="5">
        <v>8</v>
      </c>
      <c r="AB10128" s="5" t="s">
        <v>43</v>
      </c>
      <c r="AC10128" s="5" t="s">
        <v>44</v>
      </c>
      <c r="AD10128" s="2" t="s">
        <v>30525</v>
      </c>
      <c r="AE10128" s="1"/>
    </row>
    <row r="10129" spans="1:31" ht="14.45">
      <c r="A10129" s="11"/>
      <c r="B10129" s="20"/>
      <c r="C10129" s="2" t="s">
        <v>31140</v>
      </c>
      <c r="D10129" s="14" t="s">
        <v>31141</v>
      </c>
      <c r="E10129" s="2" t="s">
        <v>31142</v>
      </c>
      <c r="F10129" s="2" t="s">
        <v>30533</v>
      </c>
      <c r="G10129" s="8">
        <v>361</v>
      </c>
      <c r="H10129" s="5">
        <v>10</v>
      </c>
      <c r="I10129" s="5" t="s">
        <v>69</v>
      </c>
      <c r="J10129" s="5" t="s">
        <v>27074</v>
      </c>
      <c r="K10129" s="2" t="s">
        <v>27075</v>
      </c>
      <c r="L10129" s="5" t="s">
        <v>27074</v>
      </c>
      <c r="M10129" s="2" t="s">
        <v>27075</v>
      </c>
      <c r="N10129" s="5" t="s">
        <v>24254</v>
      </c>
      <c r="O10129" s="5" t="s">
        <v>38</v>
      </c>
      <c r="P10129" s="5" t="s">
        <v>39</v>
      </c>
      <c r="Q10129" s="5" t="s">
        <v>40</v>
      </c>
      <c r="R10129" s="5" t="s">
        <v>24340</v>
      </c>
      <c r="S10129" s="5" t="s">
        <v>40</v>
      </c>
      <c r="T10129" s="5" t="s">
        <v>42</v>
      </c>
      <c r="U10129" s="2">
        <v>11.259</v>
      </c>
      <c r="V10129" s="2">
        <v>9.3870000000000005</v>
      </c>
      <c r="W10129" s="2">
        <v>0.104</v>
      </c>
      <c r="X10129" s="2">
        <v>12</v>
      </c>
      <c r="Y10129" s="2">
        <v>50</v>
      </c>
      <c r="Z10129" s="2">
        <v>173.9</v>
      </c>
      <c r="AA10129" s="5">
        <v>10</v>
      </c>
      <c r="AB10129" s="5" t="s">
        <v>43</v>
      </c>
      <c r="AC10129" s="5" t="s">
        <v>44</v>
      </c>
      <c r="AD10129" s="2" t="s">
        <v>30656</v>
      </c>
      <c r="AE10129" s="1"/>
    </row>
    <row r="10130" spans="1:31" ht="14.45">
      <c r="A10130" s="11"/>
      <c r="B10130" s="20"/>
      <c r="C10130" s="2" t="s">
        <v>31143</v>
      </c>
      <c r="D10130" s="14" t="s">
        <v>31144</v>
      </c>
      <c r="E10130" s="2" t="s">
        <v>31145</v>
      </c>
      <c r="F10130" s="2" t="s">
        <v>30461</v>
      </c>
      <c r="G10130" s="8">
        <v>684</v>
      </c>
      <c r="H10130" s="5">
        <v>10</v>
      </c>
      <c r="I10130" s="5" t="s">
        <v>69</v>
      </c>
      <c r="J10130" s="5" t="s">
        <v>27074</v>
      </c>
      <c r="K10130" s="2" t="s">
        <v>27075</v>
      </c>
      <c r="L10130" s="5" t="s">
        <v>27074</v>
      </c>
      <c r="M10130" s="2" t="s">
        <v>27075</v>
      </c>
      <c r="N10130" s="5" t="s">
        <v>24254</v>
      </c>
      <c r="O10130" s="5" t="s">
        <v>38</v>
      </c>
      <c r="P10130" s="5" t="s">
        <v>39</v>
      </c>
      <c r="Q10130" s="5" t="s">
        <v>40</v>
      </c>
      <c r="R10130" s="5" t="s">
        <v>24340</v>
      </c>
      <c r="S10130" s="5" t="s">
        <v>40</v>
      </c>
      <c r="T10130" s="5" t="s">
        <v>42</v>
      </c>
      <c r="U10130" s="2">
        <v>25.744</v>
      </c>
      <c r="V10130" s="2">
        <v>23.015000000000001</v>
      </c>
      <c r="W10130" s="2">
        <v>0.19500000000000001</v>
      </c>
      <c r="X10130" s="2">
        <v>12</v>
      </c>
      <c r="Y10130" s="2">
        <v>77</v>
      </c>
      <c r="Z10130" s="2">
        <v>210.9</v>
      </c>
      <c r="AA10130" s="5">
        <v>8</v>
      </c>
      <c r="AB10130" s="5" t="s">
        <v>43</v>
      </c>
      <c r="AC10130" s="5" t="s">
        <v>44</v>
      </c>
      <c r="AD10130" s="2" t="s">
        <v>30462</v>
      </c>
      <c r="AE10130" s="1"/>
    </row>
    <row r="10131" spans="1:31" ht="14.45">
      <c r="A10131" s="11"/>
      <c r="B10131" s="20"/>
      <c r="C10131" s="2" t="s">
        <v>31146</v>
      </c>
      <c r="D10131" s="14" t="s">
        <v>31147</v>
      </c>
      <c r="E10131" s="2" t="s">
        <v>31148</v>
      </c>
      <c r="F10131" s="2" t="s">
        <v>30466</v>
      </c>
      <c r="G10131" s="8">
        <v>731</v>
      </c>
      <c r="H10131" s="5">
        <v>10</v>
      </c>
      <c r="I10131" s="5" t="s">
        <v>69</v>
      </c>
      <c r="J10131" s="5" t="s">
        <v>27074</v>
      </c>
      <c r="K10131" s="2" t="s">
        <v>27075</v>
      </c>
      <c r="L10131" s="5" t="s">
        <v>27074</v>
      </c>
      <c r="M10131" s="2" t="s">
        <v>27075</v>
      </c>
      <c r="N10131" s="5" t="s">
        <v>24254</v>
      </c>
      <c r="O10131" s="5" t="s">
        <v>38</v>
      </c>
      <c r="P10131" s="5" t="s">
        <v>39</v>
      </c>
      <c r="Q10131" s="5" t="s">
        <v>40</v>
      </c>
      <c r="R10131" s="5" t="s">
        <v>1487</v>
      </c>
      <c r="S10131" s="5"/>
      <c r="T10131" s="5" t="s">
        <v>42</v>
      </c>
      <c r="U10131" s="2">
        <v>0</v>
      </c>
      <c r="V10131" s="2">
        <v>0</v>
      </c>
      <c r="W10131" s="2">
        <v>0</v>
      </c>
      <c r="X10131" s="2">
        <v>0</v>
      </c>
      <c r="Y10131" s="2">
        <v>0</v>
      </c>
      <c r="Z10131" s="2">
        <v>0</v>
      </c>
      <c r="AA10131" s="5"/>
      <c r="AB10131" s="5" t="s">
        <v>43</v>
      </c>
      <c r="AC10131" s="5" t="s">
        <v>44</v>
      </c>
      <c r="AD10131" s="2" t="s">
        <v>30467</v>
      </c>
      <c r="AE10131" s="1"/>
    </row>
    <row r="10132" spans="1:31" ht="14.45">
      <c r="A10132" s="11"/>
      <c r="B10132" s="20"/>
      <c r="C10132" s="2" t="s">
        <v>31149</v>
      </c>
      <c r="D10132" s="14" t="s">
        <v>31150</v>
      </c>
      <c r="E10132" s="2" t="s">
        <v>31151</v>
      </c>
      <c r="F10132" s="2" t="s">
        <v>30471</v>
      </c>
      <c r="G10132" s="8">
        <v>731</v>
      </c>
      <c r="H10132" s="5">
        <v>15</v>
      </c>
      <c r="I10132" s="5" t="s">
        <v>69</v>
      </c>
      <c r="J10132" s="5" t="s">
        <v>27074</v>
      </c>
      <c r="K10132" s="2" t="s">
        <v>27075</v>
      </c>
      <c r="L10132" s="5" t="s">
        <v>27074</v>
      </c>
      <c r="M10132" s="2" t="s">
        <v>27075</v>
      </c>
      <c r="N10132" s="5" t="s">
        <v>24254</v>
      </c>
      <c r="O10132" s="5" t="s">
        <v>38</v>
      </c>
      <c r="P10132" s="5" t="s">
        <v>39</v>
      </c>
      <c r="Q10132" s="5" t="s">
        <v>40</v>
      </c>
      <c r="R10132" s="5" t="s">
        <v>1487</v>
      </c>
      <c r="S10132" s="5"/>
      <c r="T10132" s="5" t="s">
        <v>42</v>
      </c>
      <c r="U10132" s="2">
        <v>0</v>
      </c>
      <c r="V10132" s="2">
        <v>0</v>
      </c>
      <c r="W10132" s="2">
        <v>0</v>
      </c>
      <c r="X10132" s="2">
        <v>0</v>
      </c>
      <c r="Y10132" s="2">
        <v>0</v>
      </c>
      <c r="Z10132" s="2">
        <v>0</v>
      </c>
      <c r="AA10132" s="5"/>
      <c r="AB10132" s="5" t="s">
        <v>43</v>
      </c>
      <c r="AC10132" s="5" t="s">
        <v>44</v>
      </c>
      <c r="AD10132" s="2" t="s">
        <v>30472</v>
      </c>
      <c r="AE10132" s="1"/>
    </row>
    <row r="10133" spans="1:31" ht="14.45">
      <c r="A10133" s="11"/>
      <c r="B10133" s="20"/>
      <c r="C10133" s="2" t="s">
        <v>31152</v>
      </c>
      <c r="D10133" s="14" t="s">
        <v>31153</v>
      </c>
      <c r="E10133" s="2" t="s">
        <v>31154</v>
      </c>
      <c r="F10133" s="2" t="s">
        <v>30486</v>
      </c>
      <c r="G10133" s="8">
        <v>1033</v>
      </c>
      <c r="H10133" s="5">
        <v>10</v>
      </c>
      <c r="I10133" s="5" t="s">
        <v>69</v>
      </c>
      <c r="J10133" s="5" t="s">
        <v>27074</v>
      </c>
      <c r="K10133" s="2" t="s">
        <v>27075</v>
      </c>
      <c r="L10133" s="5" t="s">
        <v>27074</v>
      </c>
      <c r="M10133" s="2" t="s">
        <v>27075</v>
      </c>
      <c r="N10133" s="5" t="s">
        <v>24254</v>
      </c>
      <c r="O10133" s="5" t="s">
        <v>38</v>
      </c>
      <c r="P10133" s="5" t="s">
        <v>39</v>
      </c>
      <c r="Q10133" s="5" t="s">
        <v>40</v>
      </c>
      <c r="R10133" s="5" t="s">
        <v>1487</v>
      </c>
      <c r="S10133" s="5"/>
      <c r="T10133" s="5" t="s">
        <v>42</v>
      </c>
      <c r="U10133" s="2">
        <v>0</v>
      </c>
      <c r="V10133" s="2">
        <v>0</v>
      </c>
      <c r="W10133" s="2">
        <v>0</v>
      </c>
      <c r="X10133" s="2">
        <v>0</v>
      </c>
      <c r="Y10133" s="2">
        <v>0</v>
      </c>
      <c r="Z10133" s="2">
        <v>0</v>
      </c>
      <c r="AA10133" s="5"/>
      <c r="AB10133" s="5" t="s">
        <v>43</v>
      </c>
      <c r="AC10133" s="5" t="s">
        <v>44</v>
      </c>
      <c r="AD10133" s="2"/>
      <c r="AE10133" s="1"/>
    </row>
    <row r="10134" spans="1:31" ht="14.45">
      <c r="A10134" s="11"/>
      <c r="B10134" s="20"/>
      <c r="C10134" s="2" t="s">
        <v>31155</v>
      </c>
      <c r="D10134" s="14" t="s">
        <v>31156</v>
      </c>
      <c r="E10134" s="2" t="s">
        <v>31157</v>
      </c>
      <c r="F10134" s="2" t="s">
        <v>30490</v>
      </c>
      <c r="G10134" s="8">
        <v>1033</v>
      </c>
      <c r="H10134" s="5">
        <v>15</v>
      </c>
      <c r="I10134" s="5" t="s">
        <v>69</v>
      </c>
      <c r="J10134" s="5" t="s">
        <v>27074</v>
      </c>
      <c r="K10134" s="2" t="s">
        <v>27075</v>
      </c>
      <c r="L10134" s="5" t="s">
        <v>27074</v>
      </c>
      <c r="M10134" s="2" t="s">
        <v>27075</v>
      </c>
      <c r="N10134" s="5" t="s">
        <v>24254</v>
      </c>
      <c r="O10134" s="5" t="s">
        <v>38</v>
      </c>
      <c r="P10134" s="5" t="s">
        <v>39</v>
      </c>
      <c r="Q10134" s="5" t="s">
        <v>40</v>
      </c>
      <c r="R10134" s="5" t="s">
        <v>1487</v>
      </c>
      <c r="S10134" s="5"/>
      <c r="T10134" s="5" t="s">
        <v>42</v>
      </c>
      <c r="U10134" s="2">
        <v>0</v>
      </c>
      <c r="V10134" s="2">
        <v>0</v>
      </c>
      <c r="W10134" s="2">
        <v>0</v>
      </c>
      <c r="X10134" s="2">
        <v>0</v>
      </c>
      <c r="Y10134" s="2">
        <v>0</v>
      </c>
      <c r="Z10134" s="2">
        <v>0</v>
      </c>
      <c r="AA10134" s="5"/>
      <c r="AB10134" s="5" t="s">
        <v>43</v>
      </c>
      <c r="AC10134" s="5" t="s">
        <v>44</v>
      </c>
      <c r="AD10134" s="2"/>
      <c r="AE10134" s="1"/>
    </row>
    <row r="10135" spans="1:31" ht="14.45">
      <c r="A10135" s="11"/>
      <c r="B10135" s="20"/>
      <c r="C10135" s="2" t="s">
        <v>31158</v>
      </c>
      <c r="D10135" s="14" t="s">
        <v>31159</v>
      </c>
      <c r="E10135" s="2" t="s">
        <v>31160</v>
      </c>
      <c r="F10135" s="2" t="s">
        <v>30418</v>
      </c>
      <c r="G10135" s="8">
        <v>221</v>
      </c>
      <c r="H10135" s="5">
        <v>10</v>
      </c>
      <c r="I10135" s="5" t="s">
        <v>69</v>
      </c>
      <c r="J10135" s="5" t="s">
        <v>27074</v>
      </c>
      <c r="K10135" s="2" t="s">
        <v>27075</v>
      </c>
      <c r="L10135" s="5" t="s">
        <v>27074</v>
      </c>
      <c r="M10135" s="2" t="s">
        <v>27075</v>
      </c>
      <c r="N10135" s="5" t="s">
        <v>24254</v>
      </c>
      <c r="O10135" s="5" t="s">
        <v>38</v>
      </c>
      <c r="P10135" s="5" t="s">
        <v>39</v>
      </c>
      <c r="Q10135" s="5" t="s">
        <v>40</v>
      </c>
      <c r="R10135" s="5" t="s">
        <v>24335</v>
      </c>
      <c r="S10135" s="5" t="s">
        <v>40</v>
      </c>
      <c r="T10135" s="5" t="s">
        <v>42</v>
      </c>
      <c r="U10135" s="2">
        <v>10.073</v>
      </c>
      <c r="V10135" s="2">
        <v>8.2750000000000004</v>
      </c>
      <c r="W10135" s="2">
        <v>0.104</v>
      </c>
      <c r="X10135" s="2">
        <v>12</v>
      </c>
      <c r="Y10135" s="2">
        <v>50</v>
      </c>
      <c r="Z10135" s="2">
        <v>173.9</v>
      </c>
      <c r="AA10135" s="5">
        <v>8</v>
      </c>
      <c r="AB10135" s="5" t="s">
        <v>43</v>
      </c>
      <c r="AC10135" s="5" t="s">
        <v>44</v>
      </c>
      <c r="AD10135" s="2" t="s">
        <v>30419</v>
      </c>
      <c r="AE10135" s="1"/>
    </row>
    <row r="10136" spans="1:31" ht="14.45">
      <c r="A10136" s="11"/>
      <c r="B10136" s="20"/>
      <c r="C10136" s="2" t="s">
        <v>31161</v>
      </c>
      <c r="D10136" s="14" t="s">
        <v>31162</v>
      </c>
      <c r="E10136" s="2" t="s">
        <v>31163</v>
      </c>
      <c r="F10136" s="2" t="s">
        <v>30423</v>
      </c>
      <c r="G10136" s="8">
        <v>221</v>
      </c>
      <c r="H10136" s="5">
        <v>5</v>
      </c>
      <c r="I10136" s="5" t="s">
        <v>69</v>
      </c>
      <c r="J10136" s="5" t="s">
        <v>27074</v>
      </c>
      <c r="K10136" s="2" t="s">
        <v>27075</v>
      </c>
      <c r="L10136" s="5" t="s">
        <v>27074</v>
      </c>
      <c r="M10136" s="2" t="s">
        <v>27075</v>
      </c>
      <c r="N10136" s="5" t="s">
        <v>24254</v>
      </c>
      <c r="O10136" s="5" t="s">
        <v>38</v>
      </c>
      <c r="P10136" s="5" t="s">
        <v>39</v>
      </c>
      <c r="Q10136" s="5" t="s">
        <v>40</v>
      </c>
      <c r="R10136" s="5" t="s">
        <v>24335</v>
      </c>
      <c r="S10136" s="5" t="s">
        <v>40</v>
      </c>
      <c r="T10136" s="5" t="s">
        <v>42</v>
      </c>
      <c r="U10136" s="2">
        <v>7.641</v>
      </c>
      <c r="V10136" s="2">
        <v>5.7889999999999997</v>
      </c>
      <c r="W10136" s="2">
        <v>0.104</v>
      </c>
      <c r="X10136" s="2">
        <v>12</v>
      </c>
      <c r="Y10136" s="2">
        <v>50</v>
      </c>
      <c r="Z10136" s="2">
        <v>173.9</v>
      </c>
      <c r="AA10136" s="5">
        <v>8</v>
      </c>
      <c r="AB10136" s="5" t="s">
        <v>43</v>
      </c>
      <c r="AC10136" s="5" t="s">
        <v>44</v>
      </c>
      <c r="AD10136" s="2" t="s">
        <v>30419</v>
      </c>
      <c r="AE10136" s="1"/>
    </row>
    <row r="10137" spans="1:31" ht="14.45">
      <c r="A10137" s="11"/>
      <c r="B10137" s="20"/>
      <c r="C10137" s="2" t="s">
        <v>31164</v>
      </c>
      <c r="D10137" s="14" t="s">
        <v>31165</v>
      </c>
      <c r="E10137" s="2" t="s">
        <v>31166</v>
      </c>
      <c r="F10137" s="2" t="s">
        <v>30427</v>
      </c>
      <c r="G10137" s="8">
        <v>221</v>
      </c>
      <c r="H10137" s="5">
        <v>10</v>
      </c>
      <c r="I10137" s="5" t="s">
        <v>69</v>
      </c>
      <c r="J10137" s="5" t="s">
        <v>27074</v>
      </c>
      <c r="K10137" s="2" t="s">
        <v>27075</v>
      </c>
      <c r="L10137" s="5" t="s">
        <v>27074</v>
      </c>
      <c r="M10137" s="2" t="s">
        <v>27075</v>
      </c>
      <c r="N10137" s="5" t="s">
        <v>24254</v>
      </c>
      <c r="O10137" s="5" t="s">
        <v>38</v>
      </c>
      <c r="P10137" s="5" t="s">
        <v>39</v>
      </c>
      <c r="Q10137" s="5" t="s">
        <v>40</v>
      </c>
      <c r="R10137" s="5" t="s">
        <v>24335</v>
      </c>
      <c r="S10137" s="5" t="s">
        <v>40</v>
      </c>
      <c r="T10137" s="5" t="s">
        <v>42</v>
      </c>
      <c r="U10137" s="2">
        <v>6</v>
      </c>
      <c r="V10137" s="2">
        <v>4.2990000000000004</v>
      </c>
      <c r="W10137" s="2">
        <v>0.104</v>
      </c>
      <c r="X10137" s="2">
        <v>12</v>
      </c>
      <c r="Y10137" s="2">
        <v>50</v>
      </c>
      <c r="Z10137" s="2">
        <v>173.9</v>
      </c>
      <c r="AA10137" s="5">
        <v>8</v>
      </c>
      <c r="AB10137" s="5" t="s">
        <v>43</v>
      </c>
      <c r="AC10137" s="5" t="s">
        <v>44</v>
      </c>
      <c r="AD10137" s="2" t="s">
        <v>30419</v>
      </c>
      <c r="AE10137" s="1"/>
    </row>
    <row r="10138" spans="1:31" ht="14.45">
      <c r="A10138" s="11"/>
      <c r="B10138" s="20"/>
      <c r="C10138" s="2" t="s">
        <v>31167</v>
      </c>
      <c r="D10138" s="14" t="s">
        <v>31168</v>
      </c>
      <c r="E10138" s="2" t="s">
        <v>31169</v>
      </c>
      <c r="F10138" s="2" t="s">
        <v>30431</v>
      </c>
      <c r="G10138" s="8">
        <v>221</v>
      </c>
      <c r="H10138" s="5">
        <v>5</v>
      </c>
      <c r="I10138" s="5" t="s">
        <v>69</v>
      </c>
      <c r="J10138" s="5" t="s">
        <v>27074</v>
      </c>
      <c r="K10138" s="2" t="s">
        <v>27075</v>
      </c>
      <c r="L10138" s="5" t="s">
        <v>27074</v>
      </c>
      <c r="M10138" s="2" t="s">
        <v>27075</v>
      </c>
      <c r="N10138" s="5" t="s">
        <v>24254</v>
      </c>
      <c r="O10138" s="5" t="s">
        <v>38</v>
      </c>
      <c r="P10138" s="5" t="s">
        <v>39</v>
      </c>
      <c r="Q10138" s="5" t="s">
        <v>40</v>
      </c>
      <c r="R10138" s="5" t="s">
        <v>24335</v>
      </c>
      <c r="S10138" s="5" t="s">
        <v>40</v>
      </c>
      <c r="T10138" s="5" t="s">
        <v>42</v>
      </c>
      <c r="U10138" s="2">
        <v>7.3810000000000002</v>
      </c>
      <c r="V10138" s="2">
        <v>5.5449999999999999</v>
      </c>
      <c r="W10138" s="2">
        <v>0.104</v>
      </c>
      <c r="X10138" s="2">
        <v>12</v>
      </c>
      <c r="Y10138" s="2">
        <v>50</v>
      </c>
      <c r="Z10138" s="2">
        <v>173.9</v>
      </c>
      <c r="AA10138" s="5">
        <v>10</v>
      </c>
      <c r="AB10138" s="5" t="s">
        <v>43</v>
      </c>
      <c r="AC10138" s="5" t="s">
        <v>44</v>
      </c>
      <c r="AD10138" s="2" t="s">
        <v>30432</v>
      </c>
      <c r="AE10138" s="1"/>
    </row>
    <row r="10139" spans="1:31" ht="14.45">
      <c r="A10139" s="11"/>
      <c r="B10139" s="20"/>
      <c r="C10139" s="2" t="s">
        <v>31170</v>
      </c>
      <c r="D10139" s="14" t="s">
        <v>31171</v>
      </c>
      <c r="E10139" s="2" t="s">
        <v>31172</v>
      </c>
      <c r="F10139" s="2" t="s">
        <v>30431</v>
      </c>
      <c r="G10139" s="8">
        <v>221</v>
      </c>
      <c r="H10139" s="5">
        <v>5</v>
      </c>
      <c r="I10139" s="5" t="s">
        <v>69</v>
      </c>
      <c r="J10139" s="5" t="s">
        <v>27074</v>
      </c>
      <c r="K10139" s="2" t="s">
        <v>27075</v>
      </c>
      <c r="L10139" s="5" t="s">
        <v>27074</v>
      </c>
      <c r="M10139" s="2" t="s">
        <v>27075</v>
      </c>
      <c r="N10139" s="5" t="s">
        <v>24254</v>
      </c>
      <c r="O10139" s="5" t="s">
        <v>38</v>
      </c>
      <c r="P10139" s="5" t="s">
        <v>39</v>
      </c>
      <c r="Q10139" s="5" t="s">
        <v>40</v>
      </c>
      <c r="R10139" s="5" t="s">
        <v>24335</v>
      </c>
      <c r="S10139" s="5" t="s">
        <v>40</v>
      </c>
      <c r="T10139" s="5" t="s">
        <v>42</v>
      </c>
      <c r="U10139" s="2">
        <v>7.7190000000000003</v>
      </c>
      <c r="V10139" s="2">
        <v>5.883</v>
      </c>
      <c r="W10139" s="2">
        <v>0.104</v>
      </c>
      <c r="X10139" s="2">
        <v>12</v>
      </c>
      <c r="Y10139" s="2">
        <v>50</v>
      </c>
      <c r="Z10139" s="2">
        <v>173.9</v>
      </c>
      <c r="AA10139" s="5">
        <v>10</v>
      </c>
      <c r="AB10139" s="5" t="s">
        <v>43</v>
      </c>
      <c r="AC10139" s="5" t="s">
        <v>44</v>
      </c>
      <c r="AD10139" s="2" t="s">
        <v>30436</v>
      </c>
      <c r="AE10139" s="1"/>
    </row>
    <row r="10140" spans="1:31" ht="14.45">
      <c r="A10140" s="11"/>
      <c r="B10140" s="20"/>
      <c r="C10140" s="2" t="s">
        <v>31173</v>
      </c>
      <c r="D10140" s="14" t="s">
        <v>31174</v>
      </c>
      <c r="E10140" s="2" t="s">
        <v>31175</v>
      </c>
      <c r="F10140" s="2" t="s">
        <v>30440</v>
      </c>
      <c r="G10140" s="8">
        <v>221</v>
      </c>
      <c r="H10140" s="5">
        <v>5</v>
      </c>
      <c r="I10140" s="5" t="s">
        <v>69</v>
      </c>
      <c r="J10140" s="5" t="s">
        <v>27074</v>
      </c>
      <c r="K10140" s="2" t="s">
        <v>27075</v>
      </c>
      <c r="L10140" s="5" t="s">
        <v>27074</v>
      </c>
      <c r="M10140" s="2" t="s">
        <v>27075</v>
      </c>
      <c r="N10140" s="5" t="s">
        <v>24254</v>
      </c>
      <c r="O10140" s="5" t="s">
        <v>38</v>
      </c>
      <c r="P10140" s="5" t="s">
        <v>39</v>
      </c>
      <c r="Q10140" s="5" t="s">
        <v>40</v>
      </c>
      <c r="R10140" s="5" t="s">
        <v>24335</v>
      </c>
      <c r="S10140" s="5" t="s">
        <v>40</v>
      </c>
      <c r="T10140" s="5" t="s">
        <v>42</v>
      </c>
      <c r="U10140" s="2">
        <v>5.8849999999999998</v>
      </c>
      <c r="V10140" s="2">
        <v>4.0490000000000004</v>
      </c>
      <c r="W10140" s="2">
        <v>0.104</v>
      </c>
      <c r="X10140" s="2">
        <v>12</v>
      </c>
      <c r="Y10140" s="2">
        <v>50</v>
      </c>
      <c r="Z10140" s="2">
        <v>173.9</v>
      </c>
      <c r="AA10140" s="5">
        <v>10</v>
      </c>
      <c r="AB10140" s="5" t="s">
        <v>43</v>
      </c>
      <c r="AC10140" s="5" t="s">
        <v>44</v>
      </c>
      <c r="AD10140" s="2" t="s">
        <v>30441</v>
      </c>
      <c r="AE10140" s="1"/>
    </row>
    <row r="10141" spans="1:31" ht="14.45">
      <c r="A10141" s="11"/>
      <c r="B10141" s="20"/>
      <c r="C10141" s="2" t="s">
        <v>31176</v>
      </c>
      <c r="D10141" s="14" t="s">
        <v>31177</v>
      </c>
      <c r="E10141" s="2" t="s">
        <v>31178</v>
      </c>
      <c r="F10141" s="2" t="s">
        <v>30440</v>
      </c>
      <c r="G10141" s="8">
        <v>221</v>
      </c>
      <c r="H10141" s="5">
        <v>5</v>
      </c>
      <c r="I10141" s="5" t="s">
        <v>69</v>
      </c>
      <c r="J10141" s="5" t="s">
        <v>27074</v>
      </c>
      <c r="K10141" s="2" t="s">
        <v>27075</v>
      </c>
      <c r="L10141" s="5" t="s">
        <v>27074</v>
      </c>
      <c r="M10141" s="2" t="s">
        <v>27075</v>
      </c>
      <c r="N10141" s="5" t="s">
        <v>24254</v>
      </c>
      <c r="O10141" s="5" t="s">
        <v>38</v>
      </c>
      <c r="P10141" s="5" t="s">
        <v>39</v>
      </c>
      <c r="Q10141" s="5" t="s">
        <v>40</v>
      </c>
      <c r="R10141" s="5" t="s">
        <v>24335</v>
      </c>
      <c r="S10141" s="5" t="s">
        <v>40</v>
      </c>
      <c r="T10141" s="5" t="s">
        <v>42</v>
      </c>
      <c r="U10141" s="2">
        <v>6.048</v>
      </c>
      <c r="V10141" s="2">
        <v>4.2119999999999997</v>
      </c>
      <c r="W10141" s="2">
        <v>0.104</v>
      </c>
      <c r="X10141" s="2">
        <v>12</v>
      </c>
      <c r="Y10141" s="2">
        <v>50</v>
      </c>
      <c r="Z10141" s="2">
        <v>173.9</v>
      </c>
      <c r="AA10141" s="5">
        <v>10</v>
      </c>
      <c r="AB10141" s="5" t="s">
        <v>43</v>
      </c>
      <c r="AC10141" s="5" t="s">
        <v>44</v>
      </c>
      <c r="AD10141" s="2" t="s">
        <v>30445</v>
      </c>
      <c r="AE10141" s="1"/>
    </row>
    <row r="10142" spans="1:31" ht="14.45">
      <c r="A10142" s="11"/>
      <c r="B10142" s="20"/>
      <c r="C10142" s="2" t="s">
        <v>31179</v>
      </c>
      <c r="D10142" s="14" t="s">
        <v>31180</v>
      </c>
      <c r="E10142" s="2" t="s">
        <v>31181</v>
      </c>
      <c r="F10142" s="2" t="s">
        <v>30449</v>
      </c>
      <c r="G10142" s="8">
        <v>221</v>
      </c>
      <c r="H10142" s="5">
        <v>5</v>
      </c>
      <c r="I10142" s="5" t="s">
        <v>69</v>
      </c>
      <c r="J10142" s="5" t="s">
        <v>27074</v>
      </c>
      <c r="K10142" s="2" t="s">
        <v>27075</v>
      </c>
      <c r="L10142" s="5" t="s">
        <v>27074</v>
      </c>
      <c r="M10142" s="2" t="s">
        <v>27075</v>
      </c>
      <c r="N10142" s="5" t="s">
        <v>24254</v>
      </c>
      <c r="O10142" s="5" t="s">
        <v>38</v>
      </c>
      <c r="P10142" s="5" t="s">
        <v>39</v>
      </c>
      <c r="Q10142" s="5" t="s">
        <v>40</v>
      </c>
      <c r="R10142" s="5" t="s">
        <v>24335</v>
      </c>
      <c r="S10142" s="5" t="s">
        <v>40</v>
      </c>
      <c r="T10142" s="5" t="s">
        <v>42</v>
      </c>
      <c r="U10142" s="2">
        <v>6.9960000000000004</v>
      </c>
      <c r="V10142" s="2">
        <v>4.92</v>
      </c>
      <c r="W10142" s="2">
        <v>0.104</v>
      </c>
      <c r="X10142" s="2">
        <v>12</v>
      </c>
      <c r="Y10142" s="2">
        <v>50</v>
      </c>
      <c r="Z10142" s="2">
        <v>173.9</v>
      </c>
      <c r="AA10142" s="5">
        <v>10</v>
      </c>
      <c r="AB10142" s="5" t="s">
        <v>43</v>
      </c>
      <c r="AC10142" s="5" t="s">
        <v>44</v>
      </c>
      <c r="AD10142" s="2" t="s">
        <v>30441</v>
      </c>
      <c r="AE10142" s="1"/>
    </row>
    <row r="10143" spans="1:31" ht="14.45">
      <c r="A10143" s="11"/>
      <c r="B10143" s="20"/>
      <c r="C10143" s="2" t="s">
        <v>31182</v>
      </c>
      <c r="D10143" s="14" t="s">
        <v>31183</v>
      </c>
      <c r="E10143" s="2" t="s">
        <v>31184</v>
      </c>
      <c r="F10143" s="2" t="s">
        <v>30449</v>
      </c>
      <c r="G10143" s="8">
        <v>221</v>
      </c>
      <c r="H10143" s="5">
        <v>5</v>
      </c>
      <c r="I10143" s="5" t="s">
        <v>69</v>
      </c>
      <c r="J10143" s="5" t="s">
        <v>27074</v>
      </c>
      <c r="K10143" s="2" t="s">
        <v>27075</v>
      </c>
      <c r="L10143" s="5" t="s">
        <v>27074</v>
      </c>
      <c r="M10143" s="2" t="s">
        <v>27075</v>
      </c>
      <c r="N10143" s="5" t="s">
        <v>24254</v>
      </c>
      <c r="O10143" s="5" t="s">
        <v>38</v>
      </c>
      <c r="P10143" s="5" t="s">
        <v>39</v>
      </c>
      <c r="Q10143" s="5" t="s">
        <v>40</v>
      </c>
      <c r="R10143" s="5" t="s">
        <v>24335</v>
      </c>
      <c r="S10143" s="5" t="s">
        <v>40</v>
      </c>
      <c r="T10143" s="5" t="s">
        <v>42</v>
      </c>
      <c r="U10143" s="2">
        <v>7.351</v>
      </c>
      <c r="V10143" s="2">
        <v>5.2750000000000004</v>
      </c>
      <c r="W10143" s="2">
        <v>0.104</v>
      </c>
      <c r="X10143" s="2">
        <v>12</v>
      </c>
      <c r="Y10143" s="2">
        <v>50</v>
      </c>
      <c r="Z10143" s="2">
        <v>173.9</v>
      </c>
      <c r="AA10143" s="5">
        <v>10</v>
      </c>
      <c r="AB10143" s="5" t="s">
        <v>43</v>
      </c>
      <c r="AC10143" s="5" t="s">
        <v>44</v>
      </c>
      <c r="AD10143" s="2" t="s">
        <v>30445</v>
      </c>
      <c r="AE10143" s="1"/>
    </row>
    <row r="10144" spans="1:31" ht="14.45">
      <c r="A10144" s="11"/>
      <c r="B10144" s="20"/>
      <c r="C10144" s="2" t="s">
        <v>31185</v>
      </c>
      <c r="D10144" s="14" t="s">
        <v>31186</v>
      </c>
      <c r="E10144" s="2" t="s">
        <v>31187</v>
      </c>
      <c r="F10144" s="2" t="s">
        <v>30456</v>
      </c>
      <c r="G10144" s="8">
        <v>402</v>
      </c>
      <c r="H10144" s="5">
        <v>5</v>
      </c>
      <c r="I10144" s="5" t="s">
        <v>69</v>
      </c>
      <c r="J10144" s="5" t="s">
        <v>27074</v>
      </c>
      <c r="K10144" s="2" t="s">
        <v>27075</v>
      </c>
      <c r="L10144" s="5" t="s">
        <v>27074</v>
      </c>
      <c r="M10144" s="2" t="s">
        <v>27075</v>
      </c>
      <c r="N10144" s="5" t="s">
        <v>24254</v>
      </c>
      <c r="O10144" s="5" t="s">
        <v>38</v>
      </c>
      <c r="P10144" s="5" t="s">
        <v>39</v>
      </c>
      <c r="Q10144" s="5" t="s">
        <v>40</v>
      </c>
      <c r="R10144" s="5" t="s">
        <v>24335</v>
      </c>
      <c r="S10144" s="5" t="s">
        <v>40</v>
      </c>
      <c r="T10144" s="5" t="s">
        <v>42</v>
      </c>
      <c r="U10144" s="2">
        <v>15.272</v>
      </c>
      <c r="V10144" s="2">
        <v>12.555</v>
      </c>
      <c r="W10144" s="2">
        <v>0.19500000000000001</v>
      </c>
      <c r="X10144" s="2">
        <v>12</v>
      </c>
      <c r="Y10144" s="2">
        <v>77</v>
      </c>
      <c r="Z10144" s="2">
        <v>210.9</v>
      </c>
      <c r="AA10144" s="5">
        <v>8</v>
      </c>
      <c r="AB10144" s="5" t="s">
        <v>43</v>
      </c>
      <c r="AC10144" s="5" t="s">
        <v>44</v>
      </c>
      <c r="AD10144" s="2" t="s">
        <v>30457</v>
      </c>
      <c r="AE10144" s="1"/>
    </row>
    <row r="10145" spans="1:31" ht="14.45">
      <c r="A10145" s="11"/>
      <c r="B10145" s="20"/>
      <c r="C10145" s="2" t="s">
        <v>31188</v>
      </c>
      <c r="D10145" s="14" t="s">
        <v>31189</v>
      </c>
      <c r="E10145" s="2" t="s">
        <v>31190</v>
      </c>
      <c r="F10145" s="2" t="s">
        <v>31191</v>
      </c>
      <c r="G10145" s="8">
        <v>372</v>
      </c>
      <c r="H10145" s="5">
        <v>10</v>
      </c>
      <c r="I10145" s="5" t="s">
        <v>69</v>
      </c>
      <c r="J10145" s="5" t="s">
        <v>27074</v>
      </c>
      <c r="K10145" s="2" t="s">
        <v>27075</v>
      </c>
      <c r="L10145" s="5" t="s">
        <v>27074</v>
      </c>
      <c r="M10145" s="2" t="s">
        <v>27075</v>
      </c>
      <c r="N10145" s="5" t="s">
        <v>24254</v>
      </c>
      <c r="O10145" s="5" t="s">
        <v>38</v>
      </c>
      <c r="P10145" s="5" t="s">
        <v>39</v>
      </c>
      <c r="Q10145" s="5" t="s">
        <v>40</v>
      </c>
      <c r="R10145" s="5" t="s">
        <v>25301</v>
      </c>
      <c r="S10145" s="5" t="s">
        <v>40</v>
      </c>
      <c r="T10145" s="5" t="s">
        <v>42</v>
      </c>
      <c r="U10145" s="2">
        <v>10.930999999999999</v>
      </c>
      <c r="V10145" s="2">
        <v>9.0579999999999998</v>
      </c>
      <c r="W10145" s="2">
        <v>0.104</v>
      </c>
      <c r="X10145" s="2">
        <v>12</v>
      </c>
      <c r="Y10145" s="2">
        <v>50</v>
      </c>
      <c r="Z10145" s="2">
        <v>173.9</v>
      </c>
      <c r="AA10145" s="5">
        <v>10</v>
      </c>
      <c r="AB10145" s="5" t="s">
        <v>43</v>
      </c>
      <c r="AC10145" s="5" t="s">
        <v>44</v>
      </c>
      <c r="AD10145" s="2" t="s">
        <v>31010</v>
      </c>
      <c r="AE10145" s="1"/>
    </row>
    <row r="10146" spans="1:31" ht="14.45">
      <c r="A10146" s="11"/>
      <c r="B10146" s="20"/>
      <c r="C10146" s="2" t="s">
        <v>31192</v>
      </c>
      <c r="D10146" s="14" t="s">
        <v>31193</v>
      </c>
      <c r="E10146" s="2" t="s">
        <v>31194</v>
      </c>
      <c r="F10146" s="2" t="s">
        <v>30466</v>
      </c>
      <c r="G10146" s="8">
        <v>753</v>
      </c>
      <c r="H10146" s="5">
        <v>5</v>
      </c>
      <c r="I10146" s="5" t="s">
        <v>69</v>
      </c>
      <c r="J10146" s="5" t="s">
        <v>27074</v>
      </c>
      <c r="K10146" s="2" t="s">
        <v>27075</v>
      </c>
      <c r="L10146" s="5" t="s">
        <v>27074</v>
      </c>
      <c r="M10146" s="2" t="s">
        <v>27075</v>
      </c>
      <c r="N10146" s="5" t="s">
        <v>24254</v>
      </c>
      <c r="O10146" s="5" t="s">
        <v>38</v>
      </c>
      <c r="P10146" s="5" t="s">
        <v>39</v>
      </c>
      <c r="Q10146" s="5" t="s">
        <v>40</v>
      </c>
      <c r="R10146" s="5" t="s">
        <v>1487</v>
      </c>
      <c r="S10146" s="5"/>
      <c r="T10146" s="5" t="s">
        <v>42</v>
      </c>
      <c r="U10146" s="2">
        <v>0</v>
      </c>
      <c r="V10146" s="2">
        <v>0</v>
      </c>
      <c r="W10146" s="2">
        <v>0</v>
      </c>
      <c r="X10146" s="2">
        <v>0</v>
      </c>
      <c r="Y10146" s="2">
        <v>0</v>
      </c>
      <c r="Z10146" s="2">
        <v>0</v>
      </c>
      <c r="AA10146" s="5"/>
      <c r="AB10146" s="5" t="s">
        <v>43</v>
      </c>
      <c r="AC10146" s="5" t="s">
        <v>44</v>
      </c>
      <c r="AD10146" s="2" t="s">
        <v>30467</v>
      </c>
      <c r="AE10146" s="1"/>
    </row>
    <row r="10147" spans="1:31" ht="14.45">
      <c r="A10147" s="11"/>
      <c r="B10147" s="20"/>
      <c r="C10147" s="2" t="s">
        <v>31195</v>
      </c>
      <c r="D10147" s="14" t="s">
        <v>31196</v>
      </c>
      <c r="E10147" s="2" t="s">
        <v>31197</v>
      </c>
      <c r="F10147" s="2" t="s">
        <v>30471</v>
      </c>
      <c r="G10147" s="8">
        <v>753</v>
      </c>
      <c r="H10147" s="5">
        <v>15</v>
      </c>
      <c r="I10147" s="5" t="s">
        <v>69</v>
      </c>
      <c r="J10147" s="5" t="s">
        <v>27074</v>
      </c>
      <c r="K10147" s="2" t="s">
        <v>27075</v>
      </c>
      <c r="L10147" s="5" t="s">
        <v>27074</v>
      </c>
      <c r="M10147" s="2" t="s">
        <v>27075</v>
      </c>
      <c r="N10147" s="5" t="s">
        <v>24254</v>
      </c>
      <c r="O10147" s="5" t="s">
        <v>38</v>
      </c>
      <c r="P10147" s="5" t="s">
        <v>39</v>
      </c>
      <c r="Q10147" s="5" t="s">
        <v>40</v>
      </c>
      <c r="R10147" s="5" t="s">
        <v>1487</v>
      </c>
      <c r="S10147" s="5"/>
      <c r="T10147" s="5" t="s">
        <v>42</v>
      </c>
      <c r="U10147" s="2">
        <v>0</v>
      </c>
      <c r="V10147" s="2">
        <v>0</v>
      </c>
      <c r="W10147" s="2">
        <v>0</v>
      </c>
      <c r="X10147" s="2">
        <v>0</v>
      </c>
      <c r="Y10147" s="2">
        <v>0</v>
      </c>
      <c r="Z10147" s="2">
        <v>0</v>
      </c>
      <c r="AA10147" s="5"/>
      <c r="AB10147" s="5" t="s">
        <v>43</v>
      </c>
      <c r="AC10147" s="5" t="s">
        <v>44</v>
      </c>
      <c r="AD10147" s="2" t="s">
        <v>30472</v>
      </c>
      <c r="AE10147" s="1"/>
    </row>
    <row r="10148" spans="1:31" ht="14.45">
      <c r="A10148" s="11"/>
      <c r="B10148" s="20"/>
      <c r="C10148" s="2" t="s">
        <v>31198</v>
      </c>
      <c r="D10148" s="14" t="s">
        <v>31199</v>
      </c>
      <c r="E10148" s="2" t="s">
        <v>31200</v>
      </c>
      <c r="F10148" s="2" t="s">
        <v>30486</v>
      </c>
      <c r="G10148" s="8">
        <v>1055</v>
      </c>
      <c r="H10148" s="5">
        <v>10</v>
      </c>
      <c r="I10148" s="5" t="s">
        <v>69</v>
      </c>
      <c r="J10148" s="5" t="s">
        <v>27074</v>
      </c>
      <c r="K10148" s="2" t="s">
        <v>27075</v>
      </c>
      <c r="L10148" s="5" t="s">
        <v>27074</v>
      </c>
      <c r="M10148" s="2" t="s">
        <v>27075</v>
      </c>
      <c r="N10148" s="5" t="s">
        <v>24254</v>
      </c>
      <c r="O10148" s="5" t="s">
        <v>38</v>
      </c>
      <c r="P10148" s="5" t="s">
        <v>39</v>
      </c>
      <c r="Q10148" s="5" t="s">
        <v>40</v>
      </c>
      <c r="R10148" s="5" t="s">
        <v>1487</v>
      </c>
      <c r="S10148" s="5"/>
      <c r="T10148" s="5" t="s">
        <v>42</v>
      </c>
      <c r="U10148" s="2">
        <v>0</v>
      </c>
      <c r="V10148" s="2">
        <v>0</v>
      </c>
      <c r="W10148" s="2">
        <v>0</v>
      </c>
      <c r="X10148" s="2">
        <v>0</v>
      </c>
      <c r="Y10148" s="2">
        <v>0</v>
      </c>
      <c r="Z10148" s="2">
        <v>0</v>
      </c>
      <c r="AA10148" s="5"/>
      <c r="AB10148" s="5" t="s">
        <v>43</v>
      </c>
      <c r="AC10148" s="5" t="s">
        <v>44</v>
      </c>
      <c r="AD10148" s="2"/>
      <c r="AE10148" s="1"/>
    </row>
    <row r="10149" spans="1:31" ht="14.45">
      <c r="A10149" s="11"/>
      <c r="B10149" s="20"/>
      <c r="C10149" s="2" t="s">
        <v>31201</v>
      </c>
      <c r="D10149" s="14" t="s">
        <v>31202</v>
      </c>
      <c r="E10149" s="2" t="s">
        <v>31203</v>
      </c>
      <c r="F10149" s="2" t="s">
        <v>30490</v>
      </c>
      <c r="G10149" s="8">
        <v>1055</v>
      </c>
      <c r="H10149" s="5">
        <v>15</v>
      </c>
      <c r="I10149" s="5" t="s">
        <v>69</v>
      </c>
      <c r="J10149" s="5" t="s">
        <v>27074</v>
      </c>
      <c r="K10149" s="2" t="s">
        <v>27075</v>
      </c>
      <c r="L10149" s="5" t="s">
        <v>27074</v>
      </c>
      <c r="M10149" s="2" t="s">
        <v>27075</v>
      </c>
      <c r="N10149" s="5" t="s">
        <v>24254</v>
      </c>
      <c r="O10149" s="5" t="s">
        <v>38</v>
      </c>
      <c r="P10149" s="5" t="s">
        <v>39</v>
      </c>
      <c r="Q10149" s="5" t="s">
        <v>40</v>
      </c>
      <c r="R10149" s="5" t="s">
        <v>1487</v>
      </c>
      <c r="S10149" s="5"/>
      <c r="T10149" s="5" t="s">
        <v>42</v>
      </c>
      <c r="U10149" s="2">
        <v>0</v>
      </c>
      <c r="V10149" s="2">
        <v>0</v>
      </c>
      <c r="W10149" s="2">
        <v>0</v>
      </c>
      <c r="X10149" s="2">
        <v>0</v>
      </c>
      <c r="Y10149" s="2">
        <v>0</v>
      </c>
      <c r="Z10149" s="2">
        <v>0</v>
      </c>
      <c r="AA10149" s="5"/>
      <c r="AB10149" s="5" t="s">
        <v>43</v>
      </c>
      <c r="AC10149" s="5" t="s">
        <v>44</v>
      </c>
      <c r="AD10149" s="2"/>
      <c r="AE10149" s="1"/>
    </row>
    <row r="10150" spans="1:31" ht="14.45">
      <c r="A10150" s="11"/>
      <c r="B10150" s="20"/>
      <c r="C10150" s="2" t="s">
        <v>31204</v>
      </c>
      <c r="D10150" s="14" t="s">
        <v>31205</v>
      </c>
      <c r="E10150" s="2" t="s">
        <v>31206</v>
      </c>
      <c r="F10150" s="2" t="s">
        <v>30418</v>
      </c>
      <c r="G10150" s="8">
        <v>234</v>
      </c>
      <c r="H10150" s="5">
        <v>10</v>
      </c>
      <c r="I10150" s="5" t="s">
        <v>69</v>
      </c>
      <c r="J10150" s="5" t="s">
        <v>27074</v>
      </c>
      <c r="K10150" s="2" t="s">
        <v>27075</v>
      </c>
      <c r="L10150" s="5" t="s">
        <v>27074</v>
      </c>
      <c r="M10150" s="2" t="s">
        <v>27075</v>
      </c>
      <c r="N10150" s="5" t="s">
        <v>24254</v>
      </c>
      <c r="O10150" s="5" t="s">
        <v>38</v>
      </c>
      <c r="P10150" s="5" t="s">
        <v>39</v>
      </c>
      <c r="Q10150" s="5" t="s">
        <v>40</v>
      </c>
      <c r="R10150" s="5" t="s">
        <v>24335</v>
      </c>
      <c r="S10150" s="5" t="s">
        <v>40</v>
      </c>
      <c r="T10150" s="5" t="s">
        <v>42</v>
      </c>
      <c r="U10150" s="2">
        <v>10.7</v>
      </c>
      <c r="V10150" s="2">
        <v>8.8309999999999995</v>
      </c>
      <c r="W10150" s="2">
        <v>0.126</v>
      </c>
      <c r="X10150" s="2">
        <v>12</v>
      </c>
      <c r="Y10150" s="2">
        <v>50</v>
      </c>
      <c r="Z10150" s="2">
        <v>210</v>
      </c>
      <c r="AA10150" s="5">
        <v>8</v>
      </c>
      <c r="AB10150" s="5" t="s">
        <v>43</v>
      </c>
      <c r="AC10150" s="5" t="s">
        <v>44</v>
      </c>
      <c r="AD10150" s="2" t="s">
        <v>30419</v>
      </c>
      <c r="AE10150" s="1"/>
    </row>
    <row r="10151" spans="1:31" ht="14.45">
      <c r="A10151" s="11"/>
      <c r="B10151" s="20"/>
      <c r="C10151" s="2" t="s">
        <v>31207</v>
      </c>
      <c r="D10151" s="14" t="s">
        <v>31208</v>
      </c>
      <c r="E10151" s="2" t="s">
        <v>31209</v>
      </c>
      <c r="F10151" s="2" t="s">
        <v>30423</v>
      </c>
      <c r="G10151" s="8">
        <v>234</v>
      </c>
      <c r="H10151" s="5">
        <v>5</v>
      </c>
      <c r="I10151" s="5" t="s">
        <v>69</v>
      </c>
      <c r="J10151" s="5" t="s">
        <v>27074</v>
      </c>
      <c r="K10151" s="2" t="s">
        <v>27075</v>
      </c>
      <c r="L10151" s="5" t="s">
        <v>27074</v>
      </c>
      <c r="M10151" s="2" t="s">
        <v>27075</v>
      </c>
      <c r="N10151" s="5" t="s">
        <v>24254</v>
      </c>
      <c r="O10151" s="5" t="s">
        <v>38</v>
      </c>
      <c r="P10151" s="5" t="s">
        <v>39</v>
      </c>
      <c r="Q10151" s="5" t="s">
        <v>40</v>
      </c>
      <c r="R10151" s="5" t="s">
        <v>24335</v>
      </c>
      <c r="S10151" s="5" t="s">
        <v>40</v>
      </c>
      <c r="T10151" s="5" t="s">
        <v>42</v>
      </c>
      <c r="U10151" s="2">
        <v>8.0050000000000008</v>
      </c>
      <c r="V10151" s="2">
        <v>6.1529999999999996</v>
      </c>
      <c r="W10151" s="2">
        <v>0.126</v>
      </c>
      <c r="X10151" s="2">
        <v>12</v>
      </c>
      <c r="Y10151" s="2">
        <v>50</v>
      </c>
      <c r="Z10151" s="2">
        <v>210</v>
      </c>
      <c r="AA10151" s="5">
        <v>8</v>
      </c>
      <c r="AB10151" s="5" t="s">
        <v>43</v>
      </c>
      <c r="AC10151" s="5" t="s">
        <v>44</v>
      </c>
      <c r="AD10151" s="2" t="s">
        <v>30419</v>
      </c>
      <c r="AE10151" s="1"/>
    </row>
    <row r="10152" spans="1:31" ht="14.45">
      <c r="A10152" s="11"/>
      <c r="B10152" s="20"/>
      <c r="C10152" s="2" t="s">
        <v>31210</v>
      </c>
      <c r="D10152" s="14" t="s">
        <v>31211</v>
      </c>
      <c r="E10152" s="2" t="s">
        <v>31212</v>
      </c>
      <c r="F10152" s="2" t="s">
        <v>30427</v>
      </c>
      <c r="G10152" s="8">
        <v>234</v>
      </c>
      <c r="H10152" s="5">
        <v>10</v>
      </c>
      <c r="I10152" s="5" t="s">
        <v>69</v>
      </c>
      <c r="J10152" s="5" t="s">
        <v>27074</v>
      </c>
      <c r="K10152" s="2" t="s">
        <v>27075</v>
      </c>
      <c r="L10152" s="5" t="s">
        <v>27074</v>
      </c>
      <c r="M10152" s="2" t="s">
        <v>27075</v>
      </c>
      <c r="N10152" s="5" t="s">
        <v>24254</v>
      </c>
      <c r="O10152" s="5" t="s">
        <v>38</v>
      </c>
      <c r="P10152" s="5" t="s">
        <v>39</v>
      </c>
      <c r="Q10152" s="5" t="s">
        <v>40</v>
      </c>
      <c r="R10152" s="5" t="s">
        <v>24335</v>
      </c>
      <c r="S10152" s="5" t="s">
        <v>40</v>
      </c>
      <c r="T10152" s="5" t="s">
        <v>42</v>
      </c>
      <c r="U10152" s="2">
        <v>6.3310000000000004</v>
      </c>
      <c r="V10152" s="2">
        <v>4.5590000000000002</v>
      </c>
      <c r="W10152" s="2">
        <v>0.11600000000000001</v>
      </c>
      <c r="X10152" s="2">
        <v>12</v>
      </c>
      <c r="Y10152" s="2">
        <v>50</v>
      </c>
      <c r="Z10152" s="2">
        <v>193.9</v>
      </c>
      <c r="AA10152" s="5">
        <v>8</v>
      </c>
      <c r="AB10152" s="5" t="s">
        <v>43</v>
      </c>
      <c r="AC10152" s="5" t="s">
        <v>44</v>
      </c>
      <c r="AD10152" s="2" t="s">
        <v>30419</v>
      </c>
      <c r="AE10152" s="1"/>
    </row>
    <row r="10153" spans="1:31" ht="14.45">
      <c r="A10153" s="11"/>
      <c r="B10153" s="20"/>
      <c r="C10153" s="2" t="s">
        <v>31213</v>
      </c>
      <c r="D10153" s="14" t="s">
        <v>31214</v>
      </c>
      <c r="E10153" s="2" t="s">
        <v>31215</v>
      </c>
      <c r="F10153" s="2" t="s">
        <v>30431</v>
      </c>
      <c r="G10153" s="8">
        <v>234</v>
      </c>
      <c r="H10153" s="5">
        <v>5</v>
      </c>
      <c r="I10153" s="5" t="s">
        <v>69</v>
      </c>
      <c r="J10153" s="5" t="s">
        <v>27074</v>
      </c>
      <c r="K10153" s="2" t="s">
        <v>27075</v>
      </c>
      <c r="L10153" s="5" t="s">
        <v>27074</v>
      </c>
      <c r="M10153" s="2" t="s">
        <v>27075</v>
      </c>
      <c r="N10153" s="5" t="s">
        <v>24254</v>
      </c>
      <c r="O10153" s="5" t="s">
        <v>38</v>
      </c>
      <c r="P10153" s="5" t="s">
        <v>39</v>
      </c>
      <c r="Q10153" s="5" t="s">
        <v>40</v>
      </c>
      <c r="R10153" s="5" t="s">
        <v>24335</v>
      </c>
      <c r="S10153" s="5" t="s">
        <v>40</v>
      </c>
      <c r="T10153" s="5" t="s">
        <v>42</v>
      </c>
      <c r="U10153" s="2">
        <v>7.9420000000000002</v>
      </c>
      <c r="V10153" s="2">
        <v>6.1059999999999999</v>
      </c>
      <c r="W10153" s="2">
        <v>0.126</v>
      </c>
      <c r="X10153" s="2">
        <v>12</v>
      </c>
      <c r="Y10153" s="2">
        <v>50</v>
      </c>
      <c r="Z10153" s="2">
        <v>210</v>
      </c>
      <c r="AA10153" s="5">
        <v>10</v>
      </c>
      <c r="AB10153" s="5" t="s">
        <v>43</v>
      </c>
      <c r="AC10153" s="5" t="s">
        <v>44</v>
      </c>
      <c r="AD10153" s="2" t="s">
        <v>30432</v>
      </c>
      <c r="AE10153" s="1"/>
    </row>
    <row r="10154" spans="1:31" ht="14.45">
      <c r="A10154" s="11"/>
      <c r="B10154" s="20"/>
      <c r="C10154" s="2" t="s">
        <v>31216</v>
      </c>
      <c r="D10154" s="14" t="s">
        <v>31217</v>
      </c>
      <c r="E10154" s="2" t="s">
        <v>31218</v>
      </c>
      <c r="F10154" s="2" t="s">
        <v>30431</v>
      </c>
      <c r="G10154" s="8">
        <v>234</v>
      </c>
      <c r="H10154" s="5">
        <v>5</v>
      </c>
      <c r="I10154" s="5" t="s">
        <v>69</v>
      </c>
      <c r="J10154" s="5" t="s">
        <v>27074</v>
      </c>
      <c r="K10154" s="2" t="s">
        <v>27075</v>
      </c>
      <c r="L10154" s="5" t="s">
        <v>27074</v>
      </c>
      <c r="M10154" s="2" t="s">
        <v>27075</v>
      </c>
      <c r="N10154" s="5" t="s">
        <v>24254</v>
      </c>
      <c r="O10154" s="5" t="s">
        <v>38</v>
      </c>
      <c r="P10154" s="5" t="s">
        <v>39</v>
      </c>
      <c r="Q10154" s="5" t="s">
        <v>40</v>
      </c>
      <c r="R10154" s="5" t="s">
        <v>24335</v>
      </c>
      <c r="S10154" s="5" t="s">
        <v>40</v>
      </c>
      <c r="T10154" s="5" t="s">
        <v>42</v>
      </c>
      <c r="U10154" s="2">
        <v>8.2799999999999994</v>
      </c>
      <c r="V10154" s="2">
        <v>6.444</v>
      </c>
      <c r="W10154" s="2">
        <v>0.126</v>
      </c>
      <c r="X10154" s="2">
        <v>12</v>
      </c>
      <c r="Y10154" s="2">
        <v>50</v>
      </c>
      <c r="Z10154" s="2">
        <v>210</v>
      </c>
      <c r="AA10154" s="5">
        <v>10</v>
      </c>
      <c r="AB10154" s="5" t="s">
        <v>43</v>
      </c>
      <c r="AC10154" s="5" t="s">
        <v>44</v>
      </c>
      <c r="AD10154" s="2" t="s">
        <v>30436</v>
      </c>
      <c r="AE10154" s="1"/>
    </row>
    <row r="10155" spans="1:31" ht="14.45">
      <c r="A10155" s="11"/>
      <c r="B10155" s="20"/>
      <c r="C10155" s="2" t="s">
        <v>31219</v>
      </c>
      <c r="D10155" s="14" t="s">
        <v>31220</v>
      </c>
      <c r="E10155" s="2" t="s">
        <v>31221</v>
      </c>
      <c r="F10155" s="2" t="s">
        <v>30440</v>
      </c>
      <c r="G10155" s="8">
        <v>234</v>
      </c>
      <c r="H10155" s="5">
        <v>5</v>
      </c>
      <c r="I10155" s="5" t="s">
        <v>69</v>
      </c>
      <c r="J10155" s="5" t="s">
        <v>27074</v>
      </c>
      <c r="K10155" s="2" t="s">
        <v>27075</v>
      </c>
      <c r="L10155" s="5" t="s">
        <v>27074</v>
      </c>
      <c r="M10155" s="2" t="s">
        <v>27075</v>
      </c>
      <c r="N10155" s="5" t="s">
        <v>24254</v>
      </c>
      <c r="O10155" s="5" t="s">
        <v>38</v>
      </c>
      <c r="P10155" s="5" t="s">
        <v>39</v>
      </c>
      <c r="Q10155" s="5" t="s">
        <v>40</v>
      </c>
      <c r="R10155" s="5" t="s">
        <v>24335</v>
      </c>
      <c r="S10155" s="5" t="s">
        <v>40</v>
      </c>
      <c r="T10155" s="5" t="s">
        <v>42</v>
      </c>
      <c r="U10155" s="2">
        <v>6.3179999999999996</v>
      </c>
      <c r="V10155" s="2">
        <v>4.4820000000000002</v>
      </c>
      <c r="W10155" s="2">
        <v>0.11600000000000001</v>
      </c>
      <c r="X10155" s="2">
        <v>12</v>
      </c>
      <c r="Y10155" s="2">
        <v>50</v>
      </c>
      <c r="Z10155" s="2">
        <v>193.9</v>
      </c>
      <c r="AA10155" s="5">
        <v>10</v>
      </c>
      <c r="AB10155" s="5" t="s">
        <v>43</v>
      </c>
      <c r="AC10155" s="5" t="s">
        <v>44</v>
      </c>
      <c r="AD10155" s="2" t="s">
        <v>30441</v>
      </c>
      <c r="AE10155" s="1"/>
    </row>
    <row r="10156" spans="1:31" ht="14.45">
      <c r="A10156" s="11"/>
      <c r="B10156" s="20"/>
      <c r="C10156" s="2" t="s">
        <v>31222</v>
      </c>
      <c r="D10156" s="14" t="s">
        <v>31223</v>
      </c>
      <c r="E10156" s="2" t="s">
        <v>31224</v>
      </c>
      <c r="F10156" s="2" t="s">
        <v>30440</v>
      </c>
      <c r="G10156" s="8">
        <v>234</v>
      </c>
      <c r="H10156" s="5">
        <v>5</v>
      </c>
      <c r="I10156" s="5" t="s">
        <v>69</v>
      </c>
      <c r="J10156" s="5" t="s">
        <v>27074</v>
      </c>
      <c r="K10156" s="2" t="s">
        <v>27075</v>
      </c>
      <c r="L10156" s="5" t="s">
        <v>27074</v>
      </c>
      <c r="M10156" s="2" t="s">
        <v>27075</v>
      </c>
      <c r="N10156" s="5" t="s">
        <v>24254</v>
      </c>
      <c r="O10156" s="5" t="s">
        <v>38</v>
      </c>
      <c r="P10156" s="5" t="s">
        <v>39</v>
      </c>
      <c r="Q10156" s="5" t="s">
        <v>40</v>
      </c>
      <c r="R10156" s="5" t="s">
        <v>24335</v>
      </c>
      <c r="S10156" s="5" t="s">
        <v>40</v>
      </c>
      <c r="T10156" s="5" t="s">
        <v>42</v>
      </c>
      <c r="U10156" s="2">
        <v>6.4809999999999999</v>
      </c>
      <c r="V10156" s="2">
        <v>4.6449999999999996</v>
      </c>
      <c r="W10156" s="2">
        <v>0.11600000000000001</v>
      </c>
      <c r="X10156" s="2">
        <v>12</v>
      </c>
      <c r="Y10156" s="2">
        <v>50</v>
      </c>
      <c r="Z10156" s="2">
        <v>193.9</v>
      </c>
      <c r="AA10156" s="5">
        <v>10</v>
      </c>
      <c r="AB10156" s="5" t="s">
        <v>43</v>
      </c>
      <c r="AC10156" s="5" t="s">
        <v>44</v>
      </c>
      <c r="AD10156" s="2" t="s">
        <v>30445</v>
      </c>
      <c r="AE10156" s="1"/>
    </row>
    <row r="10157" spans="1:31" ht="14.45">
      <c r="A10157" s="11"/>
      <c r="B10157" s="20"/>
      <c r="C10157" s="2" t="s">
        <v>31225</v>
      </c>
      <c r="D10157" s="14" t="s">
        <v>31226</v>
      </c>
      <c r="E10157" s="2" t="s">
        <v>31227</v>
      </c>
      <c r="F10157" s="2" t="s">
        <v>30449</v>
      </c>
      <c r="G10157" s="8">
        <v>234</v>
      </c>
      <c r="H10157" s="5">
        <v>5</v>
      </c>
      <c r="I10157" s="5" t="s">
        <v>69</v>
      </c>
      <c r="J10157" s="5" t="s">
        <v>27074</v>
      </c>
      <c r="K10157" s="2" t="s">
        <v>27075</v>
      </c>
      <c r="L10157" s="5" t="s">
        <v>27074</v>
      </c>
      <c r="M10157" s="2" t="s">
        <v>27075</v>
      </c>
      <c r="N10157" s="5" t="s">
        <v>24254</v>
      </c>
      <c r="O10157" s="5" t="s">
        <v>38</v>
      </c>
      <c r="P10157" s="5" t="s">
        <v>39</v>
      </c>
      <c r="Q10157" s="5" t="s">
        <v>40</v>
      </c>
      <c r="R10157" s="5" t="s">
        <v>24335</v>
      </c>
      <c r="S10157" s="5" t="s">
        <v>40</v>
      </c>
      <c r="T10157" s="5" t="s">
        <v>42</v>
      </c>
      <c r="U10157" s="2">
        <v>7.4169999999999998</v>
      </c>
      <c r="V10157" s="2">
        <v>5.3410000000000002</v>
      </c>
      <c r="W10157" s="2">
        <v>0.11600000000000001</v>
      </c>
      <c r="X10157" s="2">
        <v>12</v>
      </c>
      <c r="Y10157" s="2">
        <v>50</v>
      </c>
      <c r="Z10157" s="2">
        <v>193.9</v>
      </c>
      <c r="AA10157" s="5">
        <v>10</v>
      </c>
      <c r="AB10157" s="5" t="s">
        <v>43</v>
      </c>
      <c r="AC10157" s="5" t="s">
        <v>44</v>
      </c>
      <c r="AD10157" s="2" t="s">
        <v>30441</v>
      </c>
      <c r="AE10157" s="1"/>
    </row>
    <row r="10158" spans="1:31" ht="14.45">
      <c r="A10158" s="11"/>
      <c r="B10158" s="20"/>
      <c r="C10158" s="2" t="s">
        <v>31228</v>
      </c>
      <c r="D10158" s="14" t="s">
        <v>31229</v>
      </c>
      <c r="E10158" s="2" t="s">
        <v>31230</v>
      </c>
      <c r="F10158" s="2" t="s">
        <v>30449</v>
      </c>
      <c r="G10158" s="8">
        <v>234</v>
      </c>
      <c r="H10158" s="5">
        <v>5</v>
      </c>
      <c r="I10158" s="5" t="s">
        <v>69</v>
      </c>
      <c r="J10158" s="5" t="s">
        <v>27074</v>
      </c>
      <c r="K10158" s="2" t="s">
        <v>27075</v>
      </c>
      <c r="L10158" s="5" t="s">
        <v>27074</v>
      </c>
      <c r="M10158" s="2" t="s">
        <v>27075</v>
      </c>
      <c r="N10158" s="5" t="s">
        <v>24254</v>
      </c>
      <c r="O10158" s="5" t="s">
        <v>38</v>
      </c>
      <c r="P10158" s="5" t="s">
        <v>39</v>
      </c>
      <c r="Q10158" s="5" t="s">
        <v>40</v>
      </c>
      <c r="R10158" s="5" t="s">
        <v>24335</v>
      </c>
      <c r="S10158" s="5" t="s">
        <v>40</v>
      </c>
      <c r="T10158" s="5" t="s">
        <v>42</v>
      </c>
      <c r="U10158" s="2">
        <v>7.7720000000000002</v>
      </c>
      <c r="V10158" s="2">
        <v>5.6959999999999997</v>
      </c>
      <c r="W10158" s="2">
        <v>0.11600000000000001</v>
      </c>
      <c r="X10158" s="2">
        <v>12</v>
      </c>
      <c r="Y10158" s="2">
        <v>50</v>
      </c>
      <c r="Z10158" s="2">
        <v>193.9</v>
      </c>
      <c r="AA10158" s="5">
        <v>10</v>
      </c>
      <c r="AB10158" s="5" t="s">
        <v>43</v>
      </c>
      <c r="AC10158" s="5" t="s">
        <v>44</v>
      </c>
      <c r="AD10158" s="2" t="s">
        <v>30445</v>
      </c>
      <c r="AE10158" s="1"/>
    </row>
    <row r="10159" spans="1:31" ht="14.45">
      <c r="A10159" s="11"/>
      <c r="B10159" s="20"/>
      <c r="C10159" s="2" t="s">
        <v>31231</v>
      </c>
      <c r="D10159" s="14" t="s">
        <v>31232</v>
      </c>
      <c r="E10159" s="2" t="s">
        <v>31233</v>
      </c>
      <c r="F10159" s="2" t="s">
        <v>30456</v>
      </c>
      <c r="G10159" s="8">
        <v>426</v>
      </c>
      <c r="H10159" s="5">
        <v>5</v>
      </c>
      <c r="I10159" s="5" t="s">
        <v>69</v>
      </c>
      <c r="J10159" s="5" t="s">
        <v>27074</v>
      </c>
      <c r="K10159" s="2" t="s">
        <v>27075</v>
      </c>
      <c r="L10159" s="5" t="s">
        <v>27074</v>
      </c>
      <c r="M10159" s="2" t="s">
        <v>27075</v>
      </c>
      <c r="N10159" s="5" t="s">
        <v>24254</v>
      </c>
      <c r="O10159" s="5" t="s">
        <v>38</v>
      </c>
      <c r="P10159" s="5" t="s">
        <v>39</v>
      </c>
      <c r="Q10159" s="5" t="s">
        <v>40</v>
      </c>
      <c r="R10159" s="5" t="s">
        <v>24335</v>
      </c>
      <c r="S10159" s="5" t="s">
        <v>40</v>
      </c>
      <c r="T10159" s="5" t="s">
        <v>42</v>
      </c>
      <c r="U10159" s="2">
        <v>16.087</v>
      </c>
      <c r="V10159" s="2">
        <v>13.37</v>
      </c>
      <c r="W10159" s="2">
        <v>0.19500000000000001</v>
      </c>
      <c r="X10159" s="2">
        <v>12</v>
      </c>
      <c r="Y10159" s="2">
        <v>77</v>
      </c>
      <c r="Z10159" s="2">
        <v>210.9</v>
      </c>
      <c r="AA10159" s="5">
        <v>8</v>
      </c>
      <c r="AB10159" s="5" t="s">
        <v>43</v>
      </c>
      <c r="AC10159" s="5" t="s">
        <v>44</v>
      </c>
      <c r="AD10159" s="2" t="s">
        <v>30457</v>
      </c>
      <c r="AE10159" s="1"/>
    </row>
    <row r="10160" spans="1:31" ht="14.45">
      <c r="A10160" s="11"/>
      <c r="B10160" s="20"/>
      <c r="C10160" s="2" t="s">
        <v>31234</v>
      </c>
      <c r="D10160" s="14" t="s">
        <v>31235</v>
      </c>
      <c r="E10160" s="2" t="s">
        <v>31236</v>
      </c>
      <c r="F10160" s="2" t="s">
        <v>30524</v>
      </c>
      <c r="G10160" s="8">
        <v>385</v>
      </c>
      <c r="H10160" s="5">
        <v>10</v>
      </c>
      <c r="I10160" s="5" t="s">
        <v>69</v>
      </c>
      <c r="J10160" s="5" t="s">
        <v>27074</v>
      </c>
      <c r="K10160" s="2" t="s">
        <v>27075</v>
      </c>
      <c r="L10160" s="5" t="s">
        <v>27074</v>
      </c>
      <c r="M10160" s="2" t="s">
        <v>27075</v>
      </c>
      <c r="N10160" s="5" t="s">
        <v>24254</v>
      </c>
      <c r="O10160" s="5" t="s">
        <v>38</v>
      </c>
      <c r="P10160" s="5" t="s">
        <v>39</v>
      </c>
      <c r="Q10160" s="5" t="s">
        <v>40</v>
      </c>
      <c r="R10160" s="5" t="s">
        <v>24340</v>
      </c>
      <c r="S10160" s="5" t="s">
        <v>40</v>
      </c>
      <c r="T10160" s="5" t="s">
        <v>42</v>
      </c>
      <c r="U10160" s="2">
        <v>20.45</v>
      </c>
      <c r="V10160" s="2">
        <v>18.568999999999999</v>
      </c>
      <c r="W10160" s="2">
        <v>0.126</v>
      </c>
      <c r="X10160" s="2">
        <v>12</v>
      </c>
      <c r="Y10160" s="2">
        <v>50</v>
      </c>
      <c r="Z10160" s="2">
        <v>210</v>
      </c>
      <c r="AA10160" s="5">
        <v>8</v>
      </c>
      <c r="AB10160" s="5" t="s">
        <v>43</v>
      </c>
      <c r="AC10160" s="5" t="s">
        <v>44</v>
      </c>
      <c r="AD10160" s="2" t="s">
        <v>30525</v>
      </c>
      <c r="AE10160" s="1"/>
    </row>
    <row r="10161" spans="1:31" ht="14.45">
      <c r="A10161" s="11"/>
      <c r="B10161" s="20"/>
      <c r="C10161" s="2" t="s">
        <v>31237</v>
      </c>
      <c r="D10161" s="14" t="s">
        <v>31238</v>
      </c>
      <c r="E10161" s="2" t="s">
        <v>31239</v>
      </c>
      <c r="F10161" s="2" t="s">
        <v>30595</v>
      </c>
      <c r="G10161" s="8">
        <v>385</v>
      </c>
      <c r="H10161" s="5">
        <v>10</v>
      </c>
      <c r="I10161" s="5" t="s">
        <v>69</v>
      </c>
      <c r="J10161" s="5" t="s">
        <v>27074</v>
      </c>
      <c r="K10161" s="2" t="s">
        <v>27075</v>
      </c>
      <c r="L10161" s="5" t="s">
        <v>27074</v>
      </c>
      <c r="M10161" s="2" t="s">
        <v>27075</v>
      </c>
      <c r="N10161" s="5" t="s">
        <v>24254</v>
      </c>
      <c r="O10161" s="5" t="s">
        <v>38</v>
      </c>
      <c r="P10161" s="5" t="s">
        <v>39</v>
      </c>
      <c r="Q10161" s="5" t="s">
        <v>40</v>
      </c>
      <c r="R10161" s="5" t="s">
        <v>24340</v>
      </c>
      <c r="S10161" s="5" t="s">
        <v>40</v>
      </c>
      <c r="T10161" s="5" t="s">
        <v>42</v>
      </c>
      <c r="U10161" s="2">
        <v>14.071</v>
      </c>
      <c r="V10161" s="2">
        <v>12.218999999999999</v>
      </c>
      <c r="W10161" s="2">
        <v>0.126</v>
      </c>
      <c r="X10161" s="2">
        <v>12</v>
      </c>
      <c r="Y10161" s="2">
        <v>50</v>
      </c>
      <c r="Z10161" s="2">
        <v>210</v>
      </c>
      <c r="AA10161" s="5">
        <v>8</v>
      </c>
      <c r="AB10161" s="5" t="s">
        <v>43</v>
      </c>
      <c r="AC10161" s="5" t="s">
        <v>44</v>
      </c>
      <c r="AD10161" s="2" t="s">
        <v>30525</v>
      </c>
      <c r="AE10161" s="1"/>
    </row>
    <row r="10162" spans="1:31" ht="14.45">
      <c r="A10162" s="11"/>
      <c r="B10162" s="20"/>
      <c r="C10162" s="2" t="s">
        <v>31240</v>
      </c>
      <c r="D10162" s="14" t="s">
        <v>31241</v>
      </c>
      <c r="E10162" s="2" t="s">
        <v>31242</v>
      </c>
      <c r="F10162" s="2" t="s">
        <v>30529</v>
      </c>
      <c r="G10162" s="8">
        <v>385</v>
      </c>
      <c r="H10162" s="5">
        <v>10</v>
      </c>
      <c r="I10162" s="5" t="s">
        <v>69</v>
      </c>
      <c r="J10162" s="5" t="s">
        <v>27074</v>
      </c>
      <c r="K10162" s="2" t="s">
        <v>27075</v>
      </c>
      <c r="L10162" s="5" t="s">
        <v>27074</v>
      </c>
      <c r="M10162" s="2" t="s">
        <v>27075</v>
      </c>
      <c r="N10162" s="5" t="s">
        <v>24254</v>
      </c>
      <c r="O10162" s="5" t="s">
        <v>38</v>
      </c>
      <c r="P10162" s="5" t="s">
        <v>39</v>
      </c>
      <c r="Q10162" s="5" t="s">
        <v>40</v>
      </c>
      <c r="R10162" s="5" t="s">
        <v>24340</v>
      </c>
      <c r="S10162" s="5" t="s">
        <v>40</v>
      </c>
      <c r="T10162" s="5" t="s">
        <v>42</v>
      </c>
      <c r="U10162" s="2">
        <v>9.8490000000000002</v>
      </c>
      <c r="V10162" s="2">
        <v>8.077</v>
      </c>
      <c r="W10162" s="2">
        <v>0.11600000000000001</v>
      </c>
      <c r="X10162" s="2">
        <v>12</v>
      </c>
      <c r="Y10162" s="2">
        <v>50</v>
      </c>
      <c r="Z10162" s="2">
        <v>193.9</v>
      </c>
      <c r="AA10162" s="5">
        <v>8</v>
      </c>
      <c r="AB10162" s="5" t="s">
        <v>43</v>
      </c>
      <c r="AC10162" s="5" t="s">
        <v>44</v>
      </c>
      <c r="AD10162" s="2" t="s">
        <v>30525</v>
      </c>
      <c r="AE10162" s="1"/>
    </row>
    <row r="10163" spans="1:31" ht="14.45">
      <c r="A10163" s="11"/>
      <c r="B10163" s="20"/>
      <c r="C10163" s="2" t="s">
        <v>31243</v>
      </c>
      <c r="D10163" s="14" t="s">
        <v>31244</v>
      </c>
      <c r="E10163" s="2" t="s">
        <v>31245</v>
      </c>
      <c r="F10163" s="2" t="s">
        <v>30461</v>
      </c>
      <c r="G10163" s="8">
        <v>728</v>
      </c>
      <c r="H10163" s="5">
        <v>10</v>
      </c>
      <c r="I10163" s="5" t="s">
        <v>69</v>
      </c>
      <c r="J10163" s="5" t="s">
        <v>27074</v>
      </c>
      <c r="K10163" s="2" t="s">
        <v>27075</v>
      </c>
      <c r="L10163" s="5" t="s">
        <v>27074</v>
      </c>
      <c r="M10163" s="2" t="s">
        <v>27075</v>
      </c>
      <c r="N10163" s="5" t="s">
        <v>24254</v>
      </c>
      <c r="O10163" s="5" t="s">
        <v>38</v>
      </c>
      <c r="P10163" s="5" t="s">
        <v>39</v>
      </c>
      <c r="Q10163" s="5" t="s">
        <v>40</v>
      </c>
      <c r="R10163" s="5" t="s">
        <v>24340</v>
      </c>
      <c r="S10163" s="5" t="s">
        <v>40</v>
      </c>
      <c r="T10163" s="5" t="s">
        <v>42</v>
      </c>
      <c r="U10163" s="2">
        <v>29.353999999999999</v>
      </c>
      <c r="V10163" s="2">
        <v>26.625</v>
      </c>
      <c r="W10163" s="2">
        <v>0.19500000000000001</v>
      </c>
      <c r="X10163" s="2">
        <v>12</v>
      </c>
      <c r="Y10163" s="2">
        <v>77</v>
      </c>
      <c r="Z10163" s="2">
        <v>210.9</v>
      </c>
      <c r="AA10163" s="5">
        <v>8</v>
      </c>
      <c r="AB10163" s="5" t="s">
        <v>43</v>
      </c>
      <c r="AC10163" s="5" t="s">
        <v>44</v>
      </c>
      <c r="AD10163" s="2" t="s">
        <v>30462</v>
      </c>
      <c r="AE10163" s="1"/>
    </row>
    <row r="10164" spans="1:31" ht="14.45">
      <c r="A10164" s="11"/>
      <c r="B10164" s="20"/>
      <c r="C10164" s="2" t="s">
        <v>31246</v>
      </c>
      <c r="D10164" s="14" t="s">
        <v>31247</v>
      </c>
      <c r="E10164" s="2" t="s">
        <v>31248</v>
      </c>
      <c r="F10164" s="2" t="s">
        <v>30541</v>
      </c>
      <c r="G10164" s="8">
        <v>385</v>
      </c>
      <c r="H10164" s="5">
        <v>10</v>
      </c>
      <c r="I10164" s="5" t="s">
        <v>69</v>
      </c>
      <c r="J10164" s="5" t="s">
        <v>27074</v>
      </c>
      <c r="K10164" s="2" t="s">
        <v>27075</v>
      </c>
      <c r="L10164" s="5" t="s">
        <v>27074</v>
      </c>
      <c r="M10164" s="2" t="s">
        <v>27075</v>
      </c>
      <c r="N10164" s="5" t="s">
        <v>24254</v>
      </c>
      <c r="O10164" s="5" t="s">
        <v>38</v>
      </c>
      <c r="P10164" s="5" t="s">
        <v>39</v>
      </c>
      <c r="Q10164" s="5" t="s">
        <v>40</v>
      </c>
      <c r="R10164" s="5" t="s">
        <v>25301</v>
      </c>
      <c r="S10164" s="5" t="s">
        <v>40</v>
      </c>
      <c r="T10164" s="5" t="s">
        <v>42</v>
      </c>
      <c r="U10164" s="2">
        <v>18.491</v>
      </c>
      <c r="V10164" s="2">
        <v>16.609000000000002</v>
      </c>
      <c r="W10164" s="2">
        <v>0.126</v>
      </c>
      <c r="X10164" s="2">
        <v>12</v>
      </c>
      <c r="Y10164" s="2">
        <v>50</v>
      </c>
      <c r="Z10164" s="2">
        <v>210</v>
      </c>
      <c r="AA10164" s="5">
        <v>8</v>
      </c>
      <c r="AB10164" s="5" t="s">
        <v>43</v>
      </c>
      <c r="AC10164" s="5" t="s">
        <v>44</v>
      </c>
      <c r="AD10164" s="2" t="s">
        <v>30542</v>
      </c>
      <c r="AE10164" s="1"/>
    </row>
    <row r="10165" spans="1:31" ht="14.45">
      <c r="A10165" s="11"/>
      <c r="B10165" s="20"/>
      <c r="C10165" s="2" t="s">
        <v>31249</v>
      </c>
      <c r="D10165" s="14" t="s">
        <v>31250</v>
      </c>
      <c r="E10165" s="2" t="s">
        <v>31251</v>
      </c>
      <c r="F10165" s="2" t="s">
        <v>30546</v>
      </c>
      <c r="G10165" s="8">
        <v>385</v>
      </c>
      <c r="H10165" s="5">
        <v>10</v>
      </c>
      <c r="I10165" s="5" t="s">
        <v>69</v>
      </c>
      <c r="J10165" s="5" t="s">
        <v>27074</v>
      </c>
      <c r="K10165" s="2" t="s">
        <v>27075</v>
      </c>
      <c r="L10165" s="5" t="s">
        <v>27074</v>
      </c>
      <c r="M10165" s="2" t="s">
        <v>27075</v>
      </c>
      <c r="N10165" s="5" t="s">
        <v>24254</v>
      </c>
      <c r="O10165" s="5" t="s">
        <v>38</v>
      </c>
      <c r="P10165" s="5" t="s">
        <v>39</v>
      </c>
      <c r="Q10165" s="5" t="s">
        <v>40</v>
      </c>
      <c r="R10165" s="5" t="s">
        <v>25301</v>
      </c>
      <c r="S10165" s="5" t="s">
        <v>40</v>
      </c>
      <c r="T10165" s="5" t="s">
        <v>42</v>
      </c>
      <c r="U10165" s="2">
        <v>9.1519999999999992</v>
      </c>
      <c r="V10165" s="2">
        <v>7.3789999999999996</v>
      </c>
      <c r="W10165" s="2">
        <v>0.11600000000000001</v>
      </c>
      <c r="X10165" s="2">
        <v>12</v>
      </c>
      <c r="Y10165" s="2">
        <v>50</v>
      </c>
      <c r="Z10165" s="2">
        <v>193.9</v>
      </c>
      <c r="AA10165" s="5">
        <v>8</v>
      </c>
      <c r="AB10165" s="5" t="s">
        <v>43</v>
      </c>
      <c r="AC10165" s="5" t="s">
        <v>44</v>
      </c>
      <c r="AD10165" s="2" t="s">
        <v>30542</v>
      </c>
      <c r="AE10165" s="1"/>
    </row>
    <row r="10166" spans="1:31" ht="14.45">
      <c r="A10166" s="11"/>
      <c r="B10166" s="20"/>
      <c r="C10166" s="2" t="s">
        <v>31252</v>
      </c>
      <c r="D10166" s="14" t="s">
        <v>31253</v>
      </c>
      <c r="E10166" s="2" t="s">
        <v>31254</v>
      </c>
      <c r="F10166" s="2" t="s">
        <v>30466</v>
      </c>
      <c r="G10166" s="8">
        <v>787</v>
      </c>
      <c r="H10166" s="5">
        <v>5</v>
      </c>
      <c r="I10166" s="5" t="s">
        <v>69</v>
      </c>
      <c r="J10166" s="5" t="s">
        <v>27074</v>
      </c>
      <c r="K10166" s="2" t="s">
        <v>27075</v>
      </c>
      <c r="L10166" s="5" t="s">
        <v>27074</v>
      </c>
      <c r="M10166" s="2" t="s">
        <v>27075</v>
      </c>
      <c r="N10166" s="5" t="s">
        <v>24254</v>
      </c>
      <c r="O10166" s="5" t="s">
        <v>38</v>
      </c>
      <c r="P10166" s="5" t="s">
        <v>39</v>
      </c>
      <c r="Q10166" s="5" t="s">
        <v>40</v>
      </c>
      <c r="R10166" s="5" t="s">
        <v>1487</v>
      </c>
      <c r="S10166" s="5"/>
      <c r="T10166" s="5" t="s">
        <v>42</v>
      </c>
      <c r="U10166" s="2">
        <v>0</v>
      </c>
      <c r="V10166" s="2">
        <v>0</v>
      </c>
      <c r="W10166" s="2">
        <v>0</v>
      </c>
      <c r="X10166" s="2">
        <v>0</v>
      </c>
      <c r="Y10166" s="2">
        <v>0</v>
      </c>
      <c r="Z10166" s="2">
        <v>0</v>
      </c>
      <c r="AA10166" s="5"/>
      <c r="AB10166" s="5" t="s">
        <v>43</v>
      </c>
      <c r="AC10166" s="5" t="s">
        <v>44</v>
      </c>
      <c r="AD10166" s="2" t="s">
        <v>30467</v>
      </c>
      <c r="AE10166" s="1"/>
    </row>
    <row r="10167" spans="1:31" ht="14.45">
      <c r="A10167" s="11"/>
      <c r="B10167" s="20"/>
      <c r="C10167" s="2" t="s">
        <v>31255</v>
      </c>
      <c r="D10167" s="14" t="s">
        <v>31256</v>
      </c>
      <c r="E10167" s="2" t="s">
        <v>31257</v>
      </c>
      <c r="F10167" s="2" t="s">
        <v>30471</v>
      </c>
      <c r="G10167" s="8">
        <v>787</v>
      </c>
      <c r="H10167" s="5">
        <v>15</v>
      </c>
      <c r="I10167" s="5" t="s">
        <v>69</v>
      </c>
      <c r="J10167" s="5" t="s">
        <v>27074</v>
      </c>
      <c r="K10167" s="2" t="s">
        <v>27075</v>
      </c>
      <c r="L10167" s="5" t="s">
        <v>27074</v>
      </c>
      <c r="M10167" s="2" t="s">
        <v>27075</v>
      </c>
      <c r="N10167" s="5" t="s">
        <v>24254</v>
      </c>
      <c r="O10167" s="5" t="s">
        <v>38</v>
      </c>
      <c r="P10167" s="5" t="s">
        <v>39</v>
      </c>
      <c r="Q10167" s="5" t="s">
        <v>40</v>
      </c>
      <c r="R10167" s="5" t="s">
        <v>1487</v>
      </c>
      <c r="S10167" s="5"/>
      <c r="T10167" s="5" t="s">
        <v>42</v>
      </c>
      <c r="U10167" s="2">
        <v>0</v>
      </c>
      <c r="V10167" s="2">
        <v>0</v>
      </c>
      <c r="W10167" s="2">
        <v>0</v>
      </c>
      <c r="X10167" s="2">
        <v>0</v>
      </c>
      <c r="Y10167" s="2">
        <v>0</v>
      </c>
      <c r="Z10167" s="2">
        <v>0</v>
      </c>
      <c r="AA10167" s="5"/>
      <c r="AB10167" s="5" t="s">
        <v>43</v>
      </c>
      <c r="AC10167" s="5" t="s">
        <v>44</v>
      </c>
      <c r="AD10167" s="2" t="s">
        <v>30472</v>
      </c>
      <c r="AE10167" s="1"/>
    </row>
    <row r="10168" spans="1:31" ht="14.45">
      <c r="A10168" s="11"/>
      <c r="B10168" s="20"/>
      <c r="C10168" s="2" t="s">
        <v>31258</v>
      </c>
      <c r="D10168" s="14" t="s">
        <v>31259</v>
      </c>
      <c r="E10168" s="2" t="s">
        <v>31260</v>
      </c>
      <c r="F10168" s="2" t="s">
        <v>30486</v>
      </c>
      <c r="G10168" s="8">
        <v>1089</v>
      </c>
      <c r="H10168" s="5">
        <v>10</v>
      </c>
      <c r="I10168" s="5" t="s">
        <v>69</v>
      </c>
      <c r="J10168" s="5" t="s">
        <v>27074</v>
      </c>
      <c r="K10168" s="2" t="s">
        <v>27075</v>
      </c>
      <c r="L10168" s="5" t="s">
        <v>27074</v>
      </c>
      <c r="M10168" s="2" t="s">
        <v>27075</v>
      </c>
      <c r="N10168" s="5" t="s">
        <v>24254</v>
      </c>
      <c r="O10168" s="5" t="s">
        <v>38</v>
      </c>
      <c r="P10168" s="5" t="s">
        <v>39</v>
      </c>
      <c r="Q10168" s="5" t="s">
        <v>40</v>
      </c>
      <c r="R10168" s="5" t="s">
        <v>1487</v>
      </c>
      <c r="S10168" s="5"/>
      <c r="T10168" s="5" t="s">
        <v>42</v>
      </c>
      <c r="U10168" s="2">
        <v>0</v>
      </c>
      <c r="V10168" s="2">
        <v>0</v>
      </c>
      <c r="W10168" s="2">
        <v>0</v>
      </c>
      <c r="X10168" s="2">
        <v>0</v>
      </c>
      <c r="Y10168" s="2">
        <v>0</v>
      </c>
      <c r="Z10168" s="2">
        <v>0</v>
      </c>
      <c r="AA10168" s="5"/>
      <c r="AB10168" s="5" t="s">
        <v>43</v>
      </c>
      <c r="AC10168" s="5" t="s">
        <v>44</v>
      </c>
      <c r="AD10168" s="2"/>
      <c r="AE10168" s="1"/>
    </row>
    <row r="10169" spans="1:31" ht="14.45">
      <c r="A10169" s="11"/>
      <c r="B10169" s="20"/>
      <c r="C10169" s="2" t="s">
        <v>31261</v>
      </c>
      <c r="D10169" s="14" t="s">
        <v>31262</v>
      </c>
      <c r="E10169" s="2" t="s">
        <v>31263</v>
      </c>
      <c r="F10169" s="2" t="s">
        <v>30490</v>
      </c>
      <c r="G10169" s="8">
        <v>1089</v>
      </c>
      <c r="H10169" s="5">
        <v>15</v>
      </c>
      <c r="I10169" s="5" t="s">
        <v>69</v>
      </c>
      <c r="J10169" s="5" t="s">
        <v>27074</v>
      </c>
      <c r="K10169" s="2" t="s">
        <v>27075</v>
      </c>
      <c r="L10169" s="5" t="s">
        <v>27074</v>
      </c>
      <c r="M10169" s="2" t="s">
        <v>27075</v>
      </c>
      <c r="N10169" s="5" t="s">
        <v>24254</v>
      </c>
      <c r="O10169" s="5" t="s">
        <v>38</v>
      </c>
      <c r="P10169" s="5" t="s">
        <v>39</v>
      </c>
      <c r="Q10169" s="5" t="s">
        <v>40</v>
      </c>
      <c r="R10169" s="5" t="s">
        <v>1487</v>
      </c>
      <c r="S10169" s="5"/>
      <c r="T10169" s="5" t="s">
        <v>42</v>
      </c>
      <c r="U10169" s="2">
        <v>0</v>
      </c>
      <c r="V10169" s="2">
        <v>0</v>
      </c>
      <c r="W10169" s="2">
        <v>0</v>
      </c>
      <c r="X10169" s="2">
        <v>0</v>
      </c>
      <c r="Y10169" s="2">
        <v>0</v>
      </c>
      <c r="Z10169" s="2">
        <v>0</v>
      </c>
      <c r="AA10169" s="5"/>
      <c r="AB10169" s="5" t="s">
        <v>43</v>
      </c>
      <c r="AC10169" s="5" t="s">
        <v>44</v>
      </c>
      <c r="AD10169" s="2"/>
      <c r="AE10169" s="1"/>
    </row>
    <row r="10170" spans="1:31" ht="14.45">
      <c r="A10170" s="11"/>
      <c r="B10170" s="20"/>
      <c r="C10170" s="2" t="s">
        <v>31264</v>
      </c>
      <c r="D10170" s="14" t="s">
        <v>31265</v>
      </c>
      <c r="E10170" s="2" t="s">
        <v>31266</v>
      </c>
      <c r="F10170" s="2" t="s">
        <v>30418</v>
      </c>
      <c r="G10170" s="8">
        <v>221</v>
      </c>
      <c r="H10170" s="5">
        <v>10</v>
      </c>
      <c r="I10170" s="5" t="s">
        <v>69</v>
      </c>
      <c r="J10170" s="5" t="s">
        <v>27074</v>
      </c>
      <c r="K10170" s="2" t="s">
        <v>27075</v>
      </c>
      <c r="L10170" s="5" t="s">
        <v>27074</v>
      </c>
      <c r="M10170" s="2" t="s">
        <v>27075</v>
      </c>
      <c r="N10170" s="5" t="s">
        <v>24254</v>
      </c>
      <c r="O10170" s="5" t="s">
        <v>38</v>
      </c>
      <c r="P10170" s="5" t="s">
        <v>39</v>
      </c>
      <c r="Q10170" s="5" t="s">
        <v>40</v>
      </c>
      <c r="R10170" s="5" t="s">
        <v>24335</v>
      </c>
      <c r="S10170" s="5" t="s">
        <v>40</v>
      </c>
      <c r="T10170" s="5" t="s">
        <v>42</v>
      </c>
      <c r="U10170" s="2">
        <v>10.066000000000001</v>
      </c>
      <c r="V10170" s="2">
        <v>8.2680000000000007</v>
      </c>
      <c r="W10170" s="2">
        <v>0.104</v>
      </c>
      <c r="X10170" s="2">
        <v>12</v>
      </c>
      <c r="Y10170" s="2">
        <v>50</v>
      </c>
      <c r="Z10170" s="2">
        <v>173.9</v>
      </c>
      <c r="AA10170" s="5">
        <v>8</v>
      </c>
      <c r="AB10170" s="5" t="s">
        <v>43</v>
      </c>
      <c r="AC10170" s="5" t="s">
        <v>44</v>
      </c>
      <c r="AD10170" s="2" t="s">
        <v>30419</v>
      </c>
      <c r="AE10170" s="1"/>
    </row>
    <row r="10171" spans="1:31" ht="14.45">
      <c r="A10171" s="11"/>
      <c r="B10171" s="20"/>
      <c r="C10171" s="2" t="s">
        <v>31267</v>
      </c>
      <c r="D10171" s="14" t="s">
        <v>31268</v>
      </c>
      <c r="E10171" s="2" t="s">
        <v>31269</v>
      </c>
      <c r="F10171" s="2" t="s">
        <v>30423</v>
      </c>
      <c r="G10171" s="8">
        <v>221</v>
      </c>
      <c r="H10171" s="5">
        <v>5</v>
      </c>
      <c r="I10171" s="5" t="s">
        <v>69</v>
      </c>
      <c r="J10171" s="5" t="s">
        <v>27074</v>
      </c>
      <c r="K10171" s="2" t="s">
        <v>27075</v>
      </c>
      <c r="L10171" s="5" t="s">
        <v>27074</v>
      </c>
      <c r="M10171" s="2" t="s">
        <v>27075</v>
      </c>
      <c r="N10171" s="5" t="s">
        <v>24254</v>
      </c>
      <c r="O10171" s="5" t="s">
        <v>38</v>
      </c>
      <c r="P10171" s="5" t="s">
        <v>39</v>
      </c>
      <c r="Q10171" s="5" t="s">
        <v>40</v>
      </c>
      <c r="R10171" s="5" t="s">
        <v>24335</v>
      </c>
      <c r="S10171" s="5" t="s">
        <v>40</v>
      </c>
      <c r="T10171" s="5" t="s">
        <v>42</v>
      </c>
      <c r="U10171" s="2">
        <v>7.6920000000000002</v>
      </c>
      <c r="V10171" s="2">
        <v>5.84</v>
      </c>
      <c r="W10171" s="2">
        <v>0.104</v>
      </c>
      <c r="X10171" s="2">
        <v>12</v>
      </c>
      <c r="Y10171" s="2">
        <v>50</v>
      </c>
      <c r="Z10171" s="2">
        <v>173.9</v>
      </c>
      <c r="AA10171" s="5">
        <v>8</v>
      </c>
      <c r="AB10171" s="5" t="s">
        <v>43</v>
      </c>
      <c r="AC10171" s="5" t="s">
        <v>44</v>
      </c>
      <c r="AD10171" s="2" t="s">
        <v>30419</v>
      </c>
      <c r="AE10171" s="1"/>
    </row>
    <row r="10172" spans="1:31" ht="14.45">
      <c r="A10172" s="11"/>
      <c r="B10172" s="20"/>
      <c r="C10172" s="2" t="s">
        <v>31270</v>
      </c>
      <c r="D10172" s="14" t="s">
        <v>31271</v>
      </c>
      <c r="E10172" s="2" t="s">
        <v>31272</v>
      </c>
      <c r="F10172" s="2" t="s">
        <v>30427</v>
      </c>
      <c r="G10172" s="8">
        <v>221</v>
      </c>
      <c r="H10172" s="5">
        <v>10</v>
      </c>
      <c r="I10172" s="5" t="s">
        <v>69</v>
      </c>
      <c r="J10172" s="5" t="s">
        <v>27074</v>
      </c>
      <c r="K10172" s="2" t="s">
        <v>27075</v>
      </c>
      <c r="L10172" s="5" t="s">
        <v>27074</v>
      </c>
      <c r="M10172" s="2" t="s">
        <v>27075</v>
      </c>
      <c r="N10172" s="5" t="s">
        <v>24254</v>
      </c>
      <c r="O10172" s="5" t="s">
        <v>38</v>
      </c>
      <c r="P10172" s="5" t="s">
        <v>39</v>
      </c>
      <c r="Q10172" s="5" t="s">
        <v>40</v>
      </c>
      <c r="R10172" s="5" t="s">
        <v>24335</v>
      </c>
      <c r="S10172" s="5" t="s">
        <v>40</v>
      </c>
      <c r="T10172" s="5" t="s">
        <v>42</v>
      </c>
      <c r="U10172" s="2">
        <v>6.1109999999999998</v>
      </c>
      <c r="V10172" s="2">
        <v>4.41</v>
      </c>
      <c r="W10172" s="2">
        <v>0.104</v>
      </c>
      <c r="X10172" s="2">
        <v>12</v>
      </c>
      <c r="Y10172" s="2">
        <v>50</v>
      </c>
      <c r="Z10172" s="2">
        <v>173.9</v>
      </c>
      <c r="AA10172" s="5">
        <v>8</v>
      </c>
      <c r="AB10172" s="5" t="s">
        <v>43</v>
      </c>
      <c r="AC10172" s="5" t="s">
        <v>44</v>
      </c>
      <c r="AD10172" s="2" t="s">
        <v>30419</v>
      </c>
      <c r="AE10172" s="1"/>
    </row>
    <row r="10173" spans="1:31" ht="14.45">
      <c r="A10173" s="11"/>
      <c r="B10173" s="20"/>
      <c r="C10173" s="2" t="s">
        <v>31273</v>
      </c>
      <c r="D10173" s="14" t="s">
        <v>31274</v>
      </c>
      <c r="E10173" s="2" t="s">
        <v>31275</v>
      </c>
      <c r="F10173" s="2" t="s">
        <v>30431</v>
      </c>
      <c r="G10173" s="8">
        <v>221</v>
      </c>
      <c r="H10173" s="5">
        <v>5</v>
      </c>
      <c r="I10173" s="5" t="s">
        <v>69</v>
      </c>
      <c r="J10173" s="5" t="s">
        <v>27074</v>
      </c>
      <c r="K10173" s="2" t="s">
        <v>27075</v>
      </c>
      <c r="L10173" s="5" t="s">
        <v>27074</v>
      </c>
      <c r="M10173" s="2" t="s">
        <v>27075</v>
      </c>
      <c r="N10173" s="5" t="s">
        <v>24254</v>
      </c>
      <c r="O10173" s="5" t="s">
        <v>38</v>
      </c>
      <c r="P10173" s="5" t="s">
        <v>39</v>
      </c>
      <c r="Q10173" s="5" t="s">
        <v>40</v>
      </c>
      <c r="R10173" s="5" t="s">
        <v>24335</v>
      </c>
      <c r="S10173" s="5" t="s">
        <v>40</v>
      </c>
      <c r="T10173" s="5" t="s">
        <v>42</v>
      </c>
      <c r="U10173" s="2">
        <v>7.2629999999999999</v>
      </c>
      <c r="V10173" s="2">
        <v>5.4269999999999996</v>
      </c>
      <c r="W10173" s="2">
        <v>0.104</v>
      </c>
      <c r="X10173" s="2">
        <v>12</v>
      </c>
      <c r="Y10173" s="2">
        <v>50</v>
      </c>
      <c r="Z10173" s="2">
        <v>173.9</v>
      </c>
      <c r="AA10173" s="5">
        <v>10</v>
      </c>
      <c r="AB10173" s="5" t="s">
        <v>43</v>
      </c>
      <c r="AC10173" s="5" t="s">
        <v>44</v>
      </c>
      <c r="AD10173" s="2" t="s">
        <v>30432</v>
      </c>
      <c r="AE10173" s="1"/>
    </row>
    <row r="10174" spans="1:31" ht="14.45">
      <c r="A10174" s="11"/>
      <c r="B10174" s="20"/>
      <c r="C10174" s="2" t="s">
        <v>31276</v>
      </c>
      <c r="D10174" s="14" t="s">
        <v>31277</v>
      </c>
      <c r="E10174" s="2" t="s">
        <v>31278</v>
      </c>
      <c r="F10174" s="2" t="s">
        <v>30431</v>
      </c>
      <c r="G10174" s="8">
        <v>221</v>
      </c>
      <c r="H10174" s="5">
        <v>5</v>
      </c>
      <c r="I10174" s="5" t="s">
        <v>69</v>
      </c>
      <c r="J10174" s="5" t="s">
        <v>27074</v>
      </c>
      <c r="K10174" s="2" t="s">
        <v>27075</v>
      </c>
      <c r="L10174" s="5" t="s">
        <v>27074</v>
      </c>
      <c r="M10174" s="2" t="s">
        <v>27075</v>
      </c>
      <c r="N10174" s="5" t="s">
        <v>24254</v>
      </c>
      <c r="O10174" s="5" t="s">
        <v>38</v>
      </c>
      <c r="P10174" s="5" t="s">
        <v>39</v>
      </c>
      <c r="Q10174" s="5" t="s">
        <v>40</v>
      </c>
      <c r="R10174" s="5" t="s">
        <v>24335</v>
      </c>
      <c r="S10174" s="5" t="s">
        <v>40</v>
      </c>
      <c r="T10174" s="5" t="s">
        <v>42</v>
      </c>
      <c r="U10174" s="2">
        <v>7.6559999999999997</v>
      </c>
      <c r="V10174" s="2">
        <v>5.82</v>
      </c>
      <c r="W10174" s="2">
        <v>0.104</v>
      </c>
      <c r="X10174" s="2">
        <v>12</v>
      </c>
      <c r="Y10174" s="2">
        <v>50</v>
      </c>
      <c r="Z10174" s="2">
        <v>173.9</v>
      </c>
      <c r="AA10174" s="5">
        <v>10</v>
      </c>
      <c r="AB10174" s="5" t="s">
        <v>43</v>
      </c>
      <c r="AC10174" s="5" t="s">
        <v>44</v>
      </c>
      <c r="AD10174" s="2" t="s">
        <v>30436</v>
      </c>
      <c r="AE10174" s="1"/>
    </row>
    <row r="10175" spans="1:31" ht="14.45">
      <c r="A10175" s="11"/>
      <c r="B10175" s="20"/>
      <c r="C10175" s="2" t="s">
        <v>31279</v>
      </c>
      <c r="D10175" s="14" t="s">
        <v>31280</v>
      </c>
      <c r="E10175" s="2" t="s">
        <v>31281</v>
      </c>
      <c r="F10175" s="2" t="s">
        <v>30440</v>
      </c>
      <c r="G10175" s="8">
        <v>221</v>
      </c>
      <c r="H10175" s="5">
        <v>5</v>
      </c>
      <c r="I10175" s="5" t="s">
        <v>69</v>
      </c>
      <c r="J10175" s="5" t="s">
        <v>27074</v>
      </c>
      <c r="K10175" s="2" t="s">
        <v>27075</v>
      </c>
      <c r="L10175" s="5" t="s">
        <v>27074</v>
      </c>
      <c r="M10175" s="2" t="s">
        <v>27075</v>
      </c>
      <c r="N10175" s="5" t="s">
        <v>24254</v>
      </c>
      <c r="O10175" s="5" t="s">
        <v>38</v>
      </c>
      <c r="P10175" s="5" t="s">
        <v>39</v>
      </c>
      <c r="Q10175" s="5" t="s">
        <v>40</v>
      </c>
      <c r="R10175" s="5" t="s">
        <v>24335</v>
      </c>
      <c r="S10175" s="5" t="s">
        <v>40</v>
      </c>
      <c r="T10175" s="5" t="s">
        <v>42</v>
      </c>
      <c r="U10175" s="2">
        <v>5.8339999999999996</v>
      </c>
      <c r="V10175" s="2">
        <v>3.9980000000000002</v>
      </c>
      <c r="W10175" s="2">
        <v>0.104</v>
      </c>
      <c r="X10175" s="2">
        <v>12</v>
      </c>
      <c r="Y10175" s="2">
        <v>50</v>
      </c>
      <c r="Z10175" s="2">
        <v>173.9</v>
      </c>
      <c r="AA10175" s="5">
        <v>10</v>
      </c>
      <c r="AB10175" s="5" t="s">
        <v>43</v>
      </c>
      <c r="AC10175" s="5" t="s">
        <v>44</v>
      </c>
      <c r="AD10175" s="2" t="s">
        <v>30441</v>
      </c>
      <c r="AE10175" s="1"/>
    </row>
    <row r="10176" spans="1:31" ht="14.45">
      <c r="A10176" s="11"/>
      <c r="B10176" s="20"/>
      <c r="C10176" s="2" t="s">
        <v>31282</v>
      </c>
      <c r="D10176" s="14" t="s">
        <v>31283</v>
      </c>
      <c r="E10176" s="2" t="s">
        <v>31284</v>
      </c>
      <c r="F10176" s="2" t="s">
        <v>30440</v>
      </c>
      <c r="G10176" s="8">
        <v>221</v>
      </c>
      <c r="H10176" s="5">
        <v>5</v>
      </c>
      <c r="I10176" s="5" t="s">
        <v>69</v>
      </c>
      <c r="J10176" s="5" t="s">
        <v>27074</v>
      </c>
      <c r="K10176" s="2" t="s">
        <v>27075</v>
      </c>
      <c r="L10176" s="5" t="s">
        <v>27074</v>
      </c>
      <c r="M10176" s="2" t="s">
        <v>27075</v>
      </c>
      <c r="N10176" s="5" t="s">
        <v>24254</v>
      </c>
      <c r="O10176" s="5" t="s">
        <v>38</v>
      </c>
      <c r="P10176" s="5" t="s">
        <v>39</v>
      </c>
      <c r="Q10176" s="5" t="s">
        <v>40</v>
      </c>
      <c r="R10176" s="5" t="s">
        <v>24335</v>
      </c>
      <c r="S10176" s="5" t="s">
        <v>40</v>
      </c>
      <c r="T10176" s="5" t="s">
        <v>42</v>
      </c>
      <c r="U10176" s="2">
        <v>5.9969999999999999</v>
      </c>
      <c r="V10176" s="2">
        <v>4.1609999999999996</v>
      </c>
      <c r="W10176" s="2">
        <v>0.104</v>
      </c>
      <c r="X10176" s="2">
        <v>12</v>
      </c>
      <c r="Y10176" s="2">
        <v>50</v>
      </c>
      <c r="Z10176" s="2">
        <v>173.9</v>
      </c>
      <c r="AA10176" s="5">
        <v>10</v>
      </c>
      <c r="AB10176" s="5" t="s">
        <v>43</v>
      </c>
      <c r="AC10176" s="5" t="s">
        <v>44</v>
      </c>
      <c r="AD10176" s="2" t="s">
        <v>30445</v>
      </c>
      <c r="AE10176" s="1"/>
    </row>
    <row r="10177" spans="1:31" ht="14.45">
      <c r="A10177" s="11"/>
      <c r="B10177" s="20"/>
      <c r="C10177" s="2" t="s">
        <v>31285</v>
      </c>
      <c r="D10177" s="14" t="s">
        <v>31286</v>
      </c>
      <c r="E10177" s="2" t="s">
        <v>31287</v>
      </c>
      <c r="F10177" s="2" t="s">
        <v>30449</v>
      </c>
      <c r="G10177" s="8">
        <v>221</v>
      </c>
      <c r="H10177" s="5">
        <v>5</v>
      </c>
      <c r="I10177" s="5" t="s">
        <v>69</v>
      </c>
      <c r="J10177" s="5" t="s">
        <v>27074</v>
      </c>
      <c r="K10177" s="2" t="s">
        <v>27075</v>
      </c>
      <c r="L10177" s="5" t="s">
        <v>27074</v>
      </c>
      <c r="M10177" s="2" t="s">
        <v>27075</v>
      </c>
      <c r="N10177" s="5" t="s">
        <v>24254</v>
      </c>
      <c r="O10177" s="5" t="s">
        <v>38</v>
      </c>
      <c r="P10177" s="5" t="s">
        <v>39</v>
      </c>
      <c r="Q10177" s="5" t="s">
        <v>40</v>
      </c>
      <c r="R10177" s="5" t="s">
        <v>24335</v>
      </c>
      <c r="S10177" s="5" t="s">
        <v>40</v>
      </c>
      <c r="T10177" s="5" t="s">
        <v>42</v>
      </c>
      <c r="U10177" s="2">
        <v>6.8419999999999996</v>
      </c>
      <c r="V10177" s="2">
        <v>4.7460000000000004</v>
      </c>
      <c r="W10177" s="2">
        <v>0.104</v>
      </c>
      <c r="X10177" s="2">
        <v>12</v>
      </c>
      <c r="Y10177" s="2">
        <v>50</v>
      </c>
      <c r="Z10177" s="2">
        <v>173.9</v>
      </c>
      <c r="AA10177" s="5">
        <v>10</v>
      </c>
      <c r="AB10177" s="5" t="s">
        <v>43</v>
      </c>
      <c r="AC10177" s="5" t="s">
        <v>44</v>
      </c>
      <c r="AD10177" s="2" t="s">
        <v>30441</v>
      </c>
      <c r="AE10177" s="1"/>
    </row>
    <row r="10178" spans="1:31" ht="14.45">
      <c r="A10178" s="11"/>
      <c r="B10178" s="20"/>
      <c r="C10178" s="2" t="s">
        <v>31288</v>
      </c>
      <c r="D10178" s="14" t="s">
        <v>31289</v>
      </c>
      <c r="E10178" s="2" t="s">
        <v>31290</v>
      </c>
      <c r="F10178" s="2" t="s">
        <v>30449</v>
      </c>
      <c r="G10178" s="8">
        <v>221</v>
      </c>
      <c r="H10178" s="5">
        <v>5</v>
      </c>
      <c r="I10178" s="5" t="s">
        <v>69</v>
      </c>
      <c r="J10178" s="5" t="s">
        <v>27074</v>
      </c>
      <c r="K10178" s="2" t="s">
        <v>27075</v>
      </c>
      <c r="L10178" s="5" t="s">
        <v>27074</v>
      </c>
      <c r="M10178" s="2" t="s">
        <v>27075</v>
      </c>
      <c r="N10178" s="5" t="s">
        <v>24254</v>
      </c>
      <c r="O10178" s="5" t="s">
        <v>38</v>
      </c>
      <c r="P10178" s="5" t="s">
        <v>39</v>
      </c>
      <c r="Q10178" s="5" t="s">
        <v>40</v>
      </c>
      <c r="R10178" s="5" t="s">
        <v>24335</v>
      </c>
      <c r="S10178" s="5" t="s">
        <v>40</v>
      </c>
      <c r="T10178" s="5" t="s">
        <v>42</v>
      </c>
      <c r="U10178" s="2">
        <v>7.2519999999999998</v>
      </c>
      <c r="V10178" s="2">
        <v>5.1559999999999997</v>
      </c>
      <c r="W10178" s="2">
        <v>0.104</v>
      </c>
      <c r="X10178" s="2">
        <v>12</v>
      </c>
      <c r="Y10178" s="2">
        <v>50</v>
      </c>
      <c r="Z10178" s="2">
        <v>173.9</v>
      </c>
      <c r="AA10178" s="5">
        <v>10</v>
      </c>
      <c r="AB10178" s="5" t="s">
        <v>43</v>
      </c>
      <c r="AC10178" s="5" t="s">
        <v>44</v>
      </c>
      <c r="AD10178" s="2" t="s">
        <v>30445</v>
      </c>
      <c r="AE10178" s="1"/>
    </row>
    <row r="10179" spans="1:31" ht="14.45">
      <c r="A10179" s="11"/>
      <c r="B10179" s="20"/>
      <c r="C10179" s="2" t="s">
        <v>31291</v>
      </c>
      <c r="D10179" s="14" t="s">
        <v>31292</v>
      </c>
      <c r="E10179" s="2" t="s">
        <v>31293</v>
      </c>
      <c r="F10179" s="2" t="s">
        <v>30456</v>
      </c>
      <c r="G10179" s="8">
        <v>402</v>
      </c>
      <c r="H10179" s="5">
        <v>5</v>
      </c>
      <c r="I10179" s="5" t="s">
        <v>69</v>
      </c>
      <c r="J10179" s="5" t="s">
        <v>27074</v>
      </c>
      <c r="K10179" s="2" t="s">
        <v>27075</v>
      </c>
      <c r="L10179" s="5" t="s">
        <v>27074</v>
      </c>
      <c r="M10179" s="2" t="s">
        <v>27075</v>
      </c>
      <c r="N10179" s="5" t="s">
        <v>24254</v>
      </c>
      <c r="O10179" s="5" t="s">
        <v>38</v>
      </c>
      <c r="P10179" s="5" t="s">
        <v>39</v>
      </c>
      <c r="Q10179" s="5" t="s">
        <v>40</v>
      </c>
      <c r="R10179" s="5" t="s">
        <v>24335</v>
      </c>
      <c r="S10179" s="5" t="s">
        <v>40</v>
      </c>
      <c r="T10179" s="5" t="s">
        <v>42</v>
      </c>
      <c r="U10179" s="2">
        <v>15.185</v>
      </c>
      <c r="V10179" s="2">
        <v>12.468</v>
      </c>
      <c r="W10179" s="2">
        <v>0.16</v>
      </c>
      <c r="X10179" s="2">
        <v>12</v>
      </c>
      <c r="Y10179" s="2">
        <v>77</v>
      </c>
      <c r="Z10179" s="2">
        <v>173.4</v>
      </c>
      <c r="AA10179" s="5">
        <v>8</v>
      </c>
      <c r="AB10179" s="5" t="s">
        <v>43</v>
      </c>
      <c r="AC10179" s="5" t="s">
        <v>44</v>
      </c>
      <c r="AD10179" s="2" t="s">
        <v>30457</v>
      </c>
      <c r="AE10179" s="1"/>
    </row>
    <row r="10180" spans="1:31" ht="14.45">
      <c r="A10180" s="11"/>
      <c r="B10180" s="20"/>
      <c r="C10180" s="2" t="s">
        <v>31294</v>
      </c>
      <c r="D10180" s="14" t="s">
        <v>31295</v>
      </c>
      <c r="E10180" s="2" t="s">
        <v>31296</v>
      </c>
      <c r="F10180" s="2" t="s">
        <v>30595</v>
      </c>
      <c r="G10180" s="8">
        <v>372</v>
      </c>
      <c r="H10180" s="5">
        <v>10</v>
      </c>
      <c r="I10180" s="5" t="s">
        <v>69</v>
      </c>
      <c r="J10180" s="5" t="s">
        <v>27074</v>
      </c>
      <c r="K10180" s="2" t="s">
        <v>27075</v>
      </c>
      <c r="L10180" s="5" t="s">
        <v>27074</v>
      </c>
      <c r="M10180" s="2" t="s">
        <v>27075</v>
      </c>
      <c r="N10180" s="5" t="s">
        <v>24254</v>
      </c>
      <c r="O10180" s="5" t="s">
        <v>38</v>
      </c>
      <c r="P10180" s="5" t="s">
        <v>39</v>
      </c>
      <c r="Q10180" s="5" t="s">
        <v>40</v>
      </c>
      <c r="R10180" s="5" t="s">
        <v>24340</v>
      </c>
      <c r="S10180" s="5" t="s">
        <v>40</v>
      </c>
      <c r="T10180" s="5" t="s">
        <v>42</v>
      </c>
      <c r="U10180" s="2">
        <v>13.211</v>
      </c>
      <c r="V10180" s="2">
        <v>11.43</v>
      </c>
      <c r="W10180" s="2">
        <v>0.104</v>
      </c>
      <c r="X10180" s="2">
        <v>12</v>
      </c>
      <c r="Y10180" s="2">
        <v>50</v>
      </c>
      <c r="Z10180" s="2">
        <v>173.9</v>
      </c>
      <c r="AA10180" s="5">
        <v>8</v>
      </c>
      <c r="AB10180" s="5" t="s">
        <v>43</v>
      </c>
      <c r="AC10180" s="5" t="s">
        <v>44</v>
      </c>
      <c r="AD10180" s="2" t="s">
        <v>30525</v>
      </c>
      <c r="AE10180" s="1"/>
    </row>
    <row r="10181" spans="1:31" ht="14.45">
      <c r="A10181" s="11"/>
      <c r="B10181" s="20"/>
      <c r="C10181" s="2" t="s">
        <v>31297</v>
      </c>
      <c r="D10181" s="14" t="s">
        <v>31298</v>
      </c>
      <c r="E10181" s="2" t="s">
        <v>31299</v>
      </c>
      <c r="F10181" s="2" t="s">
        <v>30529</v>
      </c>
      <c r="G10181" s="8">
        <v>372</v>
      </c>
      <c r="H10181" s="5">
        <v>10</v>
      </c>
      <c r="I10181" s="5" t="s">
        <v>69</v>
      </c>
      <c r="J10181" s="5" t="s">
        <v>27074</v>
      </c>
      <c r="K10181" s="2" t="s">
        <v>27075</v>
      </c>
      <c r="L10181" s="5" t="s">
        <v>27074</v>
      </c>
      <c r="M10181" s="2" t="s">
        <v>27075</v>
      </c>
      <c r="N10181" s="5" t="s">
        <v>24254</v>
      </c>
      <c r="O10181" s="5" t="s">
        <v>38</v>
      </c>
      <c r="P10181" s="5" t="s">
        <v>39</v>
      </c>
      <c r="Q10181" s="5" t="s">
        <v>40</v>
      </c>
      <c r="R10181" s="5" t="s">
        <v>24340</v>
      </c>
      <c r="S10181" s="5" t="s">
        <v>40</v>
      </c>
      <c r="T10181" s="5" t="s">
        <v>42</v>
      </c>
      <c r="U10181" s="2">
        <v>9.7420000000000009</v>
      </c>
      <c r="V10181" s="2">
        <v>8.0410000000000004</v>
      </c>
      <c r="W10181" s="2">
        <v>0.104</v>
      </c>
      <c r="X10181" s="2">
        <v>12</v>
      </c>
      <c r="Y10181" s="2">
        <v>50</v>
      </c>
      <c r="Z10181" s="2">
        <v>173.9</v>
      </c>
      <c r="AA10181" s="5">
        <v>8</v>
      </c>
      <c r="AB10181" s="5" t="s">
        <v>43</v>
      </c>
      <c r="AC10181" s="5" t="s">
        <v>44</v>
      </c>
      <c r="AD10181" s="2" t="s">
        <v>30525</v>
      </c>
      <c r="AE10181" s="1"/>
    </row>
    <row r="10182" spans="1:31" ht="14.45">
      <c r="A10182" s="11"/>
      <c r="B10182" s="20"/>
      <c r="C10182" s="2" t="s">
        <v>31300</v>
      </c>
      <c r="D10182" s="14" t="s">
        <v>31301</v>
      </c>
      <c r="E10182" s="2" t="s">
        <v>31302</v>
      </c>
      <c r="F10182" s="2" t="s">
        <v>30461</v>
      </c>
      <c r="G10182" s="8">
        <v>704</v>
      </c>
      <c r="H10182" s="5">
        <v>10</v>
      </c>
      <c r="I10182" s="5" t="s">
        <v>69</v>
      </c>
      <c r="J10182" s="5" t="s">
        <v>27074</v>
      </c>
      <c r="K10182" s="2" t="s">
        <v>27075</v>
      </c>
      <c r="L10182" s="5" t="s">
        <v>27074</v>
      </c>
      <c r="M10182" s="2" t="s">
        <v>27075</v>
      </c>
      <c r="N10182" s="5" t="s">
        <v>24254</v>
      </c>
      <c r="O10182" s="5" t="s">
        <v>38</v>
      </c>
      <c r="P10182" s="5" t="s">
        <v>39</v>
      </c>
      <c r="Q10182" s="5" t="s">
        <v>40</v>
      </c>
      <c r="R10182" s="5" t="s">
        <v>24340</v>
      </c>
      <c r="S10182" s="5" t="s">
        <v>40</v>
      </c>
      <c r="T10182" s="5" t="s">
        <v>42</v>
      </c>
      <c r="U10182" s="2">
        <v>27.280999999999999</v>
      </c>
      <c r="V10182" s="2">
        <v>24.552</v>
      </c>
      <c r="W10182" s="2">
        <v>0.19500000000000001</v>
      </c>
      <c r="X10182" s="2">
        <v>12</v>
      </c>
      <c r="Y10182" s="2">
        <v>77</v>
      </c>
      <c r="Z10182" s="2">
        <v>210.9</v>
      </c>
      <c r="AA10182" s="5">
        <v>8</v>
      </c>
      <c r="AB10182" s="5" t="s">
        <v>43</v>
      </c>
      <c r="AC10182" s="5" t="s">
        <v>44</v>
      </c>
      <c r="AD10182" s="2" t="s">
        <v>30462</v>
      </c>
      <c r="AE10182" s="1"/>
    </row>
    <row r="10183" spans="1:31" ht="14.45">
      <c r="A10183" s="11"/>
      <c r="B10183" s="20"/>
      <c r="C10183" s="2" t="s">
        <v>31303</v>
      </c>
      <c r="D10183" s="14" t="s">
        <v>31304</v>
      </c>
      <c r="E10183" s="2" t="s">
        <v>31305</v>
      </c>
      <c r="F10183" s="2" t="s">
        <v>30541</v>
      </c>
      <c r="G10183" s="8">
        <v>372</v>
      </c>
      <c r="H10183" s="5">
        <v>10</v>
      </c>
      <c r="I10183" s="5" t="s">
        <v>69</v>
      </c>
      <c r="J10183" s="5" t="s">
        <v>27074</v>
      </c>
      <c r="K10183" s="2" t="s">
        <v>27075</v>
      </c>
      <c r="L10183" s="5" t="s">
        <v>27074</v>
      </c>
      <c r="M10183" s="2" t="s">
        <v>27075</v>
      </c>
      <c r="N10183" s="5" t="s">
        <v>24254</v>
      </c>
      <c r="O10183" s="5" t="s">
        <v>38</v>
      </c>
      <c r="P10183" s="5" t="s">
        <v>39</v>
      </c>
      <c r="Q10183" s="5" t="s">
        <v>40</v>
      </c>
      <c r="R10183" s="5" t="s">
        <v>25301</v>
      </c>
      <c r="S10183" s="5" t="s">
        <v>40</v>
      </c>
      <c r="T10183" s="5" t="s">
        <v>42</v>
      </c>
      <c r="U10183" s="2">
        <v>16.457000000000001</v>
      </c>
      <c r="V10183" s="2">
        <v>14.646000000000001</v>
      </c>
      <c r="W10183" s="2">
        <v>0.104</v>
      </c>
      <c r="X10183" s="2">
        <v>12</v>
      </c>
      <c r="Y10183" s="2">
        <v>50</v>
      </c>
      <c r="Z10183" s="2">
        <v>173.9</v>
      </c>
      <c r="AA10183" s="5">
        <v>8</v>
      </c>
      <c r="AB10183" s="5" t="s">
        <v>43</v>
      </c>
      <c r="AC10183" s="5" t="s">
        <v>44</v>
      </c>
      <c r="AD10183" s="2" t="s">
        <v>30542</v>
      </c>
      <c r="AE10183" s="1"/>
    </row>
    <row r="10184" spans="1:31" ht="14.45">
      <c r="A10184" s="11"/>
      <c r="B10184" s="20"/>
      <c r="C10184" s="2" t="s">
        <v>31306</v>
      </c>
      <c r="D10184" s="14" t="s">
        <v>31307</v>
      </c>
      <c r="E10184" s="2" t="s">
        <v>31308</v>
      </c>
      <c r="F10184" s="2" t="s">
        <v>30546</v>
      </c>
      <c r="G10184" s="8">
        <v>372</v>
      </c>
      <c r="H10184" s="5">
        <v>10</v>
      </c>
      <c r="I10184" s="5" t="s">
        <v>69</v>
      </c>
      <c r="J10184" s="5" t="s">
        <v>27074</v>
      </c>
      <c r="K10184" s="2" t="s">
        <v>27075</v>
      </c>
      <c r="L10184" s="5" t="s">
        <v>27074</v>
      </c>
      <c r="M10184" s="2" t="s">
        <v>27075</v>
      </c>
      <c r="N10184" s="5" t="s">
        <v>24254</v>
      </c>
      <c r="O10184" s="5" t="s">
        <v>38</v>
      </c>
      <c r="P10184" s="5" t="s">
        <v>39</v>
      </c>
      <c r="Q10184" s="5" t="s">
        <v>40</v>
      </c>
      <c r="R10184" s="5" t="s">
        <v>25301</v>
      </c>
      <c r="S10184" s="5" t="s">
        <v>40</v>
      </c>
      <c r="T10184" s="5" t="s">
        <v>42</v>
      </c>
      <c r="U10184" s="2">
        <v>9.0239999999999991</v>
      </c>
      <c r="V10184" s="2">
        <v>7.3220000000000001</v>
      </c>
      <c r="W10184" s="2">
        <v>0.104</v>
      </c>
      <c r="X10184" s="2">
        <v>12</v>
      </c>
      <c r="Y10184" s="2">
        <v>50</v>
      </c>
      <c r="Z10184" s="2">
        <v>173.9</v>
      </c>
      <c r="AA10184" s="5">
        <v>8</v>
      </c>
      <c r="AB10184" s="5" t="s">
        <v>43</v>
      </c>
      <c r="AC10184" s="5" t="s">
        <v>44</v>
      </c>
      <c r="AD10184" s="2" t="s">
        <v>30542</v>
      </c>
      <c r="AE10184" s="1"/>
    </row>
    <row r="10185" spans="1:31" ht="14.45">
      <c r="A10185" s="11"/>
      <c r="B10185" s="20"/>
      <c r="C10185" s="2" t="s">
        <v>31309</v>
      </c>
      <c r="D10185" s="14" t="s">
        <v>31310</v>
      </c>
      <c r="E10185" s="2" t="s">
        <v>31311</v>
      </c>
      <c r="F10185" s="2" t="s">
        <v>30466</v>
      </c>
      <c r="G10185" s="8">
        <v>801</v>
      </c>
      <c r="H10185" s="5">
        <v>5</v>
      </c>
      <c r="I10185" s="5" t="s">
        <v>69</v>
      </c>
      <c r="J10185" s="5" t="s">
        <v>27074</v>
      </c>
      <c r="K10185" s="2" t="s">
        <v>27075</v>
      </c>
      <c r="L10185" s="5" t="s">
        <v>27074</v>
      </c>
      <c r="M10185" s="2" t="s">
        <v>27075</v>
      </c>
      <c r="N10185" s="5" t="s">
        <v>24254</v>
      </c>
      <c r="O10185" s="5" t="s">
        <v>38</v>
      </c>
      <c r="P10185" s="5" t="s">
        <v>39</v>
      </c>
      <c r="Q10185" s="5" t="s">
        <v>40</v>
      </c>
      <c r="R10185" s="5" t="s">
        <v>1487</v>
      </c>
      <c r="S10185" s="5"/>
      <c r="T10185" s="5" t="s">
        <v>42</v>
      </c>
      <c r="U10185" s="2">
        <v>0</v>
      </c>
      <c r="V10185" s="2">
        <v>0</v>
      </c>
      <c r="W10185" s="2">
        <v>0</v>
      </c>
      <c r="X10185" s="2">
        <v>0</v>
      </c>
      <c r="Y10185" s="2">
        <v>0</v>
      </c>
      <c r="Z10185" s="2">
        <v>0</v>
      </c>
      <c r="AA10185" s="5"/>
      <c r="AB10185" s="5" t="s">
        <v>43</v>
      </c>
      <c r="AC10185" s="5" t="s">
        <v>44</v>
      </c>
      <c r="AD10185" s="2" t="s">
        <v>30467</v>
      </c>
      <c r="AE10185" s="1"/>
    </row>
    <row r="10186" spans="1:31" ht="14.45">
      <c r="A10186" s="11"/>
      <c r="B10186" s="20"/>
      <c r="C10186" s="2" t="s">
        <v>31312</v>
      </c>
      <c r="D10186" s="14" t="s">
        <v>31313</v>
      </c>
      <c r="E10186" s="2" t="s">
        <v>31314</v>
      </c>
      <c r="F10186" s="2" t="s">
        <v>30471</v>
      </c>
      <c r="G10186" s="8">
        <v>801</v>
      </c>
      <c r="H10186" s="5">
        <v>15</v>
      </c>
      <c r="I10186" s="5" t="s">
        <v>69</v>
      </c>
      <c r="J10186" s="5" t="s">
        <v>27074</v>
      </c>
      <c r="K10186" s="2" t="s">
        <v>27075</v>
      </c>
      <c r="L10186" s="5" t="s">
        <v>27074</v>
      </c>
      <c r="M10186" s="2" t="s">
        <v>27075</v>
      </c>
      <c r="N10186" s="5" t="s">
        <v>24254</v>
      </c>
      <c r="O10186" s="5" t="s">
        <v>38</v>
      </c>
      <c r="P10186" s="5" t="s">
        <v>39</v>
      </c>
      <c r="Q10186" s="5" t="s">
        <v>40</v>
      </c>
      <c r="R10186" s="5" t="s">
        <v>1487</v>
      </c>
      <c r="S10186" s="5"/>
      <c r="T10186" s="5" t="s">
        <v>42</v>
      </c>
      <c r="U10186" s="2">
        <v>0</v>
      </c>
      <c r="V10186" s="2">
        <v>0</v>
      </c>
      <c r="W10186" s="2">
        <v>0</v>
      </c>
      <c r="X10186" s="2">
        <v>0</v>
      </c>
      <c r="Y10186" s="2">
        <v>0</v>
      </c>
      <c r="Z10186" s="2">
        <v>0</v>
      </c>
      <c r="AA10186" s="5"/>
      <c r="AB10186" s="5" t="s">
        <v>43</v>
      </c>
      <c r="AC10186" s="5" t="s">
        <v>44</v>
      </c>
      <c r="AD10186" s="2" t="s">
        <v>30472</v>
      </c>
      <c r="AE10186" s="1"/>
    </row>
    <row r="10187" spans="1:31" ht="14.45">
      <c r="A10187" s="11"/>
      <c r="B10187" s="20"/>
      <c r="C10187" s="2" t="s">
        <v>31315</v>
      </c>
      <c r="D10187" s="14" t="s">
        <v>31316</v>
      </c>
      <c r="E10187" s="2" t="s">
        <v>31317</v>
      </c>
      <c r="F10187" s="2" t="s">
        <v>30486</v>
      </c>
      <c r="G10187" s="8">
        <v>1103</v>
      </c>
      <c r="H10187" s="5">
        <v>10</v>
      </c>
      <c r="I10187" s="5" t="s">
        <v>69</v>
      </c>
      <c r="J10187" s="5" t="s">
        <v>27074</v>
      </c>
      <c r="K10187" s="2" t="s">
        <v>27075</v>
      </c>
      <c r="L10187" s="5" t="s">
        <v>27074</v>
      </c>
      <c r="M10187" s="2" t="s">
        <v>27075</v>
      </c>
      <c r="N10187" s="5" t="s">
        <v>24254</v>
      </c>
      <c r="O10187" s="5" t="s">
        <v>38</v>
      </c>
      <c r="P10187" s="5" t="s">
        <v>39</v>
      </c>
      <c r="Q10187" s="5" t="s">
        <v>40</v>
      </c>
      <c r="R10187" s="5" t="s">
        <v>1487</v>
      </c>
      <c r="S10187" s="5"/>
      <c r="T10187" s="5" t="s">
        <v>42</v>
      </c>
      <c r="U10187" s="2">
        <v>0</v>
      </c>
      <c r="V10187" s="2">
        <v>0</v>
      </c>
      <c r="W10187" s="2">
        <v>0</v>
      </c>
      <c r="X10187" s="2">
        <v>0</v>
      </c>
      <c r="Y10187" s="2">
        <v>0</v>
      </c>
      <c r="Z10187" s="2">
        <v>0</v>
      </c>
      <c r="AA10187" s="5"/>
      <c r="AB10187" s="5" t="s">
        <v>43</v>
      </c>
      <c r="AC10187" s="5" t="s">
        <v>44</v>
      </c>
      <c r="AD10187" s="2"/>
      <c r="AE10187" s="1"/>
    </row>
    <row r="10188" spans="1:31" ht="14.45">
      <c r="A10188" s="11"/>
      <c r="B10188" s="20"/>
      <c r="C10188" s="2" t="s">
        <v>31318</v>
      </c>
      <c r="D10188" s="14" t="s">
        <v>31319</v>
      </c>
      <c r="E10188" s="2" t="s">
        <v>31320</v>
      </c>
      <c r="F10188" s="2" t="s">
        <v>30490</v>
      </c>
      <c r="G10188" s="8">
        <v>1103</v>
      </c>
      <c r="H10188" s="5">
        <v>15</v>
      </c>
      <c r="I10188" s="5" t="s">
        <v>69</v>
      </c>
      <c r="J10188" s="5" t="s">
        <v>27074</v>
      </c>
      <c r="K10188" s="2" t="s">
        <v>27075</v>
      </c>
      <c r="L10188" s="5" t="s">
        <v>27074</v>
      </c>
      <c r="M10188" s="2" t="s">
        <v>27075</v>
      </c>
      <c r="N10188" s="5" t="s">
        <v>24254</v>
      </c>
      <c r="O10188" s="5" t="s">
        <v>38</v>
      </c>
      <c r="P10188" s="5" t="s">
        <v>39</v>
      </c>
      <c r="Q10188" s="5" t="s">
        <v>40</v>
      </c>
      <c r="R10188" s="5" t="s">
        <v>1487</v>
      </c>
      <c r="S10188" s="5"/>
      <c r="T10188" s="5" t="s">
        <v>42</v>
      </c>
      <c r="U10188" s="2">
        <v>0</v>
      </c>
      <c r="V10188" s="2">
        <v>0</v>
      </c>
      <c r="W10188" s="2">
        <v>0</v>
      </c>
      <c r="X10188" s="2">
        <v>0</v>
      </c>
      <c r="Y10188" s="2">
        <v>0</v>
      </c>
      <c r="Z10188" s="2">
        <v>0</v>
      </c>
      <c r="AA10188" s="5"/>
      <c r="AB10188" s="5" t="s">
        <v>43</v>
      </c>
      <c r="AC10188" s="5" t="s">
        <v>44</v>
      </c>
      <c r="AD10188" s="2"/>
      <c r="AE10188" s="1"/>
    </row>
    <row r="10189" spans="1:31" ht="14.45">
      <c r="A10189" s="11"/>
      <c r="B10189" s="20"/>
      <c r="C10189" s="2" t="s">
        <v>31321</v>
      </c>
      <c r="D10189" s="14" t="s">
        <v>31322</v>
      </c>
      <c r="E10189" s="2" t="s">
        <v>31323</v>
      </c>
      <c r="F10189" s="2" t="s">
        <v>30418</v>
      </c>
      <c r="G10189" s="8">
        <v>227</v>
      </c>
      <c r="H10189" s="5">
        <v>10</v>
      </c>
      <c r="I10189" s="5" t="s">
        <v>69</v>
      </c>
      <c r="J10189" s="5" t="s">
        <v>27074</v>
      </c>
      <c r="K10189" s="2" t="s">
        <v>27075</v>
      </c>
      <c r="L10189" s="5" t="s">
        <v>27074</v>
      </c>
      <c r="M10189" s="2" t="s">
        <v>27075</v>
      </c>
      <c r="N10189" s="5" t="s">
        <v>24254</v>
      </c>
      <c r="O10189" s="5" t="s">
        <v>38</v>
      </c>
      <c r="P10189" s="5" t="s">
        <v>39</v>
      </c>
      <c r="Q10189" s="5" t="s">
        <v>40</v>
      </c>
      <c r="R10189" s="5" t="s">
        <v>24335</v>
      </c>
      <c r="S10189" s="5" t="s">
        <v>40</v>
      </c>
      <c r="T10189" s="5" t="s">
        <v>42</v>
      </c>
      <c r="U10189" s="2">
        <v>10.651999999999999</v>
      </c>
      <c r="V10189" s="2">
        <v>8.8539999999999992</v>
      </c>
      <c r="W10189" s="2">
        <v>0.104</v>
      </c>
      <c r="X10189" s="2">
        <v>12</v>
      </c>
      <c r="Y10189" s="2">
        <v>50</v>
      </c>
      <c r="Z10189" s="2">
        <v>173.9</v>
      </c>
      <c r="AA10189" s="5">
        <v>8</v>
      </c>
      <c r="AB10189" s="5" t="s">
        <v>43</v>
      </c>
      <c r="AC10189" s="5" t="s">
        <v>44</v>
      </c>
      <c r="AD10189" s="2" t="s">
        <v>30419</v>
      </c>
      <c r="AE10189" s="1"/>
    </row>
    <row r="10190" spans="1:31" ht="14.45">
      <c r="A10190" s="11"/>
      <c r="B10190" s="20"/>
      <c r="C10190" s="2" t="s">
        <v>31324</v>
      </c>
      <c r="D10190" s="14" t="s">
        <v>31325</v>
      </c>
      <c r="E10190" s="2" t="s">
        <v>31326</v>
      </c>
      <c r="F10190" s="2" t="s">
        <v>30423</v>
      </c>
      <c r="G10190" s="8">
        <v>227</v>
      </c>
      <c r="H10190" s="5">
        <v>5</v>
      </c>
      <c r="I10190" s="5" t="s">
        <v>69</v>
      </c>
      <c r="J10190" s="5" t="s">
        <v>27074</v>
      </c>
      <c r="K10190" s="2" t="s">
        <v>27075</v>
      </c>
      <c r="L10190" s="5" t="s">
        <v>27074</v>
      </c>
      <c r="M10190" s="2" t="s">
        <v>27075</v>
      </c>
      <c r="N10190" s="5" t="s">
        <v>24254</v>
      </c>
      <c r="O10190" s="5" t="s">
        <v>38</v>
      </c>
      <c r="P10190" s="5" t="s">
        <v>39</v>
      </c>
      <c r="Q10190" s="5" t="s">
        <v>40</v>
      </c>
      <c r="R10190" s="5" t="s">
        <v>24335</v>
      </c>
      <c r="S10190" s="5" t="s">
        <v>40</v>
      </c>
      <c r="T10190" s="5" t="s">
        <v>42</v>
      </c>
      <c r="U10190" s="2">
        <v>8.0850000000000009</v>
      </c>
      <c r="V10190" s="2">
        <v>6.2329999999999997</v>
      </c>
      <c r="W10190" s="2">
        <v>0.104</v>
      </c>
      <c r="X10190" s="2">
        <v>12</v>
      </c>
      <c r="Y10190" s="2">
        <v>50</v>
      </c>
      <c r="Z10190" s="2">
        <v>173.9</v>
      </c>
      <c r="AA10190" s="5">
        <v>8</v>
      </c>
      <c r="AB10190" s="5" t="s">
        <v>43</v>
      </c>
      <c r="AC10190" s="5" t="s">
        <v>44</v>
      </c>
      <c r="AD10190" s="2" t="s">
        <v>30419</v>
      </c>
      <c r="AE10190" s="1"/>
    </row>
    <row r="10191" spans="1:31" ht="14.45">
      <c r="A10191" s="11"/>
      <c r="B10191" s="20"/>
      <c r="C10191" s="2" t="s">
        <v>31327</v>
      </c>
      <c r="D10191" s="14" t="s">
        <v>31328</v>
      </c>
      <c r="E10191" s="2" t="s">
        <v>31329</v>
      </c>
      <c r="F10191" s="2" t="s">
        <v>30427</v>
      </c>
      <c r="G10191" s="8">
        <v>227</v>
      </c>
      <c r="H10191" s="5">
        <v>10</v>
      </c>
      <c r="I10191" s="5" t="s">
        <v>69</v>
      </c>
      <c r="J10191" s="5" t="s">
        <v>27074</v>
      </c>
      <c r="K10191" s="2" t="s">
        <v>27075</v>
      </c>
      <c r="L10191" s="5" t="s">
        <v>27074</v>
      </c>
      <c r="M10191" s="2" t="s">
        <v>27075</v>
      </c>
      <c r="N10191" s="5" t="s">
        <v>24254</v>
      </c>
      <c r="O10191" s="5" t="s">
        <v>38</v>
      </c>
      <c r="P10191" s="5" t="s">
        <v>39</v>
      </c>
      <c r="Q10191" s="5" t="s">
        <v>40</v>
      </c>
      <c r="R10191" s="5" t="s">
        <v>24335</v>
      </c>
      <c r="S10191" s="5" t="s">
        <v>40</v>
      </c>
      <c r="T10191" s="5" t="s">
        <v>42</v>
      </c>
      <c r="U10191" s="2">
        <v>6.3890000000000002</v>
      </c>
      <c r="V10191" s="2">
        <v>4.6879999999999997</v>
      </c>
      <c r="W10191" s="2">
        <v>0.104</v>
      </c>
      <c r="X10191" s="2">
        <v>12</v>
      </c>
      <c r="Y10191" s="2">
        <v>50</v>
      </c>
      <c r="Z10191" s="2">
        <v>173.9</v>
      </c>
      <c r="AA10191" s="5">
        <v>8</v>
      </c>
      <c r="AB10191" s="5" t="s">
        <v>43</v>
      </c>
      <c r="AC10191" s="5" t="s">
        <v>44</v>
      </c>
      <c r="AD10191" s="2" t="s">
        <v>30419</v>
      </c>
      <c r="AE10191" s="1"/>
    </row>
    <row r="10192" spans="1:31" ht="14.45">
      <c r="A10192" s="11"/>
      <c r="B10192" s="20"/>
      <c r="C10192" s="2" t="s">
        <v>31330</v>
      </c>
      <c r="D10192" s="14" t="s">
        <v>31331</v>
      </c>
      <c r="E10192" s="2" t="s">
        <v>31332</v>
      </c>
      <c r="F10192" s="2" t="s">
        <v>30431</v>
      </c>
      <c r="G10192" s="8">
        <v>227</v>
      </c>
      <c r="H10192" s="5">
        <v>5</v>
      </c>
      <c r="I10192" s="5" t="s">
        <v>69</v>
      </c>
      <c r="J10192" s="5" t="s">
        <v>27074</v>
      </c>
      <c r="K10192" s="2" t="s">
        <v>27075</v>
      </c>
      <c r="L10192" s="5" t="s">
        <v>27074</v>
      </c>
      <c r="M10192" s="2" t="s">
        <v>27075</v>
      </c>
      <c r="N10192" s="5" t="s">
        <v>24254</v>
      </c>
      <c r="O10192" s="5" t="s">
        <v>38</v>
      </c>
      <c r="P10192" s="5" t="s">
        <v>39</v>
      </c>
      <c r="Q10192" s="5" t="s">
        <v>40</v>
      </c>
      <c r="R10192" s="5" t="s">
        <v>24335</v>
      </c>
      <c r="S10192" s="5" t="s">
        <v>40</v>
      </c>
      <c r="T10192" s="5" t="s">
        <v>42</v>
      </c>
      <c r="U10192" s="2">
        <v>7.6790000000000003</v>
      </c>
      <c r="V10192" s="2">
        <v>5.843</v>
      </c>
      <c r="W10192" s="2">
        <v>0.104</v>
      </c>
      <c r="X10192" s="2">
        <v>12</v>
      </c>
      <c r="Y10192" s="2">
        <v>50</v>
      </c>
      <c r="Z10192" s="2">
        <v>173.9</v>
      </c>
      <c r="AA10192" s="5">
        <v>10</v>
      </c>
      <c r="AB10192" s="5" t="s">
        <v>43</v>
      </c>
      <c r="AC10192" s="5" t="s">
        <v>44</v>
      </c>
      <c r="AD10192" s="2" t="s">
        <v>30432</v>
      </c>
      <c r="AE10192" s="1"/>
    </row>
    <row r="10193" spans="1:31" ht="14.45">
      <c r="A10193" s="11"/>
      <c r="B10193" s="20"/>
      <c r="C10193" s="2" t="s">
        <v>31333</v>
      </c>
      <c r="D10193" s="14" t="s">
        <v>31334</v>
      </c>
      <c r="E10193" s="2" t="s">
        <v>31335</v>
      </c>
      <c r="F10193" s="2" t="s">
        <v>30431</v>
      </c>
      <c r="G10193" s="8">
        <v>227</v>
      </c>
      <c r="H10193" s="5">
        <v>5</v>
      </c>
      <c r="I10193" s="5" t="s">
        <v>69</v>
      </c>
      <c r="J10193" s="5" t="s">
        <v>27074</v>
      </c>
      <c r="K10193" s="2" t="s">
        <v>27075</v>
      </c>
      <c r="L10193" s="5" t="s">
        <v>27074</v>
      </c>
      <c r="M10193" s="2" t="s">
        <v>27075</v>
      </c>
      <c r="N10193" s="5" t="s">
        <v>24254</v>
      </c>
      <c r="O10193" s="5" t="s">
        <v>38</v>
      </c>
      <c r="P10193" s="5" t="s">
        <v>39</v>
      </c>
      <c r="Q10193" s="5" t="s">
        <v>40</v>
      </c>
      <c r="R10193" s="5" t="s">
        <v>24335</v>
      </c>
      <c r="S10193" s="5" t="s">
        <v>40</v>
      </c>
      <c r="T10193" s="5" t="s">
        <v>42</v>
      </c>
      <c r="U10193" s="2">
        <v>8.0719999999999992</v>
      </c>
      <c r="V10193" s="2">
        <v>6.2359999999999998</v>
      </c>
      <c r="W10193" s="2">
        <v>0.104</v>
      </c>
      <c r="X10193" s="2">
        <v>12</v>
      </c>
      <c r="Y10193" s="2">
        <v>50</v>
      </c>
      <c r="Z10193" s="2">
        <v>173.9</v>
      </c>
      <c r="AA10193" s="5">
        <v>10</v>
      </c>
      <c r="AB10193" s="5" t="s">
        <v>43</v>
      </c>
      <c r="AC10193" s="5" t="s">
        <v>44</v>
      </c>
      <c r="AD10193" s="2" t="s">
        <v>30436</v>
      </c>
      <c r="AE10193" s="1"/>
    </row>
    <row r="10194" spans="1:31" ht="14.45">
      <c r="A10194" s="11"/>
      <c r="B10194" s="20"/>
      <c r="C10194" s="2" t="s">
        <v>31336</v>
      </c>
      <c r="D10194" s="14" t="s">
        <v>31337</v>
      </c>
      <c r="E10194" s="2" t="s">
        <v>31338</v>
      </c>
      <c r="F10194" s="2" t="s">
        <v>30440</v>
      </c>
      <c r="G10194" s="8">
        <v>227</v>
      </c>
      <c r="H10194" s="5">
        <v>5</v>
      </c>
      <c r="I10194" s="5" t="s">
        <v>69</v>
      </c>
      <c r="J10194" s="5" t="s">
        <v>27074</v>
      </c>
      <c r="K10194" s="2" t="s">
        <v>27075</v>
      </c>
      <c r="L10194" s="5" t="s">
        <v>27074</v>
      </c>
      <c r="M10194" s="2" t="s">
        <v>27075</v>
      </c>
      <c r="N10194" s="5" t="s">
        <v>24254</v>
      </c>
      <c r="O10194" s="5" t="s">
        <v>38</v>
      </c>
      <c r="P10194" s="5" t="s">
        <v>39</v>
      </c>
      <c r="Q10194" s="5" t="s">
        <v>40</v>
      </c>
      <c r="R10194" s="5" t="s">
        <v>24335</v>
      </c>
      <c r="S10194" s="5" t="s">
        <v>40</v>
      </c>
      <c r="T10194" s="5" t="s">
        <v>42</v>
      </c>
      <c r="U10194" s="2">
        <v>6.1120000000000001</v>
      </c>
      <c r="V10194" s="2">
        <v>4.2759999999999998</v>
      </c>
      <c r="W10194" s="2">
        <v>0.104</v>
      </c>
      <c r="X10194" s="2">
        <v>12</v>
      </c>
      <c r="Y10194" s="2">
        <v>50</v>
      </c>
      <c r="Z10194" s="2">
        <v>173.9</v>
      </c>
      <c r="AA10194" s="5">
        <v>10</v>
      </c>
      <c r="AB10194" s="5" t="s">
        <v>43</v>
      </c>
      <c r="AC10194" s="5" t="s">
        <v>44</v>
      </c>
      <c r="AD10194" s="2" t="s">
        <v>30441</v>
      </c>
      <c r="AE10194" s="1"/>
    </row>
    <row r="10195" spans="1:31" ht="14.45">
      <c r="A10195" s="11"/>
      <c r="B10195" s="20"/>
      <c r="C10195" s="2" t="s">
        <v>31339</v>
      </c>
      <c r="D10195" s="14" t="s">
        <v>31340</v>
      </c>
      <c r="E10195" s="2" t="s">
        <v>31341</v>
      </c>
      <c r="F10195" s="2" t="s">
        <v>30440</v>
      </c>
      <c r="G10195" s="8">
        <v>227</v>
      </c>
      <c r="H10195" s="5">
        <v>5</v>
      </c>
      <c r="I10195" s="5" t="s">
        <v>69</v>
      </c>
      <c r="J10195" s="5" t="s">
        <v>27074</v>
      </c>
      <c r="K10195" s="2" t="s">
        <v>27075</v>
      </c>
      <c r="L10195" s="5" t="s">
        <v>27074</v>
      </c>
      <c r="M10195" s="2" t="s">
        <v>27075</v>
      </c>
      <c r="N10195" s="5" t="s">
        <v>24254</v>
      </c>
      <c r="O10195" s="5" t="s">
        <v>38</v>
      </c>
      <c r="P10195" s="5" t="s">
        <v>39</v>
      </c>
      <c r="Q10195" s="5" t="s">
        <v>40</v>
      </c>
      <c r="R10195" s="5" t="s">
        <v>24335</v>
      </c>
      <c r="S10195" s="5" t="s">
        <v>40</v>
      </c>
      <c r="T10195" s="5" t="s">
        <v>42</v>
      </c>
      <c r="U10195" s="2">
        <v>6.2750000000000004</v>
      </c>
      <c r="V10195" s="2">
        <v>4.4390000000000001</v>
      </c>
      <c r="W10195" s="2">
        <v>0.104</v>
      </c>
      <c r="X10195" s="2">
        <v>12</v>
      </c>
      <c r="Y10195" s="2">
        <v>50</v>
      </c>
      <c r="Z10195" s="2">
        <v>173.9</v>
      </c>
      <c r="AA10195" s="5">
        <v>10</v>
      </c>
      <c r="AB10195" s="5" t="s">
        <v>43</v>
      </c>
      <c r="AC10195" s="5" t="s">
        <v>44</v>
      </c>
      <c r="AD10195" s="2" t="s">
        <v>30445</v>
      </c>
      <c r="AE10195" s="1"/>
    </row>
    <row r="10196" spans="1:31" ht="14.45">
      <c r="A10196" s="11"/>
      <c r="B10196" s="20"/>
      <c r="C10196" s="2" t="s">
        <v>31342</v>
      </c>
      <c r="D10196" s="14" t="s">
        <v>31343</v>
      </c>
      <c r="E10196" s="2" t="s">
        <v>31344</v>
      </c>
      <c r="F10196" s="2" t="s">
        <v>30449</v>
      </c>
      <c r="G10196" s="8">
        <v>227</v>
      </c>
      <c r="H10196" s="5">
        <v>5</v>
      </c>
      <c r="I10196" s="5" t="s">
        <v>69</v>
      </c>
      <c r="J10196" s="5" t="s">
        <v>27074</v>
      </c>
      <c r="K10196" s="2" t="s">
        <v>27075</v>
      </c>
      <c r="L10196" s="5" t="s">
        <v>27074</v>
      </c>
      <c r="M10196" s="2" t="s">
        <v>27075</v>
      </c>
      <c r="N10196" s="5" t="s">
        <v>24254</v>
      </c>
      <c r="O10196" s="5" t="s">
        <v>38</v>
      </c>
      <c r="P10196" s="5" t="s">
        <v>39</v>
      </c>
      <c r="Q10196" s="5" t="s">
        <v>40</v>
      </c>
      <c r="R10196" s="5" t="s">
        <v>24335</v>
      </c>
      <c r="S10196" s="5" t="s">
        <v>40</v>
      </c>
      <c r="T10196" s="5" t="s">
        <v>42</v>
      </c>
      <c r="U10196" s="2">
        <v>7.2809999999999997</v>
      </c>
      <c r="V10196" s="2">
        <v>5.1849999999999996</v>
      </c>
      <c r="W10196" s="2">
        <v>0.104</v>
      </c>
      <c r="X10196" s="2">
        <v>12</v>
      </c>
      <c r="Y10196" s="2">
        <v>50</v>
      </c>
      <c r="Z10196" s="2">
        <v>173.9</v>
      </c>
      <c r="AA10196" s="5">
        <v>10</v>
      </c>
      <c r="AB10196" s="5" t="s">
        <v>43</v>
      </c>
      <c r="AC10196" s="5" t="s">
        <v>44</v>
      </c>
      <c r="AD10196" s="2" t="s">
        <v>30441</v>
      </c>
      <c r="AE10196" s="1"/>
    </row>
    <row r="10197" spans="1:31" ht="14.45">
      <c r="A10197" s="11"/>
      <c r="B10197" s="20"/>
      <c r="C10197" s="2" t="s">
        <v>31345</v>
      </c>
      <c r="D10197" s="14" t="s">
        <v>31346</v>
      </c>
      <c r="E10197" s="2" t="s">
        <v>31347</v>
      </c>
      <c r="F10197" s="2" t="s">
        <v>30449</v>
      </c>
      <c r="G10197" s="8">
        <v>227</v>
      </c>
      <c r="H10197" s="5">
        <v>5</v>
      </c>
      <c r="I10197" s="5" t="s">
        <v>69</v>
      </c>
      <c r="J10197" s="5" t="s">
        <v>27074</v>
      </c>
      <c r="K10197" s="2" t="s">
        <v>27075</v>
      </c>
      <c r="L10197" s="5" t="s">
        <v>27074</v>
      </c>
      <c r="M10197" s="2" t="s">
        <v>27075</v>
      </c>
      <c r="N10197" s="5" t="s">
        <v>24254</v>
      </c>
      <c r="O10197" s="5" t="s">
        <v>38</v>
      </c>
      <c r="P10197" s="5" t="s">
        <v>39</v>
      </c>
      <c r="Q10197" s="5" t="s">
        <v>40</v>
      </c>
      <c r="R10197" s="5" t="s">
        <v>24335</v>
      </c>
      <c r="S10197" s="5" t="s">
        <v>40</v>
      </c>
      <c r="T10197" s="5" t="s">
        <v>42</v>
      </c>
      <c r="U10197" s="2">
        <v>7.6909999999999998</v>
      </c>
      <c r="V10197" s="2">
        <v>5.5949999999999998</v>
      </c>
      <c r="W10197" s="2">
        <v>0.104</v>
      </c>
      <c r="X10197" s="2">
        <v>12</v>
      </c>
      <c r="Y10197" s="2">
        <v>50</v>
      </c>
      <c r="Z10197" s="2">
        <v>173.9</v>
      </c>
      <c r="AA10197" s="5">
        <v>10</v>
      </c>
      <c r="AB10197" s="5" t="s">
        <v>43</v>
      </c>
      <c r="AC10197" s="5" t="s">
        <v>44</v>
      </c>
      <c r="AD10197" s="2" t="s">
        <v>30445</v>
      </c>
      <c r="AE10197" s="1"/>
    </row>
    <row r="10198" spans="1:31" ht="14.45">
      <c r="A10198" s="11"/>
      <c r="B10198" s="20"/>
      <c r="C10198" s="2" t="s">
        <v>31348</v>
      </c>
      <c r="D10198" s="14" t="s">
        <v>31349</v>
      </c>
      <c r="E10198" s="2" t="s">
        <v>31350</v>
      </c>
      <c r="F10198" s="2" t="s">
        <v>30456</v>
      </c>
      <c r="G10198" s="8">
        <v>412</v>
      </c>
      <c r="H10198" s="5">
        <v>5</v>
      </c>
      <c r="I10198" s="5" t="s">
        <v>69</v>
      </c>
      <c r="J10198" s="5" t="s">
        <v>27074</v>
      </c>
      <c r="K10198" s="2" t="s">
        <v>27075</v>
      </c>
      <c r="L10198" s="5" t="s">
        <v>27074</v>
      </c>
      <c r="M10198" s="2" t="s">
        <v>27075</v>
      </c>
      <c r="N10198" s="5" t="s">
        <v>24254</v>
      </c>
      <c r="O10198" s="5" t="s">
        <v>38</v>
      </c>
      <c r="P10198" s="5" t="s">
        <v>39</v>
      </c>
      <c r="Q10198" s="5" t="s">
        <v>40</v>
      </c>
      <c r="R10198" s="5" t="s">
        <v>24335</v>
      </c>
      <c r="S10198" s="5" t="s">
        <v>40</v>
      </c>
      <c r="T10198" s="5" t="s">
        <v>42</v>
      </c>
      <c r="U10198" s="2">
        <v>16.044</v>
      </c>
      <c r="V10198" s="2">
        <v>13.327</v>
      </c>
      <c r="W10198" s="2">
        <v>0.19500000000000001</v>
      </c>
      <c r="X10198" s="2">
        <v>12</v>
      </c>
      <c r="Y10198" s="2">
        <v>77</v>
      </c>
      <c r="Z10198" s="2">
        <v>210.9</v>
      </c>
      <c r="AA10198" s="5">
        <v>8</v>
      </c>
      <c r="AB10198" s="5" t="s">
        <v>43</v>
      </c>
      <c r="AC10198" s="5" t="s">
        <v>44</v>
      </c>
      <c r="AD10198" s="2" t="s">
        <v>30457</v>
      </c>
      <c r="AE10198" s="1"/>
    </row>
    <row r="10199" spans="1:31" ht="14.45">
      <c r="A10199" s="11"/>
      <c r="B10199" s="20"/>
      <c r="C10199" s="2" t="s">
        <v>31351</v>
      </c>
      <c r="D10199" s="14" t="s">
        <v>31352</v>
      </c>
      <c r="E10199" s="2" t="s">
        <v>31353</v>
      </c>
      <c r="F10199" s="2" t="s">
        <v>30524</v>
      </c>
      <c r="G10199" s="8">
        <v>378</v>
      </c>
      <c r="H10199" s="5">
        <v>10</v>
      </c>
      <c r="I10199" s="5" t="s">
        <v>69</v>
      </c>
      <c r="J10199" s="5" t="s">
        <v>27074</v>
      </c>
      <c r="K10199" s="2" t="s">
        <v>27075</v>
      </c>
      <c r="L10199" s="5" t="s">
        <v>27074</v>
      </c>
      <c r="M10199" s="2" t="s">
        <v>27075</v>
      </c>
      <c r="N10199" s="5" t="s">
        <v>24254</v>
      </c>
      <c r="O10199" s="5" t="s">
        <v>38</v>
      </c>
      <c r="P10199" s="5" t="s">
        <v>39</v>
      </c>
      <c r="Q10199" s="5" t="s">
        <v>40</v>
      </c>
      <c r="R10199" s="5" t="s">
        <v>24340</v>
      </c>
      <c r="S10199" s="5" t="s">
        <v>40</v>
      </c>
      <c r="T10199" s="5" t="s">
        <v>42</v>
      </c>
      <c r="U10199" s="2">
        <v>19.966999999999999</v>
      </c>
      <c r="V10199" s="2">
        <v>18.157</v>
      </c>
      <c r="W10199" s="2">
        <v>0.104</v>
      </c>
      <c r="X10199" s="2">
        <v>12</v>
      </c>
      <c r="Y10199" s="2">
        <v>50</v>
      </c>
      <c r="Z10199" s="2">
        <v>173.9</v>
      </c>
      <c r="AA10199" s="5">
        <v>8</v>
      </c>
      <c r="AB10199" s="5" t="s">
        <v>43</v>
      </c>
      <c r="AC10199" s="5" t="s">
        <v>44</v>
      </c>
      <c r="AD10199" s="2" t="s">
        <v>30525</v>
      </c>
      <c r="AE10199" s="1"/>
    </row>
    <row r="10200" spans="1:31" ht="14.45">
      <c r="A10200" s="11"/>
      <c r="B10200" s="20"/>
      <c r="C10200" s="2" t="s">
        <v>31354</v>
      </c>
      <c r="D10200" s="14" t="s">
        <v>31355</v>
      </c>
      <c r="E10200" s="2" t="s">
        <v>31356</v>
      </c>
      <c r="F10200" s="2" t="s">
        <v>30595</v>
      </c>
      <c r="G10200" s="8">
        <v>378</v>
      </c>
      <c r="H10200" s="5">
        <v>10</v>
      </c>
      <c r="I10200" s="5" t="s">
        <v>69</v>
      </c>
      <c r="J10200" s="5" t="s">
        <v>27074</v>
      </c>
      <c r="K10200" s="2" t="s">
        <v>27075</v>
      </c>
      <c r="L10200" s="5" t="s">
        <v>27074</v>
      </c>
      <c r="M10200" s="2" t="s">
        <v>27075</v>
      </c>
      <c r="N10200" s="5" t="s">
        <v>24254</v>
      </c>
      <c r="O10200" s="5" t="s">
        <v>38</v>
      </c>
      <c r="P10200" s="5" t="s">
        <v>39</v>
      </c>
      <c r="Q10200" s="5" t="s">
        <v>40</v>
      </c>
      <c r="R10200" s="5" t="s">
        <v>24340</v>
      </c>
      <c r="S10200" s="5" t="s">
        <v>40</v>
      </c>
      <c r="T10200" s="5" t="s">
        <v>42</v>
      </c>
      <c r="U10200" s="2">
        <v>14.048999999999999</v>
      </c>
      <c r="V10200" s="2">
        <v>12.268000000000001</v>
      </c>
      <c r="W10200" s="2">
        <v>0.104</v>
      </c>
      <c r="X10200" s="2">
        <v>12</v>
      </c>
      <c r="Y10200" s="2">
        <v>50</v>
      </c>
      <c r="Z10200" s="2">
        <v>173.9</v>
      </c>
      <c r="AA10200" s="5">
        <v>8</v>
      </c>
      <c r="AB10200" s="5" t="s">
        <v>43</v>
      </c>
      <c r="AC10200" s="5" t="s">
        <v>44</v>
      </c>
      <c r="AD10200" s="2" t="s">
        <v>30525</v>
      </c>
      <c r="AE10200" s="1"/>
    </row>
    <row r="10201" spans="1:31" ht="14.45">
      <c r="A10201" s="11"/>
      <c r="B10201" s="20"/>
      <c r="C10201" s="2" t="s">
        <v>31357</v>
      </c>
      <c r="D10201" s="14" t="s">
        <v>31358</v>
      </c>
      <c r="E10201" s="2" t="s">
        <v>31359</v>
      </c>
      <c r="F10201" s="2" t="s">
        <v>30461</v>
      </c>
      <c r="G10201" s="8">
        <v>714</v>
      </c>
      <c r="H10201" s="5">
        <v>10</v>
      </c>
      <c r="I10201" s="5" t="s">
        <v>69</v>
      </c>
      <c r="J10201" s="5" t="s">
        <v>27074</v>
      </c>
      <c r="K10201" s="2" t="s">
        <v>27075</v>
      </c>
      <c r="L10201" s="5" t="s">
        <v>27074</v>
      </c>
      <c r="M10201" s="2" t="s">
        <v>27075</v>
      </c>
      <c r="N10201" s="5" t="s">
        <v>24254</v>
      </c>
      <c r="O10201" s="5" t="s">
        <v>38</v>
      </c>
      <c r="P10201" s="5" t="s">
        <v>39</v>
      </c>
      <c r="Q10201" s="5" t="s">
        <v>40</v>
      </c>
      <c r="R10201" s="5" t="s">
        <v>24340</v>
      </c>
      <c r="S10201" s="5" t="s">
        <v>40</v>
      </c>
      <c r="T10201" s="5" t="s">
        <v>42</v>
      </c>
      <c r="U10201" s="2">
        <v>29.132000000000001</v>
      </c>
      <c r="V10201" s="2">
        <v>26.402999999999999</v>
      </c>
      <c r="W10201" s="2">
        <v>0.19500000000000001</v>
      </c>
      <c r="X10201" s="2">
        <v>12</v>
      </c>
      <c r="Y10201" s="2">
        <v>77</v>
      </c>
      <c r="Z10201" s="2">
        <v>210.9</v>
      </c>
      <c r="AA10201" s="5">
        <v>8</v>
      </c>
      <c r="AB10201" s="5" t="s">
        <v>43</v>
      </c>
      <c r="AC10201" s="5" t="s">
        <v>44</v>
      </c>
      <c r="AD10201" s="2" t="s">
        <v>30462</v>
      </c>
      <c r="AE10201" s="1"/>
    </row>
    <row r="10202" spans="1:31" ht="14.45">
      <c r="A10202" s="11"/>
      <c r="B10202" s="20"/>
      <c r="C10202" s="2" t="s">
        <v>31360</v>
      </c>
      <c r="D10202" s="14" t="s">
        <v>31361</v>
      </c>
      <c r="E10202" s="2" t="s">
        <v>31362</v>
      </c>
      <c r="F10202" s="2" t="s">
        <v>30541</v>
      </c>
      <c r="G10202" s="8">
        <v>378</v>
      </c>
      <c r="H10202" s="5">
        <v>10</v>
      </c>
      <c r="I10202" s="5" t="s">
        <v>69</v>
      </c>
      <c r="J10202" s="5" t="s">
        <v>27074</v>
      </c>
      <c r="K10202" s="2" t="s">
        <v>27075</v>
      </c>
      <c r="L10202" s="5" t="s">
        <v>27074</v>
      </c>
      <c r="M10202" s="2" t="s">
        <v>27075</v>
      </c>
      <c r="N10202" s="5" t="s">
        <v>24254</v>
      </c>
      <c r="O10202" s="5" t="s">
        <v>38</v>
      </c>
      <c r="P10202" s="5" t="s">
        <v>39</v>
      </c>
      <c r="Q10202" s="5" t="s">
        <v>40</v>
      </c>
      <c r="R10202" s="5" t="s">
        <v>25301</v>
      </c>
      <c r="S10202" s="5" t="s">
        <v>40</v>
      </c>
      <c r="T10202" s="5" t="s">
        <v>42</v>
      </c>
      <c r="U10202" s="2">
        <v>17.670999999999999</v>
      </c>
      <c r="V10202" s="2">
        <v>15.86</v>
      </c>
      <c r="W10202" s="2">
        <v>0.104</v>
      </c>
      <c r="X10202" s="2">
        <v>12</v>
      </c>
      <c r="Y10202" s="2">
        <v>50</v>
      </c>
      <c r="Z10202" s="2">
        <v>173.9</v>
      </c>
      <c r="AA10202" s="5">
        <v>8</v>
      </c>
      <c r="AB10202" s="5" t="s">
        <v>43</v>
      </c>
      <c r="AC10202" s="5" t="s">
        <v>44</v>
      </c>
      <c r="AD10202" s="2" t="s">
        <v>30542</v>
      </c>
      <c r="AE10202" s="1"/>
    </row>
    <row r="10203" spans="1:31" ht="14.45">
      <c r="A10203" s="11"/>
      <c r="B10203" s="20"/>
      <c r="C10203" s="2" t="s">
        <v>31363</v>
      </c>
      <c r="D10203" s="14" t="s">
        <v>31364</v>
      </c>
      <c r="E10203" s="2" t="s">
        <v>31365</v>
      </c>
      <c r="F10203" s="2" t="s">
        <v>30546</v>
      </c>
      <c r="G10203" s="8">
        <v>378</v>
      </c>
      <c r="H10203" s="5">
        <v>10</v>
      </c>
      <c r="I10203" s="5" t="s">
        <v>69</v>
      </c>
      <c r="J10203" s="5" t="s">
        <v>27074</v>
      </c>
      <c r="K10203" s="2" t="s">
        <v>27075</v>
      </c>
      <c r="L10203" s="5" t="s">
        <v>27074</v>
      </c>
      <c r="M10203" s="2" t="s">
        <v>27075</v>
      </c>
      <c r="N10203" s="5" t="s">
        <v>24254</v>
      </c>
      <c r="O10203" s="5" t="s">
        <v>38</v>
      </c>
      <c r="P10203" s="5" t="s">
        <v>39</v>
      </c>
      <c r="Q10203" s="5" t="s">
        <v>40</v>
      </c>
      <c r="R10203" s="5" t="s">
        <v>25301</v>
      </c>
      <c r="S10203" s="5" t="s">
        <v>40</v>
      </c>
      <c r="T10203" s="5" t="s">
        <v>42</v>
      </c>
      <c r="U10203" s="2">
        <v>9.4160000000000004</v>
      </c>
      <c r="V10203" s="2">
        <v>7.7140000000000004</v>
      </c>
      <c r="W10203" s="2">
        <v>0.104</v>
      </c>
      <c r="X10203" s="2">
        <v>12</v>
      </c>
      <c r="Y10203" s="2">
        <v>50</v>
      </c>
      <c r="Z10203" s="2">
        <v>173.9</v>
      </c>
      <c r="AA10203" s="5">
        <v>8</v>
      </c>
      <c r="AB10203" s="5" t="s">
        <v>43</v>
      </c>
      <c r="AC10203" s="5" t="s">
        <v>44</v>
      </c>
      <c r="AD10203" s="2" t="s">
        <v>30542</v>
      </c>
      <c r="AE10203" s="1"/>
    </row>
    <row r="10204" spans="1:31" ht="14.45">
      <c r="A10204" s="11"/>
      <c r="B10204" s="20"/>
      <c r="C10204" s="2" t="s">
        <v>31366</v>
      </c>
      <c r="D10204" s="14" t="s">
        <v>31367</v>
      </c>
      <c r="E10204" s="2" t="s">
        <v>31368</v>
      </c>
      <c r="F10204" s="2" t="s">
        <v>30466</v>
      </c>
      <c r="G10204" s="8">
        <v>813</v>
      </c>
      <c r="H10204" s="5">
        <v>5</v>
      </c>
      <c r="I10204" s="5" t="s">
        <v>69</v>
      </c>
      <c r="J10204" s="5" t="s">
        <v>27074</v>
      </c>
      <c r="K10204" s="2" t="s">
        <v>27075</v>
      </c>
      <c r="L10204" s="5" t="s">
        <v>27074</v>
      </c>
      <c r="M10204" s="2" t="s">
        <v>27075</v>
      </c>
      <c r="N10204" s="5" t="s">
        <v>24254</v>
      </c>
      <c r="O10204" s="5" t="s">
        <v>38</v>
      </c>
      <c r="P10204" s="5" t="s">
        <v>39</v>
      </c>
      <c r="Q10204" s="5" t="s">
        <v>40</v>
      </c>
      <c r="R10204" s="5" t="s">
        <v>1487</v>
      </c>
      <c r="S10204" s="5"/>
      <c r="T10204" s="5" t="s">
        <v>42</v>
      </c>
      <c r="U10204" s="2">
        <v>0</v>
      </c>
      <c r="V10204" s="2">
        <v>0</v>
      </c>
      <c r="W10204" s="2">
        <v>0</v>
      </c>
      <c r="X10204" s="2">
        <v>0</v>
      </c>
      <c r="Y10204" s="2">
        <v>0</v>
      </c>
      <c r="Z10204" s="2">
        <v>0</v>
      </c>
      <c r="AA10204" s="5"/>
      <c r="AB10204" s="5" t="s">
        <v>43</v>
      </c>
      <c r="AC10204" s="5" t="s">
        <v>44</v>
      </c>
      <c r="AD10204" s="2" t="s">
        <v>30467</v>
      </c>
      <c r="AE10204" s="1"/>
    </row>
    <row r="10205" spans="1:31" ht="14.45">
      <c r="A10205" s="11"/>
      <c r="B10205" s="20"/>
      <c r="C10205" s="2" t="s">
        <v>31369</v>
      </c>
      <c r="D10205" s="14" t="s">
        <v>31370</v>
      </c>
      <c r="E10205" s="2" t="s">
        <v>31371</v>
      </c>
      <c r="F10205" s="2" t="s">
        <v>30471</v>
      </c>
      <c r="G10205" s="8">
        <v>813</v>
      </c>
      <c r="H10205" s="5">
        <v>15</v>
      </c>
      <c r="I10205" s="5" t="s">
        <v>69</v>
      </c>
      <c r="J10205" s="5" t="s">
        <v>27074</v>
      </c>
      <c r="K10205" s="2" t="s">
        <v>27075</v>
      </c>
      <c r="L10205" s="5" t="s">
        <v>27074</v>
      </c>
      <c r="M10205" s="2" t="s">
        <v>27075</v>
      </c>
      <c r="N10205" s="5" t="s">
        <v>24254</v>
      </c>
      <c r="O10205" s="5" t="s">
        <v>38</v>
      </c>
      <c r="P10205" s="5" t="s">
        <v>39</v>
      </c>
      <c r="Q10205" s="5" t="s">
        <v>40</v>
      </c>
      <c r="R10205" s="5" t="s">
        <v>1487</v>
      </c>
      <c r="S10205" s="5"/>
      <c r="T10205" s="5" t="s">
        <v>42</v>
      </c>
      <c r="U10205" s="2">
        <v>0</v>
      </c>
      <c r="V10205" s="2">
        <v>0</v>
      </c>
      <c r="W10205" s="2">
        <v>0</v>
      </c>
      <c r="X10205" s="2">
        <v>0</v>
      </c>
      <c r="Y10205" s="2">
        <v>0</v>
      </c>
      <c r="Z10205" s="2">
        <v>0</v>
      </c>
      <c r="AA10205" s="5"/>
      <c r="AB10205" s="5" t="s">
        <v>43</v>
      </c>
      <c r="AC10205" s="5" t="s">
        <v>44</v>
      </c>
      <c r="AD10205" s="2" t="s">
        <v>30472</v>
      </c>
      <c r="AE10205" s="1"/>
    </row>
    <row r="10206" spans="1:31" ht="14.45">
      <c r="A10206" s="11"/>
      <c r="B10206" s="20"/>
      <c r="C10206" s="2" t="s">
        <v>31372</v>
      </c>
      <c r="D10206" s="14" t="s">
        <v>31373</v>
      </c>
      <c r="E10206" s="2" t="s">
        <v>31374</v>
      </c>
      <c r="F10206" s="2" t="s">
        <v>30486</v>
      </c>
      <c r="G10206" s="8">
        <v>1115</v>
      </c>
      <c r="H10206" s="5">
        <v>10</v>
      </c>
      <c r="I10206" s="5" t="s">
        <v>69</v>
      </c>
      <c r="J10206" s="5" t="s">
        <v>27074</v>
      </c>
      <c r="K10206" s="2" t="s">
        <v>27075</v>
      </c>
      <c r="L10206" s="5" t="s">
        <v>27074</v>
      </c>
      <c r="M10206" s="2" t="s">
        <v>27075</v>
      </c>
      <c r="N10206" s="5" t="s">
        <v>24254</v>
      </c>
      <c r="O10206" s="5" t="s">
        <v>38</v>
      </c>
      <c r="P10206" s="5" t="s">
        <v>39</v>
      </c>
      <c r="Q10206" s="5" t="s">
        <v>40</v>
      </c>
      <c r="R10206" s="5" t="s">
        <v>1487</v>
      </c>
      <c r="S10206" s="5"/>
      <c r="T10206" s="5" t="s">
        <v>42</v>
      </c>
      <c r="U10206" s="2">
        <v>0</v>
      </c>
      <c r="V10206" s="2">
        <v>0</v>
      </c>
      <c r="W10206" s="2">
        <v>0</v>
      </c>
      <c r="X10206" s="2">
        <v>0</v>
      </c>
      <c r="Y10206" s="2">
        <v>0</v>
      </c>
      <c r="Z10206" s="2">
        <v>0</v>
      </c>
      <c r="AA10206" s="5"/>
      <c r="AB10206" s="5" t="s">
        <v>43</v>
      </c>
      <c r="AC10206" s="5" t="s">
        <v>44</v>
      </c>
      <c r="AD10206" s="2"/>
      <c r="AE10206" s="1"/>
    </row>
    <row r="10207" spans="1:31" ht="14.45">
      <c r="A10207" s="11"/>
      <c r="B10207" s="20"/>
      <c r="C10207" s="2" t="s">
        <v>31375</v>
      </c>
      <c r="D10207" s="14" t="s">
        <v>31376</v>
      </c>
      <c r="E10207" s="2" t="s">
        <v>31377</v>
      </c>
      <c r="F10207" s="2" t="s">
        <v>30490</v>
      </c>
      <c r="G10207" s="8">
        <v>1115</v>
      </c>
      <c r="H10207" s="5">
        <v>15</v>
      </c>
      <c r="I10207" s="5" t="s">
        <v>69</v>
      </c>
      <c r="J10207" s="5" t="s">
        <v>27074</v>
      </c>
      <c r="K10207" s="2" t="s">
        <v>27075</v>
      </c>
      <c r="L10207" s="5" t="s">
        <v>27074</v>
      </c>
      <c r="M10207" s="2" t="s">
        <v>27075</v>
      </c>
      <c r="N10207" s="5" t="s">
        <v>24254</v>
      </c>
      <c r="O10207" s="5" t="s">
        <v>38</v>
      </c>
      <c r="P10207" s="5" t="s">
        <v>39</v>
      </c>
      <c r="Q10207" s="5" t="s">
        <v>40</v>
      </c>
      <c r="R10207" s="5" t="s">
        <v>1487</v>
      </c>
      <c r="S10207" s="5"/>
      <c r="T10207" s="5" t="s">
        <v>42</v>
      </c>
      <c r="U10207" s="2">
        <v>0</v>
      </c>
      <c r="V10207" s="2">
        <v>0</v>
      </c>
      <c r="W10207" s="2">
        <v>0</v>
      </c>
      <c r="X10207" s="2">
        <v>0</v>
      </c>
      <c r="Y10207" s="2">
        <v>0</v>
      </c>
      <c r="Z10207" s="2">
        <v>0</v>
      </c>
      <c r="AA10207" s="5"/>
      <c r="AB10207" s="5" t="s">
        <v>43</v>
      </c>
      <c r="AC10207" s="5" t="s">
        <v>44</v>
      </c>
      <c r="AD10207" s="2"/>
      <c r="AE10207" s="1"/>
    </row>
    <row r="10208" spans="1:31" ht="14.45">
      <c r="A10208" s="11"/>
      <c r="B10208" s="20"/>
      <c r="C10208" s="2" t="s">
        <v>31378</v>
      </c>
      <c r="D10208" s="14" t="s">
        <v>31379</v>
      </c>
      <c r="E10208" s="2" t="s">
        <v>31380</v>
      </c>
      <c r="F10208" s="2" t="s">
        <v>30418</v>
      </c>
      <c r="G10208" s="8">
        <v>251</v>
      </c>
      <c r="H10208" s="5">
        <v>10</v>
      </c>
      <c r="I10208" s="5" t="s">
        <v>69</v>
      </c>
      <c r="J10208" s="5" t="s">
        <v>27074</v>
      </c>
      <c r="K10208" s="2" t="s">
        <v>27075</v>
      </c>
      <c r="L10208" s="5" t="s">
        <v>27074</v>
      </c>
      <c r="M10208" s="2" t="s">
        <v>27075</v>
      </c>
      <c r="N10208" s="5" t="s">
        <v>24254</v>
      </c>
      <c r="O10208" s="5" t="s">
        <v>38</v>
      </c>
      <c r="P10208" s="5" t="s">
        <v>39</v>
      </c>
      <c r="Q10208" s="5" t="s">
        <v>40</v>
      </c>
      <c r="R10208" s="5" t="s">
        <v>24335</v>
      </c>
      <c r="S10208" s="5" t="s">
        <v>40</v>
      </c>
      <c r="T10208" s="5" t="s">
        <v>42</v>
      </c>
      <c r="U10208" s="2">
        <v>11.279</v>
      </c>
      <c r="V10208" s="2">
        <v>9.41</v>
      </c>
      <c r="W10208" s="2">
        <v>0.126</v>
      </c>
      <c r="X10208" s="2">
        <v>12</v>
      </c>
      <c r="Y10208" s="2">
        <v>50</v>
      </c>
      <c r="Z10208" s="2">
        <v>210</v>
      </c>
      <c r="AA10208" s="5">
        <v>8</v>
      </c>
      <c r="AB10208" s="5" t="s">
        <v>43</v>
      </c>
      <c r="AC10208" s="5" t="s">
        <v>44</v>
      </c>
      <c r="AD10208" s="2" t="s">
        <v>30419</v>
      </c>
      <c r="AE10208" s="1"/>
    </row>
    <row r="10209" spans="1:31" ht="14.45">
      <c r="A10209" s="11"/>
      <c r="B10209" s="20"/>
      <c r="C10209" s="2" t="s">
        <v>31381</v>
      </c>
      <c r="D10209" s="14" t="s">
        <v>31382</v>
      </c>
      <c r="E10209" s="2" t="s">
        <v>31383</v>
      </c>
      <c r="F10209" s="2" t="s">
        <v>30423</v>
      </c>
      <c r="G10209" s="8">
        <v>251</v>
      </c>
      <c r="H10209" s="5">
        <v>5</v>
      </c>
      <c r="I10209" s="5" t="s">
        <v>69</v>
      </c>
      <c r="J10209" s="5" t="s">
        <v>27074</v>
      </c>
      <c r="K10209" s="2" t="s">
        <v>27075</v>
      </c>
      <c r="L10209" s="5" t="s">
        <v>27074</v>
      </c>
      <c r="M10209" s="2" t="s">
        <v>27075</v>
      </c>
      <c r="N10209" s="5" t="s">
        <v>24254</v>
      </c>
      <c r="O10209" s="5" t="s">
        <v>38</v>
      </c>
      <c r="P10209" s="5" t="s">
        <v>39</v>
      </c>
      <c r="Q10209" s="5" t="s">
        <v>40</v>
      </c>
      <c r="R10209" s="5" t="s">
        <v>24335</v>
      </c>
      <c r="S10209" s="5" t="s">
        <v>40</v>
      </c>
      <c r="T10209" s="5" t="s">
        <v>42</v>
      </c>
      <c r="U10209" s="2">
        <v>8.4499999999999993</v>
      </c>
      <c r="V10209" s="2">
        <v>6.5979999999999999</v>
      </c>
      <c r="W10209" s="2">
        <v>0.126</v>
      </c>
      <c r="X10209" s="2">
        <v>12</v>
      </c>
      <c r="Y10209" s="2">
        <v>50</v>
      </c>
      <c r="Z10209" s="2">
        <v>210</v>
      </c>
      <c r="AA10209" s="5">
        <v>8</v>
      </c>
      <c r="AB10209" s="5" t="s">
        <v>43</v>
      </c>
      <c r="AC10209" s="5" t="s">
        <v>44</v>
      </c>
      <c r="AD10209" s="2" t="s">
        <v>30419</v>
      </c>
      <c r="AE10209" s="1"/>
    </row>
    <row r="10210" spans="1:31" ht="14.45">
      <c r="A10210" s="11"/>
      <c r="B10210" s="20"/>
      <c r="C10210" s="2" t="s">
        <v>31384</v>
      </c>
      <c r="D10210" s="14" t="s">
        <v>31385</v>
      </c>
      <c r="E10210" s="2" t="s">
        <v>31386</v>
      </c>
      <c r="F10210" s="2" t="s">
        <v>30427</v>
      </c>
      <c r="G10210" s="8">
        <v>251</v>
      </c>
      <c r="H10210" s="5">
        <v>10</v>
      </c>
      <c r="I10210" s="5" t="s">
        <v>69</v>
      </c>
      <c r="J10210" s="5" t="s">
        <v>27074</v>
      </c>
      <c r="K10210" s="2" t="s">
        <v>27075</v>
      </c>
      <c r="L10210" s="5" t="s">
        <v>27074</v>
      </c>
      <c r="M10210" s="2" t="s">
        <v>27075</v>
      </c>
      <c r="N10210" s="5" t="s">
        <v>24254</v>
      </c>
      <c r="O10210" s="5" t="s">
        <v>38</v>
      </c>
      <c r="P10210" s="5" t="s">
        <v>39</v>
      </c>
      <c r="Q10210" s="5" t="s">
        <v>40</v>
      </c>
      <c r="R10210" s="5" t="s">
        <v>24335</v>
      </c>
      <c r="S10210" s="5" t="s">
        <v>40</v>
      </c>
      <c r="T10210" s="5" t="s">
        <v>42</v>
      </c>
      <c r="U10210" s="2">
        <v>6.72</v>
      </c>
      <c r="V10210" s="2">
        <v>4.9480000000000004</v>
      </c>
      <c r="W10210" s="2">
        <v>0.11600000000000001</v>
      </c>
      <c r="X10210" s="2">
        <v>12</v>
      </c>
      <c r="Y10210" s="2">
        <v>50</v>
      </c>
      <c r="Z10210" s="2">
        <v>193.9</v>
      </c>
      <c r="AA10210" s="5">
        <v>8</v>
      </c>
      <c r="AB10210" s="5" t="s">
        <v>43</v>
      </c>
      <c r="AC10210" s="5" t="s">
        <v>44</v>
      </c>
      <c r="AD10210" s="2" t="s">
        <v>30419</v>
      </c>
      <c r="AE10210" s="1"/>
    </row>
    <row r="10211" spans="1:31" ht="14.45">
      <c r="A10211" s="11"/>
      <c r="B10211" s="20"/>
      <c r="C10211" s="2" t="s">
        <v>31387</v>
      </c>
      <c r="D10211" s="14" t="s">
        <v>31388</v>
      </c>
      <c r="E10211" s="2" t="s">
        <v>31389</v>
      </c>
      <c r="F10211" s="2" t="s">
        <v>30431</v>
      </c>
      <c r="G10211" s="8">
        <v>251</v>
      </c>
      <c r="H10211" s="5">
        <v>5</v>
      </c>
      <c r="I10211" s="5" t="s">
        <v>69</v>
      </c>
      <c r="J10211" s="5" t="s">
        <v>27074</v>
      </c>
      <c r="K10211" s="2" t="s">
        <v>27075</v>
      </c>
      <c r="L10211" s="5" t="s">
        <v>27074</v>
      </c>
      <c r="M10211" s="2" t="s">
        <v>27075</v>
      </c>
      <c r="N10211" s="5" t="s">
        <v>24254</v>
      </c>
      <c r="O10211" s="5" t="s">
        <v>38</v>
      </c>
      <c r="P10211" s="5" t="s">
        <v>39</v>
      </c>
      <c r="Q10211" s="5" t="s">
        <v>40</v>
      </c>
      <c r="R10211" s="5" t="s">
        <v>24335</v>
      </c>
      <c r="S10211" s="5" t="s">
        <v>40</v>
      </c>
      <c r="T10211" s="5" t="s">
        <v>42</v>
      </c>
      <c r="U10211" s="2">
        <v>8.2409999999999997</v>
      </c>
      <c r="V10211" s="2">
        <v>6.4050000000000002</v>
      </c>
      <c r="W10211" s="2">
        <v>0.126</v>
      </c>
      <c r="X10211" s="2">
        <v>12</v>
      </c>
      <c r="Y10211" s="2">
        <v>50</v>
      </c>
      <c r="Z10211" s="2">
        <v>210</v>
      </c>
      <c r="AA10211" s="5">
        <v>10</v>
      </c>
      <c r="AB10211" s="5" t="s">
        <v>43</v>
      </c>
      <c r="AC10211" s="5" t="s">
        <v>44</v>
      </c>
      <c r="AD10211" s="2" t="s">
        <v>30432</v>
      </c>
      <c r="AE10211" s="1"/>
    </row>
    <row r="10212" spans="1:31" ht="14.45">
      <c r="A10212" s="11"/>
      <c r="B10212" s="20"/>
      <c r="C10212" s="2" t="s">
        <v>31390</v>
      </c>
      <c r="D10212" s="14" t="s">
        <v>31391</v>
      </c>
      <c r="E10212" s="2" t="s">
        <v>31392</v>
      </c>
      <c r="F10212" s="2" t="s">
        <v>30431</v>
      </c>
      <c r="G10212" s="8">
        <v>251</v>
      </c>
      <c r="H10212" s="5">
        <v>5</v>
      </c>
      <c r="I10212" s="5" t="s">
        <v>69</v>
      </c>
      <c r="J10212" s="5" t="s">
        <v>27074</v>
      </c>
      <c r="K10212" s="2" t="s">
        <v>27075</v>
      </c>
      <c r="L10212" s="5" t="s">
        <v>27074</v>
      </c>
      <c r="M10212" s="2" t="s">
        <v>27075</v>
      </c>
      <c r="N10212" s="5" t="s">
        <v>24254</v>
      </c>
      <c r="O10212" s="5" t="s">
        <v>38</v>
      </c>
      <c r="P10212" s="5" t="s">
        <v>39</v>
      </c>
      <c r="Q10212" s="5" t="s">
        <v>40</v>
      </c>
      <c r="R10212" s="5" t="s">
        <v>24335</v>
      </c>
      <c r="S10212" s="5" t="s">
        <v>40</v>
      </c>
      <c r="T10212" s="5" t="s">
        <v>42</v>
      </c>
      <c r="U10212" s="2">
        <v>8.6340000000000003</v>
      </c>
      <c r="V10212" s="2">
        <v>6.798</v>
      </c>
      <c r="W10212" s="2">
        <v>0.126</v>
      </c>
      <c r="X10212" s="2">
        <v>12</v>
      </c>
      <c r="Y10212" s="2">
        <v>50</v>
      </c>
      <c r="Z10212" s="2">
        <v>210</v>
      </c>
      <c r="AA10212" s="5">
        <v>10</v>
      </c>
      <c r="AB10212" s="5" t="s">
        <v>43</v>
      </c>
      <c r="AC10212" s="5" t="s">
        <v>44</v>
      </c>
      <c r="AD10212" s="2" t="s">
        <v>30436</v>
      </c>
      <c r="AE10212" s="1"/>
    </row>
    <row r="10213" spans="1:31" ht="14.45">
      <c r="A10213" s="11"/>
      <c r="B10213" s="20"/>
      <c r="C10213" s="2" t="s">
        <v>31393</v>
      </c>
      <c r="D10213" s="14" t="s">
        <v>31394</v>
      </c>
      <c r="E10213" s="2" t="s">
        <v>31395</v>
      </c>
      <c r="F10213" s="2" t="s">
        <v>30440</v>
      </c>
      <c r="G10213" s="8">
        <v>251</v>
      </c>
      <c r="H10213" s="5">
        <v>5</v>
      </c>
      <c r="I10213" s="5" t="s">
        <v>69</v>
      </c>
      <c r="J10213" s="5" t="s">
        <v>27074</v>
      </c>
      <c r="K10213" s="2" t="s">
        <v>27075</v>
      </c>
      <c r="L10213" s="5" t="s">
        <v>27074</v>
      </c>
      <c r="M10213" s="2" t="s">
        <v>27075</v>
      </c>
      <c r="N10213" s="5" t="s">
        <v>24254</v>
      </c>
      <c r="O10213" s="5" t="s">
        <v>38</v>
      </c>
      <c r="P10213" s="5" t="s">
        <v>39</v>
      </c>
      <c r="Q10213" s="5" t="s">
        <v>40</v>
      </c>
      <c r="R10213" s="5" t="s">
        <v>24335</v>
      </c>
      <c r="S10213" s="5" t="s">
        <v>40</v>
      </c>
      <c r="T10213" s="5" t="s">
        <v>42</v>
      </c>
      <c r="U10213" s="2">
        <v>6.5460000000000003</v>
      </c>
      <c r="V10213" s="2">
        <v>4.71</v>
      </c>
      <c r="W10213" s="2">
        <v>0.11600000000000001</v>
      </c>
      <c r="X10213" s="2">
        <v>12</v>
      </c>
      <c r="Y10213" s="2">
        <v>50</v>
      </c>
      <c r="Z10213" s="2">
        <v>193.9</v>
      </c>
      <c r="AA10213" s="5">
        <v>10</v>
      </c>
      <c r="AB10213" s="5" t="s">
        <v>43</v>
      </c>
      <c r="AC10213" s="5" t="s">
        <v>44</v>
      </c>
      <c r="AD10213" s="2" t="s">
        <v>30441</v>
      </c>
      <c r="AE10213" s="1"/>
    </row>
    <row r="10214" spans="1:31" ht="14.45">
      <c r="A10214" s="11"/>
      <c r="B10214" s="20"/>
      <c r="C10214" s="2" t="s">
        <v>31396</v>
      </c>
      <c r="D10214" s="14" t="s">
        <v>31397</v>
      </c>
      <c r="E10214" s="2" t="s">
        <v>31398</v>
      </c>
      <c r="F10214" s="2" t="s">
        <v>30440</v>
      </c>
      <c r="G10214" s="8">
        <v>251</v>
      </c>
      <c r="H10214" s="5">
        <v>5</v>
      </c>
      <c r="I10214" s="5" t="s">
        <v>69</v>
      </c>
      <c r="J10214" s="5" t="s">
        <v>27074</v>
      </c>
      <c r="K10214" s="2" t="s">
        <v>27075</v>
      </c>
      <c r="L10214" s="5" t="s">
        <v>27074</v>
      </c>
      <c r="M10214" s="2" t="s">
        <v>27075</v>
      </c>
      <c r="N10214" s="5" t="s">
        <v>24254</v>
      </c>
      <c r="O10214" s="5" t="s">
        <v>38</v>
      </c>
      <c r="P10214" s="5" t="s">
        <v>39</v>
      </c>
      <c r="Q10214" s="5" t="s">
        <v>40</v>
      </c>
      <c r="R10214" s="5" t="s">
        <v>24335</v>
      </c>
      <c r="S10214" s="5" t="s">
        <v>40</v>
      </c>
      <c r="T10214" s="5" t="s">
        <v>42</v>
      </c>
      <c r="U10214" s="2">
        <v>6.7089999999999996</v>
      </c>
      <c r="V10214" s="2">
        <v>4.8730000000000002</v>
      </c>
      <c r="W10214" s="2">
        <v>0.11600000000000001</v>
      </c>
      <c r="X10214" s="2">
        <v>12</v>
      </c>
      <c r="Y10214" s="2">
        <v>50</v>
      </c>
      <c r="Z10214" s="2">
        <v>193.9</v>
      </c>
      <c r="AA10214" s="5">
        <v>10</v>
      </c>
      <c r="AB10214" s="5" t="s">
        <v>43</v>
      </c>
      <c r="AC10214" s="5" t="s">
        <v>44</v>
      </c>
      <c r="AD10214" s="2" t="s">
        <v>30445</v>
      </c>
      <c r="AE10214" s="1"/>
    </row>
    <row r="10215" spans="1:31" ht="14.45">
      <c r="A10215" s="11"/>
      <c r="B10215" s="20"/>
      <c r="C10215" s="2" t="s">
        <v>31399</v>
      </c>
      <c r="D10215" s="14" t="s">
        <v>31400</v>
      </c>
      <c r="E10215" s="2" t="s">
        <v>31401</v>
      </c>
      <c r="F10215" s="2" t="s">
        <v>30449</v>
      </c>
      <c r="G10215" s="8">
        <v>251</v>
      </c>
      <c r="H10215" s="5">
        <v>5</v>
      </c>
      <c r="I10215" s="5" t="s">
        <v>69</v>
      </c>
      <c r="J10215" s="5" t="s">
        <v>27074</v>
      </c>
      <c r="K10215" s="2" t="s">
        <v>27075</v>
      </c>
      <c r="L10215" s="5" t="s">
        <v>27074</v>
      </c>
      <c r="M10215" s="2" t="s">
        <v>27075</v>
      </c>
      <c r="N10215" s="5" t="s">
        <v>24254</v>
      </c>
      <c r="O10215" s="5" t="s">
        <v>38</v>
      </c>
      <c r="P10215" s="5" t="s">
        <v>39</v>
      </c>
      <c r="Q10215" s="5" t="s">
        <v>40</v>
      </c>
      <c r="R10215" s="5" t="s">
        <v>24335</v>
      </c>
      <c r="S10215" s="5" t="s">
        <v>40</v>
      </c>
      <c r="T10215" s="5" t="s">
        <v>42</v>
      </c>
      <c r="U10215" s="2">
        <v>7.7030000000000003</v>
      </c>
      <c r="V10215" s="2">
        <v>5.6070000000000002</v>
      </c>
      <c r="W10215" s="2">
        <v>0.11600000000000001</v>
      </c>
      <c r="X10215" s="2">
        <v>12</v>
      </c>
      <c r="Y10215" s="2">
        <v>50</v>
      </c>
      <c r="Z10215" s="2">
        <v>193.9</v>
      </c>
      <c r="AA10215" s="5">
        <v>10</v>
      </c>
      <c r="AB10215" s="5" t="s">
        <v>43</v>
      </c>
      <c r="AC10215" s="5" t="s">
        <v>44</v>
      </c>
      <c r="AD10215" s="2" t="s">
        <v>30441</v>
      </c>
      <c r="AE10215" s="1"/>
    </row>
    <row r="10216" spans="1:31" ht="14.45">
      <c r="A10216" s="11"/>
      <c r="B10216" s="20"/>
      <c r="C10216" s="2" t="s">
        <v>31402</v>
      </c>
      <c r="D10216" s="14" t="s">
        <v>31403</v>
      </c>
      <c r="E10216" s="2" t="s">
        <v>31404</v>
      </c>
      <c r="F10216" s="2" t="s">
        <v>30449</v>
      </c>
      <c r="G10216" s="8">
        <v>251</v>
      </c>
      <c r="H10216" s="5">
        <v>5</v>
      </c>
      <c r="I10216" s="5" t="s">
        <v>69</v>
      </c>
      <c r="J10216" s="5" t="s">
        <v>27074</v>
      </c>
      <c r="K10216" s="2" t="s">
        <v>27075</v>
      </c>
      <c r="L10216" s="5" t="s">
        <v>27074</v>
      </c>
      <c r="M10216" s="2" t="s">
        <v>27075</v>
      </c>
      <c r="N10216" s="5" t="s">
        <v>24254</v>
      </c>
      <c r="O10216" s="5" t="s">
        <v>38</v>
      </c>
      <c r="P10216" s="5" t="s">
        <v>39</v>
      </c>
      <c r="Q10216" s="5" t="s">
        <v>40</v>
      </c>
      <c r="R10216" s="5" t="s">
        <v>24335</v>
      </c>
      <c r="S10216" s="5" t="s">
        <v>40</v>
      </c>
      <c r="T10216" s="5" t="s">
        <v>42</v>
      </c>
      <c r="U10216" s="2">
        <v>8.1129999999999995</v>
      </c>
      <c r="V10216" s="2">
        <v>6.0170000000000003</v>
      </c>
      <c r="W10216" s="2">
        <v>0.11600000000000001</v>
      </c>
      <c r="X10216" s="2">
        <v>12</v>
      </c>
      <c r="Y10216" s="2">
        <v>50</v>
      </c>
      <c r="Z10216" s="2">
        <v>193.9</v>
      </c>
      <c r="AA10216" s="5">
        <v>10</v>
      </c>
      <c r="AB10216" s="5" t="s">
        <v>43</v>
      </c>
      <c r="AC10216" s="5" t="s">
        <v>44</v>
      </c>
      <c r="AD10216" s="2" t="s">
        <v>30445</v>
      </c>
      <c r="AE10216" s="1"/>
    </row>
    <row r="10217" spans="1:31" ht="14.45">
      <c r="A10217" s="11"/>
      <c r="B10217" s="20"/>
      <c r="C10217" s="2" t="s">
        <v>31405</v>
      </c>
      <c r="D10217" s="14" t="s">
        <v>31406</v>
      </c>
      <c r="E10217" s="2" t="s">
        <v>31407</v>
      </c>
      <c r="F10217" s="2" t="s">
        <v>30456</v>
      </c>
      <c r="G10217" s="8">
        <v>456</v>
      </c>
      <c r="H10217" s="5">
        <v>5</v>
      </c>
      <c r="I10217" s="5" t="s">
        <v>69</v>
      </c>
      <c r="J10217" s="5" t="s">
        <v>27074</v>
      </c>
      <c r="K10217" s="2" t="s">
        <v>27075</v>
      </c>
      <c r="L10217" s="5" t="s">
        <v>27074</v>
      </c>
      <c r="M10217" s="2" t="s">
        <v>27075</v>
      </c>
      <c r="N10217" s="5" t="s">
        <v>24254</v>
      </c>
      <c r="O10217" s="5" t="s">
        <v>38</v>
      </c>
      <c r="P10217" s="5" t="s">
        <v>39</v>
      </c>
      <c r="Q10217" s="5" t="s">
        <v>40</v>
      </c>
      <c r="R10217" s="5" t="s">
        <v>24335</v>
      </c>
      <c r="S10217" s="5" t="s">
        <v>40</v>
      </c>
      <c r="T10217" s="5" t="s">
        <v>42</v>
      </c>
      <c r="U10217" s="2">
        <v>16.86</v>
      </c>
      <c r="V10217" s="2">
        <v>14.143000000000001</v>
      </c>
      <c r="W10217" s="2">
        <v>0.19500000000000001</v>
      </c>
      <c r="X10217" s="2">
        <v>12</v>
      </c>
      <c r="Y10217" s="2">
        <v>77</v>
      </c>
      <c r="Z10217" s="2">
        <v>210.9</v>
      </c>
      <c r="AA10217" s="5">
        <v>8</v>
      </c>
      <c r="AB10217" s="5" t="s">
        <v>43</v>
      </c>
      <c r="AC10217" s="5" t="s">
        <v>44</v>
      </c>
      <c r="AD10217" s="2" t="s">
        <v>30457</v>
      </c>
      <c r="AE10217" s="1"/>
    </row>
    <row r="10218" spans="1:31" ht="14.45">
      <c r="A10218" s="11"/>
      <c r="B10218" s="20"/>
      <c r="C10218" s="2" t="s">
        <v>31408</v>
      </c>
      <c r="D10218" s="14" t="s">
        <v>31409</v>
      </c>
      <c r="E10218" s="2" t="s">
        <v>31410</v>
      </c>
      <c r="F10218" s="2" t="s">
        <v>30461</v>
      </c>
      <c r="G10218" s="8">
        <v>758</v>
      </c>
      <c r="H10218" s="5">
        <v>10</v>
      </c>
      <c r="I10218" s="5" t="s">
        <v>69</v>
      </c>
      <c r="J10218" s="5" t="s">
        <v>27074</v>
      </c>
      <c r="K10218" s="2" t="s">
        <v>27075</v>
      </c>
      <c r="L10218" s="5" t="s">
        <v>27074</v>
      </c>
      <c r="M10218" s="2" t="s">
        <v>27075</v>
      </c>
      <c r="N10218" s="5" t="s">
        <v>24254</v>
      </c>
      <c r="O10218" s="5" t="s">
        <v>38</v>
      </c>
      <c r="P10218" s="5" t="s">
        <v>39</v>
      </c>
      <c r="Q10218" s="5" t="s">
        <v>40</v>
      </c>
      <c r="R10218" s="5" t="s">
        <v>24340</v>
      </c>
      <c r="S10218" s="5" t="s">
        <v>40</v>
      </c>
      <c r="T10218" s="5" t="s">
        <v>42</v>
      </c>
      <c r="U10218" s="2">
        <v>30.89</v>
      </c>
      <c r="V10218" s="2">
        <v>28.161000000000001</v>
      </c>
      <c r="W10218" s="2">
        <v>0.19500000000000001</v>
      </c>
      <c r="X10218" s="2">
        <v>12</v>
      </c>
      <c r="Y10218" s="2">
        <v>77</v>
      </c>
      <c r="Z10218" s="2">
        <v>210.9</v>
      </c>
      <c r="AA10218" s="5">
        <v>8</v>
      </c>
      <c r="AB10218" s="5" t="s">
        <v>43</v>
      </c>
      <c r="AC10218" s="5" t="s">
        <v>44</v>
      </c>
      <c r="AD10218" s="2" t="s">
        <v>30462</v>
      </c>
      <c r="AE10218" s="1"/>
    </row>
    <row r="10219" spans="1:31" ht="14.45">
      <c r="A10219" s="11"/>
      <c r="B10219" s="20"/>
      <c r="C10219" s="2" t="s">
        <v>31411</v>
      </c>
      <c r="D10219" s="14" t="s">
        <v>31412</v>
      </c>
      <c r="E10219" s="2" t="s">
        <v>31413</v>
      </c>
      <c r="F10219" s="2" t="s">
        <v>30546</v>
      </c>
      <c r="G10219" s="8">
        <v>402</v>
      </c>
      <c r="H10219" s="5">
        <v>10</v>
      </c>
      <c r="I10219" s="5" t="s">
        <v>69</v>
      </c>
      <c r="J10219" s="5" t="s">
        <v>27074</v>
      </c>
      <c r="K10219" s="2" t="s">
        <v>27075</v>
      </c>
      <c r="L10219" s="5" t="s">
        <v>27074</v>
      </c>
      <c r="M10219" s="2" t="s">
        <v>27075</v>
      </c>
      <c r="N10219" s="5" t="s">
        <v>24254</v>
      </c>
      <c r="O10219" s="5" t="s">
        <v>38</v>
      </c>
      <c r="P10219" s="5" t="s">
        <v>39</v>
      </c>
      <c r="Q10219" s="5" t="s">
        <v>40</v>
      </c>
      <c r="R10219" s="5" t="s">
        <v>25301</v>
      </c>
      <c r="S10219" s="5" t="s">
        <v>40</v>
      </c>
      <c r="T10219" s="5" t="s">
        <v>42</v>
      </c>
      <c r="U10219" s="2">
        <v>9.8510000000000009</v>
      </c>
      <c r="V10219" s="2">
        <v>8.0779999999999994</v>
      </c>
      <c r="W10219" s="2">
        <v>0.11600000000000001</v>
      </c>
      <c r="X10219" s="2">
        <v>12</v>
      </c>
      <c r="Y10219" s="2">
        <v>50</v>
      </c>
      <c r="Z10219" s="2">
        <v>193.9</v>
      </c>
      <c r="AA10219" s="5">
        <v>8</v>
      </c>
      <c r="AB10219" s="5" t="s">
        <v>43</v>
      </c>
      <c r="AC10219" s="5" t="s">
        <v>44</v>
      </c>
      <c r="AD10219" s="2" t="s">
        <v>30542</v>
      </c>
      <c r="AE10219" s="1"/>
    </row>
    <row r="10220" spans="1:31" ht="14.45">
      <c r="A10220" s="11"/>
      <c r="B10220" s="20"/>
      <c r="C10220" s="2" t="s">
        <v>31414</v>
      </c>
      <c r="D10220" s="14" t="s">
        <v>31415</v>
      </c>
      <c r="E10220" s="2" t="s">
        <v>31416</v>
      </c>
      <c r="F10220" s="2" t="s">
        <v>30466</v>
      </c>
      <c r="G10220" s="8">
        <v>867</v>
      </c>
      <c r="H10220" s="5">
        <v>5</v>
      </c>
      <c r="I10220" s="5" t="s">
        <v>69</v>
      </c>
      <c r="J10220" s="5" t="s">
        <v>27074</v>
      </c>
      <c r="K10220" s="2" t="s">
        <v>27075</v>
      </c>
      <c r="L10220" s="5" t="s">
        <v>27074</v>
      </c>
      <c r="M10220" s="2" t="s">
        <v>27075</v>
      </c>
      <c r="N10220" s="5" t="s">
        <v>24254</v>
      </c>
      <c r="O10220" s="5" t="s">
        <v>38</v>
      </c>
      <c r="P10220" s="5" t="s">
        <v>39</v>
      </c>
      <c r="Q10220" s="5" t="s">
        <v>40</v>
      </c>
      <c r="R10220" s="5" t="s">
        <v>1487</v>
      </c>
      <c r="S10220" s="5"/>
      <c r="T10220" s="5" t="s">
        <v>42</v>
      </c>
      <c r="U10220" s="2">
        <v>0</v>
      </c>
      <c r="V10220" s="2">
        <v>0</v>
      </c>
      <c r="W10220" s="2">
        <v>0</v>
      </c>
      <c r="X10220" s="2">
        <v>0</v>
      </c>
      <c r="Y10220" s="2">
        <v>0</v>
      </c>
      <c r="Z10220" s="2">
        <v>0</v>
      </c>
      <c r="AA10220" s="5"/>
      <c r="AB10220" s="5" t="s">
        <v>43</v>
      </c>
      <c r="AC10220" s="5" t="s">
        <v>44</v>
      </c>
      <c r="AD10220" s="2" t="s">
        <v>30467</v>
      </c>
      <c r="AE10220" s="1"/>
    </row>
    <row r="10221" spans="1:31" ht="14.45">
      <c r="A10221" s="11"/>
      <c r="B10221" s="20"/>
      <c r="C10221" s="2" t="s">
        <v>31417</v>
      </c>
      <c r="D10221" s="14" t="s">
        <v>31418</v>
      </c>
      <c r="E10221" s="2" t="s">
        <v>31419</v>
      </c>
      <c r="F10221" s="2" t="s">
        <v>30471</v>
      </c>
      <c r="G10221" s="8">
        <v>867</v>
      </c>
      <c r="H10221" s="5">
        <v>15</v>
      </c>
      <c r="I10221" s="5" t="s">
        <v>69</v>
      </c>
      <c r="J10221" s="5" t="s">
        <v>27074</v>
      </c>
      <c r="K10221" s="2" t="s">
        <v>27075</v>
      </c>
      <c r="L10221" s="5" t="s">
        <v>27074</v>
      </c>
      <c r="M10221" s="2" t="s">
        <v>27075</v>
      </c>
      <c r="N10221" s="5" t="s">
        <v>24254</v>
      </c>
      <c r="O10221" s="5" t="s">
        <v>38</v>
      </c>
      <c r="P10221" s="5" t="s">
        <v>39</v>
      </c>
      <c r="Q10221" s="5" t="s">
        <v>40</v>
      </c>
      <c r="R10221" s="5" t="s">
        <v>1487</v>
      </c>
      <c r="S10221" s="5"/>
      <c r="T10221" s="5" t="s">
        <v>42</v>
      </c>
      <c r="U10221" s="2">
        <v>0</v>
      </c>
      <c r="V10221" s="2">
        <v>0</v>
      </c>
      <c r="W10221" s="2">
        <v>0</v>
      </c>
      <c r="X10221" s="2">
        <v>0</v>
      </c>
      <c r="Y10221" s="2">
        <v>0</v>
      </c>
      <c r="Z10221" s="2">
        <v>0</v>
      </c>
      <c r="AA10221" s="5"/>
      <c r="AB10221" s="5" t="s">
        <v>43</v>
      </c>
      <c r="AC10221" s="5" t="s">
        <v>44</v>
      </c>
      <c r="AD10221" s="2" t="s">
        <v>30472</v>
      </c>
      <c r="AE10221" s="1"/>
    </row>
    <row r="10222" spans="1:31" ht="14.45">
      <c r="A10222" s="11"/>
      <c r="B10222" s="20"/>
      <c r="C10222" s="2" t="s">
        <v>31420</v>
      </c>
      <c r="D10222" s="14" t="s">
        <v>31421</v>
      </c>
      <c r="E10222" s="2" t="s">
        <v>31422</v>
      </c>
      <c r="F10222" s="2" t="s">
        <v>30486</v>
      </c>
      <c r="G10222" s="8">
        <v>1169</v>
      </c>
      <c r="H10222" s="5">
        <v>10</v>
      </c>
      <c r="I10222" s="5" t="s">
        <v>69</v>
      </c>
      <c r="J10222" s="5" t="s">
        <v>27074</v>
      </c>
      <c r="K10222" s="2" t="s">
        <v>27075</v>
      </c>
      <c r="L10222" s="5" t="s">
        <v>27074</v>
      </c>
      <c r="M10222" s="2" t="s">
        <v>27075</v>
      </c>
      <c r="N10222" s="5" t="s">
        <v>24254</v>
      </c>
      <c r="O10222" s="5" t="s">
        <v>38</v>
      </c>
      <c r="P10222" s="5" t="s">
        <v>39</v>
      </c>
      <c r="Q10222" s="5" t="s">
        <v>40</v>
      </c>
      <c r="R10222" s="5" t="s">
        <v>1487</v>
      </c>
      <c r="S10222" s="5"/>
      <c r="T10222" s="5" t="s">
        <v>42</v>
      </c>
      <c r="U10222" s="2">
        <v>0</v>
      </c>
      <c r="V10222" s="2">
        <v>0</v>
      </c>
      <c r="W10222" s="2">
        <v>0</v>
      </c>
      <c r="X10222" s="2">
        <v>0</v>
      </c>
      <c r="Y10222" s="2">
        <v>0</v>
      </c>
      <c r="Z10222" s="2">
        <v>0</v>
      </c>
      <c r="AA10222" s="5"/>
      <c r="AB10222" s="5" t="s">
        <v>43</v>
      </c>
      <c r="AC10222" s="5" t="s">
        <v>44</v>
      </c>
      <c r="AD10222" s="2"/>
      <c r="AE10222" s="1"/>
    </row>
    <row r="10223" spans="1:31" ht="14.45">
      <c r="A10223" s="11"/>
      <c r="B10223" s="20"/>
      <c r="C10223" s="2" t="s">
        <v>31423</v>
      </c>
      <c r="D10223" s="14" t="s">
        <v>31424</v>
      </c>
      <c r="E10223" s="2" t="s">
        <v>31425</v>
      </c>
      <c r="F10223" s="2" t="s">
        <v>30490</v>
      </c>
      <c r="G10223" s="8">
        <v>1169</v>
      </c>
      <c r="H10223" s="5">
        <v>15</v>
      </c>
      <c r="I10223" s="5" t="s">
        <v>69</v>
      </c>
      <c r="J10223" s="5" t="s">
        <v>27074</v>
      </c>
      <c r="K10223" s="2" t="s">
        <v>27075</v>
      </c>
      <c r="L10223" s="5" t="s">
        <v>27074</v>
      </c>
      <c r="M10223" s="2" t="s">
        <v>27075</v>
      </c>
      <c r="N10223" s="5" t="s">
        <v>24254</v>
      </c>
      <c r="O10223" s="5" t="s">
        <v>38</v>
      </c>
      <c r="P10223" s="5" t="s">
        <v>39</v>
      </c>
      <c r="Q10223" s="5" t="s">
        <v>40</v>
      </c>
      <c r="R10223" s="5" t="s">
        <v>1487</v>
      </c>
      <c r="S10223" s="5"/>
      <c r="T10223" s="5" t="s">
        <v>42</v>
      </c>
      <c r="U10223" s="2">
        <v>0</v>
      </c>
      <c r="V10223" s="2">
        <v>0</v>
      </c>
      <c r="W10223" s="2">
        <v>0</v>
      </c>
      <c r="X10223" s="2">
        <v>0</v>
      </c>
      <c r="Y10223" s="2">
        <v>0</v>
      </c>
      <c r="Z10223" s="2">
        <v>0</v>
      </c>
      <c r="AA10223" s="5"/>
      <c r="AB10223" s="5" t="s">
        <v>43</v>
      </c>
      <c r="AC10223" s="5" t="s">
        <v>44</v>
      </c>
      <c r="AD10223" s="2"/>
      <c r="AE10223" s="1"/>
    </row>
    <row r="10224" spans="1:31" ht="14.45">
      <c r="A10224" s="11"/>
      <c r="B10224" s="20"/>
      <c r="C10224" s="2" t="s">
        <v>31426</v>
      </c>
      <c r="D10224" s="14" t="s">
        <v>31427</v>
      </c>
      <c r="E10224" s="2" t="s">
        <v>31428</v>
      </c>
      <c r="F10224" s="2" t="s">
        <v>30418</v>
      </c>
      <c r="G10224" s="8">
        <v>221</v>
      </c>
      <c r="H10224" s="5">
        <v>10</v>
      </c>
      <c r="I10224" s="5" t="s">
        <v>69</v>
      </c>
      <c r="J10224" s="5" t="s">
        <v>27074</v>
      </c>
      <c r="K10224" s="2" t="s">
        <v>27075</v>
      </c>
      <c r="L10224" s="5" t="s">
        <v>27074</v>
      </c>
      <c r="M10224" s="2" t="s">
        <v>27075</v>
      </c>
      <c r="N10224" s="5" t="s">
        <v>24254</v>
      </c>
      <c r="O10224" s="5" t="s">
        <v>38</v>
      </c>
      <c r="P10224" s="5" t="s">
        <v>39</v>
      </c>
      <c r="Q10224" s="5" t="s">
        <v>40</v>
      </c>
      <c r="R10224" s="5" t="s">
        <v>24335</v>
      </c>
      <c r="S10224" s="5" t="s">
        <v>40</v>
      </c>
      <c r="T10224" s="5" t="s">
        <v>42</v>
      </c>
      <c r="U10224" s="2">
        <v>9.9139999999999997</v>
      </c>
      <c r="V10224" s="2">
        <v>8.1159999999999997</v>
      </c>
      <c r="W10224" s="2">
        <v>0.104</v>
      </c>
      <c r="X10224" s="2">
        <v>12</v>
      </c>
      <c r="Y10224" s="2">
        <v>50</v>
      </c>
      <c r="Z10224" s="2">
        <v>173.9</v>
      </c>
      <c r="AA10224" s="5">
        <v>8</v>
      </c>
      <c r="AB10224" s="5" t="s">
        <v>43</v>
      </c>
      <c r="AC10224" s="5" t="s">
        <v>44</v>
      </c>
      <c r="AD10224" s="2" t="s">
        <v>30419</v>
      </c>
      <c r="AE10224" s="1"/>
    </row>
    <row r="10225" spans="1:31" ht="14.45">
      <c r="A10225" s="11"/>
      <c r="B10225" s="20"/>
      <c r="C10225" s="2" t="s">
        <v>31429</v>
      </c>
      <c r="D10225" s="14" t="s">
        <v>31430</v>
      </c>
      <c r="E10225" s="2" t="s">
        <v>31431</v>
      </c>
      <c r="F10225" s="2" t="s">
        <v>30423</v>
      </c>
      <c r="G10225" s="8">
        <v>221</v>
      </c>
      <c r="H10225" s="5">
        <v>5</v>
      </c>
      <c r="I10225" s="5" t="s">
        <v>69</v>
      </c>
      <c r="J10225" s="5" t="s">
        <v>27074</v>
      </c>
      <c r="K10225" s="2" t="s">
        <v>27075</v>
      </c>
      <c r="L10225" s="5" t="s">
        <v>27074</v>
      </c>
      <c r="M10225" s="2" t="s">
        <v>27075</v>
      </c>
      <c r="N10225" s="5" t="s">
        <v>24254</v>
      </c>
      <c r="O10225" s="5" t="s">
        <v>38</v>
      </c>
      <c r="P10225" s="5" t="s">
        <v>39</v>
      </c>
      <c r="Q10225" s="5" t="s">
        <v>40</v>
      </c>
      <c r="R10225" s="5" t="s">
        <v>24335</v>
      </c>
      <c r="S10225" s="5" t="s">
        <v>40</v>
      </c>
      <c r="T10225" s="5" t="s">
        <v>42</v>
      </c>
      <c r="U10225" s="2">
        <v>7.6989999999999998</v>
      </c>
      <c r="V10225" s="2">
        <v>5.8470000000000004</v>
      </c>
      <c r="W10225" s="2">
        <v>0.104</v>
      </c>
      <c r="X10225" s="2">
        <v>12</v>
      </c>
      <c r="Y10225" s="2">
        <v>50</v>
      </c>
      <c r="Z10225" s="2">
        <v>173.9</v>
      </c>
      <c r="AA10225" s="5">
        <v>8</v>
      </c>
      <c r="AB10225" s="5" t="s">
        <v>43</v>
      </c>
      <c r="AC10225" s="5" t="s">
        <v>44</v>
      </c>
      <c r="AD10225" s="2" t="s">
        <v>30419</v>
      </c>
      <c r="AE10225" s="1"/>
    </row>
    <row r="10226" spans="1:31" ht="14.45">
      <c r="A10226" s="11"/>
      <c r="B10226" s="20"/>
      <c r="C10226" s="2" t="s">
        <v>31432</v>
      </c>
      <c r="D10226" s="14" t="s">
        <v>31433</v>
      </c>
      <c r="E10226" s="2" t="s">
        <v>31434</v>
      </c>
      <c r="F10226" s="2" t="s">
        <v>30427</v>
      </c>
      <c r="G10226" s="8">
        <v>221</v>
      </c>
      <c r="H10226" s="5">
        <v>10</v>
      </c>
      <c r="I10226" s="5" t="s">
        <v>69</v>
      </c>
      <c r="J10226" s="5" t="s">
        <v>27074</v>
      </c>
      <c r="K10226" s="2" t="s">
        <v>27075</v>
      </c>
      <c r="L10226" s="5" t="s">
        <v>27074</v>
      </c>
      <c r="M10226" s="2" t="s">
        <v>27075</v>
      </c>
      <c r="N10226" s="5" t="s">
        <v>24254</v>
      </c>
      <c r="O10226" s="5" t="s">
        <v>38</v>
      </c>
      <c r="P10226" s="5" t="s">
        <v>39</v>
      </c>
      <c r="Q10226" s="5" t="s">
        <v>40</v>
      </c>
      <c r="R10226" s="5" t="s">
        <v>24335</v>
      </c>
      <c r="S10226" s="5" t="s">
        <v>40</v>
      </c>
      <c r="T10226" s="5" t="s">
        <v>42</v>
      </c>
      <c r="U10226" s="2">
        <v>6.2539999999999996</v>
      </c>
      <c r="V10226" s="2">
        <v>4.5529999999999999</v>
      </c>
      <c r="W10226" s="2">
        <v>0.104</v>
      </c>
      <c r="X10226" s="2">
        <v>12</v>
      </c>
      <c r="Y10226" s="2">
        <v>50</v>
      </c>
      <c r="Z10226" s="2">
        <v>173.9</v>
      </c>
      <c r="AA10226" s="5">
        <v>8</v>
      </c>
      <c r="AB10226" s="5" t="s">
        <v>43</v>
      </c>
      <c r="AC10226" s="5" t="s">
        <v>44</v>
      </c>
      <c r="AD10226" s="2" t="s">
        <v>30419</v>
      </c>
      <c r="AE10226" s="1"/>
    </row>
    <row r="10227" spans="1:31" ht="14.45">
      <c r="A10227" s="11"/>
      <c r="B10227" s="20"/>
      <c r="C10227" s="2" t="s">
        <v>31435</v>
      </c>
      <c r="D10227" s="14" t="s">
        <v>31436</v>
      </c>
      <c r="E10227" s="2" t="s">
        <v>31437</v>
      </c>
      <c r="F10227" s="2" t="s">
        <v>30431</v>
      </c>
      <c r="G10227" s="8">
        <v>221</v>
      </c>
      <c r="H10227" s="5">
        <v>5</v>
      </c>
      <c r="I10227" s="5" t="s">
        <v>69</v>
      </c>
      <c r="J10227" s="5" t="s">
        <v>27074</v>
      </c>
      <c r="K10227" s="2" t="s">
        <v>27075</v>
      </c>
      <c r="L10227" s="5" t="s">
        <v>27074</v>
      </c>
      <c r="M10227" s="2" t="s">
        <v>27075</v>
      </c>
      <c r="N10227" s="5" t="s">
        <v>24254</v>
      </c>
      <c r="O10227" s="5" t="s">
        <v>38</v>
      </c>
      <c r="P10227" s="5" t="s">
        <v>39</v>
      </c>
      <c r="Q10227" s="5" t="s">
        <v>40</v>
      </c>
      <c r="R10227" s="5" t="s">
        <v>24335</v>
      </c>
      <c r="S10227" s="5" t="s">
        <v>40</v>
      </c>
      <c r="T10227" s="5" t="s">
        <v>42</v>
      </c>
      <c r="U10227" s="2">
        <v>6.9530000000000003</v>
      </c>
      <c r="V10227" s="2">
        <v>5.1050000000000004</v>
      </c>
      <c r="W10227" s="2">
        <v>0.104</v>
      </c>
      <c r="X10227" s="2">
        <v>12</v>
      </c>
      <c r="Y10227" s="2">
        <v>50</v>
      </c>
      <c r="Z10227" s="2">
        <v>173.9</v>
      </c>
      <c r="AA10227" s="5">
        <v>10</v>
      </c>
      <c r="AB10227" s="5" t="s">
        <v>43</v>
      </c>
      <c r="AC10227" s="5" t="s">
        <v>44</v>
      </c>
      <c r="AD10227" s="2" t="s">
        <v>30432</v>
      </c>
      <c r="AE10227" s="1"/>
    </row>
    <row r="10228" spans="1:31" ht="14.45">
      <c r="A10228" s="11"/>
      <c r="B10228" s="20"/>
      <c r="C10228" s="2" t="s">
        <v>31438</v>
      </c>
      <c r="D10228" s="14" t="s">
        <v>31439</v>
      </c>
      <c r="E10228" s="2" t="s">
        <v>31440</v>
      </c>
      <c r="F10228" s="2" t="s">
        <v>30431</v>
      </c>
      <c r="G10228" s="8">
        <v>221</v>
      </c>
      <c r="H10228" s="5">
        <v>5</v>
      </c>
      <c r="I10228" s="5" t="s">
        <v>69</v>
      </c>
      <c r="J10228" s="5" t="s">
        <v>27074</v>
      </c>
      <c r="K10228" s="2" t="s">
        <v>27075</v>
      </c>
      <c r="L10228" s="5" t="s">
        <v>27074</v>
      </c>
      <c r="M10228" s="2" t="s">
        <v>27075</v>
      </c>
      <c r="N10228" s="5" t="s">
        <v>24254</v>
      </c>
      <c r="O10228" s="5" t="s">
        <v>38</v>
      </c>
      <c r="P10228" s="5" t="s">
        <v>39</v>
      </c>
      <c r="Q10228" s="5" t="s">
        <v>40</v>
      </c>
      <c r="R10228" s="5" t="s">
        <v>24335</v>
      </c>
      <c r="S10228" s="5" t="s">
        <v>40</v>
      </c>
      <c r="T10228" s="5" t="s">
        <v>42</v>
      </c>
      <c r="U10228" s="2">
        <v>7.4009999999999998</v>
      </c>
      <c r="V10228" s="2">
        <v>5.5529999999999999</v>
      </c>
      <c r="W10228" s="2">
        <v>0.104</v>
      </c>
      <c r="X10228" s="2">
        <v>12</v>
      </c>
      <c r="Y10228" s="2">
        <v>50</v>
      </c>
      <c r="Z10228" s="2">
        <v>173.9</v>
      </c>
      <c r="AA10228" s="5">
        <v>10</v>
      </c>
      <c r="AB10228" s="5" t="s">
        <v>43</v>
      </c>
      <c r="AC10228" s="5" t="s">
        <v>44</v>
      </c>
      <c r="AD10228" s="2" t="s">
        <v>30436</v>
      </c>
      <c r="AE10228" s="1"/>
    </row>
    <row r="10229" spans="1:31" ht="14.45">
      <c r="A10229" s="11"/>
      <c r="B10229" s="20"/>
      <c r="C10229" s="2" t="s">
        <v>31441</v>
      </c>
      <c r="D10229" s="14" t="s">
        <v>31442</v>
      </c>
      <c r="E10229" s="2" t="s">
        <v>31443</v>
      </c>
      <c r="F10229" s="2" t="s">
        <v>30440</v>
      </c>
      <c r="G10229" s="8">
        <v>221</v>
      </c>
      <c r="H10229" s="5">
        <v>5</v>
      </c>
      <c r="I10229" s="5" t="s">
        <v>69</v>
      </c>
      <c r="J10229" s="5" t="s">
        <v>27074</v>
      </c>
      <c r="K10229" s="2" t="s">
        <v>27075</v>
      </c>
      <c r="L10229" s="5" t="s">
        <v>27074</v>
      </c>
      <c r="M10229" s="2" t="s">
        <v>27075</v>
      </c>
      <c r="N10229" s="5" t="s">
        <v>24254</v>
      </c>
      <c r="O10229" s="5" t="s">
        <v>38</v>
      </c>
      <c r="P10229" s="5" t="s">
        <v>39</v>
      </c>
      <c r="Q10229" s="5" t="s">
        <v>40</v>
      </c>
      <c r="R10229" s="5" t="s">
        <v>24335</v>
      </c>
      <c r="S10229" s="5" t="s">
        <v>40</v>
      </c>
      <c r="T10229" s="5" t="s">
        <v>42</v>
      </c>
      <c r="U10229" s="2">
        <v>5.5789999999999997</v>
      </c>
      <c r="V10229" s="2">
        <v>3.7309999999999999</v>
      </c>
      <c r="W10229" s="2">
        <v>0.104</v>
      </c>
      <c r="X10229" s="2">
        <v>12</v>
      </c>
      <c r="Y10229" s="2">
        <v>50</v>
      </c>
      <c r="Z10229" s="2">
        <v>173.9</v>
      </c>
      <c r="AA10229" s="5">
        <v>10</v>
      </c>
      <c r="AB10229" s="5" t="s">
        <v>43</v>
      </c>
      <c r="AC10229" s="5" t="s">
        <v>44</v>
      </c>
      <c r="AD10229" s="2" t="s">
        <v>30441</v>
      </c>
      <c r="AE10229" s="1"/>
    </row>
    <row r="10230" spans="1:31" ht="14.45">
      <c r="A10230" s="11"/>
      <c r="B10230" s="20"/>
      <c r="C10230" s="2" t="s">
        <v>31444</v>
      </c>
      <c r="D10230" s="14" t="s">
        <v>31445</v>
      </c>
      <c r="E10230" s="2" t="s">
        <v>31446</v>
      </c>
      <c r="F10230" s="2" t="s">
        <v>30440</v>
      </c>
      <c r="G10230" s="8">
        <v>221</v>
      </c>
      <c r="H10230" s="5">
        <v>5</v>
      </c>
      <c r="I10230" s="5" t="s">
        <v>69</v>
      </c>
      <c r="J10230" s="5" t="s">
        <v>27074</v>
      </c>
      <c r="K10230" s="2" t="s">
        <v>27075</v>
      </c>
      <c r="L10230" s="5" t="s">
        <v>27074</v>
      </c>
      <c r="M10230" s="2" t="s">
        <v>27075</v>
      </c>
      <c r="N10230" s="5" t="s">
        <v>24254</v>
      </c>
      <c r="O10230" s="5" t="s">
        <v>38</v>
      </c>
      <c r="P10230" s="5" t="s">
        <v>39</v>
      </c>
      <c r="Q10230" s="5" t="s">
        <v>40</v>
      </c>
      <c r="R10230" s="5" t="s">
        <v>24335</v>
      </c>
      <c r="S10230" s="5" t="s">
        <v>40</v>
      </c>
      <c r="T10230" s="5" t="s">
        <v>42</v>
      </c>
      <c r="U10230" s="2">
        <v>5.742</v>
      </c>
      <c r="V10230" s="2">
        <v>3.8940000000000001</v>
      </c>
      <c r="W10230" s="2">
        <v>0.104</v>
      </c>
      <c r="X10230" s="2">
        <v>12</v>
      </c>
      <c r="Y10230" s="2">
        <v>50</v>
      </c>
      <c r="Z10230" s="2">
        <v>173.9</v>
      </c>
      <c r="AA10230" s="5">
        <v>10</v>
      </c>
      <c r="AB10230" s="5" t="s">
        <v>43</v>
      </c>
      <c r="AC10230" s="5" t="s">
        <v>44</v>
      </c>
      <c r="AD10230" s="2" t="s">
        <v>30445</v>
      </c>
      <c r="AE10230" s="1"/>
    </row>
    <row r="10231" spans="1:31" ht="14.45">
      <c r="A10231" s="11"/>
      <c r="B10231" s="20"/>
      <c r="C10231" s="2" t="s">
        <v>31447</v>
      </c>
      <c r="D10231" s="14" t="s">
        <v>31448</v>
      </c>
      <c r="E10231" s="2" t="s">
        <v>31449</v>
      </c>
      <c r="F10231" s="2" t="s">
        <v>30449</v>
      </c>
      <c r="G10231" s="8">
        <v>221</v>
      </c>
      <c r="H10231" s="5">
        <v>5</v>
      </c>
      <c r="I10231" s="5" t="s">
        <v>69</v>
      </c>
      <c r="J10231" s="5" t="s">
        <v>27074</v>
      </c>
      <c r="K10231" s="2" t="s">
        <v>27075</v>
      </c>
      <c r="L10231" s="5" t="s">
        <v>27074</v>
      </c>
      <c r="M10231" s="2" t="s">
        <v>27075</v>
      </c>
      <c r="N10231" s="5" t="s">
        <v>24254</v>
      </c>
      <c r="O10231" s="5" t="s">
        <v>38</v>
      </c>
      <c r="P10231" s="5" t="s">
        <v>39</v>
      </c>
      <c r="Q10231" s="5" t="s">
        <v>40</v>
      </c>
      <c r="R10231" s="5" t="s">
        <v>24335</v>
      </c>
      <c r="S10231" s="5" t="s">
        <v>40</v>
      </c>
      <c r="T10231" s="5" t="s">
        <v>42</v>
      </c>
      <c r="U10231" s="2">
        <v>6.7160000000000002</v>
      </c>
      <c r="V10231" s="2">
        <v>4.5999999999999996</v>
      </c>
      <c r="W10231" s="2">
        <v>0.104</v>
      </c>
      <c r="X10231" s="2">
        <v>12</v>
      </c>
      <c r="Y10231" s="2">
        <v>50</v>
      </c>
      <c r="Z10231" s="2">
        <v>173.9</v>
      </c>
      <c r="AA10231" s="5">
        <v>10</v>
      </c>
      <c r="AB10231" s="5" t="s">
        <v>43</v>
      </c>
      <c r="AC10231" s="5" t="s">
        <v>44</v>
      </c>
      <c r="AD10231" s="2" t="s">
        <v>30441</v>
      </c>
      <c r="AE10231" s="1"/>
    </row>
    <row r="10232" spans="1:31" ht="14.45">
      <c r="A10232" s="11"/>
      <c r="B10232" s="20"/>
      <c r="C10232" s="2" t="s">
        <v>31450</v>
      </c>
      <c r="D10232" s="14" t="s">
        <v>31451</v>
      </c>
      <c r="E10232" s="2" t="s">
        <v>31452</v>
      </c>
      <c r="F10232" s="2" t="s">
        <v>30449</v>
      </c>
      <c r="G10232" s="8">
        <v>221</v>
      </c>
      <c r="H10232" s="5">
        <v>5</v>
      </c>
      <c r="I10232" s="5" t="s">
        <v>69</v>
      </c>
      <c r="J10232" s="5" t="s">
        <v>27074</v>
      </c>
      <c r="K10232" s="2" t="s">
        <v>27075</v>
      </c>
      <c r="L10232" s="5" t="s">
        <v>27074</v>
      </c>
      <c r="M10232" s="2" t="s">
        <v>27075</v>
      </c>
      <c r="N10232" s="5" t="s">
        <v>24254</v>
      </c>
      <c r="O10232" s="5" t="s">
        <v>38</v>
      </c>
      <c r="P10232" s="5" t="s">
        <v>39</v>
      </c>
      <c r="Q10232" s="5" t="s">
        <v>40</v>
      </c>
      <c r="R10232" s="5" t="s">
        <v>24335</v>
      </c>
      <c r="S10232" s="5" t="s">
        <v>40</v>
      </c>
      <c r="T10232" s="5" t="s">
        <v>42</v>
      </c>
      <c r="U10232" s="2">
        <v>7.181</v>
      </c>
      <c r="V10232" s="2">
        <v>5.0650000000000004</v>
      </c>
      <c r="W10232" s="2">
        <v>0.104</v>
      </c>
      <c r="X10232" s="2">
        <v>12</v>
      </c>
      <c r="Y10232" s="2">
        <v>50</v>
      </c>
      <c r="Z10232" s="2">
        <v>173.9</v>
      </c>
      <c r="AA10232" s="5">
        <v>10</v>
      </c>
      <c r="AB10232" s="5" t="s">
        <v>43</v>
      </c>
      <c r="AC10232" s="5" t="s">
        <v>44</v>
      </c>
      <c r="AD10232" s="2" t="s">
        <v>30445</v>
      </c>
      <c r="AE10232" s="1"/>
    </row>
    <row r="10233" spans="1:31" ht="14.45">
      <c r="A10233" s="11"/>
      <c r="B10233" s="20"/>
      <c r="C10233" s="2" t="s">
        <v>31453</v>
      </c>
      <c r="D10233" s="14" t="s">
        <v>31454</v>
      </c>
      <c r="E10233" s="2" t="s">
        <v>31455</v>
      </c>
      <c r="F10233" s="2" t="s">
        <v>30456</v>
      </c>
      <c r="G10233" s="8">
        <v>402</v>
      </c>
      <c r="H10233" s="5">
        <v>5</v>
      </c>
      <c r="I10233" s="5" t="s">
        <v>69</v>
      </c>
      <c r="J10233" s="5" t="s">
        <v>27074</v>
      </c>
      <c r="K10233" s="2" t="s">
        <v>27075</v>
      </c>
      <c r="L10233" s="5" t="s">
        <v>27074</v>
      </c>
      <c r="M10233" s="2" t="s">
        <v>27075</v>
      </c>
      <c r="N10233" s="5" t="s">
        <v>24254</v>
      </c>
      <c r="O10233" s="5" t="s">
        <v>38</v>
      </c>
      <c r="P10233" s="5" t="s">
        <v>39</v>
      </c>
      <c r="Q10233" s="5" t="s">
        <v>40</v>
      </c>
      <c r="R10233" s="5" t="s">
        <v>24335</v>
      </c>
      <c r="S10233" s="5" t="s">
        <v>40</v>
      </c>
      <c r="T10233" s="5" t="s">
        <v>42</v>
      </c>
      <c r="U10233" s="2">
        <v>15.361000000000001</v>
      </c>
      <c r="V10233" s="2">
        <v>12.644</v>
      </c>
      <c r="W10233" s="2">
        <v>0.19500000000000001</v>
      </c>
      <c r="X10233" s="2">
        <v>12</v>
      </c>
      <c r="Y10233" s="2">
        <v>77</v>
      </c>
      <c r="Z10233" s="2">
        <v>210.9</v>
      </c>
      <c r="AA10233" s="5">
        <v>8</v>
      </c>
      <c r="AB10233" s="5" t="s">
        <v>43</v>
      </c>
      <c r="AC10233" s="5" t="s">
        <v>44</v>
      </c>
      <c r="AD10233" s="2" t="s">
        <v>30457</v>
      </c>
      <c r="AE10233" s="1"/>
    </row>
    <row r="10234" spans="1:31" ht="14.45">
      <c r="A10234" s="11"/>
      <c r="B10234" s="20"/>
      <c r="C10234" s="2" t="s">
        <v>31456</v>
      </c>
      <c r="D10234" s="14" t="s">
        <v>31457</v>
      </c>
      <c r="E10234" s="2" t="s">
        <v>31458</v>
      </c>
      <c r="F10234" s="2" t="s">
        <v>30595</v>
      </c>
      <c r="G10234" s="8">
        <v>372</v>
      </c>
      <c r="H10234" s="5">
        <v>10</v>
      </c>
      <c r="I10234" s="5" t="s">
        <v>69</v>
      </c>
      <c r="J10234" s="5" t="s">
        <v>27074</v>
      </c>
      <c r="K10234" s="2" t="s">
        <v>27075</v>
      </c>
      <c r="L10234" s="5" t="s">
        <v>27074</v>
      </c>
      <c r="M10234" s="2" t="s">
        <v>27075</v>
      </c>
      <c r="N10234" s="5" t="s">
        <v>24254</v>
      </c>
      <c r="O10234" s="5" t="s">
        <v>38</v>
      </c>
      <c r="P10234" s="5" t="s">
        <v>39</v>
      </c>
      <c r="Q10234" s="5" t="s">
        <v>40</v>
      </c>
      <c r="R10234" s="5" t="s">
        <v>24340</v>
      </c>
      <c r="S10234" s="5" t="s">
        <v>40</v>
      </c>
      <c r="T10234" s="5" t="s">
        <v>42</v>
      </c>
      <c r="U10234" s="2">
        <v>13.192</v>
      </c>
      <c r="V10234" s="2">
        <v>11.411</v>
      </c>
      <c r="W10234" s="2">
        <v>0.104</v>
      </c>
      <c r="X10234" s="2">
        <v>12</v>
      </c>
      <c r="Y10234" s="2">
        <v>50</v>
      </c>
      <c r="Z10234" s="2">
        <v>173.9</v>
      </c>
      <c r="AA10234" s="5">
        <v>8</v>
      </c>
      <c r="AB10234" s="5" t="s">
        <v>43</v>
      </c>
      <c r="AC10234" s="5" t="s">
        <v>44</v>
      </c>
      <c r="AD10234" s="2" t="s">
        <v>30525</v>
      </c>
      <c r="AE10234" s="1"/>
    </row>
    <row r="10235" spans="1:31" ht="14.45">
      <c r="A10235" s="11"/>
      <c r="B10235" s="20"/>
      <c r="C10235" s="2" t="s">
        <v>31459</v>
      </c>
      <c r="D10235" s="14" t="s">
        <v>31460</v>
      </c>
      <c r="E10235" s="2" t="s">
        <v>31461</v>
      </c>
      <c r="F10235" s="2" t="s">
        <v>30461</v>
      </c>
      <c r="G10235" s="8">
        <v>704</v>
      </c>
      <c r="H10235" s="5">
        <v>10</v>
      </c>
      <c r="I10235" s="5" t="s">
        <v>69</v>
      </c>
      <c r="J10235" s="5" t="s">
        <v>27074</v>
      </c>
      <c r="K10235" s="2" t="s">
        <v>27075</v>
      </c>
      <c r="L10235" s="5" t="s">
        <v>27074</v>
      </c>
      <c r="M10235" s="2" t="s">
        <v>27075</v>
      </c>
      <c r="N10235" s="5" t="s">
        <v>24254</v>
      </c>
      <c r="O10235" s="5" t="s">
        <v>38</v>
      </c>
      <c r="P10235" s="5" t="s">
        <v>39</v>
      </c>
      <c r="Q10235" s="5" t="s">
        <v>40</v>
      </c>
      <c r="R10235" s="5" t="s">
        <v>24340</v>
      </c>
      <c r="S10235" s="5" t="s">
        <v>40</v>
      </c>
      <c r="T10235" s="5" t="s">
        <v>42</v>
      </c>
      <c r="U10235" s="2">
        <v>27.285</v>
      </c>
      <c r="V10235" s="2">
        <v>24.556000000000001</v>
      </c>
      <c r="W10235" s="2">
        <v>0.19500000000000001</v>
      </c>
      <c r="X10235" s="2">
        <v>12</v>
      </c>
      <c r="Y10235" s="2">
        <v>77</v>
      </c>
      <c r="Z10235" s="2">
        <v>210.9</v>
      </c>
      <c r="AA10235" s="5">
        <v>8</v>
      </c>
      <c r="AB10235" s="5" t="s">
        <v>43</v>
      </c>
      <c r="AC10235" s="5" t="s">
        <v>44</v>
      </c>
      <c r="AD10235" s="2" t="s">
        <v>30462</v>
      </c>
      <c r="AE10235" s="1"/>
    </row>
    <row r="10236" spans="1:31" ht="14.45">
      <c r="A10236" s="11"/>
      <c r="B10236" s="20"/>
      <c r="C10236" s="2" t="s">
        <v>31462</v>
      </c>
      <c r="D10236" s="14" t="s">
        <v>31463</v>
      </c>
      <c r="E10236" s="2" t="s">
        <v>31464</v>
      </c>
      <c r="F10236" s="2" t="s">
        <v>30862</v>
      </c>
      <c r="G10236" s="8">
        <v>372</v>
      </c>
      <c r="H10236" s="5">
        <v>10</v>
      </c>
      <c r="I10236" s="5" t="s">
        <v>69</v>
      </c>
      <c r="J10236" s="5" t="s">
        <v>27074</v>
      </c>
      <c r="K10236" s="2" t="s">
        <v>27075</v>
      </c>
      <c r="L10236" s="5" t="s">
        <v>27074</v>
      </c>
      <c r="M10236" s="2" t="s">
        <v>27075</v>
      </c>
      <c r="N10236" s="5" t="s">
        <v>24254</v>
      </c>
      <c r="O10236" s="5" t="s">
        <v>38</v>
      </c>
      <c r="P10236" s="5" t="s">
        <v>39</v>
      </c>
      <c r="Q10236" s="5" t="s">
        <v>40</v>
      </c>
      <c r="R10236" s="5" t="s">
        <v>25301</v>
      </c>
      <c r="S10236" s="5" t="s">
        <v>40</v>
      </c>
      <c r="T10236" s="5" t="s">
        <v>42</v>
      </c>
      <c r="U10236" s="2">
        <v>11.968999999999999</v>
      </c>
      <c r="V10236" s="2">
        <v>10.186999999999999</v>
      </c>
      <c r="W10236" s="2">
        <v>0.104</v>
      </c>
      <c r="X10236" s="2">
        <v>12</v>
      </c>
      <c r="Y10236" s="2">
        <v>50</v>
      </c>
      <c r="Z10236" s="2">
        <v>173.9</v>
      </c>
      <c r="AA10236" s="5">
        <v>8</v>
      </c>
      <c r="AB10236" s="5" t="s">
        <v>43</v>
      </c>
      <c r="AC10236" s="5" t="s">
        <v>44</v>
      </c>
      <c r="AD10236" s="2" t="s">
        <v>30542</v>
      </c>
      <c r="AE10236" s="1"/>
    </row>
    <row r="10237" spans="1:31" ht="14.45">
      <c r="A10237" s="11"/>
      <c r="B10237" s="20"/>
      <c r="C10237" s="2" t="s">
        <v>31465</v>
      </c>
      <c r="D10237" s="14" t="s">
        <v>31466</v>
      </c>
      <c r="E10237" s="2" t="s">
        <v>31467</v>
      </c>
      <c r="F10237" s="2" t="s">
        <v>31004</v>
      </c>
      <c r="G10237" s="8">
        <v>372</v>
      </c>
      <c r="H10237" s="5">
        <v>10</v>
      </c>
      <c r="I10237" s="5" t="s">
        <v>69</v>
      </c>
      <c r="J10237" s="5" t="s">
        <v>27074</v>
      </c>
      <c r="K10237" s="2" t="s">
        <v>27075</v>
      </c>
      <c r="L10237" s="5" t="s">
        <v>27074</v>
      </c>
      <c r="M10237" s="2" t="s">
        <v>27075</v>
      </c>
      <c r="N10237" s="5" t="s">
        <v>24254</v>
      </c>
      <c r="O10237" s="5" t="s">
        <v>38</v>
      </c>
      <c r="P10237" s="5" t="s">
        <v>39</v>
      </c>
      <c r="Q10237" s="5" t="s">
        <v>40</v>
      </c>
      <c r="R10237" s="5" t="s">
        <v>25301</v>
      </c>
      <c r="S10237" s="5" t="s">
        <v>40</v>
      </c>
      <c r="T10237" s="5" t="s">
        <v>42</v>
      </c>
      <c r="U10237" s="2">
        <v>11.932</v>
      </c>
      <c r="V10237" s="2">
        <v>10.154</v>
      </c>
      <c r="W10237" s="2">
        <v>0.104</v>
      </c>
      <c r="X10237" s="2">
        <v>12</v>
      </c>
      <c r="Y10237" s="2">
        <v>50</v>
      </c>
      <c r="Z10237" s="2">
        <v>173.9</v>
      </c>
      <c r="AA10237" s="5">
        <v>10</v>
      </c>
      <c r="AB10237" s="5" t="s">
        <v>43</v>
      </c>
      <c r="AC10237" s="5" t="s">
        <v>44</v>
      </c>
      <c r="AD10237" s="2" t="s">
        <v>31468</v>
      </c>
      <c r="AE10237" s="1"/>
    </row>
    <row r="10238" spans="1:31" ht="14.45">
      <c r="A10238" s="11"/>
      <c r="B10238" s="20"/>
      <c r="C10238" s="2" t="s">
        <v>31469</v>
      </c>
      <c r="D10238" s="14" t="s">
        <v>31470</v>
      </c>
      <c r="E10238" s="2" t="s">
        <v>31471</v>
      </c>
      <c r="F10238" s="2" t="s">
        <v>31191</v>
      </c>
      <c r="G10238" s="8">
        <v>372</v>
      </c>
      <c r="H10238" s="5">
        <v>10</v>
      </c>
      <c r="I10238" s="5" t="s">
        <v>69</v>
      </c>
      <c r="J10238" s="5" t="s">
        <v>27074</v>
      </c>
      <c r="K10238" s="2" t="s">
        <v>27075</v>
      </c>
      <c r="L10238" s="5" t="s">
        <v>27074</v>
      </c>
      <c r="M10238" s="2" t="s">
        <v>27075</v>
      </c>
      <c r="N10238" s="5" t="s">
        <v>24254</v>
      </c>
      <c r="O10238" s="5" t="s">
        <v>38</v>
      </c>
      <c r="P10238" s="5" t="s">
        <v>39</v>
      </c>
      <c r="Q10238" s="5" t="s">
        <v>40</v>
      </c>
      <c r="R10238" s="5" t="s">
        <v>25301</v>
      </c>
      <c r="S10238" s="5" t="s">
        <v>40</v>
      </c>
      <c r="T10238" s="5" t="s">
        <v>42</v>
      </c>
      <c r="U10238" s="2">
        <v>11.26</v>
      </c>
      <c r="V10238" s="2">
        <v>9.3469999999999995</v>
      </c>
      <c r="W10238" s="2">
        <v>0.104</v>
      </c>
      <c r="X10238" s="2">
        <v>12</v>
      </c>
      <c r="Y10238" s="2">
        <v>50</v>
      </c>
      <c r="Z10238" s="2">
        <v>173.9</v>
      </c>
      <c r="AA10238" s="5">
        <v>10</v>
      </c>
      <c r="AB10238" s="5" t="s">
        <v>43</v>
      </c>
      <c r="AC10238" s="5" t="s">
        <v>44</v>
      </c>
      <c r="AD10238" s="2" t="s">
        <v>31472</v>
      </c>
      <c r="AE10238" s="1"/>
    </row>
    <row r="10239" spans="1:31" ht="14.45">
      <c r="A10239" s="11"/>
      <c r="B10239" s="20"/>
      <c r="C10239" s="2" t="s">
        <v>31473</v>
      </c>
      <c r="D10239" s="14" t="s">
        <v>31474</v>
      </c>
      <c r="E10239" s="2" t="s">
        <v>31475</v>
      </c>
      <c r="F10239" s="2" t="s">
        <v>30466</v>
      </c>
      <c r="G10239" s="8">
        <v>797</v>
      </c>
      <c r="H10239" s="5">
        <v>5</v>
      </c>
      <c r="I10239" s="5" t="s">
        <v>69</v>
      </c>
      <c r="J10239" s="5" t="s">
        <v>27074</v>
      </c>
      <c r="K10239" s="2" t="s">
        <v>27075</v>
      </c>
      <c r="L10239" s="5" t="s">
        <v>27074</v>
      </c>
      <c r="M10239" s="2" t="s">
        <v>27075</v>
      </c>
      <c r="N10239" s="5" t="s">
        <v>24254</v>
      </c>
      <c r="O10239" s="5" t="s">
        <v>38</v>
      </c>
      <c r="P10239" s="5" t="s">
        <v>39</v>
      </c>
      <c r="Q10239" s="5" t="s">
        <v>40</v>
      </c>
      <c r="R10239" s="5" t="s">
        <v>1487</v>
      </c>
      <c r="S10239" s="5"/>
      <c r="T10239" s="5" t="s">
        <v>42</v>
      </c>
      <c r="U10239" s="2">
        <v>0</v>
      </c>
      <c r="V10239" s="2">
        <v>0</v>
      </c>
      <c r="W10239" s="2">
        <v>0</v>
      </c>
      <c r="X10239" s="2">
        <v>0</v>
      </c>
      <c r="Y10239" s="2">
        <v>0</v>
      </c>
      <c r="Z10239" s="2">
        <v>0</v>
      </c>
      <c r="AA10239" s="5"/>
      <c r="AB10239" s="5" t="s">
        <v>43</v>
      </c>
      <c r="AC10239" s="5" t="s">
        <v>44</v>
      </c>
      <c r="AD10239" s="2" t="s">
        <v>30467</v>
      </c>
      <c r="AE10239" s="1"/>
    </row>
    <row r="10240" spans="1:31" ht="14.45">
      <c r="A10240" s="11"/>
      <c r="B10240" s="20"/>
      <c r="C10240" s="2" t="s">
        <v>31476</v>
      </c>
      <c r="D10240" s="14" t="s">
        <v>31477</v>
      </c>
      <c r="E10240" s="2" t="s">
        <v>31478</v>
      </c>
      <c r="F10240" s="2" t="s">
        <v>30471</v>
      </c>
      <c r="G10240" s="8">
        <v>797</v>
      </c>
      <c r="H10240" s="5">
        <v>15</v>
      </c>
      <c r="I10240" s="5" t="s">
        <v>69</v>
      </c>
      <c r="J10240" s="5" t="s">
        <v>27074</v>
      </c>
      <c r="K10240" s="2" t="s">
        <v>27075</v>
      </c>
      <c r="L10240" s="5" t="s">
        <v>27074</v>
      </c>
      <c r="M10240" s="2" t="s">
        <v>27075</v>
      </c>
      <c r="N10240" s="5" t="s">
        <v>24254</v>
      </c>
      <c r="O10240" s="5" t="s">
        <v>38</v>
      </c>
      <c r="P10240" s="5" t="s">
        <v>39</v>
      </c>
      <c r="Q10240" s="5" t="s">
        <v>40</v>
      </c>
      <c r="R10240" s="5" t="s">
        <v>1487</v>
      </c>
      <c r="S10240" s="5"/>
      <c r="T10240" s="5" t="s">
        <v>42</v>
      </c>
      <c r="U10240" s="2">
        <v>0</v>
      </c>
      <c r="V10240" s="2">
        <v>0</v>
      </c>
      <c r="W10240" s="2">
        <v>0</v>
      </c>
      <c r="X10240" s="2">
        <v>0</v>
      </c>
      <c r="Y10240" s="2">
        <v>0</v>
      </c>
      <c r="Z10240" s="2">
        <v>0</v>
      </c>
      <c r="AA10240" s="5"/>
      <c r="AB10240" s="5" t="s">
        <v>43</v>
      </c>
      <c r="AC10240" s="5" t="s">
        <v>44</v>
      </c>
      <c r="AD10240" s="2" t="s">
        <v>30472</v>
      </c>
      <c r="AE10240" s="1"/>
    </row>
    <row r="10241" spans="1:31" ht="14.45">
      <c r="A10241" s="11"/>
      <c r="B10241" s="20"/>
      <c r="C10241" s="2" t="s">
        <v>31479</v>
      </c>
      <c r="D10241" s="14" t="s">
        <v>31480</v>
      </c>
      <c r="E10241" s="2" t="s">
        <v>31481</v>
      </c>
      <c r="F10241" s="2" t="s">
        <v>30486</v>
      </c>
      <c r="G10241" s="8">
        <v>1099</v>
      </c>
      <c r="H10241" s="5">
        <v>10</v>
      </c>
      <c r="I10241" s="5" t="s">
        <v>69</v>
      </c>
      <c r="J10241" s="5" t="s">
        <v>27074</v>
      </c>
      <c r="K10241" s="2" t="s">
        <v>27075</v>
      </c>
      <c r="L10241" s="5" t="s">
        <v>27074</v>
      </c>
      <c r="M10241" s="2" t="s">
        <v>27075</v>
      </c>
      <c r="N10241" s="5" t="s">
        <v>24254</v>
      </c>
      <c r="O10241" s="5" t="s">
        <v>38</v>
      </c>
      <c r="P10241" s="5" t="s">
        <v>39</v>
      </c>
      <c r="Q10241" s="5" t="s">
        <v>40</v>
      </c>
      <c r="R10241" s="5" t="s">
        <v>1487</v>
      </c>
      <c r="S10241" s="5"/>
      <c r="T10241" s="5" t="s">
        <v>42</v>
      </c>
      <c r="U10241" s="2">
        <v>0</v>
      </c>
      <c r="V10241" s="2">
        <v>0</v>
      </c>
      <c r="W10241" s="2">
        <v>0</v>
      </c>
      <c r="X10241" s="2">
        <v>0</v>
      </c>
      <c r="Y10241" s="2">
        <v>0</v>
      </c>
      <c r="Z10241" s="2">
        <v>0</v>
      </c>
      <c r="AA10241" s="5"/>
      <c r="AB10241" s="5" t="s">
        <v>43</v>
      </c>
      <c r="AC10241" s="5" t="s">
        <v>44</v>
      </c>
      <c r="AD10241" s="2"/>
      <c r="AE10241" s="1"/>
    </row>
    <row r="10242" spans="1:31" ht="14.45">
      <c r="A10242" s="11"/>
      <c r="B10242" s="20"/>
      <c r="C10242" s="2" t="s">
        <v>31482</v>
      </c>
      <c r="D10242" s="14" t="s">
        <v>31483</v>
      </c>
      <c r="E10242" s="2" t="s">
        <v>31484</v>
      </c>
      <c r="F10242" s="2" t="s">
        <v>30490</v>
      </c>
      <c r="G10242" s="8">
        <v>1099</v>
      </c>
      <c r="H10242" s="5">
        <v>15</v>
      </c>
      <c r="I10242" s="5" t="s">
        <v>69</v>
      </c>
      <c r="J10242" s="5" t="s">
        <v>27074</v>
      </c>
      <c r="K10242" s="2" t="s">
        <v>27075</v>
      </c>
      <c r="L10242" s="5" t="s">
        <v>27074</v>
      </c>
      <c r="M10242" s="2" t="s">
        <v>27075</v>
      </c>
      <c r="N10242" s="5" t="s">
        <v>24254</v>
      </c>
      <c r="O10242" s="5" t="s">
        <v>38</v>
      </c>
      <c r="P10242" s="5" t="s">
        <v>39</v>
      </c>
      <c r="Q10242" s="5" t="s">
        <v>40</v>
      </c>
      <c r="R10242" s="5" t="s">
        <v>1487</v>
      </c>
      <c r="S10242" s="5"/>
      <c r="T10242" s="5" t="s">
        <v>42</v>
      </c>
      <c r="U10242" s="2">
        <v>0</v>
      </c>
      <c r="V10242" s="2">
        <v>0</v>
      </c>
      <c r="W10242" s="2">
        <v>0</v>
      </c>
      <c r="X10242" s="2">
        <v>0</v>
      </c>
      <c r="Y10242" s="2">
        <v>0</v>
      </c>
      <c r="Z10242" s="2">
        <v>0</v>
      </c>
      <c r="AA10242" s="5"/>
      <c r="AB10242" s="5" t="s">
        <v>43</v>
      </c>
      <c r="AC10242" s="5" t="s">
        <v>44</v>
      </c>
      <c r="AD10242" s="2"/>
      <c r="AE10242" s="1"/>
    </row>
    <row r="10243" spans="1:31" ht="14.45">
      <c r="A10243" s="11"/>
      <c r="B10243" s="20"/>
      <c r="C10243" s="2" t="s">
        <v>31485</v>
      </c>
      <c r="D10243" s="14" t="s">
        <v>31486</v>
      </c>
      <c r="E10243" s="2" t="s">
        <v>31487</v>
      </c>
      <c r="F10243" s="2" t="s">
        <v>30418</v>
      </c>
      <c r="G10243" s="8">
        <v>240</v>
      </c>
      <c r="H10243" s="5">
        <v>10</v>
      </c>
      <c r="I10243" s="5" t="s">
        <v>69</v>
      </c>
      <c r="J10243" s="5" t="s">
        <v>27074</v>
      </c>
      <c r="K10243" s="2" t="s">
        <v>27075</v>
      </c>
      <c r="L10243" s="5" t="s">
        <v>27074</v>
      </c>
      <c r="M10243" s="2" t="s">
        <v>27075</v>
      </c>
      <c r="N10243" s="5" t="s">
        <v>24254</v>
      </c>
      <c r="O10243" s="5" t="s">
        <v>38</v>
      </c>
      <c r="P10243" s="5" t="s">
        <v>39</v>
      </c>
      <c r="Q10243" s="5" t="s">
        <v>40</v>
      </c>
      <c r="R10243" s="5" t="s">
        <v>24335</v>
      </c>
      <c r="S10243" s="5" t="s">
        <v>40</v>
      </c>
      <c r="T10243" s="5" t="s">
        <v>42</v>
      </c>
      <c r="U10243" s="2">
        <v>11.051</v>
      </c>
      <c r="V10243" s="2">
        <v>9.2530000000000001</v>
      </c>
      <c r="W10243" s="2">
        <v>0.104</v>
      </c>
      <c r="X10243" s="2">
        <v>12</v>
      </c>
      <c r="Y10243" s="2">
        <v>50</v>
      </c>
      <c r="Z10243" s="2">
        <v>173.9</v>
      </c>
      <c r="AA10243" s="5">
        <v>8</v>
      </c>
      <c r="AB10243" s="5" t="s">
        <v>43</v>
      </c>
      <c r="AC10243" s="5" t="s">
        <v>44</v>
      </c>
      <c r="AD10243" s="2" t="s">
        <v>30419</v>
      </c>
      <c r="AE10243" s="1"/>
    </row>
    <row r="10244" spans="1:31" ht="14.45">
      <c r="A10244" s="11"/>
      <c r="B10244" s="20"/>
      <c r="C10244" s="2" t="s">
        <v>31488</v>
      </c>
      <c r="D10244" s="14" t="s">
        <v>31489</v>
      </c>
      <c r="E10244" s="2" t="s">
        <v>31490</v>
      </c>
      <c r="F10244" s="2" t="s">
        <v>30423</v>
      </c>
      <c r="G10244" s="8">
        <v>240</v>
      </c>
      <c r="H10244" s="5">
        <v>5</v>
      </c>
      <c r="I10244" s="5" t="s">
        <v>69</v>
      </c>
      <c r="J10244" s="5" t="s">
        <v>27074</v>
      </c>
      <c r="K10244" s="2" t="s">
        <v>27075</v>
      </c>
      <c r="L10244" s="5" t="s">
        <v>27074</v>
      </c>
      <c r="M10244" s="2" t="s">
        <v>27075</v>
      </c>
      <c r="N10244" s="5" t="s">
        <v>24254</v>
      </c>
      <c r="O10244" s="5" t="s">
        <v>38</v>
      </c>
      <c r="P10244" s="5" t="s">
        <v>39</v>
      </c>
      <c r="Q10244" s="5" t="s">
        <v>40</v>
      </c>
      <c r="R10244" s="5" t="s">
        <v>24335</v>
      </c>
      <c r="S10244" s="5" t="s">
        <v>40</v>
      </c>
      <c r="T10244" s="5" t="s">
        <v>42</v>
      </c>
      <c r="U10244" s="2">
        <v>8.452</v>
      </c>
      <c r="V10244" s="2">
        <v>6.6</v>
      </c>
      <c r="W10244" s="2">
        <v>0.104</v>
      </c>
      <c r="X10244" s="2">
        <v>12</v>
      </c>
      <c r="Y10244" s="2">
        <v>50</v>
      </c>
      <c r="Z10244" s="2">
        <v>173.9</v>
      </c>
      <c r="AA10244" s="5">
        <v>8</v>
      </c>
      <c r="AB10244" s="5" t="s">
        <v>43</v>
      </c>
      <c r="AC10244" s="5" t="s">
        <v>44</v>
      </c>
      <c r="AD10244" s="2" t="s">
        <v>30419</v>
      </c>
      <c r="AE10244" s="1"/>
    </row>
    <row r="10245" spans="1:31" ht="14.45">
      <c r="A10245" s="11"/>
      <c r="B10245" s="20"/>
      <c r="C10245" s="2" t="s">
        <v>31491</v>
      </c>
      <c r="D10245" s="14" t="s">
        <v>31492</v>
      </c>
      <c r="E10245" s="2" t="s">
        <v>31493</v>
      </c>
      <c r="F10245" s="2" t="s">
        <v>30427</v>
      </c>
      <c r="G10245" s="8">
        <v>240</v>
      </c>
      <c r="H10245" s="5">
        <v>10</v>
      </c>
      <c r="I10245" s="5" t="s">
        <v>69</v>
      </c>
      <c r="J10245" s="5" t="s">
        <v>27074</v>
      </c>
      <c r="K10245" s="2" t="s">
        <v>27075</v>
      </c>
      <c r="L10245" s="5" t="s">
        <v>27074</v>
      </c>
      <c r="M10245" s="2" t="s">
        <v>27075</v>
      </c>
      <c r="N10245" s="5" t="s">
        <v>24254</v>
      </c>
      <c r="O10245" s="5" t="s">
        <v>38</v>
      </c>
      <c r="P10245" s="5" t="s">
        <v>39</v>
      </c>
      <c r="Q10245" s="5" t="s">
        <v>40</v>
      </c>
      <c r="R10245" s="5" t="s">
        <v>24335</v>
      </c>
      <c r="S10245" s="5" t="s">
        <v>40</v>
      </c>
      <c r="T10245" s="5" t="s">
        <v>42</v>
      </c>
      <c r="U10245" s="2">
        <v>6.7880000000000003</v>
      </c>
      <c r="V10245" s="2">
        <v>5.0869999999999997</v>
      </c>
      <c r="W10245" s="2">
        <v>0.104</v>
      </c>
      <c r="X10245" s="2">
        <v>12</v>
      </c>
      <c r="Y10245" s="2">
        <v>50</v>
      </c>
      <c r="Z10245" s="2">
        <v>173.9</v>
      </c>
      <c r="AA10245" s="5">
        <v>8</v>
      </c>
      <c r="AB10245" s="5" t="s">
        <v>43</v>
      </c>
      <c r="AC10245" s="5" t="s">
        <v>44</v>
      </c>
      <c r="AD10245" s="2" t="s">
        <v>30419</v>
      </c>
      <c r="AE10245" s="1"/>
    </row>
    <row r="10246" spans="1:31" ht="14.45">
      <c r="A10246" s="11"/>
      <c r="B10246" s="20"/>
      <c r="C10246" s="2" t="s">
        <v>31494</v>
      </c>
      <c r="D10246" s="14" t="s">
        <v>31495</v>
      </c>
      <c r="E10246" s="2" t="s">
        <v>31496</v>
      </c>
      <c r="F10246" s="2" t="s">
        <v>30431</v>
      </c>
      <c r="G10246" s="8">
        <v>240</v>
      </c>
      <c r="H10246" s="5">
        <v>5</v>
      </c>
      <c r="I10246" s="5" t="s">
        <v>69</v>
      </c>
      <c r="J10246" s="5" t="s">
        <v>27074</v>
      </c>
      <c r="K10246" s="2" t="s">
        <v>27075</v>
      </c>
      <c r="L10246" s="5" t="s">
        <v>27074</v>
      </c>
      <c r="M10246" s="2" t="s">
        <v>27075</v>
      </c>
      <c r="N10246" s="5" t="s">
        <v>24254</v>
      </c>
      <c r="O10246" s="5" t="s">
        <v>38</v>
      </c>
      <c r="P10246" s="5" t="s">
        <v>39</v>
      </c>
      <c r="Q10246" s="5" t="s">
        <v>40</v>
      </c>
      <c r="R10246" s="5" t="s">
        <v>24335</v>
      </c>
      <c r="S10246" s="5" t="s">
        <v>40</v>
      </c>
      <c r="T10246" s="5" t="s">
        <v>42</v>
      </c>
      <c r="U10246" s="2">
        <v>7.98</v>
      </c>
      <c r="V10246" s="2">
        <v>6.1440000000000001</v>
      </c>
      <c r="W10246" s="2">
        <v>0.104</v>
      </c>
      <c r="X10246" s="2">
        <v>12</v>
      </c>
      <c r="Y10246" s="2">
        <v>50</v>
      </c>
      <c r="Z10246" s="2">
        <v>173.9</v>
      </c>
      <c r="AA10246" s="5">
        <v>10</v>
      </c>
      <c r="AB10246" s="5" t="s">
        <v>43</v>
      </c>
      <c r="AC10246" s="5" t="s">
        <v>44</v>
      </c>
      <c r="AD10246" s="2" t="s">
        <v>30432</v>
      </c>
      <c r="AE10246" s="1"/>
    </row>
    <row r="10247" spans="1:31" ht="14.45">
      <c r="A10247" s="11"/>
      <c r="B10247" s="20"/>
      <c r="C10247" s="2" t="s">
        <v>31497</v>
      </c>
      <c r="D10247" s="14" t="s">
        <v>31498</v>
      </c>
      <c r="E10247" s="2" t="s">
        <v>31499</v>
      </c>
      <c r="F10247" s="2" t="s">
        <v>30431</v>
      </c>
      <c r="G10247" s="8">
        <v>240</v>
      </c>
      <c r="H10247" s="5">
        <v>5</v>
      </c>
      <c r="I10247" s="5" t="s">
        <v>69</v>
      </c>
      <c r="J10247" s="5" t="s">
        <v>27074</v>
      </c>
      <c r="K10247" s="2" t="s">
        <v>27075</v>
      </c>
      <c r="L10247" s="5" t="s">
        <v>27074</v>
      </c>
      <c r="M10247" s="2" t="s">
        <v>27075</v>
      </c>
      <c r="N10247" s="5" t="s">
        <v>24254</v>
      </c>
      <c r="O10247" s="5" t="s">
        <v>38</v>
      </c>
      <c r="P10247" s="5" t="s">
        <v>39</v>
      </c>
      <c r="Q10247" s="5" t="s">
        <v>40</v>
      </c>
      <c r="R10247" s="5" t="s">
        <v>24335</v>
      </c>
      <c r="S10247" s="5" t="s">
        <v>40</v>
      </c>
      <c r="T10247" s="5" t="s">
        <v>42</v>
      </c>
      <c r="U10247" s="2">
        <v>8.4280000000000008</v>
      </c>
      <c r="V10247" s="2">
        <v>6.5919999999999996</v>
      </c>
      <c r="W10247" s="2">
        <v>0.104</v>
      </c>
      <c r="X10247" s="2">
        <v>12</v>
      </c>
      <c r="Y10247" s="2">
        <v>50</v>
      </c>
      <c r="Z10247" s="2">
        <v>173.9</v>
      </c>
      <c r="AA10247" s="5">
        <v>10</v>
      </c>
      <c r="AB10247" s="5" t="s">
        <v>43</v>
      </c>
      <c r="AC10247" s="5" t="s">
        <v>44</v>
      </c>
      <c r="AD10247" s="2" t="s">
        <v>30436</v>
      </c>
      <c r="AE10247" s="1"/>
    </row>
    <row r="10248" spans="1:31" ht="14.45">
      <c r="A10248" s="11"/>
      <c r="B10248" s="20"/>
      <c r="C10248" s="2" t="s">
        <v>31500</v>
      </c>
      <c r="D10248" s="14" t="s">
        <v>31501</v>
      </c>
      <c r="E10248" s="2" t="s">
        <v>31502</v>
      </c>
      <c r="F10248" s="2" t="s">
        <v>30440</v>
      </c>
      <c r="G10248" s="8">
        <v>240</v>
      </c>
      <c r="H10248" s="5">
        <v>5</v>
      </c>
      <c r="I10248" s="5" t="s">
        <v>69</v>
      </c>
      <c r="J10248" s="5" t="s">
        <v>27074</v>
      </c>
      <c r="K10248" s="2" t="s">
        <v>27075</v>
      </c>
      <c r="L10248" s="5" t="s">
        <v>27074</v>
      </c>
      <c r="M10248" s="2" t="s">
        <v>27075</v>
      </c>
      <c r="N10248" s="5" t="s">
        <v>24254</v>
      </c>
      <c r="O10248" s="5" t="s">
        <v>38</v>
      </c>
      <c r="P10248" s="5" t="s">
        <v>39</v>
      </c>
      <c r="Q10248" s="5" t="s">
        <v>40</v>
      </c>
      <c r="R10248" s="5" t="s">
        <v>24335</v>
      </c>
      <c r="S10248" s="5" t="s">
        <v>40</v>
      </c>
      <c r="T10248" s="5" t="s">
        <v>42</v>
      </c>
      <c r="U10248" s="2">
        <v>6.3410000000000002</v>
      </c>
      <c r="V10248" s="2">
        <v>4.5049999999999999</v>
      </c>
      <c r="W10248" s="2">
        <v>0.104</v>
      </c>
      <c r="X10248" s="2">
        <v>12</v>
      </c>
      <c r="Y10248" s="2">
        <v>50</v>
      </c>
      <c r="Z10248" s="2">
        <v>173.9</v>
      </c>
      <c r="AA10248" s="5">
        <v>10</v>
      </c>
      <c r="AB10248" s="5" t="s">
        <v>43</v>
      </c>
      <c r="AC10248" s="5" t="s">
        <v>44</v>
      </c>
      <c r="AD10248" s="2" t="s">
        <v>30441</v>
      </c>
      <c r="AE10248" s="1"/>
    </row>
    <row r="10249" spans="1:31" ht="14.45">
      <c r="A10249" s="11"/>
      <c r="B10249" s="20"/>
      <c r="C10249" s="2" t="s">
        <v>31503</v>
      </c>
      <c r="D10249" s="14" t="s">
        <v>31504</v>
      </c>
      <c r="E10249" s="2" t="s">
        <v>31505</v>
      </c>
      <c r="F10249" s="2" t="s">
        <v>30440</v>
      </c>
      <c r="G10249" s="8">
        <v>240</v>
      </c>
      <c r="H10249" s="5">
        <v>5</v>
      </c>
      <c r="I10249" s="5" t="s">
        <v>69</v>
      </c>
      <c r="J10249" s="5" t="s">
        <v>27074</v>
      </c>
      <c r="K10249" s="2" t="s">
        <v>27075</v>
      </c>
      <c r="L10249" s="5" t="s">
        <v>27074</v>
      </c>
      <c r="M10249" s="2" t="s">
        <v>27075</v>
      </c>
      <c r="N10249" s="5" t="s">
        <v>24254</v>
      </c>
      <c r="O10249" s="5" t="s">
        <v>38</v>
      </c>
      <c r="P10249" s="5" t="s">
        <v>39</v>
      </c>
      <c r="Q10249" s="5" t="s">
        <v>40</v>
      </c>
      <c r="R10249" s="5" t="s">
        <v>24335</v>
      </c>
      <c r="S10249" s="5" t="s">
        <v>40</v>
      </c>
      <c r="T10249" s="5" t="s">
        <v>42</v>
      </c>
      <c r="U10249" s="2">
        <v>6.5039999999999996</v>
      </c>
      <c r="V10249" s="2">
        <v>4.6680000000000001</v>
      </c>
      <c r="W10249" s="2">
        <v>0.104</v>
      </c>
      <c r="X10249" s="2">
        <v>12</v>
      </c>
      <c r="Y10249" s="2">
        <v>50</v>
      </c>
      <c r="Z10249" s="2">
        <v>173.9</v>
      </c>
      <c r="AA10249" s="5">
        <v>10</v>
      </c>
      <c r="AB10249" s="5" t="s">
        <v>43</v>
      </c>
      <c r="AC10249" s="5" t="s">
        <v>44</v>
      </c>
      <c r="AD10249" s="2" t="s">
        <v>30445</v>
      </c>
      <c r="AE10249" s="1"/>
    </row>
    <row r="10250" spans="1:31" ht="14.45">
      <c r="A10250" s="11"/>
      <c r="B10250" s="20"/>
      <c r="C10250" s="2" t="s">
        <v>31506</v>
      </c>
      <c r="D10250" s="14" t="s">
        <v>31507</v>
      </c>
      <c r="E10250" s="2" t="s">
        <v>31508</v>
      </c>
      <c r="F10250" s="2" t="s">
        <v>30449</v>
      </c>
      <c r="G10250" s="8">
        <v>240</v>
      </c>
      <c r="H10250" s="5">
        <v>5</v>
      </c>
      <c r="I10250" s="5" t="s">
        <v>69</v>
      </c>
      <c r="J10250" s="5" t="s">
        <v>27074</v>
      </c>
      <c r="K10250" s="2" t="s">
        <v>27075</v>
      </c>
      <c r="L10250" s="5" t="s">
        <v>27074</v>
      </c>
      <c r="M10250" s="2" t="s">
        <v>27075</v>
      </c>
      <c r="N10250" s="5" t="s">
        <v>24254</v>
      </c>
      <c r="O10250" s="5" t="s">
        <v>38</v>
      </c>
      <c r="P10250" s="5" t="s">
        <v>39</v>
      </c>
      <c r="Q10250" s="5" t="s">
        <v>40</v>
      </c>
      <c r="R10250" s="5" t="s">
        <v>24335</v>
      </c>
      <c r="S10250" s="5" t="s">
        <v>40</v>
      </c>
      <c r="T10250" s="5" t="s">
        <v>42</v>
      </c>
      <c r="U10250" s="2">
        <v>7.5730000000000004</v>
      </c>
      <c r="V10250" s="2">
        <v>5.4569999999999999</v>
      </c>
      <c r="W10250" s="2">
        <v>0.104</v>
      </c>
      <c r="X10250" s="2">
        <v>12</v>
      </c>
      <c r="Y10250" s="2">
        <v>50</v>
      </c>
      <c r="Z10250" s="2">
        <v>173.9</v>
      </c>
      <c r="AA10250" s="5">
        <v>10</v>
      </c>
      <c r="AB10250" s="5" t="s">
        <v>43</v>
      </c>
      <c r="AC10250" s="5" t="s">
        <v>44</v>
      </c>
      <c r="AD10250" s="2" t="s">
        <v>30441</v>
      </c>
      <c r="AE10250" s="1"/>
    </row>
    <row r="10251" spans="1:31" ht="14.45">
      <c r="A10251" s="11"/>
      <c r="B10251" s="20"/>
      <c r="C10251" s="2" t="s">
        <v>31509</v>
      </c>
      <c r="D10251" s="14" t="s">
        <v>31510</v>
      </c>
      <c r="E10251" s="2" t="s">
        <v>31511</v>
      </c>
      <c r="F10251" s="2" t="s">
        <v>30449</v>
      </c>
      <c r="G10251" s="8">
        <v>240</v>
      </c>
      <c r="H10251" s="5">
        <v>5</v>
      </c>
      <c r="I10251" s="5" t="s">
        <v>69</v>
      </c>
      <c r="J10251" s="5" t="s">
        <v>27074</v>
      </c>
      <c r="K10251" s="2" t="s">
        <v>27075</v>
      </c>
      <c r="L10251" s="5" t="s">
        <v>27074</v>
      </c>
      <c r="M10251" s="2" t="s">
        <v>27075</v>
      </c>
      <c r="N10251" s="5" t="s">
        <v>24254</v>
      </c>
      <c r="O10251" s="5" t="s">
        <v>38</v>
      </c>
      <c r="P10251" s="5" t="s">
        <v>39</v>
      </c>
      <c r="Q10251" s="5" t="s">
        <v>40</v>
      </c>
      <c r="R10251" s="5" t="s">
        <v>24335</v>
      </c>
      <c r="S10251" s="5" t="s">
        <v>40</v>
      </c>
      <c r="T10251" s="5" t="s">
        <v>42</v>
      </c>
      <c r="U10251" s="2">
        <v>8.0380000000000003</v>
      </c>
      <c r="V10251" s="2">
        <v>5.9219999999999997</v>
      </c>
      <c r="W10251" s="2">
        <v>0.104</v>
      </c>
      <c r="X10251" s="2">
        <v>12</v>
      </c>
      <c r="Y10251" s="2">
        <v>50</v>
      </c>
      <c r="Z10251" s="2">
        <v>173.9</v>
      </c>
      <c r="AA10251" s="5">
        <v>10</v>
      </c>
      <c r="AB10251" s="5" t="s">
        <v>43</v>
      </c>
      <c r="AC10251" s="5" t="s">
        <v>44</v>
      </c>
      <c r="AD10251" s="2" t="s">
        <v>30445</v>
      </c>
      <c r="AE10251" s="1"/>
    </row>
    <row r="10252" spans="1:31" ht="14.45">
      <c r="A10252" s="11"/>
      <c r="B10252" s="20"/>
      <c r="C10252" s="2" t="s">
        <v>31512</v>
      </c>
      <c r="D10252" s="14" t="s">
        <v>31513</v>
      </c>
      <c r="E10252" s="2" t="s">
        <v>31514</v>
      </c>
      <c r="F10252" s="2" t="s">
        <v>30456</v>
      </c>
      <c r="G10252" s="8">
        <v>436</v>
      </c>
      <c r="H10252" s="5">
        <v>5</v>
      </c>
      <c r="I10252" s="5" t="s">
        <v>69</v>
      </c>
      <c r="J10252" s="5" t="s">
        <v>27074</v>
      </c>
      <c r="K10252" s="2" t="s">
        <v>27075</v>
      </c>
      <c r="L10252" s="5" t="s">
        <v>27074</v>
      </c>
      <c r="M10252" s="2" t="s">
        <v>27075</v>
      </c>
      <c r="N10252" s="5" t="s">
        <v>24254</v>
      </c>
      <c r="O10252" s="5" t="s">
        <v>38</v>
      </c>
      <c r="P10252" s="5" t="s">
        <v>39</v>
      </c>
      <c r="Q10252" s="5" t="s">
        <v>40</v>
      </c>
      <c r="R10252" s="5" t="s">
        <v>24335</v>
      </c>
      <c r="S10252" s="5" t="s">
        <v>40</v>
      </c>
      <c r="T10252" s="5" t="s">
        <v>42</v>
      </c>
      <c r="U10252" s="2">
        <v>17.032</v>
      </c>
      <c r="V10252" s="2">
        <v>14.315</v>
      </c>
      <c r="W10252" s="2">
        <v>0.19500000000000001</v>
      </c>
      <c r="X10252" s="2">
        <v>12</v>
      </c>
      <c r="Y10252" s="2">
        <v>77</v>
      </c>
      <c r="Z10252" s="2">
        <v>210.9</v>
      </c>
      <c r="AA10252" s="5">
        <v>8</v>
      </c>
      <c r="AB10252" s="5" t="s">
        <v>43</v>
      </c>
      <c r="AC10252" s="5" t="s">
        <v>44</v>
      </c>
      <c r="AD10252" s="2" t="s">
        <v>30457</v>
      </c>
      <c r="AE10252" s="1"/>
    </row>
    <row r="10253" spans="1:31" ht="14.45">
      <c r="A10253" s="11"/>
      <c r="B10253" s="20"/>
      <c r="C10253" s="2" t="s">
        <v>31515</v>
      </c>
      <c r="D10253" s="14" t="s">
        <v>31516</v>
      </c>
      <c r="E10253" s="2" t="s">
        <v>31517</v>
      </c>
      <c r="F10253" s="2" t="s">
        <v>30533</v>
      </c>
      <c r="G10253" s="8">
        <v>391</v>
      </c>
      <c r="H10253" s="5">
        <v>10</v>
      </c>
      <c r="I10253" s="5" t="s">
        <v>69</v>
      </c>
      <c r="J10253" s="5" t="s">
        <v>27074</v>
      </c>
      <c r="K10253" s="2" t="s">
        <v>27075</v>
      </c>
      <c r="L10253" s="5" t="s">
        <v>27074</v>
      </c>
      <c r="M10253" s="2" t="s">
        <v>27075</v>
      </c>
      <c r="N10253" s="5" t="s">
        <v>24254</v>
      </c>
      <c r="O10253" s="5" t="s">
        <v>38</v>
      </c>
      <c r="P10253" s="5" t="s">
        <v>39</v>
      </c>
      <c r="Q10253" s="5" t="s">
        <v>40</v>
      </c>
      <c r="R10253" s="5" t="s">
        <v>24340</v>
      </c>
      <c r="S10253" s="5" t="s">
        <v>40</v>
      </c>
      <c r="T10253" s="5" t="s">
        <v>42</v>
      </c>
      <c r="U10253" s="2">
        <v>13.179</v>
      </c>
      <c r="V10253" s="2">
        <v>11.266999999999999</v>
      </c>
      <c r="W10253" s="2">
        <v>0.104</v>
      </c>
      <c r="X10253" s="2">
        <v>12</v>
      </c>
      <c r="Y10253" s="2">
        <v>50</v>
      </c>
      <c r="Z10253" s="2">
        <v>173.9</v>
      </c>
      <c r="AA10253" s="5">
        <v>10</v>
      </c>
      <c r="AB10253" s="5" t="s">
        <v>43</v>
      </c>
      <c r="AC10253" s="5" t="s">
        <v>44</v>
      </c>
      <c r="AD10253" s="2" t="s">
        <v>30656</v>
      </c>
      <c r="AE10253" s="1"/>
    </row>
    <row r="10254" spans="1:31" ht="14.45">
      <c r="A10254" s="11"/>
      <c r="B10254" s="20"/>
      <c r="C10254" s="2" t="s">
        <v>31518</v>
      </c>
      <c r="D10254" s="14" t="s">
        <v>31519</v>
      </c>
      <c r="E10254" s="2" t="s">
        <v>31520</v>
      </c>
      <c r="F10254" s="2" t="s">
        <v>30533</v>
      </c>
      <c r="G10254" s="8">
        <v>391</v>
      </c>
      <c r="H10254" s="5">
        <v>10</v>
      </c>
      <c r="I10254" s="5" t="s">
        <v>69</v>
      </c>
      <c r="J10254" s="5" t="s">
        <v>27074</v>
      </c>
      <c r="K10254" s="2" t="s">
        <v>27075</v>
      </c>
      <c r="L10254" s="5" t="s">
        <v>27074</v>
      </c>
      <c r="M10254" s="2" t="s">
        <v>27075</v>
      </c>
      <c r="N10254" s="5" t="s">
        <v>24254</v>
      </c>
      <c r="O10254" s="5" t="s">
        <v>38</v>
      </c>
      <c r="P10254" s="5" t="s">
        <v>39</v>
      </c>
      <c r="Q10254" s="5" t="s">
        <v>40</v>
      </c>
      <c r="R10254" s="5" t="s">
        <v>24340</v>
      </c>
      <c r="S10254" s="5" t="s">
        <v>40</v>
      </c>
      <c r="T10254" s="5" t="s">
        <v>42</v>
      </c>
      <c r="U10254" s="2">
        <v>14.654999999999999</v>
      </c>
      <c r="V10254" s="2">
        <v>12.743</v>
      </c>
      <c r="W10254" s="2">
        <v>0.104</v>
      </c>
      <c r="X10254" s="2">
        <v>12</v>
      </c>
      <c r="Y10254" s="2">
        <v>50</v>
      </c>
      <c r="Z10254" s="2">
        <v>173.9</v>
      </c>
      <c r="AA10254" s="5">
        <v>10</v>
      </c>
      <c r="AB10254" s="5" t="s">
        <v>43</v>
      </c>
      <c r="AC10254" s="5" t="s">
        <v>44</v>
      </c>
      <c r="AD10254" s="2" t="s">
        <v>30534</v>
      </c>
      <c r="AE10254" s="1"/>
    </row>
    <row r="10255" spans="1:31" ht="14.45">
      <c r="A10255" s="11"/>
      <c r="B10255" s="20"/>
      <c r="C10255" s="2" t="s">
        <v>31521</v>
      </c>
      <c r="D10255" s="14" t="s">
        <v>31522</v>
      </c>
      <c r="E10255" s="2" t="s">
        <v>31523</v>
      </c>
      <c r="F10255" s="2" t="s">
        <v>30461</v>
      </c>
      <c r="G10255" s="8">
        <v>738</v>
      </c>
      <c r="H10255" s="5">
        <v>10</v>
      </c>
      <c r="I10255" s="5" t="s">
        <v>69</v>
      </c>
      <c r="J10255" s="5" t="s">
        <v>27074</v>
      </c>
      <c r="K10255" s="2" t="s">
        <v>27075</v>
      </c>
      <c r="L10255" s="5" t="s">
        <v>27074</v>
      </c>
      <c r="M10255" s="2" t="s">
        <v>27075</v>
      </c>
      <c r="N10255" s="5" t="s">
        <v>24254</v>
      </c>
      <c r="O10255" s="5" t="s">
        <v>38</v>
      </c>
      <c r="P10255" s="5" t="s">
        <v>39</v>
      </c>
      <c r="Q10255" s="5" t="s">
        <v>40</v>
      </c>
      <c r="R10255" s="5" t="s">
        <v>24340</v>
      </c>
      <c r="S10255" s="5" t="s">
        <v>40</v>
      </c>
      <c r="T10255" s="5" t="s">
        <v>42</v>
      </c>
      <c r="U10255" s="2">
        <v>30.87</v>
      </c>
      <c r="V10255" s="2">
        <v>28.140999999999998</v>
      </c>
      <c r="W10255" s="2">
        <v>0.19500000000000001</v>
      </c>
      <c r="X10255" s="2">
        <v>12</v>
      </c>
      <c r="Y10255" s="2">
        <v>77</v>
      </c>
      <c r="Z10255" s="2">
        <v>210.9</v>
      </c>
      <c r="AA10255" s="5">
        <v>8</v>
      </c>
      <c r="AB10255" s="5" t="s">
        <v>43</v>
      </c>
      <c r="AC10255" s="5" t="s">
        <v>44</v>
      </c>
      <c r="AD10255" s="2" t="s">
        <v>30462</v>
      </c>
      <c r="AE10255" s="1"/>
    </row>
    <row r="10256" spans="1:31" ht="14.45">
      <c r="A10256" s="11"/>
      <c r="B10256" s="20"/>
      <c r="C10256" s="2" t="s">
        <v>31524</v>
      </c>
      <c r="D10256" s="14" t="s">
        <v>31525</v>
      </c>
      <c r="E10256" s="2" t="s">
        <v>31526</v>
      </c>
      <c r="F10256" s="2" t="s">
        <v>30466</v>
      </c>
      <c r="G10256" s="8">
        <v>845</v>
      </c>
      <c r="H10256" s="5">
        <v>5</v>
      </c>
      <c r="I10256" s="5" t="s">
        <v>69</v>
      </c>
      <c r="J10256" s="5" t="s">
        <v>27074</v>
      </c>
      <c r="K10256" s="2" t="s">
        <v>27075</v>
      </c>
      <c r="L10256" s="5" t="s">
        <v>27074</v>
      </c>
      <c r="M10256" s="2" t="s">
        <v>27075</v>
      </c>
      <c r="N10256" s="5" t="s">
        <v>24254</v>
      </c>
      <c r="O10256" s="5" t="s">
        <v>38</v>
      </c>
      <c r="P10256" s="5" t="s">
        <v>39</v>
      </c>
      <c r="Q10256" s="5" t="s">
        <v>40</v>
      </c>
      <c r="R10256" s="5" t="s">
        <v>1487</v>
      </c>
      <c r="S10256" s="5"/>
      <c r="T10256" s="5" t="s">
        <v>42</v>
      </c>
      <c r="U10256" s="2">
        <v>0</v>
      </c>
      <c r="V10256" s="2">
        <v>0</v>
      </c>
      <c r="W10256" s="2">
        <v>0</v>
      </c>
      <c r="X10256" s="2">
        <v>0</v>
      </c>
      <c r="Y10256" s="2">
        <v>0</v>
      </c>
      <c r="Z10256" s="2">
        <v>0</v>
      </c>
      <c r="AA10256" s="5"/>
      <c r="AB10256" s="5" t="s">
        <v>43</v>
      </c>
      <c r="AC10256" s="5" t="s">
        <v>44</v>
      </c>
      <c r="AD10256" s="2" t="s">
        <v>30467</v>
      </c>
      <c r="AE10256" s="1"/>
    </row>
    <row r="10257" spans="1:31" ht="14.45">
      <c r="A10257" s="11"/>
      <c r="B10257" s="20"/>
      <c r="C10257" s="2" t="s">
        <v>31527</v>
      </c>
      <c r="D10257" s="14" t="s">
        <v>31528</v>
      </c>
      <c r="E10257" s="2" t="s">
        <v>31529</v>
      </c>
      <c r="F10257" s="2" t="s">
        <v>30471</v>
      </c>
      <c r="G10257" s="8">
        <v>845</v>
      </c>
      <c r="H10257" s="5">
        <v>15</v>
      </c>
      <c r="I10257" s="5" t="s">
        <v>69</v>
      </c>
      <c r="J10257" s="5" t="s">
        <v>27074</v>
      </c>
      <c r="K10257" s="2" t="s">
        <v>27075</v>
      </c>
      <c r="L10257" s="5" t="s">
        <v>27074</v>
      </c>
      <c r="M10257" s="2" t="s">
        <v>27075</v>
      </c>
      <c r="N10257" s="5" t="s">
        <v>24254</v>
      </c>
      <c r="O10257" s="5" t="s">
        <v>38</v>
      </c>
      <c r="P10257" s="5" t="s">
        <v>39</v>
      </c>
      <c r="Q10257" s="5" t="s">
        <v>40</v>
      </c>
      <c r="R10257" s="5" t="s">
        <v>1487</v>
      </c>
      <c r="S10257" s="5"/>
      <c r="T10257" s="5" t="s">
        <v>42</v>
      </c>
      <c r="U10257" s="2">
        <v>0</v>
      </c>
      <c r="V10257" s="2">
        <v>0</v>
      </c>
      <c r="W10257" s="2">
        <v>0</v>
      </c>
      <c r="X10257" s="2">
        <v>0</v>
      </c>
      <c r="Y10257" s="2">
        <v>0</v>
      </c>
      <c r="Z10257" s="2">
        <v>0</v>
      </c>
      <c r="AA10257" s="5"/>
      <c r="AB10257" s="5" t="s">
        <v>43</v>
      </c>
      <c r="AC10257" s="5" t="s">
        <v>44</v>
      </c>
      <c r="AD10257" s="2" t="s">
        <v>30472</v>
      </c>
      <c r="AE10257" s="1"/>
    </row>
    <row r="10258" spans="1:31" ht="14.45">
      <c r="A10258" s="11"/>
      <c r="B10258" s="20"/>
      <c r="C10258" s="2" t="s">
        <v>31530</v>
      </c>
      <c r="D10258" s="14" t="s">
        <v>31531</v>
      </c>
      <c r="E10258" s="2" t="s">
        <v>31532</v>
      </c>
      <c r="F10258" s="2" t="s">
        <v>30486</v>
      </c>
      <c r="G10258" s="8">
        <v>1147</v>
      </c>
      <c r="H10258" s="5">
        <v>10</v>
      </c>
      <c r="I10258" s="5" t="s">
        <v>69</v>
      </c>
      <c r="J10258" s="5" t="s">
        <v>27074</v>
      </c>
      <c r="K10258" s="2" t="s">
        <v>27075</v>
      </c>
      <c r="L10258" s="5" t="s">
        <v>27074</v>
      </c>
      <c r="M10258" s="2" t="s">
        <v>27075</v>
      </c>
      <c r="N10258" s="5" t="s">
        <v>24254</v>
      </c>
      <c r="O10258" s="5" t="s">
        <v>38</v>
      </c>
      <c r="P10258" s="5" t="s">
        <v>39</v>
      </c>
      <c r="Q10258" s="5" t="s">
        <v>40</v>
      </c>
      <c r="R10258" s="5" t="s">
        <v>1487</v>
      </c>
      <c r="S10258" s="5"/>
      <c r="T10258" s="5" t="s">
        <v>42</v>
      </c>
      <c r="U10258" s="2">
        <v>0</v>
      </c>
      <c r="V10258" s="2">
        <v>0</v>
      </c>
      <c r="W10258" s="2">
        <v>0</v>
      </c>
      <c r="X10258" s="2">
        <v>0</v>
      </c>
      <c r="Y10258" s="2">
        <v>0</v>
      </c>
      <c r="Z10258" s="2">
        <v>0</v>
      </c>
      <c r="AA10258" s="5"/>
      <c r="AB10258" s="5" t="s">
        <v>43</v>
      </c>
      <c r="AC10258" s="5" t="s">
        <v>44</v>
      </c>
      <c r="AD10258" s="2"/>
      <c r="AE10258" s="1"/>
    </row>
    <row r="10259" spans="1:31" ht="14.45">
      <c r="A10259" s="11"/>
      <c r="B10259" s="20"/>
      <c r="C10259" s="2" t="s">
        <v>31533</v>
      </c>
      <c r="D10259" s="14" t="s">
        <v>31534</v>
      </c>
      <c r="E10259" s="2" t="s">
        <v>31535</v>
      </c>
      <c r="F10259" s="2" t="s">
        <v>30490</v>
      </c>
      <c r="G10259" s="8">
        <v>1147</v>
      </c>
      <c r="H10259" s="5">
        <v>15</v>
      </c>
      <c r="I10259" s="5" t="s">
        <v>69</v>
      </c>
      <c r="J10259" s="5" t="s">
        <v>27074</v>
      </c>
      <c r="K10259" s="2" t="s">
        <v>27075</v>
      </c>
      <c r="L10259" s="5" t="s">
        <v>27074</v>
      </c>
      <c r="M10259" s="2" t="s">
        <v>27075</v>
      </c>
      <c r="N10259" s="5" t="s">
        <v>24254</v>
      </c>
      <c r="O10259" s="5" t="s">
        <v>38</v>
      </c>
      <c r="P10259" s="5" t="s">
        <v>39</v>
      </c>
      <c r="Q10259" s="5" t="s">
        <v>40</v>
      </c>
      <c r="R10259" s="5" t="s">
        <v>1487</v>
      </c>
      <c r="S10259" s="5"/>
      <c r="T10259" s="5" t="s">
        <v>42</v>
      </c>
      <c r="U10259" s="2">
        <v>0</v>
      </c>
      <c r="V10259" s="2">
        <v>0</v>
      </c>
      <c r="W10259" s="2">
        <v>0</v>
      </c>
      <c r="X10259" s="2">
        <v>0</v>
      </c>
      <c r="Y10259" s="2">
        <v>0</v>
      </c>
      <c r="Z10259" s="2">
        <v>0</v>
      </c>
      <c r="AA10259" s="5"/>
      <c r="AB10259" s="5" t="s">
        <v>43</v>
      </c>
      <c r="AC10259" s="5" t="s">
        <v>44</v>
      </c>
      <c r="AD10259" s="2"/>
      <c r="AE10259" s="1"/>
    </row>
    <row r="10260" spans="1:31" ht="14.45">
      <c r="A10260" s="11"/>
      <c r="B10260" s="20"/>
      <c r="C10260" s="2" t="s">
        <v>31536</v>
      </c>
      <c r="D10260" s="14" t="s">
        <v>31537</v>
      </c>
      <c r="E10260" s="2" t="s">
        <v>31538</v>
      </c>
      <c r="F10260" s="2" t="s">
        <v>30418</v>
      </c>
      <c r="G10260" s="8">
        <v>268</v>
      </c>
      <c r="H10260" s="5">
        <v>10</v>
      </c>
      <c r="I10260" s="5" t="s">
        <v>69</v>
      </c>
      <c r="J10260" s="5" t="s">
        <v>27074</v>
      </c>
      <c r="K10260" s="2" t="s">
        <v>27075</v>
      </c>
      <c r="L10260" s="5" t="s">
        <v>27074</v>
      </c>
      <c r="M10260" s="2" t="s">
        <v>27075</v>
      </c>
      <c r="N10260" s="5" t="s">
        <v>24254</v>
      </c>
      <c r="O10260" s="5" t="s">
        <v>38</v>
      </c>
      <c r="P10260" s="5" t="s">
        <v>39</v>
      </c>
      <c r="Q10260" s="5" t="s">
        <v>40</v>
      </c>
      <c r="R10260" s="5" t="s">
        <v>24335</v>
      </c>
      <c r="S10260" s="5" t="s">
        <v>40</v>
      </c>
      <c r="T10260" s="5" t="s">
        <v>42</v>
      </c>
      <c r="U10260" s="2">
        <v>11.678000000000001</v>
      </c>
      <c r="V10260" s="2">
        <v>9.8089999999999993</v>
      </c>
      <c r="W10260" s="2">
        <v>0.126</v>
      </c>
      <c r="X10260" s="2">
        <v>12</v>
      </c>
      <c r="Y10260" s="2">
        <v>50</v>
      </c>
      <c r="Z10260" s="2">
        <v>210</v>
      </c>
      <c r="AA10260" s="5">
        <v>8</v>
      </c>
      <c r="AB10260" s="5" t="s">
        <v>43</v>
      </c>
      <c r="AC10260" s="5" t="s">
        <v>44</v>
      </c>
      <c r="AD10260" s="2" t="s">
        <v>30419</v>
      </c>
      <c r="AE10260" s="1"/>
    </row>
    <row r="10261" spans="1:31" ht="14.45">
      <c r="A10261" s="11"/>
      <c r="B10261" s="20"/>
      <c r="C10261" s="2" t="s">
        <v>31539</v>
      </c>
      <c r="D10261" s="14" t="s">
        <v>31540</v>
      </c>
      <c r="E10261" s="2" t="s">
        <v>31541</v>
      </c>
      <c r="F10261" s="2" t="s">
        <v>30423</v>
      </c>
      <c r="G10261" s="8">
        <v>268</v>
      </c>
      <c r="H10261" s="5">
        <v>5</v>
      </c>
      <c r="I10261" s="5" t="s">
        <v>69</v>
      </c>
      <c r="J10261" s="5" t="s">
        <v>27074</v>
      </c>
      <c r="K10261" s="2" t="s">
        <v>27075</v>
      </c>
      <c r="L10261" s="5" t="s">
        <v>27074</v>
      </c>
      <c r="M10261" s="2" t="s">
        <v>27075</v>
      </c>
      <c r="N10261" s="5" t="s">
        <v>24254</v>
      </c>
      <c r="O10261" s="5" t="s">
        <v>38</v>
      </c>
      <c r="P10261" s="5" t="s">
        <v>39</v>
      </c>
      <c r="Q10261" s="5" t="s">
        <v>40</v>
      </c>
      <c r="R10261" s="5" t="s">
        <v>24335</v>
      </c>
      <c r="S10261" s="5" t="s">
        <v>40</v>
      </c>
      <c r="T10261" s="5" t="s">
        <v>42</v>
      </c>
      <c r="U10261" s="2">
        <v>8.8170000000000002</v>
      </c>
      <c r="V10261" s="2">
        <v>6.9649999999999999</v>
      </c>
      <c r="W10261" s="2">
        <v>0.126</v>
      </c>
      <c r="X10261" s="2">
        <v>12</v>
      </c>
      <c r="Y10261" s="2">
        <v>50</v>
      </c>
      <c r="Z10261" s="2">
        <v>210</v>
      </c>
      <c r="AA10261" s="5">
        <v>8</v>
      </c>
      <c r="AB10261" s="5" t="s">
        <v>43</v>
      </c>
      <c r="AC10261" s="5" t="s">
        <v>44</v>
      </c>
      <c r="AD10261" s="2" t="s">
        <v>30419</v>
      </c>
      <c r="AE10261" s="1"/>
    </row>
    <row r="10262" spans="1:31" ht="14.45">
      <c r="A10262" s="11"/>
      <c r="B10262" s="20"/>
      <c r="C10262" s="2" t="s">
        <v>31542</v>
      </c>
      <c r="D10262" s="14" t="s">
        <v>31543</v>
      </c>
      <c r="E10262" s="2" t="s">
        <v>31544</v>
      </c>
      <c r="F10262" s="2" t="s">
        <v>30427</v>
      </c>
      <c r="G10262" s="8">
        <v>268</v>
      </c>
      <c r="H10262" s="5">
        <v>10</v>
      </c>
      <c r="I10262" s="5" t="s">
        <v>69</v>
      </c>
      <c r="J10262" s="5" t="s">
        <v>27074</v>
      </c>
      <c r="K10262" s="2" t="s">
        <v>27075</v>
      </c>
      <c r="L10262" s="5" t="s">
        <v>27074</v>
      </c>
      <c r="M10262" s="2" t="s">
        <v>27075</v>
      </c>
      <c r="N10262" s="5" t="s">
        <v>24254</v>
      </c>
      <c r="O10262" s="5" t="s">
        <v>38</v>
      </c>
      <c r="P10262" s="5" t="s">
        <v>39</v>
      </c>
      <c r="Q10262" s="5" t="s">
        <v>40</v>
      </c>
      <c r="R10262" s="5" t="s">
        <v>24335</v>
      </c>
      <c r="S10262" s="5" t="s">
        <v>40</v>
      </c>
      <c r="T10262" s="5" t="s">
        <v>42</v>
      </c>
      <c r="U10262" s="2">
        <v>7.1189999999999998</v>
      </c>
      <c r="V10262" s="2">
        <v>5.3470000000000004</v>
      </c>
      <c r="W10262" s="2">
        <v>0.11600000000000001</v>
      </c>
      <c r="X10262" s="2">
        <v>12</v>
      </c>
      <c r="Y10262" s="2">
        <v>50</v>
      </c>
      <c r="Z10262" s="2">
        <v>193.9</v>
      </c>
      <c r="AA10262" s="5">
        <v>8</v>
      </c>
      <c r="AB10262" s="5" t="s">
        <v>43</v>
      </c>
      <c r="AC10262" s="5" t="s">
        <v>44</v>
      </c>
      <c r="AD10262" s="2" t="s">
        <v>30419</v>
      </c>
      <c r="AE10262" s="1"/>
    </row>
    <row r="10263" spans="1:31" ht="14.45">
      <c r="A10263" s="11"/>
      <c r="B10263" s="20"/>
      <c r="C10263" s="2" t="s">
        <v>31545</v>
      </c>
      <c r="D10263" s="14" t="s">
        <v>31546</v>
      </c>
      <c r="E10263" s="2" t="s">
        <v>31547</v>
      </c>
      <c r="F10263" s="2" t="s">
        <v>30431</v>
      </c>
      <c r="G10263" s="8">
        <v>268</v>
      </c>
      <c r="H10263" s="5">
        <v>5</v>
      </c>
      <c r="I10263" s="5" t="s">
        <v>69</v>
      </c>
      <c r="J10263" s="5" t="s">
        <v>27074</v>
      </c>
      <c r="K10263" s="2" t="s">
        <v>27075</v>
      </c>
      <c r="L10263" s="5" t="s">
        <v>27074</v>
      </c>
      <c r="M10263" s="2" t="s">
        <v>27075</v>
      </c>
      <c r="N10263" s="5" t="s">
        <v>24254</v>
      </c>
      <c r="O10263" s="5" t="s">
        <v>38</v>
      </c>
      <c r="P10263" s="5" t="s">
        <v>39</v>
      </c>
      <c r="Q10263" s="5" t="s">
        <v>40</v>
      </c>
      <c r="R10263" s="5" t="s">
        <v>24335</v>
      </c>
      <c r="S10263" s="5" t="s">
        <v>40</v>
      </c>
      <c r="T10263" s="5" t="s">
        <v>42</v>
      </c>
      <c r="U10263" s="2">
        <v>8.5419999999999998</v>
      </c>
      <c r="V10263" s="2">
        <v>6.7060000000000004</v>
      </c>
      <c r="W10263" s="2">
        <v>0.126</v>
      </c>
      <c r="X10263" s="2">
        <v>12</v>
      </c>
      <c r="Y10263" s="2">
        <v>50</v>
      </c>
      <c r="Z10263" s="2">
        <v>210</v>
      </c>
      <c r="AA10263" s="5">
        <v>10</v>
      </c>
      <c r="AB10263" s="5" t="s">
        <v>43</v>
      </c>
      <c r="AC10263" s="5" t="s">
        <v>44</v>
      </c>
      <c r="AD10263" s="2" t="s">
        <v>30432</v>
      </c>
      <c r="AE10263" s="1"/>
    </row>
    <row r="10264" spans="1:31" ht="14.45">
      <c r="A10264" s="11"/>
      <c r="B10264" s="20"/>
      <c r="C10264" s="2" t="s">
        <v>31548</v>
      </c>
      <c r="D10264" s="14" t="s">
        <v>31549</v>
      </c>
      <c r="E10264" s="2" t="s">
        <v>31550</v>
      </c>
      <c r="F10264" s="2" t="s">
        <v>30431</v>
      </c>
      <c r="G10264" s="8">
        <v>268</v>
      </c>
      <c r="H10264" s="5">
        <v>5</v>
      </c>
      <c r="I10264" s="5" t="s">
        <v>69</v>
      </c>
      <c r="J10264" s="5" t="s">
        <v>27074</v>
      </c>
      <c r="K10264" s="2" t="s">
        <v>27075</v>
      </c>
      <c r="L10264" s="5" t="s">
        <v>27074</v>
      </c>
      <c r="M10264" s="2" t="s">
        <v>27075</v>
      </c>
      <c r="N10264" s="5" t="s">
        <v>24254</v>
      </c>
      <c r="O10264" s="5" t="s">
        <v>38</v>
      </c>
      <c r="P10264" s="5" t="s">
        <v>39</v>
      </c>
      <c r="Q10264" s="5" t="s">
        <v>40</v>
      </c>
      <c r="R10264" s="5" t="s">
        <v>24335</v>
      </c>
      <c r="S10264" s="5" t="s">
        <v>40</v>
      </c>
      <c r="T10264" s="5" t="s">
        <v>42</v>
      </c>
      <c r="U10264" s="2">
        <v>8.99</v>
      </c>
      <c r="V10264" s="2">
        <v>7.1539999999999999</v>
      </c>
      <c r="W10264" s="2">
        <v>0.126</v>
      </c>
      <c r="X10264" s="2">
        <v>12</v>
      </c>
      <c r="Y10264" s="2">
        <v>50</v>
      </c>
      <c r="Z10264" s="2">
        <v>210</v>
      </c>
      <c r="AA10264" s="5">
        <v>10</v>
      </c>
      <c r="AB10264" s="5" t="s">
        <v>43</v>
      </c>
      <c r="AC10264" s="5" t="s">
        <v>44</v>
      </c>
      <c r="AD10264" s="2" t="s">
        <v>30436</v>
      </c>
      <c r="AE10264" s="1"/>
    </row>
    <row r="10265" spans="1:31" ht="14.45">
      <c r="A10265" s="11"/>
      <c r="B10265" s="20"/>
      <c r="C10265" s="2" t="s">
        <v>31551</v>
      </c>
      <c r="D10265" s="14" t="s">
        <v>31552</v>
      </c>
      <c r="E10265" s="2" t="s">
        <v>31553</v>
      </c>
      <c r="F10265" s="2" t="s">
        <v>30440</v>
      </c>
      <c r="G10265" s="8">
        <v>268</v>
      </c>
      <c r="H10265" s="5">
        <v>5</v>
      </c>
      <c r="I10265" s="5" t="s">
        <v>69</v>
      </c>
      <c r="J10265" s="5" t="s">
        <v>27074</v>
      </c>
      <c r="K10265" s="2" t="s">
        <v>27075</v>
      </c>
      <c r="L10265" s="5" t="s">
        <v>27074</v>
      </c>
      <c r="M10265" s="2" t="s">
        <v>27075</v>
      </c>
      <c r="N10265" s="5" t="s">
        <v>24254</v>
      </c>
      <c r="O10265" s="5" t="s">
        <v>38</v>
      </c>
      <c r="P10265" s="5" t="s">
        <v>39</v>
      </c>
      <c r="Q10265" s="5" t="s">
        <v>40</v>
      </c>
      <c r="R10265" s="5" t="s">
        <v>24335</v>
      </c>
      <c r="S10265" s="5" t="s">
        <v>40</v>
      </c>
      <c r="T10265" s="5" t="s">
        <v>42</v>
      </c>
      <c r="U10265" s="2">
        <v>6.7750000000000004</v>
      </c>
      <c r="V10265" s="2">
        <v>4.9390000000000001</v>
      </c>
      <c r="W10265" s="2">
        <v>0.11600000000000001</v>
      </c>
      <c r="X10265" s="2">
        <v>12</v>
      </c>
      <c r="Y10265" s="2">
        <v>50</v>
      </c>
      <c r="Z10265" s="2">
        <v>193.9</v>
      </c>
      <c r="AA10265" s="5">
        <v>10</v>
      </c>
      <c r="AB10265" s="5" t="s">
        <v>43</v>
      </c>
      <c r="AC10265" s="5" t="s">
        <v>44</v>
      </c>
      <c r="AD10265" s="2" t="s">
        <v>30441</v>
      </c>
      <c r="AE10265" s="1"/>
    </row>
    <row r="10266" spans="1:31" ht="14.45">
      <c r="A10266" s="11"/>
      <c r="B10266" s="20"/>
      <c r="C10266" s="2" t="s">
        <v>31554</v>
      </c>
      <c r="D10266" s="14" t="s">
        <v>31555</v>
      </c>
      <c r="E10266" s="2" t="s">
        <v>31556</v>
      </c>
      <c r="F10266" s="2" t="s">
        <v>30440</v>
      </c>
      <c r="G10266" s="8">
        <v>268</v>
      </c>
      <c r="H10266" s="5">
        <v>5</v>
      </c>
      <c r="I10266" s="5" t="s">
        <v>69</v>
      </c>
      <c r="J10266" s="5" t="s">
        <v>27074</v>
      </c>
      <c r="K10266" s="2" t="s">
        <v>27075</v>
      </c>
      <c r="L10266" s="5" t="s">
        <v>27074</v>
      </c>
      <c r="M10266" s="2" t="s">
        <v>27075</v>
      </c>
      <c r="N10266" s="5" t="s">
        <v>24254</v>
      </c>
      <c r="O10266" s="5" t="s">
        <v>38</v>
      </c>
      <c r="P10266" s="5" t="s">
        <v>39</v>
      </c>
      <c r="Q10266" s="5" t="s">
        <v>40</v>
      </c>
      <c r="R10266" s="5" t="s">
        <v>24335</v>
      </c>
      <c r="S10266" s="5" t="s">
        <v>40</v>
      </c>
      <c r="T10266" s="5" t="s">
        <v>42</v>
      </c>
      <c r="U10266" s="2">
        <v>6.9379999999999997</v>
      </c>
      <c r="V10266" s="2">
        <v>5.1020000000000003</v>
      </c>
      <c r="W10266" s="2">
        <v>0.11600000000000001</v>
      </c>
      <c r="X10266" s="2">
        <v>12</v>
      </c>
      <c r="Y10266" s="2">
        <v>50</v>
      </c>
      <c r="Z10266" s="2">
        <v>193.9</v>
      </c>
      <c r="AA10266" s="5">
        <v>10</v>
      </c>
      <c r="AB10266" s="5" t="s">
        <v>43</v>
      </c>
      <c r="AC10266" s="5" t="s">
        <v>44</v>
      </c>
      <c r="AD10266" s="2" t="s">
        <v>30445</v>
      </c>
      <c r="AE10266" s="1"/>
    </row>
    <row r="10267" spans="1:31" ht="14.45">
      <c r="A10267" s="11"/>
      <c r="B10267" s="20"/>
      <c r="C10267" s="2" t="s">
        <v>31557</v>
      </c>
      <c r="D10267" s="14" t="s">
        <v>31558</v>
      </c>
      <c r="E10267" s="2" t="s">
        <v>31559</v>
      </c>
      <c r="F10267" s="2" t="s">
        <v>30449</v>
      </c>
      <c r="G10267" s="8">
        <v>268</v>
      </c>
      <c r="H10267" s="5">
        <v>5</v>
      </c>
      <c r="I10267" s="5" t="s">
        <v>69</v>
      </c>
      <c r="J10267" s="5" t="s">
        <v>27074</v>
      </c>
      <c r="K10267" s="2" t="s">
        <v>27075</v>
      </c>
      <c r="L10267" s="5" t="s">
        <v>27074</v>
      </c>
      <c r="M10267" s="2" t="s">
        <v>27075</v>
      </c>
      <c r="N10267" s="5" t="s">
        <v>24254</v>
      </c>
      <c r="O10267" s="5" t="s">
        <v>38</v>
      </c>
      <c r="P10267" s="5" t="s">
        <v>39</v>
      </c>
      <c r="Q10267" s="5" t="s">
        <v>40</v>
      </c>
      <c r="R10267" s="5" t="s">
        <v>24335</v>
      </c>
      <c r="S10267" s="5" t="s">
        <v>40</v>
      </c>
      <c r="T10267" s="5" t="s">
        <v>42</v>
      </c>
      <c r="U10267" s="2">
        <v>7.9950000000000001</v>
      </c>
      <c r="V10267" s="2">
        <v>5.8789999999999996</v>
      </c>
      <c r="W10267" s="2">
        <v>0.11600000000000001</v>
      </c>
      <c r="X10267" s="2">
        <v>12</v>
      </c>
      <c r="Y10267" s="2">
        <v>50</v>
      </c>
      <c r="Z10267" s="2">
        <v>193.9</v>
      </c>
      <c r="AA10267" s="5">
        <v>10</v>
      </c>
      <c r="AB10267" s="5" t="s">
        <v>43</v>
      </c>
      <c r="AC10267" s="5" t="s">
        <v>44</v>
      </c>
      <c r="AD10267" s="2" t="s">
        <v>30441</v>
      </c>
      <c r="AE10267" s="1"/>
    </row>
    <row r="10268" spans="1:31" ht="14.45">
      <c r="A10268" s="11"/>
      <c r="B10268" s="20"/>
      <c r="C10268" s="2" t="s">
        <v>31560</v>
      </c>
      <c r="D10268" s="14" t="s">
        <v>31561</v>
      </c>
      <c r="E10268" s="2" t="s">
        <v>31562</v>
      </c>
      <c r="F10268" s="2" t="s">
        <v>30449</v>
      </c>
      <c r="G10268" s="8">
        <v>268</v>
      </c>
      <c r="H10268" s="5">
        <v>5</v>
      </c>
      <c r="I10268" s="5" t="s">
        <v>69</v>
      </c>
      <c r="J10268" s="5" t="s">
        <v>27074</v>
      </c>
      <c r="K10268" s="2" t="s">
        <v>27075</v>
      </c>
      <c r="L10268" s="5" t="s">
        <v>27074</v>
      </c>
      <c r="M10268" s="2" t="s">
        <v>27075</v>
      </c>
      <c r="N10268" s="5" t="s">
        <v>24254</v>
      </c>
      <c r="O10268" s="5" t="s">
        <v>38</v>
      </c>
      <c r="P10268" s="5" t="s">
        <v>39</v>
      </c>
      <c r="Q10268" s="5" t="s">
        <v>40</v>
      </c>
      <c r="R10268" s="5" t="s">
        <v>24335</v>
      </c>
      <c r="S10268" s="5" t="s">
        <v>40</v>
      </c>
      <c r="T10268" s="5" t="s">
        <v>42</v>
      </c>
      <c r="U10268" s="2">
        <v>8.4600000000000009</v>
      </c>
      <c r="V10268" s="2">
        <v>6.3440000000000003</v>
      </c>
      <c r="W10268" s="2">
        <v>0.11600000000000001</v>
      </c>
      <c r="X10268" s="2">
        <v>12</v>
      </c>
      <c r="Y10268" s="2">
        <v>50</v>
      </c>
      <c r="Z10268" s="2">
        <v>193.9</v>
      </c>
      <c r="AA10268" s="5">
        <v>10</v>
      </c>
      <c r="AB10268" s="5" t="s">
        <v>43</v>
      </c>
      <c r="AC10268" s="5" t="s">
        <v>44</v>
      </c>
      <c r="AD10268" s="2" t="s">
        <v>30445</v>
      </c>
      <c r="AE10268" s="1"/>
    </row>
    <row r="10269" spans="1:31" ht="14.45">
      <c r="A10269" s="11"/>
      <c r="B10269" s="20"/>
      <c r="C10269" s="2" t="s">
        <v>31563</v>
      </c>
      <c r="D10269" s="14" t="s">
        <v>31564</v>
      </c>
      <c r="E10269" s="2" t="s">
        <v>31565</v>
      </c>
      <c r="F10269" s="2" t="s">
        <v>30456</v>
      </c>
      <c r="G10269" s="8">
        <v>486</v>
      </c>
      <c r="H10269" s="5">
        <v>5</v>
      </c>
      <c r="I10269" s="5" t="s">
        <v>69</v>
      </c>
      <c r="J10269" s="5" t="s">
        <v>27074</v>
      </c>
      <c r="K10269" s="2" t="s">
        <v>27075</v>
      </c>
      <c r="L10269" s="5" t="s">
        <v>27074</v>
      </c>
      <c r="M10269" s="2" t="s">
        <v>27075</v>
      </c>
      <c r="N10269" s="5" t="s">
        <v>24254</v>
      </c>
      <c r="O10269" s="5" t="s">
        <v>38</v>
      </c>
      <c r="P10269" s="5" t="s">
        <v>39</v>
      </c>
      <c r="Q10269" s="5" t="s">
        <v>40</v>
      </c>
      <c r="R10269" s="5" t="s">
        <v>24335</v>
      </c>
      <c r="S10269" s="5" t="s">
        <v>40</v>
      </c>
      <c r="T10269" s="5" t="s">
        <v>42</v>
      </c>
      <c r="U10269" s="2">
        <v>17.847999999999999</v>
      </c>
      <c r="V10269" s="2">
        <v>15.131</v>
      </c>
      <c r="W10269" s="2">
        <v>0.19500000000000001</v>
      </c>
      <c r="X10269" s="2">
        <v>12</v>
      </c>
      <c r="Y10269" s="2">
        <v>77</v>
      </c>
      <c r="Z10269" s="2">
        <v>210.9</v>
      </c>
      <c r="AA10269" s="5">
        <v>8</v>
      </c>
      <c r="AB10269" s="5" t="s">
        <v>43</v>
      </c>
      <c r="AC10269" s="5" t="s">
        <v>44</v>
      </c>
      <c r="AD10269" s="2" t="s">
        <v>30457</v>
      </c>
      <c r="AE10269" s="1"/>
    </row>
    <row r="10270" spans="1:31" ht="14.45">
      <c r="A10270" s="11"/>
      <c r="B10270" s="20"/>
      <c r="C10270" s="2" t="s">
        <v>31566</v>
      </c>
      <c r="D10270" s="14" t="s">
        <v>31567</v>
      </c>
      <c r="E10270" s="2" t="s">
        <v>31568</v>
      </c>
      <c r="F10270" s="2" t="s">
        <v>30461</v>
      </c>
      <c r="G10270" s="8">
        <v>788</v>
      </c>
      <c r="H10270" s="5">
        <v>10</v>
      </c>
      <c r="I10270" s="5" t="s">
        <v>69</v>
      </c>
      <c r="J10270" s="5" t="s">
        <v>27074</v>
      </c>
      <c r="K10270" s="2" t="s">
        <v>27075</v>
      </c>
      <c r="L10270" s="5" t="s">
        <v>27074</v>
      </c>
      <c r="M10270" s="2" t="s">
        <v>27075</v>
      </c>
      <c r="N10270" s="5" t="s">
        <v>24254</v>
      </c>
      <c r="O10270" s="5" t="s">
        <v>38</v>
      </c>
      <c r="P10270" s="5" t="s">
        <v>39</v>
      </c>
      <c r="Q10270" s="5" t="s">
        <v>40</v>
      </c>
      <c r="R10270" s="5" t="s">
        <v>24340</v>
      </c>
      <c r="S10270" s="5" t="s">
        <v>40</v>
      </c>
      <c r="T10270" s="5" t="s">
        <v>42</v>
      </c>
      <c r="U10270" s="2">
        <v>32.628</v>
      </c>
      <c r="V10270" s="2">
        <v>29.899000000000001</v>
      </c>
      <c r="W10270" s="2">
        <v>0.19500000000000001</v>
      </c>
      <c r="X10270" s="2">
        <v>12</v>
      </c>
      <c r="Y10270" s="2">
        <v>77</v>
      </c>
      <c r="Z10270" s="2">
        <v>210.9</v>
      </c>
      <c r="AA10270" s="5">
        <v>8</v>
      </c>
      <c r="AB10270" s="5" t="s">
        <v>43</v>
      </c>
      <c r="AC10270" s="5" t="s">
        <v>44</v>
      </c>
      <c r="AD10270" s="2" t="s">
        <v>30462</v>
      </c>
      <c r="AE10270" s="1"/>
    </row>
    <row r="10271" spans="1:31" ht="14.45">
      <c r="A10271" s="5"/>
      <c r="B10271" s="21"/>
      <c r="C10271" s="2" t="s">
        <v>31569</v>
      </c>
      <c r="D10271" s="14" t="s">
        <v>31570</v>
      </c>
      <c r="E10271" s="2" t="s">
        <v>31571</v>
      </c>
      <c r="F10271" s="2"/>
      <c r="G10271" s="8">
        <v>188</v>
      </c>
      <c r="H10271" s="5">
        <v>5</v>
      </c>
      <c r="I10271" s="5" t="s">
        <v>69</v>
      </c>
      <c r="J10271" s="5" t="s">
        <v>27074</v>
      </c>
      <c r="K10271" s="2" t="s">
        <v>27075</v>
      </c>
      <c r="L10271" s="5" t="s">
        <v>27074</v>
      </c>
      <c r="M10271" s="2" t="s">
        <v>27075</v>
      </c>
      <c r="N10271" s="5" t="s">
        <v>24254</v>
      </c>
      <c r="O10271" s="5" t="s">
        <v>38</v>
      </c>
      <c r="P10271" s="5" t="s">
        <v>39</v>
      </c>
      <c r="Q10271" s="5" t="s">
        <v>40</v>
      </c>
      <c r="R10271" s="5" t="s">
        <v>24335</v>
      </c>
      <c r="S10271" s="5" t="s">
        <v>40</v>
      </c>
      <c r="T10271" s="5" t="s">
        <v>42</v>
      </c>
      <c r="U10271" s="2">
        <v>8.6780000000000008</v>
      </c>
      <c r="V10271" s="2">
        <v>6.4859999999999998</v>
      </c>
      <c r="W10271" s="2">
        <v>0.129</v>
      </c>
      <c r="X10271" s="2">
        <v>12</v>
      </c>
      <c r="Y10271" s="2">
        <v>62</v>
      </c>
      <c r="Z10271" s="2">
        <v>172.9</v>
      </c>
      <c r="AA10271" s="5">
        <v>8</v>
      </c>
      <c r="AB10271" s="5" t="s">
        <v>43</v>
      </c>
      <c r="AC10271" s="5" t="s">
        <v>44</v>
      </c>
      <c r="AD10271" s="2" t="s">
        <v>31572</v>
      </c>
      <c r="AE10271" s="1"/>
    </row>
    <row r="10272" spans="1:31" ht="14.45">
      <c r="A10272" s="5"/>
      <c r="B10272" s="21"/>
      <c r="C10272" s="2" t="s">
        <v>31573</v>
      </c>
      <c r="D10272" s="14" t="s">
        <v>31574</v>
      </c>
      <c r="E10272" s="2" t="s">
        <v>31575</v>
      </c>
      <c r="F10272" s="2"/>
      <c r="G10272" s="8">
        <v>188</v>
      </c>
      <c r="H10272" s="5">
        <v>5</v>
      </c>
      <c r="I10272" s="5" t="s">
        <v>69</v>
      </c>
      <c r="J10272" s="5" t="s">
        <v>27074</v>
      </c>
      <c r="K10272" s="2" t="s">
        <v>27075</v>
      </c>
      <c r="L10272" s="5" t="s">
        <v>27074</v>
      </c>
      <c r="M10272" s="2" t="s">
        <v>27075</v>
      </c>
      <c r="N10272" s="5" t="s">
        <v>24254</v>
      </c>
      <c r="O10272" s="5" t="s">
        <v>38</v>
      </c>
      <c r="P10272" s="5" t="s">
        <v>39</v>
      </c>
      <c r="Q10272" s="5" t="s">
        <v>40</v>
      </c>
      <c r="R10272" s="5" t="s">
        <v>24335</v>
      </c>
      <c r="S10272" s="5" t="s">
        <v>40</v>
      </c>
      <c r="T10272" s="5" t="s">
        <v>42</v>
      </c>
      <c r="U10272" s="2">
        <v>7.3259999999999996</v>
      </c>
      <c r="V10272" s="2">
        <v>5.1749999999999998</v>
      </c>
      <c r="W10272" s="2">
        <v>0.129</v>
      </c>
      <c r="X10272" s="2">
        <v>12</v>
      </c>
      <c r="Y10272" s="2">
        <v>62</v>
      </c>
      <c r="Z10272" s="2">
        <v>172.9</v>
      </c>
      <c r="AA10272" s="5">
        <v>8</v>
      </c>
      <c r="AB10272" s="5" t="s">
        <v>43</v>
      </c>
      <c r="AC10272" s="5" t="s">
        <v>44</v>
      </c>
      <c r="AD10272" s="2" t="s">
        <v>31572</v>
      </c>
      <c r="AE10272" s="1"/>
    </row>
    <row r="10273" spans="1:31" ht="14.45">
      <c r="A10273" s="5"/>
      <c r="B10273" s="21"/>
      <c r="C10273" s="2" t="s">
        <v>31576</v>
      </c>
      <c r="D10273" s="14" t="s">
        <v>31577</v>
      </c>
      <c r="E10273" s="2" t="s">
        <v>31578</v>
      </c>
      <c r="F10273" s="2"/>
      <c r="G10273" s="8">
        <v>188</v>
      </c>
      <c r="H10273" s="5">
        <v>5</v>
      </c>
      <c r="I10273" s="5" t="s">
        <v>69</v>
      </c>
      <c r="J10273" s="5" t="s">
        <v>27074</v>
      </c>
      <c r="K10273" s="2" t="s">
        <v>27075</v>
      </c>
      <c r="L10273" s="5" t="s">
        <v>27074</v>
      </c>
      <c r="M10273" s="2" t="s">
        <v>27075</v>
      </c>
      <c r="N10273" s="5" t="s">
        <v>24254</v>
      </c>
      <c r="O10273" s="5" t="s">
        <v>38</v>
      </c>
      <c r="P10273" s="5" t="s">
        <v>39</v>
      </c>
      <c r="Q10273" s="5" t="s">
        <v>40</v>
      </c>
      <c r="R10273" s="5" t="s">
        <v>24335</v>
      </c>
      <c r="S10273" s="5" t="s">
        <v>40</v>
      </c>
      <c r="T10273" s="5" t="s">
        <v>42</v>
      </c>
      <c r="U10273" s="2">
        <v>6.4640000000000004</v>
      </c>
      <c r="V10273" s="2">
        <v>4.3040000000000003</v>
      </c>
      <c r="W10273" s="2">
        <v>0.129</v>
      </c>
      <c r="X10273" s="2">
        <v>12</v>
      </c>
      <c r="Y10273" s="2">
        <v>62</v>
      </c>
      <c r="Z10273" s="2">
        <v>172.9</v>
      </c>
      <c r="AA10273" s="5">
        <v>8</v>
      </c>
      <c r="AB10273" s="5" t="s">
        <v>43</v>
      </c>
      <c r="AC10273" s="5" t="s">
        <v>44</v>
      </c>
      <c r="AD10273" s="2" t="s">
        <v>31572</v>
      </c>
      <c r="AE10273" s="1"/>
    </row>
    <row r="10274" spans="1:31" ht="14.45">
      <c r="A10274" s="5"/>
      <c r="B10274" s="21"/>
      <c r="C10274" s="2" t="s">
        <v>31579</v>
      </c>
      <c r="D10274" s="14" t="s">
        <v>31580</v>
      </c>
      <c r="E10274" s="2" t="s">
        <v>31581</v>
      </c>
      <c r="F10274" s="2"/>
      <c r="G10274" s="8">
        <v>188</v>
      </c>
      <c r="H10274" s="5">
        <v>25</v>
      </c>
      <c r="I10274" s="5" t="s">
        <v>69</v>
      </c>
      <c r="J10274" s="5" t="s">
        <v>27074</v>
      </c>
      <c r="K10274" s="2" t="s">
        <v>27075</v>
      </c>
      <c r="L10274" s="5" t="s">
        <v>27074</v>
      </c>
      <c r="M10274" s="2" t="s">
        <v>27075</v>
      </c>
      <c r="N10274" s="5" t="s">
        <v>24254</v>
      </c>
      <c r="O10274" s="5" t="s">
        <v>38</v>
      </c>
      <c r="P10274" s="5" t="s">
        <v>39</v>
      </c>
      <c r="Q10274" s="5" t="s">
        <v>40</v>
      </c>
      <c r="R10274" s="5" t="s">
        <v>24335</v>
      </c>
      <c r="S10274" s="5" t="s">
        <v>40</v>
      </c>
      <c r="T10274" s="5" t="s">
        <v>42</v>
      </c>
      <c r="U10274" s="2">
        <v>6.8650000000000002</v>
      </c>
      <c r="V10274" s="2">
        <v>5.23</v>
      </c>
      <c r="W10274" s="2">
        <v>0.10299999999999999</v>
      </c>
      <c r="X10274" s="2">
        <v>12</v>
      </c>
      <c r="Y10274" s="2">
        <v>62</v>
      </c>
      <c r="Z10274" s="2">
        <v>137.9</v>
      </c>
      <c r="AA10274" s="5">
        <v>10</v>
      </c>
      <c r="AB10274" s="5" t="s">
        <v>43</v>
      </c>
      <c r="AC10274" s="5" t="s">
        <v>44</v>
      </c>
      <c r="AD10274" s="2" t="s">
        <v>31582</v>
      </c>
      <c r="AE10274" s="1"/>
    </row>
    <row r="10275" spans="1:31" ht="14.45">
      <c r="A10275" s="5"/>
      <c r="B10275" s="21"/>
      <c r="C10275" s="2" t="s">
        <v>31583</v>
      </c>
      <c r="D10275" s="14" t="s">
        <v>31584</v>
      </c>
      <c r="E10275" s="2" t="s">
        <v>31585</v>
      </c>
      <c r="F10275" s="2"/>
      <c r="G10275" s="8">
        <v>188</v>
      </c>
      <c r="H10275" s="5">
        <v>25</v>
      </c>
      <c r="I10275" s="5" t="s">
        <v>69</v>
      </c>
      <c r="J10275" s="5" t="s">
        <v>27074</v>
      </c>
      <c r="K10275" s="2" t="s">
        <v>27075</v>
      </c>
      <c r="L10275" s="5" t="s">
        <v>27074</v>
      </c>
      <c r="M10275" s="2" t="s">
        <v>27075</v>
      </c>
      <c r="N10275" s="5" t="s">
        <v>24254</v>
      </c>
      <c r="O10275" s="5" t="s">
        <v>38</v>
      </c>
      <c r="P10275" s="5" t="s">
        <v>39</v>
      </c>
      <c r="Q10275" s="5" t="s">
        <v>40</v>
      </c>
      <c r="R10275" s="5" t="s">
        <v>24335</v>
      </c>
      <c r="S10275" s="5" t="s">
        <v>40</v>
      </c>
      <c r="T10275" s="5" t="s">
        <v>42</v>
      </c>
      <c r="U10275" s="2">
        <v>6.1269999999999998</v>
      </c>
      <c r="V10275" s="2">
        <v>4.49</v>
      </c>
      <c r="W10275" s="2">
        <v>0.10299999999999999</v>
      </c>
      <c r="X10275" s="2">
        <v>12</v>
      </c>
      <c r="Y10275" s="2">
        <v>62</v>
      </c>
      <c r="Z10275" s="2">
        <v>137.9</v>
      </c>
      <c r="AA10275" s="5">
        <v>10</v>
      </c>
      <c r="AB10275" s="5" t="s">
        <v>43</v>
      </c>
      <c r="AC10275" s="5" t="s">
        <v>44</v>
      </c>
      <c r="AD10275" s="2" t="s">
        <v>31586</v>
      </c>
      <c r="AE10275" s="1"/>
    </row>
    <row r="10276" spans="1:31" ht="14.45">
      <c r="A10276" s="5"/>
      <c r="B10276" s="21"/>
      <c r="C10276" s="2" t="s">
        <v>31587</v>
      </c>
      <c r="D10276" s="14" t="s">
        <v>31588</v>
      </c>
      <c r="E10276" s="2" t="s">
        <v>31589</v>
      </c>
      <c r="F10276" s="2"/>
      <c r="G10276" s="8">
        <v>188</v>
      </c>
      <c r="H10276" s="5">
        <v>25</v>
      </c>
      <c r="I10276" s="5" t="s">
        <v>69</v>
      </c>
      <c r="J10276" s="5" t="s">
        <v>27074</v>
      </c>
      <c r="K10276" s="2" t="s">
        <v>27075</v>
      </c>
      <c r="L10276" s="5" t="s">
        <v>27074</v>
      </c>
      <c r="M10276" s="2" t="s">
        <v>27075</v>
      </c>
      <c r="N10276" s="5" t="s">
        <v>24254</v>
      </c>
      <c r="O10276" s="5" t="s">
        <v>38</v>
      </c>
      <c r="P10276" s="5" t="s">
        <v>39</v>
      </c>
      <c r="Q10276" s="5" t="s">
        <v>40</v>
      </c>
      <c r="R10276" s="5" t="s">
        <v>24335</v>
      </c>
      <c r="S10276" s="5" t="s">
        <v>40</v>
      </c>
      <c r="T10276" s="5" t="s">
        <v>42</v>
      </c>
      <c r="U10276" s="2">
        <v>6.0220000000000002</v>
      </c>
      <c r="V10276" s="2">
        <v>4.3879999999999999</v>
      </c>
      <c r="W10276" s="2">
        <v>0.10299999999999999</v>
      </c>
      <c r="X10276" s="2">
        <v>12</v>
      </c>
      <c r="Y10276" s="2">
        <v>62</v>
      </c>
      <c r="Z10276" s="2">
        <v>137.9</v>
      </c>
      <c r="AA10276" s="5">
        <v>10</v>
      </c>
      <c r="AB10276" s="5" t="s">
        <v>43</v>
      </c>
      <c r="AC10276" s="5" t="s">
        <v>44</v>
      </c>
      <c r="AD10276" s="2" t="s">
        <v>31590</v>
      </c>
      <c r="AE10276" s="1"/>
    </row>
    <row r="10277" spans="1:31" ht="14.45">
      <c r="A10277" s="5"/>
      <c r="B10277" s="21"/>
      <c r="C10277" s="2" t="s">
        <v>31591</v>
      </c>
      <c r="D10277" s="14" t="s">
        <v>31592</v>
      </c>
      <c r="E10277" s="2" t="s">
        <v>31593</v>
      </c>
      <c r="F10277" s="2"/>
      <c r="G10277" s="8">
        <v>188</v>
      </c>
      <c r="H10277" s="5">
        <v>25</v>
      </c>
      <c r="I10277" s="5" t="s">
        <v>69</v>
      </c>
      <c r="J10277" s="5" t="s">
        <v>27074</v>
      </c>
      <c r="K10277" s="2" t="s">
        <v>27075</v>
      </c>
      <c r="L10277" s="5" t="s">
        <v>27074</v>
      </c>
      <c r="M10277" s="2" t="s">
        <v>27075</v>
      </c>
      <c r="N10277" s="5" t="s">
        <v>24254</v>
      </c>
      <c r="O10277" s="5" t="s">
        <v>38</v>
      </c>
      <c r="P10277" s="5" t="s">
        <v>39</v>
      </c>
      <c r="Q10277" s="5" t="s">
        <v>40</v>
      </c>
      <c r="R10277" s="5" t="s">
        <v>24335</v>
      </c>
      <c r="S10277" s="5" t="s">
        <v>40</v>
      </c>
      <c r="T10277" s="5" t="s">
        <v>42</v>
      </c>
      <c r="U10277" s="2">
        <v>6.5970000000000004</v>
      </c>
      <c r="V10277" s="2">
        <v>4.9630000000000001</v>
      </c>
      <c r="W10277" s="2">
        <v>0.10299999999999999</v>
      </c>
      <c r="X10277" s="2">
        <v>12</v>
      </c>
      <c r="Y10277" s="2">
        <v>62</v>
      </c>
      <c r="Z10277" s="2">
        <v>137.9</v>
      </c>
      <c r="AA10277" s="5">
        <v>10</v>
      </c>
      <c r="AB10277" s="5" t="s">
        <v>43</v>
      </c>
      <c r="AC10277" s="5" t="s">
        <v>44</v>
      </c>
      <c r="AD10277" s="2" t="s">
        <v>31586</v>
      </c>
      <c r="AE10277" s="1"/>
    </row>
    <row r="10278" spans="1:31" ht="14.45">
      <c r="A10278" s="5"/>
      <c r="B10278" s="21"/>
      <c r="C10278" s="2" t="s">
        <v>31594</v>
      </c>
      <c r="D10278" s="14" t="s">
        <v>31595</v>
      </c>
      <c r="E10278" s="2" t="s">
        <v>31596</v>
      </c>
      <c r="F10278" s="2" t="s">
        <v>29636</v>
      </c>
      <c r="G10278" s="8">
        <v>376</v>
      </c>
      <c r="H10278" s="5">
        <v>5</v>
      </c>
      <c r="I10278" s="5" t="s">
        <v>69</v>
      </c>
      <c r="J10278" s="5" t="s">
        <v>27074</v>
      </c>
      <c r="K10278" s="2" t="s">
        <v>27075</v>
      </c>
      <c r="L10278" s="5" t="s">
        <v>27074</v>
      </c>
      <c r="M10278" s="2" t="s">
        <v>27075</v>
      </c>
      <c r="N10278" s="5" t="s">
        <v>24254</v>
      </c>
      <c r="O10278" s="5" t="s">
        <v>38</v>
      </c>
      <c r="P10278" s="5" t="s">
        <v>39</v>
      </c>
      <c r="Q10278" s="5" t="s">
        <v>40</v>
      </c>
      <c r="R10278" s="5" t="s">
        <v>1487</v>
      </c>
      <c r="S10278" s="5"/>
      <c r="T10278" s="5" t="s">
        <v>42</v>
      </c>
      <c r="U10278" s="2">
        <v>0</v>
      </c>
      <c r="V10278" s="2">
        <v>0</v>
      </c>
      <c r="W10278" s="2">
        <v>0</v>
      </c>
      <c r="X10278" s="2">
        <v>0</v>
      </c>
      <c r="Y10278" s="2">
        <v>0</v>
      </c>
      <c r="Z10278" s="2">
        <v>0</v>
      </c>
      <c r="AA10278" s="5"/>
      <c r="AB10278" s="5" t="s">
        <v>43</v>
      </c>
      <c r="AC10278" s="5" t="s">
        <v>44</v>
      </c>
      <c r="AD10278" s="2" t="s">
        <v>31597</v>
      </c>
      <c r="AE10278" s="1"/>
    </row>
    <row r="10279" spans="1:31" ht="14.45">
      <c r="A10279" s="5"/>
      <c r="B10279" s="21"/>
      <c r="C10279" s="2" t="s">
        <v>31598</v>
      </c>
      <c r="D10279" s="14" t="s">
        <v>31599</v>
      </c>
      <c r="E10279" s="2" t="s">
        <v>31600</v>
      </c>
      <c r="F10279" s="2" t="s">
        <v>29652</v>
      </c>
      <c r="G10279" s="8">
        <v>827</v>
      </c>
      <c r="H10279" s="5">
        <v>15</v>
      </c>
      <c r="I10279" s="5" t="s">
        <v>69</v>
      </c>
      <c r="J10279" s="5" t="s">
        <v>27074</v>
      </c>
      <c r="K10279" s="2" t="s">
        <v>27075</v>
      </c>
      <c r="L10279" s="5" t="s">
        <v>27074</v>
      </c>
      <c r="M10279" s="2" t="s">
        <v>27075</v>
      </c>
      <c r="N10279" s="5" t="s">
        <v>24254</v>
      </c>
      <c r="O10279" s="5" t="s">
        <v>38</v>
      </c>
      <c r="P10279" s="5" t="s">
        <v>39</v>
      </c>
      <c r="Q10279" s="5" t="s">
        <v>40</v>
      </c>
      <c r="R10279" s="5" t="s">
        <v>1487</v>
      </c>
      <c r="S10279" s="5"/>
      <c r="T10279" s="5" t="s">
        <v>42</v>
      </c>
      <c r="U10279" s="2">
        <v>0</v>
      </c>
      <c r="V10279" s="2">
        <v>0</v>
      </c>
      <c r="W10279" s="2">
        <v>0</v>
      </c>
      <c r="X10279" s="2">
        <v>0</v>
      </c>
      <c r="Y10279" s="2">
        <v>0</v>
      </c>
      <c r="Z10279" s="2">
        <v>0</v>
      </c>
      <c r="AA10279" s="5"/>
      <c r="AB10279" s="5" t="s">
        <v>43</v>
      </c>
      <c r="AC10279" s="5" t="s">
        <v>44</v>
      </c>
      <c r="AD10279" s="2" t="s">
        <v>31601</v>
      </c>
      <c r="AE10279" s="1"/>
    </row>
    <row r="10280" spans="1:31" ht="14.45">
      <c r="A10280" s="5"/>
      <c r="B10280" s="21"/>
      <c r="C10280" s="2" t="s">
        <v>31602</v>
      </c>
      <c r="D10280" s="14" t="s">
        <v>31603</v>
      </c>
      <c r="E10280" s="2" t="s">
        <v>31604</v>
      </c>
      <c r="F10280" s="2" t="s">
        <v>29652</v>
      </c>
      <c r="G10280" s="8">
        <v>827</v>
      </c>
      <c r="H10280" s="5">
        <v>15</v>
      </c>
      <c r="I10280" s="5" t="s">
        <v>69</v>
      </c>
      <c r="J10280" s="5" t="s">
        <v>27074</v>
      </c>
      <c r="K10280" s="2" t="s">
        <v>27075</v>
      </c>
      <c r="L10280" s="5" t="s">
        <v>27074</v>
      </c>
      <c r="M10280" s="2" t="s">
        <v>27075</v>
      </c>
      <c r="N10280" s="5" t="s">
        <v>24254</v>
      </c>
      <c r="O10280" s="5" t="s">
        <v>38</v>
      </c>
      <c r="P10280" s="5" t="s">
        <v>39</v>
      </c>
      <c r="Q10280" s="5" t="s">
        <v>40</v>
      </c>
      <c r="R10280" s="5" t="s">
        <v>1487</v>
      </c>
      <c r="S10280" s="5"/>
      <c r="T10280" s="5" t="s">
        <v>42</v>
      </c>
      <c r="U10280" s="2">
        <v>0</v>
      </c>
      <c r="V10280" s="2">
        <v>0</v>
      </c>
      <c r="W10280" s="2">
        <v>0</v>
      </c>
      <c r="X10280" s="2">
        <v>0</v>
      </c>
      <c r="Y10280" s="2">
        <v>0</v>
      </c>
      <c r="Z10280" s="2">
        <v>0</v>
      </c>
      <c r="AA10280" s="5"/>
      <c r="AB10280" s="5" t="s">
        <v>43</v>
      </c>
      <c r="AC10280" s="5" t="s">
        <v>44</v>
      </c>
      <c r="AD10280" s="2" t="s">
        <v>31605</v>
      </c>
      <c r="AE10280" s="1"/>
    </row>
    <row r="10281" spans="1:31" ht="14.45">
      <c r="A10281" s="5"/>
      <c r="B10281" s="21"/>
      <c r="C10281" s="2" t="s">
        <v>31606</v>
      </c>
      <c r="D10281" s="14" t="s">
        <v>31607</v>
      </c>
      <c r="E10281" s="2" t="s">
        <v>31608</v>
      </c>
      <c r="F10281" s="2" t="s">
        <v>29652</v>
      </c>
      <c r="G10281" s="8">
        <v>1354</v>
      </c>
      <c r="H10281" s="5">
        <v>15</v>
      </c>
      <c r="I10281" s="5" t="s">
        <v>69</v>
      </c>
      <c r="J10281" s="5" t="s">
        <v>27074</v>
      </c>
      <c r="K10281" s="2" t="s">
        <v>27075</v>
      </c>
      <c r="L10281" s="5" t="s">
        <v>27074</v>
      </c>
      <c r="M10281" s="2" t="s">
        <v>27075</v>
      </c>
      <c r="N10281" s="5" t="s">
        <v>24254</v>
      </c>
      <c r="O10281" s="5" t="s">
        <v>38</v>
      </c>
      <c r="P10281" s="5" t="s">
        <v>39</v>
      </c>
      <c r="Q10281" s="5" t="s">
        <v>40</v>
      </c>
      <c r="R10281" s="5" t="s">
        <v>1487</v>
      </c>
      <c r="S10281" s="5"/>
      <c r="T10281" s="5" t="s">
        <v>42</v>
      </c>
      <c r="U10281" s="2">
        <v>0</v>
      </c>
      <c r="V10281" s="2">
        <v>0</v>
      </c>
      <c r="W10281" s="2">
        <v>0</v>
      </c>
      <c r="X10281" s="2">
        <v>0</v>
      </c>
      <c r="Y10281" s="2">
        <v>0</v>
      </c>
      <c r="Z10281" s="2">
        <v>0</v>
      </c>
      <c r="AA10281" s="5"/>
      <c r="AB10281" s="5" t="s">
        <v>43</v>
      </c>
      <c r="AC10281" s="5" t="s">
        <v>44</v>
      </c>
      <c r="AD10281" s="2" t="s">
        <v>31609</v>
      </c>
      <c r="AE10281" s="1"/>
    </row>
    <row r="10282" spans="1:31" ht="14.45">
      <c r="A10282" s="5"/>
      <c r="B10282" s="21"/>
      <c r="C10282" s="2" t="s">
        <v>31610</v>
      </c>
      <c r="D10282" s="14" t="s">
        <v>31611</v>
      </c>
      <c r="E10282" s="2" t="s">
        <v>31612</v>
      </c>
      <c r="F10282" s="2" t="s">
        <v>29652</v>
      </c>
      <c r="G10282" s="8">
        <v>1354</v>
      </c>
      <c r="H10282" s="5">
        <v>15</v>
      </c>
      <c r="I10282" s="5" t="s">
        <v>69</v>
      </c>
      <c r="J10282" s="5" t="s">
        <v>27074</v>
      </c>
      <c r="K10282" s="2" t="s">
        <v>27075</v>
      </c>
      <c r="L10282" s="5" t="s">
        <v>27074</v>
      </c>
      <c r="M10282" s="2" t="s">
        <v>27075</v>
      </c>
      <c r="N10282" s="5" t="s">
        <v>24254</v>
      </c>
      <c r="O10282" s="5" t="s">
        <v>38</v>
      </c>
      <c r="P10282" s="5" t="s">
        <v>39</v>
      </c>
      <c r="Q10282" s="5" t="s">
        <v>40</v>
      </c>
      <c r="R10282" s="5" t="s">
        <v>1487</v>
      </c>
      <c r="S10282" s="5"/>
      <c r="T10282" s="5" t="s">
        <v>42</v>
      </c>
      <c r="U10282" s="2">
        <v>0</v>
      </c>
      <c r="V10282" s="2">
        <v>0</v>
      </c>
      <c r="W10282" s="2">
        <v>0</v>
      </c>
      <c r="X10282" s="2">
        <v>0</v>
      </c>
      <c r="Y10282" s="2">
        <v>0</v>
      </c>
      <c r="Z10282" s="2">
        <v>0</v>
      </c>
      <c r="AA10282" s="5"/>
      <c r="AB10282" s="5" t="s">
        <v>43</v>
      </c>
      <c r="AC10282" s="5" t="s">
        <v>44</v>
      </c>
      <c r="AD10282" s="2" t="s">
        <v>31613</v>
      </c>
      <c r="AE10282" s="1"/>
    </row>
    <row r="10283" spans="1:31" ht="14.45">
      <c r="A10283" s="5"/>
      <c r="B10283" s="21"/>
      <c r="C10283" s="2" t="s">
        <v>31614</v>
      </c>
      <c r="D10283" s="14" t="s">
        <v>31615</v>
      </c>
      <c r="E10283" s="2" t="s">
        <v>31616</v>
      </c>
      <c r="F10283" s="2"/>
      <c r="G10283" s="8">
        <v>200</v>
      </c>
      <c r="H10283" s="5">
        <v>5</v>
      </c>
      <c r="I10283" s="5" t="s">
        <v>69</v>
      </c>
      <c r="J10283" s="5" t="s">
        <v>27074</v>
      </c>
      <c r="K10283" s="2" t="s">
        <v>27075</v>
      </c>
      <c r="L10283" s="5" t="s">
        <v>27074</v>
      </c>
      <c r="M10283" s="2" t="s">
        <v>27075</v>
      </c>
      <c r="N10283" s="5" t="s">
        <v>24254</v>
      </c>
      <c r="O10283" s="5" t="s">
        <v>38</v>
      </c>
      <c r="P10283" s="5" t="s">
        <v>39</v>
      </c>
      <c r="Q10283" s="5" t="s">
        <v>40</v>
      </c>
      <c r="R10283" s="5" t="s">
        <v>24335</v>
      </c>
      <c r="S10283" s="5" t="s">
        <v>40</v>
      </c>
      <c r="T10283" s="5" t="s">
        <v>42</v>
      </c>
      <c r="U10283" s="2">
        <v>9.1069999999999993</v>
      </c>
      <c r="V10283" s="2">
        <v>6.915</v>
      </c>
      <c r="W10283" s="2">
        <v>0.129</v>
      </c>
      <c r="X10283" s="2">
        <v>12</v>
      </c>
      <c r="Y10283" s="2">
        <v>62</v>
      </c>
      <c r="Z10283" s="2">
        <v>172.9</v>
      </c>
      <c r="AA10283" s="5">
        <v>8</v>
      </c>
      <c r="AB10283" s="5" t="s">
        <v>43</v>
      </c>
      <c r="AC10283" s="5" t="s">
        <v>44</v>
      </c>
      <c r="AD10283" s="2" t="s">
        <v>31572</v>
      </c>
      <c r="AE10283" s="1"/>
    </row>
    <row r="10284" spans="1:31" ht="14.45">
      <c r="A10284" s="5"/>
      <c r="B10284" s="21"/>
      <c r="C10284" s="2" t="s">
        <v>31617</v>
      </c>
      <c r="D10284" s="14" t="s">
        <v>31618</v>
      </c>
      <c r="E10284" s="2" t="s">
        <v>31619</v>
      </c>
      <c r="F10284" s="2"/>
      <c r="G10284" s="8">
        <v>200</v>
      </c>
      <c r="H10284" s="5">
        <v>5</v>
      </c>
      <c r="I10284" s="5" t="s">
        <v>69</v>
      </c>
      <c r="J10284" s="5" t="s">
        <v>27074</v>
      </c>
      <c r="K10284" s="2" t="s">
        <v>27075</v>
      </c>
      <c r="L10284" s="5" t="s">
        <v>27074</v>
      </c>
      <c r="M10284" s="2" t="s">
        <v>27075</v>
      </c>
      <c r="N10284" s="5" t="s">
        <v>24254</v>
      </c>
      <c r="O10284" s="5" t="s">
        <v>38</v>
      </c>
      <c r="P10284" s="5" t="s">
        <v>39</v>
      </c>
      <c r="Q10284" s="5" t="s">
        <v>40</v>
      </c>
      <c r="R10284" s="5" t="s">
        <v>24335</v>
      </c>
      <c r="S10284" s="5" t="s">
        <v>40</v>
      </c>
      <c r="T10284" s="5" t="s">
        <v>42</v>
      </c>
      <c r="U10284" s="2">
        <v>7.7510000000000003</v>
      </c>
      <c r="V10284" s="2">
        <v>5.6</v>
      </c>
      <c r="W10284" s="2">
        <v>0.129</v>
      </c>
      <c r="X10284" s="2">
        <v>12</v>
      </c>
      <c r="Y10284" s="2">
        <v>62</v>
      </c>
      <c r="Z10284" s="2">
        <v>172.9</v>
      </c>
      <c r="AA10284" s="5">
        <v>8</v>
      </c>
      <c r="AB10284" s="5" t="s">
        <v>43</v>
      </c>
      <c r="AC10284" s="5" t="s">
        <v>44</v>
      </c>
      <c r="AD10284" s="2" t="s">
        <v>31572</v>
      </c>
      <c r="AE10284" s="1"/>
    </row>
    <row r="10285" spans="1:31" ht="14.45">
      <c r="A10285" s="5"/>
      <c r="B10285" s="21"/>
      <c r="C10285" s="2" t="s">
        <v>31620</v>
      </c>
      <c r="D10285" s="14" t="s">
        <v>31621</v>
      </c>
      <c r="E10285" s="2" t="s">
        <v>31622</v>
      </c>
      <c r="F10285" s="2"/>
      <c r="G10285" s="8">
        <v>200</v>
      </c>
      <c r="H10285" s="5">
        <v>5</v>
      </c>
      <c r="I10285" s="5" t="s">
        <v>69</v>
      </c>
      <c r="J10285" s="5" t="s">
        <v>27074</v>
      </c>
      <c r="K10285" s="2" t="s">
        <v>27075</v>
      </c>
      <c r="L10285" s="5" t="s">
        <v>27074</v>
      </c>
      <c r="M10285" s="2" t="s">
        <v>27075</v>
      </c>
      <c r="N10285" s="5" t="s">
        <v>24254</v>
      </c>
      <c r="O10285" s="5" t="s">
        <v>38</v>
      </c>
      <c r="P10285" s="5" t="s">
        <v>39</v>
      </c>
      <c r="Q10285" s="5" t="s">
        <v>40</v>
      </c>
      <c r="R10285" s="5" t="s">
        <v>24335</v>
      </c>
      <c r="S10285" s="5" t="s">
        <v>40</v>
      </c>
      <c r="T10285" s="5" t="s">
        <v>42</v>
      </c>
      <c r="U10285" s="2">
        <v>6.77</v>
      </c>
      <c r="V10285" s="2">
        <v>4.6100000000000003</v>
      </c>
      <c r="W10285" s="2">
        <v>0.129</v>
      </c>
      <c r="X10285" s="2">
        <v>12</v>
      </c>
      <c r="Y10285" s="2">
        <v>62</v>
      </c>
      <c r="Z10285" s="2">
        <v>172.9</v>
      </c>
      <c r="AA10285" s="5">
        <v>8</v>
      </c>
      <c r="AB10285" s="5" t="s">
        <v>43</v>
      </c>
      <c r="AC10285" s="5" t="s">
        <v>44</v>
      </c>
      <c r="AD10285" s="2" t="s">
        <v>31572</v>
      </c>
      <c r="AE10285" s="1"/>
    </row>
    <row r="10286" spans="1:31" ht="14.45">
      <c r="A10286" s="5"/>
      <c r="B10286" s="21"/>
      <c r="C10286" s="2" t="s">
        <v>31623</v>
      </c>
      <c r="D10286" s="14" t="s">
        <v>31624</v>
      </c>
      <c r="E10286" s="2" t="s">
        <v>31625</v>
      </c>
      <c r="F10286" s="2"/>
      <c r="G10286" s="8">
        <v>200</v>
      </c>
      <c r="H10286" s="5">
        <v>25</v>
      </c>
      <c r="I10286" s="5" t="s">
        <v>69</v>
      </c>
      <c r="J10286" s="5" t="s">
        <v>27074</v>
      </c>
      <c r="K10286" s="2" t="s">
        <v>27075</v>
      </c>
      <c r="L10286" s="5" t="s">
        <v>27074</v>
      </c>
      <c r="M10286" s="2" t="s">
        <v>27075</v>
      </c>
      <c r="N10286" s="5" t="s">
        <v>24254</v>
      </c>
      <c r="O10286" s="5" t="s">
        <v>38</v>
      </c>
      <c r="P10286" s="5" t="s">
        <v>39</v>
      </c>
      <c r="Q10286" s="5" t="s">
        <v>40</v>
      </c>
      <c r="R10286" s="5" t="s">
        <v>24335</v>
      </c>
      <c r="S10286" s="5" t="s">
        <v>40</v>
      </c>
      <c r="T10286" s="5" t="s">
        <v>42</v>
      </c>
      <c r="U10286" s="2">
        <v>6.6980000000000004</v>
      </c>
      <c r="V10286" s="2">
        <v>4.8529999999999998</v>
      </c>
      <c r="W10286" s="2">
        <v>0.11899999999999999</v>
      </c>
      <c r="X10286" s="2">
        <v>12</v>
      </c>
      <c r="Y10286" s="2">
        <v>62</v>
      </c>
      <c r="Z10286" s="2">
        <v>159.9</v>
      </c>
      <c r="AA10286" s="5">
        <v>10</v>
      </c>
      <c r="AB10286" s="5" t="s">
        <v>43</v>
      </c>
      <c r="AC10286" s="5" t="s">
        <v>44</v>
      </c>
      <c r="AD10286" s="2" t="s">
        <v>31590</v>
      </c>
      <c r="AE10286" s="1"/>
    </row>
    <row r="10287" spans="1:31" ht="14.45">
      <c r="A10287" s="5"/>
      <c r="B10287" s="21"/>
      <c r="C10287" s="2" t="s">
        <v>31626</v>
      </c>
      <c r="D10287" s="14" t="s">
        <v>31627</v>
      </c>
      <c r="E10287" s="2" t="s">
        <v>31628</v>
      </c>
      <c r="F10287" s="2" t="s">
        <v>29636</v>
      </c>
      <c r="G10287" s="8">
        <v>400</v>
      </c>
      <c r="H10287" s="5">
        <v>5</v>
      </c>
      <c r="I10287" s="5" t="s">
        <v>69</v>
      </c>
      <c r="J10287" s="5" t="s">
        <v>27074</v>
      </c>
      <c r="K10287" s="2" t="s">
        <v>27075</v>
      </c>
      <c r="L10287" s="5" t="s">
        <v>27074</v>
      </c>
      <c r="M10287" s="2" t="s">
        <v>27075</v>
      </c>
      <c r="N10287" s="5" t="s">
        <v>24254</v>
      </c>
      <c r="O10287" s="5" t="s">
        <v>38</v>
      </c>
      <c r="P10287" s="5" t="s">
        <v>39</v>
      </c>
      <c r="Q10287" s="5" t="s">
        <v>40</v>
      </c>
      <c r="R10287" s="5" t="s">
        <v>1487</v>
      </c>
      <c r="S10287" s="5"/>
      <c r="T10287" s="5" t="s">
        <v>42</v>
      </c>
      <c r="U10287" s="2">
        <v>0</v>
      </c>
      <c r="V10287" s="2">
        <v>0</v>
      </c>
      <c r="W10287" s="2">
        <v>0</v>
      </c>
      <c r="X10287" s="2">
        <v>0</v>
      </c>
      <c r="Y10287" s="2">
        <v>0</v>
      </c>
      <c r="Z10287" s="2">
        <v>0</v>
      </c>
      <c r="AA10287" s="5"/>
      <c r="AB10287" s="5" t="s">
        <v>43</v>
      </c>
      <c r="AC10287" s="5" t="s">
        <v>44</v>
      </c>
      <c r="AD10287" s="2" t="s">
        <v>31597</v>
      </c>
      <c r="AE10287" s="1"/>
    </row>
    <row r="10288" spans="1:31" ht="14.45">
      <c r="A10288" s="5"/>
      <c r="B10288" s="21"/>
      <c r="C10288" s="2" t="s">
        <v>31629</v>
      </c>
      <c r="D10288" s="14" t="s">
        <v>31630</v>
      </c>
      <c r="E10288" s="2" t="s">
        <v>31631</v>
      </c>
      <c r="F10288" s="2" t="s">
        <v>29652</v>
      </c>
      <c r="G10288" s="8">
        <v>856</v>
      </c>
      <c r="H10288" s="5">
        <v>15</v>
      </c>
      <c r="I10288" s="5" t="s">
        <v>69</v>
      </c>
      <c r="J10288" s="5" t="s">
        <v>27074</v>
      </c>
      <c r="K10288" s="2" t="s">
        <v>27075</v>
      </c>
      <c r="L10288" s="5" t="s">
        <v>27074</v>
      </c>
      <c r="M10288" s="2" t="s">
        <v>27075</v>
      </c>
      <c r="N10288" s="5" t="s">
        <v>24254</v>
      </c>
      <c r="O10288" s="5" t="s">
        <v>38</v>
      </c>
      <c r="P10288" s="5" t="s">
        <v>39</v>
      </c>
      <c r="Q10288" s="5" t="s">
        <v>40</v>
      </c>
      <c r="R10288" s="5" t="s">
        <v>1487</v>
      </c>
      <c r="S10288" s="5"/>
      <c r="T10288" s="5" t="s">
        <v>42</v>
      </c>
      <c r="U10288" s="2">
        <v>0</v>
      </c>
      <c r="V10288" s="2">
        <v>0</v>
      </c>
      <c r="W10288" s="2">
        <v>0</v>
      </c>
      <c r="X10288" s="2">
        <v>0</v>
      </c>
      <c r="Y10288" s="2">
        <v>0</v>
      </c>
      <c r="Z10288" s="2">
        <v>0</v>
      </c>
      <c r="AA10288" s="5"/>
      <c r="AB10288" s="5" t="s">
        <v>43</v>
      </c>
      <c r="AC10288" s="5" t="s">
        <v>44</v>
      </c>
      <c r="AD10288" s="2" t="s">
        <v>31601</v>
      </c>
      <c r="AE10288" s="1"/>
    </row>
    <row r="10289" spans="1:31" ht="14.45">
      <c r="A10289" s="5"/>
      <c r="B10289" s="21"/>
      <c r="C10289" s="2" t="s">
        <v>31632</v>
      </c>
      <c r="D10289" s="14" t="s">
        <v>31633</v>
      </c>
      <c r="E10289" s="2" t="s">
        <v>31634</v>
      </c>
      <c r="F10289" s="2" t="s">
        <v>29652</v>
      </c>
      <c r="G10289" s="8">
        <v>856</v>
      </c>
      <c r="H10289" s="5">
        <v>15</v>
      </c>
      <c r="I10289" s="5" t="s">
        <v>69</v>
      </c>
      <c r="J10289" s="5" t="s">
        <v>27074</v>
      </c>
      <c r="K10289" s="2" t="s">
        <v>27075</v>
      </c>
      <c r="L10289" s="5" t="s">
        <v>27074</v>
      </c>
      <c r="M10289" s="2" t="s">
        <v>27075</v>
      </c>
      <c r="N10289" s="5" t="s">
        <v>24254</v>
      </c>
      <c r="O10289" s="5" t="s">
        <v>38</v>
      </c>
      <c r="P10289" s="5" t="s">
        <v>39</v>
      </c>
      <c r="Q10289" s="5" t="s">
        <v>40</v>
      </c>
      <c r="R10289" s="5" t="s">
        <v>1487</v>
      </c>
      <c r="S10289" s="5"/>
      <c r="T10289" s="5" t="s">
        <v>42</v>
      </c>
      <c r="U10289" s="2">
        <v>0</v>
      </c>
      <c r="V10289" s="2">
        <v>0</v>
      </c>
      <c r="W10289" s="2">
        <v>0</v>
      </c>
      <c r="X10289" s="2">
        <v>0</v>
      </c>
      <c r="Y10289" s="2">
        <v>0</v>
      </c>
      <c r="Z10289" s="2">
        <v>0</v>
      </c>
      <c r="AA10289" s="5"/>
      <c r="AB10289" s="5" t="s">
        <v>43</v>
      </c>
      <c r="AC10289" s="5" t="s">
        <v>44</v>
      </c>
      <c r="AD10289" s="2" t="s">
        <v>31605</v>
      </c>
      <c r="AE10289" s="1"/>
    </row>
    <row r="10290" spans="1:31" ht="14.45">
      <c r="A10290" s="5"/>
      <c r="B10290" s="21"/>
      <c r="C10290" s="2" t="s">
        <v>31635</v>
      </c>
      <c r="D10290" s="14" t="s">
        <v>31636</v>
      </c>
      <c r="E10290" s="2" t="s">
        <v>31637</v>
      </c>
      <c r="F10290" s="2" t="s">
        <v>29652</v>
      </c>
      <c r="G10290" s="8">
        <v>1400</v>
      </c>
      <c r="H10290" s="5">
        <v>15</v>
      </c>
      <c r="I10290" s="5" t="s">
        <v>69</v>
      </c>
      <c r="J10290" s="5" t="s">
        <v>27074</v>
      </c>
      <c r="K10290" s="2" t="s">
        <v>27075</v>
      </c>
      <c r="L10290" s="5" t="s">
        <v>27074</v>
      </c>
      <c r="M10290" s="2" t="s">
        <v>27075</v>
      </c>
      <c r="N10290" s="5" t="s">
        <v>24254</v>
      </c>
      <c r="O10290" s="5" t="s">
        <v>38</v>
      </c>
      <c r="P10290" s="5" t="s">
        <v>39</v>
      </c>
      <c r="Q10290" s="5" t="s">
        <v>40</v>
      </c>
      <c r="R10290" s="5" t="s">
        <v>1487</v>
      </c>
      <c r="S10290" s="5"/>
      <c r="T10290" s="5" t="s">
        <v>42</v>
      </c>
      <c r="U10290" s="2">
        <v>0</v>
      </c>
      <c r="V10290" s="2">
        <v>0</v>
      </c>
      <c r="W10290" s="2">
        <v>0</v>
      </c>
      <c r="X10290" s="2">
        <v>0</v>
      </c>
      <c r="Y10290" s="2">
        <v>0</v>
      </c>
      <c r="Z10290" s="2">
        <v>0</v>
      </c>
      <c r="AA10290" s="5"/>
      <c r="AB10290" s="5" t="s">
        <v>43</v>
      </c>
      <c r="AC10290" s="5" t="s">
        <v>44</v>
      </c>
      <c r="AD10290" s="2" t="s">
        <v>31609</v>
      </c>
      <c r="AE10290" s="1"/>
    </row>
    <row r="10291" spans="1:31" ht="14.45">
      <c r="A10291" s="5"/>
      <c r="B10291" s="21"/>
      <c r="C10291" s="2" t="s">
        <v>31638</v>
      </c>
      <c r="D10291" s="14" t="s">
        <v>31639</v>
      </c>
      <c r="E10291" s="2" t="s">
        <v>31640</v>
      </c>
      <c r="F10291" s="2" t="s">
        <v>29652</v>
      </c>
      <c r="G10291" s="8">
        <v>1400</v>
      </c>
      <c r="H10291" s="5">
        <v>15</v>
      </c>
      <c r="I10291" s="5" t="s">
        <v>69</v>
      </c>
      <c r="J10291" s="5" t="s">
        <v>27074</v>
      </c>
      <c r="K10291" s="2" t="s">
        <v>27075</v>
      </c>
      <c r="L10291" s="5" t="s">
        <v>27074</v>
      </c>
      <c r="M10291" s="2" t="s">
        <v>27075</v>
      </c>
      <c r="N10291" s="5" t="s">
        <v>24254</v>
      </c>
      <c r="O10291" s="5" t="s">
        <v>38</v>
      </c>
      <c r="P10291" s="5" t="s">
        <v>39</v>
      </c>
      <c r="Q10291" s="5" t="s">
        <v>40</v>
      </c>
      <c r="R10291" s="5" t="s">
        <v>1487</v>
      </c>
      <c r="S10291" s="5"/>
      <c r="T10291" s="5" t="s">
        <v>42</v>
      </c>
      <c r="U10291" s="2">
        <v>0</v>
      </c>
      <c r="V10291" s="2">
        <v>0</v>
      </c>
      <c r="W10291" s="2">
        <v>0</v>
      </c>
      <c r="X10291" s="2">
        <v>0</v>
      </c>
      <c r="Y10291" s="2">
        <v>0</v>
      </c>
      <c r="Z10291" s="2">
        <v>0</v>
      </c>
      <c r="AA10291" s="5"/>
      <c r="AB10291" s="5" t="s">
        <v>43</v>
      </c>
      <c r="AC10291" s="5" t="s">
        <v>44</v>
      </c>
      <c r="AD10291" s="2" t="s">
        <v>31613</v>
      </c>
      <c r="AE10291" s="1"/>
    </row>
    <row r="10292" spans="1:31" ht="14.45">
      <c r="A10292" s="5"/>
      <c r="B10292" s="21"/>
      <c r="C10292" s="2" t="s">
        <v>31641</v>
      </c>
      <c r="D10292" s="14" t="s">
        <v>31642</v>
      </c>
      <c r="E10292" s="2" t="s">
        <v>31643</v>
      </c>
      <c r="F10292" s="2"/>
      <c r="G10292" s="8">
        <v>207</v>
      </c>
      <c r="H10292" s="5">
        <v>5</v>
      </c>
      <c r="I10292" s="5" t="s">
        <v>69</v>
      </c>
      <c r="J10292" s="5" t="s">
        <v>27074</v>
      </c>
      <c r="K10292" s="2" t="s">
        <v>27075</v>
      </c>
      <c r="L10292" s="5" t="s">
        <v>27074</v>
      </c>
      <c r="M10292" s="2" t="s">
        <v>27075</v>
      </c>
      <c r="N10292" s="5" t="s">
        <v>24254</v>
      </c>
      <c r="O10292" s="5" t="s">
        <v>38</v>
      </c>
      <c r="P10292" s="5" t="s">
        <v>39</v>
      </c>
      <c r="Q10292" s="5" t="s">
        <v>40</v>
      </c>
      <c r="R10292" s="5" t="s">
        <v>24335</v>
      </c>
      <c r="S10292" s="5" t="s">
        <v>40</v>
      </c>
      <c r="T10292" s="5" t="s">
        <v>42</v>
      </c>
      <c r="U10292" s="2">
        <v>9.5370000000000008</v>
      </c>
      <c r="V10292" s="2">
        <v>7.3449999999999998</v>
      </c>
      <c r="W10292" s="2">
        <v>0.129</v>
      </c>
      <c r="X10292" s="2">
        <v>12</v>
      </c>
      <c r="Y10292" s="2">
        <v>62</v>
      </c>
      <c r="Z10292" s="2">
        <v>172.9</v>
      </c>
      <c r="AA10292" s="5">
        <v>8</v>
      </c>
      <c r="AB10292" s="5" t="s">
        <v>43</v>
      </c>
      <c r="AC10292" s="5" t="s">
        <v>44</v>
      </c>
      <c r="AD10292" s="2" t="s">
        <v>31572</v>
      </c>
      <c r="AE10292" s="1"/>
    </row>
    <row r="10293" spans="1:31" ht="14.45">
      <c r="A10293" s="5"/>
      <c r="B10293" s="21"/>
      <c r="C10293" s="2" t="s">
        <v>31644</v>
      </c>
      <c r="D10293" s="14" t="s">
        <v>31645</v>
      </c>
      <c r="E10293" s="2" t="s">
        <v>31646</v>
      </c>
      <c r="F10293" s="2"/>
      <c r="G10293" s="8">
        <v>207</v>
      </c>
      <c r="H10293" s="5">
        <v>5</v>
      </c>
      <c r="I10293" s="5" t="s">
        <v>69</v>
      </c>
      <c r="J10293" s="5" t="s">
        <v>27074</v>
      </c>
      <c r="K10293" s="2" t="s">
        <v>27075</v>
      </c>
      <c r="L10293" s="5" t="s">
        <v>27074</v>
      </c>
      <c r="M10293" s="2" t="s">
        <v>27075</v>
      </c>
      <c r="N10293" s="5" t="s">
        <v>24254</v>
      </c>
      <c r="O10293" s="5" t="s">
        <v>38</v>
      </c>
      <c r="P10293" s="5" t="s">
        <v>39</v>
      </c>
      <c r="Q10293" s="5" t="s">
        <v>40</v>
      </c>
      <c r="R10293" s="5" t="s">
        <v>24335</v>
      </c>
      <c r="S10293" s="5" t="s">
        <v>40</v>
      </c>
      <c r="T10293" s="5" t="s">
        <v>42</v>
      </c>
      <c r="U10293" s="2">
        <v>8.18</v>
      </c>
      <c r="V10293" s="2">
        <v>6.0289999999999999</v>
      </c>
      <c r="W10293" s="2">
        <v>0.129</v>
      </c>
      <c r="X10293" s="2">
        <v>12</v>
      </c>
      <c r="Y10293" s="2">
        <v>62</v>
      </c>
      <c r="Z10293" s="2">
        <v>172.9</v>
      </c>
      <c r="AA10293" s="5">
        <v>8</v>
      </c>
      <c r="AB10293" s="5" t="s">
        <v>43</v>
      </c>
      <c r="AC10293" s="5" t="s">
        <v>44</v>
      </c>
      <c r="AD10293" s="2" t="s">
        <v>31572</v>
      </c>
      <c r="AE10293" s="1"/>
    </row>
    <row r="10294" spans="1:31" ht="14.45">
      <c r="A10294" s="5"/>
      <c r="B10294" s="21"/>
      <c r="C10294" s="2" t="s">
        <v>31647</v>
      </c>
      <c r="D10294" s="14" t="s">
        <v>31648</v>
      </c>
      <c r="E10294" s="2" t="s">
        <v>31649</v>
      </c>
      <c r="F10294" s="2"/>
      <c r="G10294" s="8">
        <v>207</v>
      </c>
      <c r="H10294" s="5">
        <v>5</v>
      </c>
      <c r="I10294" s="5" t="s">
        <v>69</v>
      </c>
      <c r="J10294" s="5" t="s">
        <v>27074</v>
      </c>
      <c r="K10294" s="2" t="s">
        <v>27075</v>
      </c>
      <c r="L10294" s="5" t="s">
        <v>27074</v>
      </c>
      <c r="M10294" s="2" t="s">
        <v>27075</v>
      </c>
      <c r="N10294" s="5" t="s">
        <v>24254</v>
      </c>
      <c r="O10294" s="5" t="s">
        <v>38</v>
      </c>
      <c r="P10294" s="5" t="s">
        <v>39</v>
      </c>
      <c r="Q10294" s="5" t="s">
        <v>40</v>
      </c>
      <c r="R10294" s="5" t="s">
        <v>24335</v>
      </c>
      <c r="S10294" s="5" t="s">
        <v>40</v>
      </c>
      <c r="T10294" s="5" t="s">
        <v>42</v>
      </c>
      <c r="U10294" s="2">
        <v>7.0780000000000003</v>
      </c>
      <c r="V10294" s="2">
        <v>4.9180000000000001</v>
      </c>
      <c r="W10294" s="2">
        <v>0.129</v>
      </c>
      <c r="X10294" s="2">
        <v>12</v>
      </c>
      <c r="Y10294" s="2">
        <v>62</v>
      </c>
      <c r="Z10294" s="2">
        <v>172.9</v>
      </c>
      <c r="AA10294" s="5">
        <v>8</v>
      </c>
      <c r="AB10294" s="5" t="s">
        <v>43</v>
      </c>
      <c r="AC10294" s="5" t="s">
        <v>44</v>
      </c>
      <c r="AD10294" s="2" t="s">
        <v>31572</v>
      </c>
      <c r="AE10294" s="1"/>
    </row>
    <row r="10295" spans="1:31" ht="14.45">
      <c r="A10295" s="5"/>
      <c r="B10295" s="21"/>
      <c r="C10295" s="2" t="s">
        <v>31650</v>
      </c>
      <c r="D10295" s="14" t="s">
        <v>31651</v>
      </c>
      <c r="E10295" s="2" t="s">
        <v>31652</v>
      </c>
      <c r="F10295" s="2"/>
      <c r="G10295" s="8">
        <v>207</v>
      </c>
      <c r="H10295" s="5">
        <v>25</v>
      </c>
      <c r="I10295" s="5" t="s">
        <v>69</v>
      </c>
      <c r="J10295" s="5" t="s">
        <v>27074</v>
      </c>
      <c r="K10295" s="2" t="s">
        <v>27075</v>
      </c>
      <c r="L10295" s="5" t="s">
        <v>27074</v>
      </c>
      <c r="M10295" s="2" t="s">
        <v>27075</v>
      </c>
      <c r="N10295" s="5" t="s">
        <v>24254</v>
      </c>
      <c r="O10295" s="5" t="s">
        <v>38</v>
      </c>
      <c r="P10295" s="5" t="s">
        <v>39</v>
      </c>
      <c r="Q10295" s="5" t="s">
        <v>40</v>
      </c>
      <c r="R10295" s="5" t="s">
        <v>24335</v>
      </c>
      <c r="S10295" s="5" t="s">
        <v>40</v>
      </c>
      <c r="T10295" s="5" t="s">
        <v>42</v>
      </c>
      <c r="U10295" s="2">
        <v>7.2889999999999997</v>
      </c>
      <c r="V10295" s="2">
        <v>5.3339999999999996</v>
      </c>
      <c r="W10295" s="2">
        <v>0.129</v>
      </c>
      <c r="X10295" s="2">
        <v>12</v>
      </c>
      <c r="Y10295" s="2">
        <v>62</v>
      </c>
      <c r="Z10295" s="2">
        <v>172.9</v>
      </c>
      <c r="AA10295" s="5">
        <v>10</v>
      </c>
      <c r="AB10295" s="5" t="s">
        <v>43</v>
      </c>
      <c r="AC10295" s="5" t="s">
        <v>44</v>
      </c>
      <c r="AD10295" s="2" t="s">
        <v>31590</v>
      </c>
      <c r="AE10295" s="1"/>
    </row>
    <row r="10296" spans="1:31" ht="14.45">
      <c r="A10296" s="5"/>
      <c r="B10296" s="21"/>
      <c r="C10296" s="2" t="s">
        <v>31653</v>
      </c>
      <c r="D10296" s="14" t="s">
        <v>31654</v>
      </c>
      <c r="E10296" s="2" t="s">
        <v>31655</v>
      </c>
      <c r="F10296" s="2" t="s">
        <v>29636</v>
      </c>
      <c r="G10296" s="8">
        <v>414</v>
      </c>
      <c r="H10296" s="5">
        <v>5</v>
      </c>
      <c r="I10296" s="5" t="s">
        <v>69</v>
      </c>
      <c r="J10296" s="5" t="s">
        <v>27074</v>
      </c>
      <c r="K10296" s="2" t="s">
        <v>27075</v>
      </c>
      <c r="L10296" s="5" t="s">
        <v>27074</v>
      </c>
      <c r="M10296" s="2" t="s">
        <v>27075</v>
      </c>
      <c r="N10296" s="5" t="s">
        <v>24254</v>
      </c>
      <c r="O10296" s="5" t="s">
        <v>38</v>
      </c>
      <c r="P10296" s="5" t="s">
        <v>39</v>
      </c>
      <c r="Q10296" s="5" t="s">
        <v>40</v>
      </c>
      <c r="R10296" s="5" t="s">
        <v>1487</v>
      </c>
      <c r="S10296" s="5"/>
      <c r="T10296" s="5" t="s">
        <v>42</v>
      </c>
      <c r="U10296" s="2">
        <v>0</v>
      </c>
      <c r="V10296" s="2">
        <v>0</v>
      </c>
      <c r="W10296" s="2">
        <v>0</v>
      </c>
      <c r="X10296" s="2">
        <v>0</v>
      </c>
      <c r="Y10296" s="2">
        <v>0</v>
      </c>
      <c r="Z10296" s="2">
        <v>0</v>
      </c>
      <c r="AA10296" s="5"/>
      <c r="AB10296" s="5" t="s">
        <v>43</v>
      </c>
      <c r="AC10296" s="5" t="s">
        <v>44</v>
      </c>
      <c r="AD10296" s="2" t="s">
        <v>31597</v>
      </c>
      <c r="AE10296" s="1"/>
    </row>
    <row r="10297" spans="1:31" ht="14.45">
      <c r="A10297" s="5"/>
      <c r="B10297" s="21"/>
      <c r="C10297" s="2" t="s">
        <v>31656</v>
      </c>
      <c r="D10297" s="14" t="s">
        <v>31657</v>
      </c>
      <c r="E10297" s="2" t="s">
        <v>31658</v>
      </c>
      <c r="F10297" s="2" t="s">
        <v>29652</v>
      </c>
      <c r="G10297" s="8">
        <v>882</v>
      </c>
      <c r="H10297" s="5">
        <v>15</v>
      </c>
      <c r="I10297" s="5" t="s">
        <v>69</v>
      </c>
      <c r="J10297" s="5" t="s">
        <v>27074</v>
      </c>
      <c r="K10297" s="2" t="s">
        <v>27075</v>
      </c>
      <c r="L10297" s="5" t="s">
        <v>27074</v>
      </c>
      <c r="M10297" s="2" t="s">
        <v>27075</v>
      </c>
      <c r="N10297" s="5" t="s">
        <v>24254</v>
      </c>
      <c r="O10297" s="5" t="s">
        <v>38</v>
      </c>
      <c r="P10297" s="5" t="s">
        <v>39</v>
      </c>
      <c r="Q10297" s="5" t="s">
        <v>40</v>
      </c>
      <c r="R10297" s="5" t="s">
        <v>1487</v>
      </c>
      <c r="S10297" s="5"/>
      <c r="T10297" s="5" t="s">
        <v>42</v>
      </c>
      <c r="U10297" s="2">
        <v>0</v>
      </c>
      <c r="V10297" s="2">
        <v>0</v>
      </c>
      <c r="W10297" s="2">
        <v>0</v>
      </c>
      <c r="X10297" s="2">
        <v>0</v>
      </c>
      <c r="Y10297" s="2">
        <v>0</v>
      </c>
      <c r="Z10297" s="2">
        <v>0</v>
      </c>
      <c r="AA10297" s="5"/>
      <c r="AB10297" s="5" t="s">
        <v>43</v>
      </c>
      <c r="AC10297" s="5" t="s">
        <v>44</v>
      </c>
      <c r="AD10297" s="2" t="s">
        <v>31601</v>
      </c>
      <c r="AE10297" s="1"/>
    </row>
    <row r="10298" spans="1:31" ht="14.45">
      <c r="A10298" s="5"/>
      <c r="B10298" s="21"/>
      <c r="C10298" s="2" t="s">
        <v>31659</v>
      </c>
      <c r="D10298" s="14" t="s">
        <v>31660</v>
      </c>
      <c r="E10298" s="2" t="s">
        <v>31661</v>
      </c>
      <c r="F10298" s="2" t="s">
        <v>29652</v>
      </c>
      <c r="G10298" s="8">
        <v>882</v>
      </c>
      <c r="H10298" s="5">
        <v>15</v>
      </c>
      <c r="I10298" s="5" t="s">
        <v>69</v>
      </c>
      <c r="J10298" s="5" t="s">
        <v>27074</v>
      </c>
      <c r="K10298" s="2" t="s">
        <v>27075</v>
      </c>
      <c r="L10298" s="5" t="s">
        <v>27074</v>
      </c>
      <c r="M10298" s="2" t="s">
        <v>27075</v>
      </c>
      <c r="N10298" s="5" t="s">
        <v>24254</v>
      </c>
      <c r="O10298" s="5" t="s">
        <v>38</v>
      </c>
      <c r="P10298" s="5" t="s">
        <v>39</v>
      </c>
      <c r="Q10298" s="5" t="s">
        <v>40</v>
      </c>
      <c r="R10298" s="5" t="s">
        <v>1487</v>
      </c>
      <c r="S10298" s="5"/>
      <c r="T10298" s="5" t="s">
        <v>42</v>
      </c>
      <c r="U10298" s="2">
        <v>0</v>
      </c>
      <c r="V10298" s="2">
        <v>0</v>
      </c>
      <c r="W10298" s="2">
        <v>0</v>
      </c>
      <c r="X10298" s="2">
        <v>0</v>
      </c>
      <c r="Y10298" s="2">
        <v>0</v>
      </c>
      <c r="Z10298" s="2">
        <v>0</v>
      </c>
      <c r="AA10298" s="5"/>
      <c r="AB10298" s="5" t="s">
        <v>43</v>
      </c>
      <c r="AC10298" s="5" t="s">
        <v>44</v>
      </c>
      <c r="AD10298" s="2" t="s">
        <v>31605</v>
      </c>
      <c r="AE10298" s="1"/>
    </row>
    <row r="10299" spans="1:31" ht="14.45">
      <c r="A10299" s="5"/>
      <c r="B10299" s="21"/>
      <c r="C10299" s="2" t="s">
        <v>31662</v>
      </c>
      <c r="D10299" s="14" t="s">
        <v>31663</v>
      </c>
      <c r="E10299" s="2" t="s">
        <v>31664</v>
      </c>
      <c r="F10299" s="2" t="s">
        <v>29652</v>
      </c>
      <c r="G10299" s="8">
        <v>1445</v>
      </c>
      <c r="H10299" s="5">
        <v>15</v>
      </c>
      <c r="I10299" s="5" t="s">
        <v>69</v>
      </c>
      <c r="J10299" s="5" t="s">
        <v>27074</v>
      </c>
      <c r="K10299" s="2" t="s">
        <v>27075</v>
      </c>
      <c r="L10299" s="5" t="s">
        <v>27074</v>
      </c>
      <c r="M10299" s="2" t="s">
        <v>27075</v>
      </c>
      <c r="N10299" s="5" t="s">
        <v>24254</v>
      </c>
      <c r="O10299" s="5" t="s">
        <v>38</v>
      </c>
      <c r="P10299" s="5" t="s">
        <v>39</v>
      </c>
      <c r="Q10299" s="5" t="s">
        <v>40</v>
      </c>
      <c r="R10299" s="5" t="s">
        <v>1487</v>
      </c>
      <c r="S10299" s="5"/>
      <c r="T10299" s="5" t="s">
        <v>42</v>
      </c>
      <c r="U10299" s="2">
        <v>0</v>
      </c>
      <c r="V10299" s="2">
        <v>0</v>
      </c>
      <c r="W10299" s="2">
        <v>0</v>
      </c>
      <c r="X10299" s="2">
        <v>0</v>
      </c>
      <c r="Y10299" s="2">
        <v>0</v>
      </c>
      <c r="Z10299" s="2">
        <v>0</v>
      </c>
      <c r="AA10299" s="5"/>
      <c r="AB10299" s="5" t="s">
        <v>43</v>
      </c>
      <c r="AC10299" s="5" t="s">
        <v>44</v>
      </c>
      <c r="AD10299" s="2" t="s">
        <v>31609</v>
      </c>
      <c r="AE10299" s="1"/>
    </row>
    <row r="10300" spans="1:31" ht="14.45">
      <c r="A10300" s="5"/>
      <c r="B10300" s="21"/>
      <c r="C10300" s="2" t="s">
        <v>31665</v>
      </c>
      <c r="D10300" s="14" t="s">
        <v>31666</v>
      </c>
      <c r="E10300" s="2" t="s">
        <v>31667</v>
      </c>
      <c r="F10300" s="2" t="s">
        <v>29652</v>
      </c>
      <c r="G10300" s="8">
        <v>1445</v>
      </c>
      <c r="H10300" s="5">
        <v>15</v>
      </c>
      <c r="I10300" s="5" t="s">
        <v>69</v>
      </c>
      <c r="J10300" s="5" t="s">
        <v>27074</v>
      </c>
      <c r="K10300" s="2" t="s">
        <v>27075</v>
      </c>
      <c r="L10300" s="5" t="s">
        <v>27074</v>
      </c>
      <c r="M10300" s="2" t="s">
        <v>27075</v>
      </c>
      <c r="N10300" s="5" t="s">
        <v>24254</v>
      </c>
      <c r="O10300" s="5" t="s">
        <v>38</v>
      </c>
      <c r="P10300" s="5" t="s">
        <v>39</v>
      </c>
      <c r="Q10300" s="5" t="s">
        <v>40</v>
      </c>
      <c r="R10300" s="5" t="s">
        <v>1487</v>
      </c>
      <c r="S10300" s="5"/>
      <c r="T10300" s="5" t="s">
        <v>42</v>
      </c>
      <c r="U10300" s="2">
        <v>0</v>
      </c>
      <c r="V10300" s="2">
        <v>0</v>
      </c>
      <c r="W10300" s="2">
        <v>0</v>
      </c>
      <c r="X10300" s="2">
        <v>0</v>
      </c>
      <c r="Y10300" s="2">
        <v>0</v>
      </c>
      <c r="Z10300" s="2">
        <v>0</v>
      </c>
      <c r="AA10300" s="5"/>
      <c r="AB10300" s="5" t="s">
        <v>43</v>
      </c>
      <c r="AC10300" s="5" t="s">
        <v>44</v>
      </c>
      <c r="AD10300" s="2" t="s">
        <v>31613</v>
      </c>
      <c r="AE10300" s="1"/>
    </row>
    <row r="10301" spans="1:31" ht="14.45">
      <c r="A10301" s="5"/>
      <c r="B10301" s="21"/>
      <c r="C10301" s="2" t="s">
        <v>31668</v>
      </c>
      <c r="D10301" s="14" t="s">
        <v>31669</v>
      </c>
      <c r="E10301" s="2" t="s">
        <v>31670</v>
      </c>
      <c r="F10301" s="2"/>
      <c r="G10301" s="8">
        <v>207</v>
      </c>
      <c r="H10301" s="5">
        <v>5</v>
      </c>
      <c r="I10301" s="5" t="s">
        <v>69</v>
      </c>
      <c r="J10301" s="5" t="s">
        <v>27074</v>
      </c>
      <c r="K10301" s="2" t="s">
        <v>27075</v>
      </c>
      <c r="L10301" s="5" t="s">
        <v>27074</v>
      </c>
      <c r="M10301" s="2" t="s">
        <v>27075</v>
      </c>
      <c r="N10301" s="5" t="s">
        <v>24254</v>
      </c>
      <c r="O10301" s="5" t="s">
        <v>38</v>
      </c>
      <c r="P10301" s="5" t="s">
        <v>39</v>
      </c>
      <c r="Q10301" s="5" t="s">
        <v>40</v>
      </c>
      <c r="R10301" s="5" t="s">
        <v>24335</v>
      </c>
      <c r="S10301" s="5" t="s">
        <v>40</v>
      </c>
      <c r="T10301" s="5" t="s">
        <v>42</v>
      </c>
      <c r="U10301" s="2">
        <v>10.487</v>
      </c>
      <c r="V10301" s="2">
        <v>7.5179999999999998</v>
      </c>
      <c r="W10301" s="2">
        <v>0.14899999999999999</v>
      </c>
      <c r="X10301" s="2">
        <v>12</v>
      </c>
      <c r="Y10301" s="2">
        <v>62</v>
      </c>
      <c r="Z10301" s="2">
        <v>199.7</v>
      </c>
      <c r="AA10301" s="5">
        <v>8</v>
      </c>
      <c r="AB10301" s="5" t="s">
        <v>43</v>
      </c>
      <c r="AC10301" s="5" t="s">
        <v>44</v>
      </c>
      <c r="AD10301" s="2" t="s">
        <v>31572</v>
      </c>
      <c r="AE10301" s="1"/>
    </row>
    <row r="10302" spans="1:31" ht="14.45">
      <c r="A10302" s="5"/>
      <c r="B10302" s="21"/>
      <c r="C10302" s="2" t="s">
        <v>31671</v>
      </c>
      <c r="D10302" s="14" t="s">
        <v>31672</v>
      </c>
      <c r="E10302" s="2" t="s">
        <v>31673</v>
      </c>
      <c r="F10302" s="2"/>
      <c r="G10302" s="8">
        <v>207</v>
      </c>
      <c r="H10302" s="5">
        <v>5</v>
      </c>
      <c r="I10302" s="5" t="s">
        <v>69</v>
      </c>
      <c r="J10302" s="5" t="s">
        <v>27074</v>
      </c>
      <c r="K10302" s="2" t="s">
        <v>27075</v>
      </c>
      <c r="L10302" s="5" t="s">
        <v>27074</v>
      </c>
      <c r="M10302" s="2" t="s">
        <v>27075</v>
      </c>
      <c r="N10302" s="5" t="s">
        <v>24254</v>
      </c>
      <c r="O10302" s="5" t="s">
        <v>38</v>
      </c>
      <c r="P10302" s="5" t="s">
        <v>39</v>
      </c>
      <c r="Q10302" s="5" t="s">
        <v>40</v>
      </c>
      <c r="R10302" s="5" t="s">
        <v>24335</v>
      </c>
      <c r="S10302" s="5" t="s">
        <v>40</v>
      </c>
      <c r="T10302" s="5" t="s">
        <v>42</v>
      </c>
      <c r="U10302" s="2">
        <v>8.8650000000000002</v>
      </c>
      <c r="V10302" s="2">
        <v>5.9370000000000003</v>
      </c>
      <c r="W10302" s="2">
        <v>0.14899999999999999</v>
      </c>
      <c r="X10302" s="2">
        <v>12</v>
      </c>
      <c r="Y10302" s="2">
        <v>62</v>
      </c>
      <c r="Z10302" s="2">
        <v>199.7</v>
      </c>
      <c r="AA10302" s="5">
        <v>8</v>
      </c>
      <c r="AB10302" s="5" t="s">
        <v>43</v>
      </c>
      <c r="AC10302" s="5" t="s">
        <v>44</v>
      </c>
      <c r="AD10302" s="2" t="s">
        <v>31572</v>
      </c>
      <c r="AE10302" s="1"/>
    </row>
    <row r="10303" spans="1:31" ht="14.45">
      <c r="A10303" s="5"/>
      <c r="B10303" s="21"/>
      <c r="C10303" s="2" t="s">
        <v>31674</v>
      </c>
      <c r="D10303" s="14" t="s">
        <v>31675</v>
      </c>
      <c r="E10303" s="2" t="s">
        <v>31676</v>
      </c>
      <c r="F10303" s="2"/>
      <c r="G10303" s="8">
        <v>207</v>
      </c>
      <c r="H10303" s="5">
        <v>5</v>
      </c>
      <c r="I10303" s="5" t="s">
        <v>69</v>
      </c>
      <c r="J10303" s="5" t="s">
        <v>27074</v>
      </c>
      <c r="K10303" s="2" t="s">
        <v>27075</v>
      </c>
      <c r="L10303" s="5" t="s">
        <v>27074</v>
      </c>
      <c r="M10303" s="2" t="s">
        <v>27075</v>
      </c>
      <c r="N10303" s="5" t="s">
        <v>24254</v>
      </c>
      <c r="O10303" s="5" t="s">
        <v>38</v>
      </c>
      <c r="P10303" s="5" t="s">
        <v>39</v>
      </c>
      <c r="Q10303" s="5" t="s">
        <v>40</v>
      </c>
      <c r="R10303" s="5" t="s">
        <v>24335</v>
      </c>
      <c r="S10303" s="5" t="s">
        <v>40</v>
      </c>
      <c r="T10303" s="5" t="s">
        <v>42</v>
      </c>
      <c r="U10303" s="2">
        <v>7.8840000000000003</v>
      </c>
      <c r="V10303" s="2">
        <v>4.9470000000000001</v>
      </c>
      <c r="W10303" s="2">
        <v>0.14899999999999999</v>
      </c>
      <c r="X10303" s="2">
        <v>12</v>
      </c>
      <c r="Y10303" s="2">
        <v>62</v>
      </c>
      <c r="Z10303" s="2">
        <v>199.7</v>
      </c>
      <c r="AA10303" s="5">
        <v>8</v>
      </c>
      <c r="AB10303" s="5" t="s">
        <v>43</v>
      </c>
      <c r="AC10303" s="5" t="s">
        <v>44</v>
      </c>
      <c r="AD10303" s="2" t="s">
        <v>31572</v>
      </c>
      <c r="AE10303" s="1"/>
    </row>
    <row r="10304" spans="1:31" ht="14.45">
      <c r="A10304" s="5"/>
      <c r="B10304" s="21"/>
      <c r="C10304" s="2" t="s">
        <v>31677</v>
      </c>
      <c r="D10304" s="14" t="s">
        <v>31678</v>
      </c>
      <c r="E10304" s="2" t="s">
        <v>31679</v>
      </c>
      <c r="F10304" s="2"/>
      <c r="G10304" s="8">
        <v>207</v>
      </c>
      <c r="H10304" s="5">
        <v>25</v>
      </c>
      <c r="I10304" s="5" t="s">
        <v>69</v>
      </c>
      <c r="J10304" s="5" t="s">
        <v>27074</v>
      </c>
      <c r="K10304" s="2" t="s">
        <v>27075</v>
      </c>
      <c r="L10304" s="5" t="s">
        <v>27074</v>
      </c>
      <c r="M10304" s="2" t="s">
        <v>27075</v>
      </c>
      <c r="N10304" s="5" t="s">
        <v>24254</v>
      </c>
      <c r="O10304" s="5" t="s">
        <v>38</v>
      </c>
      <c r="P10304" s="5" t="s">
        <v>39</v>
      </c>
      <c r="Q10304" s="5" t="s">
        <v>40</v>
      </c>
      <c r="R10304" s="5" t="s">
        <v>24335</v>
      </c>
      <c r="S10304" s="5" t="s">
        <v>40</v>
      </c>
      <c r="T10304" s="5" t="s">
        <v>42</v>
      </c>
      <c r="U10304" s="2">
        <v>6.976</v>
      </c>
      <c r="V10304" s="2">
        <v>5.1310000000000002</v>
      </c>
      <c r="W10304" s="2">
        <v>0.11899999999999999</v>
      </c>
      <c r="X10304" s="2">
        <v>12</v>
      </c>
      <c r="Y10304" s="2">
        <v>62</v>
      </c>
      <c r="Z10304" s="2">
        <v>159.9</v>
      </c>
      <c r="AA10304" s="5">
        <v>10</v>
      </c>
      <c r="AB10304" s="5" t="s">
        <v>43</v>
      </c>
      <c r="AC10304" s="5" t="s">
        <v>44</v>
      </c>
      <c r="AD10304" s="2" t="s">
        <v>31590</v>
      </c>
      <c r="AE10304" s="1"/>
    </row>
    <row r="10305" spans="1:31" ht="14.45">
      <c r="A10305" s="5"/>
      <c r="B10305" s="21"/>
      <c r="C10305" s="2" t="s">
        <v>31680</v>
      </c>
      <c r="D10305" s="14" t="s">
        <v>31681</v>
      </c>
      <c r="E10305" s="2" t="s">
        <v>31682</v>
      </c>
      <c r="F10305" s="2"/>
      <c r="G10305" s="8">
        <v>207</v>
      </c>
      <c r="H10305" s="5">
        <v>25</v>
      </c>
      <c r="I10305" s="5" t="s">
        <v>69</v>
      </c>
      <c r="J10305" s="5" t="s">
        <v>27074</v>
      </c>
      <c r="K10305" s="2" t="s">
        <v>27075</v>
      </c>
      <c r="L10305" s="5" t="s">
        <v>27074</v>
      </c>
      <c r="M10305" s="2" t="s">
        <v>27075</v>
      </c>
      <c r="N10305" s="5" t="s">
        <v>24254</v>
      </c>
      <c r="O10305" s="5" t="s">
        <v>38</v>
      </c>
      <c r="P10305" s="5" t="s">
        <v>39</v>
      </c>
      <c r="Q10305" s="5" t="s">
        <v>40</v>
      </c>
      <c r="R10305" s="5" t="s">
        <v>24335</v>
      </c>
      <c r="S10305" s="5" t="s">
        <v>40</v>
      </c>
      <c r="T10305" s="5" t="s">
        <v>42</v>
      </c>
      <c r="U10305" s="2">
        <v>7.6219999999999999</v>
      </c>
      <c r="V10305" s="2">
        <v>5.7770000000000001</v>
      </c>
      <c r="W10305" s="2">
        <v>0.11899999999999999</v>
      </c>
      <c r="X10305" s="2">
        <v>12</v>
      </c>
      <c r="Y10305" s="2">
        <v>62</v>
      </c>
      <c r="Z10305" s="2">
        <v>159.9</v>
      </c>
      <c r="AA10305" s="5">
        <v>10</v>
      </c>
      <c r="AB10305" s="5" t="s">
        <v>43</v>
      </c>
      <c r="AC10305" s="5" t="s">
        <v>44</v>
      </c>
      <c r="AD10305" s="2" t="s">
        <v>31586</v>
      </c>
      <c r="AE10305" s="1"/>
    </row>
    <row r="10306" spans="1:31" ht="14.45">
      <c r="A10306" s="5"/>
      <c r="B10306" s="21"/>
      <c r="C10306" s="2" t="s">
        <v>31683</v>
      </c>
      <c r="D10306" s="14" t="s">
        <v>31684</v>
      </c>
      <c r="E10306" s="2" t="s">
        <v>31685</v>
      </c>
      <c r="F10306" s="2" t="s">
        <v>29636</v>
      </c>
      <c r="G10306" s="8">
        <v>414</v>
      </c>
      <c r="H10306" s="5">
        <v>5</v>
      </c>
      <c r="I10306" s="5" t="s">
        <v>69</v>
      </c>
      <c r="J10306" s="5" t="s">
        <v>27074</v>
      </c>
      <c r="K10306" s="2" t="s">
        <v>27075</v>
      </c>
      <c r="L10306" s="5" t="s">
        <v>27074</v>
      </c>
      <c r="M10306" s="2" t="s">
        <v>27075</v>
      </c>
      <c r="N10306" s="5" t="s">
        <v>24254</v>
      </c>
      <c r="O10306" s="5" t="s">
        <v>38</v>
      </c>
      <c r="P10306" s="5" t="s">
        <v>39</v>
      </c>
      <c r="Q10306" s="5" t="s">
        <v>40</v>
      </c>
      <c r="R10306" s="5" t="s">
        <v>1487</v>
      </c>
      <c r="S10306" s="5"/>
      <c r="T10306" s="5" t="s">
        <v>42</v>
      </c>
      <c r="U10306" s="2">
        <v>0</v>
      </c>
      <c r="V10306" s="2">
        <v>0</v>
      </c>
      <c r="W10306" s="2">
        <v>0</v>
      </c>
      <c r="X10306" s="2">
        <v>0</v>
      </c>
      <c r="Y10306" s="2">
        <v>0</v>
      </c>
      <c r="Z10306" s="2">
        <v>0</v>
      </c>
      <c r="AA10306" s="5"/>
      <c r="AB10306" s="5" t="s">
        <v>43</v>
      </c>
      <c r="AC10306" s="5" t="s">
        <v>44</v>
      </c>
      <c r="AD10306" s="2" t="s">
        <v>31597</v>
      </c>
      <c r="AE10306" s="1"/>
    </row>
    <row r="10307" spans="1:31" ht="14.45">
      <c r="A10307" s="5"/>
      <c r="B10307" s="21"/>
      <c r="C10307" s="2" t="s">
        <v>31686</v>
      </c>
      <c r="D10307" s="14" t="s">
        <v>31687</v>
      </c>
      <c r="E10307" s="2" t="s">
        <v>31688</v>
      </c>
      <c r="F10307" s="2" t="s">
        <v>29652</v>
      </c>
      <c r="G10307" s="8">
        <v>873</v>
      </c>
      <c r="H10307" s="5">
        <v>15</v>
      </c>
      <c r="I10307" s="5" t="s">
        <v>69</v>
      </c>
      <c r="J10307" s="5" t="s">
        <v>27074</v>
      </c>
      <c r="K10307" s="2" t="s">
        <v>27075</v>
      </c>
      <c r="L10307" s="5" t="s">
        <v>27074</v>
      </c>
      <c r="M10307" s="2" t="s">
        <v>27075</v>
      </c>
      <c r="N10307" s="5" t="s">
        <v>24254</v>
      </c>
      <c r="O10307" s="5" t="s">
        <v>38</v>
      </c>
      <c r="P10307" s="5" t="s">
        <v>39</v>
      </c>
      <c r="Q10307" s="5" t="s">
        <v>40</v>
      </c>
      <c r="R10307" s="5" t="s">
        <v>1487</v>
      </c>
      <c r="S10307" s="5"/>
      <c r="T10307" s="5" t="s">
        <v>42</v>
      </c>
      <c r="U10307" s="2">
        <v>0</v>
      </c>
      <c r="V10307" s="2">
        <v>0</v>
      </c>
      <c r="W10307" s="2">
        <v>0</v>
      </c>
      <c r="X10307" s="2">
        <v>0</v>
      </c>
      <c r="Y10307" s="2">
        <v>0</v>
      </c>
      <c r="Z10307" s="2">
        <v>0</v>
      </c>
      <c r="AA10307" s="5"/>
      <c r="AB10307" s="5" t="s">
        <v>43</v>
      </c>
      <c r="AC10307" s="5" t="s">
        <v>44</v>
      </c>
      <c r="AD10307" s="2" t="s">
        <v>31601</v>
      </c>
      <c r="AE10307" s="1"/>
    </row>
    <row r="10308" spans="1:31" ht="14.45">
      <c r="A10308" s="5"/>
      <c r="B10308" s="21"/>
      <c r="C10308" s="2" t="s">
        <v>31689</v>
      </c>
      <c r="D10308" s="14" t="s">
        <v>31690</v>
      </c>
      <c r="E10308" s="2" t="s">
        <v>31691</v>
      </c>
      <c r="F10308" s="2" t="s">
        <v>29652</v>
      </c>
      <c r="G10308" s="8">
        <v>873</v>
      </c>
      <c r="H10308" s="5">
        <v>15</v>
      </c>
      <c r="I10308" s="5" t="s">
        <v>69</v>
      </c>
      <c r="J10308" s="5" t="s">
        <v>27074</v>
      </c>
      <c r="K10308" s="2" t="s">
        <v>27075</v>
      </c>
      <c r="L10308" s="5" t="s">
        <v>27074</v>
      </c>
      <c r="M10308" s="2" t="s">
        <v>27075</v>
      </c>
      <c r="N10308" s="5" t="s">
        <v>24254</v>
      </c>
      <c r="O10308" s="5" t="s">
        <v>38</v>
      </c>
      <c r="P10308" s="5" t="s">
        <v>39</v>
      </c>
      <c r="Q10308" s="5" t="s">
        <v>40</v>
      </c>
      <c r="R10308" s="5" t="s">
        <v>1487</v>
      </c>
      <c r="S10308" s="5"/>
      <c r="T10308" s="5" t="s">
        <v>42</v>
      </c>
      <c r="U10308" s="2">
        <v>0</v>
      </c>
      <c r="V10308" s="2">
        <v>0</v>
      </c>
      <c r="W10308" s="2">
        <v>0</v>
      </c>
      <c r="X10308" s="2">
        <v>0</v>
      </c>
      <c r="Y10308" s="2">
        <v>0</v>
      </c>
      <c r="Z10308" s="2">
        <v>0</v>
      </c>
      <c r="AA10308" s="5"/>
      <c r="AB10308" s="5" t="s">
        <v>43</v>
      </c>
      <c r="AC10308" s="5" t="s">
        <v>44</v>
      </c>
      <c r="AD10308" s="2" t="s">
        <v>31605</v>
      </c>
      <c r="AE10308" s="1"/>
    </row>
    <row r="10309" spans="1:31" ht="14.45">
      <c r="A10309" s="5"/>
      <c r="B10309" s="21"/>
      <c r="C10309" s="2" t="s">
        <v>31692</v>
      </c>
      <c r="D10309" s="14" t="s">
        <v>31693</v>
      </c>
      <c r="E10309" s="2" t="s">
        <v>31694</v>
      </c>
      <c r="F10309" s="2" t="s">
        <v>29652</v>
      </c>
      <c r="G10309" s="8">
        <v>1471</v>
      </c>
      <c r="H10309" s="5">
        <v>15</v>
      </c>
      <c r="I10309" s="5" t="s">
        <v>69</v>
      </c>
      <c r="J10309" s="5" t="s">
        <v>27074</v>
      </c>
      <c r="K10309" s="2" t="s">
        <v>27075</v>
      </c>
      <c r="L10309" s="5" t="s">
        <v>27074</v>
      </c>
      <c r="M10309" s="2" t="s">
        <v>27075</v>
      </c>
      <c r="N10309" s="5" t="s">
        <v>24254</v>
      </c>
      <c r="O10309" s="5" t="s">
        <v>38</v>
      </c>
      <c r="P10309" s="5" t="s">
        <v>39</v>
      </c>
      <c r="Q10309" s="5" t="s">
        <v>40</v>
      </c>
      <c r="R10309" s="5" t="s">
        <v>1487</v>
      </c>
      <c r="S10309" s="5"/>
      <c r="T10309" s="5" t="s">
        <v>42</v>
      </c>
      <c r="U10309" s="2">
        <v>0</v>
      </c>
      <c r="V10309" s="2">
        <v>0</v>
      </c>
      <c r="W10309" s="2">
        <v>0</v>
      </c>
      <c r="X10309" s="2">
        <v>0</v>
      </c>
      <c r="Y10309" s="2">
        <v>0</v>
      </c>
      <c r="Z10309" s="2">
        <v>0</v>
      </c>
      <c r="AA10309" s="5"/>
      <c r="AB10309" s="5" t="s">
        <v>43</v>
      </c>
      <c r="AC10309" s="5" t="s">
        <v>44</v>
      </c>
      <c r="AD10309" s="2" t="s">
        <v>31609</v>
      </c>
      <c r="AE10309" s="1"/>
    </row>
    <row r="10310" spans="1:31" ht="14.45">
      <c r="A10310" s="5"/>
      <c r="B10310" s="21"/>
      <c r="C10310" s="2" t="s">
        <v>31695</v>
      </c>
      <c r="D10310" s="14" t="s">
        <v>31696</v>
      </c>
      <c r="E10310" s="2" t="s">
        <v>31697</v>
      </c>
      <c r="F10310" s="2" t="s">
        <v>29652</v>
      </c>
      <c r="G10310" s="8">
        <v>1471</v>
      </c>
      <c r="H10310" s="5">
        <v>15</v>
      </c>
      <c r="I10310" s="5" t="s">
        <v>69</v>
      </c>
      <c r="J10310" s="5" t="s">
        <v>27074</v>
      </c>
      <c r="K10310" s="2" t="s">
        <v>27075</v>
      </c>
      <c r="L10310" s="5" t="s">
        <v>27074</v>
      </c>
      <c r="M10310" s="2" t="s">
        <v>27075</v>
      </c>
      <c r="N10310" s="5" t="s">
        <v>24254</v>
      </c>
      <c r="O10310" s="5" t="s">
        <v>38</v>
      </c>
      <c r="P10310" s="5" t="s">
        <v>39</v>
      </c>
      <c r="Q10310" s="5" t="s">
        <v>40</v>
      </c>
      <c r="R10310" s="5" t="s">
        <v>1487</v>
      </c>
      <c r="S10310" s="5"/>
      <c r="T10310" s="5" t="s">
        <v>42</v>
      </c>
      <c r="U10310" s="2">
        <v>0</v>
      </c>
      <c r="V10310" s="2">
        <v>0</v>
      </c>
      <c r="W10310" s="2">
        <v>0</v>
      </c>
      <c r="X10310" s="2">
        <v>0</v>
      </c>
      <c r="Y10310" s="2">
        <v>0</v>
      </c>
      <c r="Z10310" s="2">
        <v>0</v>
      </c>
      <c r="AA10310" s="5"/>
      <c r="AB10310" s="5" t="s">
        <v>43</v>
      </c>
      <c r="AC10310" s="5" t="s">
        <v>44</v>
      </c>
      <c r="AD10310" s="2" t="s">
        <v>31613</v>
      </c>
      <c r="AE10310" s="1"/>
    </row>
    <row r="10311" spans="1:31" ht="14.45">
      <c r="A10311" s="5"/>
      <c r="B10311" s="21"/>
      <c r="C10311" s="2" t="s">
        <v>31698</v>
      </c>
      <c r="D10311" s="14" t="s">
        <v>31699</v>
      </c>
      <c r="E10311" s="2" t="s">
        <v>31700</v>
      </c>
      <c r="F10311" s="2"/>
      <c r="G10311" s="8">
        <v>226</v>
      </c>
      <c r="H10311" s="5">
        <v>5</v>
      </c>
      <c r="I10311" s="5" t="s">
        <v>69</v>
      </c>
      <c r="J10311" s="5" t="s">
        <v>27074</v>
      </c>
      <c r="K10311" s="2" t="s">
        <v>27075</v>
      </c>
      <c r="L10311" s="5" t="s">
        <v>27074</v>
      </c>
      <c r="M10311" s="2" t="s">
        <v>27075</v>
      </c>
      <c r="N10311" s="5" t="s">
        <v>24254</v>
      </c>
      <c r="O10311" s="5" t="s">
        <v>38</v>
      </c>
      <c r="P10311" s="5" t="s">
        <v>39</v>
      </c>
      <c r="Q10311" s="5" t="s">
        <v>40</v>
      </c>
      <c r="R10311" s="5" t="s">
        <v>24335</v>
      </c>
      <c r="S10311" s="5" t="s">
        <v>40</v>
      </c>
      <c r="T10311" s="5" t="s">
        <v>42</v>
      </c>
      <c r="U10311" s="2">
        <v>10.919</v>
      </c>
      <c r="V10311" s="2">
        <v>7.95</v>
      </c>
      <c r="W10311" s="2">
        <v>0.14899999999999999</v>
      </c>
      <c r="X10311" s="2">
        <v>12</v>
      </c>
      <c r="Y10311" s="2">
        <v>62</v>
      </c>
      <c r="Z10311" s="2">
        <v>199.7</v>
      </c>
      <c r="AA10311" s="5">
        <v>8</v>
      </c>
      <c r="AB10311" s="5" t="s">
        <v>43</v>
      </c>
      <c r="AC10311" s="5" t="s">
        <v>44</v>
      </c>
      <c r="AD10311" s="2" t="s">
        <v>31572</v>
      </c>
      <c r="AE10311" s="1"/>
    </row>
    <row r="10312" spans="1:31" ht="14.45">
      <c r="A10312" s="5"/>
      <c r="B10312" s="21"/>
      <c r="C10312" s="2" t="s">
        <v>31701</v>
      </c>
      <c r="D10312" s="14" t="s">
        <v>31702</v>
      </c>
      <c r="E10312" s="2" t="s">
        <v>31703</v>
      </c>
      <c r="F10312" s="2"/>
      <c r="G10312" s="8">
        <v>226</v>
      </c>
      <c r="H10312" s="5">
        <v>5</v>
      </c>
      <c r="I10312" s="5" t="s">
        <v>69</v>
      </c>
      <c r="J10312" s="5" t="s">
        <v>27074</v>
      </c>
      <c r="K10312" s="2" t="s">
        <v>27075</v>
      </c>
      <c r="L10312" s="5" t="s">
        <v>27074</v>
      </c>
      <c r="M10312" s="2" t="s">
        <v>27075</v>
      </c>
      <c r="N10312" s="5" t="s">
        <v>24254</v>
      </c>
      <c r="O10312" s="5" t="s">
        <v>38</v>
      </c>
      <c r="P10312" s="5" t="s">
        <v>39</v>
      </c>
      <c r="Q10312" s="5" t="s">
        <v>40</v>
      </c>
      <c r="R10312" s="5" t="s">
        <v>24335</v>
      </c>
      <c r="S10312" s="5" t="s">
        <v>40</v>
      </c>
      <c r="T10312" s="5" t="s">
        <v>42</v>
      </c>
      <c r="U10312" s="2">
        <v>9.2959999999999994</v>
      </c>
      <c r="V10312" s="2">
        <v>6.3680000000000003</v>
      </c>
      <c r="W10312" s="2">
        <v>0.14899999999999999</v>
      </c>
      <c r="X10312" s="2">
        <v>12</v>
      </c>
      <c r="Y10312" s="2">
        <v>62</v>
      </c>
      <c r="Z10312" s="2">
        <v>199.7</v>
      </c>
      <c r="AA10312" s="5">
        <v>8</v>
      </c>
      <c r="AB10312" s="5" t="s">
        <v>43</v>
      </c>
      <c r="AC10312" s="5" t="s">
        <v>44</v>
      </c>
      <c r="AD10312" s="2" t="s">
        <v>31572</v>
      </c>
      <c r="AE10312" s="1"/>
    </row>
    <row r="10313" spans="1:31" ht="14.45">
      <c r="A10313" s="5"/>
      <c r="B10313" s="21"/>
      <c r="C10313" s="2" t="s">
        <v>31704</v>
      </c>
      <c r="D10313" s="14" t="s">
        <v>31705</v>
      </c>
      <c r="E10313" s="2" t="s">
        <v>31706</v>
      </c>
      <c r="F10313" s="2"/>
      <c r="G10313" s="8">
        <v>226</v>
      </c>
      <c r="H10313" s="5">
        <v>5</v>
      </c>
      <c r="I10313" s="5" t="s">
        <v>69</v>
      </c>
      <c r="J10313" s="5" t="s">
        <v>27074</v>
      </c>
      <c r="K10313" s="2" t="s">
        <v>27075</v>
      </c>
      <c r="L10313" s="5" t="s">
        <v>27074</v>
      </c>
      <c r="M10313" s="2" t="s">
        <v>27075</v>
      </c>
      <c r="N10313" s="5" t="s">
        <v>24254</v>
      </c>
      <c r="O10313" s="5" t="s">
        <v>38</v>
      </c>
      <c r="P10313" s="5" t="s">
        <v>39</v>
      </c>
      <c r="Q10313" s="5" t="s">
        <v>40</v>
      </c>
      <c r="R10313" s="5" t="s">
        <v>24335</v>
      </c>
      <c r="S10313" s="5" t="s">
        <v>40</v>
      </c>
      <c r="T10313" s="5" t="s">
        <v>42</v>
      </c>
      <c r="U10313" s="2">
        <v>8.1940000000000008</v>
      </c>
      <c r="V10313" s="2">
        <v>5.2569999999999997</v>
      </c>
      <c r="W10313" s="2">
        <v>0.14899999999999999</v>
      </c>
      <c r="X10313" s="2">
        <v>12</v>
      </c>
      <c r="Y10313" s="2">
        <v>62</v>
      </c>
      <c r="Z10313" s="2">
        <v>199.7</v>
      </c>
      <c r="AA10313" s="5">
        <v>8</v>
      </c>
      <c r="AB10313" s="5" t="s">
        <v>43</v>
      </c>
      <c r="AC10313" s="5" t="s">
        <v>44</v>
      </c>
      <c r="AD10313" s="2" t="s">
        <v>31572</v>
      </c>
      <c r="AE10313" s="1"/>
    </row>
    <row r="10314" spans="1:31" ht="14.45">
      <c r="A10314" s="5"/>
      <c r="B10314" s="21"/>
      <c r="C10314" s="2" t="s">
        <v>31707</v>
      </c>
      <c r="D10314" s="14" t="s">
        <v>31708</v>
      </c>
      <c r="E10314" s="2" t="s">
        <v>31709</v>
      </c>
      <c r="F10314" s="2"/>
      <c r="G10314" s="8">
        <v>226</v>
      </c>
      <c r="H10314" s="5">
        <v>25</v>
      </c>
      <c r="I10314" s="5" t="s">
        <v>69</v>
      </c>
      <c r="J10314" s="5" t="s">
        <v>27074</v>
      </c>
      <c r="K10314" s="2" t="s">
        <v>27075</v>
      </c>
      <c r="L10314" s="5" t="s">
        <v>27074</v>
      </c>
      <c r="M10314" s="2" t="s">
        <v>27075</v>
      </c>
      <c r="N10314" s="5" t="s">
        <v>24254</v>
      </c>
      <c r="O10314" s="5" t="s">
        <v>38</v>
      </c>
      <c r="P10314" s="5" t="s">
        <v>39</v>
      </c>
      <c r="Q10314" s="5" t="s">
        <v>40</v>
      </c>
      <c r="R10314" s="5" t="s">
        <v>24335</v>
      </c>
      <c r="S10314" s="5" t="s">
        <v>40</v>
      </c>
      <c r="T10314" s="5" t="s">
        <v>42</v>
      </c>
      <c r="U10314" s="2">
        <v>7.4420000000000002</v>
      </c>
      <c r="V10314" s="2">
        <v>5.6120000000000001</v>
      </c>
      <c r="W10314" s="2">
        <v>0.11899999999999999</v>
      </c>
      <c r="X10314" s="2">
        <v>12</v>
      </c>
      <c r="Y10314" s="2">
        <v>62</v>
      </c>
      <c r="Z10314" s="2">
        <v>159.9</v>
      </c>
      <c r="AA10314" s="5">
        <v>10</v>
      </c>
      <c r="AB10314" s="5" t="s">
        <v>43</v>
      </c>
      <c r="AC10314" s="5" t="s">
        <v>44</v>
      </c>
      <c r="AD10314" s="2" t="s">
        <v>31590</v>
      </c>
      <c r="AE10314" s="1"/>
    </row>
    <row r="10315" spans="1:31" ht="14.45">
      <c r="A10315" s="5"/>
      <c r="B10315" s="21"/>
      <c r="C10315" s="2" t="s">
        <v>31710</v>
      </c>
      <c r="D10315" s="14" t="s">
        <v>31711</v>
      </c>
      <c r="E10315" s="2" t="s">
        <v>31712</v>
      </c>
      <c r="F10315" s="2" t="s">
        <v>29636</v>
      </c>
      <c r="G10315" s="8">
        <v>452</v>
      </c>
      <c r="H10315" s="5">
        <v>5</v>
      </c>
      <c r="I10315" s="5" t="s">
        <v>69</v>
      </c>
      <c r="J10315" s="5" t="s">
        <v>27074</v>
      </c>
      <c r="K10315" s="2" t="s">
        <v>27075</v>
      </c>
      <c r="L10315" s="5" t="s">
        <v>27074</v>
      </c>
      <c r="M10315" s="2" t="s">
        <v>27075</v>
      </c>
      <c r="N10315" s="5" t="s">
        <v>24254</v>
      </c>
      <c r="O10315" s="5" t="s">
        <v>38</v>
      </c>
      <c r="P10315" s="5" t="s">
        <v>39</v>
      </c>
      <c r="Q10315" s="5" t="s">
        <v>40</v>
      </c>
      <c r="R10315" s="5" t="s">
        <v>1487</v>
      </c>
      <c r="S10315" s="5"/>
      <c r="T10315" s="5" t="s">
        <v>42</v>
      </c>
      <c r="U10315" s="2">
        <v>0</v>
      </c>
      <c r="V10315" s="2">
        <v>0</v>
      </c>
      <c r="W10315" s="2">
        <v>0</v>
      </c>
      <c r="X10315" s="2">
        <v>0</v>
      </c>
      <c r="Y10315" s="2">
        <v>0</v>
      </c>
      <c r="Z10315" s="2">
        <v>0</v>
      </c>
      <c r="AA10315" s="5"/>
      <c r="AB10315" s="5" t="s">
        <v>43</v>
      </c>
      <c r="AC10315" s="5" t="s">
        <v>44</v>
      </c>
      <c r="AD10315" s="2" t="s">
        <v>31597</v>
      </c>
      <c r="AE10315" s="1"/>
    </row>
    <row r="10316" spans="1:31" ht="14.45">
      <c r="A10316" s="5"/>
      <c r="B10316" s="21"/>
      <c r="C10316" s="2" t="s">
        <v>31713</v>
      </c>
      <c r="D10316" s="14" t="s">
        <v>31714</v>
      </c>
      <c r="E10316" s="2" t="s">
        <v>31715</v>
      </c>
      <c r="F10316" s="2" t="s">
        <v>29652</v>
      </c>
      <c r="G10316" s="8">
        <v>923</v>
      </c>
      <c r="H10316" s="5">
        <v>15</v>
      </c>
      <c r="I10316" s="5" t="s">
        <v>69</v>
      </c>
      <c r="J10316" s="5" t="s">
        <v>27074</v>
      </c>
      <c r="K10316" s="2" t="s">
        <v>27075</v>
      </c>
      <c r="L10316" s="5" t="s">
        <v>27074</v>
      </c>
      <c r="M10316" s="2" t="s">
        <v>27075</v>
      </c>
      <c r="N10316" s="5" t="s">
        <v>24254</v>
      </c>
      <c r="O10316" s="5" t="s">
        <v>38</v>
      </c>
      <c r="P10316" s="5" t="s">
        <v>39</v>
      </c>
      <c r="Q10316" s="5" t="s">
        <v>40</v>
      </c>
      <c r="R10316" s="5" t="s">
        <v>1487</v>
      </c>
      <c r="S10316" s="5"/>
      <c r="T10316" s="5" t="s">
        <v>42</v>
      </c>
      <c r="U10316" s="2">
        <v>0</v>
      </c>
      <c r="V10316" s="2">
        <v>0</v>
      </c>
      <c r="W10316" s="2">
        <v>0</v>
      </c>
      <c r="X10316" s="2">
        <v>0</v>
      </c>
      <c r="Y10316" s="2">
        <v>0</v>
      </c>
      <c r="Z10316" s="2">
        <v>0</v>
      </c>
      <c r="AA10316" s="5"/>
      <c r="AB10316" s="5" t="s">
        <v>43</v>
      </c>
      <c r="AC10316" s="5" t="s">
        <v>44</v>
      </c>
      <c r="AD10316" s="2" t="s">
        <v>31601</v>
      </c>
      <c r="AE10316" s="1"/>
    </row>
    <row r="10317" spans="1:31" ht="14.45">
      <c r="A10317" s="5"/>
      <c r="B10317" s="21"/>
      <c r="C10317" s="2" t="s">
        <v>31716</v>
      </c>
      <c r="D10317" s="14" t="s">
        <v>31717</v>
      </c>
      <c r="E10317" s="2" t="s">
        <v>31718</v>
      </c>
      <c r="F10317" s="2" t="s">
        <v>29652</v>
      </c>
      <c r="G10317" s="8">
        <v>923</v>
      </c>
      <c r="H10317" s="5">
        <v>15</v>
      </c>
      <c r="I10317" s="5" t="s">
        <v>69</v>
      </c>
      <c r="J10317" s="5" t="s">
        <v>27074</v>
      </c>
      <c r="K10317" s="2" t="s">
        <v>27075</v>
      </c>
      <c r="L10317" s="5" t="s">
        <v>27074</v>
      </c>
      <c r="M10317" s="2" t="s">
        <v>27075</v>
      </c>
      <c r="N10317" s="5" t="s">
        <v>24254</v>
      </c>
      <c r="O10317" s="5" t="s">
        <v>38</v>
      </c>
      <c r="P10317" s="5" t="s">
        <v>39</v>
      </c>
      <c r="Q10317" s="5" t="s">
        <v>40</v>
      </c>
      <c r="R10317" s="5" t="s">
        <v>1487</v>
      </c>
      <c r="S10317" s="5"/>
      <c r="T10317" s="5" t="s">
        <v>42</v>
      </c>
      <c r="U10317" s="2">
        <v>0</v>
      </c>
      <c r="V10317" s="2">
        <v>0</v>
      </c>
      <c r="W10317" s="2">
        <v>0</v>
      </c>
      <c r="X10317" s="2">
        <v>0</v>
      </c>
      <c r="Y10317" s="2">
        <v>0</v>
      </c>
      <c r="Z10317" s="2">
        <v>0</v>
      </c>
      <c r="AA10317" s="5"/>
      <c r="AB10317" s="5" t="s">
        <v>43</v>
      </c>
      <c r="AC10317" s="5" t="s">
        <v>44</v>
      </c>
      <c r="AD10317" s="2" t="s">
        <v>31605</v>
      </c>
      <c r="AE10317" s="1"/>
    </row>
    <row r="10318" spans="1:31" ht="14.45">
      <c r="A10318" s="5"/>
      <c r="B10318" s="21"/>
      <c r="C10318" s="2" t="s">
        <v>31719</v>
      </c>
      <c r="D10318" s="14" t="s">
        <v>31720</v>
      </c>
      <c r="E10318" s="2" t="s">
        <v>31721</v>
      </c>
      <c r="F10318" s="2" t="s">
        <v>29652</v>
      </c>
      <c r="G10318" s="8">
        <v>1552</v>
      </c>
      <c r="H10318" s="5">
        <v>15</v>
      </c>
      <c r="I10318" s="5" t="s">
        <v>69</v>
      </c>
      <c r="J10318" s="5" t="s">
        <v>27074</v>
      </c>
      <c r="K10318" s="2" t="s">
        <v>27075</v>
      </c>
      <c r="L10318" s="5" t="s">
        <v>27074</v>
      </c>
      <c r="M10318" s="2" t="s">
        <v>27075</v>
      </c>
      <c r="N10318" s="5" t="s">
        <v>24254</v>
      </c>
      <c r="O10318" s="5" t="s">
        <v>38</v>
      </c>
      <c r="P10318" s="5" t="s">
        <v>39</v>
      </c>
      <c r="Q10318" s="5" t="s">
        <v>40</v>
      </c>
      <c r="R10318" s="5" t="s">
        <v>1487</v>
      </c>
      <c r="S10318" s="5"/>
      <c r="T10318" s="5" t="s">
        <v>42</v>
      </c>
      <c r="U10318" s="2">
        <v>0</v>
      </c>
      <c r="V10318" s="2">
        <v>0</v>
      </c>
      <c r="W10318" s="2">
        <v>0</v>
      </c>
      <c r="X10318" s="2">
        <v>0</v>
      </c>
      <c r="Y10318" s="2">
        <v>0</v>
      </c>
      <c r="Z10318" s="2">
        <v>0</v>
      </c>
      <c r="AA10318" s="5"/>
      <c r="AB10318" s="5" t="s">
        <v>43</v>
      </c>
      <c r="AC10318" s="5" t="s">
        <v>44</v>
      </c>
      <c r="AD10318" s="2" t="s">
        <v>31609</v>
      </c>
      <c r="AE10318" s="1"/>
    </row>
    <row r="10319" spans="1:31" ht="14.45">
      <c r="A10319" s="5"/>
      <c r="B10319" s="21"/>
      <c r="C10319" s="2" t="s">
        <v>31722</v>
      </c>
      <c r="D10319" s="14" t="s">
        <v>31723</v>
      </c>
      <c r="E10319" s="2" t="s">
        <v>31724</v>
      </c>
      <c r="F10319" s="2" t="s">
        <v>29652</v>
      </c>
      <c r="G10319" s="8">
        <v>1552</v>
      </c>
      <c r="H10319" s="5">
        <v>15</v>
      </c>
      <c r="I10319" s="5" t="s">
        <v>69</v>
      </c>
      <c r="J10319" s="5" t="s">
        <v>27074</v>
      </c>
      <c r="K10319" s="2" t="s">
        <v>27075</v>
      </c>
      <c r="L10319" s="5" t="s">
        <v>27074</v>
      </c>
      <c r="M10319" s="2" t="s">
        <v>27075</v>
      </c>
      <c r="N10319" s="5" t="s">
        <v>24254</v>
      </c>
      <c r="O10319" s="5" t="s">
        <v>38</v>
      </c>
      <c r="P10319" s="5" t="s">
        <v>39</v>
      </c>
      <c r="Q10319" s="5" t="s">
        <v>40</v>
      </c>
      <c r="R10319" s="5" t="s">
        <v>1487</v>
      </c>
      <c r="S10319" s="5"/>
      <c r="T10319" s="5" t="s">
        <v>42</v>
      </c>
      <c r="U10319" s="2">
        <v>0</v>
      </c>
      <c r="V10319" s="2">
        <v>0</v>
      </c>
      <c r="W10319" s="2">
        <v>0</v>
      </c>
      <c r="X10319" s="2">
        <v>0</v>
      </c>
      <c r="Y10319" s="2">
        <v>0</v>
      </c>
      <c r="Z10319" s="2">
        <v>0</v>
      </c>
      <c r="AA10319" s="5"/>
      <c r="AB10319" s="5" t="s">
        <v>43</v>
      </c>
      <c r="AC10319" s="5" t="s">
        <v>44</v>
      </c>
      <c r="AD10319" s="2" t="s">
        <v>31613</v>
      </c>
      <c r="AE10319" s="1"/>
    </row>
    <row r="10320" spans="1:31" ht="14.45">
      <c r="A10320" s="5"/>
      <c r="B10320" s="21"/>
      <c r="C10320" s="2" t="s">
        <v>31725</v>
      </c>
      <c r="D10320" s="14" t="s">
        <v>31726</v>
      </c>
      <c r="E10320" s="2" t="s">
        <v>31727</v>
      </c>
      <c r="F10320" s="2"/>
      <c r="G10320" s="8">
        <v>233</v>
      </c>
      <c r="H10320" s="5">
        <v>5</v>
      </c>
      <c r="I10320" s="5" t="s">
        <v>69</v>
      </c>
      <c r="J10320" s="5" t="s">
        <v>27074</v>
      </c>
      <c r="K10320" s="2" t="s">
        <v>27075</v>
      </c>
      <c r="L10320" s="5" t="s">
        <v>27074</v>
      </c>
      <c r="M10320" s="2" t="s">
        <v>27075</v>
      </c>
      <c r="N10320" s="5" t="s">
        <v>24254</v>
      </c>
      <c r="O10320" s="5" t="s">
        <v>38</v>
      </c>
      <c r="P10320" s="5" t="s">
        <v>39</v>
      </c>
      <c r="Q10320" s="5" t="s">
        <v>40</v>
      </c>
      <c r="R10320" s="5" t="s">
        <v>24335</v>
      </c>
      <c r="S10320" s="5" t="s">
        <v>40</v>
      </c>
      <c r="T10320" s="5" t="s">
        <v>42</v>
      </c>
      <c r="U10320" s="2">
        <v>11.395</v>
      </c>
      <c r="V10320" s="2">
        <v>8.4260000000000002</v>
      </c>
      <c r="W10320" s="2">
        <v>0.14899999999999999</v>
      </c>
      <c r="X10320" s="2">
        <v>12</v>
      </c>
      <c r="Y10320" s="2">
        <v>62</v>
      </c>
      <c r="Z10320" s="2">
        <v>199.7</v>
      </c>
      <c r="AA10320" s="5">
        <v>8</v>
      </c>
      <c r="AB10320" s="5" t="s">
        <v>43</v>
      </c>
      <c r="AC10320" s="5" t="s">
        <v>44</v>
      </c>
      <c r="AD10320" s="2" t="s">
        <v>31572</v>
      </c>
      <c r="AE10320" s="1"/>
    </row>
    <row r="10321" spans="1:31" ht="14.45">
      <c r="A10321" s="5"/>
      <c r="B10321" s="21"/>
      <c r="C10321" s="2" t="s">
        <v>31728</v>
      </c>
      <c r="D10321" s="14" t="s">
        <v>31729</v>
      </c>
      <c r="E10321" s="2" t="s">
        <v>31730</v>
      </c>
      <c r="F10321" s="2"/>
      <c r="G10321" s="8">
        <v>233</v>
      </c>
      <c r="H10321" s="5">
        <v>5</v>
      </c>
      <c r="I10321" s="5" t="s">
        <v>69</v>
      </c>
      <c r="J10321" s="5" t="s">
        <v>27074</v>
      </c>
      <c r="K10321" s="2" t="s">
        <v>27075</v>
      </c>
      <c r="L10321" s="5" t="s">
        <v>27074</v>
      </c>
      <c r="M10321" s="2" t="s">
        <v>27075</v>
      </c>
      <c r="N10321" s="5" t="s">
        <v>24254</v>
      </c>
      <c r="O10321" s="5" t="s">
        <v>38</v>
      </c>
      <c r="P10321" s="5" t="s">
        <v>39</v>
      </c>
      <c r="Q10321" s="5" t="s">
        <v>40</v>
      </c>
      <c r="R10321" s="5" t="s">
        <v>24335</v>
      </c>
      <c r="S10321" s="5" t="s">
        <v>40</v>
      </c>
      <c r="T10321" s="5" t="s">
        <v>42</v>
      </c>
      <c r="U10321" s="2">
        <v>9.7669999999999995</v>
      </c>
      <c r="V10321" s="2">
        <v>6.8390000000000004</v>
      </c>
      <c r="W10321" s="2">
        <v>0.14899999999999999</v>
      </c>
      <c r="X10321" s="2">
        <v>12</v>
      </c>
      <c r="Y10321" s="2">
        <v>62</v>
      </c>
      <c r="Z10321" s="2">
        <v>199.7</v>
      </c>
      <c r="AA10321" s="5">
        <v>8</v>
      </c>
      <c r="AB10321" s="5" t="s">
        <v>43</v>
      </c>
      <c r="AC10321" s="5" t="s">
        <v>44</v>
      </c>
      <c r="AD10321" s="2" t="s">
        <v>31572</v>
      </c>
      <c r="AE10321" s="1"/>
    </row>
    <row r="10322" spans="1:31" ht="14.45">
      <c r="A10322" s="5"/>
      <c r="B10322" s="21"/>
      <c r="C10322" s="2" t="s">
        <v>31731</v>
      </c>
      <c r="D10322" s="14" t="s">
        <v>31732</v>
      </c>
      <c r="E10322" s="2" t="s">
        <v>31733</v>
      </c>
      <c r="F10322" s="2"/>
      <c r="G10322" s="8">
        <v>233</v>
      </c>
      <c r="H10322" s="5">
        <v>5</v>
      </c>
      <c r="I10322" s="5" t="s">
        <v>69</v>
      </c>
      <c r="J10322" s="5" t="s">
        <v>27074</v>
      </c>
      <c r="K10322" s="2" t="s">
        <v>27075</v>
      </c>
      <c r="L10322" s="5" t="s">
        <v>27074</v>
      </c>
      <c r="M10322" s="2" t="s">
        <v>27075</v>
      </c>
      <c r="N10322" s="5" t="s">
        <v>24254</v>
      </c>
      <c r="O10322" s="5" t="s">
        <v>38</v>
      </c>
      <c r="P10322" s="5" t="s">
        <v>39</v>
      </c>
      <c r="Q10322" s="5" t="s">
        <v>40</v>
      </c>
      <c r="R10322" s="5" t="s">
        <v>24335</v>
      </c>
      <c r="S10322" s="5" t="s">
        <v>40</v>
      </c>
      <c r="T10322" s="5" t="s">
        <v>42</v>
      </c>
      <c r="U10322" s="2">
        <v>8.5370000000000008</v>
      </c>
      <c r="V10322" s="2">
        <v>5.6</v>
      </c>
      <c r="W10322" s="2">
        <v>0.14899999999999999</v>
      </c>
      <c r="X10322" s="2">
        <v>12</v>
      </c>
      <c r="Y10322" s="2">
        <v>62</v>
      </c>
      <c r="Z10322" s="2">
        <v>199.7</v>
      </c>
      <c r="AA10322" s="5">
        <v>8</v>
      </c>
      <c r="AB10322" s="5" t="s">
        <v>43</v>
      </c>
      <c r="AC10322" s="5" t="s">
        <v>44</v>
      </c>
      <c r="AD10322" s="2" t="s">
        <v>31572</v>
      </c>
      <c r="AE10322" s="1"/>
    </row>
    <row r="10323" spans="1:31" ht="14.45">
      <c r="A10323" s="5"/>
      <c r="B10323" s="21"/>
      <c r="C10323" s="2" t="s">
        <v>31734</v>
      </c>
      <c r="D10323" s="14" t="s">
        <v>31735</v>
      </c>
      <c r="E10323" s="2" t="s">
        <v>31736</v>
      </c>
      <c r="F10323" s="2"/>
      <c r="G10323" s="8">
        <v>233</v>
      </c>
      <c r="H10323" s="5">
        <v>25</v>
      </c>
      <c r="I10323" s="5" t="s">
        <v>69</v>
      </c>
      <c r="J10323" s="5" t="s">
        <v>27074</v>
      </c>
      <c r="K10323" s="2" t="s">
        <v>27075</v>
      </c>
      <c r="L10323" s="5" t="s">
        <v>27074</v>
      </c>
      <c r="M10323" s="2" t="s">
        <v>27075</v>
      </c>
      <c r="N10323" s="5" t="s">
        <v>24254</v>
      </c>
      <c r="O10323" s="5" t="s">
        <v>38</v>
      </c>
      <c r="P10323" s="5" t="s">
        <v>39</v>
      </c>
      <c r="Q10323" s="5" t="s">
        <v>40</v>
      </c>
      <c r="R10323" s="5" t="s">
        <v>24335</v>
      </c>
      <c r="S10323" s="5" t="s">
        <v>40</v>
      </c>
      <c r="T10323" s="5" t="s">
        <v>42</v>
      </c>
      <c r="U10323" s="2">
        <v>9.2140000000000004</v>
      </c>
      <c r="V10323" s="2">
        <v>6.4660000000000002</v>
      </c>
      <c r="W10323" s="2">
        <v>0.14899999999999999</v>
      </c>
      <c r="X10323" s="2">
        <v>12</v>
      </c>
      <c r="Y10323" s="2">
        <v>62</v>
      </c>
      <c r="Z10323" s="2">
        <v>199.7</v>
      </c>
      <c r="AA10323" s="5">
        <v>10</v>
      </c>
      <c r="AB10323" s="5" t="s">
        <v>43</v>
      </c>
      <c r="AC10323" s="5" t="s">
        <v>44</v>
      </c>
      <c r="AD10323" s="2" t="s">
        <v>31737</v>
      </c>
      <c r="AE10323" s="1"/>
    </row>
    <row r="10324" spans="1:31" ht="14.45">
      <c r="A10324" s="5"/>
      <c r="B10324" s="21"/>
      <c r="C10324" s="2" t="s">
        <v>31738</v>
      </c>
      <c r="D10324" s="14" t="s">
        <v>31739</v>
      </c>
      <c r="E10324" s="2" t="s">
        <v>31740</v>
      </c>
      <c r="F10324" s="2"/>
      <c r="G10324" s="8">
        <v>233</v>
      </c>
      <c r="H10324" s="5">
        <v>25</v>
      </c>
      <c r="I10324" s="5" t="s">
        <v>69</v>
      </c>
      <c r="J10324" s="5" t="s">
        <v>27074</v>
      </c>
      <c r="K10324" s="2" t="s">
        <v>27075</v>
      </c>
      <c r="L10324" s="5" t="s">
        <v>27074</v>
      </c>
      <c r="M10324" s="2" t="s">
        <v>27075</v>
      </c>
      <c r="N10324" s="5" t="s">
        <v>24254</v>
      </c>
      <c r="O10324" s="5" t="s">
        <v>38</v>
      </c>
      <c r="P10324" s="5" t="s">
        <v>39</v>
      </c>
      <c r="Q10324" s="5" t="s">
        <v>40</v>
      </c>
      <c r="R10324" s="5" t="s">
        <v>24335</v>
      </c>
      <c r="S10324" s="5" t="s">
        <v>40</v>
      </c>
      <c r="T10324" s="5" t="s">
        <v>42</v>
      </c>
      <c r="U10324" s="2">
        <v>8.0960000000000001</v>
      </c>
      <c r="V10324" s="2">
        <v>5.3460000000000001</v>
      </c>
      <c r="W10324" s="2">
        <v>0.14899999999999999</v>
      </c>
      <c r="X10324" s="2">
        <v>12</v>
      </c>
      <c r="Y10324" s="2">
        <v>62</v>
      </c>
      <c r="Z10324" s="2">
        <v>199.7</v>
      </c>
      <c r="AA10324" s="5">
        <v>10</v>
      </c>
      <c r="AB10324" s="5" t="s">
        <v>43</v>
      </c>
      <c r="AC10324" s="5" t="s">
        <v>44</v>
      </c>
      <c r="AD10324" s="2" t="s">
        <v>31590</v>
      </c>
      <c r="AE10324" s="1"/>
    </row>
    <row r="10325" spans="1:31" ht="14.45">
      <c r="A10325" s="5"/>
      <c r="B10325" s="21"/>
      <c r="C10325" s="2" t="s">
        <v>31741</v>
      </c>
      <c r="D10325" s="14" t="s">
        <v>31742</v>
      </c>
      <c r="E10325" s="2" t="s">
        <v>31743</v>
      </c>
      <c r="F10325" s="2"/>
      <c r="G10325" s="8">
        <v>233</v>
      </c>
      <c r="H10325" s="5">
        <v>25</v>
      </c>
      <c r="I10325" s="5" t="s">
        <v>69</v>
      </c>
      <c r="J10325" s="5" t="s">
        <v>27074</v>
      </c>
      <c r="K10325" s="2" t="s">
        <v>27075</v>
      </c>
      <c r="L10325" s="5" t="s">
        <v>27074</v>
      </c>
      <c r="M10325" s="2" t="s">
        <v>27075</v>
      </c>
      <c r="N10325" s="5" t="s">
        <v>24254</v>
      </c>
      <c r="O10325" s="5" t="s">
        <v>38</v>
      </c>
      <c r="P10325" s="5" t="s">
        <v>39</v>
      </c>
      <c r="Q10325" s="5" t="s">
        <v>40</v>
      </c>
      <c r="R10325" s="5" t="s">
        <v>24335</v>
      </c>
      <c r="S10325" s="5" t="s">
        <v>40</v>
      </c>
      <c r="T10325" s="5" t="s">
        <v>42</v>
      </c>
      <c r="U10325" s="2">
        <v>8.8480000000000008</v>
      </c>
      <c r="V10325" s="2">
        <v>6.101</v>
      </c>
      <c r="W10325" s="2">
        <v>0.14899999999999999</v>
      </c>
      <c r="X10325" s="2">
        <v>12</v>
      </c>
      <c r="Y10325" s="2">
        <v>62</v>
      </c>
      <c r="Z10325" s="2">
        <v>199.7</v>
      </c>
      <c r="AA10325" s="5">
        <v>10</v>
      </c>
      <c r="AB10325" s="5" t="s">
        <v>43</v>
      </c>
      <c r="AC10325" s="5" t="s">
        <v>44</v>
      </c>
      <c r="AD10325" s="2" t="s">
        <v>31590</v>
      </c>
      <c r="AE10325" s="1"/>
    </row>
    <row r="10326" spans="1:31" ht="14.45">
      <c r="A10326" s="5"/>
      <c r="B10326" s="21"/>
      <c r="C10326" s="2" t="s">
        <v>31744</v>
      </c>
      <c r="D10326" s="14" t="s">
        <v>31745</v>
      </c>
      <c r="E10326" s="2" t="s">
        <v>31746</v>
      </c>
      <c r="F10326" s="2" t="s">
        <v>29636</v>
      </c>
      <c r="G10326" s="8">
        <v>466</v>
      </c>
      <c r="H10326" s="5">
        <v>5</v>
      </c>
      <c r="I10326" s="5" t="s">
        <v>69</v>
      </c>
      <c r="J10326" s="5" t="s">
        <v>27074</v>
      </c>
      <c r="K10326" s="2" t="s">
        <v>27075</v>
      </c>
      <c r="L10326" s="5" t="s">
        <v>27074</v>
      </c>
      <c r="M10326" s="2" t="s">
        <v>27075</v>
      </c>
      <c r="N10326" s="5" t="s">
        <v>24254</v>
      </c>
      <c r="O10326" s="5" t="s">
        <v>38</v>
      </c>
      <c r="P10326" s="5" t="s">
        <v>39</v>
      </c>
      <c r="Q10326" s="5" t="s">
        <v>40</v>
      </c>
      <c r="R10326" s="5" t="s">
        <v>1487</v>
      </c>
      <c r="S10326" s="5"/>
      <c r="T10326" s="5" t="s">
        <v>42</v>
      </c>
      <c r="U10326" s="2">
        <v>0</v>
      </c>
      <c r="V10326" s="2">
        <v>0</v>
      </c>
      <c r="W10326" s="2">
        <v>0</v>
      </c>
      <c r="X10326" s="2">
        <v>0</v>
      </c>
      <c r="Y10326" s="2">
        <v>0</v>
      </c>
      <c r="Z10326" s="2">
        <v>0</v>
      </c>
      <c r="AA10326" s="5"/>
      <c r="AB10326" s="5" t="s">
        <v>43</v>
      </c>
      <c r="AC10326" s="5" t="s">
        <v>44</v>
      </c>
      <c r="AD10326" s="2" t="s">
        <v>31597</v>
      </c>
      <c r="AE10326" s="1"/>
    </row>
    <row r="10327" spans="1:31" ht="14.45">
      <c r="A10327" s="5"/>
      <c r="B10327" s="21"/>
      <c r="C10327" s="2" t="s">
        <v>31747</v>
      </c>
      <c r="D10327" s="14" t="s">
        <v>31748</v>
      </c>
      <c r="E10327" s="2" t="s">
        <v>31749</v>
      </c>
      <c r="F10327" s="2" t="s">
        <v>29652</v>
      </c>
      <c r="G10327" s="8">
        <v>939</v>
      </c>
      <c r="H10327" s="5">
        <v>15</v>
      </c>
      <c r="I10327" s="5" t="s">
        <v>69</v>
      </c>
      <c r="J10327" s="5" t="s">
        <v>27074</v>
      </c>
      <c r="K10327" s="2" t="s">
        <v>27075</v>
      </c>
      <c r="L10327" s="5" t="s">
        <v>27074</v>
      </c>
      <c r="M10327" s="2" t="s">
        <v>27075</v>
      </c>
      <c r="N10327" s="5" t="s">
        <v>24254</v>
      </c>
      <c r="O10327" s="5" t="s">
        <v>38</v>
      </c>
      <c r="P10327" s="5" t="s">
        <v>39</v>
      </c>
      <c r="Q10327" s="5" t="s">
        <v>40</v>
      </c>
      <c r="R10327" s="5" t="s">
        <v>1487</v>
      </c>
      <c r="S10327" s="5"/>
      <c r="T10327" s="5" t="s">
        <v>42</v>
      </c>
      <c r="U10327" s="2">
        <v>0</v>
      </c>
      <c r="V10327" s="2">
        <v>0</v>
      </c>
      <c r="W10327" s="2">
        <v>0</v>
      </c>
      <c r="X10327" s="2">
        <v>0</v>
      </c>
      <c r="Y10327" s="2">
        <v>0</v>
      </c>
      <c r="Z10327" s="2">
        <v>0</v>
      </c>
      <c r="AA10327" s="5"/>
      <c r="AB10327" s="5" t="s">
        <v>43</v>
      </c>
      <c r="AC10327" s="5" t="s">
        <v>44</v>
      </c>
      <c r="AD10327" s="2" t="s">
        <v>31601</v>
      </c>
      <c r="AE10327" s="1"/>
    </row>
    <row r="10328" spans="1:31" ht="14.45">
      <c r="A10328" s="5"/>
      <c r="B10328" s="21"/>
      <c r="C10328" s="2" t="s">
        <v>31750</v>
      </c>
      <c r="D10328" s="14" t="s">
        <v>31751</v>
      </c>
      <c r="E10328" s="2" t="s">
        <v>31752</v>
      </c>
      <c r="F10328" s="2" t="s">
        <v>29652</v>
      </c>
      <c r="G10328" s="8">
        <v>939</v>
      </c>
      <c r="H10328" s="5">
        <v>15</v>
      </c>
      <c r="I10328" s="5" t="s">
        <v>69</v>
      </c>
      <c r="J10328" s="5" t="s">
        <v>27074</v>
      </c>
      <c r="K10328" s="2" t="s">
        <v>27075</v>
      </c>
      <c r="L10328" s="5" t="s">
        <v>27074</v>
      </c>
      <c r="M10328" s="2" t="s">
        <v>27075</v>
      </c>
      <c r="N10328" s="5" t="s">
        <v>24254</v>
      </c>
      <c r="O10328" s="5" t="s">
        <v>38</v>
      </c>
      <c r="P10328" s="5" t="s">
        <v>39</v>
      </c>
      <c r="Q10328" s="5" t="s">
        <v>40</v>
      </c>
      <c r="R10328" s="5" t="s">
        <v>1487</v>
      </c>
      <c r="S10328" s="5"/>
      <c r="T10328" s="5" t="s">
        <v>42</v>
      </c>
      <c r="U10328" s="2">
        <v>0</v>
      </c>
      <c r="V10328" s="2">
        <v>0</v>
      </c>
      <c r="W10328" s="2">
        <v>0</v>
      </c>
      <c r="X10328" s="2">
        <v>0</v>
      </c>
      <c r="Y10328" s="2">
        <v>0</v>
      </c>
      <c r="Z10328" s="2">
        <v>0</v>
      </c>
      <c r="AA10328" s="5"/>
      <c r="AB10328" s="5" t="s">
        <v>43</v>
      </c>
      <c r="AC10328" s="5" t="s">
        <v>44</v>
      </c>
      <c r="AD10328" s="2" t="s">
        <v>31605</v>
      </c>
      <c r="AE10328" s="1"/>
    </row>
    <row r="10329" spans="1:31" ht="14.45">
      <c r="A10329" s="5"/>
      <c r="B10329" s="21"/>
      <c r="C10329" s="2" t="s">
        <v>31753</v>
      </c>
      <c r="D10329" s="14" t="s">
        <v>31754</v>
      </c>
      <c r="E10329" s="2" t="s">
        <v>31755</v>
      </c>
      <c r="F10329" s="2" t="s">
        <v>29652</v>
      </c>
      <c r="G10329" s="8">
        <v>1577</v>
      </c>
      <c r="H10329" s="5">
        <v>15</v>
      </c>
      <c r="I10329" s="5" t="s">
        <v>69</v>
      </c>
      <c r="J10329" s="5" t="s">
        <v>27074</v>
      </c>
      <c r="K10329" s="2" t="s">
        <v>27075</v>
      </c>
      <c r="L10329" s="5" t="s">
        <v>27074</v>
      </c>
      <c r="M10329" s="2" t="s">
        <v>27075</v>
      </c>
      <c r="N10329" s="5" t="s">
        <v>24254</v>
      </c>
      <c r="O10329" s="5" t="s">
        <v>38</v>
      </c>
      <c r="P10329" s="5" t="s">
        <v>39</v>
      </c>
      <c r="Q10329" s="5" t="s">
        <v>40</v>
      </c>
      <c r="R10329" s="5" t="s">
        <v>1487</v>
      </c>
      <c r="S10329" s="5"/>
      <c r="T10329" s="5" t="s">
        <v>42</v>
      </c>
      <c r="U10329" s="2">
        <v>0</v>
      </c>
      <c r="V10329" s="2">
        <v>0</v>
      </c>
      <c r="W10329" s="2">
        <v>0</v>
      </c>
      <c r="X10329" s="2">
        <v>0</v>
      </c>
      <c r="Y10329" s="2">
        <v>0</v>
      </c>
      <c r="Z10329" s="2">
        <v>0</v>
      </c>
      <c r="AA10329" s="5"/>
      <c r="AB10329" s="5" t="s">
        <v>43</v>
      </c>
      <c r="AC10329" s="5" t="s">
        <v>44</v>
      </c>
      <c r="AD10329" s="2" t="s">
        <v>31609</v>
      </c>
      <c r="AE10329" s="1"/>
    </row>
    <row r="10330" spans="1:31" ht="14.45">
      <c r="A10330" s="5"/>
      <c r="B10330" s="21"/>
      <c r="C10330" s="2" t="s">
        <v>31756</v>
      </c>
      <c r="D10330" s="14" t="s">
        <v>31757</v>
      </c>
      <c r="E10330" s="2" t="s">
        <v>31758</v>
      </c>
      <c r="F10330" s="2" t="s">
        <v>29652</v>
      </c>
      <c r="G10330" s="8">
        <v>1577</v>
      </c>
      <c r="H10330" s="5">
        <v>15</v>
      </c>
      <c r="I10330" s="5" t="s">
        <v>69</v>
      </c>
      <c r="J10330" s="5" t="s">
        <v>27074</v>
      </c>
      <c r="K10330" s="2" t="s">
        <v>27075</v>
      </c>
      <c r="L10330" s="5" t="s">
        <v>27074</v>
      </c>
      <c r="M10330" s="2" t="s">
        <v>27075</v>
      </c>
      <c r="N10330" s="5" t="s">
        <v>24254</v>
      </c>
      <c r="O10330" s="5" t="s">
        <v>38</v>
      </c>
      <c r="P10330" s="5" t="s">
        <v>39</v>
      </c>
      <c r="Q10330" s="5" t="s">
        <v>40</v>
      </c>
      <c r="R10330" s="5" t="s">
        <v>1487</v>
      </c>
      <c r="S10330" s="5"/>
      <c r="T10330" s="5" t="s">
        <v>42</v>
      </c>
      <c r="U10330" s="2">
        <v>0</v>
      </c>
      <c r="V10330" s="2">
        <v>0</v>
      </c>
      <c r="W10330" s="2">
        <v>0</v>
      </c>
      <c r="X10330" s="2">
        <v>0</v>
      </c>
      <c r="Y10330" s="2">
        <v>0</v>
      </c>
      <c r="Z10330" s="2">
        <v>0</v>
      </c>
      <c r="AA10330" s="5"/>
      <c r="AB10330" s="5" t="s">
        <v>43</v>
      </c>
      <c r="AC10330" s="5" t="s">
        <v>44</v>
      </c>
      <c r="AD10330" s="2" t="s">
        <v>31613</v>
      </c>
      <c r="AE10330" s="1"/>
    </row>
    <row r="10331" spans="1:31" ht="14.45">
      <c r="A10331" s="5"/>
      <c r="B10331" s="21"/>
      <c r="C10331" s="2" t="s">
        <v>31759</v>
      </c>
      <c r="D10331" s="14" t="s">
        <v>31760</v>
      </c>
      <c r="E10331" s="2" t="s">
        <v>31761</v>
      </c>
      <c r="F10331" s="2"/>
      <c r="G10331" s="8">
        <v>221</v>
      </c>
      <c r="H10331" s="5">
        <v>5</v>
      </c>
      <c r="I10331" s="5" t="s">
        <v>69</v>
      </c>
      <c r="J10331" s="5" t="s">
        <v>27074</v>
      </c>
      <c r="K10331" s="2" t="s">
        <v>27075</v>
      </c>
      <c r="L10331" s="5" t="s">
        <v>27074</v>
      </c>
      <c r="M10331" s="2" t="s">
        <v>27075</v>
      </c>
      <c r="N10331" s="5" t="s">
        <v>24254</v>
      </c>
      <c r="O10331" s="5" t="s">
        <v>38</v>
      </c>
      <c r="P10331" s="5" t="s">
        <v>39</v>
      </c>
      <c r="Q10331" s="5" t="s">
        <v>40</v>
      </c>
      <c r="R10331" s="5" t="s">
        <v>24335</v>
      </c>
      <c r="S10331" s="5" t="s">
        <v>40</v>
      </c>
      <c r="T10331" s="5" t="s">
        <v>42</v>
      </c>
      <c r="U10331" s="2">
        <v>9.9760000000000009</v>
      </c>
      <c r="V10331" s="2">
        <v>7.9089999999999998</v>
      </c>
      <c r="W10331" s="2">
        <v>0.11899999999999999</v>
      </c>
      <c r="X10331" s="2">
        <v>12</v>
      </c>
      <c r="Y10331" s="2">
        <v>62</v>
      </c>
      <c r="Z10331" s="2">
        <v>159.9</v>
      </c>
      <c r="AA10331" s="5">
        <v>8</v>
      </c>
      <c r="AB10331" s="5" t="s">
        <v>43</v>
      </c>
      <c r="AC10331" s="5" t="s">
        <v>44</v>
      </c>
      <c r="AD10331" s="2" t="s">
        <v>31572</v>
      </c>
      <c r="AE10331" s="1"/>
    </row>
    <row r="10332" spans="1:31" ht="14.45">
      <c r="A10332" s="5"/>
      <c r="B10332" s="21"/>
      <c r="C10332" s="2" t="s">
        <v>31762</v>
      </c>
      <c r="D10332" s="14" t="s">
        <v>31763</v>
      </c>
      <c r="E10332" s="2" t="s">
        <v>31764</v>
      </c>
      <c r="F10332" s="2"/>
      <c r="G10332" s="8">
        <v>221</v>
      </c>
      <c r="H10332" s="5">
        <v>5</v>
      </c>
      <c r="I10332" s="5" t="s">
        <v>69</v>
      </c>
      <c r="J10332" s="5" t="s">
        <v>27074</v>
      </c>
      <c r="K10332" s="2" t="s">
        <v>27075</v>
      </c>
      <c r="L10332" s="5" t="s">
        <v>27074</v>
      </c>
      <c r="M10332" s="2" t="s">
        <v>27075</v>
      </c>
      <c r="N10332" s="5" t="s">
        <v>24254</v>
      </c>
      <c r="O10332" s="5" t="s">
        <v>38</v>
      </c>
      <c r="P10332" s="5" t="s">
        <v>39</v>
      </c>
      <c r="Q10332" s="5" t="s">
        <v>40</v>
      </c>
      <c r="R10332" s="5" t="s">
        <v>24335</v>
      </c>
      <c r="S10332" s="5" t="s">
        <v>40</v>
      </c>
      <c r="T10332" s="5" t="s">
        <v>42</v>
      </c>
      <c r="U10332" s="2">
        <v>9.2910000000000004</v>
      </c>
      <c r="V10332" s="2">
        <v>6.3630000000000004</v>
      </c>
      <c r="W10332" s="2">
        <v>0.17399999999999999</v>
      </c>
      <c r="X10332" s="2">
        <v>12</v>
      </c>
      <c r="Y10332" s="2">
        <v>62</v>
      </c>
      <c r="Z10332" s="2">
        <v>234.1</v>
      </c>
      <c r="AA10332" s="5">
        <v>8</v>
      </c>
      <c r="AB10332" s="5" t="s">
        <v>43</v>
      </c>
      <c r="AC10332" s="5" t="s">
        <v>44</v>
      </c>
      <c r="AD10332" s="2" t="s">
        <v>31572</v>
      </c>
      <c r="AE10332" s="1"/>
    </row>
    <row r="10333" spans="1:31" ht="14.45">
      <c r="A10333" s="5"/>
      <c r="B10333" s="21"/>
      <c r="C10333" s="2" t="s">
        <v>31765</v>
      </c>
      <c r="D10333" s="14" t="s">
        <v>31766</v>
      </c>
      <c r="E10333" s="2" t="s">
        <v>31767</v>
      </c>
      <c r="F10333" s="2"/>
      <c r="G10333" s="8">
        <v>221</v>
      </c>
      <c r="H10333" s="5">
        <v>5</v>
      </c>
      <c r="I10333" s="5" t="s">
        <v>69</v>
      </c>
      <c r="J10333" s="5" t="s">
        <v>27074</v>
      </c>
      <c r="K10333" s="2" t="s">
        <v>27075</v>
      </c>
      <c r="L10333" s="5" t="s">
        <v>27074</v>
      </c>
      <c r="M10333" s="2" t="s">
        <v>27075</v>
      </c>
      <c r="N10333" s="5" t="s">
        <v>24254</v>
      </c>
      <c r="O10333" s="5" t="s">
        <v>38</v>
      </c>
      <c r="P10333" s="5" t="s">
        <v>39</v>
      </c>
      <c r="Q10333" s="5" t="s">
        <v>40</v>
      </c>
      <c r="R10333" s="5" t="s">
        <v>24335</v>
      </c>
      <c r="S10333" s="5" t="s">
        <v>40</v>
      </c>
      <c r="T10333" s="5" t="s">
        <v>42</v>
      </c>
      <c r="U10333" s="2">
        <v>7.3730000000000002</v>
      </c>
      <c r="V10333" s="2">
        <v>5.3380000000000001</v>
      </c>
      <c r="W10333" s="2">
        <v>0.11899999999999999</v>
      </c>
      <c r="X10333" s="2">
        <v>12</v>
      </c>
      <c r="Y10333" s="2">
        <v>62</v>
      </c>
      <c r="Z10333" s="2">
        <v>159.9</v>
      </c>
      <c r="AA10333" s="5">
        <v>8</v>
      </c>
      <c r="AB10333" s="5" t="s">
        <v>43</v>
      </c>
      <c r="AC10333" s="5" t="s">
        <v>44</v>
      </c>
      <c r="AD10333" s="2" t="s">
        <v>31572</v>
      </c>
      <c r="AE10333" s="1"/>
    </row>
    <row r="10334" spans="1:31" ht="14.45">
      <c r="A10334" s="5"/>
      <c r="B10334" s="21"/>
      <c r="C10334" s="2" t="s">
        <v>31768</v>
      </c>
      <c r="D10334" s="14" t="s">
        <v>31769</v>
      </c>
      <c r="E10334" s="2" t="s">
        <v>31770</v>
      </c>
      <c r="F10334" s="2"/>
      <c r="G10334" s="8">
        <v>221</v>
      </c>
      <c r="H10334" s="5">
        <v>25</v>
      </c>
      <c r="I10334" s="5" t="s">
        <v>69</v>
      </c>
      <c r="J10334" s="5" t="s">
        <v>27074</v>
      </c>
      <c r="K10334" s="2" t="s">
        <v>27075</v>
      </c>
      <c r="L10334" s="5" t="s">
        <v>27074</v>
      </c>
      <c r="M10334" s="2" t="s">
        <v>27075</v>
      </c>
      <c r="N10334" s="5" t="s">
        <v>24254</v>
      </c>
      <c r="O10334" s="5" t="s">
        <v>38</v>
      </c>
      <c r="P10334" s="5" t="s">
        <v>39</v>
      </c>
      <c r="Q10334" s="5" t="s">
        <v>40</v>
      </c>
      <c r="R10334" s="5" t="s">
        <v>24335</v>
      </c>
      <c r="S10334" s="5" t="s">
        <v>40</v>
      </c>
      <c r="T10334" s="5" t="s">
        <v>42</v>
      </c>
      <c r="U10334" s="2">
        <v>7.5519999999999996</v>
      </c>
      <c r="V10334" s="2">
        <v>5.7060000000000004</v>
      </c>
      <c r="W10334" s="2">
        <v>0.11899999999999999</v>
      </c>
      <c r="X10334" s="2">
        <v>12</v>
      </c>
      <c r="Y10334" s="2">
        <v>62</v>
      </c>
      <c r="Z10334" s="2">
        <v>159.9</v>
      </c>
      <c r="AA10334" s="5">
        <v>10</v>
      </c>
      <c r="AB10334" s="5" t="s">
        <v>43</v>
      </c>
      <c r="AC10334" s="5" t="s">
        <v>44</v>
      </c>
      <c r="AD10334" s="2" t="s">
        <v>31737</v>
      </c>
      <c r="AE10334" s="1"/>
    </row>
    <row r="10335" spans="1:31" ht="14.45">
      <c r="A10335" s="5"/>
      <c r="B10335" s="21"/>
      <c r="C10335" s="2" t="s">
        <v>31771</v>
      </c>
      <c r="D10335" s="14" t="s">
        <v>31772</v>
      </c>
      <c r="E10335" s="2" t="s">
        <v>31773</v>
      </c>
      <c r="F10335" s="2"/>
      <c r="G10335" s="8">
        <v>221</v>
      </c>
      <c r="H10335" s="5">
        <v>25</v>
      </c>
      <c r="I10335" s="5" t="s">
        <v>69</v>
      </c>
      <c r="J10335" s="5" t="s">
        <v>27074</v>
      </c>
      <c r="K10335" s="2" t="s">
        <v>27075</v>
      </c>
      <c r="L10335" s="5" t="s">
        <v>27074</v>
      </c>
      <c r="M10335" s="2" t="s">
        <v>27075</v>
      </c>
      <c r="N10335" s="5" t="s">
        <v>24254</v>
      </c>
      <c r="O10335" s="5" t="s">
        <v>38</v>
      </c>
      <c r="P10335" s="5" t="s">
        <v>39</v>
      </c>
      <c r="Q10335" s="5" t="s">
        <v>40</v>
      </c>
      <c r="R10335" s="5" t="s">
        <v>24335</v>
      </c>
      <c r="S10335" s="5" t="s">
        <v>40</v>
      </c>
      <c r="T10335" s="5" t="s">
        <v>42</v>
      </c>
      <c r="U10335" s="2">
        <v>8.2349999999999994</v>
      </c>
      <c r="V10335" s="2">
        <v>6.3890000000000002</v>
      </c>
      <c r="W10335" s="2">
        <v>0.11899999999999999</v>
      </c>
      <c r="X10335" s="2">
        <v>12</v>
      </c>
      <c r="Y10335" s="2">
        <v>62</v>
      </c>
      <c r="Z10335" s="2">
        <v>159.9</v>
      </c>
      <c r="AA10335" s="5">
        <v>10</v>
      </c>
      <c r="AB10335" s="5" t="s">
        <v>43</v>
      </c>
      <c r="AC10335" s="5" t="s">
        <v>44</v>
      </c>
      <c r="AD10335" s="2" t="s">
        <v>31582</v>
      </c>
      <c r="AE10335" s="1"/>
    </row>
    <row r="10336" spans="1:31" ht="14.45">
      <c r="A10336" s="5"/>
      <c r="B10336" s="21"/>
      <c r="C10336" s="2" t="s">
        <v>31774</v>
      </c>
      <c r="D10336" s="14" t="s">
        <v>31775</v>
      </c>
      <c r="E10336" s="2" t="s">
        <v>31776</v>
      </c>
      <c r="F10336" s="2"/>
      <c r="G10336" s="8">
        <v>221</v>
      </c>
      <c r="H10336" s="5">
        <v>25</v>
      </c>
      <c r="I10336" s="5" t="s">
        <v>69</v>
      </c>
      <c r="J10336" s="5" t="s">
        <v>27074</v>
      </c>
      <c r="K10336" s="2" t="s">
        <v>27075</v>
      </c>
      <c r="L10336" s="5" t="s">
        <v>27074</v>
      </c>
      <c r="M10336" s="2" t="s">
        <v>27075</v>
      </c>
      <c r="N10336" s="5" t="s">
        <v>24254</v>
      </c>
      <c r="O10336" s="5" t="s">
        <v>38</v>
      </c>
      <c r="P10336" s="5" t="s">
        <v>39</v>
      </c>
      <c r="Q10336" s="5" t="s">
        <v>40</v>
      </c>
      <c r="R10336" s="5" t="s">
        <v>24335</v>
      </c>
      <c r="S10336" s="5" t="s">
        <v>40</v>
      </c>
      <c r="T10336" s="5" t="s">
        <v>42</v>
      </c>
      <c r="U10336" s="2">
        <v>6.69</v>
      </c>
      <c r="V10336" s="2">
        <v>4.8419999999999996</v>
      </c>
      <c r="W10336" s="2">
        <v>0.11899999999999999</v>
      </c>
      <c r="X10336" s="2">
        <v>12</v>
      </c>
      <c r="Y10336" s="2">
        <v>62</v>
      </c>
      <c r="Z10336" s="2">
        <v>159.9</v>
      </c>
      <c r="AA10336" s="5">
        <v>10</v>
      </c>
      <c r="AB10336" s="5" t="s">
        <v>43</v>
      </c>
      <c r="AC10336" s="5" t="s">
        <v>44</v>
      </c>
      <c r="AD10336" s="2" t="s">
        <v>31590</v>
      </c>
      <c r="AE10336" s="1"/>
    </row>
    <row r="10337" spans="1:31" ht="14.45">
      <c r="A10337" s="5"/>
      <c r="B10337" s="21"/>
      <c r="C10337" s="2" t="s">
        <v>31777</v>
      </c>
      <c r="D10337" s="14" t="s">
        <v>31778</v>
      </c>
      <c r="E10337" s="2" t="s">
        <v>31779</v>
      </c>
      <c r="F10337" s="2"/>
      <c r="G10337" s="8">
        <v>221</v>
      </c>
      <c r="H10337" s="5">
        <v>25</v>
      </c>
      <c r="I10337" s="5" t="s">
        <v>69</v>
      </c>
      <c r="J10337" s="5" t="s">
        <v>27074</v>
      </c>
      <c r="K10337" s="2" t="s">
        <v>27075</v>
      </c>
      <c r="L10337" s="5" t="s">
        <v>27074</v>
      </c>
      <c r="M10337" s="2" t="s">
        <v>27075</v>
      </c>
      <c r="N10337" s="5" t="s">
        <v>24254</v>
      </c>
      <c r="O10337" s="5" t="s">
        <v>38</v>
      </c>
      <c r="P10337" s="5" t="s">
        <v>39</v>
      </c>
      <c r="Q10337" s="5" t="s">
        <v>40</v>
      </c>
      <c r="R10337" s="5" t="s">
        <v>24335</v>
      </c>
      <c r="S10337" s="5" t="s">
        <v>40</v>
      </c>
      <c r="T10337" s="5" t="s">
        <v>42</v>
      </c>
      <c r="U10337" s="2">
        <v>7.375</v>
      </c>
      <c r="V10337" s="2">
        <v>5.5270000000000001</v>
      </c>
      <c r="W10337" s="2">
        <v>0.11899999999999999</v>
      </c>
      <c r="X10337" s="2">
        <v>12</v>
      </c>
      <c r="Y10337" s="2">
        <v>62</v>
      </c>
      <c r="Z10337" s="2">
        <v>159.9</v>
      </c>
      <c r="AA10337" s="5">
        <v>10</v>
      </c>
      <c r="AB10337" s="5" t="s">
        <v>43</v>
      </c>
      <c r="AC10337" s="5" t="s">
        <v>44</v>
      </c>
      <c r="AD10337" s="2" t="s">
        <v>31586</v>
      </c>
      <c r="AE10337" s="1"/>
    </row>
    <row r="10338" spans="1:31" ht="14.45">
      <c r="A10338" s="5"/>
      <c r="B10338" s="21"/>
      <c r="C10338" s="2" t="s">
        <v>31780</v>
      </c>
      <c r="D10338" s="14" t="s">
        <v>31781</v>
      </c>
      <c r="E10338" s="2" t="s">
        <v>31782</v>
      </c>
      <c r="F10338" s="2"/>
      <c r="G10338" s="8">
        <v>221</v>
      </c>
      <c r="H10338" s="5">
        <v>25</v>
      </c>
      <c r="I10338" s="5" t="s">
        <v>69</v>
      </c>
      <c r="J10338" s="5" t="s">
        <v>27074</v>
      </c>
      <c r="K10338" s="2" t="s">
        <v>27075</v>
      </c>
      <c r="L10338" s="5" t="s">
        <v>27074</v>
      </c>
      <c r="M10338" s="2" t="s">
        <v>27075</v>
      </c>
      <c r="N10338" s="5" t="s">
        <v>24254</v>
      </c>
      <c r="O10338" s="5" t="s">
        <v>38</v>
      </c>
      <c r="P10338" s="5" t="s">
        <v>39</v>
      </c>
      <c r="Q10338" s="5" t="s">
        <v>40</v>
      </c>
      <c r="R10338" s="5" t="s">
        <v>24335</v>
      </c>
      <c r="S10338" s="5" t="s">
        <v>40</v>
      </c>
      <c r="T10338" s="5" t="s">
        <v>42</v>
      </c>
      <c r="U10338" s="2">
        <v>7.28</v>
      </c>
      <c r="V10338" s="2">
        <v>5.4349999999999996</v>
      </c>
      <c r="W10338" s="2">
        <v>0.11899999999999999</v>
      </c>
      <c r="X10338" s="2">
        <v>12</v>
      </c>
      <c r="Y10338" s="2">
        <v>62</v>
      </c>
      <c r="Z10338" s="2">
        <v>159.9</v>
      </c>
      <c r="AA10338" s="5">
        <v>10</v>
      </c>
      <c r="AB10338" s="5" t="s">
        <v>43</v>
      </c>
      <c r="AC10338" s="5" t="s">
        <v>44</v>
      </c>
      <c r="AD10338" s="2" t="s">
        <v>31590</v>
      </c>
      <c r="AE10338" s="1"/>
    </row>
    <row r="10339" spans="1:31" ht="14.45">
      <c r="A10339" s="5"/>
      <c r="B10339" s="21"/>
      <c r="C10339" s="2" t="s">
        <v>31783</v>
      </c>
      <c r="D10339" s="14" t="s">
        <v>31784</v>
      </c>
      <c r="E10339" s="2" t="s">
        <v>31785</v>
      </c>
      <c r="F10339" s="2"/>
      <c r="G10339" s="8">
        <v>221</v>
      </c>
      <c r="H10339" s="5">
        <v>25</v>
      </c>
      <c r="I10339" s="5" t="s">
        <v>69</v>
      </c>
      <c r="J10339" s="5" t="s">
        <v>27074</v>
      </c>
      <c r="K10339" s="2" t="s">
        <v>27075</v>
      </c>
      <c r="L10339" s="5" t="s">
        <v>27074</v>
      </c>
      <c r="M10339" s="2" t="s">
        <v>27075</v>
      </c>
      <c r="N10339" s="5" t="s">
        <v>24254</v>
      </c>
      <c r="O10339" s="5" t="s">
        <v>38</v>
      </c>
      <c r="P10339" s="5" t="s">
        <v>39</v>
      </c>
      <c r="Q10339" s="5" t="s">
        <v>40</v>
      </c>
      <c r="R10339" s="5" t="s">
        <v>24335</v>
      </c>
      <c r="S10339" s="5" t="s">
        <v>40</v>
      </c>
      <c r="T10339" s="5" t="s">
        <v>42</v>
      </c>
      <c r="U10339" s="2">
        <v>8.0039999999999996</v>
      </c>
      <c r="V10339" s="2">
        <v>6.1589999999999998</v>
      </c>
      <c r="W10339" s="2">
        <v>0.11899999999999999</v>
      </c>
      <c r="X10339" s="2">
        <v>12</v>
      </c>
      <c r="Y10339" s="2">
        <v>62</v>
      </c>
      <c r="Z10339" s="2">
        <v>159.9</v>
      </c>
      <c r="AA10339" s="5">
        <v>10</v>
      </c>
      <c r="AB10339" s="5" t="s">
        <v>43</v>
      </c>
      <c r="AC10339" s="5" t="s">
        <v>44</v>
      </c>
      <c r="AD10339" s="2" t="s">
        <v>31586</v>
      </c>
      <c r="AE10339" s="1"/>
    </row>
    <row r="10340" spans="1:31" ht="14.45">
      <c r="A10340" s="5"/>
      <c r="B10340" s="21"/>
      <c r="C10340" s="2" t="s">
        <v>31786</v>
      </c>
      <c r="D10340" s="14" t="s">
        <v>31787</v>
      </c>
      <c r="E10340" s="2" t="s">
        <v>31788</v>
      </c>
      <c r="F10340" s="2" t="s">
        <v>29636</v>
      </c>
      <c r="G10340" s="8">
        <v>442</v>
      </c>
      <c r="H10340" s="5">
        <v>5</v>
      </c>
      <c r="I10340" s="5" t="s">
        <v>69</v>
      </c>
      <c r="J10340" s="5" t="s">
        <v>27074</v>
      </c>
      <c r="K10340" s="2" t="s">
        <v>27075</v>
      </c>
      <c r="L10340" s="5" t="s">
        <v>27074</v>
      </c>
      <c r="M10340" s="2" t="s">
        <v>27075</v>
      </c>
      <c r="N10340" s="5" t="s">
        <v>24254</v>
      </c>
      <c r="O10340" s="5" t="s">
        <v>38</v>
      </c>
      <c r="P10340" s="5" t="s">
        <v>39</v>
      </c>
      <c r="Q10340" s="5" t="s">
        <v>40</v>
      </c>
      <c r="R10340" s="5" t="s">
        <v>1487</v>
      </c>
      <c r="S10340" s="5"/>
      <c r="T10340" s="5" t="s">
        <v>42</v>
      </c>
      <c r="U10340" s="2">
        <v>0</v>
      </c>
      <c r="V10340" s="2">
        <v>0</v>
      </c>
      <c r="W10340" s="2">
        <v>0</v>
      </c>
      <c r="X10340" s="2">
        <v>0</v>
      </c>
      <c r="Y10340" s="2">
        <v>0</v>
      </c>
      <c r="Z10340" s="2">
        <v>0</v>
      </c>
      <c r="AA10340" s="5"/>
      <c r="AB10340" s="5" t="s">
        <v>43</v>
      </c>
      <c r="AC10340" s="5" t="s">
        <v>44</v>
      </c>
      <c r="AD10340" s="2" t="s">
        <v>31597</v>
      </c>
      <c r="AE10340" s="1"/>
    </row>
    <row r="10341" spans="1:31" ht="14.45">
      <c r="A10341" s="5"/>
      <c r="B10341" s="21"/>
      <c r="C10341" s="2" t="s">
        <v>31789</v>
      </c>
      <c r="D10341" s="14" t="s">
        <v>31790</v>
      </c>
      <c r="E10341" s="2" t="s">
        <v>31791</v>
      </c>
      <c r="F10341" s="2" t="s">
        <v>29652</v>
      </c>
      <c r="G10341" s="8">
        <v>906</v>
      </c>
      <c r="H10341" s="5">
        <v>15</v>
      </c>
      <c r="I10341" s="5" t="s">
        <v>69</v>
      </c>
      <c r="J10341" s="5" t="s">
        <v>27074</v>
      </c>
      <c r="K10341" s="2" t="s">
        <v>27075</v>
      </c>
      <c r="L10341" s="5" t="s">
        <v>27074</v>
      </c>
      <c r="M10341" s="2" t="s">
        <v>27075</v>
      </c>
      <c r="N10341" s="5" t="s">
        <v>24254</v>
      </c>
      <c r="O10341" s="5" t="s">
        <v>38</v>
      </c>
      <c r="P10341" s="5" t="s">
        <v>39</v>
      </c>
      <c r="Q10341" s="5" t="s">
        <v>40</v>
      </c>
      <c r="R10341" s="5" t="s">
        <v>1487</v>
      </c>
      <c r="S10341" s="5"/>
      <c r="T10341" s="5" t="s">
        <v>42</v>
      </c>
      <c r="U10341" s="2">
        <v>0</v>
      </c>
      <c r="V10341" s="2">
        <v>0</v>
      </c>
      <c r="W10341" s="2">
        <v>0</v>
      </c>
      <c r="X10341" s="2">
        <v>0</v>
      </c>
      <c r="Y10341" s="2">
        <v>0</v>
      </c>
      <c r="Z10341" s="2">
        <v>0</v>
      </c>
      <c r="AA10341" s="5"/>
      <c r="AB10341" s="5" t="s">
        <v>43</v>
      </c>
      <c r="AC10341" s="5" t="s">
        <v>44</v>
      </c>
      <c r="AD10341" s="2" t="s">
        <v>31601</v>
      </c>
      <c r="AE10341" s="1"/>
    </row>
    <row r="10342" spans="1:31" ht="14.45">
      <c r="A10342" s="5"/>
      <c r="B10342" s="21"/>
      <c r="C10342" s="2" t="s">
        <v>31792</v>
      </c>
      <c r="D10342" s="14" t="s">
        <v>31793</v>
      </c>
      <c r="E10342" s="2" t="s">
        <v>31794</v>
      </c>
      <c r="F10342" s="2" t="s">
        <v>29652</v>
      </c>
      <c r="G10342" s="8">
        <v>906</v>
      </c>
      <c r="H10342" s="5">
        <v>15</v>
      </c>
      <c r="I10342" s="5" t="s">
        <v>69</v>
      </c>
      <c r="J10342" s="5" t="s">
        <v>27074</v>
      </c>
      <c r="K10342" s="2" t="s">
        <v>27075</v>
      </c>
      <c r="L10342" s="5" t="s">
        <v>27074</v>
      </c>
      <c r="M10342" s="2" t="s">
        <v>27075</v>
      </c>
      <c r="N10342" s="5" t="s">
        <v>24254</v>
      </c>
      <c r="O10342" s="5" t="s">
        <v>38</v>
      </c>
      <c r="P10342" s="5" t="s">
        <v>39</v>
      </c>
      <c r="Q10342" s="5" t="s">
        <v>40</v>
      </c>
      <c r="R10342" s="5" t="s">
        <v>1487</v>
      </c>
      <c r="S10342" s="5"/>
      <c r="T10342" s="5" t="s">
        <v>42</v>
      </c>
      <c r="U10342" s="2">
        <v>0</v>
      </c>
      <c r="V10342" s="2">
        <v>0</v>
      </c>
      <c r="W10342" s="2">
        <v>0</v>
      </c>
      <c r="X10342" s="2">
        <v>0</v>
      </c>
      <c r="Y10342" s="2">
        <v>0</v>
      </c>
      <c r="Z10342" s="2">
        <v>0</v>
      </c>
      <c r="AA10342" s="5"/>
      <c r="AB10342" s="5" t="s">
        <v>43</v>
      </c>
      <c r="AC10342" s="5" t="s">
        <v>44</v>
      </c>
      <c r="AD10342" s="2" t="s">
        <v>31605</v>
      </c>
      <c r="AE10342" s="1"/>
    </row>
    <row r="10343" spans="1:31" ht="14.45">
      <c r="A10343" s="5"/>
      <c r="B10343" s="21"/>
      <c r="C10343" s="2" t="s">
        <v>31795</v>
      </c>
      <c r="D10343" s="14" t="s">
        <v>31796</v>
      </c>
      <c r="E10343" s="2" t="s">
        <v>31797</v>
      </c>
      <c r="F10343" s="2" t="s">
        <v>29652</v>
      </c>
      <c r="G10343" s="8">
        <v>1521</v>
      </c>
      <c r="H10343" s="5">
        <v>15</v>
      </c>
      <c r="I10343" s="5" t="s">
        <v>69</v>
      </c>
      <c r="J10343" s="5" t="s">
        <v>27074</v>
      </c>
      <c r="K10343" s="2" t="s">
        <v>27075</v>
      </c>
      <c r="L10343" s="5" t="s">
        <v>27074</v>
      </c>
      <c r="M10343" s="2" t="s">
        <v>27075</v>
      </c>
      <c r="N10343" s="5" t="s">
        <v>24254</v>
      </c>
      <c r="O10343" s="5" t="s">
        <v>38</v>
      </c>
      <c r="P10343" s="5" t="s">
        <v>39</v>
      </c>
      <c r="Q10343" s="5" t="s">
        <v>40</v>
      </c>
      <c r="R10343" s="5" t="s">
        <v>1487</v>
      </c>
      <c r="S10343" s="5"/>
      <c r="T10343" s="5" t="s">
        <v>42</v>
      </c>
      <c r="U10343" s="2">
        <v>0</v>
      </c>
      <c r="V10343" s="2">
        <v>0</v>
      </c>
      <c r="W10343" s="2">
        <v>0</v>
      </c>
      <c r="X10343" s="2">
        <v>0</v>
      </c>
      <c r="Y10343" s="2">
        <v>0</v>
      </c>
      <c r="Z10343" s="2">
        <v>0</v>
      </c>
      <c r="AA10343" s="5"/>
      <c r="AB10343" s="5" t="s">
        <v>43</v>
      </c>
      <c r="AC10343" s="5" t="s">
        <v>44</v>
      </c>
      <c r="AD10343" s="2" t="s">
        <v>31609</v>
      </c>
      <c r="AE10343" s="1"/>
    </row>
    <row r="10344" spans="1:31" ht="14.45">
      <c r="A10344" s="5"/>
      <c r="B10344" s="21"/>
      <c r="C10344" s="2" t="s">
        <v>31798</v>
      </c>
      <c r="D10344" s="14" t="s">
        <v>31799</v>
      </c>
      <c r="E10344" s="2" t="s">
        <v>31800</v>
      </c>
      <c r="F10344" s="2" t="s">
        <v>29652</v>
      </c>
      <c r="G10344" s="8">
        <v>1521</v>
      </c>
      <c r="H10344" s="5">
        <v>15</v>
      </c>
      <c r="I10344" s="5" t="s">
        <v>69</v>
      </c>
      <c r="J10344" s="5" t="s">
        <v>27074</v>
      </c>
      <c r="K10344" s="2" t="s">
        <v>27075</v>
      </c>
      <c r="L10344" s="5" t="s">
        <v>27074</v>
      </c>
      <c r="M10344" s="2" t="s">
        <v>27075</v>
      </c>
      <c r="N10344" s="5" t="s">
        <v>24254</v>
      </c>
      <c r="O10344" s="5" t="s">
        <v>38</v>
      </c>
      <c r="P10344" s="5" t="s">
        <v>39</v>
      </c>
      <c r="Q10344" s="5" t="s">
        <v>40</v>
      </c>
      <c r="R10344" s="5" t="s">
        <v>1487</v>
      </c>
      <c r="S10344" s="5"/>
      <c r="T10344" s="5" t="s">
        <v>42</v>
      </c>
      <c r="U10344" s="2">
        <v>0</v>
      </c>
      <c r="V10344" s="2">
        <v>0</v>
      </c>
      <c r="W10344" s="2">
        <v>0</v>
      </c>
      <c r="X10344" s="2">
        <v>0</v>
      </c>
      <c r="Y10344" s="2">
        <v>0</v>
      </c>
      <c r="Z10344" s="2">
        <v>0</v>
      </c>
      <c r="AA10344" s="5"/>
      <c r="AB10344" s="5" t="s">
        <v>43</v>
      </c>
      <c r="AC10344" s="5" t="s">
        <v>44</v>
      </c>
      <c r="AD10344" s="2" t="s">
        <v>31613</v>
      </c>
      <c r="AE10344" s="1"/>
    </row>
    <row r="10345" spans="1:31" ht="14.45">
      <c r="A10345" s="5"/>
      <c r="B10345" s="21"/>
      <c r="C10345" s="2" t="s">
        <v>31801</v>
      </c>
      <c r="D10345" s="14" t="s">
        <v>31802</v>
      </c>
      <c r="E10345" s="2" t="s">
        <v>31803</v>
      </c>
      <c r="F10345" s="2"/>
      <c r="G10345" s="8">
        <v>233</v>
      </c>
      <c r="H10345" s="5">
        <v>5</v>
      </c>
      <c r="I10345" s="5" t="s">
        <v>69</v>
      </c>
      <c r="J10345" s="5" t="s">
        <v>27074</v>
      </c>
      <c r="K10345" s="2" t="s">
        <v>27075</v>
      </c>
      <c r="L10345" s="5" t="s">
        <v>27074</v>
      </c>
      <c r="M10345" s="2" t="s">
        <v>27075</v>
      </c>
      <c r="N10345" s="5" t="s">
        <v>24254</v>
      </c>
      <c r="O10345" s="5" t="s">
        <v>38</v>
      </c>
      <c r="P10345" s="5" t="s">
        <v>39</v>
      </c>
      <c r="Q10345" s="5" t="s">
        <v>40</v>
      </c>
      <c r="R10345" s="5" t="s">
        <v>24335</v>
      </c>
      <c r="S10345" s="5" t="s">
        <v>40</v>
      </c>
      <c r="T10345" s="5" t="s">
        <v>42</v>
      </c>
      <c r="U10345" s="2">
        <v>10.534000000000001</v>
      </c>
      <c r="V10345" s="2">
        <v>8.3420000000000005</v>
      </c>
      <c r="W10345" s="2">
        <v>0.129</v>
      </c>
      <c r="X10345" s="2">
        <v>12</v>
      </c>
      <c r="Y10345" s="2">
        <v>62</v>
      </c>
      <c r="Z10345" s="2">
        <v>172.9</v>
      </c>
      <c r="AA10345" s="5">
        <v>8</v>
      </c>
      <c r="AB10345" s="5" t="s">
        <v>43</v>
      </c>
      <c r="AC10345" s="5" t="s">
        <v>44</v>
      </c>
      <c r="AD10345" s="2" t="s">
        <v>31572</v>
      </c>
      <c r="AE10345" s="1"/>
    </row>
    <row r="10346" spans="1:31" ht="14.45">
      <c r="A10346" s="5"/>
      <c r="B10346" s="21"/>
      <c r="C10346" s="2" t="s">
        <v>31804</v>
      </c>
      <c r="D10346" s="14" t="s">
        <v>31805</v>
      </c>
      <c r="E10346" s="2" t="s">
        <v>31806</v>
      </c>
      <c r="F10346" s="2"/>
      <c r="G10346" s="8">
        <v>233</v>
      </c>
      <c r="H10346" s="5">
        <v>5</v>
      </c>
      <c r="I10346" s="5" t="s">
        <v>69</v>
      </c>
      <c r="J10346" s="5" t="s">
        <v>27074</v>
      </c>
      <c r="K10346" s="2" t="s">
        <v>27075</v>
      </c>
      <c r="L10346" s="5" t="s">
        <v>27074</v>
      </c>
      <c r="M10346" s="2" t="s">
        <v>27075</v>
      </c>
      <c r="N10346" s="5" t="s">
        <v>24254</v>
      </c>
      <c r="O10346" s="5" t="s">
        <v>38</v>
      </c>
      <c r="P10346" s="5" t="s">
        <v>39</v>
      </c>
      <c r="Q10346" s="5" t="s">
        <v>40</v>
      </c>
      <c r="R10346" s="5" t="s">
        <v>24335</v>
      </c>
      <c r="S10346" s="5" t="s">
        <v>40</v>
      </c>
      <c r="T10346" s="5" t="s">
        <v>42</v>
      </c>
      <c r="U10346" s="2">
        <v>9.7219999999999995</v>
      </c>
      <c r="V10346" s="2">
        <v>6.7939999999999996</v>
      </c>
      <c r="W10346" s="2">
        <v>0.17399999999999999</v>
      </c>
      <c r="X10346" s="2">
        <v>12</v>
      </c>
      <c r="Y10346" s="2">
        <v>62</v>
      </c>
      <c r="Z10346" s="2">
        <v>234.1</v>
      </c>
      <c r="AA10346" s="5">
        <v>8</v>
      </c>
      <c r="AB10346" s="5" t="s">
        <v>43</v>
      </c>
      <c r="AC10346" s="5" t="s">
        <v>44</v>
      </c>
      <c r="AD10346" s="2" t="s">
        <v>31572</v>
      </c>
      <c r="AE10346" s="1"/>
    </row>
    <row r="10347" spans="1:31" ht="14.45">
      <c r="A10347" s="5"/>
      <c r="B10347" s="21"/>
      <c r="C10347" s="2" t="s">
        <v>31807</v>
      </c>
      <c r="D10347" s="14" t="s">
        <v>31808</v>
      </c>
      <c r="E10347" s="2" t="s">
        <v>31809</v>
      </c>
      <c r="F10347" s="2"/>
      <c r="G10347" s="8">
        <v>233</v>
      </c>
      <c r="H10347" s="5">
        <v>5</v>
      </c>
      <c r="I10347" s="5" t="s">
        <v>69</v>
      </c>
      <c r="J10347" s="5" t="s">
        <v>27074</v>
      </c>
      <c r="K10347" s="2" t="s">
        <v>27075</v>
      </c>
      <c r="L10347" s="5" t="s">
        <v>27074</v>
      </c>
      <c r="M10347" s="2" t="s">
        <v>27075</v>
      </c>
      <c r="N10347" s="5" t="s">
        <v>24254</v>
      </c>
      <c r="O10347" s="5" t="s">
        <v>38</v>
      </c>
      <c r="P10347" s="5" t="s">
        <v>39</v>
      </c>
      <c r="Q10347" s="5" t="s">
        <v>40</v>
      </c>
      <c r="R10347" s="5" t="s">
        <v>24335</v>
      </c>
      <c r="S10347" s="5" t="s">
        <v>40</v>
      </c>
      <c r="T10347" s="5" t="s">
        <v>42</v>
      </c>
      <c r="U10347" s="2">
        <v>7.8090000000000002</v>
      </c>
      <c r="V10347" s="2">
        <v>5.649</v>
      </c>
      <c r="W10347" s="2">
        <v>0.129</v>
      </c>
      <c r="X10347" s="2">
        <v>12</v>
      </c>
      <c r="Y10347" s="2">
        <v>62</v>
      </c>
      <c r="Z10347" s="2">
        <v>172.9</v>
      </c>
      <c r="AA10347" s="5">
        <v>8</v>
      </c>
      <c r="AB10347" s="5" t="s">
        <v>43</v>
      </c>
      <c r="AC10347" s="5" t="s">
        <v>44</v>
      </c>
      <c r="AD10347" s="2" t="s">
        <v>31572</v>
      </c>
      <c r="AE10347" s="1"/>
    </row>
    <row r="10348" spans="1:31" ht="14.45">
      <c r="A10348" s="5"/>
      <c r="B10348" s="21"/>
      <c r="C10348" s="2" t="s">
        <v>31810</v>
      </c>
      <c r="D10348" s="14" t="s">
        <v>31811</v>
      </c>
      <c r="E10348" s="2" t="s">
        <v>31812</v>
      </c>
      <c r="F10348" s="2"/>
      <c r="G10348" s="8">
        <v>233</v>
      </c>
      <c r="H10348" s="5">
        <v>25</v>
      </c>
      <c r="I10348" s="5" t="s">
        <v>69</v>
      </c>
      <c r="J10348" s="5" t="s">
        <v>27074</v>
      </c>
      <c r="K10348" s="2" t="s">
        <v>27075</v>
      </c>
      <c r="L10348" s="5" t="s">
        <v>27074</v>
      </c>
      <c r="M10348" s="2" t="s">
        <v>27075</v>
      </c>
      <c r="N10348" s="5" t="s">
        <v>24254</v>
      </c>
      <c r="O10348" s="5" t="s">
        <v>38</v>
      </c>
      <c r="P10348" s="5" t="s">
        <v>39</v>
      </c>
      <c r="Q10348" s="5" t="s">
        <v>40</v>
      </c>
      <c r="R10348" s="5" t="s">
        <v>24335</v>
      </c>
      <c r="S10348" s="5" t="s">
        <v>40</v>
      </c>
      <c r="T10348" s="5" t="s">
        <v>42</v>
      </c>
      <c r="U10348" s="2">
        <v>8.266</v>
      </c>
      <c r="V10348" s="2">
        <v>6.2949999999999999</v>
      </c>
      <c r="W10348" s="2">
        <v>0.129</v>
      </c>
      <c r="X10348" s="2">
        <v>12</v>
      </c>
      <c r="Y10348" s="2">
        <v>62</v>
      </c>
      <c r="Z10348" s="2">
        <v>172.9</v>
      </c>
      <c r="AA10348" s="5">
        <v>10</v>
      </c>
      <c r="AB10348" s="5" t="s">
        <v>43</v>
      </c>
      <c r="AC10348" s="5" t="s">
        <v>44</v>
      </c>
      <c r="AD10348" s="2" t="s">
        <v>31737</v>
      </c>
      <c r="AE10348" s="1"/>
    </row>
    <row r="10349" spans="1:31" ht="14.45">
      <c r="A10349" s="5"/>
      <c r="B10349" s="21"/>
      <c r="C10349" s="2" t="s">
        <v>31813</v>
      </c>
      <c r="D10349" s="14" t="s">
        <v>31814</v>
      </c>
      <c r="E10349" s="2" t="s">
        <v>31815</v>
      </c>
      <c r="F10349" s="2"/>
      <c r="G10349" s="8">
        <v>233</v>
      </c>
      <c r="H10349" s="5">
        <v>25</v>
      </c>
      <c r="I10349" s="5" t="s">
        <v>69</v>
      </c>
      <c r="J10349" s="5" t="s">
        <v>27074</v>
      </c>
      <c r="K10349" s="2" t="s">
        <v>27075</v>
      </c>
      <c r="L10349" s="5" t="s">
        <v>27074</v>
      </c>
      <c r="M10349" s="2" t="s">
        <v>27075</v>
      </c>
      <c r="N10349" s="5" t="s">
        <v>24254</v>
      </c>
      <c r="O10349" s="5" t="s">
        <v>38</v>
      </c>
      <c r="P10349" s="5" t="s">
        <v>39</v>
      </c>
      <c r="Q10349" s="5" t="s">
        <v>40</v>
      </c>
      <c r="R10349" s="5" t="s">
        <v>24335</v>
      </c>
      <c r="S10349" s="5" t="s">
        <v>40</v>
      </c>
      <c r="T10349" s="5" t="s">
        <v>42</v>
      </c>
      <c r="U10349" s="2">
        <v>8.9489999999999998</v>
      </c>
      <c r="V10349" s="2">
        <v>6.9779999999999998</v>
      </c>
      <c r="W10349" s="2">
        <v>0.129</v>
      </c>
      <c r="X10349" s="2">
        <v>12</v>
      </c>
      <c r="Y10349" s="2">
        <v>62</v>
      </c>
      <c r="Z10349" s="2">
        <v>172.9</v>
      </c>
      <c r="AA10349" s="5">
        <v>10</v>
      </c>
      <c r="AB10349" s="5" t="s">
        <v>43</v>
      </c>
      <c r="AC10349" s="5" t="s">
        <v>44</v>
      </c>
      <c r="AD10349" s="2" t="s">
        <v>31582</v>
      </c>
      <c r="AE10349" s="1"/>
    </row>
    <row r="10350" spans="1:31" ht="14.45">
      <c r="A10350" s="5"/>
      <c r="B10350" s="21"/>
      <c r="C10350" s="2" t="s">
        <v>31816</v>
      </c>
      <c r="D10350" s="14" t="s">
        <v>31817</v>
      </c>
      <c r="E10350" s="2" t="s">
        <v>31818</v>
      </c>
      <c r="F10350" s="2"/>
      <c r="G10350" s="8">
        <v>233</v>
      </c>
      <c r="H10350" s="5">
        <v>25</v>
      </c>
      <c r="I10350" s="5" t="s">
        <v>69</v>
      </c>
      <c r="J10350" s="5" t="s">
        <v>27074</v>
      </c>
      <c r="K10350" s="2" t="s">
        <v>27075</v>
      </c>
      <c r="L10350" s="5" t="s">
        <v>27074</v>
      </c>
      <c r="M10350" s="2" t="s">
        <v>27075</v>
      </c>
      <c r="N10350" s="5" t="s">
        <v>24254</v>
      </c>
      <c r="O10350" s="5" t="s">
        <v>38</v>
      </c>
      <c r="P10350" s="5" t="s">
        <v>39</v>
      </c>
      <c r="Q10350" s="5" t="s">
        <v>40</v>
      </c>
      <c r="R10350" s="5" t="s">
        <v>24335</v>
      </c>
      <c r="S10350" s="5" t="s">
        <v>40</v>
      </c>
      <c r="T10350" s="5" t="s">
        <v>42</v>
      </c>
      <c r="U10350" s="2">
        <v>7.282</v>
      </c>
      <c r="V10350" s="2">
        <v>5.3090000000000002</v>
      </c>
      <c r="W10350" s="2">
        <v>0.129</v>
      </c>
      <c r="X10350" s="2">
        <v>12</v>
      </c>
      <c r="Y10350" s="2">
        <v>62</v>
      </c>
      <c r="Z10350" s="2">
        <v>172.9</v>
      </c>
      <c r="AA10350" s="5">
        <v>10</v>
      </c>
      <c r="AB10350" s="5" t="s">
        <v>43</v>
      </c>
      <c r="AC10350" s="5" t="s">
        <v>44</v>
      </c>
      <c r="AD10350" s="2" t="s">
        <v>31590</v>
      </c>
      <c r="AE10350" s="1"/>
    </row>
    <row r="10351" spans="1:31" ht="14.45">
      <c r="A10351" s="5"/>
      <c r="B10351" s="21"/>
      <c r="C10351" s="2" t="s">
        <v>31819</v>
      </c>
      <c r="D10351" s="14" t="s">
        <v>31820</v>
      </c>
      <c r="E10351" s="2" t="s">
        <v>31821</v>
      </c>
      <c r="F10351" s="2"/>
      <c r="G10351" s="8">
        <v>233</v>
      </c>
      <c r="H10351" s="5">
        <v>25</v>
      </c>
      <c r="I10351" s="5" t="s">
        <v>69</v>
      </c>
      <c r="J10351" s="5" t="s">
        <v>27074</v>
      </c>
      <c r="K10351" s="2" t="s">
        <v>27075</v>
      </c>
      <c r="L10351" s="5" t="s">
        <v>27074</v>
      </c>
      <c r="M10351" s="2" t="s">
        <v>27075</v>
      </c>
      <c r="N10351" s="5" t="s">
        <v>24254</v>
      </c>
      <c r="O10351" s="5" t="s">
        <v>38</v>
      </c>
      <c r="P10351" s="5" t="s">
        <v>39</v>
      </c>
      <c r="Q10351" s="5" t="s">
        <v>40</v>
      </c>
      <c r="R10351" s="5" t="s">
        <v>24335</v>
      </c>
      <c r="S10351" s="5" t="s">
        <v>40</v>
      </c>
      <c r="T10351" s="5" t="s">
        <v>42</v>
      </c>
      <c r="U10351" s="2">
        <v>7.9669999999999996</v>
      </c>
      <c r="V10351" s="2">
        <v>5.9939999999999998</v>
      </c>
      <c r="W10351" s="2">
        <v>0.129</v>
      </c>
      <c r="X10351" s="2">
        <v>12</v>
      </c>
      <c r="Y10351" s="2">
        <v>62</v>
      </c>
      <c r="Z10351" s="2">
        <v>172.9</v>
      </c>
      <c r="AA10351" s="5">
        <v>10</v>
      </c>
      <c r="AB10351" s="5" t="s">
        <v>43</v>
      </c>
      <c r="AC10351" s="5" t="s">
        <v>44</v>
      </c>
      <c r="AD10351" s="2" t="s">
        <v>31586</v>
      </c>
      <c r="AE10351" s="1"/>
    </row>
    <row r="10352" spans="1:31" ht="14.45">
      <c r="A10352" s="5"/>
      <c r="B10352" s="21"/>
      <c r="C10352" s="2" t="s">
        <v>31822</v>
      </c>
      <c r="D10352" s="14" t="s">
        <v>31823</v>
      </c>
      <c r="E10352" s="2" t="s">
        <v>31824</v>
      </c>
      <c r="F10352" s="2"/>
      <c r="G10352" s="8">
        <v>233</v>
      </c>
      <c r="H10352" s="5">
        <v>25</v>
      </c>
      <c r="I10352" s="5" t="s">
        <v>69</v>
      </c>
      <c r="J10352" s="5" t="s">
        <v>27074</v>
      </c>
      <c r="K10352" s="2" t="s">
        <v>27075</v>
      </c>
      <c r="L10352" s="5" t="s">
        <v>27074</v>
      </c>
      <c r="M10352" s="2" t="s">
        <v>27075</v>
      </c>
      <c r="N10352" s="5" t="s">
        <v>24254</v>
      </c>
      <c r="O10352" s="5" t="s">
        <v>38</v>
      </c>
      <c r="P10352" s="5" t="s">
        <v>39</v>
      </c>
      <c r="Q10352" s="5" t="s">
        <v>40</v>
      </c>
      <c r="R10352" s="5" t="s">
        <v>24335</v>
      </c>
      <c r="S10352" s="5" t="s">
        <v>40</v>
      </c>
      <c r="T10352" s="5" t="s">
        <v>42</v>
      </c>
      <c r="U10352" s="2">
        <v>7.8719999999999999</v>
      </c>
      <c r="V10352" s="2">
        <v>5.9169999999999998</v>
      </c>
      <c r="W10352" s="2">
        <v>0.129</v>
      </c>
      <c r="X10352" s="2">
        <v>12</v>
      </c>
      <c r="Y10352" s="2">
        <v>62</v>
      </c>
      <c r="Z10352" s="2">
        <v>172.9</v>
      </c>
      <c r="AA10352" s="5">
        <v>10</v>
      </c>
      <c r="AB10352" s="5" t="s">
        <v>43</v>
      </c>
      <c r="AC10352" s="5" t="s">
        <v>44</v>
      </c>
      <c r="AD10352" s="2" t="s">
        <v>31590</v>
      </c>
      <c r="AE10352" s="1"/>
    </row>
    <row r="10353" spans="1:31" ht="14.45">
      <c r="A10353" s="5"/>
      <c r="B10353" s="21"/>
      <c r="C10353" s="2" t="s">
        <v>31825</v>
      </c>
      <c r="D10353" s="14" t="s">
        <v>31826</v>
      </c>
      <c r="E10353" s="2" t="s">
        <v>31827</v>
      </c>
      <c r="F10353" s="2" t="s">
        <v>29636</v>
      </c>
      <c r="G10353" s="8">
        <v>466</v>
      </c>
      <c r="H10353" s="5">
        <v>5</v>
      </c>
      <c r="I10353" s="5" t="s">
        <v>69</v>
      </c>
      <c r="J10353" s="5" t="s">
        <v>27074</v>
      </c>
      <c r="K10353" s="2" t="s">
        <v>27075</v>
      </c>
      <c r="L10353" s="5" t="s">
        <v>27074</v>
      </c>
      <c r="M10353" s="2" t="s">
        <v>27075</v>
      </c>
      <c r="N10353" s="5" t="s">
        <v>24254</v>
      </c>
      <c r="O10353" s="5" t="s">
        <v>38</v>
      </c>
      <c r="P10353" s="5" t="s">
        <v>39</v>
      </c>
      <c r="Q10353" s="5" t="s">
        <v>40</v>
      </c>
      <c r="R10353" s="5" t="s">
        <v>1487</v>
      </c>
      <c r="S10353" s="5"/>
      <c r="T10353" s="5" t="s">
        <v>42</v>
      </c>
      <c r="U10353" s="2">
        <v>0</v>
      </c>
      <c r="V10353" s="2">
        <v>0</v>
      </c>
      <c r="W10353" s="2">
        <v>0</v>
      </c>
      <c r="X10353" s="2">
        <v>0</v>
      </c>
      <c r="Y10353" s="2">
        <v>0</v>
      </c>
      <c r="Z10353" s="2">
        <v>0</v>
      </c>
      <c r="AA10353" s="5"/>
      <c r="AB10353" s="5" t="s">
        <v>43</v>
      </c>
      <c r="AC10353" s="5" t="s">
        <v>44</v>
      </c>
      <c r="AD10353" s="2" t="s">
        <v>31597</v>
      </c>
      <c r="AE10353" s="1"/>
    </row>
    <row r="10354" spans="1:31" ht="14.45">
      <c r="A10354" s="5"/>
      <c r="B10354" s="21"/>
      <c r="C10354" s="2" t="s">
        <v>31828</v>
      </c>
      <c r="D10354" s="14" t="s">
        <v>31829</v>
      </c>
      <c r="E10354" s="2" t="s">
        <v>31830</v>
      </c>
      <c r="F10354" s="2" t="s">
        <v>29652</v>
      </c>
      <c r="G10354" s="8">
        <v>942</v>
      </c>
      <c r="H10354" s="5">
        <v>15</v>
      </c>
      <c r="I10354" s="5" t="s">
        <v>69</v>
      </c>
      <c r="J10354" s="5" t="s">
        <v>27074</v>
      </c>
      <c r="K10354" s="2" t="s">
        <v>27075</v>
      </c>
      <c r="L10354" s="5" t="s">
        <v>27074</v>
      </c>
      <c r="M10354" s="2" t="s">
        <v>27075</v>
      </c>
      <c r="N10354" s="5" t="s">
        <v>24254</v>
      </c>
      <c r="O10354" s="5" t="s">
        <v>38</v>
      </c>
      <c r="P10354" s="5" t="s">
        <v>39</v>
      </c>
      <c r="Q10354" s="5" t="s">
        <v>40</v>
      </c>
      <c r="R10354" s="5" t="s">
        <v>1487</v>
      </c>
      <c r="S10354" s="5"/>
      <c r="T10354" s="5" t="s">
        <v>42</v>
      </c>
      <c r="U10354" s="2">
        <v>0</v>
      </c>
      <c r="V10354" s="2">
        <v>0</v>
      </c>
      <c r="W10354" s="2">
        <v>0</v>
      </c>
      <c r="X10354" s="2">
        <v>0</v>
      </c>
      <c r="Y10354" s="2">
        <v>0</v>
      </c>
      <c r="Z10354" s="2">
        <v>0</v>
      </c>
      <c r="AA10354" s="5"/>
      <c r="AB10354" s="5" t="s">
        <v>43</v>
      </c>
      <c r="AC10354" s="5" t="s">
        <v>44</v>
      </c>
      <c r="AD10354" s="2" t="s">
        <v>31601</v>
      </c>
      <c r="AE10354" s="1"/>
    </row>
    <row r="10355" spans="1:31" ht="14.45">
      <c r="A10355" s="5"/>
      <c r="B10355" s="21"/>
      <c r="C10355" s="2" t="s">
        <v>31831</v>
      </c>
      <c r="D10355" s="14" t="s">
        <v>31832</v>
      </c>
      <c r="E10355" s="2" t="s">
        <v>31833</v>
      </c>
      <c r="F10355" s="2" t="s">
        <v>29652</v>
      </c>
      <c r="G10355" s="8">
        <v>942</v>
      </c>
      <c r="H10355" s="5">
        <v>15</v>
      </c>
      <c r="I10355" s="5" t="s">
        <v>69</v>
      </c>
      <c r="J10355" s="5" t="s">
        <v>27074</v>
      </c>
      <c r="K10355" s="2" t="s">
        <v>27075</v>
      </c>
      <c r="L10355" s="5" t="s">
        <v>27074</v>
      </c>
      <c r="M10355" s="2" t="s">
        <v>27075</v>
      </c>
      <c r="N10355" s="5" t="s">
        <v>24254</v>
      </c>
      <c r="O10355" s="5" t="s">
        <v>38</v>
      </c>
      <c r="P10355" s="5" t="s">
        <v>39</v>
      </c>
      <c r="Q10355" s="5" t="s">
        <v>40</v>
      </c>
      <c r="R10355" s="5" t="s">
        <v>1487</v>
      </c>
      <c r="S10355" s="5"/>
      <c r="T10355" s="5" t="s">
        <v>42</v>
      </c>
      <c r="U10355" s="2">
        <v>0</v>
      </c>
      <c r="V10355" s="2">
        <v>0</v>
      </c>
      <c r="W10355" s="2">
        <v>0</v>
      </c>
      <c r="X10355" s="2">
        <v>0</v>
      </c>
      <c r="Y10355" s="2">
        <v>0</v>
      </c>
      <c r="Z10355" s="2">
        <v>0</v>
      </c>
      <c r="AA10355" s="5"/>
      <c r="AB10355" s="5" t="s">
        <v>43</v>
      </c>
      <c r="AC10355" s="5" t="s">
        <v>44</v>
      </c>
      <c r="AD10355" s="2" t="s">
        <v>31605</v>
      </c>
      <c r="AE10355" s="1"/>
    </row>
    <row r="10356" spans="1:31" ht="14.45">
      <c r="A10356" s="5"/>
      <c r="B10356" s="21"/>
      <c r="C10356" s="2" t="s">
        <v>31834</v>
      </c>
      <c r="D10356" s="14" t="s">
        <v>31835</v>
      </c>
      <c r="E10356" s="2" t="s">
        <v>31836</v>
      </c>
      <c r="F10356" s="2" t="s">
        <v>29652</v>
      </c>
      <c r="G10356" s="8">
        <v>1581</v>
      </c>
      <c r="H10356" s="5">
        <v>15</v>
      </c>
      <c r="I10356" s="5" t="s">
        <v>69</v>
      </c>
      <c r="J10356" s="5" t="s">
        <v>27074</v>
      </c>
      <c r="K10356" s="2" t="s">
        <v>27075</v>
      </c>
      <c r="L10356" s="5" t="s">
        <v>27074</v>
      </c>
      <c r="M10356" s="2" t="s">
        <v>27075</v>
      </c>
      <c r="N10356" s="5" t="s">
        <v>24254</v>
      </c>
      <c r="O10356" s="5" t="s">
        <v>38</v>
      </c>
      <c r="P10356" s="5" t="s">
        <v>39</v>
      </c>
      <c r="Q10356" s="5" t="s">
        <v>40</v>
      </c>
      <c r="R10356" s="5" t="s">
        <v>1487</v>
      </c>
      <c r="S10356" s="5"/>
      <c r="T10356" s="5" t="s">
        <v>42</v>
      </c>
      <c r="U10356" s="2">
        <v>0</v>
      </c>
      <c r="V10356" s="2">
        <v>0</v>
      </c>
      <c r="W10356" s="2">
        <v>0</v>
      </c>
      <c r="X10356" s="2">
        <v>0</v>
      </c>
      <c r="Y10356" s="2">
        <v>0</v>
      </c>
      <c r="Z10356" s="2">
        <v>0</v>
      </c>
      <c r="AA10356" s="5"/>
      <c r="AB10356" s="5" t="s">
        <v>43</v>
      </c>
      <c r="AC10356" s="5" t="s">
        <v>44</v>
      </c>
      <c r="AD10356" s="2" t="s">
        <v>31609</v>
      </c>
      <c r="AE10356" s="1"/>
    </row>
    <row r="10357" spans="1:31" ht="14.45">
      <c r="A10357" s="5"/>
      <c r="B10357" s="21"/>
      <c r="C10357" s="2" t="s">
        <v>31837</v>
      </c>
      <c r="D10357" s="14" t="s">
        <v>31838</v>
      </c>
      <c r="E10357" s="2" t="s">
        <v>31839</v>
      </c>
      <c r="F10357" s="2" t="s">
        <v>29652</v>
      </c>
      <c r="G10357" s="8">
        <v>1581</v>
      </c>
      <c r="H10357" s="5">
        <v>15</v>
      </c>
      <c r="I10357" s="5" t="s">
        <v>69</v>
      </c>
      <c r="J10357" s="5" t="s">
        <v>27074</v>
      </c>
      <c r="K10357" s="2" t="s">
        <v>27075</v>
      </c>
      <c r="L10357" s="5" t="s">
        <v>27074</v>
      </c>
      <c r="M10357" s="2" t="s">
        <v>27075</v>
      </c>
      <c r="N10357" s="5" t="s">
        <v>24254</v>
      </c>
      <c r="O10357" s="5" t="s">
        <v>38</v>
      </c>
      <c r="P10357" s="5" t="s">
        <v>39</v>
      </c>
      <c r="Q10357" s="5" t="s">
        <v>40</v>
      </c>
      <c r="R10357" s="5" t="s">
        <v>1487</v>
      </c>
      <c r="S10357" s="5"/>
      <c r="T10357" s="5" t="s">
        <v>42</v>
      </c>
      <c r="U10357" s="2">
        <v>0</v>
      </c>
      <c r="V10357" s="2">
        <v>0</v>
      </c>
      <c r="W10357" s="2">
        <v>0</v>
      </c>
      <c r="X10357" s="2">
        <v>0</v>
      </c>
      <c r="Y10357" s="2">
        <v>0</v>
      </c>
      <c r="Z10357" s="2">
        <v>0</v>
      </c>
      <c r="AA10357" s="5"/>
      <c r="AB10357" s="5" t="s">
        <v>43</v>
      </c>
      <c r="AC10357" s="5" t="s">
        <v>44</v>
      </c>
      <c r="AD10357" s="2" t="s">
        <v>31613</v>
      </c>
      <c r="AE10357" s="1"/>
    </row>
    <row r="10358" spans="1:31" ht="14.45">
      <c r="A10358" s="5"/>
      <c r="B10358" s="21"/>
      <c r="C10358" s="2" t="s">
        <v>31840</v>
      </c>
      <c r="D10358" s="14" t="s">
        <v>31841</v>
      </c>
      <c r="E10358" s="2" t="s">
        <v>31842</v>
      </c>
      <c r="F10358" s="2"/>
      <c r="G10358" s="8">
        <v>244</v>
      </c>
      <c r="H10358" s="5">
        <v>5</v>
      </c>
      <c r="I10358" s="5" t="s">
        <v>69</v>
      </c>
      <c r="J10358" s="5" t="s">
        <v>27074</v>
      </c>
      <c r="K10358" s="2" t="s">
        <v>27075</v>
      </c>
      <c r="L10358" s="5" t="s">
        <v>27074</v>
      </c>
      <c r="M10358" s="2" t="s">
        <v>27075</v>
      </c>
      <c r="N10358" s="5" t="s">
        <v>24254</v>
      </c>
      <c r="O10358" s="5" t="s">
        <v>38</v>
      </c>
      <c r="P10358" s="5" t="s">
        <v>39</v>
      </c>
      <c r="Q10358" s="5" t="s">
        <v>40</v>
      </c>
      <c r="R10358" s="5" t="s">
        <v>24335</v>
      </c>
      <c r="S10358" s="5" t="s">
        <v>40</v>
      </c>
      <c r="T10358" s="5" t="s">
        <v>42</v>
      </c>
      <c r="U10358" s="2">
        <v>11.786</v>
      </c>
      <c r="V10358" s="2">
        <v>8.8170000000000002</v>
      </c>
      <c r="W10358" s="2">
        <v>0.14899999999999999</v>
      </c>
      <c r="X10358" s="2">
        <v>12</v>
      </c>
      <c r="Y10358" s="2">
        <v>62</v>
      </c>
      <c r="Z10358" s="2">
        <v>199.7</v>
      </c>
      <c r="AA10358" s="5">
        <v>8</v>
      </c>
      <c r="AB10358" s="5" t="s">
        <v>43</v>
      </c>
      <c r="AC10358" s="5" t="s">
        <v>44</v>
      </c>
      <c r="AD10358" s="2" t="s">
        <v>31572</v>
      </c>
      <c r="AE10358" s="1"/>
    </row>
    <row r="10359" spans="1:31" ht="14.45">
      <c r="A10359" s="5"/>
      <c r="B10359" s="21"/>
      <c r="C10359" s="2" t="s">
        <v>31843</v>
      </c>
      <c r="D10359" s="14" t="s">
        <v>31844</v>
      </c>
      <c r="E10359" s="2" t="s">
        <v>31845</v>
      </c>
      <c r="F10359" s="2"/>
      <c r="G10359" s="8">
        <v>244</v>
      </c>
      <c r="H10359" s="5">
        <v>5</v>
      </c>
      <c r="I10359" s="5" t="s">
        <v>69</v>
      </c>
      <c r="J10359" s="5" t="s">
        <v>27074</v>
      </c>
      <c r="K10359" s="2" t="s">
        <v>27075</v>
      </c>
      <c r="L10359" s="5" t="s">
        <v>27074</v>
      </c>
      <c r="M10359" s="2" t="s">
        <v>27075</v>
      </c>
      <c r="N10359" s="5" t="s">
        <v>24254</v>
      </c>
      <c r="O10359" s="5" t="s">
        <v>38</v>
      </c>
      <c r="P10359" s="5" t="s">
        <v>39</v>
      </c>
      <c r="Q10359" s="5" t="s">
        <v>40</v>
      </c>
      <c r="R10359" s="5" t="s">
        <v>24335</v>
      </c>
      <c r="S10359" s="5" t="s">
        <v>40</v>
      </c>
      <c r="T10359" s="5" t="s">
        <v>42</v>
      </c>
      <c r="U10359" s="2">
        <v>10.193</v>
      </c>
      <c r="V10359" s="2">
        <v>7.2649999999999997</v>
      </c>
      <c r="W10359" s="2">
        <v>0.17399999999999999</v>
      </c>
      <c r="X10359" s="2">
        <v>12</v>
      </c>
      <c r="Y10359" s="2">
        <v>62</v>
      </c>
      <c r="Z10359" s="2">
        <v>234.1</v>
      </c>
      <c r="AA10359" s="5">
        <v>8</v>
      </c>
      <c r="AB10359" s="5" t="s">
        <v>43</v>
      </c>
      <c r="AC10359" s="5" t="s">
        <v>44</v>
      </c>
      <c r="AD10359" s="2" t="s">
        <v>31572</v>
      </c>
      <c r="AE10359" s="1"/>
    </row>
    <row r="10360" spans="1:31" ht="14.45">
      <c r="A10360" s="5"/>
      <c r="B10360" s="21"/>
      <c r="C10360" s="2" t="s">
        <v>31846</v>
      </c>
      <c r="D10360" s="14" t="s">
        <v>31847</v>
      </c>
      <c r="E10360" s="2" t="s">
        <v>31848</v>
      </c>
      <c r="F10360" s="2"/>
      <c r="G10360" s="8">
        <v>244</v>
      </c>
      <c r="H10360" s="5">
        <v>5</v>
      </c>
      <c r="I10360" s="5" t="s">
        <v>69</v>
      </c>
      <c r="J10360" s="5" t="s">
        <v>27074</v>
      </c>
      <c r="K10360" s="2" t="s">
        <v>27075</v>
      </c>
      <c r="L10360" s="5" t="s">
        <v>27074</v>
      </c>
      <c r="M10360" s="2" t="s">
        <v>27075</v>
      </c>
      <c r="N10360" s="5" t="s">
        <v>24254</v>
      </c>
      <c r="O10360" s="5" t="s">
        <v>38</v>
      </c>
      <c r="P10360" s="5" t="s">
        <v>39</v>
      </c>
      <c r="Q10360" s="5" t="s">
        <v>40</v>
      </c>
      <c r="R10360" s="5" t="s">
        <v>24335</v>
      </c>
      <c r="S10360" s="5" t="s">
        <v>40</v>
      </c>
      <c r="T10360" s="5" t="s">
        <v>42</v>
      </c>
      <c r="U10360" s="2">
        <v>8.9280000000000008</v>
      </c>
      <c r="V10360" s="2">
        <v>5.9909999999999997</v>
      </c>
      <c r="W10360" s="2">
        <v>0.14899999999999999</v>
      </c>
      <c r="X10360" s="2">
        <v>12</v>
      </c>
      <c r="Y10360" s="2">
        <v>62</v>
      </c>
      <c r="Z10360" s="2">
        <v>199.7</v>
      </c>
      <c r="AA10360" s="5">
        <v>8</v>
      </c>
      <c r="AB10360" s="5" t="s">
        <v>43</v>
      </c>
      <c r="AC10360" s="5" t="s">
        <v>44</v>
      </c>
      <c r="AD10360" s="2" t="s">
        <v>31572</v>
      </c>
      <c r="AE10360" s="1"/>
    </row>
    <row r="10361" spans="1:31" ht="14.45">
      <c r="A10361" s="5"/>
      <c r="B10361" s="21"/>
      <c r="C10361" s="2" t="s">
        <v>31849</v>
      </c>
      <c r="D10361" s="14" t="s">
        <v>31850</v>
      </c>
      <c r="E10361" s="2" t="s">
        <v>31851</v>
      </c>
      <c r="F10361" s="2"/>
      <c r="G10361" s="8">
        <v>244</v>
      </c>
      <c r="H10361" s="5">
        <v>25</v>
      </c>
      <c r="I10361" s="5" t="s">
        <v>69</v>
      </c>
      <c r="J10361" s="5" t="s">
        <v>27074</v>
      </c>
      <c r="K10361" s="2" t="s">
        <v>27075</v>
      </c>
      <c r="L10361" s="5" t="s">
        <v>27074</v>
      </c>
      <c r="M10361" s="2" t="s">
        <v>27075</v>
      </c>
      <c r="N10361" s="5" t="s">
        <v>24254</v>
      </c>
      <c r="O10361" s="5" t="s">
        <v>38</v>
      </c>
      <c r="P10361" s="5" t="s">
        <v>39</v>
      </c>
      <c r="Q10361" s="5" t="s">
        <v>40</v>
      </c>
      <c r="R10361" s="5" t="s">
        <v>24335</v>
      </c>
      <c r="S10361" s="5" t="s">
        <v>40</v>
      </c>
      <c r="T10361" s="5" t="s">
        <v>42</v>
      </c>
      <c r="U10361" s="2">
        <v>9.5190000000000001</v>
      </c>
      <c r="V10361" s="2">
        <v>6.7709999999999999</v>
      </c>
      <c r="W10361" s="2">
        <v>0.14899999999999999</v>
      </c>
      <c r="X10361" s="2">
        <v>12</v>
      </c>
      <c r="Y10361" s="2">
        <v>62</v>
      </c>
      <c r="Z10361" s="2">
        <v>199.7</v>
      </c>
      <c r="AA10361" s="5">
        <v>10</v>
      </c>
      <c r="AB10361" s="5" t="s">
        <v>43</v>
      </c>
      <c r="AC10361" s="5" t="s">
        <v>44</v>
      </c>
      <c r="AD10361" s="2" t="s">
        <v>31737</v>
      </c>
      <c r="AE10361" s="1"/>
    </row>
    <row r="10362" spans="1:31" ht="14.45">
      <c r="A10362" s="5"/>
      <c r="B10362" s="21"/>
      <c r="C10362" s="2" t="s">
        <v>31852</v>
      </c>
      <c r="D10362" s="14" t="s">
        <v>31853</v>
      </c>
      <c r="E10362" s="2" t="s">
        <v>31854</v>
      </c>
      <c r="F10362" s="2"/>
      <c r="G10362" s="8">
        <v>244</v>
      </c>
      <c r="H10362" s="5">
        <v>25</v>
      </c>
      <c r="I10362" s="5" t="s">
        <v>69</v>
      </c>
      <c r="J10362" s="5" t="s">
        <v>27074</v>
      </c>
      <c r="K10362" s="2" t="s">
        <v>27075</v>
      </c>
      <c r="L10362" s="5" t="s">
        <v>27074</v>
      </c>
      <c r="M10362" s="2" t="s">
        <v>27075</v>
      </c>
      <c r="N10362" s="5" t="s">
        <v>24254</v>
      </c>
      <c r="O10362" s="5" t="s">
        <v>38</v>
      </c>
      <c r="P10362" s="5" t="s">
        <v>39</v>
      </c>
      <c r="Q10362" s="5" t="s">
        <v>40</v>
      </c>
      <c r="R10362" s="5" t="s">
        <v>24335</v>
      </c>
      <c r="S10362" s="5" t="s">
        <v>40</v>
      </c>
      <c r="T10362" s="5" t="s">
        <v>42</v>
      </c>
      <c r="U10362" s="2">
        <v>10.202</v>
      </c>
      <c r="V10362" s="2">
        <v>7.4539999999999997</v>
      </c>
      <c r="W10362" s="2">
        <v>0.14899999999999999</v>
      </c>
      <c r="X10362" s="2">
        <v>12</v>
      </c>
      <c r="Y10362" s="2">
        <v>62</v>
      </c>
      <c r="Z10362" s="2">
        <v>199.7</v>
      </c>
      <c r="AA10362" s="5">
        <v>10</v>
      </c>
      <c r="AB10362" s="5" t="s">
        <v>43</v>
      </c>
      <c r="AC10362" s="5" t="s">
        <v>44</v>
      </c>
      <c r="AD10362" s="2" t="s">
        <v>31582</v>
      </c>
      <c r="AE10362" s="1"/>
    </row>
    <row r="10363" spans="1:31" ht="14.45">
      <c r="A10363" s="5"/>
      <c r="B10363" s="21"/>
      <c r="C10363" s="2" t="s">
        <v>31855</v>
      </c>
      <c r="D10363" s="14" t="s">
        <v>31856</v>
      </c>
      <c r="E10363" s="2" t="s">
        <v>31857</v>
      </c>
      <c r="F10363" s="2"/>
      <c r="G10363" s="8">
        <v>244</v>
      </c>
      <c r="H10363" s="5">
        <v>25</v>
      </c>
      <c r="I10363" s="5" t="s">
        <v>69</v>
      </c>
      <c r="J10363" s="5" t="s">
        <v>27074</v>
      </c>
      <c r="K10363" s="2" t="s">
        <v>27075</v>
      </c>
      <c r="L10363" s="5" t="s">
        <v>27074</v>
      </c>
      <c r="M10363" s="2" t="s">
        <v>27075</v>
      </c>
      <c r="N10363" s="5" t="s">
        <v>24254</v>
      </c>
      <c r="O10363" s="5" t="s">
        <v>38</v>
      </c>
      <c r="P10363" s="5" t="s">
        <v>39</v>
      </c>
      <c r="Q10363" s="5" t="s">
        <v>40</v>
      </c>
      <c r="R10363" s="5" t="s">
        <v>24335</v>
      </c>
      <c r="S10363" s="5" t="s">
        <v>40</v>
      </c>
      <c r="T10363" s="5" t="s">
        <v>42</v>
      </c>
      <c r="U10363" s="2">
        <v>8.4009999999999998</v>
      </c>
      <c r="V10363" s="2">
        <v>5.6509999999999998</v>
      </c>
      <c r="W10363" s="2">
        <v>0.14899999999999999</v>
      </c>
      <c r="X10363" s="2">
        <v>12</v>
      </c>
      <c r="Y10363" s="2">
        <v>62</v>
      </c>
      <c r="Z10363" s="2">
        <v>199.7</v>
      </c>
      <c r="AA10363" s="5">
        <v>10</v>
      </c>
      <c r="AB10363" s="5" t="s">
        <v>43</v>
      </c>
      <c r="AC10363" s="5" t="s">
        <v>44</v>
      </c>
      <c r="AD10363" s="2" t="s">
        <v>31590</v>
      </c>
      <c r="AE10363" s="1"/>
    </row>
    <row r="10364" spans="1:31" ht="14.45">
      <c r="A10364" s="5"/>
      <c r="B10364" s="21"/>
      <c r="C10364" s="2" t="s">
        <v>31858</v>
      </c>
      <c r="D10364" s="14" t="s">
        <v>31859</v>
      </c>
      <c r="E10364" s="2" t="s">
        <v>31860</v>
      </c>
      <c r="F10364" s="2"/>
      <c r="G10364" s="8">
        <v>244</v>
      </c>
      <c r="H10364" s="5">
        <v>25</v>
      </c>
      <c r="I10364" s="5" t="s">
        <v>69</v>
      </c>
      <c r="J10364" s="5" t="s">
        <v>27074</v>
      </c>
      <c r="K10364" s="2" t="s">
        <v>27075</v>
      </c>
      <c r="L10364" s="5" t="s">
        <v>27074</v>
      </c>
      <c r="M10364" s="2" t="s">
        <v>27075</v>
      </c>
      <c r="N10364" s="5" t="s">
        <v>24254</v>
      </c>
      <c r="O10364" s="5" t="s">
        <v>38</v>
      </c>
      <c r="P10364" s="5" t="s">
        <v>39</v>
      </c>
      <c r="Q10364" s="5" t="s">
        <v>40</v>
      </c>
      <c r="R10364" s="5" t="s">
        <v>24335</v>
      </c>
      <c r="S10364" s="5" t="s">
        <v>40</v>
      </c>
      <c r="T10364" s="5" t="s">
        <v>42</v>
      </c>
      <c r="U10364" s="2">
        <v>9.0860000000000003</v>
      </c>
      <c r="V10364" s="2">
        <v>6.3360000000000003</v>
      </c>
      <c r="W10364" s="2">
        <v>0.14899999999999999</v>
      </c>
      <c r="X10364" s="2">
        <v>12</v>
      </c>
      <c r="Y10364" s="2">
        <v>62</v>
      </c>
      <c r="Z10364" s="2">
        <v>199.7</v>
      </c>
      <c r="AA10364" s="5">
        <v>10</v>
      </c>
      <c r="AB10364" s="5" t="s">
        <v>43</v>
      </c>
      <c r="AC10364" s="5" t="s">
        <v>44</v>
      </c>
      <c r="AD10364" s="2" t="s">
        <v>31586</v>
      </c>
      <c r="AE10364" s="1"/>
    </row>
    <row r="10365" spans="1:31" ht="14.45">
      <c r="A10365" s="5"/>
      <c r="B10365" s="21"/>
      <c r="C10365" s="2" t="s">
        <v>31861</v>
      </c>
      <c r="D10365" s="14" t="s">
        <v>31862</v>
      </c>
      <c r="E10365" s="2" t="s">
        <v>31863</v>
      </c>
      <c r="F10365" s="2"/>
      <c r="G10365" s="8">
        <v>244</v>
      </c>
      <c r="H10365" s="5">
        <v>25</v>
      </c>
      <c r="I10365" s="5" t="s">
        <v>69</v>
      </c>
      <c r="J10365" s="5" t="s">
        <v>27074</v>
      </c>
      <c r="K10365" s="2" t="s">
        <v>27075</v>
      </c>
      <c r="L10365" s="5" t="s">
        <v>27074</v>
      </c>
      <c r="M10365" s="2" t="s">
        <v>27075</v>
      </c>
      <c r="N10365" s="5" t="s">
        <v>24254</v>
      </c>
      <c r="O10365" s="5" t="s">
        <v>38</v>
      </c>
      <c r="P10365" s="5" t="s">
        <v>39</v>
      </c>
      <c r="Q10365" s="5" t="s">
        <v>40</v>
      </c>
      <c r="R10365" s="5" t="s">
        <v>24335</v>
      </c>
      <c r="S10365" s="5" t="s">
        <v>40</v>
      </c>
      <c r="T10365" s="5" t="s">
        <v>42</v>
      </c>
      <c r="U10365" s="2">
        <v>9.1530000000000005</v>
      </c>
      <c r="V10365" s="2">
        <v>6.4059999999999997</v>
      </c>
      <c r="W10365" s="2">
        <v>0.14899999999999999</v>
      </c>
      <c r="X10365" s="2">
        <v>12</v>
      </c>
      <c r="Y10365" s="2">
        <v>62</v>
      </c>
      <c r="Z10365" s="2">
        <v>199.7</v>
      </c>
      <c r="AA10365" s="5">
        <v>10</v>
      </c>
      <c r="AB10365" s="5" t="s">
        <v>43</v>
      </c>
      <c r="AC10365" s="5" t="s">
        <v>44</v>
      </c>
      <c r="AD10365" s="2" t="s">
        <v>31590</v>
      </c>
      <c r="AE10365" s="1"/>
    </row>
    <row r="10366" spans="1:31" ht="14.45">
      <c r="A10366" s="5"/>
      <c r="B10366" s="21"/>
      <c r="C10366" s="2" t="s">
        <v>31864</v>
      </c>
      <c r="D10366" s="14" t="s">
        <v>31865</v>
      </c>
      <c r="E10366" s="2" t="s">
        <v>31866</v>
      </c>
      <c r="F10366" s="2" t="s">
        <v>29636</v>
      </c>
      <c r="G10366" s="8">
        <v>488</v>
      </c>
      <c r="H10366" s="5">
        <v>5</v>
      </c>
      <c r="I10366" s="5" t="s">
        <v>69</v>
      </c>
      <c r="J10366" s="5" t="s">
        <v>27074</v>
      </c>
      <c r="K10366" s="2" t="s">
        <v>27075</v>
      </c>
      <c r="L10366" s="5" t="s">
        <v>27074</v>
      </c>
      <c r="M10366" s="2" t="s">
        <v>27075</v>
      </c>
      <c r="N10366" s="5" t="s">
        <v>24254</v>
      </c>
      <c r="O10366" s="5" t="s">
        <v>38</v>
      </c>
      <c r="P10366" s="5" t="s">
        <v>39</v>
      </c>
      <c r="Q10366" s="5" t="s">
        <v>40</v>
      </c>
      <c r="R10366" s="5" t="s">
        <v>1487</v>
      </c>
      <c r="S10366" s="5"/>
      <c r="T10366" s="5" t="s">
        <v>42</v>
      </c>
      <c r="U10366" s="2">
        <v>0</v>
      </c>
      <c r="V10366" s="2">
        <v>0</v>
      </c>
      <c r="W10366" s="2">
        <v>0</v>
      </c>
      <c r="X10366" s="2">
        <v>0</v>
      </c>
      <c r="Y10366" s="2">
        <v>0</v>
      </c>
      <c r="Z10366" s="2">
        <v>0</v>
      </c>
      <c r="AA10366" s="5"/>
      <c r="AB10366" s="5" t="s">
        <v>43</v>
      </c>
      <c r="AC10366" s="5" t="s">
        <v>44</v>
      </c>
      <c r="AD10366" s="2" t="s">
        <v>31597</v>
      </c>
      <c r="AE10366" s="1"/>
    </row>
    <row r="10367" spans="1:31" ht="14.45">
      <c r="A10367" s="5"/>
      <c r="B10367" s="21"/>
      <c r="C10367" s="2" t="s">
        <v>31867</v>
      </c>
      <c r="D10367" s="14" t="s">
        <v>31868</v>
      </c>
      <c r="E10367" s="2" t="s">
        <v>31869</v>
      </c>
      <c r="F10367" s="2" t="s">
        <v>29652</v>
      </c>
      <c r="G10367" s="8">
        <v>966</v>
      </c>
      <c r="H10367" s="5">
        <v>15</v>
      </c>
      <c r="I10367" s="5" t="s">
        <v>69</v>
      </c>
      <c r="J10367" s="5" t="s">
        <v>27074</v>
      </c>
      <c r="K10367" s="2" t="s">
        <v>27075</v>
      </c>
      <c r="L10367" s="5" t="s">
        <v>27074</v>
      </c>
      <c r="M10367" s="2" t="s">
        <v>27075</v>
      </c>
      <c r="N10367" s="5" t="s">
        <v>24254</v>
      </c>
      <c r="O10367" s="5" t="s">
        <v>38</v>
      </c>
      <c r="P10367" s="5" t="s">
        <v>39</v>
      </c>
      <c r="Q10367" s="5" t="s">
        <v>40</v>
      </c>
      <c r="R10367" s="5" t="s">
        <v>1487</v>
      </c>
      <c r="S10367" s="5"/>
      <c r="T10367" s="5" t="s">
        <v>42</v>
      </c>
      <c r="U10367" s="2">
        <v>0</v>
      </c>
      <c r="V10367" s="2">
        <v>0</v>
      </c>
      <c r="W10367" s="2">
        <v>0</v>
      </c>
      <c r="X10367" s="2">
        <v>0</v>
      </c>
      <c r="Y10367" s="2">
        <v>0</v>
      </c>
      <c r="Z10367" s="2">
        <v>0</v>
      </c>
      <c r="AA10367" s="5"/>
      <c r="AB10367" s="5" t="s">
        <v>43</v>
      </c>
      <c r="AC10367" s="5" t="s">
        <v>44</v>
      </c>
      <c r="AD10367" s="2" t="s">
        <v>31601</v>
      </c>
      <c r="AE10367" s="1"/>
    </row>
    <row r="10368" spans="1:31" ht="14.45">
      <c r="A10368" s="5"/>
      <c r="B10368" s="21"/>
      <c r="C10368" s="2" t="s">
        <v>31870</v>
      </c>
      <c r="D10368" s="14" t="s">
        <v>31871</v>
      </c>
      <c r="E10368" s="2" t="s">
        <v>31872</v>
      </c>
      <c r="F10368" s="2" t="s">
        <v>29652</v>
      </c>
      <c r="G10368" s="8">
        <v>966</v>
      </c>
      <c r="H10368" s="5">
        <v>15</v>
      </c>
      <c r="I10368" s="5" t="s">
        <v>69</v>
      </c>
      <c r="J10368" s="5" t="s">
        <v>27074</v>
      </c>
      <c r="K10368" s="2" t="s">
        <v>27075</v>
      </c>
      <c r="L10368" s="5" t="s">
        <v>27074</v>
      </c>
      <c r="M10368" s="2" t="s">
        <v>27075</v>
      </c>
      <c r="N10368" s="5" t="s">
        <v>24254</v>
      </c>
      <c r="O10368" s="5" t="s">
        <v>38</v>
      </c>
      <c r="P10368" s="5" t="s">
        <v>39</v>
      </c>
      <c r="Q10368" s="5" t="s">
        <v>40</v>
      </c>
      <c r="R10368" s="5" t="s">
        <v>1487</v>
      </c>
      <c r="S10368" s="5"/>
      <c r="T10368" s="5" t="s">
        <v>42</v>
      </c>
      <c r="U10368" s="2">
        <v>0</v>
      </c>
      <c r="V10368" s="2">
        <v>0</v>
      </c>
      <c r="W10368" s="2">
        <v>0</v>
      </c>
      <c r="X10368" s="2">
        <v>0</v>
      </c>
      <c r="Y10368" s="2">
        <v>0</v>
      </c>
      <c r="Z10368" s="2">
        <v>0</v>
      </c>
      <c r="AA10368" s="5"/>
      <c r="AB10368" s="5" t="s">
        <v>43</v>
      </c>
      <c r="AC10368" s="5" t="s">
        <v>44</v>
      </c>
      <c r="AD10368" s="2" t="s">
        <v>31605</v>
      </c>
      <c r="AE10368" s="1"/>
    </row>
    <row r="10369" spans="1:31" ht="14.45">
      <c r="A10369" s="5"/>
      <c r="B10369" s="21"/>
      <c r="C10369" s="2" t="s">
        <v>31873</v>
      </c>
      <c r="D10369" s="14" t="s">
        <v>31874</v>
      </c>
      <c r="E10369" s="2" t="s">
        <v>31875</v>
      </c>
      <c r="F10369" s="2" t="s">
        <v>29652</v>
      </c>
      <c r="G10369" s="8">
        <v>1618</v>
      </c>
      <c r="H10369" s="5">
        <v>15</v>
      </c>
      <c r="I10369" s="5" t="s">
        <v>69</v>
      </c>
      <c r="J10369" s="5" t="s">
        <v>27074</v>
      </c>
      <c r="K10369" s="2" t="s">
        <v>27075</v>
      </c>
      <c r="L10369" s="5" t="s">
        <v>27074</v>
      </c>
      <c r="M10369" s="2" t="s">
        <v>27075</v>
      </c>
      <c r="N10369" s="5" t="s">
        <v>24254</v>
      </c>
      <c r="O10369" s="5" t="s">
        <v>38</v>
      </c>
      <c r="P10369" s="5" t="s">
        <v>39</v>
      </c>
      <c r="Q10369" s="5" t="s">
        <v>40</v>
      </c>
      <c r="R10369" s="5" t="s">
        <v>1487</v>
      </c>
      <c r="S10369" s="5"/>
      <c r="T10369" s="5" t="s">
        <v>42</v>
      </c>
      <c r="U10369" s="2">
        <v>0</v>
      </c>
      <c r="V10369" s="2">
        <v>0</v>
      </c>
      <c r="W10369" s="2">
        <v>0</v>
      </c>
      <c r="X10369" s="2">
        <v>0</v>
      </c>
      <c r="Y10369" s="2">
        <v>0</v>
      </c>
      <c r="Z10369" s="2">
        <v>0</v>
      </c>
      <c r="AA10369" s="5"/>
      <c r="AB10369" s="5" t="s">
        <v>43</v>
      </c>
      <c r="AC10369" s="5" t="s">
        <v>44</v>
      </c>
      <c r="AD10369" s="2" t="s">
        <v>31609</v>
      </c>
      <c r="AE10369" s="1"/>
    </row>
    <row r="10370" spans="1:31" ht="14.45">
      <c r="A10370" s="5"/>
      <c r="B10370" s="21"/>
      <c r="C10370" s="2" t="s">
        <v>31876</v>
      </c>
      <c r="D10370" s="14" t="s">
        <v>31877</v>
      </c>
      <c r="E10370" s="2" t="s">
        <v>31878</v>
      </c>
      <c r="F10370" s="2" t="s">
        <v>29652</v>
      </c>
      <c r="G10370" s="8">
        <v>1618</v>
      </c>
      <c r="H10370" s="5">
        <v>15</v>
      </c>
      <c r="I10370" s="5" t="s">
        <v>69</v>
      </c>
      <c r="J10370" s="5" t="s">
        <v>27074</v>
      </c>
      <c r="K10370" s="2" t="s">
        <v>27075</v>
      </c>
      <c r="L10370" s="5" t="s">
        <v>27074</v>
      </c>
      <c r="M10370" s="2" t="s">
        <v>27075</v>
      </c>
      <c r="N10370" s="5" t="s">
        <v>24254</v>
      </c>
      <c r="O10370" s="5" t="s">
        <v>38</v>
      </c>
      <c r="P10370" s="5" t="s">
        <v>39</v>
      </c>
      <c r="Q10370" s="5" t="s">
        <v>40</v>
      </c>
      <c r="R10370" s="5" t="s">
        <v>1487</v>
      </c>
      <c r="S10370" s="5"/>
      <c r="T10370" s="5" t="s">
        <v>42</v>
      </c>
      <c r="U10370" s="2">
        <v>0</v>
      </c>
      <c r="V10370" s="2">
        <v>0</v>
      </c>
      <c r="W10370" s="2">
        <v>0</v>
      </c>
      <c r="X10370" s="2">
        <v>0</v>
      </c>
      <c r="Y10370" s="2">
        <v>0</v>
      </c>
      <c r="Z10370" s="2">
        <v>0</v>
      </c>
      <c r="AA10370" s="5"/>
      <c r="AB10370" s="5" t="s">
        <v>43</v>
      </c>
      <c r="AC10370" s="5" t="s">
        <v>44</v>
      </c>
      <c r="AD10370" s="2" t="s">
        <v>31613</v>
      </c>
      <c r="AE10370" s="1"/>
    </row>
    <row r="10371" spans="1:31" ht="14.45">
      <c r="A10371" s="5"/>
      <c r="B10371" s="21"/>
      <c r="C10371" s="2" t="s">
        <v>31879</v>
      </c>
      <c r="D10371" s="14" t="s">
        <v>31880</v>
      </c>
      <c r="E10371" s="2" t="s">
        <v>31881</v>
      </c>
      <c r="F10371" s="2"/>
      <c r="G10371" s="8">
        <v>279</v>
      </c>
      <c r="H10371" s="5">
        <v>10</v>
      </c>
      <c r="I10371" s="5" t="s">
        <v>69</v>
      </c>
      <c r="J10371" s="5" t="s">
        <v>27074</v>
      </c>
      <c r="K10371" s="2" t="s">
        <v>27075</v>
      </c>
      <c r="L10371" s="5" t="s">
        <v>27074</v>
      </c>
      <c r="M10371" s="2" t="s">
        <v>27075</v>
      </c>
      <c r="N10371" s="5" t="s">
        <v>24254</v>
      </c>
      <c r="O10371" s="5" t="s">
        <v>38</v>
      </c>
      <c r="P10371" s="5" t="s">
        <v>39</v>
      </c>
      <c r="Q10371" s="5" t="s">
        <v>40</v>
      </c>
      <c r="R10371" s="5" t="s">
        <v>24335</v>
      </c>
      <c r="S10371" s="5" t="s">
        <v>40</v>
      </c>
      <c r="T10371" s="5" t="s">
        <v>42</v>
      </c>
      <c r="U10371" s="2">
        <v>11.989000000000001</v>
      </c>
      <c r="V10371" s="2">
        <v>11.629</v>
      </c>
      <c r="W10371" s="2">
        <v>0.17399999999999999</v>
      </c>
      <c r="X10371" s="2">
        <v>12</v>
      </c>
      <c r="Y10371" s="2">
        <v>62</v>
      </c>
      <c r="Z10371" s="2">
        <v>234.1</v>
      </c>
      <c r="AA10371" s="5">
        <v>8</v>
      </c>
      <c r="AB10371" s="5" t="s">
        <v>43</v>
      </c>
      <c r="AC10371" s="5" t="s">
        <v>44</v>
      </c>
      <c r="AD10371" s="2" t="s">
        <v>31572</v>
      </c>
      <c r="AE10371" s="1"/>
    </row>
    <row r="10372" spans="1:31" ht="14.45">
      <c r="A10372" s="5"/>
      <c r="B10372" s="21"/>
      <c r="C10372" s="2" t="s">
        <v>31882</v>
      </c>
      <c r="D10372" s="14" t="s">
        <v>31883</v>
      </c>
      <c r="E10372" s="2" t="s">
        <v>31884</v>
      </c>
      <c r="F10372" s="2"/>
      <c r="G10372" s="8">
        <v>279</v>
      </c>
      <c r="H10372" s="5">
        <v>10</v>
      </c>
      <c r="I10372" s="5" t="s">
        <v>69</v>
      </c>
      <c r="J10372" s="5" t="s">
        <v>27074</v>
      </c>
      <c r="K10372" s="2" t="s">
        <v>27075</v>
      </c>
      <c r="L10372" s="5" t="s">
        <v>27074</v>
      </c>
      <c r="M10372" s="2" t="s">
        <v>27075</v>
      </c>
      <c r="N10372" s="5" t="s">
        <v>24254</v>
      </c>
      <c r="O10372" s="5" t="s">
        <v>38</v>
      </c>
      <c r="P10372" s="5" t="s">
        <v>39</v>
      </c>
      <c r="Q10372" s="5" t="s">
        <v>40</v>
      </c>
      <c r="R10372" s="5" t="s">
        <v>24335</v>
      </c>
      <c r="S10372" s="5" t="s">
        <v>40</v>
      </c>
      <c r="T10372" s="5" t="s">
        <v>42</v>
      </c>
      <c r="U10372" s="2">
        <v>10.259</v>
      </c>
      <c r="V10372" s="2">
        <v>9.94</v>
      </c>
      <c r="W10372" s="2">
        <v>0.17399999999999999</v>
      </c>
      <c r="X10372" s="2">
        <v>12</v>
      </c>
      <c r="Y10372" s="2">
        <v>62</v>
      </c>
      <c r="Z10372" s="2">
        <v>234.1</v>
      </c>
      <c r="AA10372" s="5">
        <v>8</v>
      </c>
      <c r="AB10372" s="5" t="s">
        <v>43</v>
      </c>
      <c r="AC10372" s="5" t="s">
        <v>44</v>
      </c>
      <c r="AD10372" s="2" t="s">
        <v>31572</v>
      </c>
      <c r="AE10372" s="1"/>
    </row>
    <row r="10373" spans="1:31" ht="14.45">
      <c r="A10373" s="5"/>
      <c r="B10373" s="21"/>
      <c r="C10373" s="2" t="s">
        <v>31885</v>
      </c>
      <c r="D10373" s="14" t="s">
        <v>31886</v>
      </c>
      <c r="E10373" s="2" t="s">
        <v>31887</v>
      </c>
      <c r="F10373" s="2"/>
      <c r="G10373" s="8">
        <v>279</v>
      </c>
      <c r="H10373" s="5">
        <v>5</v>
      </c>
      <c r="I10373" s="5" t="s">
        <v>69</v>
      </c>
      <c r="J10373" s="5" t="s">
        <v>27074</v>
      </c>
      <c r="K10373" s="2" t="s">
        <v>27075</v>
      </c>
      <c r="L10373" s="5" t="s">
        <v>27074</v>
      </c>
      <c r="M10373" s="2" t="s">
        <v>27075</v>
      </c>
      <c r="N10373" s="5" t="s">
        <v>24254</v>
      </c>
      <c r="O10373" s="5" t="s">
        <v>38</v>
      </c>
      <c r="P10373" s="5" t="s">
        <v>39</v>
      </c>
      <c r="Q10373" s="5" t="s">
        <v>40</v>
      </c>
      <c r="R10373" s="5" t="s">
        <v>24335</v>
      </c>
      <c r="S10373" s="5" t="s">
        <v>40</v>
      </c>
      <c r="T10373" s="5" t="s">
        <v>42</v>
      </c>
      <c r="U10373" s="2">
        <v>9.3770000000000007</v>
      </c>
      <c r="V10373" s="2">
        <v>6.44</v>
      </c>
      <c r="W10373" s="2">
        <v>0.14899999999999999</v>
      </c>
      <c r="X10373" s="2">
        <v>12</v>
      </c>
      <c r="Y10373" s="2">
        <v>62</v>
      </c>
      <c r="Z10373" s="2">
        <v>199.7</v>
      </c>
      <c r="AA10373" s="5">
        <v>8</v>
      </c>
      <c r="AB10373" s="5" t="s">
        <v>43</v>
      </c>
      <c r="AC10373" s="5" t="s">
        <v>44</v>
      </c>
      <c r="AD10373" s="2" t="s">
        <v>31572</v>
      </c>
      <c r="AE10373" s="1"/>
    </row>
    <row r="10374" spans="1:31" ht="14.45">
      <c r="A10374" s="5"/>
      <c r="B10374" s="21"/>
      <c r="C10374" s="2" t="s">
        <v>31888</v>
      </c>
      <c r="D10374" s="14" t="s">
        <v>31889</v>
      </c>
      <c r="E10374" s="2" t="s">
        <v>31890</v>
      </c>
      <c r="F10374" s="2"/>
      <c r="G10374" s="8">
        <v>279</v>
      </c>
      <c r="H10374" s="5">
        <v>25</v>
      </c>
      <c r="I10374" s="5" t="s">
        <v>69</v>
      </c>
      <c r="J10374" s="5" t="s">
        <v>27074</v>
      </c>
      <c r="K10374" s="2" t="s">
        <v>27075</v>
      </c>
      <c r="L10374" s="5" t="s">
        <v>27074</v>
      </c>
      <c r="M10374" s="2" t="s">
        <v>27075</v>
      </c>
      <c r="N10374" s="5" t="s">
        <v>24254</v>
      </c>
      <c r="O10374" s="5" t="s">
        <v>38</v>
      </c>
      <c r="P10374" s="5" t="s">
        <v>39</v>
      </c>
      <c r="Q10374" s="5" t="s">
        <v>40</v>
      </c>
      <c r="R10374" s="5" t="s">
        <v>24335</v>
      </c>
      <c r="S10374" s="5" t="s">
        <v>40</v>
      </c>
      <c r="T10374" s="5" t="s">
        <v>42</v>
      </c>
      <c r="U10374" s="2">
        <v>9.7430000000000003</v>
      </c>
      <c r="V10374" s="2">
        <v>9.6039999999999992</v>
      </c>
      <c r="W10374" s="2">
        <v>0.17399999999999999</v>
      </c>
      <c r="X10374" s="2">
        <v>12</v>
      </c>
      <c r="Y10374" s="2">
        <v>62</v>
      </c>
      <c r="Z10374" s="2">
        <v>234.1</v>
      </c>
      <c r="AA10374" s="5">
        <v>10</v>
      </c>
      <c r="AB10374" s="5" t="s">
        <v>43</v>
      </c>
      <c r="AC10374" s="5" t="s">
        <v>44</v>
      </c>
      <c r="AD10374" s="2" t="s">
        <v>31737</v>
      </c>
      <c r="AE10374" s="1"/>
    </row>
    <row r="10375" spans="1:31" ht="14.45">
      <c r="A10375" s="5"/>
      <c r="B10375" s="21"/>
      <c r="C10375" s="2" t="s">
        <v>31891</v>
      </c>
      <c r="D10375" s="14" t="s">
        <v>31892</v>
      </c>
      <c r="E10375" s="2" t="s">
        <v>31893</v>
      </c>
      <c r="F10375" s="2"/>
      <c r="G10375" s="8">
        <v>279</v>
      </c>
      <c r="H10375" s="5">
        <v>25</v>
      </c>
      <c r="I10375" s="5" t="s">
        <v>69</v>
      </c>
      <c r="J10375" s="5" t="s">
        <v>27074</v>
      </c>
      <c r="K10375" s="2" t="s">
        <v>27075</v>
      </c>
      <c r="L10375" s="5" t="s">
        <v>27074</v>
      </c>
      <c r="M10375" s="2" t="s">
        <v>27075</v>
      </c>
      <c r="N10375" s="5" t="s">
        <v>24254</v>
      </c>
      <c r="O10375" s="5" t="s">
        <v>38</v>
      </c>
      <c r="P10375" s="5" t="s">
        <v>39</v>
      </c>
      <c r="Q10375" s="5" t="s">
        <v>40</v>
      </c>
      <c r="R10375" s="5" t="s">
        <v>24335</v>
      </c>
      <c r="S10375" s="5" t="s">
        <v>40</v>
      </c>
      <c r="T10375" s="5" t="s">
        <v>42</v>
      </c>
      <c r="U10375" s="2">
        <v>10.426</v>
      </c>
      <c r="V10375" s="2">
        <v>10.287000000000001</v>
      </c>
      <c r="W10375" s="2">
        <v>0.17399999999999999</v>
      </c>
      <c r="X10375" s="2">
        <v>12</v>
      </c>
      <c r="Y10375" s="2">
        <v>62</v>
      </c>
      <c r="Z10375" s="2">
        <v>234.1</v>
      </c>
      <c r="AA10375" s="5">
        <v>10</v>
      </c>
      <c r="AB10375" s="5" t="s">
        <v>43</v>
      </c>
      <c r="AC10375" s="5" t="s">
        <v>44</v>
      </c>
      <c r="AD10375" s="2" t="s">
        <v>31582</v>
      </c>
      <c r="AE10375" s="1"/>
    </row>
    <row r="10376" spans="1:31" ht="14.45">
      <c r="A10376" s="5"/>
      <c r="B10376" s="21"/>
      <c r="C10376" s="2" t="s">
        <v>31894</v>
      </c>
      <c r="D10376" s="14" t="s">
        <v>31895</v>
      </c>
      <c r="E10376" s="2" t="s">
        <v>31896</v>
      </c>
      <c r="F10376" s="2"/>
      <c r="G10376" s="8">
        <v>279</v>
      </c>
      <c r="H10376" s="5">
        <v>25</v>
      </c>
      <c r="I10376" s="5" t="s">
        <v>69</v>
      </c>
      <c r="J10376" s="5" t="s">
        <v>27074</v>
      </c>
      <c r="K10376" s="2" t="s">
        <v>27075</v>
      </c>
      <c r="L10376" s="5" t="s">
        <v>27074</v>
      </c>
      <c r="M10376" s="2" t="s">
        <v>27075</v>
      </c>
      <c r="N10376" s="5" t="s">
        <v>24254</v>
      </c>
      <c r="O10376" s="5" t="s">
        <v>38</v>
      </c>
      <c r="P10376" s="5" t="s">
        <v>39</v>
      </c>
      <c r="Q10376" s="5" t="s">
        <v>40</v>
      </c>
      <c r="R10376" s="5" t="s">
        <v>24335</v>
      </c>
      <c r="S10376" s="5" t="s">
        <v>40</v>
      </c>
      <c r="T10376" s="5" t="s">
        <v>42</v>
      </c>
      <c r="U10376" s="2">
        <v>8.8719999999999999</v>
      </c>
      <c r="V10376" s="2">
        <v>6.1219999999999999</v>
      </c>
      <c r="W10376" s="2">
        <v>0.14899999999999999</v>
      </c>
      <c r="X10376" s="2">
        <v>12</v>
      </c>
      <c r="Y10376" s="2">
        <v>62</v>
      </c>
      <c r="Z10376" s="2">
        <v>199.7</v>
      </c>
      <c r="AA10376" s="5">
        <v>10</v>
      </c>
      <c r="AB10376" s="5" t="s">
        <v>43</v>
      </c>
      <c r="AC10376" s="5" t="s">
        <v>44</v>
      </c>
      <c r="AD10376" s="2" t="s">
        <v>31590</v>
      </c>
      <c r="AE10376" s="1"/>
    </row>
    <row r="10377" spans="1:31" ht="14.45">
      <c r="A10377" s="5"/>
      <c r="B10377" s="21"/>
      <c r="C10377" s="2" t="s">
        <v>31897</v>
      </c>
      <c r="D10377" s="14" t="s">
        <v>31898</v>
      </c>
      <c r="E10377" s="2" t="s">
        <v>31899</v>
      </c>
      <c r="F10377" s="2"/>
      <c r="G10377" s="8">
        <v>279</v>
      </c>
      <c r="H10377" s="5">
        <v>25</v>
      </c>
      <c r="I10377" s="5" t="s">
        <v>69</v>
      </c>
      <c r="J10377" s="5" t="s">
        <v>27074</v>
      </c>
      <c r="K10377" s="2" t="s">
        <v>27075</v>
      </c>
      <c r="L10377" s="5" t="s">
        <v>27074</v>
      </c>
      <c r="M10377" s="2" t="s">
        <v>27075</v>
      </c>
      <c r="N10377" s="5" t="s">
        <v>24254</v>
      </c>
      <c r="O10377" s="5" t="s">
        <v>38</v>
      </c>
      <c r="P10377" s="5" t="s">
        <v>39</v>
      </c>
      <c r="Q10377" s="5" t="s">
        <v>40</v>
      </c>
      <c r="R10377" s="5" t="s">
        <v>24335</v>
      </c>
      <c r="S10377" s="5" t="s">
        <v>40</v>
      </c>
      <c r="T10377" s="5" t="s">
        <v>42</v>
      </c>
      <c r="U10377" s="2">
        <v>9.5570000000000004</v>
      </c>
      <c r="V10377" s="2">
        <v>6.8070000000000004</v>
      </c>
      <c r="W10377" s="2">
        <v>0.14899999999999999</v>
      </c>
      <c r="X10377" s="2">
        <v>12</v>
      </c>
      <c r="Y10377" s="2">
        <v>62</v>
      </c>
      <c r="Z10377" s="2">
        <v>199.7</v>
      </c>
      <c r="AA10377" s="5">
        <v>10</v>
      </c>
      <c r="AB10377" s="5" t="s">
        <v>43</v>
      </c>
      <c r="AC10377" s="5" t="s">
        <v>44</v>
      </c>
      <c r="AD10377" s="2" t="s">
        <v>31586</v>
      </c>
      <c r="AE10377" s="1"/>
    </row>
    <row r="10378" spans="1:31" ht="14.45">
      <c r="A10378" s="5"/>
      <c r="B10378" s="21"/>
      <c r="C10378" s="2" t="s">
        <v>31900</v>
      </c>
      <c r="D10378" s="14" t="s">
        <v>31901</v>
      </c>
      <c r="E10378" s="2" t="s">
        <v>31902</v>
      </c>
      <c r="F10378" s="2"/>
      <c r="G10378" s="8">
        <v>279</v>
      </c>
      <c r="H10378" s="5">
        <v>25</v>
      </c>
      <c r="I10378" s="5" t="s">
        <v>69</v>
      </c>
      <c r="J10378" s="5" t="s">
        <v>27074</v>
      </c>
      <c r="K10378" s="2" t="s">
        <v>27075</v>
      </c>
      <c r="L10378" s="5" t="s">
        <v>27074</v>
      </c>
      <c r="M10378" s="2" t="s">
        <v>27075</v>
      </c>
      <c r="N10378" s="5" t="s">
        <v>24254</v>
      </c>
      <c r="O10378" s="5" t="s">
        <v>38</v>
      </c>
      <c r="P10378" s="5" t="s">
        <v>39</v>
      </c>
      <c r="Q10378" s="5" t="s">
        <v>40</v>
      </c>
      <c r="R10378" s="5" t="s">
        <v>24335</v>
      </c>
      <c r="S10378" s="5" t="s">
        <v>40</v>
      </c>
      <c r="T10378" s="5" t="s">
        <v>42</v>
      </c>
      <c r="U10378" s="2">
        <v>9.6270000000000007</v>
      </c>
      <c r="V10378" s="2">
        <v>6.88</v>
      </c>
      <c r="W10378" s="2">
        <v>0.14899999999999999</v>
      </c>
      <c r="X10378" s="2">
        <v>12</v>
      </c>
      <c r="Y10378" s="2">
        <v>62</v>
      </c>
      <c r="Z10378" s="2">
        <v>199.7</v>
      </c>
      <c r="AA10378" s="5">
        <v>10</v>
      </c>
      <c r="AB10378" s="5" t="s">
        <v>43</v>
      </c>
      <c r="AC10378" s="5" t="s">
        <v>44</v>
      </c>
      <c r="AD10378" s="2" t="s">
        <v>31590</v>
      </c>
      <c r="AE10378" s="1"/>
    </row>
    <row r="10379" spans="1:31" ht="14.45">
      <c r="A10379" s="5"/>
      <c r="B10379" s="21"/>
      <c r="C10379" s="2" t="s">
        <v>31903</v>
      </c>
      <c r="D10379" s="14" t="s">
        <v>31904</v>
      </c>
      <c r="E10379" s="2" t="s">
        <v>31905</v>
      </c>
      <c r="F10379" s="2"/>
      <c r="G10379" s="8">
        <v>279</v>
      </c>
      <c r="H10379" s="5">
        <v>25</v>
      </c>
      <c r="I10379" s="5" t="s">
        <v>69</v>
      </c>
      <c r="J10379" s="5" t="s">
        <v>27074</v>
      </c>
      <c r="K10379" s="2" t="s">
        <v>27075</v>
      </c>
      <c r="L10379" s="5" t="s">
        <v>27074</v>
      </c>
      <c r="M10379" s="2" t="s">
        <v>27075</v>
      </c>
      <c r="N10379" s="5" t="s">
        <v>24254</v>
      </c>
      <c r="O10379" s="5" t="s">
        <v>38</v>
      </c>
      <c r="P10379" s="5" t="s">
        <v>39</v>
      </c>
      <c r="Q10379" s="5" t="s">
        <v>40</v>
      </c>
      <c r="R10379" s="5" t="s">
        <v>24335</v>
      </c>
      <c r="S10379" s="5" t="s">
        <v>40</v>
      </c>
      <c r="T10379" s="5" t="s">
        <v>42</v>
      </c>
      <c r="U10379" s="2">
        <v>10.351000000000001</v>
      </c>
      <c r="V10379" s="2">
        <v>7.6040000000000001</v>
      </c>
      <c r="W10379" s="2">
        <v>0.14899999999999999</v>
      </c>
      <c r="X10379" s="2">
        <v>12</v>
      </c>
      <c r="Y10379" s="2">
        <v>62</v>
      </c>
      <c r="Z10379" s="2">
        <v>199.7</v>
      </c>
      <c r="AA10379" s="5">
        <v>10</v>
      </c>
      <c r="AB10379" s="5" t="s">
        <v>43</v>
      </c>
      <c r="AC10379" s="5" t="s">
        <v>44</v>
      </c>
      <c r="AD10379" s="2" t="s">
        <v>31586</v>
      </c>
      <c r="AE10379" s="1"/>
    </row>
    <row r="10380" spans="1:31" ht="14.45">
      <c r="A10380" s="5"/>
      <c r="B10380" s="21"/>
      <c r="C10380" s="2" t="s">
        <v>31906</v>
      </c>
      <c r="D10380" s="14" t="s">
        <v>31907</v>
      </c>
      <c r="E10380" s="2" t="s">
        <v>31908</v>
      </c>
      <c r="F10380" s="2" t="s">
        <v>29636</v>
      </c>
      <c r="G10380" s="8">
        <v>558</v>
      </c>
      <c r="H10380" s="5">
        <v>10</v>
      </c>
      <c r="I10380" s="5" t="s">
        <v>69</v>
      </c>
      <c r="J10380" s="5" t="s">
        <v>27074</v>
      </c>
      <c r="K10380" s="2" t="s">
        <v>27075</v>
      </c>
      <c r="L10380" s="5" t="s">
        <v>27074</v>
      </c>
      <c r="M10380" s="2" t="s">
        <v>27075</v>
      </c>
      <c r="N10380" s="5" t="s">
        <v>24254</v>
      </c>
      <c r="O10380" s="5" t="s">
        <v>38</v>
      </c>
      <c r="P10380" s="5" t="s">
        <v>39</v>
      </c>
      <c r="Q10380" s="5" t="s">
        <v>40</v>
      </c>
      <c r="R10380" s="5" t="s">
        <v>1487</v>
      </c>
      <c r="S10380" s="5"/>
      <c r="T10380" s="5" t="s">
        <v>42</v>
      </c>
      <c r="U10380" s="2">
        <v>0</v>
      </c>
      <c r="V10380" s="2">
        <v>0</v>
      </c>
      <c r="W10380" s="2">
        <v>0</v>
      </c>
      <c r="X10380" s="2">
        <v>0</v>
      </c>
      <c r="Y10380" s="2">
        <v>0</v>
      </c>
      <c r="Z10380" s="2">
        <v>0</v>
      </c>
      <c r="AA10380" s="5"/>
      <c r="AB10380" s="5" t="s">
        <v>43</v>
      </c>
      <c r="AC10380" s="5" t="s">
        <v>44</v>
      </c>
      <c r="AD10380" s="2" t="s">
        <v>31597</v>
      </c>
      <c r="AE10380" s="1"/>
    </row>
    <row r="10381" spans="1:31" ht="14.45">
      <c r="A10381" s="5"/>
      <c r="B10381" s="21"/>
      <c r="C10381" s="2" t="s">
        <v>31909</v>
      </c>
      <c r="D10381" s="14" t="s">
        <v>31910</v>
      </c>
      <c r="E10381" s="2" t="s">
        <v>31911</v>
      </c>
      <c r="F10381" s="2" t="s">
        <v>29652</v>
      </c>
      <c r="G10381" s="8">
        <v>1046</v>
      </c>
      <c r="H10381" s="5">
        <v>15</v>
      </c>
      <c r="I10381" s="5" t="s">
        <v>69</v>
      </c>
      <c r="J10381" s="5" t="s">
        <v>27074</v>
      </c>
      <c r="K10381" s="2" t="s">
        <v>27075</v>
      </c>
      <c r="L10381" s="5" t="s">
        <v>27074</v>
      </c>
      <c r="M10381" s="2" t="s">
        <v>27075</v>
      </c>
      <c r="N10381" s="5" t="s">
        <v>24254</v>
      </c>
      <c r="O10381" s="5" t="s">
        <v>38</v>
      </c>
      <c r="P10381" s="5" t="s">
        <v>39</v>
      </c>
      <c r="Q10381" s="5" t="s">
        <v>40</v>
      </c>
      <c r="R10381" s="5" t="s">
        <v>1487</v>
      </c>
      <c r="S10381" s="5"/>
      <c r="T10381" s="5" t="s">
        <v>42</v>
      </c>
      <c r="U10381" s="2">
        <v>0</v>
      </c>
      <c r="V10381" s="2">
        <v>0</v>
      </c>
      <c r="W10381" s="2">
        <v>0</v>
      </c>
      <c r="X10381" s="2">
        <v>0</v>
      </c>
      <c r="Y10381" s="2">
        <v>0</v>
      </c>
      <c r="Z10381" s="2">
        <v>0</v>
      </c>
      <c r="AA10381" s="5"/>
      <c r="AB10381" s="5" t="s">
        <v>43</v>
      </c>
      <c r="AC10381" s="5" t="s">
        <v>44</v>
      </c>
      <c r="AD10381" s="2" t="s">
        <v>31601</v>
      </c>
      <c r="AE10381" s="1"/>
    </row>
    <row r="10382" spans="1:31" ht="14.45">
      <c r="A10382" s="5"/>
      <c r="B10382" s="21"/>
      <c r="C10382" s="2" t="s">
        <v>31912</v>
      </c>
      <c r="D10382" s="14" t="s">
        <v>31913</v>
      </c>
      <c r="E10382" s="2" t="s">
        <v>31914</v>
      </c>
      <c r="F10382" s="2" t="s">
        <v>29652</v>
      </c>
      <c r="G10382" s="8">
        <v>1046</v>
      </c>
      <c r="H10382" s="5">
        <v>15</v>
      </c>
      <c r="I10382" s="5" t="s">
        <v>69</v>
      </c>
      <c r="J10382" s="5" t="s">
        <v>27074</v>
      </c>
      <c r="K10382" s="2" t="s">
        <v>27075</v>
      </c>
      <c r="L10382" s="5" t="s">
        <v>27074</v>
      </c>
      <c r="M10382" s="2" t="s">
        <v>27075</v>
      </c>
      <c r="N10382" s="5" t="s">
        <v>24254</v>
      </c>
      <c r="O10382" s="5" t="s">
        <v>38</v>
      </c>
      <c r="P10382" s="5" t="s">
        <v>39</v>
      </c>
      <c r="Q10382" s="5" t="s">
        <v>40</v>
      </c>
      <c r="R10382" s="5" t="s">
        <v>1487</v>
      </c>
      <c r="S10382" s="5"/>
      <c r="T10382" s="5" t="s">
        <v>42</v>
      </c>
      <c r="U10382" s="2">
        <v>0</v>
      </c>
      <c r="V10382" s="2">
        <v>0</v>
      </c>
      <c r="W10382" s="2">
        <v>0</v>
      </c>
      <c r="X10382" s="2">
        <v>0</v>
      </c>
      <c r="Y10382" s="2">
        <v>0</v>
      </c>
      <c r="Z10382" s="2">
        <v>0</v>
      </c>
      <c r="AA10382" s="5"/>
      <c r="AB10382" s="5" t="s">
        <v>43</v>
      </c>
      <c r="AC10382" s="5" t="s">
        <v>44</v>
      </c>
      <c r="AD10382" s="2" t="s">
        <v>31605</v>
      </c>
      <c r="AE10382" s="1"/>
    </row>
    <row r="10383" spans="1:31" ht="14.45">
      <c r="A10383" s="5"/>
      <c r="B10383" s="21"/>
      <c r="C10383" s="2" t="s">
        <v>31915</v>
      </c>
      <c r="D10383" s="14" t="s">
        <v>31916</v>
      </c>
      <c r="E10383" s="2" t="s">
        <v>31917</v>
      </c>
      <c r="F10383" s="2" t="s">
        <v>29652</v>
      </c>
      <c r="G10383" s="8">
        <v>1743</v>
      </c>
      <c r="H10383" s="5">
        <v>15</v>
      </c>
      <c r="I10383" s="5" t="s">
        <v>69</v>
      </c>
      <c r="J10383" s="5" t="s">
        <v>27074</v>
      </c>
      <c r="K10383" s="2" t="s">
        <v>27075</v>
      </c>
      <c r="L10383" s="5" t="s">
        <v>27074</v>
      </c>
      <c r="M10383" s="2" t="s">
        <v>27075</v>
      </c>
      <c r="N10383" s="5" t="s">
        <v>24254</v>
      </c>
      <c r="O10383" s="5" t="s">
        <v>38</v>
      </c>
      <c r="P10383" s="5" t="s">
        <v>39</v>
      </c>
      <c r="Q10383" s="5" t="s">
        <v>40</v>
      </c>
      <c r="R10383" s="5" t="s">
        <v>1487</v>
      </c>
      <c r="S10383" s="5"/>
      <c r="T10383" s="5" t="s">
        <v>42</v>
      </c>
      <c r="U10383" s="2">
        <v>0</v>
      </c>
      <c r="V10383" s="2">
        <v>0</v>
      </c>
      <c r="W10383" s="2">
        <v>0</v>
      </c>
      <c r="X10383" s="2">
        <v>0</v>
      </c>
      <c r="Y10383" s="2">
        <v>0</v>
      </c>
      <c r="Z10383" s="2">
        <v>0</v>
      </c>
      <c r="AA10383" s="5"/>
      <c r="AB10383" s="5" t="s">
        <v>43</v>
      </c>
      <c r="AC10383" s="5" t="s">
        <v>44</v>
      </c>
      <c r="AD10383" s="2" t="s">
        <v>31609</v>
      </c>
      <c r="AE10383" s="1"/>
    </row>
    <row r="10384" spans="1:31" ht="14.45">
      <c r="A10384" s="5"/>
      <c r="B10384" s="21"/>
      <c r="C10384" s="2" t="s">
        <v>31918</v>
      </c>
      <c r="D10384" s="14" t="s">
        <v>31919</v>
      </c>
      <c r="E10384" s="2" t="s">
        <v>31920</v>
      </c>
      <c r="F10384" s="2" t="s">
        <v>29652</v>
      </c>
      <c r="G10384" s="8">
        <v>1743</v>
      </c>
      <c r="H10384" s="5">
        <v>15</v>
      </c>
      <c r="I10384" s="5" t="s">
        <v>69</v>
      </c>
      <c r="J10384" s="5" t="s">
        <v>27074</v>
      </c>
      <c r="K10384" s="2" t="s">
        <v>27075</v>
      </c>
      <c r="L10384" s="5" t="s">
        <v>27074</v>
      </c>
      <c r="M10384" s="2" t="s">
        <v>27075</v>
      </c>
      <c r="N10384" s="5" t="s">
        <v>24254</v>
      </c>
      <c r="O10384" s="5" t="s">
        <v>38</v>
      </c>
      <c r="P10384" s="5" t="s">
        <v>39</v>
      </c>
      <c r="Q10384" s="5" t="s">
        <v>40</v>
      </c>
      <c r="R10384" s="5" t="s">
        <v>1487</v>
      </c>
      <c r="S10384" s="5"/>
      <c r="T10384" s="5" t="s">
        <v>42</v>
      </c>
      <c r="U10384" s="2">
        <v>0</v>
      </c>
      <c r="V10384" s="2">
        <v>0</v>
      </c>
      <c r="W10384" s="2">
        <v>0</v>
      </c>
      <c r="X10384" s="2">
        <v>0</v>
      </c>
      <c r="Y10384" s="2">
        <v>0</v>
      </c>
      <c r="Z10384" s="2">
        <v>0</v>
      </c>
      <c r="AA10384" s="5"/>
      <c r="AB10384" s="5" t="s">
        <v>43</v>
      </c>
      <c r="AC10384" s="5" t="s">
        <v>44</v>
      </c>
      <c r="AD10384" s="2" t="s">
        <v>31613</v>
      </c>
      <c r="AE10384" s="1"/>
    </row>
    <row r="10385" spans="1:31" ht="14.45">
      <c r="A10385" s="5"/>
      <c r="B10385" s="21"/>
      <c r="C10385" s="2" t="s">
        <v>31921</v>
      </c>
      <c r="D10385" s="14" t="s">
        <v>31922</v>
      </c>
      <c r="E10385" s="2" t="s">
        <v>31923</v>
      </c>
      <c r="F10385" s="2"/>
      <c r="G10385" s="8">
        <v>284</v>
      </c>
      <c r="H10385" s="5">
        <v>10</v>
      </c>
      <c r="I10385" s="5" t="s">
        <v>69</v>
      </c>
      <c r="J10385" s="5" t="s">
        <v>27074</v>
      </c>
      <c r="K10385" s="2" t="s">
        <v>27075</v>
      </c>
      <c r="L10385" s="5" t="s">
        <v>27074</v>
      </c>
      <c r="M10385" s="2" t="s">
        <v>27075</v>
      </c>
      <c r="N10385" s="5" t="s">
        <v>24254</v>
      </c>
      <c r="O10385" s="5" t="s">
        <v>38</v>
      </c>
      <c r="P10385" s="5" t="s">
        <v>39</v>
      </c>
      <c r="Q10385" s="5" t="s">
        <v>40</v>
      </c>
      <c r="R10385" s="5" t="s">
        <v>24335</v>
      </c>
      <c r="S10385" s="5" t="s">
        <v>40</v>
      </c>
      <c r="T10385" s="5" t="s">
        <v>42</v>
      </c>
      <c r="U10385" s="2">
        <v>12.422000000000001</v>
      </c>
      <c r="V10385" s="2">
        <v>12.061999999999999</v>
      </c>
      <c r="W10385" s="2">
        <v>0.17399999999999999</v>
      </c>
      <c r="X10385" s="2">
        <v>12</v>
      </c>
      <c r="Y10385" s="2">
        <v>62</v>
      </c>
      <c r="Z10385" s="2">
        <v>234.1</v>
      </c>
      <c r="AA10385" s="5">
        <v>8</v>
      </c>
      <c r="AB10385" s="5" t="s">
        <v>43</v>
      </c>
      <c r="AC10385" s="5" t="s">
        <v>44</v>
      </c>
      <c r="AD10385" s="2" t="s">
        <v>31572</v>
      </c>
      <c r="AE10385" s="1"/>
    </row>
    <row r="10386" spans="1:31" ht="14.45">
      <c r="A10386" s="5"/>
      <c r="B10386" s="21"/>
      <c r="C10386" s="2" t="s">
        <v>31924</v>
      </c>
      <c r="D10386" s="14" t="s">
        <v>31925</v>
      </c>
      <c r="E10386" s="2" t="s">
        <v>31926</v>
      </c>
      <c r="F10386" s="2"/>
      <c r="G10386" s="8">
        <v>284</v>
      </c>
      <c r="H10386" s="5">
        <v>10</v>
      </c>
      <c r="I10386" s="5" t="s">
        <v>69</v>
      </c>
      <c r="J10386" s="5" t="s">
        <v>27074</v>
      </c>
      <c r="K10386" s="2" t="s">
        <v>27075</v>
      </c>
      <c r="L10386" s="5" t="s">
        <v>27074</v>
      </c>
      <c r="M10386" s="2" t="s">
        <v>27075</v>
      </c>
      <c r="N10386" s="5" t="s">
        <v>24254</v>
      </c>
      <c r="O10386" s="5" t="s">
        <v>38</v>
      </c>
      <c r="P10386" s="5" t="s">
        <v>39</v>
      </c>
      <c r="Q10386" s="5" t="s">
        <v>40</v>
      </c>
      <c r="R10386" s="5" t="s">
        <v>24335</v>
      </c>
      <c r="S10386" s="5" t="s">
        <v>40</v>
      </c>
      <c r="T10386" s="5" t="s">
        <v>42</v>
      </c>
      <c r="U10386" s="2">
        <v>10.686999999999999</v>
      </c>
      <c r="V10386" s="2">
        <v>10.368</v>
      </c>
      <c r="W10386" s="2">
        <v>0.17399999999999999</v>
      </c>
      <c r="X10386" s="2">
        <v>12</v>
      </c>
      <c r="Y10386" s="2">
        <v>62</v>
      </c>
      <c r="Z10386" s="2">
        <v>234.1</v>
      </c>
      <c r="AA10386" s="5">
        <v>8</v>
      </c>
      <c r="AB10386" s="5" t="s">
        <v>43</v>
      </c>
      <c r="AC10386" s="5" t="s">
        <v>44</v>
      </c>
      <c r="AD10386" s="2" t="s">
        <v>31572</v>
      </c>
      <c r="AE10386" s="1"/>
    </row>
    <row r="10387" spans="1:31" ht="14.45">
      <c r="A10387" s="5"/>
      <c r="B10387" s="21"/>
      <c r="C10387" s="2" t="s">
        <v>31927</v>
      </c>
      <c r="D10387" s="14" t="s">
        <v>31928</v>
      </c>
      <c r="E10387" s="2" t="s">
        <v>31929</v>
      </c>
      <c r="F10387" s="2"/>
      <c r="G10387" s="8">
        <v>284</v>
      </c>
      <c r="H10387" s="5">
        <v>5</v>
      </c>
      <c r="I10387" s="5" t="s">
        <v>69</v>
      </c>
      <c r="J10387" s="5" t="s">
        <v>27074</v>
      </c>
      <c r="K10387" s="2" t="s">
        <v>27075</v>
      </c>
      <c r="L10387" s="5" t="s">
        <v>27074</v>
      </c>
      <c r="M10387" s="2" t="s">
        <v>27075</v>
      </c>
      <c r="N10387" s="5" t="s">
        <v>24254</v>
      </c>
      <c r="O10387" s="5" t="s">
        <v>38</v>
      </c>
      <c r="P10387" s="5" t="s">
        <v>39</v>
      </c>
      <c r="Q10387" s="5" t="s">
        <v>40</v>
      </c>
      <c r="R10387" s="5" t="s">
        <v>24335</v>
      </c>
      <c r="S10387" s="5" t="s">
        <v>40</v>
      </c>
      <c r="T10387" s="5" t="s">
        <v>42</v>
      </c>
      <c r="U10387" s="2">
        <v>9.6880000000000006</v>
      </c>
      <c r="V10387" s="2">
        <v>6.7510000000000003</v>
      </c>
      <c r="W10387" s="2">
        <v>0.17399999999999999</v>
      </c>
      <c r="X10387" s="2">
        <v>12</v>
      </c>
      <c r="Y10387" s="2">
        <v>62</v>
      </c>
      <c r="Z10387" s="2">
        <v>234.1</v>
      </c>
      <c r="AA10387" s="5">
        <v>8</v>
      </c>
      <c r="AB10387" s="5" t="s">
        <v>43</v>
      </c>
      <c r="AC10387" s="5" t="s">
        <v>44</v>
      </c>
      <c r="AD10387" s="2" t="s">
        <v>31572</v>
      </c>
      <c r="AE10387" s="1"/>
    </row>
    <row r="10388" spans="1:31" ht="14.45">
      <c r="A10388" s="5"/>
      <c r="B10388" s="21"/>
      <c r="C10388" s="2" t="s">
        <v>31930</v>
      </c>
      <c r="D10388" s="14" t="s">
        <v>31931</v>
      </c>
      <c r="E10388" s="2" t="s">
        <v>31932</v>
      </c>
      <c r="F10388" s="2"/>
      <c r="G10388" s="8">
        <v>265</v>
      </c>
      <c r="H10388" s="5">
        <v>5</v>
      </c>
      <c r="I10388" s="5" t="s">
        <v>69</v>
      </c>
      <c r="J10388" s="5" t="s">
        <v>27074</v>
      </c>
      <c r="K10388" s="2" t="s">
        <v>27075</v>
      </c>
      <c r="L10388" s="5" t="s">
        <v>27074</v>
      </c>
      <c r="M10388" s="2" t="s">
        <v>27075</v>
      </c>
      <c r="N10388" s="5" t="s">
        <v>24254</v>
      </c>
      <c r="O10388" s="5" t="s">
        <v>38</v>
      </c>
      <c r="P10388" s="5" t="s">
        <v>39</v>
      </c>
      <c r="Q10388" s="5" t="s">
        <v>40</v>
      </c>
      <c r="R10388" s="5" t="s">
        <v>24335</v>
      </c>
      <c r="S10388" s="5" t="s">
        <v>40</v>
      </c>
      <c r="T10388" s="5" t="s">
        <v>42</v>
      </c>
      <c r="U10388" s="2">
        <v>11.782999999999999</v>
      </c>
      <c r="V10388" s="2">
        <v>8.8140000000000001</v>
      </c>
      <c r="W10388" s="2">
        <v>0.17399999999999999</v>
      </c>
      <c r="X10388" s="2">
        <v>12</v>
      </c>
      <c r="Y10388" s="2">
        <v>62</v>
      </c>
      <c r="Z10388" s="2">
        <v>234.1</v>
      </c>
      <c r="AA10388" s="5">
        <v>8</v>
      </c>
      <c r="AB10388" s="5" t="s">
        <v>43</v>
      </c>
      <c r="AC10388" s="5" t="s">
        <v>44</v>
      </c>
      <c r="AD10388" s="2" t="s">
        <v>31572</v>
      </c>
      <c r="AE10388" s="1"/>
    </row>
    <row r="10389" spans="1:31" ht="14.45">
      <c r="A10389" s="5"/>
      <c r="B10389" s="21"/>
      <c r="C10389" s="2" t="s">
        <v>31933</v>
      </c>
      <c r="D10389" s="14" t="s">
        <v>31934</v>
      </c>
      <c r="E10389" s="2" t="s">
        <v>31935</v>
      </c>
      <c r="F10389" s="2"/>
      <c r="G10389" s="8">
        <v>265</v>
      </c>
      <c r="H10389" s="5">
        <v>5</v>
      </c>
      <c r="I10389" s="5" t="s">
        <v>69</v>
      </c>
      <c r="J10389" s="5" t="s">
        <v>27074</v>
      </c>
      <c r="K10389" s="2" t="s">
        <v>27075</v>
      </c>
      <c r="L10389" s="5" t="s">
        <v>27074</v>
      </c>
      <c r="M10389" s="2" t="s">
        <v>27075</v>
      </c>
      <c r="N10389" s="5" t="s">
        <v>24254</v>
      </c>
      <c r="O10389" s="5" t="s">
        <v>38</v>
      </c>
      <c r="P10389" s="5" t="s">
        <v>39</v>
      </c>
      <c r="Q10389" s="5" t="s">
        <v>40</v>
      </c>
      <c r="R10389" s="5" t="s">
        <v>24335</v>
      </c>
      <c r="S10389" s="5" t="s">
        <v>40</v>
      </c>
      <c r="T10389" s="5" t="s">
        <v>42</v>
      </c>
      <c r="U10389" s="2">
        <v>10.324999999999999</v>
      </c>
      <c r="V10389" s="2">
        <v>7.3970000000000002</v>
      </c>
      <c r="W10389" s="2">
        <v>0.17399999999999999</v>
      </c>
      <c r="X10389" s="2">
        <v>12</v>
      </c>
      <c r="Y10389" s="2">
        <v>62</v>
      </c>
      <c r="Z10389" s="2">
        <v>234.1</v>
      </c>
      <c r="AA10389" s="5">
        <v>8</v>
      </c>
      <c r="AB10389" s="5" t="s">
        <v>43</v>
      </c>
      <c r="AC10389" s="5" t="s">
        <v>44</v>
      </c>
      <c r="AD10389" s="2" t="s">
        <v>31572</v>
      </c>
      <c r="AE10389" s="1"/>
    </row>
    <row r="10390" spans="1:31" ht="14.45">
      <c r="A10390" s="5"/>
      <c r="B10390" s="21"/>
      <c r="C10390" s="2" t="s">
        <v>31936</v>
      </c>
      <c r="D10390" s="14" t="s">
        <v>31937</v>
      </c>
      <c r="E10390" s="2" t="s">
        <v>31938</v>
      </c>
      <c r="F10390" s="2"/>
      <c r="G10390" s="8">
        <v>265</v>
      </c>
      <c r="H10390" s="5">
        <v>5</v>
      </c>
      <c r="I10390" s="5" t="s">
        <v>69</v>
      </c>
      <c r="J10390" s="5" t="s">
        <v>27074</v>
      </c>
      <c r="K10390" s="2" t="s">
        <v>27075</v>
      </c>
      <c r="L10390" s="5" t="s">
        <v>27074</v>
      </c>
      <c r="M10390" s="2" t="s">
        <v>27075</v>
      </c>
      <c r="N10390" s="5" t="s">
        <v>24254</v>
      </c>
      <c r="O10390" s="5" t="s">
        <v>38</v>
      </c>
      <c r="P10390" s="5" t="s">
        <v>39</v>
      </c>
      <c r="Q10390" s="5" t="s">
        <v>40</v>
      </c>
      <c r="R10390" s="5" t="s">
        <v>24335</v>
      </c>
      <c r="S10390" s="5" t="s">
        <v>40</v>
      </c>
      <c r="T10390" s="5" t="s">
        <v>42</v>
      </c>
      <c r="U10390" s="2">
        <v>9.0579999999999998</v>
      </c>
      <c r="V10390" s="2">
        <v>6.1210000000000004</v>
      </c>
      <c r="W10390" s="2">
        <v>0.14899999999999999</v>
      </c>
      <c r="X10390" s="2">
        <v>12</v>
      </c>
      <c r="Y10390" s="2">
        <v>62</v>
      </c>
      <c r="Z10390" s="2">
        <v>199.7</v>
      </c>
      <c r="AA10390" s="5">
        <v>8</v>
      </c>
      <c r="AB10390" s="5" t="s">
        <v>43</v>
      </c>
      <c r="AC10390" s="5" t="s">
        <v>44</v>
      </c>
      <c r="AD10390" s="2" t="s">
        <v>31572</v>
      </c>
      <c r="AE10390" s="1"/>
    </row>
    <row r="10391" spans="1:31" ht="14.45">
      <c r="A10391" s="5"/>
      <c r="B10391" s="21"/>
      <c r="C10391" s="2" t="s">
        <v>31939</v>
      </c>
      <c r="D10391" s="14" t="s">
        <v>31940</v>
      </c>
      <c r="E10391" s="2" t="s">
        <v>31941</v>
      </c>
      <c r="F10391" s="2"/>
      <c r="G10391" s="8">
        <v>265</v>
      </c>
      <c r="H10391" s="5">
        <v>25</v>
      </c>
      <c r="I10391" s="5" t="s">
        <v>69</v>
      </c>
      <c r="J10391" s="5" t="s">
        <v>27074</v>
      </c>
      <c r="K10391" s="2" t="s">
        <v>27075</v>
      </c>
      <c r="L10391" s="5" t="s">
        <v>27074</v>
      </c>
      <c r="M10391" s="2" t="s">
        <v>27075</v>
      </c>
      <c r="N10391" s="5" t="s">
        <v>24254</v>
      </c>
      <c r="O10391" s="5" t="s">
        <v>38</v>
      </c>
      <c r="P10391" s="5" t="s">
        <v>39</v>
      </c>
      <c r="Q10391" s="5" t="s">
        <v>40</v>
      </c>
      <c r="R10391" s="5" t="s">
        <v>24335</v>
      </c>
      <c r="S10391" s="5" t="s">
        <v>40</v>
      </c>
      <c r="T10391" s="5" t="s">
        <v>42</v>
      </c>
      <c r="U10391" s="2">
        <v>8.6720000000000006</v>
      </c>
      <c r="V10391" s="2">
        <v>6.7009999999999996</v>
      </c>
      <c r="W10391" s="2">
        <v>0.129</v>
      </c>
      <c r="X10391" s="2">
        <v>12</v>
      </c>
      <c r="Y10391" s="2">
        <v>62</v>
      </c>
      <c r="Z10391" s="2">
        <v>172.9</v>
      </c>
      <c r="AA10391" s="5">
        <v>10</v>
      </c>
      <c r="AB10391" s="5" t="s">
        <v>43</v>
      </c>
      <c r="AC10391" s="5" t="s">
        <v>44</v>
      </c>
      <c r="AD10391" s="2" t="s">
        <v>31737</v>
      </c>
      <c r="AE10391" s="1"/>
    </row>
    <row r="10392" spans="1:31" ht="14.45">
      <c r="A10392" s="5"/>
      <c r="B10392" s="21"/>
      <c r="C10392" s="2" t="s">
        <v>31942</v>
      </c>
      <c r="D10392" s="14" t="s">
        <v>31943</v>
      </c>
      <c r="E10392" s="2" t="s">
        <v>31944</v>
      </c>
      <c r="F10392" s="2"/>
      <c r="G10392" s="8">
        <v>265</v>
      </c>
      <c r="H10392" s="5">
        <v>25</v>
      </c>
      <c r="I10392" s="5" t="s">
        <v>69</v>
      </c>
      <c r="J10392" s="5" t="s">
        <v>27074</v>
      </c>
      <c r="K10392" s="2" t="s">
        <v>27075</v>
      </c>
      <c r="L10392" s="5" t="s">
        <v>27074</v>
      </c>
      <c r="M10392" s="2" t="s">
        <v>27075</v>
      </c>
      <c r="N10392" s="5" t="s">
        <v>24254</v>
      </c>
      <c r="O10392" s="5" t="s">
        <v>38</v>
      </c>
      <c r="P10392" s="5" t="s">
        <v>39</v>
      </c>
      <c r="Q10392" s="5" t="s">
        <v>40</v>
      </c>
      <c r="R10392" s="5" t="s">
        <v>24335</v>
      </c>
      <c r="S10392" s="5" t="s">
        <v>40</v>
      </c>
      <c r="T10392" s="5" t="s">
        <v>42</v>
      </c>
      <c r="U10392" s="2">
        <v>7.6879999999999997</v>
      </c>
      <c r="V10392" s="2">
        <v>5.7149999999999999</v>
      </c>
      <c r="W10392" s="2">
        <v>0.129</v>
      </c>
      <c r="X10392" s="2">
        <v>12</v>
      </c>
      <c r="Y10392" s="2">
        <v>62</v>
      </c>
      <c r="Z10392" s="2">
        <v>172.9</v>
      </c>
      <c r="AA10392" s="5">
        <v>10</v>
      </c>
      <c r="AB10392" s="5" t="s">
        <v>43</v>
      </c>
      <c r="AC10392" s="5" t="s">
        <v>44</v>
      </c>
      <c r="AD10392" s="2" t="s">
        <v>31590</v>
      </c>
      <c r="AE10392" s="1"/>
    </row>
    <row r="10393" spans="1:31" ht="14.45">
      <c r="A10393" s="5"/>
      <c r="B10393" s="21"/>
      <c r="C10393" s="2" t="s">
        <v>31945</v>
      </c>
      <c r="D10393" s="14" t="s">
        <v>31946</v>
      </c>
      <c r="E10393" s="2" t="s">
        <v>31947</v>
      </c>
      <c r="F10393" s="2"/>
      <c r="G10393" s="8">
        <v>265</v>
      </c>
      <c r="H10393" s="5">
        <v>25</v>
      </c>
      <c r="I10393" s="5" t="s">
        <v>69</v>
      </c>
      <c r="J10393" s="5" t="s">
        <v>27074</v>
      </c>
      <c r="K10393" s="2" t="s">
        <v>27075</v>
      </c>
      <c r="L10393" s="5" t="s">
        <v>27074</v>
      </c>
      <c r="M10393" s="2" t="s">
        <v>27075</v>
      </c>
      <c r="N10393" s="5" t="s">
        <v>24254</v>
      </c>
      <c r="O10393" s="5" t="s">
        <v>38</v>
      </c>
      <c r="P10393" s="5" t="s">
        <v>39</v>
      </c>
      <c r="Q10393" s="5" t="s">
        <v>40</v>
      </c>
      <c r="R10393" s="5" t="s">
        <v>24335</v>
      </c>
      <c r="S10393" s="5" t="s">
        <v>40</v>
      </c>
      <c r="T10393" s="5" t="s">
        <v>42</v>
      </c>
      <c r="U10393" s="2">
        <v>9.1059999999999999</v>
      </c>
      <c r="V10393" s="2">
        <v>7.1509999999999998</v>
      </c>
      <c r="W10393" s="2">
        <v>0.129</v>
      </c>
      <c r="X10393" s="2">
        <v>12</v>
      </c>
      <c r="Y10393" s="2">
        <v>62</v>
      </c>
      <c r="Z10393" s="2">
        <v>172.9</v>
      </c>
      <c r="AA10393" s="5">
        <v>10</v>
      </c>
      <c r="AB10393" s="5" t="s">
        <v>43</v>
      </c>
      <c r="AC10393" s="5" t="s">
        <v>44</v>
      </c>
      <c r="AD10393" s="2" t="s">
        <v>31586</v>
      </c>
      <c r="AE10393" s="1"/>
    </row>
    <row r="10394" spans="1:31" ht="14.45">
      <c r="A10394" s="5"/>
      <c r="B10394" s="21"/>
      <c r="C10394" s="2" t="s">
        <v>31948</v>
      </c>
      <c r="D10394" s="14" t="s">
        <v>31949</v>
      </c>
      <c r="E10394" s="2" t="s">
        <v>31950</v>
      </c>
      <c r="F10394" s="2" t="s">
        <v>29636</v>
      </c>
      <c r="G10394" s="8">
        <v>530</v>
      </c>
      <c r="H10394" s="5">
        <v>5</v>
      </c>
      <c r="I10394" s="5" t="s">
        <v>69</v>
      </c>
      <c r="J10394" s="5" t="s">
        <v>27074</v>
      </c>
      <c r="K10394" s="2" t="s">
        <v>27075</v>
      </c>
      <c r="L10394" s="5" t="s">
        <v>27074</v>
      </c>
      <c r="M10394" s="2" t="s">
        <v>27075</v>
      </c>
      <c r="N10394" s="5" t="s">
        <v>24254</v>
      </c>
      <c r="O10394" s="5" t="s">
        <v>38</v>
      </c>
      <c r="P10394" s="5" t="s">
        <v>39</v>
      </c>
      <c r="Q10394" s="5" t="s">
        <v>40</v>
      </c>
      <c r="R10394" s="5" t="s">
        <v>1487</v>
      </c>
      <c r="S10394" s="5"/>
      <c r="T10394" s="5" t="s">
        <v>42</v>
      </c>
      <c r="U10394" s="2">
        <v>0</v>
      </c>
      <c r="V10394" s="2">
        <v>0</v>
      </c>
      <c r="W10394" s="2">
        <v>0</v>
      </c>
      <c r="X10394" s="2">
        <v>0</v>
      </c>
      <c r="Y10394" s="2">
        <v>0</v>
      </c>
      <c r="Z10394" s="2">
        <v>0</v>
      </c>
      <c r="AA10394" s="5"/>
      <c r="AB10394" s="5" t="s">
        <v>43</v>
      </c>
      <c r="AC10394" s="5" t="s">
        <v>44</v>
      </c>
      <c r="AD10394" s="2" t="s">
        <v>31597</v>
      </c>
      <c r="AE10394" s="1"/>
    </row>
    <row r="10395" spans="1:31" ht="14.45">
      <c r="A10395" s="5"/>
      <c r="B10395" s="21"/>
      <c r="C10395" s="2" t="s">
        <v>31951</v>
      </c>
      <c r="D10395" s="14" t="s">
        <v>31952</v>
      </c>
      <c r="E10395" s="2" t="s">
        <v>31953</v>
      </c>
      <c r="F10395" s="2" t="s">
        <v>29652</v>
      </c>
      <c r="G10395" s="8">
        <v>1013</v>
      </c>
      <c r="H10395" s="5">
        <v>15</v>
      </c>
      <c r="I10395" s="5" t="s">
        <v>69</v>
      </c>
      <c r="J10395" s="5" t="s">
        <v>27074</v>
      </c>
      <c r="K10395" s="2" t="s">
        <v>27075</v>
      </c>
      <c r="L10395" s="5" t="s">
        <v>27074</v>
      </c>
      <c r="M10395" s="2" t="s">
        <v>27075</v>
      </c>
      <c r="N10395" s="5" t="s">
        <v>24254</v>
      </c>
      <c r="O10395" s="5" t="s">
        <v>38</v>
      </c>
      <c r="P10395" s="5" t="s">
        <v>39</v>
      </c>
      <c r="Q10395" s="5" t="s">
        <v>40</v>
      </c>
      <c r="R10395" s="5" t="s">
        <v>1487</v>
      </c>
      <c r="S10395" s="5"/>
      <c r="T10395" s="5" t="s">
        <v>42</v>
      </c>
      <c r="U10395" s="2">
        <v>0</v>
      </c>
      <c r="V10395" s="2">
        <v>0</v>
      </c>
      <c r="W10395" s="2">
        <v>0</v>
      </c>
      <c r="X10395" s="2">
        <v>0</v>
      </c>
      <c r="Y10395" s="2">
        <v>0</v>
      </c>
      <c r="Z10395" s="2">
        <v>0</v>
      </c>
      <c r="AA10395" s="5"/>
      <c r="AB10395" s="5" t="s">
        <v>43</v>
      </c>
      <c r="AC10395" s="5" t="s">
        <v>44</v>
      </c>
      <c r="AD10395" s="2" t="s">
        <v>31601</v>
      </c>
      <c r="AE10395" s="1"/>
    </row>
    <row r="10396" spans="1:31" ht="14.45">
      <c r="A10396" s="5"/>
      <c r="B10396" s="21"/>
      <c r="C10396" s="2" t="s">
        <v>31954</v>
      </c>
      <c r="D10396" s="14" t="s">
        <v>31955</v>
      </c>
      <c r="E10396" s="2" t="s">
        <v>31956</v>
      </c>
      <c r="F10396" s="2"/>
      <c r="G10396" s="8">
        <v>279</v>
      </c>
      <c r="H10396" s="5">
        <v>5</v>
      </c>
      <c r="I10396" s="5" t="s">
        <v>69</v>
      </c>
      <c r="J10396" s="5" t="s">
        <v>27074</v>
      </c>
      <c r="K10396" s="2" t="s">
        <v>27075</v>
      </c>
      <c r="L10396" s="5" t="s">
        <v>27074</v>
      </c>
      <c r="M10396" s="2" t="s">
        <v>27075</v>
      </c>
      <c r="N10396" s="5" t="s">
        <v>24254</v>
      </c>
      <c r="O10396" s="5" t="s">
        <v>38</v>
      </c>
      <c r="P10396" s="5" t="s">
        <v>39</v>
      </c>
      <c r="Q10396" s="5" t="s">
        <v>40</v>
      </c>
      <c r="R10396" s="5" t="s">
        <v>24335</v>
      </c>
      <c r="S10396" s="5" t="s">
        <v>40</v>
      </c>
      <c r="T10396" s="5" t="s">
        <v>42</v>
      </c>
      <c r="U10396" s="2">
        <v>12.257999999999999</v>
      </c>
      <c r="V10396" s="2">
        <v>9.2889999999999997</v>
      </c>
      <c r="W10396" s="2">
        <v>0.17399999999999999</v>
      </c>
      <c r="X10396" s="2">
        <v>12</v>
      </c>
      <c r="Y10396" s="2">
        <v>62</v>
      </c>
      <c r="Z10396" s="2">
        <v>234.1</v>
      </c>
      <c r="AA10396" s="5">
        <v>8</v>
      </c>
      <c r="AB10396" s="5" t="s">
        <v>43</v>
      </c>
      <c r="AC10396" s="5" t="s">
        <v>44</v>
      </c>
      <c r="AD10396" s="2" t="s">
        <v>31572</v>
      </c>
      <c r="AE10396" s="1"/>
    </row>
    <row r="10397" spans="1:31" ht="14.45">
      <c r="A10397" s="5"/>
      <c r="B10397" s="21"/>
      <c r="C10397" s="2" t="s">
        <v>31957</v>
      </c>
      <c r="D10397" s="14" t="s">
        <v>31958</v>
      </c>
      <c r="E10397" s="2" t="s">
        <v>31959</v>
      </c>
      <c r="F10397" s="2"/>
      <c r="G10397" s="8">
        <v>279</v>
      </c>
      <c r="H10397" s="5">
        <v>5</v>
      </c>
      <c r="I10397" s="5" t="s">
        <v>69</v>
      </c>
      <c r="J10397" s="5" t="s">
        <v>27074</v>
      </c>
      <c r="K10397" s="2" t="s">
        <v>27075</v>
      </c>
      <c r="L10397" s="5" t="s">
        <v>27074</v>
      </c>
      <c r="M10397" s="2" t="s">
        <v>27075</v>
      </c>
      <c r="N10397" s="5" t="s">
        <v>24254</v>
      </c>
      <c r="O10397" s="5" t="s">
        <v>38</v>
      </c>
      <c r="P10397" s="5" t="s">
        <v>39</v>
      </c>
      <c r="Q10397" s="5" t="s">
        <v>40</v>
      </c>
      <c r="R10397" s="5" t="s">
        <v>24335</v>
      </c>
      <c r="S10397" s="5" t="s">
        <v>40</v>
      </c>
      <c r="T10397" s="5" t="s">
        <v>42</v>
      </c>
      <c r="U10397" s="2">
        <v>10.797000000000001</v>
      </c>
      <c r="V10397" s="2">
        <v>7.8689999999999998</v>
      </c>
      <c r="W10397" s="2">
        <v>0.17399999999999999</v>
      </c>
      <c r="X10397" s="2">
        <v>12</v>
      </c>
      <c r="Y10397" s="2">
        <v>62</v>
      </c>
      <c r="Z10397" s="2">
        <v>234.1</v>
      </c>
      <c r="AA10397" s="5">
        <v>8</v>
      </c>
      <c r="AB10397" s="5" t="s">
        <v>43</v>
      </c>
      <c r="AC10397" s="5" t="s">
        <v>44</v>
      </c>
      <c r="AD10397" s="2" t="s">
        <v>31572</v>
      </c>
      <c r="AE10397" s="1"/>
    </row>
    <row r="10398" spans="1:31" ht="14.45">
      <c r="A10398" s="5"/>
      <c r="B10398" s="21"/>
      <c r="C10398" s="2" t="s">
        <v>31960</v>
      </c>
      <c r="D10398" s="14" t="s">
        <v>31961</v>
      </c>
      <c r="E10398" s="2" t="s">
        <v>31962</v>
      </c>
      <c r="F10398" s="2"/>
      <c r="G10398" s="8">
        <v>279</v>
      </c>
      <c r="H10398" s="5">
        <v>5</v>
      </c>
      <c r="I10398" s="5" t="s">
        <v>69</v>
      </c>
      <c r="J10398" s="5" t="s">
        <v>27074</v>
      </c>
      <c r="K10398" s="2" t="s">
        <v>27075</v>
      </c>
      <c r="L10398" s="5" t="s">
        <v>27074</v>
      </c>
      <c r="M10398" s="2" t="s">
        <v>27075</v>
      </c>
      <c r="N10398" s="5" t="s">
        <v>24254</v>
      </c>
      <c r="O10398" s="5" t="s">
        <v>38</v>
      </c>
      <c r="P10398" s="5" t="s">
        <v>39</v>
      </c>
      <c r="Q10398" s="5" t="s">
        <v>40</v>
      </c>
      <c r="R10398" s="5" t="s">
        <v>24335</v>
      </c>
      <c r="S10398" s="5" t="s">
        <v>40</v>
      </c>
      <c r="T10398" s="5" t="s">
        <v>42</v>
      </c>
      <c r="U10398" s="2">
        <v>9.4</v>
      </c>
      <c r="V10398" s="2">
        <v>6.4630000000000001</v>
      </c>
      <c r="W10398" s="2">
        <v>0.14899999999999999</v>
      </c>
      <c r="X10398" s="2">
        <v>12</v>
      </c>
      <c r="Y10398" s="2">
        <v>62</v>
      </c>
      <c r="Z10398" s="2">
        <v>199.7</v>
      </c>
      <c r="AA10398" s="5">
        <v>8</v>
      </c>
      <c r="AB10398" s="5" t="s">
        <v>43</v>
      </c>
      <c r="AC10398" s="5" t="s">
        <v>44</v>
      </c>
      <c r="AD10398" s="2" t="s">
        <v>31572</v>
      </c>
      <c r="AE10398" s="1"/>
    </row>
    <row r="10399" spans="1:31" ht="14.45">
      <c r="A10399" s="5"/>
      <c r="B10399" s="21"/>
      <c r="C10399" s="2" t="s">
        <v>31963</v>
      </c>
      <c r="D10399" s="14" t="s">
        <v>31964</v>
      </c>
      <c r="E10399" s="2" t="s">
        <v>31965</v>
      </c>
      <c r="F10399" s="2"/>
      <c r="G10399" s="8">
        <v>279</v>
      </c>
      <c r="H10399" s="5">
        <v>25</v>
      </c>
      <c r="I10399" s="5" t="s">
        <v>69</v>
      </c>
      <c r="J10399" s="5" t="s">
        <v>27074</v>
      </c>
      <c r="K10399" s="2" t="s">
        <v>27075</v>
      </c>
      <c r="L10399" s="5" t="s">
        <v>27074</v>
      </c>
      <c r="M10399" s="2" t="s">
        <v>27075</v>
      </c>
      <c r="N10399" s="5" t="s">
        <v>24254</v>
      </c>
      <c r="O10399" s="5" t="s">
        <v>38</v>
      </c>
      <c r="P10399" s="5" t="s">
        <v>39</v>
      </c>
      <c r="Q10399" s="5" t="s">
        <v>40</v>
      </c>
      <c r="R10399" s="5" t="s">
        <v>24335</v>
      </c>
      <c r="S10399" s="5" t="s">
        <v>40</v>
      </c>
      <c r="T10399" s="5" t="s">
        <v>42</v>
      </c>
      <c r="U10399" s="2">
        <v>9.9250000000000007</v>
      </c>
      <c r="V10399" s="2">
        <v>7.1769999999999996</v>
      </c>
      <c r="W10399" s="2">
        <v>0.14899999999999999</v>
      </c>
      <c r="X10399" s="2">
        <v>12</v>
      </c>
      <c r="Y10399" s="2">
        <v>62</v>
      </c>
      <c r="Z10399" s="2">
        <v>199.7</v>
      </c>
      <c r="AA10399" s="5">
        <v>10</v>
      </c>
      <c r="AB10399" s="5" t="s">
        <v>43</v>
      </c>
      <c r="AC10399" s="5" t="s">
        <v>44</v>
      </c>
      <c r="AD10399" s="2" t="s">
        <v>31737</v>
      </c>
      <c r="AE10399" s="1"/>
    </row>
    <row r="10400" spans="1:31" ht="14.45">
      <c r="A10400" s="5"/>
      <c r="B10400" s="21"/>
      <c r="C10400" s="2" t="s">
        <v>31966</v>
      </c>
      <c r="D10400" s="14" t="s">
        <v>31967</v>
      </c>
      <c r="E10400" s="2" t="s">
        <v>31968</v>
      </c>
      <c r="F10400" s="2"/>
      <c r="G10400" s="8">
        <v>279</v>
      </c>
      <c r="H10400" s="5">
        <v>25</v>
      </c>
      <c r="I10400" s="5" t="s">
        <v>69</v>
      </c>
      <c r="J10400" s="5" t="s">
        <v>27074</v>
      </c>
      <c r="K10400" s="2" t="s">
        <v>27075</v>
      </c>
      <c r="L10400" s="5" t="s">
        <v>27074</v>
      </c>
      <c r="M10400" s="2" t="s">
        <v>27075</v>
      </c>
      <c r="N10400" s="5" t="s">
        <v>24254</v>
      </c>
      <c r="O10400" s="5" t="s">
        <v>38</v>
      </c>
      <c r="P10400" s="5" t="s">
        <v>39</v>
      </c>
      <c r="Q10400" s="5" t="s">
        <v>40</v>
      </c>
      <c r="R10400" s="5" t="s">
        <v>24335</v>
      </c>
      <c r="S10400" s="5" t="s">
        <v>40</v>
      </c>
      <c r="T10400" s="5" t="s">
        <v>42</v>
      </c>
      <c r="U10400" s="2">
        <v>8.8070000000000004</v>
      </c>
      <c r="V10400" s="2">
        <v>6.0570000000000004</v>
      </c>
      <c r="W10400" s="2">
        <v>0.14899999999999999</v>
      </c>
      <c r="X10400" s="2">
        <v>12</v>
      </c>
      <c r="Y10400" s="2">
        <v>62</v>
      </c>
      <c r="Z10400" s="2">
        <v>199.7</v>
      </c>
      <c r="AA10400" s="5">
        <v>10</v>
      </c>
      <c r="AB10400" s="5" t="s">
        <v>43</v>
      </c>
      <c r="AC10400" s="5" t="s">
        <v>44</v>
      </c>
      <c r="AD10400" s="2" t="s">
        <v>31590</v>
      </c>
      <c r="AE10400" s="1"/>
    </row>
    <row r="10401" spans="1:31" ht="14.45">
      <c r="A10401" s="5"/>
      <c r="B10401" s="21"/>
      <c r="C10401" s="2" t="s">
        <v>31969</v>
      </c>
      <c r="D10401" s="14" t="s">
        <v>31970</v>
      </c>
      <c r="E10401" s="2" t="s">
        <v>31971</v>
      </c>
      <c r="F10401" s="2"/>
      <c r="G10401" s="8">
        <v>279</v>
      </c>
      <c r="H10401" s="5">
        <v>25</v>
      </c>
      <c r="I10401" s="5" t="s">
        <v>69</v>
      </c>
      <c r="J10401" s="5" t="s">
        <v>27074</v>
      </c>
      <c r="K10401" s="2" t="s">
        <v>27075</v>
      </c>
      <c r="L10401" s="5" t="s">
        <v>27074</v>
      </c>
      <c r="M10401" s="2" t="s">
        <v>27075</v>
      </c>
      <c r="N10401" s="5" t="s">
        <v>24254</v>
      </c>
      <c r="O10401" s="5" t="s">
        <v>38</v>
      </c>
      <c r="P10401" s="5" t="s">
        <v>39</v>
      </c>
      <c r="Q10401" s="5" t="s">
        <v>40</v>
      </c>
      <c r="R10401" s="5" t="s">
        <v>24335</v>
      </c>
      <c r="S10401" s="5" t="s">
        <v>40</v>
      </c>
      <c r="T10401" s="5" t="s">
        <v>42</v>
      </c>
      <c r="U10401" s="2">
        <v>9.5579999999999998</v>
      </c>
      <c r="V10401" s="2">
        <v>6.8109999999999999</v>
      </c>
      <c r="W10401" s="2">
        <v>0.14899999999999999</v>
      </c>
      <c r="X10401" s="2">
        <v>12</v>
      </c>
      <c r="Y10401" s="2">
        <v>62</v>
      </c>
      <c r="Z10401" s="2">
        <v>199.7</v>
      </c>
      <c r="AA10401" s="5">
        <v>10</v>
      </c>
      <c r="AB10401" s="5" t="s">
        <v>43</v>
      </c>
      <c r="AC10401" s="5" t="s">
        <v>44</v>
      </c>
      <c r="AD10401" s="2" t="s">
        <v>31590</v>
      </c>
      <c r="AE10401" s="1"/>
    </row>
    <row r="10402" spans="1:31" ht="14.45">
      <c r="A10402" s="5"/>
      <c r="B10402" s="21"/>
      <c r="C10402" s="2" t="s">
        <v>31972</v>
      </c>
      <c r="D10402" s="14" t="s">
        <v>31973</v>
      </c>
      <c r="E10402" s="2" t="s">
        <v>31974</v>
      </c>
      <c r="F10402" s="2"/>
      <c r="G10402" s="8">
        <v>279</v>
      </c>
      <c r="H10402" s="5">
        <v>25</v>
      </c>
      <c r="I10402" s="5" t="s">
        <v>69</v>
      </c>
      <c r="J10402" s="5" t="s">
        <v>27074</v>
      </c>
      <c r="K10402" s="2" t="s">
        <v>27075</v>
      </c>
      <c r="L10402" s="5" t="s">
        <v>27074</v>
      </c>
      <c r="M10402" s="2" t="s">
        <v>27075</v>
      </c>
      <c r="N10402" s="5" t="s">
        <v>24254</v>
      </c>
      <c r="O10402" s="5" t="s">
        <v>38</v>
      </c>
      <c r="P10402" s="5" t="s">
        <v>39</v>
      </c>
      <c r="Q10402" s="5" t="s">
        <v>40</v>
      </c>
      <c r="R10402" s="5" t="s">
        <v>24335</v>
      </c>
      <c r="S10402" s="5" t="s">
        <v>40</v>
      </c>
      <c r="T10402" s="5" t="s">
        <v>42</v>
      </c>
      <c r="U10402" s="2">
        <v>10.387</v>
      </c>
      <c r="V10402" s="2">
        <v>7.64</v>
      </c>
      <c r="W10402" s="2">
        <v>0.14899999999999999</v>
      </c>
      <c r="X10402" s="2">
        <v>12</v>
      </c>
      <c r="Y10402" s="2">
        <v>62</v>
      </c>
      <c r="Z10402" s="2">
        <v>199.7</v>
      </c>
      <c r="AA10402" s="5">
        <v>10</v>
      </c>
      <c r="AB10402" s="5" t="s">
        <v>43</v>
      </c>
      <c r="AC10402" s="5" t="s">
        <v>44</v>
      </c>
      <c r="AD10402" s="2" t="s">
        <v>31586</v>
      </c>
      <c r="AE10402" s="1"/>
    </row>
    <row r="10403" spans="1:31" ht="14.45">
      <c r="A10403" s="5"/>
      <c r="B10403" s="21"/>
      <c r="C10403" s="2" t="s">
        <v>31975</v>
      </c>
      <c r="D10403" s="14" t="s">
        <v>31976</v>
      </c>
      <c r="E10403" s="2" t="s">
        <v>31977</v>
      </c>
      <c r="F10403" s="2" t="s">
        <v>29636</v>
      </c>
      <c r="G10403" s="8">
        <v>558</v>
      </c>
      <c r="H10403" s="5">
        <v>5</v>
      </c>
      <c r="I10403" s="5" t="s">
        <v>69</v>
      </c>
      <c r="J10403" s="5" t="s">
        <v>27074</v>
      </c>
      <c r="K10403" s="2" t="s">
        <v>27075</v>
      </c>
      <c r="L10403" s="5" t="s">
        <v>27074</v>
      </c>
      <c r="M10403" s="2" t="s">
        <v>27075</v>
      </c>
      <c r="N10403" s="5" t="s">
        <v>24254</v>
      </c>
      <c r="O10403" s="5" t="s">
        <v>38</v>
      </c>
      <c r="P10403" s="5" t="s">
        <v>39</v>
      </c>
      <c r="Q10403" s="5" t="s">
        <v>40</v>
      </c>
      <c r="R10403" s="5" t="s">
        <v>1487</v>
      </c>
      <c r="S10403" s="5"/>
      <c r="T10403" s="5" t="s">
        <v>42</v>
      </c>
      <c r="U10403" s="2">
        <v>0</v>
      </c>
      <c r="V10403" s="2">
        <v>0</v>
      </c>
      <c r="W10403" s="2">
        <v>0</v>
      </c>
      <c r="X10403" s="2">
        <v>0</v>
      </c>
      <c r="Y10403" s="2">
        <v>0</v>
      </c>
      <c r="Z10403" s="2">
        <v>0</v>
      </c>
      <c r="AA10403" s="5"/>
      <c r="AB10403" s="5" t="s">
        <v>43</v>
      </c>
      <c r="AC10403" s="5" t="s">
        <v>44</v>
      </c>
      <c r="AD10403" s="2" t="s">
        <v>31597</v>
      </c>
      <c r="AE10403" s="1"/>
    </row>
    <row r="10404" spans="1:31" ht="14.45">
      <c r="A10404" s="5"/>
      <c r="B10404" s="21"/>
      <c r="C10404" s="2" t="s">
        <v>31978</v>
      </c>
      <c r="D10404" s="14" t="s">
        <v>31979</v>
      </c>
      <c r="E10404" s="2" t="s">
        <v>31980</v>
      </c>
      <c r="F10404" s="2" t="s">
        <v>29652</v>
      </c>
      <c r="G10404" s="8">
        <v>1043</v>
      </c>
      <c r="H10404" s="5">
        <v>15</v>
      </c>
      <c r="I10404" s="5" t="s">
        <v>69</v>
      </c>
      <c r="J10404" s="5" t="s">
        <v>27074</v>
      </c>
      <c r="K10404" s="2" t="s">
        <v>27075</v>
      </c>
      <c r="L10404" s="5" t="s">
        <v>27074</v>
      </c>
      <c r="M10404" s="2" t="s">
        <v>27075</v>
      </c>
      <c r="N10404" s="5" t="s">
        <v>24254</v>
      </c>
      <c r="O10404" s="5" t="s">
        <v>38</v>
      </c>
      <c r="P10404" s="5" t="s">
        <v>39</v>
      </c>
      <c r="Q10404" s="5" t="s">
        <v>40</v>
      </c>
      <c r="R10404" s="5" t="s">
        <v>1487</v>
      </c>
      <c r="S10404" s="5"/>
      <c r="T10404" s="5" t="s">
        <v>42</v>
      </c>
      <c r="U10404" s="2">
        <v>0</v>
      </c>
      <c r="V10404" s="2">
        <v>0</v>
      </c>
      <c r="W10404" s="2">
        <v>0</v>
      </c>
      <c r="X10404" s="2">
        <v>0</v>
      </c>
      <c r="Y10404" s="2">
        <v>0</v>
      </c>
      <c r="Z10404" s="2">
        <v>0</v>
      </c>
      <c r="AA10404" s="5"/>
      <c r="AB10404" s="5" t="s">
        <v>43</v>
      </c>
      <c r="AC10404" s="5" t="s">
        <v>44</v>
      </c>
      <c r="AD10404" s="2" t="s">
        <v>31601</v>
      </c>
      <c r="AE10404" s="1"/>
    </row>
    <row r="10405" spans="1:31" ht="14.45">
      <c r="A10405" s="5"/>
      <c r="B10405" s="21"/>
      <c r="C10405" s="2" t="s">
        <v>31981</v>
      </c>
      <c r="D10405" s="14" t="s">
        <v>31982</v>
      </c>
      <c r="E10405" s="2" t="s">
        <v>31983</v>
      </c>
      <c r="F10405" s="2"/>
      <c r="G10405" s="8">
        <v>295</v>
      </c>
      <c r="H10405" s="5">
        <v>10</v>
      </c>
      <c r="I10405" s="5" t="s">
        <v>69</v>
      </c>
      <c r="J10405" s="5" t="s">
        <v>27074</v>
      </c>
      <c r="K10405" s="2" t="s">
        <v>27075</v>
      </c>
      <c r="L10405" s="5" t="s">
        <v>27074</v>
      </c>
      <c r="M10405" s="2" t="s">
        <v>27075</v>
      </c>
      <c r="N10405" s="5" t="s">
        <v>24254</v>
      </c>
      <c r="O10405" s="5" t="s">
        <v>38</v>
      </c>
      <c r="P10405" s="5" t="s">
        <v>39</v>
      </c>
      <c r="Q10405" s="5" t="s">
        <v>40</v>
      </c>
      <c r="R10405" s="5" t="s">
        <v>24335</v>
      </c>
      <c r="S10405" s="5" t="s">
        <v>40</v>
      </c>
      <c r="T10405" s="5" t="s">
        <v>42</v>
      </c>
      <c r="U10405" s="2">
        <v>12.484999999999999</v>
      </c>
      <c r="V10405" s="2">
        <v>12.125</v>
      </c>
      <c r="W10405" s="2">
        <v>0.17399999999999999</v>
      </c>
      <c r="X10405" s="2">
        <v>12</v>
      </c>
      <c r="Y10405" s="2">
        <v>62</v>
      </c>
      <c r="Z10405" s="2">
        <v>234.1</v>
      </c>
      <c r="AA10405" s="5">
        <v>8</v>
      </c>
      <c r="AB10405" s="5" t="s">
        <v>43</v>
      </c>
      <c r="AC10405" s="5" t="s">
        <v>44</v>
      </c>
      <c r="AD10405" s="2" t="s">
        <v>31572</v>
      </c>
      <c r="AE10405" s="1"/>
    </row>
    <row r="10406" spans="1:31" ht="14.45">
      <c r="A10406" s="5"/>
      <c r="B10406" s="21"/>
      <c r="C10406" s="2" t="s">
        <v>31984</v>
      </c>
      <c r="D10406" s="14" t="s">
        <v>31985</v>
      </c>
      <c r="E10406" s="2" t="s">
        <v>31986</v>
      </c>
      <c r="F10406" s="2"/>
      <c r="G10406" s="8">
        <v>295</v>
      </c>
      <c r="H10406" s="5">
        <v>10</v>
      </c>
      <c r="I10406" s="5" t="s">
        <v>69</v>
      </c>
      <c r="J10406" s="5" t="s">
        <v>27074</v>
      </c>
      <c r="K10406" s="2" t="s">
        <v>27075</v>
      </c>
      <c r="L10406" s="5" t="s">
        <v>27074</v>
      </c>
      <c r="M10406" s="2" t="s">
        <v>27075</v>
      </c>
      <c r="N10406" s="5" t="s">
        <v>24254</v>
      </c>
      <c r="O10406" s="5" t="s">
        <v>38</v>
      </c>
      <c r="P10406" s="5" t="s">
        <v>39</v>
      </c>
      <c r="Q10406" s="5" t="s">
        <v>40</v>
      </c>
      <c r="R10406" s="5" t="s">
        <v>24335</v>
      </c>
      <c r="S10406" s="5" t="s">
        <v>40</v>
      </c>
      <c r="T10406" s="5" t="s">
        <v>42</v>
      </c>
      <c r="U10406" s="2">
        <v>10.863</v>
      </c>
      <c r="V10406" s="2">
        <v>10.544</v>
      </c>
      <c r="W10406" s="2">
        <v>0.17399999999999999</v>
      </c>
      <c r="X10406" s="2">
        <v>12</v>
      </c>
      <c r="Y10406" s="2">
        <v>62</v>
      </c>
      <c r="Z10406" s="2">
        <v>234.1</v>
      </c>
      <c r="AA10406" s="5">
        <v>8</v>
      </c>
      <c r="AB10406" s="5" t="s">
        <v>43</v>
      </c>
      <c r="AC10406" s="5" t="s">
        <v>44</v>
      </c>
      <c r="AD10406" s="2" t="s">
        <v>31572</v>
      </c>
      <c r="AE10406" s="1"/>
    </row>
    <row r="10407" spans="1:31" ht="14.45">
      <c r="A10407" s="5"/>
      <c r="B10407" s="21"/>
      <c r="C10407" s="2" t="s">
        <v>31987</v>
      </c>
      <c r="D10407" s="14" t="s">
        <v>31988</v>
      </c>
      <c r="E10407" s="2" t="s">
        <v>31989</v>
      </c>
      <c r="F10407" s="2"/>
      <c r="G10407" s="8">
        <v>295</v>
      </c>
      <c r="H10407" s="5">
        <v>5</v>
      </c>
      <c r="I10407" s="5" t="s">
        <v>69</v>
      </c>
      <c r="J10407" s="5" t="s">
        <v>27074</v>
      </c>
      <c r="K10407" s="2" t="s">
        <v>27075</v>
      </c>
      <c r="L10407" s="5" t="s">
        <v>27074</v>
      </c>
      <c r="M10407" s="2" t="s">
        <v>27075</v>
      </c>
      <c r="N10407" s="5" t="s">
        <v>24254</v>
      </c>
      <c r="O10407" s="5" t="s">
        <v>38</v>
      </c>
      <c r="P10407" s="5" t="s">
        <v>39</v>
      </c>
      <c r="Q10407" s="5" t="s">
        <v>40</v>
      </c>
      <c r="R10407" s="5" t="s">
        <v>24335</v>
      </c>
      <c r="S10407" s="5" t="s">
        <v>40</v>
      </c>
      <c r="T10407" s="5" t="s">
        <v>42</v>
      </c>
      <c r="U10407" s="2">
        <v>9.8729999999999993</v>
      </c>
      <c r="V10407" s="2">
        <v>6.9359999999999999</v>
      </c>
      <c r="W10407" s="2">
        <v>0.14899999999999999</v>
      </c>
      <c r="X10407" s="2">
        <v>12</v>
      </c>
      <c r="Y10407" s="2">
        <v>62</v>
      </c>
      <c r="Z10407" s="2">
        <v>199.7</v>
      </c>
      <c r="AA10407" s="5">
        <v>8</v>
      </c>
      <c r="AB10407" s="5" t="s">
        <v>43</v>
      </c>
      <c r="AC10407" s="5" t="s">
        <v>44</v>
      </c>
      <c r="AD10407" s="2" t="s">
        <v>31572</v>
      </c>
      <c r="AE10407" s="1"/>
    </row>
    <row r="10408" spans="1:31" ht="14.45">
      <c r="A10408" s="5"/>
      <c r="B10408" s="21"/>
      <c r="C10408" s="2" t="s">
        <v>31990</v>
      </c>
      <c r="D10408" s="14" t="s">
        <v>31991</v>
      </c>
      <c r="E10408" s="2" t="s">
        <v>31992</v>
      </c>
      <c r="F10408" s="2"/>
      <c r="G10408" s="8">
        <v>295</v>
      </c>
      <c r="H10408" s="5">
        <v>25</v>
      </c>
      <c r="I10408" s="5" t="s">
        <v>69</v>
      </c>
      <c r="J10408" s="5" t="s">
        <v>27074</v>
      </c>
      <c r="K10408" s="2" t="s">
        <v>27075</v>
      </c>
      <c r="L10408" s="5" t="s">
        <v>27074</v>
      </c>
      <c r="M10408" s="2" t="s">
        <v>27075</v>
      </c>
      <c r="N10408" s="5" t="s">
        <v>24254</v>
      </c>
      <c r="O10408" s="5" t="s">
        <v>38</v>
      </c>
      <c r="P10408" s="5" t="s">
        <v>39</v>
      </c>
      <c r="Q10408" s="5" t="s">
        <v>40</v>
      </c>
      <c r="R10408" s="5" t="s">
        <v>24335</v>
      </c>
      <c r="S10408" s="5" t="s">
        <v>40</v>
      </c>
      <c r="T10408" s="5" t="s">
        <v>42</v>
      </c>
      <c r="U10408" s="2">
        <v>10.151</v>
      </c>
      <c r="V10408" s="2">
        <v>10.012</v>
      </c>
      <c r="W10408" s="2">
        <v>0.17399999999999999</v>
      </c>
      <c r="X10408" s="2">
        <v>12</v>
      </c>
      <c r="Y10408" s="2">
        <v>62</v>
      </c>
      <c r="Z10408" s="2">
        <v>234.1</v>
      </c>
      <c r="AA10408" s="5">
        <v>10</v>
      </c>
      <c r="AB10408" s="5" t="s">
        <v>43</v>
      </c>
      <c r="AC10408" s="5" t="s">
        <v>44</v>
      </c>
      <c r="AD10408" s="2" t="s">
        <v>31737</v>
      </c>
      <c r="AE10408" s="1"/>
    </row>
    <row r="10409" spans="1:31" ht="14.45">
      <c r="A10409" s="5"/>
      <c r="B10409" s="21"/>
      <c r="C10409" s="2" t="s">
        <v>31993</v>
      </c>
      <c r="D10409" s="14" t="s">
        <v>31994</v>
      </c>
      <c r="E10409" s="2" t="s">
        <v>31995</v>
      </c>
      <c r="F10409" s="2"/>
      <c r="G10409" s="8">
        <v>295</v>
      </c>
      <c r="H10409" s="5">
        <v>25</v>
      </c>
      <c r="I10409" s="5" t="s">
        <v>69</v>
      </c>
      <c r="J10409" s="5" t="s">
        <v>27074</v>
      </c>
      <c r="K10409" s="2" t="s">
        <v>27075</v>
      </c>
      <c r="L10409" s="5" t="s">
        <v>27074</v>
      </c>
      <c r="M10409" s="2" t="s">
        <v>27075</v>
      </c>
      <c r="N10409" s="5" t="s">
        <v>24254</v>
      </c>
      <c r="O10409" s="5" t="s">
        <v>38</v>
      </c>
      <c r="P10409" s="5" t="s">
        <v>39</v>
      </c>
      <c r="Q10409" s="5" t="s">
        <v>40</v>
      </c>
      <c r="R10409" s="5" t="s">
        <v>24335</v>
      </c>
      <c r="S10409" s="5" t="s">
        <v>40</v>
      </c>
      <c r="T10409" s="5" t="s">
        <v>42</v>
      </c>
      <c r="U10409" s="2">
        <v>9.2799999999999994</v>
      </c>
      <c r="V10409" s="2">
        <v>6.53</v>
      </c>
      <c r="W10409" s="2">
        <v>0.14899999999999999</v>
      </c>
      <c r="X10409" s="2">
        <v>12</v>
      </c>
      <c r="Y10409" s="2">
        <v>62</v>
      </c>
      <c r="Z10409" s="2">
        <v>199.7</v>
      </c>
      <c r="AA10409" s="5">
        <v>10</v>
      </c>
      <c r="AB10409" s="5" t="s">
        <v>43</v>
      </c>
      <c r="AC10409" s="5" t="s">
        <v>44</v>
      </c>
      <c r="AD10409" s="2" t="s">
        <v>31590</v>
      </c>
      <c r="AE10409" s="1"/>
    </row>
    <row r="10410" spans="1:31" ht="14.45">
      <c r="A10410" s="5"/>
      <c r="B10410" s="21"/>
      <c r="C10410" s="2" t="s">
        <v>31996</v>
      </c>
      <c r="D10410" s="14" t="s">
        <v>31997</v>
      </c>
      <c r="E10410" s="2" t="s">
        <v>31998</v>
      </c>
      <c r="F10410" s="2"/>
      <c r="G10410" s="8">
        <v>295</v>
      </c>
      <c r="H10410" s="5">
        <v>25</v>
      </c>
      <c r="I10410" s="5" t="s">
        <v>69</v>
      </c>
      <c r="J10410" s="5" t="s">
        <v>27074</v>
      </c>
      <c r="K10410" s="2" t="s">
        <v>27075</v>
      </c>
      <c r="L10410" s="5" t="s">
        <v>27074</v>
      </c>
      <c r="M10410" s="2" t="s">
        <v>27075</v>
      </c>
      <c r="N10410" s="5" t="s">
        <v>24254</v>
      </c>
      <c r="O10410" s="5" t="s">
        <v>38</v>
      </c>
      <c r="P10410" s="5" t="s">
        <v>39</v>
      </c>
      <c r="Q10410" s="5" t="s">
        <v>40</v>
      </c>
      <c r="R10410" s="5" t="s">
        <v>24335</v>
      </c>
      <c r="S10410" s="5" t="s">
        <v>40</v>
      </c>
      <c r="T10410" s="5" t="s">
        <v>42</v>
      </c>
      <c r="U10410" s="2">
        <v>10.862</v>
      </c>
      <c r="V10410" s="2">
        <v>8.1150000000000002</v>
      </c>
      <c r="W10410" s="2">
        <v>0.14899999999999999</v>
      </c>
      <c r="X10410" s="2">
        <v>12</v>
      </c>
      <c r="Y10410" s="2">
        <v>62</v>
      </c>
      <c r="Z10410" s="2">
        <v>199.7</v>
      </c>
      <c r="AA10410" s="5">
        <v>10</v>
      </c>
      <c r="AB10410" s="5" t="s">
        <v>43</v>
      </c>
      <c r="AC10410" s="5" t="s">
        <v>44</v>
      </c>
      <c r="AD10410" s="2" t="s">
        <v>31586</v>
      </c>
      <c r="AE10410" s="1"/>
    </row>
    <row r="10411" spans="1:31" ht="14.45">
      <c r="A10411" s="5"/>
      <c r="B10411" s="21"/>
      <c r="C10411" s="2" t="s">
        <v>31999</v>
      </c>
      <c r="D10411" s="14" t="s">
        <v>32000</v>
      </c>
      <c r="E10411" s="2" t="s">
        <v>32001</v>
      </c>
      <c r="F10411" s="2" t="s">
        <v>29636</v>
      </c>
      <c r="G10411" s="8">
        <v>590</v>
      </c>
      <c r="H10411" s="5">
        <v>10</v>
      </c>
      <c r="I10411" s="5" t="s">
        <v>69</v>
      </c>
      <c r="J10411" s="5" t="s">
        <v>27074</v>
      </c>
      <c r="K10411" s="2" t="s">
        <v>27075</v>
      </c>
      <c r="L10411" s="5" t="s">
        <v>27074</v>
      </c>
      <c r="M10411" s="2" t="s">
        <v>27075</v>
      </c>
      <c r="N10411" s="5" t="s">
        <v>24254</v>
      </c>
      <c r="O10411" s="5" t="s">
        <v>38</v>
      </c>
      <c r="P10411" s="5" t="s">
        <v>39</v>
      </c>
      <c r="Q10411" s="5" t="s">
        <v>40</v>
      </c>
      <c r="R10411" s="5" t="s">
        <v>1487</v>
      </c>
      <c r="S10411" s="5"/>
      <c r="T10411" s="5" t="s">
        <v>42</v>
      </c>
      <c r="U10411" s="2">
        <v>0</v>
      </c>
      <c r="V10411" s="2">
        <v>0</v>
      </c>
      <c r="W10411" s="2">
        <v>0</v>
      </c>
      <c r="X10411" s="2">
        <v>0</v>
      </c>
      <c r="Y10411" s="2">
        <v>0</v>
      </c>
      <c r="Z10411" s="2">
        <v>0</v>
      </c>
      <c r="AA10411" s="5"/>
      <c r="AB10411" s="5" t="s">
        <v>43</v>
      </c>
      <c r="AC10411" s="5" t="s">
        <v>44</v>
      </c>
      <c r="AD10411" s="2" t="s">
        <v>31597</v>
      </c>
      <c r="AE10411" s="1"/>
    </row>
    <row r="10412" spans="1:31" ht="14.45">
      <c r="A10412" s="5"/>
      <c r="B10412" s="21"/>
      <c r="C10412" s="2" t="s">
        <v>32002</v>
      </c>
      <c r="D10412" s="14" t="s">
        <v>32003</v>
      </c>
      <c r="E10412" s="2" t="s">
        <v>32004</v>
      </c>
      <c r="F10412" s="2" t="s">
        <v>29652</v>
      </c>
      <c r="G10412" s="8">
        <v>1085</v>
      </c>
      <c r="H10412" s="5">
        <v>15</v>
      </c>
      <c r="I10412" s="5" t="s">
        <v>69</v>
      </c>
      <c r="J10412" s="5" t="s">
        <v>27074</v>
      </c>
      <c r="K10412" s="2" t="s">
        <v>27075</v>
      </c>
      <c r="L10412" s="5" t="s">
        <v>27074</v>
      </c>
      <c r="M10412" s="2" t="s">
        <v>27075</v>
      </c>
      <c r="N10412" s="5" t="s">
        <v>24254</v>
      </c>
      <c r="O10412" s="5" t="s">
        <v>38</v>
      </c>
      <c r="P10412" s="5" t="s">
        <v>39</v>
      </c>
      <c r="Q10412" s="5" t="s">
        <v>40</v>
      </c>
      <c r="R10412" s="5" t="s">
        <v>1487</v>
      </c>
      <c r="S10412" s="5"/>
      <c r="T10412" s="5" t="s">
        <v>42</v>
      </c>
      <c r="U10412" s="2">
        <v>0</v>
      </c>
      <c r="V10412" s="2">
        <v>0</v>
      </c>
      <c r="W10412" s="2">
        <v>0</v>
      </c>
      <c r="X10412" s="2">
        <v>0</v>
      </c>
      <c r="Y10412" s="2">
        <v>0</v>
      </c>
      <c r="Z10412" s="2">
        <v>0</v>
      </c>
      <c r="AA10412" s="5"/>
      <c r="AB10412" s="5" t="s">
        <v>43</v>
      </c>
      <c r="AC10412" s="5" t="s">
        <v>44</v>
      </c>
      <c r="AD10412" s="2" t="s">
        <v>31601</v>
      </c>
      <c r="AE10412" s="1"/>
    </row>
    <row r="10413" spans="1:31" ht="14.45">
      <c r="A10413" s="5"/>
      <c r="B10413" s="21"/>
      <c r="C10413" s="2" t="s">
        <v>32005</v>
      </c>
      <c r="D10413" s="14" t="s">
        <v>32006</v>
      </c>
      <c r="E10413" s="2" t="s">
        <v>32007</v>
      </c>
      <c r="F10413" s="2"/>
      <c r="G10413" s="8">
        <v>258</v>
      </c>
      <c r="H10413" s="5">
        <v>5</v>
      </c>
      <c r="I10413" s="5" t="s">
        <v>69</v>
      </c>
      <c r="J10413" s="5" t="s">
        <v>27074</v>
      </c>
      <c r="K10413" s="2" t="s">
        <v>27075</v>
      </c>
      <c r="L10413" s="5" t="s">
        <v>27074</v>
      </c>
      <c r="M10413" s="2" t="s">
        <v>27075</v>
      </c>
      <c r="N10413" s="5" t="s">
        <v>24254</v>
      </c>
      <c r="O10413" s="5" t="s">
        <v>38</v>
      </c>
      <c r="P10413" s="5" t="s">
        <v>39</v>
      </c>
      <c r="Q10413" s="5" t="s">
        <v>40</v>
      </c>
      <c r="R10413" s="5" t="s">
        <v>24335</v>
      </c>
      <c r="S10413" s="5" t="s">
        <v>40</v>
      </c>
      <c r="T10413" s="5" t="s">
        <v>42</v>
      </c>
      <c r="U10413" s="2">
        <v>10.429</v>
      </c>
      <c r="V10413" s="2">
        <v>7.46</v>
      </c>
      <c r="W10413" s="2">
        <v>0.17399999999999999</v>
      </c>
      <c r="X10413" s="2">
        <v>12</v>
      </c>
      <c r="Y10413" s="2">
        <v>62</v>
      </c>
      <c r="Z10413" s="2">
        <v>234.1</v>
      </c>
      <c r="AA10413" s="5">
        <v>8</v>
      </c>
      <c r="AB10413" s="5" t="s">
        <v>43</v>
      </c>
      <c r="AC10413" s="5" t="s">
        <v>44</v>
      </c>
      <c r="AD10413" s="2" t="s">
        <v>31572</v>
      </c>
      <c r="AE10413" s="1"/>
    </row>
    <row r="10414" spans="1:31" ht="14.45">
      <c r="A10414" s="5"/>
      <c r="B10414" s="21"/>
      <c r="C10414" s="2" t="s">
        <v>32008</v>
      </c>
      <c r="D10414" s="14" t="s">
        <v>32009</v>
      </c>
      <c r="E10414" s="2" t="s">
        <v>32010</v>
      </c>
      <c r="F10414" s="2"/>
      <c r="G10414" s="8">
        <v>258</v>
      </c>
      <c r="H10414" s="5">
        <v>5</v>
      </c>
      <c r="I10414" s="5" t="s">
        <v>69</v>
      </c>
      <c r="J10414" s="5" t="s">
        <v>27074</v>
      </c>
      <c r="K10414" s="2" t="s">
        <v>27075</v>
      </c>
      <c r="L10414" s="5" t="s">
        <v>27074</v>
      </c>
      <c r="M10414" s="2" t="s">
        <v>27075</v>
      </c>
      <c r="N10414" s="5" t="s">
        <v>24254</v>
      </c>
      <c r="O10414" s="5" t="s">
        <v>38</v>
      </c>
      <c r="P10414" s="5" t="s">
        <v>39</v>
      </c>
      <c r="Q10414" s="5" t="s">
        <v>40</v>
      </c>
      <c r="R10414" s="5" t="s">
        <v>24335</v>
      </c>
      <c r="S10414" s="5" t="s">
        <v>40</v>
      </c>
      <c r="T10414" s="5" t="s">
        <v>42</v>
      </c>
      <c r="U10414" s="2">
        <v>8.0850000000000009</v>
      </c>
      <c r="V10414" s="2">
        <v>5.1509999999999998</v>
      </c>
      <c r="W10414" s="2">
        <v>0.14899999999999999</v>
      </c>
      <c r="X10414" s="2">
        <v>12</v>
      </c>
      <c r="Y10414" s="2">
        <v>62</v>
      </c>
      <c r="Z10414" s="2">
        <v>199.7</v>
      </c>
      <c r="AA10414" s="5">
        <v>8</v>
      </c>
      <c r="AB10414" s="5" t="s">
        <v>43</v>
      </c>
      <c r="AC10414" s="5" t="s">
        <v>44</v>
      </c>
      <c r="AD10414" s="2" t="s">
        <v>31572</v>
      </c>
      <c r="AE10414" s="1"/>
    </row>
    <row r="10415" spans="1:31" ht="14.45">
      <c r="A10415" s="5"/>
      <c r="B10415" s="21"/>
      <c r="C10415" s="2" t="s">
        <v>32011</v>
      </c>
      <c r="D10415" s="14" t="s">
        <v>32012</v>
      </c>
      <c r="E10415" s="2" t="s">
        <v>32013</v>
      </c>
      <c r="F10415" s="2"/>
      <c r="G10415" s="8">
        <v>279</v>
      </c>
      <c r="H10415" s="5">
        <v>5</v>
      </c>
      <c r="I10415" s="5" t="s">
        <v>69</v>
      </c>
      <c r="J10415" s="5" t="s">
        <v>27074</v>
      </c>
      <c r="K10415" s="2" t="s">
        <v>27075</v>
      </c>
      <c r="L10415" s="5" t="s">
        <v>27074</v>
      </c>
      <c r="M10415" s="2" t="s">
        <v>27075</v>
      </c>
      <c r="N10415" s="5" t="s">
        <v>24254</v>
      </c>
      <c r="O10415" s="5" t="s">
        <v>38</v>
      </c>
      <c r="P10415" s="5" t="s">
        <v>39</v>
      </c>
      <c r="Q10415" s="5" t="s">
        <v>40</v>
      </c>
      <c r="R10415" s="5" t="s">
        <v>24335</v>
      </c>
      <c r="S10415" s="5" t="s">
        <v>40</v>
      </c>
      <c r="T10415" s="5" t="s">
        <v>42</v>
      </c>
      <c r="U10415" s="2">
        <v>12.583</v>
      </c>
      <c r="V10415" s="2">
        <v>9.6140000000000008</v>
      </c>
      <c r="W10415" s="2">
        <v>0.17399999999999999</v>
      </c>
      <c r="X10415" s="2">
        <v>12</v>
      </c>
      <c r="Y10415" s="2">
        <v>62</v>
      </c>
      <c r="Z10415" s="2">
        <v>234.1</v>
      </c>
      <c r="AA10415" s="5">
        <v>8</v>
      </c>
      <c r="AB10415" s="5" t="s">
        <v>43</v>
      </c>
      <c r="AC10415" s="5" t="s">
        <v>44</v>
      </c>
      <c r="AD10415" s="2" t="s">
        <v>31572</v>
      </c>
      <c r="AE10415" s="1"/>
    </row>
    <row r="10416" spans="1:31" ht="14.45">
      <c r="A10416" s="5"/>
      <c r="B10416" s="21"/>
      <c r="C10416" s="2" t="s">
        <v>32014</v>
      </c>
      <c r="D10416" s="14" t="s">
        <v>32015</v>
      </c>
      <c r="E10416" s="2" t="s">
        <v>32016</v>
      </c>
      <c r="F10416" s="2"/>
      <c r="G10416" s="8">
        <v>279</v>
      </c>
      <c r="H10416" s="5">
        <v>5</v>
      </c>
      <c r="I10416" s="5" t="s">
        <v>69</v>
      </c>
      <c r="J10416" s="5" t="s">
        <v>27074</v>
      </c>
      <c r="K10416" s="2" t="s">
        <v>27075</v>
      </c>
      <c r="L10416" s="5" t="s">
        <v>27074</v>
      </c>
      <c r="M10416" s="2" t="s">
        <v>27075</v>
      </c>
      <c r="N10416" s="5" t="s">
        <v>24254</v>
      </c>
      <c r="O10416" s="5" t="s">
        <v>38</v>
      </c>
      <c r="P10416" s="5" t="s">
        <v>39</v>
      </c>
      <c r="Q10416" s="5" t="s">
        <v>40</v>
      </c>
      <c r="R10416" s="5" t="s">
        <v>24335</v>
      </c>
      <c r="S10416" s="5" t="s">
        <v>40</v>
      </c>
      <c r="T10416" s="5" t="s">
        <v>42</v>
      </c>
      <c r="U10416" s="2">
        <v>11.025</v>
      </c>
      <c r="V10416" s="2">
        <v>8.0969999999999995</v>
      </c>
      <c r="W10416" s="2">
        <v>0.17399999999999999</v>
      </c>
      <c r="X10416" s="2">
        <v>12</v>
      </c>
      <c r="Y10416" s="2">
        <v>62</v>
      </c>
      <c r="Z10416" s="2">
        <v>234.1</v>
      </c>
      <c r="AA10416" s="5">
        <v>8</v>
      </c>
      <c r="AB10416" s="5" t="s">
        <v>43</v>
      </c>
      <c r="AC10416" s="5" t="s">
        <v>44</v>
      </c>
      <c r="AD10416" s="2" t="s">
        <v>31572</v>
      </c>
      <c r="AE10416" s="1"/>
    </row>
    <row r="10417" spans="1:31" ht="14.45">
      <c r="A10417" s="5"/>
      <c r="B10417" s="21"/>
      <c r="C10417" s="2" t="s">
        <v>32017</v>
      </c>
      <c r="D10417" s="14" t="s">
        <v>32018</v>
      </c>
      <c r="E10417" s="2" t="s">
        <v>32019</v>
      </c>
      <c r="F10417" s="2"/>
      <c r="G10417" s="8">
        <v>279</v>
      </c>
      <c r="H10417" s="5">
        <v>5</v>
      </c>
      <c r="I10417" s="5" t="s">
        <v>69</v>
      </c>
      <c r="J10417" s="5" t="s">
        <v>27074</v>
      </c>
      <c r="K10417" s="2" t="s">
        <v>27075</v>
      </c>
      <c r="L10417" s="5" t="s">
        <v>27074</v>
      </c>
      <c r="M10417" s="2" t="s">
        <v>27075</v>
      </c>
      <c r="N10417" s="5" t="s">
        <v>24254</v>
      </c>
      <c r="O10417" s="5" t="s">
        <v>38</v>
      </c>
      <c r="P10417" s="5" t="s">
        <v>39</v>
      </c>
      <c r="Q10417" s="5" t="s">
        <v>40</v>
      </c>
      <c r="R10417" s="5" t="s">
        <v>24335</v>
      </c>
      <c r="S10417" s="5" t="s">
        <v>40</v>
      </c>
      <c r="T10417" s="5" t="s">
        <v>42</v>
      </c>
      <c r="U10417" s="2">
        <v>9.6679999999999993</v>
      </c>
      <c r="V10417" s="2">
        <v>6.7309999999999999</v>
      </c>
      <c r="W10417" s="2">
        <v>0.14899999999999999</v>
      </c>
      <c r="X10417" s="2">
        <v>12</v>
      </c>
      <c r="Y10417" s="2">
        <v>62</v>
      </c>
      <c r="Z10417" s="2">
        <v>199.7</v>
      </c>
      <c r="AA10417" s="5">
        <v>8</v>
      </c>
      <c r="AB10417" s="5" t="s">
        <v>43</v>
      </c>
      <c r="AC10417" s="5" t="s">
        <v>44</v>
      </c>
      <c r="AD10417" s="2" t="s">
        <v>31572</v>
      </c>
      <c r="AE10417" s="1"/>
    </row>
    <row r="10418" spans="1:31" ht="14.45">
      <c r="A10418" s="5"/>
      <c r="B10418" s="21"/>
      <c r="C10418" s="2" t="s">
        <v>32020</v>
      </c>
      <c r="D10418" s="14" t="s">
        <v>32021</v>
      </c>
      <c r="E10418" s="2" t="s">
        <v>32022</v>
      </c>
      <c r="F10418" s="2"/>
      <c r="G10418" s="8">
        <v>279</v>
      </c>
      <c r="H10418" s="5">
        <v>25</v>
      </c>
      <c r="I10418" s="5" t="s">
        <v>69</v>
      </c>
      <c r="J10418" s="5" t="s">
        <v>27074</v>
      </c>
      <c r="K10418" s="2" t="s">
        <v>27075</v>
      </c>
      <c r="L10418" s="5" t="s">
        <v>27074</v>
      </c>
      <c r="M10418" s="2" t="s">
        <v>27075</v>
      </c>
      <c r="N10418" s="5" t="s">
        <v>24254</v>
      </c>
      <c r="O10418" s="5" t="s">
        <v>38</v>
      </c>
      <c r="P10418" s="5" t="s">
        <v>39</v>
      </c>
      <c r="Q10418" s="5" t="s">
        <v>40</v>
      </c>
      <c r="R10418" s="5" t="s">
        <v>24335</v>
      </c>
      <c r="S10418" s="5" t="s">
        <v>40</v>
      </c>
      <c r="T10418" s="5" t="s">
        <v>42</v>
      </c>
      <c r="U10418" s="2">
        <v>9.1750000000000007</v>
      </c>
      <c r="V10418" s="2">
        <v>7.2039999999999997</v>
      </c>
      <c r="W10418" s="2">
        <v>0.129</v>
      </c>
      <c r="X10418" s="2">
        <v>12</v>
      </c>
      <c r="Y10418" s="2">
        <v>62</v>
      </c>
      <c r="Z10418" s="2">
        <v>172.9</v>
      </c>
      <c r="AA10418" s="5">
        <v>10</v>
      </c>
      <c r="AB10418" s="5" t="s">
        <v>43</v>
      </c>
      <c r="AC10418" s="5" t="s">
        <v>44</v>
      </c>
      <c r="AD10418" s="2" t="s">
        <v>31737</v>
      </c>
      <c r="AE10418" s="1"/>
    </row>
    <row r="10419" spans="1:31" ht="14.45">
      <c r="A10419" s="5"/>
      <c r="B10419" s="21"/>
      <c r="C10419" s="2" t="s">
        <v>32023</v>
      </c>
      <c r="D10419" s="14" t="s">
        <v>32024</v>
      </c>
      <c r="E10419" s="2" t="s">
        <v>32025</v>
      </c>
      <c r="F10419" s="2"/>
      <c r="G10419" s="8">
        <v>279</v>
      </c>
      <c r="H10419" s="5">
        <v>25</v>
      </c>
      <c r="I10419" s="5" t="s">
        <v>69</v>
      </c>
      <c r="J10419" s="5" t="s">
        <v>27074</v>
      </c>
      <c r="K10419" s="2" t="s">
        <v>27075</v>
      </c>
      <c r="L10419" s="5" t="s">
        <v>27074</v>
      </c>
      <c r="M10419" s="2" t="s">
        <v>27075</v>
      </c>
      <c r="N10419" s="5" t="s">
        <v>24254</v>
      </c>
      <c r="O10419" s="5" t="s">
        <v>38</v>
      </c>
      <c r="P10419" s="5" t="s">
        <v>39</v>
      </c>
      <c r="Q10419" s="5" t="s">
        <v>40</v>
      </c>
      <c r="R10419" s="5" t="s">
        <v>24335</v>
      </c>
      <c r="S10419" s="5" t="s">
        <v>40</v>
      </c>
      <c r="T10419" s="5" t="s">
        <v>42</v>
      </c>
      <c r="U10419" s="2">
        <v>10.09</v>
      </c>
      <c r="V10419" s="2">
        <v>8.1189999999999998</v>
      </c>
      <c r="W10419" s="2">
        <v>0.129</v>
      </c>
      <c r="X10419" s="2">
        <v>12</v>
      </c>
      <c r="Y10419" s="2">
        <v>62</v>
      </c>
      <c r="Z10419" s="2">
        <v>172.9</v>
      </c>
      <c r="AA10419" s="5">
        <v>10</v>
      </c>
      <c r="AB10419" s="5" t="s">
        <v>43</v>
      </c>
      <c r="AC10419" s="5" t="s">
        <v>44</v>
      </c>
      <c r="AD10419" s="2" t="s">
        <v>31582</v>
      </c>
      <c r="AE10419" s="1"/>
    </row>
    <row r="10420" spans="1:31" ht="14.45">
      <c r="A10420" s="5"/>
      <c r="B10420" s="21"/>
      <c r="C10420" s="2" t="s">
        <v>32026</v>
      </c>
      <c r="D10420" s="14" t="s">
        <v>32027</v>
      </c>
      <c r="E10420" s="2" t="s">
        <v>32028</v>
      </c>
      <c r="F10420" s="2"/>
      <c r="G10420" s="8">
        <v>279</v>
      </c>
      <c r="H10420" s="5">
        <v>25</v>
      </c>
      <c r="I10420" s="5" t="s">
        <v>69</v>
      </c>
      <c r="J10420" s="5" t="s">
        <v>27074</v>
      </c>
      <c r="K10420" s="2" t="s">
        <v>27075</v>
      </c>
      <c r="L10420" s="5" t="s">
        <v>27074</v>
      </c>
      <c r="M10420" s="2" t="s">
        <v>27075</v>
      </c>
      <c r="N10420" s="5" t="s">
        <v>24254</v>
      </c>
      <c r="O10420" s="5" t="s">
        <v>38</v>
      </c>
      <c r="P10420" s="5" t="s">
        <v>39</v>
      </c>
      <c r="Q10420" s="5" t="s">
        <v>40</v>
      </c>
      <c r="R10420" s="5" t="s">
        <v>24335</v>
      </c>
      <c r="S10420" s="5" t="s">
        <v>40</v>
      </c>
      <c r="T10420" s="5" t="s">
        <v>42</v>
      </c>
      <c r="U10420" s="2">
        <v>8.1910000000000007</v>
      </c>
      <c r="V10420" s="2">
        <v>6.218</v>
      </c>
      <c r="W10420" s="2">
        <v>0.129</v>
      </c>
      <c r="X10420" s="2">
        <v>12</v>
      </c>
      <c r="Y10420" s="2">
        <v>62</v>
      </c>
      <c r="Z10420" s="2">
        <v>172.9</v>
      </c>
      <c r="AA10420" s="5">
        <v>10</v>
      </c>
      <c r="AB10420" s="5" t="s">
        <v>43</v>
      </c>
      <c r="AC10420" s="5" t="s">
        <v>44</v>
      </c>
      <c r="AD10420" s="2" t="s">
        <v>31590</v>
      </c>
      <c r="AE10420" s="1"/>
    </row>
    <row r="10421" spans="1:31" ht="14.45">
      <c r="A10421" s="5"/>
      <c r="B10421" s="21"/>
      <c r="C10421" s="2" t="s">
        <v>32029</v>
      </c>
      <c r="D10421" s="14" t="s">
        <v>32030</v>
      </c>
      <c r="E10421" s="2" t="s">
        <v>32031</v>
      </c>
      <c r="F10421" s="2"/>
      <c r="G10421" s="8">
        <v>279</v>
      </c>
      <c r="H10421" s="5">
        <v>25</v>
      </c>
      <c r="I10421" s="5" t="s">
        <v>69</v>
      </c>
      <c r="J10421" s="5" t="s">
        <v>27074</v>
      </c>
      <c r="K10421" s="2" t="s">
        <v>27075</v>
      </c>
      <c r="L10421" s="5" t="s">
        <v>27074</v>
      </c>
      <c r="M10421" s="2" t="s">
        <v>27075</v>
      </c>
      <c r="N10421" s="5" t="s">
        <v>24254</v>
      </c>
      <c r="O10421" s="5" t="s">
        <v>38</v>
      </c>
      <c r="P10421" s="5" t="s">
        <v>39</v>
      </c>
      <c r="Q10421" s="5" t="s">
        <v>40</v>
      </c>
      <c r="R10421" s="5" t="s">
        <v>24335</v>
      </c>
      <c r="S10421" s="5" t="s">
        <v>40</v>
      </c>
      <c r="T10421" s="5" t="s">
        <v>42</v>
      </c>
      <c r="U10421" s="2">
        <v>9.1080000000000005</v>
      </c>
      <c r="V10421" s="2">
        <v>7.1349999999999998</v>
      </c>
      <c r="W10421" s="2">
        <v>0.129</v>
      </c>
      <c r="X10421" s="2">
        <v>12</v>
      </c>
      <c r="Y10421" s="2">
        <v>62</v>
      </c>
      <c r="Z10421" s="2">
        <v>172.9</v>
      </c>
      <c r="AA10421" s="5">
        <v>10</v>
      </c>
      <c r="AB10421" s="5" t="s">
        <v>43</v>
      </c>
      <c r="AC10421" s="5" t="s">
        <v>44</v>
      </c>
      <c r="AD10421" s="2" t="s">
        <v>31586</v>
      </c>
      <c r="AE10421" s="1"/>
    </row>
    <row r="10422" spans="1:31" ht="14.45">
      <c r="A10422" s="5"/>
      <c r="B10422" s="21"/>
      <c r="C10422" s="2" t="s">
        <v>32032</v>
      </c>
      <c r="D10422" s="14" t="s">
        <v>32033</v>
      </c>
      <c r="E10422" s="2" t="s">
        <v>32034</v>
      </c>
      <c r="F10422" s="2"/>
      <c r="G10422" s="8">
        <v>279</v>
      </c>
      <c r="H10422" s="5">
        <v>25</v>
      </c>
      <c r="I10422" s="5" t="s">
        <v>69</v>
      </c>
      <c r="J10422" s="5" t="s">
        <v>27074</v>
      </c>
      <c r="K10422" s="2" t="s">
        <v>27075</v>
      </c>
      <c r="L10422" s="5" t="s">
        <v>27074</v>
      </c>
      <c r="M10422" s="2" t="s">
        <v>27075</v>
      </c>
      <c r="N10422" s="5" t="s">
        <v>24254</v>
      </c>
      <c r="O10422" s="5" t="s">
        <v>38</v>
      </c>
      <c r="P10422" s="5" t="s">
        <v>39</v>
      </c>
      <c r="Q10422" s="5" t="s">
        <v>40</v>
      </c>
      <c r="R10422" s="5" t="s">
        <v>24335</v>
      </c>
      <c r="S10422" s="5" t="s">
        <v>40</v>
      </c>
      <c r="T10422" s="5" t="s">
        <v>42</v>
      </c>
      <c r="U10422" s="2">
        <v>8.7799999999999994</v>
      </c>
      <c r="V10422" s="2">
        <v>6.8250000000000002</v>
      </c>
      <c r="W10422" s="2">
        <v>0.129</v>
      </c>
      <c r="X10422" s="2">
        <v>12</v>
      </c>
      <c r="Y10422" s="2">
        <v>62</v>
      </c>
      <c r="Z10422" s="2">
        <v>172.9</v>
      </c>
      <c r="AA10422" s="5">
        <v>10</v>
      </c>
      <c r="AB10422" s="5" t="s">
        <v>43</v>
      </c>
      <c r="AC10422" s="5" t="s">
        <v>44</v>
      </c>
      <c r="AD10422" s="2" t="s">
        <v>31590</v>
      </c>
      <c r="AE10422" s="1"/>
    </row>
    <row r="10423" spans="1:31" ht="14.45">
      <c r="A10423" s="5"/>
      <c r="B10423" s="21"/>
      <c r="C10423" s="2" t="s">
        <v>32035</v>
      </c>
      <c r="D10423" s="14" t="s">
        <v>32036</v>
      </c>
      <c r="E10423" s="2" t="s">
        <v>32037</v>
      </c>
      <c r="F10423" s="2"/>
      <c r="G10423" s="8">
        <v>279</v>
      </c>
      <c r="H10423" s="5">
        <v>25</v>
      </c>
      <c r="I10423" s="5" t="s">
        <v>69</v>
      </c>
      <c r="J10423" s="5" t="s">
        <v>27074</v>
      </c>
      <c r="K10423" s="2" t="s">
        <v>27075</v>
      </c>
      <c r="L10423" s="5" t="s">
        <v>27074</v>
      </c>
      <c r="M10423" s="2" t="s">
        <v>27075</v>
      </c>
      <c r="N10423" s="5" t="s">
        <v>24254</v>
      </c>
      <c r="O10423" s="5" t="s">
        <v>38</v>
      </c>
      <c r="P10423" s="5" t="s">
        <v>39</v>
      </c>
      <c r="Q10423" s="5" t="s">
        <v>40</v>
      </c>
      <c r="R10423" s="5" t="s">
        <v>24335</v>
      </c>
      <c r="S10423" s="5" t="s">
        <v>40</v>
      </c>
      <c r="T10423" s="5" t="s">
        <v>42</v>
      </c>
      <c r="U10423" s="2">
        <v>9.7360000000000007</v>
      </c>
      <c r="V10423" s="2">
        <v>7.7809999999999997</v>
      </c>
      <c r="W10423" s="2">
        <v>0.129</v>
      </c>
      <c r="X10423" s="2">
        <v>12</v>
      </c>
      <c r="Y10423" s="2">
        <v>62</v>
      </c>
      <c r="Z10423" s="2">
        <v>172.9</v>
      </c>
      <c r="AA10423" s="5">
        <v>10</v>
      </c>
      <c r="AB10423" s="5" t="s">
        <v>43</v>
      </c>
      <c r="AC10423" s="5" t="s">
        <v>44</v>
      </c>
      <c r="AD10423" s="2" t="s">
        <v>31586</v>
      </c>
      <c r="AE10423" s="1"/>
    </row>
    <row r="10424" spans="1:31" ht="14.45">
      <c r="A10424" s="5"/>
      <c r="B10424" s="21"/>
      <c r="C10424" s="2" t="s">
        <v>32038</v>
      </c>
      <c r="D10424" s="14" t="s">
        <v>32039</v>
      </c>
      <c r="E10424" s="2" t="s">
        <v>32040</v>
      </c>
      <c r="F10424" s="2" t="s">
        <v>29636</v>
      </c>
      <c r="G10424" s="8">
        <v>558</v>
      </c>
      <c r="H10424" s="5">
        <v>5</v>
      </c>
      <c r="I10424" s="5" t="s">
        <v>69</v>
      </c>
      <c r="J10424" s="5" t="s">
        <v>27074</v>
      </c>
      <c r="K10424" s="2" t="s">
        <v>27075</v>
      </c>
      <c r="L10424" s="5" t="s">
        <v>27074</v>
      </c>
      <c r="M10424" s="2" t="s">
        <v>27075</v>
      </c>
      <c r="N10424" s="5" t="s">
        <v>24254</v>
      </c>
      <c r="O10424" s="5" t="s">
        <v>38</v>
      </c>
      <c r="P10424" s="5" t="s">
        <v>39</v>
      </c>
      <c r="Q10424" s="5" t="s">
        <v>40</v>
      </c>
      <c r="R10424" s="5" t="s">
        <v>1487</v>
      </c>
      <c r="S10424" s="5"/>
      <c r="T10424" s="5" t="s">
        <v>42</v>
      </c>
      <c r="U10424" s="2">
        <v>0</v>
      </c>
      <c r="V10424" s="2">
        <v>0</v>
      </c>
      <c r="W10424" s="2">
        <v>0</v>
      </c>
      <c r="X10424" s="2">
        <v>0</v>
      </c>
      <c r="Y10424" s="2">
        <v>0</v>
      </c>
      <c r="Z10424" s="2">
        <v>0</v>
      </c>
      <c r="AA10424" s="5"/>
      <c r="AB10424" s="5" t="s">
        <v>43</v>
      </c>
      <c r="AC10424" s="5" t="s">
        <v>44</v>
      </c>
      <c r="AD10424" s="2" t="s">
        <v>31597</v>
      </c>
      <c r="AE10424" s="1"/>
    </row>
    <row r="10425" spans="1:31" ht="14.45">
      <c r="A10425" s="5"/>
      <c r="B10425" s="21"/>
      <c r="C10425" s="2" t="s">
        <v>32041</v>
      </c>
      <c r="D10425" s="14" t="s">
        <v>32042</v>
      </c>
      <c r="E10425" s="2" t="s">
        <v>32043</v>
      </c>
      <c r="F10425" s="2" t="s">
        <v>29652</v>
      </c>
      <c r="G10425" s="8">
        <v>1091</v>
      </c>
      <c r="H10425" s="5">
        <v>15</v>
      </c>
      <c r="I10425" s="5" t="s">
        <v>69</v>
      </c>
      <c r="J10425" s="5" t="s">
        <v>27074</v>
      </c>
      <c r="K10425" s="2" t="s">
        <v>27075</v>
      </c>
      <c r="L10425" s="5" t="s">
        <v>27074</v>
      </c>
      <c r="M10425" s="2" t="s">
        <v>27075</v>
      </c>
      <c r="N10425" s="5" t="s">
        <v>24254</v>
      </c>
      <c r="O10425" s="5" t="s">
        <v>38</v>
      </c>
      <c r="P10425" s="5" t="s">
        <v>39</v>
      </c>
      <c r="Q10425" s="5" t="s">
        <v>40</v>
      </c>
      <c r="R10425" s="5" t="s">
        <v>1487</v>
      </c>
      <c r="S10425" s="5"/>
      <c r="T10425" s="5" t="s">
        <v>42</v>
      </c>
      <c r="U10425" s="2">
        <v>0</v>
      </c>
      <c r="V10425" s="2">
        <v>0</v>
      </c>
      <c r="W10425" s="2">
        <v>0</v>
      </c>
      <c r="X10425" s="2">
        <v>0</v>
      </c>
      <c r="Y10425" s="2">
        <v>0</v>
      </c>
      <c r="Z10425" s="2">
        <v>0</v>
      </c>
      <c r="AA10425" s="5"/>
      <c r="AB10425" s="5" t="s">
        <v>43</v>
      </c>
      <c r="AC10425" s="5" t="s">
        <v>44</v>
      </c>
      <c r="AD10425" s="2" t="s">
        <v>31601</v>
      </c>
      <c r="AE10425" s="1"/>
    </row>
    <row r="10426" spans="1:31" ht="14.45">
      <c r="A10426" s="5"/>
      <c r="B10426" s="21"/>
      <c r="C10426" s="2" t="s">
        <v>32044</v>
      </c>
      <c r="D10426" s="14" t="s">
        <v>32045</v>
      </c>
      <c r="E10426" s="2" t="s">
        <v>32046</v>
      </c>
      <c r="F10426" s="2"/>
      <c r="G10426" s="8">
        <v>286</v>
      </c>
      <c r="H10426" s="5">
        <v>5</v>
      </c>
      <c r="I10426" s="5" t="s">
        <v>69</v>
      </c>
      <c r="J10426" s="5" t="s">
        <v>27074</v>
      </c>
      <c r="K10426" s="2" t="s">
        <v>27075</v>
      </c>
      <c r="L10426" s="5" t="s">
        <v>27074</v>
      </c>
      <c r="M10426" s="2" t="s">
        <v>27075</v>
      </c>
      <c r="N10426" s="5" t="s">
        <v>24254</v>
      </c>
      <c r="O10426" s="5" t="s">
        <v>38</v>
      </c>
      <c r="P10426" s="5" t="s">
        <v>39</v>
      </c>
      <c r="Q10426" s="5" t="s">
        <v>40</v>
      </c>
      <c r="R10426" s="5" t="s">
        <v>24335</v>
      </c>
      <c r="S10426" s="5" t="s">
        <v>40</v>
      </c>
      <c r="T10426" s="5" t="s">
        <v>42</v>
      </c>
      <c r="U10426" s="2">
        <v>13.058999999999999</v>
      </c>
      <c r="V10426" s="2">
        <v>10.09</v>
      </c>
      <c r="W10426" s="2">
        <v>0.17399999999999999</v>
      </c>
      <c r="X10426" s="2">
        <v>12</v>
      </c>
      <c r="Y10426" s="2">
        <v>62</v>
      </c>
      <c r="Z10426" s="2">
        <v>234.1</v>
      </c>
      <c r="AA10426" s="5">
        <v>8</v>
      </c>
      <c r="AB10426" s="5" t="s">
        <v>43</v>
      </c>
      <c r="AC10426" s="5" t="s">
        <v>44</v>
      </c>
      <c r="AD10426" s="2" t="s">
        <v>31572</v>
      </c>
      <c r="AE10426" s="1"/>
    </row>
    <row r="10427" spans="1:31" ht="14.45">
      <c r="A10427" s="5"/>
      <c r="B10427" s="21"/>
      <c r="C10427" s="2" t="s">
        <v>32047</v>
      </c>
      <c r="D10427" s="14" t="s">
        <v>32048</v>
      </c>
      <c r="E10427" s="2" t="s">
        <v>32049</v>
      </c>
      <c r="F10427" s="2"/>
      <c r="G10427" s="8">
        <v>286</v>
      </c>
      <c r="H10427" s="5">
        <v>5</v>
      </c>
      <c r="I10427" s="5" t="s">
        <v>69</v>
      </c>
      <c r="J10427" s="5" t="s">
        <v>27074</v>
      </c>
      <c r="K10427" s="2" t="s">
        <v>27075</v>
      </c>
      <c r="L10427" s="5" t="s">
        <v>27074</v>
      </c>
      <c r="M10427" s="2" t="s">
        <v>27075</v>
      </c>
      <c r="N10427" s="5" t="s">
        <v>24254</v>
      </c>
      <c r="O10427" s="5" t="s">
        <v>38</v>
      </c>
      <c r="P10427" s="5" t="s">
        <v>39</v>
      </c>
      <c r="Q10427" s="5" t="s">
        <v>40</v>
      </c>
      <c r="R10427" s="5" t="s">
        <v>24335</v>
      </c>
      <c r="S10427" s="5" t="s">
        <v>40</v>
      </c>
      <c r="T10427" s="5" t="s">
        <v>42</v>
      </c>
      <c r="U10427" s="2">
        <v>11.497</v>
      </c>
      <c r="V10427" s="2">
        <v>8.5690000000000008</v>
      </c>
      <c r="W10427" s="2">
        <v>0.17399999999999999</v>
      </c>
      <c r="X10427" s="2">
        <v>12</v>
      </c>
      <c r="Y10427" s="2">
        <v>62</v>
      </c>
      <c r="Z10427" s="2">
        <v>234.1</v>
      </c>
      <c r="AA10427" s="5">
        <v>8</v>
      </c>
      <c r="AB10427" s="5" t="s">
        <v>43</v>
      </c>
      <c r="AC10427" s="5" t="s">
        <v>44</v>
      </c>
      <c r="AD10427" s="2" t="s">
        <v>31572</v>
      </c>
      <c r="AE10427" s="1"/>
    </row>
    <row r="10428" spans="1:31" ht="14.45">
      <c r="A10428" s="5"/>
      <c r="B10428" s="21"/>
      <c r="C10428" s="2" t="s">
        <v>32050</v>
      </c>
      <c r="D10428" s="14" t="s">
        <v>32051</v>
      </c>
      <c r="E10428" s="2" t="s">
        <v>32052</v>
      </c>
      <c r="F10428" s="2"/>
      <c r="G10428" s="8">
        <v>286</v>
      </c>
      <c r="H10428" s="5">
        <v>5</v>
      </c>
      <c r="I10428" s="5" t="s">
        <v>69</v>
      </c>
      <c r="J10428" s="5" t="s">
        <v>27074</v>
      </c>
      <c r="K10428" s="2" t="s">
        <v>27075</v>
      </c>
      <c r="L10428" s="5" t="s">
        <v>27074</v>
      </c>
      <c r="M10428" s="2" t="s">
        <v>27075</v>
      </c>
      <c r="N10428" s="5" t="s">
        <v>24254</v>
      </c>
      <c r="O10428" s="5" t="s">
        <v>38</v>
      </c>
      <c r="P10428" s="5" t="s">
        <v>39</v>
      </c>
      <c r="Q10428" s="5" t="s">
        <v>40</v>
      </c>
      <c r="R10428" s="5" t="s">
        <v>24335</v>
      </c>
      <c r="S10428" s="5" t="s">
        <v>40</v>
      </c>
      <c r="T10428" s="5" t="s">
        <v>42</v>
      </c>
      <c r="U10428" s="2">
        <v>10.010999999999999</v>
      </c>
      <c r="V10428" s="2">
        <v>7.0739999999999998</v>
      </c>
      <c r="W10428" s="2">
        <v>0.14899999999999999</v>
      </c>
      <c r="X10428" s="2">
        <v>12</v>
      </c>
      <c r="Y10428" s="2">
        <v>62</v>
      </c>
      <c r="Z10428" s="2">
        <v>199.7</v>
      </c>
      <c r="AA10428" s="5">
        <v>8</v>
      </c>
      <c r="AB10428" s="5" t="s">
        <v>43</v>
      </c>
      <c r="AC10428" s="5" t="s">
        <v>44</v>
      </c>
      <c r="AD10428" s="2" t="s">
        <v>31572</v>
      </c>
      <c r="AE10428" s="1"/>
    </row>
    <row r="10429" spans="1:31" ht="14.45">
      <c r="A10429" s="5"/>
      <c r="B10429" s="21"/>
      <c r="C10429" s="2" t="s">
        <v>32053</v>
      </c>
      <c r="D10429" s="14" t="s">
        <v>32054</v>
      </c>
      <c r="E10429" s="2" t="s">
        <v>32055</v>
      </c>
      <c r="F10429" s="2"/>
      <c r="G10429" s="8">
        <v>286</v>
      </c>
      <c r="H10429" s="5">
        <v>25</v>
      </c>
      <c r="I10429" s="5" t="s">
        <v>69</v>
      </c>
      <c r="J10429" s="5" t="s">
        <v>27074</v>
      </c>
      <c r="K10429" s="2" t="s">
        <v>27075</v>
      </c>
      <c r="L10429" s="5" t="s">
        <v>27074</v>
      </c>
      <c r="M10429" s="2" t="s">
        <v>27075</v>
      </c>
      <c r="N10429" s="5" t="s">
        <v>24254</v>
      </c>
      <c r="O10429" s="5" t="s">
        <v>38</v>
      </c>
      <c r="P10429" s="5" t="s">
        <v>39</v>
      </c>
      <c r="Q10429" s="5" t="s">
        <v>40</v>
      </c>
      <c r="R10429" s="5" t="s">
        <v>24335</v>
      </c>
      <c r="S10429" s="5" t="s">
        <v>40</v>
      </c>
      <c r="T10429" s="5" t="s">
        <v>42</v>
      </c>
      <c r="U10429" s="2">
        <v>7.82</v>
      </c>
      <c r="V10429" s="2">
        <v>7.681</v>
      </c>
      <c r="W10429" s="2">
        <v>0.14899999999999999</v>
      </c>
      <c r="X10429" s="2">
        <v>12</v>
      </c>
      <c r="Y10429" s="2">
        <v>62</v>
      </c>
      <c r="Z10429" s="2">
        <v>199.7</v>
      </c>
      <c r="AA10429" s="5">
        <v>10</v>
      </c>
      <c r="AB10429" s="5" t="s">
        <v>43</v>
      </c>
      <c r="AC10429" s="5" t="s">
        <v>44</v>
      </c>
      <c r="AD10429" s="2" t="s">
        <v>31737</v>
      </c>
      <c r="AE10429" s="1"/>
    </row>
    <row r="10430" spans="1:31" ht="14.45">
      <c r="A10430" s="5"/>
      <c r="B10430" s="21"/>
      <c r="C10430" s="2" t="s">
        <v>32056</v>
      </c>
      <c r="D10430" s="14" t="s">
        <v>32057</v>
      </c>
      <c r="E10430" s="2" t="s">
        <v>32058</v>
      </c>
      <c r="F10430" s="2"/>
      <c r="G10430" s="8">
        <v>286</v>
      </c>
      <c r="H10430" s="5">
        <v>25</v>
      </c>
      <c r="I10430" s="5" t="s">
        <v>69</v>
      </c>
      <c r="J10430" s="5" t="s">
        <v>27074</v>
      </c>
      <c r="K10430" s="2" t="s">
        <v>27075</v>
      </c>
      <c r="L10430" s="5" t="s">
        <v>27074</v>
      </c>
      <c r="M10430" s="2" t="s">
        <v>27075</v>
      </c>
      <c r="N10430" s="5" t="s">
        <v>24254</v>
      </c>
      <c r="O10430" s="5" t="s">
        <v>38</v>
      </c>
      <c r="P10430" s="5" t="s">
        <v>39</v>
      </c>
      <c r="Q10430" s="5" t="s">
        <v>40</v>
      </c>
      <c r="R10430" s="5" t="s">
        <v>24335</v>
      </c>
      <c r="S10430" s="5" t="s">
        <v>40</v>
      </c>
      <c r="T10430" s="5" t="s">
        <v>42</v>
      </c>
      <c r="U10430" s="2">
        <v>8.7349999999999994</v>
      </c>
      <c r="V10430" s="2">
        <v>8.5960000000000001</v>
      </c>
      <c r="W10430" s="2">
        <v>0.14899999999999999</v>
      </c>
      <c r="X10430" s="2">
        <v>12</v>
      </c>
      <c r="Y10430" s="2">
        <v>62</v>
      </c>
      <c r="Z10430" s="2">
        <v>199.7</v>
      </c>
      <c r="AA10430" s="5">
        <v>10</v>
      </c>
      <c r="AB10430" s="5" t="s">
        <v>43</v>
      </c>
      <c r="AC10430" s="5" t="s">
        <v>44</v>
      </c>
      <c r="AD10430" s="2" t="s">
        <v>31582</v>
      </c>
      <c r="AE10430" s="1"/>
    </row>
    <row r="10431" spans="1:31" ht="14.45">
      <c r="A10431" s="5"/>
      <c r="B10431" s="21"/>
      <c r="C10431" s="2" t="s">
        <v>32059</v>
      </c>
      <c r="D10431" s="14" t="s">
        <v>32060</v>
      </c>
      <c r="E10431" s="2" t="s">
        <v>32061</v>
      </c>
      <c r="F10431" s="2"/>
      <c r="G10431" s="8">
        <v>286</v>
      </c>
      <c r="H10431" s="5">
        <v>25</v>
      </c>
      <c r="I10431" s="5" t="s">
        <v>69</v>
      </c>
      <c r="J10431" s="5" t="s">
        <v>27074</v>
      </c>
      <c r="K10431" s="2" t="s">
        <v>27075</v>
      </c>
      <c r="L10431" s="5" t="s">
        <v>27074</v>
      </c>
      <c r="M10431" s="2" t="s">
        <v>27075</v>
      </c>
      <c r="N10431" s="5" t="s">
        <v>24254</v>
      </c>
      <c r="O10431" s="5" t="s">
        <v>38</v>
      </c>
      <c r="P10431" s="5" t="s">
        <v>39</v>
      </c>
      <c r="Q10431" s="5" t="s">
        <v>40</v>
      </c>
      <c r="R10431" s="5" t="s">
        <v>24335</v>
      </c>
      <c r="S10431" s="5" t="s">
        <v>40</v>
      </c>
      <c r="T10431" s="5" t="s">
        <v>42</v>
      </c>
      <c r="U10431" s="2">
        <v>6.702</v>
      </c>
      <c r="V10431" s="2">
        <v>6.5609999999999999</v>
      </c>
      <c r="W10431" s="2">
        <v>0.14899999999999999</v>
      </c>
      <c r="X10431" s="2">
        <v>12</v>
      </c>
      <c r="Y10431" s="2">
        <v>62</v>
      </c>
      <c r="Z10431" s="2">
        <v>199.7</v>
      </c>
      <c r="AA10431" s="5">
        <v>10</v>
      </c>
      <c r="AB10431" s="5" t="s">
        <v>43</v>
      </c>
      <c r="AC10431" s="5" t="s">
        <v>44</v>
      </c>
      <c r="AD10431" s="2" t="s">
        <v>31590</v>
      </c>
      <c r="AE10431" s="1"/>
    </row>
    <row r="10432" spans="1:31" ht="14.45">
      <c r="A10432" s="5"/>
      <c r="B10432" s="21"/>
      <c r="C10432" s="2" t="s">
        <v>32062</v>
      </c>
      <c r="D10432" s="14" t="s">
        <v>32063</v>
      </c>
      <c r="E10432" s="2" t="s">
        <v>32064</v>
      </c>
      <c r="F10432" s="2"/>
      <c r="G10432" s="8">
        <v>286</v>
      </c>
      <c r="H10432" s="5">
        <v>25</v>
      </c>
      <c r="I10432" s="5" t="s">
        <v>69</v>
      </c>
      <c r="J10432" s="5" t="s">
        <v>27074</v>
      </c>
      <c r="K10432" s="2" t="s">
        <v>27075</v>
      </c>
      <c r="L10432" s="5" t="s">
        <v>27074</v>
      </c>
      <c r="M10432" s="2" t="s">
        <v>27075</v>
      </c>
      <c r="N10432" s="5" t="s">
        <v>24254</v>
      </c>
      <c r="O10432" s="5" t="s">
        <v>38</v>
      </c>
      <c r="P10432" s="5" t="s">
        <v>39</v>
      </c>
      <c r="Q10432" s="5" t="s">
        <v>40</v>
      </c>
      <c r="R10432" s="5" t="s">
        <v>24335</v>
      </c>
      <c r="S10432" s="5" t="s">
        <v>40</v>
      </c>
      <c r="T10432" s="5" t="s">
        <v>42</v>
      </c>
      <c r="U10432" s="2">
        <v>7.6189999999999998</v>
      </c>
      <c r="V10432" s="2">
        <v>7.4779999999999998</v>
      </c>
      <c r="W10432" s="2">
        <v>0.14899999999999999</v>
      </c>
      <c r="X10432" s="2">
        <v>12</v>
      </c>
      <c r="Y10432" s="2">
        <v>62</v>
      </c>
      <c r="Z10432" s="2">
        <v>199.7</v>
      </c>
      <c r="AA10432" s="5">
        <v>10</v>
      </c>
      <c r="AB10432" s="5" t="s">
        <v>43</v>
      </c>
      <c r="AC10432" s="5" t="s">
        <v>44</v>
      </c>
      <c r="AD10432" s="2" t="s">
        <v>31586</v>
      </c>
      <c r="AE10432" s="1"/>
    </row>
    <row r="10433" spans="1:31" ht="14.45">
      <c r="A10433" s="5"/>
      <c r="B10433" s="21"/>
      <c r="C10433" s="2" t="s">
        <v>32065</v>
      </c>
      <c r="D10433" s="14" t="s">
        <v>32066</v>
      </c>
      <c r="E10433" s="2" t="s">
        <v>32067</v>
      </c>
      <c r="F10433" s="2"/>
      <c r="G10433" s="8">
        <v>286</v>
      </c>
      <c r="H10433" s="5">
        <v>25</v>
      </c>
      <c r="I10433" s="5" t="s">
        <v>69</v>
      </c>
      <c r="J10433" s="5" t="s">
        <v>27074</v>
      </c>
      <c r="K10433" s="2" t="s">
        <v>27075</v>
      </c>
      <c r="L10433" s="5" t="s">
        <v>27074</v>
      </c>
      <c r="M10433" s="2" t="s">
        <v>27075</v>
      </c>
      <c r="N10433" s="5" t="s">
        <v>24254</v>
      </c>
      <c r="O10433" s="5" t="s">
        <v>38</v>
      </c>
      <c r="P10433" s="5" t="s">
        <v>39</v>
      </c>
      <c r="Q10433" s="5" t="s">
        <v>40</v>
      </c>
      <c r="R10433" s="5" t="s">
        <v>24335</v>
      </c>
      <c r="S10433" s="5" t="s">
        <v>40</v>
      </c>
      <c r="T10433" s="5" t="s">
        <v>42</v>
      </c>
      <c r="U10433" s="2">
        <v>10.039999999999999</v>
      </c>
      <c r="V10433" s="2">
        <v>7.2930000000000001</v>
      </c>
      <c r="W10433" s="2">
        <v>0.14899999999999999</v>
      </c>
      <c r="X10433" s="2">
        <v>12</v>
      </c>
      <c r="Y10433" s="2">
        <v>62</v>
      </c>
      <c r="Z10433" s="2">
        <v>199.7</v>
      </c>
      <c r="AA10433" s="5">
        <v>10</v>
      </c>
      <c r="AB10433" s="5" t="s">
        <v>43</v>
      </c>
      <c r="AC10433" s="5" t="s">
        <v>44</v>
      </c>
      <c r="AD10433" s="2" t="s">
        <v>31590</v>
      </c>
      <c r="AE10433" s="1"/>
    </row>
    <row r="10434" spans="1:31" ht="14.45">
      <c r="A10434" s="5"/>
      <c r="B10434" s="21"/>
      <c r="C10434" s="2" t="s">
        <v>32068</v>
      </c>
      <c r="D10434" s="14" t="s">
        <v>32069</v>
      </c>
      <c r="E10434" s="2" t="s">
        <v>32070</v>
      </c>
      <c r="F10434" s="2"/>
      <c r="G10434" s="8">
        <v>286</v>
      </c>
      <c r="H10434" s="5">
        <v>25</v>
      </c>
      <c r="I10434" s="5" t="s">
        <v>69</v>
      </c>
      <c r="J10434" s="5" t="s">
        <v>27074</v>
      </c>
      <c r="K10434" s="2" t="s">
        <v>27075</v>
      </c>
      <c r="L10434" s="5" t="s">
        <v>27074</v>
      </c>
      <c r="M10434" s="2" t="s">
        <v>27075</v>
      </c>
      <c r="N10434" s="5" t="s">
        <v>24254</v>
      </c>
      <c r="O10434" s="5" t="s">
        <v>38</v>
      </c>
      <c r="P10434" s="5" t="s">
        <v>39</v>
      </c>
      <c r="Q10434" s="5" t="s">
        <v>40</v>
      </c>
      <c r="R10434" s="5" t="s">
        <v>24335</v>
      </c>
      <c r="S10434" s="5" t="s">
        <v>40</v>
      </c>
      <c r="T10434" s="5" t="s">
        <v>42</v>
      </c>
      <c r="U10434" s="2">
        <v>10.996</v>
      </c>
      <c r="V10434" s="2">
        <v>8.2490000000000006</v>
      </c>
      <c r="W10434" s="2">
        <v>0.14899999999999999</v>
      </c>
      <c r="X10434" s="2">
        <v>12</v>
      </c>
      <c r="Y10434" s="2">
        <v>62</v>
      </c>
      <c r="Z10434" s="2">
        <v>199.7</v>
      </c>
      <c r="AA10434" s="5">
        <v>10</v>
      </c>
      <c r="AB10434" s="5" t="s">
        <v>43</v>
      </c>
      <c r="AC10434" s="5" t="s">
        <v>44</v>
      </c>
      <c r="AD10434" s="2" t="s">
        <v>31586</v>
      </c>
      <c r="AE10434" s="1"/>
    </row>
    <row r="10435" spans="1:31" ht="14.45">
      <c r="A10435" s="5"/>
      <c r="B10435" s="21"/>
      <c r="C10435" s="2" t="s">
        <v>32071</v>
      </c>
      <c r="D10435" s="14" t="s">
        <v>32072</v>
      </c>
      <c r="E10435" s="2" t="s">
        <v>32073</v>
      </c>
      <c r="F10435" s="2" t="s">
        <v>29636</v>
      </c>
      <c r="G10435" s="8">
        <v>572</v>
      </c>
      <c r="H10435" s="5">
        <v>5</v>
      </c>
      <c r="I10435" s="5" t="s">
        <v>69</v>
      </c>
      <c r="J10435" s="5" t="s">
        <v>27074</v>
      </c>
      <c r="K10435" s="2" t="s">
        <v>27075</v>
      </c>
      <c r="L10435" s="5" t="s">
        <v>27074</v>
      </c>
      <c r="M10435" s="2" t="s">
        <v>27075</v>
      </c>
      <c r="N10435" s="5" t="s">
        <v>24254</v>
      </c>
      <c r="O10435" s="5" t="s">
        <v>38</v>
      </c>
      <c r="P10435" s="5" t="s">
        <v>39</v>
      </c>
      <c r="Q10435" s="5" t="s">
        <v>40</v>
      </c>
      <c r="R10435" s="5" t="s">
        <v>1487</v>
      </c>
      <c r="S10435" s="5"/>
      <c r="T10435" s="5" t="s">
        <v>42</v>
      </c>
      <c r="U10435" s="2">
        <v>0</v>
      </c>
      <c r="V10435" s="2">
        <v>0</v>
      </c>
      <c r="W10435" s="2">
        <v>0</v>
      </c>
      <c r="X10435" s="2">
        <v>0</v>
      </c>
      <c r="Y10435" s="2">
        <v>0</v>
      </c>
      <c r="Z10435" s="2">
        <v>0</v>
      </c>
      <c r="AA10435" s="5"/>
      <c r="AB10435" s="5" t="s">
        <v>43</v>
      </c>
      <c r="AC10435" s="5" t="s">
        <v>44</v>
      </c>
      <c r="AD10435" s="2" t="s">
        <v>31597</v>
      </c>
      <c r="AE10435" s="1"/>
    </row>
    <row r="10436" spans="1:31" ht="14.45">
      <c r="A10436" s="5"/>
      <c r="B10436" s="21"/>
      <c r="C10436" s="2" t="s">
        <v>32074</v>
      </c>
      <c r="D10436" s="14" t="s">
        <v>32075</v>
      </c>
      <c r="E10436" s="2" t="s">
        <v>32076</v>
      </c>
      <c r="F10436" s="2" t="s">
        <v>29652</v>
      </c>
      <c r="G10436" s="8">
        <v>1107</v>
      </c>
      <c r="H10436" s="5">
        <v>15</v>
      </c>
      <c r="I10436" s="5" t="s">
        <v>69</v>
      </c>
      <c r="J10436" s="5" t="s">
        <v>27074</v>
      </c>
      <c r="K10436" s="2" t="s">
        <v>27075</v>
      </c>
      <c r="L10436" s="5" t="s">
        <v>27074</v>
      </c>
      <c r="M10436" s="2" t="s">
        <v>27075</v>
      </c>
      <c r="N10436" s="5" t="s">
        <v>24254</v>
      </c>
      <c r="O10436" s="5" t="s">
        <v>38</v>
      </c>
      <c r="P10436" s="5" t="s">
        <v>39</v>
      </c>
      <c r="Q10436" s="5" t="s">
        <v>40</v>
      </c>
      <c r="R10436" s="5" t="s">
        <v>1487</v>
      </c>
      <c r="S10436" s="5"/>
      <c r="T10436" s="5" t="s">
        <v>42</v>
      </c>
      <c r="U10436" s="2">
        <v>0</v>
      </c>
      <c r="V10436" s="2">
        <v>0</v>
      </c>
      <c r="W10436" s="2">
        <v>0</v>
      </c>
      <c r="X10436" s="2">
        <v>0</v>
      </c>
      <c r="Y10436" s="2">
        <v>0</v>
      </c>
      <c r="Z10436" s="2">
        <v>0</v>
      </c>
      <c r="AA10436" s="5"/>
      <c r="AB10436" s="5" t="s">
        <v>43</v>
      </c>
      <c r="AC10436" s="5" t="s">
        <v>44</v>
      </c>
      <c r="AD10436" s="2" t="s">
        <v>31601</v>
      </c>
      <c r="AE10436" s="1"/>
    </row>
    <row r="10437" spans="1:31" ht="14.45">
      <c r="A10437" s="5"/>
      <c r="B10437" s="21"/>
      <c r="C10437" s="2" t="s">
        <v>32077</v>
      </c>
      <c r="D10437" s="14" t="s">
        <v>32078</v>
      </c>
      <c r="E10437" s="2" t="s">
        <v>32079</v>
      </c>
      <c r="F10437" s="2"/>
      <c r="G10437" s="8">
        <v>316</v>
      </c>
      <c r="H10437" s="5">
        <v>10</v>
      </c>
      <c r="I10437" s="5" t="s">
        <v>69</v>
      </c>
      <c r="J10437" s="5" t="s">
        <v>27074</v>
      </c>
      <c r="K10437" s="2" t="s">
        <v>27075</v>
      </c>
      <c r="L10437" s="5" t="s">
        <v>27074</v>
      </c>
      <c r="M10437" s="2" t="s">
        <v>27075</v>
      </c>
      <c r="N10437" s="5" t="s">
        <v>24254</v>
      </c>
      <c r="O10437" s="5" t="s">
        <v>38</v>
      </c>
      <c r="P10437" s="5" t="s">
        <v>39</v>
      </c>
      <c r="Q10437" s="5" t="s">
        <v>40</v>
      </c>
      <c r="R10437" s="5" t="s">
        <v>24335</v>
      </c>
      <c r="S10437" s="5" t="s">
        <v>40</v>
      </c>
      <c r="T10437" s="5" t="s">
        <v>42</v>
      </c>
      <c r="U10437" s="2">
        <v>13.284000000000001</v>
      </c>
      <c r="V10437" s="2">
        <v>12.923999999999999</v>
      </c>
      <c r="W10437" s="2">
        <v>0.17399999999999999</v>
      </c>
      <c r="X10437" s="2">
        <v>12</v>
      </c>
      <c r="Y10437" s="2">
        <v>62</v>
      </c>
      <c r="Z10437" s="2">
        <v>234.1</v>
      </c>
      <c r="AA10437" s="5">
        <v>8</v>
      </c>
      <c r="AB10437" s="5" t="s">
        <v>43</v>
      </c>
      <c r="AC10437" s="5" t="s">
        <v>44</v>
      </c>
      <c r="AD10437" s="2" t="s">
        <v>31572</v>
      </c>
      <c r="AE10437" s="1"/>
    </row>
    <row r="10438" spans="1:31" ht="14.45">
      <c r="A10438" s="5"/>
      <c r="B10438" s="21"/>
      <c r="C10438" s="2" t="s">
        <v>32080</v>
      </c>
      <c r="D10438" s="14" t="s">
        <v>32081</v>
      </c>
      <c r="E10438" s="2" t="s">
        <v>32082</v>
      </c>
      <c r="F10438" s="2"/>
      <c r="G10438" s="8">
        <v>316</v>
      </c>
      <c r="H10438" s="5">
        <v>10</v>
      </c>
      <c r="I10438" s="5" t="s">
        <v>69</v>
      </c>
      <c r="J10438" s="5" t="s">
        <v>27074</v>
      </c>
      <c r="K10438" s="2" t="s">
        <v>27075</v>
      </c>
      <c r="L10438" s="5" t="s">
        <v>27074</v>
      </c>
      <c r="M10438" s="2" t="s">
        <v>27075</v>
      </c>
      <c r="N10438" s="5" t="s">
        <v>24254</v>
      </c>
      <c r="O10438" s="5" t="s">
        <v>38</v>
      </c>
      <c r="P10438" s="5" t="s">
        <v>39</v>
      </c>
      <c r="Q10438" s="5" t="s">
        <v>40</v>
      </c>
      <c r="R10438" s="5" t="s">
        <v>24335</v>
      </c>
      <c r="S10438" s="5" t="s">
        <v>40</v>
      </c>
      <c r="T10438" s="5" t="s">
        <v>42</v>
      </c>
      <c r="U10438" s="2">
        <v>11.561999999999999</v>
      </c>
      <c r="V10438" s="2">
        <v>11.243</v>
      </c>
      <c r="W10438" s="2">
        <v>0.17399999999999999</v>
      </c>
      <c r="X10438" s="2">
        <v>12</v>
      </c>
      <c r="Y10438" s="2">
        <v>62</v>
      </c>
      <c r="Z10438" s="2">
        <v>234.1</v>
      </c>
      <c r="AA10438" s="5">
        <v>8</v>
      </c>
      <c r="AB10438" s="5" t="s">
        <v>43</v>
      </c>
      <c r="AC10438" s="5" t="s">
        <v>44</v>
      </c>
      <c r="AD10438" s="2" t="s">
        <v>31572</v>
      </c>
      <c r="AE10438" s="1"/>
    </row>
    <row r="10439" spans="1:31" ht="14.45">
      <c r="A10439" s="5"/>
      <c r="B10439" s="21"/>
      <c r="C10439" s="2" t="s">
        <v>32083</v>
      </c>
      <c r="D10439" s="14" t="s">
        <v>32084</v>
      </c>
      <c r="E10439" s="2" t="s">
        <v>32085</v>
      </c>
      <c r="F10439" s="2"/>
      <c r="G10439" s="8">
        <v>316</v>
      </c>
      <c r="H10439" s="5">
        <v>5</v>
      </c>
      <c r="I10439" s="5" t="s">
        <v>69</v>
      </c>
      <c r="J10439" s="5" t="s">
        <v>27074</v>
      </c>
      <c r="K10439" s="2" t="s">
        <v>27075</v>
      </c>
      <c r="L10439" s="5" t="s">
        <v>27074</v>
      </c>
      <c r="M10439" s="2" t="s">
        <v>27075</v>
      </c>
      <c r="N10439" s="5" t="s">
        <v>24254</v>
      </c>
      <c r="O10439" s="5" t="s">
        <v>38</v>
      </c>
      <c r="P10439" s="5" t="s">
        <v>39</v>
      </c>
      <c r="Q10439" s="5" t="s">
        <v>40</v>
      </c>
      <c r="R10439" s="5" t="s">
        <v>24335</v>
      </c>
      <c r="S10439" s="5" t="s">
        <v>40</v>
      </c>
      <c r="T10439" s="5" t="s">
        <v>42</v>
      </c>
      <c r="U10439" s="2">
        <v>10.481999999999999</v>
      </c>
      <c r="V10439" s="2">
        <v>7.5449999999999999</v>
      </c>
      <c r="W10439" s="2">
        <v>0.14899999999999999</v>
      </c>
      <c r="X10439" s="2">
        <v>12</v>
      </c>
      <c r="Y10439" s="2">
        <v>62</v>
      </c>
      <c r="Z10439" s="2">
        <v>199.7</v>
      </c>
      <c r="AA10439" s="5">
        <v>8</v>
      </c>
      <c r="AB10439" s="5" t="s">
        <v>43</v>
      </c>
      <c r="AC10439" s="5" t="s">
        <v>44</v>
      </c>
      <c r="AD10439" s="2" t="s">
        <v>31572</v>
      </c>
      <c r="AE10439" s="1"/>
    </row>
    <row r="10440" spans="1:31" ht="14.45">
      <c r="A10440" s="5"/>
      <c r="B10440" s="21"/>
      <c r="C10440" s="2" t="s">
        <v>32086</v>
      </c>
      <c r="D10440" s="14" t="s">
        <v>32087</v>
      </c>
      <c r="E10440" s="2" t="s">
        <v>32088</v>
      </c>
      <c r="F10440" s="2"/>
      <c r="G10440" s="8">
        <v>316</v>
      </c>
      <c r="H10440" s="5">
        <v>25</v>
      </c>
      <c r="I10440" s="5" t="s">
        <v>69</v>
      </c>
      <c r="J10440" s="5" t="s">
        <v>27074</v>
      </c>
      <c r="K10440" s="2" t="s">
        <v>27075</v>
      </c>
      <c r="L10440" s="5" t="s">
        <v>27074</v>
      </c>
      <c r="M10440" s="2" t="s">
        <v>27075</v>
      </c>
      <c r="N10440" s="5" t="s">
        <v>24254</v>
      </c>
      <c r="O10440" s="5" t="s">
        <v>38</v>
      </c>
      <c r="P10440" s="5" t="s">
        <v>39</v>
      </c>
      <c r="Q10440" s="5" t="s">
        <v>40</v>
      </c>
      <c r="R10440" s="5" t="s">
        <v>24335</v>
      </c>
      <c r="S10440" s="5" t="s">
        <v>40</v>
      </c>
      <c r="T10440" s="5" t="s">
        <v>42</v>
      </c>
      <c r="U10440" s="2">
        <v>10.534000000000001</v>
      </c>
      <c r="V10440" s="2">
        <v>7.7869999999999999</v>
      </c>
      <c r="W10440" s="2">
        <v>0.14899999999999999</v>
      </c>
      <c r="X10440" s="2">
        <v>12</v>
      </c>
      <c r="Y10440" s="2">
        <v>62</v>
      </c>
      <c r="Z10440" s="2">
        <v>199.7</v>
      </c>
      <c r="AA10440" s="5">
        <v>10</v>
      </c>
      <c r="AB10440" s="5" t="s">
        <v>43</v>
      </c>
      <c r="AC10440" s="5" t="s">
        <v>44</v>
      </c>
      <c r="AD10440" s="2" t="s">
        <v>31590</v>
      </c>
      <c r="AE10440" s="1"/>
    </row>
    <row r="10441" spans="1:31" ht="14.45">
      <c r="A10441" s="5"/>
      <c r="B10441" s="21"/>
      <c r="C10441" s="2" t="s">
        <v>32089</v>
      </c>
      <c r="D10441" s="14" t="s">
        <v>32090</v>
      </c>
      <c r="E10441" s="2" t="s">
        <v>32091</v>
      </c>
      <c r="F10441" s="2" t="s">
        <v>29636</v>
      </c>
      <c r="G10441" s="8">
        <v>632</v>
      </c>
      <c r="H10441" s="5">
        <v>10</v>
      </c>
      <c r="I10441" s="5" t="s">
        <v>69</v>
      </c>
      <c r="J10441" s="5" t="s">
        <v>27074</v>
      </c>
      <c r="K10441" s="2" t="s">
        <v>27075</v>
      </c>
      <c r="L10441" s="5" t="s">
        <v>27074</v>
      </c>
      <c r="M10441" s="2" t="s">
        <v>27075</v>
      </c>
      <c r="N10441" s="5" t="s">
        <v>24254</v>
      </c>
      <c r="O10441" s="5" t="s">
        <v>38</v>
      </c>
      <c r="P10441" s="5" t="s">
        <v>39</v>
      </c>
      <c r="Q10441" s="5" t="s">
        <v>40</v>
      </c>
      <c r="R10441" s="5" t="s">
        <v>1487</v>
      </c>
      <c r="S10441" s="5"/>
      <c r="T10441" s="5" t="s">
        <v>42</v>
      </c>
      <c r="U10441" s="2">
        <v>0</v>
      </c>
      <c r="V10441" s="2">
        <v>0</v>
      </c>
      <c r="W10441" s="2">
        <v>0</v>
      </c>
      <c r="X10441" s="2">
        <v>0</v>
      </c>
      <c r="Y10441" s="2">
        <v>0</v>
      </c>
      <c r="Z10441" s="2">
        <v>0</v>
      </c>
      <c r="AA10441" s="5"/>
      <c r="AB10441" s="5" t="s">
        <v>43</v>
      </c>
      <c r="AC10441" s="5" t="s">
        <v>44</v>
      </c>
      <c r="AD10441" s="2" t="s">
        <v>31597</v>
      </c>
      <c r="AE10441" s="1"/>
    </row>
    <row r="10442" spans="1:31" ht="14.45">
      <c r="A10442" s="5"/>
      <c r="B10442" s="21"/>
      <c r="C10442" s="2" t="s">
        <v>32092</v>
      </c>
      <c r="D10442" s="14" t="s">
        <v>32093</v>
      </c>
      <c r="E10442" s="2" t="s">
        <v>32094</v>
      </c>
      <c r="F10442" s="2" t="s">
        <v>29652</v>
      </c>
      <c r="G10442" s="8">
        <v>1177</v>
      </c>
      <c r="H10442" s="5">
        <v>15</v>
      </c>
      <c r="I10442" s="5" t="s">
        <v>69</v>
      </c>
      <c r="J10442" s="5" t="s">
        <v>27074</v>
      </c>
      <c r="K10442" s="2" t="s">
        <v>27075</v>
      </c>
      <c r="L10442" s="5" t="s">
        <v>27074</v>
      </c>
      <c r="M10442" s="2" t="s">
        <v>27075</v>
      </c>
      <c r="N10442" s="5" t="s">
        <v>24254</v>
      </c>
      <c r="O10442" s="5" t="s">
        <v>38</v>
      </c>
      <c r="P10442" s="5" t="s">
        <v>39</v>
      </c>
      <c r="Q10442" s="5" t="s">
        <v>40</v>
      </c>
      <c r="R10442" s="5" t="s">
        <v>1487</v>
      </c>
      <c r="S10442" s="5"/>
      <c r="T10442" s="5" t="s">
        <v>42</v>
      </c>
      <c r="U10442" s="2">
        <v>0</v>
      </c>
      <c r="V10442" s="2">
        <v>0</v>
      </c>
      <c r="W10442" s="2">
        <v>0</v>
      </c>
      <c r="X10442" s="2">
        <v>0</v>
      </c>
      <c r="Y10442" s="2">
        <v>0</v>
      </c>
      <c r="Z10442" s="2">
        <v>0</v>
      </c>
      <c r="AA10442" s="5"/>
      <c r="AB10442" s="5" t="s">
        <v>43</v>
      </c>
      <c r="AC10442" s="5" t="s">
        <v>44</v>
      </c>
      <c r="AD10442" s="2" t="s">
        <v>31601</v>
      </c>
      <c r="AE10442" s="1"/>
    </row>
    <row r="10443" spans="1:31" ht="14.45">
      <c r="A10443" s="5"/>
      <c r="B10443" s="21"/>
      <c r="C10443" s="2" t="s">
        <v>32095</v>
      </c>
      <c r="D10443" s="14" t="s">
        <v>32096</v>
      </c>
      <c r="E10443" s="2" t="s">
        <v>32097</v>
      </c>
      <c r="F10443" s="2"/>
      <c r="G10443" s="8">
        <v>279</v>
      </c>
      <c r="H10443" s="5">
        <v>5</v>
      </c>
      <c r="I10443" s="5" t="s">
        <v>69</v>
      </c>
      <c r="J10443" s="5" t="s">
        <v>27074</v>
      </c>
      <c r="K10443" s="2" t="s">
        <v>27075</v>
      </c>
      <c r="L10443" s="5" t="s">
        <v>27074</v>
      </c>
      <c r="M10443" s="2" t="s">
        <v>27075</v>
      </c>
      <c r="N10443" s="5" t="s">
        <v>24254</v>
      </c>
      <c r="O10443" s="5" t="s">
        <v>38</v>
      </c>
      <c r="P10443" s="5" t="s">
        <v>39</v>
      </c>
      <c r="Q10443" s="5" t="s">
        <v>40</v>
      </c>
      <c r="R10443" s="5" t="s">
        <v>24335</v>
      </c>
      <c r="S10443" s="5" t="s">
        <v>40</v>
      </c>
      <c r="T10443" s="5" t="s">
        <v>42</v>
      </c>
      <c r="U10443" s="2">
        <v>12.772</v>
      </c>
      <c r="V10443" s="2">
        <v>9.8030000000000008</v>
      </c>
      <c r="W10443" s="2">
        <v>0.17399999999999999</v>
      </c>
      <c r="X10443" s="2">
        <v>12</v>
      </c>
      <c r="Y10443" s="2">
        <v>62</v>
      </c>
      <c r="Z10443" s="2">
        <v>234.1</v>
      </c>
      <c r="AA10443" s="5">
        <v>8</v>
      </c>
      <c r="AB10443" s="5" t="s">
        <v>43</v>
      </c>
      <c r="AC10443" s="5" t="s">
        <v>44</v>
      </c>
      <c r="AD10443" s="2" t="s">
        <v>31572</v>
      </c>
      <c r="AE10443" s="1"/>
    </row>
    <row r="10444" spans="1:31" ht="14.45">
      <c r="A10444" s="5"/>
      <c r="B10444" s="21"/>
      <c r="C10444" s="2" t="s">
        <v>32098</v>
      </c>
      <c r="D10444" s="14" t="s">
        <v>32099</v>
      </c>
      <c r="E10444" s="2" t="s">
        <v>32100</v>
      </c>
      <c r="F10444" s="2"/>
      <c r="G10444" s="8">
        <v>279</v>
      </c>
      <c r="H10444" s="5">
        <v>5</v>
      </c>
      <c r="I10444" s="5" t="s">
        <v>69</v>
      </c>
      <c r="J10444" s="5" t="s">
        <v>27074</v>
      </c>
      <c r="K10444" s="2" t="s">
        <v>27075</v>
      </c>
      <c r="L10444" s="5" t="s">
        <v>27074</v>
      </c>
      <c r="M10444" s="2" t="s">
        <v>27075</v>
      </c>
      <c r="N10444" s="5" t="s">
        <v>24254</v>
      </c>
      <c r="O10444" s="5" t="s">
        <v>38</v>
      </c>
      <c r="P10444" s="5" t="s">
        <v>39</v>
      </c>
      <c r="Q10444" s="5" t="s">
        <v>40</v>
      </c>
      <c r="R10444" s="5" t="s">
        <v>24335</v>
      </c>
      <c r="S10444" s="5" t="s">
        <v>40</v>
      </c>
      <c r="T10444" s="5" t="s">
        <v>42</v>
      </c>
      <c r="U10444" s="2">
        <v>11.211</v>
      </c>
      <c r="V10444" s="2">
        <v>8.2829999999999995</v>
      </c>
      <c r="W10444" s="2">
        <v>0.17399999999999999</v>
      </c>
      <c r="X10444" s="2">
        <v>12</v>
      </c>
      <c r="Y10444" s="2">
        <v>62</v>
      </c>
      <c r="Z10444" s="2">
        <v>234.1</v>
      </c>
      <c r="AA10444" s="5">
        <v>8</v>
      </c>
      <c r="AB10444" s="5" t="s">
        <v>43</v>
      </c>
      <c r="AC10444" s="5" t="s">
        <v>44</v>
      </c>
      <c r="AD10444" s="2" t="s">
        <v>31572</v>
      </c>
      <c r="AE10444" s="1"/>
    </row>
    <row r="10445" spans="1:31" ht="14.45">
      <c r="A10445" s="5"/>
      <c r="B10445" s="21"/>
      <c r="C10445" s="2" t="s">
        <v>32101</v>
      </c>
      <c r="D10445" s="14" t="s">
        <v>32102</v>
      </c>
      <c r="E10445" s="2" t="s">
        <v>32103</v>
      </c>
      <c r="F10445" s="2"/>
      <c r="G10445" s="8">
        <v>279</v>
      </c>
      <c r="H10445" s="5">
        <v>5</v>
      </c>
      <c r="I10445" s="5" t="s">
        <v>69</v>
      </c>
      <c r="J10445" s="5" t="s">
        <v>27074</v>
      </c>
      <c r="K10445" s="2" t="s">
        <v>27075</v>
      </c>
      <c r="L10445" s="5" t="s">
        <v>27074</v>
      </c>
      <c r="M10445" s="2" t="s">
        <v>27075</v>
      </c>
      <c r="N10445" s="5" t="s">
        <v>24254</v>
      </c>
      <c r="O10445" s="5" t="s">
        <v>38</v>
      </c>
      <c r="P10445" s="5" t="s">
        <v>39</v>
      </c>
      <c r="Q10445" s="5" t="s">
        <v>40</v>
      </c>
      <c r="R10445" s="5" t="s">
        <v>24335</v>
      </c>
      <c r="S10445" s="5" t="s">
        <v>40</v>
      </c>
      <c r="T10445" s="5" t="s">
        <v>42</v>
      </c>
      <c r="U10445" s="2">
        <v>9.9789999999999992</v>
      </c>
      <c r="V10445" s="2">
        <v>7.0419999999999998</v>
      </c>
      <c r="W10445" s="2">
        <v>0.14899999999999999</v>
      </c>
      <c r="X10445" s="2">
        <v>12</v>
      </c>
      <c r="Y10445" s="2">
        <v>62</v>
      </c>
      <c r="Z10445" s="2">
        <v>199.7</v>
      </c>
      <c r="AA10445" s="5">
        <v>8</v>
      </c>
      <c r="AB10445" s="5" t="s">
        <v>43</v>
      </c>
      <c r="AC10445" s="5" t="s">
        <v>44</v>
      </c>
      <c r="AD10445" s="2" t="s">
        <v>31572</v>
      </c>
      <c r="AE10445" s="1"/>
    </row>
    <row r="10446" spans="1:31" ht="14.45">
      <c r="A10446" s="5"/>
      <c r="B10446" s="21"/>
      <c r="C10446" s="2" t="s">
        <v>32104</v>
      </c>
      <c r="D10446" s="14" t="s">
        <v>32105</v>
      </c>
      <c r="E10446" s="2" t="s">
        <v>32106</v>
      </c>
      <c r="F10446" s="2"/>
      <c r="G10446" s="8">
        <v>279</v>
      </c>
      <c r="H10446" s="5">
        <v>25</v>
      </c>
      <c r="I10446" s="5" t="s">
        <v>69</v>
      </c>
      <c r="J10446" s="5" t="s">
        <v>27074</v>
      </c>
      <c r="K10446" s="2" t="s">
        <v>27075</v>
      </c>
      <c r="L10446" s="5" t="s">
        <v>27074</v>
      </c>
      <c r="M10446" s="2" t="s">
        <v>27075</v>
      </c>
      <c r="N10446" s="5" t="s">
        <v>24254</v>
      </c>
      <c r="O10446" s="5" t="s">
        <v>38</v>
      </c>
      <c r="P10446" s="5" t="s">
        <v>39</v>
      </c>
      <c r="Q10446" s="5" t="s">
        <v>40</v>
      </c>
      <c r="R10446" s="5" t="s">
        <v>24335</v>
      </c>
      <c r="S10446" s="5" t="s">
        <v>40</v>
      </c>
      <c r="T10446" s="5" t="s">
        <v>42</v>
      </c>
      <c r="U10446" s="2">
        <v>9.6010000000000009</v>
      </c>
      <c r="V10446" s="2">
        <v>6.8540000000000001</v>
      </c>
      <c r="W10446" s="2">
        <v>0.14899999999999999</v>
      </c>
      <c r="X10446" s="2">
        <v>12</v>
      </c>
      <c r="Y10446" s="2">
        <v>62</v>
      </c>
      <c r="Z10446" s="2">
        <v>199.7</v>
      </c>
      <c r="AA10446" s="5">
        <v>10</v>
      </c>
      <c r="AB10446" s="5" t="s">
        <v>43</v>
      </c>
      <c r="AC10446" s="5" t="s">
        <v>44</v>
      </c>
      <c r="AD10446" s="2" t="s">
        <v>31590</v>
      </c>
      <c r="AE10446" s="1"/>
    </row>
    <row r="10447" spans="1:31" ht="14.45">
      <c r="A10447" s="5"/>
      <c r="B10447" s="21"/>
      <c r="C10447" s="2" t="s">
        <v>32107</v>
      </c>
      <c r="D10447" s="14" t="s">
        <v>32108</v>
      </c>
      <c r="E10447" s="2" t="s">
        <v>32109</v>
      </c>
      <c r="F10447" s="2"/>
      <c r="G10447" s="8">
        <v>279</v>
      </c>
      <c r="H10447" s="5">
        <v>25</v>
      </c>
      <c r="I10447" s="5" t="s">
        <v>69</v>
      </c>
      <c r="J10447" s="5" t="s">
        <v>27074</v>
      </c>
      <c r="K10447" s="2" t="s">
        <v>27075</v>
      </c>
      <c r="L10447" s="5" t="s">
        <v>27074</v>
      </c>
      <c r="M10447" s="2" t="s">
        <v>27075</v>
      </c>
      <c r="N10447" s="5" t="s">
        <v>24254</v>
      </c>
      <c r="O10447" s="5" t="s">
        <v>38</v>
      </c>
      <c r="P10447" s="5" t="s">
        <v>39</v>
      </c>
      <c r="Q10447" s="5" t="s">
        <v>40</v>
      </c>
      <c r="R10447" s="5" t="s">
        <v>24335</v>
      </c>
      <c r="S10447" s="5" t="s">
        <v>40</v>
      </c>
      <c r="T10447" s="5" t="s">
        <v>42</v>
      </c>
      <c r="U10447" s="2">
        <v>10.686999999999999</v>
      </c>
      <c r="V10447" s="2">
        <v>7.94</v>
      </c>
      <c r="W10447" s="2">
        <v>0.14899999999999999</v>
      </c>
      <c r="X10447" s="2">
        <v>12</v>
      </c>
      <c r="Y10447" s="2">
        <v>62</v>
      </c>
      <c r="Z10447" s="2">
        <v>199.7</v>
      </c>
      <c r="AA10447" s="5">
        <v>10</v>
      </c>
      <c r="AB10447" s="5" t="s">
        <v>43</v>
      </c>
      <c r="AC10447" s="5" t="s">
        <v>44</v>
      </c>
      <c r="AD10447" s="2" t="s">
        <v>31586</v>
      </c>
      <c r="AE10447" s="1"/>
    </row>
    <row r="10448" spans="1:31" ht="14.45">
      <c r="A10448" s="5"/>
      <c r="B10448" s="21"/>
      <c r="C10448" s="2" t="s">
        <v>32110</v>
      </c>
      <c r="D10448" s="14" t="s">
        <v>32111</v>
      </c>
      <c r="E10448" s="2" t="s">
        <v>32112</v>
      </c>
      <c r="F10448" s="2" t="s">
        <v>29636</v>
      </c>
      <c r="G10448" s="8">
        <v>558</v>
      </c>
      <c r="H10448" s="5">
        <v>5</v>
      </c>
      <c r="I10448" s="5" t="s">
        <v>69</v>
      </c>
      <c r="J10448" s="5" t="s">
        <v>27074</v>
      </c>
      <c r="K10448" s="2" t="s">
        <v>27075</v>
      </c>
      <c r="L10448" s="5" t="s">
        <v>27074</v>
      </c>
      <c r="M10448" s="2" t="s">
        <v>27075</v>
      </c>
      <c r="N10448" s="5" t="s">
        <v>24254</v>
      </c>
      <c r="O10448" s="5" t="s">
        <v>38</v>
      </c>
      <c r="P10448" s="5" t="s">
        <v>39</v>
      </c>
      <c r="Q10448" s="5" t="s">
        <v>40</v>
      </c>
      <c r="R10448" s="5" t="s">
        <v>1487</v>
      </c>
      <c r="S10448" s="5"/>
      <c r="T10448" s="5" t="s">
        <v>42</v>
      </c>
      <c r="U10448" s="2">
        <v>0</v>
      </c>
      <c r="V10448" s="2">
        <v>0</v>
      </c>
      <c r="W10448" s="2">
        <v>0</v>
      </c>
      <c r="X10448" s="2">
        <v>0</v>
      </c>
      <c r="Y10448" s="2">
        <v>0</v>
      </c>
      <c r="Z10448" s="2">
        <v>0</v>
      </c>
      <c r="AA10448" s="5"/>
      <c r="AB10448" s="5" t="s">
        <v>43</v>
      </c>
      <c r="AC10448" s="5" t="s">
        <v>44</v>
      </c>
      <c r="AD10448" s="2" t="s">
        <v>31597</v>
      </c>
      <c r="AE10448" s="1"/>
    </row>
    <row r="10449" spans="1:31" ht="14.45">
      <c r="A10449" s="5"/>
      <c r="B10449" s="21"/>
      <c r="C10449" s="2" t="s">
        <v>32113</v>
      </c>
      <c r="D10449" s="14" t="s">
        <v>32114</v>
      </c>
      <c r="E10449" s="2" t="s">
        <v>32115</v>
      </c>
      <c r="F10449" s="2" t="s">
        <v>29652</v>
      </c>
      <c r="G10449" s="8">
        <v>1087</v>
      </c>
      <c r="H10449" s="5">
        <v>15</v>
      </c>
      <c r="I10449" s="5" t="s">
        <v>69</v>
      </c>
      <c r="J10449" s="5" t="s">
        <v>27074</v>
      </c>
      <c r="K10449" s="2" t="s">
        <v>27075</v>
      </c>
      <c r="L10449" s="5" t="s">
        <v>27074</v>
      </c>
      <c r="M10449" s="2" t="s">
        <v>27075</v>
      </c>
      <c r="N10449" s="5" t="s">
        <v>24254</v>
      </c>
      <c r="O10449" s="5" t="s">
        <v>38</v>
      </c>
      <c r="P10449" s="5" t="s">
        <v>39</v>
      </c>
      <c r="Q10449" s="5" t="s">
        <v>40</v>
      </c>
      <c r="R10449" s="5" t="s">
        <v>1487</v>
      </c>
      <c r="S10449" s="5"/>
      <c r="T10449" s="5" t="s">
        <v>42</v>
      </c>
      <c r="U10449" s="2">
        <v>0</v>
      </c>
      <c r="V10449" s="2">
        <v>0</v>
      </c>
      <c r="W10449" s="2">
        <v>0</v>
      </c>
      <c r="X10449" s="2">
        <v>0</v>
      </c>
      <c r="Y10449" s="2">
        <v>0</v>
      </c>
      <c r="Z10449" s="2">
        <v>0</v>
      </c>
      <c r="AA10449" s="5"/>
      <c r="AB10449" s="5" t="s">
        <v>43</v>
      </c>
      <c r="AC10449" s="5" t="s">
        <v>44</v>
      </c>
      <c r="AD10449" s="2" t="s">
        <v>31601</v>
      </c>
      <c r="AE10449" s="1"/>
    </row>
    <row r="10450" spans="1:31" ht="14.45">
      <c r="A10450" s="5"/>
      <c r="B10450" s="21"/>
      <c r="C10450" s="2" t="s">
        <v>32116</v>
      </c>
      <c r="D10450" s="14" t="s">
        <v>32117</v>
      </c>
      <c r="E10450" s="2" t="s">
        <v>32118</v>
      </c>
      <c r="F10450" s="2"/>
      <c r="G10450" s="8">
        <v>302</v>
      </c>
      <c r="H10450" s="5">
        <v>5</v>
      </c>
      <c r="I10450" s="5" t="s">
        <v>69</v>
      </c>
      <c r="J10450" s="5" t="s">
        <v>27074</v>
      </c>
      <c r="K10450" s="2" t="s">
        <v>27075</v>
      </c>
      <c r="L10450" s="5" t="s">
        <v>27074</v>
      </c>
      <c r="M10450" s="2" t="s">
        <v>27075</v>
      </c>
      <c r="N10450" s="5" t="s">
        <v>24254</v>
      </c>
      <c r="O10450" s="5" t="s">
        <v>38</v>
      </c>
      <c r="P10450" s="5" t="s">
        <v>39</v>
      </c>
      <c r="Q10450" s="5" t="s">
        <v>40</v>
      </c>
      <c r="R10450" s="5" t="s">
        <v>24335</v>
      </c>
      <c r="S10450" s="5" t="s">
        <v>40</v>
      </c>
      <c r="T10450" s="5" t="s">
        <v>42</v>
      </c>
      <c r="U10450" s="2">
        <v>13.678000000000001</v>
      </c>
      <c r="V10450" s="2">
        <v>10.709</v>
      </c>
      <c r="W10450" s="2">
        <v>0.17399999999999999</v>
      </c>
      <c r="X10450" s="2">
        <v>12</v>
      </c>
      <c r="Y10450" s="2">
        <v>62</v>
      </c>
      <c r="Z10450" s="2">
        <v>234.1</v>
      </c>
      <c r="AA10450" s="5">
        <v>8</v>
      </c>
      <c r="AB10450" s="5" t="s">
        <v>43</v>
      </c>
      <c r="AC10450" s="5" t="s">
        <v>44</v>
      </c>
      <c r="AD10450" s="2" t="s">
        <v>31572</v>
      </c>
      <c r="AE10450" s="1"/>
    </row>
    <row r="10451" spans="1:31" ht="14.45">
      <c r="A10451" s="5"/>
      <c r="B10451" s="21"/>
      <c r="C10451" s="2" t="s">
        <v>32119</v>
      </c>
      <c r="D10451" s="14" t="s">
        <v>32120</v>
      </c>
      <c r="E10451" s="2" t="s">
        <v>32121</v>
      </c>
      <c r="F10451" s="2"/>
      <c r="G10451" s="8">
        <v>302</v>
      </c>
      <c r="H10451" s="5">
        <v>5</v>
      </c>
      <c r="I10451" s="5" t="s">
        <v>69</v>
      </c>
      <c r="J10451" s="5" t="s">
        <v>27074</v>
      </c>
      <c r="K10451" s="2" t="s">
        <v>27075</v>
      </c>
      <c r="L10451" s="5" t="s">
        <v>27074</v>
      </c>
      <c r="M10451" s="2" t="s">
        <v>27075</v>
      </c>
      <c r="N10451" s="5" t="s">
        <v>24254</v>
      </c>
      <c r="O10451" s="5" t="s">
        <v>38</v>
      </c>
      <c r="P10451" s="5" t="s">
        <v>39</v>
      </c>
      <c r="Q10451" s="5" t="s">
        <v>40</v>
      </c>
      <c r="R10451" s="5" t="s">
        <v>24335</v>
      </c>
      <c r="S10451" s="5" t="s">
        <v>40</v>
      </c>
      <c r="T10451" s="5" t="s">
        <v>42</v>
      </c>
      <c r="U10451" s="2">
        <v>12.111000000000001</v>
      </c>
      <c r="V10451" s="2">
        <v>9.1829999999999998</v>
      </c>
      <c r="W10451" s="2">
        <v>0.17399999999999999</v>
      </c>
      <c r="X10451" s="2">
        <v>12</v>
      </c>
      <c r="Y10451" s="2">
        <v>62</v>
      </c>
      <c r="Z10451" s="2">
        <v>234.1</v>
      </c>
      <c r="AA10451" s="5">
        <v>8</v>
      </c>
      <c r="AB10451" s="5" t="s">
        <v>43</v>
      </c>
      <c r="AC10451" s="5" t="s">
        <v>44</v>
      </c>
      <c r="AD10451" s="2" t="s">
        <v>31572</v>
      </c>
      <c r="AE10451" s="1"/>
    </row>
    <row r="10452" spans="1:31" ht="14.45">
      <c r="A10452" s="5"/>
      <c r="B10452" s="21"/>
      <c r="C10452" s="2" t="s">
        <v>32122</v>
      </c>
      <c r="D10452" s="14" t="s">
        <v>32123</v>
      </c>
      <c r="E10452" s="2" t="s">
        <v>32124</v>
      </c>
      <c r="F10452" s="2"/>
      <c r="G10452" s="8">
        <v>302</v>
      </c>
      <c r="H10452" s="5">
        <v>5</v>
      </c>
      <c r="I10452" s="5" t="s">
        <v>69</v>
      </c>
      <c r="J10452" s="5" t="s">
        <v>27074</v>
      </c>
      <c r="K10452" s="2" t="s">
        <v>27075</v>
      </c>
      <c r="L10452" s="5" t="s">
        <v>27074</v>
      </c>
      <c r="M10452" s="2" t="s">
        <v>27075</v>
      </c>
      <c r="N10452" s="5" t="s">
        <v>24254</v>
      </c>
      <c r="O10452" s="5" t="s">
        <v>38</v>
      </c>
      <c r="P10452" s="5" t="s">
        <v>39</v>
      </c>
      <c r="Q10452" s="5" t="s">
        <v>40</v>
      </c>
      <c r="R10452" s="5" t="s">
        <v>24335</v>
      </c>
      <c r="S10452" s="5" t="s">
        <v>40</v>
      </c>
      <c r="T10452" s="5" t="s">
        <v>42</v>
      </c>
      <c r="U10452" s="2">
        <v>10.63</v>
      </c>
      <c r="V10452" s="2">
        <v>7.6929999999999996</v>
      </c>
      <c r="W10452" s="2">
        <v>0.14899999999999999</v>
      </c>
      <c r="X10452" s="2">
        <v>12</v>
      </c>
      <c r="Y10452" s="2">
        <v>62</v>
      </c>
      <c r="Z10452" s="2">
        <v>199.7</v>
      </c>
      <c r="AA10452" s="5">
        <v>8</v>
      </c>
      <c r="AB10452" s="5" t="s">
        <v>43</v>
      </c>
      <c r="AC10452" s="5" t="s">
        <v>44</v>
      </c>
      <c r="AD10452" s="2" t="s">
        <v>31572</v>
      </c>
      <c r="AE10452" s="1"/>
    </row>
    <row r="10453" spans="1:31" ht="14.45">
      <c r="A10453" s="5"/>
      <c r="B10453" s="21"/>
      <c r="C10453" s="2" t="s">
        <v>32125</v>
      </c>
      <c r="D10453" s="14" t="s">
        <v>32126</v>
      </c>
      <c r="E10453" s="2" t="s">
        <v>32127</v>
      </c>
      <c r="F10453" s="2"/>
      <c r="G10453" s="8">
        <v>302</v>
      </c>
      <c r="H10453" s="5">
        <v>25</v>
      </c>
      <c r="I10453" s="5" t="s">
        <v>69</v>
      </c>
      <c r="J10453" s="5" t="s">
        <v>27074</v>
      </c>
      <c r="K10453" s="2" t="s">
        <v>27075</v>
      </c>
      <c r="L10453" s="5" t="s">
        <v>27074</v>
      </c>
      <c r="M10453" s="2" t="s">
        <v>27075</v>
      </c>
      <c r="N10453" s="5" t="s">
        <v>24254</v>
      </c>
      <c r="O10453" s="5" t="s">
        <v>38</v>
      </c>
      <c r="P10453" s="5" t="s">
        <v>39</v>
      </c>
      <c r="Q10453" s="5" t="s">
        <v>40</v>
      </c>
      <c r="R10453" s="5" t="s">
        <v>24335</v>
      </c>
      <c r="S10453" s="5" t="s">
        <v>40</v>
      </c>
      <c r="T10453" s="5" t="s">
        <v>42</v>
      </c>
      <c r="U10453" s="2">
        <v>10.94</v>
      </c>
      <c r="V10453" s="2">
        <v>8.1920000000000002</v>
      </c>
      <c r="W10453" s="2">
        <v>0.14899999999999999</v>
      </c>
      <c r="X10453" s="2">
        <v>12</v>
      </c>
      <c r="Y10453" s="2">
        <v>62</v>
      </c>
      <c r="Z10453" s="2">
        <v>199.7</v>
      </c>
      <c r="AA10453" s="5">
        <v>10</v>
      </c>
      <c r="AB10453" s="5" t="s">
        <v>43</v>
      </c>
      <c r="AC10453" s="5" t="s">
        <v>44</v>
      </c>
      <c r="AD10453" s="2" t="s">
        <v>31737</v>
      </c>
      <c r="AE10453" s="1"/>
    </row>
    <row r="10454" spans="1:31" ht="14.45">
      <c r="A10454" s="5"/>
      <c r="B10454" s="21"/>
      <c r="C10454" s="2" t="s">
        <v>32128</v>
      </c>
      <c r="D10454" s="14" t="s">
        <v>32129</v>
      </c>
      <c r="E10454" s="2" t="s">
        <v>32130</v>
      </c>
      <c r="F10454" s="2"/>
      <c r="G10454" s="8">
        <v>302</v>
      </c>
      <c r="H10454" s="5">
        <v>25</v>
      </c>
      <c r="I10454" s="5" t="s">
        <v>69</v>
      </c>
      <c r="J10454" s="5" t="s">
        <v>27074</v>
      </c>
      <c r="K10454" s="2" t="s">
        <v>27075</v>
      </c>
      <c r="L10454" s="5" t="s">
        <v>27074</v>
      </c>
      <c r="M10454" s="2" t="s">
        <v>27075</v>
      </c>
      <c r="N10454" s="5" t="s">
        <v>24254</v>
      </c>
      <c r="O10454" s="5" t="s">
        <v>38</v>
      </c>
      <c r="P10454" s="5" t="s">
        <v>39</v>
      </c>
      <c r="Q10454" s="5" t="s">
        <v>40</v>
      </c>
      <c r="R10454" s="5" t="s">
        <v>24335</v>
      </c>
      <c r="S10454" s="5" t="s">
        <v>40</v>
      </c>
      <c r="T10454" s="5" t="s">
        <v>42</v>
      </c>
      <c r="U10454" s="2">
        <v>11.984999999999999</v>
      </c>
      <c r="V10454" s="2">
        <v>9.2370000000000001</v>
      </c>
      <c r="W10454" s="2">
        <v>0.14899999999999999</v>
      </c>
      <c r="X10454" s="2">
        <v>12</v>
      </c>
      <c r="Y10454" s="2">
        <v>62</v>
      </c>
      <c r="Z10454" s="2">
        <v>199.7</v>
      </c>
      <c r="AA10454" s="5">
        <v>10</v>
      </c>
      <c r="AB10454" s="5" t="s">
        <v>43</v>
      </c>
      <c r="AC10454" s="5" t="s">
        <v>44</v>
      </c>
      <c r="AD10454" s="2" t="s">
        <v>31582</v>
      </c>
      <c r="AE10454" s="1"/>
    </row>
    <row r="10455" spans="1:31" ht="14.45">
      <c r="A10455" s="5"/>
      <c r="B10455" s="21"/>
      <c r="C10455" s="2" t="s">
        <v>32131</v>
      </c>
      <c r="D10455" s="14" t="s">
        <v>32132</v>
      </c>
      <c r="E10455" s="2" t="s">
        <v>32133</v>
      </c>
      <c r="F10455" s="2"/>
      <c r="G10455" s="8">
        <v>302</v>
      </c>
      <c r="H10455" s="5">
        <v>25</v>
      </c>
      <c r="I10455" s="5" t="s">
        <v>69</v>
      </c>
      <c r="J10455" s="5" t="s">
        <v>27074</v>
      </c>
      <c r="K10455" s="2" t="s">
        <v>27075</v>
      </c>
      <c r="L10455" s="5" t="s">
        <v>27074</v>
      </c>
      <c r="M10455" s="2" t="s">
        <v>27075</v>
      </c>
      <c r="N10455" s="5" t="s">
        <v>24254</v>
      </c>
      <c r="O10455" s="5" t="s">
        <v>38</v>
      </c>
      <c r="P10455" s="5" t="s">
        <v>39</v>
      </c>
      <c r="Q10455" s="5" t="s">
        <v>40</v>
      </c>
      <c r="R10455" s="5" t="s">
        <v>24335</v>
      </c>
      <c r="S10455" s="5" t="s">
        <v>40</v>
      </c>
      <c r="T10455" s="5" t="s">
        <v>42</v>
      </c>
      <c r="U10455" s="2">
        <v>9.8219999999999992</v>
      </c>
      <c r="V10455" s="2">
        <v>7.0720000000000001</v>
      </c>
      <c r="W10455" s="2">
        <v>0.14899999999999999</v>
      </c>
      <c r="X10455" s="2">
        <v>12</v>
      </c>
      <c r="Y10455" s="2">
        <v>62</v>
      </c>
      <c r="Z10455" s="2">
        <v>199.7</v>
      </c>
      <c r="AA10455" s="5">
        <v>10</v>
      </c>
      <c r="AB10455" s="5" t="s">
        <v>43</v>
      </c>
      <c r="AC10455" s="5" t="s">
        <v>44</v>
      </c>
      <c r="AD10455" s="2" t="s">
        <v>31590</v>
      </c>
      <c r="AE10455" s="1"/>
    </row>
    <row r="10456" spans="1:31" ht="14.45">
      <c r="A10456" s="5"/>
      <c r="B10456" s="21"/>
      <c r="C10456" s="2" t="s">
        <v>32134</v>
      </c>
      <c r="D10456" s="14" t="s">
        <v>32135</v>
      </c>
      <c r="E10456" s="2" t="s">
        <v>32136</v>
      </c>
      <c r="F10456" s="2"/>
      <c r="G10456" s="8">
        <v>302</v>
      </c>
      <c r="H10456" s="5">
        <v>25</v>
      </c>
      <c r="I10456" s="5" t="s">
        <v>69</v>
      </c>
      <c r="J10456" s="5" t="s">
        <v>27074</v>
      </c>
      <c r="K10456" s="2" t="s">
        <v>27075</v>
      </c>
      <c r="L10456" s="5" t="s">
        <v>27074</v>
      </c>
      <c r="M10456" s="2" t="s">
        <v>27075</v>
      </c>
      <c r="N10456" s="5" t="s">
        <v>24254</v>
      </c>
      <c r="O10456" s="5" t="s">
        <v>38</v>
      </c>
      <c r="P10456" s="5" t="s">
        <v>39</v>
      </c>
      <c r="Q10456" s="5" t="s">
        <v>40</v>
      </c>
      <c r="R10456" s="5" t="s">
        <v>24335</v>
      </c>
      <c r="S10456" s="5" t="s">
        <v>40</v>
      </c>
      <c r="T10456" s="5" t="s">
        <v>42</v>
      </c>
      <c r="U10456" s="2">
        <v>10.869</v>
      </c>
      <c r="V10456" s="2">
        <v>8.1189999999999998</v>
      </c>
      <c r="W10456" s="2">
        <v>0.14899999999999999</v>
      </c>
      <c r="X10456" s="2">
        <v>12</v>
      </c>
      <c r="Y10456" s="2">
        <v>62</v>
      </c>
      <c r="Z10456" s="2">
        <v>199.7</v>
      </c>
      <c r="AA10456" s="5">
        <v>10</v>
      </c>
      <c r="AB10456" s="5" t="s">
        <v>43</v>
      </c>
      <c r="AC10456" s="5" t="s">
        <v>44</v>
      </c>
      <c r="AD10456" s="2" t="s">
        <v>31586</v>
      </c>
      <c r="AE10456" s="1"/>
    </row>
    <row r="10457" spans="1:31" ht="14.45">
      <c r="A10457" s="5"/>
      <c r="B10457" s="21"/>
      <c r="C10457" s="2" t="s">
        <v>32137</v>
      </c>
      <c r="D10457" s="14" t="s">
        <v>32138</v>
      </c>
      <c r="E10457" s="2" t="s">
        <v>32139</v>
      </c>
      <c r="F10457" s="2"/>
      <c r="G10457" s="8">
        <v>302</v>
      </c>
      <c r="H10457" s="5">
        <v>25</v>
      </c>
      <c r="I10457" s="5" t="s">
        <v>69</v>
      </c>
      <c r="J10457" s="5" t="s">
        <v>27074</v>
      </c>
      <c r="K10457" s="2" t="s">
        <v>27075</v>
      </c>
      <c r="L10457" s="5" t="s">
        <v>27074</v>
      </c>
      <c r="M10457" s="2" t="s">
        <v>27075</v>
      </c>
      <c r="N10457" s="5" t="s">
        <v>24254</v>
      </c>
      <c r="O10457" s="5" t="s">
        <v>38</v>
      </c>
      <c r="P10457" s="5" t="s">
        <v>39</v>
      </c>
      <c r="Q10457" s="5" t="s">
        <v>40</v>
      </c>
      <c r="R10457" s="5" t="s">
        <v>24335</v>
      </c>
      <c r="S10457" s="5" t="s">
        <v>40</v>
      </c>
      <c r="T10457" s="5" t="s">
        <v>42</v>
      </c>
      <c r="U10457" s="2">
        <v>10.555</v>
      </c>
      <c r="V10457" s="2">
        <v>7.8079999999999998</v>
      </c>
      <c r="W10457" s="2">
        <v>0.14899999999999999</v>
      </c>
      <c r="X10457" s="2">
        <v>12</v>
      </c>
      <c r="Y10457" s="2">
        <v>62</v>
      </c>
      <c r="Z10457" s="2">
        <v>199.7</v>
      </c>
      <c r="AA10457" s="5">
        <v>10</v>
      </c>
      <c r="AB10457" s="5" t="s">
        <v>43</v>
      </c>
      <c r="AC10457" s="5" t="s">
        <v>44</v>
      </c>
      <c r="AD10457" s="2" t="s">
        <v>31590</v>
      </c>
      <c r="AE10457" s="1"/>
    </row>
    <row r="10458" spans="1:31" ht="14.45">
      <c r="A10458" s="5"/>
      <c r="B10458" s="21"/>
      <c r="C10458" s="2" t="s">
        <v>32140</v>
      </c>
      <c r="D10458" s="14" t="s">
        <v>32141</v>
      </c>
      <c r="E10458" s="2" t="s">
        <v>32142</v>
      </c>
      <c r="F10458" s="2"/>
      <c r="G10458" s="8">
        <v>302</v>
      </c>
      <c r="H10458" s="5">
        <v>25</v>
      </c>
      <c r="I10458" s="5" t="s">
        <v>69</v>
      </c>
      <c r="J10458" s="5" t="s">
        <v>27074</v>
      </c>
      <c r="K10458" s="2" t="s">
        <v>27075</v>
      </c>
      <c r="L10458" s="5" t="s">
        <v>27074</v>
      </c>
      <c r="M10458" s="2" t="s">
        <v>27075</v>
      </c>
      <c r="N10458" s="5" t="s">
        <v>24254</v>
      </c>
      <c r="O10458" s="5" t="s">
        <v>38</v>
      </c>
      <c r="P10458" s="5" t="s">
        <v>39</v>
      </c>
      <c r="Q10458" s="5" t="s">
        <v>40</v>
      </c>
      <c r="R10458" s="5" t="s">
        <v>24335</v>
      </c>
      <c r="S10458" s="5" t="s">
        <v>40</v>
      </c>
      <c r="T10458" s="5" t="s">
        <v>42</v>
      </c>
      <c r="U10458" s="2">
        <v>11.641</v>
      </c>
      <c r="V10458" s="2">
        <v>8.8940000000000001</v>
      </c>
      <c r="W10458" s="2">
        <v>0.14899999999999999</v>
      </c>
      <c r="X10458" s="2">
        <v>12</v>
      </c>
      <c r="Y10458" s="2">
        <v>62</v>
      </c>
      <c r="Z10458" s="2">
        <v>199.7</v>
      </c>
      <c r="AA10458" s="5">
        <v>10</v>
      </c>
      <c r="AB10458" s="5" t="s">
        <v>43</v>
      </c>
      <c r="AC10458" s="5" t="s">
        <v>44</v>
      </c>
      <c r="AD10458" s="2" t="s">
        <v>31586</v>
      </c>
      <c r="AE10458" s="1"/>
    </row>
    <row r="10459" spans="1:31" ht="14.45">
      <c r="A10459" s="5"/>
      <c r="B10459" s="21"/>
      <c r="C10459" s="2" t="s">
        <v>32143</v>
      </c>
      <c r="D10459" s="14" t="s">
        <v>32144</v>
      </c>
      <c r="E10459" s="2" t="s">
        <v>32145</v>
      </c>
      <c r="F10459" s="2" t="s">
        <v>29636</v>
      </c>
      <c r="G10459" s="8">
        <v>604</v>
      </c>
      <c r="H10459" s="5">
        <v>5</v>
      </c>
      <c r="I10459" s="5" t="s">
        <v>69</v>
      </c>
      <c r="J10459" s="5" t="s">
        <v>27074</v>
      </c>
      <c r="K10459" s="2" t="s">
        <v>27075</v>
      </c>
      <c r="L10459" s="5" t="s">
        <v>27074</v>
      </c>
      <c r="M10459" s="2" t="s">
        <v>27075</v>
      </c>
      <c r="N10459" s="5" t="s">
        <v>24254</v>
      </c>
      <c r="O10459" s="5" t="s">
        <v>38</v>
      </c>
      <c r="P10459" s="5" t="s">
        <v>39</v>
      </c>
      <c r="Q10459" s="5" t="s">
        <v>40</v>
      </c>
      <c r="R10459" s="5" t="s">
        <v>1487</v>
      </c>
      <c r="S10459" s="5"/>
      <c r="T10459" s="5" t="s">
        <v>42</v>
      </c>
      <c r="U10459" s="2">
        <v>0</v>
      </c>
      <c r="V10459" s="2">
        <v>0</v>
      </c>
      <c r="W10459" s="2">
        <v>0</v>
      </c>
      <c r="X10459" s="2">
        <v>0</v>
      </c>
      <c r="Y10459" s="2">
        <v>0</v>
      </c>
      <c r="Z10459" s="2">
        <v>0</v>
      </c>
      <c r="AA10459" s="5"/>
      <c r="AB10459" s="5" t="s">
        <v>43</v>
      </c>
      <c r="AC10459" s="5" t="s">
        <v>44</v>
      </c>
      <c r="AD10459" s="2" t="s">
        <v>31597</v>
      </c>
      <c r="AE10459" s="1"/>
    </row>
    <row r="10460" spans="1:31" ht="14.45">
      <c r="A10460" s="5"/>
      <c r="B10460" s="21"/>
      <c r="C10460" s="2" t="s">
        <v>32146</v>
      </c>
      <c r="D10460" s="14" t="s">
        <v>32147</v>
      </c>
      <c r="E10460" s="2" t="s">
        <v>32148</v>
      </c>
      <c r="F10460" s="2" t="s">
        <v>29652</v>
      </c>
      <c r="G10460" s="8">
        <v>1147</v>
      </c>
      <c r="H10460" s="5">
        <v>15</v>
      </c>
      <c r="I10460" s="5" t="s">
        <v>69</v>
      </c>
      <c r="J10460" s="5" t="s">
        <v>27074</v>
      </c>
      <c r="K10460" s="2" t="s">
        <v>27075</v>
      </c>
      <c r="L10460" s="5" t="s">
        <v>27074</v>
      </c>
      <c r="M10460" s="2" t="s">
        <v>27075</v>
      </c>
      <c r="N10460" s="5" t="s">
        <v>24254</v>
      </c>
      <c r="O10460" s="5" t="s">
        <v>38</v>
      </c>
      <c r="P10460" s="5" t="s">
        <v>39</v>
      </c>
      <c r="Q10460" s="5" t="s">
        <v>40</v>
      </c>
      <c r="R10460" s="5" t="s">
        <v>1487</v>
      </c>
      <c r="S10460" s="5"/>
      <c r="T10460" s="5" t="s">
        <v>42</v>
      </c>
      <c r="U10460" s="2">
        <v>0</v>
      </c>
      <c r="V10460" s="2">
        <v>0</v>
      </c>
      <c r="W10460" s="2">
        <v>0</v>
      </c>
      <c r="X10460" s="2">
        <v>0</v>
      </c>
      <c r="Y10460" s="2">
        <v>0</v>
      </c>
      <c r="Z10460" s="2">
        <v>0</v>
      </c>
      <c r="AA10460" s="5"/>
      <c r="AB10460" s="5" t="s">
        <v>43</v>
      </c>
      <c r="AC10460" s="5" t="s">
        <v>44</v>
      </c>
      <c r="AD10460" s="2" t="s">
        <v>31601</v>
      </c>
      <c r="AE10460" s="1"/>
    </row>
    <row r="10461" spans="1:31" ht="14.45">
      <c r="A10461" s="5"/>
      <c r="B10461" s="21"/>
      <c r="C10461" s="2" t="s">
        <v>32149</v>
      </c>
      <c r="D10461" s="14" t="s">
        <v>32150</v>
      </c>
      <c r="E10461" s="2" t="s">
        <v>32151</v>
      </c>
      <c r="F10461" s="2"/>
      <c r="G10461" s="8">
        <v>337</v>
      </c>
      <c r="H10461" s="5">
        <v>10</v>
      </c>
      <c r="I10461" s="5" t="s">
        <v>69</v>
      </c>
      <c r="J10461" s="5" t="s">
        <v>27074</v>
      </c>
      <c r="K10461" s="2" t="s">
        <v>27075</v>
      </c>
      <c r="L10461" s="5" t="s">
        <v>27074</v>
      </c>
      <c r="M10461" s="2" t="s">
        <v>27075</v>
      </c>
      <c r="N10461" s="5" t="s">
        <v>24254</v>
      </c>
      <c r="O10461" s="5" t="s">
        <v>38</v>
      </c>
      <c r="P10461" s="5" t="s">
        <v>39</v>
      </c>
      <c r="Q10461" s="5" t="s">
        <v>40</v>
      </c>
      <c r="R10461" s="5" t="s">
        <v>24335</v>
      </c>
      <c r="S10461" s="5" t="s">
        <v>40</v>
      </c>
      <c r="T10461" s="5" t="s">
        <v>42</v>
      </c>
      <c r="U10461" s="2">
        <v>13.904999999999999</v>
      </c>
      <c r="V10461" s="2">
        <v>13.545</v>
      </c>
      <c r="W10461" s="2">
        <v>0.17399999999999999</v>
      </c>
      <c r="X10461" s="2">
        <v>12</v>
      </c>
      <c r="Y10461" s="2">
        <v>62</v>
      </c>
      <c r="Z10461" s="2">
        <v>234.1</v>
      </c>
      <c r="AA10461" s="5">
        <v>8</v>
      </c>
      <c r="AB10461" s="5" t="s">
        <v>43</v>
      </c>
      <c r="AC10461" s="5" t="s">
        <v>44</v>
      </c>
      <c r="AD10461" s="2" t="s">
        <v>31572</v>
      </c>
      <c r="AE10461" s="1"/>
    </row>
    <row r="10462" spans="1:31" ht="14.45">
      <c r="A10462" s="5"/>
      <c r="B10462" s="21"/>
      <c r="C10462" s="2" t="s">
        <v>32152</v>
      </c>
      <c r="D10462" s="14" t="s">
        <v>32153</v>
      </c>
      <c r="E10462" s="2" t="s">
        <v>32154</v>
      </c>
      <c r="F10462" s="2"/>
      <c r="G10462" s="8">
        <v>337</v>
      </c>
      <c r="H10462" s="5">
        <v>5</v>
      </c>
      <c r="I10462" s="5" t="s">
        <v>69</v>
      </c>
      <c r="J10462" s="5" t="s">
        <v>27074</v>
      </c>
      <c r="K10462" s="2" t="s">
        <v>27075</v>
      </c>
      <c r="L10462" s="5" t="s">
        <v>27074</v>
      </c>
      <c r="M10462" s="2" t="s">
        <v>27075</v>
      </c>
      <c r="N10462" s="5" t="s">
        <v>24254</v>
      </c>
      <c r="O10462" s="5" t="s">
        <v>38</v>
      </c>
      <c r="P10462" s="5" t="s">
        <v>39</v>
      </c>
      <c r="Q10462" s="5" t="s">
        <v>40</v>
      </c>
      <c r="R10462" s="5" t="s">
        <v>24335</v>
      </c>
      <c r="S10462" s="5" t="s">
        <v>40</v>
      </c>
      <c r="T10462" s="5" t="s">
        <v>42</v>
      </c>
      <c r="U10462" s="2">
        <v>11.103</v>
      </c>
      <c r="V10462" s="2">
        <v>8.1660000000000004</v>
      </c>
      <c r="W10462" s="2">
        <v>0.14899999999999999</v>
      </c>
      <c r="X10462" s="2">
        <v>12</v>
      </c>
      <c r="Y10462" s="2">
        <v>62</v>
      </c>
      <c r="Z10462" s="2">
        <v>199.7</v>
      </c>
      <c r="AA10462" s="5">
        <v>8</v>
      </c>
      <c r="AB10462" s="5" t="s">
        <v>43</v>
      </c>
      <c r="AC10462" s="5" t="s">
        <v>44</v>
      </c>
      <c r="AD10462" s="2" t="s">
        <v>31572</v>
      </c>
      <c r="AE10462" s="1"/>
    </row>
    <row r="10463" spans="1:31" ht="14.45">
      <c r="A10463" s="5"/>
      <c r="B10463" s="21"/>
      <c r="C10463" s="2" t="s">
        <v>32155</v>
      </c>
      <c r="D10463" s="14" t="s">
        <v>32156</v>
      </c>
      <c r="E10463" s="2" t="s">
        <v>32157</v>
      </c>
      <c r="F10463" s="2" t="s">
        <v>29636</v>
      </c>
      <c r="G10463" s="8">
        <v>674</v>
      </c>
      <c r="H10463" s="5">
        <v>10</v>
      </c>
      <c r="I10463" s="5" t="s">
        <v>69</v>
      </c>
      <c r="J10463" s="5" t="s">
        <v>27074</v>
      </c>
      <c r="K10463" s="2" t="s">
        <v>27075</v>
      </c>
      <c r="L10463" s="5" t="s">
        <v>27074</v>
      </c>
      <c r="M10463" s="2" t="s">
        <v>27075</v>
      </c>
      <c r="N10463" s="5" t="s">
        <v>24254</v>
      </c>
      <c r="O10463" s="5" t="s">
        <v>38</v>
      </c>
      <c r="P10463" s="5" t="s">
        <v>39</v>
      </c>
      <c r="Q10463" s="5" t="s">
        <v>40</v>
      </c>
      <c r="R10463" s="5" t="s">
        <v>1487</v>
      </c>
      <c r="S10463" s="5"/>
      <c r="T10463" s="5" t="s">
        <v>42</v>
      </c>
      <c r="U10463" s="2">
        <v>0</v>
      </c>
      <c r="V10463" s="2">
        <v>0</v>
      </c>
      <c r="W10463" s="2">
        <v>0</v>
      </c>
      <c r="X10463" s="2">
        <v>0</v>
      </c>
      <c r="Y10463" s="2">
        <v>0</v>
      </c>
      <c r="Z10463" s="2">
        <v>0</v>
      </c>
      <c r="AA10463" s="5"/>
      <c r="AB10463" s="5" t="s">
        <v>43</v>
      </c>
      <c r="AC10463" s="5" t="s">
        <v>44</v>
      </c>
      <c r="AD10463" s="2" t="s">
        <v>31597</v>
      </c>
      <c r="AE10463" s="1"/>
    </row>
    <row r="10464" spans="1:31" ht="14.45">
      <c r="A10464" s="11"/>
      <c r="B10464" s="20"/>
      <c r="C10464" s="2" t="s">
        <v>32158</v>
      </c>
      <c r="D10464" s="14" t="s">
        <v>32159</v>
      </c>
      <c r="E10464" s="2" t="s">
        <v>32160</v>
      </c>
      <c r="F10464" s="2" t="s">
        <v>32161</v>
      </c>
      <c r="G10464" s="8">
        <v>157</v>
      </c>
      <c r="H10464" s="5">
        <v>5</v>
      </c>
      <c r="I10464" s="5" t="s">
        <v>69</v>
      </c>
      <c r="J10464" s="5" t="s">
        <v>27074</v>
      </c>
      <c r="K10464" s="2" t="s">
        <v>27075</v>
      </c>
      <c r="L10464" s="5" t="s">
        <v>27074</v>
      </c>
      <c r="M10464" s="2" t="s">
        <v>27075</v>
      </c>
      <c r="N10464" s="5" t="s">
        <v>24254</v>
      </c>
      <c r="O10464" s="5" t="s">
        <v>38</v>
      </c>
      <c r="P10464" s="5" t="s">
        <v>39</v>
      </c>
      <c r="Q10464" s="5" t="s">
        <v>40</v>
      </c>
      <c r="R10464" s="5" t="s">
        <v>24335</v>
      </c>
      <c r="S10464" s="5" t="s">
        <v>40</v>
      </c>
      <c r="T10464" s="5" t="s">
        <v>42</v>
      </c>
      <c r="U10464" s="2">
        <v>7.32</v>
      </c>
      <c r="V10464" s="2">
        <v>5.76</v>
      </c>
      <c r="W10464" s="2">
        <v>9.2999999999999999E-2</v>
      </c>
      <c r="X10464" s="2">
        <v>12</v>
      </c>
      <c r="Y10464" s="2">
        <v>50</v>
      </c>
      <c r="Z10464" s="2">
        <v>154.4</v>
      </c>
      <c r="AA10464" s="5">
        <v>8</v>
      </c>
      <c r="AB10464" s="5" t="s">
        <v>43</v>
      </c>
      <c r="AC10464" s="5" t="s">
        <v>44</v>
      </c>
      <c r="AD10464" s="2" t="s">
        <v>32162</v>
      </c>
      <c r="AE10464" s="1"/>
    </row>
    <row r="10465" spans="1:31" ht="14.45">
      <c r="A10465" s="11"/>
      <c r="B10465" s="20"/>
      <c r="C10465" s="2" t="s">
        <v>32163</v>
      </c>
      <c r="D10465" s="14" t="s">
        <v>32164</v>
      </c>
      <c r="E10465" s="2" t="s">
        <v>32165</v>
      </c>
      <c r="F10465" s="2" t="s">
        <v>32166</v>
      </c>
      <c r="G10465" s="8">
        <v>157</v>
      </c>
      <c r="H10465" s="5">
        <v>5</v>
      </c>
      <c r="I10465" s="5" t="s">
        <v>69</v>
      </c>
      <c r="J10465" s="5" t="s">
        <v>27074</v>
      </c>
      <c r="K10465" s="2" t="s">
        <v>27075</v>
      </c>
      <c r="L10465" s="5" t="s">
        <v>27074</v>
      </c>
      <c r="M10465" s="2" t="s">
        <v>27075</v>
      </c>
      <c r="N10465" s="5" t="s">
        <v>24254</v>
      </c>
      <c r="O10465" s="5" t="s">
        <v>38</v>
      </c>
      <c r="P10465" s="5" t="s">
        <v>39</v>
      </c>
      <c r="Q10465" s="5" t="s">
        <v>40</v>
      </c>
      <c r="R10465" s="5" t="s">
        <v>24335</v>
      </c>
      <c r="S10465" s="5" t="s">
        <v>40</v>
      </c>
      <c r="T10465" s="5" t="s">
        <v>42</v>
      </c>
      <c r="U10465" s="2">
        <v>6.0179999999999998</v>
      </c>
      <c r="V10465" s="2">
        <v>4.4589999999999996</v>
      </c>
      <c r="W10465" s="2">
        <v>9.2999999999999999E-2</v>
      </c>
      <c r="X10465" s="2">
        <v>12</v>
      </c>
      <c r="Y10465" s="2">
        <v>50</v>
      </c>
      <c r="Z10465" s="2">
        <v>154.4</v>
      </c>
      <c r="AA10465" s="5">
        <v>8</v>
      </c>
      <c r="AB10465" s="5" t="s">
        <v>43</v>
      </c>
      <c r="AC10465" s="5" t="s">
        <v>44</v>
      </c>
      <c r="AD10465" s="2" t="s">
        <v>32162</v>
      </c>
      <c r="AE10465" s="1"/>
    </row>
    <row r="10466" spans="1:31" ht="14.45">
      <c r="A10466" s="11"/>
      <c r="B10466" s="20"/>
      <c r="C10466" s="2" t="s">
        <v>32167</v>
      </c>
      <c r="D10466" s="14" t="s">
        <v>32168</v>
      </c>
      <c r="E10466" s="2" t="s">
        <v>32169</v>
      </c>
      <c r="F10466" s="2" t="s">
        <v>32170</v>
      </c>
      <c r="G10466" s="8">
        <v>157</v>
      </c>
      <c r="H10466" s="5">
        <v>5</v>
      </c>
      <c r="I10466" s="5" t="s">
        <v>69</v>
      </c>
      <c r="J10466" s="5" t="s">
        <v>27074</v>
      </c>
      <c r="K10466" s="2" t="s">
        <v>27075</v>
      </c>
      <c r="L10466" s="5" t="s">
        <v>27074</v>
      </c>
      <c r="M10466" s="2" t="s">
        <v>27075</v>
      </c>
      <c r="N10466" s="5" t="s">
        <v>24254</v>
      </c>
      <c r="O10466" s="5" t="s">
        <v>38</v>
      </c>
      <c r="P10466" s="5" t="s">
        <v>39</v>
      </c>
      <c r="Q10466" s="5" t="s">
        <v>40</v>
      </c>
      <c r="R10466" s="5" t="s">
        <v>24335</v>
      </c>
      <c r="S10466" s="5" t="s">
        <v>40</v>
      </c>
      <c r="T10466" s="5" t="s">
        <v>42</v>
      </c>
      <c r="U10466" s="2">
        <v>4.8780000000000001</v>
      </c>
      <c r="V10466" s="2">
        <v>3.7839999999999998</v>
      </c>
      <c r="W10466" s="2">
        <v>7.3999999999999996E-2</v>
      </c>
      <c r="X10466" s="2">
        <v>12</v>
      </c>
      <c r="Y10466" s="2">
        <v>42.5</v>
      </c>
      <c r="Z10466" s="2">
        <v>144.4</v>
      </c>
      <c r="AA10466" s="5">
        <v>8</v>
      </c>
      <c r="AB10466" s="5" t="s">
        <v>43</v>
      </c>
      <c r="AC10466" s="5" t="s">
        <v>44</v>
      </c>
      <c r="AD10466" s="2" t="s">
        <v>32162</v>
      </c>
      <c r="AE10466" s="1"/>
    </row>
    <row r="10467" spans="1:31" ht="14.45">
      <c r="A10467" s="11"/>
      <c r="B10467" s="20"/>
      <c r="C10467" s="2" t="s">
        <v>32171</v>
      </c>
      <c r="D10467" s="14" t="s">
        <v>32172</v>
      </c>
      <c r="E10467" s="2" t="s">
        <v>32173</v>
      </c>
      <c r="F10467" s="2"/>
      <c r="G10467" s="8">
        <v>157</v>
      </c>
      <c r="H10467" s="5">
        <v>15</v>
      </c>
      <c r="I10467" s="5" t="s">
        <v>69</v>
      </c>
      <c r="J10467" s="5" t="s">
        <v>27074</v>
      </c>
      <c r="K10467" s="2" t="s">
        <v>27075</v>
      </c>
      <c r="L10467" s="5" t="s">
        <v>27074</v>
      </c>
      <c r="M10467" s="2" t="s">
        <v>27075</v>
      </c>
      <c r="N10467" s="5" t="s">
        <v>24254</v>
      </c>
      <c r="O10467" s="5" t="s">
        <v>38</v>
      </c>
      <c r="P10467" s="5" t="s">
        <v>39</v>
      </c>
      <c r="Q10467" s="5" t="s">
        <v>40</v>
      </c>
      <c r="R10467" s="5" t="s">
        <v>24335</v>
      </c>
      <c r="S10467" s="5" t="s">
        <v>40</v>
      </c>
      <c r="T10467" s="5" t="s">
        <v>42</v>
      </c>
      <c r="U10467" s="2">
        <v>4.7430000000000003</v>
      </c>
      <c r="V10467" s="2">
        <v>3.3260000000000001</v>
      </c>
      <c r="W10467" s="2">
        <v>8.8999999999999996E-2</v>
      </c>
      <c r="X10467" s="2">
        <v>12</v>
      </c>
      <c r="Y10467" s="2">
        <v>62</v>
      </c>
      <c r="Z10467" s="2">
        <v>119.4</v>
      </c>
      <c r="AA10467" s="5">
        <v>10</v>
      </c>
      <c r="AB10467" s="5" t="s">
        <v>43</v>
      </c>
      <c r="AC10467" s="5" t="s">
        <v>44</v>
      </c>
      <c r="AD10467" s="2" t="s">
        <v>32174</v>
      </c>
      <c r="AE10467" s="1"/>
    </row>
    <row r="10468" spans="1:31" ht="14.45">
      <c r="A10468" s="11"/>
      <c r="B10468" s="20"/>
      <c r="C10468" s="2" t="s">
        <v>32175</v>
      </c>
      <c r="D10468" s="14" t="s">
        <v>32176</v>
      </c>
      <c r="E10468" s="2" t="s">
        <v>32177</v>
      </c>
      <c r="F10468" s="2"/>
      <c r="G10468" s="8">
        <v>157</v>
      </c>
      <c r="H10468" s="5">
        <v>15</v>
      </c>
      <c r="I10468" s="5" t="s">
        <v>69</v>
      </c>
      <c r="J10468" s="5" t="s">
        <v>27074</v>
      </c>
      <c r="K10468" s="2" t="s">
        <v>27075</v>
      </c>
      <c r="L10468" s="5" t="s">
        <v>27074</v>
      </c>
      <c r="M10468" s="2" t="s">
        <v>27075</v>
      </c>
      <c r="N10468" s="5" t="s">
        <v>24254</v>
      </c>
      <c r="O10468" s="5" t="s">
        <v>38</v>
      </c>
      <c r="P10468" s="5" t="s">
        <v>39</v>
      </c>
      <c r="Q10468" s="5" t="s">
        <v>40</v>
      </c>
      <c r="R10468" s="5" t="s">
        <v>24335</v>
      </c>
      <c r="S10468" s="5" t="s">
        <v>40</v>
      </c>
      <c r="T10468" s="5" t="s">
        <v>42</v>
      </c>
      <c r="U10468" s="2">
        <v>4.077</v>
      </c>
      <c r="V10468" s="2">
        <v>2.66</v>
      </c>
      <c r="W10468" s="2">
        <v>8.8999999999999996E-2</v>
      </c>
      <c r="X10468" s="2">
        <v>12</v>
      </c>
      <c r="Y10468" s="2">
        <v>62</v>
      </c>
      <c r="Z10468" s="2">
        <v>119.4</v>
      </c>
      <c r="AA10468" s="5">
        <v>10</v>
      </c>
      <c r="AB10468" s="5" t="s">
        <v>43</v>
      </c>
      <c r="AC10468" s="5" t="s">
        <v>44</v>
      </c>
      <c r="AD10468" s="2" t="s">
        <v>32178</v>
      </c>
      <c r="AE10468" s="1"/>
    </row>
    <row r="10469" spans="1:31" ht="14.45">
      <c r="A10469" s="11"/>
      <c r="B10469" s="20"/>
      <c r="C10469" s="2" t="s">
        <v>32179</v>
      </c>
      <c r="D10469" s="14" t="s">
        <v>32180</v>
      </c>
      <c r="E10469" s="2" t="s">
        <v>32181</v>
      </c>
      <c r="F10469" s="2"/>
      <c r="G10469" s="8">
        <v>157</v>
      </c>
      <c r="H10469" s="5">
        <v>15</v>
      </c>
      <c r="I10469" s="5" t="s">
        <v>69</v>
      </c>
      <c r="J10469" s="5" t="s">
        <v>27074</v>
      </c>
      <c r="K10469" s="2" t="s">
        <v>27075</v>
      </c>
      <c r="L10469" s="5" t="s">
        <v>27074</v>
      </c>
      <c r="M10469" s="2" t="s">
        <v>27075</v>
      </c>
      <c r="N10469" s="5" t="s">
        <v>24254</v>
      </c>
      <c r="O10469" s="5" t="s">
        <v>38</v>
      </c>
      <c r="P10469" s="5" t="s">
        <v>39</v>
      </c>
      <c r="Q10469" s="5" t="s">
        <v>40</v>
      </c>
      <c r="R10469" s="5" t="s">
        <v>24335</v>
      </c>
      <c r="S10469" s="5" t="s">
        <v>40</v>
      </c>
      <c r="T10469" s="5" t="s">
        <v>42</v>
      </c>
      <c r="U10469" s="2">
        <v>4.226</v>
      </c>
      <c r="V10469" s="2">
        <v>2.8090000000000002</v>
      </c>
      <c r="W10469" s="2">
        <v>8.8999999999999996E-2</v>
      </c>
      <c r="X10469" s="2">
        <v>12</v>
      </c>
      <c r="Y10469" s="2">
        <v>62</v>
      </c>
      <c r="Z10469" s="2">
        <v>119.4</v>
      </c>
      <c r="AA10469" s="5">
        <v>10</v>
      </c>
      <c r="AB10469" s="5" t="s">
        <v>43</v>
      </c>
      <c r="AC10469" s="5" t="s">
        <v>44</v>
      </c>
      <c r="AD10469" s="2" t="s">
        <v>32178</v>
      </c>
      <c r="AE10469" s="1"/>
    </row>
    <row r="10470" spans="1:31" ht="14.45">
      <c r="A10470" s="11"/>
      <c r="B10470" s="20"/>
      <c r="C10470" s="2" t="s">
        <v>32182</v>
      </c>
      <c r="D10470" s="14" t="s">
        <v>32183</v>
      </c>
      <c r="E10470" s="2" t="s">
        <v>32184</v>
      </c>
      <c r="F10470" s="2" t="s">
        <v>32161</v>
      </c>
      <c r="G10470" s="8">
        <v>167</v>
      </c>
      <c r="H10470" s="5">
        <v>5</v>
      </c>
      <c r="I10470" s="5" t="s">
        <v>69</v>
      </c>
      <c r="J10470" s="5" t="s">
        <v>27074</v>
      </c>
      <c r="K10470" s="2" t="s">
        <v>27075</v>
      </c>
      <c r="L10470" s="5" t="s">
        <v>27074</v>
      </c>
      <c r="M10470" s="2" t="s">
        <v>27075</v>
      </c>
      <c r="N10470" s="5" t="s">
        <v>24254</v>
      </c>
      <c r="O10470" s="5" t="s">
        <v>38</v>
      </c>
      <c r="P10470" s="5" t="s">
        <v>39</v>
      </c>
      <c r="Q10470" s="5" t="s">
        <v>40</v>
      </c>
      <c r="R10470" s="5" t="s">
        <v>24335</v>
      </c>
      <c r="S10470" s="5" t="s">
        <v>40</v>
      </c>
      <c r="T10470" s="5" t="s">
        <v>42</v>
      </c>
      <c r="U10470" s="2">
        <v>7.7549999999999999</v>
      </c>
      <c r="V10470" s="2">
        <v>6.1950000000000003</v>
      </c>
      <c r="W10470" s="2">
        <v>9.2999999999999999E-2</v>
      </c>
      <c r="X10470" s="2">
        <v>12</v>
      </c>
      <c r="Y10470" s="2">
        <v>50</v>
      </c>
      <c r="Z10470" s="2">
        <v>154.4</v>
      </c>
      <c r="AA10470" s="5">
        <v>8</v>
      </c>
      <c r="AB10470" s="5" t="s">
        <v>43</v>
      </c>
      <c r="AC10470" s="5" t="s">
        <v>44</v>
      </c>
      <c r="AD10470" s="2" t="s">
        <v>32162</v>
      </c>
      <c r="AE10470" s="1"/>
    </row>
    <row r="10471" spans="1:31" ht="14.45">
      <c r="A10471" s="11"/>
      <c r="B10471" s="20"/>
      <c r="C10471" s="2" t="s">
        <v>32185</v>
      </c>
      <c r="D10471" s="14" t="s">
        <v>32186</v>
      </c>
      <c r="E10471" s="2" t="s">
        <v>32187</v>
      </c>
      <c r="F10471" s="2" t="s">
        <v>32166</v>
      </c>
      <c r="G10471" s="8">
        <v>167</v>
      </c>
      <c r="H10471" s="5">
        <v>5</v>
      </c>
      <c r="I10471" s="5" t="s">
        <v>69</v>
      </c>
      <c r="J10471" s="5" t="s">
        <v>27074</v>
      </c>
      <c r="K10471" s="2" t="s">
        <v>27075</v>
      </c>
      <c r="L10471" s="5" t="s">
        <v>27074</v>
      </c>
      <c r="M10471" s="2" t="s">
        <v>27075</v>
      </c>
      <c r="N10471" s="5" t="s">
        <v>24254</v>
      </c>
      <c r="O10471" s="5" t="s">
        <v>38</v>
      </c>
      <c r="P10471" s="5" t="s">
        <v>39</v>
      </c>
      <c r="Q10471" s="5" t="s">
        <v>40</v>
      </c>
      <c r="R10471" s="5" t="s">
        <v>24335</v>
      </c>
      <c r="S10471" s="5" t="s">
        <v>40</v>
      </c>
      <c r="T10471" s="5" t="s">
        <v>42</v>
      </c>
      <c r="U10471" s="2">
        <v>6.3760000000000003</v>
      </c>
      <c r="V10471" s="2">
        <v>4.8170000000000002</v>
      </c>
      <c r="W10471" s="2">
        <v>9.2999999999999999E-2</v>
      </c>
      <c r="X10471" s="2">
        <v>12</v>
      </c>
      <c r="Y10471" s="2">
        <v>50</v>
      </c>
      <c r="Z10471" s="2">
        <v>154.4</v>
      </c>
      <c r="AA10471" s="5">
        <v>8</v>
      </c>
      <c r="AB10471" s="5" t="s">
        <v>43</v>
      </c>
      <c r="AC10471" s="5" t="s">
        <v>44</v>
      </c>
      <c r="AD10471" s="2" t="s">
        <v>32162</v>
      </c>
      <c r="AE10471" s="1"/>
    </row>
    <row r="10472" spans="1:31" ht="14.45">
      <c r="A10472" s="11"/>
      <c r="B10472" s="20"/>
      <c r="C10472" s="2" t="s">
        <v>32188</v>
      </c>
      <c r="D10472" s="14" t="s">
        <v>32189</v>
      </c>
      <c r="E10472" s="2" t="s">
        <v>32190</v>
      </c>
      <c r="F10472" s="2" t="s">
        <v>32170</v>
      </c>
      <c r="G10472" s="8">
        <v>167</v>
      </c>
      <c r="H10472" s="5">
        <v>5</v>
      </c>
      <c r="I10472" s="5" t="s">
        <v>69</v>
      </c>
      <c r="J10472" s="5" t="s">
        <v>27074</v>
      </c>
      <c r="K10472" s="2" t="s">
        <v>27075</v>
      </c>
      <c r="L10472" s="5" t="s">
        <v>27074</v>
      </c>
      <c r="M10472" s="2" t="s">
        <v>27075</v>
      </c>
      <c r="N10472" s="5" t="s">
        <v>24254</v>
      </c>
      <c r="O10472" s="5" t="s">
        <v>38</v>
      </c>
      <c r="P10472" s="5" t="s">
        <v>39</v>
      </c>
      <c r="Q10472" s="5" t="s">
        <v>40</v>
      </c>
      <c r="R10472" s="5" t="s">
        <v>24335</v>
      </c>
      <c r="S10472" s="5" t="s">
        <v>40</v>
      </c>
      <c r="T10472" s="5" t="s">
        <v>42</v>
      </c>
      <c r="U10472" s="2">
        <v>5.1909999999999998</v>
      </c>
      <c r="V10472" s="2">
        <v>4.0970000000000004</v>
      </c>
      <c r="W10472" s="2">
        <v>7.3999999999999996E-2</v>
      </c>
      <c r="X10472" s="2">
        <v>12</v>
      </c>
      <c r="Y10472" s="2">
        <v>42.5</v>
      </c>
      <c r="Z10472" s="2">
        <v>144.4</v>
      </c>
      <c r="AA10472" s="5">
        <v>8</v>
      </c>
      <c r="AB10472" s="5" t="s">
        <v>43</v>
      </c>
      <c r="AC10472" s="5" t="s">
        <v>44</v>
      </c>
      <c r="AD10472" s="2" t="s">
        <v>32162</v>
      </c>
      <c r="AE10472" s="1"/>
    </row>
    <row r="10473" spans="1:31" ht="14.45">
      <c r="A10473" s="11"/>
      <c r="B10473" s="20"/>
      <c r="C10473" s="2" t="s">
        <v>32191</v>
      </c>
      <c r="D10473" s="14" t="s">
        <v>32192</v>
      </c>
      <c r="E10473" s="2" t="s">
        <v>32193</v>
      </c>
      <c r="F10473" s="2"/>
      <c r="G10473" s="8">
        <v>167</v>
      </c>
      <c r="H10473" s="5">
        <v>15</v>
      </c>
      <c r="I10473" s="5" t="s">
        <v>69</v>
      </c>
      <c r="J10473" s="5" t="s">
        <v>27074</v>
      </c>
      <c r="K10473" s="2" t="s">
        <v>27075</v>
      </c>
      <c r="L10473" s="5" t="s">
        <v>27074</v>
      </c>
      <c r="M10473" s="2" t="s">
        <v>27075</v>
      </c>
      <c r="N10473" s="5" t="s">
        <v>24254</v>
      </c>
      <c r="O10473" s="5" t="s">
        <v>38</v>
      </c>
      <c r="P10473" s="5" t="s">
        <v>39</v>
      </c>
      <c r="Q10473" s="5" t="s">
        <v>40</v>
      </c>
      <c r="R10473" s="5" t="s">
        <v>24335</v>
      </c>
      <c r="S10473" s="5" t="s">
        <v>40</v>
      </c>
      <c r="T10473" s="5" t="s">
        <v>42</v>
      </c>
      <c r="U10473" s="2">
        <v>5.3620000000000001</v>
      </c>
      <c r="V10473" s="2">
        <v>3.7679999999999998</v>
      </c>
      <c r="W10473" s="2">
        <v>0.10299999999999999</v>
      </c>
      <c r="X10473" s="2">
        <v>12</v>
      </c>
      <c r="Y10473" s="2">
        <v>62</v>
      </c>
      <c r="Z10473" s="2">
        <v>137.9</v>
      </c>
      <c r="AA10473" s="5">
        <v>10</v>
      </c>
      <c r="AB10473" s="5" t="s">
        <v>43</v>
      </c>
      <c r="AC10473" s="5" t="s">
        <v>44</v>
      </c>
      <c r="AD10473" s="2" t="s">
        <v>32174</v>
      </c>
      <c r="AE10473" s="1"/>
    </row>
    <row r="10474" spans="1:31" ht="14.45">
      <c r="A10474" s="11"/>
      <c r="B10474" s="20"/>
      <c r="C10474" s="2" t="s">
        <v>32194</v>
      </c>
      <c r="D10474" s="14" t="s">
        <v>32195</v>
      </c>
      <c r="E10474" s="2" t="s">
        <v>32196</v>
      </c>
      <c r="F10474" s="2"/>
      <c r="G10474" s="8">
        <v>167</v>
      </c>
      <c r="H10474" s="5">
        <v>15</v>
      </c>
      <c r="I10474" s="5" t="s">
        <v>69</v>
      </c>
      <c r="J10474" s="5" t="s">
        <v>27074</v>
      </c>
      <c r="K10474" s="2" t="s">
        <v>27075</v>
      </c>
      <c r="L10474" s="5" t="s">
        <v>27074</v>
      </c>
      <c r="M10474" s="2" t="s">
        <v>27075</v>
      </c>
      <c r="N10474" s="5" t="s">
        <v>24254</v>
      </c>
      <c r="O10474" s="5" t="s">
        <v>38</v>
      </c>
      <c r="P10474" s="5" t="s">
        <v>39</v>
      </c>
      <c r="Q10474" s="5" t="s">
        <v>40</v>
      </c>
      <c r="R10474" s="5" t="s">
        <v>24335</v>
      </c>
      <c r="S10474" s="5" t="s">
        <v>40</v>
      </c>
      <c r="T10474" s="5" t="s">
        <v>42</v>
      </c>
      <c r="U10474" s="2">
        <v>4.3929999999999998</v>
      </c>
      <c r="V10474" s="2">
        <v>2.976</v>
      </c>
      <c r="W10474" s="2">
        <v>8.8999999999999996E-2</v>
      </c>
      <c r="X10474" s="2">
        <v>12</v>
      </c>
      <c r="Y10474" s="2">
        <v>62</v>
      </c>
      <c r="Z10474" s="2">
        <v>119.4</v>
      </c>
      <c r="AA10474" s="5">
        <v>10</v>
      </c>
      <c r="AB10474" s="5" t="s">
        <v>43</v>
      </c>
      <c r="AC10474" s="5" t="s">
        <v>44</v>
      </c>
      <c r="AD10474" s="2" t="s">
        <v>32178</v>
      </c>
      <c r="AE10474" s="1"/>
    </row>
    <row r="10475" spans="1:31" ht="14.45">
      <c r="A10475" s="11"/>
      <c r="B10475" s="20"/>
      <c r="C10475" s="2" t="s">
        <v>32197</v>
      </c>
      <c r="D10475" s="14" t="s">
        <v>32198</v>
      </c>
      <c r="E10475" s="2" t="s">
        <v>32199</v>
      </c>
      <c r="F10475" s="2"/>
      <c r="G10475" s="8">
        <v>167</v>
      </c>
      <c r="H10475" s="5">
        <v>15</v>
      </c>
      <c r="I10475" s="5" t="s">
        <v>69</v>
      </c>
      <c r="J10475" s="5" t="s">
        <v>27074</v>
      </c>
      <c r="K10475" s="2" t="s">
        <v>27075</v>
      </c>
      <c r="L10475" s="5" t="s">
        <v>27074</v>
      </c>
      <c r="M10475" s="2" t="s">
        <v>27075</v>
      </c>
      <c r="N10475" s="5" t="s">
        <v>24254</v>
      </c>
      <c r="O10475" s="5" t="s">
        <v>38</v>
      </c>
      <c r="P10475" s="5" t="s">
        <v>39</v>
      </c>
      <c r="Q10475" s="5" t="s">
        <v>40</v>
      </c>
      <c r="R10475" s="5" t="s">
        <v>24335</v>
      </c>
      <c r="S10475" s="5" t="s">
        <v>40</v>
      </c>
      <c r="T10475" s="5" t="s">
        <v>42</v>
      </c>
      <c r="U10475" s="2">
        <v>4.5960000000000001</v>
      </c>
      <c r="V10475" s="2">
        <v>3.1789999999999998</v>
      </c>
      <c r="W10475" s="2">
        <v>8.8999999999999996E-2</v>
      </c>
      <c r="X10475" s="2">
        <v>12</v>
      </c>
      <c r="Y10475" s="2">
        <v>62</v>
      </c>
      <c r="Z10475" s="2">
        <v>119.4</v>
      </c>
      <c r="AA10475" s="5">
        <v>10</v>
      </c>
      <c r="AB10475" s="5" t="s">
        <v>43</v>
      </c>
      <c r="AC10475" s="5" t="s">
        <v>44</v>
      </c>
      <c r="AD10475" s="2" t="s">
        <v>32178</v>
      </c>
      <c r="AE10475" s="1"/>
    </row>
    <row r="10476" spans="1:31" ht="14.45">
      <c r="A10476" s="11"/>
      <c r="B10476" s="20"/>
      <c r="C10476" s="2" t="s">
        <v>32200</v>
      </c>
      <c r="D10476" s="14" t="s">
        <v>32201</v>
      </c>
      <c r="E10476" s="2" t="s">
        <v>32202</v>
      </c>
      <c r="F10476" s="2" t="s">
        <v>32161</v>
      </c>
      <c r="G10476" s="8">
        <v>172</v>
      </c>
      <c r="H10476" s="5">
        <v>5</v>
      </c>
      <c r="I10476" s="5" t="s">
        <v>69</v>
      </c>
      <c r="J10476" s="5" t="s">
        <v>27074</v>
      </c>
      <c r="K10476" s="2" t="s">
        <v>27075</v>
      </c>
      <c r="L10476" s="5" t="s">
        <v>27074</v>
      </c>
      <c r="M10476" s="2" t="s">
        <v>27075</v>
      </c>
      <c r="N10476" s="5" t="s">
        <v>24254</v>
      </c>
      <c r="O10476" s="5" t="s">
        <v>38</v>
      </c>
      <c r="P10476" s="5" t="s">
        <v>39</v>
      </c>
      <c r="Q10476" s="5" t="s">
        <v>40</v>
      </c>
      <c r="R10476" s="5" t="s">
        <v>24335</v>
      </c>
      <c r="S10476" s="5" t="s">
        <v>40</v>
      </c>
      <c r="T10476" s="5" t="s">
        <v>42</v>
      </c>
      <c r="U10476" s="2">
        <v>8.1940000000000008</v>
      </c>
      <c r="V10476" s="2">
        <v>6.6340000000000003</v>
      </c>
      <c r="W10476" s="2">
        <v>9.2999999999999999E-2</v>
      </c>
      <c r="X10476" s="2">
        <v>12</v>
      </c>
      <c r="Y10476" s="2">
        <v>50</v>
      </c>
      <c r="Z10476" s="2">
        <v>154.4</v>
      </c>
      <c r="AA10476" s="5">
        <v>8</v>
      </c>
      <c r="AB10476" s="5" t="s">
        <v>43</v>
      </c>
      <c r="AC10476" s="5" t="s">
        <v>44</v>
      </c>
      <c r="AD10476" s="2" t="s">
        <v>32162</v>
      </c>
      <c r="AE10476" s="1"/>
    </row>
    <row r="10477" spans="1:31" ht="14.45">
      <c r="A10477" s="11"/>
      <c r="B10477" s="20"/>
      <c r="C10477" s="2" t="s">
        <v>32203</v>
      </c>
      <c r="D10477" s="14" t="s">
        <v>32204</v>
      </c>
      <c r="E10477" s="2" t="s">
        <v>32205</v>
      </c>
      <c r="F10477" s="2" t="s">
        <v>32166</v>
      </c>
      <c r="G10477" s="8">
        <v>172</v>
      </c>
      <c r="H10477" s="5">
        <v>5</v>
      </c>
      <c r="I10477" s="5" t="s">
        <v>69</v>
      </c>
      <c r="J10477" s="5" t="s">
        <v>27074</v>
      </c>
      <c r="K10477" s="2" t="s">
        <v>27075</v>
      </c>
      <c r="L10477" s="5" t="s">
        <v>27074</v>
      </c>
      <c r="M10477" s="2" t="s">
        <v>27075</v>
      </c>
      <c r="N10477" s="5" t="s">
        <v>24254</v>
      </c>
      <c r="O10477" s="5" t="s">
        <v>38</v>
      </c>
      <c r="P10477" s="5" t="s">
        <v>39</v>
      </c>
      <c r="Q10477" s="5" t="s">
        <v>40</v>
      </c>
      <c r="R10477" s="5" t="s">
        <v>24335</v>
      </c>
      <c r="S10477" s="5" t="s">
        <v>40</v>
      </c>
      <c r="T10477" s="5" t="s">
        <v>42</v>
      </c>
      <c r="U10477" s="2">
        <v>6.7370000000000001</v>
      </c>
      <c r="V10477" s="2">
        <v>5.1779999999999999</v>
      </c>
      <c r="W10477" s="2">
        <v>9.2999999999999999E-2</v>
      </c>
      <c r="X10477" s="2">
        <v>12</v>
      </c>
      <c r="Y10477" s="2">
        <v>50</v>
      </c>
      <c r="Z10477" s="2">
        <v>154.4</v>
      </c>
      <c r="AA10477" s="5">
        <v>8</v>
      </c>
      <c r="AB10477" s="5" t="s">
        <v>43</v>
      </c>
      <c r="AC10477" s="5" t="s">
        <v>44</v>
      </c>
      <c r="AD10477" s="2" t="s">
        <v>32162</v>
      </c>
      <c r="AE10477" s="1"/>
    </row>
    <row r="10478" spans="1:31" ht="14.45">
      <c r="A10478" s="11"/>
      <c r="B10478" s="20"/>
      <c r="C10478" s="2" t="s">
        <v>32206</v>
      </c>
      <c r="D10478" s="14" t="s">
        <v>32207</v>
      </c>
      <c r="E10478" s="2" t="s">
        <v>32208</v>
      </c>
      <c r="F10478" s="2" t="s">
        <v>32170</v>
      </c>
      <c r="G10478" s="8">
        <v>172</v>
      </c>
      <c r="H10478" s="5">
        <v>5</v>
      </c>
      <c r="I10478" s="5" t="s">
        <v>69</v>
      </c>
      <c r="J10478" s="5" t="s">
        <v>27074</v>
      </c>
      <c r="K10478" s="2" t="s">
        <v>27075</v>
      </c>
      <c r="L10478" s="5" t="s">
        <v>27074</v>
      </c>
      <c r="M10478" s="2" t="s">
        <v>27075</v>
      </c>
      <c r="N10478" s="5" t="s">
        <v>24254</v>
      </c>
      <c r="O10478" s="5" t="s">
        <v>38</v>
      </c>
      <c r="P10478" s="5" t="s">
        <v>39</v>
      </c>
      <c r="Q10478" s="5" t="s">
        <v>40</v>
      </c>
      <c r="R10478" s="5" t="s">
        <v>24335</v>
      </c>
      <c r="S10478" s="5" t="s">
        <v>40</v>
      </c>
      <c r="T10478" s="5" t="s">
        <v>42</v>
      </c>
      <c r="U10478" s="2">
        <v>5.5090000000000003</v>
      </c>
      <c r="V10478" s="2">
        <v>4.415</v>
      </c>
      <c r="W10478" s="2">
        <v>7.3999999999999996E-2</v>
      </c>
      <c r="X10478" s="2">
        <v>12</v>
      </c>
      <c r="Y10478" s="2">
        <v>42.5</v>
      </c>
      <c r="Z10478" s="2">
        <v>144.4</v>
      </c>
      <c r="AA10478" s="5">
        <v>8</v>
      </c>
      <c r="AB10478" s="5" t="s">
        <v>43</v>
      </c>
      <c r="AC10478" s="5" t="s">
        <v>44</v>
      </c>
      <c r="AD10478" s="2" t="s">
        <v>32162</v>
      </c>
      <c r="AE10478" s="1"/>
    </row>
    <row r="10479" spans="1:31" ht="14.45">
      <c r="A10479" s="11"/>
      <c r="B10479" s="20"/>
      <c r="C10479" s="2" t="s">
        <v>32209</v>
      </c>
      <c r="D10479" s="14" t="s">
        <v>32210</v>
      </c>
      <c r="E10479" s="2" t="s">
        <v>32211</v>
      </c>
      <c r="F10479" s="2"/>
      <c r="G10479" s="8">
        <v>172</v>
      </c>
      <c r="H10479" s="5">
        <v>15</v>
      </c>
      <c r="I10479" s="5" t="s">
        <v>69</v>
      </c>
      <c r="J10479" s="5" t="s">
        <v>27074</v>
      </c>
      <c r="K10479" s="2" t="s">
        <v>27075</v>
      </c>
      <c r="L10479" s="5" t="s">
        <v>27074</v>
      </c>
      <c r="M10479" s="2" t="s">
        <v>27075</v>
      </c>
      <c r="N10479" s="5" t="s">
        <v>24254</v>
      </c>
      <c r="O10479" s="5" t="s">
        <v>38</v>
      </c>
      <c r="P10479" s="5" t="s">
        <v>39</v>
      </c>
      <c r="Q10479" s="5" t="s">
        <v>40</v>
      </c>
      <c r="R10479" s="5" t="s">
        <v>24335</v>
      </c>
      <c r="S10479" s="5" t="s">
        <v>40</v>
      </c>
      <c r="T10479" s="5" t="s">
        <v>42</v>
      </c>
      <c r="U10479" s="2">
        <v>6.0209999999999999</v>
      </c>
      <c r="V10479" s="2">
        <v>4.2160000000000002</v>
      </c>
      <c r="W10479" s="2">
        <v>0.11899999999999999</v>
      </c>
      <c r="X10479" s="2">
        <v>12</v>
      </c>
      <c r="Y10479" s="2">
        <v>62</v>
      </c>
      <c r="Z10479" s="2">
        <v>159.9</v>
      </c>
      <c r="AA10479" s="5">
        <v>10</v>
      </c>
      <c r="AB10479" s="5" t="s">
        <v>43</v>
      </c>
      <c r="AC10479" s="5" t="s">
        <v>44</v>
      </c>
      <c r="AD10479" s="2" t="s">
        <v>32174</v>
      </c>
      <c r="AE10479" s="1"/>
    </row>
    <row r="10480" spans="1:31" ht="14.45">
      <c r="A10480" s="11"/>
      <c r="B10480" s="20"/>
      <c r="C10480" s="2" t="s">
        <v>32212</v>
      </c>
      <c r="D10480" s="14" t="s">
        <v>32213</v>
      </c>
      <c r="E10480" s="2" t="s">
        <v>32214</v>
      </c>
      <c r="F10480" s="2"/>
      <c r="G10480" s="8">
        <v>172</v>
      </c>
      <c r="H10480" s="5">
        <v>15</v>
      </c>
      <c r="I10480" s="5" t="s">
        <v>69</v>
      </c>
      <c r="J10480" s="5" t="s">
        <v>27074</v>
      </c>
      <c r="K10480" s="2" t="s">
        <v>27075</v>
      </c>
      <c r="L10480" s="5" t="s">
        <v>27074</v>
      </c>
      <c r="M10480" s="2" t="s">
        <v>27075</v>
      </c>
      <c r="N10480" s="5" t="s">
        <v>24254</v>
      </c>
      <c r="O10480" s="5" t="s">
        <v>38</v>
      </c>
      <c r="P10480" s="5" t="s">
        <v>39</v>
      </c>
      <c r="Q10480" s="5" t="s">
        <v>40</v>
      </c>
      <c r="R10480" s="5" t="s">
        <v>24335</v>
      </c>
      <c r="S10480" s="5" t="s">
        <v>40</v>
      </c>
      <c r="T10480" s="5" t="s">
        <v>42</v>
      </c>
      <c r="U10480" s="2">
        <v>4.891</v>
      </c>
      <c r="V10480" s="2">
        <v>3.2970000000000002</v>
      </c>
      <c r="W10480" s="2">
        <v>0.10299999999999999</v>
      </c>
      <c r="X10480" s="2">
        <v>12</v>
      </c>
      <c r="Y10480" s="2">
        <v>62</v>
      </c>
      <c r="Z10480" s="2">
        <v>137.9</v>
      </c>
      <c r="AA10480" s="5">
        <v>10</v>
      </c>
      <c r="AB10480" s="5" t="s">
        <v>43</v>
      </c>
      <c r="AC10480" s="5" t="s">
        <v>44</v>
      </c>
      <c r="AD10480" s="2" t="s">
        <v>32178</v>
      </c>
      <c r="AE10480" s="1"/>
    </row>
    <row r="10481" spans="1:31" ht="14.45">
      <c r="A10481" s="11"/>
      <c r="B10481" s="20"/>
      <c r="C10481" s="2" t="s">
        <v>32215</v>
      </c>
      <c r="D10481" s="14" t="s">
        <v>32216</v>
      </c>
      <c r="E10481" s="2" t="s">
        <v>32217</v>
      </c>
      <c r="F10481" s="2"/>
      <c r="G10481" s="8">
        <v>172</v>
      </c>
      <c r="H10481" s="5">
        <v>15</v>
      </c>
      <c r="I10481" s="5" t="s">
        <v>69</v>
      </c>
      <c r="J10481" s="5" t="s">
        <v>27074</v>
      </c>
      <c r="K10481" s="2" t="s">
        <v>27075</v>
      </c>
      <c r="L10481" s="5" t="s">
        <v>27074</v>
      </c>
      <c r="M10481" s="2" t="s">
        <v>27075</v>
      </c>
      <c r="N10481" s="5" t="s">
        <v>24254</v>
      </c>
      <c r="O10481" s="5" t="s">
        <v>38</v>
      </c>
      <c r="P10481" s="5" t="s">
        <v>39</v>
      </c>
      <c r="Q10481" s="5" t="s">
        <v>40</v>
      </c>
      <c r="R10481" s="5" t="s">
        <v>24335</v>
      </c>
      <c r="S10481" s="5" t="s">
        <v>40</v>
      </c>
      <c r="T10481" s="5" t="s">
        <v>42</v>
      </c>
      <c r="U10481" s="2">
        <v>5.1459999999999999</v>
      </c>
      <c r="V10481" s="2">
        <v>3.552</v>
      </c>
      <c r="W10481" s="2">
        <v>0.10299999999999999</v>
      </c>
      <c r="X10481" s="2">
        <v>12</v>
      </c>
      <c r="Y10481" s="2">
        <v>62</v>
      </c>
      <c r="Z10481" s="2">
        <v>137.9</v>
      </c>
      <c r="AA10481" s="5">
        <v>10</v>
      </c>
      <c r="AB10481" s="5" t="s">
        <v>43</v>
      </c>
      <c r="AC10481" s="5" t="s">
        <v>44</v>
      </c>
      <c r="AD10481" s="2" t="s">
        <v>32178</v>
      </c>
      <c r="AE10481" s="1"/>
    </row>
    <row r="10482" spans="1:31" ht="14.45">
      <c r="A10482" s="11"/>
      <c r="B10482" s="20"/>
      <c r="C10482" s="2" t="s">
        <v>32218</v>
      </c>
      <c r="D10482" s="14" t="s">
        <v>32219</v>
      </c>
      <c r="E10482" s="2" t="s">
        <v>32220</v>
      </c>
      <c r="F10482" s="2" t="s">
        <v>32161</v>
      </c>
      <c r="G10482" s="8">
        <v>172</v>
      </c>
      <c r="H10482" s="5">
        <v>5</v>
      </c>
      <c r="I10482" s="5" t="s">
        <v>69</v>
      </c>
      <c r="J10482" s="5" t="s">
        <v>27074</v>
      </c>
      <c r="K10482" s="2" t="s">
        <v>27075</v>
      </c>
      <c r="L10482" s="5" t="s">
        <v>27074</v>
      </c>
      <c r="M10482" s="2" t="s">
        <v>27075</v>
      </c>
      <c r="N10482" s="5" t="s">
        <v>24254</v>
      </c>
      <c r="O10482" s="5" t="s">
        <v>38</v>
      </c>
      <c r="P10482" s="5" t="s">
        <v>39</v>
      </c>
      <c r="Q10482" s="5" t="s">
        <v>40</v>
      </c>
      <c r="R10482" s="5" t="s">
        <v>24335</v>
      </c>
      <c r="S10482" s="5" t="s">
        <v>40</v>
      </c>
      <c r="T10482" s="5" t="s">
        <v>42</v>
      </c>
      <c r="U10482" s="2">
        <v>8.3919999999999995</v>
      </c>
      <c r="V10482" s="2">
        <v>6.7080000000000002</v>
      </c>
      <c r="W10482" s="2">
        <v>0.104</v>
      </c>
      <c r="X10482" s="2">
        <v>12</v>
      </c>
      <c r="Y10482" s="2">
        <v>50</v>
      </c>
      <c r="Z10482" s="2">
        <v>173.9</v>
      </c>
      <c r="AA10482" s="5">
        <v>8</v>
      </c>
      <c r="AB10482" s="5" t="s">
        <v>43</v>
      </c>
      <c r="AC10482" s="5" t="s">
        <v>44</v>
      </c>
      <c r="AD10482" s="2" t="s">
        <v>32162</v>
      </c>
      <c r="AE10482" s="1"/>
    </row>
    <row r="10483" spans="1:31" ht="14.45">
      <c r="A10483" s="11"/>
      <c r="B10483" s="20"/>
      <c r="C10483" s="2" t="s">
        <v>32221</v>
      </c>
      <c r="D10483" s="14" t="s">
        <v>32222</v>
      </c>
      <c r="E10483" s="2" t="s">
        <v>32223</v>
      </c>
      <c r="F10483" s="2" t="s">
        <v>32166</v>
      </c>
      <c r="G10483" s="8">
        <v>172</v>
      </c>
      <c r="H10483" s="5">
        <v>5</v>
      </c>
      <c r="I10483" s="5" t="s">
        <v>69</v>
      </c>
      <c r="J10483" s="5" t="s">
        <v>27074</v>
      </c>
      <c r="K10483" s="2" t="s">
        <v>27075</v>
      </c>
      <c r="L10483" s="5" t="s">
        <v>27074</v>
      </c>
      <c r="M10483" s="2" t="s">
        <v>27075</v>
      </c>
      <c r="N10483" s="5" t="s">
        <v>24254</v>
      </c>
      <c r="O10483" s="5" t="s">
        <v>38</v>
      </c>
      <c r="P10483" s="5" t="s">
        <v>39</v>
      </c>
      <c r="Q10483" s="5" t="s">
        <v>40</v>
      </c>
      <c r="R10483" s="5" t="s">
        <v>24335</v>
      </c>
      <c r="S10483" s="5" t="s">
        <v>40</v>
      </c>
      <c r="T10483" s="5" t="s">
        <v>42</v>
      </c>
      <c r="U10483" s="2">
        <v>6.7290000000000001</v>
      </c>
      <c r="V10483" s="2">
        <v>5.0460000000000003</v>
      </c>
      <c r="W10483" s="2">
        <v>0.104</v>
      </c>
      <c r="X10483" s="2">
        <v>12</v>
      </c>
      <c r="Y10483" s="2">
        <v>50</v>
      </c>
      <c r="Z10483" s="2">
        <v>173.9</v>
      </c>
      <c r="AA10483" s="5">
        <v>8</v>
      </c>
      <c r="AB10483" s="5" t="s">
        <v>43</v>
      </c>
      <c r="AC10483" s="5" t="s">
        <v>44</v>
      </c>
      <c r="AD10483" s="2" t="s">
        <v>32162</v>
      </c>
      <c r="AE10483" s="1"/>
    </row>
    <row r="10484" spans="1:31" ht="14.45">
      <c r="A10484" s="11"/>
      <c r="B10484" s="20"/>
      <c r="C10484" s="2" t="s">
        <v>32224</v>
      </c>
      <c r="D10484" s="14" t="s">
        <v>32225</v>
      </c>
      <c r="E10484" s="2" t="s">
        <v>32226</v>
      </c>
      <c r="F10484" s="2" t="s">
        <v>32170</v>
      </c>
      <c r="G10484" s="8">
        <v>172</v>
      </c>
      <c r="H10484" s="5">
        <v>5</v>
      </c>
      <c r="I10484" s="5" t="s">
        <v>69</v>
      </c>
      <c r="J10484" s="5" t="s">
        <v>27074</v>
      </c>
      <c r="K10484" s="2" t="s">
        <v>27075</v>
      </c>
      <c r="L10484" s="5" t="s">
        <v>27074</v>
      </c>
      <c r="M10484" s="2" t="s">
        <v>27075</v>
      </c>
      <c r="N10484" s="5" t="s">
        <v>24254</v>
      </c>
      <c r="O10484" s="5" t="s">
        <v>38</v>
      </c>
      <c r="P10484" s="5" t="s">
        <v>39</v>
      </c>
      <c r="Q10484" s="5" t="s">
        <v>40</v>
      </c>
      <c r="R10484" s="5" t="s">
        <v>24335</v>
      </c>
      <c r="S10484" s="5" t="s">
        <v>40</v>
      </c>
      <c r="T10484" s="5" t="s">
        <v>42</v>
      </c>
      <c r="U10484" s="2">
        <v>5.4909999999999997</v>
      </c>
      <c r="V10484" s="2">
        <v>4.3440000000000003</v>
      </c>
      <c r="W10484" s="2">
        <v>7.8E-2</v>
      </c>
      <c r="X10484" s="2">
        <v>12</v>
      </c>
      <c r="Y10484" s="2">
        <v>42.5</v>
      </c>
      <c r="Z10484" s="2">
        <v>152.4</v>
      </c>
      <c r="AA10484" s="5">
        <v>8</v>
      </c>
      <c r="AB10484" s="5" t="s">
        <v>43</v>
      </c>
      <c r="AC10484" s="5" t="s">
        <v>44</v>
      </c>
      <c r="AD10484" s="2" t="s">
        <v>32162</v>
      </c>
      <c r="AE10484" s="1"/>
    </row>
    <row r="10485" spans="1:31" ht="14.45">
      <c r="A10485" s="11"/>
      <c r="B10485" s="20"/>
      <c r="C10485" s="2" t="s">
        <v>32227</v>
      </c>
      <c r="D10485" s="14" t="s">
        <v>32228</v>
      </c>
      <c r="E10485" s="2" t="s">
        <v>32229</v>
      </c>
      <c r="F10485" s="2"/>
      <c r="G10485" s="8">
        <v>172</v>
      </c>
      <c r="H10485" s="5">
        <v>15</v>
      </c>
      <c r="I10485" s="5" t="s">
        <v>69</v>
      </c>
      <c r="J10485" s="5" t="s">
        <v>27074</v>
      </c>
      <c r="K10485" s="2" t="s">
        <v>27075</v>
      </c>
      <c r="L10485" s="5" t="s">
        <v>27074</v>
      </c>
      <c r="M10485" s="2" t="s">
        <v>27075</v>
      </c>
      <c r="N10485" s="5" t="s">
        <v>24254</v>
      </c>
      <c r="O10485" s="5" t="s">
        <v>38</v>
      </c>
      <c r="P10485" s="5" t="s">
        <v>39</v>
      </c>
      <c r="Q10485" s="5" t="s">
        <v>40</v>
      </c>
      <c r="R10485" s="5" t="s">
        <v>24335</v>
      </c>
      <c r="S10485" s="5" t="s">
        <v>40</v>
      </c>
      <c r="T10485" s="5" t="s">
        <v>42</v>
      </c>
      <c r="U10485" s="2">
        <v>5.5229999999999997</v>
      </c>
      <c r="V10485" s="2">
        <v>3.9289999999999998</v>
      </c>
      <c r="W10485" s="2">
        <v>0.10299999999999999</v>
      </c>
      <c r="X10485" s="2">
        <v>12</v>
      </c>
      <c r="Y10485" s="2">
        <v>62</v>
      </c>
      <c r="Z10485" s="2">
        <v>137.9</v>
      </c>
      <c r="AA10485" s="5">
        <v>10</v>
      </c>
      <c r="AB10485" s="5" t="s">
        <v>43</v>
      </c>
      <c r="AC10485" s="5" t="s">
        <v>44</v>
      </c>
      <c r="AD10485" s="2" t="s">
        <v>32174</v>
      </c>
      <c r="AE10485" s="1"/>
    </row>
    <row r="10486" spans="1:31" ht="14.45">
      <c r="A10486" s="11"/>
      <c r="B10486" s="20"/>
      <c r="C10486" s="2" t="s">
        <v>32230</v>
      </c>
      <c r="D10486" s="14" t="s">
        <v>32231</v>
      </c>
      <c r="E10486" s="2" t="s">
        <v>32232</v>
      </c>
      <c r="F10486" s="2"/>
      <c r="G10486" s="8">
        <v>172</v>
      </c>
      <c r="H10486" s="5">
        <v>15</v>
      </c>
      <c r="I10486" s="5" t="s">
        <v>69</v>
      </c>
      <c r="J10486" s="5" t="s">
        <v>27074</v>
      </c>
      <c r="K10486" s="2" t="s">
        <v>27075</v>
      </c>
      <c r="L10486" s="5" t="s">
        <v>27074</v>
      </c>
      <c r="M10486" s="2" t="s">
        <v>27075</v>
      </c>
      <c r="N10486" s="5" t="s">
        <v>24254</v>
      </c>
      <c r="O10486" s="5" t="s">
        <v>38</v>
      </c>
      <c r="P10486" s="5" t="s">
        <v>39</v>
      </c>
      <c r="Q10486" s="5" t="s">
        <v>40</v>
      </c>
      <c r="R10486" s="5" t="s">
        <v>24335</v>
      </c>
      <c r="S10486" s="5" t="s">
        <v>40</v>
      </c>
      <c r="T10486" s="5" t="s">
        <v>42</v>
      </c>
      <c r="U10486" s="2">
        <v>4.5540000000000003</v>
      </c>
      <c r="V10486" s="2">
        <v>3.137</v>
      </c>
      <c r="W10486" s="2">
        <v>8.8999999999999996E-2</v>
      </c>
      <c r="X10486" s="2">
        <v>12</v>
      </c>
      <c r="Y10486" s="2">
        <v>62</v>
      </c>
      <c r="Z10486" s="2">
        <v>119.4</v>
      </c>
      <c r="AA10486" s="5">
        <v>10</v>
      </c>
      <c r="AB10486" s="5" t="s">
        <v>43</v>
      </c>
      <c r="AC10486" s="5" t="s">
        <v>44</v>
      </c>
      <c r="AD10486" s="2" t="s">
        <v>32178</v>
      </c>
      <c r="AE10486" s="1"/>
    </row>
    <row r="10487" spans="1:31" ht="14.45">
      <c r="A10487" s="11"/>
      <c r="B10487" s="20"/>
      <c r="C10487" s="2" t="s">
        <v>32233</v>
      </c>
      <c r="D10487" s="14" t="s">
        <v>32234</v>
      </c>
      <c r="E10487" s="2" t="s">
        <v>32235</v>
      </c>
      <c r="F10487" s="2"/>
      <c r="G10487" s="8">
        <v>172</v>
      </c>
      <c r="H10487" s="5">
        <v>15</v>
      </c>
      <c r="I10487" s="5" t="s">
        <v>69</v>
      </c>
      <c r="J10487" s="5" t="s">
        <v>27074</v>
      </c>
      <c r="K10487" s="2" t="s">
        <v>27075</v>
      </c>
      <c r="L10487" s="5" t="s">
        <v>27074</v>
      </c>
      <c r="M10487" s="2" t="s">
        <v>27075</v>
      </c>
      <c r="N10487" s="5" t="s">
        <v>24254</v>
      </c>
      <c r="O10487" s="5" t="s">
        <v>38</v>
      </c>
      <c r="P10487" s="5" t="s">
        <v>39</v>
      </c>
      <c r="Q10487" s="5" t="s">
        <v>40</v>
      </c>
      <c r="R10487" s="5" t="s">
        <v>24335</v>
      </c>
      <c r="S10487" s="5" t="s">
        <v>40</v>
      </c>
      <c r="T10487" s="5" t="s">
        <v>42</v>
      </c>
      <c r="U10487" s="2">
        <v>4.9160000000000004</v>
      </c>
      <c r="V10487" s="2">
        <v>3.3220000000000001</v>
      </c>
      <c r="W10487" s="2">
        <v>0.10299999999999999</v>
      </c>
      <c r="X10487" s="2">
        <v>12</v>
      </c>
      <c r="Y10487" s="2">
        <v>62</v>
      </c>
      <c r="Z10487" s="2">
        <v>137.9</v>
      </c>
      <c r="AA10487" s="5">
        <v>10</v>
      </c>
      <c r="AB10487" s="5" t="s">
        <v>43</v>
      </c>
      <c r="AC10487" s="5" t="s">
        <v>44</v>
      </c>
      <c r="AD10487" s="2" t="s">
        <v>32178</v>
      </c>
      <c r="AE10487" s="1"/>
    </row>
    <row r="10488" spans="1:31" ht="14.45">
      <c r="A10488" s="11"/>
      <c r="B10488" s="20"/>
      <c r="C10488" s="2" t="s">
        <v>32236</v>
      </c>
      <c r="D10488" s="14" t="s">
        <v>32237</v>
      </c>
      <c r="E10488" s="2" t="s">
        <v>32238</v>
      </c>
      <c r="F10488" s="2" t="s">
        <v>32161</v>
      </c>
      <c r="G10488" s="8">
        <v>188</v>
      </c>
      <c r="H10488" s="5">
        <v>5</v>
      </c>
      <c r="I10488" s="5" t="s">
        <v>69</v>
      </c>
      <c r="J10488" s="5" t="s">
        <v>27074</v>
      </c>
      <c r="K10488" s="2" t="s">
        <v>27075</v>
      </c>
      <c r="L10488" s="5" t="s">
        <v>27074</v>
      </c>
      <c r="M10488" s="2" t="s">
        <v>27075</v>
      </c>
      <c r="N10488" s="5" t="s">
        <v>24254</v>
      </c>
      <c r="O10488" s="5" t="s">
        <v>38</v>
      </c>
      <c r="P10488" s="5" t="s">
        <v>39</v>
      </c>
      <c r="Q10488" s="5" t="s">
        <v>40</v>
      </c>
      <c r="R10488" s="5" t="s">
        <v>24335</v>
      </c>
      <c r="S10488" s="5" t="s">
        <v>40</v>
      </c>
      <c r="T10488" s="5" t="s">
        <v>42</v>
      </c>
      <c r="U10488" s="2">
        <v>8.8320000000000007</v>
      </c>
      <c r="V10488" s="2">
        <v>7.1479999999999997</v>
      </c>
      <c r="W10488" s="2">
        <v>0.104</v>
      </c>
      <c r="X10488" s="2">
        <v>12</v>
      </c>
      <c r="Y10488" s="2">
        <v>50</v>
      </c>
      <c r="Z10488" s="2">
        <v>173.9</v>
      </c>
      <c r="AA10488" s="5">
        <v>8</v>
      </c>
      <c r="AB10488" s="5" t="s">
        <v>43</v>
      </c>
      <c r="AC10488" s="5" t="s">
        <v>44</v>
      </c>
      <c r="AD10488" s="2" t="s">
        <v>32162</v>
      </c>
      <c r="AE10488" s="1"/>
    </row>
    <row r="10489" spans="1:31" ht="14.45">
      <c r="A10489" s="11"/>
      <c r="B10489" s="20"/>
      <c r="C10489" s="2" t="s">
        <v>32239</v>
      </c>
      <c r="D10489" s="14" t="s">
        <v>32240</v>
      </c>
      <c r="E10489" s="2" t="s">
        <v>32241</v>
      </c>
      <c r="F10489" s="2" t="s">
        <v>32166</v>
      </c>
      <c r="G10489" s="8">
        <v>188</v>
      </c>
      <c r="H10489" s="5">
        <v>5</v>
      </c>
      <c r="I10489" s="5" t="s">
        <v>69</v>
      </c>
      <c r="J10489" s="5" t="s">
        <v>27074</v>
      </c>
      <c r="K10489" s="2" t="s">
        <v>27075</v>
      </c>
      <c r="L10489" s="5" t="s">
        <v>27074</v>
      </c>
      <c r="M10489" s="2" t="s">
        <v>27075</v>
      </c>
      <c r="N10489" s="5" t="s">
        <v>24254</v>
      </c>
      <c r="O10489" s="5" t="s">
        <v>38</v>
      </c>
      <c r="P10489" s="5" t="s">
        <v>39</v>
      </c>
      <c r="Q10489" s="5" t="s">
        <v>40</v>
      </c>
      <c r="R10489" s="5" t="s">
        <v>24335</v>
      </c>
      <c r="S10489" s="5" t="s">
        <v>40</v>
      </c>
      <c r="T10489" s="5" t="s">
        <v>42</v>
      </c>
      <c r="U10489" s="2">
        <v>7.0910000000000002</v>
      </c>
      <c r="V10489" s="2">
        <v>5.4080000000000004</v>
      </c>
      <c r="W10489" s="2">
        <v>0.104</v>
      </c>
      <c r="X10489" s="2">
        <v>12</v>
      </c>
      <c r="Y10489" s="2">
        <v>50</v>
      </c>
      <c r="Z10489" s="2">
        <v>173.9</v>
      </c>
      <c r="AA10489" s="5">
        <v>8</v>
      </c>
      <c r="AB10489" s="5" t="s">
        <v>43</v>
      </c>
      <c r="AC10489" s="5" t="s">
        <v>44</v>
      </c>
      <c r="AD10489" s="2" t="s">
        <v>32162</v>
      </c>
      <c r="AE10489" s="1"/>
    </row>
    <row r="10490" spans="1:31" ht="14.45">
      <c r="A10490" s="11"/>
      <c r="B10490" s="20"/>
      <c r="C10490" s="2" t="s">
        <v>32242</v>
      </c>
      <c r="D10490" s="14" t="s">
        <v>32243</v>
      </c>
      <c r="E10490" s="2" t="s">
        <v>32244</v>
      </c>
      <c r="F10490" s="2" t="s">
        <v>32170</v>
      </c>
      <c r="G10490" s="8">
        <v>188</v>
      </c>
      <c r="H10490" s="5">
        <v>5</v>
      </c>
      <c r="I10490" s="5" t="s">
        <v>69</v>
      </c>
      <c r="J10490" s="5" t="s">
        <v>27074</v>
      </c>
      <c r="K10490" s="2" t="s">
        <v>27075</v>
      </c>
      <c r="L10490" s="5" t="s">
        <v>27074</v>
      </c>
      <c r="M10490" s="2" t="s">
        <v>27075</v>
      </c>
      <c r="N10490" s="5" t="s">
        <v>24254</v>
      </c>
      <c r="O10490" s="5" t="s">
        <v>38</v>
      </c>
      <c r="P10490" s="5" t="s">
        <v>39</v>
      </c>
      <c r="Q10490" s="5" t="s">
        <v>40</v>
      </c>
      <c r="R10490" s="5" t="s">
        <v>24335</v>
      </c>
      <c r="S10490" s="5" t="s">
        <v>40</v>
      </c>
      <c r="T10490" s="5" t="s">
        <v>42</v>
      </c>
      <c r="U10490" s="2">
        <v>5.81</v>
      </c>
      <c r="V10490" s="2">
        <v>4.6630000000000003</v>
      </c>
      <c r="W10490" s="2">
        <v>7.8E-2</v>
      </c>
      <c r="X10490" s="2">
        <v>12</v>
      </c>
      <c r="Y10490" s="2">
        <v>42.5</v>
      </c>
      <c r="Z10490" s="2">
        <v>152.4</v>
      </c>
      <c r="AA10490" s="5">
        <v>8</v>
      </c>
      <c r="AB10490" s="5" t="s">
        <v>43</v>
      </c>
      <c r="AC10490" s="5" t="s">
        <v>44</v>
      </c>
      <c r="AD10490" s="2" t="s">
        <v>32162</v>
      </c>
      <c r="AE10490" s="1"/>
    </row>
    <row r="10491" spans="1:31" ht="14.45">
      <c r="A10491" s="11"/>
      <c r="B10491" s="20"/>
      <c r="C10491" s="2" t="s">
        <v>32245</v>
      </c>
      <c r="D10491" s="14" t="s">
        <v>32246</v>
      </c>
      <c r="E10491" s="2" t="s">
        <v>32247</v>
      </c>
      <c r="F10491" s="2"/>
      <c r="G10491" s="8">
        <v>188</v>
      </c>
      <c r="H10491" s="5">
        <v>15</v>
      </c>
      <c r="I10491" s="5" t="s">
        <v>69</v>
      </c>
      <c r="J10491" s="5" t="s">
        <v>27074</v>
      </c>
      <c r="K10491" s="2" t="s">
        <v>27075</v>
      </c>
      <c r="L10491" s="5" t="s">
        <v>27074</v>
      </c>
      <c r="M10491" s="2" t="s">
        <v>27075</v>
      </c>
      <c r="N10491" s="5" t="s">
        <v>24254</v>
      </c>
      <c r="O10491" s="5" t="s">
        <v>38</v>
      </c>
      <c r="P10491" s="5" t="s">
        <v>39</v>
      </c>
      <c r="Q10491" s="5" t="s">
        <v>40</v>
      </c>
      <c r="R10491" s="5" t="s">
        <v>24335</v>
      </c>
      <c r="S10491" s="5" t="s">
        <v>40</v>
      </c>
      <c r="T10491" s="5" t="s">
        <v>42</v>
      </c>
      <c r="U10491" s="2">
        <v>6.1829999999999998</v>
      </c>
      <c r="V10491" s="2">
        <v>4.3780000000000001</v>
      </c>
      <c r="W10491" s="2">
        <v>0.11899999999999999</v>
      </c>
      <c r="X10491" s="2">
        <v>12</v>
      </c>
      <c r="Y10491" s="2">
        <v>62</v>
      </c>
      <c r="Z10491" s="2">
        <v>159.9</v>
      </c>
      <c r="AA10491" s="5">
        <v>10</v>
      </c>
      <c r="AB10491" s="5" t="s">
        <v>43</v>
      </c>
      <c r="AC10491" s="5" t="s">
        <v>44</v>
      </c>
      <c r="AD10491" s="2" t="s">
        <v>32174</v>
      </c>
      <c r="AE10491" s="1"/>
    </row>
    <row r="10492" spans="1:31" ht="14.45">
      <c r="A10492" s="11"/>
      <c r="B10492" s="20"/>
      <c r="C10492" s="2" t="s">
        <v>32248</v>
      </c>
      <c r="D10492" s="14" t="s">
        <v>32249</v>
      </c>
      <c r="E10492" s="2" t="s">
        <v>32250</v>
      </c>
      <c r="F10492" s="2"/>
      <c r="G10492" s="8">
        <v>188</v>
      </c>
      <c r="H10492" s="5">
        <v>15</v>
      </c>
      <c r="I10492" s="5" t="s">
        <v>69</v>
      </c>
      <c r="J10492" s="5" t="s">
        <v>27074</v>
      </c>
      <c r="K10492" s="2" t="s">
        <v>27075</v>
      </c>
      <c r="L10492" s="5" t="s">
        <v>27074</v>
      </c>
      <c r="M10492" s="2" t="s">
        <v>27075</v>
      </c>
      <c r="N10492" s="5" t="s">
        <v>24254</v>
      </c>
      <c r="O10492" s="5" t="s">
        <v>38</v>
      </c>
      <c r="P10492" s="5" t="s">
        <v>39</v>
      </c>
      <c r="Q10492" s="5" t="s">
        <v>40</v>
      </c>
      <c r="R10492" s="5" t="s">
        <v>24335</v>
      </c>
      <c r="S10492" s="5" t="s">
        <v>40</v>
      </c>
      <c r="T10492" s="5" t="s">
        <v>42</v>
      </c>
      <c r="U10492" s="2">
        <v>5.0529999999999999</v>
      </c>
      <c r="V10492" s="2">
        <v>3.4590000000000001</v>
      </c>
      <c r="W10492" s="2">
        <v>0.10299999999999999</v>
      </c>
      <c r="X10492" s="2">
        <v>12</v>
      </c>
      <c r="Y10492" s="2">
        <v>62</v>
      </c>
      <c r="Z10492" s="2">
        <v>137.9</v>
      </c>
      <c r="AA10492" s="5">
        <v>10</v>
      </c>
      <c r="AB10492" s="5" t="s">
        <v>43</v>
      </c>
      <c r="AC10492" s="5" t="s">
        <v>44</v>
      </c>
      <c r="AD10492" s="2" t="s">
        <v>32178</v>
      </c>
      <c r="AE10492" s="1"/>
    </row>
    <row r="10493" spans="1:31" ht="14.45">
      <c r="A10493" s="11"/>
      <c r="B10493" s="20"/>
      <c r="C10493" s="2" t="s">
        <v>32251</v>
      </c>
      <c r="D10493" s="14" t="s">
        <v>32252</v>
      </c>
      <c r="E10493" s="2" t="s">
        <v>32253</v>
      </c>
      <c r="F10493" s="2"/>
      <c r="G10493" s="8">
        <v>188</v>
      </c>
      <c r="H10493" s="5">
        <v>15</v>
      </c>
      <c r="I10493" s="5" t="s">
        <v>69</v>
      </c>
      <c r="J10493" s="5" t="s">
        <v>27074</v>
      </c>
      <c r="K10493" s="2" t="s">
        <v>27075</v>
      </c>
      <c r="L10493" s="5" t="s">
        <v>27074</v>
      </c>
      <c r="M10493" s="2" t="s">
        <v>27075</v>
      </c>
      <c r="N10493" s="5" t="s">
        <v>24254</v>
      </c>
      <c r="O10493" s="5" t="s">
        <v>38</v>
      </c>
      <c r="P10493" s="5" t="s">
        <v>39</v>
      </c>
      <c r="Q10493" s="5" t="s">
        <v>40</v>
      </c>
      <c r="R10493" s="5" t="s">
        <v>24335</v>
      </c>
      <c r="S10493" s="5" t="s">
        <v>40</v>
      </c>
      <c r="T10493" s="5" t="s">
        <v>42</v>
      </c>
      <c r="U10493" s="2">
        <v>5.29</v>
      </c>
      <c r="V10493" s="2">
        <v>3.6960000000000002</v>
      </c>
      <c r="W10493" s="2">
        <v>0.10299999999999999</v>
      </c>
      <c r="X10493" s="2">
        <v>12</v>
      </c>
      <c r="Y10493" s="2">
        <v>62</v>
      </c>
      <c r="Z10493" s="2">
        <v>137.9</v>
      </c>
      <c r="AA10493" s="5">
        <v>10</v>
      </c>
      <c r="AB10493" s="5" t="s">
        <v>43</v>
      </c>
      <c r="AC10493" s="5" t="s">
        <v>44</v>
      </c>
      <c r="AD10493" s="2" t="s">
        <v>32178</v>
      </c>
      <c r="AE10493" s="1"/>
    </row>
    <row r="10494" spans="1:31" ht="14.45">
      <c r="A10494" s="11"/>
      <c r="B10494" s="20"/>
      <c r="C10494" s="2" t="s">
        <v>32254</v>
      </c>
      <c r="D10494" s="14" t="s">
        <v>32255</v>
      </c>
      <c r="E10494" s="2" t="s">
        <v>32256</v>
      </c>
      <c r="F10494" s="2" t="s">
        <v>32161</v>
      </c>
      <c r="G10494" s="8">
        <v>194</v>
      </c>
      <c r="H10494" s="5">
        <v>5</v>
      </c>
      <c r="I10494" s="5" t="s">
        <v>69</v>
      </c>
      <c r="J10494" s="5" t="s">
        <v>27074</v>
      </c>
      <c r="K10494" s="2" t="s">
        <v>27075</v>
      </c>
      <c r="L10494" s="5" t="s">
        <v>27074</v>
      </c>
      <c r="M10494" s="2" t="s">
        <v>27075</v>
      </c>
      <c r="N10494" s="5" t="s">
        <v>24254</v>
      </c>
      <c r="O10494" s="5" t="s">
        <v>38</v>
      </c>
      <c r="P10494" s="5" t="s">
        <v>39</v>
      </c>
      <c r="Q10494" s="5" t="s">
        <v>40</v>
      </c>
      <c r="R10494" s="5" t="s">
        <v>24335</v>
      </c>
      <c r="S10494" s="5" t="s">
        <v>40</v>
      </c>
      <c r="T10494" s="5" t="s">
        <v>42</v>
      </c>
      <c r="U10494" s="2">
        <v>9.3089999999999993</v>
      </c>
      <c r="V10494" s="2">
        <v>7.625</v>
      </c>
      <c r="W10494" s="2">
        <v>0.104</v>
      </c>
      <c r="X10494" s="2">
        <v>12</v>
      </c>
      <c r="Y10494" s="2">
        <v>50</v>
      </c>
      <c r="Z10494" s="2">
        <v>173.9</v>
      </c>
      <c r="AA10494" s="5">
        <v>8</v>
      </c>
      <c r="AB10494" s="5" t="s">
        <v>43</v>
      </c>
      <c r="AC10494" s="5" t="s">
        <v>44</v>
      </c>
      <c r="AD10494" s="2" t="s">
        <v>32162</v>
      </c>
      <c r="AE10494" s="1"/>
    </row>
    <row r="10495" spans="1:31" ht="14.45">
      <c r="A10495" s="11"/>
      <c r="B10495" s="20"/>
      <c r="C10495" s="2" t="s">
        <v>32257</v>
      </c>
      <c r="D10495" s="14" t="s">
        <v>32258</v>
      </c>
      <c r="E10495" s="2" t="s">
        <v>32259</v>
      </c>
      <c r="F10495" s="2" t="s">
        <v>32166</v>
      </c>
      <c r="G10495" s="8">
        <v>194</v>
      </c>
      <c r="H10495" s="5">
        <v>5</v>
      </c>
      <c r="I10495" s="5" t="s">
        <v>69</v>
      </c>
      <c r="J10495" s="5" t="s">
        <v>27074</v>
      </c>
      <c r="K10495" s="2" t="s">
        <v>27075</v>
      </c>
      <c r="L10495" s="5" t="s">
        <v>27074</v>
      </c>
      <c r="M10495" s="2" t="s">
        <v>27075</v>
      </c>
      <c r="N10495" s="5" t="s">
        <v>24254</v>
      </c>
      <c r="O10495" s="5" t="s">
        <v>38</v>
      </c>
      <c r="P10495" s="5" t="s">
        <v>39</v>
      </c>
      <c r="Q10495" s="5" t="s">
        <v>40</v>
      </c>
      <c r="R10495" s="5" t="s">
        <v>24335</v>
      </c>
      <c r="S10495" s="5" t="s">
        <v>40</v>
      </c>
      <c r="T10495" s="5" t="s">
        <v>42</v>
      </c>
      <c r="U10495" s="2">
        <v>7.4809999999999999</v>
      </c>
      <c r="V10495" s="2">
        <v>5.798</v>
      </c>
      <c r="W10495" s="2">
        <v>0.104</v>
      </c>
      <c r="X10495" s="2">
        <v>12</v>
      </c>
      <c r="Y10495" s="2">
        <v>50</v>
      </c>
      <c r="Z10495" s="2">
        <v>173.9</v>
      </c>
      <c r="AA10495" s="5">
        <v>8</v>
      </c>
      <c r="AB10495" s="5" t="s">
        <v>43</v>
      </c>
      <c r="AC10495" s="5" t="s">
        <v>44</v>
      </c>
      <c r="AD10495" s="2" t="s">
        <v>32162</v>
      </c>
      <c r="AE10495" s="1"/>
    </row>
    <row r="10496" spans="1:31" ht="14.45">
      <c r="A10496" s="11"/>
      <c r="B10496" s="20"/>
      <c r="C10496" s="2" t="s">
        <v>32260</v>
      </c>
      <c r="D10496" s="14" t="s">
        <v>32261</v>
      </c>
      <c r="E10496" s="2" t="s">
        <v>32262</v>
      </c>
      <c r="F10496" s="2" t="s">
        <v>32170</v>
      </c>
      <c r="G10496" s="8">
        <v>194</v>
      </c>
      <c r="H10496" s="5">
        <v>5</v>
      </c>
      <c r="I10496" s="5" t="s">
        <v>69</v>
      </c>
      <c r="J10496" s="5" t="s">
        <v>27074</v>
      </c>
      <c r="K10496" s="2" t="s">
        <v>27075</v>
      </c>
      <c r="L10496" s="5" t="s">
        <v>27074</v>
      </c>
      <c r="M10496" s="2" t="s">
        <v>27075</v>
      </c>
      <c r="N10496" s="5" t="s">
        <v>24254</v>
      </c>
      <c r="O10496" s="5" t="s">
        <v>38</v>
      </c>
      <c r="P10496" s="5" t="s">
        <v>39</v>
      </c>
      <c r="Q10496" s="5" t="s">
        <v>40</v>
      </c>
      <c r="R10496" s="5" t="s">
        <v>24335</v>
      </c>
      <c r="S10496" s="5" t="s">
        <v>40</v>
      </c>
      <c r="T10496" s="5" t="s">
        <v>42</v>
      </c>
      <c r="U10496" s="2">
        <v>6.1539999999999999</v>
      </c>
      <c r="V10496" s="2">
        <v>5.0069999999999997</v>
      </c>
      <c r="W10496" s="2">
        <v>7.8E-2</v>
      </c>
      <c r="X10496" s="2">
        <v>12</v>
      </c>
      <c r="Y10496" s="2">
        <v>42.5</v>
      </c>
      <c r="Z10496" s="2">
        <v>152.4</v>
      </c>
      <c r="AA10496" s="5">
        <v>8</v>
      </c>
      <c r="AB10496" s="5" t="s">
        <v>43</v>
      </c>
      <c r="AC10496" s="5" t="s">
        <v>44</v>
      </c>
      <c r="AD10496" s="2" t="s">
        <v>32162</v>
      </c>
      <c r="AE10496" s="1"/>
    </row>
    <row r="10497" spans="1:31" ht="14.45">
      <c r="A10497" s="11"/>
      <c r="B10497" s="20"/>
      <c r="C10497" s="2" t="s">
        <v>32263</v>
      </c>
      <c r="D10497" s="14" t="s">
        <v>32264</v>
      </c>
      <c r="E10497" s="2" t="s">
        <v>32265</v>
      </c>
      <c r="F10497" s="2"/>
      <c r="G10497" s="8">
        <v>194</v>
      </c>
      <c r="H10497" s="5">
        <v>15</v>
      </c>
      <c r="I10497" s="5" t="s">
        <v>69</v>
      </c>
      <c r="J10497" s="5" t="s">
        <v>27074</v>
      </c>
      <c r="K10497" s="2" t="s">
        <v>27075</v>
      </c>
      <c r="L10497" s="5" t="s">
        <v>27074</v>
      </c>
      <c r="M10497" s="2" t="s">
        <v>27075</v>
      </c>
      <c r="N10497" s="5" t="s">
        <v>24254</v>
      </c>
      <c r="O10497" s="5" t="s">
        <v>38</v>
      </c>
      <c r="P10497" s="5" t="s">
        <v>39</v>
      </c>
      <c r="Q10497" s="5" t="s">
        <v>40</v>
      </c>
      <c r="R10497" s="5" t="s">
        <v>24335</v>
      </c>
      <c r="S10497" s="5" t="s">
        <v>40</v>
      </c>
      <c r="T10497" s="5" t="s">
        <v>42</v>
      </c>
      <c r="U10497" s="2">
        <v>6.7930000000000001</v>
      </c>
      <c r="V10497" s="2">
        <v>4.8630000000000004</v>
      </c>
      <c r="W10497" s="2">
        <v>0.129</v>
      </c>
      <c r="X10497" s="2">
        <v>12</v>
      </c>
      <c r="Y10497" s="2">
        <v>62</v>
      </c>
      <c r="Z10497" s="2">
        <v>172.9</v>
      </c>
      <c r="AA10497" s="5">
        <v>10</v>
      </c>
      <c r="AB10497" s="5" t="s">
        <v>43</v>
      </c>
      <c r="AC10497" s="5" t="s">
        <v>44</v>
      </c>
      <c r="AD10497" s="2" t="s">
        <v>32174</v>
      </c>
      <c r="AE10497" s="1"/>
    </row>
    <row r="10498" spans="1:31" ht="14.45">
      <c r="A10498" s="11"/>
      <c r="B10498" s="20"/>
      <c r="C10498" s="2" t="s">
        <v>32266</v>
      </c>
      <c r="D10498" s="14" t="s">
        <v>32267</v>
      </c>
      <c r="E10498" s="2" t="s">
        <v>32268</v>
      </c>
      <c r="F10498" s="2"/>
      <c r="G10498" s="8">
        <v>194</v>
      </c>
      <c r="H10498" s="5">
        <v>15</v>
      </c>
      <c r="I10498" s="5" t="s">
        <v>69</v>
      </c>
      <c r="J10498" s="5" t="s">
        <v>27074</v>
      </c>
      <c r="K10498" s="2" t="s">
        <v>27075</v>
      </c>
      <c r="L10498" s="5" t="s">
        <v>27074</v>
      </c>
      <c r="M10498" s="2" t="s">
        <v>27075</v>
      </c>
      <c r="N10498" s="5" t="s">
        <v>24254</v>
      </c>
      <c r="O10498" s="5" t="s">
        <v>38</v>
      </c>
      <c r="P10498" s="5" t="s">
        <v>39</v>
      </c>
      <c r="Q10498" s="5" t="s">
        <v>40</v>
      </c>
      <c r="R10498" s="5" t="s">
        <v>24335</v>
      </c>
      <c r="S10498" s="5" t="s">
        <v>40</v>
      </c>
      <c r="T10498" s="5" t="s">
        <v>42</v>
      </c>
      <c r="U10498" s="2">
        <v>5.6109999999999998</v>
      </c>
      <c r="V10498" s="2">
        <v>3.806</v>
      </c>
      <c r="W10498" s="2">
        <v>0.11899999999999999</v>
      </c>
      <c r="X10498" s="2">
        <v>12</v>
      </c>
      <c r="Y10498" s="2">
        <v>62</v>
      </c>
      <c r="Z10498" s="2">
        <v>159.9</v>
      </c>
      <c r="AA10498" s="5">
        <v>10</v>
      </c>
      <c r="AB10498" s="5" t="s">
        <v>43</v>
      </c>
      <c r="AC10498" s="5" t="s">
        <v>44</v>
      </c>
      <c r="AD10498" s="2" t="s">
        <v>32178</v>
      </c>
      <c r="AE10498" s="1"/>
    </row>
    <row r="10499" spans="1:31" ht="14.45">
      <c r="A10499" s="11"/>
      <c r="B10499" s="20"/>
      <c r="C10499" s="2" t="s">
        <v>32269</v>
      </c>
      <c r="D10499" s="14" t="s">
        <v>32270</v>
      </c>
      <c r="E10499" s="2" t="s">
        <v>32271</v>
      </c>
      <c r="F10499" s="2"/>
      <c r="G10499" s="8">
        <v>194</v>
      </c>
      <c r="H10499" s="5">
        <v>15</v>
      </c>
      <c r="I10499" s="5" t="s">
        <v>69</v>
      </c>
      <c r="J10499" s="5" t="s">
        <v>27074</v>
      </c>
      <c r="K10499" s="2" t="s">
        <v>27075</v>
      </c>
      <c r="L10499" s="5" t="s">
        <v>27074</v>
      </c>
      <c r="M10499" s="2" t="s">
        <v>27075</v>
      </c>
      <c r="N10499" s="5" t="s">
        <v>24254</v>
      </c>
      <c r="O10499" s="5" t="s">
        <v>38</v>
      </c>
      <c r="P10499" s="5" t="s">
        <v>39</v>
      </c>
      <c r="Q10499" s="5" t="s">
        <v>40</v>
      </c>
      <c r="R10499" s="5" t="s">
        <v>24335</v>
      </c>
      <c r="S10499" s="5" t="s">
        <v>40</v>
      </c>
      <c r="T10499" s="5" t="s">
        <v>42</v>
      </c>
      <c r="U10499" s="2">
        <v>5.9059999999999997</v>
      </c>
      <c r="V10499" s="2">
        <v>4.101</v>
      </c>
      <c r="W10499" s="2">
        <v>0.11899999999999999</v>
      </c>
      <c r="X10499" s="2">
        <v>12</v>
      </c>
      <c r="Y10499" s="2">
        <v>62</v>
      </c>
      <c r="Z10499" s="2">
        <v>159.9</v>
      </c>
      <c r="AA10499" s="5">
        <v>10</v>
      </c>
      <c r="AB10499" s="5" t="s">
        <v>43</v>
      </c>
      <c r="AC10499" s="5" t="s">
        <v>44</v>
      </c>
      <c r="AD10499" s="2" t="s">
        <v>32178</v>
      </c>
      <c r="AE10499" s="1"/>
    </row>
    <row r="10500" spans="1:31" ht="14.45">
      <c r="A10500" s="11"/>
      <c r="B10500" s="20"/>
      <c r="C10500" s="2" t="s">
        <v>32272</v>
      </c>
      <c r="D10500" s="14" t="s">
        <v>32273</v>
      </c>
      <c r="E10500" s="2" t="s">
        <v>32274</v>
      </c>
      <c r="F10500" s="2" t="s">
        <v>32161</v>
      </c>
      <c r="G10500" s="8">
        <v>184</v>
      </c>
      <c r="H10500" s="5">
        <v>5</v>
      </c>
      <c r="I10500" s="5" t="s">
        <v>69</v>
      </c>
      <c r="J10500" s="5" t="s">
        <v>27074</v>
      </c>
      <c r="K10500" s="2" t="s">
        <v>27075</v>
      </c>
      <c r="L10500" s="5" t="s">
        <v>27074</v>
      </c>
      <c r="M10500" s="2" t="s">
        <v>27075</v>
      </c>
      <c r="N10500" s="5" t="s">
        <v>24254</v>
      </c>
      <c r="O10500" s="5" t="s">
        <v>38</v>
      </c>
      <c r="P10500" s="5" t="s">
        <v>39</v>
      </c>
      <c r="Q10500" s="5" t="s">
        <v>40</v>
      </c>
      <c r="R10500" s="5" t="s">
        <v>24335</v>
      </c>
      <c r="S10500" s="5" t="s">
        <v>40</v>
      </c>
      <c r="T10500" s="5" t="s">
        <v>42</v>
      </c>
      <c r="U10500" s="2">
        <v>8.8770000000000007</v>
      </c>
      <c r="V10500" s="2">
        <v>6.9770000000000003</v>
      </c>
      <c r="W10500" s="2">
        <v>0.11600000000000001</v>
      </c>
      <c r="X10500" s="2">
        <v>12</v>
      </c>
      <c r="Y10500" s="2">
        <v>50</v>
      </c>
      <c r="Z10500" s="2">
        <v>193.9</v>
      </c>
      <c r="AA10500" s="5">
        <v>8</v>
      </c>
      <c r="AB10500" s="5" t="s">
        <v>43</v>
      </c>
      <c r="AC10500" s="5" t="s">
        <v>44</v>
      </c>
      <c r="AD10500" s="2" t="s">
        <v>32162</v>
      </c>
      <c r="AE10500" s="1"/>
    </row>
    <row r="10501" spans="1:31" ht="14.45">
      <c r="A10501" s="11"/>
      <c r="B10501" s="20"/>
      <c r="C10501" s="2" t="s">
        <v>32275</v>
      </c>
      <c r="D10501" s="14" t="s">
        <v>32276</v>
      </c>
      <c r="E10501" s="2" t="s">
        <v>32277</v>
      </c>
      <c r="F10501" s="2" t="s">
        <v>32166</v>
      </c>
      <c r="G10501" s="8">
        <v>184</v>
      </c>
      <c r="H10501" s="5">
        <v>5</v>
      </c>
      <c r="I10501" s="5" t="s">
        <v>69</v>
      </c>
      <c r="J10501" s="5" t="s">
        <v>27074</v>
      </c>
      <c r="K10501" s="2" t="s">
        <v>27075</v>
      </c>
      <c r="L10501" s="5" t="s">
        <v>27074</v>
      </c>
      <c r="M10501" s="2" t="s">
        <v>27075</v>
      </c>
      <c r="N10501" s="5" t="s">
        <v>24254</v>
      </c>
      <c r="O10501" s="5" t="s">
        <v>38</v>
      </c>
      <c r="P10501" s="5" t="s">
        <v>39</v>
      </c>
      <c r="Q10501" s="5" t="s">
        <v>40</v>
      </c>
      <c r="R10501" s="5" t="s">
        <v>24335</v>
      </c>
      <c r="S10501" s="5" t="s">
        <v>40</v>
      </c>
      <c r="T10501" s="5" t="s">
        <v>42</v>
      </c>
      <c r="U10501" s="2">
        <v>7.2510000000000003</v>
      </c>
      <c r="V10501" s="2">
        <v>5.3520000000000003</v>
      </c>
      <c r="W10501" s="2">
        <v>0.11600000000000001</v>
      </c>
      <c r="X10501" s="2">
        <v>12</v>
      </c>
      <c r="Y10501" s="2">
        <v>50</v>
      </c>
      <c r="Z10501" s="2">
        <v>193.9</v>
      </c>
      <c r="AA10501" s="5">
        <v>8</v>
      </c>
      <c r="AB10501" s="5" t="s">
        <v>43</v>
      </c>
      <c r="AC10501" s="5" t="s">
        <v>44</v>
      </c>
      <c r="AD10501" s="2" t="s">
        <v>32162</v>
      </c>
      <c r="AE10501" s="1"/>
    </row>
    <row r="10502" spans="1:31" ht="14.45">
      <c r="A10502" s="11"/>
      <c r="B10502" s="20"/>
      <c r="C10502" s="2" t="s">
        <v>32278</v>
      </c>
      <c r="D10502" s="14" t="s">
        <v>32279</v>
      </c>
      <c r="E10502" s="2" t="s">
        <v>32280</v>
      </c>
      <c r="F10502" s="2" t="s">
        <v>32170</v>
      </c>
      <c r="G10502" s="8">
        <v>184</v>
      </c>
      <c r="H10502" s="5">
        <v>5</v>
      </c>
      <c r="I10502" s="5" t="s">
        <v>69</v>
      </c>
      <c r="J10502" s="5" t="s">
        <v>27074</v>
      </c>
      <c r="K10502" s="2" t="s">
        <v>27075</v>
      </c>
      <c r="L10502" s="5" t="s">
        <v>27074</v>
      </c>
      <c r="M10502" s="2" t="s">
        <v>27075</v>
      </c>
      <c r="N10502" s="5" t="s">
        <v>24254</v>
      </c>
      <c r="O10502" s="5" t="s">
        <v>38</v>
      </c>
      <c r="P10502" s="5" t="s">
        <v>39</v>
      </c>
      <c r="Q10502" s="5" t="s">
        <v>40</v>
      </c>
      <c r="R10502" s="5" t="s">
        <v>24335</v>
      </c>
      <c r="S10502" s="5" t="s">
        <v>40</v>
      </c>
      <c r="T10502" s="5" t="s">
        <v>42</v>
      </c>
      <c r="U10502" s="2">
        <v>6.0039999999999996</v>
      </c>
      <c r="V10502" s="2">
        <v>4.6139999999999999</v>
      </c>
      <c r="W10502" s="2">
        <v>9.6000000000000002E-2</v>
      </c>
      <c r="X10502" s="2">
        <v>12</v>
      </c>
      <c r="Y10502" s="2">
        <v>42.5</v>
      </c>
      <c r="Z10502" s="2">
        <v>188.9</v>
      </c>
      <c r="AA10502" s="5">
        <v>8</v>
      </c>
      <c r="AB10502" s="5" t="s">
        <v>43</v>
      </c>
      <c r="AC10502" s="5" t="s">
        <v>44</v>
      </c>
      <c r="AD10502" s="2" t="s">
        <v>32162</v>
      </c>
      <c r="AE10502" s="1"/>
    </row>
    <row r="10503" spans="1:31" ht="14.45">
      <c r="A10503" s="11"/>
      <c r="B10503" s="20"/>
      <c r="C10503" s="2" t="s">
        <v>32281</v>
      </c>
      <c r="D10503" s="14" t="s">
        <v>32282</v>
      </c>
      <c r="E10503" s="2" t="s">
        <v>32283</v>
      </c>
      <c r="F10503" s="2"/>
      <c r="G10503" s="8">
        <v>184</v>
      </c>
      <c r="H10503" s="5">
        <v>15</v>
      </c>
      <c r="I10503" s="5" t="s">
        <v>69</v>
      </c>
      <c r="J10503" s="5" t="s">
        <v>27074</v>
      </c>
      <c r="K10503" s="2" t="s">
        <v>27075</v>
      </c>
      <c r="L10503" s="5" t="s">
        <v>27074</v>
      </c>
      <c r="M10503" s="2" t="s">
        <v>27075</v>
      </c>
      <c r="N10503" s="5" t="s">
        <v>24254</v>
      </c>
      <c r="O10503" s="5" t="s">
        <v>38</v>
      </c>
      <c r="P10503" s="5" t="s">
        <v>39</v>
      </c>
      <c r="Q10503" s="5" t="s">
        <v>40</v>
      </c>
      <c r="R10503" s="5" t="s">
        <v>24335</v>
      </c>
      <c r="S10503" s="5" t="s">
        <v>40</v>
      </c>
      <c r="T10503" s="5" t="s">
        <v>42</v>
      </c>
      <c r="U10503" s="2">
        <v>5.6970000000000001</v>
      </c>
      <c r="V10503" s="2">
        <v>4.1029999999999998</v>
      </c>
      <c r="W10503" s="2">
        <v>0.10299999999999999</v>
      </c>
      <c r="X10503" s="2">
        <v>12</v>
      </c>
      <c r="Y10503" s="2">
        <v>62</v>
      </c>
      <c r="Z10503" s="2">
        <v>137.9</v>
      </c>
      <c r="AA10503" s="5">
        <v>10</v>
      </c>
      <c r="AB10503" s="5" t="s">
        <v>43</v>
      </c>
      <c r="AC10503" s="5" t="s">
        <v>44</v>
      </c>
      <c r="AD10503" s="2" t="s">
        <v>32174</v>
      </c>
      <c r="AE10503" s="1"/>
    </row>
    <row r="10504" spans="1:31" ht="14.45">
      <c r="A10504" s="11"/>
      <c r="B10504" s="20"/>
      <c r="C10504" s="2" t="s">
        <v>32284</v>
      </c>
      <c r="D10504" s="14" t="s">
        <v>32285</v>
      </c>
      <c r="E10504" s="2" t="s">
        <v>32286</v>
      </c>
      <c r="F10504" s="2"/>
      <c r="G10504" s="8">
        <v>184</v>
      </c>
      <c r="H10504" s="5">
        <v>15</v>
      </c>
      <c r="I10504" s="5" t="s">
        <v>69</v>
      </c>
      <c r="J10504" s="5" t="s">
        <v>27074</v>
      </c>
      <c r="K10504" s="2" t="s">
        <v>27075</v>
      </c>
      <c r="L10504" s="5" t="s">
        <v>27074</v>
      </c>
      <c r="M10504" s="2" t="s">
        <v>27075</v>
      </c>
      <c r="N10504" s="5" t="s">
        <v>24254</v>
      </c>
      <c r="O10504" s="5" t="s">
        <v>38</v>
      </c>
      <c r="P10504" s="5" t="s">
        <v>39</v>
      </c>
      <c r="Q10504" s="5" t="s">
        <v>40</v>
      </c>
      <c r="R10504" s="5" t="s">
        <v>24335</v>
      </c>
      <c r="S10504" s="5" t="s">
        <v>40</v>
      </c>
      <c r="T10504" s="5" t="s">
        <v>42</v>
      </c>
      <c r="U10504" s="2">
        <v>4.7279999999999998</v>
      </c>
      <c r="V10504" s="2">
        <v>3.3109999999999999</v>
      </c>
      <c r="W10504" s="2">
        <v>8.8999999999999996E-2</v>
      </c>
      <c r="X10504" s="2">
        <v>12</v>
      </c>
      <c r="Y10504" s="2">
        <v>62</v>
      </c>
      <c r="Z10504" s="2">
        <v>119.4</v>
      </c>
      <c r="AA10504" s="5">
        <v>10</v>
      </c>
      <c r="AB10504" s="5" t="s">
        <v>43</v>
      </c>
      <c r="AC10504" s="5" t="s">
        <v>44</v>
      </c>
      <c r="AD10504" s="2" t="s">
        <v>32178</v>
      </c>
      <c r="AE10504" s="1"/>
    </row>
    <row r="10505" spans="1:31" ht="14.45">
      <c r="A10505" s="11"/>
      <c r="B10505" s="20"/>
      <c r="C10505" s="2" t="s">
        <v>32287</v>
      </c>
      <c r="D10505" s="14" t="s">
        <v>32288</v>
      </c>
      <c r="E10505" s="2" t="s">
        <v>32289</v>
      </c>
      <c r="F10505" s="2"/>
      <c r="G10505" s="8">
        <v>184</v>
      </c>
      <c r="H10505" s="5">
        <v>15</v>
      </c>
      <c r="I10505" s="5" t="s">
        <v>69</v>
      </c>
      <c r="J10505" s="5" t="s">
        <v>27074</v>
      </c>
      <c r="K10505" s="2" t="s">
        <v>27075</v>
      </c>
      <c r="L10505" s="5" t="s">
        <v>27074</v>
      </c>
      <c r="M10505" s="2" t="s">
        <v>27075</v>
      </c>
      <c r="N10505" s="5" t="s">
        <v>24254</v>
      </c>
      <c r="O10505" s="5" t="s">
        <v>38</v>
      </c>
      <c r="P10505" s="5" t="s">
        <v>39</v>
      </c>
      <c r="Q10505" s="5" t="s">
        <v>40</v>
      </c>
      <c r="R10505" s="5" t="s">
        <v>24335</v>
      </c>
      <c r="S10505" s="5" t="s">
        <v>40</v>
      </c>
      <c r="T10505" s="5" t="s">
        <v>42</v>
      </c>
      <c r="U10505" s="2">
        <v>5.2809999999999997</v>
      </c>
      <c r="V10505" s="2">
        <v>3.476</v>
      </c>
      <c r="W10505" s="2">
        <v>0.11899999999999999</v>
      </c>
      <c r="X10505" s="2">
        <v>12</v>
      </c>
      <c r="Y10505" s="2">
        <v>62</v>
      </c>
      <c r="Z10505" s="2">
        <v>159.9</v>
      </c>
      <c r="AA10505" s="5">
        <v>10</v>
      </c>
      <c r="AB10505" s="5" t="s">
        <v>43</v>
      </c>
      <c r="AC10505" s="5" t="s">
        <v>44</v>
      </c>
      <c r="AD10505" s="2" t="s">
        <v>32178</v>
      </c>
      <c r="AE10505" s="1"/>
    </row>
    <row r="10506" spans="1:31" ht="14.45">
      <c r="A10506" s="11"/>
      <c r="B10506" s="20"/>
      <c r="C10506" s="2" t="s">
        <v>32290</v>
      </c>
      <c r="D10506" s="14" t="s">
        <v>32291</v>
      </c>
      <c r="E10506" s="2" t="s">
        <v>32292</v>
      </c>
      <c r="F10506" s="2" t="s">
        <v>32161</v>
      </c>
      <c r="G10506" s="8">
        <v>194</v>
      </c>
      <c r="H10506" s="5">
        <v>5</v>
      </c>
      <c r="I10506" s="5" t="s">
        <v>69</v>
      </c>
      <c r="J10506" s="5" t="s">
        <v>27074</v>
      </c>
      <c r="K10506" s="2" t="s">
        <v>27075</v>
      </c>
      <c r="L10506" s="5" t="s">
        <v>27074</v>
      </c>
      <c r="M10506" s="2" t="s">
        <v>27075</v>
      </c>
      <c r="N10506" s="5" t="s">
        <v>24254</v>
      </c>
      <c r="O10506" s="5" t="s">
        <v>38</v>
      </c>
      <c r="P10506" s="5" t="s">
        <v>39</v>
      </c>
      <c r="Q10506" s="5" t="s">
        <v>40</v>
      </c>
      <c r="R10506" s="5" t="s">
        <v>24335</v>
      </c>
      <c r="S10506" s="5" t="s">
        <v>40</v>
      </c>
      <c r="T10506" s="5" t="s">
        <v>42</v>
      </c>
      <c r="U10506" s="2">
        <v>8.9649999999999999</v>
      </c>
      <c r="V10506" s="2">
        <v>7.407</v>
      </c>
      <c r="W10506" s="2">
        <v>0.11600000000000001</v>
      </c>
      <c r="X10506" s="2">
        <v>12</v>
      </c>
      <c r="Y10506" s="2">
        <v>50</v>
      </c>
      <c r="Z10506" s="2">
        <v>193.9</v>
      </c>
      <c r="AA10506" s="5">
        <v>8</v>
      </c>
      <c r="AB10506" s="5" t="s">
        <v>43</v>
      </c>
      <c r="AC10506" s="5" t="s">
        <v>44</v>
      </c>
      <c r="AD10506" s="2" t="s">
        <v>32162</v>
      </c>
      <c r="AE10506" s="1"/>
    </row>
    <row r="10507" spans="1:31" ht="14.45">
      <c r="A10507" s="11"/>
      <c r="B10507" s="20"/>
      <c r="C10507" s="2" t="s">
        <v>32293</v>
      </c>
      <c r="D10507" s="14" t="s">
        <v>32294</v>
      </c>
      <c r="E10507" s="2" t="s">
        <v>32295</v>
      </c>
      <c r="F10507" s="2" t="s">
        <v>32166</v>
      </c>
      <c r="G10507" s="8">
        <v>194</v>
      </c>
      <c r="H10507" s="5">
        <v>5</v>
      </c>
      <c r="I10507" s="5" t="s">
        <v>69</v>
      </c>
      <c r="J10507" s="5" t="s">
        <v>27074</v>
      </c>
      <c r="K10507" s="2" t="s">
        <v>27075</v>
      </c>
      <c r="L10507" s="5" t="s">
        <v>27074</v>
      </c>
      <c r="M10507" s="2" t="s">
        <v>27075</v>
      </c>
      <c r="N10507" s="5" t="s">
        <v>24254</v>
      </c>
      <c r="O10507" s="5" t="s">
        <v>38</v>
      </c>
      <c r="P10507" s="5" t="s">
        <v>39</v>
      </c>
      <c r="Q10507" s="5" t="s">
        <v>40</v>
      </c>
      <c r="R10507" s="5" t="s">
        <v>24335</v>
      </c>
      <c r="S10507" s="5" t="s">
        <v>40</v>
      </c>
      <c r="T10507" s="5" t="s">
        <v>42</v>
      </c>
      <c r="U10507" s="2">
        <v>7.6130000000000004</v>
      </c>
      <c r="V10507" s="2">
        <v>5.7140000000000004</v>
      </c>
      <c r="W10507" s="2">
        <v>0.11600000000000001</v>
      </c>
      <c r="X10507" s="2">
        <v>12</v>
      </c>
      <c r="Y10507" s="2">
        <v>50</v>
      </c>
      <c r="Z10507" s="2">
        <v>193.9</v>
      </c>
      <c r="AA10507" s="5">
        <v>8</v>
      </c>
      <c r="AB10507" s="5" t="s">
        <v>43</v>
      </c>
      <c r="AC10507" s="5" t="s">
        <v>44</v>
      </c>
      <c r="AD10507" s="2" t="s">
        <v>32162</v>
      </c>
      <c r="AE10507" s="1"/>
    </row>
    <row r="10508" spans="1:31" ht="14.45">
      <c r="A10508" s="11"/>
      <c r="B10508" s="20"/>
      <c r="C10508" s="2" t="s">
        <v>32296</v>
      </c>
      <c r="D10508" s="14" t="s">
        <v>32297</v>
      </c>
      <c r="E10508" s="2" t="s">
        <v>32298</v>
      </c>
      <c r="F10508" s="2" t="s">
        <v>32170</v>
      </c>
      <c r="G10508" s="8">
        <v>194</v>
      </c>
      <c r="H10508" s="5">
        <v>5</v>
      </c>
      <c r="I10508" s="5" t="s">
        <v>69</v>
      </c>
      <c r="J10508" s="5" t="s">
        <v>27074</v>
      </c>
      <c r="K10508" s="2" t="s">
        <v>27075</v>
      </c>
      <c r="L10508" s="5" t="s">
        <v>27074</v>
      </c>
      <c r="M10508" s="2" t="s">
        <v>27075</v>
      </c>
      <c r="N10508" s="5" t="s">
        <v>24254</v>
      </c>
      <c r="O10508" s="5" t="s">
        <v>38</v>
      </c>
      <c r="P10508" s="5" t="s">
        <v>39</v>
      </c>
      <c r="Q10508" s="5" t="s">
        <v>40</v>
      </c>
      <c r="R10508" s="5" t="s">
        <v>24335</v>
      </c>
      <c r="S10508" s="5" t="s">
        <v>40</v>
      </c>
      <c r="T10508" s="5" t="s">
        <v>42</v>
      </c>
      <c r="U10508" s="2">
        <v>6.0149999999999997</v>
      </c>
      <c r="V10508" s="2">
        <v>4.923</v>
      </c>
      <c r="W10508" s="2">
        <v>9.6000000000000002E-2</v>
      </c>
      <c r="X10508" s="2">
        <v>12</v>
      </c>
      <c r="Y10508" s="2">
        <v>42.5</v>
      </c>
      <c r="Z10508" s="2">
        <v>188.9</v>
      </c>
      <c r="AA10508" s="5">
        <v>8</v>
      </c>
      <c r="AB10508" s="5" t="s">
        <v>43</v>
      </c>
      <c r="AC10508" s="5" t="s">
        <v>44</v>
      </c>
      <c r="AD10508" s="2" t="s">
        <v>32162</v>
      </c>
      <c r="AE10508" s="1"/>
    </row>
    <row r="10509" spans="1:31" ht="14.45">
      <c r="A10509" s="11"/>
      <c r="B10509" s="20"/>
      <c r="C10509" s="2" t="s">
        <v>32299</v>
      </c>
      <c r="D10509" s="14" t="s">
        <v>32300</v>
      </c>
      <c r="E10509" s="2" t="s">
        <v>32301</v>
      </c>
      <c r="F10509" s="2"/>
      <c r="G10509" s="8">
        <v>194</v>
      </c>
      <c r="H10509" s="5">
        <v>15</v>
      </c>
      <c r="I10509" s="5" t="s">
        <v>69</v>
      </c>
      <c r="J10509" s="5" t="s">
        <v>27074</v>
      </c>
      <c r="K10509" s="2" t="s">
        <v>27075</v>
      </c>
      <c r="L10509" s="5" t="s">
        <v>27074</v>
      </c>
      <c r="M10509" s="2" t="s">
        <v>27075</v>
      </c>
      <c r="N10509" s="5" t="s">
        <v>24254</v>
      </c>
      <c r="O10509" s="5" t="s">
        <v>38</v>
      </c>
      <c r="P10509" s="5" t="s">
        <v>39</v>
      </c>
      <c r="Q10509" s="5" t="s">
        <v>40</v>
      </c>
      <c r="R10509" s="5" t="s">
        <v>24335</v>
      </c>
      <c r="S10509" s="5" t="s">
        <v>40</v>
      </c>
      <c r="T10509" s="5" t="s">
        <v>42</v>
      </c>
      <c r="U10509" s="2">
        <v>6.3570000000000002</v>
      </c>
      <c r="V10509" s="2">
        <v>4.5519999999999996</v>
      </c>
      <c r="W10509" s="2">
        <v>0.11899999999999999</v>
      </c>
      <c r="X10509" s="2">
        <v>12</v>
      </c>
      <c r="Y10509" s="2">
        <v>62</v>
      </c>
      <c r="Z10509" s="2">
        <v>159.9</v>
      </c>
      <c r="AA10509" s="5">
        <v>10</v>
      </c>
      <c r="AB10509" s="5" t="s">
        <v>43</v>
      </c>
      <c r="AC10509" s="5" t="s">
        <v>44</v>
      </c>
      <c r="AD10509" s="2" t="s">
        <v>32174</v>
      </c>
      <c r="AE10509" s="1"/>
    </row>
    <row r="10510" spans="1:31" ht="14.45">
      <c r="A10510" s="11"/>
      <c r="B10510" s="20"/>
      <c r="C10510" s="2" t="s">
        <v>32302</v>
      </c>
      <c r="D10510" s="14" t="s">
        <v>32303</v>
      </c>
      <c r="E10510" s="2" t="s">
        <v>32304</v>
      </c>
      <c r="F10510" s="2"/>
      <c r="G10510" s="8">
        <v>194</v>
      </c>
      <c r="H10510" s="5">
        <v>15</v>
      </c>
      <c r="I10510" s="5" t="s">
        <v>69</v>
      </c>
      <c r="J10510" s="5" t="s">
        <v>27074</v>
      </c>
      <c r="K10510" s="2" t="s">
        <v>27075</v>
      </c>
      <c r="L10510" s="5" t="s">
        <v>27074</v>
      </c>
      <c r="M10510" s="2" t="s">
        <v>27075</v>
      </c>
      <c r="N10510" s="5" t="s">
        <v>24254</v>
      </c>
      <c r="O10510" s="5" t="s">
        <v>38</v>
      </c>
      <c r="P10510" s="5" t="s">
        <v>39</v>
      </c>
      <c r="Q10510" s="5" t="s">
        <v>40</v>
      </c>
      <c r="R10510" s="5" t="s">
        <v>24335</v>
      </c>
      <c r="S10510" s="5" t="s">
        <v>40</v>
      </c>
      <c r="T10510" s="5" t="s">
        <v>42</v>
      </c>
      <c r="U10510" s="2">
        <v>5.2270000000000003</v>
      </c>
      <c r="V10510" s="2">
        <v>3.633</v>
      </c>
      <c r="W10510" s="2">
        <v>0.10299999999999999</v>
      </c>
      <c r="X10510" s="2">
        <v>12</v>
      </c>
      <c r="Y10510" s="2">
        <v>62</v>
      </c>
      <c r="Z10510" s="2">
        <v>137.9</v>
      </c>
      <c r="AA10510" s="5">
        <v>10</v>
      </c>
      <c r="AB10510" s="5" t="s">
        <v>43</v>
      </c>
      <c r="AC10510" s="5" t="s">
        <v>44</v>
      </c>
      <c r="AD10510" s="2" t="s">
        <v>32178</v>
      </c>
      <c r="AE10510" s="1"/>
    </row>
    <row r="10511" spans="1:31" ht="14.45">
      <c r="A10511" s="11"/>
      <c r="B10511" s="20"/>
      <c r="C10511" s="2" t="s">
        <v>32305</v>
      </c>
      <c r="D10511" s="14" t="s">
        <v>32306</v>
      </c>
      <c r="E10511" s="2" t="s">
        <v>32307</v>
      </c>
      <c r="F10511" s="2"/>
      <c r="G10511" s="8">
        <v>194</v>
      </c>
      <c r="H10511" s="5">
        <v>15</v>
      </c>
      <c r="I10511" s="5" t="s">
        <v>69</v>
      </c>
      <c r="J10511" s="5" t="s">
        <v>27074</v>
      </c>
      <c r="K10511" s="2" t="s">
        <v>27075</v>
      </c>
      <c r="L10511" s="5" t="s">
        <v>27074</v>
      </c>
      <c r="M10511" s="2" t="s">
        <v>27075</v>
      </c>
      <c r="N10511" s="5" t="s">
        <v>24254</v>
      </c>
      <c r="O10511" s="5" t="s">
        <v>38</v>
      </c>
      <c r="P10511" s="5" t="s">
        <v>39</v>
      </c>
      <c r="Q10511" s="5" t="s">
        <v>40</v>
      </c>
      <c r="R10511" s="5" t="s">
        <v>24335</v>
      </c>
      <c r="S10511" s="5" t="s">
        <v>40</v>
      </c>
      <c r="T10511" s="5" t="s">
        <v>42</v>
      </c>
      <c r="U10511" s="2">
        <v>5.66</v>
      </c>
      <c r="V10511" s="2">
        <v>3.855</v>
      </c>
      <c r="W10511" s="2">
        <v>0.11899999999999999</v>
      </c>
      <c r="X10511" s="2">
        <v>12</v>
      </c>
      <c r="Y10511" s="2">
        <v>62</v>
      </c>
      <c r="Z10511" s="2">
        <v>159.9</v>
      </c>
      <c r="AA10511" s="5">
        <v>10</v>
      </c>
      <c r="AB10511" s="5" t="s">
        <v>43</v>
      </c>
      <c r="AC10511" s="5" t="s">
        <v>44</v>
      </c>
      <c r="AD10511" s="2" t="s">
        <v>32178</v>
      </c>
      <c r="AE10511" s="1"/>
    </row>
    <row r="10512" spans="1:31" ht="14.45">
      <c r="A10512" s="11"/>
      <c r="B10512" s="20"/>
      <c r="C10512" s="2" t="s">
        <v>32308</v>
      </c>
      <c r="D10512" s="14" t="s">
        <v>32309</v>
      </c>
      <c r="E10512" s="2" t="s">
        <v>32310</v>
      </c>
      <c r="F10512" s="2" t="s">
        <v>32161</v>
      </c>
      <c r="G10512" s="8">
        <v>203</v>
      </c>
      <c r="H10512" s="5">
        <v>5</v>
      </c>
      <c r="I10512" s="5" t="s">
        <v>69</v>
      </c>
      <c r="J10512" s="5" t="s">
        <v>27074</v>
      </c>
      <c r="K10512" s="2" t="s">
        <v>27075</v>
      </c>
      <c r="L10512" s="5" t="s">
        <v>27074</v>
      </c>
      <c r="M10512" s="2" t="s">
        <v>27075</v>
      </c>
      <c r="N10512" s="5" t="s">
        <v>24254</v>
      </c>
      <c r="O10512" s="5" t="s">
        <v>38</v>
      </c>
      <c r="P10512" s="5" t="s">
        <v>39</v>
      </c>
      <c r="Q10512" s="5" t="s">
        <v>40</v>
      </c>
      <c r="R10512" s="5" t="s">
        <v>24335</v>
      </c>
      <c r="S10512" s="5" t="s">
        <v>40</v>
      </c>
      <c r="T10512" s="5" t="s">
        <v>42</v>
      </c>
      <c r="U10512" s="2">
        <v>9.5679999999999996</v>
      </c>
      <c r="V10512" s="2">
        <v>7.8860000000000001</v>
      </c>
      <c r="W10512" s="2">
        <v>0.11600000000000001</v>
      </c>
      <c r="X10512" s="2">
        <v>12</v>
      </c>
      <c r="Y10512" s="2">
        <v>50</v>
      </c>
      <c r="Z10512" s="2">
        <v>193.9</v>
      </c>
      <c r="AA10512" s="5">
        <v>8</v>
      </c>
      <c r="AB10512" s="5" t="s">
        <v>43</v>
      </c>
      <c r="AC10512" s="5" t="s">
        <v>44</v>
      </c>
      <c r="AD10512" s="2" t="s">
        <v>32162</v>
      </c>
      <c r="AE10512" s="1"/>
    </row>
    <row r="10513" spans="1:31" ht="14.45">
      <c r="A10513" s="11"/>
      <c r="B10513" s="20"/>
      <c r="C10513" s="2" t="s">
        <v>32311</v>
      </c>
      <c r="D10513" s="14" t="s">
        <v>32312</v>
      </c>
      <c r="E10513" s="2" t="s">
        <v>32313</v>
      </c>
      <c r="F10513" s="2" t="s">
        <v>32166</v>
      </c>
      <c r="G10513" s="8">
        <v>203</v>
      </c>
      <c r="H10513" s="5">
        <v>5</v>
      </c>
      <c r="I10513" s="5" t="s">
        <v>69</v>
      </c>
      <c r="J10513" s="5" t="s">
        <v>27074</v>
      </c>
      <c r="K10513" s="2" t="s">
        <v>27075</v>
      </c>
      <c r="L10513" s="5" t="s">
        <v>27074</v>
      </c>
      <c r="M10513" s="2" t="s">
        <v>27075</v>
      </c>
      <c r="N10513" s="5" t="s">
        <v>24254</v>
      </c>
      <c r="O10513" s="5" t="s">
        <v>38</v>
      </c>
      <c r="P10513" s="5" t="s">
        <v>39</v>
      </c>
      <c r="Q10513" s="5" t="s">
        <v>40</v>
      </c>
      <c r="R10513" s="5" t="s">
        <v>24335</v>
      </c>
      <c r="S10513" s="5" t="s">
        <v>40</v>
      </c>
      <c r="T10513" s="5" t="s">
        <v>42</v>
      </c>
      <c r="U10513" s="2">
        <v>8.0039999999999996</v>
      </c>
      <c r="V10513" s="2">
        <v>6.1050000000000004</v>
      </c>
      <c r="W10513" s="2">
        <v>0.11600000000000001</v>
      </c>
      <c r="X10513" s="2">
        <v>12</v>
      </c>
      <c r="Y10513" s="2">
        <v>50</v>
      </c>
      <c r="Z10513" s="2">
        <v>193.9</v>
      </c>
      <c r="AA10513" s="5">
        <v>8</v>
      </c>
      <c r="AB10513" s="5" t="s">
        <v>43</v>
      </c>
      <c r="AC10513" s="5" t="s">
        <v>44</v>
      </c>
      <c r="AD10513" s="2" t="s">
        <v>32162</v>
      </c>
      <c r="AE10513" s="1"/>
    </row>
    <row r="10514" spans="1:31" ht="14.45">
      <c r="A10514" s="11"/>
      <c r="B10514" s="20"/>
      <c r="C10514" s="2" t="s">
        <v>32314</v>
      </c>
      <c r="D10514" s="14" t="s">
        <v>32315</v>
      </c>
      <c r="E10514" s="2" t="s">
        <v>32316</v>
      </c>
      <c r="F10514" s="2" t="s">
        <v>32170</v>
      </c>
      <c r="G10514" s="8">
        <v>203</v>
      </c>
      <c r="H10514" s="5">
        <v>5</v>
      </c>
      <c r="I10514" s="5" t="s">
        <v>69</v>
      </c>
      <c r="J10514" s="5" t="s">
        <v>27074</v>
      </c>
      <c r="K10514" s="2" t="s">
        <v>27075</v>
      </c>
      <c r="L10514" s="5" t="s">
        <v>27074</v>
      </c>
      <c r="M10514" s="2" t="s">
        <v>27075</v>
      </c>
      <c r="N10514" s="5" t="s">
        <v>24254</v>
      </c>
      <c r="O10514" s="5" t="s">
        <v>38</v>
      </c>
      <c r="P10514" s="5" t="s">
        <v>39</v>
      </c>
      <c r="Q10514" s="5" t="s">
        <v>40</v>
      </c>
      <c r="R10514" s="5" t="s">
        <v>24335</v>
      </c>
      <c r="S10514" s="5" t="s">
        <v>40</v>
      </c>
      <c r="T10514" s="5" t="s">
        <v>42</v>
      </c>
      <c r="U10514" s="2">
        <v>6.4139999999999997</v>
      </c>
      <c r="V10514" s="2">
        <v>5.2690000000000001</v>
      </c>
      <c r="W10514" s="2">
        <v>9.6000000000000002E-2</v>
      </c>
      <c r="X10514" s="2">
        <v>12</v>
      </c>
      <c r="Y10514" s="2">
        <v>42.5</v>
      </c>
      <c r="Z10514" s="2">
        <v>188.9</v>
      </c>
      <c r="AA10514" s="5">
        <v>8</v>
      </c>
      <c r="AB10514" s="5" t="s">
        <v>43</v>
      </c>
      <c r="AC10514" s="5" t="s">
        <v>44</v>
      </c>
      <c r="AD10514" s="2" t="s">
        <v>32162</v>
      </c>
      <c r="AE10514" s="1"/>
    </row>
    <row r="10515" spans="1:31" ht="14.45">
      <c r="A10515" s="11"/>
      <c r="B10515" s="20"/>
      <c r="C10515" s="2" t="s">
        <v>32317</v>
      </c>
      <c r="D10515" s="14" t="s">
        <v>32318</v>
      </c>
      <c r="E10515" s="2" t="s">
        <v>32319</v>
      </c>
      <c r="F10515" s="2"/>
      <c r="G10515" s="8">
        <v>203</v>
      </c>
      <c r="H10515" s="5">
        <v>15</v>
      </c>
      <c r="I10515" s="5" t="s">
        <v>69</v>
      </c>
      <c r="J10515" s="5" t="s">
        <v>27074</v>
      </c>
      <c r="K10515" s="2" t="s">
        <v>27075</v>
      </c>
      <c r="L10515" s="5" t="s">
        <v>27074</v>
      </c>
      <c r="M10515" s="2" t="s">
        <v>27075</v>
      </c>
      <c r="N10515" s="5" t="s">
        <v>24254</v>
      </c>
      <c r="O10515" s="5" t="s">
        <v>38</v>
      </c>
      <c r="P10515" s="5" t="s">
        <v>39</v>
      </c>
      <c r="Q10515" s="5" t="s">
        <v>40</v>
      </c>
      <c r="R10515" s="5" t="s">
        <v>24335</v>
      </c>
      <c r="S10515" s="5" t="s">
        <v>40</v>
      </c>
      <c r="T10515" s="5" t="s">
        <v>42</v>
      </c>
      <c r="U10515" s="2">
        <v>6.968</v>
      </c>
      <c r="V10515" s="2">
        <v>5.0380000000000003</v>
      </c>
      <c r="W10515" s="2">
        <v>0.129</v>
      </c>
      <c r="X10515" s="2">
        <v>12</v>
      </c>
      <c r="Y10515" s="2">
        <v>62</v>
      </c>
      <c r="Z10515" s="2">
        <v>172.9</v>
      </c>
      <c r="AA10515" s="5">
        <v>10</v>
      </c>
      <c r="AB10515" s="5" t="s">
        <v>43</v>
      </c>
      <c r="AC10515" s="5" t="s">
        <v>44</v>
      </c>
      <c r="AD10515" s="2" t="s">
        <v>32174</v>
      </c>
      <c r="AE10515" s="1"/>
    </row>
    <row r="10516" spans="1:31" ht="14.45">
      <c r="A10516" s="11"/>
      <c r="B10516" s="20"/>
      <c r="C10516" s="2" t="s">
        <v>32320</v>
      </c>
      <c r="D10516" s="14" t="s">
        <v>32321</v>
      </c>
      <c r="E10516" s="2" t="s">
        <v>32322</v>
      </c>
      <c r="F10516" s="2"/>
      <c r="G10516" s="8">
        <v>203</v>
      </c>
      <c r="H10516" s="5">
        <v>15</v>
      </c>
      <c r="I10516" s="5" t="s">
        <v>69</v>
      </c>
      <c r="J10516" s="5" t="s">
        <v>27074</v>
      </c>
      <c r="K10516" s="2" t="s">
        <v>27075</v>
      </c>
      <c r="L10516" s="5" t="s">
        <v>27074</v>
      </c>
      <c r="M10516" s="2" t="s">
        <v>27075</v>
      </c>
      <c r="N10516" s="5" t="s">
        <v>24254</v>
      </c>
      <c r="O10516" s="5" t="s">
        <v>38</v>
      </c>
      <c r="P10516" s="5" t="s">
        <v>39</v>
      </c>
      <c r="Q10516" s="5" t="s">
        <v>40</v>
      </c>
      <c r="R10516" s="5" t="s">
        <v>24335</v>
      </c>
      <c r="S10516" s="5" t="s">
        <v>40</v>
      </c>
      <c r="T10516" s="5" t="s">
        <v>42</v>
      </c>
      <c r="U10516" s="2">
        <v>5.7859999999999996</v>
      </c>
      <c r="V10516" s="2">
        <v>3.9809999999999999</v>
      </c>
      <c r="W10516" s="2">
        <v>0.11899999999999999</v>
      </c>
      <c r="X10516" s="2">
        <v>12</v>
      </c>
      <c r="Y10516" s="2">
        <v>62</v>
      </c>
      <c r="Z10516" s="2">
        <v>159.9</v>
      </c>
      <c r="AA10516" s="5">
        <v>10</v>
      </c>
      <c r="AB10516" s="5" t="s">
        <v>43</v>
      </c>
      <c r="AC10516" s="5" t="s">
        <v>44</v>
      </c>
      <c r="AD10516" s="2" t="s">
        <v>32178</v>
      </c>
      <c r="AE10516" s="1"/>
    </row>
    <row r="10517" spans="1:31" ht="14.45">
      <c r="A10517" s="11"/>
      <c r="B10517" s="20"/>
      <c r="C10517" s="2" t="s">
        <v>32323</v>
      </c>
      <c r="D10517" s="14" t="s">
        <v>32324</v>
      </c>
      <c r="E10517" s="2" t="s">
        <v>32325</v>
      </c>
      <c r="F10517" s="2"/>
      <c r="G10517" s="8">
        <v>203</v>
      </c>
      <c r="H10517" s="5">
        <v>15</v>
      </c>
      <c r="I10517" s="5" t="s">
        <v>69</v>
      </c>
      <c r="J10517" s="5" t="s">
        <v>27074</v>
      </c>
      <c r="K10517" s="2" t="s">
        <v>27075</v>
      </c>
      <c r="L10517" s="5" t="s">
        <v>27074</v>
      </c>
      <c r="M10517" s="2" t="s">
        <v>27075</v>
      </c>
      <c r="N10517" s="5" t="s">
        <v>24254</v>
      </c>
      <c r="O10517" s="5" t="s">
        <v>38</v>
      </c>
      <c r="P10517" s="5" t="s">
        <v>39</v>
      </c>
      <c r="Q10517" s="5" t="s">
        <v>40</v>
      </c>
      <c r="R10517" s="5" t="s">
        <v>24335</v>
      </c>
      <c r="S10517" s="5" t="s">
        <v>40</v>
      </c>
      <c r="T10517" s="5" t="s">
        <v>42</v>
      </c>
      <c r="U10517" s="2">
        <v>6.0609999999999999</v>
      </c>
      <c r="V10517" s="2">
        <v>4.2560000000000002</v>
      </c>
      <c r="W10517" s="2">
        <v>0.11899999999999999</v>
      </c>
      <c r="X10517" s="2">
        <v>12</v>
      </c>
      <c r="Y10517" s="2">
        <v>62</v>
      </c>
      <c r="Z10517" s="2">
        <v>159.9</v>
      </c>
      <c r="AA10517" s="5">
        <v>10</v>
      </c>
      <c r="AB10517" s="5" t="s">
        <v>43</v>
      </c>
      <c r="AC10517" s="5" t="s">
        <v>44</v>
      </c>
      <c r="AD10517" s="2" t="s">
        <v>32178</v>
      </c>
      <c r="AE10517" s="1"/>
    </row>
    <row r="10518" spans="1:31" ht="14.45">
      <c r="A10518" s="11"/>
      <c r="B10518" s="20"/>
      <c r="C10518" s="2" t="s">
        <v>32326</v>
      </c>
      <c r="D10518" s="14" t="s">
        <v>32327</v>
      </c>
      <c r="E10518" s="2" t="s">
        <v>32328</v>
      </c>
      <c r="F10518" s="2" t="s">
        <v>32161</v>
      </c>
      <c r="G10518" s="8">
        <v>233</v>
      </c>
      <c r="H10518" s="5">
        <v>5</v>
      </c>
      <c r="I10518" s="5" t="s">
        <v>69</v>
      </c>
      <c r="J10518" s="5" t="s">
        <v>27074</v>
      </c>
      <c r="K10518" s="2" t="s">
        <v>27075</v>
      </c>
      <c r="L10518" s="5" t="s">
        <v>27074</v>
      </c>
      <c r="M10518" s="2" t="s">
        <v>27075</v>
      </c>
      <c r="N10518" s="5" t="s">
        <v>24254</v>
      </c>
      <c r="O10518" s="5" t="s">
        <v>38</v>
      </c>
      <c r="P10518" s="5" t="s">
        <v>39</v>
      </c>
      <c r="Q10518" s="5" t="s">
        <v>40</v>
      </c>
      <c r="R10518" s="5" t="s">
        <v>24335</v>
      </c>
      <c r="S10518" s="5" t="s">
        <v>40</v>
      </c>
      <c r="T10518" s="5" t="s">
        <v>42</v>
      </c>
      <c r="U10518" s="2">
        <v>10.23</v>
      </c>
      <c r="V10518" s="2">
        <v>8.3320000000000007</v>
      </c>
      <c r="W10518" s="2">
        <v>0.11600000000000001</v>
      </c>
      <c r="X10518" s="2">
        <v>12</v>
      </c>
      <c r="Y10518" s="2">
        <v>50</v>
      </c>
      <c r="Z10518" s="2">
        <v>193.9</v>
      </c>
      <c r="AA10518" s="5">
        <v>8</v>
      </c>
      <c r="AB10518" s="5" t="s">
        <v>43</v>
      </c>
      <c r="AC10518" s="5" t="s">
        <v>44</v>
      </c>
      <c r="AD10518" s="2" t="s">
        <v>32162</v>
      </c>
      <c r="AE10518" s="1"/>
    </row>
    <row r="10519" spans="1:31" ht="14.45">
      <c r="A10519" s="11"/>
      <c r="B10519" s="20"/>
      <c r="C10519" s="2" t="s">
        <v>32329</v>
      </c>
      <c r="D10519" s="14" t="s">
        <v>32330</v>
      </c>
      <c r="E10519" s="2" t="s">
        <v>32331</v>
      </c>
      <c r="F10519" s="2" t="s">
        <v>32166</v>
      </c>
      <c r="G10519" s="8">
        <v>233</v>
      </c>
      <c r="H10519" s="5">
        <v>5</v>
      </c>
      <c r="I10519" s="5" t="s">
        <v>69</v>
      </c>
      <c r="J10519" s="5" t="s">
        <v>27074</v>
      </c>
      <c r="K10519" s="2" t="s">
        <v>27075</v>
      </c>
      <c r="L10519" s="5" t="s">
        <v>27074</v>
      </c>
      <c r="M10519" s="2" t="s">
        <v>27075</v>
      </c>
      <c r="N10519" s="5" t="s">
        <v>24254</v>
      </c>
      <c r="O10519" s="5" t="s">
        <v>38</v>
      </c>
      <c r="P10519" s="5" t="s">
        <v>39</v>
      </c>
      <c r="Q10519" s="5" t="s">
        <v>40</v>
      </c>
      <c r="R10519" s="5" t="s">
        <v>24335</v>
      </c>
      <c r="S10519" s="5" t="s">
        <v>40</v>
      </c>
      <c r="T10519" s="5" t="s">
        <v>42</v>
      </c>
      <c r="U10519" s="2">
        <v>8.3699999999999992</v>
      </c>
      <c r="V10519" s="2">
        <v>6.4710000000000001</v>
      </c>
      <c r="W10519" s="2">
        <v>0.11600000000000001</v>
      </c>
      <c r="X10519" s="2">
        <v>12</v>
      </c>
      <c r="Y10519" s="2">
        <v>50</v>
      </c>
      <c r="Z10519" s="2">
        <v>193.9</v>
      </c>
      <c r="AA10519" s="5">
        <v>8</v>
      </c>
      <c r="AB10519" s="5" t="s">
        <v>43</v>
      </c>
      <c r="AC10519" s="5" t="s">
        <v>44</v>
      </c>
      <c r="AD10519" s="2" t="s">
        <v>32162</v>
      </c>
      <c r="AE10519" s="1"/>
    </row>
    <row r="10520" spans="1:31" ht="14.45">
      <c r="A10520" s="11"/>
      <c r="B10520" s="20"/>
      <c r="C10520" s="2" t="s">
        <v>32332</v>
      </c>
      <c r="D10520" s="14" t="s">
        <v>32333</v>
      </c>
      <c r="E10520" s="2" t="s">
        <v>32334</v>
      </c>
      <c r="F10520" s="2" t="s">
        <v>32170</v>
      </c>
      <c r="G10520" s="8">
        <v>233</v>
      </c>
      <c r="H10520" s="5">
        <v>5</v>
      </c>
      <c r="I10520" s="5" t="s">
        <v>69</v>
      </c>
      <c r="J10520" s="5" t="s">
        <v>27074</v>
      </c>
      <c r="K10520" s="2" t="s">
        <v>27075</v>
      </c>
      <c r="L10520" s="5" t="s">
        <v>27074</v>
      </c>
      <c r="M10520" s="2" t="s">
        <v>27075</v>
      </c>
      <c r="N10520" s="5" t="s">
        <v>24254</v>
      </c>
      <c r="O10520" s="5" t="s">
        <v>38</v>
      </c>
      <c r="P10520" s="5" t="s">
        <v>39</v>
      </c>
      <c r="Q10520" s="5" t="s">
        <v>40</v>
      </c>
      <c r="R10520" s="5" t="s">
        <v>24335</v>
      </c>
      <c r="S10520" s="5" t="s">
        <v>40</v>
      </c>
      <c r="T10520" s="5" t="s">
        <v>42</v>
      </c>
      <c r="U10520" s="2">
        <v>6.98</v>
      </c>
      <c r="V10520" s="2">
        <v>5.5919999999999996</v>
      </c>
      <c r="W10520" s="2">
        <v>9.6000000000000002E-2</v>
      </c>
      <c r="X10520" s="2">
        <v>12</v>
      </c>
      <c r="Y10520" s="2">
        <v>42.5</v>
      </c>
      <c r="Z10520" s="2">
        <v>188.9</v>
      </c>
      <c r="AA10520" s="5">
        <v>8</v>
      </c>
      <c r="AB10520" s="5" t="s">
        <v>43</v>
      </c>
      <c r="AC10520" s="5" t="s">
        <v>44</v>
      </c>
      <c r="AD10520" s="2" t="s">
        <v>32162</v>
      </c>
      <c r="AE10520" s="1"/>
    </row>
    <row r="10521" spans="1:31" ht="14.45">
      <c r="A10521" s="11"/>
      <c r="B10521" s="20"/>
      <c r="C10521" s="2" t="s">
        <v>32335</v>
      </c>
      <c r="D10521" s="14" t="s">
        <v>32336</v>
      </c>
      <c r="E10521" s="2" t="s">
        <v>32337</v>
      </c>
      <c r="F10521" s="2"/>
      <c r="G10521" s="8">
        <v>233</v>
      </c>
      <c r="H10521" s="5">
        <v>15</v>
      </c>
      <c r="I10521" s="5" t="s">
        <v>69</v>
      </c>
      <c r="J10521" s="5" t="s">
        <v>27074</v>
      </c>
      <c r="K10521" s="2" t="s">
        <v>27075</v>
      </c>
      <c r="L10521" s="5" t="s">
        <v>27074</v>
      </c>
      <c r="M10521" s="2" t="s">
        <v>27075</v>
      </c>
      <c r="N10521" s="5" t="s">
        <v>24254</v>
      </c>
      <c r="O10521" s="5" t="s">
        <v>38</v>
      </c>
      <c r="P10521" s="5" t="s">
        <v>39</v>
      </c>
      <c r="Q10521" s="5" t="s">
        <v>40</v>
      </c>
      <c r="R10521" s="5" t="s">
        <v>24335</v>
      </c>
      <c r="S10521" s="5" t="s">
        <v>40</v>
      </c>
      <c r="T10521" s="5" t="s">
        <v>42</v>
      </c>
      <c r="U10521" s="2">
        <v>8.1980000000000004</v>
      </c>
      <c r="V10521" s="2">
        <v>5.4909999999999997</v>
      </c>
      <c r="W10521" s="2">
        <v>0.14899999999999999</v>
      </c>
      <c r="X10521" s="2">
        <v>12</v>
      </c>
      <c r="Y10521" s="2">
        <v>62</v>
      </c>
      <c r="Z10521" s="2">
        <v>199.7</v>
      </c>
      <c r="AA10521" s="5">
        <v>10</v>
      </c>
      <c r="AB10521" s="5" t="s">
        <v>43</v>
      </c>
      <c r="AC10521" s="5" t="s">
        <v>44</v>
      </c>
      <c r="AD10521" s="2" t="s">
        <v>32174</v>
      </c>
      <c r="AE10521" s="1"/>
    </row>
    <row r="10522" spans="1:31" ht="14.45">
      <c r="A10522" s="11"/>
      <c r="B10522" s="20"/>
      <c r="C10522" s="2" t="s">
        <v>32338</v>
      </c>
      <c r="D10522" s="14" t="s">
        <v>32339</v>
      </c>
      <c r="E10522" s="2" t="s">
        <v>32340</v>
      </c>
      <c r="F10522" s="2"/>
      <c r="G10522" s="8">
        <v>233</v>
      </c>
      <c r="H10522" s="5">
        <v>15</v>
      </c>
      <c r="I10522" s="5" t="s">
        <v>69</v>
      </c>
      <c r="J10522" s="5" t="s">
        <v>27074</v>
      </c>
      <c r="K10522" s="2" t="s">
        <v>27075</v>
      </c>
      <c r="L10522" s="5" t="s">
        <v>27074</v>
      </c>
      <c r="M10522" s="2" t="s">
        <v>27075</v>
      </c>
      <c r="N10522" s="5" t="s">
        <v>24254</v>
      </c>
      <c r="O10522" s="5" t="s">
        <v>38</v>
      </c>
      <c r="P10522" s="5" t="s">
        <v>39</v>
      </c>
      <c r="Q10522" s="5" t="s">
        <v>40</v>
      </c>
      <c r="R10522" s="5" t="s">
        <v>24335</v>
      </c>
      <c r="S10522" s="5" t="s">
        <v>40</v>
      </c>
      <c r="T10522" s="5" t="s">
        <v>42</v>
      </c>
      <c r="U10522" s="2">
        <v>6.2359999999999998</v>
      </c>
      <c r="V10522" s="2">
        <v>4.306</v>
      </c>
      <c r="W10522" s="2">
        <v>0.129</v>
      </c>
      <c r="X10522" s="2">
        <v>12</v>
      </c>
      <c r="Y10522" s="2">
        <v>62</v>
      </c>
      <c r="Z10522" s="2">
        <v>172.9</v>
      </c>
      <c r="AA10522" s="5">
        <v>10</v>
      </c>
      <c r="AB10522" s="5" t="s">
        <v>43</v>
      </c>
      <c r="AC10522" s="5" t="s">
        <v>44</v>
      </c>
      <c r="AD10522" s="2" t="s">
        <v>32178</v>
      </c>
      <c r="AE10522" s="1"/>
    </row>
    <row r="10523" spans="1:31" ht="14.45">
      <c r="A10523" s="11"/>
      <c r="B10523" s="20"/>
      <c r="C10523" s="2" t="s">
        <v>32341</v>
      </c>
      <c r="D10523" s="14" t="s">
        <v>32342</v>
      </c>
      <c r="E10523" s="2" t="s">
        <v>32343</v>
      </c>
      <c r="F10523" s="2"/>
      <c r="G10523" s="8">
        <v>233</v>
      </c>
      <c r="H10523" s="5">
        <v>15</v>
      </c>
      <c r="I10523" s="5" t="s">
        <v>69</v>
      </c>
      <c r="J10523" s="5" t="s">
        <v>27074</v>
      </c>
      <c r="K10523" s="2" t="s">
        <v>27075</v>
      </c>
      <c r="L10523" s="5" t="s">
        <v>27074</v>
      </c>
      <c r="M10523" s="2" t="s">
        <v>27075</v>
      </c>
      <c r="N10523" s="5" t="s">
        <v>24254</v>
      </c>
      <c r="O10523" s="5" t="s">
        <v>38</v>
      </c>
      <c r="P10523" s="5" t="s">
        <v>39</v>
      </c>
      <c r="Q10523" s="5" t="s">
        <v>40</v>
      </c>
      <c r="R10523" s="5" t="s">
        <v>24335</v>
      </c>
      <c r="S10523" s="5" t="s">
        <v>40</v>
      </c>
      <c r="T10523" s="5" t="s">
        <v>42</v>
      </c>
      <c r="U10523" s="2">
        <v>6.5640000000000001</v>
      </c>
      <c r="V10523" s="2">
        <v>4.6340000000000003</v>
      </c>
      <c r="W10523" s="2">
        <v>0.129</v>
      </c>
      <c r="X10523" s="2">
        <v>12</v>
      </c>
      <c r="Y10523" s="2">
        <v>62</v>
      </c>
      <c r="Z10523" s="2">
        <v>172.9</v>
      </c>
      <c r="AA10523" s="5">
        <v>10</v>
      </c>
      <c r="AB10523" s="5" t="s">
        <v>43</v>
      </c>
      <c r="AC10523" s="5" t="s">
        <v>44</v>
      </c>
      <c r="AD10523" s="2" t="s">
        <v>32178</v>
      </c>
      <c r="AE10523" s="1"/>
    </row>
    <row r="10524" spans="1:31" ht="14.45">
      <c r="A10524" s="11"/>
      <c r="B10524" s="20"/>
      <c r="C10524" s="2" t="s">
        <v>32344</v>
      </c>
      <c r="D10524" s="14" t="s">
        <v>32345</v>
      </c>
      <c r="E10524" s="2" t="s">
        <v>32346</v>
      </c>
      <c r="F10524" s="2" t="s">
        <v>32161</v>
      </c>
      <c r="G10524" s="8">
        <v>221</v>
      </c>
      <c r="H10524" s="5">
        <v>5</v>
      </c>
      <c r="I10524" s="5" t="s">
        <v>69</v>
      </c>
      <c r="J10524" s="5" t="s">
        <v>27074</v>
      </c>
      <c r="K10524" s="2" t="s">
        <v>27075</v>
      </c>
      <c r="L10524" s="5" t="s">
        <v>27074</v>
      </c>
      <c r="M10524" s="2" t="s">
        <v>27075</v>
      </c>
      <c r="N10524" s="5" t="s">
        <v>24254</v>
      </c>
      <c r="O10524" s="5" t="s">
        <v>38</v>
      </c>
      <c r="P10524" s="5" t="s">
        <v>39</v>
      </c>
      <c r="Q10524" s="5" t="s">
        <v>40</v>
      </c>
      <c r="R10524" s="5" t="s">
        <v>24335</v>
      </c>
      <c r="S10524" s="5" t="s">
        <v>40</v>
      </c>
      <c r="T10524" s="5" t="s">
        <v>42</v>
      </c>
      <c r="U10524" s="2">
        <v>9.6760000000000002</v>
      </c>
      <c r="V10524" s="2">
        <v>7.7759999999999998</v>
      </c>
      <c r="W10524" s="2">
        <v>0.11600000000000001</v>
      </c>
      <c r="X10524" s="2">
        <v>12</v>
      </c>
      <c r="Y10524" s="2">
        <v>50</v>
      </c>
      <c r="Z10524" s="2">
        <v>193.9</v>
      </c>
      <c r="AA10524" s="5">
        <v>8</v>
      </c>
      <c r="AB10524" s="5" t="s">
        <v>43</v>
      </c>
      <c r="AC10524" s="5" t="s">
        <v>44</v>
      </c>
      <c r="AD10524" s="2" t="s">
        <v>32162</v>
      </c>
      <c r="AE10524" s="1"/>
    </row>
    <row r="10525" spans="1:31" ht="14.45">
      <c r="A10525" s="11"/>
      <c r="B10525" s="20"/>
      <c r="C10525" s="2" t="s">
        <v>32347</v>
      </c>
      <c r="D10525" s="14" t="s">
        <v>32348</v>
      </c>
      <c r="E10525" s="2" t="s">
        <v>32349</v>
      </c>
      <c r="F10525" s="2" t="s">
        <v>32166</v>
      </c>
      <c r="G10525" s="8">
        <v>221</v>
      </c>
      <c r="H10525" s="5">
        <v>5</v>
      </c>
      <c r="I10525" s="5" t="s">
        <v>69</v>
      </c>
      <c r="J10525" s="5" t="s">
        <v>27074</v>
      </c>
      <c r="K10525" s="2" t="s">
        <v>27075</v>
      </c>
      <c r="L10525" s="5" t="s">
        <v>27074</v>
      </c>
      <c r="M10525" s="2" t="s">
        <v>27075</v>
      </c>
      <c r="N10525" s="5" t="s">
        <v>24254</v>
      </c>
      <c r="O10525" s="5" t="s">
        <v>38</v>
      </c>
      <c r="P10525" s="5" t="s">
        <v>39</v>
      </c>
      <c r="Q10525" s="5" t="s">
        <v>40</v>
      </c>
      <c r="R10525" s="5" t="s">
        <v>24335</v>
      </c>
      <c r="S10525" s="5" t="s">
        <v>40</v>
      </c>
      <c r="T10525" s="5" t="s">
        <v>42</v>
      </c>
      <c r="U10525" s="2">
        <v>8.0559999999999992</v>
      </c>
      <c r="V10525" s="2">
        <v>6.157</v>
      </c>
      <c r="W10525" s="2">
        <v>0.11600000000000001</v>
      </c>
      <c r="X10525" s="2">
        <v>12</v>
      </c>
      <c r="Y10525" s="2">
        <v>50</v>
      </c>
      <c r="Z10525" s="2">
        <v>193.9</v>
      </c>
      <c r="AA10525" s="5">
        <v>8</v>
      </c>
      <c r="AB10525" s="5" t="s">
        <v>43</v>
      </c>
      <c r="AC10525" s="5" t="s">
        <v>44</v>
      </c>
      <c r="AD10525" s="2" t="s">
        <v>32162</v>
      </c>
      <c r="AE10525" s="1"/>
    </row>
    <row r="10526" spans="1:31" ht="14.45">
      <c r="A10526" s="11"/>
      <c r="B10526" s="20"/>
      <c r="C10526" s="2" t="s">
        <v>32350</v>
      </c>
      <c r="D10526" s="14" t="s">
        <v>32351</v>
      </c>
      <c r="E10526" s="2" t="s">
        <v>32352</v>
      </c>
      <c r="F10526" s="2" t="s">
        <v>32170</v>
      </c>
      <c r="G10526" s="8">
        <v>221</v>
      </c>
      <c r="H10526" s="5">
        <v>5</v>
      </c>
      <c r="I10526" s="5" t="s">
        <v>69</v>
      </c>
      <c r="J10526" s="5" t="s">
        <v>27074</v>
      </c>
      <c r="K10526" s="2" t="s">
        <v>27075</v>
      </c>
      <c r="L10526" s="5" t="s">
        <v>27074</v>
      </c>
      <c r="M10526" s="2" t="s">
        <v>27075</v>
      </c>
      <c r="N10526" s="5" t="s">
        <v>24254</v>
      </c>
      <c r="O10526" s="5" t="s">
        <v>38</v>
      </c>
      <c r="P10526" s="5" t="s">
        <v>39</v>
      </c>
      <c r="Q10526" s="5" t="s">
        <v>40</v>
      </c>
      <c r="R10526" s="5" t="s">
        <v>24335</v>
      </c>
      <c r="S10526" s="5" t="s">
        <v>40</v>
      </c>
      <c r="T10526" s="5" t="s">
        <v>42</v>
      </c>
      <c r="U10526" s="2">
        <v>6.6820000000000004</v>
      </c>
      <c r="V10526" s="2">
        <v>5.2919999999999998</v>
      </c>
      <c r="W10526" s="2">
        <v>9.6000000000000002E-2</v>
      </c>
      <c r="X10526" s="2">
        <v>12</v>
      </c>
      <c r="Y10526" s="2">
        <v>42.5</v>
      </c>
      <c r="Z10526" s="2">
        <v>188.9</v>
      </c>
      <c r="AA10526" s="5">
        <v>8</v>
      </c>
      <c r="AB10526" s="5" t="s">
        <v>43</v>
      </c>
      <c r="AC10526" s="5" t="s">
        <v>44</v>
      </c>
      <c r="AD10526" s="2" t="s">
        <v>32162</v>
      </c>
      <c r="AE10526" s="1"/>
    </row>
    <row r="10527" spans="1:31" ht="14.45">
      <c r="A10527" s="11"/>
      <c r="B10527" s="20"/>
      <c r="C10527" s="2" t="s">
        <v>32353</v>
      </c>
      <c r="D10527" s="14" t="s">
        <v>32354</v>
      </c>
      <c r="E10527" s="2" t="s">
        <v>32355</v>
      </c>
      <c r="F10527" s="2"/>
      <c r="G10527" s="8">
        <v>221</v>
      </c>
      <c r="H10527" s="5">
        <v>15</v>
      </c>
      <c r="I10527" s="5" t="s">
        <v>69</v>
      </c>
      <c r="J10527" s="5" t="s">
        <v>27074</v>
      </c>
      <c r="K10527" s="2" t="s">
        <v>27075</v>
      </c>
      <c r="L10527" s="5" t="s">
        <v>27074</v>
      </c>
      <c r="M10527" s="2" t="s">
        <v>27075</v>
      </c>
      <c r="N10527" s="5" t="s">
        <v>24254</v>
      </c>
      <c r="O10527" s="5" t="s">
        <v>38</v>
      </c>
      <c r="P10527" s="5" t="s">
        <v>39</v>
      </c>
      <c r="Q10527" s="5" t="s">
        <v>40</v>
      </c>
      <c r="R10527" s="5" t="s">
        <v>24335</v>
      </c>
      <c r="S10527" s="5" t="s">
        <v>40</v>
      </c>
      <c r="T10527" s="5" t="s">
        <v>42</v>
      </c>
      <c r="U10527" s="2">
        <v>6.5869999999999997</v>
      </c>
      <c r="V10527" s="2">
        <v>4.782</v>
      </c>
      <c r="W10527" s="2">
        <v>0.11899999999999999</v>
      </c>
      <c r="X10527" s="2">
        <v>12</v>
      </c>
      <c r="Y10527" s="2">
        <v>62</v>
      </c>
      <c r="Z10527" s="2">
        <v>159.9</v>
      </c>
      <c r="AA10527" s="5">
        <v>10</v>
      </c>
      <c r="AB10527" s="5" t="s">
        <v>43</v>
      </c>
      <c r="AC10527" s="5" t="s">
        <v>44</v>
      </c>
      <c r="AD10527" s="2" t="s">
        <v>32174</v>
      </c>
      <c r="AE10527" s="1"/>
    </row>
    <row r="10528" spans="1:31" ht="14.45">
      <c r="A10528" s="11"/>
      <c r="B10528" s="20"/>
      <c r="C10528" s="2" t="s">
        <v>32356</v>
      </c>
      <c r="D10528" s="14" t="s">
        <v>32357</v>
      </c>
      <c r="E10528" s="2" t="s">
        <v>32358</v>
      </c>
      <c r="F10528" s="2"/>
      <c r="G10528" s="8">
        <v>221</v>
      </c>
      <c r="H10528" s="5">
        <v>15</v>
      </c>
      <c r="I10528" s="5" t="s">
        <v>69</v>
      </c>
      <c r="J10528" s="5" t="s">
        <v>27074</v>
      </c>
      <c r="K10528" s="2" t="s">
        <v>27075</v>
      </c>
      <c r="L10528" s="5" t="s">
        <v>27074</v>
      </c>
      <c r="M10528" s="2" t="s">
        <v>27075</v>
      </c>
      <c r="N10528" s="5" t="s">
        <v>24254</v>
      </c>
      <c r="O10528" s="5" t="s">
        <v>38</v>
      </c>
      <c r="P10528" s="5" t="s">
        <v>39</v>
      </c>
      <c r="Q10528" s="5" t="s">
        <v>40</v>
      </c>
      <c r="R10528" s="5" t="s">
        <v>24335</v>
      </c>
      <c r="S10528" s="5" t="s">
        <v>40</v>
      </c>
      <c r="T10528" s="5" t="s">
        <v>42</v>
      </c>
      <c r="U10528" s="2">
        <v>5.4569999999999999</v>
      </c>
      <c r="V10528" s="2">
        <v>3.863</v>
      </c>
      <c r="W10528" s="2">
        <v>0.10299999999999999</v>
      </c>
      <c r="X10528" s="2">
        <v>12</v>
      </c>
      <c r="Y10528" s="2">
        <v>62</v>
      </c>
      <c r="Z10528" s="2">
        <v>137.9</v>
      </c>
      <c r="AA10528" s="5">
        <v>10</v>
      </c>
      <c r="AB10528" s="5" t="s">
        <v>43</v>
      </c>
      <c r="AC10528" s="5" t="s">
        <v>44</v>
      </c>
      <c r="AD10528" s="2" t="s">
        <v>32178</v>
      </c>
      <c r="AE10528" s="1"/>
    </row>
    <row r="10529" spans="1:31" ht="14.45">
      <c r="A10529" s="11"/>
      <c r="B10529" s="20"/>
      <c r="C10529" s="2" t="s">
        <v>32359</v>
      </c>
      <c r="D10529" s="14" t="s">
        <v>32360</v>
      </c>
      <c r="E10529" s="2" t="s">
        <v>32361</v>
      </c>
      <c r="F10529" s="2"/>
      <c r="G10529" s="8">
        <v>221</v>
      </c>
      <c r="H10529" s="5">
        <v>15</v>
      </c>
      <c r="I10529" s="5" t="s">
        <v>69</v>
      </c>
      <c r="J10529" s="5" t="s">
        <v>27074</v>
      </c>
      <c r="K10529" s="2" t="s">
        <v>27075</v>
      </c>
      <c r="L10529" s="5" t="s">
        <v>27074</v>
      </c>
      <c r="M10529" s="2" t="s">
        <v>27075</v>
      </c>
      <c r="N10529" s="5" t="s">
        <v>24254</v>
      </c>
      <c r="O10529" s="5" t="s">
        <v>38</v>
      </c>
      <c r="P10529" s="5" t="s">
        <v>39</v>
      </c>
      <c r="Q10529" s="5" t="s">
        <v>40</v>
      </c>
      <c r="R10529" s="5" t="s">
        <v>24335</v>
      </c>
      <c r="S10529" s="5" t="s">
        <v>40</v>
      </c>
      <c r="T10529" s="5" t="s">
        <v>42</v>
      </c>
      <c r="U10529" s="2">
        <v>5.859</v>
      </c>
      <c r="V10529" s="2">
        <v>4.0540000000000003</v>
      </c>
      <c r="W10529" s="2">
        <v>0.11899999999999999</v>
      </c>
      <c r="X10529" s="2">
        <v>12</v>
      </c>
      <c r="Y10529" s="2">
        <v>62</v>
      </c>
      <c r="Z10529" s="2">
        <v>159.9</v>
      </c>
      <c r="AA10529" s="5">
        <v>10</v>
      </c>
      <c r="AB10529" s="5" t="s">
        <v>43</v>
      </c>
      <c r="AC10529" s="5" t="s">
        <v>44</v>
      </c>
      <c r="AD10529" s="2" t="s">
        <v>32178</v>
      </c>
      <c r="AE10529" s="1"/>
    </row>
    <row r="10530" spans="1:31" ht="14.45">
      <c r="A10530" s="11"/>
      <c r="B10530" s="20"/>
      <c r="C10530" s="2" t="s">
        <v>32362</v>
      </c>
      <c r="D10530" s="14" t="s">
        <v>32363</v>
      </c>
      <c r="E10530" s="2" t="s">
        <v>32364</v>
      </c>
      <c r="F10530" s="2" t="s">
        <v>32161</v>
      </c>
      <c r="G10530" s="8">
        <v>233</v>
      </c>
      <c r="H10530" s="5">
        <v>5</v>
      </c>
      <c r="I10530" s="5" t="s">
        <v>69</v>
      </c>
      <c r="J10530" s="5" t="s">
        <v>27074</v>
      </c>
      <c r="K10530" s="2" t="s">
        <v>27075</v>
      </c>
      <c r="L10530" s="5" t="s">
        <v>27074</v>
      </c>
      <c r="M10530" s="2" t="s">
        <v>27075</v>
      </c>
      <c r="N10530" s="5" t="s">
        <v>24254</v>
      </c>
      <c r="O10530" s="5" t="s">
        <v>38</v>
      </c>
      <c r="P10530" s="5" t="s">
        <v>39</v>
      </c>
      <c r="Q10530" s="5" t="s">
        <v>40</v>
      </c>
      <c r="R10530" s="5" t="s">
        <v>24335</v>
      </c>
      <c r="S10530" s="5" t="s">
        <v>40</v>
      </c>
      <c r="T10530" s="5" t="s">
        <v>42</v>
      </c>
      <c r="U10530" s="2">
        <v>10.154</v>
      </c>
      <c r="V10530" s="2">
        <v>8.2539999999999996</v>
      </c>
      <c r="W10530" s="2">
        <v>0.11600000000000001</v>
      </c>
      <c r="X10530" s="2">
        <v>12</v>
      </c>
      <c r="Y10530" s="2">
        <v>50</v>
      </c>
      <c r="Z10530" s="2">
        <v>193.9</v>
      </c>
      <c r="AA10530" s="5">
        <v>8</v>
      </c>
      <c r="AB10530" s="5" t="s">
        <v>43</v>
      </c>
      <c r="AC10530" s="5" t="s">
        <v>44</v>
      </c>
      <c r="AD10530" s="2" t="s">
        <v>32162</v>
      </c>
      <c r="AE10530" s="1"/>
    </row>
    <row r="10531" spans="1:31" ht="14.45">
      <c r="A10531" s="11"/>
      <c r="B10531" s="20"/>
      <c r="C10531" s="2" t="s">
        <v>32365</v>
      </c>
      <c r="D10531" s="14" t="s">
        <v>32366</v>
      </c>
      <c r="E10531" s="2" t="s">
        <v>32367</v>
      </c>
      <c r="F10531" s="2" t="s">
        <v>32166</v>
      </c>
      <c r="G10531" s="8">
        <v>233</v>
      </c>
      <c r="H10531" s="5">
        <v>5</v>
      </c>
      <c r="I10531" s="5" t="s">
        <v>69</v>
      </c>
      <c r="J10531" s="5" t="s">
        <v>27074</v>
      </c>
      <c r="K10531" s="2" t="s">
        <v>27075</v>
      </c>
      <c r="L10531" s="5" t="s">
        <v>27074</v>
      </c>
      <c r="M10531" s="2" t="s">
        <v>27075</v>
      </c>
      <c r="N10531" s="5" t="s">
        <v>24254</v>
      </c>
      <c r="O10531" s="5" t="s">
        <v>38</v>
      </c>
      <c r="P10531" s="5" t="s">
        <v>39</v>
      </c>
      <c r="Q10531" s="5" t="s">
        <v>40</v>
      </c>
      <c r="R10531" s="5" t="s">
        <v>24335</v>
      </c>
      <c r="S10531" s="5" t="s">
        <v>40</v>
      </c>
      <c r="T10531" s="5" t="s">
        <v>42</v>
      </c>
      <c r="U10531" s="2">
        <v>8.4469999999999992</v>
      </c>
      <c r="V10531" s="2">
        <v>6.548</v>
      </c>
      <c r="W10531" s="2">
        <v>0.11600000000000001</v>
      </c>
      <c r="X10531" s="2">
        <v>12</v>
      </c>
      <c r="Y10531" s="2">
        <v>50</v>
      </c>
      <c r="Z10531" s="2">
        <v>193.9</v>
      </c>
      <c r="AA10531" s="5">
        <v>8</v>
      </c>
      <c r="AB10531" s="5" t="s">
        <v>43</v>
      </c>
      <c r="AC10531" s="5" t="s">
        <v>44</v>
      </c>
      <c r="AD10531" s="2" t="s">
        <v>32162</v>
      </c>
      <c r="AE10531" s="1"/>
    </row>
    <row r="10532" spans="1:31" ht="14.45">
      <c r="A10532" s="11"/>
      <c r="B10532" s="20"/>
      <c r="C10532" s="2" t="s">
        <v>32368</v>
      </c>
      <c r="D10532" s="14" t="s">
        <v>32369</v>
      </c>
      <c r="E10532" s="2" t="s">
        <v>32370</v>
      </c>
      <c r="F10532" s="2" t="s">
        <v>32170</v>
      </c>
      <c r="G10532" s="8">
        <v>233</v>
      </c>
      <c r="H10532" s="5">
        <v>5</v>
      </c>
      <c r="I10532" s="5" t="s">
        <v>69</v>
      </c>
      <c r="J10532" s="5" t="s">
        <v>27074</v>
      </c>
      <c r="K10532" s="2" t="s">
        <v>27075</v>
      </c>
      <c r="L10532" s="5" t="s">
        <v>27074</v>
      </c>
      <c r="M10532" s="2" t="s">
        <v>27075</v>
      </c>
      <c r="N10532" s="5" t="s">
        <v>24254</v>
      </c>
      <c r="O10532" s="5" t="s">
        <v>38</v>
      </c>
      <c r="P10532" s="5" t="s">
        <v>39</v>
      </c>
      <c r="Q10532" s="5" t="s">
        <v>40</v>
      </c>
      <c r="R10532" s="5" t="s">
        <v>24335</v>
      </c>
      <c r="S10532" s="5" t="s">
        <v>40</v>
      </c>
      <c r="T10532" s="5" t="s">
        <v>42</v>
      </c>
      <c r="U10532" s="2">
        <v>7.0270000000000001</v>
      </c>
      <c r="V10532" s="2">
        <v>5.6369999999999996</v>
      </c>
      <c r="W10532" s="2">
        <v>9.6000000000000002E-2</v>
      </c>
      <c r="X10532" s="2">
        <v>12</v>
      </c>
      <c r="Y10532" s="2">
        <v>42.5</v>
      </c>
      <c r="Z10532" s="2">
        <v>188.9</v>
      </c>
      <c r="AA10532" s="5">
        <v>8</v>
      </c>
      <c r="AB10532" s="5" t="s">
        <v>43</v>
      </c>
      <c r="AC10532" s="5" t="s">
        <v>44</v>
      </c>
      <c r="AD10532" s="2" t="s">
        <v>32162</v>
      </c>
      <c r="AE10532" s="1"/>
    </row>
    <row r="10533" spans="1:31" ht="14.45">
      <c r="A10533" s="11"/>
      <c r="B10533" s="20"/>
      <c r="C10533" s="2" t="s">
        <v>32371</v>
      </c>
      <c r="D10533" s="14" t="s">
        <v>32372</v>
      </c>
      <c r="E10533" s="2" t="s">
        <v>32373</v>
      </c>
      <c r="F10533" s="2"/>
      <c r="G10533" s="8">
        <v>233</v>
      </c>
      <c r="H10533" s="5">
        <v>15</v>
      </c>
      <c r="I10533" s="5" t="s">
        <v>69</v>
      </c>
      <c r="J10533" s="5" t="s">
        <v>27074</v>
      </c>
      <c r="K10533" s="2" t="s">
        <v>27075</v>
      </c>
      <c r="L10533" s="5" t="s">
        <v>27074</v>
      </c>
      <c r="M10533" s="2" t="s">
        <v>27075</v>
      </c>
      <c r="N10533" s="5" t="s">
        <v>24254</v>
      </c>
      <c r="O10533" s="5" t="s">
        <v>38</v>
      </c>
      <c r="P10533" s="5" t="s">
        <v>39</v>
      </c>
      <c r="Q10533" s="5" t="s">
        <v>40</v>
      </c>
      <c r="R10533" s="5" t="s">
        <v>24335</v>
      </c>
      <c r="S10533" s="5" t="s">
        <v>40</v>
      </c>
      <c r="T10533" s="5" t="s">
        <v>42</v>
      </c>
      <c r="U10533" s="2">
        <v>7.1980000000000004</v>
      </c>
      <c r="V10533" s="2">
        <v>5.2679999999999998</v>
      </c>
      <c r="W10533" s="2">
        <v>0.129</v>
      </c>
      <c r="X10533" s="2">
        <v>12</v>
      </c>
      <c r="Y10533" s="2">
        <v>62</v>
      </c>
      <c r="Z10533" s="2">
        <v>172.9</v>
      </c>
      <c r="AA10533" s="5">
        <v>10</v>
      </c>
      <c r="AB10533" s="5" t="s">
        <v>43</v>
      </c>
      <c r="AC10533" s="5" t="s">
        <v>44</v>
      </c>
      <c r="AD10533" s="2" t="s">
        <v>32174</v>
      </c>
      <c r="AE10533" s="1"/>
    </row>
    <row r="10534" spans="1:31" ht="14.45">
      <c r="A10534" s="11"/>
      <c r="B10534" s="20"/>
      <c r="C10534" s="2" t="s">
        <v>32374</v>
      </c>
      <c r="D10534" s="14" t="s">
        <v>32375</v>
      </c>
      <c r="E10534" s="2" t="s">
        <v>32376</v>
      </c>
      <c r="F10534" s="2"/>
      <c r="G10534" s="8">
        <v>233</v>
      </c>
      <c r="H10534" s="5">
        <v>15</v>
      </c>
      <c r="I10534" s="5" t="s">
        <v>69</v>
      </c>
      <c r="J10534" s="5" t="s">
        <v>27074</v>
      </c>
      <c r="K10534" s="2" t="s">
        <v>27075</v>
      </c>
      <c r="L10534" s="5" t="s">
        <v>27074</v>
      </c>
      <c r="M10534" s="2" t="s">
        <v>27075</v>
      </c>
      <c r="N10534" s="5" t="s">
        <v>24254</v>
      </c>
      <c r="O10534" s="5" t="s">
        <v>38</v>
      </c>
      <c r="P10534" s="5" t="s">
        <v>39</v>
      </c>
      <c r="Q10534" s="5" t="s">
        <v>40</v>
      </c>
      <c r="R10534" s="5" t="s">
        <v>24335</v>
      </c>
      <c r="S10534" s="5" t="s">
        <v>40</v>
      </c>
      <c r="T10534" s="5" t="s">
        <v>42</v>
      </c>
      <c r="U10534" s="2">
        <v>6.016</v>
      </c>
      <c r="V10534" s="2">
        <v>4.2110000000000003</v>
      </c>
      <c r="W10534" s="2">
        <v>0.11899999999999999</v>
      </c>
      <c r="X10534" s="2">
        <v>12</v>
      </c>
      <c r="Y10534" s="2">
        <v>62</v>
      </c>
      <c r="Z10534" s="2">
        <v>159.9</v>
      </c>
      <c r="AA10534" s="5">
        <v>10</v>
      </c>
      <c r="AB10534" s="5" t="s">
        <v>43</v>
      </c>
      <c r="AC10534" s="5" t="s">
        <v>44</v>
      </c>
      <c r="AD10534" s="2" t="s">
        <v>32178</v>
      </c>
      <c r="AE10534" s="1"/>
    </row>
    <row r="10535" spans="1:31" ht="14.45">
      <c r="A10535" s="11"/>
      <c r="B10535" s="20"/>
      <c r="C10535" s="2" t="s">
        <v>32377</v>
      </c>
      <c r="D10535" s="14" t="s">
        <v>32378</v>
      </c>
      <c r="E10535" s="2" t="s">
        <v>32379</v>
      </c>
      <c r="F10535" s="2"/>
      <c r="G10535" s="8">
        <v>233</v>
      </c>
      <c r="H10535" s="5">
        <v>15</v>
      </c>
      <c r="I10535" s="5" t="s">
        <v>69</v>
      </c>
      <c r="J10535" s="5" t="s">
        <v>27074</v>
      </c>
      <c r="K10535" s="2" t="s">
        <v>27075</v>
      </c>
      <c r="L10535" s="5" t="s">
        <v>27074</v>
      </c>
      <c r="M10535" s="2" t="s">
        <v>27075</v>
      </c>
      <c r="N10535" s="5" t="s">
        <v>24254</v>
      </c>
      <c r="O10535" s="5" t="s">
        <v>38</v>
      </c>
      <c r="P10535" s="5" t="s">
        <v>39</v>
      </c>
      <c r="Q10535" s="5" t="s">
        <v>40</v>
      </c>
      <c r="R10535" s="5" t="s">
        <v>24335</v>
      </c>
      <c r="S10535" s="5" t="s">
        <v>40</v>
      </c>
      <c r="T10535" s="5" t="s">
        <v>42</v>
      </c>
      <c r="U10535" s="2">
        <v>6.2649999999999997</v>
      </c>
      <c r="V10535" s="2">
        <v>4.46</v>
      </c>
      <c r="W10535" s="2">
        <v>0.11899999999999999</v>
      </c>
      <c r="X10535" s="2">
        <v>12</v>
      </c>
      <c r="Y10535" s="2">
        <v>62</v>
      </c>
      <c r="Z10535" s="2">
        <v>159.9</v>
      </c>
      <c r="AA10535" s="5">
        <v>10</v>
      </c>
      <c r="AB10535" s="5" t="s">
        <v>43</v>
      </c>
      <c r="AC10535" s="5" t="s">
        <v>44</v>
      </c>
      <c r="AD10535" s="2" t="s">
        <v>32178</v>
      </c>
      <c r="AE10535" s="1"/>
    </row>
    <row r="10536" spans="1:31" ht="14.45">
      <c r="A10536" s="11"/>
      <c r="B10536" s="20"/>
      <c r="C10536" s="2" t="s">
        <v>32380</v>
      </c>
      <c r="D10536" s="14" t="s">
        <v>32381</v>
      </c>
      <c r="E10536" s="2" t="s">
        <v>32382</v>
      </c>
      <c r="F10536" s="2" t="s">
        <v>32161</v>
      </c>
      <c r="G10536" s="8">
        <v>246</v>
      </c>
      <c r="H10536" s="5">
        <v>5</v>
      </c>
      <c r="I10536" s="5" t="s">
        <v>69</v>
      </c>
      <c r="J10536" s="5" t="s">
        <v>27074</v>
      </c>
      <c r="K10536" s="2" t="s">
        <v>27075</v>
      </c>
      <c r="L10536" s="5" t="s">
        <v>27074</v>
      </c>
      <c r="M10536" s="2" t="s">
        <v>27075</v>
      </c>
      <c r="N10536" s="5" t="s">
        <v>24254</v>
      </c>
      <c r="O10536" s="5" t="s">
        <v>38</v>
      </c>
      <c r="P10536" s="5" t="s">
        <v>39</v>
      </c>
      <c r="Q10536" s="5" t="s">
        <v>40</v>
      </c>
      <c r="R10536" s="5" t="s">
        <v>24335</v>
      </c>
      <c r="S10536" s="5" t="s">
        <v>40</v>
      </c>
      <c r="T10536" s="5" t="s">
        <v>42</v>
      </c>
      <c r="U10536" s="2">
        <v>10.597</v>
      </c>
      <c r="V10536" s="2">
        <v>8.6969999999999992</v>
      </c>
      <c r="W10536" s="2">
        <v>0.11600000000000001</v>
      </c>
      <c r="X10536" s="2">
        <v>12</v>
      </c>
      <c r="Y10536" s="2">
        <v>50</v>
      </c>
      <c r="Z10536" s="2">
        <v>193.9</v>
      </c>
      <c r="AA10536" s="5">
        <v>8</v>
      </c>
      <c r="AB10536" s="5" t="s">
        <v>43</v>
      </c>
      <c r="AC10536" s="5" t="s">
        <v>44</v>
      </c>
      <c r="AD10536" s="2" t="s">
        <v>32162</v>
      </c>
      <c r="AE10536" s="1"/>
    </row>
    <row r="10537" spans="1:31" ht="14.45">
      <c r="A10537" s="11"/>
      <c r="B10537" s="20"/>
      <c r="C10537" s="2" t="s">
        <v>32383</v>
      </c>
      <c r="D10537" s="14" t="s">
        <v>32384</v>
      </c>
      <c r="E10537" s="2" t="s">
        <v>32385</v>
      </c>
      <c r="F10537" s="2" t="s">
        <v>32166</v>
      </c>
      <c r="G10537" s="8">
        <v>246</v>
      </c>
      <c r="H10537" s="5">
        <v>5</v>
      </c>
      <c r="I10537" s="5" t="s">
        <v>69</v>
      </c>
      <c r="J10537" s="5" t="s">
        <v>27074</v>
      </c>
      <c r="K10537" s="2" t="s">
        <v>27075</v>
      </c>
      <c r="L10537" s="5" t="s">
        <v>27074</v>
      </c>
      <c r="M10537" s="2" t="s">
        <v>27075</v>
      </c>
      <c r="N10537" s="5" t="s">
        <v>24254</v>
      </c>
      <c r="O10537" s="5" t="s">
        <v>38</v>
      </c>
      <c r="P10537" s="5" t="s">
        <v>39</v>
      </c>
      <c r="Q10537" s="5" t="s">
        <v>40</v>
      </c>
      <c r="R10537" s="5" t="s">
        <v>24335</v>
      </c>
      <c r="S10537" s="5" t="s">
        <v>40</v>
      </c>
      <c r="T10537" s="5" t="s">
        <v>42</v>
      </c>
      <c r="U10537" s="2">
        <v>8.8119999999999994</v>
      </c>
      <c r="V10537" s="2">
        <v>6.9130000000000003</v>
      </c>
      <c r="W10537" s="2">
        <v>0.11600000000000001</v>
      </c>
      <c r="X10537" s="2">
        <v>12</v>
      </c>
      <c r="Y10537" s="2">
        <v>50</v>
      </c>
      <c r="Z10537" s="2">
        <v>193.9</v>
      </c>
      <c r="AA10537" s="5">
        <v>8</v>
      </c>
      <c r="AB10537" s="5" t="s">
        <v>43</v>
      </c>
      <c r="AC10537" s="5" t="s">
        <v>44</v>
      </c>
      <c r="AD10537" s="2" t="s">
        <v>32162</v>
      </c>
      <c r="AE10537" s="1"/>
    </row>
    <row r="10538" spans="1:31" ht="14.45">
      <c r="A10538" s="11"/>
      <c r="B10538" s="20"/>
      <c r="C10538" s="2" t="s">
        <v>32386</v>
      </c>
      <c r="D10538" s="14" t="s">
        <v>32387</v>
      </c>
      <c r="E10538" s="2" t="s">
        <v>32388</v>
      </c>
      <c r="F10538" s="2" t="s">
        <v>32170</v>
      </c>
      <c r="G10538" s="8">
        <v>246</v>
      </c>
      <c r="H10538" s="5">
        <v>5</v>
      </c>
      <c r="I10538" s="5" t="s">
        <v>69</v>
      </c>
      <c r="J10538" s="5" t="s">
        <v>27074</v>
      </c>
      <c r="K10538" s="2" t="s">
        <v>27075</v>
      </c>
      <c r="L10538" s="5" t="s">
        <v>27074</v>
      </c>
      <c r="M10538" s="2" t="s">
        <v>27075</v>
      </c>
      <c r="N10538" s="5" t="s">
        <v>24254</v>
      </c>
      <c r="O10538" s="5" t="s">
        <v>38</v>
      </c>
      <c r="P10538" s="5" t="s">
        <v>39</v>
      </c>
      <c r="Q10538" s="5" t="s">
        <v>40</v>
      </c>
      <c r="R10538" s="5" t="s">
        <v>24335</v>
      </c>
      <c r="S10538" s="5" t="s">
        <v>40</v>
      </c>
      <c r="T10538" s="5" t="s">
        <v>42</v>
      </c>
      <c r="U10538" s="2">
        <v>7.3470000000000004</v>
      </c>
      <c r="V10538" s="2">
        <v>5.9569999999999999</v>
      </c>
      <c r="W10538" s="2">
        <v>9.6000000000000002E-2</v>
      </c>
      <c r="X10538" s="2">
        <v>12</v>
      </c>
      <c r="Y10538" s="2">
        <v>42.5</v>
      </c>
      <c r="Z10538" s="2">
        <v>188.9</v>
      </c>
      <c r="AA10538" s="5">
        <v>8</v>
      </c>
      <c r="AB10538" s="5" t="s">
        <v>43</v>
      </c>
      <c r="AC10538" s="5" t="s">
        <v>44</v>
      </c>
      <c r="AD10538" s="2" t="s">
        <v>32162</v>
      </c>
      <c r="AE10538" s="1"/>
    </row>
    <row r="10539" spans="1:31" ht="14.45">
      <c r="A10539" s="11"/>
      <c r="B10539" s="20"/>
      <c r="C10539" s="2" t="s">
        <v>32389</v>
      </c>
      <c r="D10539" s="14" t="s">
        <v>32390</v>
      </c>
      <c r="E10539" s="2" t="s">
        <v>32391</v>
      </c>
      <c r="F10539" s="2"/>
      <c r="G10539" s="8">
        <v>246</v>
      </c>
      <c r="H10539" s="5">
        <v>15</v>
      </c>
      <c r="I10539" s="5" t="s">
        <v>69</v>
      </c>
      <c r="J10539" s="5" t="s">
        <v>27074</v>
      </c>
      <c r="K10539" s="2" t="s">
        <v>27075</v>
      </c>
      <c r="L10539" s="5" t="s">
        <v>27074</v>
      </c>
      <c r="M10539" s="2" t="s">
        <v>27075</v>
      </c>
      <c r="N10539" s="5" t="s">
        <v>24254</v>
      </c>
      <c r="O10539" s="5" t="s">
        <v>38</v>
      </c>
      <c r="P10539" s="5" t="s">
        <v>39</v>
      </c>
      <c r="Q10539" s="5" t="s">
        <v>40</v>
      </c>
      <c r="R10539" s="5" t="s">
        <v>24335</v>
      </c>
      <c r="S10539" s="5" t="s">
        <v>40</v>
      </c>
      <c r="T10539" s="5" t="s">
        <v>42</v>
      </c>
      <c r="U10539" s="2">
        <v>8.4269999999999996</v>
      </c>
      <c r="V10539" s="2">
        <v>5.72</v>
      </c>
      <c r="W10539" s="2">
        <v>0.14899999999999999</v>
      </c>
      <c r="X10539" s="2">
        <v>12</v>
      </c>
      <c r="Y10539" s="2">
        <v>62</v>
      </c>
      <c r="Z10539" s="2">
        <v>199.7</v>
      </c>
      <c r="AA10539" s="5">
        <v>10</v>
      </c>
      <c r="AB10539" s="5" t="s">
        <v>43</v>
      </c>
      <c r="AC10539" s="5" t="s">
        <v>44</v>
      </c>
      <c r="AD10539" s="2" t="s">
        <v>32174</v>
      </c>
      <c r="AE10539" s="1"/>
    </row>
    <row r="10540" spans="1:31" ht="14.45">
      <c r="A10540" s="11"/>
      <c r="B10540" s="20"/>
      <c r="C10540" s="2" t="s">
        <v>32392</v>
      </c>
      <c r="D10540" s="14" t="s">
        <v>32393</v>
      </c>
      <c r="E10540" s="2" t="s">
        <v>32394</v>
      </c>
      <c r="F10540" s="2"/>
      <c r="G10540" s="8">
        <v>246</v>
      </c>
      <c r="H10540" s="5">
        <v>15</v>
      </c>
      <c r="I10540" s="5" t="s">
        <v>69</v>
      </c>
      <c r="J10540" s="5" t="s">
        <v>27074</v>
      </c>
      <c r="K10540" s="2" t="s">
        <v>27075</v>
      </c>
      <c r="L10540" s="5" t="s">
        <v>27074</v>
      </c>
      <c r="M10540" s="2" t="s">
        <v>27075</v>
      </c>
      <c r="N10540" s="5" t="s">
        <v>24254</v>
      </c>
      <c r="O10540" s="5" t="s">
        <v>38</v>
      </c>
      <c r="P10540" s="5" t="s">
        <v>39</v>
      </c>
      <c r="Q10540" s="5" t="s">
        <v>40</v>
      </c>
      <c r="R10540" s="5" t="s">
        <v>24335</v>
      </c>
      <c r="S10540" s="5" t="s">
        <v>40</v>
      </c>
      <c r="T10540" s="5" t="s">
        <v>42</v>
      </c>
      <c r="U10540" s="2">
        <v>6.4649999999999999</v>
      </c>
      <c r="V10540" s="2">
        <v>4.5350000000000001</v>
      </c>
      <c r="W10540" s="2">
        <v>0.129</v>
      </c>
      <c r="X10540" s="2">
        <v>12</v>
      </c>
      <c r="Y10540" s="2">
        <v>62</v>
      </c>
      <c r="Z10540" s="2">
        <v>172.9</v>
      </c>
      <c r="AA10540" s="5">
        <v>10</v>
      </c>
      <c r="AB10540" s="5" t="s">
        <v>43</v>
      </c>
      <c r="AC10540" s="5" t="s">
        <v>44</v>
      </c>
      <c r="AD10540" s="2" t="s">
        <v>32178</v>
      </c>
      <c r="AE10540" s="1"/>
    </row>
    <row r="10541" spans="1:31" ht="14.45">
      <c r="A10541" s="11"/>
      <c r="B10541" s="20"/>
      <c r="C10541" s="2" t="s">
        <v>32395</v>
      </c>
      <c r="D10541" s="14" t="s">
        <v>32396</v>
      </c>
      <c r="E10541" s="2" t="s">
        <v>32397</v>
      </c>
      <c r="F10541" s="2"/>
      <c r="G10541" s="8">
        <v>246</v>
      </c>
      <c r="H10541" s="5">
        <v>15</v>
      </c>
      <c r="I10541" s="5" t="s">
        <v>69</v>
      </c>
      <c r="J10541" s="5" t="s">
        <v>27074</v>
      </c>
      <c r="K10541" s="2" t="s">
        <v>27075</v>
      </c>
      <c r="L10541" s="5" t="s">
        <v>27074</v>
      </c>
      <c r="M10541" s="2" t="s">
        <v>27075</v>
      </c>
      <c r="N10541" s="5" t="s">
        <v>24254</v>
      </c>
      <c r="O10541" s="5" t="s">
        <v>38</v>
      </c>
      <c r="P10541" s="5" t="s">
        <v>39</v>
      </c>
      <c r="Q10541" s="5" t="s">
        <v>40</v>
      </c>
      <c r="R10541" s="5" t="s">
        <v>24335</v>
      </c>
      <c r="S10541" s="5" t="s">
        <v>40</v>
      </c>
      <c r="T10541" s="5" t="s">
        <v>42</v>
      </c>
      <c r="U10541" s="2">
        <v>6.7670000000000003</v>
      </c>
      <c r="V10541" s="2">
        <v>4.8369999999999997</v>
      </c>
      <c r="W10541" s="2">
        <v>0.129</v>
      </c>
      <c r="X10541" s="2">
        <v>12</v>
      </c>
      <c r="Y10541" s="2">
        <v>62</v>
      </c>
      <c r="Z10541" s="2">
        <v>172.9</v>
      </c>
      <c r="AA10541" s="5">
        <v>10</v>
      </c>
      <c r="AB10541" s="5" t="s">
        <v>43</v>
      </c>
      <c r="AC10541" s="5" t="s">
        <v>44</v>
      </c>
      <c r="AD10541" s="2" t="s">
        <v>32178</v>
      </c>
      <c r="AE10541" s="1"/>
    </row>
    <row r="10542" spans="1:31" ht="14.45">
      <c r="A10542" s="11"/>
      <c r="B10542" s="20"/>
      <c r="C10542" s="2" t="s">
        <v>32398</v>
      </c>
      <c r="D10542" s="14" t="s">
        <v>32399</v>
      </c>
      <c r="E10542" s="2" t="s">
        <v>32400</v>
      </c>
      <c r="F10542" s="2" t="s">
        <v>32161</v>
      </c>
      <c r="G10542" s="8">
        <v>233</v>
      </c>
      <c r="H10542" s="5">
        <v>5</v>
      </c>
      <c r="I10542" s="5" t="s">
        <v>69</v>
      </c>
      <c r="J10542" s="5" t="s">
        <v>27074</v>
      </c>
      <c r="K10542" s="2" t="s">
        <v>27075</v>
      </c>
      <c r="L10542" s="5" t="s">
        <v>27074</v>
      </c>
      <c r="M10542" s="2" t="s">
        <v>27075</v>
      </c>
      <c r="N10542" s="5" t="s">
        <v>24254</v>
      </c>
      <c r="O10542" s="5" t="s">
        <v>38</v>
      </c>
      <c r="P10542" s="5" t="s">
        <v>39</v>
      </c>
      <c r="Q10542" s="5" t="s">
        <v>40</v>
      </c>
      <c r="R10542" s="5" t="s">
        <v>24335</v>
      </c>
      <c r="S10542" s="5" t="s">
        <v>40</v>
      </c>
      <c r="T10542" s="5" t="s">
        <v>42</v>
      </c>
      <c r="U10542" s="2">
        <v>10.308999999999999</v>
      </c>
      <c r="V10542" s="2">
        <v>8.4090000000000007</v>
      </c>
      <c r="W10542" s="2">
        <v>0.11600000000000001</v>
      </c>
      <c r="X10542" s="2">
        <v>12</v>
      </c>
      <c r="Y10542" s="2">
        <v>50</v>
      </c>
      <c r="Z10542" s="2">
        <v>193.9</v>
      </c>
      <c r="AA10542" s="5">
        <v>8</v>
      </c>
      <c r="AB10542" s="5" t="s">
        <v>43</v>
      </c>
      <c r="AC10542" s="5" t="s">
        <v>44</v>
      </c>
      <c r="AD10542" s="2" t="s">
        <v>32162</v>
      </c>
      <c r="AE10542" s="1"/>
    </row>
    <row r="10543" spans="1:31" ht="14.45">
      <c r="A10543" s="11"/>
      <c r="B10543" s="20"/>
      <c r="C10543" s="2" t="s">
        <v>32401</v>
      </c>
      <c r="D10543" s="14" t="s">
        <v>32402</v>
      </c>
      <c r="E10543" s="2" t="s">
        <v>32403</v>
      </c>
      <c r="F10543" s="2" t="s">
        <v>32166</v>
      </c>
      <c r="G10543" s="8">
        <v>233</v>
      </c>
      <c r="H10543" s="5">
        <v>5</v>
      </c>
      <c r="I10543" s="5" t="s">
        <v>69</v>
      </c>
      <c r="J10543" s="5" t="s">
        <v>27074</v>
      </c>
      <c r="K10543" s="2" t="s">
        <v>27075</v>
      </c>
      <c r="L10543" s="5" t="s">
        <v>27074</v>
      </c>
      <c r="M10543" s="2" t="s">
        <v>27075</v>
      </c>
      <c r="N10543" s="5" t="s">
        <v>24254</v>
      </c>
      <c r="O10543" s="5" t="s">
        <v>38</v>
      </c>
      <c r="P10543" s="5" t="s">
        <v>39</v>
      </c>
      <c r="Q10543" s="5" t="s">
        <v>40</v>
      </c>
      <c r="R10543" s="5" t="s">
        <v>24335</v>
      </c>
      <c r="S10543" s="5" t="s">
        <v>40</v>
      </c>
      <c r="T10543" s="5" t="s">
        <v>42</v>
      </c>
      <c r="U10543" s="2">
        <v>8.5540000000000003</v>
      </c>
      <c r="V10543" s="2">
        <v>6.6550000000000002</v>
      </c>
      <c r="W10543" s="2">
        <v>0.11600000000000001</v>
      </c>
      <c r="X10543" s="2">
        <v>12</v>
      </c>
      <c r="Y10543" s="2">
        <v>50</v>
      </c>
      <c r="Z10543" s="2">
        <v>193.9</v>
      </c>
      <c r="AA10543" s="5">
        <v>8</v>
      </c>
      <c r="AB10543" s="5" t="s">
        <v>43</v>
      </c>
      <c r="AC10543" s="5" t="s">
        <v>44</v>
      </c>
      <c r="AD10543" s="2" t="s">
        <v>32162</v>
      </c>
      <c r="AE10543" s="1"/>
    </row>
    <row r="10544" spans="1:31" ht="14.45">
      <c r="A10544" s="11"/>
      <c r="B10544" s="20"/>
      <c r="C10544" s="2" t="s">
        <v>32404</v>
      </c>
      <c r="D10544" s="14" t="s">
        <v>32405</v>
      </c>
      <c r="E10544" s="2" t="s">
        <v>32406</v>
      </c>
      <c r="F10544" s="2" t="s">
        <v>32170</v>
      </c>
      <c r="G10544" s="8">
        <v>233</v>
      </c>
      <c r="H10544" s="5">
        <v>5</v>
      </c>
      <c r="I10544" s="5" t="s">
        <v>69</v>
      </c>
      <c r="J10544" s="5" t="s">
        <v>27074</v>
      </c>
      <c r="K10544" s="2" t="s">
        <v>27075</v>
      </c>
      <c r="L10544" s="5" t="s">
        <v>27074</v>
      </c>
      <c r="M10544" s="2" t="s">
        <v>27075</v>
      </c>
      <c r="N10544" s="5" t="s">
        <v>24254</v>
      </c>
      <c r="O10544" s="5" t="s">
        <v>38</v>
      </c>
      <c r="P10544" s="5" t="s">
        <v>39</v>
      </c>
      <c r="Q10544" s="5" t="s">
        <v>40</v>
      </c>
      <c r="R10544" s="5" t="s">
        <v>24335</v>
      </c>
      <c r="S10544" s="5" t="s">
        <v>40</v>
      </c>
      <c r="T10544" s="5" t="s">
        <v>42</v>
      </c>
      <c r="U10544" s="2">
        <v>7.1239999999999997</v>
      </c>
      <c r="V10544" s="2">
        <v>5.734</v>
      </c>
      <c r="W10544" s="2">
        <v>9.6000000000000002E-2</v>
      </c>
      <c r="X10544" s="2">
        <v>12</v>
      </c>
      <c r="Y10544" s="2">
        <v>42.5</v>
      </c>
      <c r="Z10544" s="2">
        <v>188.9</v>
      </c>
      <c r="AA10544" s="5">
        <v>8</v>
      </c>
      <c r="AB10544" s="5" t="s">
        <v>43</v>
      </c>
      <c r="AC10544" s="5" t="s">
        <v>44</v>
      </c>
      <c r="AD10544" s="2" t="s">
        <v>32162</v>
      </c>
      <c r="AE10544" s="1"/>
    </row>
    <row r="10545" spans="1:31" ht="14.45">
      <c r="A10545" s="11"/>
      <c r="B10545" s="20"/>
      <c r="C10545" s="2" t="s">
        <v>32407</v>
      </c>
      <c r="D10545" s="14" t="s">
        <v>32408</v>
      </c>
      <c r="E10545" s="2" t="s">
        <v>32409</v>
      </c>
      <c r="F10545" s="2"/>
      <c r="G10545" s="8">
        <v>233</v>
      </c>
      <c r="H10545" s="5">
        <v>15</v>
      </c>
      <c r="I10545" s="5" t="s">
        <v>69</v>
      </c>
      <c r="J10545" s="5" t="s">
        <v>27074</v>
      </c>
      <c r="K10545" s="2" t="s">
        <v>27075</v>
      </c>
      <c r="L10545" s="5" t="s">
        <v>27074</v>
      </c>
      <c r="M10545" s="2" t="s">
        <v>27075</v>
      </c>
      <c r="N10545" s="5" t="s">
        <v>24254</v>
      </c>
      <c r="O10545" s="5" t="s">
        <v>38</v>
      </c>
      <c r="P10545" s="5" t="s">
        <v>39</v>
      </c>
      <c r="Q10545" s="5" t="s">
        <v>40</v>
      </c>
      <c r="R10545" s="5" t="s">
        <v>24335</v>
      </c>
      <c r="S10545" s="5" t="s">
        <v>40</v>
      </c>
      <c r="T10545" s="5" t="s">
        <v>42</v>
      </c>
      <c r="U10545" s="2">
        <v>6.9989999999999997</v>
      </c>
      <c r="V10545" s="2">
        <v>5.069</v>
      </c>
      <c r="W10545" s="2">
        <v>0.129</v>
      </c>
      <c r="X10545" s="2">
        <v>12</v>
      </c>
      <c r="Y10545" s="2">
        <v>62</v>
      </c>
      <c r="Z10545" s="2">
        <v>172.9</v>
      </c>
      <c r="AA10545" s="5">
        <v>10</v>
      </c>
      <c r="AB10545" s="5" t="s">
        <v>43</v>
      </c>
      <c r="AC10545" s="5" t="s">
        <v>44</v>
      </c>
      <c r="AD10545" s="2" t="s">
        <v>32174</v>
      </c>
      <c r="AE10545" s="1"/>
    </row>
    <row r="10546" spans="1:31" ht="14.45">
      <c r="A10546" s="11"/>
      <c r="B10546" s="20"/>
      <c r="C10546" s="2" t="s">
        <v>32410</v>
      </c>
      <c r="D10546" s="14" t="s">
        <v>32411</v>
      </c>
      <c r="E10546" s="2" t="s">
        <v>32412</v>
      </c>
      <c r="F10546" s="2"/>
      <c r="G10546" s="8">
        <v>233</v>
      </c>
      <c r="H10546" s="5">
        <v>15</v>
      </c>
      <c r="I10546" s="5" t="s">
        <v>69</v>
      </c>
      <c r="J10546" s="5" t="s">
        <v>27074</v>
      </c>
      <c r="K10546" s="2" t="s">
        <v>27075</v>
      </c>
      <c r="L10546" s="5" t="s">
        <v>27074</v>
      </c>
      <c r="M10546" s="2" t="s">
        <v>27075</v>
      </c>
      <c r="N10546" s="5" t="s">
        <v>24254</v>
      </c>
      <c r="O10546" s="5" t="s">
        <v>38</v>
      </c>
      <c r="P10546" s="5" t="s">
        <v>39</v>
      </c>
      <c r="Q10546" s="5" t="s">
        <v>40</v>
      </c>
      <c r="R10546" s="5" t="s">
        <v>24335</v>
      </c>
      <c r="S10546" s="5" t="s">
        <v>40</v>
      </c>
      <c r="T10546" s="5" t="s">
        <v>42</v>
      </c>
      <c r="U10546" s="2">
        <v>5.9550000000000001</v>
      </c>
      <c r="V10546" s="2">
        <v>4.1500000000000004</v>
      </c>
      <c r="W10546" s="2">
        <v>0.11899999999999999</v>
      </c>
      <c r="X10546" s="2">
        <v>12</v>
      </c>
      <c r="Y10546" s="2">
        <v>62</v>
      </c>
      <c r="Z10546" s="2">
        <v>159.9</v>
      </c>
      <c r="AA10546" s="5">
        <v>10</v>
      </c>
      <c r="AB10546" s="5" t="s">
        <v>43</v>
      </c>
      <c r="AC10546" s="5" t="s">
        <v>44</v>
      </c>
      <c r="AD10546" s="2" t="s">
        <v>32178</v>
      </c>
      <c r="AE10546" s="1"/>
    </row>
    <row r="10547" spans="1:31" ht="14.45">
      <c r="A10547" s="11"/>
      <c r="B10547" s="20"/>
      <c r="C10547" s="2" t="s">
        <v>32413</v>
      </c>
      <c r="D10547" s="14" t="s">
        <v>32414</v>
      </c>
      <c r="E10547" s="2" t="s">
        <v>32415</v>
      </c>
      <c r="F10547" s="2"/>
      <c r="G10547" s="8">
        <v>233</v>
      </c>
      <c r="H10547" s="5">
        <v>15</v>
      </c>
      <c r="I10547" s="5" t="s">
        <v>69</v>
      </c>
      <c r="J10547" s="5" t="s">
        <v>27074</v>
      </c>
      <c r="K10547" s="2" t="s">
        <v>27075</v>
      </c>
      <c r="L10547" s="5" t="s">
        <v>27074</v>
      </c>
      <c r="M10547" s="2" t="s">
        <v>27075</v>
      </c>
      <c r="N10547" s="5" t="s">
        <v>24254</v>
      </c>
      <c r="O10547" s="5" t="s">
        <v>38</v>
      </c>
      <c r="P10547" s="5" t="s">
        <v>39</v>
      </c>
      <c r="Q10547" s="5" t="s">
        <v>40</v>
      </c>
      <c r="R10547" s="5" t="s">
        <v>24335</v>
      </c>
      <c r="S10547" s="5" t="s">
        <v>40</v>
      </c>
      <c r="T10547" s="5" t="s">
        <v>42</v>
      </c>
      <c r="U10547" s="2">
        <v>7.0149999999999997</v>
      </c>
      <c r="V10547" s="2">
        <v>4.3079999999999998</v>
      </c>
      <c r="W10547" s="2">
        <v>0.14899999999999999</v>
      </c>
      <c r="X10547" s="2">
        <v>12</v>
      </c>
      <c r="Y10547" s="2">
        <v>62</v>
      </c>
      <c r="Z10547" s="2">
        <v>199.7</v>
      </c>
      <c r="AA10547" s="5">
        <v>10</v>
      </c>
      <c r="AB10547" s="5" t="s">
        <v>43</v>
      </c>
      <c r="AC10547" s="5" t="s">
        <v>44</v>
      </c>
      <c r="AD10547" s="2" t="s">
        <v>32178</v>
      </c>
      <c r="AE10547" s="1"/>
    </row>
    <row r="10548" spans="1:31" ht="14.45">
      <c r="A10548" s="11"/>
      <c r="B10548" s="20"/>
      <c r="C10548" s="2" t="s">
        <v>32416</v>
      </c>
      <c r="D10548" s="14" t="s">
        <v>32417</v>
      </c>
      <c r="E10548" s="2" t="s">
        <v>32418</v>
      </c>
      <c r="F10548" s="2" t="s">
        <v>32161</v>
      </c>
      <c r="G10548" s="8">
        <v>238</v>
      </c>
      <c r="H10548" s="5">
        <v>5</v>
      </c>
      <c r="I10548" s="5" t="s">
        <v>69</v>
      </c>
      <c r="J10548" s="5" t="s">
        <v>27074</v>
      </c>
      <c r="K10548" s="2" t="s">
        <v>27075</v>
      </c>
      <c r="L10548" s="5" t="s">
        <v>27074</v>
      </c>
      <c r="M10548" s="2" t="s">
        <v>27075</v>
      </c>
      <c r="N10548" s="5" t="s">
        <v>24254</v>
      </c>
      <c r="O10548" s="5" t="s">
        <v>38</v>
      </c>
      <c r="P10548" s="5" t="s">
        <v>39</v>
      </c>
      <c r="Q10548" s="5" t="s">
        <v>40</v>
      </c>
      <c r="R10548" s="5" t="s">
        <v>24335</v>
      </c>
      <c r="S10548" s="5" t="s">
        <v>40</v>
      </c>
      <c r="T10548" s="5" t="s">
        <v>42</v>
      </c>
      <c r="U10548" s="2">
        <v>10.786</v>
      </c>
      <c r="V10548" s="2">
        <v>8.8859999999999992</v>
      </c>
      <c r="W10548" s="2">
        <v>0.11600000000000001</v>
      </c>
      <c r="X10548" s="2">
        <v>12</v>
      </c>
      <c r="Y10548" s="2">
        <v>50</v>
      </c>
      <c r="Z10548" s="2">
        <v>193.9</v>
      </c>
      <c r="AA10548" s="5">
        <v>8</v>
      </c>
      <c r="AB10548" s="5" t="s">
        <v>43</v>
      </c>
      <c r="AC10548" s="5" t="s">
        <v>44</v>
      </c>
      <c r="AD10548" s="2" t="s">
        <v>32162</v>
      </c>
      <c r="AE10548" s="1"/>
    </row>
    <row r="10549" spans="1:31" ht="14.45">
      <c r="A10549" s="11"/>
      <c r="B10549" s="20"/>
      <c r="C10549" s="2" t="s">
        <v>32419</v>
      </c>
      <c r="D10549" s="14" t="s">
        <v>32420</v>
      </c>
      <c r="E10549" s="2" t="s">
        <v>32421</v>
      </c>
      <c r="F10549" s="2" t="s">
        <v>32166</v>
      </c>
      <c r="G10549" s="8">
        <v>238</v>
      </c>
      <c r="H10549" s="5">
        <v>5</v>
      </c>
      <c r="I10549" s="5" t="s">
        <v>69</v>
      </c>
      <c r="J10549" s="5" t="s">
        <v>27074</v>
      </c>
      <c r="K10549" s="2" t="s">
        <v>27075</v>
      </c>
      <c r="L10549" s="5" t="s">
        <v>27074</v>
      </c>
      <c r="M10549" s="2" t="s">
        <v>27075</v>
      </c>
      <c r="N10549" s="5" t="s">
        <v>24254</v>
      </c>
      <c r="O10549" s="5" t="s">
        <v>38</v>
      </c>
      <c r="P10549" s="5" t="s">
        <v>39</v>
      </c>
      <c r="Q10549" s="5" t="s">
        <v>40</v>
      </c>
      <c r="R10549" s="5" t="s">
        <v>24335</v>
      </c>
      <c r="S10549" s="5" t="s">
        <v>40</v>
      </c>
      <c r="T10549" s="5" t="s">
        <v>42</v>
      </c>
      <c r="U10549" s="2">
        <v>8.9440000000000008</v>
      </c>
      <c r="V10549" s="2">
        <v>7.0449999999999999</v>
      </c>
      <c r="W10549" s="2">
        <v>0.11600000000000001</v>
      </c>
      <c r="X10549" s="2">
        <v>12</v>
      </c>
      <c r="Y10549" s="2">
        <v>50</v>
      </c>
      <c r="Z10549" s="2">
        <v>193.9</v>
      </c>
      <c r="AA10549" s="5">
        <v>8</v>
      </c>
      <c r="AB10549" s="5" t="s">
        <v>43</v>
      </c>
      <c r="AC10549" s="5" t="s">
        <v>44</v>
      </c>
      <c r="AD10549" s="2" t="s">
        <v>32162</v>
      </c>
      <c r="AE10549" s="1"/>
    </row>
    <row r="10550" spans="1:31" ht="14.45">
      <c r="A10550" s="11"/>
      <c r="B10550" s="20"/>
      <c r="C10550" s="2" t="s">
        <v>32422</v>
      </c>
      <c r="D10550" s="14" t="s">
        <v>32423</v>
      </c>
      <c r="E10550" s="2" t="s">
        <v>32424</v>
      </c>
      <c r="F10550" s="2" t="s">
        <v>32170</v>
      </c>
      <c r="G10550" s="8">
        <v>238</v>
      </c>
      <c r="H10550" s="5">
        <v>5</v>
      </c>
      <c r="I10550" s="5" t="s">
        <v>69</v>
      </c>
      <c r="J10550" s="5" t="s">
        <v>27074</v>
      </c>
      <c r="K10550" s="2" t="s">
        <v>27075</v>
      </c>
      <c r="L10550" s="5" t="s">
        <v>27074</v>
      </c>
      <c r="M10550" s="2" t="s">
        <v>27075</v>
      </c>
      <c r="N10550" s="5" t="s">
        <v>24254</v>
      </c>
      <c r="O10550" s="5" t="s">
        <v>38</v>
      </c>
      <c r="P10550" s="5" t="s">
        <v>39</v>
      </c>
      <c r="Q10550" s="5" t="s">
        <v>40</v>
      </c>
      <c r="R10550" s="5" t="s">
        <v>24335</v>
      </c>
      <c r="S10550" s="5" t="s">
        <v>40</v>
      </c>
      <c r="T10550" s="5" t="s">
        <v>42</v>
      </c>
      <c r="U10550" s="2">
        <v>7.468</v>
      </c>
      <c r="V10550" s="2">
        <v>6.0780000000000003</v>
      </c>
      <c r="W10550" s="2">
        <v>9.6000000000000002E-2</v>
      </c>
      <c r="X10550" s="2">
        <v>12</v>
      </c>
      <c r="Y10550" s="2">
        <v>42.5</v>
      </c>
      <c r="Z10550" s="2">
        <v>188.9</v>
      </c>
      <c r="AA10550" s="5">
        <v>8</v>
      </c>
      <c r="AB10550" s="5" t="s">
        <v>43</v>
      </c>
      <c r="AC10550" s="5" t="s">
        <v>44</v>
      </c>
      <c r="AD10550" s="2" t="s">
        <v>32162</v>
      </c>
      <c r="AE10550" s="1"/>
    </row>
    <row r="10551" spans="1:31" ht="14.45">
      <c r="A10551" s="11"/>
      <c r="B10551" s="20"/>
      <c r="C10551" s="2" t="s">
        <v>32425</v>
      </c>
      <c r="D10551" s="14" t="s">
        <v>32426</v>
      </c>
      <c r="E10551" s="2" t="s">
        <v>32427</v>
      </c>
      <c r="F10551" s="2"/>
      <c r="G10551" s="8">
        <v>238</v>
      </c>
      <c r="H10551" s="5">
        <v>15</v>
      </c>
      <c r="I10551" s="5" t="s">
        <v>69</v>
      </c>
      <c r="J10551" s="5" t="s">
        <v>27074</v>
      </c>
      <c r="K10551" s="2" t="s">
        <v>27075</v>
      </c>
      <c r="L10551" s="5" t="s">
        <v>27074</v>
      </c>
      <c r="M10551" s="2" t="s">
        <v>27075</v>
      </c>
      <c r="N10551" s="5" t="s">
        <v>24254</v>
      </c>
      <c r="O10551" s="5" t="s">
        <v>38</v>
      </c>
      <c r="P10551" s="5" t="s">
        <v>39</v>
      </c>
      <c r="Q10551" s="5" t="s">
        <v>40</v>
      </c>
      <c r="R10551" s="5" t="s">
        <v>24335</v>
      </c>
      <c r="S10551" s="5" t="s">
        <v>40</v>
      </c>
      <c r="T10551" s="5" t="s">
        <v>42</v>
      </c>
      <c r="U10551" s="2">
        <v>7.484</v>
      </c>
      <c r="V10551" s="2">
        <v>5.5540000000000003</v>
      </c>
      <c r="W10551" s="2">
        <v>0.129</v>
      </c>
      <c r="X10551" s="2">
        <v>12</v>
      </c>
      <c r="Y10551" s="2">
        <v>62</v>
      </c>
      <c r="Z10551" s="2">
        <v>172.9</v>
      </c>
      <c r="AA10551" s="5">
        <v>10</v>
      </c>
      <c r="AB10551" s="5" t="s">
        <v>43</v>
      </c>
      <c r="AC10551" s="5" t="s">
        <v>44</v>
      </c>
      <c r="AD10551" s="2" t="s">
        <v>32174</v>
      </c>
      <c r="AE10551" s="1"/>
    </row>
    <row r="10552" spans="1:31" ht="14.45">
      <c r="A10552" s="11"/>
      <c r="B10552" s="20"/>
      <c r="C10552" s="2" t="s">
        <v>32428</v>
      </c>
      <c r="D10552" s="14" t="s">
        <v>32429</v>
      </c>
      <c r="E10552" s="2" t="s">
        <v>32430</v>
      </c>
      <c r="F10552" s="2"/>
      <c r="G10552" s="8">
        <v>238</v>
      </c>
      <c r="H10552" s="5">
        <v>15</v>
      </c>
      <c r="I10552" s="5" t="s">
        <v>69</v>
      </c>
      <c r="J10552" s="5" t="s">
        <v>27074</v>
      </c>
      <c r="K10552" s="2" t="s">
        <v>27075</v>
      </c>
      <c r="L10552" s="5" t="s">
        <v>27074</v>
      </c>
      <c r="M10552" s="2" t="s">
        <v>27075</v>
      </c>
      <c r="N10552" s="5" t="s">
        <v>24254</v>
      </c>
      <c r="O10552" s="5" t="s">
        <v>38</v>
      </c>
      <c r="P10552" s="5" t="s">
        <v>39</v>
      </c>
      <c r="Q10552" s="5" t="s">
        <v>40</v>
      </c>
      <c r="R10552" s="5" t="s">
        <v>24335</v>
      </c>
      <c r="S10552" s="5" t="s">
        <v>40</v>
      </c>
      <c r="T10552" s="5" t="s">
        <v>42</v>
      </c>
      <c r="U10552" s="2">
        <v>6.3019999999999996</v>
      </c>
      <c r="V10552" s="2">
        <v>4.4969999999999999</v>
      </c>
      <c r="W10552" s="2">
        <v>0.11899999999999999</v>
      </c>
      <c r="X10552" s="2">
        <v>12</v>
      </c>
      <c r="Y10552" s="2">
        <v>62</v>
      </c>
      <c r="Z10552" s="2">
        <v>159.9</v>
      </c>
      <c r="AA10552" s="5">
        <v>10</v>
      </c>
      <c r="AB10552" s="5" t="s">
        <v>43</v>
      </c>
      <c r="AC10552" s="5" t="s">
        <v>44</v>
      </c>
      <c r="AD10552" s="2" t="s">
        <v>32178</v>
      </c>
      <c r="AE10552" s="1"/>
    </row>
    <row r="10553" spans="1:31" ht="14.45">
      <c r="A10553" s="11"/>
      <c r="B10553" s="20"/>
      <c r="C10553" s="2" t="s">
        <v>32431</v>
      </c>
      <c r="D10553" s="14" t="s">
        <v>32432</v>
      </c>
      <c r="E10553" s="2" t="s">
        <v>32433</v>
      </c>
      <c r="F10553" s="2"/>
      <c r="G10553" s="8">
        <v>238</v>
      </c>
      <c r="H10553" s="5">
        <v>15</v>
      </c>
      <c r="I10553" s="5" t="s">
        <v>69</v>
      </c>
      <c r="J10553" s="5" t="s">
        <v>27074</v>
      </c>
      <c r="K10553" s="2" t="s">
        <v>27075</v>
      </c>
      <c r="L10553" s="5" t="s">
        <v>27074</v>
      </c>
      <c r="M10553" s="2" t="s">
        <v>27075</v>
      </c>
      <c r="N10553" s="5" t="s">
        <v>24254</v>
      </c>
      <c r="O10553" s="5" t="s">
        <v>38</v>
      </c>
      <c r="P10553" s="5" t="s">
        <v>39</v>
      </c>
      <c r="Q10553" s="5" t="s">
        <v>40</v>
      </c>
      <c r="R10553" s="5" t="s">
        <v>24335</v>
      </c>
      <c r="S10553" s="5" t="s">
        <v>40</v>
      </c>
      <c r="T10553" s="5" t="s">
        <v>42</v>
      </c>
      <c r="U10553" s="2">
        <v>7.42</v>
      </c>
      <c r="V10553" s="2">
        <v>4.7130000000000001</v>
      </c>
      <c r="W10553" s="2">
        <v>0.14899999999999999</v>
      </c>
      <c r="X10553" s="2">
        <v>12</v>
      </c>
      <c r="Y10553" s="2">
        <v>62</v>
      </c>
      <c r="Z10553" s="2">
        <v>199.7</v>
      </c>
      <c r="AA10553" s="5">
        <v>10</v>
      </c>
      <c r="AB10553" s="5" t="s">
        <v>43</v>
      </c>
      <c r="AC10553" s="5" t="s">
        <v>44</v>
      </c>
      <c r="AD10553" s="2" t="s">
        <v>32178</v>
      </c>
      <c r="AE10553" s="1"/>
    </row>
    <row r="10554" spans="1:31" ht="14.45">
      <c r="A10554" s="11"/>
      <c r="B10554" s="20"/>
      <c r="C10554" s="2" t="s">
        <v>32434</v>
      </c>
      <c r="D10554" s="14" t="s">
        <v>32435</v>
      </c>
      <c r="E10554" s="2" t="s">
        <v>32436</v>
      </c>
      <c r="F10554" s="2" t="s">
        <v>32161</v>
      </c>
      <c r="G10554" s="8">
        <v>264</v>
      </c>
      <c r="H10554" s="5">
        <v>5</v>
      </c>
      <c r="I10554" s="5" t="s">
        <v>69</v>
      </c>
      <c r="J10554" s="5" t="s">
        <v>27074</v>
      </c>
      <c r="K10554" s="2" t="s">
        <v>27075</v>
      </c>
      <c r="L10554" s="5" t="s">
        <v>27074</v>
      </c>
      <c r="M10554" s="2" t="s">
        <v>27075</v>
      </c>
      <c r="N10554" s="5" t="s">
        <v>24254</v>
      </c>
      <c r="O10554" s="5" t="s">
        <v>38</v>
      </c>
      <c r="P10554" s="5" t="s">
        <v>39</v>
      </c>
      <c r="Q10554" s="5" t="s">
        <v>40</v>
      </c>
      <c r="R10554" s="5" t="s">
        <v>24335</v>
      </c>
      <c r="S10554" s="5" t="s">
        <v>40</v>
      </c>
      <c r="T10554" s="5" t="s">
        <v>42</v>
      </c>
      <c r="U10554" s="2">
        <v>11.23</v>
      </c>
      <c r="V10554" s="2">
        <v>9.33</v>
      </c>
      <c r="W10554" s="2">
        <v>0.11600000000000001</v>
      </c>
      <c r="X10554" s="2">
        <v>12</v>
      </c>
      <c r="Y10554" s="2">
        <v>50</v>
      </c>
      <c r="Z10554" s="2">
        <v>193.9</v>
      </c>
      <c r="AA10554" s="5">
        <v>8</v>
      </c>
      <c r="AB10554" s="5" t="s">
        <v>43</v>
      </c>
      <c r="AC10554" s="5" t="s">
        <v>44</v>
      </c>
      <c r="AD10554" s="2" t="s">
        <v>32162</v>
      </c>
      <c r="AE10554" s="1"/>
    </row>
    <row r="10555" spans="1:31" ht="14.45">
      <c r="A10555" s="11"/>
      <c r="B10555" s="20"/>
      <c r="C10555" s="2" t="s">
        <v>32437</v>
      </c>
      <c r="D10555" s="14" t="s">
        <v>32438</v>
      </c>
      <c r="E10555" s="2" t="s">
        <v>32439</v>
      </c>
      <c r="F10555" s="2" t="s">
        <v>32166</v>
      </c>
      <c r="G10555" s="8">
        <v>264</v>
      </c>
      <c r="H10555" s="5">
        <v>5</v>
      </c>
      <c r="I10555" s="5" t="s">
        <v>69</v>
      </c>
      <c r="J10555" s="5" t="s">
        <v>27074</v>
      </c>
      <c r="K10555" s="2" t="s">
        <v>27075</v>
      </c>
      <c r="L10555" s="5" t="s">
        <v>27074</v>
      </c>
      <c r="M10555" s="2" t="s">
        <v>27075</v>
      </c>
      <c r="N10555" s="5" t="s">
        <v>24254</v>
      </c>
      <c r="O10555" s="5" t="s">
        <v>38</v>
      </c>
      <c r="P10555" s="5" t="s">
        <v>39</v>
      </c>
      <c r="Q10555" s="5" t="s">
        <v>40</v>
      </c>
      <c r="R10555" s="5" t="s">
        <v>24335</v>
      </c>
      <c r="S10555" s="5" t="s">
        <v>40</v>
      </c>
      <c r="T10555" s="5" t="s">
        <v>42</v>
      </c>
      <c r="U10555" s="2">
        <v>9.31</v>
      </c>
      <c r="V10555" s="2">
        <v>7.4109999999999996</v>
      </c>
      <c r="W10555" s="2">
        <v>0.11600000000000001</v>
      </c>
      <c r="X10555" s="2">
        <v>12</v>
      </c>
      <c r="Y10555" s="2">
        <v>50</v>
      </c>
      <c r="Z10555" s="2">
        <v>193.9</v>
      </c>
      <c r="AA10555" s="5">
        <v>8</v>
      </c>
      <c r="AB10555" s="5" t="s">
        <v>43</v>
      </c>
      <c r="AC10555" s="5" t="s">
        <v>44</v>
      </c>
      <c r="AD10555" s="2" t="s">
        <v>32162</v>
      </c>
      <c r="AE10555" s="1"/>
    </row>
    <row r="10556" spans="1:31" ht="14.45">
      <c r="A10556" s="11"/>
      <c r="B10556" s="20"/>
      <c r="C10556" s="2" t="s">
        <v>32440</v>
      </c>
      <c r="D10556" s="14" t="s">
        <v>32441</v>
      </c>
      <c r="E10556" s="2" t="s">
        <v>32442</v>
      </c>
      <c r="F10556" s="2" t="s">
        <v>32170</v>
      </c>
      <c r="G10556" s="8">
        <v>264</v>
      </c>
      <c r="H10556" s="5">
        <v>5</v>
      </c>
      <c r="I10556" s="5" t="s">
        <v>69</v>
      </c>
      <c r="J10556" s="5" t="s">
        <v>27074</v>
      </c>
      <c r="K10556" s="2" t="s">
        <v>27075</v>
      </c>
      <c r="L10556" s="5" t="s">
        <v>27074</v>
      </c>
      <c r="M10556" s="2" t="s">
        <v>27075</v>
      </c>
      <c r="N10556" s="5" t="s">
        <v>24254</v>
      </c>
      <c r="O10556" s="5" t="s">
        <v>38</v>
      </c>
      <c r="P10556" s="5" t="s">
        <v>39</v>
      </c>
      <c r="Q10556" s="5" t="s">
        <v>40</v>
      </c>
      <c r="R10556" s="5" t="s">
        <v>24335</v>
      </c>
      <c r="S10556" s="5" t="s">
        <v>40</v>
      </c>
      <c r="T10556" s="5" t="s">
        <v>42</v>
      </c>
      <c r="U10556" s="2">
        <v>7.7889999999999997</v>
      </c>
      <c r="V10556" s="2">
        <v>6.399</v>
      </c>
      <c r="W10556" s="2">
        <v>9.6000000000000002E-2</v>
      </c>
      <c r="X10556" s="2">
        <v>12</v>
      </c>
      <c r="Y10556" s="2">
        <v>42.5</v>
      </c>
      <c r="Z10556" s="2">
        <v>188.9</v>
      </c>
      <c r="AA10556" s="5">
        <v>8</v>
      </c>
      <c r="AB10556" s="5" t="s">
        <v>43</v>
      </c>
      <c r="AC10556" s="5" t="s">
        <v>44</v>
      </c>
      <c r="AD10556" s="2" t="s">
        <v>32162</v>
      </c>
      <c r="AE10556" s="1"/>
    </row>
    <row r="10557" spans="1:31" ht="14.45">
      <c r="A10557" s="11"/>
      <c r="B10557" s="20"/>
      <c r="C10557" s="2" t="s">
        <v>32443</v>
      </c>
      <c r="D10557" s="14" t="s">
        <v>32444</v>
      </c>
      <c r="E10557" s="2" t="s">
        <v>32445</v>
      </c>
      <c r="F10557" s="2"/>
      <c r="G10557" s="8">
        <v>264</v>
      </c>
      <c r="H10557" s="5">
        <v>15</v>
      </c>
      <c r="I10557" s="5" t="s">
        <v>69</v>
      </c>
      <c r="J10557" s="5" t="s">
        <v>27074</v>
      </c>
      <c r="K10557" s="2" t="s">
        <v>27075</v>
      </c>
      <c r="L10557" s="5" t="s">
        <v>27074</v>
      </c>
      <c r="M10557" s="2" t="s">
        <v>27075</v>
      </c>
      <c r="N10557" s="5" t="s">
        <v>24254</v>
      </c>
      <c r="O10557" s="5" t="s">
        <v>38</v>
      </c>
      <c r="P10557" s="5" t="s">
        <v>39</v>
      </c>
      <c r="Q10557" s="5" t="s">
        <v>40</v>
      </c>
      <c r="R10557" s="5" t="s">
        <v>24335</v>
      </c>
      <c r="S10557" s="5" t="s">
        <v>40</v>
      </c>
      <c r="T10557" s="5" t="s">
        <v>42</v>
      </c>
      <c r="U10557" s="2">
        <v>8.7140000000000004</v>
      </c>
      <c r="V10557" s="2">
        <v>6.0069999999999997</v>
      </c>
      <c r="W10557" s="2">
        <v>0.14899999999999999</v>
      </c>
      <c r="X10557" s="2">
        <v>12</v>
      </c>
      <c r="Y10557" s="2">
        <v>62</v>
      </c>
      <c r="Z10557" s="2">
        <v>199.7</v>
      </c>
      <c r="AA10557" s="5">
        <v>10</v>
      </c>
      <c r="AB10557" s="5" t="s">
        <v>43</v>
      </c>
      <c r="AC10557" s="5" t="s">
        <v>44</v>
      </c>
      <c r="AD10557" s="2" t="s">
        <v>32174</v>
      </c>
      <c r="AE10557" s="1"/>
    </row>
    <row r="10558" spans="1:31" ht="14.45">
      <c r="A10558" s="11"/>
      <c r="B10558" s="20"/>
      <c r="C10558" s="2" t="s">
        <v>32446</v>
      </c>
      <c r="D10558" s="14" t="s">
        <v>32447</v>
      </c>
      <c r="E10558" s="2" t="s">
        <v>32448</v>
      </c>
      <c r="F10558" s="2"/>
      <c r="G10558" s="8">
        <v>264</v>
      </c>
      <c r="H10558" s="5">
        <v>15</v>
      </c>
      <c r="I10558" s="5" t="s">
        <v>69</v>
      </c>
      <c r="J10558" s="5" t="s">
        <v>27074</v>
      </c>
      <c r="K10558" s="2" t="s">
        <v>27075</v>
      </c>
      <c r="L10558" s="5" t="s">
        <v>27074</v>
      </c>
      <c r="M10558" s="2" t="s">
        <v>27075</v>
      </c>
      <c r="N10558" s="5" t="s">
        <v>24254</v>
      </c>
      <c r="O10558" s="5" t="s">
        <v>38</v>
      </c>
      <c r="P10558" s="5" t="s">
        <v>39</v>
      </c>
      <c r="Q10558" s="5" t="s">
        <v>40</v>
      </c>
      <c r="R10558" s="5" t="s">
        <v>24335</v>
      </c>
      <c r="S10558" s="5" t="s">
        <v>40</v>
      </c>
      <c r="T10558" s="5" t="s">
        <v>42</v>
      </c>
      <c r="U10558" s="2">
        <v>6.7519999999999998</v>
      </c>
      <c r="V10558" s="2">
        <v>4.8220000000000001</v>
      </c>
      <c r="W10558" s="2">
        <v>0.129</v>
      </c>
      <c r="X10558" s="2">
        <v>12</v>
      </c>
      <c r="Y10558" s="2">
        <v>62</v>
      </c>
      <c r="Z10558" s="2">
        <v>172.9</v>
      </c>
      <c r="AA10558" s="5">
        <v>10</v>
      </c>
      <c r="AB10558" s="5" t="s">
        <v>43</v>
      </c>
      <c r="AC10558" s="5" t="s">
        <v>44</v>
      </c>
      <c r="AD10558" s="2" t="s">
        <v>32178</v>
      </c>
      <c r="AE10558" s="1"/>
    </row>
    <row r="10559" spans="1:31" ht="14.45">
      <c r="A10559" s="11"/>
      <c r="B10559" s="20"/>
      <c r="C10559" s="2" t="s">
        <v>32449</v>
      </c>
      <c r="D10559" s="14" t="s">
        <v>32450</v>
      </c>
      <c r="E10559" s="2" t="s">
        <v>32451</v>
      </c>
      <c r="F10559" s="2"/>
      <c r="G10559" s="8">
        <v>264</v>
      </c>
      <c r="H10559" s="5">
        <v>15</v>
      </c>
      <c r="I10559" s="5" t="s">
        <v>69</v>
      </c>
      <c r="J10559" s="5" t="s">
        <v>27074</v>
      </c>
      <c r="K10559" s="2" t="s">
        <v>27075</v>
      </c>
      <c r="L10559" s="5" t="s">
        <v>27074</v>
      </c>
      <c r="M10559" s="2" t="s">
        <v>27075</v>
      </c>
      <c r="N10559" s="5" t="s">
        <v>24254</v>
      </c>
      <c r="O10559" s="5" t="s">
        <v>38</v>
      </c>
      <c r="P10559" s="5" t="s">
        <v>39</v>
      </c>
      <c r="Q10559" s="5" t="s">
        <v>40</v>
      </c>
      <c r="R10559" s="5" t="s">
        <v>24335</v>
      </c>
      <c r="S10559" s="5" t="s">
        <v>40</v>
      </c>
      <c r="T10559" s="5" t="s">
        <v>42</v>
      </c>
      <c r="U10559" s="2">
        <v>7.798</v>
      </c>
      <c r="V10559" s="2">
        <v>5.0910000000000002</v>
      </c>
      <c r="W10559" s="2">
        <v>0.14899999999999999</v>
      </c>
      <c r="X10559" s="2">
        <v>12</v>
      </c>
      <c r="Y10559" s="2">
        <v>62</v>
      </c>
      <c r="Z10559" s="2">
        <v>199.7</v>
      </c>
      <c r="AA10559" s="5">
        <v>10</v>
      </c>
      <c r="AB10559" s="5" t="s">
        <v>43</v>
      </c>
      <c r="AC10559" s="5" t="s">
        <v>44</v>
      </c>
      <c r="AD10559" s="2" t="s">
        <v>32178</v>
      </c>
      <c r="AE10559" s="1"/>
    </row>
    <row r="10560" spans="1:31" ht="14.45">
      <c r="A10560" s="11"/>
      <c r="B10560" s="20"/>
      <c r="C10560" s="2" t="s">
        <v>32452</v>
      </c>
      <c r="D10560" s="14" t="s">
        <v>32453</v>
      </c>
      <c r="E10560" s="2" t="s">
        <v>32454</v>
      </c>
      <c r="F10560" s="2" t="s">
        <v>32161</v>
      </c>
      <c r="G10560" s="8">
        <v>233</v>
      </c>
      <c r="H10560" s="5">
        <v>5</v>
      </c>
      <c r="I10560" s="5" t="s">
        <v>69</v>
      </c>
      <c r="J10560" s="5" t="s">
        <v>27074</v>
      </c>
      <c r="K10560" s="2" t="s">
        <v>27075</v>
      </c>
      <c r="L10560" s="5" t="s">
        <v>27074</v>
      </c>
      <c r="M10560" s="2" t="s">
        <v>27075</v>
      </c>
      <c r="N10560" s="5" t="s">
        <v>24254</v>
      </c>
      <c r="O10560" s="5" t="s">
        <v>38</v>
      </c>
      <c r="P10560" s="5" t="s">
        <v>39</v>
      </c>
      <c r="Q10560" s="5" t="s">
        <v>40</v>
      </c>
      <c r="R10560" s="5" t="s">
        <v>24335</v>
      </c>
      <c r="S10560" s="5" t="s">
        <v>40</v>
      </c>
      <c r="T10560" s="5" t="s">
        <v>42</v>
      </c>
      <c r="U10560" s="2">
        <v>10.177</v>
      </c>
      <c r="V10560" s="2">
        <v>8.4220000000000006</v>
      </c>
      <c r="W10560" s="2">
        <v>0.127</v>
      </c>
      <c r="X10560" s="2">
        <v>12</v>
      </c>
      <c r="Y10560" s="2">
        <v>50</v>
      </c>
      <c r="Z10560" s="2">
        <v>210.9</v>
      </c>
      <c r="AA10560" s="5">
        <v>8</v>
      </c>
      <c r="AB10560" s="5" t="s">
        <v>43</v>
      </c>
      <c r="AC10560" s="5" t="s">
        <v>44</v>
      </c>
      <c r="AD10560" s="2" t="s">
        <v>32162</v>
      </c>
      <c r="AE10560" s="1"/>
    </row>
    <row r="10561" spans="1:31" ht="14.45">
      <c r="A10561" s="11"/>
      <c r="B10561" s="20"/>
      <c r="C10561" s="2" t="s">
        <v>32455</v>
      </c>
      <c r="D10561" s="14" t="s">
        <v>32456</v>
      </c>
      <c r="E10561" s="2" t="s">
        <v>32457</v>
      </c>
      <c r="F10561" s="2" t="s">
        <v>32166</v>
      </c>
      <c r="G10561" s="8">
        <v>233</v>
      </c>
      <c r="H10561" s="5">
        <v>5</v>
      </c>
      <c r="I10561" s="5" t="s">
        <v>69</v>
      </c>
      <c r="J10561" s="5" t="s">
        <v>27074</v>
      </c>
      <c r="K10561" s="2" t="s">
        <v>27075</v>
      </c>
      <c r="L10561" s="5" t="s">
        <v>27074</v>
      </c>
      <c r="M10561" s="2" t="s">
        <v>27075</v>
      </c>
      <c r="N10561" s="5" t="s">
        <v>24254</v>
      </c>
      <c r="O10561" s="5" t="s">
        <v>38</v>
      </c>
      <c r="P10561" s="5" t="s">
        <v>39</v>
      </c>
      <c r="Q10561" s="5" t="s">
        <v>40</v>
      </c>
      <c r="R10561" s="5" t="s">
        <v>24335</v>
      </c>
      <c r="S10561" s="5" t="s">
        <v>40</v>
      </c>
      <c r="T10561" s="5" t="s">
        <v>42</v>
      </c>
      <c r="U10561" s="2">
        <v>8.4689999999999994</v>
      </c>
      <c r="V10561" s="2">
        <v>6.7149999999999999</v>
      </c>
      <c r="W10561" s="2">
        <v>0.127</v>
      </c>
      <c r="X10561" s="2">
        <v>12</v>
      </c>
      <c r="Y10561" s="2">
        <v>50</v>
      </c>
      <c r="Z10561" s="2">
        <v>210.9</v>
      </c>
      <c r="AA10561" s="5">
        <v>8</v>
      </c>
      <c r="AB10561" s="5" t="s">
        <v>43</v>
      </c>
      <c r="AC10561" s="5" t="s">
        <v>44</v>
      </c>
      <c r="AD10561" s="2" t="s">
        <v>32162</v>
      </c>
      <c r="AE10561" s="1"/>
    </row>
    <row r="10562" spans="1:31" ht="14.45">
      <c r="A10562" s="11"/>
      <c r="B10562" s="20"/>
      <c r="C10562" s="2" t="s">
        <v>32458</v>
      </c>
      <c r="D10562" s="14" t="s">
        <v>32459</v>
      </c>
      <c r="E10562" s="2" t="s">
        <v>32460</v>
      </c>
      <c r="F10562" s="2" t="s">
        <v>32170</v>
      </c>
      <c r="G10562" s="8">
        <v>233</v>
      </c>
      <c r="H10562" s="5">
        <v>5</v>
      </c>
      <c r="I10562" s="5" t="s">
        <v>69</v>
      </c>
      <c r="J10562" s="5" t="s">
        <v>27074</v>
      </c>
      <c r="K10562" s="2" t="s">
        <v>27075</v>
      </c>
      <c r="L10562" s="5" t="s">
        <v>27074</v>
      </c>
      <c r="M10562" s="2" t="s">
        <v>27075</v>
      </c>
      <c r="N10562" s="5" t="s">
        <v>24254</v>
      </c>
      <c r="O10562" s="5" t="s">
        <v>38</v>
      </c>
      <c r="P10562" s="5" t="s">
        <v>39</v>
      </c>
      <c r="Q10562" s="5" t="s">
        <v>40</v>
      </c>
      <c r="R10562" s="5" t="s">
        <v>24335</v>
      </c>
      <c r="S10562" s="5" t="s">
        <v>40</v>
      </c>
      <c r="T10562" s="5" t="s">
        <v>42</v>
      </c>
      <c r="U10562" s="2">
        <v>7.59</v>
      </c>
      <c r="V10562" s="2">
        <v>5.8689999999999998</v>
      </c>
      <c r="W10562" s="2">
        <v>0.127</v>
      </c>
      <c r="X10562" s="2">
        <v>12</v>
      </c>
      <c r="Y10562" s="2">
        <v>50</v>
      </c>
      <c r="Z10562" s="2">
        <v>210.9</v>
      </c>
      <c r="AA10562" s="5">
        <v>8</v>
      </c>
      <c r="AB10562" s="5" t="s">
        <v>43</v>
      </c>
      <c r="AC10562" s="5" t="s">
        <v>44</v>
      </c>
      <c r="AD10562" s="2" t="s">
        <v>32162</v>
      </c>
      <c r="AE10562" s="1"/>
    </row>
    <row r="10563" spans="1:31" ht="14.45">
      <c r="A10563" s="11"/>
      <c r="B10563" s="20"/>
      <c r="C10563" s="2" t="s">
        <v>32461</v>
      </c>
      <c r="D10563" s="14" t="s">
        <v>32462</v>
      </c>
      <c r="E10563" s="2" t="s">
        <v>32463</v>
      </c>
      <c r="F10563" s="2"/>
      <c r="G10563" s="8">
        <v>233</v>
      </c>
      <c r="H10563" s="5">
        <v>15</v>
      </c>
      <c r="I10563" s="5" t="s">
        <v>69</v>
      </c>
      <c r="J10563" s="5" t="s">
        <v>27074</v>
      </c>
      <c r="K10563" s="2" t="s">
        <v>27075</v>
      </c>
      <c r="L10563" s="5" t="s">
        <v>27074</v>
      </c>
      <c r="M10563" s="2" t="s">
        <v>27075</v>
      </c>
      <c r="N10563" s="5" t="s">
        <v>24254</v>
      </c>
      <c r="O10563" s="5" t="s">
        <v>38</v>
      </c>
      <c r="P10563" s="5" t="s">
        <v>39</v>
      </c>
      <c r="Q10563" s="5" t="s">
        <v>40</v>
      </c>
      <c r="R10563" s="5" t="s">
        <v>24335</v>
      </c>
      <c r="S10563" s="5" t="s">
        <v>40</v>
      </c>
      <c r="T10563" s="5" t="s">
        <v>42</v>
      </c>
      <c r="U10563" s="2">
        <v>7.6159999999999997</v>
      </c>
      <c r="V10563" s="2">
        <v>4.9089999999999998</v>
      </c>
      <c r="W10563" s="2">
        <v>0.14899999999999999</v>
      </c>
      <c r="X10563" s="2">
        <v>12</v>
      </c>
      <c r="Y10563" s="2">
        <v>62</v>
      </c>
      <c r="Z10563" s="2">
        <v>199.7</v>
      </c>
      <c r="AA10563" s="5">
        <v>10</v>
      </c>
      <c r="AB10563" s="5" t="s">
        <v>43</v>
      </c>
      <c r="AC10563" s="5" t="s">
        <v>44</v>
      </c>
      <c r="AD10563" s="2" t="s">
        <v>32174</v>
      </c>
      <c r="AE10563" s="1"/>
    </row>
    <row r="10564" spans="1:31" ht="14.45">
      <c r="A10564" s="11"/>
      <c r="B10564" s="20"/>
      <c r="C10564" s="2" t="s">
        <v>32464</v>
      </c>
      <c r="D10564" s="14" t="s">
        <v>32465</v>
      </c>
      <c r="E10564" s="2" t="s">
        <v>32466</v>
      </c>
      <c r="F10564" s="2"/>
      <c r="G10564" s="8">
        <v>233</v>
      </c>
      <c r="H10564" s="5">
        <v>15</v>
      </c>
      <c r="I10564" s="5" t="s">
        <v>69</v>
      </c>
      <c r="J10564" s="5" t="s">
        <v>27074</v>
      </c>
      <c r="K10564" s="2" t="s">
        <v>27075</v>
      </c>
      <c r="L10564" s="5" t="s">
        <v>27074</v>
      </c>
      <c r="M10564" s="2" t="s">
        <v>27075</v>
      </c>
      <c r="N10564" s="5" t="s">
        <v>24254</v>
      </c>
      <c r="O10564" s="5" t="s">
        <v>38</v>
      </c>
      <c r="P10564" s="5" t="s">
        <v>39</v>
      </c>
      <c r="Q10564" s="5" t="s">
        <v>40</v>
      </c>
      <c r="R10564" s="5" t="s">
        <v>24335</v>
      </c>
      <c r="S10564" s="5" t="s">
        <v>40</v>
      </c>
      <c r="T10564" s="5" t="s">
        <v>42</v>
      </c>
      <c r="U10564" s="2">
        <v>6.0469999999999997</v>
      </c>
      <c r="V10564" s="2">
        <v>4.117</v>
      </c>
      <c r="W10564" s="2">
        <v>0.129</v>
      </c>
      <c r="X10564" s="2">
        <v>12</v>
      </c>
      <c r="Y10564" s="2">
        <v>62</v>
      </c>
      <c r="Z10564" s="2">
        <v>172.9</v>
      </c>
      <c r="AA10564" s="5">
        <v>10</v>
      </c>
      <c r="AB10564" s="5" t="s">
        <v>43</v>
      </c>
      <c r="AC10564" s="5" t="s">
        <v>44</v>
      </c>
      <c r="AD10564" s="2" t="s">
        <v>32178</v>
      </c>
      <c r="AE10564" s="1"/>
    </row>
    <row r="10565" spans="1:31" ht="14.45">
      <c r="A10565" s="11"/>
      <c r="B10565" s="20"/>
      <c r="C10565" s="2" t="s">
        <v>32467</v>
      </c>
      <c r="D10565" s="14" t="s">
        <v>32468</v>
      </c>
      <c r="E10565" s="2" t="s">
        <v>32469</v>
      </c>
      <c r="F10565" s="2"/>
      <c r="G10565" s="8">
        <v>233</v>
      </c>
      <c r="H10565" s="5">
        <v>15</v>
      </c>
      <c r="I10565" s="5" t="s">
        <v>69</v>
      </c>
      <c r="J10565" s="5" t="s">
        <v>27074</v>
      </c>
      <c r="K10565" s="2" t="s">
        <v>27075</v>
      </c>
      <c r="L10565" s="5" t="s">
        <v>27074</v>
      </c>
      <c r="M10565" s="2" t="s">
        <v>27075</v>
      </c>
      <c r="N10565" s="5" t="s">
        <v>24254</v>
      </c>
      <c r="O10565" s="5" t="s">
        <v>38</v>
      </c>
      <c r="P10565" s="5" t="s">
        <v>39</v>
      </c>
      <c r="Q10565" s="5" t="s">
        <v>40</v>
      </c>
      <c r="R10565" s="5" t="s">
        <v>24335</v>
      </c>
      <c r="S10565" s="5" t="s">
        <v>40</v>
      </c>
      <c r="T10565" s="5" t="s">
        <v>42</v>
      </c>
      <c r="U10565" s="2">
        <v>6.899</v>
      </c>
      <c r="V10565" s="2">
        <v>4.1920000000000002</v>
      </c>
      <c r="W10565" s="2">
        <v>0.14899999999999999</v>
      </c>
      <c r="X10565" s="2">
        <v>12</v>
      </c>
      <c r="Y10565" s="2">
        <v>62</v>
      </c>
      <c r="Z10565" s="2">
        <v>199.7</v>
      </c>
      <c r="AA10565" s="5">
        <v>10</v>
      </c>
      <c r="AB10565" s="5" t="s">
        <v>43</v>
      </c>
      <c r="AC10565" s="5" t="s">
        <v>44</v>
      </c>
      <c r="AD10565" s="2" t="s">
        <v>32178</v>
      </c>
      <c r="AE10565" s="1"/>
    </row>
    <row r="10566" spans="1:31" ht="14.45">
      <c r="A10566" s="11"/>
      <c r="B10566" s="20"/>
      <c r="C10566" s="2" t="s">
        <v>32470</v>
      </c>
      <c r="D10566" s="14" t="s">
        <v>32471</v>
      </c>
      <c r="E10566" s="2" t="s">
        <v>32472</v>
      </c>
      <c r="F10566" s="2" t="s">
        <v>32161</v>
      </c>
      <c r="G10566" s="8">
        <v>252</v>
      </c>
      <c r="H10566" s="5">
        <v>5</v>
      </c>
      <c r="I10566" s="5" t="s">
        <v>69</v>
      </c>
      <c r="J10566" s="5" t="s">
        <v>27074</v>
      </c>
      <c r="K10566" s="2" t="s">
        <v>27075</v>
      </c>
      <c r="L10566" s="5" t="s">
        <v>27074</v>
      </c>
      <c r="M10566" s="2" t="s">
        <v>27075</v>
      </c>
      <c r="N10566" s="5" t="s">
        <v>24254</v>
      </c>
      <c r="O10566" s="5" t="s">
        <v>38</v>
      </c>
      <c r="P10566" s="5" t="s">
        <v>39</v>
      </c>
      <c r="Q10566" s="5" t="s">
        <v>40</v>
      </c>
      <c r="R10566" s="5" t="s">
        <v>24335</v>
      </c>
      <c r="S10566" s="5" t="s">
        <v>40</v>
      </c>
      <c r="T10566" s="5" t="s">
        <v>42</v>
      </c>
      <c r="U10566" s="2">
        <v>11.093999999999999</v>
      </c>
      <c r="V10566" s="2">
        <v>9.3390000000000004</v>
      </c>
      <c r="W10566" s="2">
        <v>0.127</v>
      </c>
      <c r="X10566" s="2">
        <v>12</v>
      </c>
      <c r="Y10566" s="2">
        <v>50</v>
      </c>
      <c r="Z10566" s="2">
        <v>210.9</v>
      </c>
      <c r="AA10566" s="5">
        <v>8</v>
      </c>
      <c r="AB10566" s="5" t="s">
        <v>43</v>
      </c>
      <c r="AC10566" s="5" t="s">
        <v>44</v>
      </c>
      <c r="AD10566" s="2" t="s">
        <v>32162</v>
      </c>
      <c r="AE10566" s="1"/>
    </row>
    <row r="10567" spans="1:31" ht="14.45">
      <c r="A10567" s="11"/>
      <c r="B10567" s="20"/>
      <c r="C10567" s="2" t="s">
        <v>32473</v>
      </c>
      <c r="D10567" s="14" t="s">
        <v>32474</v>
      </c>
      <c r="E10567" s="2" t="s">
        <v>32475</v>
      </c>
      <c r="F10567" s="2" t="s">
        <v>32166</v>
      </c>
      <c r="G10567" s="8">
        <v>252</v>
      </c>
      <c r="H10567" s="5">
        <v>5</v>
      </c>
      <c r="I10567" s="5" t="s">
        <v>69</v>
      </c>
      <c r="J10567" s="5" t="s">
        <v>27074</v>
      </c>
      <c r="K10567" s="2" t="s">
        <v>27075</v>
      </c>
      <c r="L10567" s="5" t="s">
        <v>27074</v>
      </c>
      <c r="M10567" s="2" t="s">
        <v>27075</v>
      </c>
      <c r="N10567" s="5" t="s">
        <v>24254</v>
      </c>
      <c r="O10567" s="5" t="s">
        <v>38</v>
      </c>
      <c r="P10567" s="5" t="s">
        <v>39</v>
      </c>
      <c r="Q10567" s="5" t="s">
        <v>40</v>
      </c>
      <c r="R10567" s="5" t="s">
        <v>24335</v>
      </c>
      <c r="S10567" s="5" t="s">
        <v>40</v>
      </c>
      <c r="T10567" s="5" t="s">
        <v>42</v>
      </c>
      <c r="U10567" s="2">
        <v>9.2210000000000001</v>
      </c>
      <c r="V10567" s="2">
        <v>7.4669999999999996</v>
      </c>
      <c r="W10567" s="2">
        <v>0.127</v>
      </c>
      <c r="X10567" s="2">
        <v>12</v>
      </c>
      <c r="Y10567" s="2">
        <v>50</v>
      </c>
      <c r="Z10567" s="2">
        <v>210.9</v>
      </c>
      <c r="AA10567" s="5">
        <v>8</v>
      </c>
      <c r="AB10567" s="5" t="s">
        <v>43</v>
      </c>
      <c r="AC10567" s="5" t="s">
        <v>44</v>
      </c>
      <c r="AD10567" s="2" t="s">
        <v>32162</v>
      </c>
      <c r="AE10567" s="1"/>
    </row>
    <row r="10568" spans="1:31" ht="14.45">
      <c r="A10568" s="11"/>
      <c r="B10568" s="20"/>
      <c r="C10568" s="2" t="s">
        <v>32476</v>
      </c>
      <c r="D10568" s="14" t="s">
        <v>32477</v>
      </c>
      <c r="E10568" s="2" t="s">
        <v>32478</v>
      </c>
      <c r="F10568" s="2" t="s">
        <v>32170</v>
      </c>
      <c r="G10568" s="8">
        <v>252</v>
      </c>
      <c r="H10568" s="5">
        <v>5</v>
      </c>
      <c r="I10568" s="5" t="s">
        <v>69</v>
      </c>
      <c r="J10568" s="5" t="s">
        <v>27074</v>
      </c>
      <c r="K10568" s="2" t="s">
        <v>27075</v>
      </c>
      <c r="L10568" s="5" t="s">
        <v>27074</v>
      </c>
      <c r="M10568" s="2" t="s">
        <v>27075</v>
      </c>
      <c r="N10568" s="5" t="s">
        <v>24254</v>
      </c>
      <c r="O10568" s="5" t="s">
        <v>38</v>
      </c>
      <c r="P10568" s="5" t="s">
        <v>39</v>
      </c>
      <c r="Q10568" s="5" t="s">
        <v>40</v>
      </c>
      <c r="R10568" s="5" t="s">
        <v>24335</v>
      </c>
      <c r="S10568" s="5" t="s">
        <v>40</v>
      </c>
      <c r="T10568" s="5" t="s">
        <v>42</v>
      </c>
      <c r="U10568" s="2">
        <v>8.2530000000000001</v>
      </c>
      <c r="V10568" s="2">
        <v>6.532</v>
      </c>
      <c r="W10568" s="2">
        <v>0.127</v>
      </c>
      <c r="X10568" s="2">
        <v>12</v>
      </c>
      <c r="Y10568" s="2">
        <v>50</v>
      </c>
      <c r="Z10568" s="2">
        <v>210.9</v>
      </c>
      <c r="AA10568" s="5">
        <v>8</v>
      </c>
      <c r="AB10568" s="5" t="s">
        <v>43</v>
      </c>
      <c r="AC10568" s="5" t="s">
        <v>44</v>
      </c>
      <c r="AD10568" s="2" t="s">
        <v>32162</v>
      </c>
      <c r="AE10568" s="1"/>
    </row>
    <row r="10569" spans="1:31" ht="14.45">
      <c r="A10569" s="11"/>
      <c r="B10569" s="20"/>
      <c r="C10569" s="2" t="s">
        <v>32479</v>
      </c>
      <c r="D10569" s="14" t="s">
        <v>32480</v>
      </c>
      <c r="E10569" s="2" t="s">
        <v>32481</v>
      </c>
      <c r="F10569" s="2"/>
      <c r="G10569" s="8">
        <v>252</v>
      </c>
      <c r="H10569" s="5">
        <v>15</v>
      </c>
      <c r="I10569" s="5" t="s">
        <v>69</v>
      </c>
      <c r="J10569" s="5" t="s">
        <v>27074</v>
      </c>
      <c r="K10569" s="2" t="s">
        <v>27075</v>
      </c>
      <c r="L10569" s="5" t="s">
        <v>27074</v>
      </c>
      <c r="M10569" s="2" t="s">
        <v>27075</v>
      </c>
      <c r="N10569" s="5" t="s">
        <v>24254</v>
      </c>
      <c r="O10569" s="5" t="s">
        <v>38</v>
      </c>
      <c r="P10569" s="5" t="s">
        <v>39</v>
      </c>
      <c r="Q10569" s="5" t="s">
        <v>40</v>
      </c>
      <c r="R10569" s="5" t="s">
        <v>24335</v>
      </c>
      <c r="S10569" s="5" t="s">
        <v>40</v>
      </c>
      <c r="T10569" s="5" t="s">
        <v>42</v>
      </c>
      <c r="U10569" s="2">
        <v>8.5500000000000007</v>
      </c>
      <c r="V10569" s="2">
        <v>5.843</v>
      </c>
      <c r="W10569" s="2">
        <v>0.14899999999999999</v>
      </c>
      <c r="X10569" s="2">
        <v>12</v>
      </c>
      <c r="Y10569" s="2">
        <v>62</v>
      </c>
      <c r="Z10569" s="2">
        <v>199.7</v>
      </c>
      <c r="AA10569" s="5">
        <v>10</v>
      </c>
      <c r="AB10569" s="5" t="s">
        <v>43</v>
      </c>
      <c r="AC10569" s="5" t="s">
        <v>44</v>
      </c>
      <c r="AD10569" s="2" t="s">
        <v>32174</v>
      </c>
      <c r="AE10569" s="1"/>
    </row>
    <row r="10570" spans="1:31" ht="14.45">
      <c r="A10570" s="11"/>
      <c r="B10570" s="20"/>
      <c r="C10570" s="2" t="s">
        <v>32482</v>
      </c>
      <c r="D10570" s="14" t="s">
        <v>32483</v>
      </c>
      <c r="E10570" s="2" t="s">
        <v>32484</v>
      </c>
      <c r="F10570" s="2"/>
      <c r="G10570" s="8">
        <v>252</v>
      </c>
      <c r="H10570" s="5">
        <v>15</v>
      </c>
      <c r="I10570" s="5" t="s">
        <v>69</v>
      </c>
      <c r="J10570" s="5" t="s">
        <v>27074</v>
      </c>
      <c r="K10570" s="2" t="s">
        <v>27075</v>
      </c>
      <c r="L10570" s="5" t="s">
        <v>27074</v>
      </c>
      <c r="M10570" s="2" t="s">
        <v>27075</v>
      </c>
      <c r="N10570" s="5" t="s">
        <v>24254</v>
      </c>
      <c r="O10570" s="5" t="s">
        <v>38</v>
      </c>
      <c r="P10570" s="5" t="s">
        <v>39</v>
      </c>
      <c r="Q10570" s="5" t="s">
        <v>40</v>
      </c>
      <c r="R10570" s="5" t="s">
        <v>24335</v>
      </c>
      <c r="S10570" s="5" t="s">
        <v>40</v>
      </c>
      <c r="T10570" s="5" t="s">
        <v>42</v>
      </c>
      <c r="U10570" s="2">
        <v>6.7160000000000002</v>
      </c>
      <c r="V10570" s="2">
        <v>4.7859999999999996</v>
      </c>
      <c r="W10570" s="2">
        <v>0.129</v>
      </c>
      <c r="X10570" s="2">
        <v>12</v>
      </c>
      <c r="Y10570" s="2">
        <v>62</v>
      </c>
      <c r="Z10570" s="2">
        <v>172.9</v>
      </c>
      <c r="AA10570" s="5">
        <v>10</v>
      </c>
      <c r="AB10570" s="5" t="s">
        <v>43</v>
      </c>
      <c r="AC10570" s="5" t="s">
        <v>44</v>
      </c>
      <c r="AD10570" s="2" t="s">
        <v>32178</v>
      </c>
      <c r="AE10570" s="1"/>
    </row>
    <row r="10571" spans="1:31" ht="14.45">
      <c r="A10571" s="11"/>
      <c r="B10571" s="20"/>
      <c r="C10571" s="2" t="s">
        <v>32485</v>
      </c>
      <c r="D10571" s="14" t="s">
        <v>32486</v>
      </c>
      <c r="E10571" s="2" t="s">
        <v>32487</v>
      </c>
      <c r="F10571" s="2"/>
      <c r="G10571" s="8">
        <v>252</v>
      </c>
      <c r="H10571" s="5">
        <v>15</v>
      </c>
      <c r="I10571" s="5" t="s">
        <v>69</v>
      </c>
      <c r="J10571" s="5" t="s">
        <v>27074</v>
      </c>
      <c r="K10571" s="2" t="s">
        <v>27075</v>
      </c>
      <c r="L10571" s="5" t="s">
        <v>27074</v>
      </c>
      <c r="M10571" s="2" t="s">
        <v>27075</v>
      </c>
      <c r="N10571" s="5" t="s">
        <v>24254</v>
      </c>
      <c r="O10571" s="5" t="s">
        <v>38</v>
      </c>
      <c r="P10571" s="5" t="s">
        <v>39</v>
      </c>
      <c r="Q10571" s="5" t="s">
        <v>40</v>
      </c>
      <c r="R10571" s="5" t="s">
        <v>24335</v>
      </c>
      <c r="S10571" s="5" t="s">
        <v>40</v>
      </c>
      <c r="T10571" s="5" t="s">
        <v>42</v>
      </c>
      <c r="U10571" s="2">
        <v>7.6779999999999999</v>
      </c>
      <c r="V10571" s="2">
        <v>4.9710000000000001</v>
      </c>
      <c r="W10571" s="2">
        <v>0.14899999999999999</v>
      </c>
      <c r="X10571" s="2">
        <v>12</v>
      </c>
      <c r="Y10571" s="2">
        <v>62</v>
      </c>
      <c r="Z10571" s="2">
        <v>199.7</v>
      </c>
      <c r="AA10571" s="5">
        <v>10</v>
      </c>
      <c r="AB10571" s="5" t="s">
        <v>43</v>
      </c>
      <c r="AC10571" s="5" t="s">
        <v>44</v>
      </c>
      <c r="AD10571" s="2" t="s">
        <v>32178</v>
      </c>
      <c r="AE10571" s="1"/>
    </row>
    <row r="10572" spans="1:31" ht="14.45">
      <c r="A10572" s="11"/>
      <c r="B10572" s="20"/>
      <c r="C10572" s="2" t="s">
        <v>32488</v>
      </c>
      <c r="D10572" s="14" t="s">
        <v>32489</v>
      </c>
      <c r="E10572" s="2" t="s">
        <v>32490</v>
      </c>
      <c r="F10572" s="2" t="s">
        <v>32161</v>
      </c>
      <c r="G10572" s="8">
        <v>281</v>
      </c>
      <c r="H10572" s="5">
        <v>5</v>
      </c>
      <c r="I10572" s="5" t="s">
        <v>69</v>
      </c>
      <c r="J10572" s="5" t="s">
        <v>27074</v>
      </c>
      <c r="K10572" s="2" t="s">
        <v>27075</v>
      </c>
      <c r="L10572" s="5" t="s">
        <v>27074</v>
      </c>
      <c r="M10572" s="2" t="s">
        <v>27075</v>
      </c>
      <c r="N10572" s="5" t="s">
        <v>24254</v>
      </c>
      <c r="O10572" s="5" t="s">
        <v>38</v>
      </c>
      <c r="P10572" s="5" t="s">
        <v>39</v>
      </c>
      <c r="Q10572" s="5" t="s">
        <v>40</v>
      </c>
      <c r="R10572" s="5" t="s">
        <v>24335</v>
      </c>
      <c r="S10572" s="5" t="s">
        <v>40</v>
      </c>
      <c r="T10572" s="5" t="s">
        <v>42</v>
      </c>
      <c r="U10572" s="2">
        <v>11.538</v>
      </c>
      <c r="V10572" s="2">
        <v>9.7829999999999995</v>
      </c>
      <c r="W10572" s="2">
        <v>0.127</v>
      </c>
      <c r="X10572" s="2">
        <v>12</v>
      </c>
      <c r="Y10572" s="2">
        <v>50</v>
      </c>
      <c r="Z10572" s="2">
        <v>210.9</v>
      </c>
      <c r="AA10572" s="5">
        <v>8</v>
      </c>
      <c r="AB10572" s="5" t="s">
        <v>43</v>
      </c>
      <c r="AC10572" s="5" t="s">
        <v>44</v>
      </c>
      <c r="AD10572" s="2" t="s">
        <v>32162</v>
      </c>
      <c r="AE10572" s="1"/>
    </row>
    <row r="10573" spans="1:31" ht="14.45">
      <c r="A10573" s="11"/>
      <c r="B10573" s="20"/>
      <c r="C10573" s="2" t="s">
        <v>32491</v>
      </c>
      <c r="D10573" s="14" t="s">
        <v>32492</v>
      </c>
      <c r="E10573" s="2" t="s">
        <v>32493</v>
      </c>
      <c r="F10573" s="2" t="s">
        <v>32166</v>
      </c>
      <c r="G10573" s="8">
        <v>281</v>
      </c>
      <c r="H10573" s="5">
        <v>5</v>
      </c>
      <c r="I10573" s="5" t="s">
        <v>69</v>
      </c>
      <c r="J10573" s="5" t="s">
        <v>27074</v>
      </c>
      <c r="K10573" s="2" t="s">
        <v>27075</v>
      </c>
      <c r="L10573" s="5" t="s">
        <v>27074</v>
      </c>
      <c r="M10573" s="2" t="s">
        <v>27075</v>
      </c>
      <c r="N10573" s="5" t="s">
        <v>24254</v>
      </c>
      <c r="O10573" s="5" t="s">
        <v>38</v>
      </c>
      <c r="P10573" s="5" t="s">
        <v>39</v>
      </c>
      <c r="Q10573" s="5" t="s">
        <v>40</v>
      </c>
      <c r="R10573" s="5" t="s">
        <v>24335</v>
      </c>
      <c r="S10573" s="5" t="s">
        <v>40</v>
      </c>
      <c r="T10573" s="5" t="s">
        <v>42</v>
      </c>
      <c r="U10573" s="2">
        <v>9.5869999999999997</v>
      </c>
      <c r="V10573" s="2">
        <v>7.8330000000000002</v>
      </c>
      <c r="W10573" s="2">
        <v>0.127</v>
      </c>
      <c r="X10573" s="2">
        <v>12</v>
      </c>
      <c r="Y10573" s="2">
        <v>50</v>
      </c>
      <c r="Z10573" s="2">
        <v>210.9</v>
      </c>
      <c r="AA10573" s="5">
        <v>8</v>
      </c>
      <c r="AB10573" s="5" t="s">
        <v>43</v>
      </c>
      <c r="AC10573" s="5" t="s">
        <v>44</v>
      </c>
      <c r="AD10573" s="2" t="s">
        <v>32162</v>
      </c>
      <c r="AE10573" s="1"/>
    </row>
    <row r="10574" spans="1:31" ht="14.45">
      <c r="A10574" s="11"/>
      <c r="B10574" s="20"/>
      <c r="C10574" s="2" t="s">
        <v>32494</v>
      </c>
      <c r="D10574" s="14" t="s">
        <v>32495</v>
      </c>
      <c r="E10574" s="2" t="s">
        <v>32496</v>
      </c>
      <c r="F10574" s="2" t="s">
        <v>32170</v>
      </c>
      <c r="G10574" s="8">
        <v>281</v>
      </c>
      <c r="H10574" s="5">
        <v>5</v>
      </c>
      <c r="I10574" s="5" t="s">
        <v>69</v>
      </c>
      <c r="J10574" s="5" t="s">
        <v>27074</v>
      </c>
      <c r="K10574" s="2" t="s">
        <v>27075</v>
      </c>
      <c r="L10574" s="5" t="s">
        <v>27074</v>
      </c>
      <c r="M10574" s="2" t="s">
        <v>27075</v>
      </c>
      <c r="N10574" s="5" t="s">
        <v>24254</v>
      </c>
      <c r="O10574" s="5" t="s">
        <v>38</v>
      </c>
      <c r="P10574" s="5" t="s">
        <v>39</v>
      </c>
      <c r="Q10574" s="5" t="s">
        <v>40</v>
      </c>
      <c r="R10574" s="5" t="s">
        <v>24335</v>
      </c>
      <c r="S10574" s="5" t="s">
        <v>40</v>
      </c>
      <c r="T10574" s="5" t="s">
        <v>42</v>
      </c>
      <c r="U10574" s="2">
        <v>8.5739999999999998</v>
      </c>
      <c r="V10574" s="2">
        <v>6.8529999999999998</v>
      </c>
      <c r="W10574" s="2">
        <v>0.127</v>
      </c>
      <c r="X10574" s="2">
        <v>12</v>
      </c>
      <c r="Y10574" s="2">
        <v>50</v>
      </c>
      <c r="Z10574" s="2">
        <v>210.9</v>
      </c>
      <c r="AA10574" s="5">
        <v>8</v>
      </c>
      <c r="AB10574" s="5" t="s">
        <v>43</v>
      </c>
      <c r="AC10574" s="5" t="s">
        <v>44</v>
      </c>
      <c r="AD10574" s="2" t="s">
        <v>32162</v>
      </c>
      <c r="AE10574" s="1"/>
    </row>
    <row r="10575" spans="1:31" ht="14.45">
      <c r="A10575" s="11"/>
      <c r="B10575" s="20"/>
      <c r="C10575" s="2" t="s">
        <v>32497</v>
      </c>
      <c r="D10575" s="14" t="s">
        <v>32498</v>
      </c>
      <c r="E10575" s="2" t="s">
        <v>32499</v>
      </c>
      <c r="F10575" s="2"/>
      <c r="G10575" s="8">
        <v>281</v>
      </c>
      <c r="H10575" s="5">
        <v>15</v>
      </c>
      <c r="I10575" s="5" t="s">
        <v>69</v>
      </c>
      <c r="J10575" s="5" t="s">
        <v>27074</v>
      </c>
      <c r="K10575" s="2" t="s">
        <v>27075</v>
      </c>
      <c r="L10575" s="5" t="s">
        <v>27074</v>
      </c>
      <c r="M10575" s="2" t="s">
        <v>27075</v>
      </c>
      <c r="N10575" s="5" t="s">
        <v>24254</v>
      </c>
      <c r="O10575" s="5" t="s">
        <v>38</v>
      </c>
      <c r="P10575" s="5" t="s">
        <v>39</v>
      </c>
      <c r="Q10575" s="5" t="s">
        <v>40</v>
      </c>
      <c r="R10575" s="5" t="s">
        <v>24335</v>
      </c>
      <c r="S10575" s="5" t="s">
        <v>40</v>
      </c>
      <c r="T10575" s="5" t="s">
        <v>42</v>
      </c>
      <c r="U10575" s="2">
        <v>9.0030000000000001</v>
      </c>
      <c r="V10575" s="2">
        <v>6.2960000000000003</v>
      </c>
      <c r="W10575" s="2">
        <v>0.14899999999999999</v>
      </c>
      <c r="X10575" s="2">
        <v>12</v>
      </c>
      <c r="Y10575" s="2">
        <v>62</v>
      </c>
      <c r="Z10575" s="2">
        <v>199.7</v>
      </c>
      <c r="AA10575" s="5">
        <v>10</v>
      </c>
      <c r="AB10575" s="5" t="s">
        <v>43</v>
      </c>
      <c r="AC10575" s="5" t="s">
        <v>44</v>
      </c>
      <c r="AD10575" s="2" t="s">
        <v>32174</v>
      </c>
      <c r="AE10575" s="1"/>
    </row>
    <row r="10576" spans="1:31" ht="14.45">
      <c r="A10576" s="11"/>
      <c r="B10576" s="20"/>
      <c r="C10576" s="2" t="s">
        <v>32500</v>
      </c>
      <c r="D10576" s="14" t="s">
        <v>32501</v>
      </c>
      <c r="E10576" s="2" t="s">
        <v>32502</v>
      </c>
      <c r="F10576" s="2"/>
      <c r="G10576" s="8">
        <v>281</v>
      </c>
      <c r="H10576" s="5">
        <v>15</v>
      </c>
      <c r="I10576" s="5" t="s">
        <v>69</v>
      </c>
      <c r="J10576" s="5" t="s">
        <v>27074</v>
      </c>
      <c r="K10576" s="2" t="s">
        <v>27075</v>
      </c>
      <c r="L10576" s="5" t="s">
        <v>27074</v>
      </c>
      <c r="M10576" s="2" t="s">
        <v>27075</v>
      </c>
      <c r="N10576" s="5" t="s">
        <v>24254</v>
      </c>
      <c r="O10576" s="5" t="s">
        <v>38</v>
      </c>
      <c r="P10576" s="5" t="s">
        <v>39</v>
      </c>
      <c r="Q10576" s="5" t="s">
        <v>40</v>
      </c>
      <c r="R10576" s="5" t="s">
        <v>24335</v>
      </c>
      <c r="S10576" s="5" t="s">
        <v>40</v>
      </c>
      <c r="T10576" s="5" t="s">
        <v>42</v>
      </c>
      <c r="U10576" s="2">
        <v>7.0410000000000004</v>
      </c>
      <c r="V10576" s="2">
        <v>5.1109999999999998</v>
      </c>
      <c r="W10576" s="2">
        <v>0.129</v>
      </c>
      <c r="X10576" s="2">
        <v>12</v>
      </c>
      <c r="Y10576" s="2">
        <v>62</v>
      </c>
      <c r="Z10576" s="2">
        <v>172.9</v>
      </c>
      <c r="AA10576" s="5">
        <v>10</v>
      </c>
      <c r="AB10576" s="5" t="s">
        <v>43</v>
      </c>
      <c r="AC10576" s="5" t="s">
        <v>44</v>
      </c>
      <c r="AD10576" s="2" t="s">
        <v>32178</v>
      </c>
      <c r="AE10576" s="1"/>
    </row>
    <row r="10577" spans="1:31" ht="14.45">
      <c r="A10577" s="11"/>
      <c r="B10577" s="20"/>
      <c r="C10577" s="2" t="s">
        <v>32503</v>
      </c>
      <c r="D10577" s="14" t="s">
        <v>32504</v>
      </c>
      <c r="E10577" s="2" t="s">
        <v>32505</v>
      </c>
      <c r="F10577" s="2"/>
      <c r="G10577" s="8">
        <v>281</v>
      </c>
      <c r="H10577" s="5">
        <v>15</v>
      </c>
      <c r="I10577" s="5" t="s">
        <v>69</v>
      </c>
      <c r="J10577" s="5" t="s">
        <v>27074</v>
      </c>
      <c r="K10577" s="2" t="s">
        <v>27075</v>
      </c>
      <c r="L10577" s="5" t="s">
        <v>27074</v>
      </c>
      <c r="M10577" s="2" t="s">
        <v>27075</v>
      </c>
      <c r="N10577" s="5" t="s">
        <v>24254</v>
      </c>
      <c r="O10577" s="5" t="s">
        <v>38</v>
      </c>
      <c r="P10577" s="5" t="s">
        <v>39</v>
      </c>
      <c r="Q10577" s="5" t="s">
        <v>40</v>
      </c>
      <c r="R10577" s="5" t="s">
        <v>24335</v>
      </c>
      <c r="S10577" s="5" t="s">
        <v>40</v>
      </c>
      <c r="T10577" s="5" t="s">
        <v>42</v>
      </c>
      <c r="U10577" s="2">
        <v>8.0559999999999992</v>
      </c>
      <c r="V10577" s="2">
        <v>5.3490000000000002</v>
      </c>
      <c r="W10577" s="2">
        <v>0.14899999999999999</v>
      </c>
      <c r="X10577" s="2">
        <v>12</v>
      </c>
      <c r="Y10577" s="2">
        <v>62</v>
      </c>
      <c r="Z10577" s="2">
        <v>199.7</v>
      </c>
      <c r="AA10577" s="5">
        <v>10</v>
      </c>
      <c r="AB10577" s="5" t="s">
        <v>43</v>
      </c>
      <c r="AC10577" s="5" t="s">
        <v>44</v>
      </c>
      <c r="AD10577" s="2" t="s">
        <v>32178</v>
      </c>
      <c r="AE10577" s="1"/>
    </row>
    <row r="10578" spans="1:31" ht="14.45">
      <c r="A10578" s="11"/>
      <c r="B10578" s="20"/>
      <c r="C10578" s="2" t="s">
        <v>32506</v>
      </c>
      <c r="D10578" s="14" t="s">
        <v>32507</v>
      </c>
      <c r="E10578" s="2" t="s">
        <v>32508</v>
      </c>
      <c r="F10578" s="2" t="s">
        <v>32509</v>
      </c>
      <c r="G10578" s="8">
        <v>149</v>
      </c>
      <c r="H10578" s="5">
        <v>10</v>
      </c>
      <c r="I10578" s="5" t="s">
        <v>69</v>
      </c>
      <c r="J10578" s="5" t="s">
        <v>27074</v>
      </c>
      <c r="K10578" s="2" t="s">
        <v>27075</v>
      </c>
      <c r="L10578" s="5" t="s">
        <v>27074</v>
      </c>
      <c r="M10578" s="2" t="s">
        <v>27075</v>
      </c>
      <c r="N10578" s="5" t="s">
        <v>24254</v>
      </c>
      <c r="O10578" s="5" t="s">
        <v>38</v>
      </c>
      <c r="P10578" s="5" t="s">
        <v>39</v>
      </c>
      <c r="Q10578" s="5" t="s">
        <v>40</v>
      </c>
      <c r="R10578" s="5" t="s">
        <v>24335</v>
      </c>
      <c r="S10578" s="5" t="s">
        <v>40</v>
      </c>
      <c r="T10578" s="5" t="s">
        <v>42</v>
      </c>
      <c r="U10578" s="2">
        <v>5.9160000000000004</v>
      </c>
      <c r="V10578" s="2">
        <v>4.5979999999999999</v>
      </c>
      <c r="W10578" s="2">
        <v>7.5999999999999998E-2</v>
      </c>
      <c r="X10578" s="2">
        <v>12</v>
      </c>
      <c r="Y10578" s="2">
        <v>50</v>
      </c>
      <c r="Z10578" s="2">
        <v>125.9</v>
      </c>
      <c r="AA10578" s="5">
        <v>8</v>
      </c>
      <c r="AB10578" s="5" t="s">
        <v>43</v>
      </c>
      <c r="AC10578" s="5" t="s">
        <v>44</v>
      </c>
      <c r="AD10578" s="2" t="s">
        <v>32510</v>
      </c>
      <c r="AE10578" s="1"/>
    </row>
    <row r="10579" spans="1:31" ht="14.45">
      <c r="A10579" s="11"/>
      <c r="B10579" s="20"/>
      <c r="C10579" s="2" t="s">
        <v>32511</v>
      </c>
      <c r="D10579" s="14" t="s">
        <v>32512</v>
      </c>
      <c r="E10579" s="2" t="s">
        <v>32513</v>
      </c>
      <c r="F10579" s="2" t="s">
        <v>32514</v>
      </c>
      <c r="G10579" s="8">
        <v>149</v>
      </c>
      <c r="H10579" s="5">
        <v>5</v>
      </c>
      <c r="I10579" s="5" t="s">
        <v>69</v>
      </c>
      <c r="J10579" s="5" t="s">
        <v>27074</v>
      </c>
      <c r="K10579" s="2" t="s">
        <v>27075</v>
      </c>
      <c r="L10579" s="5" t="s">
        <v>27074</v>
      </c>
      <c r="M10579" s="2" t="s">
        <v>27075</v>
      </c>
      <c r="N10579" s="5" t="s">
        <v>24254</v>
      </c>
      <c r="O10579" s="5" t="s">
        <v>38</v>
      </c>
      <c r="P10579" s="5" t="s">
        <v>39</v>
      </c>
      <c r="Q10579" s="5" t="s">
        <v>40</v>
      </c>
      <c r="R10579" s="5" t="s">
        <v>24335</v>
      </c>
      <c r="S10579" s="5" t="s">
        <v>40</v>
      </c>
      <c r="T10579" s="5" t="s">
        <v>42</v>
      </c>
      <c r="U10579" s="2">
        <v>5.5679999999999996</v>
      </c>
      <c r="V10579" s="2">
        <v>3.907</v>
      </c>
      <c r="W10579" s="2">
        <v>7.5999999999999998E-2</v>
      </c>
      <c r="X10579" s="2">
        <v>12</v>
      </c>
      <c r="Y10579" s="2">
        <v>50</v>
      </c>
      <c r="Z10579" s="2">
        <v>125.9</v>
      </c>
      <c r="AA10579" s="5">
        <v>8</v>
      </c>
      <c r="AB10579" s="5" t="s">
        <v>43</v>
      </c>
      <c r="AC10579" s="5" t="s">
        <v>44</v>
      </c>
      <c r="AD10579" s="2" t="s">
        <v>32510</v>
      </c>
      <c r="AE10579" s="1"/>
    </row>
    <row r="10580" spans="1:31" ht="14.45">
      <c r="A10580" s="11"/>
      <c r="B10580" s="20"/>
      <c r="C10580" s="2" t="s">
        <v>32515</v>
      </c>
      <c r="D10580" s="14" t="s">
        <v>32516</v>
      </c>
      <c r="E10580" s="2" t="s">
        <v>32517</v>
      </c>
      <c r="F10580" s="2" t="s">
        <v>32518</v>
      </c>
      <c r="G10580" s="8">
        <v>149</v>
      </c>
      <c r="H10580" s="5">
        <v>10</v>
      </c>
      <c r="I10580" s="5" t="s">
        <v>69</v>
      </c>
      <c r="J10580" s="5" t="s">
        <v>27074</v>
      </c>
      <c r="K10580" s="2" t="s">
        <v>27075</v>
      </c>
      <c r="L10580" s="5" t="s">
        <v>27074</v>
      </c>
      <c r="M10580" s="2" t="s">
        <v>27075</v>
      </c>
      <c r="N10580" s="5" t="s">
        <v>24254</v>
      </c>
      <c r="O10580" s="5" t="s">
        <v>38</v>
      </c>
      <c r="P10580" s="5" t="s">
        <v>39</v>
      </c>
      <c r="Q10580" s="5" t="s">
        <v>40</v>
      </c>
      <c r="R10580" s="5" t="s">
        <v>24335</v>
      </c>
      <c r="S10580" s="5" t="s">
        <v>40</v>
      </c>
      <c r="T10580" s="5" t="s">
        <v>42</v>
      </c>
      <c r="U10580" s="2">
        <v>4.2240000000000002</v>
      </c>
      <c r="V10580" s="2">
        <v>2.94</v>
      </c>
      <c r="W10580" s="2">
        <v>7.5999999999999998E-2</v>
      </c>
      <c r="X10580" s="2">
        <v>12</v>
      </c>
      <c r="Y10580" s="2">
        <v>50</v>
      </c>
      <c r="Z10580" s="2">
        <v>125.9</v>
      </c>
      <c r="AA10580" s="5">
        <v>8</v>
      </c>
      <c r="AB10580" s="5" t="s">
        <v>43</v>
      </c>
      <c r="AC10580" s="5" t="s">
        <v>44</v>
      </c>
      <c r="AD10580" s="2" t="s">
        <v>32510</v>
      </c>
      <c r="AE10580" s="1"/>
    </row>
    <row r="10581" spans="1:31" ht="14.45">
      <c r="A10581" s="11"/>
      <c r="B10581" s="20"/>
      <c r="C10581" s="2" t="s">
        <v>32519</v>
      </c>
      <c r="D10581" s="14" t="s">
        <v>32520</v>
      </c>
      <c r="E10581" s="2" t="s">
        <v>32521</v>
      </c>
      <c r="F10581" s="2" t="s">
        <v>32522</v>
      </c>
      <c r="G10581" s="8">
        <v>149</v>
      </c>
      <c r="H10581" s="5">
        <v>5</v>
      </c>
      <c r="I10581" s="5" t="s">
        <v>69</v>
      </c>
      <c r="J10581" s="5" t="s">
        <v>27074</v>
      </c>
      <c r="K10581" s="2" t="s">
        <v>27075</v>
      </c>
      <c r="L10581" s="5" t="s">
        <v>27074</v>
      </c>
      <c r="M10581" s="2" t="s">
        <v>27075</v>
      </c>
      <c r="N10581" s="5" t="s">
        <v>24254</v>
      </c>
      <c r="O10581" s="5" t="s">
        <v>38</v>
      </c>
      <c r="P10581" s="5" t="s">
        <v>39</v>
      </c>
      <c r="Q10581" s="5" t="s">
        <v>40</v>
      </c>
      <c r="R10581" s="5" t="s">
        <v>24335</v>
      </c>
      <c r="S10581" s="5" t="s">
        <v>40</v>
      </c>
      <c r="T10581" s="5" t="s">
        <v>42</v>
      </c>
      <c r="U10581" s="2">
        <v>4.9470000000000001</v>
      </c>
      <c r="V10581" s="2">
        <v>3.3210000000000002</v>
      </c>
      <c r="W10581" s="2">
        <v>7.5999999999999998E-2</v>
      </c>
      <c r="X10581" s="2">
        <v>12</v>
      </c>
      <c r="Y10581" s="2">
        <v>50</v>
      </c>
      <c r="Z10581" s="2">
        <v>125.9</v>
      </c>
      <c r="AA10581" s="5">
        <v>10</v>
      </c>
      <c r="AB10581" s="5" t="s">
        <v>43</v>
      </c>
      <c r="AC10581" s="5" t="s">
        <v>44</v>
      </c>
      <c r="AD10581" s="2" t="s">
        <v>32523</v>
      </c>
      <c r="AE10581" s="1"/>
    </row>
    <row r="10582" spans="1:31" ht="14.45">
      <c r="A10582" s="11"/>
      <c r="B10582" s="20"/>
      <c r="C10582" s="2" t="s">
        <v>32524</v>
      </c>
      <c r="D10582" s="14" t="s">
        <v>32525</v>
      </c>
      <c r="E10582" s="2" t="s">
        <v>32526</v>
      </c>
      <c r="F10582" s="2" t="s">
        <v>32527</v>
      </c>
      <c r="G10582" s="8">
        <v>149</v>
      </c>
      <c r="H10582" s="5">
        <v>5</v>
      </c>
      <c r="I10582" s="5" t="s">
        <v>69</v>
      </c>
      <c r="J10582" s="5" t="s">
        <v>27074</v>
      </c>
      <c r="K10582" s="2" t="s">
        <v>27075</v>
      </c>
      <c r="L10582" s="5" t="s">
        <v>27074</v>
      </c>
      <c r="M10582" s="2" t="s">
        <v>27075</v>
      </c>
      <c r="N10582" s="5" t="s">
        <v>24254</v>
      </c>
      <c r="O10582" s="5" t="s">
        <v>38</v>
      </c>
      <c r="P10582" s="5" t="s">
        <v>39</v>
      </c>
      <c r="Q10582" s="5" t="s">
        <v>40</v>
      </c>
      <c r="R10582" s="5" t="s">
        <v>24335</v>
      </c>
      <c r="S10582" s="5" t="s">
        <v>40</v>
      </c>
      <c r="T10582" s="5" t="s">
        <v>42</v>
      </c>
      <c r="U10582" s="2">
        <v>4.1879999999999997</v>
      </c>
      <c r="V10582" s="2">
        <v>2.5619999999999998</v>
      </c>
      <c r="W10582" s="2">
        <v>7.5999999999999998E-2</v>
      </c>
      <c r="X10582" s="2">
        <v>12</v>
      </c>
      <c r="Y10582" s="2">
        <v>50</v>
      </c>
      <c r="Z10582" s="2">
        <v>125.9</v>
      </c>
      <c r="AA10582" s="5">
        <v>10</v>
      </c>
      <c r="AB10582" s="5" t="s">
        <v>43</v>
      </c>
      <c r="AC10582" s="5" t="s">
        <v>44</v>
      </c>
      <c r="AD10582" s="2" t="s">
        <v>32528</v>
      </c>
      <c r="AE10582" s="1"/>
    </row>
    <row r="10583" spans="1:31" ht="14.45">
      <c r="A10583" s="11"/>
      <c r="B10583" s="20"/>
      <c r="C10583" s="2" t="s">
        <v>32529</v>
      </c>
      <c r="D10583" s="14" t="s">
        <v>32530</v>
      </c>
      <c r="E10583" s="2" t="s">
        <v>32531</v>
      </c>
      <c r="F10583" s="2" t="s">
        <v>32532</v>
      </c>
      <c r="G10583" s="8">
        <v>149</v>
      </c>
      <c r="H10583" s="5">
        <v>5</v>
      </c>
      <c r="I10583" s="5" t="s">
        <v>69</v>
      </c>
      <c r="J10583" s="5" t="s">
        <v>27074</v>
      </c>
      <c r="K10583" s="2" t="s">
        <v>27075</v>
      </c>
      <c r="L10583" s="5" t="s">
        <v>27074</v>
      </c>
      <c r="M10583" s="2" t="s">
        <v>27075</v>
      </c>
      <c r="N10583" s="5" t="s">
        <v>24254</v>
      </c>
      <c r="O10583" s="5" t="s">
        <v>38</v>
      </c>
      <c r="P10583" s="5" t="s">
        <v>39</v>
      </c>
      <c r="Q10583" s="5" t="s">
        <v>40</v>
      </c>
      <c r="R10583" s="5" t="s">
        <v>24335</v>
      </c>
      <c r="S10583" s="5" t="s">
        <v>40</v>
      </c>
      <c r="T10583" s="5" t="s">
        <v>42</v>
      </c>
      <c r="U10583" s="2">
        <v>4.1760000000000002</v>
      </c>
      <c r="V10583" s="2">
        <v>2.7269999999999999</v>
      </c>
      <c r="W10583" s="2">
        <v>7.5999999999999998E-2</v>
      </c>
      <c r="X10583" s="2">
        <v>12</v>
      </c>
      <c r="Y10583" s="2">
        <v>50</v>
      </c>
      <c r="Z10583" s="2">
        <v>125.9</v>
      </c>
      <c r="AA10583" s="5">
        <v>10</v>
      </c>
      <c r="AB10583" s="5" t="s">
        <v>43</v>
      </c>
      <c r="AC10583" s="5" t="s">
        <v>44</v>
      </c>
      <c r="AD10583" s="2" t="s">
        <v>32528</v>
      </c>
      <c r="AE10583" s="1"/>
    </row>
    <row r="10584" spans="1:31" ht="14.45">
      <c r="A10584" s="11"/>
      <c r="B10584" s="20"/>
      <c r="C10584" s="2" t="s">
        <v>32533</v>
      </c>
      <c r="D10584" s="14" t="s">
        <v>32534</v>
      </c>
      <c r="E10584" s="2" t="s">
        <v>32535</v>
      </c>
      <c r="F10584" s="2" t="s">
        <v>32532</v>
      </c>
      <c r="G10584" s="8">
        <v>149</v>
      </c>
      <c r="H10584" s="5">
        <v>5</v>
      </c>
      <c r="I10584" s="5" t="s">
        <v>69</v>
      </c>
      <c r="J10584" s="5" t="s">
        <v>27074</v>
      </c>
      <c r="K10584" s="2" t="s">
        <v>27075</v>
      </c>
      <c r="L10584" s="5" t="s">
        <v>27074</v>
      </c>
      <c r="M10584" s="2" t="s">
        <v>27075</v>
      </c>
      <c r="N10584" s="5" t="s">
        <v>24254</v>
      </c>
      <c r="O10584" s="5" t="s">
        <v>38</v>
      </c>
      <c r="P10584" s="5" t="s">
        <v>39</v>
      </c>
      <c r="Q10584" s="5" t="s">
        <v>40</v>
      </c>
      <c r="R10584" s="5" t="s">
        <v>24335</v>
      </c>
      <c r="S10584" s="5" t="s">
        <v>40</v>
      </c>
      <c r="T10584" s="5" t="s">
        <v>42</v>
      </c>
      <c r="U10584" s="2">
        <v>4.4390000000000001</v>
      </c>
      <c r="V10584" s="2">
        <v>2.99</v>
      </c>
      <c r="W10584" s="2">
        <v>7.5999999999999998E-2</v>
      </c>
      <c r="X10584" s="2">
        <v>12</v>
      </c>
      <c r="Y10584" s="2">
        <v>50</v>
      </c>
      <c r="Z10584" s="2">
        <v>125.9</v>
      </c>
      <c r="AA10584" s="5">
        <v>10</v>
      </c>
      <c r="AB10584" s="5" t="s">
        <v>43</v>
      </c>
      <c r="AC10584" s="5" t="s">
        <v>44</v>
      </c>
      <c r="AD10584" s="2" t="s">
        <v>32536</v>
      </c>
      <c r="AE10584" s="1"/>
    </row>
    <row r="10585" spans="1:31" ht="14.45">
      <c r="A10585" s="11"/>
      <c r="B10585" s="20"/>
      <c r="C10585" s="2" t="s">
        <v>32537</v>
      </c>
      <c r="D10585" s="14" t="s">
        <v>32538</v>
      </c>
      <c r="E10585" s="2" t="s">
        <v>32539</v>
      </c>
      <c r="F10585" s="2" t="s">
        <v>32540</v>
      </c>
      <c r="G10585" s="8">
        <v>272</v>
      </c>
      <c r="H10585" s="5">
        <v>5</v>
      </c>
      <c r="I10585" s="5" t="s">
        <v>69</v>
      </c>
      <c r="J10585" s="5" t="s">
        <v>27074</v>
      </c>
      <c r="K10585" s="2" t="s">
        <v>27075</v>
      </c>
      <c r="L10585" s="5" t="s">
        <v>27074</v>
      </c>
      <c r="M10585" s="2" t="s">
        <v>27075</v>
      </c>
      <c r="N10585" s="5" t="s">
        <v>24254</v>
      </c>
      <c r="O10585" s="5" t="s">
        <v>38</v>
      </c>
      <c r="P10585" s="5" t="s">
        <v>39</v>
      </c>
      <c r="Q10585" s="5" t="s">
        <v>40</v>
      </c>
      <c r="R10585" s="5" t="s">
        <v>24335</v>
      </c>
      <c r="S10585" s="5" t="s">
        <v>40</v>
      </c>
      <c r="T10585" s="5" t="s">
        <v>42</v>
      </c>
      <c r="U10585" s="2">
        <v>9.5519999999999996</v>
      </c>
      <c r="V10585" s="2">
        <v>7.4829999999999997</v>
      </c>
      <c r="W10585" s="2">
        <v>0.14299999999999999</v>
      </c>
      <c r="X10585" s="2">
        <v>12</v>
      </c>
      <c r="Y10585" s="2">
        <v>77</v>
      </c>
      <c r="Z10585" s="2">
        <v>154.9</v>
      </c>
      <c r="AA10585" s="5">
        <v>8</v>
      </c>
      <c r="AB10585" s="5" t="s">
        <v>43</v>
      </c>
      <c r="AC10585" s="5" t="s">
        <v>44</v>
      </c>
      <c r="AD10585" s="2" t="s">
        <v>32541</v>
      </c>
      <c r="AE10585" s="1"/>
    </row>
    <row r="10586" spans="1:31" ht="14.45">
      <c r="A10586" s="11"/>
      <c r="B10586" s="20"/>
      <c r="C10586" s="2" t="s">
        <v>32542</v>
      </c>
      <c r="D10586" s="14" t="s">
        <v>32543</v>
      </c>
      <c r="E10586" s="2" t="s">
        <v>32544</v>
      </c>
      <c r="F10586" s="2" t="s">
        <v>32545</v>
      </c>
      <c r="G10586" s="8">
        <v>589</v>
      </c>
      <c r="H10586" s="5">
        <v>5</v>
      </c>
      <c r="I10586" s="5" t="s">
        <v>69</v>
      </c>
      <c r="J10586" s="5" t="s">
        <v>27074</v>
      </c>
      <c r="K10586" s="2" t="s">
        <v>27075</v>
      </c>
      <c r="L10586" s="5" t="s">
        <v>27074</v>
      </c>
      <c r="M10586" s="2" t="s">
        <v>27075</v>
      </c>
      <c r="N10586" s="5" t="s">
        <v>24254</v>
      </c>
      <c r="O10586" s="5" t="s">
        <v>38</v>
      </c>
      <c r="P10586" s="5" t="s">
        <v>39</v>
      </c>
      <c r="Q10586" s="5" t="s">
        <v>40</v>
      </c>
      <c r="R10586" s="5" t="s">
        <v>1487</v>
      </c>
      <c r="S10586" s="5"/>
      <c r="T10586" s="5" t="s">
        <v>42</v>
      </c>
      <c r="U10586" s="2">
        <v>0</v>
      </c>
      <c r="V10586" s="2">
        <v>0</v>
      </c>
      <c r="W10586" s="2">
        <v>0</v>
      </c>
      <c r="X10586" s="2">
        <v>0</v>
      </c>
      <c r="Y10586" s="2">
        <v>0</v>
      </c>
      <c r="Z10586" s="2">
        <v>0</v>
      </c>
      <c r="AA10586" s="5"/>
      <c r="AB10586" s="5" t="s">
        <v>43</v>
      </c>
      <c r="AC10586" s="5" t="s">
        <v>44</v>
      </c>
      <c r="AD10586" s="2" t="s">
        <v>32546</v>
      </c>
      <c r="AE10586" s="1"/>
    </row>
    <row r="10587" spans="1:31" ht="14.45">
      <c r="A10587" s="11"/>
      <c r="B10587" s="20"/>
      <c r="C10587" s="2" t="s">
        <v>32547</v>
      </c>
      <c r="D10587" s="14" t="s">
        <v>32548</v>
      </c>
      <c r="E10587" s="2" t="s">
        <v>32549</v>
      </c>
      <c r="F10587" s="2" t="s">
        <v>32550</v>
      </c>
      <c r="G10587" s="8">
        <v>589</v>
      </c>
      <c r="H10587" s="5">
        <v>15</v>
      </c>
      <c r="I10587" s="5" t="s">
        <v>69</v>
      </c>
      <c r="J10587" s="5" t="s">
        <v>27074</v>
      </c>
      <c r="K10587" s="2" t="s">
        <v>27075</v>
      </c>
      <c r="L10587" s="5" t="s">
        <v>27074</v>
      </c>
      <c r="M10587" s="2" t="s">
        <v>27075</v>
      </c>
      <c r="N10587" s="5" t="s">
        <v>24254</v>
      </c>
      <c r="O10587" s="5" t="s">
        <v>38</v>
      </c>
      <c r="P10587" s="5" t="s">
        <v>39</v>
      </c>
      <c r="Q10587" s="5" t="s">
        <v>40</v>
      </c>
      <c r="R10587" s="5" t="s">
        <v>1487</v>
      </c>
      <c r="S10587" s="5"/>
      <c r="T10587" s="5" t="s">
        <v>42</v>
      </c>
      <c r="U10587" s="2">
        <v>0</v>
      </c>
      <c r="V10587" s="2">
        <v>0</v>
      </c>
      <c r="W10587" s="2">
        <v>0</v>
      </c>
      <c r="X10587" s="2">
        <v>0</v>
      </c>
      <c r="Y10587" s="2">
        <v>0</v>
      </c>
      <c r="Z10587" s="2">
        <v>0</v>
      </c>
      <c r="AA10587" s="5"/>
      <c r="AB10587" s="5" t="s">
        <v>43</v>
      </c>
      <c r="AC10587" s="5" t="s">
        <v>44</v>
      </c>
      <c r="AD10587" s="2" t="s">
        <v>32551</v>
      </c>
      <c r="AE10587" s="1"/>
    </row>
    <row r="10588" spans="1:31" ht="14.45">
      <c r="A10588" s="11"/>
      <c r="B10588" s="20"/>
      <c r="C10588" s="2" t="s">
        <v>32552</v>
      </c>
      <c r="D10588" s="14" t="s">
        <v>32553</v>
      </c>
      <c r="E10588" s="2" t="s">
        <v>32554</v>
      </c>
      <c r="F10588" s="2" t="s">
        <v>32555</v>
      </c>
      <c r="G10588" s="8">
        <v>943</v>
      </c>
      <c r="H10588" s="5">
        <v>15</v>
      </c>
      <c r="I10588" s="5" t="s">
        <v>69</v>
      </c>
      <c r="J10588" s="5" t="s">
        <v>27074</v>
      </c>
      <c r="K10588" s="2" t="s">
        <v>27075</v>
      </c>
      <c r="L10588" s="5" t="s">
        <v>27074</v>
      </c>
      <c r="M10588" s="2" t="s">
        <v>27075</v>
      </c>
      <c r="N10588" s="5" t="s">
        <v>24254</v>
      </c>
      <c r="O10588" s="5" t="s">
        <v>38</v>
      </c>
      <c r="P10588" s="5" t="s">
        <v>39</v>
      </c>
      <c r="Q10588" s="5" t="s">
        <v>40</v>
      </c>
      <c r="R10588" s="5" t="s">
        <v>1487</v>
      </c>
      <c r="S10588" s="5"/>
      <c r="T10588" s="5" t="s">
        <v>42</v>
      </c>
      <c r="U10588" s="2">
        <v>0</v>
      </c>
      <c r="V10588" s="2">
        <v>0</v>
      </c>
      <c r="W10588" s="2">
        <v>0</v>
      </c>
      <c r="X10588" s="2">
        <v>0</v>
      </c>
      <c r="Y10588" s="2">
        <v>0</v>
      </c>
      <c r="Z10588" s="2">
        <v>0</v>
      </c>
      <c r="AA10588" s="5"/>
      <c r="AB10588" s="5" t="s">
        <v>43</v>
      </c>
      <c r="AC10588" s="5" t="s">
        <v>44</v>
      </c>
      <c r="AD10588" s="2" t="s">
        <v>32556</v>
      </c>
      <c r="AE10588" s="1"/>
    </row>
    <row r="10589" spans="1:31" ht="14.45">
      <c r="A10589" s="11"/>
      <c r="B10589" s="20"/>
      <c r="C10589" s="2" t="s">
        <v>32557</v>
      </c>
      <c r="D10589" s="14" t="s">
        <v>32558</v>
      </c>
      <c r="E10589" s="2" t="s">
        <v>32559</v>
      </c>
      <c r="F10589" s="2" t="s">
        <v>32560</v>
      </c>
      <c r="G10589" s="8">
        <v>943</v>
      </c>
      <c r="H10589" s="5">
        <v>15</v>
      </c>
      <c r="I10589" s="5" t="s">
        <v>69</v>
      </c>
      <c r="J10589" s="5" t="s">
        <v>27074</v>
      </c>
      <c r="K10589" s="2" t="s">
        <v>27075</v>
      </c>
      <c r="L10589" s="5" t="s">
        <v>27074</v>
      </c>
      <c r="M10589" s="2" t="s">
        <v>27075</v>
      </c>
      <c r="N10589" s="5" t="s">
        <v>24254</v>
      </c>
      <c r="O10589" s="5" t="s">
        <v>38</v>
      </c>
      <c r="P10589" s="5" t="s">
        <v>39</v>
      </c>
      <c r="Q10589" s="5" t="s">
        <v>40</v>
      </c>
      <c r="R10589" s="5" t="s">
        <v>1487</v>
      </c>
      <c r="S10589" s="5"/>
      <c r="T10589" s="5" t="s">
        <v>42</v>
      </c>
      <c r="U10589" s="2">
        <v>0</v>
      </c>
      <c r="V10589" s="2">
        <v>0</v>
      </c>
      <c r="W10589" s="2">
        <v>0</v>
      </c>
      <c r="X10589" s="2">
        <v>0</v>
      </c>
      <c r="Y10589" s="2">
        <v>0</v>
      </c>
      <c r="Z10589" s="2">
        <v>0</v>
      </c>
      <c r="AA10589" s="5"/>
      <c r="AB10589" s="5" t="s">
        <v>43</v>
      </c>
      <c r="AC10589" s="5" t="s">
        <v>44</v>
      </c>
      <c r="AD10589" s="2" t="s">
        <v>32561</v>
      </c>
      <c r="AE10589" s="1"/>
    </row>
    <row r="10590" spans="1:31" ht="14.45">
      <c r="A10590" s="11"/>
      <c r="B10590" s="20"/>
      <c r="C10590" s="2" t="s">
        <v>32562</v>
      </c>
      <c r="D10590" s="14" t="s">
        <v>32563</v>
      </c>
      <c r="E10590" s="2" t="s">
        <v>32564</v>
      </c>
      <c r="F10590" s="2" t="s">
        <v>32509</v>
      </c>
      <c r="G10590" s="8">
        <v>159</v>
      </c>
      <c r="H10590" s="5">
        <v>10</v>
      </c>
      <c r="I10590" s="5" t="s">
        <v>69</v>
      </c>
      <c r="J10590" s="5" t="s">
        <v>27074</v>
      </c>
      <c r="K10590" s="2" t="s">
        <v>27075</v>
      </c>
      <c r="L10590" s="5" t="s">
        <v>27074</v>
      </c>
      <c r="M10590" s="2" t="s">
        <v>27075</v>
      </c>
      <c r="N10590" s="5" t="s">
        <v>24254</v>
      </c>
      <c r="O10590" s="5" t="s">
        <v>38</v>
      </c>
      <c r="P10590" s="5" t="s">
        <v>39</v>
      </c>
      <c r="Q10590" s="5" t="s">
        <v>40</v>
      </c>
      <c r="R10590" s="5" t="s">
        <v>24335</v>
      </c>
      <c r="S10590" s="5" t="s">
        <v>40</v>
      </c>
      <c r="T10590" s="5" t="s">
        <v>42</v>
      </c>
      <c r="U10590" s="2">
        <v>6.55</v>
      </c>
      <c r="V10590" s="2">
        <v>5.0350000000000001</v>
      </c>
      <c r="W10590" s="2">
        <v>9.2999999999999999E-2</v>
      </c>
      <c r="X10590" s="2">
        <v>12</v>
      </c>
      <c r="Y10590" s="2">
        <v>50</v>
      </c>
      <c r="Z10590" s="2">
        <v>154.4</v>
      </c>
      <c r="AA10590" s="5">
        <v>8</v>
      </c>
      <c r="AB10590" s="5" t="s">
        <v>43</v>
      </c>
      <c r="AC10590" s="5" t="s">
        <v>44</v>
      </c>
      <c r="AD10590" s="2" t="s">
        <v>32510</v>
      </c>
      <c r="AE10590" s="1"/>
    </row>
    <row r="10591" spans="1:31" ht="14.45">
      <c r="A10591" s="11"/>
      <c r="B10591" s="20"/>
      <c r="C10591" s="2" t="s">
        <v>32565</v>
      </c>
      <c r="D10591" s="14" t="s">
        <v>32566</v>
      </c>
      <c r="E10591" s="2" t="s">
        <v>32567</v>
      </c>
      <c r="F10591" s="2" t="s">
        <v>32514</v>
      </c>
      <c r="G10591" s="8">
        <v>159</v>
      </c>
      <c r="H10591" s="5">
        <v>5</v>
      </c>
      <c r="I10591" s="5" t="s">
        <v>69</v>
      </c>
      <c r="J10591" s="5" t="s">
        <v>27074</v>
      </c>
      <c r="K10591" s="2" t="s">
        <v>27075</v>
      </c>
      <c r="L10591" s="5" t="s">
        <v>27074</v>
      </c>
      <c r="M10591" s="2" t="s">
        <v>27075</v>
      </c>
      <c r="N10591" s="5" t="s">
        <v>24254</v>
      </c>
      <c r="O10591" s="5" t="s">
        <v>38</v>
      </c>
      <c r="P10591" s="5" t="s">
        <v>39</v>
      </c>
      <c r="Q10591" s="5" t="s">
        <v>40</v>
      </c>
      <c r="R10591" s="5" t="s">
        <v>24335</v>
      </c>
      <c r="S10591" s="5" t="s">
        <v>40</v>
      </c>
      <c r="T10591" s="5" t="s">
        <v>42</v>
      </c>
      <c r="U10591" s="2">
        <v>5.9260000000000002</v>
      </c>
      <c r="V10591" s="2">
        <v>4.2649999999999997</v>
      </c>
      <c r="W10591" s="2">
        <v>9.2999999999999999E-2</v>
      </c>
      <c r="X10591" s="2">
        <v>12</v>
      </c>
      <c r="Y10591" s="2">
        <v>50</v>
      </c>
      <c r="Z10591" s="2">
        <v>154.4</v>
      </c>
      <c r="AA10591" s="5">
        <v>8</v>
      </c>
      <c r="AB10591" s="5" t="s">
        <v>43</v>
      </c>
      <c r="AC10591" s="5" t="s">
        <v>44</v>
      </c>
      <c r="AD10591" s="2" t="s">
        <v>32510</v>
      </c>
      <c r="AE10591" s="1"/>
    </row>
    <row r="10592" spans="1:31" ht="14.45">
      <c r="A10592" s="11"/>
      <c r="B10592" s="20"/>
      <c r="C10592" s="2" t="s">
        <v>32568</v>
      </c>
      <c r="D10592" s="14" t="s">
        <v>32569</v>
      </c>
      <c r="E10592" s="2" t="s">
        <v>32570</v>
      </c>
      <c r="F10592" s="2" t="s">
        <v>32518</v>
      </c>
      <c r="G10592" s="8">
        <v>159</v>
      </c>
      <c r="H10592" s="5">
        <v>10</v>
      </c>
      <c r="I10592" s="5" t="s">
        <v>69</v>
      </c>
      <c r="J10592" s="5" t="s">
        <v>27074</v>
      </c>
      <c r="K10592" s="2" t="s">
        <v>27075</v>
      </c>
      <c r="L10592" s="5" t="s">
        <v>27074</v>
      </c>
      <c r="M10592" s="2" t="s">
        <v>27075</v>
      </c>
      <c r="N10592" s="5" t="s">
        <v>24254</v>
      </c>
      <c r="O10592" s="5" t="s">
        <v>38</v>
      </c>
      <c r="P10592" s="5" t="s">
        <v>39</v>
      </c>
      <c r="Q10592" s="5" t="s">
        <v>40</v>
      </c>
      <c r="R10592" s="5" t="s">
        <v>24335</v>
      </c>
      <c r="S10592" s="5" t="s">
        <v>40</v>
      </c>
      <c r="T10592" s="5" t="s">
        <v>42</v>
      </c>
      <c r="U10592" s="2">
        <v>4.7359999999999998</v>
      </c>
      <c r="V10592" s="2">
        <v>3.2549999999999999</v>
      </c>
      <c r="W10592" s="2">
        <v>9.2999999999999999E-2</v>
      </c>
      <c r="X10592" s="2">
        <v>12</v>
      </c>
      <c r="Y10592" s="2">
        <v>50</v>
      </c>
      <c r="Z10592" s="2">
        <v>154.4</v>
      </c>
      <c r="AA10592" s="5">
        <v>8</v>
      </c>
      <c r="AB10592" s="5" t="s">
        <v>43</v>
      </c>
      <c r="AC10592" s="5" t="s">
        <v>44</v>
      </c>
      <c r="AD10592" s="2" t="s">
        <v>32510</v>
      </c>
      <c r="AE10592" s="1"/>
    </row>
    <row r="10593" spans="1:31" ht="14.45">
      <c r="A10593" s="11"/>
      <c r="B10593" s="20"/>
      <c r="C10593" s="2" t="s">
        <v>32571</v>
      </c>
      <c r="D10593" s="14" t="s">
        <v>32572</v>
      </c>
      <c r="E10593" s="2" t="s">
        <v>32573</v>
      </c>
      <c r="F10593" s="2" t="s">
        <v>32522</v>
      </c>
      <c r="G10593" s="8">
        <v>159</v>
      </c>
      <c r="H10593" s="5">
        <v>5</v>
      </c>
      <c r="I10593" s="5" t="s">
        <v>69</v>
      </c>
      <c r="J10593" s="5" t="s">
        <v>27074</v>
      </c>
      <c r="K10593" s="2" t="s">
        <v>27075</v>
      </c>
      <c r="L10593" s="5" t="s">
        <v>27074</v>
      </c>
      <c r="M10593" s="2" t="s">
        <v>27075</v>
      </c>
      <c r="N10593" s="5" t="s">
        <v>24254</v>
      </c>
      <c r="O10593" s="5" t="s">
        <v>38</v>
      </c>
      <c r="P10593" s="5" t="s">
        <v>39</v>
      </c>
      <c r="Q10593" s="5" t="s">
        <v>40</v>
      </c>
      <c r="R10593" s="5" t="s">
        <v>24335</v>
      </c>
      <c r="S10593" s="5" t="s">
        <v>40</v>
      </c>
      <c r="T10593" s="5" t="s">
        <v>42</v>
      </c>
      <c r="U10593" s="2">
        <v>5.3879999999999999</v>
      </c>
      <c r="V10593" s="2">
        <v>3.762</v>
      </c>
      <c r="W10593" s="2">
        <v>9.2999999999999999E-2</v>
      </c>
      <c r="X10593" s="2">
        <v>12</v>
      </c>
      <c r="Y10593" s="2">
        <v>50</v>
      </c>
      <c r="Z10593" s="2">
        <v>154.4</v>
      </c>
      <c r="AA10593" s="5">
        <v>10</v>
      </c>
      <c r="AB10593" s="5" t="s">
        <v>43</v>
      </c>
      <c r="AC10593" s="5" t="s">
        <v>44</v>
      </c>
      <c r="AD10593" s="2" t="s">
        <v>32523</v>
      </c>
      <c r="AE10593" s="1"/>
    </row>
    <row r="10594" spans="1:31" ht="14.45">
      <c r="A10594" s="11"/>
      <c r="B10594" s="20"/>
      <c r="C10594" s="2" t="s">
        <v>32574</v>
      </c>
      <c r="D10594" s="14" t="s">
        <v>32575</v>
      </c>
      <c r="E10594" s="2" t="s">
        <v>32576</v>
      </c>
      <c r="F10594" s="2" t="s">
        <v>32522</v>
      </c>
      <c r="G10594" s="8">
        <v>159</v>
      </c>
      <c r="H10594" s="5">
        <v>5</v>
      </c>
      <c r="I10594" s="5" t="s">
        <v>69</v>
      </c>
      <c r="J10594" s="5" t="s">
        <v>27074</v>
      </c>
      <c r="K10594" s="2" t="s">
        <v>27075</v>
      </c>
      <c r="L10594" s="5" t="s">
        <v>27074</v>
      </c>
      <c r="M10594" s="2" t="s">
        <v>27075</v>
      </c>
      <c r="N10594" s="5" t="s">
        <v>24254</v>
      </c>
      <c r="O10594" s="5" t="s">
        <v>38</v>
      </c>
      <c r="P10594" s="5" t="s">
        <v>39</v>
      </c>
      <c r="Q10594" s="5" t="s">
        <v>40</v>
      </c>
      <c r="R10594" s="5" t="s">
        <v>24335</v>
      </c>
      <c r="S10594" s="5" t="s">
        <v>40</v>
      </c>
      <c r="T10594" s="5" t="s">
        <v>42</v>
      </c>
      <c r="U10594" s="2">
        <v>5.625</v>
      </c>
      <c r="V10594" s="2">
        <v>3.9990000000000001</v>
      </c>
      <c r="W10594" s="2">
        <v>9.2999999999999999E-2</v>
      </c>
      <c r="X10594" s="2">
        <v>12</v>
      </c>
      <c r="Y10594" s="2">
        <v>50</v>
      </c>
      <c r="Z10594" s="2">
        <v>154.4</v>
      </c>
      <c r="AA10594" s="5">
        <v>10</v>
      </c>
      <c r="AB10594" s="5" t="s">
        <v>43</v>
      </c>
      <c r="AC10594" s="5" t="s">
        <v>44</v>
      </c>
      <c r="AD10594" s="2" t="s">
        <v>32577</v>
      </c>
      <c r="AE10594" s="1"/>
    </row>
    <row r="10595" spans="1:31" ht="14.45">
      <c r="A10595" s="11"/>
      <c r="B10595" s="20"/>
      <c r="C10595" s="2" t="s">
        <v>32578</v>
      </c>
      <c r="D10595" s="14" t="s">
        <v>32579</v>
      </c>
      <c r="E10595" s="2" t="s">
        <v>32580</v>
      </c>
      <c r="F10595" s="2" t="s">
        <v>32527</v>
      </c>
      <c r="G10595" s="8">
        <v>159</v>
      </c>
      <c r="H10595" s="5">
        <v>5</v>
      </c>
      <c r="I10595" s="5" t="s">
        <v>69</v>
      </c>
      <c r="J10595" s="5" t="s">
        <v>27074</v>
      </c>
      <c r="K10595" s="2" t="s">
        <v>27075</v>
      </c>
      <c r="L10595" s="5" t="s">
        <v>27074</v>
      </c>
      <c r="M10595" s="2" t="s">
        <v>27075</v>
      </c>
      <c r="N10595" s="5" t="s">
        <v>24254</v>
      </c>
      <c r="O10595" s="5" t="s">
        <v>38</v>
      </c>
      <c r="P10595" s="5" t="s">
        <v>39</v>
      </c>
      <c r="Q10595" s="5" t="s">
        <v>40</v>
      </c>
      <c r="R10595" s="5" t="s">
        <v>24335</v>
      </c>
      <c r="S10595" s="5" t="s">
        <v>40</v>
      </c>
      <c r="T10595" s="5" t="s">
        <v>42</v>
      </c>
      <c r="U10595" s="2">
        <v>4.5030000000000001</v>
      </c>
      <c r="V10595" s="2">
        <v>2.8769999999999998</v>
      </c>
      <c r="W10595" s="2">
        <v>9.2999999999999999E-2</v>
      </c>
      <c r="X10595" s="2">
        <v>12</v>
      </c>
      <c r="Y10595" s="2">
        <v>50</v>
      </c>
      <c r="Z10595" s="2">
        <v>154.4</v>
      </c>
      <c r="AA10595" s="5">
        <v>10</v>
      </c>
      <c r="AB10595" s="5" t="s">
        <v>43</v>
      </c>
      <c r="AC10595" s="5" t="s">
        <v>44</v>
      </c>
      <c r="AD10595" s="2" t="s">
        <v>32528</v>
      </c>
      <c r="AE10595" s="1"/>
    </row>
    <row r="10596" spans="1:31" ht="14.45">
      <c r="A10596" s="11"/>
      <c r="B10596" s="20"/>
      <c r="C10596" s="2" t="s">
        <v>32581</v>
      </c>
      <c r="D10596" s="14" t="s">
        <v>32582</v>
      </c>
      <c r="E10596" s="2" t="s">
        <v>32583</v>
      </c>
      <c r="F10596" s="2" t="s">
        <v>32527</v>
      </c>
      <c r="G10596" s="8">
        <v>159</v>
      </c>
      <c r="H10596" s="5">
        <v>5</v>
      </c>
      <c r="I10596" s="5" t="s">
        <v>69</v>
      </c>
      <c r="J10596" s="5" t="s">
        <v>27074</v>
      </c>
      <c r="K10596" s="2" t="s">
        <v>27075</v>
      </c>
      <c r="L10596" s="5" t="s">
        <v>27074</v>
      </c>
      <c r="M10596" s="2" t="s">
        <v>27075</v>
      </c>
      <c r="N10596" s="5" t="s">
        <v>24254</v>
      </c>
      <c r="O10596" s="5" t="s">
        <v>38</v>
      </c>
      <c r="P10596" s="5" t="s">
        <v>39</v>
      </c>
      <c r="Q10596" s="5" t="s">
        <v>40</v>
      </c>
      <c r="R10596" s="5" t="s">
        <v>24335</v>
      </c>
      <c r="S10596" s="5" t="s">
        <v>40</v>
      </c>
      <c r="T10596" s="5" t="s">
        <v>42</v>
      </c>
      <c r="U10596" s="2">
        <v>4.84</v>
      </c>
      <c r="V10596" s="2">
        <v>3.214</v>
      </c>
      <c r="W10596" s="2">
        <v>9.2999999999999999E-2</v>
      </c>
      <c r="X10596" s="2">
        <v>12</v>
      </c>
      <c r="Y10596" s="2">
        <v>50</v>
      </c>
      <c r="Z10596" s="2">
        <v>154.4</v>
      </c>
      <c r="AA10596" s="5">
        <v>10</v>
      </c>
      <c r="AB10596" s="5" t="s">
        <v>43</v>
      </c>
      <c r="AC10596" s="5" t="s">
        <v>44</v>
      </c>
      <c r="AD10596" s="2" t="s">
        <v>32536</v>
      </c>
      <c r="AE10596" s="1"/>
    </row>
    <row r="10597" spans="1:31" ht="14.45">
      <c r="A10597" s="11"/>
      <c r="B10597" s="20"/>
      <c r="C10597" s="2" t="s">
        <v>32584</v>
      </c>
      <c r="D10597" s="14" t="s">
        <v>32585</v>
      </c>
      <c r="E10597" s="2" t="s">
        <v>32586</v>
      </c>
      <c r="F10597" s="2" t="s">
        <v>32532</v>
      </c>
      <c r="G10597" s="8">
        <v>159</v>
      </c>
      <c r="H10597" s="5">
        <v>5</v>
      </c>
      <c r="I10597" s="5" t="s">
        <v>69</v>
      </c>
      <c r="J10597" s="5" t="s">
        <v>27074</v>
      </c>
      <c r="K10597" s="2" t="s">
        <v>27075</v>
      </c>
      <c r="L10597" s="5" t="s">
        <v>27074</v>
      </c>
      <c r="M10597" s="2" t="s">
        <v>27075</v>
      </c>
      <c r="N10597" s="5" t="s">
        <v>24254</v>
      </c>
      <c r="O10597" s="5" t="s">
        <v>38</v>
      </c>
      <c r="P10597" s="5" t="s">
        <v>39</v>
      </c>
      <c r="Q10597" s="5" t="s">
        <v>40</v>
      </c>
      <c r="R10597" s="5" t="s">
        <v>24335</v>
      </c>
      <c r="S10597" s="5" t="s">
        <v>40</v>
      </c>
      <c r="T10597" s="5" t="s">
        <v>42</v>
      </c>
      <c r="U10597" s="2">
        <v>4.5439999999999996</v>
      </c>
      <c r="V10597" s="2">
        <v>3.0950000000000002</v>
      </c>
      <c r="W10597" s="2">
        <v>9.2999999999999999E-2</v>
      </c>
      <c r="X10597" s="2">
        <v>12</v>
      </c>
      <c r="Y10597" s="2">
        <v>50</v>
      </c>
      <c r="Z10597" s="2">
        <v>154.4</v>
      </c>
      <c r="AA10597" s="5">
        <v>10</v>
      </c>
      <c r="AB10597" s="5" t="s">
        <v>43</v>
      </c>
      <c r="AC10597" s="5" t="s">
        <v>44</v>
      </c>
      <c r="AD10597" s="2" t="s">
        <v>32528</v>
      </c>
      <c r="AE10597" s="1"/>
    </row>
    <row r="10598" spans="1:31" ht="14.45">
      <c r="A10598" s="11"/>
      <c r="B10598" s="20"/>
      <c r="C10598" s="2" t="s">
        <v>32587</v>
      </c>
      <c r="D10598" s="14" t="s">
        <v>32588</v>
      </c>
      <c r="E10598" s="2" t="s">
        <v>32589</v>
      </c>
      <c r="F10598" s="2" t="s">
        <v>32532</v>
      </c>
      <c r="G10598" s="8">
        <v>159</v>
      </c>
      <c r="H10598" s="5">
        <v>5</v>
      </c>
      <c r="I10598" s="5" t="s">
        <v>69</v>
      </c>
      <c r="J10598" s="5" t="s">
        <v>27074</v>
      </c>
      <c r="K10598" s="2" t="s">
        <v>27075</v>
      </c>
      <c r="L10598" s="5" t="s">
        <v>27074</v>
      </c>
      <c r="M10598" s="2" t="s">
        <v>27075</v>
      </c>
      <c r="N10598" s="5" t="s">
        <v>24254</v>
      </c>
      <c r="O10598" s="5" t="s">
        <v>38</v>
      </c>
      <c r="P10598" s="5" t="s">
        <v>39</v>
      </c>
      <c r="Q10598" s="5" t="s">
        <v>40</v>
      </c>
      <c r="R10598" s="5" t="s">
        <v>24335</v>
      </c>
      <c r="S10598" s="5" t="s">
        <v>40</v>
      </c>
      <c r="T10598" s="5" t="s">
        <v>42</v>
      </c>
      <c r="U10598" s="2">
        <v>4.8070000000000004</v>
      </c>
      <c r="V10598" s="2">
        <v>3.3580000000000001</v>
      </c>
      <c r="W10598" s="2">
        <v>9.2999999999999999E-2</v>
      </c>
      <c r="X10598" s="2">
        <v>12</v>
      </c>
      <c r="Y10598" s="2">
        <v>50</v>
      </c>
      <c r="Z10598" s="2">
        <v>154.4</v>
      </c>
      <c r="AA10598" s="5">
        <v>10</v>
      </c>
      <c r="AB10598" s="5" t="s">
        <v>43</v>
      </c>
      <c r="AC10598" s="5" t="s">
        <v>44</v>
      </c>
      <c r="AD10598" s="2" t="s">
        <v>32536</v>
      </c>
      <c r="AE10598" s="1"/>
    </row>
    <row r="10599" spans="1:31" ht="14.45">
      <c r="A10599" s="11"/>
      <c r="B10599" s="20"/>
      <c r="C10599" s="2" t="s">
        <v>32590</v>
      </c>
      <c r="D10599" s="14" t="s">
        <v>32591</v>
      </c>
      <c r="E10599" s="2" t="s">
        <v>32592</v>
      </c>
      <c r="F10599" s="2" t="s">
        <v>32540</v>
      </c>
      <c r="G10599" s="8">
        <v>288</v>
      </c>
      <c r="H10599" s="5">
        <v>5</v>
      </c>
      <c r="I10599" s="5" t="s">
        <v>69</v>
      </c>
      <c r="J10599" s="5" t="s">
        <v>27074</v>
      </c>
      <c r="K10599" s="2" t="s">
        <v>27075</v>
      </c>
      <c r="L10599" s="5" t="s">
        <v>27074</v>
      </c>
      <c r="M10599" s="2" t="s">
        <v>27075</v>
      </c>
      <c r="N10599" s="5" t="s">
        <v>24254</v>
      </c>
      <c r="O10599" s="5" t="s">
        <v>38</v>
      </c>
      <c r="P10599" s="5" t="s">
        <v>39</v>
      </c>
      <c r="Q10599" s="5" t="s">
        <v>40</v>
      </c>
      <c r="R10599" s="5" t="s">
        <v>24335</v>
      </c>
      <c r="S10599" s="5" t="s">
        <v>40</v>
      </c>
      <c r="T10599" s="5" t="s">
        <v>42</v>
      </c>
      <c r="U10599" s="2">
        <v>10.304</v>
      </c>
      <c r="V10599" s="2">
        <v>8.2349999999999994</v>
      </c>
      <c r="W10599" s="2">
        <v>0.14299999999999999</v>
      </c>
      <c r="X10599" s="2">
        <v>12</v>
      </c>
      <c r="Y10599" s="2">
        <v>77</v>
      </c>
      <c r="Z10599" s="2">
        <v>154.9</v>
      </c>
      <c r="AA10599" s="5">
        <v>8</v>
      </c>
      <c r="AB10599" s="5" t="s">
        <v>43</v>
      </c>
      <c r="AC10599" s="5" t="s">
        <v>44</v>
      </c>
      <c r="AD10599" s="2" t="s">
        <v>32541</v>
      </c>
      <c r="AE10599" s="1"/>
    </row>
    <row r="10600" spans="1:31" ht="14.45">
      <c r="A10600" s="11"/>
      <c r="B10600" s="20"/>
      <c r="C10600" s="2" t="s">
        <v>32593</v>
      </c>
      <c r="D10600" s="14" t="s">
        <v>32594</v>
      </c>
      <c r="E10600" s="2" t="s">
        <v>32595</v>
      </c>
      <c r="F10600" s="2" t="s">
        <v>32545</v>
      </c>
      <c r="G10600" s="8">
        <v>610</v>
      </c>
      <c r="H10600" s="5">
        <v>5</v>
      </c>
      <c r="I10600" s="5" t="s">
        <v>69</v>
      </c>
      <c r="J10600" s="5" t="s">
        <v>27074</v>
      </c>
      <c r="K10600" s="2" t="s">
        <v>27075</v>
      </c>
      <c r="L10600" s="5" t="s">
        <v>27074</v>
      </c>
      <c r="M10600" s="2" t="s">
        <v>27075</v>
      </c>
      <c r="N10600" s="5" t="s">
        <v>24254</v>
      </c>
      <c r="O10600" s="5" t="s">
        <v>38</v>
      </c>
      <c r="P10600" s="5" t="s">
        <v>39</v>
      </c>
      <c r="Q10600" s="5" t="s">
        <v>40</v>
      </c>
      <c r="R10600" s="5" t="s">
        <v>1487</v>
      </c>
      <c r="S10600" s="5"/>
      <c r="T10600" s="5" t="s">
        <v>42</v>
      </c>
      <c r="U10600" s="2">
        <v>0</v>
      </c>
      <c r="V10600" s="2">
        <v>0</v>
      </c>
      <c r="W10600" s="2">
        <v>0</v>
      </c>
      <c r="X10600" s="2">
        <v>0</v>
      </c>
      <c r="Y10600" s="2">
        <v>0</v>
      </c>
      <c r="Z10600" s="2">
        <v>0</v>
      </c>
      <c r="AA10600" s="5"/>
      <c r="AB10600" s="5" t="s">
        <v>43</v>
      </c>
      <c r="AC10600" s="5" t="s">
        <v>44</v>
      </c>
      <c r="AD10600" s="2" t="s">
        <v>32546</v>
      </c>
      <c r="AE10600" s="1"/>
    </row>
    <row r="10601" spans="1:31" ht="14.45">
      <c r="A10601" s="11"/>
      <c r="B10601" s="20"/>
      <c r="C10601" s="2" t="s">
        <v>32596</v>
      </c>
      <c r="D10601" s="14" t="s">
        <v>32597</v>
      </c>
      <c r="E10601" s="2" t="s">
        <v>32598</v>
      </c>
      <c r="F10601" s="2" t="s">
        <v>32550</v>
      </c>
      <c r="G10601" s="8">
        <v>610</v>
      </c>
      <c r="H10601" s="5">
        <v>15</v>
      </c>
      <c r="I10601" s="5" t="s">
        <v>69</v>
      </c>
      <c r="J10601" s="5" t="s">
        <v>27074</v>
      </c>
      <c r="K10601" s="2" t="s">
        <v>27075</v>
      </c>
      <c r="L10601" s="5" t="s">
        <v>27074</v>
      </c>
      <c r="M10601" s="2" t="s">
        <v>27075</v>
      </c>
      <c r="N10601" s="5" t="s">
        <v>24254</v>
      </c>
      <c r="O10601" s="5" t="s">
        <v>38</v>
      </c>
      <c r="P10601" s="5" t="s">
        <v>39</v>
      </c>
      <c r="Q10601" s="5" t="s">
        <v>40</v>
      </c>
      <c r="R10601" s="5" t="s">
        <v>1487</v>
      </c>
      <c r="S10601" s="5"/>
      <c r="T10601" s="5" t="s">
        <v>42</v>
      </c>
      <c r="U10601" s="2">
        <v>0</v>
      </c>
      <c r="V10601" s="2">
        <v>0</v>
      </c>
      <c r="W10601" s="2">
        <v>0</v>
      </c>
      <c r="X10601" s="2">
        <v>0</v>
      </c>
      <c r="Y10601" s="2">
        <v>0</v>
      </c>
      <c r="Z10601" s="2">
        <v>0</v>
      </c>
      <c r="AA10601" s="5"/>
      <c r="AB10601" s="5" t="s">
        <v>43</v>
      </c>
      <c r="AC10601" s="5" t="s">
        <v>44</v>
      </c>
      <c r="AD10601" s="2" t="s">
        <v>32551</v>
      </c>
      <c r="AE10601" s="1"/>
    </row>
    <row r="10602" spans="1:31" ht="14.45">
      <c r="A10602" s="11"/>
      <c r="B10602" s="20"/>
      <c r="C10602" s="2" t="s">
        <v>32599</v>
      </c>
      <c r="D10602" s="14" t="s">
        <v>32600</v>
      </c>
      <c r="E10602" s="2" t="s">
        <v>32601</v>
      </c>
      <c r="F10602" s="2" t="s">
        <v>32555</v>
      </c>
      <c r="G10602" s="8">
        <v>979</v>
      </c>
      <c r="H10602" s="5">
        <v>15</v>
      </c>
      <c r="I10602" s="5" t="s">
        <v>69</v>
      </c>
      <c r="J10602" s="5" t="s">
        <v>27074</v>
      </c>
      <c r="K10602" s="2" t="s">
        <v>27075</v>
      </c>
      <c r="L10602" s="5" t="s">
        <v>27074</v>
      </c>
      <c r="M10602" s="2" t="s">
        <v>27075</v>
      </c>
      <c r="N10602" s="5" t="s">
        <v>24254</v>
      </c>
      <c r="O10602" s="5" t="s">
        <v>38</v>
      </c>
      <c r="P10602" s="5" t="s">
        <v>39</v>
      </c>
      <c r="Q10602" s="5" t="s">
        <v>40</v>
      </c>
      <c r="R10602" s="5" t="s">
        <v>1487</v>
      </c>
      <c r="S10602" s="5"/>
      <c r="T10602" s="5" t="s">
        <v>42</v>
      </c>
      <c r="U10602" s="2">
        <v>0</v>
      </c>
      <c r="V10602" s="2">
        <v>0</v>
      </c>
      <c r="W10602" s="2">
        <v>0</v>
      </c>
      <c r="X10602" s="2">
        <v>0</v>
      </c>
      <c r="Y10602" s="2">
        <v>0</v>
      </c>
      <c r="Z10602" s="2">
        <v>0</v>
      </c>
      <c r="AA10602" s="5"/>
      <c r="AB10602" s="5" t="s">
        <v>43</v>
      </c>
      <c r="AC10602" s="5" t="s">
        <v>44</v>
      </c>
      <c r="AD10602" s="2" t="s">
        <v>32556</v>
      </c>
      <c r="AE10602" s="1"/>
    </row>
    <row r="10603" spans="1:31" ht="14.45">
      <c r="A10603" s="11"/>
      <c r="B10603" s="20"/>
      <c r="C10603" s="2" t="s">
        <v>32602</v>
      </c>
      <c r="D10603" s="14" t="s">
        <v>32603</v>
      </c>
      <c r="E10603" s="2" t="s">
        <v>32604</v>
      </c>
      <c r="F10603" s="2" t="s">
        <v>32560</v>
      </c>
      <c r="G10603" s="8">
        <v>979</v>
      </c>
      <c r="H10603" s="5">
        <v>15</v>
      </c>
      <c r="I10603" s="5" t="s">
        <v>69</v>
      </c>
      <c r="J10603" s="5" t="s">
        <v>27074</v>
      </c>
      <c r="K10603" s="2" t="s">
        <v>27075</v>
      </c>
      <c r="L10603" s="5" t="s">
        <v>27074</v>
      </c>
      <c r="M10603" s="2" t="s">
        <v>27075</v>
      </c>
      <c r="N10603" s="5" t="s">
        <v>24254</v>
      </c>
      <c r="O10603" s="5" t="s">
        <v>38</v>
      </c>
      <c r="P10603" s="5" t="s">
        <v>39</v>
      </c>
      <c r="Q10603" s="5" t="s">
        <v>40</v>
      </c>
      <c r="R10603" s="5" t="s">
        <v>1487</v>
      </c>
      <c r="S10603" s="5"/>
      <c r="T10603" s="5" t="s">
        <v>42</v>
      </c>
      <c r="U10603" s="2">
        <v>0</v>
      </c>
      <c r="V10603" s="2">
        <v>0</v>
      </c>
      <c r="W10603" s="2">
        <v>0</v>
      </c>
      <c r="X10603" s="2">
        <v>0</v>
      </c>
      <c r="Y10603" s="2">
        <v>0</v>
      </c>
      <c r="Z10603" s="2">
        <v>0</v>
      </c>
      <c r="AA10603" s="5"/>
      <c r="AB10603" s="5" t="s">
        <v>43</v>
      </c>
      <c r="AC10603" s="5" t="s">
        <v>44</v>
      </c>
      <c r="AD10603" s="2" t="s">
        <v>32561</v>
      </c>
      <c r="AE10603" s="1"/>
    </row>
    <row r="10604" spans="1:31" ht="14.45">
      <c r="A10604" s="11"/>
      <c r="B10604" s="20"/>
      <c r="C10604" s="2" t="s">
        <v>32605</v>
      </c>
      <c r="D10604" s="14" t="s">
        <v>32606</v>
      </c>
      <c r="E10604" s="2" t="s">
        <v>32607</v>
      </c>
      <c r="F10604" s="2" t="s">
        <v>32514</v>
      </c>
      <c r="G10604" s="8">
        <v>164</v>
      </c>
      <c r="H10604" s="5">
        <v>5</v>
      </c>
      <c r="I10604" s="5" t="s">
        <v>69</v>
      </c>
      <c r="J10604" s="5" t="s">
        <v>27074</v>
      </c>
      <c r="K10604" s="2" t="s">
        <v>27075</v>
      </c>
      <c r="L10604" s="5" t="s">
        <v>27074</v>
      </c>
      <c r="M10604" s="2" t="s">
        <v>27075</v>
      </c>
      <c r="N10604" s="5" t="s">
        <v>24254</v>
      </c>
      <c r="O10604" s="5" t="s">
        <v>38</v>
      </c>
      <c r="P10604" s="5" t="s">
        <v>39</v>
      </c>
      <c r="Q10604" s="5" t="s">
        <v>40</v>
      </c>
      <c r="R10604" s="5" t="s">
        <v>24335</v>
      </c>
      <c r="S10604" s="5" t="s">
        <v>40</v>
      </c>
      <c r="T10604" s="5" t="s">
        <v>42</v>
      </c>
      <c r="U10604" s="2">
        <v>6.2850000000000001</v>
      </c>
      <c r="V10604" s="2">
        <v>4.6239999999999997</v>
      </c>
      <c r="W10604" s="2">
        <v>9.2999999999999999E-2</v>
      </c>
      <c r="X10604" s="2">
        <v>12</v>
      </c>
      <c r="Y10604" s="2">
        <v>50</v>
      </c>
      <c r="Z10604" s="2">
        <v>154.4</v>
      </c>
      <c r="AA10604" s="5">
        <v>8</v>
      </c>
      <c r="AB10604" s="5" t="s">
        <v>43</v>
      </c>
      <c r="AC10604" s="5" t="s">
        <v>44</v>
      </c>
      <c r="AD10604" s="2" t="s">
        <v>32510</v>
      </c>
      <c r="AE10604" s="1"/>
    </row>
    <row r="10605" spans="1:31" ht="14.45">
      <c r="A10605" s="11"/>
      <c r="B10605" s="20"/>
      <c r="C10605" s="2" t="s">
        <v>32608</v>
      </c>
      <c r="D10605" s="14" t="s">
        <v>32609</v>
      </c>
      <c r="E10605" s="2" t="s">
        <v>32610</v>
      </c>
      <c r="F10605" s="2" t="s">
        <v>32522</v>
      </c>
      <c r="G10605" s="8">
        <v>164</v>
      </c>
      <c r="H10605" s="5">
        <v>5</v>
      </c>
      <c r="I10605" s="5" t="s">
        <v>69</v>
      </c>
      <c r="J10605" s="5" t="s">
        <v>27074</v>
      </c>
      <c r="K10605" s="2" t="s">
        <v>27075</v>
      </c>
      <c r="L10605" s="5" t="s">
        <v>27074</v>
      </c>
      <c r="M10605" s="2" t="s">
        <v>27075</v>
      </c>
      <c r="N10605" s="5" t="s">
        <v>24254</v>
      </c>
      <c r="O10605" s="5" t="s">
        <v>38</v>
      </c>
      <c r="P10605" s="5" t="s">
        <v>39</v>
      </c>
      <c r="Q10605" s="5" t="s">
        <v>40</v>
      </c>
      <c r="R10605" s="5" t="s">
        <v>24335</v>
      </c>
      <c r="S10605" s="5" t="s">
        <v>40</v>
      </c>
      <c r="T10605" s="5" t="s">
        <v>42</v>
      </c>
      <c r="U10605" s="2">
        <v>5.8319999999999999</v>
      </c>
      <c r="V10605" s="2">
        <v>4.2060000000000004</v>
      </c>
      <c r="W10605" s="2">
        <v>9.2999999999999999E-2</v>
      </c>
      <c r="X10605" s="2">
        <v>12</v>
      </c>
      <c r="Y10605" s="2">
        <v>50</v>
      </c>
      <c r="Z10605" s="2">
        <v>154.4</v>
      </c>
      <c r="AA10605" s="5">
        <v>10</v>
      </c>
      <c r="AB10605" s="5" t="s">
        <v>43</v>
      </c>
      <c r="AC10605" s="5" t="s">
        <v>44</v>
      </c>
      <c r="AD10605" s="2" t="s">
        <v>32523</v>
      </c>
      <c r="AE10605" s="1"/>
    </row>
    <row r="10606" spans="1:31" ht="14.45">
      <c r="A10606" s="11"/>
      <c r="B10606" s="20"/>
      <c r="C10606" s="2" t="s">
        <v>32611</v>
      </c>
      <c r="D10606" s="14" t="s">
        <v>32612</v>
      </c>
      <c r="E10606" s="2" t="s">
        <v>32613</v>
      </c>
      <c r="F10606" s="2" t="s">
        <v>32527</v>
      </c>
      <c r="G10606" s="8">
        <v>164</v>
      </c>
      <c r="H10606" s="5">
        <v>5</v>
      </c>
      <c r="I10606" s="5" t="s">
        <v>69</v>
      </c>
      <c r="J10606" s="5" t="s">
        <v>27074</v>
      </c>
      <c r="K10606" s="2" t="s">
        <v>27075</v>
      </c>
      <c r="L10606" s="5" t="s">
        <v>27074</v>
      </c>
      <c r="M10606" s="2" t="s">
        <v>27075</v>
      </c>
      <c r="N10606" s="5" t="s">
        <v>24254</v>
      </c>
      <c r="O10606" s="5" t="s">
        <v>38</v>
      </c>
      <c r="P10606" s="5" t="s">
        <v>39</v>
      </c>
      <c r="Q10606" s="5" t="s">
        <v>40</v>
      </c>
      <c r="R10606" s="5" t="s">
        <v>24335</v>
      </c>
      <c r="S10606" s="5" t="s">
        <v>40</v>
      </c>
      <c r="T10606" s="5" t="s">
        <v>42</v>
      </c>
      <c r="U10606" s="2">
        <v>4.82</v>
      </c>
      <c r="V10606" s="2">
        <v>3.194</v>
      </c>
      <c r="W10606" s="2">
        <v>9.2999999999999999E-2</v>
      </c>
      <c r="X10606" s="2">
        <v>12</v>
      </c>
      <c r="Y10606" s="2">
        <v>50</v>
      </c>
      <c r="Z10606" s="2">
        <v>154.4</v>
      </c>
      <c r="AA10606" s="5">
        <v>10</v>
      </c>
      <c r="AB10606" s="5" t="s">
        <v>43</v>
      </c>
      <c r="AC10606" s="5" t="s">
        <v>44</v>
      </c>
      <c r="AD10606" s="2" t="s">
        <v>32528</v>
      </c>
      <c r="AE10606" s="1"/>
    </row>
    <row r="10607" spans="1:31" ht="14.45">
      <c r="A10607" s="11"/>
      <c r="B10607" s="20"/>
      <c r="C10607" s="2" t="s">
        <v>32614</v>
      </c>
      <c r="D10607" s="14" t="s">
        <v>32615</v>
      </c>
      <c r="E10607" s="2" t="s">
        <v>32616</v>
      </c>
      <c r="F10607" s="2" t="s">
        <v>32532</v>
      </c>
      <c r="G10607" s="8">
        <v>164</v>
      </c>
      <c r="H10607" s="5">
        <v>5</v>
      </c>
      <c r="I10607" s="5" t="s">
        <v>69</v>
      </c>
      <c r="J10607" s="5" t="s">
        <v>27074</v>
      </c>
      <c r="K10607" s="2" t="s">
        <v>27075</v>
      </c>
      <c r="L10607" s="5" t="s">
        <v>27074</v>
      </c>
      <c r="M10607" s="2" t="s">
        <v>27075</v>
      </c>
      <c r="N10607" s="5" t="s">
        <v>24254</v>
      </c>
      <c r="O10607" s="5" t="s">
        <v>38</v>
      </c>
      <c r="P10607" s="5" t="s">
        <v>39</v>
      </c>
      <c r="Q10607" s="5" t="s">
        <v>40</v>
      </c>
      <c r="R10607" s="5" t="s">
        <v>24335</v>
      </c>
      <c r="S10607" s="5" t="s">
        <v>40</v>
      </c>
      <c r="T10607" s="5" t="s">
        <v>42</v>
      </c>
      <c r="U10607" s="2">
        <v>4.9109999999999996</v>
      </c>
      <c r="V10607" s="2">
        <v>3.4620000000000002</v>
      </c>
      <c r="W10607" s="2">
        <v>9.2999999999999999E-2</v>
      </c>
      <c r="X10607" s="2">
        <v>12</v>
      </c>
      <c r="Y10607" s="2">
        <v>50</v>
      </c>
      <c r="Z10607" s="2">
        <v>154.4</v>
      </c>
      <c r="AA10607" s="5">
        <v>10</v>
      </c>
      <c r="AB10607" s="5" t="s">
        <v>43</v>
      </c>
      <c r="AC10607" s="5" t="s">
        <v>44</v>
      </c>
      <c r="AD10607" s="2" t="s">
        <v>32528</v>
      </c>
      <c r="AE10607" s="1"/>
    </row>
    <row r="10608" spans="1:31" ht="14.45">
      <c r="A10608" s="11"/>
      <c r="B10608" s="20"/>
      <c r="C10608" s="2" t="s">
        <v>32617</v>
      </c>
      <c r="D10608" s="14" t="s">
        <v>32618</v>
      </c>
      <c r="E10608" s="2" t="s">
        <v>32619</v>
      </c>
      <c r="F10608" s="2" t="s">
        <v>32532</v>
      </c>
      <c r="G10608" s="8">
        <v>164</v>
      </c>
      <c r="H10608" s="5">
        <v>5</v>
      </c>
      <c r="I10608" s="5" t="s">
        <v>69</v>
      </c>
      <c r="J10608" s="5" t="s">
        <v>27074</v>
      </c>
      <c r="K10608" s="2" t="s">
        <v>27075</v>
      </c>
      <c r="L10608" s="5" t="s">
        <v>27074</v>
      </c>
      <c r="M10608" s="2" t="s">
        <v>27075</v>
      </c>
      <c r="N10608" s="5" t="s">
        <v>24254</v>
      </c>
      <c r="O10608" s="5" t="s">
        <v>38</v>
      </c>
      <c r="P10608" s="5" t="s">
        <v>39</v>
      </c>
      <c r="Q10608" s="5" t="s">
        <v>40</v>
      </c>
      <c r="R10608" s="5" t="s">
        <v>24335</v>
      </c>
      <c r="S10608" s="5" t="s">
        <v>40</v>
      </c>
      <c r="T10608" s="5" t="s">
        <v>42</v>
      </c>
      <c r="U10608" s="2">
        <v>5.1740000000000004</v>
      </c>
      <c r="V10608" s="2">
        <v>3.7250000000000001</v>
      </c>
      <c r="W10608" s="2">
        <v>9.2999999999999999E-2</v>
      </c>
      <c r="X10608" s="2">
        <v>12</v>
      </c>
      <c r="Y10608" s="2">
        <v>50</v>
      </c>
      <c r="Z10608" s="2">
        <v>154.4</v>
      </c>
      <c r="AA10608" s="5">
        <v>10</v>
      </c>
      <c r="AB10608" s="5" t="s">
        <v>43</v>
      </c>
      <c r="AC10608" s="5" t="s">
        <v>44</v>
      </c>
      <c r="AD10608" s="2" t="s">
        <v>32536</v>
      </c>
      <c r="AE10608" s="1"/>
    </row>
    <row r="10609" spans="1:31" ht="14.45">
      <c r="A10609" s="11"/>
      <c r="B10609" s="20"/>
      <c r="C10609" s="2" t="s">
        <v>32620</v>
      </c>
      <c r="D10609" s="14" t="s">
        <v>32621</v>
      </c>
      <c r="E10609" s="2" t="s">
        <v>32622</v>
      </c>
      <c r="F10609" s="2" t="s">
        <v>32540</v>
      </c>
      <c r="G10609" s="8">
        <v>298</v>
      </c>
      <c r="H10609" s="5">
        <v>5</v>
      </c>
      <c r="I10609" s="5" t="s">
        <v>69</v>
      </c>
      <c r="J10609" s="5" t="s">
        <v>27074</v>
      </c>
      <c r="K10609" s="2" t="s">
        <v>27075</v>
      </c>
      <c r="L10609" s="5" t="s">
        <v>27074</v>
      </c>
      <c r="M10609" s="2" t="s">
        <v>27075</v>
      </c>
      <c r="N10609" s="5" t="s">
        <v>24254</v>
      </c>
      <c r="O10609" s="5" t="s">
        <v>38</v>
      </c>
      <c r="P10609" s="5" t="s">
        <v>39</v>
      </c>
      <c r="Q10609" s="5" t="s">
        <v>40</v>
      </c>
      <c r="R10609" s="5" t="s">
        <v>24335</v>
      </c>
      <c r="S10609" s="5" t="s">
        <v>40</v>
      </c>
      <c r="T10609" s="5" t="s">
        <v>42</v>
      </c>
      <c r="U10609" s="2">
        <v>11.063000000000001</v>
      </c>
      <c r="V10609" s="2">
        <v>8.9939999999999998</v>
      </c>
      <c r="W10609" s="2">
        <v>0.14299999999999999</v>
      </c>
      <c r="X10609" s="2">
        <v>12</v>
      </c>
      <c r="Y10609" s="2">
        <v>77</v>
      </c>
      <c r="Z10609" s="2">
        <v>154.9</v>
      </c>
      <c r="AA10609" s="5">
        <v>8</v>
      </c>
      <c r="AB10609" s="5" t="s">
        <v>43</v>
      </c>
      <c r="AC10609" s="5" t="s">
        <v>44</v>
      </c>
      <c r="AD10609" s="2" t="s">
        <v>32541</v>
      </c>
      <c r="AE10609" s="1"/>
    </row>
    <row r="10610" spans="1:31" ht="14.45">
      <c r="A10610" s="11"/>
      <c r="B10610" s="20"/>
      <c r="C10610" s="2" t="s">
        <v>32623</v>
      </c>
      <c r="D10610" s="14" t="s">
        <v>32624</v>
      </c>
      <c r="E10610" s="2" t="s">
        <v>32625</v>
      </c>
      <c r="F10610" s="2" t="s">
        <v>32545</v>
      </c>
      <c r="G10610" s="8">
        <v>632</v>
      </c>
      <c r="H10610" s="5">
        <v>5</v>
      </c>
      <c r="I10610" s="5" t="s">
        <v>69</v>
      </c>
      <c r="J10610" s="5" t="s">
        <v>27074</v>
      </c>
      <c r="K10610" s="2" t="s">
        <v>27075</v>
      </c>
      <c r="L10610" s="5" t="s">
        <v>27074</v>
      </c>
      <c r="M10610" s="2" t="s">
        <v>27075</v>
      </c>
      <c r="N10610" s="5" t="s">
        <v>24254</v>
      </c>
      <c r="O10610" s="5" t="s">
        <v>38</v>
      </c>
      <c r="P10610" s="5" t="s">
        <v>39</v>
      </c>
      <c r="Q10610" s="5" t="s">
        <v>40</v>
      </c>
      <c r="R10610" s="5" t="s">
        <v>1487</v>
      </c>
      <c r="S10610" s="5"/>
      <c r="T10610" s="5" t="s">
        <v>42</v>
      </c>
      <c r="U10610" s="2">
        <v>0</v>
      </c>
      <c r="V10610" s="2">
        <v>0</v>
      </c>
      <c r="W10610" s="2">
        <v>0</v>
      </c>
      <c r="X10610" s="2">
        <v>0</v>
      </c>
      <c r="Y10610" s="2">
        <v>0</v>
      </c>
      <c r="Z10610" s="2">
        <v>0</v>
      </c>
      <c r="AA10610" s="5"/>
      <c r="AB10610" s="5" t="s">
        <v>43</v>
      </c>
      <c r="AC10610" s="5" t="s">
        <v>44</v>
      </c>
      <c r="AD10610" s="2" t="s">
        <v>32546</v>
      </c>
      <c r="AE10610" s="1"/>
    </row>
    <row r="10611" spans="1:31" ht="14.45">
      <c r="A10611" s="11"/>
      <c r="B10611" s="20"/>
      <c r="C10611" s="2" t="s">
        <v>32626</v>
      </c>
      <c r="D10611" s="14" t="s">
        <v>32627</v>
      </c>
      <c r="E10611" s="2" t="s">
        <v>32628</v>
      </c>
      <c r="F10611" s="2" t="s">
        <v>32550</v>
      </c>
      <c r="G10611" s="8">
        <v>632</v>
      </c>
      <c r="H10611" s="5">
        <v>15</v>
      </c>
      <c r="I10611" s="5" t="s">
        <v>69</v>
      </c>
      <c r="J10611" s="5" t="s">
        <v>27074</v>
      </c>
      <c r="K10611" s="2" t="s">
        <v>27075</v>
      </c>
      <c r="L10611" s="5" t="s">
        <v>27074</v>
      </c>
      <c r="M10611" s="2" t="s">
        <v>27075</v>
      </c>
      <c r="N10611" s="5" t="s">
        <v>24254</v>
      </c>
      <c r="O10611" s="5" t="s">
        <v>38</v>
      </c>
      <c r="P10611" s="5" t="s">
        <v>39</v>
      </c>
      <c r="Q10611" s="5" t="s">
        <v>40</v>
      </c>
      <c r="R10611" s="5" t="s">
        <v>1487</v>
      </c>
      <c r="S10611" s="5"/>
      <c r="T10611" s="5" t="s">
        <v>42</v>
      </c>
      <c r="U10611" s="2">
        <v>0</v>
      </c>
      <c r="V10611" s="2">
        <v>0</v>
      </c>
      <c r="W10611" s="2">
        <v>0</v>
      </c>
      <c r="X10611" s="2">
        <v>0</v>
      </c>
      <c r="Y10611" s="2">
        <v>0</v>
      </c>
      <c r="Z10611" s="2">
        <v>0</v>
      </c>
      <c r="AA10611" s="5"/>
      <c r="AB10611" s="5" t="s">
        <v>43</v>
      </c>
      <c r="AC10611" s="5" t="s">
        <v>44</v>
      </c>
      <c r="AD10611" s="2" t="s">
        <v>32551</v>
      </c>
      <c r="AE10611" s="1"/>
    </row>
    <row r="10612" spans="1:31" ht="14.45">
      <c r="A10612" s="11"/>
      <c r="B10612" s="20"/>
      <c r="C10612" s="2" t="s">
        <v>32629</v>
      </c>
      <c r="D10612" s="14" t="s">
        <v>32630</v>
      </c>
      <c r="E10612" s="2" t="s">
        <v>32631</v>
      </c>
      <c r="F10612" s="2" t="s">
        <v>32555</v>
      </c>
      <c r="G10612" s="8">
        <v>1018</v>
      </c>
      <c r="H10612" s="5">
        <v>15</v>
      </c>
      <c r="I10612" s="5" t="s">
        <v>69</v>
      </c>
      <c r="J10612" s="5" t="s">
        <v>27074</v>
      </c>
      <c r="K10612" s="2" t="s">
        <v>27075</v>
      </c>
      <c r="L10612" s="5" t="s">
        <v>27074</v>
      </c>
      <c r="M10612" s="2" t="s">
        <v>27075</v>
      </c>
      <c r="N10612" s="5" t="s">
        <v>24254</v>
      </c>
      <c r="O10612" s="5" t="s">
        <v>38</v>
      </c>
      <c r="P10612" s="5" t="s">
        <v>39</v>
      </c>
      <c r="Q10612" s="5" t="s">
        <v>40</v>
      </c>
      <c r="R10612" s="5" t="s">
        <v>1487</v>
      </c>
      <c r="S10612" s="5"/>
      <c r="T10612" s="5" t="s">
        <v>42</v>
      </c>
      <c r="U10612" s="2">
        <v>0</v>
      </c>
      <c r="V10612" s="2">
        <v>0</v>
      </c>
      <c r="W10612" s="2">
        <v>0</v>
      </c>
      <c r="X10612" s="2">
        <v>0</v>
      </c>
      <c r="Y10612" s="2">
        <v>0</v>
      </c>
      <c r="Z10612" s="2">
        <v>0</v>
      </c>
      <c r="AA10612" s="5"/>
      <c r="AB10612" s="5" t="s">
        <v>43</v>
      </c>
      <c r="AC10612" s="5" t="s">
        <v>44</v>
      </c>
      <c r="AD10612" s="2" t="s">
        <v>32556</v>
      </c>
      <c r="AE10612" s="1"/>
    </row>
    <row r="10613" spans="1:31" ht="14.45">
      <c r="A10613" s="11"/>
      <c r="B10613" s="20"/>
      <c r="C10613" s="2" t="s">
        <v>32632</v>
      </c>
      <c r="D10613" s="14" t="s">
        <v>32633</v>
      </c>
      <c r="E10613" s="2" t="s">
        <v>32634</v>
      </c>
      <c r="F10613" s="2" t="s">
        <v>32560</v>
      </c>
      <c r="G10613" s="8">
        <v>1018</v>
      </c>
      <c r="H10613" s="5">
        <v>15</v>
      </c>
      <c r="I10613" s="5" t="s">
        <v>69</v>
      </c>
      <c r="J10613" s="5" t="s">
        <v>27074</v>
      </c>
      <c r="K10613" s="2" t="s">
        <v>27075</v>
      </c>
      <c r="L10613" s="5" t="s">
        <v>27074</v>
      </c>
      <c r="M10613" s="2" t="s">
        <v>27075</v>
      </c>
      <c r="N10613" s="5" t="s">
        <v>24254</v>
      </c>
      <c r="O10613" s="5" t="s">
        <v>38</v>
      </c>
      <c r="P10613" s="5" t="s">
        <v>39</v>
      </c>
      <c r="Q10613" s="5" t="s">
        <v>40</v>
      </c>
      <c r="R10613" s="5" t="s">
        <v>1487</v>
      </c>
      <c r="S10613" s="5"/>
      <c r="T10613" s="5" t="s">
        <v>42</v>
      </c>
      <c r="U10613" s="2">
        <v>0</v>
      </c>
      <c r="V10613" s="2">
        <v>0</v>
      </c>
      <c r="W10613" s="2">
        <v>0</v>
      </c>
      <c r="X10613" s="2">
        <v>0</v>
      </c>
      <c r="Y10613" s="2">
        <v>0</v>
      </c>
      <c r="Z10613" s="2">
        <v>0</v>
      </c>
      <c r="AA10613" s="5"/>
      <c r="AB10613" s="5" t="s">
        <v>43</v>
      </c>
      <c r="AC10613" s="5" t="s">
        <v>44</v>
      </c>
      <c r="AD10613" s="2" t="s">
        <v>32561</v>
      </c>
      <c r="AE10613" s="1"/>
    </row>
    <row r="10614" spans="1:31" ht="14.45">
      <c r="A10614" s="11"/>
      <c r="B10614" s="20"/>
      <c r="C10614" s="2" t="s">
        <v>32635</v>
      </c>
      <c r="D10614" s="14" t="s">
        <v>32636</v>
      </c>
      <c r="E10614" s="2" t="s">
        <v>32637</v>
      </c>
      <c r="F10614" s="2" t="s">
        <v>32509</v>
      </c>
      <c r="G10614" s="8">
        <v>164</v>
      </c>
      <c r="H10614" s="5">
        <v>10</v>
      </c>
      <c r="I10614" s="5" t="s">
        <v>69</v>
      </c>
      <c r="J10614" s="5" t="s">
        <v>27074</v>
      </c>
      <c r="K10614" s="2" t="s">
        <v>27075</v>
      </c>
      <c r="L10614" s="5" t="s">
        <v>27074</v>
      </c>
      <c r="M10614" s="2" t="s">
        <v>27075</v>
      </c>
      <c r="N10614" s="5" t="s">
        <v>24254</v>
      </c>
      <c r="O10614" s="5" t="s">
        <v>38</v>
      </c>
      <c r="P10614" s="5" t="s">
        <v>39</v>
      </c>
      <c r="Q10614" s="5" t="s">
        <v>40</v>
      </c>
      <c r="R10614" s="5" t="s">
        <v>24335</v>
      </c>
      <c r="S10614" s="5" t="s">
        <v>40</v>
      </c>
      <c r="T10614" s="5" t="s">
        <v>42</v>
      </c>
      <c r="U10614" s="2">
        <v>6.968</v>
      </c>
      <c r="V10614" s="2">
        <v>5.4530000000000003</v>
      </c>
      <c r="W10614" s="2">
        <v>9.2999999999999999E-2</v>
      </c>
      <c r="X10614" s="2">
        <v>12</v>
      </c>
      <c r="Y10614" s="2">
        <v>50</v>
      </c>
      <c r="Z10614" s="2">
        <v>154.4</v>
      </c>
      <c r="AA10614" s="5">
        <v>8</v>
      </c>
      <c r="AB10614" s="5" t="s">
        <v>43</v>
      </c>
      <c r="AC10614" s="5" t="s">
        <v>44</v>
      </c>
      <c r="AD10614" s="2" t="s">
        <v>32510</v>
      </c>
      <c r="AE10614" s="1"/>
    </row>
    <row r="10615" spans="1:31" ht="14.45">
      <c r="A10615" s="11"/>
      <c r="B10615" s="20"/>
      <c r="C10615" s="2" t="s">
        <v>32638</v>
      </c>
      <c r="D10615" s="14" t="s">
        <v>32639</v>
      </c>
      <c r="E10615" s="2" t="s">
        <v>32640</v>
      </c>
      <c r="F10615" s="2" t="s">
        <v>32514</v>
      </c>
      <c r="G10615" s="8">
        <v>164</v>
      </c>
      <c r="H10615" s="5">
        <v>5</v>
      </c>
      <c r="I10615" s="5" t="s">
        <v>69</v>
      </c>
      <c r="J10615" s="5" t="s">
        <v>27074</v>
      </c>
      <c r="K10615" s="2" t="s">
        <v>27075</v>
      </c>
      <c r="L10615" s="5" t="s">
        <v>27074</v>
      </c>
      <c r="M10615" s="2" t="s">
        <v>27075</v>
      </c>
      <c r="N10615" s="5" t="s">
        <v>24254</v>
      </c>
      <c r="O10615" s="5" t="s">
        <v>38</v>
      </c>
      <c r="P10615" s="5" t="s">
        <v>39</v>
      </c>
      <c r="Q10615" s="5" t="s">
        <v>40</v>
      </c>
      <c r="R10615" s="5" t="s">
        <v>24335</v>
      </c>
      <c r="S10615" s="5" t="s">
        <v>40</v>
      </c>
      <c r="T10615" s="5" t="s">
        <v>42</v>
      </c>
      <c r="U10615" s="2">
        <v>6.476</v>
      </c>
      <c r="V10615" s="2">
        <v>4.4749999999999996</v>
      </c>
      <c r="W10615" s="2">
        <v>9.2999999999999999E-2</v>
      </c>
      <c r="X10615" s="2">
        <v>12</v>
      </c>
      <c r="Y10615" s="2">
        <v>50</v>
      </c>
      <c r="Z10615" s="2">
        <v>154.4</v>
      </c>
      <c r="AA10615" s="5">
        <v>8</v>
      </c>
      <c r="AB10615" s="5" t="s">
        <v>43</v>
      </c>
      <c r="AC10615" s="5" t="s">
        <v>44</v>
      </c>
      <c r="AD10615" s="2" t="s">
        <v>32510</v>
      </c>
      <c r="AE10615" s="1"/>
    </row>
    <row r="10616" spans="1:31" ht="14.45">
      <c r="A10616" s="11"/>
      <c r="B10616" s="20"/>
      <c r="C10616" s="2" t="s">
        <v>32641</v>
      </c>
      <c r="D10616" s="14" t="s">
        <v>32642</v>
      </c>
      <c r="E10616" s="2" t="s">
        <v>32643</v>
      </c>
      <c r="F10616" s="2" t="s">
        <v>32518</v>
      </c>
      <c r="G10616" s="8">
        <v>164</v>
      </c>
      <c r="H10616" s="5">
        <v>10</v>
      </c>
      <c r="I10616" s="5" t="s">
        <v>69</v>
      </c>
      <c r="J10616" s="5" t="s">
        <v>27074</v>
      </c>
      <c r="K10616" s="2" t="s">
        <v>27075</v>
      </c>
      <c r="L10616" s="5" t="s">
        <v>27074</v>
      </c>
      <c r="M10616" s="2" t="s">
        <v>27075</v>
      </c>
      <c r="N10616" s="5" t="s">
        <v>24254</v>
      </c>
      <c r="O10616" s="5" t="s">
        <v>38</v>
      </c>
      <c r="P10616" s="5" t="s">
        <v>39</v>
      </c>
      <c r="Q10616" s="5" t="s">
        <v>40</v>
      </c>
      <c r="R10616" s="5" t="s">
        <v>24335</v>
      </c>
      <c r="S10616" s="5" t="s">
        <v>40</v>
      </c>
      <c r="T10616" s="5" t="s">
        <v>42</v>
      </c>
      <c r="U10616" s="2">
        <v>4.9459999999999997</v>
      </c>
      <c r="V10616" s="2">
        <v>3.4649999999999999</v>
      </c>
      <c r="W10616" s="2">
        <v>9.2999999999999999E-2</v>
      </c>
      <c r="X10616" s="2">
        <v>12</v>
      </c>
      <c r="Y10616" s="2">
        <v>50</v>
      </c>
      <c r="Z10616" s="2">
        <v>154.4</v>
      </c>
      <c r="AA10616" s="5">
        <v>8</v>
      </c>
      <c r="AB10616" s="5" t="s">
        <v>43</v>
      </c>
      <c r="AC10616" s="5" t="s">
        <v>44</v>
      </c>
      <c r="AD10616" s="2" t="s">
        <v>32510</v>
      </c>
      <c r="AE10616" s="1"/>
    </row>
    <row r="10617" spans="1:31" ht="14.45">
      <c r="A10617" s="11"/>
      <c r="B10617" s="20"/>
      <c r="C10617" s="2" t="s">
        <v>32644</v>
      </c>
      <c r="D10617" s="14" t="s">
        <v>32645</v>
      </c>
      <c r="E10617" s="2" t="s">
        <v>32646</v>
      </c>
      <c r="F10617" s="2" t="s">
        <v>32522</v>
      </c>
      <c r="G10617" s="8">
        <v>164</v>
      </c>
      <c r="H10617" s="5">
        <v>5</v>
      </c>
      <c r="I10617" s="5" t="s">
        <v>69</v>
      </c>
      <c r="J10617" s="5" t="s">
        <v>27074</v>
      </c>
      <c r="K10617" s="2" t="s">
        <v>27075</v>
      </c>
      <c r="L10617" s="5" t="s">
        <v>27074</v>
      </c>
      <c r="M10617" s="2" t="s">
        <v>27075</v>
      </c>
      <c r="N10617" s="5" t="s">
        <v>24254</v>
      </c>
      <c r="O10617" s="5" t="s">
        <v>38</v>
      </c>
      <c r="P10617" s="5" t="s">
        <v>39</v>
      </c>
      <c r="Q10617" s="5" t="s">
        <v>40</v>
      </c>
      <c r="R10617" s="5" t="s">
        <v>24335</v>
      </c>
      <c r="S10617" s="5" t="s">
        <v>40</v>
      </c>
      <c r="T10617" s="5" t="s">
        <v>42</v>
      </c>
      <c r="U10617" s="2">
        <v>5.8890000000000002</v>
      </c>
      <c r="V10617" s="2">
        <v>3.923</v>
      </c>
      <c r="W10617" s="2">
        <v>9.2999999999999999E-2</v>
      </c>
      <c r="X10617" s="2">
        <v>12</v>
      </c>
      <c r="Y10617" s="2">
        <v>50</v>
      </c>
      <c r="Z10617" s="2">
        <v>154.4</v>
      </c>
      <c r="AA10617" s="5">
        <v>10</v>
      </c>
      <c r="AB10617" s="5" t="s">
        <v>43</v>
      </c>
      <c r="AC10617" s="5" t="s">
        <v>44</v>
      </c>
      <c r="AD10617" s="2" t="s">
        <v>32523</v>
      </c>
      <c r="AE10617" s="1"/>
    </row>
    <row r="10618" spans="1:31" ht="14.45">
      <c r="A10618" s="11"/>
      <c r="B10618" s="20"/>
      <c r="C10618" s="2" t="s">
        <v>32647</v>
      </c>
      <c r="D10618" s="14" t="s">
        <v>32648</v>
      </c>
      <c r="E10618" s="2" t="s">
        <v>32649</v>
      </c>
      <c r="F10618" s="2" t="s">
        <v>32522</v>
      </c>
      <c r="G10618" s="8">
        <v>164</v>
      </c>
      <c r="H10618" s="5">
        <v>5</v>
      </c>
      <c r="I10618" s="5" t="s">
        <v>69</v>
      </c>
      <c r="J10618" s="5" t="s">
        <v>27074</v>
      </c>
      <c r="K10618" s="2" t="s">
        <v>27075</v>
      </c>
      <c r="L10618" s="5" t="s">
        <v>27074</v>
      </c>
      <c r="M10618" s="2" t="s">
        <v>27075</v>
      </c>
      <c r="N10618" s="5" t="s">
        <v>24254</v>
      </c>
      <c r="O10618" s="5" t="s">
        <v>38</v>
      </c>
      <c r="P10618" s="5" t="s">
        <v>39</v>
      </c>
      <c r="Q10618" s="5" t="s">
        <v>40</v>
      </c>
      <c r="R10618" s="5" t="s">
        <v>24335</v>
      </c>
      <c r="S10618" s="5" t="s">
        <v>40</v>
      </c>
      <c r="T10618" s="5" t="s">
        <v>42</v>
      </c>
      <c r="U10618" s="2">
        <v>6.1559999999999997</v>
      </c>
      <c r="V10618" s="2">
        <v>4.1900000000000004</v>
      </c>
      <c r="W10618" s="2">
        <v>9.2999999999999999E-2</v>
      </c>
      <c r="X10618" s="2">
        <v>12</v>
      </c>
      <c r="Y10618" s="2">
        <v>50</v>
      </c>
      <c r="Z10618" s="2">
        <v>154.4</v>
      </c>
      <c r="AA10618" s="5">
        <v>10</v>
      </c>
      <c r="AB10618" s="5" t="s">
        <v>43</v>
      </c>
      <c r="AC10618" s="5" t="s">
        <v>44</v>
      </c>
      <c r="AD10618" s="2" t="s">
        <v>32577</v>
      </c>
      <c r="AE10618" s="1"/>
    </row>
    <row r="10619" spans="1:31" ht="14.45">
      <c r="A10619" s="11"/>
      <c r="B10619" s="20"/>
      <c r="C10619" s="2" t="s">
        <v>32650</v>
      </c>
      <c r="D10619" s="14" t="s">
        <v>32651</v>
      </c>
      <c r="E10619" s="2" t="s">
        <v>32652</v>
      </c>
      <c r="F10619" s="2" t="s">
        <v>32527</v>
      </c>
      <c r="G10619" s="8">
        <v>164</v>
      </c>
      <c r="H10619" s="5">
        <v>5</v>
      </c>
      <c r="I10619" s="5" t="s">
        <v>69</v>
      </c>
      <c r="J10619" s="5" t="s">
        <v>27074</v>
      </c>
      <c r="K10619" s="2" t="s">
        <v>27075</v>
      </c>
      <c r="L10619" s="5" t="s">
        <v>27074</v>
      </c>
      <c r="M10619" s="2" t="s">
        <v>27075</v>
      </c>
      <c r="N10619" s="5" t="s">
        <v>24254</v>
      </c>
      <c r="O10619" s="5" t="s">
        <v>38</v>
      </c>
      <c r="P10619" s="5" t="s">
        <v>39</v>
      </c>
      <c r="Q10619" s="5" t="s">
        <v>40</v>
      </c>
      <c r="R10619" s="5" t="s">
        <v>24335</v>
      </c>
      <c r="S10619" s="5" t="s">
        <v>40</v>
      </c>
      <c r="T10619" s="5" t="s">
        <v>42</v>
      </c>
      <c r="U10619" s="2">
        <v>5.0039999999999996</v>
      </c>
      <c r="V10619" s="2">
        <v>3.0379999999999998</v>
      </c>
      <c r="W10619" s="2">
        <v>9.2999999999999999E-2</v>
      </c>
      <c r="X10619" s="2">
        <v>12</v>
      </c>
      <c r="Y10619" s="2">
        <v>50</v>
      </c>
      <c r="Z10619" s="2">
        <v>154.4</v>
      </c>
      <c r="AA10619" s="5">
        <v>10</v>
      </c>
      <c r="AB10619" s="5" t="s">
        <v>43</v>
      </c>
      <c r="AC10619" s="5" t="s">
        <v>44</v>
      </c>
      <c r="AD10619" s="2" t="s">
        <v>32528</v>
      </c>
      <c r="AE10619" s="1"/>
    </row>
    <row r="10620" spans="1:31" ht="14.45">
      <c r="A10620" s="11"/>
      <c r="B10620" s="20"/>
      <c r="C10620" s="2" t="s">
        <v>32653</v>
      </c>
      <c r="D10620" s="14" t="s">
        <v>32654</v>
      </c>
      <c r="E10620" s="2" t="s">
        <v>32655</v>
      </c>
      <c r="F10620" s="2" t="s">
        <v>32527</v>
      </c>
      <c r="G10620" s="8">
        <v>164</v>
      </c>
      <c r="H10620" s="5">
        <v>5</v>
      </c>
      <c r="I10620" s="5" t="s">
        <v>69</v>
      </c>
      <c r="J10620" s="5" t="s">
        <v>27074</v>
      </c>
      <c r="K10620" s="2" t="s">
        <v>27075</v>
      </c>
      <c r="L10620" s="5" t="s">
        <v>27074</v>
      </c>
      <c r="M10620" s="2" t="s">
        <v>27075</v>
      </c>
      <c r="N10620" s="5" t="s">
        <v>24254</v>
      </c>
      <c r="O10620" s="5" t="s">
        <v>38</v>
      </c>
      <c r="P10620" s="5" t="s">
        <v>39</v>
      </c>
      <c r="Q10620" s="5" t="s">
        <v>40</v>
      </c>
      <c r="R10620" s="5" t="s">
        <v>24335</v>
      </c>
      <c r="S10620" s="5" t="s">
        <v>40</v>
      </c>
      <c r="T10620" s="5" t="s">
        <v>42</v>
      </c>
      <c r="U10620" s="2">
        <v>5.3710000000000004</v>
      </c>
      <c r="V10620" s="2">
        <v>3.4049999999999998</v>
      </c>
      <c r="W10620" s="2">
        <v>9.2999999999999999E-2</v>
      </c>
      <c r="X10620" s="2">
        <v>12</v>
      </c>
      <c r="Y10620" s="2">
        <v>50</v>
      </c>
      <c r="Z10620" s="2">
        <v>154.4</v>
      </c>
      <c r="AA10620" s="5">
        <v>10</v>
      </c>
      <c r="AB10620" s="5" t="s">
        <v>43</v>
      </c>
      <c r="AC10620" s="5" t="s">
        <v>44</v>
      </c>
      <c r="AD10620" s="2" t="s">
        <v>32536</v>
      </c>
      <c r="AE10620" s="1"/>
    </row>
    <row r="10621" spans="1:31" ht="14.45">
      <c r="A10621" s="11"/>
      <c r="B10621" s="20"/>
      <c r="C10621" s="2" t="s">
        <v>32656</v>
      </c>
      <c r="D10621" s="14" t="s">
        <v>32657</v>
      </c>
      <c r="E10621" s="2" t="s">
        <v>32658</v>
      </c>
      <c r="F10621" s="2" t="s">
        <v>32532</v>
      </c>
      <c r="G10621" s="8">
        <v>164</v>
      </c>
      <c r="H10621" s="5">
        <v>5</v>
      </c>
      <c r="I10621" s="5" t="s">
        <v>69</v>
      </c>
      <c r="J10621" s="5" t="s">
        <v>27074</v>
      </c>
      <c r="K10621" s="2" t="s">
        <v>27075</v>
      </c>
      <c r="L10621" s="5" t="s">
        <v>27074</v>
      </c>
      <c r="M10621" s="2" t="s">
        <v>27075</v>
      </c>
      <c r="N10621" s="5" t="s">
        <v>24254</v>
      </c>
      <c r="O10621" s="5" t="s">
        <v>38</v>
      </c>
      <c r="P10621" s="5" t="s">
        <v>39</v>
      </c>
      <c r="Q10621" s="5" t="s">
        <v>40</v>
      </c>
      <c r="R10621" s="5" t="s">
        <v>24335</v>
      </c>
      <c r="S10621" s="5" t="s">
        <v>40</v>
      </c>
      <c r="T10621" s="5" t="s">
        <v>42</v>
      </c>
      <c r="U10621" s="2">
        <v>4.931</v>
      </c>
      <c r="V10621" s="2">
        <v>3.2389999999999999</v>
      </c>
      <c r="W10621" s="2">
        <v>9.2999999999999999E-2</v>
      </c>
      <c r="X10621" s="2">
        <v>12</v>
      </c>
      <c r="Y10621" s="2">
        <v>50</v>
      </c>
      <c r="Z10621" s="2">
        <v>154.4</v>
      </c>
      <c r="AA10621" s="5">
        <v>10</v>
      </c>
      <c r="AB10621" s="5" t="s">
        <v>43</v>
      </c>
      <c r="AC10621" s="5" t="s">
        <v>44</v>
      </c>
      <c r="AD10621" s="2" t="s">
        <v>32528</v>
      </c>
      <c r="AE10621" s="1"/>
    </row>
    <row r="10622" spans="1:31" ht="14.45">
      <c r="A10622" s="11"/>
      <c r="B10622" s="20"/>
      <c r="C10622" s="2" t="s">
        <v>32659</v>
      </c>
      <c r="D10622" s="14" t="s">
        <v>32660</v>
      </c>
      <c r="E10622" s="2" t="s">
        <v>32661</v>
      </c>
      <c r="F10622" s="2" t="s">
        <v>32532</v>
      </c>
      <c r="G10622" s="8">
        <v>164</v>
      </c>
      <c r="H10622" s="5">
        <v>5</v>
      </c>
      <c r="I10622" s="5" t="s">
        <v>69</v>
      </c>
      <c r="J10622" s="5" t="s">
        <v>27074</v>
      </c>
      <c r="K10622" s="2" t="s">
        <v>27075</v>
      </c>
      <c r="L10622" s="5" t="s">
        <v>27074</v>
      </c>
      <c r="M10622" s="2" t="s">
        <v>27075</v>
      </c>
      <c r="N10622" s="5" t="s">
        <v>24254</v>
      </c>
      <c r="O10622" s="5" t="s">
        <v>38</v>
      </c>
      <c r="P10622" s="5" t="s">
        <v>39</v>
      </c>
      <c r="Q10622" s="5" t="s">
        <v>40</v>
      </c>
      <c r="R10622" s="5" t="s">
        <v>24335</v>
      </c>
      <c r="S10622" s="5" t="s">
        <v>40</v>
      </c>
      <c r="T10622" s="5" t="s">
        <v>42</v>
      </c>
      <c r="U10622" s="2">
        <v>5.2240000000000002</v>
      </c>
      <c r="V10622" s="2">
        <v>3.532</v>
      </c>
      <c r="W10622" s="2">
        <v>7.5999999999999998E-2</v>
      </c>
      <c r="X10622" s="2">
        <v>12</v>
      </c>
      <c r="Y10622" s="2">
        <v>50</v>
      </c>
      <c r="Z10622" s="2">
        <v>154.4</v>
      </c>
      <c r="AA10622" s="5">
        <v>10</v>
      </c>
      <c r="AB10622" s="5" t="s">
        <v>43</v>
      </c>
      <c r="AC10622" s="5" t="s">
        <v>44</v>
      </c>
      <c r="AD10622" s="2" t="s">
        <v>32536</v>
      </c>
      <c r="AE10622" s="1"/>
    </row>
    <row r="10623" spans="1:31" ht="14.45">
      <c r="A10623" s="11"/>
      <c r="B10623" s="20"/>
      <c r="C10623" s="2" t="s">
        <v>32662</v>
      </c>
      <c r="D10623" s="14" t="s">
        <v>32663</v>
      </c>
      <c r="E10623" s="2" t="s">
        <v>32664</v>
      </c>
      <c r="F10623" s="2" t="s">
        <v>32540</v>
      </c>
      <c r="G10623" s="8">
        <v>298</v>
      </c>
      <c r="H10623" s="5">
        <v>5</v>
      </c>
      <c r="I10623" s="5" t="s">
        <v>69</v>
      </c>
      <c r="J10623" s="5" t="s">
        <v>27074</v>
      </c>
      <c r="K10623" s="2" t="s">
        <v>27075</v>
      </c>
      <c r="L10623" s="5" t="s">
        <v>27074</v>
      </c>
      <c r="M10623" s="2" t="s">
        <v>27075</v>
      </c>
      <c r="N10623" s="5" t="s">
        <v>24254</v>
      </c>
      <c r="O10623" s="5" t="s">
        <v>38</v>
      </c>
      <c r="P10623" s="5" t="s">
        <v>39</v>
      </c>
      <c r="Q10623" s="5" t="s">
        <v>40</v>
      </c>
      <c r="R10623" s="5" t="s">
        <v>24335</v>
      </c>
      <c r="S10623" s="5" t="s">
        <v>40</v>
      </c>
      <c r="T10623" s="5" t="s">
        <v>42</v>
      </c>
      <c r="U10623" s="2">
        <v>11.253</v>
      </c>
      <c r="V10623" s="2">
        <v>8.5969999999999995</v>
      </c>
      <c r="W10623" s="2">
        <v>0.16</v>
      </c>
      <c r="X10623" s="2">
        <v>12</v>
      </c>
      <c r="Y10623" s="2">
        <v>77</v>
      </c>
      <c r="Z10623" s="2">
        <v>173.4</v>
      </c>
      <c r="AA10623" s="5">
        <v>8</v>
      </c>
      <c r="AB10623" s="5" t="s">
        <v>43</v>
      </c>
      <c r="AC10623" s="5" t="s">
        <v>44</v>
      </c>
      <c r="AD10623" s="2" t="s">
        <v>32541</v>
      </c>
      <c r="AE10623" s="1"/>
    </row>
    <row r="10624" spans="1:31" ht="14.45">
      <c r="A10624" s="11"/>
      <c r="B10624" s="20"/>
      <c r="C10624" s="2" t="s">
        <v>32665</v>
      </c>
      <c r="D10624" s="14" t="s">
        <v>32666</v>
      </c>
      <c r="E10624" s="2" t="s">
        <v>32667</v>
      </c>
      <c r="F10624" s="2" t="s">
        <v>32545</v>
      </c>
      <c r="G10624" s="8">
        <v>623</v>
      </c>
      <c r="H10624" s="5">
        <v>5</v>
      </c>
      <c r="I10624" s="5" t="s">
        <v>69</v>
      </c>
      <c r="J10624" s="5" t="s">
        <v>27074</v>
      </c>
      <c r="K10624" s="2" t="s">
        <v>27075</v>
      </c>
      <c r="L10624" s="5" t="s">
        <v>27074</v>
      </c>
      <c r="M10624" s="2" t="s">
        <v>27075</v>
      </c>
      <c r="N10624" s="5" t="s">
        <v>24254</v>
      </c>
      <c r="O10624" s="5" t="s">
        <v>38</v>
      </c>
      <c r="P10624" s="5" t="s">
        <v>39</v>
      </c>
      <c r="Q10624" s="5" t="s">
        <v>40</v>
      </c>
      <c r="R10624" s="5" t="s">
        <v>1487</v>
      </c>
      <c r="S10624" s="5"/>
      <c r="T10624" s="5" t="s">
        <v>42</v>
      </c>
      <c r="U10624" s="2">
        <v>0</v>
      </c>
      <c r="V10624" s="2">
        <v>0</v>
      </c>
      <c r="W10624" s="2">
        <v>0</v>
      </c>
      <c r="X10624" s="2">
        <v>0</v>
      </c>
      <c r="Y10624" s="2">
        <v>0</v>
      </c>
      <c r="Z10624" s="2">
        <v>0</v>
      </c>
      <c r="AA10624" s="5"/>
      <c r="AB10624" s="5" t="s">
        <v>43</v>
      </c>
      <c r="AC10624" s="5" t="s">
        <v>44</v>
      </c>
      <c r="AD10624" s="2" t="s">
        <v>32546</v>
      </c>
      <c r="AE10624" s="1"/>
    </row>
    <row r="10625" spans="1:31" ht="14.45">
      <c r="A10625" s="11"/>
      <c r="B10625" s="20"/>
      <c r="C10625" s="2" t="s">
        <v>32668</v>
      </c>
      <c r="D10625" s="14" t="s">
        <v>32669</v>
      </c>
      <c r="E10625" s="2" t="s">
        <v>32670</v>
      </c>
      <c r="F10625" s="2" t="s">
        <v>32550</v>
      </c>
      <c r="G10625" s="8">
        <v>623</v>
      </c>
      <c r="H10625" s="5">
        <v>15</v>
      </c>
      <c r="I10625" s="5" t="s">
        <v>69</v>
      </c>
      <c r="J10625" s="5" t="s">
        <v>27074</v>
      </c>
      <c r="K10625" s="2" t="s">
        <v>27075</v>
      </c>
      <c r="L10625" s="5" t="s">
        <v>27074</v>
      </c>
      <c r="M10625" s="2" t="s">
        <v>27075</v>
      </c>
      <c r="N10625" s="5" t="s">
        <v>24254</v>
      </c>
      <c r="O10625" s="5" t="s">
        <v>38</v>
      </c>
      <c r="P10625" s="5" t="s">
        <v>39</v>
      </c>
      <c r="Q10625" s="5" t="s">
        <v>40</v>
      </c>
      <c r="R10625" s="5" t="s">
        <v>1487</v>
      </c>
      <c r="S10625" s="5"/>
      <c r="T10625" s="5" t="s">
        <v>42</v>
      </c>
      <c r="U10625" s="2">
        <v>0</v>
      </c>
      <c r="V10625" s="2">
        <v>0</v>
      </c>
      <c r="W10625" s="2">
        <v>0</v>
      </c>
      <c r="X10625" s="2">
        <v>0</v>
      </c>
      <c r="Y10625" s="2">
        <v>0</v>
      </c>
      <c r="Z10625" s="2">
        <v>0</v>
      </c>
      <c r="AA10625" s="5"/>
      <c r="AB10625" s="5" t="s">
        <v>43</v>
      </c>
      <c r="AC10625" s="5" t="s">
        <v>44</v>
      </c>
      <c r="AD10625" s="2" t="s">
        <v>32551</v>
      </c>
      <c r="AE10625" s="1"/>
    </row>
    <row r="10626" spans="1:31" ht="14.45">
      <c r="A10626" s="11"/>
      <c r="B10626" s="20"/>
      <c r="C10626" s="2" t="s">
        <v>32671</v>
      </c>
      <c r="D10626" s="14" t="s">
        <v>32672</v>
      </c>
      <c r="E10626" s="2" t="s">
        <v>32673</v>
      </c>
      <c r="F10626" s="2" t="s">
        <v>32555</v>
      </c>
      <c r="G10626" s="8">
        <v>1044</v>
      </c>
      <c r="H10626" s="5">
        <v>15</v>
      </c>
      <c r="I10626" s="5" t="s">
        <v>69</v>
      </c>
      <c r="J10626" s="5" t="s">
        <v>27074</v>
      </c>
      <c r="K10626" s="2" t="s">
        <v>27075</v>
      </c>
      <c r="L10626" s="5" t="s">
        <v>27074</v>
      </c>
      <c r="M10626" s="2" t="s">
        <v>27075</v>
      </c>
      <c r="N10626" s="5" t="s">
        <v>24254</v>
      </c>
      <c r="O10626" s="5" t="s">
        <v>38</v>
      </c>
      <c r="P10626" s="5" t="s">
        <v>39</v>
      </c>
      <c r="Q10626" s="5" t="s">
        <v>40</v>
      </c>
      <c r="R10626" s="5" t="s">
        <v>1487</v>
      </c>
      <c r="S10626" s="5"/>
      <c r="T10626" s="5" t="s">
        <v>42</v>
      </c>
      <c r="U10626" s="2">
        <v>0</v>
      </c>
      <c r="V10626" s="2">
        <v>0</v>
      </c>
      <c r="W10626" s="2">
        <v>0</v>
      </c>
      <c r="X10626" s="2">
        <v>0</v>
      </c>
      <c r="Y10626" s="2">
        <v>0</v>
      </c>
      <c r="Z10626" s="2">
        <v>0</v>
      </c>
      <c r="AA10626" s="5"/>
      <c r="AB10626" s="5" t="s">
        <v>43</v>
      </c>
      <c r="AC10626" s="5" t="s">
        <v>44</v>
      </c>
      <c r="AD10626" s="2" t="s">
        <v>32556</v>
      </c>
      <c r="AE10626" s="1"/>
    </row>
    <row r="10627" spans="1:31" ht="14.45">
      <c r="A10627" s="11"/>
      <c r="B10627" s="20"/>
      <c r="C10627" s="2" t="s">
        <v>32674</v>
      </c>
      <c r="D10627" s="14" t="s">
        <v>32675</v>
      </c>
      <c r="E10627" s="2" t="s">
        <v>32676</v>
      </c>
      <c r="F10627" s="2" t="s">
        <v>32560</v>
      </c>
      <c r="G10627" s="8">
        <v>1044</v>
      </c>
      <c r="H10627" s="5">
        <v>15</v>
      </c>
      <c r="I10627" s="5" t="s">
        <v>69</v>
      </c>
      <c r="J10627" s="5" t="s">
        <v>27074</v>
      </c>
      <c r="K10627" s="2" t="s">
        <v>27075</v>
      </c>
      <c r="L10627" s="5" t="s">
        <v>27074</v>
      </c>
      <c r="M10627" s="2" t="s">
        <v>27075</v>
      </c>
      <c r="N10627" s="5" t="s">
        <v>24254</v>
      </c>
      <c r="O10627" s="5" t="s">
        <v>38</v>
      </c>
      <c r="P10627" s="5" t="s">
        <v>39</v>
      </c>
      <c r="Q10627" s="5" t="s">
        <v>40</v>
      </c>
      <c r="R10627" s="5" t="s">
        <v>1487</v>
      </c>
      <c r="S10627" s="5"/>
      <c r="T10627" s="5" t="s">
        <v>42</v>
      </c>
      <c r="U10627" s="2">
        <v>0</v>
      </c>
      <c r="V10627" s="2">
        <v>0</v>
      </c>
      <c r="W10627" s="2">
        <v>0</v>
      </c>
      <c r="X10627" s="2">
        <v>0</v>
      </c>
      <c r="Y10627" s="2">
        <v>0</v>
      </c>
      <c r="Z10627" s="2">
        <v>0</v>
      </c>
      <c r="AA10627" s="5"/>
      <c r="AB10627" s="5" t="s">
        <v>43</v>
      </c>
      <c r="AC10627" s="5" t="s">
        <v>44</v>
      </c>
      <c r="AD10627" s="2" t="s">
        <v>32561</v>
      </c>
      <c r="AE10627" s="1"/>
    </row>
    <row r="10628" spans="1:31" ht="14.45">
      <c r="A10628" s="11"/>
      <c r="B10628" s="20"/>
      <c r="C10628" s="2" t="s">
        <v>32677</v>
      </c>
      <c r="D10628" s="14" t="s">
        <v>32678</v>
      </c>
      <c r="E10628" s="2" t="s">
        <v>32679</v>
      </c>
      <c r="F10628" s="2" t="s">
        <v>32509</v>
      </c>
      <c r="G10628" s="8">
        <v>179</v>
      </c>
      <c r="H10628" s="5">
        <v>10</v>
      </c>
      <c r="I10628" s="5" t="s">
        <v>69</v>
      </c>
      <c r="J10628" s="5" t="s">
        <v>27074</v>
      </c>
      <c r="K10628" s="2" t="s">
        <v>27075</v>
      </c>
      <c r="L10628" s="5" t="s">
        <v>27074</v>
      </c>
      <c r="M10628" s="2" t="s">
        <v>27075</v>
      </c>
      <c r="N10628" s="5" t="s">
        <v>24254</v>
      </c>
      <c r="O10628" s="5" t="s">
        <v>38</v>
      </c>
      <c r="P10628" s="5" t="s">
        <v>39</v>
      </c>
      <c r="Q10628" s="5" t="s">
        <v>40</v>
      </c>
      <c r="R10628" s="5" t="s">
        <v>24335</v>
      </c>
      <c r="S10628" s="5" t="s">
        <v>40</v>
      </c>
      <c r="T10628" s="5" t="s">
        <v>42</v>
      </c>
      <c r="U10628" s="2">
        <v>7.6769999999999996</v>
      </c>
      <c r="V10628" s="2">
        <v>5.8940000000000001</v>
      </c>
      <c r="W10628" s="2">
        <v>0.104</v>
      </c>
      <c r="X10628" s="2">
        <v>12</v>
      </c>
      <c r="Y10628" s="2">
        <v>50</v>
      </c>
      <c r="Z10628" s="2">
        <v>173.9</v>
      </c>
      <c r="AA10628" s="5">
        <v>8</v>
      </c>
      <c r="AB10628" s="5" t="s">
        <v>43</v>
      </c>
      <c r="AC10628" s="5" t="s">
        <v>44</v>
      </c>
      <c r="AD10628" s="2" t="s">
        <v>32510</v>
      </c>
      <c r="AE10628" s="1"/>
    </row>
    <row r="10629" spans="1:31" ht="14.45">
      <c r="A10629" s="11"/>
      <c r="B10629" s="20"/>
      <c r="C10629" s="2" t="s">
        <v>32680</v>
      </c>
      <c r="D10629" s="14" t="s">
        <v>32681</v>
      </c>
      <c r="E10629" s="2" t="s">
        <v>32682</v>
      </c>
      <c r="F10629" s="2" t="s">
        <v>32514</v>
      </c>
      <c r="G10629" s="8">
        <v>179</v>
      </c>
      <c r="H10629" s="5">
        <v>5</v>
      </c>
      <c r="I10629" s="5" t="s">
        <v>69</v>
      </c>
      <c r="J10629" s="5" t="s">
        <v>27074</v>
      </c>
      <c r="K10629" s="2" t="s">
        <v>27075</v>
      </c>
      <c r="L10629" s="5" t="s">
        <v>27074</v>
      </c>
      <c r="M10629" s="2" t="s">
        <v>27075</v>
      </c>
      <c r="N10629" s="5" t="s">
        <v>24254</v>
      </c>
      <c r="O10629" s="5" t="s">
        <v>38</v>
      </c>
      <c r="P10629" s="5" t="s">
        <v>39</v>
      </c>
      <c r="Q10629" s="5" t="s">
        <v>40</v>
      </c>
      <c r="R10629" s="5" t="s">
        <v>24335</v>
      </c>
      <c r="S10629" s="5" t="s">
        <v>40</v>
      </c>
      <c r="T10629" s="5" t="s">
        <v>42</v>
      </c>
      <c r="U10629" s="2">
        <v>6.8360000000000003</v>
      </c>
      <c r="V10629" s="2">
        <v>4.835</v>
      </c>
      <c r="W10629" s="2">
        <v>0.104</v>
      </c>
      <c r="X10629" s="2">
        <v>12</v>
      </c>
      <c r="Y10629" s="2">
        <v>50</v>
      </c>
      <c r="Z10629" s="2">
        <v>173.9</v>
      </c>
      <c r="AA10629" s="5">
        <v>8</v>
      </c>
      <c r="AB10629" s="5" t="s">
        <v>43</v>
      </c>
      <c r="AC10629" s="5" t="s">
        <v>44</v>
      </c>
      <c r="AD10629" s="2" t="s">
        <v>32510</v>
      </c>
      <c r="AE10629" s="1"/>
    </row>
    <row r="10630" spans="1:31" ht="14.45">
      <c r="A10630" s="11"/>
      <c r="B10630" s="20"/>
      <c r="C10630" s="2" t="s">
        <v>32683</v>
      </c>
      <c r="D10630" s="14" t="s">
        <v>32684</v>
      </c>
      <c r="E10630" s="2" t="s">
        <v>32685</v>
      </c>
      <c r="F10630" s="2" t="s">
        <v>32518</v>
      </c>
      <c r="G10630" s="8">
        <v>179</v>
      </c>
      <c r="H10630" s="5">
        <v>10</v>
      </c>
      <c r="I10630" s="5" t="s">
        <v>69</v>
      </c>
      <c r="J10630" s="5" t="s">
        <v>27074</v>
      </c>
      <c r="K10630" s="2" t="s">
        <v>27075</v>
      </c>
      <c r="L10630" s="5" t="s">
        <v>27074</v>
      </c>
      <c r="M10630" s="2" t="s">
        <v>27075</v>
      </c>
      <c r="N10630" s="5" t="s">
        <v>24254</v>
      </c>
      <c r="O10630" s="5" t="s">
        <v>38</v>
      </c>
      <c r="P10630" s="5" t="s">
        <v>39</v>
      </c>
      <c r="Q10630" s="5" t="s">
        <v>40</v>
      </c>
      <c r="R10630" s="5" t="s">
        <v>24335</v>
      </c>
      <c r="S10630" s="5" t="s">
        <v>40</v>
      </c>
      <c r="T10630" s="5" t="s">
        <v>42</v>
      </c>
      <c r="U10630" s="2">
        <v>5.5339999999999998</v>
      </c>
      <c r="V10630" s="2">
        <v>3.7850000000000001</v>
      </c>
      <c r="W10630" s="2">
        <v>0.104</v>
      </c>
      <c r="X10630" s="2">
        <v>12</v>
      </c>
      <c r="Y10630" s="2">
        <v>50</v>
      </c>
      <c r="Z10630" s="2">
        <v>173.9</v>
      </c>
      <c r="AA10630" s="5">
        <v>8</v>
      </c>
      <c r="AB10630" s="5" t="s">
        <v>43</v>
      </c>
      <c r="AC10630" s="5" t="s">
        <v>44</v>
      </c>
      <c r="AD10630" s="2" t="s">
        <v>32510</v>
      </c>
      <c r="AE10630" s="1"/>
    </row>
    <row r="10631" spans="1:31" ht="14.45">
      <c r="A10631" s="11"/>
      <c r="B10631" s="20"/>
      <c r="C10631" s="2" t="s">
        <v>32686</v>
      </c>
      <c r="D10631" s="14" t="s">
        <v>32687</v>
      </c>
      <c r="E10631" s="2" t="s">
        <v>32688</v>
      </c>
      <c r="F10631" s="2" t="s">
        <v>32522</v>
      </c>
      <c r="G10631" s="8">
        <v>179</v>
      </c>
      <c r="H10631" s="5">
        <v>5</v>
      </c>
      <c r="I10631" s="5" t="s">
        <v>69</v>
      </c>
      <c r="J10631" s="5" t="s">
        <v>27074</v>
      </c>
      <c r="K10631" s="2" t="s">
        <v>27075</v>
      </c>
      <c r="L10631" s="5" t="s">
        <v>27074</v>
      </c>
      <c r="M10631" s="2" t="s">
        <v>27075</v>
      </c>
      <c r="N10631" s="5" t="s">
        <v>24254</v>
      </c>
      <c r="O10631" s="5" t="s">
        <v>38</v>
      </c>
      <c r="P10631" s="5" t="s">
        <v>39</v>
      </c>
      <c r="Q10631" s="5" t="s">
        <v>40</v>
      </c>
      <c r="R10631" s="5" t="s">
        <v>24335</v>
      </c>
      <c r="S10631" s="5" t="s">
        <v>40</v>
      </c>
      <c r="T10631" s="5" t="s">
        <v>42</v>
      </c>
      <c r="U10631" s="2">
        <v>6.3339999999999996</v>
      </c>
      <c r="V10631" s="2">
        <v>4.3680000000000003</v>
      </c>
      <c r="W10631" s="2">
        <v>0.104</v>
      </c>
      <c r="X10631" s="2">
        <v>12</v>
      </c>
      <c r="Y10631" s="2">
        <v>50</v>
      </c>
      <c r="Z10631" s="2">
        <v>173.9</v>
      </c>
      <c r="AA10631" s="5">
        <v>10</v>
      </c>
      <c r="AB10631" s="5" t="s">
        <v>43</v>
      </c>
      <c r="AC10631" s="5" t="s">
        <v>44</v>
      </c>
      <c r="AD10631" s="2" t="s">
        <v>32523</v>
      </c>
      <c r="AE10631" s="1"/>
    </row>
    <row r="10632" spans="1:31" ht="14.45">
      <c r="A10632" s="11"/>
      <c r="B10632" s="20"/>
      <c r="C10632" s="2" t="s">
        <v>32689</v>
      </c>
      <c r="D10632" s="14" t="s">
        <v>32690</v>
      </c>
      <c r="E10632" s="2" t="s">
        <v>32691</v>
      </c>
      <c r="F10632" s="2" t="s">
        <v>32522</v>
      </c>
      <c r="G10632" s="8">
        <v>179</v>
      </c>
      <c r="H10632" s="5">
        <v>5</v>
      </c>
      <c r="I10632" s="5" t="s">
        <v>69</v>
      </c>
      <c r="J10632" s="5" t="s">
        <v>27074</v>
      </c>
      <c r="K10632" s="2" t="s">
        <v>27075</v>
      </c>
      <c r="L10632" s="5" t="s">
        <v>27074</v>
      </c>
      <c r="M10632" s="2" t="s">
        <v>27075</v>
      </c>
      <c r="N10632" s="5" t="s">
        <v>24254</v>
      </c>
      <c r="O10632" s="5" t="s">
        <v>38</v>
      </c>
      <c r="P10632" s="5" t="s">
        <v>39</v>
      </c>
      <c r="Q10632" s="5" t="s">
        <v>40</v>
      </c>
      <c r="R10632" s="5" t="s">
        <v>24335</v>
      </c>
      <c r="S10632" s="5" t="s">
        <v>40</v>
      </c>
      <c r="T10632" s="5" t="s">
        <v>42</v>
      </c>
      <c r="U10632" s="2">
        <v>6.601</v>
      </c>
      <c r="V10632" s="2">
        <v>4.6349999999999998</v>
      </c>
      <c r="W10632" s="2">
        <v>0.104</v>
      </c>
      <c r="X10632" s="2">
        <v>12</v>
      </c>
      <c r="Y10632" s="2">
        <v>50</v>
      </c>
      <c r="Z10632" s="2">
        <v>173.9</v>
      </c>
      <c r="AA10632" s="5">
        <v>10</v>
      </c>
      <c r="AB10632" s="5" t="s">
        <v>43</v>
      </c>
      <c r="AC10632" s="5" t="s">
        <v>44</v>
      </c>
      <c r="AD10632" s="2" t="s">
        <v>32577</v>
      </c>
      <c r="AE10632" s="1"/>
    </row>
    <row r="10633" spans="1:31" ht="14.45">
      <c r="A10633" s="11"/>
      <c r="B10633" s="20"/>
      <c r="C10633" s="2" t="s">
        <v>32692</v>
      </c>
      <c r="D10633" s="14" t="s">
        <v>32693</v>
      </c>
      <c r="E10633" s="2" t="s">
        <v>32694</v>
      </c>
      <c r="F10633" s="2" t="s">
        <v>32527</v>
      </c>
      <c r="G10633" s="8">
        <v>179</v>
      </c>
      <c r="H10633" s="5">
        <v>5</v>
      </c>
      <c r="I10633" s="5" t="s">
        <v>69</v>
      </c>
      <c r="J10633" s="5" t="s">
        <v>27074</v>
      </c>
      <c r="K10633" s="2" t="s">
        <v>27075</v>
      </c>
      <c r="L10633" s="5" t="s">
        <v>27074</v>
      </c>
      <c r="M10633" s="2" t="s">
        <v>27075</v>
      </c>
      <c r="N10633" s="5" t="s">
        <v>24254</v>
      </c>
      <c r="O10633" s="5" t="s">
        <v>38</v>
      </c>
      <c r="P10633" s="5" t="s">
        <v>39</v>
      </c>
      <c r="Q10633" s="5" t="s">
        <v>40</v>
      </c>
      <c r="R10633" s="5" t="s">
        <v>24335</v>
      </c>
      <c r="S10633" s="5" t="s">
        <v>40</v>
      </c>
      <c r="T10633" s="5" t="s">
        <v>42</v>
      </c>
      <c r="U10633" s="2">
        <v>5.3220000000000001</v>
      </c>
      <c r="V10633" s="2">
        <v>3.3559999999999999</v>
      </c>
      <c r="W10633" s="2">
        <v>0.104</v>
      </c>
      <c r="X10633" s="2">
        <v>12</v>
      </c>
      <c r="Y10633" s="2">
        <v>50</v>
      </c>
      <c r="Z10633" s="2">
        <v>173.9</v>
      </c>
      <c r="AA10633" s="5">
        <v>10</v>
      </c>
      <c r="AB10633" s="5" t="s">
        <v>43</v>
      </c>
      <c r="AC10633" s="5" t="s">
        <v>44</v>
      </c>
      <c r="AD10633" s="2" t="s">
        <v>32528</v>
      </c>
      <c r="AE10633" s="1"/>
    </row>
    <row r="10634" spans="1:31" ht="14.45">
      <c r="A10634" s="11"/>
      <c r="B10634" s="20"/>
      <c r="C10634" s="2" t="s">
        <v>32695</v>
      </c>
      <c r="D10634" s="14" t="s">
        <v>32696</v>
      </c>
      <c r="E10634" s="2" t="s">
        <v>32697</v>
      </c>
      <c r="F10634" s="2" t="s">
        <v>32527</v>
      </c>
      <c r="G10634" s="8">
        <v>179</v>
      </c>
      <c r="H10634" s="5">
        <v>5</v>
      </c>
      <c r="I10634" s="5" t="s">
        <v>69</v>
      </c>
      <c r="J10634" s="5" t="s">
        <v>27074</v>
      </c>
      <c r="K10634" s="2" t="s">
        <v>27075</v>
      </c>
      <c r="L10634" s="5" t="s">
        <v>27074</v>
      </c>
      <c r="M10634" s="2" t="s">
        <v>27075</v>
      </c>
      <c r="N10634" s="5" t="s">
        <v>24254</v>
      </c>
      <c r="O10634" s="5" t="s">
        <v>38</v>
      </c>
      <c r="P10634" s="5" t="s">
        <v>39</v>
      </c>
      <c r="Q10634" s="5" t="s">
        <v>40</v>
      </c>
      <c r="R10634" s="5" t="s">
        <v>24335</v>
      </c>
      <c r="S10634" s="5" t="s">
        <v>40</v>
      </c>
      <c r="T10634" s="5" t="s">
        <v>42</v>
      </c>
      <c r="U10634" s="2">
        <v>5.6890000000000001</v>
      </c>
      <c r="V10634" s="2">
        <v>3.7229999999999999</v>
      </c>
      <c r="W10634" s="2">
        <v>0.104</v>
      </c>
      <c r="X10634" s="2">
        <v>12</v>
      </c>
      <c r="Y10634" s="2">
        <v>50</v>
      </c>
      <c r="Z10634" s="2">
        <v>173.9</v>
      </c>
      <c r="AA10634" s="5">
        <v>10</v>
      </c>
      <c r="AB10634" s="5" t="s">
        <v>43</v>
      </c>
      <c r="AC10634" s="5" t="s">
        <v>44</v>
      </c>
      <c r="AD10634" s="2" t="s">
        <v>32536</v>
      </c>
      <c r="AE10634" s="1"/>
    </row>
    <row r="10635" spans="1:31" ht="14.45">
      <c r="A10635" s="11"/>
      <c r="B10635" s="20"/>
      <c r="C10635" s="2" t="s">
        <v>32698</v>
      </c>
      <c r="D10635" s="14" t="s">
        <v>32699</v>
      </c>
      <c r="E10635" s="2" t="s">
        <v>32700</v>
      </c>
      <c r="F10635" s="2" t="s">
        <v>32532</v>
      </c>
      <c r="G10635" s="8">
        <v>179</v>
      </c>
      <c r="H10635" s="5">
        <v>5</v>
      </c>
      <c r="I10635" s="5" t="s">
        <v>69</v>
      </c>
      <c r="J10635" s="5" t="s">
        <v>27074</v>
      </c>
      <c r="K10635" s="2" t="s">
        <v>27075</v>
      </c>
      <c r="L10635" s="5" t="s">
        <v>27074</v>
      </c>
      <c r="M10635" s="2" t="s">
        <v>27075</v>
      </c>
      <c r="N10635" s="5" t="s">
        <v>24254</v>
      </c>
      <c r="O10635" s="5" t="s">
        <v>38</v>
      </c>
      <c r="P10635" s="5" t="s">
        <v>39</v>
      </c>
      <c r="Q10635" s="5" t="s">
        <v>40</v>
      </c>
      <c r="R10635" s="5" t="s">
        <v>24335</v>
      </c>
      <c r="S10635" s="5" t="s">
        <v>40</v>
      </c>
      <c r="T10635" s="5" t="s">
        <v>42</v>
      </c>
      <c r="U10635" s="2">
        <v>5.2990000000000004</v>
      </c>
      <c r="V10635" s="2">
        <v>3.6070000000000002</v>
      </c>
      <c r="W10635" s="2">
        <v>0.104</v>
      </c>
      <c r="X10635" s="2">
        <v>12</v>
      </c>
      <c r="Y10635" s="2">
        <v>50</v>
      </c>
      <c r="Z10635" s="2">
        <v>173.9</v>
      </c>
      <c r="AA10635" s="5">
        <v>10</v>
      </c>
      <c r="AB10635" s="5" t="s">
        <v>43</v>
      </c>
      <c r="AC10635" s="5" t="s">
        <v>44</v>
      </c>
      <c r="AD10635" s="2" t="s">
        <v>32528</v>
      </c>
      <c r="AE10635" s="1"/>
    </row>
    <row r="10636" spans="1:31" ht="14.45">
      <c r="A10636" s="11"/>
      <c r="B10636" s="20"/>
      <c r="C10636" s="2" t="s">
        <v>32701</v>
      </c>
      <c r="D10636" s="14" t="s">
        <v>32702</v>
      </c>
      <c r="E10636" s="2" t="s">
        <v>32703</v>
      </c>
      <c r="F10636" s="2" t="s">
        <v>32532</v>
      </c>
      <c r="G10636" s="8">
        <v>179</v>
      </c>
      <c r="H10636" s="5">
        <v>5</v>
      </c>
      <c r="I10636" s="5" t="s">
        <v>69</v>
      </c>
      <c r="J10636" s="5" t="s">
        <v>27074</v>
      </c>
      <c r="K10636" s="2" t="s">
        <v>27075</v>
      </c>
      <c r="L10636" s="5" t="s">
        <v>27074</v>
      </c>
      <c r="M10636" s="2" t="s">
        <v>27075</v>
      </c>
      <c r="N10636" s="5" t="s">
        <v>24254</v>
      </c>
      <c r="O10636" s="5" t="s">
        <v>38</v>
      </c>
      <c r="P10636" s="5" t="s">
        <v>39</v>
      </c>
      <c r="Q10636" s="5" t="s">
        <v>40</v>
      </c>
      <c r="R10636" s="5" t="s">
        <v>24335</v>
      </c>
      <c r="S10636" s="5" t="s">
        <v>40</v>
      </c>
      <c r="T10636" s="5" t="s">
        <v>42</v>
      </c>
      <c r="U10636" s="2">
        <v>5.5919999999999996</v>
      </c>
      <c r="V10636" s="2">
        <v>3.9</v>
      </c>
      <c r="W10636" s="2">
        <v>9.2999999999999999E-2</v>
      </c>
      <c r="X10636" s="2">
        <v>12</v>
      </c>
      <c r="Y10636" s="2">
        <v>50</v>
      </c>
      <c r="Z10636" s="2">
        <v>173.9</v>
      </c>
      <c r="AA10636" s="5">
        <v>10</v>
      </c>
      <c r="AB10636" s="5" t="s">
        <v>43</v>
      </c>
      <c r="AC10636" s="5" t="s">
        <v>44</v>
      </c>
      <c r="AD10636" s="2" t="s">
        <v>32536</v>
      </c>
      <c r="AE10636" s="1"/>
    </row>
    <row r="10637" spans="1:31" ht="14.45">
      <c r="A10637" s="11"/>
      <c r="B10637" s="20"/>
      <c r="C10637" s="2" t="s">
        <v>32704</v>
      </c>
      <c r="D10637" s="14" t="s">
        <v>32705</v>
      </c>
      <c r="E10637" s="2" t="s">
        <v>32706</v>
      </c>
      <c r="F10637" s="2" t="s">
        <v>32540</v>
      </c>
      <c r="G10637" s="8">
        <v>326</v>
      </c>
      <c r="H10637" s="5">
        <v>5</v>
      </c>
      <c r="I10637" s="5" t="s">
        <v>69</v>
      </c>
      <c r="J10637" s="5" t="s">
        <v>27074</v>
      </c>
      <c r="K10637" s="2" t="s">
        <v>27075</v>
      </c>
      <c r="L10637" s="5" t="s">
        <v>27074</v>
      </c>
      <c r="M10637" s="2" t="s">
        <v>27075</v>
      </c>
      <c r="N10637" s="5" t="s">
        <v>24254</v>
      </c>
      <c r="O10637" s="5" t="s">
        <v>38</v>
      </c>
      <c r="P10637" s="5" t="s">
        <v>39</v>
      </c>
      <c r="Q10637" s="5" t="s">
        <v>40</v>
      </c>
      <c r="R10637" s="5" t="s">
        <v>24335</v>
      </c>
      <c r="S10637" s="5" t="s">
        <v>40</v>
      </c>
      <c r="T10637" s="5" t="s">
        <v>42</v>
      </c>
      <c r="U10637" s="2">
        <v>12.013999999999999</v>
      </c>
      <c r="V10637" s="2">
        <v>9.3580000000000005</v>
      </c>
      <c r="W10637" s="2">
        <v>0.16</v>
      </c>
      <c r="X10637" s="2">
        <v>12</v>
      </c>
      <c r="Y10637" s="2">
        <v>77</v>
      </c>
      <c r="Z10637" s="2">
        <v>173.4</v>
      </c>
      <c r="AA10637" s="5">
        <v>8</v>
      </c>
      <c r="AB10637" s="5" t="s">
        <v>43</v>
      </c>
      <c r="AC10637" s="5" t="s">
        <v>44</v>
      </c>
      <c r="AD10637" s="2" t="s">
        <v>32541</v>
      </c>
      <c r="AE10637" s="1"/>
    </row>
    <row r="10638" spans="1:31" ht="14.45">
      <c r="A10638" s="11"/>
      <c r="B10638" s="20"/>
      <c r="C10638" s="2" t="s">
        <v>32707</v>
      </c>
      <c r="D10638" s="14" t="s">
        <v>32708</v>
      </c>
      <c r="E10638" s="2" t="s">
        <v>32709</v>
      </c>
      <c r="F10638" s="2" t="s">
        <v>32545</v>
      </c>
      <c r="G10638" s="8">
        <v>663</v>
      </c>
      <c r="H10638" s="5">
        <v>5</v>
      </c>
      <c r="I10638" s="5" t="s">
        <v>69</v>
      </c>
      <c r="J10638" s="5" t="s">
        <v>27074</v>
      </c>
      <c r="K10638" s="2" t="s">
        <v>27075</v>
      </c>
      <c r="L10638" s="5" t="s">
        <v>27074</v>
      </c>
      <c r="M10638" s="2" t="s">
        <v>27075</v>
      </c>
      <c r="N10638" s="5" t="s">
        <v>24254</v>
      </c>
      <c r="O10638" s="5" t="s">
        <v>38</v>
      </c>
      <c r="P10638" s="5" t="s">
        <v>39</v>
      </c>
      <c r="Q10638" s="5" t="s">
        <v>40</v>
      </c>
      <c r="R10638" s="5" t="s">
        <v>1487</v>
      </c>
      <c r="S10638" s="5"/>
      <c r="T10638" s="5" t="s">
        <v>42</v>
      </c>
      <c r="U10638" s="2">
        <v>0</v>
      </c>
      <c r="V10638" s="2">
        <v>0</v>
      </c>
      <c r="W10638" s="2">
        <v>0</v>
      </c>
      <c r="X10638" s="2">
        <v>0</v>
      </c>
      <c r="Y10638" s="2">
        <v>0</v>
      </c>
      <c r="Z10638" s="2">
        <v>0</v>
      </c>
      <c r="AA10638" s="5"/>
      <c r="AB10638" s="5" t="s">
        <v>43</v>
      </c>
      <c r="AC10638" s="5" t="s">
        <v>44</v>
      </c>
      <c r="AD10638" s="2" t="s">
        <v>32546</v>
      </c>
      <c r="AE10638" s="1"/>
    </row>
    <row r="10639" spans="1:31" ht="14.45">
      <c r="A10639" s="11"/>
      <c r="B10639" s="20"/>
      <c r="C10639" s="2" t="s">
        <v>32710</v>
      </c>
      <c r="D10639" s="14" t="s">
        <v>32711</v>
      </c>
      <c r="E10639" s="2" t="s">
        <v>32712</v>
      </c>
      <c r="F10639" s="2" t="s">
        <v>32550</v>
      </c>
      <c r="G10639" s="8">
        <v>663</v>
      </c>
      <c r="H10639" s="5">
        <v>15</v>
      </c>
      <c r="I10639" s="5" t="s">
        <v>69</v>
      </c>
      <c r="J10639" s="5" t="s">
        <v>27074</v>
      </c>
      <c r="K10639" s="2" t="s">
        <v>27075</v>
      </c>
      <c r="L10639" s="5" t="s">
        <v>27074</v>
      </c>
      <c r="M10639" s="2" t="s">
        <v>27075</v>
      </c>
      <c r="N10639" s="5" t="s">
        <v>24254</v>
      </c>
      <c r="O10639" s="5" t="s">
        <v>38</v>
      </c>
      <c r="P10639" s="5" t="s">
        <v>39</v>
      </c>
      <c r="Q10639" s="5" t="s">
        <v>40</v>
      </c>
      <c r="R10639" s="5" t="s">
        <v>1487</v>
      </c>
      <c r="S10639" s="5"/>
      <c r="T10639" s="5" t="s">
        <v>42</v>
      </c>
      <c r="U10639" s="2">
        <v>0</v>
      </c>
      <c r="V10639" s="2">
        <v>0</v>
      </c>
      <c r="W10639" s="2">
        <v>0</v>
      </c>
      <c r="X10639" s="2">
        <v>0</v>
      </c>
      <c r="Y10639" s="2">
        <v>0</v>
      </c>
      <c r="Z10639" s="2">
        <v>0</v>
      </c>
      <c r="AA10639" s="5"/>
      <c r="AB10639" s="5" t="s">
        <v>43</v>
      </c>
      <c r="AC10639" s="5" t="s">
        <v>44</v>
      </c>
      <c r="AD10639" s="2" t="s">
        <v>32551</v>
      </c>
      <c r="AE10639" s="1"/>
    </row>
    <row r="10640" spans="1:31" ht="14.45">
      <c r="A10640" s="11"/>
      <c r="B10640" s="20"/>
      <c r="C10640" s="2" t="s">
        <v>32713</v>
      </c>
      <c r="D10640" s="14" t="s">
        <v>32714</v>
      </c>
      <c r="E10640" s="2" t="s">
        <v>32715</v>
      </c>
      <c r="F10640" s="2" t="s">
        <v>32555</v>
      </c>
      <c r="G10640" s="8">
        <v>1111</v>
      </c>
      <c r="H10640" s="5">
        <v>15</v>
      </c>
      <c r="I10640" s="5" t="s">
        <v>69</v>
      </c>
      <c r="J10640" s="5" t="s">
        <v>27074</v>
      </c>
      <c r="K10640" s="2" t="s">
        <v>27075</v>
      </c>
      <c r="L10640" s="5" t="s">
        <v>27074</v>
      </c>
      <c r="M10640" s="2" t="s">
        <v>27075</v>
      </c>
      <c r="N10640" s="5" t="s">
        <v>24254</v>
      </c>
      <c r="O10640" s="5" t="s">
        <v>38</v>
      </c>
      <c r="P10640" s="5" t="s">
        <v>39</v>
      </c>
      <c r="Q10640" s="5" t="s">
        <v>40</v>
      </c>
      <c r="R10640" s="5" t="s">
        <v>1487</v>
      </c>
      <c r="S10640" s="5"/>
      <c r="T10640" s="5" t="s">
        <v>42</v>
      </c>
      <c r="U10640" s="2">
        <v>0</v>
      </c>
      <c r="V10640" s="2">
        <v>0</v>
      </c>
      <c r="W10640" s="2">
        <v>0</v>
      </c>
      <c r="X10640" s="2">
        <v>0</v>
      </c>
      <c r="Y10640" s="2">
        <v>0</v>
      </c>
      <c r="Z10640" s="2">
        <v>0</v>
      </c>
      <c r="AA10640" s="5"/>
      <c r="AB10640" s="5" t="s">
        <v>43</v>
      </c>
      <c r="AC10640" s="5" t="s">
        <v>44</v>
      </c>
      <c r="AD10640" s="2" t="s">
        <v>32556</v>
      </c>
      <c r="AE10640" s="1"/>
    </row>
    <row r="10641" spans="1:31" ht="14.45">
      <c r="A10641" s="11"/>
      <c r="B10641" s="20"/>
      <c r="C10641" s="2" t="s">
        <v>32716</v>
      </c>
      <c r="D10641" s="14" t="s">
        <v>32717</v>
      </c>
      <c r="E10641" s="2" t="s">
        <v>32718</v>
      </c>
      <c r="F10641" s="2" t="s">
        <v>32560</v>
      </c>
      <c r="G10641" s="8">
        <v>1111</v>
      </c>
      <c r="H10641" s="5">
        <v>15</v>
      </c>
      <c r="I10641" s="5" t="s">
        <v>69</v>
      </c>
      <c r="J10641" s="5" t="s">
        <v>27074</v>
      </c>
      <c r="K10641" s="2" t="s">
        <v>27075</v>
      </c>
      <c r="L10641" s="5" t="s">
        <v>27074</v>
      </c>
      <c r="M10641" s="2" t="s">
        <v>27075</v>
      </c>
      <c r="N10641" s="5" t="s">
        <v>24254</v>
      </c>
      <c r="O10641" s="5" t="s">
        <v>38</v>
      </c>
      <c r="P10641" s="5" t="s">
        <v>39</v>
      </c>
      <c r="Q10641" s="5" t="s">
        <v>40</v>
      </c>
      <c r="R10641" s="5" t="s">
        <v>1487</v>
      </c>
      <c r="S10641" s="5"/>
      <c r="T10641" s="5" t="s">
        <v>42</v>
      </c>
      <c r="U10641" s="2">
        <v>0</v>
      </c>
      <c r="V10641" s="2">
        <v>0</v>
      </c>
      <c r="W10641" s="2">
        <v>0</v>
      </c>
      <c r="X10641" s="2">
        <v>0</v>
      </c>
      <c r="Y10641" s="2">
        <v>0</v>
      </c>
      <c r="Z10641" s="2">
        <v>0</v>
      </c>
      <c r="AA10641" s="5"/>
      <c r="AB10641" s="5" t="s">
        <v>43</v>
      </c>
      <c r="AC10641" s="5" t="s">
        <v>44</v>
      </c>
      <c r="AD10641" s="2" t="s">
        <v>32561</v>
      </c>
      <c r="AE10641" s="1"/>
    </row>
    <row r="10642" spans="1:31" ht="14.45">
      <c r="A10642" s="11"/>
      <c r="B10642" s="20"/>
      <c r="C10642" s="2" t="s">
        <v>32719</v>
      </c>
      <c r="D10642" s="14" t="s">
        <v>32720</v>
      </c>
      <c r="E10642" s="2" t="s">
        <v>32721</v>
      </c>
      <c r="F10642" s="2" t="s">
        <v>32509</v>
      </c>
      <c r="G10642" s="8">
        <v>185</v>
      </c>
      <c r="H10642" s="5">
        <v>10</v>
      </c>
      <c r="I10642" s="5" t="s">
        <v>69</v>
      </c>
      <c r="J10642" s="5" t="s">
        <v>27074</v>
      </c>
      <c r="K10642" s="2" t="s">
        <v>27075</v>
      </c>
      <c r="L10642" s="5" t="s">
        <v>27074</v>
      </c>
      <c r="M10642" s="2" t="s">
        <v>27075</v>
      </c>
      <c r="N10642" s="5" t="s">
        <v>24254</v>
      </c>
      <c r="O10642" s="5" t="s">
        <v>38</v>
      </c>
      <c r="P10642" s="5" t="s">
        <v>39</v>
      </c>
      <c r="Q10642" s="5" t="s">
        <v>40</v>
      </c>
      <c r="R10642" s="5" t="s">
        <v>24335</v>
      </c>
      <c r="S10642" s="5" t="s">
        <v>40</v>
      </c>
      <c r="T10642" s="5" t="s">
        <v>42</v>
      </c>
      <c r="U10642" s="2">
        <v>8.1560000000000006</v>
      </c>
      <c r="V10642" s="2">
        <v>6.3730000000000002</v>
      </c>
      <c r="W10642" s="2">
        <v>0.11600000000000001</v>
      </c>
      <c r="X10642" s="2">
        <v>12</v>
      </c>
      <c r="Y10642" s="2">
        <v>50</v>
      </c>
      <c r="Z10642" s="2">
        <v>193.9</v>
      </c>
      <c r="AA10642" s="5">
        <v>8</v>
      </c>
      <c r="AB10642" s="5" t="s">
        <v>43</v>
      </c>
      <c r="AC10642" s="5" t="s">
        <v>44</v>
      </c>
      <c r="AD10642" s="2" t="s">
        <v>32510</v>
      </c>
      <c r="AE10642" s="1"/>
    </row>
    <row r="10643" spans="1:31" ht="14.45">
      <c r="A10643" s="11"/>
      <c r="B10643" s="20"/>
      <c r="C10643" s="2" t="s">
        <v>32722</v>
      </c>
      <c r="D10643" s="14" t="s">
        <v>32723</v>
      </c>
      <c r="E10643" s="2" t="s">
        <v>32724</v>
      </c>
      <c r="F10643" s="2" t="s">
        <v>32514</v>
      </c>
      <c r="G10643" s="8">
        <v>185</v>
      </c>
      <c r="H10643" s="5">
        <v>5</v>
      </c>
      <c r="I10643" s="5" t="s">
        <v>69</v>
      </c>
      <c r="J10643" s="5" t="s">
        <v>27074</v>
      </c>
      <c r="K10643" s="2" t="s">
        <v>27075</v>
      </c>
      <c r="L10643" s="5" t="s">
        <v>27074</v>
      </c>
      <c r="M10643" s="2" t="s">
        <v>27075</v>
      </c>
      <c r="N10643" s="5" t="s">
        <v>24254</v>
      </c>
      <c r="O10643" s="5" t="s">
        <v>38</v>
      </c>
      <c r="P10643" s="5" t="s">
        <v>39</v>
      </c>
      <c r="Q10643" s="5" t="s">
        <v>40</v>
      </c>
      <c r="R10643" s="5" t="s">
        <v>24335</v>
      </c>
      <c r="S10643" s="5" t="s">
        <v>40</v>
      </c>
      <c r="T10643" s="5" t="s">
        <v>42</v>
      </c>
      <c r="U10643" s="2">
        <v>7.2290000000000001</v>
      </c>
      <c r="V10643" s="2">
        <v>5.2279999999999998</v>
      </c>
      <c r="W10643" s="2">
        <v>0.11600000000000001</v>
      </c>
      <c r="X10643" s="2">
        <v>12</v>
      </c>
      <c r="Y10643" s="2">
        <v>50</v>
      </c>
      <c r="Z10643" s="2">
        <v>193.9</v>
      </c>
      <c r="AA10643" s="5">
        <v>8</v>
      </c>
      <c r="AB10643" s="5" t="s">
        <v>43</v>
      </c>
      <c r="AC10643" s="5" t="s">
        <v>44</v>
      </c>
      <c r="AD10643" s="2" t="s">
        <v>32510</v>
      </c>
      <c r="AE10643" s="1"/>
    </row>
    <row r="10644" spans="1:31" ht="14.45">
      <c r="A10644" s="11"/>
      <c r="B10644" s="20"/>
      <c r="C10644" s="2" t="s">
        <v>32725</v>
      </c>
      <c r="D10644" s="14" t="s">
        <v>32726</v>
      </c>
      <c r="E10644" s="2" t="s">
        <v>32727</v>
      </c>
      <c r="F10644" s="2" t="s">
        <v>32518</v>
      </c>
      <c r="G10644" s="8">
        <v>185</v>
      </c>
      <c r="H10644" s="5">
        <v>10</v>
      </c>
      <c r="I10644" s="5" t="s">
        <v>69</v>
      </c>
      <c r="J10644" s="5" t="s">
        <v>27074</v>
      </c>
      <c r="K10644" s="2" t="s">
        <v>27075</v>
      </c>
      <c r="L10644" s="5" t="s">
        <v>27074</v>
      </c>
      <c r="M10644" s="2" t="s">
        <v>27075</v>
      </c>
      <c r="N10644" s="5" t="s">
        <v>24254</v>
      </c>
      <c r="O10644" s="5" t="s">
        <v>38</v>
      </c>
      <c r="P10644" s="5" t="s">
        <v>39</v>
      </c>
      <c r="Q10644" s="5" t="s">
        <v>40</v>
      </c>
      <c r="R10644" s="5" t="s">
        <v>24335</v>
      </c>
      <c r="S10644" s="5" t="s">
        <v>40</v>
      </c>
      <c r="T10644" s="5" t="s">
        <v>42</v>
      </c>
      <c r="U10644" s="2">
        <v>5.8789999999999996</v>
      </c>
      <c r="V10644" s="2">
        <v>4.13</v>
      </c>
      <c r="W10644" s="2">
        <v>0.11600000000000001</v>
      </c>
      <c r="X10644" s="2">
        <v>12</v>
      </c>
      <c r="Y10644" s="2">
        <v>50</v>
      </c>
      <c r="Z10644" s="2">
        <v>193.9</v>
      </c>
      <c r="AA10644" s="5">
        <v>8</v>
      </c>
      <c r="AB10644" s="5" t="s">
        <v>43</v>
      </c>
      <c r="AC10644" s="5" t="s">
        <v>44</v>
      </c>
      <c r="AD10644" s="2" t="s">
        <v>32510</v>
      </c>
      <c r="AE10644" s="1"/>
    </row>
    <row r="10645" spans="1:31" ht="14.45">
      <c r="A10645" s="11"/>
      <c r="B10645" s="20"/>
      <c r="C10645" s="2" t="s">
        <v>32728</v>
      </c>
      <c r="D10645" s="14" t="s">
        <v>32729</v>
      </c>
      <c r="E10645" s="2" t="s">
        <v>32730</v>
      </c>
      <c r="F10645" s="2" t="s">
        <v>32522</v>
      </c>
      <c r="G10645" s="8">
        <v>185</v>
      </c>
      <c r="H10645" s="5">
        <v>5</v>
      </c>
      <c r="I10645" s="5" t="s">
        <v>69</v>
      </c>
      <c r="J10645" s="5" t="s">
        <v>27074</v>
      </c>
      <c r="K10645" s="2" t="s">
        <v>27075</v>
      </c>
      <c r="L10645" s="5" t="s">
        <v>27074</v>
      </c>
      <c r="M10645" s="2" t="s">
        <v>27075</v>
      </c>
      <c r="N10645" s="5" t="s">
        <v>24254</v>
      </c>
      <c r="O10645" s="5" t="s">
        <v>38</v>
      </c>
      <c r="P10645" s="5" t="s">
        <v>39</v>
      </c>
      <c r="Q10645" s="5" t="s">
        <v>40</v>
      </c>
      <c r="R10645" s="5" t="s">
        <v>24335</v>
      </c>
      <c r="S10645" s="5" t="s">
        <v>40</v>
      </c>
      <c r="T10645" s="5" t="s">
        <v>42</v>
      </c>
      <c r="U10645" s="2">
        <v>6.819</v>
      </c>
      <c r="V10645" s="2">
        <v>4.8529999999999998</v>
      </c>
      <c r="W10645" s="2">
        <v>0.11600000000000001</v>
      </c>
      <c r="X10645" s="2">
        <v>12</v>
      </c>
      <c r="Y10645" s="2">
        <v>50</v>
      </c>
      <c r="Z10645" s="2">
        <v>193.9</v>
      </c>
      <c r="AA10645" s="5">
        <v>10</v>
      </c>
      <c r="AB10645" s="5" t="s">
        <v>43</v>
      </c>
      <c r="AC10645" s="5" t="s">
        <v>44</v>
      </c>
      <c r="AD10645" s="2" t="s">
        <v>32523</v>
      </c>
      <c r="AE10645" s="1"/>
    </row>
    <row r="10646" spans="1:31" ht="14.45">
      <c r="A10646" s="11"/>
      <c r="B10646" s="20"/>
      <c r="C10646" s="2" t="s">
        <v>32731</v>
      </c>
      <c r="D10646" s="14" t="s">
        <v>32732</v>
      </c>
      <c r="E10646" s="2" t="s">
        <v>32733</v>
      </c>
      <c r="F10646" s="2" t="s">
        <v>32522</v>
      </c>
      <c r="G10646" s="8">
        <v>185</v>
      </c>
      <c r="H10646" s="5">
        <v>5</v>
      </c>
      <c r="I10646" s="5" t="s">
        <v>69</v>
      </c>
      <c r="J10646" s="5" t="s">
        <v>27074</v>
      </c>
      <c r="K10646" s="2" t="s">
        <v>27075</v>
      </c>
      <c r="L10646" s="5" t="s">
        <v>27074</v>
      </c>
      <c r="M10646" s="2" t="s">
        <v>27075</v>
      </c>
      <c r="N10646" s="5" t="s">
        <v>24254</v>
      </c>
      <c r="O10646" s="5" t="s">
        <v>38</v>
      </c>
      <c r="P10646" s="5" t="s">
        <v>39</v>
      </c>
      <c r="Q10646" s="5" t="s">
        <v>40</v>
      </c>
      <c r="R10646" s="5" t="s">
        <v>24335</v>
      </c>
      <c r="S10646" s="5" t="s">
        <v>40</v>
      </c>
      <c r="T10646" s="5" t="s">
        <v>42</v>
      </c>
      <c r="U10646" s="2">
        <v>7.0860000000000003</v>
      </c>
      <c r="V10646" s="2">
        <v>5.12</v>
      </c>
      <c r="W10646" s="2">
        <v>0.11600000000000001</v>
      </c>
      <c r="X10646" s="2">
        <v>12</v>
      </c>
      <c r="Y10646" s="2">
        <v>50</v>
      </c>
      <c r="Z10646" s="2">
        <v>193.9</v>
      </c>
      <c r="AA10646" s="5">
        <v>10</v>
      </c>
      <c r="AB10646" s="5" t="s">
        <v>43</v>
      </c>
      <c r="AC10646" s="5" t="s">
        <v>44</v>
      </c>
      <c r="AD10646" s="2" t="s">
        <v>32577</v>
      </c>
      <c r="AE10646" s="1"/>
    </row>
    <row r="10647" spans="1:31" ht="14.45">
      <c r="A10647" s="11"/>
      <c r="B10647" s="20"/>
      <c r="C10647" s="2" t="s">
        <v>32734</v>
      </c>
      <c r="D10647" s="14" t="s">
        <v>32735</v>
      </c>
      <c r="E10647" s="2" t="s">
        <v>32736</v>
      </c>
      <c r="F10647" s="2" t="s">
        <v>32527</v>
      </c>
      <c r="G10647" s="8">
        <v>185</v>
      </c>
      <c r="H10647" s="5">
        <v>5</v>
      </c>
      <c r="I10647" s="5" t="s">
        <v>69</v>
      </c>
      <c r="J10647" s="5" t="s">
        <v>27074</v>
      </c>
      <c r="K10647" s="2" t="s">
        <v>27075</v>
      </c>
      <c r="L10647" s="5" t="s">
        <v>27074</v>
      </c>
      <c r="M10647" s="2" t="s">
        <v>27075</v>
      </c>
      <c r="N10647" s="5" t="s">
        <v>24254</v>
      </c>
      <c r="O10647" s="5" t="s">
        <v>38</v>
      </c>
      <c r="P10647" s="5" t="s">
        <v>39</v>
      </c>
      <c r="Q10647" s="5" t="s">
        <v>40</v>
      </c>
      <c r="R10647" s="5" t="s">
        <v>24335</v>
      </c>
      <c r="S10647" s="5" t="s">
        <v>40</v>
      </c>
      <c r="T10647" s="5" t="s">
        <v>42</v>
      </c>
      <c r="U10647" s="2">
        <v>5.6689999999999996</v>
      </c>
      <c r="V10647" s="2">
        <v>3.7029999999999998</v>
      </c>
      <c r="W10647" s="2">
        <v>0.11600000000000001</v>
      </c>
      <c r="X10647" s="2">
        <v>12</v>
      </c>
      <c r="Y10647" s="2">
        <v>50</v>
      </c>
      <c r="Z10647" s="2">
        <v>193.9</v>
      </c>
      <c r="AA10647" s="5">
        <v>10</v>
      </c>
      <c r="AB10647" s="5" t="s">
        <v>43</v>
      </c>
      <c r="AC10647" s="5" t="s">
        <v>44</v>
      </c>
      <c r="AD10647" s="2" t="s">
        <v>32528</v>
      </c>
      <c r="AE10647" s="1"/>
    </row>
    <row r="10648" spans="1:31" ht="14.45">
      <c r="A10648" s="11"/>
      <c r="B10648" s="20"/>
      <c r="C10648" s="2" t="s">
        <v>32737</v>
      </c>
      <c r="D10648" s="14" t="s">
        <v>32738</v>
      </c>
      <c r="E10648" s="2" t="s">
        <v>32739</v>
      </c>
      <c r="F10648" s="2" t="s">
        <v>32527</v>
      </c>
      <c r="G10648" s="8">
        <v>185</v>
      </c>
      <c r="H10648" s="5">
        <v>5</v>
      </c>
      <c r="I10648" s="5" t="s">
        <v>69</v>
      </c>
      <c r="J10648" s="5" t="s">
        <v>27074</v>
      </c>
      <c r="K10648" s="2" t="s">
        <v>27075</v>
      </c>
      <c r="L10648" s="5" t="s">
        <v>27074</v>
      </c>
      <c r="M10648" s="2" t="s">
        <v>27075</v>
      </c>
      <c r="N10648" s="5" t="s">
        <v>24254</v>
      </c>
      <c r="O10648" s="5" t="s">
        <v>38</v>
      </c>
      <c r="P10648" s="5" t="s">
        <v>39</v>
      </c>
      <c r="Q10648" s="5" t="s">
        <v>40</v>
      </c>
      <c r="R10648" s="5" t="s">
        <v>24335</v>
      </c>
      <c r="S10648" s="5" t="s">
        <v>40</v>
      </c>
      <c r="T10648" s="5" t="s">
        <v>42</v>
      </c>
      <c r="U10648" s="2">
        <v>6.0359999999999996</v>
      </c>
      <c r="V10648" s="2">
        <v>4.07</v>
      </c>
      <c r="W10648" s="2">
        <v>0.11600000000000001</v>
      </c>
      <c r="X10648" s="2">
        <v>12</v>
      </c>
      <c r="Y10648" s="2">
        <v>50</v>
      </c>
      <c r="Z10648" s="2">
        <v>193.9</v>
      </c>
      <c r="AA10648" s="5">
        <v>10</v>
      </c>
      <c r="AB10648" s="5" t="s">
        <v>43</v>
      </c>
      <c r="AC10648" s="5" t="s">
        <v>44</v>
      </c>
      <c r="AD10648" s="2" t="s">
        <v>32536</v>
      </c>
      <c r="AE10648" s="1"/>
    </row>
    <row r="10649" spans="1:31" ht="14.45">
      <c r="A10649" s="11"/>
      <c r="B10649" s="20"/>
      <c r="C10649" s="2" t="s">
        <v>32740</v>
      </c>
      <c r="D10649" s="14" t="s">
        <v>32741</v>
      </c>
      <c r="E10649" s="2" t="s">
        <v>32742</v>
      </c>
      <c r="F10649" s="2" t="s">
        <v>32532</v>
      </c>
      <c r="G10649" s="8">
        <v>185</v>
      </c>
      <c r="H10649" s="5">
        <v>5</v>
      </c>
      <c r="I10649" s="5" t="s">
        <v>69</v>
      </c>
      <c r="J10649" s="5" t="s">
        <v>27074</v>
      </c>
      <c r="K10649" s="2" t="s">
        <v>27075</v>
      </c>
      <c r="L10649" s="5" t="s">
        <v>27074</v>
      </c>
      <c r="M10649" s="2" t="s">
        <v>27075</v>
      </c>
      <c r="N10649" s="5" t="s">
        <v>24254</v>
      </c>
      <c r="O10649" s="5" t="s">
        <v>38</v>
      </c>
      <c r="P10649" s="5" t="s">
        <v>39</v>
      </c>
      <c r="Q10649" s="5" t="s">
        <v>40</v>
      </c>
      <c r="R10649" s="5" t="s">
        <v>24335</v>
      </c>
      <c r="S10649" s="5" t="s">
        <v>40</v>
      </c>
      <c r="T10649" s="5" t="s">
        <v>42</v>
      </c>
      <c r="U10649" s="2">
        <v>5.702</v>
      </c>
      <c r="V10649" s="2">
        <v>4.01</v>
      </c>
      <c r="W10649" s="2">
        <v>0.11600000000000001</v>
      </c>
      <c r="X10649" s="2">
        <v>12</v>
      </c>
      <c r="Y10649" s="2">
        <v>50</v>
      </c>
      <c r="Z10649" s="2">
        <v>193.9</v>
      </c>
      <c r="AA10649" s="5">
        <v>10</v>
      </c>
      <c r="AB10649" s="5" t="s">
        <v>43</v>
      </c>
      <c r="AC10649" s="5" t="s">
        <v>44</v>
      </c>
      <c r="AD10649" s="2" t="s">
        <v>32528</v>
      </c>
      <c r="AE10649" s="1"/>
    </row>
    <row r="10650" spans="1:31" ht="14.45">
      <c r="A10650" s="11"/>
      <c r="B10650" s="20"/>
      <c r="C10650" s="2" t="s">
        <v>32743</v>
      </c>
      <c r="D10650" s="14" t="s">
        <v>32744</v>
      </c>
      <c r="E10650" s="2" t="s">
        <v>32745</v>
      </c>
      <c r="F10650" s="2" t="s">
        <v>32532</v>
      </c>
      <c r="G10650" s="8">
        <v>185</v>
      </c>
      <c r="H10650" s="5">
        <v>5</v>
      </c>
      <c r="I10650" s="5" t="s">
        <v>69</v>
      </c>
      <c r="J10650" s="5" t="s">
        <v>27074</v>
      </c>
      <c r="K10650" s="2" t="s">
        <v>27075</v>
      </c>
      <c r="L10650" s="5" t="s">
        <v>27074</v>
      </c>
      <c r="M10650" s="2" t="s">
        <v>27075</v>
      </c>
      <c r="N10650" s="5" t="s">
        <v>24254</v>
      </c>
      <c r="O10650" s="5" t="s">
        <v>38</v>
      </c>
      <c r="P10650" s="5" t="s">
        <v>39</v>
      </c>
      <c r="Q10650" s="5" t="s">
        <v>40</v>
      </c>
      <c r="R10650" s="5" t="s">
        <v>24335</v>
      </c>
      <c r="S10650" s="5" t="s">
        <v>40</v>
      </c>
      <c r="T10650" s="5" t="s">
        <v>42</v>
      </c>
      <c r="U10650" s="2">
        <v>5.9950000000000001</v>
      </c>
      <c r="V10650" s="2">
        <v>4.3029999999999999</v>
      </c>
      <c r="W10650" s="2">
        <v>9.2999999999999999E-2</v>
      </c>
      <c r="X10650" s="2">
        <v>12</v>
      </c>
      <c r="Y10650" s="2">
        <v>50</v>
      </c>
      <c r="Z10650" s="2">
        <v>193.9</v>
      </c>
      <c r="AA10650" s="5">
        <v>10</v>
      </c>
      <c r="AB10650" s="5" t="s">
        <v>43</v>
      </c>
      <c r="AC10650" s="5" t="s">
        <v>44</v>
      </c>
      <c r="AD10650" s="2" t="s">
        <v>32536</v>
      </c>
      <c r="AE10650" s="1"/>
    </row>
    <row r="10651" spans="1:31" ht="14.45">
      <c r="A10651" s="11"/>
      <c r="B10651" s="20"/>
      <c r="C10651" s="2" t="s">
        <v>32746</v>
      </c>
      <c r="D10651" s="14" t="s">
        <v>32747</v>
      </c>
      <c r="E10651" s="2" t="s">
        <v>32748</v>
      </c>
      <c r="F10651" s="2" t="s">
        <v>32540</v>
      </c>
      <c r="G10651" s="8">
        <v>336</v>
      </c>
      <c r="H10651" s="5">
        <v>5</v>
      </c>
      <c r="I10651" s="5" t="s">
        <v>69</v>
      </c>
      <c r="J10651" s="5" t="s">
        <v>27074</v>
      </c>
      <c r="K10651" s="2" t="s">
        <v>27075</v>
      </c>
      <c r="L10651" s="5" t="s">
        <v>27074</v>
      </c>
      <c r="M10651" s="2" t="s">
        <v>27075</v>
      </c>
      <c r="N10651" s="5" t="s">
        <v>24254</v>
      </c>
      <c r="O10651" s="5" t="s">
        <v>38</v>
      </c>
      <c r="P10651" s="5" t="s">
        <v>39</v>
      </c>
      <c r="Q10651" s="5" t="s">
        <v>40</v>
      </c>
      <c r="R10651" s="5" t="s">
        <v>24335</v>
      </c>
      <c r="S10651" s="5" t="s">
        <v>40</v>
      </c>
      <c r="T10651" s="5" t="s">
        <v>42</v>
      </c>
      <c r="U10651" s="2">
        <v>12.837999999999999</v>
      </c>
      <c r="V10651" s="2">
        <v>10.182</v>
      </c>
      <c r="W10651" s="2">
        <v>0.19500000000000001</v>
      </c>
      <c r="X10651" s="2">
        <v>12</v>
      </c>
      <c r="Y10651" s="2">
        <v>77</v>
      </c>
      <c r="Z10651" s="2">
        <v>210.9</v>
      </c>
      <c r="AA10651" s="5">
        <v>8</v>
      </c>
      <c r="AB10651" s="5" t="s">
        <v>43</v>
      </c>
      <c r="AC10651" s="5" t="s">
        <v>44</v>
      </c>
      <c r="AD10651" s="2" t="s">
        <v>32541</v>
      </c>
      <c r="AE10651" s="1"/>
    </row>
    <row r="10652" spans="1:31" ht="14.45">
      <c r="A10652" s="11"/>
      <c r="B10652" s="20"/>
      <c r="C10652" s="2" t="s">
        <v>32749</v>
      </c>
      <c r="D10652" s="14" t="s">
        <v>32750</v>
      </c>
      <c r="E10652" s="2" t="s">
        <v>32751</v>
      </c>
      <c r="F10652" s="2" t="s">
        <v>32545</v>
      </c>
      <c r="G10652" s="8">
        <v>675</v>
      </c>
      <c r="H10652" s="5">
        <v>5</v>
      </c>
      <c r="I10652" s="5" t="s">
        <v>69</v>
      </c>
      <c r="J10652" s="5" t="s">
        <v>27074</v>
      </c>
      <c r="K10652" s="2" t="s">
        <v>27075</v>
      </c>
      <c r="L10652" s="5" t="s">
        <v>27074</v>
      </c>
      <c r="M10652" s="2" t="s">
        <v>27075</v>
      </c>
      <c r="N10652" s="5" t="s">
        <v>24254</v>
      </c>
      <c r="O10652" s="5" t="s">
        <v>38</v>
      </c>
      <c r="P10652" s="5" t="s">
        <v>39</v>
      </c>
      <c r="Q10652" s="5" t="s">
        <v>40</v>
      </c>
      <c r="R10652" s="5" t="s">
        <v>1487</v>
      </c>
      <c r="S10652" s="5"/>
      <c r="T10652" s="5" t="s">
        <v>42</v>
      </c>
      <c r="U10652" s="2">
        <v>0</v>
      </c>
      <c r="V10652" s="2">
        <v>0</v>
      </c>
      <c r="W10652" s="2">
        <v>0</v>
      </c>
      <c r="X10652" s="2">
        <v>0</v>
      </c>
      <c r="Y10652" s="2">
        <v>0</v>
      </c>
      <c r="Z10652" s="2">
        <v>0</v>
      </c>
      <c r="AA10652" s="5"/>
      <c r="AB10652" s="5" t="s">
        <v>43</v>
      </c>
      <c r="AC10652" s="5" t="s">
        <v>44</v>
      </c>
      <c r="AD10652" s="2" t="s">
        <v>32546</v>
      </c>
      <c r="AE10652" s="1"/>
    </row>
    <row r="10653" spans="1:31" ht="14.45">
      <c r="A10653" s="11"/>
      <c r="B10653" s="20"/>
      <c r="C10653" s="2" t="s">
        <v>32752</v>
      </c>
      <c r="D10653" s="14" t="s">
        <v>32753</v>
      </c>
      <c r="E10653" s="2" t="s">
        <v>32754</v>
      </c>
      <c r="F10653" s="2" t="s">
        <v>32550</v>
      </c>
      <c r="G10653" s="8">
        <v>675</v>
      </c>
      <c r="H10653" s="5">
        <v>15</v>
      </c>
      <c r="I10653" s="5" t="s">
        <v>69</v>
      </c>
      <c r="J10653" s="5" t="s">
        <v>27074</v>
      </c>
      <c r="K10653" s="2" t="s">
        <v>27075</v>
      </c>
      <c r="L10653" s="5" t="s">
        <v>27074</v>
      </c>
      <c r="M10653" s="2" t="s">
        <v>27075</v>
      </c>
      <c r="N10653" s="5" t="s">
        <v>24254</v>
      </c>
      <c r="O10653" s="5" t="s">
        <v>38</v>
      </c>
      <c r="P10653" s="5" t="s">
        <v>39</v>
      </c>
      <c r="Q10653" s="5" t="s">
        <v>40</v>
      </c>
      <c r="R10653" s="5" t="s">
        <v>1487</v>
      </c>
      <c r="S10653" s="5"/>
      <c r="T10653" s="5" t="s">
        <v>42</v>
      </c>
      <c r="U10653" s="2">
        <v>0</v>
      </c>
      <c r="V10653" s="2">
        <v>0</v>
      </c>
      <c r="W10653" s="2">
        <v>0</v>
      </c>
      <c r="X10653" s="2">
        <v>0</v>
      </c>
      <c r="Y10653" s="2">
        <v>0</v>
      </c>
      <c r="Z10653" s="2">
        <v>0</v>
      </c>
      <c r="AA10653" s="5"/>
      <c r="AB10653" s="5" t="s">
        <v>43</v>
      </c>
      <c r="AC10653" s="5" t="s">
        <v>44</v>
      </c>
      <c r="AD10653" s="2" t="s">
        <v>32551</v>
      </c>
      <c r="AE10653" s="1"/>
    </row>
    <row r="10654" spans="1:31" ht="14.45">
      <c r="A10654" s="11"/>
      <c r="B10654" s="20"/>
      <c r="C10654" s="2" t="s">
        <v>32755</v>
      </c>
      <c r="D10654" s="14" t="s">
        <v>32756</v>
      </c>
      <c r="E10654" s="2" t="s">
        <v>32757</v>
      </c>
      <c r="F10654" s="2" t="s">
        <v>32555</v>
      </c>
      <c r="G10654" s="8">
        <v>1131</v>
      </c>
      <c r="H10654" s="5">
        <v>15</v>
      </c>
      <c r="I10654" s="5" t="s">
        <v>69</v>
      </c>
      <c r="J10654" s="5" t="s">
        <v>27074</v>
      </c>
      <c r="K10654" s="2" t="s">
        <v>27075</v>
      </c>
      <c r="L10654" s="5" t="s">
        <v>27074</v>
      </c>
      <c r="M10654" s="2" t="s">
        <v>27075</v>
      </c>
      <c r="N10654" s="5" t="s">
        <v>24254</v>
      </c>
      <c r="O10654" s="5" t="s">
        <v>38</v>
      </c>
      <c r="P10654" s="5" t="s">
        <v>39</v>
      </c>
      <c r="Q10654" s="5" t="s">
        <v>40</v>
      </c>
      <c r="R10654" s="5" t="s">
        <v>1487</v>
      </c>
      <c r="S10654" s="5"/>
      <c r="T10654" s="5" t="s">
        <v>42</v>
      </c>
      <c r="U10654" s="2">
        <v>0</v>
      </c>
      <c r="V10654" s="2">
        <v>0</v>
      </c>
      <c r="W10654" s="2">
        <v>0</v>
      </c>
      <c r="X10654" s="2">
        <v>0</v>
      </c>
      <c r="Y10654" s="2">
        <v>0</v>
      </c>
      <c r="Z10654" s="2">
        <v>0</v>
      </c>
      <c r="AA10654" s="5"/>
      <c r="AB10654" s="5" t="s">
        <v>43</v>
      </c>
      <c r="AC10654" s="5" t="s">
        <v>44</v>
      </c>
      <c r="AD10654" s="2" t="s">
        <v>32556</v>
      </c>
      <c r="AE10654" s="1"/>
    </row>
    <row r="10655" spans="1:31" ht="14.45">
      <c r="A10655" s="11"/>
      <c r="B10655" s="20"/>
      <c r="C10655" s="2" t="s">
        <v>32758</v>
      </c>
      <c r="D10655" s="14" t="s">
        <v>32759</v>
      </c>
      <c r="E10655" s="2" t="s">
        <v>32760</v>
      </c>
      <c r="F10655" s="2" t="s">
        <v>32560</v>
      </c>
      <c r="G10655" s="8">
        <v>1131</v>
      </c>
      <c r="H10655" s="5">
        <v>15</v>
      </c>
      <c r="I10655" s="5" t="s">
        <v>69</v>
      </c>
      <c r="J10655" s="5" t="s">
        <v>27074</v>
      </c>
      <c r="K10655" s="2" t="s">
        <v>27075</v>
      </c>
      <c r="L10655" s="5" t="s">
        <v>27074</v>
      </c>
      <c r="M10655" s="2" t="s">
        <v>27075</v>
      </c>
      <c r="N10655" s="5" t="s">
        <v>24254</v>
      </c>
      <c r="O10655" s="5" t="s">
        <v>38</v>
      </c>
      <c r="P10655" s="5" t="s">
        <v>39</v>
      </c>
      <c r="Q10655" s="5" t="s">
        <v>40</v>
      </c>
      <c r="R10655" s="5" t="s">
        <v>1487</v>
      </c>
      <c r="S10655" s="5"/>
      <c r="T10655" s="5" t="s">
        <v>42</v>
      </c>
      <c r="U10655" s="2">
        <v>0</v>
      </c>
      <c r="V10655" s="2">
        <v>0</v>
      </c>
      <c r="W10655" s="2">
        <v>0</v>
      </c>
      <c r="X10655" s="2">
        <v>0</v>
      </c>
      <c r="Y10655" s="2">
        <v>0</v>
      </c>
      <c r="Z10655" s="2">
        <v>0</v>
      </c>
      <c r="AA10655" s="5"/>
      <c r="AB10655" s="5" t="s">
        <v>43</v>
      </c>
      <c r="AC10655" s="5" t="s">
        <v>44</v>
      </c>
      <c r="AD10655" s="2" t="s">
        <v>32561</v>
      </c>
      <c r="AE10655" s="1"/>
    </row>
    <row r="10656" spans="1:31" ht="14.45">
      <c r="A10656" s="11"/>
      <c r="B10656" s="20"/>
      <c r="C10656" s="2" t="s">
        <v>32761</v>
      </c>
      <c r="D10656" s="14" t="s">
        <v>32762</v>
      </c>
      <c r="E10656" s="2" t="s">
        <v>32763</v>
      </c>
      <c r="F10656" s="2" t="s">
        <v>32509</v>
      </c>
      <c r="G10656" s="8">
        <v>175</v>
      </c>
      <c r="H10656" s="5">
        <v>10</v>
      </c>
      <c r="I10656" s="5" t="s">
        <v>69</v>
      </c>
      <c r="J10656" s="5" t="s">
        <v>27074</v>
      </c>
      <c r="K10656" s="2" t="s">
        <v>27075</v>
      </c>
      <c r="L10656" s="5" t="s">
        <v>27074</v>
      </c>
      <c r="M10656" s="2" t="s">
        <v>27075</v>
      </c>
      <c r="N10656" s="5" t="s">
        <v>24254</v>
      </c>
      <c r="O10656" s="5" t="s">
        <v>38</v>
      </c>
      <c r="P10656" s="5" t="s">
        <v>39</v>
      </c>
      <c r="Q10656" s="5" t="s">
        <v>40</v>
      </c>
      <c r="R10656" s="5" t="s">
        <v>24335</v>
      </c>
      <c r="S10656" s="5" t="s">
        <v>40</v>
      </c>
      <c r="T10656" s="5" t="s">
        <v>42</v>
      </c>
      <c r="U10656" s="2">
        <v>7.5730000000000004</v>
      </c>
      <c r="V10656" s="2">
        <v>6.0579999999999998</v>
      </c>
      <c r="W10656" s="2">
        <v>9.2999999999999999E-2</v>
      </c>
      <c r="X10656" s="2">
        <v>12</v>
      </c>
      <c r="Y10656" s="2">
        <v>50</v>
      </c>
      <c r="Z10656" s="2">
        <v>154.4</v>
      </c>
      <c r="AA10656" s="5">
        <v>8</v>
      </c>
      <c r="AB10656" s="5" t="s">
        <v>43</v>
      </c>
      <c r="AC10656" s="5" t="s">
        <v>44</v>
      </c>
      <c r="AD10656" s="2" t="s">
        <v>32510</v>
      </c>
      <c r="AE10656" s="1"/>
    </row>
    <row r="10657" spans="1:31" ht="14.45">
      <c r="A10657" s="11"/>
      <c r="B10657" s="20"/>
      <c r="C10657" s="2" t="s">
        <v>32764</v>
      </c>
      <c r="D10657" s="14" t="s">
        <v>32765</v>
      </c>
      <c r="E10657" s="2" t="s">
        <v>32766</v>
      </c>
      <c r="F10657" s="2" t="s">
        <v>32514</v>
      </c>
      <c r="G10657" s="8">
        <v>175</v>
      </c>
      <c r="H10657" s="5">
        <v>5</v>
      </c>
      <c r="I10657" s="5" t="s">
        <v>69</v>
      </c>
      <c r="J10657" s="5" t="s">
        <v>27074</v>
      </c>
      <c r="K10657" s="2" t="s">
        <v>27075</v>
      </c>
      <c r="L10657" s="5" t="s">
        <v>27074</v>
      </c>
      <c r="M10657" s="2" t="s">
        <v>27075</v>
      </c>
      <c r="N10657" s="5" t="s">
        <v>24254</v>
      </c>
      <c r="O10657" s="5" t="s">
        <v>38</v>
      </c>
      <c r="P10657" s="5" t="s">
        <v>39</v>
      </c>
      <c r="Q10657" s="5" t="s">
        <v>40</v>
      </c>
      <c r="R10657" s="5" t="s">
        <v>24335</v>
      </c>
      <c r="S10657" s="5" t="s">
        <v>40</v>
      </c>
      <c r="T10657" s="5" t="s">
        <v>42</v>
      </c>
      <c r="U10657" s="2">
        <v>6.6159999999999997</v>
      </c>
      <c r="V10657" s="2">
        <v>4.76</v>
      </c>
      <c r="W10657" s="2">
        <v>9.2999999999999999E-2</v>
      </c>
      <c r="X10657" s="2">
        <v>12</v>
      </c>
      <c r="Y10657" s="2">
        <v>50</v>
      </c>
      <c r="Z10657" s="2">
        <v>154.4</v>
      </c>
      <c r="AA10657" s="5">
        <v>8</v>
      </c>
      <c r="AB10657" s="5" t="s">
        <v>43</v>
      </c>
      <c r="AC10657" s="5" t="s">
        <v>44</v>
      </c>
      <c r="AD10657" s="2" t="s">
        <v>32510</v>
      </c>
      <c r="AE10657" s="1"/>
    </row>
    <row r="10658" spans="1:31" ht="14.45">
      <c r="A10658" s="11"/>
      <c r="B10658" s="20"/>
      <c r="C10658" s="2" t="s">
        <v>32767</v>
      </c>
      <c r="D10658" s="14" t="s">
        <v>32768</v>
      </c>
      <c r="E10658" s="2" t="s">
        <v>32769</v>
      </c>
      <c r="F10658" s="2" t="s">
        <v>32518</v>
      </c>
      <c r="G10658" s="8">
        <v>175</v>
      </c>
      <c r="H10658" s="5">
        <v>10</v>
      </c>
      <c r="I10658" s="5" t="s">
        <v>69</v>
      </c>
      <c r="J10658" s="5" t="s">
        <v>27074</v>
      </c>
      <c r="K10658" s="2" t="s">
        <v>27075</v>
      </c>
      <c r="L10658" s="5" t="s">
        <v>27074</v>
      </c>
      <c r="M10658" s="2" t="s">
        <v>27075</v>
      </c>
      <c r="N10658" s="5" t="s">
        <v>24254</v>
      </c>
      <c r="O10658" s="5" t="s">
        <v>38</v>
      </c>
      <c r="P10658" s="5" t="s">
        <v>39</v>
      </c>
      <c r="Q10658" s="5" t="s">
        <v>40</v>
      </c>
      <c r="R10658" s="5" t="s">
        <v>24335</v>
      </c>
      <c r="S10658" s="5" t="s">
        <v>40</v>
      </c>
      <c r="T10658" s="5" t="s">
        <v>42</v>
      </c>
      <c r="U10658" s="2">
        <v>5.1760000000000002</v>
      </c>
      <c r="V10658" s="2">
        <v>3.6949999999999998</v>
      </c>
      <c r="W10658" s="2">
        <v>9.2999999999999999E-2</v>
      </c>
      <c r="X10658" s="2">
        <v>12</v>
      </c>
      <c r="Y10658" s="2">
        <v>50</v>
      </c>
      <c r="Z10658" s="2">
        <v>154.4</v>
      </c>
      <c r="AA10658" s="5">
        <v>8</v>
      </c>
      <c r="AB10658" s="5" t="s">
        <v>43</v>
      </c>
      <c r="AC10658" s="5" t="s">
        <v>44</v>
      </c>
      <c r="AD10658" s="2" t="s">
        <v>32510</v>
      </c>
      <c r="AE10658" s="1"/>
    </row>
    <row r="10659" spans="1:31" ht="14.45">
      <c r="A10659" s="11"/>
      <c r="B10659" s="20"/>
      <c r="C10659" s="2" t="s">
        <v>32770</v>
      </c>
      <c r="D10659" s="14" t="s">
        <v>32771</v>
      </c>
      <c r="E10659" s="2" t="s">
        <v>32772</v>
      </c>
      <c r="F10659" s="2" t="s">
        <v>32522</v>
      </c>
      <c r="G10659" s="8">
        <v>175</v>
      </c>
      <c r="H10659" s="5">
        <v>5</v>
      </c>
      <c r="I10659" s="5" t="s">
        <v>69</v>
      </c>
      <c r="J10659" s="5" t="s">
        <v>27074</v>
      </c>
      <c r="K10659" s="2" t="s">
        <v>27075</v>
      </c>
      <c r="L10659" s="5" t="s">
        <v>27074</v>
      </c>
      <c r="M10659" s="2" t="s">
        <v>27075</v>
      </c>
      <c r="N10659" s="5" t="s">
        <v>24254</v>
      </c>
      <c r="O10659" s="5" t="s">
        <v>38</v>
      </c>
      <c r="P10659" s="5" t="s">
        <v>39</v>
      </c>
      <c r="Q10659" s="5" t="s">
        <v>40</v>
      </c>
      <c r="R10659" s="5" t="s">
        <v>24335</v>
      </c>
      <c r="S10659" s="5" t="s">
        <v>40</v>
      </c>
      <c r="T10659" s="5" t="s">
        <v>42</v>
      </c>
      <c r="U10659" s="2">
        <v>5.92</v>
      </c>
      <c r="V10659" s="2">
        <v>4.0990000000000002</v>
      </c>
      <c r="W10659" s="2">
        <v>9.2999999999999999E-2</v>
      </c>
      <c r="X10659" s="2">
        <v>12</v>
      </c>
      <c r="Y10659" s="2">
        <v>50</v>
      </c>
      <c r="Z10659" s="2">
        <v>154.4</v>
      </c>
      <c r="AA10659" s="5">
        <v>10</v>
      </c>
      <c r="AB10659" s="5" t="s">
        <v>43</v>
      </c>
      <c r="AC10659" s="5" t="s">
        <v>44</v>
      </c>
      <c r="AD10659" s="2" t="s">
        <v>32523</v>
      </c>
      <c r="AE10659" s="1"/>
    </row>
    <row r="10660" spans="1:31" ht="14.45">
      <c r="A10660" s="11"/>
      <c r="B10660" s="20"/>
      <c r="C10660" s="2" t="s">
        <v>32773</v>
      </c>
      <c r="D10660" s="14" t="s">
        <v>32774</v>
      </c>
      <c r="E10660" s="2" t="s">
        <v>32775</v>
      </c>
      <c r="F10660" s="2" t="s">
        <v>32522</v>
      </c>
      <c r="G10660" s="8">
        <v>175</v>
      </c>
      <c r="H10660" s="5">
        <v>5</v>
      </c>
      <c r="I10660" s="5" t="s">
        <v>69</v>
      </c>
      <c r="J10660" s="5" t="s">
        <v>27074</v>
      </c>
      <c r="K10660" s="2" t="s">
        <v>27075</v>
      </c>
      <c r="L10660" s="5" t="s">
        <v>27074</v>
      </c>
      <c r="M10660" s="2" t="s">
        <v>27075</v>
      </c>
      <c r="N10660" s="5" t="s">
        <v>24254</v>
      </c>
      <c r="O10660" s="5" t="s">
        <v>38</v>
      </c>
      <c r="P10660" s="5" t="s">
        <v>39</v>
      </c>
      <c r="Q10660" s="5" t="s">
        <v>40</v>
      </c>
      <c r="R10660" s="5" t="s">
        <v>24335</v>
      </c>
      <c r="S10660" s="5" t="s">
        <v>40</v>
      </c>
      <c r="T10660" s="5" t="s">
        <v>42</v>
      </c>
      <c r="U10660" s="2">
        <v>6.2210000000000001</v>
      </c>
      <c r="V10660" s="2">
        <v>4.4000000000000004</v>
      </c>
      <c r="W10660" s="2">
        <v>9.2999999999999999E-2</v>
      </c>
      <c r="X10660" s="2">
        <v>12</v>
      </c>
      <c r="Y10660" s="2">
        <v>50</v>
      </c>
      <c r="Z10660" s="2">
        <v>154.4</v>
      </c>
      <c r="AA10660" s="5">
        <v>10</v>
      </c>
      <c r="AB10660" s="5" t="s">
        <v>43</v>
      </c>
      <c r="AC10660" s="5" t="s">
        <v>44</v>
      </c>
      <c r="AD10660" s="2" t="s">
        <v>32577</v>
      </c>
      <c r="AE10660" s="1"/>
    </row>
    <row r="10661" spans="1:31" ht="14.45">
      <c r="A10661" s="11"/>
      <c r="B10661" s="20"/>
      <c r="C10661" s="2" t="s">
        <v>32776</v>
      </c>
      <c r="D10661" s="14" t="s">
        <v>32777</v>
      </c>
      <c r="E10661" s="2" t="s">
        <v>32778</v>
      </c>
      <c r="F10661" s="2" t="s">
        <v>32527</v>
      </c>
      <c r="G10661" s="8">
        <v>175</v>
      </c>
      <c r="H10661" s="5">
        <v>5</v>
      </c>
      <c r="I10661" s="5" t="s">
        <v>69</v>
      </c>
      <c r="J10661" s="5" t="s">
        <v>27074</v>
      </c>
      <c r="K10661" s="2" t="s">
        <v>27075</v>
      </c>
      <c r="L10661" s="5" t="s">
        <v>27074</v>
      </c>
      <c r="M10661" s="2" t="s">
        <v>27075</v>
      </c>
      <c r="N10661" s="5" t="s">
        <v>24254</v>
      </c>
      <c r="O10661" s="5" t="s">
        <v>38</v>
      </c>
      <c r="P10661" s="5" t="s">
        <v>39</v>
      </c>
      <c r="Q10661" s="5" t="s">
        <v>40</v>
      </c>
      <c r="R10661" s="5" t="s">
        <v>24335</v>
      </c>
      <c r="S10661" s="5" t="s">
        <v>40</v>
      </c>
      <c r="T10661" s="5" t="s">
        <v>42</v>
      </c>
      <c r="U10661" s="2">
        <v>5.0350000000000001</v>
      </c>
      <c r="V10661" s="2">
        <v>3.214</v>
      </c>
      <c r="W10661" s="2">
        <v>9.2999999999999999E-2</v>
      </c>
      <c r="X10661" s="2">
        <v>12</v>
      </c>
      <c r="Y10661" s="2">
        <v>50</v>
      </c>
      <c r="Z10661" s="2">
        <v>154.4</v>
      </c>
      <c r="AA10661" s="5">
        <v>10</v>
      </c>
      <c r="AB10661" s="5" t="s">
        <v>43</v>
      </c>
      <c r="AC10661" s="5" t="s">
        <v>44</v>
      </c>
      <c r="AD10661" s="2" t="s">
        <v>32528</v>
      </c>
      <c r="AE10661" s="1"/>
    </row>
    <row r="10662" spans="1:31" ht="14.45">
      <c r="A10662" s="11"/>
      <c r="B10662" s="20"/>
      <c r="C10662" s="2" t="s">
        <v>32779</v>
      </c>
      <c r="D10662" s="14" t="s">
        <v>32780</v>
      </c>
      <c r="E10662" s="2" t="s">
        <v>32781</v>
      </c>
      <c r="F10662" s="2" t="s">
        <v>32527</v>
      </c>
      <c r="G10662" s="8">
        <v>175</v>
      </c>
      <c r="H10662" s="5">
        <v>5</v>
      </c>
      <c r="I10662" s="5" t="s">
        <v>69</v>
      </c>
      <c r="J10662" s="5" t="s">
        <v>27074</v>
      </c>
      <c r="K10662" s="2" t="s">
        <v>27075</v>
      </c>
      <c r="L10662" s="5" t="s">
        <v>27074</v>
      </c>
      <c r="M10662" s="2" t="s">
        <v>27075</v>
      </c>
      <c r="N10662" s="5" t="s">
        <v>24254</v>
      </c>
      <c r="O10662" s="5" t="s">
        <v>38</v>
      </c>
      <c r="P10662" s="5" t="s">
        <v>39</v>
      </c>
      <c r="Q10662" s="5" t="s">
        <v>40</v>
      </c>
      <c r="R10662" s="5" t="s">
        <v>24335</v>
      </c>
      <c r="S10662" s="5" t="s">
        <v>40</v>
      </c>
      <c r="T10662" s="5" t="s">
        <v>42</v>
      </c>
      <c r="U10662" s="2">
        <v>5.4359999999999999</v>
      </c>
      <c r="V10662" s="2">
        <v>3.6150000000000002</v>
      </c>
      <c r="W10662" s="2">
        <v>9.2999999999999999E-2</v>
      </c>
      <c r="X10662" s="2">
        <v>12</v>
      </c>
      <c r="Y10662" s="2">
        <v>50</v>
      </c>
      <c r="Z10662" s="2">
        <v>154.4</v>
      </c>
      <c r="AA10662" s="5">
        <v>10</v>
      </c>
      <c r="AB10662" s="5" t="s">
        <v>43</v>
      </c>
      <c r="AC10662" s="5" t="s">
        <v>44</v>
      </c>
      <c r="AD10662" s="2" t="s">
        <v>32536</v>
      </c>
      <c r="AE10662" s="1"/>
    </row>
    <row r="10663" spans="1:31" ht="14.45">
      <c r="A10663" s="11"/>
      <c r="B10663" s="20"/>
      <c r="C10663" s="2" t="s">
        <v>32782</v>
      </c>
      <c r="D10663" s="14" t="s">
        <v>32783</v>
      </c>
      <c r="E10663" s="2" t="s">
        <v>32784</v>
      </c>
      <c r="F10663" s="2" t="s">
        <v>32532</v>
      </c>
      <c r="G10663" s="8">
        <v>175</v>
      </c>
      <c r="H10663" s="5">
        <v>5</v>
      </c>
      <c r="I10663" s="5" t="s">
        <v>69</v>
      </c>
      <c r="J10663" s="5" t="s">
        <v>27074</v>
      </c>
      <c r="K10663" s="2" t="s">
        <v>27075</v>
      </c>
      <c r="L10663" s="5" t="s">
        <v>27074</v>
      </c>
      <c r="M10663" s="2" t="s">
        <v>27075</v>
      </c>
      <c r="N10663" s="5" t="s">
        <v>24254</v>
      </c>
      <c r="O10663" s="5" t="s">
        <v>38</v>
      </c>
      <c r="P10663" s="5" t="s">
        <v>39</v>
      </c>
      <c r="Q10663" s="5" t="s">
        <v>40</v>
      </c>
      <c r="R10663" s="5" t="s">
        <v>24335</v>
      </c>
      <c r="S10663" s="5" t="s">
        <v>40</v>
      </c>
      <c r="T10663" s="5" t="s">
        <v>42</v>
      </c>
      <c r="U10663" s="2">
        <v>5.2210000000000001</v>
      </c>
      <c r="V10663" s="2">
        <v>3.3919999999999999</v>
      </c>
      <c r="W10663" s="2">
        <v>9.2999999999999999E-2</v>
      </c>
      <c r="X10663" s="2">
        <v>12</v>
      </c>
      <c r="Y10663" s="2">
        <v>50</v>
      </c>
      <c r="Z10663" s="2">
        <v>154.4</v>
      </c>
      <c r="AA10663" s="5">
        <v>10</v>
      </c>
      <c r="AB10663" s="5" t="s">
        <v>43</v>
      </c>
      <c r="AC10663" s="5" t="s">
        <v>44</v>
      </c>
      <c r="AD10663" s="2" t="s">
        <v>32528</v>
      </c>
      <c r="AE10663" s="1"/>
    </row>
    <row r="10664" spans="1:31" ht="14.45">
      <c r="A10664" s="11"/>
      <c r="B10664" s="20"/>
      <c r="C10664" s="2" t="s">
        <v>32785</v>
      </c>
      <c r="D10664" s="14" t="s">
        <v>32786</v>
      </c>
      <c r="E10664" s="2" t="s">
        <v>32787</v>
      </c>
      <c r="F10664" s="2" t="s">
        <v>32532</v>
      </c>
      <c r="G10664" s="8">
        <v>175</v>
      </c>
      <c r="H10664" s="5">
        <v>5</v>
      </c>
      <c r="I10664" s="5" t="s">
        <v>69</v>
      </c>
      <c r="J10664" s="5" t="s">
        <v>27074</v>
      </c>
      <c r="K10664" s="2" t="s">
        <v>27075</v>
      </c>
      <c r="L10664" s="5" t="s">
        <v>27074</v>
      </c>
      <c r="M10664" s="2" t="s">
        <v>27075</v>
      </c>
      <c r="N10664" s="5" t="s">
        <v>24254</v>
      </c>
      <c r="O10664" s="5" t="s">
        <v>38</v>
      </c>
      <c r="P10664" s="5" t="s">
        <v>39</v>
      </c>
      <c r="Q10664" s="5" t="s">
        <v>40</v>
      </c>
      <c r="R10664" s="5" t="s">
        <v>24335</v>
      </c>
      <c r="S10664" s="5" t="s">
        <v>40</v>
      </c>
      <c r="T10664" s="5" t="s">
        <v>42</v>
      </c>
      <c r="U10664" s="2">
        <v>5.548</v>
      </c>
      <c r="V10664" s="2">
        <v>3.7189999999999999</v>
      </c>
      <c r="W10664" s="2">
        <v>9.2999999999999999E-2</v>
      </c>
      <c r="X10664" s="2">
        <v>12</v>
      </c>
      <c r="Y10664" s="2">
        <v>50</v>
      </c>
      <c r="Z10664" s="2">
        <v>154.4</v>
      </c>
      <c r="AA10664" s="5">
        <v>10</v>
      </c>
      <c r="AB10664" s="5" t="s">
        <v>43</v>
      </c>
      <c r="AC10664" s="5" t="s">
        <v>44</v>
      </c>
      <c r="AD10664" s="2" t="s">
        <v>32536</v>
      </c>
      <c r="AE10664" s="1"/>
    </row>
    <row r="10665" spans="1:31" ht="14.45">
      <c r="A10665" s="11"/>
      <c r="B10665" s="20"/>
      <c r="C10665" s="2" t="s">
        <v>32788</v>
      </c>
      <c r="D10665" s="14" t="s">
        <v>32789</v>
      </c>
      <c r="E10665" s="2" t="s">
        <v>32790</v>
      </c>
      <c r="F10665" s="2" t="s">
        <v>32540</v>
      </c>
      <c r="G10665" s="8">
        <v>318</v>
      </c>
      <c r="H10665" s="5">
        <v>5</v>
      </c>
      <c r="I10665" s="5" t="s">
        <v>69</v>
      </c>
      <c r="J10665" s="5" t="s">
        <v>27074</v>
      </c>
      <c r="K10665" s="2" t="s">
        <v>27075</v>
      </c>
      <c r="L10665" s="5" t="s">
        <v>27074</v>
      </c>
      <c r="M10665" s="2" t="s">
        <v>27075</v>
      </c>
      <c r="N10665" s="5" t="s">
        <v>24254</v>
      </c>
      <c r="O10665" s="5" t="s">
        <v>38</v>
      </c>
      <c r="P10665" s="5" t="s">
        <v>39</v>
      </c>
      <c r="Q10665" s="5" t="s">
        <v>40</v>
      </c>
      <c r="R10665" s="5" t="s">
        <v>24335</v>
      </c>
      <c r="S10665" s="5" t="s">
        <v>40</v>
      </c>
      <c r="T10665" s="5" t="s">
        <v>42</v>
      </c>
      <c r="U10665" s="2">
        <v>12.087999999999999</v>
      </c>
      <c r="V10665" s="2">
        <v>9.4320000000000004</v>
      </c>
      <c r="W10665" s="2">
        <v>0.19500000000000001</v>
      </c>
      <c r="X10665" s="2">
        <v>12</v>
      </c>
      <c r="Y10665" s="2">
        <v>77</v>
      </c>
      <c r="Z10665" s="2">
        <v>210.9</v>
      </c>
      <c r="AA10665" s="5">
        <v>8</v>
      </c>
      <c r="AB10665" s="5" t="s">
        <v>43</v>
      </c>
      <c r="AC10665" s="5" t="s">
        <v>44</v>
      </c>
      <c r="AD10665" s="2" t="s">
        <v>32541</v>
      </c>
      <c r="AE10665" s="1"/>
    </row>
    <row r="10666" spans="1:31" ht="14.45">
      <c r="A10666" s="11"/>
      <c r="B10666" s="20"/>
      <c r="C10666" s="2" t="s">
        <v>32791</v>
      </c>
      <c r="D10666" s="14" t="s">
        <v>32792</v>
      </c>
      <c r="E10666" s="2" t="s">
        <v>32793</v>
      </c>
      <c r="F10666" s="2" t="s">
        <v>32545</v>
      </c>
      <c r="G10666" s="8">
        <v>648</v>
      </c>
      <c r="H10666" s="5">
        <v>5</v>
      </c>
      <c r="I10666" s="5" t="s">
        <v>69</v>
      </c>
      <c r="J10666" s="5" t="s">
        <v>27074</v>
      </c>
      <c r="K10666" s="2" t="s">
        <v>27075</v>
      </c>
      <c r="L10666" s="5" t="s">
        <v>27074</v>
      </c>
      <c r="M10666" s="2" t="s">
        <v>27075</v>
      </c>
      <c r="N10666" s="5" t="s">
        <v>24254</v>
      </c>
      <c r="O10666" s="5" t="s">
        <v>38</v>
      </c>
      <c r="P10666" s="5" t="s">
        <v>39</v>
      </c>
      <c r="Q10666" s="5" t="s">
        <v>40</v>
      </c>
      <c r="R10666" s="5" t="s">
        <v>1487</v>
      </c>
      <c r="S10666" s="5"/>
      <c r="T10666" s="5" t="s">
        <v>42</v>
      </c>
      <c r="U10666" s="2">
        <v>0</v>
      </c>
      <c r="V10666" s="2">
        <v>0</v>
      </c>
      <c r="W10666" s="2">
        <v>0</v>
      </c>
      <c r="X10666" s="2">
        <v>0</v>
      </c>
      <c r="Y10666" s="2">
        <v>0</v>
      </c>
      <c r="Z10666" s="2">
        <v>0</v>
      </c>
      <c r="AA10666" s="5"/>
      <c r="AB10666" s="5" t="s">
        <v>43</v>
      </c>
      <c r="AC10666" s="5" t="s">
        <v>44</v>
      </c>
      <c r="AD10666" s="2" t="s">
        <v>32546</v>
      </c>
      <c r="AE10666" s="1"/>
    </row>
    <row r="10667" spans="1:31" ht="14.45">
      <c r="A10667" s="11"/>
      <c r="B10667" s="20"/>
      <c r="C10667" s="2" t="s">
        <v>32794</v>
      </c>
      <c r="D10667" s="14" t="s">
        <v>32795</v>
      </c>
      <c r="E10667" s="2" t="s">
        <v>32796</v>
      </c>
      <c r="F10667" s="2" t="s">
        <v>32550</v>
      </c>
      <c r="G10667" s="8">
        <v>648</v>
      </c>
      <c r="H10667" s="5">
        <v>15</v>
      </c>
      <c r="I10667" s="5" t="s">
        <v>69</v>
      </c>
      <c r="J10667" s="5" t="s">
        <v>27074</v>
      </c>
      <c r="K10667" s="2" t="s">
        <v>27075</v>
      </c>
      <c r="L10667" s="5" t="s">
        <v>27074</v>
      </c>
      <c r="M10667" s="2" t="s">
        <v>27075</v>
      </c>
      <c r="N10667" s="5" t="s">
        <v>24254</v>
      </c>
      <c r="O10667" s="5" t="s">
        <v>38</v>
      </c>
      <c r="P10667" s="5" t="s">
        <v>39</v>
      </c>
      <c r="Q10667" s="5" t="s">
        <v>40</v>
      </c>
      <c r="R10667" s="5" t="s">
        <v>1487</v>
      </c>
      <c r="S10667" s="5"/>
      <c r="T10667" s="5" t="s">
        <v>42</v>
      </c>
      <c r="U10667" s="2">
        <v>0</v>
      </c>
      <c r="V10667" s="2">
        <v>0</v>
      </c>
      <c r="W10667" s="2">
        <v>0</v>
      </c>
      <c r="X10667" s="2">
        <v>0</v>
      </c>
      <c r="Y10667" s="2">
        <v>0</v>
      </c>
      <c r="Z10667" s="2">
        <v>0</v>
      </c>
      <c r="AA10667" s="5"/>
      <c r="AB10667" s="5" t="s">
        <v>43</v>
      </c>
      <c r="AC10667" s="5" t="s">
        <v>44</v>
      </c>
      <c r="AD10667" s="2" t="s">
        <v>32551</v>
      </c>
      <c r="AE10667" s="1"/>
    </row>
    <row r="10668" spans="1:31" ht="14.45">
      <c r="A10668" s="11"/>
      <c r="B10668" s="20"/>
      <c r="C10668" s="2" t="s">
        <v>32797</v>
      </c>
      <c r="D10668" s="14" t="s">
        <v>32798</v>
      </c>
      <c r="E10668" s="2" t="s">
        <v>32799</v>
      </c>
      <c r="F10668" s="2" t="s">
        <v>32555</v>
      </c>
      <c r="G10668" s="8">
        <v>1083</v>
      </c>
      <c r="H10668" s="5">
        <v>15</v>
      </c>
      <c r="I10668" s="5" t="s">
        <v>69</v>
      </c>
      <c r="J10668" s="5" t="s">
        <v>27074</v>
      </c>
      <c r="K10668" s="2" t="s">
        <v>27075</v>
      </c>
      <c r="L10668" s="5" t="s">
        <v>27074</v>
      </c>
      <c r="M10668" s="2" t="s">
        <v>27075</v>
      </c>
      <c r="N10668" s="5" t="s">
        <v>24254</v>
      </c>
      <c r="O10668" s="5" t="s">
        <v>38</v>
      </c>
      <c r="P10668" s="5" t="s">
        <v>39</v>
      </c>
      <c r="Q10668" s="5" t="s">
        <v>40</v>
      </c>
      <c r="R10668" s="5" t="s">
        <v>1487</v>
      </c>
      <c r="S10668" s="5"/>
      <c r="T10668" s="5" t="s">
        <v>42</v>
      </c>
      <c r="U10668" s="2">
        <v>0</v>
      </c>
      <c r="V10668" s="2">
        <v>0</v>
      </c>
      <c r="W10668" s="2">
        <v>0</v>
      </c>
      <c r="X10668" s="2">
        <v>0</v>
      </c>
      <c r="Y10668" s="2">
        <v>0</v>
      </c>
      <c r="Z10668" s="2">
        <v>0</v>
      </c>
      <c r="AA10668" s="5"/>
      <c r="AB10668" s="5" t="s">
        <v>43</v>
      </c>
      <c r="AC10668" s="5" t="s">
        <v>44</v>
      </c>
      <c r="AD10668" s="2" t="s">
        <v>32556</v>
      </c>
      <c r="AE10668" s="1"/>
    </row>
    <row r="10669" spans="1:31" ht="14.45">
      <c r="A10669" s="11"/>
      <c r="B10669" s="20"/>
      <c r="C10669" s="2" t="s">
        <v>32800</v>
      </c>
      <c r="D10669" s="14" t="s">
        <v>32801</v>
      </c>
      <c r="E10669" s="2" t="s">
        <v>32802</v>
      </c>
      <c r="F10669" s="2" t="s">
        <v>32560</v>
      </c>
      <c r="G10669" s="8">
        <v>1083</v>
      </c>
      <c r="H10669" s="5">
        <v>15</v>
      </c>
      <c r="I10669" s="5" t="s">
        <v>69</v>
      </c>
      <c r="J10669" s="5" t="s">
        <v>27074</v>
      </c>
      <c r="K10669" s="2" t="s">
        <v>27075</v>
      </c>
      <c r="L10669" s="5" t="s">
        <v>27074</v>
      </c>
      <c r="M10669" s="2" t="s">
        <v>27075</v>
      </c>
      <c r="N10669" s="5" t="s">
        <v>24254</v>
      </c>
      <c r="O10669" s="5" t="s">
        <v>38</v>
      </c>
      <c r="P10669" s="5" t="s">
        <v>39</v>
      </c>
      <c r="Q10669" s="5" t="s">
        <v>40</v>
      </c>
      <c r="R10669" s="5" t="s">
        <v>1487</v>
      </c>
      <c r="S10669" s="5"/>
      <c r="T10669" s="5" t="s">
        <v>42</v>
      </c>
      <c r="U10669" s="2">
        <v>0</v>
      </c>
      <c r="V10669" s="2">
        <v>0</v>
      </c>
      <c r="W10669" s="2">
        <v>0</v>
      </c>
      <c r="X10669" s="2">
        <v>0</v>
      </c>
      <c r="Y10669" s="2">
        <v>0</v>
      </c>
      <c r="Z10669" s="2">
        <v>0</v>
      </c>
      <c r="AA10669" s="5"/>
      <c r="AB10669" s="5" t="s">
        <v>43</v>
      </c>
      <c r="AC10669" s="5" t="s">
        <v>44</v>
      </c>
      <c r="AD10669" s="2" t="s">
        <v>32561</v>
      </c>
      <c r="AE10669" s="1"/>
    </row>
    <row r="10670" spans="1:31" ht="14.45">
      <c r="A10670" s="11"/>
      <c r="B10670" s="20"/>
      <c r="C10670" s="2" t="s">
        <v>32803</v>
      </c>
      <c r="D10670" s="14" t="s">
        <v>32804</v>
      </c>
      <c r="E10670" s="2" t="s">
        <v>32805</v>
      </c>
      <c r="F10670" s="2" t="s">
        <v>32509</v>
      </c>
      <c r="G10670" s="8">
        <v>185</v>
      </c>
      <c r="H10670" s="5">
        <v>10</v>
      </c>
      <c r="I10670" s="5" t="s">
        <v>69</v>
      </c>
      <c r="J10670" s="5" t="s">
        <v>27074</v>
      </c>
      <c r="K10670" s="2" t="s">
        <v>27075</v>
      </c>
      <c r="L10670" s="5" t="s">
        <v>27074</v>
      </c>
      <c r="M10670" s="2" t="s">
        <v>27075</v>
      </c>
      <c r="N10670" s="5" t="s">
        <v>24254</v>
      </c>
      <c r="O10670" s="5" t="s">
        <v>38</v>
      </c>
      <c r="P10670" s="5" t="s">
        <v>39</v>
      </c>
      <c r="Q10670" s="5" t="s">
        <v>40</v>
      </c>
      <c r="R10670" s="5" t="s">
        <v>24335</v>
      </c>
      <c r="S10670" s="5" t="s">
        <v>40</v>
      </c>
      <c r="T10670" s="5" t="s">
        <v>42</v>
      </c>
      <c r="U10670" s="2">
        <v>8.282</v>
      </c>
      <c r="V10670" s="2">
        <v>6.4989999999999997</v>
      </c>
      <c r="W10670" s="2">
        <v>0.104</v>
      </c>
      <c r="X10670" s="2">
        <v>12</v>
      </c>
      <c r="Y10670" s="2">
        <v>50</v>
      </c>
      <c r="Z10670" s="2">
        <v>173.9</v>
      </c>
      <c r="AA10670" s="5">
        <v>8</v>
      </c>
      <c r="AB10670" s="5" t="s">
        <v>43</v>
      </c>
      <c r="AC10670" s="5" t="s">
        <v>44</v>
      </c>
      <c r="AD10670" s="2" t="s">
        <v>32510</v>
      </c>
      <c r="AE10670" s="1"/>
    </row>
    <row r="10671" spans="1:31" ht="14.45">
      <c r="A10671" s="11"/>
      <c r="B10671" s="20"/>
      <c r="C10671" s="2" t="s">
        <v>32806</v>
      </c>
      <c r="D10671" s="14" t="s">
        <v>32807</v>
      </c>
      <c r="E10671" s="2" t="s">
        <v>32808</v>
      </c>
      <c r="F10671" s="2" t="s">
        <v>32514</v>
      </c>
      <c r="G10671" s="8">
        <v>185</v>
      </c>
      <c r="H10671" s="5">
        <v>5</v>
      </c>
      <c r="I10671" s="5" t="s">
        <v>69</v>
      </c>
      <c r="J10671" s="5" t="s">
        <v>27074</v>
      </c>
      <c r="K10671" s="2" t="s">
        <v>27075</v>
      </c>
      <c r="L10671" s="5" t="s">
        <v>27074</v>
      </c>
      <c r="M10671" s="2" t="s">
        <v>27075</v>
      </c>
      <c r="N10671" s="5" t="s">
        <v>24254</v>
      </c>
      <c r="O10671" s="5" t="s">
        <v>38</v>
      </c>
      <c r="P10671" s="5" t="s">
        <v>39</v>
      </c>
      <c r="Q10671" s="5" t="s">
        <v>40</v>
      </c>
      <c r="R10671" s="5" t="s">
        <v>24335</v>
      </c>
      <c r="S10671" s="5" t="s">
        <v>40</v>
      </c>
      <c r="T10671" s="5" t="s">
        <v>42</v>
      </c>
      <c r="U10671" s="2">
        <v>6.976</v>
      </c>
      <c r="V10671" s="2">
        <v>5.12</v>
      </c>
      <c r="W10671" s="2">
        <v>0.104</v>
      </c>
      <c r="X10671" s="2">
        <v>12</v>
      </c>
      <c r="Y10671" s="2">
        <v>50</v>
      </c>
      <c r="Z10671" s="2">
        <v>173.9</v>
      </c>
      <c r="AA10671" s="5">
        <v>8</v>
      </c>
      <c r="AB10671" s="5" t="s">
        <v>43</v>
      </c>
      <c r="AC10671" s="5" t="s">
        <v>44</v>
      </c>
      <c r="AD10671" s="2" t="s">
        <v>32510</v>
      </c>
      <c r="AE10671" s="1"/>
    </row>
    <row r="10672" spans="1:31" ht="14.45">
      <c r="A10672" s="11"/>
      <c r="B10672" s="20"/>
      <c r="C10672" s="2" t="s">
        <v>32809</v>
      </c>
      <c r="D10672" s="14" t="s">
        <v>32810</v>
      </c>
      <c r="E10672" s="2" t="s">
        <v>32811</v>
      </c>
      <c r="F10672" s="2" t="s">
        <v>32518</v>
      </c>
      <c r="G10672" s="8">
        <v>185</v>
      </c>
      <c r="H10672" s="5">
        <v>10</v>
      </c>
      <c r="I10672" s="5" t="s">
        <v>69</v>
      </c>
      <c r="J10672" s="5" t="s">
        <v>27074</v>
      </c>
      <c r="K10672" s="2" t="s">
        <v>27075</v>
      </c>
      <c r="L10672" s="5" t="s">
        <v>27074</v>
      </c>
      <c r="M10672" s="2" t="s">
        <v>27075</v>
      </c>
      <c r="N10672" s="5" t="s">
        <v>24254</v>
      </c>
      <c r="O10672" s="5" t="s">
        <v>38</v>
      </c>
      <c r="P10672" s="5" t="s">
        <v>39</v>
      </c>
      <c r="Q10672" s="5" t="s">
        <v>40</v>
      </c>
      <c r="R10672" s="5" t="s">
        <v>24335</v>
      </c>
      <c r="S10672" s="5" t="s">
        <v>40</v>
      </c>
      <c r="T10672" s="5" t="s">
        <v>42</v>
      </c>
      <c r="U10672" s="2">
        <v>5.7640000000000002</v>
      </c>
      <c r="V10672" s="2">
        <v>4.0149999999999997</v>
      </c>
      <c r="W10672" s="2">
        <v>0.104</v>
      </c>
      <c r="X10672" s="2">
        <v>12</v>
      </c>
      <c r="Y10672" s="2">
        <v>50</v>
      </c>
      <c r="Z10672" s="2">
        <v>173.9</v>
      </c>
      <c r="AA10672" s="5">
        <v>8</v>
      </c>
      <c r="AB10672" s="5" t="s">
        <v>43</v>
      </c>
      <c r="AC10672" s="5" t="s">
        <v>44</v>
      </c>
      <c r="AD10672" s="2" t="s">
        <v>32510</v>
      </c>
      <c r="AE10672" s="1"/>
    </row>
    <row r="10673" spans="1:31" ht="14.45">
      <c r="A10673" s="11"/>
      <c r="B10673" s="20"/>
      <c r="C10673" s="2" t="s">
        <v>32812</v>
      </c>
      <c r="D10673" s="14" t="s">
        <v>32813</v>
      </c>
      <c r="E10673" s="2" t="s">
        <v>32814</v>
      </c>
      <c r="F10673" s="2" t="s">
        <v>32522</v>
      </c>
      <c r="G10673" s="8">
        <v>185</v>
      </c>
      <c r="H10673" s="5">
        <v>5</v>
      </c>
      <c r="I10673" s="5" t="s">
        <v>69</v>
      </c>
      <c r="J10673" s="5" t="s">
        <v>27074</v>
      </c>
      <c r="K10673" s="2" t="s">
        <v>27075</v>
      </c>
      <c r="L10673" s="5" t="s">
        <v>27074</v>
      </c>
      <c r="M10673" s="2" t="s">
        <v>27075</v>
      </c>
      <c r="N10673" s="5" t="s">
        <v>24254</v>
      </c>
      <c r="O10673" s="5" t="s">
        <v>38</v>
      </c>
      <c r="P10673" s="5" t="s">
        <v>39</v>
      </c>
      <c r="Q10673" s="5" t="s">
        <v>40</v>
      </c>
      <c r="R10673" s="5" t="s">
        <v>24335</v>
      </c>
      <c r="S10673" s="5" t="s">
        <v>40</v>
      </c>
      <c r="T10673" s="5" t="s">
        <v>42</v>
      </c>
      <c r="U10673" s="2">
        <v>6.3650000000000002</v>
      </c>
      <c r="V10673" s="2">
        <v>4.5439999999999996</v>
      </c>
      <c r="W10673" s="2">
        <v>0.104</v>
      </c>
      <c r="X10673" s="2">
        <v>12</v>
      </c>
      <c r="Y10673" s="2">
        <v>50</v>
      </c>
      <c r="Z10673" s="2">
        <v>173.9</v>
      </c>
      <c r="AA10673" s="5">
        <v>10</v>
      </c>
      <c r="AB10673" s="5" t="s">
        <v>43</v>
      </c>
      <c r="AC10673" s="5" t="s">
        <v>44</v>
      </c>
      <c r="AD10673" s="2" t="s">
        <v>32523</v>
      </c>
      <c r="AE10673" s="1"/>
    </row>
    <row r="10674" spans="1:31" ht="14.45">
      <c r="A10674" s="11"/>
      <c r="B10674" s="20"/>
      <c r="C10674" s="2" t="s">
        <v>32815</v>
      </c>
      <c r="D10674" s="14" t="s">
        <v>32816</v>
      </c>
      <c r="E10674" s="2" t="s">
        <v>32817</v>
      </c>
      <c r="F10674" s="2" t="s">
        <v>32522</v>
      </c>
      <c r="G10674" s="8">
        <v>185</v>
      </c>
      <c r="H10674" s="5">
        <v>5</v>
      </c>
      <c r="I10674" s="5" t="s">
        <v>69</v>
      </c>
      <c r="J10674" s="5" t="s">
        <v>27074</v>
      </c>
      <c r="K10674" s="2" t="s">
        <v>27075</v>
      </c>
      <c r="L10674" s="5" t="s">
        <v>27074</v>
      </c>
      <c r="M10674" s="2" t="s">
        <v>27075</v>
      </c>
      <c r="N10674" s="5" t="s">
        <v>24254</v>
      </c>
      <c r="O10674" s="5" t="s">
        <v>38</v>
      </c>
      <c r="P10674" s="5" t="s">
        <v>39</v>
      </c>
      <c r="Q10674" s="5" t="s">
        <v>40</v>
      </c>
      <c r="R10674" s="5" t="s">
        <v>24335</v>
      </c>
      <c r="S10674" s="5" t="s">
        <v>40</v>
      </c>
      <c r="T10674" s="5" t="s">
        <v>42</v>
      </c>
      <c r="U10674" s="2">
        <v>6.6660000000000004</v>
      </c>
      <c r="V10674" s="2">
        <v>4.8449999999999998</v>
      </c>
      <c r="W10674" s="2">
        <v>0.104</v>
      </c>
      <c r="X10674" s="2">
        <v>12</v>
      </c>
      <c r="Y10674" s="2">
        <v>50</v>
      </c>
      <c r="Z10674" s="2">
        <v>173.9</v>
      </c>
      <c r="AA10674" s="5">
        <v>10</v>
      </c>
      <c r="AB10674" s="5" t="s">
        <v>43</v>
      </c>
      <c r="AC10674" s="5" t="s">
        <v>44</v>
      </c>
      <c r="AD10674" s="2" t="s">
        <v>32577</v>
      </c>
      <c r="AE10674" s="1"/>
    </row>
    <row r="10675" spans="1:31" ht="14.45">
      <c r="A10675" s="11"/>
      <c r="B10675" s="20"/>
      <c r="C10675" s="2" t="s">
        <v>32818</v>
      </c>
      <c r="D10675" s="14" t="s">
        <v>32819</v>
      </c>
      <c r="E10675" s="2" t="s">
        <v>32820</v>
      </c>
      <c r="F10675" s="2" t="s">
        <v>32527</v>
      </c>
      <c r="G10675" s="8">
        <v>185</v>
      </c>
      <c r="H10675" s="5">
        <v>5</v>
      </c>
      <c r="I10675" s="5" t="s">
        <v>69</v>
      </c>
      <c r="J10675" s="5" t="s">
        <v>27074</v>
      </c>
      <c r="K10675" s="2" t="s">
        <v>27075</v>
      </c>
      <c r="L10675" s="5" t="s">
        <v>27074</v>
      </c>
      <c r="M10675" s="2" t="s">
        <v>27075</v>
      </c>
      <c r="N10675" s="5" t="s">
        <v>24254</v>
      </c>
      <c r="O10675" s="5" t="s">
        <v>38</v>
      </c>
      <c r="P10675" s="5" t="s">
        <v>39</v>
      </c>
      <c r="Q10675" s="5" t="s">
        <v>40</v>
      </c>
      <c r="R10675" s="5" t="s">
        <v>24335</v>
      </c>
      <c r="S10675" s="5" t="s">
        <v>40</v>
      </c>
      <c r="T10675" s="5" t="s">
        <v>42</v>
      </c>
      <c r="U10675" s="2">
        <v>5.3529999999999998</v>
      </c>
      <c r="V10675" s="2">
        <v>3.532</v>
      </c>
      <c r="W10675" s="2">
        <v>0.104</v>
      </c>
      <c r="X10675" s="2">
        <v>12</v>
      </c>
      <c r="Y10675" s="2">
        <v>50</v>
      </c>
      <c r="Z10675" s="2">
        <v>173.9</v>
      </c>
      <c r="AA10675" s="5">
        <v>10</v>
      </c>
      <c r="AB10675" s="5" t="s">
        <v>43</v>
      </c>
      <c r="AC10675" s="5" t="s">
        <v>44</v>
      </c>
      <c r="AD10675" s="2" t="s">
        <v>32528</v>
      </c>
      <c r="AE10675" s="1"/>
    </row>
    <row r="10676" spans="1:31" ht="14.45">
      <c r="A10676" s="11"/>
      <c r="B10676" s="20"/>
      <c r="C10676" s="2" t="s">
        <v>32821</v>
      </c>
      <c r="D10676" s="14" t="s">
        <v>32822</v>
      </c>
      <c r="E10676" s="2" t="s">
        <v>32823</v>
      </c>
      <c r="F10676" s="2" t="s">
        <v>32527</v>
      </c>
      <c r="G10676" s="8">
        <v>185</v>
      </c>
      <c r="H10676" s="5">
        <v>5</v>
      </c>
      <c r="I10676" s="5" t="s">
        <v>69</v>
      </c>
      <c r="J10676" s="5" t="s">
        <v>27074</v>
      </c>
      <c r="K10676" s="2" t="s">
        <v>27075</v>
      </c>
      <c r="L10676" s="5" t="s">
        <v>27074</v>
      </c>
      <c r="M10676" s="2" t="s">
        <v>27075</v>
      </c>
      <c r="N10676" s="5" t="s">
        <v>24254</v>
      </c>
      <c r="O10676" s="5" t="s">
        <v>38</v>
      </c>
      <c r="P10676" s="5" t="s">
        <v>39</v>
      </c>
      <c r="Q10676" s="5" t="s">
        <v>40</v>
      </c>
      <c r="R10676" s="5" t="s">
        <v>24335</v>
      </c>
      <c r="S10676" s="5" t="s">
        <v>40</v>
      </c>
      <c r="T10676" s="5" t="s">
        <v>42</v>
      </c>
      <c r="U10676" s="2">
        <v>5.7539999999999996</v>
      </c>
      <c r="V10676" s="2">
        <v>3.9329999999999998</v>
      </c>
      <c r="W10676" s="2">
        <v>0.104</v>
      </c>
      <c r="X10676" s="2">
        <v>12</v>
      </c>
      <c r="Y10676" s="2">
        <v>50</v>
      </c>
      <c r="Z10676" s="2">
        <v>173.9</v>
      </c>
      <c r="AA10676" s="5">
        <v>10</v>
      </c>
      <c r="AB10676" s="5" t="s">
        <v>43</v>
      </c>
      <c r="AC10676" s="5" t="s">
        <v>44</v>
      </c>
      <c r="AD10676" s="2" t="s">
        <v>32536</v>
      </c>
      <c r="AE10676" s="1"/>
    </row>
    <row r="10677" spans="1:31" ht="14.45">
      <c r="A10677" s="11"/>
      <c r="B10677" s="20"/>
      <c r="C10677" s="2" t="s">
        <v>32824</v>
      </c>
      <c r="D10677" s="14" t="s">
        <v>32825</v>
      </c>
      <c r="E10677" s="2" t="s">
        <v>32826</v>
      </c>
      <c r="F10677" s="2" t="s">
        <v>32532</v>
      </c>
      <c r="G10677" s="8">
        <v>185</v>
      </c>
      <c r="H10677" s="5">
        <v>5</v>
      </c>
      <c r="I10677" s="5" t="s">
        <v>69</v>
      </c>
      <c r="J10677" s="5" t="s">
        <v>27074</v>
      </c>
      <c r="K10677" s="2" t="s">
        <v>27075</v>
      </c>
      <c r="L10677" s="5" t="s">
        <v>27074</v>
      </c>
      <c r="M10677" s="2" t="s">
        <v>27075</v>
      </c>
      <c r="N10677" s="5" t="s">
        <v>24254</v>
      </c>
      <c r="O10677" s="5" t="s">
        <v>38</v>
      </c>
      <c r="P10677" s="5" t="s">
        <v>39</v>
      </c>
      <c r="Q10677" s="5" t="s">
        <v>40</v>
      </c>
      <c r="R10677" s="5" t="s">
        <v>24335</v>
      </c>
      <c r="S10677" s="5" t="s">
        <v>40</v>
      </c>
      <c r="T10677" s="5" t="s">
        <v>42</v>
      </c>
      <c r="U10677" s="2">
        <v>5.5890000000000004</v>
      </c>
      <c r="V10677" s="2">
        <v>3.76</v>
      </c>
      <c r="W10677" s="2">
        <v>0.104</v>
      </c>
      <c r="X10677" s="2">
        <v>12</v>
      </c>
      <c r="Y10677" s="2">
        <v>50</v>
      </c>
      <c r="Z10677" s="2">
        <v>173.9</v>
      </c>
      <c r="AA10677" s="5">
        <v>10</v>
      </c>
      <c r="AB10677" s="5" t="s">
        <v>43</v>
      </c>
      <c r="AC10677" s="5" t="s">
        <v>44</v>
      </c>
      <c r="AD10677" s="2" t="s">
        <v>32528</v>
      </c>
      <c r="AE10677" s="1"/>
    </row>
    <row r="10678" spans="1:31" ht="14.45">
      <c r="A10678" s="11"/>
      <c r="B10678" s="20"/>
      <c r="C10678" s="2" t="s">
        <v>32827</v>
      </c>
      <c r="D10678" s="14" t="s">
        <v>32828</v>
      </c>
      <c r="E10678" s="2" t="s">
        <v>32829</v>
      </c>
      <c r="F10678" s="2" t="s">
        <v>32532</v>
      </c>
      <c r="G10678" s="8">
        <v>185</v>
      </c>
      <c r="H10678" s="5">
        <v>5</v>
      </c>
      <c r="I10678" s="5" t="s">
        <v>69</v>
      </c>
      <c r="J10678" s="5" t="s">
        <v>27074</v>
      </c>
      <c r="K10678" s="2" t="s">
        <v>27075</v>
      </c>
      <c r="L10678" s="5" t="s">
        <v>27074</v>
      </c>
      <c r="M10678" s="2" t="s">
        <v>27075</v>
      </c>
      <c r="N10678" s="5" t="s">
        <v>24254</v>
      </c>
      <c r="O10678" s="5" t="s">
        <v>38</v>
      </c>
      <c r="P10678" s="5" t="s">
        <v>39</v>
      </c>
      <c r="Q10678" s="5" t="s">
        <v>40</v>
      </c>
      <c r="R10678" s="5" t="s">
        <v>24335</v>
      </c>
      <c r="S10678" s="5" t="s">
        <v>40</v>
      </c>
      <c r="T10678" s="5" t="s">
        <v>42</v>
      </c>
      <c r="U10678" s="2">
        <v>5.9160000000000004</v>
      </c>
      <c r="V10678" s="2">
        <v>4.0869999999999997</v>
      </c>
      <c r="W10678" s="2">
        <v>0.104</v>
      </c>
      <c r="X10678" s="2">
        <v>12</v>
      </c>
      <c r="Y10678" s="2">
        <v>50</v>
      </c>
      <c r="Z10678" s="2">
        <v>173.9</v>
      </c>
      <c r="AA10678" s="5">
        <v>10</v>
      </c>
      <c r="AB10678" s="5" t="s">
        <v>43</v>
      </c>
      <c r="AC10678" s="5" t="s">
        <v>44</v>
      </c>
      <c r="AD10678" s="2" t="s">
        <v>32536</v>
      </c>
      <c r="AE10678" s="1"/>
    </row>
    <row r="10679" spans="1:31" ht="14.45">
      <c r="A10679" s="11"/>
      <c r="B10679" s="20"/>
      <c r="C10679" s="2" t="s">
        <v>32830</v>
      </c>
      <c r="D10679" s="14" t="s">
        <v>32831</v>
      </c>
      <c r="E10679" s="2" t="s">
        <v>32832</v>
      </c>
      <c r="F10679" s="2" t="s">
        <v>32540</v>
      </c>
      <c r="G10679" s="8">
        <v>336</v>
      </c>
      <c r="H10679" s="5">
        <v>5</v>
      </c>
      <c r="I10679" s="5" t="s">
        <v>69</v>
      </c>
      <c r="J10679" s="5" t="s">
        <v>27074</v>
      </c>
      <c r="K10679" s="2" t="s">
        <v>27075</v>
      </c>
      <c r="L10679" s="5" t="s">
        <v>27074</v>
      </c>
      <c r="M10679" s="2" t="s">
        <v>27075</v>
      </c>
      <c r="N10679" s="5" t="s">
        <v>24254</v>
      </c>
      <c r="O10679" s="5" t="s">
        <v>38</v>
      </c>
      <c r="P10679" s="5" t="s">
        <v>39</v>
      </c>
      <c r="Q10679" s="5" t="s">
        <v>40</v>
      </c>
      <c r="R10679" s="5" t="s">
        <v>24335</v>
      </c>
      <c r="S10679" s="5" t="s">
        <v>40</v>
      </c>
      <c r="T10679" s="5" t="s">
        <v>42</v>
      </c>
      <c r="U10679" s="2">
        <v>12.481999999999999</v>
      </c>
      <c r="V10679" s="2">
        <v>10.231</v>
      </c>
      <c r="W10679" s="2">
        <v>0.16</v>
      </c>
      <c r="X10679" s="2">
        <v>12</v>
      </c>
      <c r="Y10679" s="2">
        <v>77</v>
      </c>
      <c r="Z10679" s="2">
        <v>173.4</v>
      </c>
      <c r="AA10679" s="5">
        <v>8</v>
      </c>
      <c r="AB10679" s="5" t="s">
        <v>43</v>
      </c>
      <c r="AC10679" s="5" t="s">
        <v>44</v>
      </c>
      <c r="AD10679" s="2" t="s">
        <v>32541</v>
      </c>
      <c r="AE10679" s="1"/>
    </row>
    <row r="10680" spans="1:31" ht="14.45">
      <c r="A10680" s="11"/>
      <c r="B10680" s="20"/>
      <c r="C10680" s="2" t="s">
        <v>32833</v>
      </c>
      <c r="D10680" s="14" t="s">
        <v>32834</v>
      </c>
      <c r="E10680" s="2" t="s">
        <v>32835</v>
      </c>
      <c r="F10680" s="2" t="s">
        <v>32545</v>
      </c>
      <c r="G10680" s="8">
        <v>678</v>
      </c>
      <c r="H10680" s="5">
        <v>5</v>
      </c>
      <c r="I10680" s="5" t="s">
        <v>69</v>
      </c>
      <c r="J10680" s="5" t="s">
        <v>27074</v>
      </c>
      <c r="K10680" s="2" t="s">
        <v>27075</v>
      </c>
      <c r="L10680" s="5" t="s">
        <v>27074</v>
      </c>
      <c r="M10680" s="2" t="s">
        <v>27075</v>
      </c>
      <c r="N10680" s="5" t="s">
        <v>24254</v>
      </c>
      <c r="O10680" s="5" t="s">
        <v>38</v>
      </c>
      <c r="P10680" s="5" t="s">
        <v>39</v>
      </c>
      <c r="Q10680" s="5" t="s">
        <v>40</v>
      </c>
      <c r="R10680" s="5" t="s">
        <v>1487</v>
      </c>
      <c r="S10680" s="5"/>
      <c r="T10680" s="5" t="s">
        <v>42</v>
      </c>
      <c r="U10680" s="2">
        <v>0</v>
      </c>
      <c r="V10680" s="2">
        <v>0</v>
      </c>
      <c r="W10680" s="2">
        <v>0</v>
      </c>
      <c r="X10680" s="2">
        <v>0</v>
      </c>
      <c r="Y10680" s="2">
        <v>0</v>
      </c>
      <c r="Z10680" s="2">
        <v>0</v>
      </c>
      <c r="AA10680" s="5"/>
      <c r="AB10680" s="5" t="s">
        <v>43</v>
      </c>
      <c r="AC10680" s="5" t="s">
        <v>44</v>
      </c>
      <c r="AD10680" s="2" t="s">
        <v>32546</v>
      </c>
      <c r="AE10680" s="1"/>
    </row>
    <row r="10681" spans="1:31" ht="14.45">
      <c r="A10681" s="11"/>
      <c r="B10681" s="20"/>
      <c r="C10681" s="2" t="s">
        <v>32836</v>
      </c>
      <c r="D10681" s="14" t="s">
        <v>32837</v>
      </c>
      <c r="E10681" s="2" t="s">
        <v>32838</v>
      </c>
      <c r="F10681" s="2" t="s">
        <v>32550</v>
      </c>
      <c r="G10681" s="8">
        <v>678</v>
      </c>
      <c r="H10681" s="5">
        <v>15</v>
      </c>
      <c r="I10681" s="5" t="s">
        <v>69</v>
      </c>
      <c r="J10681" s="5" t="s">
        <v>27074</v>
      </c>
      <c r="K10681" s="2" t="s">
        <v>27075</v>
      </c>
      <c r="L10681" s="5" t="s">
        <v>27074</v>
      </c>
      <c r="M10681" s="2" t="s">
        <v>27075</v>
      </c>
      <c r="N10681" s="5" t="s">
        <v>24254</v>
      </c>
      <c r="O10681" s="5" t="s">
        <v>38</v>
      </c>
      <c r="P10681" s="5" t="s">
        <v>39</v>
      </c>
      <c r="Q10681" s="5" t="s">
        <v>40</v>
      </c>
      <c r="R10681" s="5" t="s">
        <v>1487</v>
      </c>
      <c r="S10681" s="5"/>
      <c r="T10681" s="5" t="s">
        <v>42</v>
      </c>
      <c r="U10681" s="2">
        <v>0</v>
      </c>
      <c r="V10681" s="2">
        <v>0</v>
      </c>
      <c r="W10681" s="2">
        <v>0</v>
      </c>
      <c r="X10681" s="2">
        <v>0</v>
      </c>
      <c r="Y10681" s="2">
        <v>0</v>
      </c>
      <c r="Z10681" s="2">
        <v>0</v>
      </c>
      <c r="AA10681" s="5"/>
      <c r="AB10681" s="5" t="s">
        <v>43</v>
      </c>
      <c r="AC10681" s="5" t="s">
        <v>44</v>
      </c>
      <c r="AD10681" s="2" t="s">
        <v>32551</v>
      </c>
      <c r="AE10681" s="1"/>
    </row>
    <row r="10682" spans="1:31" ht="14.45">
      <c r="A10682" s="11"/>
      <c r="B10682" s="20"/>
      <c r="C10682" s="2" t="s">
        <v>32839</v>
      </c>
      <c r="D10682" s="14" t="s">
        <v>32840</v>
      </c>
      <c r="E10682" s="2" t="s">
        <v>32841</v>
      </c>
      <c r="F10682" s="2" t="s">
        <v>32555</v>
      </c>
      <c r="G10682" s="8">
        <v>1135</v>
      </c>
      <c r="H10682" s="5">
        <v>15</v>
      </c>
      <c r="I10682" s="5" t="s">
        <v>69</v>
      </c>
      <c r="J10682" s="5" t="s">
        <v>27074</v>
      </c>
      <c r="K10682" s="2" t="s">
        <v>27075</v>
      </c>
      <c r="L10682" s="5" t="s">
        <v>27074</v>
      </c>
      <c r="M10682" s="2" t="s">
        <v>27075</v>
      </c>
      <c r="N10682" s="5" t="s">
        <v>24254</v>
      </c>
      <c r="O10682" s="5" t="s">
        <v>38</v>
      </c>
      <c r="P10682" s="5" t="s">
        <v>39</v>
      </c>
      <c r="Q10682" s="5" t="s">
        <v>40</v>
      </c>
      <c r="R10682" s="5" t="s">
        <v>1487</v>
      </c>
      <c r="S10682" s="5"/>
      <c r="T10682" s="5" t="s">
        <v>42</v>
      </c>
      <c r="U10682" s="2">
        <v>0</v>
      </c>
      <c r="V10682" s="2">
        <v>0</v>
      </c>
      <c r="W10682" s="2">
        <v>0</v>
      </c>
      <c r="X10682" s="2">
        <v>0</v>
      </c>
      <c r="Y10682" s="2">
        <v>0</v>
      </c>
      <c r="Z10682" s="2">
        <v>0</v>
      </c>
      <c r="AA10682" s="5"/>
      <c r="AB10682" s="5" t="s">
        <v>43</v>
      </c>
      <c r="AC10682" s="5" t="s">
        <v>44</v>
      </c>
      <c r="AD10682" s="2" t="s">
        <v>32556</v>
      </c>
      <c r="AE10682" s="1"/>
    </row>
    <row r="10683" spans="1:31" ht="14.45">
      <c r="A10683" s="11"/>
      <c r="B10683" s="20"/>
      <c r="C10683" s="2" t="s">
        <v>32842</v>
      </c>
      <c r="D10683" s="14" t="s">
        <v>32843</v>
      </c>
      <c r="E10683" s="2" t="s">
        <v>32844</v>
      </c>
      <c r="F10683" s="2" t="s">
        <v>32560</v>
      </c>
      <c r="G10683" s="8">
        <v>1135</v>
      </c>
      <c r="H10683" s="5">
        <v>15</v>
      </c>
      <c r="I10683" s="5" t="s">
        <v>69</v>
      </c>
      <c r="J10683" s="5" t="s">
        <v>27074</v>
      </c>
      <c r="K10683" s="2" t="s">
        <v>27075</v>
      </c>
      <c r="L10683" s="5" t="s">
        <v>27074</v>
      </c>
      <c r="M10683" s="2" t="s">
        <v>27075</v>
      </c>
      <c r="N10683" s="5" t="s">
        <v>24254</v>
      </c>
      <c r="O10683" s="5" t="s">
        <v>38</v>
      </c>
      <c r="P10683" s="5" t="s">
        <v>39</v>
      </c>
      <c r="Q10683" s="5" t="s">
        <v>40</v>
      </c>
      <c r="R10683" s="5" t="s">
        <v>1487</v>
      </c>
      <c r="S10683" s="5"/>
      <c r="T10683" s="5" t="s">
        <v>42</v>
      </c>
      <c r="U10683" s="2">
        <v>0</v>
      </c>
      <c r="V10683" s="2">
        <v>0</v>
      </c>
      <c r="W10683" s="2">
        <v>0</v>
      </c>
      <c r="X10683" s="2">
        <v>0</v>
      </c>
      <c r="Y10683" s="2">
        <v>0</v>
      </c>
      <c r="Z10683" s="2">
        <v>0</v>
      </c>
      <c r="AA10683" s="5"/>
      <c r="AB10683" s="5" t="s">
        <v>43</v>
      </c>
      <c r="AC10683" s="5" t="s">
        <v>44</v>
      </c>
      <c r="AD10683" s="2" t="s">
        <v>32561</v>
      </c>
      <c r="AE10683" s="1"/>
    </row>
    <row r="10684" spans="1:31" ht="14.45">
      <c r="A10684" s="11"/>
      <c r="B10684" s="20"/>
      <c r="C10684" s="2" t="s">
        <v>32845</v>
      </c>
      <c r="D10684" s="14" t="s">
        <v>32846</v>
      </c>
      <c r="E10684" s="2" t="s">
        <v>32847</v>
      </c>
      <c r="F10684" s="2" t="s">
        <v>32509</v>
      </c>
      <c r="G10684" s="8">
        <v>194</v>
      </c>
      <c r="H10684" s="5">
        <v>10</v>
      </c>
      <c r="I10684" s="5" t="s">
        <v>69</v>
      </c>
      <c r="J10684" s="5" t="s">
        <v>27074</v>
      </c>
      <c r="K10684" s="2" t="s">
        <v>27075</v>
      </c>
      <c r="L10684" s="5" t="s">
        <v>27074</v>
      </c>
      <c r="M10684" s="2" t="s">
        <v>27075</v>
      </c>
      <c r="N10684" s="5" t="s">
        <v>24254</v>
      </c>
      <c r="O10684" s="5" t="s">
        <v>38</v>
      </c>
      <c r="P10684" s="5" t="s">
        <v>39</v>
      </c>
      <c r="Q10684" s="5" t="s">
        <v>40</v>
      </c>
      <c r="R10684" s="5" t="s">
        <v>24335</v>
      </c>
      <c r="S10684" s="5" t="s">
        <v>40</v>
      </c>
      <c r="T10684" s="5" t="s">
        <v>42</v>
      </c>
      <c r="U10684" s="2">
        <v>8.7620000000000005</v>
      </c>
      <c r="V10684" s="2">
        <v>6.9790000000000001</v>
      </c>
      <c r="W10684" s="2">
        <v>0.11600000000000001</v>
      </c>
      <c r="X10684" s="2">
        <v>12</v>
      </c>
      <c r="Y10684" s="2">
        <v>50</v>
      </c>
      <c r="Z10684" s="2">
        <v>193.9</v>
      </c>
      <c r="AA10684" s="5">
        <v>8</v>
      </c>
      <c r="AB10684" s="5" t="s">
        <v>43</v>
      </c>
      <c r="AC10684" s="5" t="s">
        <v>44</v>
      </c>
      <c r="AD10684" s="2" t="s">
        <v>32510</v>
      </c>
      <c r="AE10684" s="1"/>
    </row>
    <row r="10685" spans="1:31" ht="14.45">
      <c r="A10685" s="11"/>
      <c r="B10685" s="20"/>
      <c r="C10685" s="2" t="s">
        <v>32848</v>
      </c>
      <c r="D10685" s="14" t="s">
        <v>32849</v>
      </c>
      <c r="E10685" s="2" t="s">
        <v>32850</v>
      </c>
      <c r="F10685" s="2" t="s">
        <v>32514</v>
      </c>
      <c r="G10685" s="8">
        <v>194</v>
      </c>
      <c r="H10685" s="5">
        <v>5</v>
      </c>
      <c r="I10685" s="5" t="s">
        <v>69</v>
      </c>
      <c r="J10685" s="5" t="s">
        <v>27074</v>
      </c>
      <c r="K10685" s="2" t="s">
        <v>27075</v>
      </c>
      <c r="L10685" s="5" t="s">
        <v>27074</v>
      </c>
      <c r="M10685" s="2" t="s">
        <v>27075</v>
      </c>
      <c r="N10685" s="5" t="s">
        <v>24254</v>
      </c>
      <c r="O10685" s="5" t="s">
        <v>38</v>
      </c>
      <c r="P10685" s="5" t="s">
        <v>39</v>
      </c>
      <c r="Q10685" s="5" t="s">
        <v>40</v>
      </c>
      <c r="R10685" s="5" t="s">
        <v>24335</v>
      </c>
      <c r="S10685" s="5" t="s">
        <v>40</v>
      </c>
      <c r="T10685" s="5" t="s">
        <v>42</v>
      </c>
      <c r="U10685" s="2">
        <v>7.37</v>
      </c>
      <c r="V10685" s="2">
        <v>5.5140000000000002</v>
      </c>
      <c r="W10685" s="2">
        <v>0.11600000000000001</v>
      </c>
      <c r="X10685" s="2">
        <v>12</v>
      </c>
      <c r="Y10685" s="2">
        <v>50</v>
      </c>
      <c r="Z10685" s="2">
        <v>193.9</v>
      </c>
      <c r="AA10685" s="5">
        <v>8</v>
      </c>
      <c r="AB10685" s="5" t="s">
        <v>43</v>
      </c>
      <c r="AC10685" s="5" t="s">
        <v>44</v>
      </c>
      <c r="AD10685" s="2" t="s">
        <v>32510</v>
      </c>
      <c r="AE10685" s="1"/>
    </row>
    <row r="10686" spans="1:31" ht="14.45">
      <c r="A10686" s="11"/>
      <c r="B10686" s="20"/>
      <c r="C10686" s="2" t="s">
        <v>32851</v>
      </c>
      <c r="D10686" s="14" t="s">
        <v>32852</v>
      </c>
      <c r="E10686" s="2" t="s">
        <v>32853</v>
      </c>
      <c r="F10686" s="2" t="s">
        <v>32518</v>
      </c>
      <c r="G10686" s="8">
        <v>194</v>
      </c>
      <c r="H10686" s="5">
        <v>10</v>
      </c>
      <c r="I10686" s="5" t="s">
        <v>69</v>
      </c>
      <c r="J10686" s="5" t="s">
        <v>27074</v>
      </c>
      <c r="K10686" s="2" t="s">
        <v>27075</v>
      </c>
      <c r="L10686" s="5" t="s">
        <v>27074</v>
      </c>
      <c r="M10686" s="2" t="s">
        <v>27075</v>
      </c>
      <c r="N10686" s="5" t="s">
        <v>24254</v>
      </c>
      <c r="O10686" s="5" t="s">
        <v>38</v>
      </c>
      <c r="P10686" s="5" t="s">
        <v>39</v>
      </c>
      <c r="Q10686" s="5" t="s">
        <v>40</v>
      </c>
      <c r="R10686" s="5" t="s">
        <v>24335</v>
      </c>
      <c r="S10686" s="5" t="s">
        <v>40</v>
      </c>
      <c r="T10686" s="5" t="s">
        <v>42</v>
      </c>
      <c r="U10686" s="2">
        <v>6.11</v>
      </c>
      <c r="V10686" s="2">
        <v>4.3609999999999998</v>
      </c>
      <c r="W10686" s="2">
        <v>0.11600000000000001</v>
      </c>
      <c r="X10686" s="2">
        <v>12</v>
      </c>
      <c r="Y10686" s="2">
        <v>50</v>
      </c>
      <c r="Z10686" s="2">
        <v>193.9</v>
      </c>
      <c r="AA10686" s="5">
        <v>8</v>
      </c>
      <c r="AB10686" s="5" t="s">
        <v>43</v>
      </c>
      <c r="AC10686" s="5" t="s">
        <v>44</v>
      </c>
      <c r="AD10686" s="2" t="s">
        <v>32510</v>
      </c>
      <c r="AE10686" s="1"/>
    </row>
    <row r="10687" spans="1:31" ht="14.45">
      <c r="A10687" s="11"/>
      <c r="B10687" s="20"/>
      <c r="C10687" s="2" t="s">
        <v>32854</v>
      </c>
      <c r="D10687" s="14" t="s">
        <v>32855</v>
      </c>
      <c r="E10687" s="2" t="s">
        <v>32856</v>
      </c>
      <c r="F10687" s="2" t="s">
        <v>32522</v>
      </c>
      <c r="G10687" s="8">
        <v>194</v>
      </c>
      <c r="H10687" s="5">
        <v>5</v>
      </c>
      <c r="I10687" s="5" t="s">
        <v>69</v>
      </c>
      <c r="J10687" s="5" t="s">
        <v>27074</v>
      </c>
      <c r="K10687" s="2" t="s">
        <v>27075</v>
      </c>
      <c r="L10687" s="5" t="s">
        <v>27074</v>
      </c>
      <c r="M10687" s="2" t="s">
        <v>27075</v>
      </c>
      <c r="N10687" s="5" t="s">
        <v>24254</v>
      </c>
      <c r="O10687" s="5" t="s">
        <v>38</v>
      </c>
      <c r="P10687" s="5" t="s">
        <v>39</v>
      </c>
      <c r="Q10687" s="5" t="s">
        <v>40</v>
      </c>
      <c r="R10687" s="5" t="s">
        <v>24335</v>
      </c>
      <c r="S10687" s="5" t="s">
        <v>40</v>
      </c>
      <c r="T10687" s="5" t="s">
        <v>42</v>
      </c>
      <c r="U10687" s="2">
        <v>6.851</v>
      </c>
      <c r="V10687" s="2">
        <v>5.03</v>
      </c>
      <c r="W10687" s="2">
        <v>0.11600000000000001</v>
      </c>
      <c r="X10687" s="2">
        <v>12</v>
      </c>
      <c r="Y10687" s="2">
        <v>50</v>
      </c>
      <c r="Z10687" s="2">
        <v>193.9</v>
      </c>
      <c r="AA10687" s="5">
        <v>10</v>
      </c>
      <c r="AB10687" s="5" t="s">
        <v>43</v>
      </c>
      <c r="AC10687" s="5" t="s">
        <v>44</v>
      </c>
      <c r="AD10687" s="2" t="s">
        <v>32523</v>
      </c>
      <c r="AE10687" s="1"/>
    </row>
    <row r="10688" spans="1:31" ht="14.45">
      <c r="A10688" s="11"/>
      <c r="B10688" s="20"/>
      <c r="C10688" s="2" t="s">
        <v>32857</v>
      </c>
      <c r="D10688" s="14" t="s">
        <v>32858</v>
      </c>
      <c r="E10688" s="2" t="s">
        <v>32859</v>
      </c>
      <c r="F10688" s="2" t="s">
        <v>32522</v>
      </c>
      <c r="G10688" s="8">
        <v>194</v>
      </c>
      <c r="H10688" s="5">
        <v>5</v>
      </c>
      <c r="I10688" s="5" t="s">
        <v>69</v>
      </c>
      <c r="J10688" s="5" t="s">
        <v>27074</v>
      </c>
      <c r="K10688" s="2" t="s">
        <v>27075</v>
      </c>
      <c r="L10688" s="5" t="s">
        <v>27074</v>
      </c>
      <c r="M10688" s="2" t="s">
        <v>27075</v>
      </c>
      <c r="N10688" s="5" t="s">
        <v>24254</v>
      </c>
      <c r="O10688" s="5" t="s">
        <v>38</v>
      </c>
      <c r="P10688" s="5" t="s">
        <v>39</v>
      </c>
      <c r="Q10688" s="5" t="s">
        <v>40</v>
      </c>
      <c r="R10688" s="5" t="s">
        <v>24335</v>
      </c>
      <c r="S10688" s="5" t="s">
        <v>40</v>
      </c>
      <c r="T10688" s="5" t="s">
        <v>42</v>
      </c>
      <c r="U10688" s="2">
        <v>7.1520000000000001</v>
      </c>
      <c r="V10688" s="2">
        <v>5.3310000000000004</v>
      </c>
      <c r="W10688" s="2">
        <v>0.11600000000000001</v>
      </c>
      <c r="X10688" s="2">
        <v>12</v>
      </c>
      <c r="Y10688" s="2">
        <v>50</v>
      </c>
      <c r="Z10688" s="2">
        <v>193.9</v>
      </c>
      <c r="AA10688" s="5">
        <v>10</v>
      </c>
      <c r="AB10688" s="5" t="s">
        <v>43</v>
      </c>
      <c r="AC10688" s="5" t="s">
        <v>44</v>
      </c>
      <c r="AD10688" s="2" t="s">
        <v>32577</v>
      </c>
      <c r="AE10688" s="1"/>
    </row>
    <row r="10689" spans="1:31" ht="14.45">
      <c r="A10689" s="11"/>
      <c r="B10689" s="20"/>
      <c r="C10689" s="2" t="s">
        <v>32860</v>
      </c>
      <c r="D10689" s="14" t="s">
        <v>32861</v>
      </c>
      <c r="E10689" s="2" t="s">
        <v>32862</v>
      </c>
      <c r="F10689" s="2" t="s">
        <v>32527</v>
      </c>
      <c r="G10689" s="8">
        <v>194</v>
      </c>
      <c r="H10689" s="5">
        <v>5</v>
      </c>
      <c r="I10689" s="5" t="s">
        <v>69</v>
      </c>
      <c r="J10689" s="5" t="s">
        <v>27074</v>
      </c>
      <c r="K10689" s="2" t="s">
        <v>27075</v>
      </c>
      <c r="L10689" s="5" t="s">
        <v>27074</v>
      </c>
      <c r="M10689" s="2" t="s">
        <v>27075</v>
      </c>
      <c r="N10689" s="5" t="s">
        <v>24254</v>
      </c>
      <c r="O10689" s="5" t="s">
        <v>38</v>
      </c>
      <c r="P10689" s="5" t="s">
        <v>39</v>
      </c>
      <c r="Q10689" s="5" t="s">
        <v>40</v>
      </c>
      <c r="R10689" s="5" t="s">
        <v>24335</v>
      </c>
      <c r="S10689" s="5" t="s">
        <v>40</v>
      </c>
      <c r="T10689" s="5" t="s">
        <v>42</v>
      </c>
      <c r="U10689" s="2">
        <v>5.7009999999999996</v>
      </c>
      <c r="V10689" s="2">
        <v>3.88</v>
      </c>
      <c r="W10689" s="2">
        <v>0.11600000000000001</v>
      </c>
      <c r="X10689" s="2">
        <v>12</v>
      </c>
      <c r="Y10689" s="2">
        <v>50</v>
      </c>
      <c r="Z10689" s="2">
        <v>193.9</v>
      </c>
      <c r="AA10689" s="5">
        <v>10</v>
      </c>
      <c r="AB10689" s="5" t="s">
        <v>43</v>
      </c>
      <c r="AC10689" s="5" t="s">
        <v>44</v>
      </c>
      <c r="AD10689" s="2" t="s">
        <v>32528</v>
      </c>
      <c r="AE10689" s="1"/>
    </row>
    <row r="10690" spans="1:31" ht="14.45">
      <c r="A10690" s="11"/>
      <c r="B10690" s="20"/>
      <c r="C10690" s="2" t="s">
        <v>32863</v>
      </c>
      <c r="D10690" s="14" t="s">
        <v>32864</v>
      </c>
      <c r="E10690" s="2" t="s">
        <v>32865</v>
      </c>
      <c r="F10690" s="2" t="s">
        <v>32527</v>
      </c>
      <c r="G10690" s="8">
        <v>194</v>
      </c>
      <c r="H10690" s="5">
        <v>5</v>
      </c>
      <c r="I10690" s="5" t="s">
        <v>69</v>
      </c>
      <c r="J10690" s="5" t="s">
        <v>27074</v>
      </c>
      <c r="K10690" s="2" t="s">
        <v>27075</v>
      </c>
      <c r="L10690" s="5" t="s">
        <v>27074</v>
      </c>
      <c r="M10690" s="2" t="s">
        <v>27075</v>
      </c>
      <c r="N10690" s="5" t="s">
        <v>24254</v>
      </c>
      <c r="O10690" s="5" t="s">
        <v>38</v>
      </c>
      <c r="P10690" s="5" t="s">
        <v>39</v>
      </c>
      <c r="Q10690" s="5" t="s">
        <v>40</v>
      </c>
      <c r="R10690" s="5" t="s">
        <v>24335</v>
      </c>
      <c r="S10690" s="5" t="s">
        <v>40</v>
      </c>
      <c r="T10690" s="5" t="s">
        <v>42</v>
      </c>
      <c r="U10690" s="2">
        <v>6.1020000000000003</v>
      </c>
      <c r="V10690" s="2">
        <v>4.2809999999999997</v>
      </c>
      <c r="W10690" s="2">
        <v>0.11600000000000001</v>
      </c>
      <c r="X10690" s="2">
        <v>12</v>
      </c>
      <c r="Y10690" s="2">
        <v>50</v>
      </c>
      <c r="Z10690" s="2">
        <v>193.9</v>
      </c>
      <c r="AA10690" s="5">
        <v>10</v>
      </c>
      <c r="AB10690" s="5" t="s">
        <v>43</v>
      </c>
      <c r="AC10690" s="5" t="s">
        <v>44</v>
      </c>
      <c r="AD10690" s="2" t="s">
        <v>32536</v>
      </c>
      <c r="AE10690" s="1"/>
    </row>
    <row r="10691" spans="1:31" ht="14.45">
      <c r="A10691" s="11"/>
      <c r="B10691" s="20"/>
      <c r="C10691" s="2" t="s">
        <v>32866</v>
      </c>
      <c r="D10691" s="14" t="s">
        <v>32867</v>
      </c>
      <c r="E10691" s="2" t="s">
        <v>32868</v>
      </c>
      <c r="F10691" s="2" t="s">
        <v>32532</v>
      </c>
      <c r="G10691" s="8">
        <v>194</v>
      </c>
      <c r="H10691" s="5">
        <v>5</v>
      </c>
      <c r="I10691" s="5" t="s">
        <v>69</v>
      </c>
      <c r="J10691" s="5" t="s">
        <v>27074</v>
      </c>
      <c r="K10691" s="2" t="s">
        <v>27075</v>
      </c>
      <c r="L10691" s="5" t="s">
        <v>27074</v>
      </c>
      <c r="M10691" s="2" t="s">
        <v>27075</v>
      </c>
      <c r="N10691" s="5" t="s">
        <v>24254</v>
      </c>
      <c r="O10691" s="5" t="s">
        <v>38</v>
      </c>
      <c r="P10691" s="5" t="s">
        <v>39</v>
      </c>
      <c r="Q10691" s="5" t="s">
        <v>40</v>
      </c>
      <c r="R10691" s="5" t="s">
        <v>24335</v>
      </c>
      <c r="S10691" s="5" t="s">
        <v>40</v>
      </c>
      <c r="T10691" s="5" t="s">
        <v>42</v>
      </c>
      <c r="U10691" s="2">
        <v>5.9930000000000003</v>
      </c>
      <c r="V10691" s="2">
        <v>4.1639999999999997</v>
      </c>
      <c r="W10691" s="2">
        <v>0.11600000000000001</v>
      </c>
      <c r="X10691" s="2">
        <v>12</v>
      </c>
      <c r="Y10691" s="2">
        <v>50</v>
      </c>
      <c r="Z10691" s="2">
        <v>193.9</v>
      </c>
      <c r="AA10691" s="5">
        <v>10</v>
      </c>
      <c r="AB10691" s="5" t="s">
        <v>43</v>
      </c>
      <c r="AC10691" s="5" t="s">
        <v>44</v>
      </c>
      <c r="AD10691" s="2" t="s">
        <v>32528</v>
      </c>
      <c r="AE10691" s="1"/>
    </row>
    <row r="10692" spans="1:31" ht="14.45">
      <c r="A10692" s="11"/>
      <c r="B10692" s="20"/>
      <c r="C10692" s="2" t="s">
        <v>32869</v>
      </c>
      <c r="D10692" s="14" t="s">
        <v>32870</v>
      </c>
      <c r="E10692" s="2" t="s">
        <v>32871</v>
      </c>
      <c r="F10692" s="2" t="s">
        <v>32532</v>
      </c>
      <c r="G10692" s="8">
        <v>194</v>
      </c>
      <c r="H10692" s="5">
        <v>5</v>
      </c>
      <c r="I10692" s="5" t="s">
        <v>69</v>
      </c>
      <c r="J10692" s="5" t="s">
        <v>27074</v>
      </c>
      <c r="K10692" s="2" t="s">
        <v>27075</v>
      </c>
      <c r="L10692" s="5" t="s">
        <v>27074</v>
      </c>
      <c r="M10692" s="2" t="s">
        <v>27075</v>
      </c>
      <c r="N10692" s="5" t="s">
        <v>24254</v>
      </c>
      <c r="O10692" s="5" t="s">
        <v>38</v>
      </c>
      <c r="P10692" s="5" t="s">
        <v>39</v>
      </c>
      <c r="Q10692" s="5" t="s">
        <v>40</v>
      </c>
      <c r="R10692" s="5" t="s">
        <v>24335</v>
      </c>
      <c r="S10692" s="5" t="s">
        <v>40</v>
      </c>
      <c r="T10692" s="5" t="s">
        <v>42</v>
      </c>
      <c r="U10692" s="2">
        <v>6.32</v>
      </c>
      <c r="V10692" s="2">
        <v>4.4909999999999997</v>
      </c>
      <c r="W10692" s="2">
        <v>0.11600000000000001</v>
      </c>
      <c r="X10692" s="2">
        <v>12</v>
      </c>
      <c r="Y10692" s="2">
        <v>50</v>
      </c>
      <c r="Z10692" s="2">
        <v>193.9</v>
      </c>
      <c r="AA10692" s="5">
        <v>10</v>
      </c>
      <c r="AB10692" s="5" t="s">
        <v>43</v>
      </c>
      <c r="AC10692" s="5" t="s">
        <v>44</v>
      </c>
      <c r="AD10692" s="2" t="s">
        <v>32536</v>
      </c>
      <c r="AE10692" s="1"/>
    </row>
    <row r="10693" spans="1:31" ht="14.45">
      <c r="A10693" s="11"/>
      <c r="B10693" s="20"/>
      <c r="C10693" s="2" t="s">
        <v>32872</v>
      </c>
      <c r="D10693" s="14" t="s">
        <v>32873</v>
      </c>
      <c r="E10693" s="2" t="s">
        <v>32874</v>
      </c>
      <c r="F10693" s="2" t="s">
        <v>32540</v>
      </c>
      <c r="G10693" s="8">
        <v>352</v>
      </c>
      <c r="H10693" s="5">
        <v>5</v>
      </c>
      <c r="I10693" s="5" t="s">
        <v>69</v>
      </c>
      <c r="J10693" s="5" t="s">
        <v>27074</v>
      </c>
      <c r="K10693" s="2" t="s">
        <v>27075</v>
      </c>
      <c r="L10693" s="5" t="s">
        <v>27074</v>
      </c>
      <c r="M10693" s="2" t="s">
        <v>27075</v>
      </c>
      <c r="N10693" s="5" t="s">
        <v>24254</v>
      </c>
      <c r="O10693" s="5" t="s">
        <v>38</v>
      </c>
      <c r="P10693" s="5" t="s">
        <v>39</v>
      </c>
      <c r="Q10693" s="5" t="s">
        <v>40</v>
      </c>
      <c r="R10693" s="5" t="s">
        <v>24335</v>
      </c>
      <c r="S10693" s="5" t="s">
        <v>40</v>
      </c>
      <c r="T10693" s="5" t="s">
        <v>42</v>
      </c>
      <c r="U10693" s="2">
        <v>13.701000000000001</v>
      </c>
      <c r="V10693" s="2">
        <v>11.057</v>
      </c>
      <c r="W10693" s="2">
        <v>0.19500000000000001</v>
      </c>
      <c r="X10693" s="2">
        <v>12</v>
      </c>
      <c r="Y10693" s="2">
        <v>77</v>
      </c>
      <c r="Z10693" s="2">
        <v>210.9</v>
      </c>
      <c r="AA10693" s="5">
        <v>8</v>
      </c>
      <c r="AB10693" s="5" t="s">
        <v>43</v>
      </c>
      <c r="AC10693" s="5" t="s">
        <v>44</v>
      </c>
      <c r="AD10693" s="2" t="s">
        <v>32541</v>
      </c>
      <c r="AE10693" s="1"/>
    </row>
    <row r="10694" spans="1:31" ht="14.45">
      <c r="A10694" s="11"/>
      <c r="B10694" s="20"/>
      <c r="C10694" s="2" t="s">
        <v>32875</v>
      </c>
      <c r="D10694" s="14" t="s">
        <v>32876</v>
      </c>
      <c r="E10694" s="2" t="s">
        <v>32877</v>
      </c>
      <c r="F10694" s="2" t="s">
        <v>32545</v>
      </c>
      <c r="G10694" s="8">
        <v>696</v>
      </c>
      <c r="H10694" s="5">
        <v>5</v>
      </c>
      <c r="I10694" s="5" t="s">
        <v>69</v>
      </c>
      <c r="J10694" s="5" t="s">
        <v>27074</v>
      </c>
      <c r="K10694" s="2" t="s">
        <v>27075</v>
      </c>
      <c r="L10694" s="5" t="s">
        <v>27074</v>
      </c>
      <c r="M10694" s="2" t="s">
        <v>27075</v>
      </c>
      <c r="N10694" s="5" t="s">
        <v>24254</v>
      </c>
      <c r="O10694" s="5" t="s">
        <v>38</v>
      </c>
      <c r="P10694" s="5" t="s">
        <v>39</v>
      </c>
      <c r="Q10694" s="5" t="s">
        <v>40</v>
      </c>
      <c r="R10694" s="5" t="s">
        <v>1487</v>
      </c>
      <c r="S10694" s="5"/>
      <c r="T10694" s="5" t="s">
        <v>42</v>
      </c>
      <c r="U10694" s="2">
        <v>0</v>
      </c>
      <c r="V10694" s="2">
        <v>0</v>
      </c>
      <c r="W10694" s="2">
        <v>0</v>
      </c>
      <c r="X10694" s="2">
        <v>0</v>
      </c>
      <c r="Y10694" s="2">
        <v>0</v>
      </c>
      <c r="Z10694" s="2">
        <v>0</v>
      </c>
      <c r="AA10694" s="5"/>
      <c r="AB10694" s="5" t="s">
        <v>43</v>
      </c>
      <c r="AC10694" s="5" t="s">
        <v>44</v>
      </c>
      <c r="AD10694" s="2" t="s">
        <v>32546</v>
      </c>
      <c r="AE10694" s="1"/>
    </row>
    <row r="10695" spans="1:31" ht="14.45">
      <c r="A10695" s="11"/>
      <c r="B10695" s="20"/>
      <c r="C10695" s="2" t="s">
        <v>32878</v>
      </c>
      <c r="D10695" s="14" t="s">
        <v>32879</v>
      </c>
      <c r="E10695" s="2" t="s">
        <v>32880</v>
      </c>
      <c r="F10695" s="2" t="s">
        <v>32550</v>
      </c>
      <c r="G10695" s="8">
        <v>696</v>
      </c>
      <c r="H10695" s="5">
        <v>15</v>
      </c>
      <c r="I10695" s="5" t="s">
        <v>69</v>
      </c>
      <c r="J10695" s="5" t="s">
        <v>27074</v>
      </c>
      <c r="K10695" s="2" t="s">
        <v>27075</v>
      </c>
      <c r="L10695" s="5" t="s">
        <v>27074</v>
      </c>
      <c r="M10695" s="2" t="s">
        <v>27075</v>
      </c>
      <c r="N10695" s="5" t="s">
        <v>24254</v>
      </c>
      <c r="O10695" s="5" t="s">
        <v>38</v>
      </c>
      <c r="P10695" s="5" t="s">
        <v>39</v>
      </c>
      <c r="Q10695" s="5" t="s">
        <v>40</v>
      </c>
      <c r="R10695" s="5" t="s">
        <v>1487</v>
      </c>
      <c r="S10695" s="5"/>
      <c r="T10695" s="5" t="s">
        <v>42</v>
      </c>
      <c r="U10695" s="2">
        <v>0</v>
      </c>
      <c r="V10695" s="2">
        <v>0</v>
      </c>
      <c r="W10695" s="2">
        <v>0</v>
      </c>
      <c r="X10695" s="2">
        <v>0</v>
      </c>
      <c r="Y10695" s="2">
        <v>0</v>
      </c>
      <c r="Z10695" s="2">
        <v>0</v>
      </c>
      <c r="AA10695" s="5"/>
      <c r="AB10695" s="5" t="s">
        <v>43</v>
      </c>
      <c r="AC10695" s="5" t="s">
        <v>44</v>
      </c>
      <c r="AD10695" s="2" t="s">
        <v>32551</v>
      </c>
      <c r="AE10695" s="1"/>
    </row>
    <row r="10696" spans="1:31" ht="14.45">
      <c r="A10696" s="11"/>
      <c r="B10696" s="20"/>
      <c r="C10696" s="2" t="s">
        <v>32881</v>
      </c>
      <c r="D10696" s="14" t="s">
        <v>32882</v>
      </c>
      <c r="E10696" s="2" t="s">
        <v>32883</v>
      </c>
      <c r="F10696" s="2" t="s">
        <v>32555</v>
      </c>
      <c r="G10696" s="8">
        <v>1164</v>
      </c>
      <c r="H10696" s="5">
        <v>15</v>
      </c>
      <c r="I10696" s="5" t="s">
        <v>69</v>
      </c>
      <c r="J10696" s="5" t="s">
        <v>27074</v>
      </c>
      <c r="K10696" s="2" t="s">
        <v>27075</v>
      </c>
      <c r="L10696" s="5" t="s">
        <v>27074</v>
      </c>
      <c r="M10696" s="2" t="s">
        <v>27075</v>
      </c>
      <c r="N10696" s="5" t="s">
        <v>24254</v>
      </c>
      <c r="O10696" s="5" t="s">
        <v>38</v>
      </c>
      <c r="P10696" s="5" t="s">
        <v>39</v>
      </c>
      <c r="Q10696" s="5" t="s">
        <v>40</v>
      </c>
      <c r="R10696" s="5" t="s">
        <v>1487</v>
      </c>
      <c r="S10696" s="5"/>
      <c r="T10696" s="5" t="s">
        <v>42</v>
      </c>
      <c r="U10696" s="2">
        <v>0</v>
      </c>
      <c r="V10696" s="2">
        <v>0</v>
      </c>
      <c r="W10696" s="2">
        <v>0</v>
      </c>
      <c r="X10696" s="2">
        <v>0</v>
      </c>
      <c r="Y10696" s="2">
        <v>0</v>
      </c>
      <c r="Z10696" s="2">
        <v>0</v>
      </c>
      <c r="AA10696" s="5"/>
      <c r="AB10696" s="5" t="s">
        <v>43</v>
      </c>
      <c r="AC10696" s="5" t="s">
        <v>44</v>
      </c>
      <c r="AD10696" s="2" t="s">
        <v>32556</v>
      </c>
      <c r="AE10696" s="1"/>
    </row>
    <row r="10697" spans="1:31" ht="14.45">
      <c r="A10697" s="11"/>
      <c r="B10697" s="20"/>
      <c r="C10697" s="2" t="s">
        <v>32884</v>
      </c>
      <c r="D10697" s="14" t="s">
        <v>32885</v>
      </c>
      <c r="E10697" s="2" t="s">
        <v>32886</v>
      </c>
      <c r="F10697" s="2" t="s">
        <v>32560</v>
      </c>
      <c r="G10697" s="8">
        <v>1164</v>
      </c>
      <c r="H10697" s="5">
        <v>15</v>
      </c>
      <c r="I10697" s="5" t="s">
        <v>69</v>
      </c>
      <c r="J10697" s="5" t="s">
        <v>27074</v>
      </c>
      <c r="K10697" s="2" t="s">
        <v>27075</v>
      </c>
      <c r="L10697" s="5" t="s">
        <v>27074</v>
      </c>
      <c r="M10697" s="2" t="s">
        <v>27075</v>
      </c>
      <c r="N10697" s="5" t="s">
        <v>24254</v>
      </c>
      <c r="O10697" s="5" t="s">
        <v>38</v>
      </c>
      <c r="P10697" s="5" t="s">
        <v>39</v>
      </c>
      <c r="Q10697" s="5" t="s">
        <v>40</v>
      </c>
      <c r="R10697" s="5" t="s">
        <v>1487</v>
      </c>
      <c r="S10697" s="5"/>
      <c r="T10697" s="5" t="s">
        <v>42</v>
      </c>
      <c r="U10697" s="2">
        <v>0</v>
      </c>
      <c r="V10697" s="2">
        <v>0</v>
      </c>
      <c r="W10697" s="2">
        <v>0</v>
      </c>
      <c r="X10697" s="2">
        <v>0</v>
      </c>
      <c r="Y10697" s="2">
        <v>0</v>
      </c>
      <c r="Z10697" s="2">
        <v>0</v>
      </c>
      <c r="AA10697" s="5"/>
      <c r="AB10697" s="5" t="s">
        <v>43</v>
      </c>
      <c r="AC10697" s="5" t="s">
        <v>44</v>
      </c>
      <c r="AD10697" s="2" t="s">
        <v>32561</v>
      </c>
      <c r="AE10697" s="1"/>
    </row>
    <row r="10698" spans="1:31" ht="14.45">
      <c r="A10698" s="11"/>
      <c r="B10698" s="20"/>
      <c r="C10698" s="2" t="s">
        <v>32887</v>
      </c>
      <c r="D10698" s="14" t="s">
        <v>32888</v>
      </c>
      <c r="E10698" s="2" t="s">
        <v>32889</v>
      </c>
      <c r="F10698" s="2" t="s">
        <v>32509</v>
      </c>
      <c r="G10698" s="8">
        <v>221</v>
      </c>
      <c r="H10698" s="5">
        <v>10</v>
      </c>
      <c r="I10698" s="5" t="s">
        <v>69</v>
      </c>
      <c r="J10698" s="5" t="s">
        <v>27074</v>
      </c>
      <c r="K10698" s="2" t="s">
        <v>27075</v>
      </c>
      <c r="L10698" s="5" t="s">
        <v>27074</v>
      </c>
      <c r="M10698" s="2" t="s">
        <v>27075</v>
      </c>
      <c r="N10698" s="5" t="s">
        <v>24254</v>
      </c>
      <c r="O10698" s="5" t="s">
        <v>38</v>
      </c>
      <c r="P10698" s="5" t="s">
        <v>39</v>
      </c>
      <c r="Q10698" s="5" t="s">
        <v>40</v>
      </c>
      <c r="R10698" s="5" t="s">
        <v>24335</v>
      </c>
      <c r="S10698" s="5" t="s">
        <v>40</v>
      </c>
      <c r="T10698" s="5" t="s">
        <v>42</v>
      </c>
      <c r="U10698" s="2">
        <v>9.2789999999999999</v>
      </c>
      <c r="V10698" s="2">
        <v>7.4249999999999998</v>
      </c>
      <c r="W10698" s="2">
        <v>0.126</v>
      </c>
      <c r="X10698" s="2">
        <v>12</v>
      </c>
      <c r="Y10698" s="2">
        <v>50</v>
      </c>
      <c r="Z10698" s="2">
        <v>210</v>
      </c>
      <c r="AA10698" s="5">
        <v>8</v>
      </c>
      <c r="AB10698" s="5" t="s">
        <v>43</v>
      </c>
      <c r="AC10698" s="5" t="s">
        <v>44</v>
      </c>
      <c r="AD10698" s="2" t="s">
        <v>32510</v>
      </c>
      <c r="AE10698" s="1"/>
    </row>
    <row r="10699" spans="1:31" ht="14.45">
      <c r="A10699" s="11"/>
      <c r="B10699" s="20"/>
      <c r="C10699" s="2" t="s">
        <v>32890</v>
      </c>
      <c r="D10699" s="14" t="s">
        <v>32891</v>
      </c>
      <c r="E10699" s="2" t="s">
        <v>32892</v>
      </c>
      <c r="F10699" s="2" t="s">
        <v>32514</v>
      </c>
      <c r="G10699" s="8">
        <v>221</v>
      </c>
      <c r="H10699" s="5">
        <v>5</v>
      </c>
      <c r="I10699" s="5" t="s">
        <v>69</v>
      </c>
      <c r="J10699" s="5" t="s">
        <v>27074</v>
      </c>
      <c r="K10699" s="2" t="s">
        <v>27075</v>
      </c>
      <c r="L10699" s="5" t="s">
        <v>27074</v>
      </c>
      <c r="M10699" s="2" t="s">
        <v>27075</v>
      </c>
      <c r="N10699" s="5" t="s">
        <v>24254</v>
      </c>
      <c r="O10699" s="5" t="s">
        <v>38</v>
      </c>
      <c r="P10699" s="5" t="s">
        <v>39</v>
      </c>
      <c r="Q10699" s="5" t="s">
        <v>40</v>
      </c>
      <c r="R10699" s="5" t="s">
        <v>24335</v>
      </c>
      <c r="S10699" s="5" t="s">
        <v>40</v>
      </c>
      <c r="T10699" s="5" t="s">
        <v>42</v>
      </c>
      <c r="U10699" s="2">
        <v>7.7350000000000003</v>
      </c>
      <c r="V10699" s="2">
        <v>5.8789999999999996</v>
      </c>
      <c r="W10699" s="2">
        <v>0.126</v>
      </c>
      <c r="X10699" s="2">
        <v>12</v>
      </c>
      <c r="Y10699" s="2">
        <v>50</v>
      </c>
      <c r="Z10699" s="2">
        <v>210</v>
      </c>
      <c r="AA10699" s="5">
        <v>8</v>
      </c>
      <c r="AB10699" s="5" t="s">
        <v>43</v>
      </c>
      <c r="AC10699" s="5" t="s">
        <v>44</v>
      </c>
      <c r="AD10699" s="2" t="s">
        <v>32510</v>
      </c>
      <c r="AE10699" s="1"/>
    </row>
    <row r="10700" spans="1:31" ht="14.45">
      <c r="A10700" s="11"/>
      <c r="B10700" s="20"/>
      <c r="C10700" s="2" t="s">
        <v>32893</v>
      </c>
      <c r="D10700" s="14" t="s">
        <v>32894</v>
      </c>
      <c r="E10700" s="2" t="s">
        <v>32895</v>
      </c>
      <c r="F10700" s="2" t="s">
        <v>32518</v>
      </c>
      <c r="G10700" s="8">
        <v>221</v>
      </c>
      <c r="H10700" s="5">
        <v>10</v>
      </c>
      <c r="I10700" s="5" t="s">
        <v>69</v>
      </c>
      <c r="J10700" s="5" t="s">
        <v>27074</v>
      </c>
      <c r="K10700" s="2" t="s">
        <v>27075</v>
      </c>
      <c r="L10700" s="5" t="s">
        <v>27074</v>
      </c>
      <c r="M10700" s="2" t="s">
        <v>27075</v>
      </c>
      <c r="N10700" s="5" t="s">
        <v>24254</v>
      </c>
      <c r="O10700" s="5" t="s">
        <v>38</v>
      </c>
      <c r="P10700" s="5" t="s">
        <v>39</v>
      </c>
      <c r="Q10700" s="5" t="s">
        <v>40</v>
      </c>
      <c r="R10700" s="5" t="s">
        <v>24335</v>
      </c>
      <c r="S10700" s="5" t="s">
        <v>40</v>
      </c>
      <c r="T10700" s="5" t="s">
        <v>42</v>
      </c>
      <c r="U10700" s="2">
        <v>6.65</v>
      </c>
      <c r="V10700" s="2">
        <v>4.6849999999999996</v>
      </c>
      <c r="W10700" s="2">
        <v>0.13600000000000001</v>
      </c>
      <c r="X10700" s="2">
        <v>12</v>
      </c>
      <c r="Y10700" s="2">
        <v>50</v>
      </c>
      <c r="Z10700" s="2">
        <v>227.4</v>
      </c>
      <c r="AA10700" s="5">
        <v>8</v>
      </c>
      <c r="AB10700" s="5" t="s">
        <v>43</v>
      </c>
      <c r="AC10700" s="5" t="s">
        <v>44</v>
      </c>
      <c r="AD10700" s="2" t="s">
        <v>32510</v>
      </c>
      <c r="AE10700" s="1"/>
    </row>
    <row r="10701" spans="1:31" ht="14.45">
      <c r="A10701" s="11"/>
      <c r="B10701" s="20"/>
      <c r="C10701" s="2" t="s">
        <v>32896</v>
      </c>
      <c r="D10701" s="14" t="s">
        <v>32897</v>
      </c>
      <c r="E10701" s="2" t="s">
        <v>32898</v>
      </c>
      <c r="F10701" s="2" t="s">
        <v>32522</v>
      </c>
      <c r="G10701" s="8">
        <v>221</v>
      </c>
      <c r="H10701" s="5">
        <v>5</v>
      </c>
      <c r="I10701" s="5" t="s">
        <v>69</v>
      </c>
      <c r="J10701" s="5" t="s">
        <v>27074</v>
      </c>
      <c r="K10701" s="2" t="s">
        <v>27075</v>
      </c>
      <c r="L10701" s="5" t="s">
        <v>27074</v>
      </c>
      <c r="M10701" s="2" t="s">
        <v>27075</v>
      </c>
      <c r="N10701" s="5" t="s">
        <v>24254</v>
      </c>
      <c r="O10701" s="5" t="s">
        <v>38</v>
      </c>
      <c r="P10701" s="5" t="s">
        <v>39</v>
      </c>
      <c r="Q10701" s="5" t="s">
        <v>40</v>
      </c>
      <c r="R10701" s="5" t="s">
        <v>24335</v>
      </c>
      <c r="S10701" s="5" t="s">
        <v>40</v>
      </c>
      <c r="T10701" s="5" t="s">
        <v>42</v>
      </c>
      <c r="U10701" s="2">
        <v>7.3019999999999996</v>
      </c>
      <c r="V10701" s="2">
        <v>5.4809999999999999</v>
      </c>
      <c r="W10701" s="2">
        <v>0.126</v>
      </c>
      <c r="X10701" s="2">
        <v>12</v>
      </c>
      <c r="Y10701" s="2">
        <v>50</v>
      </c>
      <c r="Z10701" s="2">
        <v>210</v>
      </c>
      <c r="AA10701" s="5">
        <v>10</v>
      </c>
      <c r="AB10701" s="5" t="s">
        <v>43</v>
      </c>
      <c r="AC10701" s="5" t="s">
        <v>44</v>
      </c>
      <c r="AD10701" s="2" t="s">
        <v>32523</v>
      </c>
      <c r="AE10701" s="1"/>
    </row>
    <row r="10702" spans="1:31" ht="14.45">
      <c r="A10702" s="11"/>
      <c r="B10702" s="20"/>
      <c r="C10702" s="2" t="s">
        <v>32899</v>
      </c>
      <c r="D10702" s="14" t="s">
        <v>32900</v>
      </c>
      <c r="E10702" s="2" t="s">
        <v>32901</v>
      </c>
      <c r="F10702" s="2" t="s">
        <v>32522</v>
      </c>
      <c r="G10702" s="8">
        <v>221</v>
      </c>
      <c r="H10702" s="5">
        <v>5</v>
      </c>
      <c r="I10702" s="5" t="s">
        <v>69</v>
      </c>
      <c r="J10702" s="5" t="s">
        <v>27074</v>
      </c>
      <c r="K10702" s="2" t="s">
        <v>27075</v>
      </c>
      <c r="L10702" s="5" t="s">
        <v>27074</v>
      </c>
      <c r="M10702" s="2" t="s">
        <v>27075</v>
      </c>
      <c r="N10702" s="5" t="s">
        <v>24254</v>
      </c>
      <c r="O10702" s="5" t="s">
        <v>38</v>
      </c>
      <c r="P10702" s="5" t="s">
        <v>39</v>
      </c>
      <c r="Q10702" s="5" t="s">
        <v>40</v>
      </c>
      <c r="R10702" s="5" t="s">
        <v>24335</v>
      </c>
      <c r="S10702" s="5" t="s">
        <v>40</v>
      </c>
      <c r="T10702" s="5" t="s">
        <v>42</v>
      </c>
      <c r="U10702" s="2">
        <v>7.6029999999999998</v>
      </c>
      <c r="V10702" s="2">
        <v>5.782</v>
      </c>
      <c r="W10702" s="2">
        <v>0.126</v>
      </c>
      <c r="X10702" s="2">
        <v>12</v>
      </c>
      <c r="Y10702" s="2">
        <v>50</v>
      </c>
      <c r="Z10702" s="2">
        <v>210</v>
      </c>
      <c r="AA10702" s="5">
        <v>10</v>
      </c>
      <c r="AB10702" s="5" t="s">
        <v>43</v>
      </c>
      <c r="AC10702" s="5" t="s">
        <v>44</v>
      </c>
      <c r="AD10702" s="2" t="s">
        <v>32577</v>
      </c>
      <c r="AE10702" s="1"/>
    </row>
    <row r="10703" spans="1:31" ht="14.45">
      <c r="A10703" s="11"/>
      <c r="B10703" s="20"/>
      <c r="C10703" s="2" t="s">
        <v>32902</v>
      </c>
      <c r="D10703" s="14" t="s">
        <v>32903</v>
      </c>
      <c r="E10703" s="2" t="s">
        <v>32904</v>
      </c>
      <c r="F10703" s="2" t="s">
        <v>32527</v>
      </c>
      <c r="G10703" s="8">
        <v>221</v>
      </c>
      <c r="H10703" s="5">
        <v>5</v>
      </c>
      <c r="I10703" s="5" t="s">
        <v>69</v>
      </c>
      <c r="J10703" s="5" t="s">
        <v>27074</v>
      </c>
      <c r="K10703" s="2" t="s">
        <v>27075</v>
      </c>
      <c r="L10703" s="5" t="s">
        <v>27074</v>
      </c>
      <c r="M10703" s="2" t="s">
        <v>27075</v>
      </c>
      <c r="N10703" s="5" t="s">
        <v>24254</v>
      </c>
      <c r="O10703" s="5" t="s">
        <v>38</v>
      </c>
      <c r="P10703" s="5" t="s">
        <v>39</v>
      </c>
      <c r="Q10703" s="5" t="s">
        <v>40</v>
      </c>
      <c r="R10703" s="5" t="s">
        <v>24335</v>
      </c>
      <c r="S10703" s="5" t="s">
        <v>40</v>
      </c>
      <c r="T10703" s="5" t="s">
        <v>42</v>
      </c>
      <c r="U10703" s="2">
        <v>6.024</v>
      </c>
      <c r="V10703" s="2">
        <v>4.2030000000000003</v>
      </c>
      <c r="W10703" s="2">
        <v>0.13600000000000001</v>
      </c>
      <c r="X10703" s="2">
        <v>12</v>
      </c>
      <c r="Y10703" s="2">
        <v>50</v>
      </c>
      <c r="Z10703" s="2">
        <v>227.4</v>
      </c>
      <c r="AA10703" s="5">
        <v>10</v>
      </c>
      <c r="AB10703" s="5" t="s">
        <v>43</v>
      </c>
      <c r="AC10703" s="5" t="s">
        <v>44</v>
      </c>
      <c r="AD10703" s="2" t="s">
        <v>32528</v>
      </c>
      <c r="AE10703" s="1"/>
    </row>
    <row r="10704" spans="1:31" ht="14.45">
      <c r="A10704" s="11"/>
      <c r="B10704" s="20"/>
      <c r="C10704" s="2" t="s">
        <v>32905</v>
      </c>
      <c r="D10704" s="14" t="s">
        <v>32906</v>
      </c>
      <c r="E10704" s="2" t="s">
        <v>32907</v>
      </c>
      <c r="F10704" s="2" t="s">
        <v>32527</v>
      </c>
      <c r="G10704" s="8">
        <v>221</v>
      </c>
      <c r="H10704" s="5">
        <v>5</v>
      </c>
      <c r="I10704" s="5" t="s">
        <v>69</v>
      </c>
      <c r="J10704" s="5" t="s">
        <v>27074</v>
      </c>
      <c r="K10704" s="2" t="s">
        <v>27075</v>
      </c>
      <c r="L10704" s="5" t="s">
        <v>27074</v>
      </c>
      <c r="M10704" s="2" t="s">
        <v>27075</v>
      </c>
      <c r="N10704" s="5" t="s">
        <v>24254</v>
      </c>
      <c r="O10704" s="5" t="s">
        <v>38</v>
      </c>
      <c r="P10704" s="5" t="s">
        <v>39</v>
      </c>
      <c r="Q10704" s="5" t="s">
        <v>40</v>
      </c>
      <c r="R10704" s="5" t="s">
        <v>24335</v>
      </c>
      <c r="S10704" s="5" t="s">
        <v>40</v>
      </c>
      <c r="T10704" s="5" t="s">
        <v>42</v>
      </c>
      <c r="U10704" s="2">
        <v>6.4249999999999998</v>
      </c>
      <c r="V10704" s="2">
        <v>4.6040000000000001</v>
      </c>
      <c r="W10704" s="2">
        <v>0.13600000000000001</v>
      </c>
      <c r="X10704" s="2">
        <v>12</v>
      </c>
      <c r="Y10704" s="2">
        <v>50</v>
      </c>
      <c r="Z10704" s="2">
        <v>227.4</v>
      </c>
      <c r="AA10704" s="5">
        <v>10</v>
      </c>
      <c r="AB10704" s="5" t="s">
        <v>43</v>
      </c>
      <c r="AC10704" s="5" t="s">
        <v>44</v>
      </c>
      <c r="AD10704" s="2" t="s">
        <v>32536</v>
      </c>
      <c r="AE10704" s="1"/>
    </row>
    <row r="10705" spans="1:31" ht="14.45">
      <c r="A10705" s="11"/>
      <c r="B10705" s="20"/>
      <c r="C10705" s="2" t="s">
        <v>32908</v>
      </c>
      <c r="D10705" s="14" t="s">
        <v>32909</v>
      </c>
      <c r="E10705" s="2" t="s">
        <v>32910</v>
      </c>
      <c r="F10705" s="2" t="s">
        <v>32532</v>
      </c>
      <c r="G10705" s="8">
        <v>221</v>
      </c>
      <c r="H10705" s="5">
        <v>5</v>
      </c>
      <c r="I10705" s="5" t="s">
        <v>69</v>
      </c>
      <c r="J10705" s="5" t="s">
        <v>27074</v>
      </c>
      <c r="K10705" s="2" t="s">
        <v>27075</v>
      </c>
      <c r="L10705" s="5" t="s">
        <v>27074</v>
      </c>
      <c r="M10705" s="2" t="s">
        <v>27075</v>
      </c>
      <c r="N10705" s="5" t="s">
        <v>24254</v>
      </c>
      <c r="O10705" s="5" t="s">
        <v>38</v>
      </c>
      <c r="P10705" s="5" t="s">
        <v>39</v>
      </c>
      <c r="Q10705" s="5" t="s">
        <v>40</v>
      </c>
      <c r="R10705" s="5" t="s">
        <v>24335</v>
      </c>
      <c r="S10705" s="5" t="s">
        <v>40</v>
      </c>
      <c r="T10705" s="5" t="s">
        <v>42</v>
      </c>
      <c r="U10705" s="2">
        <v>6.367</v>
      </c>
      <c r="V10705" s="2">
        <v>4.5380000000000003</v>
      </c>
      <c r="W10705" s="2">
        <v>0.13600000000000001</v>
      </c>
      <c r="X10705" s="2">
        <v>12</v>
      </c>
      <c r="Y10705" s="2">
        <v>50</v>
      </c>
      <c r="Z10705" s="2">
        <v>227.4</v>
      </c>
      <c r="AA10705" s="5">
        <v>10</v>
      </c>
      <c r="AB10705" s="5" t="s">
        <v>43</v>
      </c>
      <c r="AC10705" s="5" t="s">
        <v>44</v>
      </c>
      <c r="AD10705" s="2" t="s">
        <v>32528</v>
      </c>
      <c r="AE10705" s="1"/>
    </row>
    <row r="10706" spans="1:31" ht="14.45">
      <c r="A10706" s="11"/>
      <c r="B10706" s="20"/>
      <c r="C10706" s="2" t="s">
        <v>32911</v>
      </c>
      <c r="D10706" s="14" t="s">
        <v>32912</v>
      </c>
      <c r="E10706" s="2" t="s">
        <v>32913</v>
      </c>
      <c r="F10706" s="2" t="s">
        <v>32532</v>
      </c>
      <c r="G10706" s="8">
        <v>221</v>
      </c>
      <c r="H10706" s="5">
        <v>5</v>
      </c>
      <c r="I10706" s="5" t="s">
        <v>69</v>
      </c>
      <c r="J10706" s="5" t="s">
        <v>27074</v>
      </c>
      <c r="K10706" s="2" t="s">
        <v>27075</v>
      </c>
      <c r="L10706" s="5" t="s">
        <v>27074</v>
      </c>
      <c r="M10706" s="2" t="s">
        <v>27075</v>
      </c>
      <c r="N10706" s="5" t="s">
        <v>24254</v>
      </c>
      <c r="O10706" s="5" t="s">
        <v>38</v>
      </c>
      <c r="P10706" s="5" t="s">
        <v>39</v>
      </c>
      <c r="Q10706" s="5" t="s">
        <v>40</v>
      </c>
      <c r="R10706" s="5" t="s">
        <v>24335</v>
      </c>
      <c r="S10706" s="5" t="s">
        <v>40</v>
      </c>
      <c r="T10706" s="5" t="s">
        <v>42</v>
      </c>
      <c r="U10706" s="2">
        <v>6.694</v>
      </c>
      <c r="V10706" s="2">
        <v>4.8650000000000002</v>
      </c>
      <c r="W10706" s="2">
        <v>9.2999999999999999E-2</v>
      </c>
      <c r="X10706" s="2">
        <v>12</v>
      </c>
      <c r="Y10706" s="2">
        <v>50</v>
      </c>
      <c r="Z10706" s="2">
        <v>227.4</v>
      </c>
      <c r="AA10706" s="5">
        <v>10</v>
      </c>
      <c r="AB10706" s="5" t="s">
        <v>43</v>
      </c>
      <c r="AC10706" s="5" t="s">
        <v>44</v>
      </c>
      <c r="AD10706" s="2" t="s">
        <v>32536</v>
      </c>
      <c r="AE10706" s="1"/>
    </row>
    <row r="10707" spans="1:31" ht="14.45">
      <c r="A10707" s="11"/>
      <c r="B10707" s="20"/>
      <c r="C10707" s="2" t="s">
        <v>32914</v>
      </c>
      <c r="D10707" s="14" t="s">
        <v>32915</v>
      </c>
      <c r="E10707" s="2" t="s">
        <v>32916</v>
      </c>
      <c r="F10707" s="2" t="s">
        <v>32540</v>
      </c>
      <c r="G10707" s="8">
        <v>402</v>
      </c>
      <c r="H10707" s="5">
        <v>5</v>
      </c>
      <c r="I10707" s="5" t="s">
        <v>69</v>
      </c>
      <c r="J10707" s="5" t="s">
        <v>27074</v>
      </c>
      <c r="K10707" s="2" t="s">
        <v>27075</v>
      </c>
      <c r="L10707" s="5" t="s">
        <v>27074</v>
      </c>
      <c r="M10707" s="2" t="s">
        <v>27075</v>
      </c>
      <c r="N10707" s="5" t="s">
        <v>24254</v>
      </c>
      <c r="O10707" s="5" t="s">
        <v>38</v>
      </c>
      <c r="P10707" s="5" t="s">
        <v>39</v>
      </c>
      <c r="Q10707" s="5" t="s">
        <v>40</v>
      </c>
      <c r="R10707" s="5" t="s">
        <v>24335</v>
      </c>
      <c r="S10707" s="5" t="s">
        <v>40</v>
      </c>
      <c r="T10707" s="5" t="s">
        <v>42</v>
      </c>
      <c r="U10707" s="2">
        <v>14.473000000000001</v>
      </c>
      <c r="V10707" s="2">
        <v>11.829000000000001</v>
      </c>
      <c r="W10707" s="2">
        <v>0.19500000000000001</v>
      </c>
      <c r="X10707" s="2">
        <v>12</v>
      </c>
      <c r="Y10707" s="2">
        <v>77</v>
      </c>
      <c r="Z10707" s="2">
        <v>210.9</v>
      </c>
      <c r="AA10707" s="5">
        <v>8</v>
      </c>
      <c r="AB10707" s="5" t="s">
        <v>43</v>
      </c>
      <c r="AC10707" s="5" t="s">
        <v>44</v>
      </c>
      <c r="AD10707" s="2" t="s">
        <v>32541</v>
      </c>
      <c r="AE10707" s="1"/>
    </row>
    <row r="10708" spans="1:31" ht="14.45">
      <c r="A10708" s="11"/>
      <c r="B10708" s="20"/>
      <c r="C10708" s="2" t="s">
        <v>32917</v>
      </c>
      <c r="D10708" s="14" t="s">
        <v>32918</v>
      </c>
      <c r="E10708" s="2" t="s">
        <v>32919</v>
      </c>
      <c r="F10708" s="2" t="s">
        <v>32545</v>
      </c>
      <c r="G10708" s="8">
        <v>756</v>
      </c>
      <c r="H10708" s="5">
        <v>5</v>
      </c>
      <c r="I10708" s="5" t="s">
        <v>69</v>
      </c>
      <c r="J10708" s="5" t="s">
        <v>27074</v>
      </c>
      <c r="K10708" s="2" t="s">
        <v>27075</v>
      </c>
      <c r="L10708" s="5" t="s">
        <v>27074</v>
      </c>
      <c r="M10708" s="2" t="s">
        <v>27075</v>
      </c>
      <c r="N10708" s="5" t="s">
        <v>24254</v>
      </c>
      <c r="O10708" s="5" t="s">
        <v>38</v>
      </c>
      <c r="P10708" s="5" t="s">
        <v>39</v>
      </c>
      <c r="Q10708" s="5" t="s">
        <v>40</v>
      </c>
      <c r="R10708" s="5" t="s">
        <v>1487</v>
      </c>
      <c r="S10708" s="5"/>
      <c r="T10708" s="5" t="s">
        <v>42</v>
      </c>
      <c r="U10708" s="2">
        <v>0</v>
      </c>
      <c r="V10708" s="2">
        <v>0</v>
      </c>
      <c r="W10708" s="2">
        <v>0</v>
      </c>
      <c r="X10708" s="2">
        <v>0</v>
      </c>
      <c r="Y10708" s="2">
        <v>0</v>
      </c>
      <c r="Z10708" s="2">
        <v>0</v>
      </c>
      <c r="AA10708" s="5"/>
      <c r="AB10708" s="5" t="s">
        <v>43</v>
      </c>
      <c r="AC10708" s="5" t="s">
        <v>44</v>
      </c>
      <c r="AD10708" s="2" t="s">
        <v>32546</v>
      </c>
      <c r="AE10708" s="1"/>
    </row>
    <row r="10709" spans="1:31" ht="14.45">
      <c r="A10709" s="11"/>
      <c r="B10709" s="20"/>
      <c r="C10709" s="2" t="s">
        <v>32920</v>
      </c>
      <c r="D10709" s="14" t="s">
        <v>32921</v>
      </c>
      <c r="E10709" s="2" t="s">
        <v>32922</v>
      </c>
      <c r="F10709" s="2" t="s">
        <v>32550</v>
      </c>
      <c r="G10709" s="8">
        <v>756</v>
      </c>
      <c r="H10709" s="5">
        <v>15</v>
      </c>
      <c r="I10709" s="5" t="s">
        <v>69</v>
      </c>
      <c r="J10709" s="5" t="s">
        <v>27074</v>
      </c>
      <c r="K10709" s="2" t="s">
        <v>27075</v>
      </c>
      <c r="L10709" s="5" t="s">
        <v>27074</v>
      </c>
      <c r="M10709" s="2" t="s">
        <v>27075</v>
      </c>
      <c r="N10709" s="5" t="s">
        <v>24254</v>
      </c>
      <c r="O10709" s="5" t="s">
        <v>38</v>
      </c>
      <c r="P10709" s="5" t="s">
        <v>39</v>
      </c>
      <c r="Q10709" s="5" t="s">
        <v>40</v>
      </c>
      <c r="R10709" s="5" t="s">
        <v>1487</v>
      </c>
      <c r="S10709" s="5"/>
      <c r="T10709" s="5" t="s">
        <v>42</v>
      </c>
      <c r="U10709" s="2">
        <v>0</v>
      </c>
      <c r="V10709" s="2">
        <v>0</v>
      </c>
      <c r="W10709" s="2">
        <v>0</v>
      </c>
      <c r="X10709" s="2">
        <v>0</v>
      </c>
      <c r="Y10709" s="2">
        <v>0</v>
      </c>
      <c r="Z10709" s="2">
        <v>0</v>
      </c>
      <c r="AA10709" s="5"/>
      <c r="AB10709" s="5" t="s">
        <v>43</v>
      </c>
      <c r="AC10709" s="5" t="s">
        <v>44</v>
      </c>
      <c r="AD10709" s="2" t="s">
        <v>32551</v>
      </c>
      <c r="AE10709" s="1"/>
    </row>
    <row r="10710" spans="1:31" ht="14.45">
      <c r="A10710" s="11"/>
      <c r="B10710" s="20"/>
      <c r="C10710" s="2" t="s">
        <v>32923</v>
      </c>
      <c r="D10710" s="14" t="s">
        <v>32924</v>
      </c>
      <c r="E10710" s="2" t="s">
        <v>32925</v>
      </c>
      <c r="F10710" s="2" t="s">
        <v>32555</v>
      </c>
      <c r="G10710" s="8">
        <v>1261</v>
      </c>
      <c r="H10710" s="5">
        <v>15</v>
      </c>
      <c r="I10710" s="5" t="s">
        <v>69</v>
      </c>
      <c r="J10710" s="5" t="s">
        <v>27074</v>
      </c>
      <c r="K10710" s="2" t="s">
        <v>27075</v>
      </c>
      <c r="L10710" s="5" t="s">
        <v>27074</v>
      </c>
      <c r="M10710" s="2" t="s">
        <v>27075</v>
      </c>
      <c r="N10710" s="5" t="s">
        <v>24254</v>
      </c>
      <c r="O10710" s="5" t="s">
        <v>38</v>
      </c>
      <c r="P10710" s="5" t="s">
        <v>39</v>
      </c>
      <c r="Q10710" s="5" t="s">
        <v>40</v>
      </c>
      <c r="R10710" s="5" t="s">
        <v>1487</v>
      </c>
      <c r="S10710" s="5"/>
      <c r="T10710" s="5" t="s">
        <v>42</v>
      </c>
      <c r="U10710" s="2">
        <v>0</v>
      </c>
      <c r="V10710" s="2">
        <v>0</v>
      </c>
      <c r="W10710" s="2">
        <v>0</v>
      </c>
      <c r="X10710" s="2">
        <v>0</v>
      </c>
      <c r="Y10710" s="2">
        <v>0</v>
      </c>
      <c r="Z10710" s="2">
        <v>0</v>
      </c>
      <c r="AA10710" s="5"/>
      <c r="AB10710" s="5" t="s">
        <v>43</v>
      </c>
      <c r="AC10710" s="5" t="s">
        <v>44</v>
      </c>
      <c r="AD10710" s="2" t="s">
        <v>32556</v>
      </c>
      <c r="AE10710" s="1"/>
    </row>
    <row r="10711" spans="1:31" ht="14.45">
      <c r="A10711" s="11"/>
      <c r="B10711" s="20"/>
      <c r="C10711" s="2" t="s">
        <v>32926</v>
      </c>
      <c r="D10711" s="14" t="s">
        <v>32927</v>
      </c>
      <c r="E10711" s="2" t="s">
        <v>32928</v>
      </c>
      <c r="F10711" s="2" t="s">
        <v>32560</v>
      </c>
      <c r="G10711" s="8">
        <v>1261</v>
      </c>
      <c r="H10711" s="5">
        <v>15</v>
      </c>
      <c r="I10711" s="5" t="s">
        <v>69</v>
      </c>
      <c r="J10711" s="5" t="s">
        <v>27074</v>
      </c>
      <c r="K10711" s="2" t="s">
        <v>27075</v>
      </c>
      <c r="L10711" s="5" t="s">
        <v>27074</v>
      </c>
      <c r="M10711" s="2" t="s">
        <v>27075</v>
      </c>
      <c r="N10711" s="5" t="s">
        <v>24254</v>
      </c>
      <c r="O10711" s="5" t="s">
        <v>38</v>
      </c>
      <c r="P10711" s="5" t="s">
        <v>39</v>
      </c>
      <c r="Q10711" s="5" t="s">
        <v>40</v>
      </c>
      <c r="R10711" s="5" t="s">
        <v>1487</v>
      </c>
      <c r="S10711" s="5"/>
      <c r="T10711" s="5" t="s">
        <v>42</v>
      </c>
      <c r="U10711" s="2">
        <v>0</v>
      </c>
      <c r="V10711" s="2">
        <v>0</v>
      </c>
      <c r="W10711" s="2">
        <v>0</v>
      </c>
      <c r="X10711" s="2">
        <v>0</v>
      </c>
      <c r="Y10711" s="2">
        <v>0</v>
      </c>
      <c r="Z10711" s="2">
        <v>0</v>
      </c>
      <c r="AA10711" s="5"/>
      <c r="AB10711" s="5" t="s">
        <v>43</v>
      </c>
      <c r="AC10711" s="5" t="s">
        <v>44</v>
      </c>
      <c r="AD10711" s="2" t="s">
        <v>32561</v>
      </c>
      <c r="AE10711" s="1"/>
    </row>
    <row r="10712" spans="1:31" ht="14.45">
      <c r="A10712" s="11"/>
      <c r="B10712" s="20"/>
      <c r="C10712" s="2" t="s">
        <v>32929</v>
      </c>
      <c r="D10712" s="14" t="s">
        <v>32930</v>
      </c>
      <c r="E10712" s="2" t="s">
        <v>32931</v>
      </c>
      <c r="F10712" s="2" t="s">
        <v>32509</v>
      </c>
      <c r="G10712" s="8">
        <v>210</v>
      </c>
      <c r="H10712" s="5">
        <v>10</v>
      </c>
      <c r="I10712" s="5" t="s">
        <v>69</v>
      </c>
      <c r="J10712" s="5" t="s">
        <v>27074</v>
      </c>
      <c r="K10712" s="2" t="s">
        <v>27075</v>
      </c>
      <c r="L10712" s="5" t="s">
        <v>27074</v>
      </c>
      <c r="M10712" s="2" t="s">
        <v>27075</v>
      </c>
      <c r="N10712" s="5" t="s">
        <v>24254</v>
      </c>
      <c r="O10712" s="5" t="s">
        <v>38</v>
      </c>
      <c r="P10712" s="5" t="s">
        <v>39</v>
      </c>
      <c r="Q10712" s="5" t="s">
        <v>40</v>
      </c>
      <c r="R10712" s="5" t="s">
        <v>24335</v>
      </c>
      <c r="S10712" s="5" t="s">
        <v>40</v>
      </c>
      <c r="T10712" s="5" t="s">
        <v>42</v>
      </c>
      <c r="U10712" s="2">
        <v>8.5860000000000003</v>
      </c>
      <c r="V10712" s="2">
        <v>6.8029999999999999</v>
      </c>
      <c r="W10712" s="2">
        <v>0.104</v>
      </c>
      <c r="X10712" s="2">
        <v>12</v>
      </c>
      <c r="Y10712" s="2">
        <v>50</v>
      </c>
      <c r="Z10712" s="2">
        <v>173.9</v>
      </c>
      <c r="AA10712" s="5">
        <v>8</v>
      </c>
      <c r="AB10712" s="5" t="s">
        <v>43</v>
      </c>
      <c r="AC10712" s="5" t="s">
        <v>44</v>
      </c>
      <c r="AD10712" s="2" t="s">
        <v>32510</v>
      </c>
      <c r="AE10712" s="1"/>
    </row>
    <row r="10713" spans="1:31" ht="14.45">
      <c r="A10713" s="11"/>
      <c r="B10713" s="20"/>
      <c r="C10713" s="2" t="s">
        <v>32932</v>
      </c>
      <c r="D10713" s="14" t="s">
        <v>32933</v>
      </c>
      <c r="E10713" s="2" t="s">
        <v>32934</v>
      </c>
      <c r="F10713" s="2" t="s">
        <v>32514</v>
      </c>
      <c r="G10713" s="8">
        <v>210</v>
      </c>
      <c r="H10713" s="5">
        <v>5</v>
      </c>
      <c r="I10713" s="5" t="s">
        <v>69</v>
      </c>
      <c r="J10713" s="5" t="s">
        <v>27074</v>
      </c>
      <c r="K10713" s="2" t="s">
        <v>27075</v>
      </c>
      <c r="L10713" s="5" t="s">
        <v>27074</v>
      </c>
      <c r="M10713" s="2" t="s">
        <v>27075</v>
      </c>
      <c r="N10713" s="5" t="s">
        <v>24254</v>
      </c>
      <c r="O10713" s="5" t="s">
        <v>38</v>
      </c>
      <c r="P10713" s="5" t="s">
        <v>39</v>
      </c>
      <c r="Q10713" s="5" t="s">
        <v>40</v>
      </c>
      <c r="R10713" s="5" t="s">
        <v>24335</v>
      </c>
      <c r="S10713" s="5" t="s">
        <v>40</v>
      </c>
      <c r="T10713" s="5" t="s">
        <v>42</v>
      </c>
      <c r="U10713" s="2">
        <v>7.39</v>
      </c>
      <c r="V10713" s="2">
        <v>5.5339999999999998</v>
      </c>
      <c r="W10713" s="2">
        <v>0.104</v>
      </c>
      <c r="X10713" s="2">
        <v>12</v>
      </c>
      <c r="Y10713" s="2">
        <v>50</v>
      </c>
      <c r="Z10713" s="2">
        <v>173.9</v>
      </c>
      <c r="AA10713" s="5">
        <v>8</v>
      </c>
      <c r="AB10713" s="5" t="s">
        <v>43</v>
      </c>
      <c r="AC10713" s="5" t="s">
        <v>44</v>
      </c>
      <c r="AD10713" s="2" t="s">
        <v>32510</v>
      </c>
      <c r="AE10713" s="1"/>
    </row>
    <row r="10714" spans="1:31" ht="14.45">
      <c r="A10714" s="11"/>
      <c r="B10714" s="20"/>
      <c r="C10714" s="2" t="s">
        <v>32935</v>
      </c>
      <c r="D10714" s="14" t="s">
        <v>32936</v>
      </c>
      <c r="E10714" s="2" t="s">
        <v>32937</v>
      </c>
      <c r="F10714" s="2" t="s">
        <v>32518</v>
      </c>
      <c r="G10714" s="8">
        <v>210</v>
      </c>
      <c r="H10714" s="5">
        <v>10</v>
      </c>
      <c r="I10714" s="5" t="s">
        <v>69</v>
      </c>
      <c r="J10714" s="5" t="s">
        <v>27074</v>
      </c>
      <c r="K10714" s="2" t="s">
        <v>27075</v>
      </c>
      <c r="L10714" s="5" t="s">
        <v>27074</v>
      </c>
      <c r="M10714" s="2" t="s">
        <v>27075</v>
      </c>
      <c r="N10714" s="5" t="s">
        <v>24254</v>
      </c>
      <c r="O10714" s="5" t="s">
        <v>38</v>
      </c>
      <c r="P10714" s="5" t="s">
        <v>39</v>
      </c>
      <c r="Q10714" s="5" t="s">
        <v>40</v>
      </c>
      <c r="R10714" s="5" t="s">
        <v>24335</v>
      </c>
      <c r="S10714" s="5" t="s">
        <v>40</v>
      </c>
      <c r="T10714" s="5" t="s">
        <v>42</v>
      </c>
      <c r="U10714" s="2">
        <v>6.0679999999999996</v>
      </c>
      <c r="V10714" s="2">
        <v>4.319</v>
      </c>
      <c r="W10714" s="2">
        <v>0.104</v>
      </c>
      <c r="X10714" s="2">
        <v>12</v>
      </c>
      <c r="Y10714" s="2">
        <v>50</v>
      </c>
      <c r="Z10714" s="2">
        <v>173.9</v>
      </c>
      <c r="AA10714" s="5">
        <v>8</v>
      </c>
      <c r="AB10714" s="5" t="s">
        <v>43</v>
      </c>
      <c r="AC10714" s="5" t="s">
        <v>44</v>
      </c>
      <c r="AD10714" s="2" t="s">
        <v>32510</v>
      </c>
      <c r="AE10714" s="1"/>
    </row>
    <row r="10715" spans="1:31" ht="14.45">
      <c r="A10715" s="11"/>
      <c r="B10715" s="20"/>
      <c r="C10715" s="2" t="s">
        <v>32938</v>
      </c>
      <c r="D10715" s="14" t="s">
        <v>32939</v>
      </c>
      <c r="E10715" s="2" t="s">
        <v>32940</v>
      </c>
      <c r="F10715" s="2" t="s">
        <v>32522</v>
      </c>
      <c r="G10715" s="8">
        <v>210</v>
      </c>
      <c r="H10715" s="5">
        <v>5</v>
      </c>
      <c r="I10715" s="5" t="s">
        <v>69</v>
      </c>
      <c r="J10715" s="5" t="s">
        <v>27074</v>
      </c>
      <c r="K10715" s="2" t="s">
        <v>27075</v>
      </c>
      <c r="L10715" s="5" t="s">
        <v>27074</v>
      </c>
      <c r="M10715" s="2" t="s">
        <v>27075</v>
      </c>
      <c r="N10715" s="5" t="s">
        <v>24254</v>
      </c>
      <c r="O10715" s="5" t="s">
        <v>38</v>
      </c>
      <c r="P10715" s="5" t="s">
        <v>39</v>
      </c>
      <c r="Q10715" s="5" t="s">
        <v>40</v>
      </c>
      <c r="R10715" s="5" t="s">
        <v>24335</v>
      </c>
      <c r="S10715" s="5" t="s">
        <v>40</v>
      </c>
      <c r="T10715" s="5" t="s">
        <v>42</v>
      </c>
      <c r="U10715" s="2">
        <v>6.593</v>
      </c>
      <c r="V10715" s="2">
        <v>4.7720000000000002</v>
      </c>
      <c r="W10715" s="2">
        <v>0.104</v>
      </c>
      <c r="X10715" s="2">
        <v>12</v>
      </c>
      <c r="Y10715" s="2">
        <v>50</v>
      </c>
      <c r="Z10715" s="2">
        <v>173.9</v>
      </c>
      <c r="AA10715" s="5">
        <v>10</v>
      </c>
      <c r="AB10715" s="5" t="s">
        <v>43</v>
      </c>
      <c r="AC10715" s="5" t="s">
        <v>44</v>
      </c>
      <c r="AD10715" s="2" t="s">
        <v>32523</v>
      </c>
      <c r="AE10715" s="1"/>
    </row>
    <row r="10716" spans="1:31" ht="14.45">
      <c r="A10716" s="11"/>
      <c r="B10716" s="20"/>
      <c r="C10716" s="2" t="s">
        <v>32941</v>
      </c>
      <c r="D10716" s="14" t="s">
        <v>32942</v>
      </c>
      <c r="E10716" s="2" t="s">
        <v>32943</v>
      </c>
      <c r="F10716" s="2" t="s">
        <v>32522</v>
      </c>
      <c r="G10716" s="8">
        <v>210</v>
      </c>
      <c r="H10716" s="5">
        <v>5</v>
      </c>
      <c r="I10716" s="5" t="s">
        <v>69</v>
      </c>
      <c r="J10716" s="5" t="s">
        <v>27074</v>
      </c>
      <c r="K10716" s="2" t="s">
        <v>27075</v>
      </c>
      <c r="L10716" s="5" t="s">
        <v>27074</v>
      </c>
      <c r="M10716" s="2" t="s">
        <v>27075</v>
      </c>
      <c r="N10716" s="5" t="s">
        <v>24254</v>
      </c>
      <c r="O10716" s="5" t="s">
        <v>38</v>
      </c>
      <c r="P10716" s="5" t="s">
        <v>39</v>
      </c>
      <c r="Q10716" s="5" t="s">
        <v>40</v>
      </c>
      <c r="R10716" s="5" t="s">
        <v>24335</v>
      </c>
      <c r="S10716" s="5" t="s">
        <v>40</v>
      </c>
      <c r="T10716" s="5" t="s">
        <v>42</v>
      </c>
      <c r="U10716" s="2">
        <v>6.94</v>
      </c>
      <c r="V10716" s="2">
        <v>5.1189999999999998</v>
      </c>
      <c r="W10716" s="2">
        <v>0.104</v>
      </c>
      <c r="X10716" s="2">
        <v>12</v>
      </c>
      <c r="Y10716" s="2">
        <v>50</v>
      </c>
      <c r="Z10716" s="2">
        <v>173.9</v>
      </c>
      <c r="AA10716" s="5">
        <v>10</v>
      </c>
      <c r="AB10716" s="5" t="s">
        <v>43</v>
      </c>
      <c r="AC10716" s="5" t="s">
        <v>44</v>
      </c>
      <c r="AD10716" s="2" t="s">
        <v>32577</v>
      </c>
      <c r="AE10716" s="1"/>
    </row>
    <row r="10717" spans="1:31" ht="14.45">
      <c r="A10717" s="11"/>
      <c r="B10717" s="20"/>
      <c r="C10717" s="2" t="s">
        <v>32944</v>
      </c>
      <c r="D10717" s="14" t="s">
        <v>32945</v>
      </c>
      <c r="E10717" s="2" t="s">
        <v>32946</v>
      </c>
      <c r="F10717" s="2" t="s">
        <v>32527</v>
      </c>
      <c r="G10717" s="8">
        <v>210</v>
      </c>
      <c r="H10717" s="5">
        <v>5</v>
      </c>
      <c r="I10717" s="5" t="s">
        <v>69</v>
      </c>
      <c r="J10717" s="5" t="s">
        <v>27074</v>
      </c>
      <c r="K10717" s="2" t="s">
        <v>27075</v>
      </c>
      <c r="L10717" s="5" t="s">
        <v>27074</v>
      </c>
      <c r="M10717" s="2" t="s">
        <v>27075</v>
      </c>
      <c r="N10717" s="5" t="s">
        <v>24254</v>
      </c>
      <c r="O10717" s="5" t="s">
        <v>38</v>
      </c>
      <c r="P10717" s="5" t="s">
        <v>39</v>
      </c>
      <c r="Q10717" s="5" t="s">
        <v>40</v>
      </c>
      <c r="R10717" s="5" t="s">
        <v>24335</v>
      </c>
      <c r="S10717" s="5" t="s">
        <v>40</v>
      </c>
      <c r="T10717" s="5" t="s">
        <v>42</v>
      </c>
      <c r="U10717" s="2">
        <v>5.5810000000000004</v>
      </c>
      <c r="V10717" s="2">
        <v>3.76</v>
      </c>
      <c r="W10717" s="2">
        <v>0.104</v>
      </c>
      <c r="X10717" s="2">
        <v>12</v>
      </c>
      <c r="Y10717" s="2">
        <v>50</v>
      </c>
      <c r="Z10717" s="2">
        <v>173.9</v>
      </c>
      <c r="AA10717" s="5">
        <v>10</v>
      </c>
      <c r="AB10717" s="5" t="s">
        <v>43</v>
      </c>
      <c r="AC10717" s="5" t="s">
        <v>44</v>
      </c>
      <c r="AD10717" s="2" t="s">
        <v>32528</v>
      </c>
      <c r="AE10717" s="1"/>
    </row>
    <row r="10718" spans="1:31" ht="14.45">
      <c r="A10718" s="11"/>
      <c r="B10718" s="20"/>
      <c r="C10718" s="2" t="s">
        <v>32947</v>
      </c>
      <c r="D10718" s="14" t="s">
        <v>32948</v>
      </c>
      <c r="E10718" s="2" t="s">
        <v>32949</v>
      </c>
      <c r="F10718" s="2" t="s">
        <v>32527</v>
      </c>
      <c r="G10718" s="8">
        <v>210</v>
      </c>
      <c r="H10718" s="5">
        <v>5</v>
      </c>
      <c r="I10718" s="5" t="s">
        <v>69</v>
      </c>
      <c r="J10718" s="5" t="s">
        <v>27074</v>
      </c>
      <c r="K10718" s="2" t="s">
        <v>27075</v>
      </c>
      <c r="L10718" s="5" t="s">
        <v>27074</v>
      </c>
      <c r="M10718" s="2" t="s">
        <v>27075</v>
      </c>
      <c r="N10718" s="5" t="s">
        <v>24254</v>
      </c>
      <c r="O10718" s="5" t="s">
        <v>38</v>
      </c>
      <c r="P10718" s="5" t="s">
        <v>39</v>
      </c>
      <c r="Q10718" s="5" t="s">
        <v>40</v>
      </c>
      <c r="R10718" s="5" t="s">
        <v>24335</v>
      </c>
      <c r="S10718" s="5" t="s">
        <v>40</v>
      </c>
      <c r="T10718" s="5" t="s">
        <v>42</v>
      </c>
      <c r="U10718" s="2">
        <v>6.0279999999999996</v>
      </c>
      <c r="V10718" s="2">
        <v>4.2069999999999999</v>
      </c>
      <c r="W10718" s="2">
        <v>0.104</v>
      </c>
      <c r="X10718" s="2">
        <v>12</v>
      </c>
      <c r="Y10718" s="2">
        <v>50</v>
      </c>
      <c r="Z10718" s="2">
        <v>173.9</v>
      </c>
      <c r="AA10718" s="5">
        <v>10</v>
      </c>
      <c r="AB10718" s="5" t="s">
        <v>43</v>
      </c>
      <c r="AC10718" s="5" t="s">
        <v>44</v>
      </c>
      <c r="AD10718" s="2" t="s">
        <v>32536</v>
      </c>
      <c r="AE10718" s="1"/>
    </row>
    <row r="10719" spans="1:31" ht="14.45">
      <c r="A10719" s="11"/>
      <c r="B10719" s="20"/>
      <c r="C10719" s="2" t="s">
        <v>32950</v>
      </c>
      <c r="D10719" s="14" t="s">
        <v>32951</v>
      </c>
      <c r="E10719" s="2" t="s">
        <v>32952</v>
      </c>
      <c r="F10719" s="2" t="s">
        <v>32532</v>
      </c>
      <c r="G10719" s="8">
        <v>210</v>
      </c>
      <c r="H10719" s="5">
        <v>5</v>
      </c>
      <c r="I10719" s="5" t="s">
        <v>69</v>
      </c>
      <c r="J10719" s="5" t="s">
        <v>27074</v>
      </c>
      <c r="K10719" s="2" t="s">
        <v>27075</v>
      </c>
      <c r="L10719" s="5" t="s">
        <v>27074</v>
      </c>
      <c r="M10719" s="2" t="s">
        <v>27075</v>
      </c>
      <c r="N10719" s="5" t="s">
        <v>24254</v>
      </c>
      <c r="O10719" s="5" t="s">
        <v>38</v>
      </c>
      <c r="P10719" s="5" t="s">
        <v>39</v>
      </c>
      <c r="Q10719" s="5" t="s">
        <v>40</v>
      </c>
      <c r="R10719" s="5" t="s">
        <v>24335</v>
      </c>
      <c r="S10719" s="5" t="s">
        <v>40</v>
      </c>
      <c r="T10719" s="5" t="s">
        <v>42</v>
      </c>
      <c r="U10719" s="2">
        <v>5.8120000000000003</v>
      </c>
      <c r="V10719" s="2">
        <v>3.9670000000000001</v>
      </c>
      <c r="W10719" s="2">
        <v>0.104</v>
      </c>
      <c r="X10719" s="2">
        <v>12</v>
      </c>
      <c r="Y10719" s="2">
        <v>50</v>
      </c>
      <c r="Z10719" s="2">
        <v>173.9</v>
      </c>
      <c r="AA10719" s="5">
        <v>10</v>
      </c>
      <c r="AB10719" s="5" t="s">
        <v>43</v>
      </c>
      <c r="AC10719" s="5" t="s">
        <v>44</v>
      </c>
      <c r="AD10719" s="2" t="s">
        <v>32528</v>
      </c>
      <c r="AE10719" s="1"/>
    </row>
    <row r="10720" spans="1:31" ht="14.45">
      <c r="A10720" s="11"/>
      <c r="B10720" s="20"/>
      <c r="C10720" s="2" t="s">
        <v>32953</v>
      </c>
      <c r="D10720" s="14" t="s">
        <v>32954</v>
      </c>
      <c r="E10720" s="2" t="s">
        <v>32955</v>
      </c>
      <c r="F10720" s="2" t="s">
        <v>32532</v>
      </c>
      <c r="G10720" s="8">
        <v>210</v>
      </c>
      <c r="H10720" s="5">
        <v>5</v>
      </c>
      <c r="I10720" s="5" t="s">
        <v>69</v>
      </c>
      <c r="J10720" s="5" t="s">
        <v>27074</v>
      </c>
      <c r="K10720" s="2" t="s">
        <v>27075</v>
      </c>
      <c r="L10720" s="5" t="s">
        <v>27074</v>
      </c>
      <c r="M10720" s="2" t="s">
        <v>27075</v>
      </c>
      <c r="N10720" s="5" t="s">
        <v>24254</v>
      </c>
      <c r="O10720" s="5" t="s">
        <v>38</v>
      </c>
      <c r="P10720" s="5" t="s">
        <v>39</v>
      </c>
      <c r="Q10720" s="5" t="s">
        <v>40</v>
      </c>
      <c r="R10720" s="5" t="s">
        <v>24335</v>
      </c>
      <c r="S10720" s="5" t="s">
        <v>40</v>
      </c>
      <c r="T10720" s="5" t="s">
        <v>42</v>
      </c>
      <c r="U10720" s="2">
        <v>6.1849999999999996</v>
      </c>
      <c r="V10720" s="2">
        <v>4.34</v>
      </c>
      <c r="W10720" s="2">
        <v>0.11600000000000001</v>
      </c>
      <c r="X10720" s="2">
        <v>12</v>
      </c>
      <c r="Y10720" s="2">
        <v>50</v>
      </c>
      <c r="Z10720" s="2">
        <v>173.9</v>
      </c>
      <c r="AA10720" s="5">
        <v>10</v>
      </c>
      <c r="AB10720" s="5" t="s">
        <v>43</v>
      </c>
      <c r="AC10720" s="5" t="s">
        <v>44</v>
      </c>
      <c r="AD10720" s="2" t="s">
        <v>32536</v>
      </c>
      <c r="AE10720" s="1"/>
    </row>
    <row r="10721" spans="1:31" ht="14.45">
      <c r="A10721" s="11"/>
      <c r="B10721" s="20"/>
      <c r="C10721" s="2" t="s">
        <v>32956</v>
      </c>
      <c r="D10721" s="14" t="s">
        <v>32957</v>
      </c>
      <c r="E10721" s="2" t="s">
        <v>32958</v>
      </c>
      <c r="F10721" s="2" t="s">
        <v>32540</v>
      </c>
      <c r="G10721" s="8">
        <v>382</v>
      </c>
      <c r="H10721" s="5">
        <v>5</v>
      </c>
      <c r="I10721" s="5" t="s">
        <v>69</v>
      </c>
      <c r="J10721" s="5" t="s">
        <v>27074</v>
      </c>
      <c r="K10721" s="2" t="s">
        <v>27075</v>
      </c>
      <c r="L10721" s="5" t="s">
        <v>27074</v>
      </c>
      <c r="M10721" s="2" t="s">
        <v>27075</v>
      </c>
      <c r="N10721" s="5" t="s">
        <v>24254</v>
      </c>
      <c r="O10721" s="5" t="s">
        <v>38</v>
      </c>
      <c r="P10721" s="5" t="s">
        <v>39</v>
      </c>
      <c r="Q10721" s="5" t="s">
        <v>40</v>
      </c>
      <c r="R10721" s="5" t="s">
        <v>24335</v>
      </c>
      <c r="S10721" s="5" t="s">
        <v>40</v>
      </c>
      <c r="T10721" s="5" t="s">
        <v>42</v>
      </c>
      <c r="U10721" s="2">
        <v>13.723000000000001</v>
      </c>
      <c r="V10721" s="2">
        <v>11.067</v>
      </c>
      <c r="W10721" s="2">
        <v>0.19500000000000001</v>
      </c>
      <c r="X10721" s="2">
        <v>12</v>
      </c>
      <c r="Y10721" s="2">
        <v>77</v>
      </c>
      <c r="Z10721" s="2">
        <v>210.9</v>
      </c>
      <c r="AA10721" s="5">
        <v>8</v>
      </c>
      <c r="AB10721" s="5" t="s">
        <v>43</v>
      </c>
      <c r="AC10721" s="5" t="s">
        <v>44</v>
      </c>
      <c r="AD10721" s="2" t="s">
        <v>32541</v>
      </c>
      <c r="AE10721" s="1"/>
    </row>
    <row r="10722" spans="1:31" ht="14.45">
      <c r="A10722" s="11"/>
      <c r="B10722" s="20"/>
      <c r="C10722" s="2" t="s">
        <v>32959</v>
      </c>
      <c r="D10722" s="14" t="s">
        <v>32960</v>
      </c>
      <c r="E10722" s="2" t="s">
        <v>32961</v>
      </c>
      <c r="F10722" s="2" t="s">
        <v>32545</v>
      </c>
      <c r="G10722" s="8">
        <v>731</v>
      </c>
      <c r="H10722" s="5">
        <v>5</v>
      </c>
      <c r="I10722" s="5" t="s">
        <v>69</v>
      </c>
      <c r="J10722" s="5" t="s">
        <v>27074</v>
      </c>
      <c r="K10722" s="2" t="s">
        <v>27075</v>
      </c>
      <c r="L10722" s="5" t="s">
        <v>27074</v>
      </c>
      <c r="M10722" s="2" t="s">
        <v>27075</v>
      </c>
      <c r="N10722" s="5" t="s">
        <v>24254</v>
      </c>
      <c r="O10722" s="5" t="s">
        <v>38</v>
      </c>
      <c r="P10722" s="5" t="s">
        <v>39</v>
      </c>
      <c r="Q10722" s="5" t="s">
        <v>40</v>
      </c>
      <c r="R10722" s="5" t="s">
        <v>1487</v>
      </c>
      <c r="S10722" s="5"/>
      <c r="T10722" s="5" t="s">
        <v>42</v>
      </c>
      <c r="U10722" s="2">
        <v>0</v>
      </c>
      <c r="V10722" s="2">
        <v>0</v>
      </c>
      <c r="W10722" s="2">
        <v>0</v>
      </c>
      <c r="X10722" s="2">
        <v>0</v>
      </c>
      <c r="Y10722" s="2">
        <v>0</v>
      </c>
      <c r="Z10722" s="2">
        <v>0</v>
      </c>
      <c r="AA10722" s="5"/>
      <c r="AB10722" s="5" t="s">
        <v>43</v>
      </c>
      <c r="AC10722" s="5" t="s">
        <v>44</v>
      </c>
      <c r="AD10722" s="2" t="s">
        <v>32546</v>
      </c>
      <c r="AE10722" s="1"/>
    </row>
    <row r="10723" spans="1:31" ht="14.45">
      <c r="A10723" s="11"/>
      <c r="B10723" s="20"/>
      <c r="C10723" s="2" t="s">
        <v>32962</v>
      </c>
      <c r="D10723" s="14" t="s">
        <v>32963</v>
      </c>
      <c r="E10723" s="2" t="s">
        <v>32964</v>
      </c>
      <c r="F10723" s="2" t="s">
        <v>32550</v>
      </c>
      <c r="G10723" s="8">
        <v>731</v>
      </c>
      <c r="H10723" s="5">
        <v>15</v>
      </c>
      <c r="I10723" s="5" t="s">
        <v>69</v>
      </c>
      <c r="J10723" s="5" t="s">
        <v>27074</v>
      </c>
      <c r="K10723" s="2" t="s">
        <v>27075</v>
      </c>
      <c r="L10723" s="5" t="s">
        <v>27074</v>
      </c>
      <c r="M10723" s="2" t="s">
        <v>27075</v>
      </c>
      <c r="N10723" s="5" t="s">
        <v>24254</v>
      </c>
      <c r="O10723" s="5" t="s">
        <v>38</v>
      </c>
      <c r="P10723" s="5" t="s">
        <v>39</v>
      </c>
      <c r="Q10723" s="5" t="s">
        <v>40</v>
      </c>
      <c r="R10723" s="5" t="s">
        <v>1487</v>
      </c>
      <c r="S10723" s="5"/>
      <c r="T10723" s="5" t="s">
        <v>42</v>
      </c>
      <c r="U10723" s="2">
        <v>0</v>
      </c>
      <c r="V10723" s="2">
        <v>0</v>
      </c>
      <c r="W10723" s="2">
        <v>0</v>
      </c>
      <c r="X10723" s="2">
        <v>0</v>
      </c>
      <c r="Y10723" s="2">
        <v>0</v>
      </c>
      <c r="Z10723" s="2">
        <v>0</v>
      </c>
      <c r="AA10723" s="5"/>
      <c r="AB10723" s="5" t="s">
        <v>43</v>
      </c>
      <c r="AC10723" s="5" t="s">
        <v>44</v>
      </c>
      <c r="AD10723" s="2" t="s">
        <v>32551</v>
      </c>
      <c r="AE10723" s="1"/>
    </row>
    <row r="10724" spans="1:31" ht="14.45">
      <c r="A10724" s="11"/>
      <c r="B10724" s="20"/>
      <c r="C10724" s="2" t="s">
        <v>32965</v>
      </c>
      <c r="D10724" s="14" t="s">
        <v>32966</v>
      </c>
      <c r="E10724" s="2" t="s">
        <v>32967</v>
      </c>
      <c r="F10724" s="2" t="s">
        <v>32509</v>
      </c>
      <c r="G10724" s="8">
        <v>221</v>
      </c>
      <c r="H10724" s="5">
        <v>10</v>
      </c>
      <c r="I10724" s="5" t="s">
        <v>69</v>
      </c>
      <c r="J10724" s="5" t="s">
        <v>27074</v>
      </c>
      <c r="K10724" s="2" t="s">
        <v>27075</v>
      </c>
      <c r="L10724" s="5" t="s">
        <v>27074</v>
      </c>
      <c r="M10724" s="2" t="s">
        <v>27075</v>
      </c>
      <c r="N10724" s="5" t="s">
        <v>24254</v>
      </c>
      <c r="O10724" s="5" t="s">
        <v>38</v>
      </c>
      <c r="P10724" s="5" t="s">
        <v>39</v>
      </c>
      <c r="Q10724" s="5" t="s">
        <v>40</v>
      </c>
      <c r="R10724" s="5" t="s">
        <v>24335</v>
      </c>
      <c r="S10724" s="5" t="s">
        <v>40</v>
      </c>
      <c r="T10724" s="5" t="s">
        <v>42</v>
      </c>
      <c r="U10724" s="2">
        <v>9.0660000000000007</v>
      </c>
      <c r="V10724" s="2">
        <v>7.2830000000000004</v>
      </c>
      <c r="W10724" s="2">
        <v>0.11600000000000001</v>
      </c>
      <c r="X10724" s="2">
        <v>12</v>
      </c>
      <c r="Y10724" s="2">
        <v>50</v>
      </c>
      <c r="Z10724" s="2">
        <v>193.9</v>
      </c>
      <c r="AA10724" s="5">
        <v>8</v>
      </c>
      <c r="AB10724" s="5" t="s">
        <v>43</v>
      </c>
      <c r="AC10724" s="5" t="s">
        <v>44</v>
      </c>
      <c r="AD10724" s="2" t="s">
        <v>32510</v>
      </c>
      <c r="AE10724" s="1"/>
    </row>
    <row r="10725" spans="1:31" ht="14.45">
      <c r="A10725" s="11"/>
      <c r="B10725" s="20"/>
      <c r="C10725" s="2" t="s">
        <v>32968</v>
      </c>
      <c r="D10725" s="14" t="s">
        <v>32969</v>
      </c>
      <c r="E10725" s="2" t="s">
        <v>32970</v>
      </c>
      <c r="F10725" s="2" t="s">
        <v>32514</v>
      </c>
      <c r="G10725" s="8">
        <v>221</v>
      </c>
      <c r="H10725" s="5">
        <v>5</v>
      </c>
      <c r="I10725" s="5" t="s">
        <v>69</v>
      </c>
      <c r="J10725" s="5" t="s">
        <v>27074</v>
      </c>
      <c r="K10725" s="2" t="s">
        <v>27075</v>
      </c>
      <c r="L10725" s="5" t="s">
        <v>27074</v>
      </c>
      <c r="M10725" s="2" t="s">
        <v>27075</v>
      </c>
      <c r="N10725" s="5" t="s">
        <v>24254</v>
      </c>
      <c r="O10725" s="5" t="s">
        <v>38</v>
      </c>
      <c r="P10725" s="5" t="s">
        <v>39</v>
      </c>
      <c r="Q10725" s="5" t="s">
        <v>40</v>
      </c>
      <c r="R10725" s="5" t="s">
        <v>24335</v>
      </c>
      <c r="S10725" s="5" t="s">
        <v>40</v>
      </c>
      <c r="T10725" s="5" t="s">
        <v>42</v>
      </c>
      <c r="U10725" s="2">
        <v>7.7839999999999998</v>
      </c>
      <c r="V10725" s="2">
        <v>5.9279999999999999</v>
      </c>
      <c r="W10725" s="2">
        <v>0.11600000000000001</v>
      </c>
      <c r="X10725" s="2">
        <v>12</v>
      </c>
      <c r="Y10725" s="2">
        <v>50</v>
      </c>
      <c r="Z10725" s="2">
        <v>193.9</v>
      </c>
      <c r="AA10725" s="5">
        <v>8</v>
      </c>
      <c r="AB10725" s="5" t="s">
        <v>43</v>
      </c>
      <c r="AC10725" s="5" t="s">
        <v>44</v>
      </c>
      <c r="AD10725" s="2" t="s">
        <v>32510</v>
      </c>
      <c r="AE10725" s="1"/>
    </row>
    <row r="10726" spans="1:31" ht="14.45">
      <c r="A10726" s="11"/>
      <c r="B10726" s="20"/>
      <c r="C10726" s="2" t="s">
        <v>32971</v>
      </c>
      <c r="D10726" s="14" t="s">
        <v>32972</v>
      </c>
      <c r="E10726" s="2" t="s">
        <v>32973</v>
      </c>
      <c r="F10726" s="2" t="s">
        <v>32518</v>
      </c>
      <c r="G10726" s="8">
        <v>221</v>
      </c>
      <c r="H10726" s="5">
        <v>10</v>
      </c>
      <c r="I10726" s="5" t="s">
        <v>69</v>
      </c>
      <c r="J10726" s="5" t="s">
        <v>27074</v>
      </c>
      <c r="K10726" s="2" t="s">
        <v>27075</v>
      </c>
      <c r="L10726" s="5" t="s">
        <v>27074</v>
      </c>
      <c r="M10726" s="2" t="s">
        <v>27075</v>
      </c>
      <c r="N10726" s="5" t="s">
        <v>24254</v>
      </c>
      <c r="O10726" s="5" t="s">
        <v>38</v>
      </c>
      <c r="P10726" s="5" t="s">
        <v>39</v>
      </c>
      <c r="Q10726" s="5" t="s">
        <v>40</v>
      </c>
      <c r="R10726" s="5" t="s">
        <v>24335</v>
      </c>
      <c r="S10726" s="5" t="s">
        <v>40</v>
      </c>
      <c r="T10726" s="5" t="s">
        <v>42</v>
      </c>
      <c r="U10726" s="2">
        <v>6.4139999999999997</v>
      </c>
      <c r="V10726" s="2">
        <v>4.665</v>
      </c>
      <c r="W10726" s="2">
        <v>0.11600000000000001</v>
      </c>
      <c r="X10726" s="2">
        <v>12</v>
      </c>
      <c r="Y10726" s="2">
        <v>50</v>
      </c>
      <c r="Z10726" s="2">
        <v>193.9</v>
      </c>
      <c r="AA10726" s="5">
        <v>8</v>
      </c>
      <c r="AB10726" s="5" t="s">
        <v>43</v>
      </c>
      <c r="AC10726" s="5" t="s">
        <v>44</v>
      </c>
      <c r="AD10726" s="2" t="s">
        <v>32510</v>
      </c>
      <c r="AE10726" s="1"/>
    </row>
    <row r="10727" spans="1:31" ht="14.45">
      <c r="A10727" s="11"/>
      <c r="B10727" s="20"/>
      <c r="C10727" s="2" t="s">
        <v>32974</v>
      </c>
      <c r="D10727" s="14" t="s">
        <v>32975</v>
      </c>
      <c r="E10727" s="2" t="s">
        <v>32976</v>
      </c>
      <c r="F10727" s="2" t="s">
        <v>32522</v>
      </c>
      <c r="G10727" s="8">
        <v>221</v>
      </c>
      <c r="H10727" s="5">
        <v>5</v>
      </c>
      <c r="I10727" s="5" t="s">
        <v>69</v>
      </c>
      <c r="J10727" s="5" t="s">
        <v>27074</v>
      </c>
      <c r="K10727" s="2" t="s">
        <v>27075</v>
      </c>
      <c r="L10727" s="5" t="s">
        <v>27074</v>
      </c>
      <c r="M10727" s="2" t="s">
        <v>27075</v>
      </c>
      <c r="N10727" s="5" t="s">
        <v>24254</v>
      </c>
      <c r="O10727" s="5" t="s">
        <v>38</v>
      </c>
      <c r="P10727" s="5" t="s">
        <v>39</v>
      </c>
      <c r="Q10727" s="5" t="s">
        <v>40</v>
      </c>
      <c r="R10727" s="5" t="s">
        <v>24335</v>
      </c>
      <c r="S10727" s="5" t="s">
        <v>40</v>
      </c>
      <c r="T10727" s="5" t="s">
        <v>42</v>
      </c>
      <c r="U10727" s="2">
        <v>7.0789999999999997</v>
      </c>
      <c r="V10727" s="2">
        <v>5.258</v>
      </c>
      <c r="W10727" s="2">
        <v>0.11600000000000001</v>
      </c>
      <c r="X10727" s="2">
        <v>12</v>
      </c>
      <c r="Y10727" s="2">
        <v>50</v>
      </c>
      <c r="Z10727" s="2">
        <v>193.9</v>
      </c>
      <c r="AA10727" s="5">
        <v>10</v>
      </c>
      <c r="AB10727" s="5" t="s">
        <v>43</v>
      </c>
      <c r="AC10727" s="5" t="s">
        <v>44</v>
      </c>
      <c r="AD10727" s="2" t="s">
        <v>32523</v>
      </c>
      <c r="AE10727" s="1"/>
    </row>
    <row r="10728" spans="1:31" ht="14.45">
      <c r="A10728" s="11"/>
      <c r="B10728" s="20"/>
      <c r="C10728" s="2" t="s">
        <v>32977</v>
      </c>
      <c r="D10728" s="14" t="s">
        <v>32978</v>
      </c>
      <c r="E10728" s="2" t="s">
        <v>32979</v>
      </c>
      <c r="F10728" s="2" t="s">
        <v>32522</v>
      </c>
      <c r="G10728" s="8">
        <v>221</v>
      </c>
      <c r="H10728" s="5">
        <v>5</v>
      </c>
      <c r="I10728" s="5" t="s">
        <v>69</v>
      </c>
      <c r="J10728" s="5" t="s">
        <v>27074</v>
      </c>
      <c r="K10728" s="2" t="s">
        <v>27075</v>
      </c>
      <c r="L10728" s="5" t="s">
        <v>27074</v>
      </c>
      <c r="M10728" s="2" t="s">
        <v>27075</v>
      </c>
      <c r="N10728" s="5" t="s">
        <v>24254</v>
      </c>
      <c r="O10728" s="5" t="s">
        <v>38</v>
      </c>
      <c r="P10728" s="5" t="s">
        <v>39</v>
      </c>
      <c r="Q10728" s="5" t="s">
        <v>40</v>
      </c>
      <c r="R10728" s="5" t="s">
        <v>24335</v>
      </c>
      <c r="S10728" s="5" t="s">
        <v>40</v>
      </c>
      <c r="T10728" s="5" t="s">
        <v>42</v>
      </c>
      <c r="U10728" s="2">
        <v>7.4260000000000002</v>
      </c>
      <c r="V10728" s="2">
        <v>5.6050000000000004</v>
      </c>
      <c r="W10728" s="2">
        <v>0.11600000000000001</v>
      </c>
      <c r="X10728" s="2">
        <v>12</v>
      </c>
      <c r="Y10728" s="2">
        <v>50</v>
      </c>
      <c r="Z10728" s="2">
        <v>193.9</v>
      </c>
      <c r="AA10728" s="5">
        <v>10</v>
      </c>
      <c r="AB10728" s="5" t="s">
        <v>43</v>
      </c>
      <c r="AC10728" s="5" t="s">
        <v>44</v>
      </c>
      <c r="AD10728" s="2" t="s">
        <v>32577</v>
      </c>
      <c r="AE10728" s="1"/>
    </row>
    <row r="10729" spans="1:31" ht="14.45">
      <c r="A10729" s="11"/>
      <c r="B10729" s="20"/>
      <c r="C10729" s="2" t="s">
        <v>32980</v>
      </c>
      <c r="D10729" s="14" t="s">
        <v>32981</v>
      </c>
      <c r="E10729" s="2" t="s">
        <v>32982</v>
      </c>
      <c r="F10729" s="2" t="s">
        <v>32527</v>
      </c>
      <c r="G10729" s="8">
        <v>221</v>
      </c>
      <c r="H10729" s="5">
        <v>5</v>
      </c>
      <c r="I10729" s="5" t="s">
        <v>69</v>
      </c>
      <c r="J10729" s="5" t="s">
        <v>27074</v>
      </c>
      <c r="K10729" s="2" t="s">
        <v>27075</v>
      </c>
      <c r="L10729" s="5" t="s">
        <v>27074</v>
      </c>
      <c r="M10729" s="2" t="s">
        <v>27075</v>
      </c>
      <c r="N10729" s="5" t="s">
        <v>24254</v>
      </c>
      <c r="O10729" s="5" t="s">
        <v>38</v>
      </c>
      <c r="P10729" s="5" t="s">
        <v>39</v>
      </c>
      <c r="Q10729" s="5" t="s">
        <v>40</v>
      </c>
      <c r="R10729" s="5" t="s">
        <v>24335</v>
      </c>
      <c r="S10729" s="5" t="s">
        <v>40</v>
      </c>
      <c r="T10729" s="5" t="s">
        <v>42</v>
      </c>
      <c r="U10729" s="2">
        <v>5.9290000000000003</v>
      </c>
      <c r="V10729" s="2">
        <v>4.1079999999999997</v>
      </c>
      <c r="W10729" s="2">
        <v>0.11600000000000001</v>
      </c>
      <c r="X10729" s="2">
        <v>12</v>
      </c>
      <c r="Y10729" s="2">
        <v>50</v>
      </c>
      <c r="Z10729" s="2">
        <v>193.9</v>
      </c>
      <c r="AA10729" s="5">
        <v>10</v>
      </c>
      <c r="AB10729" s="5" t="s">
        <v>43</v>
      </c>
      <c r="AC10729" s="5" t="s">
        <v>44</v>
      </c>
      <c r="AD10729" s="2" t="s">
        <v>32528</v>
      </c>
      <c r="AE10729" s="1"/>
    </row>
    <row r="10730" spans="1:31" ht="14.45">
      <c r="A10730" s="11"/>
      <c r="B10730" s="20"/>
      <c r="C10730" s="2" t="s">
        <v>32983</v>
      </c>
      <c r="D10730" s="14" t="s">
        <v>32984</v>
      </c>
      <c r="E10730" s="2" t="s">
        <v>32985</v>
      </c>
      <c r="F10730" s="2" t="s">
        <v>32527</v>
      </c>
      <c r="G10730" s="8">
        <v>221</v>
      </c>
      <c r="H10730" s="5">
        <v>5</v>
      </c>
      <c r="I10730" s="5" t="s">
        <v>69</v>
      </c>
      <c r="J10730" s="5" t="s">
        <v>27074</v>
      </c>
      <c r="K10730" s="2" t="s">
        <v>27075</v>
      </c>
      <c r="L10730" s="5" t="s">
        <v>27074</v>
      </c>
      <c r="M10730" s="2" t="s">
        <v>27075</v>
      </c>
      <c r="N10730" s="5" t="s">
        <v>24254</v>
      </c>
      <c r="O10730" s="5" t="s">
        <v>38</v>
      </c>
      <c r="P10730" s="5" t="s">
        <v>39</v>
      </c>
      <c r="Q10730" s="5" t="s">
        <v>40</v>
      </c>
      <c r="R10730" s="5" t="s">
        <v>24335</v>
      </c>
      <c r="S10730" s="5" t="s">
        <v>40</v>
      </c>
      <c r="T10730" s="5" t="s">
        <v>42</v>
      </c>
      <c r="U10730" s="2">
        <v>6.3760000000000003</v>
      </c>
      <c r="V10730" s="2">
        <v>4.5549999999999997</v>
      </c>
      <c r="W10730" s="2">
        <v>0.11600000000000001</v>
      </c>
      <c r="X10730" s="2">
        <v>12</v>
      </c>
      <c r="Y10730" s="2">
        <v>50</v>
      </c>
      <c r="Z10730" s="2">
        <v>193.9</v>
      </c>
      <c r="AA10730" s="5">
        <v>10</v>
      </c>
      <c r="AB10730" s="5" t="s">
        <v>43</v>
      </c>
      <c r="AC10730" s="5" t="s">
        <v>44</v>
      </c>
      <c r="AD10730" s="2" t="s">
        <v>32536</v>
      </c>
      <c r="AE10730" s="1"/>
    </row>
    <row r="10731" spans="1:31" ht="14.45">
      <c r="A10731" s="11"/>
      <c r="B10731" s="20"/>
      <c r="C10731" s="2" t="s">
        <v>32986</v>
      </c>
      <c r="D10731" s="14" t="s">
        <v>32987</v>
      </c>
      <c r="E10731" s="2" t="s">
        <v>32988</v>
      </c>
      <c r="F10731" s="2" t="s">
        <v>32532</v>
      </c>
      <c r="G10731" s="8">
        <v>221</v>
      </c>
      <c r="H10731" s="5">
        <v>5</v>
      </c>
      <c r="I10731" s="5" t="s">
        <v>69</v>
      </c>
      <c r="J10731" s="5" t="s">
        <v>27074</v>
      </c>
      <c r="K10731" s="2" t="s">
        <v>27075</v>
      </c>
      <c r="L10731" s="5" t="s">
        <v>27074</v>
      </c>
      <c r="M10731" s="2" t="s">
        <v>27075</v>
      </c>
      <c r="N10731" s="5" t="s">
        <v>24254</v>
      </c>
      <c r="O10731" s="5" t="s">
        <v>38</v>
      </c>
      <c r="P10731" s="5" t="s">
        <v>39</v>
      </c>
      <c r="Q10731" s="5" t="s">
        <v>40</v>
      </c>
      <c r="R10731" s="5" t="s">
        <v>24335</v>
      </c>
      <c r="S10731" s="5" t="s">
        <v>40</v>
      </c>
      <c r="T10731" s="5" t="s">
        <v>42</v>
      </c>
      <c r="U10731" s="2">
        <v>6.2160000000000002</v>
      </c>
      <c r="V10731" s="2">
        <v>4.3710000000000004</v>
      </c>
      <c r="W10731" s="2">
        <v>0.11600000000000001</v>
      </c>
      <c r="X10731" s="2">
        <v>12</v>
      </c>
      <c r="Y10731" s="2">
        <v>50</v>
      </c>
      <c r="Z10731" s="2">
        <v>193.9</v>
      </c>
      <c r="AA10731" s="5">
        <v>10</v>
      </c>
      <c r="AB10731" s="5" t="s">
        <v>43</v>
      </c>
      <c r="AC10731" s="5" t="s">
        <v>44</v>
      </c>
      <c r="AD10731" s="2" t="s">
        <v>32528</v>
      </c>
      <c r="AE10731" s="1"/>
    </row>
    <row r="10732" spans="1:31" ht="14.45">
      <c r="A10732" s="11"/>
      <c r="B10732" s="20"/>
      <c r="C10732" s="2" t="s">
        <v>32989</v>
      </c>
      <c r="D10732" s="14" t="s">
        <v>32990</v>
      </c>
      <c r="E10732" s="2" t="s">
        <v>32991</v>
      </c>
      <c r="F10732" s="2" t="s">
        <v>32532</v>
      </c>
      <c r="G10732" s="8">
        <v>221</v>
      </c>
      <c r="H10732" s="5">
        <v>5</v>
      </c>
      <c r="I10732" s="5" t="s">
        <v>69</v>
      </c>
      <c r="J10732" s="5" t="s">
        <v>27074</v>
      </c>
      <c r="K10732" s="2" t="s">
        <v>27075</v>
      </c>
      <c r="L10732" s="5" t="s">
        <v>27074</v>
      </c>
      <c r="M10732" s="2" t="s">
        <v>27075</v>
      </c>
      <c r="N10732" s="5" t="s">
        <v>24254</v>
      </c>
      <c r="O10732" s="5" t="s">
        <v>38</v>
      </c>
      <c r="P10732" s="5" t="s">
        <v>39</v>
      </c>
      <c r="Q10732" s="5" t="s">
        <v>40</v>
      </c>
      <c r="R10732" s="5" t="s">
        <v>24335</v>
      </c>
      <c r="S10732" s="5" t="s">
        <v>40</v>
      </c>
      <c r="T10732" s="5" t="s">
        <v>42</v>
      </c>
      <c r="U10732" s="2">
        <v>6.5890000000000004</v>
      </c>
      <c r="V10732" s="2">
        <v>4.7439999999999998</v>
      </c>
      <c r="W10732" s="2">
        <v>0.13600000000000001</v>
      </c>
      <c r="X10732" s="2">
        <v>12</v>
      </c>
      <c r="Y10732" s="2">
        <v>50</v>
      </c>
      <c r="Z10732" s="2">
        <v>193.9</v>
      </c>
      <c r="AA10732" s="5">
        <v>10</v>
      </c>
      <c r="AB10732" s="5" t="s">
        <v>43</v>
      </c>
      <c r="AC10732" s="5" t="s">
        <v>44</v>
      </c>
      <c r="AD10732" s="2" t="s">
        <v>32536</v>
      </c>
      <c r="AE10732" s="1"/>
    </row>
    <row r="10733" spans="1:31" ht="14.45">
      <c r="A10733" s="11"/>
      <c r="B10733" s="20"/>
      <c r="C10733" s="2" t="s">
        <v>32992</v>
      </c>
      <c r="D10733" s="14" t="s">
        <v>32993</v>
      </c>
      <c r="E10733" s="2" t="s">
        <v>32994</v>
      </c>
      <c r="F10733" s="2" t="s">
        <v>32540</v>
      </c>
      <c r="G10733" s="8">
        <v>402</v>
      </c>
      <c r="H10733" s="5">
        <v>5</v>
      </c>
      <c r="I10733" s="5" t="s">
        <v>69</v>
      </c>
      <c r="J10733" s="5" t="s">
        <v>27074</v>
      </c>
      <c r="K10733" s="2" t="s">
        <v>27075</v>
      </c>
      <c r="L10733" s="5" t="s">
        <v>27074</v>
      </c>
      <c r="M10733" s="2" t="s">
        <v>27075</v>
      </c>
      <c r="N10733" s="5" t="s">
        <v>24254</v>
      </c>
      <c r="O10733" s="5" t="s">
        <v>38</v>
      </c>
      <c r="P10733" s="5" t="s">
        <v>39</v>
      </c>
      <c r="Q10733" s="5" t="s">
        <v>40</v>
      </c>
      <c r="R10733" s="5" t="s">
        <v>24335</v>
      </c>
      <c r="S10733" s="5" t="s">
        <v>40</v>
      </c>
      <c r="T10733" s="5" t="s">
        <v>42</v>
      </c>
      <c r="U10733" s="2">
        <v>14.574999999999999</v>
      </c>
      <c r="V10733" s="2">
        <v>11.930999999999999</v>
      </c>
      <c r="W10733" s="2">
        <v>0.19500000000000001</v>
      </c>
      <c r="X10733" s="2">
        <v>12</v>
      </c>
      <c r="Y10733" s="2">
        <v>77</v>
      </c>
      <c r="Z10733" s="2">
        <v>210.9</v>
      </c>
      <c r="AA10733" s="5">
        <v>8</v>
      </c>
      <c r="AB10733" s="5" t="s">
        <v>43</v>
      </c>
      <c r="AC10733" s="5" t="s">
        <v>44</v>
      </c>
      <c r="AD10733" s="2" t="s">
        <v>32541</v>
      </c>
      <c r="AE10733" s="1"/>
    </row>
    <row r="10734" spans="1:31" ht="14.45">
      <c r="A10734" s="11"/>
      <c r="B10734" s="20"/>
      <c r="C10734" s="2" t="s">
        <v>32995</v>
      </c>
      <c r="D10734" s="14" t="s">
        <v>32996</v>
      </c>
      <c r="E10734" s="2" t="s">
        <v>32997</v>
      </c>
      <c r="F10734" s="2" t="s">
        <v>32545</v>
      </c>
      <c r="G10734" s="8">
        <v>753</v>
      </c>
      <c r="H10734" s="5">
        <v>5</v>
      </c>
      <c r="I10734" s="5" t="s">
        <v>69</v>
      </c>
      <c r="J10734" s="5" t="s">
        <v>27074</v>
      </c>
      <c r="K10734" s="2" t="s">
        <v>27075</v>
      </c>
      <c r="L10734" s="5" t="s">
        <v>27074</v>
      </c>
      <c r="M10734" s="2" t="s">
        <v>27075</v>
      </c>
      <c r="N10734" s="5" t="s">
        <v>24254</v>
      </c>
      <c r="O10734" s="5" t="s">
        <v>38</v>
      </c>
      <c r="P10734" s="5" t="s">
        <v>39</v>
      </c>
      <c r="Q10734" s="5" t="s">
        <v>40</v>
      </c>
      <c r="R10734" s="5" t="s">
        <v>1487</v>
      </c>
      <c r="S10734" s="5"/>
      <c r="T10734" s="5" t="s">
        <v>42</v>
      </c>
      <c r="U10734" s="2">
        <v>0</v>
      </c>
      <c r="V10734" s="2">
        <v>0</v>
      </c>
      <c r="W10734" s="2">
        <v>0</v>
      </c>
      <c r="X10734" s="2">
        <v>0</v>
      </c>
      <c r="Y10734" s="2">
        <v>0</v>
      </c>
      <c r="Z10734" s="2">
        <v>0</v>
      </c>
      <c r="AA10734" s="5"/>
      <c r="AB10734" s="5" t="s">
        <v>43</v>
      </c>
      <c r="AC10734" s="5" t="s">
        <v>44</v>
      </c>
      <c r="AD10734" s="2" t="s">
        <v>32546</v>
      </c>
      <c r="AE10734" s="1"/>
    </row>
    <row r="10735" spans="1:31" ht="14.45">
      <c r="A10735" s="11"/>
      <c r="B10735" s="20"/>
      <c r="C10735" s="2" t="s">
        <v>32998</v>
      </c>
      <c r="D10735" s="14" t="s">
        <v>32999</v>
      </c>
      <c r="E10735" s="2" t="s">
        <v>33000</v>
      </c>
      <c r="F10735" s="2" t="s">
        <v>32550</v>
      </c>
      <c r="G10735" s="8">
        <v>753</v>
      </c>
      <c r="H10735" s="5">
        <v>15</v>
      </c>
      <c r="I10735" s="5" t="s">
        <v>69</v>
      </c>
      <c r="J10735" s="5" t="s">
        <v>27074</v>
      </c>
      <c r="K10735" s="2" t="s">
        <v>27075</v>
      </c>
      <c r="L10735" s="5" t="s">
        <v>27074</v>
      </c>
      <c r="M10735" s="2" t="s">
        <v>27075</v>
      </c>
      <c r="N10735" s="5" t="s">
        <v>24254</v>
      </c>
      <c r="O10735" s="5" t="s">
        <v>38</v>
      </c>
      <c r="P10735" s="5" t="s">
        <v>39</v>
      </c>
      <c r="Q10735" s="5" t="s">
        <v>40</v>
      </c>
      <c r="R10735" s="5" t="s">
        <v>1487</v>
      </c>
      <c r="S10735" s="5"/>
      <c r="T10735" s="5" t="s">
        <v>42</v>
      </c>
      <c r="U10735" s="2">
        <v>0</v>
      </c>
      <c r="V10735" s="2">
        <v>0</v>
      </c>
      <c r="W10735" s="2">
        <v>0</v>
      </c>
      <c r="X10735" s="2">
        <v>0</v>
      </c>
      <c r="Y10735" s="2">
        <v>0</v>
      </c>
      <c r="Z10735" s="2">
        <v>0</v>
      </c>
      <c r="AA10735" s="5"/>
      <c r="AB10735" s="5" t="s">
        <v>43</v>
      </c>
      <c r="AC10735" s="5" t="s">
        <v>44</v>
      </c>
      <c r="AD10735" s="2" t="s">
        <v>32551</v>
      </c>
      <c r="AE10735" s="1"/>
    </row>
    <row r="10736" spans="1:31" ht="14.45">
      <c r="A10736" s="11"/>
      <c r="B10736" s="20"/>
      <c r="C10736" s="2" t="s">
        <v>33001</v>
      </c>
      <c r="D10736" s="14" t="s">
        <v>33002</v>
      </c>
      <c r="E10736" s="2" t="s">
        <v>33003</v>
      </c>
      <c r="F10736" s="2" t="s">
        <v>32509</v>
      </c>
      <c r="G10736" s="8">
        <v>234</v>
      </c>
      <c r="H10736" s="5">
        <v>10</v>
      </c>
      <c r="I10736" s="5" t="s">
        <v>69</v>
      </c>
      <c r="J10736" s="5" t="s">
        <v>27074</v>
      </c>
      <c r="K10736" s="2" t="s">
        <v>27075</v>
      </c>
      <c r="L10736" s="5" t="s">
        <v>27074</v>
      </c>
      <c r="M10736" s="2" t="s">
        <v>27075</v>
      </c>
      <c r="N10736" s="5" t="s">
        <v>24254</v>
      </c>
      <c r="O10736" s="5" t="s">
        <v>38</v>
      </c>
      <c r="P10736" s="5" t="s">
        <v>39</v>
      </c>
      <c r="Q10736" s="5" t="s">
        <v>40</v>
      </c>
      <c r="R10736" s="5" t="s">
        <v>24335</v>
      </c>
      <c r="S10736" s="5" t="s">
        <v>40</v>
      </c>
      <c r="T10736" s="5" t="s">
        <v>42</v>
      </c>
      <c r="U10736" s="2">
        <v>9.5820000000000007</v>
      </c>
      <c r="V10736" s="2">
        <v>7.7279999999999998</v>
      </c>
      <c r="W10736" s="2">
        <v>0.126</v>
      </c>
      <c r="X10736" s="2">
        <v>12</v>
      </c>
      <c r="Y10736" s="2">
        <v>50</v>
      </c>
      <c r="Z10736" s="2">
        <v>210</v>
      </c>
      <c r="AA10736" s="5">
        <v>8</v>
      </c>
      <c r="AB10736" s="5" t="s">
        <v>43</v>
      </c>
      <c r="AC10736" s="5" t="s">
        <v>44</v>
      </c>
      <c r="AD10736" s="2" t="s">
        <v>32510</v>
      </c>
      <c r="AE10736" s="1"/>
    </row>
    <row r="10737" spans="1:31" ht="14.45">
      <c r="A10737" s="11"/>
      <c r="B10737" s="20"/>
      <c r="C10737" s="2" t="s">
        <v>33004</v>
      </c>
      <c r="D10737" s="14" t="s">
        <v>33005</v>
      </c>
      <c r="E10737" s="2" t="s">
        <v>33006</v>
      </c>
      <c r="F10737" s="2" t="s">
        <v>32514</v>
      </c>
      <c r="G10737" s="8">
        <v>234</v>
      </c>
      <c r="H10737" s="5">
        <v>5</v>
      </c>
      <c r="I10737" s="5" t="s">
        <v>69</v>
      </c>
      <c r="J10737" s="5" t="s">
        <v>27074</v>
      </c>
      <c r="K10737" s="2" t="s">
        <v>27075</v>
      </c>
      <c r="L10737" s="5" t="s">
        <v>27074</v>
      </c>
      <c r="M10737" s="2" t="s">
        <v>27075</v>
      </c>
      <c r="N10737" s="5" t="s">
        <v>24254</v>
      </c>
      <c r="O10737" s="5" t="s">
        <v>38</v>
      </c>
      <c r="P10737" s="5" t="s">
        <v>39</v>
      </c>
      <c r="Q10737" s="5" t="s">
        <v>40</v>
      </c>
      <c r="R10737" s="5" t="s">
        <v>24335</v>
      </c>
      <c r="S10737" s="5" t="s">
        <v>40</v>
      </c>
      <c r="T10737" s="5" t="s">
        <v>42</v>
      </c>
      <c r="U10737" s="2">
        <v>8.1479999999999997</v>
      </c>
      <c r="V10737" s="2">
        <v>6.2919999999999998</v>
      </c>
      <c r="W10737" s="2">
        <v>0.126</v>
      </c>
      <c r="X10737" s="2">
        <v>12</v>
      </c>
      <c r="Y10737" s="2">
        <v>50</v>
      </c>
      <c r="Z10737" s="2">
        <v>210</v>
      </c>
      <c r="AA10737" s="5">
        <v>8</v>
      </c>
      <c r="AB10737" s="5" t="s">
        <v>43</v>
      </c>
      <c r="AC10737" s="5" t="s">
        <v>44</v>
      </c>
      <c r="AD10737" s="2" t="s">
        <v>32510</v>
      </c>
      <c r="AE10737" s="1"/>
    </row>
    <row r="10738" spans="1:31" ht="14.45">
      <c r="A10738" s="11"/>
      <c r="B10738" s="20"/>
      <c r="C10738" s="2" t="s">
        <v>33007</v>
      </c>
      <c r="D10738" s="14" t="s">
        <v>33008</v>
      </c>
      <c r="E10738" s="2" t="s">
        <v>33009</v>
      </c>
      <c r="F10738" s="2" t="s">
        <v>32518</v>
      </c>
      <c r="G10738" s="8">
        <v>234</v>
      </c>
      <c r="H10738" s="5">
        <v>10</v>
      </c>
      <c r="I10738" s="5" t="s">
        <v>69</v>
      </c>
      <c r="J10738" s="5" t="s">
        <v>27074</v>
      </c>
      <c r="K10738" s="2" t="s">
        <v>27075</v>
      </c>
      <c r="L10738" s="5" t="s">
        <v>27074</v>
      </c>
      <c r="M10738" s="2" t="s">
        <v>27075</v>
      </c>
      <c r="N10738" s="5" t="s">
        <v>24254</v>
      </c>
      <c r="O10738" s="5" t="s">
        <v>38</v>
      </c>
      <c r="P10738" s="5" t="s">
        <v>39</v>
      </c>
      <c r="Q10738" s="5" t="s">
        <v>40</v>
      </c>
      <c r="R10738" s="5" t="s">
        <v>24335</v>
      </c>
      <c r="S10738" s="5" t="s">
        <v>40</v>
      </c>
      <c r="T10738" s="5" t="s">
        <v>42</v>
      </c>
      <c r="U10738" s="2">
        <v>6.9530000000000003</v>
      </c>
      <c r="V10738" s="2">
        <v>4.9880000000000004</v>
      </c>
      <c r="W10738" s="2">
        <v>0.13600000000000001</v>
      </c>
      <c r="X10738" s="2">
        <v>12</v>
      </c>
      <c r="Y10738" s="2">
        <v>50</v>
      </c>
      <c r="Z10738" s="2">
        <v>227.4</v>
      </c>
      <c r="AA10738" s="5">
        <v>8</v>
      </c>
      <c r="AB10738" s="5" t="s">
        <v>43</v>
      </c>
      <c r="AC10738" s="5" t="s">
        <v>44</v>
      </c>
      <c r="AD10738" s="2" t="s">
        <v>32510</v>
      </c>
      <c r="AE10738" s="1"/>
    </row>
    <row r="10739" spans="1:31" ht="14.45">
      <c r="A10739" s="11"/>
      <c r="B10739" s="20"/>
      <c r="C10739" s="2" t="s">
        <v>33010</v>
      </c>
      <c r="D10739" s="14" t="s">
        <v>33011</v>
      </c>
      <c r="E10739" s="2" t="s">
        <v>33012</v>
      </c>
      <c r="F10739" s="2" t="s">
        <v>32522</v>
      </c>
      <c r="G10739" s="8">
        <v>234</v>
      </c>
      <c r="H10739" s="5">
        <v>5</v>
      </c>
      <c r="I10739" s="5" t="s">
        <v>69</v>
      </c>
      <c r="J10739" s="5" t="s">
        <v>27074</v>
      </c>
      <c r="K10739" s="2" t="s">
        <v>27075</v>
      </c>
      <c r="L10739" s="5" t="s">
        <v>27074</v>
      </c>
      <c r="M10739" s="2" t="s">
        <v>27075</v>
      </c>
      <c r="N10739" s="5" t="s">
        <v>24254</v>
      </c>
      <c r="O10739" s="5" t="s">
        <v>38</v>
      </c>
      <c r="P10739" s="5" t="s">
        <v>39</v>
      </c>
      <c r="Q10739" s="5" t="s">
        <v>40</v>
      </c>
      <c r="R10739" s="5" t="s">
        <v>24335</v>
      </c>
      <c r="S10739" s="5" t="s">
        <v>40</v>
      </c>
      <c r="T10739" s="5" t="s">
        <v>42</v>
      </c>
      <c r="U10739" s="2">
        <v>7.8760000000000003</v>
      </c>
      <c r="V10739" s="2">
        <v>6.0549999999999997</v>
      </c>
      <c r="W10739" s="2">
        <v>0.126</v>
      </c>
      <c r="X10739" s="2">
        <v>12</v>
      </c>
      <c r="Y10739" s="2">
        <v>50</v>
      </c>
      <c r="Z10739" s="2">
        <v>210</v>
      </c>
      <c r="AA10739" s="5">
        <v>10</v>
      </c>
      <c r="AB10739" s="5" t="s">
        <v>43</v>
      </c>
      <c r="AC10739" s="5" t="s">
        <v>44</v>
      </c>
      <c r="AD10739" s="2" t="s">
        <v>32577</v>
      </c>
      <c r="AE10739" s="1"/>
    </row>
    <row r="10740" spans="1:31" ht="14.45">
      <c r="A10740" s="11"/>
      <c r="B10740" s="20"/>
      <c r="C10740" s="2" t="s">
        <v>33013</v>
      </c>
      <c r="D10740" s="14" t="s">
        <v>33014</v>
      </c>
      <c r="E10740" s="2" t="s">
        <v>33015</v>
      </c>
      <c r="F10740" s="2" t="s">
        <v>32527</v>
      </c>
      <c r="G10740" s="8">
        <v>234</v>
      </c>
      <c r="H10740" s="5">
        <v>5</v>
      </c>
      <c r="I10740" s="5" t="s">
        <v>69</v>
      </c>
      <c r="J10740" s="5" t="s">
        <v>27074</v>
      </c>
      <c r="K10740" s="2" t="s">
        <v>27075</v>
      </c>
      <c r="L10740" s="5" t="s">
        <v>27074</v>
      </c>
      <c r="M10740" s="2" t="s">
        <v>27075</v>
      </c>
      <c r="N10740" s="5" t="s">
        <v>24254</v>
      </c>
      <c r="O10740" s="5" t="s">
        <v>38</v>
      </c>
      <c r="P10740" s="5" t="s">
        <v>39</v>
      </c>
      <c r="Q10740" s="5" t="s">
        <v>40</v>
      </c>
      <c r="R10740" s="5" t="s">
        <v>24335</v>
      </c>
      <c r="S10740" s="5" t="s">
        <v>40</v>
      </c>
      <c r="T10740" s="5" t="s">
        <v>42</v>
      </c>
      <c r="U10740" s="2">
        <v>6.6980000000000004</v>
      </c>
      <c r="V10740" s="2">
        <v>4.8769999999999998</v>
      </c>
      <c r="W10740" s="2">
        <v>0.13600000000000001</v>
      </c>
      <c r="X10740" s="2">
        <v>12</v>
      </c>
      <c r="Y10740" s="2">
        <v>50</v>
      </c>
      <c r="Z10740" s="2">
        <v>227.4</v>
      </c>
      <c r="AA10740" s="5">
        <v>10</v>
      </c>
      <c r="AB10740" s="5" t="s">
        <v>43</v>
      </c>
      <c r="AC10740" s="5" t="s">
        <v>44</v>
      </c>
      <c r="AD10740" s="2" t="s">
        <v>32536</v>
      </c>
      <c r="AE10740" s="1"/>
    </row>
    <row r="10741" spans="1:31" ht="14.45">
      <c r="A10741" s="11"/>
      <c r="B10741" s="20"/>
      <c r="C10741" s="2" t="s">
        <v>33016</v>
      </c>
      <c r="D10741" s="14" t="s">
        <v>33017</v>
      </c>
      <c r="E10741" s="2" t="s">
        <v>33018</v>
      </c>
      <c r="F10741" s="2" t="s">
        <v>32532</v>
      </c>
      <c r="G10741" s="8">
        <v>234</v>
      </c>
      <c r="H10741" s="5">
        <v>5</v>
      </c>
      <c r="I10741" s="5" t="s">
        <v>69</v>
      </c>
      <c r="J10741" s="5" t="s">
        <v>27074</v>
      </c>
      <c r="K10741" s="2" t="s">
        <v>27075</v>
      </c>
      <c r="L10741" s="5" t="s">
        <v>27074</v>
      </c>
      <c r="M10741" s="2" t="s">
        <v>27075</v>
      </c>
      <c r="N10741" s="5" t="s">
        <v>24254</v>
      </c>
      <c r="O10741" s="5" t="s">
        <v>38</v>
      </c>
      <c r="P10741" s="5" t="s">
        <v>39</v>
      </c>
      <c r="Q10741" s="5" t="s">
        <v>40</v>
      </c>
      <c r="R10741" s="5" t="s">
        <v>24335</v>
      </c>
      <c r="S10741" s="5" t="s">
        <v>40</v>
      </c>
      <c r="T10741" s="5" t="s">
        <v>42</v>
      </c>
      <c r="U10741" s="2">
        <v>6.5890000000000004</v>
      </c>
      <c r="V10741" s="2">
        <v>4.7439999999999998</v>
      </c>
      <c r="W10741" s="2">
        <v>0.13600000000000001</v>
      </c>
      <c r="X10741" s="2">
        <v>12</v>
      </c>
      <c r="Y10741" s="2">
        <v>50</v>
      </c>
      <c r="Z10741" s="2">
        <v>227.4</v>
      </c>
      <c r="AA10741" s="5">
        <v>10</v>
      </c>
      <c r="AB10741" s="5" t="s">
        <v>43</v>
      </c>
      <c r="AC10741" s="5" t="s">
        <v>44</v>
      </c>
      <c r="AD10741" s="2" t="s">
        <v>32528</v>
      </c>
      <c r="AE10741" s="1"/>
    </row>
    <row r="10742" spans="1:31" ht="14.45">
      <c r="A10742" s="11"/>
      <c r="B10742" s="20"/>
      <c r="C10742" s="2" t="s">
        <v>33019</v>
      </c>
      <c r="D10742" s="14" t="s">
        <v>33020</v>
      </c>
      <c r="E10742" s="2" t="s">
        <v>33021</v>
      </c>
      <c r="F10742" s="2" t="s">
        <v>32532</v>
      </c>
      <c r="G10742" s="8">
        <v>234</v>
      </c>
      <c r="H10742" s="5">
        <v>5</v>
      </c>
      <c r="I10742" s="5" t="s">
        <v>69</v>
      </c>
      <c r="J10742" s="5" t="s">
        <v>27074</v>
      </c>
      <c r="K10742" s="2" t="s">
        <v>27075</v>
      </c>
      <c r="L10742" s="5" t="s">
        <v>27074</v>
      </c>
      <c r="M10742" s="2" t="s">
        <v>27075</v>
      </c>
      <c r="N10742" s="5" t="s">
        <v>24254</v>
      </c>
      <c r="O10742" s="5" t="s">
        <v>38</v>
      </c>
      <c r="P10742" s="5" t="s">
        <v>39</v>
      </c>
      <c r="Q10742" s="5" t="s">
        <v>40</v>
      </c>
      <c r="R10742" s="5" t="s">
        <v>24335</v>
      </c>
      <c r="S10742" s="5" t="s">
        <v>40</v>
      </c>
      <c r="T10742" s="5" t="s">
        <v>42</v>
      </c>
      <c r="U10742" s="2">
        <v>6.9619999999999997</v>
      </c>
      <c r="V10742" s="2">
        <v>5.117</v>
      </c>
      <c r="W10742" s="2">
        <v>8.3000000000000004E-2</v>
      </c>
      <c r="X10742" s="2">
        <v>12</v>
      </c>
      <c r="Y10742" s="2">
        <v>50</v>
      </c>
      <c r="Z10742" s="2">
        <v>227.4</v>
      </c>
      <c r="AA10742" s="5">
        <v>10</v>
      </c>
      <c r="AB10742" s="5" t="s">
        <v>43</v>
      </c>
      <c r="AC10742" s="5" t="s">
        <v>44</v>
      </c>
      <c r="AD10742" s="2" t="s">
        <v>32536</v>
      </c>
      <c r="AE10742" s="1"/>
    </row>
    <row r="10743" spans="1:31" ht="14.45">
      <c r="A10743" s="11"/>
      <c r="B10743" s="20"/>
      <c r="C10743" s="2" t="s">
        <v>33022</v>
      </c>
      <c r="D10743" s="14" t="s">
        <v>33023</v>
      </c>
      <c r="E10743" s="2" t="s">
        <v>33024</v>
      </c>
      <c r="F10743" s="2" t="s">
        <v>32540</v>
      </c>
      <c r="G10743" s="8">
        <v>426</v>
      </c>
      <c r="H10743" s="5">
        <v>5</v>
      </c>
      <c r="I10743" s="5" t="s">
        <v>69</v>
      </c>
      <c r="J10743" s="5" t="s">
        <v>27074</v>
      </c>
      <c r="K10743" s="2" t="s">
        <v>27075</v>
      </c>
      <c r="L10743" s="5" t="s">
        <v>27074</v>
      </c>
      <c r="M10743" s="2" t="s">
        <v>27075</v>
      </c>
      <c r="N10743" s="5" t="s">
        <v>24254</v>
      </c>
      <c r="O10743" s="5" t="s">
        <v>38</v>
      </c>
      <c r="P10743" s="5" t="s">
        <v>39</v>
      </c>
      <c r="Q10743" s="5" t="s">
        <v>40</v>
      </c>
      <c r="R10743" s="5" t="s">
        <v>24335</v>
      </c>
      <c r="S10743" s="5" t="s">
        <v>40</v>
      </c>
      <c r="T10743" s="5" t="s">
        <v>42</v>
      </c>
      <c r="U10743" s="2">
        <v>15.315</v>
      </c>
      <c r="V10743" s="2">
        <v>12.659000000000001</v>
      </c>
      <c r="W10743" s="2">
        <v>0.19500000000000001</v>
      </c>
      <c r="X10743" s="2">
        <v>12</v>
      </c>
      <c r="Y10743" s="2">
        <v>77</v>
      </c>
      <c r="Z10743" s="2">
        <v>210.9</v>
      </c>
      <c r="AA10743" s="5">
        <v>8</v>
      </c>
      <c r="AB10743" s="5" t="s">
        <v>43</v>
      </c>
      <c r="AC10743" s="5" t="s">
        <v>44</v>
      </c>
      <c r="AD10743" s="2" t="s">
        <v>32541</v>
      </c>
      <c r="AE10743" s="1"/>
    </row>
    <row r="10744" spans="1:31" ht="14.45">
      <c r="A10744" s="11"/>
      <c r="B10744" s="20"/>
      <c r="C10744" s="2" t="s">
        <v>33025</v>
      </c>
      <c r="D10744" s="14" t="s">
        <v>33026</v>
      </c>
      <c r="E10744" s="2" t="s">
        <v>33027</v>
      </c>
      <c r="F10744" s="2" t="s">
        <v>32545</v>
      </c>
      <c r="G10744" s="8">
        <v>787</v>
      </c>
      <c r="H10744" s="5">
        <v>5</v>
      </c>
      <c r="I10744" s="5" t="s">
        <v>69</v>
      </c>
      <c r="J10744" s="5" t="s">
        <v>27074</v>
      </c>
      <c r="K10744" s="2" t="s">
        <v>27075</v>
      </c>
      <c r="L10744" s="5" t="s">
        <v>27074</v>
      </c>
      <c r="M10744" s="2" t="s">
        <v>27075</v>
      </c>
      <c r="N10744" s="5" t="s">
        <v>24254</v>
      </c>
      <c r="O10744" s="5" t="s">
        <v>38</v>
      </c>
      <c r="P10744" s="5" t="s">
        <v>39</v>
      </c>
      <c r="Q10744" s="5" t="s">
        <v>40</v>
      </c>
      <c r="R10744" s="5" t="s">
        <v>1487</v>
      </c>
      <c r="S10744" s="5"/>
      <c r="T10744" s="5" t="s">
        <v>42</v>
      </c>
      <c r="U10744" s="2">
        <v>0</v>
      </c>
      <c r="V10744" s="2">
        <v>0</v>
      </c>
      <c r="W10744" s="2">
        <v>0</v>
      </c>
      <c r="X10744" s="2">
        <v>0</v>
      </c>
      <c r="Y10744" s="2">
        <v>0</v>
      </c>
      <c r="Z10744" s="2">
        <v>0</v>
      </c>
      <c r="AA10744" s="5"/>
      <c r="AB10744" s="5" t="s">
        <v>43</v>
      </c>
      <c r="AC10744" s="5" t="s">
        <v>44</v>
      </c>
      <c r="AD10744" s="2" t="s">
        <v>32546</v>
      </c>
      <c r="AE10744" s="1"/>
    </row>
    <row r="10745" spans="1:31" ht="14.45">
      <c r="A10745" s="11"/>
      <c r="B10745" s="20"/>
      <c r="C10745" s="2" t="s">
        <v>33028</v>
      </c>
      <c r="D10745" s="14" t="s">
        <v>33029</v>
      </c>
      <c r="E10745" s="2" t="s">
        <v>33030</v>
      </c>
      <c r="F10745" s="2" t="s">
        <v>32550</v>
      </c>
      <c r="G10745" s="8">
        <v>787</v>
      </c>
      <c r="H10745" s="5">
        <v>15</v>
      </c>
      <c r="I10745" s="5" t="s">
        <v>69</v>
      </c>
      <c r="J10745" s="5" t="s">
        <v>27074</v>
      </c>
      <c r="K10745" s="2" t="s">
        <v>27075</v>
      </c>
      <c r="L10745" s="5" t="s">
        <v>27074</v>
      </c>
      <c r="M10745" s="2" t="s">
        <v>27075</v>
      </c>
      <c r="N10745" s="5" t="s">
        <v>24254</v>
      </c>
      <c r="O10745" s="5" t="s">
        <v>38</v>
      </c>
      <c r="P10745" s="5" t="s">
        <v>39</v>
      </c>
      <c r="Q10745" s="5" t="s">
        <v>40</v>
      </c>
      <c r="R10745" s="5" t="s">
        <v>1487</v>
      </c>
      <c r="S10745" s="5"/>
      <c r="T10745" s="5" t="s">
        <v>42</v>
      </c>
      <c r="U10745" s="2">
        <v>0</v>
      </c>
      <c r="V10745" s="2">
        <v>0</v>
      </c>
      <c r="W10745" s="2">
        <v>0</v>
      </c>
      <c r="X10745" s="2">
        <v>0</v>
      </c>
      <c r="Y10745" s="2">
        <v>0</v>
      </c>
      <c r="Z10745" s="2">
        <v>0</v>
      </c>
      <c r="AA10745" s="5"/>
      <c r="AB10745" s="5" t="s">
        <v>43</v>
      </c>
      <c r="AC10745" s="5" t="s">
        <v>44</v>
      </c>
      <c r="AD10745" s="2" t="s">
        <v>32551</v>
      </c>
      <c r="AE10745" s="1"/>
    </row>
    <row r="10746" spans="1:31" ht="14.45">
      <c r="A10746" s="11"/>
      <c r="B10746" s="20"/>
      <c r="C10746" s="2" t="s">
        <v>33031</v>
      </c>
      <c r="D10746" s="14" t="s">
        <v>33032</v>
      </c>
      <c r="E10746" s="2" t="s">
        <v>33033</v>
      </c>
      <c r="F10746" s="2" t="s">
        <v>32509</v>
      </c>
      <c r="G10746" s="8">
        <v>221</v>
      </c>
      <c r="H10746" s="5">
        <v>10</v>
      </c>
      <c r="I10746" s="5" t="s">
        <v>69</v>
      </c>
      <c r="J10746" s="5" t="s">
        <v>27074</v>
      </c>
      <c r="K10746" s="2" t="s">
        <v>27075</v>
      </c>
      <c r="L10746" s="5" t="s">
        <v>27074</v>
      </c>
      <c r="M10746" s="2" t="s">
        <v>27075</v>
      </c>
      <c r="N10746" s="5" t="s">
        <v>24254</v>
      </c>
      <c r="O10746" s="5" t="s">
        <v>38</v>
      </c>
      <c r="P10746" s="5" t="s">
        <v>39</v>
      </c>
      <c r="Q10746" s="5" t="s">
        <v>40</v>
      </c>
      <c r="R10746" s="5" t="s">
        <v>24335</v>
      </c>
      <c r="S10746" s="5" t="s">
        <v>40</v>
      </c>
      <c r="T10746" s="5" t="s">
        <v>42</v>
      </c>
      <c r="U10746" s="2">
        <v>8.5239999999999991</v>
      </c>
      <c r="V10746" s="2">
        <v>6.7409999999999997</v>
      </c>
      <c r="W10746" s="2">
        <v>0.104</v>
      </c>
      <c r="X10746" s="2">
        <v>12</v>
      </c>
      <c r="Y10746" s="2">
        <v>50</v>
      </c>
      <c r="Z10746" s="2">
        <v>173.9</v>
      </c>
      <c r="AA10746" s="5">
        <v>8</v>
      </c>
      <c r="AB10746" s="5" t="s">
        <v>43</v>
      </c>
      <c r="AC10746" s="5" t="s">
        <v>44</v>
      </c>
      <c r="AD10746" s="2" t="s">
        <v>32510</v>
      </c>
      <c r="AE10746" s="1"/>
    </row>
    <row r="10747" spans="1:31" ht="14.45">
      <c r="A10747" s="11"/>
      <c r="B10747" s="20"/>
      <c r="C10747" s="2" t="s">
        <v>33034</v>
      </c>
      <c r="D10747" s="14" t="s">
        <v>33035</v>
      </c>
      <c r="E10747" s="2" t="s">
        <v>33036</v>
      </c>
      <c r="F10747" s="2" t="s">
        <v>32514</v>
      </c>
      <c r="G10747" s="8">
        <v>221</v>
      </c>
      <c r="H10747" s="5">
        <v>5</v>
      </c>
      <c r="I10747" s="5" t="s">
        <v>69</v>
      </c>
      <c r="J10747" s="5" t="s">
        <v>27074</v>
      </c>
      <c r="K10747" s="2" t="s">
        <v>27075</v>
      </c>
      <c r="L10747" s="5" t="s">
        <v>27074</v>
      </c>
      <c r="M10747" s="2" t="s">
        <v>27075</v>
      </c>
      <c r="N10747" s="5" t="s">
        <v>24254</v>
      </c>
      <c r="O10747" s="5" t="s">
        <v>38</v>
      </c>
      <c r="P10747" s="5" t="s">
        <v>39</v>
      </c>
      <c r="Q10747" s="5" t="s">
        <v>40</v>
      </c>
      <c r="R10747" s="5" t="s">
        <v>24335</v>
      </c>
      <c r="S10747" s="5" t="s">
        <v>40</v>
      </c>
      <c r="T10747" s="5" t="s">
        <v>42</v>
      </c>
      <c r="U10747" s="2">
        <v>7.8559999999999999</v>
      </c>
      <c r="V10747" s="2">
        <v>6</v>
      </c>
      <c r="W10747" s="2">
        <v>0.104</v>
      </c>
      <c r="X10747" s="2">
        <v>12</v>
      </c>
      <c r="Y10747" s="2">
        <v>50</v>
      </c>
      <c r="Z10747" s="2">
        <v>173.9</v>
      </c>
      <c r="AA10747" s="5">
        <v>8</v>
      </c>
      <c r="AB10747" s="5" t="s">
        <v>43</v>
      </c>
      <c r="AC10747" s="5" t="s">
        <v>44</v>
      </c>
      <c r="AD10747" s="2" t="s">
        <v>32510</v>
      </c>
      <c r="AE10747" s="1"/>
    </row>
    <row r="10748" spans="1:31" ht="14.45">
      <c r="A10748" s="11"/>
      <c r="B10748" s="20"/>
      <c r="C10748" s="2" t="s">
        <v>33037</v>
      </c>
      <c r="D10748" s="14" t="s">
        <v>33038</v>
      </c>
      <c r="E10748" s="2" t="s">
        <v>33039</v>
      </c>
      <c r="F10748" s="2" t="s">
        <v>32518</v>
      </c>
      <c r="G10748" s="8">
        <v>221</v>
      </c>
      <c r="H10748" s="5">
        <v>10</v>
      </c>
      <c r="I10748" s="5" t="s">
        <v>69</v>
      </c>
      <c r="J10748" s="5" t="s">
        <v>27074</v>
      </c>
      <c r="K10748" s="2" t="s">
        <v>27075</v>
      </c>
      <c r="L10748" s="5" t="s">
        <v>27074</v>
      </c>
      <c r="M10748" s="2" t="s">
        <v>27075</v>
      </c>
      <c r="N10748" s="5" t="s">
        <v>24254</v>
      </c>
      <c r="O10748" s="5" t="s">
        <v>38</v>
      </c>
      <c r="P10748" s="5" t="s">
        <v>39</v>
      </c>
      <c r="Q10748" s="5" t="s">
        <v>40</v>
      </c>
      <c r="R10748" s="5" t="s">
        <v>24335</v>
      </c>
      <c r="S10748" s="5" t="s">
        <v>40</v>
      </c>
      <c r="T10748" s="5" t="s">
        <v>42</v>
      </c>
      <c r="U10748" s="2">
        <v>6.4459999999999997</v>
      </c>
      <c r="V10748" s="2">
        <v>4.6970000000000001</v>
      </c>
      <c r="W10748" s="2">
        <v>0.104</v>
      </c>
      <c r="X10748" s="2">
        <v>12</v>
      </c>
      <c r="Y10748" s="2">
        <v>50</v>
      </c>
      <c r="Z10748" s="2">
        <v>173.9</v>
      </c>
      <c r="AA10748" s="5">
        <v>8</v>
      </c>
      <c r="AB10748" s="5" t="s">
        <v>43</v>
      </c>
      <c r="AC10748" s="5" t="s">
        <v>44</v>
      </c>
      <c r="AD10748" s="2" t="s">
        <v>32510</v>
      </c>
      <c r="AE10748" s="1"/>
    </row>
    <row r="10749" spans="1:31" ht="14.45">
      <c r="A10749" s="11"/>
      <c r="B10749" s="20"/>
      <c r="C10749" s="2" t="s">
        <v>33040</v>
      </c>
      <c r="D10749" s="14" t="s">
        <v>33041</v>
      </c>
      <c r="E10749" s="2" t="s">
        <v>33042</v>
      </c>
      <c r="F10749" s="2" t="s">
        <v>32522</v>
      </c>
      <c r="G10749" s="8">
        <v>221</v>
      </c>
      <c r="H10749" s="5">
        <v>5</v>
      </c>
      <c r="I10749" s="5" t="s">
        <v>69</v>
      </c>
      <c r="J10749" s="5" t="s">
        <v>27074</v>
      </c>
      <c r="K10749" s="2" t="s">
        <v>27075</v>
      </c>
      <c r="L10749" s="5" t="s">
        <v>27074</v>
      </c>
      <c r="M10749" s="2" t="s">
        <v>27075</v>
      </c>
      <c r="N10749" s="5" t="s">
        <v>24254</v>
      </c>
      <c r="O10749" s="5" t="s">
        <v>38</v>
      </c>
      <c r="P10749" s="5" t="s">
        <v>39</v>
      </c>
      <c r="Q10749" s="5" t="s">
        <v>40</v>
      </c>
      <c r="R10749" s="5" t="s">
        <v>24335</v>
      </c>
      <c r="S10749" s="5" t="s">
        <v>40</v>
      </c>
      <c r="T10749" s="5" t="s">
        <v>42</v>
      </c>
      <c r="U10749" s="2">
        <v>6.88</v>
      </c>
      <c r="V10749" s="2">
        <v>5.0590000000000002</v>
      </c>
      <c r="W10749" s="2">
        <v>0.11600000000000001</v>
      </c>
      <c r="X10749" s="2">
        <v>12</v>
      </c>
      <c r="Y10749" s="2">
        <v>50</v>
      </c>
      <c r="Z10749" s="2">
        <v>173.9</v>
      </c>
      <c r="AA10749" s="5">
        <v>10</v>
      </c>
      <c r="AB10749" s="5" t="s">
        <v>43</v>
      </c>
      <c r="AC10749" s="5" t="s">
        <v>44</v>
      </c>
      <c r="AD10749" s="2" t="s">
        <v>32523</v>
      </c>
      <c r="AE10749" s="1"/>
    </row>
    <row r="10750" spans="1:31" ht="14.45">
      <c r="A10750" s="11"/>
      <c r="B10750" s="20"/>
      <c r="C10750" s="2" t="s">
        <v>33043</v>
      </c>
      <c r="D10750" s="14" t="s">
        <v>33044</v>
      </c>
      <c r="E10750" s="2" t="s">
        <v>33045</v>
      </c>
      <c r="F10750" s="2" t="s">
        <v>32522</v>
      </c>
      <c r="G10750" s="8">
        <v>221</v>
      </c>
      <c r="H10750" s="5">
        <v>5</v>
      </c>
      <c r="I10750" s="5" t="s">
        <v>69</v>
      </c>
      <c r="J10750" s="5" t="s">
        <v>27074</v>
      </c>
      <c r="K10750" s="2" t="s">
        <v>27075</v>
      </c>
      <c r="L10750" s="5" t="s">
        <v>27074</v>
      </c>
      <c r="M10750" s="2" t="s">
        <v>27075</v>
      </c>
      <c r="N10750" s="5" t="s">
        <v>24254</v>
      </c>
      <c r="O10750" s="5" t="s">
        <v>38</v>
      </c>
      <c r="P10750" s="5" t="s">
        <v>39</v>
      </c>
      <c r="Q10750" s="5" t="s">
        <v>40</v>
      </c>
      <c r="R10750" s="5" t="s">
        <v>24335</v>
      </c>
      <c r="S10750" s="5" t="s">
        <v>40</v>
      </c>
      <c r="T10750" s="5" t="s">
        <v>42</v>
      </c>
      <c r="U10750" s="2">
        <v>7.282</v>
      </c>
      <c r="V10750" s="2">
        <v>5.4610000000000003</v>
      </c>
      <c r="W10750" s="2">
        <v>0.104</v>
      </c>
      <c r="X10750" s="2">
        <v>12</v>
      </c>
      <c r="Y10750" s="2">
        <v>50</v>
      </c>
      <c r="Z10750" s="2">
        <v>173.9</v>
      </c>
      <c r="AA10750" s="5">
        <v>10</v>
      </c>
      <c r="AB10750" s="5" t="s">
        <v>43</v>
      </c>
      <c r="AC10750" s="5" t="s">
        <v>44</v>
      </c>
      <c r="AD10750" s="2" t="s">
        <v>32577</v>
      </c>
      <c r="AE10750" s="1"/>
    </row>
    <row r="10751" spans="1:31" ht="14.45">
      <c r="A10751" s="11"/>
      <c r="B10751" s="20"/>
      <c r="C10751" s="2" t="s">
        <v>33046</v>
      </c>
      <c r="D10751" s="14" t="s">
        <v>33047</v>
      </c>
      <c r="E10751" s="2" t="s">
        <v>33048</v>
      </c>
      <c r="F10751" s="2" t="s">
        <v>32527</v>
      </c>
      <c r="G10751" s="8">
        <v>221</v>
      </c>
      <c r="H10751" s="5">
        <v>5</v>
      </c>
      <c r="I10751" s="5" t="s">
        <v>69</v>
      </c>
      <c r="J10751" s="5" t="s">
        <v>27074</v>
      </c>
      <c r="K10751" s="2" t="s">
        <v>27075</v>
      </c>
      <c r="L10751" s="5" t="s">
        <v>27074</v>
      </c>
      <c r="M10751" s="2" t="s">
        <v>27075</v>
      </c>
      <c r="N10751" s="5" t="s">
        <v>24254</v>
      </c>
      <c r="O10751" s="5" t="s">
        <v>38</v>
      </c>
      <c r="P10751" s="5" t="s">
        <v>39</v>
      </c>
      <c r="Q10751" s="5" t="s">
        <v>40</v>
      </c>
      <c r="R10751" s="5" t="s">
        <v>24335</v>
      </c>
      <c r="S10751" s="5" t="s">
        <v>40</v>
      </c>
      <c r="T10751" s="5" t="s">
        <v>42</v>
      </c>
      <c r="U10751" s="2">
        <v>5.8680000000000003</v>
      </c>
      <c r="V10751" s="2">
        <v>4.0469999999999997</v>
      </c>
      <c r="W10751" s="2">
        <v>0.104</v>
      </c>
      <c r="X10751" s="2">
        <v>12</v>
      </c>
      <c r="Y10751" s="2">
        <v>50</v>
      </c>
      <c r="Z10751" s="2">
        <v>173.9</v>
      </c>
      <c r="AA10751" s="5">
        <v>10</v>
      </c>
      <c r="AB10751" s="5" t="s">
        <v>43</v>
      </c>
      <c r="AC10751" s="5" t="s">
        <v>44</v>
      </c>
      <c r="AD10751" s="2" t="s">
        <v>32528</v>
      </c>
      <c r="AE10751" s="1"/>
    </row>
    <row r="10752" spans="1:31" ht="14.45">
      <c r="A10752" s="11"/>
      <c r="B10752" s="20"/>
      <c r="C10752" s="2" t="s">
        <v>33049</v>
      </c>
      <c r="D10752" s="14" t="s">
        <v>33050</v>
      </c>
      <c r="E10752" s="2" t="s">
        <v>33051</v>
      </c>
      <c r="F10752" s="2" t="s">
        <v>32527</v>
      </c>
      <c r="G10752" s="8">
        <v>221</v>
      </c>
      <c r="H10752" s="5">
        <v>5</v>
      </c>
      <c r="I10752" s="5" t="s">
        <v>69</v>
      </c>
      <c r="J10752" s="5" t="s">
        <v>27074</v>
      </c>
      <c r="K10752" s="2" t="s">
        <v>27075</v>
      </c>
      <c r="L10752" s="5" t="s">
        <v>27074</v>
      </c>
      <c r="M10752" s="2" t="s">
        <v>27075</v>
      </c>
      <c r="N10752" s="5" t="s">
        <v>24254</v>
      </c>
      <c r="O10752" s="5" t="s">
        <v>38</v>
      </c>
      <c r="P10752" s="5" t="s">
        <v>39</v>
      </c>
      <c r="Q10752" s="5" t="s">
        <v>40</v>
      </c>
      <c r="R10752" s="5" t="s">
        <v>24335</v>
      </c>
      <c r="S10752" s="5" t="s">
        <v>40</v>
      </c>
      <c r="T10752" s="5" t="s">
        <v>42</v>
      </c>
      <c r="U10752" s="2">
        <v>6.37</v>
      </c>
      <c r="V10752" s="2">
        <v>4.5490000000000004</v>
      </c>
      <c r="W10752" s="2">
        <v>0.104</v>
      </c>
      <c r="X10752" s="2">
        <v>12</v>
      </c>
      <c r="Y10752" s="2">
        <v>50</v>
      </c>
      <c r="Z10752" s="2">
        <v>173.9</v>
      </c>
      <c r="AA10752" s="5">
        <v>10</v>
      </c>
      <c r="AB10752" s="5" t="s">
        <v>43</v>
      </c>
      <c r="AC10752" s="5" t="s">
        <v>44</v>
      </c>
      <c r="AD10752" s="2" t="s">
        <v>32536</v>
      </c>
      <c r="AE10752" s="1"/>
    </row>
    <row r="10753" spans="1:31" ht="14.45">
      <c r="A10753" s="11"/>
      <c r="B10753" s="20"/>
      <c r="C10753" s="2" t="s">
        <v>33052</v>
      </c>
      <c r="D10753" s="14" t="s">
        <v>33053</v>
      </c>
      <c r="E10753" s="2" t="s">
        <v>33054</v>
      </c>
      <c r="F10753" s="2" t="s">
        <v>32532</v>
      </c>
      <c r="G10753" s="8">
        <v>221</v>
      </c>
      <c r="H10753" s="5">
        <v>5</v>
      </c>
      <c r="I10753" s="5" t="s">
        <v>69</v>
      </c>
      <c r="J10753" s="5" t="s">
        <v>27074</v>
      </c>
      <c r="K10753" s="2" t="s">
        <v>27075</v>
      </c>
      <c r="L10753" s="5" t="s">
        <v>27074</v>
      </c>
      <c r="M10753" s="2" t="s">
        <v>27075</v>
      </c>
      <c r="N10753" s="5" t="s">
        <v>24254</v>
      </c>
      <c r="O10753" s="5" t="s">
        <v>38</v>
      </c>
      <c r="P10753" s="5" t="s">
        <v>39</v>
      </c>
      <c r="Q10753" s="5" t="s">
        <v>40</v>
      </c>
      <c r="R10753" s="5" t="s">
        <v>24335</v>
      </c>
      <c r="S10753" s="5" t="s">
        <v>40</v>
      </c>
      <c r="T10753" s="5" t="s">
        <v>42</v>
      </c>
      <c r="U10753" s="2">
        <v>6.0860000000000003</v>
      </c>
      <c r="V10753" s="2">
        <v>4.2210000000000001</v>
      </c>
      <c r="W10753" s="2">
        <v>0.104</v>
      </c>
      <c r="X10753" s="2">
        <v>12</v>
      </c>
      <c r="Y10753" s="2">
        <v>50</v>
      </c>
      <c r="Z10753" s="2">
        <v>173.9</v>
      </c>
      <c r="AA10753" s="5">
        <v>10</v>
      </c>
      <c r="AB10753" s="5" t="s">
        <v>43</v>
      </c>
      <c r="AC10753" s="5" t="s">
        <v>44</v>
      </c>
      <c r="AD10753" s="2" t="s">
        <v>32528</v>
      </c>
      <c r="AE10753" s="1"/>
    </row>
    <row r="10754" spans="1:31" ht="14.45">
      <c r="A10754" s="11"/>
      <c r="B10754" s="20"/>
      <c r="C10754" s="2" t="s">
        <v>33055</v>
      </c>
      <c r="D10754" s="14" t="s">
        <v>33056</v>
      </c>
      <c r="E10754" s="2" t="s">
        <v>33057</v>
      </c>
      <c r="F10754" s="2" t="s">
        <v>32532</v>
      </c>
      <c r="G10754" s="8">
        <v>221</v>
      </c>
      <c r="H10754" s="5">
        <v>5</v>
      </c>
      <c r="I10754" s="5" t="s">
        <v>69</v>
      </c>
      <c r="J10754" s="5" t="s">
        <v>27074</v>
      </c>
      <c r="K10754" s="2" t="s">
        <v>27075</v>
      </c>
      <c r="L10754" s="5" t="s">
        <v>27074</v>
      </c>
      <c r="M10754" s="2" t="s">
        <v>27075</v>
      </c>
      <c r="N10754" s="5" t="s">
        <v>24254</v>
      </c>
      <c r="O10754" s="5" t="s">
        <v>38</v>
      </c>
      <c r="P10754" s="5" t="s">
        <v>39</v>
      </c>
      <c r="Q10754" s="5" t="s">
        <v>40</v>
      </c>
      <c r="R10754" s="5" t="s">
        <v>24335</v>
      </c>
      <c r="S10754" s="5" t="s">
        <v>40</v>
      </c>
      <c r="T10754" s="5" t="s">
        <v>42</v>
      </c>
      <c r="U10754" s="2">
        <v>6.5140000000000002</v>
      </c>
      <c r="V10754" s="2">
        <v>4.649</v>
      </c>
      <c r="W10754" s="2">
        <v>0.11600000000000001</v>
      </c>
      <c r="X10754" s="2">
        <v>12</v>
      </c>
      <c r="Y10754" s="2">
        <v>50</v>
      </c>
      <c r="Z10754" s="2">
        <v>173.9</v>
      </c>
      <c r="AA10754" s="5">
        <v>10</v>
      </c>
      <c r="AB10754" s="5" t="s">
        <v>43</v>
      </c>
      <c r="AC10754" s="5" t="s">
        <v>44</v>
      </c>
      <c r="AD10754" s="2" t="s">
        <v>32536</v>
      </c>
      <c r="AE10754" s="1"/>
    </row>
    <row r="10755" spans="1:31" ht="14.45">
      <c r="A10755" s="11"/>
      <c r="B10755" s="20"/>
      <c r="C10755" s="2" t="s">
        <v>33058</v>
      </c>
      <c r="D10755" s="14" t="s">
        <v>33059</v>
      </c>
      <c r="E10755" s="2" t="s">
        <v>33060</v>
      </c>
      <c r="F10755" s="2" t="s">
        <v>32540</v>
      </c>
      <c r="G10755" s="8">
        <v>402</v>
      </c>
      <c r="H10755" s="5">
        <v>5</v>
      </c>
      <c r="I10755" s="5" t="s">
        <v>69</v>
      </c>
      <c r="J10755" s="5" t="s">
        <v>27074</v>
      </c>
      <c r="K10755" s="2" t="s">
        <v>27075</v>
      </c>
      <c r="L10755" s="5" t="s">
        <v>27074</v>
      </c>
      <c r="M10755" s="2" t="s">
        <v>27075</v>
      </c>
      <c r="N10755" s="5" t="s">
        <v>24254</v>
      </c>
      <c r="O10755" s="5" t="s">
        <v>38</v>
      </c>
      <c r="P10755" s="5" t="s">
        <v>39</v>
      </c>
      <c r="Q10755" s="5" t="s">
        <v>40</v>
      </c>
      <c r="R10755" s="5" t="s">
        <v>24335</v>
      </c>
      <c r="S10755" s="5" t="s">
        <v>40</v>
      </c>
      <c r="T10755" s="5" t="s">
        <v>42</v>
      </c>
      <c r="U10755" s="2">
        <v>13.847</v>
      </c>
      <c r="V10755" s="2">
        <v>11.191000000000001</v>
      </c>
      <c r="W10755" s="2">
        <v>0.19500000000000001</v>
      </c>
      <c r="X10755" s="2">
        <v>12</v>
      </c>
      <c r="Y10755" s="2">
        <v>77</v>
      </c>
      <c r="Z10755" s="2">
        <v>210.9</v>
      </c>
      <c r="AA10755" s="5">
        <v>8</v>
      </c>
      <c r="AB10755" s="5" t="s">
        <v>43</v>
      </c>
      <c r="AC10755" s="5" t="s">
        <v>44</v>
      </c>
      <c r="AD10755" s="2" t="s">
        <v>32541</v>
      </c>
      <c r="AE10755" s="1"/>
    </row>
    <row r="10756" spans="1:31" ht="14.45">
      <c r="A10756" s="11"/>
      <c r="B10756" s="20"/>
      <c r="C10756" s="2" t="s">
        <v>33061</v>
      </c>
      <c r="D10756" s="14" t="s">
        <v>33062</v>
      </c>
      <c r="E10756" s="2" t="s">
        <v>33063</v>
      </c>
      <c r="F10756" s="2" t="s">
        <v>32545</v>
      </c>
      <c r="G10756" s="8">
        <v>801</v>
      </c>
      <c r="H10756" s="5">
        <v>5</v>
      </c>
      <c r="I10756" s="5" t="s">
        <v>69</v>
      </c>
      <c r="J10756" s="5" t="s">
        <v>27074</v>
      </c>
      <c r="K10756" s="2" t="s">
        <v>27075</v>
      </c>
      <c r="L10756" s="5" t="s">
        <v>27074</v>
      </c>
      <c r="M10756" s="2" t="s">
        <v>27075</v>
      </c>
      <c r="N10756" s="5" t="s">
        <v>24254</v>
      </c>
      <c r="O10756" s="5" t="s">
        <v>38</v>
      </c>
      <c r="P10756" s="5" t="s">
        <v>39</v>
      </c>
      <c r="Q10756" s="5" t="s">
        <v>40</v>
      </c>
      <c r="R10756" s="5" t="s">
        <v>1487</v>
      </c>
      <c r="S10756" s="5"/>
      <c r="T10756" s="5" t="s">
        <v>42</v>
      </c>
      <c r="U10756" s="2">
        <v>0</v>
      </c>
      <c r="V10756" s="2">
        <v>0</v>
      </c>
      <c r="W10756" s="2">
        <v>0</v>
      </c>
      <c r="X10756" s="2">
        <v>0</v>
      </c>
      <c r="Y10756" s="2">
        <v>0</v>
      </c>
      <c r="Z10756" s="2">
        <v>0</v>
      </c>
      <c r="AA10756" s="5"/>
      <c r="AB10756" s="5" t="s">
        <v>43</v>
      </c>
      <c r="AC10756" s="5" t="s">
        <v>44</v>
      </c>
      <c r="AD10756" s="2" t="s">
        <v>32546</v>
      </c>
      <c r="AE10756" s="1"/>
    </row>
    <row r="10757" spans="1:31" ht="14.45">
      <c r="A10757" s="11"/>
      <c r="B10757" s="20"/>
      <c r="C10757" s="2" t="s">
        <v>33064</v>
      </c>
      <c r="D10757" s="14" t="s">
        <v>33065</v>
      </c>
      <c r="E10757" s="2" t="s">
        <v>33066</v>
      </c>
      <c r="F10757" s="2" t="s">
        <v>32550</v>
      </c>
      <c r="G10757" s="8">
        <v>801</v>
      </c>
      <c r="H10757" s="5">
        <v>15</v>
      </c>
      <c r="I10757" s="5" t="s">
        <v>69</v>
      </c>
      <c r="J10757" s="5" t="s">
        <v>27074</v>
      </c>
      <c r="K10757" s="2" t="s">
        <v>27075</v>
      </c>
      <c r="L10757" s="5" t="s">
        <v>27074</v>
      </c>
      <c r="M10757" s="2" t="s">
        <v>27075</v>
      </c>
      <c r="N10757" s="5" t="s">
        <v>24254</v>
      </c>
      <c r="O10757" s="5" t="s">
        <v>38</v>
      </c>
      <c r="P10757" s="5" t="s">
        <v>39</v>
      </c>
      <c r="Q10757" s="5" t="s">
        <v>40</v>
      </c>
      <c r="R10757" s="5" t="s">
        <v>1487</v>
      </c>
      <c r="S10757" s="5"/>
      <c r="T10757" s="5" t="s">
        <v>42</v>
      </c>
      <c r="U10757" s="2">
        <v>0</v>
      </c>
      <c r="V10757" s="2">
        <v>0</v>
      </c>
      <c r="W10757" s="2">
        <v>0</v>
      </c>
      <c r="X10757" s="2">
        <v>0</v>
      </c>
      <c r="Y10757" s="2">
        <v>0</v>
      </c>
      <c r="Z10757" s="2">
        <v>0</v>
      </c>
      <c r="AA10757" s="5"/>
      <c r="AB10757" s="5" t="s">
        <v>43</v>
      </c>
      <c r="AC10757" s="5" t="s">
        <v>44</v>
      </c>
      <c r="AD10757" s="2" t="s">
        <v>32551</v>
      </c>
      <c r="AE10757" s="1"/>
    </row>
    <row r="10758" spans="1:31" ht="14.45">
      <c r="A10758" s="11"/>
      <c r="B10758" s="20"/>
      <c r="C10758" s="2" t="s">
        <v>33067</v>
      </c>
      <c r="D10758" s="14" t="s">
        <v>33068</v>
      </c>
      <c r="E10758" s="2" t="s">
        <v>33069</v>
      </c>
      <c r="F10758" s="2" t="s">
        <v>32509</v>
      </c>
      <c r="G10758" s="8">
        <v>227</v>
      </c>
      <c r="H10758" s="5">
        <v>10</v>
      </c>
      <c r="I10758" s="5" t="s">
        <v>69</v>
      </c>
      <c r="J10758" s="5" t="s">
        <v>27074</v>
      </c>
      <c r="K10758" s="2" t="s">
        <v>27075</v>
      </c>
      <c r="L10758" s="5" t="s">
        <v>27074</v>
      </c>
      <c r="M10758" s="2" t="s">
        <v>27075</v>
      </c>
      <c r="N10758" s="5" t="s">
        <v>24254</v>
      </c>
      <c r="O10758" s="5" t="s">
        <v>38</v>
      </c>
      <c r="P10758" s="5" t="s">
        <v>39</v>
      </c>
      <c r="Q10758" s="5" t="s">
        <v>40</v>
      </c>
      <c r="R10758" s="5" t="s">
        <v>24335</v>
      </c>
      <c r="S10758" s="5" t="s">
        <v>40</v>
      </c>
      <c r="T10758" s="5" t="s">
        <v>42</v>
      </c>
      <c r="U10758" s="2">
        <v>9.0030000000000001</v>
      </c>
      <c r="V10758" s="2">
        <v>7.22</v>
      </c>
      <c r="W10758" s="2">
        <v>0.11600000000000001</v>
      </c>
      <c r="X10758" s="2">
        <v>12</v>
      </c>
      <c r="Y10758" s="2">
        <v>50</v>
      </c>
      <c r="Z10758" s="2">
        <v>193.9</v>
      </c>
      <c r="AA10758" s="5">
        <v>8</v>
      </c>
      <c r="AB10758" s="5" t="s">
        <v>43</v>
      </c>
      <c r="AC10758" s="5" t="s">
        <v>44</v>
      </c>
      <c r="AD10758" s="2" t="s">
        <v>32510</v>
      </c>
      <c r="AE10758" s="1"/>
    </row>
    <row r="10759" spans="1:31" ht="14.45">
      <c r="A10759" s="11"/>
      <c r="B10759" s="20"/>
      <c r="C10759" s="2" t="s">
        <v>33070</v>
      </c>
      <c r="D10759" s="14" t="s">
        <v>33071</v>
      </c>
      <c r="E10759" s="2" t="s">
        <v>33072</v>
      </c>
      <c r="F10759" s="2" t="s">
        <v>32514</v>
      </c>
      <c r="G10759" s="8">
        <v>227</v>
      </c>
      <c r="H10759" s="5">
        <v>5</v>
      </c>
      <c r="I10759" s="5" t="s">
        <v>69</v>
      </c>
      <c r="J10759" s="5" t="s">
        <v>27074</v>
      </c>
      <c r="K10759" s="2" t="s">
        <v>27075</v>
      </c>
      <c r="L10759" s="5" t="s">
        <v>27074</v>
      </c>
      <c r="M10759" s="2" t="s">
        <v>27075</v>
      </c>
      <c r="N10759" s="5" t="s">
        <v>24254</v>
      </c>
      <c r="O10759" s="5" t="s">
        <v>38</v>
      </c>
      <c r="P10759" s="5" t="s">
        <v>39</v>
      </c>
      <c r="Q10759" s="5" t="s">
        <v>40</v>
      </c>
      <c r="R10759" s="5" t="s">
        <v>24335</v>
      </c>
      <c r="S10759" s="5" t="s">
        <v>40</v>
      </c>
      <c r="T10759" s="5" t="s">
        <v>42</v>
      </c>
      <c r="U10759" s="2">
        <v>8.2490000000000006</v>
      </c>
      <c r="V10759" s="2">
        <v>6.3929999999999998</v>
      </c>
      <c r="W10759" s="2">
        <v>0.11600000000000001</v>
      </c>
      <c r="X10759" s="2">
        <v>12</v>
      </c>
      <c r="Y10759" s="2">
        <v>50</v>
      </c>
      <c r="Z10759" s="2">
        <v>193.9</v>
      </c>
      <c r="AA10759" s="5">
        <v>8</v>
      </c>
      <c r="AB10759" s="5" t="s">
        <v>43</v>
      </c>
      <c r="AC10759" s="5" t="s">
        <v>44</v>
      </c>
      <c r="AD10759" s="2" t="s">
        <v>32510</v>
      </c>
      <c r="AE10759" s="1"/>
    </row>
    <row r="10760" spans="1:31" ht="14.45">
      <c r="A10760" s="11"/>
      <c r="B10760" s="20"/>
      <c r="C10760" s="2" t="s">
        <v>33073</v>
      </c>
      <c r="D10760" s="14" t="s">
        <v>33074</v>
      </c>
      <c r="E10760" s="2" t="s">
        <v>33075</v>
      </c>
      <c r="F10760" s="2" t="s">
        <v>32518</v>
      </c>
      <c r="G10760" s="8">
        <v>227</v>
      </c>
      <c r="H10760" s="5">
        <v>10</v>
      </c>
      <c r="I10760" s="5" t="s">
        <v>69</v>
      </c>
      <c r="J10760" s="5" t="s">
        <v>27074</v>
      </c>
      <c r="K10760" s="2" t="s">
        <v>27075</v>
      </c>
      <c r="L10760" s="5" t="s">
        <v>27074</v>
      </c>
      <c r="M10760" s="2" t="s">
        <v>27075</v>
      </c>
      <c r="N10760" s="5" t="s">
        <v>24254</v>
      </c>
      <c r="O10760" s="5" t="s">
        <v>38</v>
      </c>
      <c r="P10760" s="5" t="s">
        <v>39</v>
      </c>
      <c r="Q10760" s="5" t="s">
        <v>40</v>
      </c>
      <c r="R10760" s="5" t="s">
        <v>24335</v>
      </c>
      <c r="S10760" s="5" t="s">
        <v>40</v>
      </c>
      <c r="T10760" s="5" t="s">
        <v>42</v>
      </c>
      <c r="U10760" s="2">
        <v>6.7910000000000004</v>
      </c>
      <c r="V10760" s="2">
        <v>5.0419999999999998</v>
      </c>
      <c r="W10760" s="2">
        <v>0.11600000000000001</v>
      </c>
      <c r="X10760" s="2">
        <v>12</v>
      </c>
      <c r="Y10760" s="2">
        <v>50</v>
      </c>
      <c r="Z10760" s="2">
        <v>193.9</v>
      </c>
      <c r="AA10760" s="5">
        <v>8</v>
      </c>
      <c r="AB10760" s="5" t="s">
        <v>43</v>
      </c>
      <c r="AC10760" s="5" t="s">
        <v>44</v>
      </c>
      <c r="AD10760" s="2" t="s">
        <v>32510</v>
      </c>
      <c r="AE10760" s="1"/>
    </row>
    <row r="10761" spans="1:31" ht="14.45">
      <c r="A10761" s="11"/>
      <c r="B10761" s="20"/>
      <c r="C10761" s="2" t="s">
        <v>33076</v>
      </c>
      <c r="D10761" s="14" t="s">
        <v>33077</v>
      </c>
      <c r="E10761" s="2" t="s">
        <v>33078</v>
      </c>
      <c r="F10761" s="2" t="s">
        <v>32522</v>
      </c>
      <c r="G10761" s="8">
        <v>227</v>
      </c>
      <c r="H10761" s="5">
        <v>5</v>
      </c>
      <c r="I10761" s="5" t="s">
        <v>69</v>
      </c>
      <c r="J10761" s="5" t="s">
        <v>27074</v>
      </c>
      <c r="K10761" s="2" t="s">
        <v>27075</v>
      </c>
      <c r="L10761" s="5" t="s">
        <v>27074</v>
      </c>
      <c r="M10761" s="2" t="s">
        <v>27075</v>
      </c>
      <c r="N10761" s="5" t="s">
        <v>24254</v>
      </c>
      <c r="O10761" s="5" t="s">
        <v>38</v>
      </c>
      <c r="P10761" s="5" t="s">
        <v>39</v>
      </c>
      <c r="Q10761" s="5" t="s">
        <v>40</v>
      </c>
      <c r="R10761" s="5" t="s">
        <v>24335</v>
      </c>
      <c r="S10761" s="5" t="s">
        <v>40</v>
      </c>
      <c r="T10761" s="5" t="s">
        <v>42</v>
      </c>
      <c r="U10761" s="2">
        <v>7.3650000000000002</v>
      </c>
      <c r="V10761" s="2">
        <v>5.5439999999999996</v>
      </c>
      <c r="W10761" s="2">
        <v>0.13600000000000001</v>
      </c>
      <c r="X10761" s="2">
        <v>12</v>
      </c>
      <c r="Y10761" s="2">
        <v>50</v>
      </c>
      <c r="Z10761" s="2">
        <v>193.9</v>
      </c>
      <c r="AA10761" s="5">
        <v>10</v>
      </c>
      <c r="AB10761" s="5" t="s">
        <v>43</v>
      </c>
      <c r="AC10761" s="5" t="s">
        <v>44</v>
      </c>
      <c r="AD10761" s="2" t="s">
        <v>32523</v>
      </c>
      <c r="AE10761" s="1"/>
    </row>
    <row r="10762" spans="1:31" ht="14.45">
      <c r="A10762" s="11"/>
      <c r="B10762" s="20"/>
      <c r="C10762" s="2" t="s">
        <v>33079</v>
      </c>
      <c r="D10762" s="14" t="s">
        <v>33080</v>
      </c>
      <c r="E10762" s="2" t="s">
        <v>33081</v>
      </c>
      <c r="F10762" s="2" t="s">
        <v>32522</v>
      </c>
      <c r="G10762" s="8">
        <v>227</v>
      </c>
      <c r="H10762" s="5">
        <v>5</v>
      </c>
      <c r="I10762" s="5" t="s">
        <v>69</v>
      </c>
      <c r="J10762" s="5" t="s">
        <v>27074</v>
      </c>
      <c r="K10762" s="2" t="s">
        <v>27075</v>
      </c>
      <c r="L10762" s="5" t="s">
        <v>27074</v>
      </c>
      <c r="M10762" s="2" t="s">
        <v>27075</v>
      </c>
      <c r="N10762" s="5" t="s">
        <v>24254</v>
      </c>
      <c r="O10762" s="5" t="s">
        <v>38</v>
      </c>
      <c r="P10762" s="5" t="s">
        <v>39</v>
      </c>
      <c r="Q10762" s="5" t="s">
        <v>40</v>
      </c>
      <c r="R10762" s="5" t="s">
        <v>24335</v>
      </c>
      <c r="S10762" s="5" t="s">
        <v>40</v>
      </c>
      <c r="T10762" s="5" t="s">
        <v>42</v>
      </c>
      <c r="U10762" s="2">
        <v>7.7670000000000003</v>
      </c>
      <c r="V10762" s="2">
        <v>5.9459999999999997</v>
      </c>
      <c r="W10762" s="2">
        <v>0.11600000000000001</v>
      </c>
      <c r="X10762" s="2">
        <v>12</v>
      </c>
      <c r="Y10762" s="2">
        <v>50</v>
      </c>
      <c r="Z10762" s="2">
        <v>193.9</v>
      </c>
      <c r="AA10762" s="5">
        <v>10</v>
      </c>
      <c r="AB10762" s="5" t="s">
        <v>43</v>
      </c>
      <c r="AC10762" s="5" t="s">
        <v>44</v>
      </c>
      <c r="AD10762" s="2" t="s">
        <v>32577</v>
      </c>
      <c r="AE10762" s="1"/>
    </row>
    <row r="10763" spans="1:31" ht="14.45">
      <c r="A10763" s="11"/>
      <c r="B10763" s="20"/>
      <c r="C10763" s="2" t="s">
        <v>33082</v>
      </c>
      <c r="D10763" s="14" t="s">
        <v>33083</v>
      </c>
      <c r="E10763" s="2" t="s">
        <v>33084</v>
      </c>
      <c r="F10763" s="2" t="s">
        <v>32527</v>
      </c>
      <c r="G10763" s="8">
        <v>227</v>
      </c>
      <c r="H10763" s="5">
        <v>5</v>
      </c>
      <c r="I10763" s="5" t="s">
        <v>69</v>
      </c>
      <c r="J10763" s="5" t="s">
        <v>27074</v>
      </c>
      <c r="K10763" s="2" t="s">
        <v>27075</v>
      </c>
      <c r="L10763" s="5" t="s">
        <v>27074</v>
      </c>
      <c r="M10763" s="2" t="s">
        <v>27075</v>
      </c>
      <c r="N10763" s="5" t="s">
        <v>24254</v>
      </c>
      <c r="O10763" s="5" t="s">
        <v>38</v>
      </c>
      <c r="P10763" s="5" t="s">
        <v>39</v>
      </c>
      <c r="Q10763" s="5" t="s">
        <v>40</v>
      </c>
      <c r="R10763" s="5" t="s">
        <v>24335</v>
      </c>
      <c r="S10763" s="5" t="s">
        <v>40</v>
      </c>
      <c r="T10763" s="5" t="s">
        <v>42</v>
      </c>
      <c r="U10763" s="2">
        <v>6.2149999999999999</v>
      </c>
      <c r="V10763" s="2">
        <v>4.3940000000000001</v>
      </c>
      <c r="W10763" s="2">
        <v>0.11600000000000001</v>
      </c>
      <c r="X10763" s="2">
        <v>12</v>
      </c>
      <c r="Y10763" s="2">
        <v>50</v>
      </c>
      <c r="Z10763" s="2">
        <v>193.9</v>
      </c>
      <c r="AA10763" s="5">
        <v>10</v>
      </c>
      <c r="AB10763" s="5" t="s">
        <v>43</v>
      </c>
      <c r="AC10763" s="5" t="s">
        <v>44</v>
      </c>
      <c r="AD10763" s="2" t="s">
        <v>32528</v>
      </c>
      <c r="AE10763" s="1"/>
    </row>
    <row r="10764" spans="1:31" ht="14.45">
      <c r="A10764" s="11"/>
      <c r="B10764" s="20"/>
      <c r="C10764" s="2" t="s">
        <v>33085</v>
      </c>
      <c r="D10764" s="14" t="s">
        <v>33086</v>
      </c>
      <c r="E10764" s="2" t="s">
        <v>33087</v>
      </c>
      <c r="F10764" s="2" t="s">
        <v>32527</v>
      </c>
      <c r="G10764" s="8">
        <v>227</v>
      </c>
      <c r="H10764" s="5">
        <v>5</v>
      </c>
      <c r="I10764" s="5" t="s">
        <v>69</v>
      </c>
      <c r="J10764" s="5" t="s">
        <v>27074</v>
      </c>
      <c r="K10764" s="2" t="s">
        <v>27075</v>
      </c>
      <c r="L10764" s="5" t="s">
        <v>27074</v>
      </c>
      <c r="M10764" s="2" t="s">
        <v>27075</v>
      </c>
      <c r="N10764" s="5" t="s">
        <v>24254</v>
      </c>
      <c r="O10764" s="5" t="s">
        <v>38</v>
      </c>
      <c r="P10764" s="5" t="s">
        <v>39</v>
      </c>
      <c r="Q10764" s="5" t="s">
        <v>40</v>
      </c>
      <c r="R10764" s="5" t="s">
        <v>24335</v>
      </c>
      <c r="S10764" s="5" t="s">
        <v>40</v>
      </c>
      <c r="T10764" s="5" t="s">
        <v>42</v>
      </c>
      <c r="U10764" s="2">
        <v>6.7169999999999996</v>
      </c>
      <c r="V10764" s="2">
        <v>4.8959999999999999</v>
      </c>
      <c r="W10764" s="2">
        <v>0.11600000000000001</v>
      </c>
      <c r="X10764" s="2">
        <v>12</v>
      </c>
      <c r="Y10764" s="2">
        <v>50</v>
      </c>
      <c r="Z10764" s="2">
        <v>193.9</v>
      </c>
      <c r="AA10764" s="5">
        <v>10</v>
      </c>
      <c r="AB10764" s="5" t="s">
        <v>43</v>
      </c>
      <c r="AC10764" s="5" t="s">
        <v>44</v>
      </c>
      <c r="AD10764" s="2" t="s">
        <v>32536</v>
      </c>
      <c r="AE10764" s="1"/>
    </row>
    <row r="10765" spans="1:31" ht="14.45">
      <c r="A10765" s="11"/>
      <c r="B10765" s="20"/>
      <c r="C10765" s="2" t="s">
        <v>33088</v>
      </c>
      <c r="D10765" s="14" t="s">
        <v>33089</v>
      </c>
      <c r="E10765" s="2" t="s">
        <v>33090</v>
      </c>
      <c r="F10765" s="2" t="s">
        <v>32532</v>
      </c>
      <c r="G10765" s="8">
        <v>227</v>
      </c>
      <c r="H10765" s="5">
        <v>5</v>
      </c>
      <c r="I10765" s="5" t="s">
        <v>69</v>
      </c>
      <c r="J10765" s="5" t="s">
        <v>27074</v>
      </c>
      <c r="K10765" s="2" t="s">
        <v>27075</v>
      </c>
      <c r="L10765" s="5" t="s">
        <v>27074</v>
      </c>
      <c r="M10765" s="2" t="s">
        <v>27075</v>
      </c>
      <c r="N10765" s="5" t="s">
        <v>24254</v>
      </c>
      <c r="O10765" s="5" t="s">
        <v>38</v>
      </c>
      <c r="P10765" s="5" t="s">
        <v>39</v>
      </c>
      <c r="Q10765" s="5" t="s">
        <v>40</v>
      </c>
      <c r="R10765" s="5" t="s">
        <v>24335</v>
      </c>
      <c r="S10765" s="5" t="s">
        <v>40</v>
      </c>
      <c r="T10765" s="5" t="s">
        <v>42</v>
      </c>
      <c r="U10765" s="2">
        <v>6.4889999999999999</v>
      </c>
      <c r="V10765" s="2">
        <v>4.6239999999999997</v>
      </c>
      <c r="W10765" s="2">
        <v>0.11600000000000001</v>
      </c>
      <c r="X10765" s="2">
        <v>12</v>
      </c>
      <c r="Y10765" s="2">
        <v>50</v>
      </c>
      <c r="Z10765" s="2">
        <v>193.9</v>
      </c>
      <c r="AA10765" s="5">
        <v>10</v>
      </c>
      <c r="AB10765" s="5" t="s">
        <v>43</v>
      </c>
      <c r="AC10765" s="5" t="s">
        <v>44</v>
      </c>
      <c r="AD10765" s="2" t="s">
        <v>32528</v>
      </c>
      <c r="AE10765" s="1"/>
    </row>
    <row r="10766" spans="1:31" ht="14.45">
      <c r="A10766" s="11"/>
      <c r="B10766" s="20"/>
      <c r="C10766" s="2" t="s">
        <v>33091</v>
      </c>
      <c r="D10766" s="14" t="s">
        <v>33092</v>
      </c>
      <c r="E10766" s="2" t="s">
        <v>33093</v>
      </c>
      <c r="F10766" s="2" t="s">
        <v>32532</v>
      </c>
      <c r="G10766" s="8">
        <v>227</v>
      </c>
      <c r="H10766" s="5">
        <v>5</v>
      </c>
      <c r="I10766" s="5" t="s">
        <v>69</v>
      </c>
      <c r="J10766" s="5" t="s">
        <v>27074</v>
      </c>
      <c r="K10766" s="2" t="s">
        <v>27075</v>
      </c>
      <c r="L10766" s="5" t="s">
        <v>27074</v>
      </c>
      <c r="M10766" s="2" t="s">
        <v>27075</v>
      </c>
      <c r="N10766" s="5" t="s">
        <v>24254</v>
      </c>
      <c r="O10766" s="5" t="s">
        <v>38</v>
      </c>
      <c r="P10766" s="5" t="s">
        <v>39</v>
      </c>
      <c r="Q10766" s="5" t="s">
        <v>40</v>
      </c>
      <c r="R10766" s="5" t="s">
        <v>24335</v>
      </c>
      <c r="S10766" s="5" t="s">
        <v>40</v>
      </c>
      <c r="T10766" s="5" t="s">
        <v>42</v>
      </c>
      <c r="U10766" s="2">
        <v>6.9169999999999998</v>
      </c>
      <c r="V10766" s="2">
        <v>5.0519999999999996</v>
      </c>
      <c r="W10766" s="2">
        <v>0.13600000000000001</v>
      </c>
      <c r="X10766" s="2">
        <v>12</v>
      </c>
      <c r="Y10766" s="2">
        <v>50</v>
      </c>
      <c r="Z10766" s="2">
        <v>193.9</v>
      </c>
      <c r="AA10766" s="5">
        <v>10</v>
      </c>
      <c r="AB10766" s="5" t="s">
        <v>43</v>
      </c>
      <c r="AC10766" s="5" t="s">
        <v>44</v>
      </c>
      <c r="AD10766" s="2" t="s">
        <v>32536</v>
      </c>
      <c r="AE10766" s="1"/>
    </row>
    <row r="10767" spans="1:31" ht="14.45">
      <c r="A10767" s="11"/>
      <c r="B10767" s="20"/>
      <c r="C10767" s="2" t="s">
        <v>33094</v>
      </c>
      <c r="D10767" s="14" t="s">
        <v>33095</v>
      </c>
      <c r="E10767" s="2" t="s">
        <v>33096</v>
      </c>
      <c r="F10767" s="2" t="s">
        <v>32540</v>
      </c>
      <c r="G10767" s="8">
        <v>412</v>
      </c>
      <c r="H10767" s="5">
        <v>5</v>
      </c>
      <c r="I10767" s="5" t="s">
        <v>69</v>
      </c>
      <c r="J10767" s="5" t="s">
        <v>27074</v>
      </c>
      <c r="K10767" s="2" t="s">
        <v>27075</v>
      </c>
      <c r="L10767" s="5" t="s">
        <v>27074</v>
      </c>
      <c r="M10767" s="2" t="s">
        <v>27075</v>
      </c>
      <c r="N10767" s="5" t="s">
        <v>24254</v>
      </c>
      <c r="O10767" s="5" t="s">
        <v>38</v>
      </c>
      <c r="P10767" s="5" t="s">
        <v>39</v>
      </c>
      <c r="Q10767" s="5" t="s">
        <v>40</v>
      </c>
      <c r="R10767" s="5" t="s">
        <v>24335</v>
      </c>
      <c r="S10767" s="5" t="s">
        <v>40</v>
      </c>
      <c r="T10767" s="5" t="s">
        <v>42</v>
      </c>
      <c r="U10767" s="2">
        <v>14.670999999999999</v>
      </c>
      <c r="V10767" s="2">
        <v>12.015000000000001</v>
      </c>
      <c r="W10767" s="2">
        <v>0.19500000000000001</v>
      </c>
      <c r="X10767" s="2">
        <v>12</v>
      </c>
      <c r="Y10767" s="2">
        <v>77</v>
      </c>
      <c r="Z10767" s="2">
        <v>210.9</v>
      </c>
      <c r="AA10767" s="5">
        <v>8</v>
      </c>
      <c r="AB10767" s="5" t="s">
        <v>43</v>
      </c>
      <c r="AC10767" s="5" t="s">
        <v>44</v>
      </c>
      <c r="AD10767" s="2" t="s">
        <v>32541</v>
      </c>
      <c r="AE10767" s="1"/>
    </row>
    <row r="10768" spans="1:31" ht="14.45">
      <c r="A10768" s="11"/>
      <c r="B10768" s="20"/>
      <c r="C10768" s="2" t="s">
        <v>33097</v>
      </c>
      <c r="D10768" s="14" t="s">
        <v>33098</v>
      </c>
      <c r="E10768" s="2" t="s">
        <v>33099</v>
      </c>
      <c r="F10768" s="2" t="s">
        <v>32545</v>
      </c>
      <c r="G10768" s="8">
        <v>813</v>
      </c>
      <c r="H10768" s="5">
        <v>5</v>
      </c>
      <c r="I10768" s="5" t="s">
        <v>69</v>
      </c>
      <c r="J10768" s="5" t="s">
        <v>27074</v>
      </c>
      <c r="K10768" s="2" t="s">
        <v>27075</v>
      </c>
      <c r="L10768" s="5" t="s">
        <v>27074</v>
      </c>
      <c r="M10768" s="2" t="s">
        <v>27075</v>
      </c>
      <c r="N10768" s="5" t="s">
        <v>24254</v>
      </c>
      <c r="O10768" s="5" t="s">
        <v>38</v>
      </c>
      <c r="P10768" s="5" t="s">
        <v>39</v>
      </c>
      <c r="Q10768" s="5" t="s">
        <v>40</v>
      </c>
      <c r="R10768" s="5" t="s">
        <v>1487</v>
      </c>
      <c r="S10768" s="5"/>
      <c r="T10768" s="5" t="s">
        <v>42</v>
      </c>
      <c r="U10768" s="2">
        <v>0</v>
      </c>
      <c r="V10768" s="2">
        <v>0</v>
      </c>
      <c r="W10768" s="2">
        <v>0</v>
      </c>
      <c r="X10768" s="2">
        <v>0</v>
      </c>
      <c r="Y10768" s="2">
        <v>0</v>
      </c>
      <c r="Z10768" s="2">
        <v>0</v>
      </c>
      <c r="AA10768" s="5"/>
      <c r="AB10768" s="5" t="s">
        <v>43</v>
      </c>
      <c r="AC10768" s="5" t="s">
        <v>44</v>
      </c>
      <c r="AD10768" s="2" t="s">
        <v>32546</v>
      </c>
      <c r="AE10768" s="1"/>
    </row>
    <row r="10769" spans="1:31" ht="14.45">
      <c r="A10769" s="11"/>
      <c r="B10769" s="20"/>
      <c r="C10769" s="2" t="s">
        <v>33100</v>
      </c>
      <c r="D10769" s="14" t="s">
        <v>33101</v>
      </c>
      <c r="E10769" s="2" t="s">
        <v>33102</v>
      </c>
      <c r="F10769" s="2" t="s">
        <v>32550</v>
      </c>
      <c r="G10769" s="8">
        <v>813</v>
      </c>
      <c r="H10769" s="5">
        <v>15</v>
      </c>
      <c r="I10769" s="5" t="s">
        <v>69</v>
      </c>
      <c r="J10769" s="5" t="s">
        <v>27074</v>
      </c>
      <c r="K10769" s="2" t="s">
        <v>27075</v>
      </c>
      <c r="L10769" s="5" t="s">
        <v>27074</v>
      </c>
      <c r="M10769" s="2" t="s">
        <v>27075</v>
      </c>
      <c r="N10769" s="5" t="s">
        <v>24254</v>
      </c>
      <c r="O10769" s="5" t="s">
        <v>38</v>
      </c>
      <c r="P10769" s="5" t="s">
        <v>39</v>
      </c>
      <c r="Q10769" s="5" t="s">
        <v>40</v>
      </c>
      <c r="R10769" s="5" t="s">
        <v>1487</v>
      </c>
      <c r="S10769" s="5"/>
      <c r="T10769" s="5" t="s">
        <v>42</v>
      </c>
      <c r="U10769" s="2">
        <v>0</v>
      </c>
      <c r="V10769" s="2">
        <v>0</v>
      </c>
      <c r="W10769" s="2">
        <v>0</v>
      </c>
      <c r="X10769" s="2">
        <v>0</v>
      </c>
      <c r="Y10769" s="2">
        <v>0</v>
      </c>
      <c r="Z10769" s="2">
        <v>0</v>
      </c>
      <c r="AA10769" s="5"/>
      <c r="AB10769" s="5" t="s">
        <v>43</v>
      </c>
      <c r="AC10769" s="5" t="s">
        <v>44</v>
      </c>
      <c r="AD10769" s="2" t="s">
        <v>32551</v>
      </c>
      <c r="AE10769" s="1"/>
    </row>
    <row r="10770" spans="1:31" ht="14.45">
      <c r="A10770" s="11"/>
      <c r="B10770" s="20"/>
      <c r="C10770" s="2" t="s">
        <v>33103</v>
      </c>
      <c r="D10770" s="14" t="s">
        <v>33104</v>
      </c>
      <c r="E10770" s="2" t="s">
        <v>33105</v>
      </c>
      <c r="F10770" s="2" t="s">
        <v>32509</v>
      </c>
      <c r="G10770" s="8">
        <v>251</v>
      </c>
      <c r="H10770" s="5">
        <v>10</v>
      </c>
      <c r="I10770" s="5" t="s">
        <v>69</v>
      </c>
      <c r="J10770" s="5" t="s">
        <v>27074</v>
      </c>
      <c r="K10770" s="2" t="s">
        <v>27075</v>
      </c>
      <c r="L10770" s="5" t="s">
        <v>27074</v>
      </c>
      <c r="M10770" s="2" t="s">
        <v>27075</v>
      </c>
      <c r="N10770" s="5" t="s">
        <v>24254</v>
      </c>
      <c r="O10770" s="5" t="s">
        <v>38</v>
      </c>
      <c r="P10770" s="5" t="s">
        <v>39</v>
      </c>
      <c r="Q10770" s="5" t="s">
        <v>40</v>
      </c>
      <c r="R10770" s="5" t="s">
        <v>24335</v>
      </c>
      <c r="S10770" s="5" t="s">
        <v>40</v>
      </c>
      <c r="T10770" s="5" t="s">
        <v>42</v>
      </c>
      <c r="U10770" s="2">
        <v>9.5190000000000001</v>
      </c>
      <c r="V10770" s="2">
        <v>7.665</v>
      </c>
      <c r="W10770" s="2">
        <v>0.126</v>
      </c>
      <c r="X10770" s="2">
        <v>12</v>
      </c>
      <c r="Y10770" s="2">
        <v>50</v>
      </c>
      <c r="Z10770" s="2">
        <v>210</v>
      </c>
      <c r="AA10770" s="5">
        <v>8</v>
      </c>
      <c r="AB10770" s="5" t="s">
        <v>43</v>
      </c>
      <c r="AC10770" s="5" t="s">
        <v>44</v>
      </c>
      <c r="AD10770" s="2" t="s">
        <v>32510</v>
      </c>
      <c r="AE10770" s="1"/>
    </row>
    <row r="10771" spans="1:31" ht="14.45">
      <c r="A10771" s="11"/>
      <c r="B10771" s="20"/>
      <c r="C10771" s="2" t="s">
        <v>33106</v>
      </c>
      <c r="D10771" s="14" t="s">
        <v>33107</v>
      </c>
      <c r="E10771" s="2" t="s">
        <v>33108</v>
      </c>
      <c r="F10771" s="2" t="s">
        <v>32514</v>
      </c>
      <c r="G10771" s="8">
        <v>251</v>
      </c>
      <c r="H10771" s="5">
        <v>5</v>
      </c>
      <c r="I10771" s="5" t="s">
        <v>69</v>
      </c>
      <c r="J10771" s="5" t="s">
        <v>27074</v>
      </c>
      <c r="K10771" s="2" t="s">
        <v>27075</v>
      </c>
      <c r="L10771" s="5" t="s">
        <v>27074</v>
      </c>
      <c r="M10771" s="2" t="s">
        <v>27075</v>
      </c>
      <c r="N10771" s="5" t="s">
        <v>24254</v>
      </c>
      <c r="O10771" s="5" t="s">
        <v>38</v>
      </c>
      <c r="P10771" s="5" t="s">
        <v>39</v>
      </c>
      <c r="Q10771" s="5" t="s">
        <v>40</v>
      </c>
      <c r="R10771" s="5" t="s">
        <v>24335</v>
      </c>
      <c r="S10771" s="5" t="s">
        <v>40</v>
      </c>
      <c r="T10771" s="5" t="s">
        <v>42</v>
      </c>
      <c r="U10771" s="2">
        <v>8.6140000000000008</v>
      </c>
      <c r="V10771" s="2">
        <v>6.758</v>
      </c>
      <c r="W10771" s="2">
        <v>0.126</v>
      </c>
      <c r="X10771" s="2">
        <v>12</v>
      </c>
      <c r="Y10771" s="2">
        <v>50</v>
      </c>
      <c r="Z10771" s="2">
        <v>210</v>
      </c>
      <c r="AA10771" s="5">
        <v>8</v>
      </c>
      <c r="AB10771" s="5" t="s">
        <v>43</v>
      </c>
      <c r="AC10771" s="5" t="s">
        <v>44</v>
      </c>
      <c r="AD10771" s="2" t="s">
        <v>32510</v>
      </c>
      <c r="AE10771" s="1"/>
    </row>
    <row r="10772" spans="1:31" ht="14.45">
      <c r="A10772" s="11"/>
      <c r="B10772" s="20"/>
      <c r="C10772" s="2" t="s">
        <v>33109</v>
      </c>
      <c r="D10772" s="14" t="s">
        <v>33110</v>
      </c>
      <c r="E10772" s="2" t="s">
        <v>33111</v>
      </c>
      <c r="F10772" s="2" t="s">
        <v>32518</v>
      </c>
      <c r="G10772" s="8">
        <v>251</v>
      </c>
      <c r="H10772" s="5">
        <v>10</v>
      </c>
      <c r="I10772" s="5" t="s">
        <v>69</v>
      </c>
      <c r="J10772" s="5" t="s">
        <v>27074</v>
      </c>
      <c r="K10772" s="2" t="s">
        <v>27075</v>
      </c>
      <c r="L10772" s="5" t="s">
        <v>27074</v>
      </c>
      <c r="M10772" s="2" t="s">
        <v>27075</v>
      </c>
      <c r="N10772" s="5" t="s">
        <v>24254</v>
      </c>
      <c r="O10772" s="5" t="s">
        <v>38</v>
      </c>
      <c r="P10772" s="5" t="s">
        <v>39</v>
      </c>
      <c r="Q10772" s="5" t="s">
        <v>40</v>
      </c>
      <c r="R10772" s="5" t="s">
        <v>24335</v>
      </c>
      <c r="S10772" s="5" t="s">
        <v>40</v>
      </c>
      <c r="T10772" s="5" t="s">
        <v>42</v>
      </c>
      <c r="U10772" s="2">
        <v>7.33</v>
      </c>
      <c r="V10772" s="2">
        <v>5.3650000000000002</v>
      </c>
      <c r="W10772" s="2">
        <v>0.13600000000000001</v>
      </c>
      <c r="X10772" s="2">
        <v>12</v>
      </c>
      <c r="Y10772" s="2">
        <v>50</v>
      </c>
      <c r="Z10772" s="2">
        <v>227.4</v>
      </c>
      <c r="AA10772" s="5">
        <v>8</v>
      </c>
      <c r="AB10772" s="5" t="s">
        <v>43</v>
      </c>
      <c r="AC10772" s="5" t="s">
        <v>44</v>
      </c>
      <c r="AD10772" s="2" t="s">
        <v>32510</v>
      </c>
      <c r="AE10772" s="1"/>
    </row>
    <row r="10773" spans="1:31" ht="14.45">
      <c r="A10773" s="11"/>
      <c r="B10773" s="20"/>
      <c r="C10773" s="2" t="s">
        <v>33112</v>
      </c>
      <c r="D10773" s="14" t="s">
        <v>33113</v>
      </c>
      <c r="E10773" s="2" t="s">
        <v>33114</v>
      </c>
      <c r="F10773" s="2" t="s">
        <v>32522</v>
      </c>
      <c r="G10773" s="8">
        <v>251</v>
      </c>
      <c r="H10773" s="5">
        <v>5</v>
      </c>
      <c r="I10773" s="5" t="s">
        <v>69</v>
      </c>
      <c r="J10773" s="5" t="s">
        <v>27074</v>
      </c>
      <c r="K10773" s="2" t="s">
        <v>27075</v>
      </c>
      <c r="L10773" s="5" t="s">
        <v>27074</v>
      </c>
      <c r="M10773" s="2" t="s">
        <v>27075</v>
      </c>
      <c r="N10773" s="5" t="s">
        <v>24254</v>
      </c>
      <c r="O10773" s="5" t="s">
        <v>38</v>
      </c>
      <c r="P10773" s="5" t="s">
        <v>39</v>
      </c>
      <c r="Q10773" s="5" t="s">
        <v>40</v>
      </c>
      <c r="R10773" s="5" t="s">
        <v>24335</v>
      </c>
      <c r="S10773" s="5" t="s">
        <v>40</v>
      </c>
      <c r="T10773" s="5" t="s">
        <v>42</v>
      </c>
      <c r="U10773" s="2">
        <v>7.8159999999999998</v>
      </c>
      <c r="V10773" s="2">
        <v>5.9950000000000001</v>
      </c>
      <c r="W10773" s="2">
        <v>0.126</v>
      </c>
      <c r="X10773" s="2">
        <v>12</v>
      </c>
      <c r="Y10773" s="2">
        <v>50</v>
      </c>
      <c r="Z10773" s="2">
        <v>210</v>
      </c>
      <c r="AA10773" s="5">
        <v>10</v>
      </c>
      <c r="AB10773" s="5" t="s">
        <v>43</v>
      </c>
      <c r="AC10773" s="5" t="s">
        <v>44</v>
      </c>
      <c r="AD10773" s="2" t="s">
        <v>32523</v>
      </c>
      <c r="AE10773" s="1"/>
    </row>
    <row r="10774" spans="1:31" ht="14.45">
      <c r="A10774" s="11"/>
      <c r="B10774" s="20"/>
      <c r="C10774" s="2" t="s">
        <v>33115</v>
      </c>
      <c r="D10774" s="14" t="s">
        <v>33116</v>
      </c>
      <c r="E10774" s="2" t="s">
        <v>33117</v>
      </c>
      <c r="F10774" s="2" t="s">
        <v>32527</v>
      </c>
      <c r="G10774" s="8">
        <v>251</v>
      </c>
      <c r="H10774" s="5">
        <v>5</v>
      </c>
      <c r="I10774" s="5" t="s">
        <v>69</v>
      </c>
      <c r="J10774" s="5" t="s">
        <v>27074</v>
      </c>
      <c r="K10774" s="2" t="s">
        <v>27075</v>
      </c>
      <c r="L10774" s="5" t="s">
        <v>27074</v>
      </c>
      <c r="M10774" s="2" t="s">
        <v>27075</v>
      </c>
      <c r="N10774" s="5" t="s">
        <v>24254</v>
      </c>
      <c r="O10774" s="5" t="s">
        <v>38</v>
      </c>
      <c r="P10774" s="5" t="s">
        <v>39</v>
      </c>
      <c r="Q10774" s="5" t="s">
        <v>40</v>
      </c>
      <c r="R10774" s="5" t="s">
        <v>24335</v>
      </c>
      <c r="S10774" s="5" t="s">
        <v>40</v>
      </c>
      <c r="T10774" s="5" t="s">
        <v>42</v>
      </c>
      <c r="U10774" s="2">
        <v>6.5380000000000003</v>
      </c>
      <c r="V10774" s="2">
        <v>4.7169999999999996</v>
      </c>
      <c r="W10774" s="2">
        <v>0.13600000000000001</v>
      </c>
      <c r="X10774" s="2">
        <v>12</v>
      </c>
      <c r="Y10774" s="2">
        <v>50</v>
      </c>
      <c r="Z10774" s="2">
        <v>227.4</v>
      </c>
      <c r="AA10774" s="5">
        <v>10</v>
      </c>
      <c r="AB10774" s="5" t="s">
        <v>43</v>
      </c>
      <c r="AC10774" s="5" t="s">
        <v>44</v>
      </c>
      <c r="AD10774" s="2" t="s">
        <v>32528</v>
      </c>
      <c r="AE10774" s="1"/>
    </row>
    <row r="10775" spans="1:31" ht="14.45">
      <c r="A10775" s="11"/>
      <c r="B10775" s="20"/>
      <c r="C10775" s="2" t="s">
        <v>33118</v>
      </c>
      <c r="D10775" s="14" t="s">
        <v>33119</v>
      </c>
      <c r="E10775" s="2" t="s">
        <v>33120</v>
      </c>
      <c r="F10775" s="2" t="s">
        <v>32532</v>
      </c>
      <c r="G10775" s="8">
        <v>251</v>
      </c>
      <c r="H10775" s="5">
        <v>5</v>
      </c>
      <c r="I10775" s="5" t="s">
        <v>69</v>
      </c>
      <c r="J10775" s="5" t="s">
        <v>27074</v>
      </c>
      <c r="K10775" s="2" t="s">
        <v>27075</v>
      </c>
      <c r="L10775" s="5" t="s">
        <v>27074</v>
      </c>
      <c r="M10775" s="2" t="s">
        <v>27075</v>
      </c>
      <c r="N10775" s="5" t="s">
        <v>24254</v>
      </c>
      <c r="O10775" s="5" t="s">
        <v>38</v>
      </c>
      <c r="P10775" s="5" t="s">
        <v>39</v>
      </c>
      <c r="Q10775" s="5" t="s">
        <v>40</v>
      </c>
      <c r="R10775" s="5" t="s">
        <v>24335</v>
      </c>
      <c r="S10775" s="5" t="s">
        <v>40</v>
      </c>
      <c r="T10775" s="5" t="s">
        <v>42</v>
      </c>
      <c r="U10775" s="2">
        <v>6.8630000000000004</v>
      </c>
      <c r="V10775" s="2">
        <v>4.9980000000000002</v>
      </c>
      <c r="W10775" s="2">
        <v>0.13600000000000001</v>
      </c>
      <c r="X10775" s="2">
        <v>12</v>
      </c>
      <c r="Y10775" s="2">
        <v>50</v>
      </c>
      <c r="Z10775" s="2">
        <v>227.4</v>
      </c>
      <c r="AA10775" s="5">
        <v>10</v>
      </c>
      <c r="AB10775" s="5" t="s">
        <v>43</v>
      </c>
      <c r="AC10775" s="5" t="s">
        <v>44</v>
      </c>
      <c r="AD10775" s="2" t="s">
        <v>32528</v>
      </c>
      <c r="AE10775" s="1"/>
    </row>
    <row r="10776" spans="1:31" ht="14.45">
      <c r="A10776" s="11"/>
      <c r="B10776" s="20"/>
      <c r="C10776" s="2" t="s">
        <v>33121</v>
      </c>
      <c r="D10776" s="14" t="s">
        <v>33122</v>
      </c>
      <c r="E10776" s="2" t="s">
        <v>33123</v>
      </c>
      <c r="F10776" s="2" t="s">
        <v>32532</v>
      </c>
      <c r="G10776" s="8">
        <v>251</v>
      </c>
      <c r="H10776" s="5">
        <v>5</v>
      </c>
      <c r="I10776" s="5" t="s">
        <v>69</v>
      </c>
      <c r="J10776" s="5" t="s">
        <v>27074</v>
      </c>
      <c r="K10776" s="2" t="s">
        <v>27075</v>
      </c>
      <c r="L10776" s="5" t="s">
        <v>27074</v>
      </c>
      <c r="M10776" s="2" t="s">
        <v>27075</v>
      </c>
      <c r="N10776" s="5" t="s">
        <v>24254</v>
      </c>
      <c r="O10776" s="5" t="s">
        <v>38</v>
      </c>
      <c r="P10776" s="5" t="s">
        <v>39</v>
      </c>
      <c r="Q10776" s="5" t="s">
        <v>40</v>
      </c>
      <c r="R10776" s="5" t="s">
        <v>24335</v>
      </c>
      <c r="S10776" s="5" t="s">
        <v>40</v>
      </c>
      <c r="T10776" s="5" t="s">
        <v>42</v>
      </c>
      <c r="U10776" s="2">
        <v>7.2910000000000004</v>
      </c>
      <c r="V10776" s="2">
        <v>5.4260000000000002</v>
      </c>
      <c r="W10776" s="2">
        <v>0.104</v>
      </c>
      <c r="X10776" s="2">
        <v>12</v>
      </c>
      <c r="Y10776" s="2">
        <v>50</v>
      </c>
      <c r="Z10776" s="2">
        <v>227.4</v>
      </c>
      <c r="AA10776" s="5">
        <v>10</v>
      </c>
      <c r="AB10776" s="5" t="s">
        <v>43</v>
      </c>
      <c r="AC10776" s="5" t="s">
        <v>44</v>
      </c>
      <c r="AD10776" s="2" t="s">
        <v>32536</v>
      </c>
      <c r="AE10776" s="1"/>
    </row>
    <row r="10777" spans="1:31" ht="14.45">
      <c r="A10777" s="11"/>
      <c r="B10777" s="20"/>
      <c r="C10777" s="2" t="s">
        <v>33124</v>
      </c>
      <c r="D10777" s="14" t="s">
        <v>33125</v>
      </c>
      <c r="E10777" s="2" t="s">
        <v>33126</v>
      </c>
      <c r="F10777" s="2" t="s">
        <v>32540</v>
      </c>
      <c r="G10777" s="8">
        <v>456</v>
      </c>
      <c r="H10777" s="5">
        <v>5</v>
      </c>
      <c r="I10777" s="5" t="s">
        <v>69</v>
      </c>
      <c r="J10777" s="5" t="s">
        <v>27074</v>
      </c>
      <c r="K10777" s="2" t="s">
        <v>27075</v>
      </c>
      <c r="L10777" s="5" t="s">
        <v>27074</v>
      </c>
      <c r="M10777" s="2" t="s">
        <v>27075</v>
      </c>
      <c r="N10777" s="5" t="s">
        <v>24254</v>
      </c>
      <c r="O10777" s="5" t="s">
        <v>38</v>
      </c>
      <c r="P10777" s="5" t="s">
        <v>39</v>
      </c>
      <c r="Q10777" s="5" t="s">
        <v>40</v>
      </c>
      <c r="R10777" s="5" t="s">
        <v>24335</v>
      </c>
      <c r="S10777" s="5" t="s">
        <v>40</v>
      </c>
      <c r="T10777" s="5" t="s">
        <v>42</v>
      </c>
      <c r="U10777" s="2">
        <v>15.439</v>
      </c>
      <c r="V10777" s="2">
        <v>12.782999999999999</v>
      </c>
      <c r="W10777" s="2">
        <v>0.19500000000000001</v>
      </c>
      <c r="X10777" s="2">
        <v>12</v>
      </c>
      <c r="Y10777" s="2">
        <v>77</v>
      </c>
      <c r="Z10777" s="2">
        <v>210.9</v>
      </c>
      <c r="AA10777" s="5">
        <v>8</v>
      </c>
      <c r="AB10777" s="5" t="s">
        <v>43</v>
      </c>
      <c r="AC10777" s="5" t="s">
        <v>44</v>
      </c>
      <c r="AD10777" s="2" t="s">
        <v>32541</v>
      </c>
      <c r="AE10777" s="1"/>
    </row>
    <row r="10778" spans="1:31" ht="14.45">
      <c r="A10778" s="11"/>
      <c r="B10778" s="20"/>
      <c r="C10778" s="2" t="s">
        <v>33127</v>
      </c>
      <c r="D10778" s="14" t="s">
        <v>33128</v>
      </c>
      <c r="E10778" s="2" t="s">
        <v>33129</v>
      </c>
      <c r="F10778" s="2" t="s">
        <v>32545</v>
      </c>
      <c r="G10778" s="8">
        <v>867</v>
      </c>
      <c r="H10778" s="5">
        <v>5</v>
      </c>
      <c r="I10778" s="5" t="s">
        <v>69</v>
      </c>
      <c r="J10778" s="5" t="s">
        <v>27074</v>
      </c>
      <c r="K10778" s="2" t="s">
        <v>27075</v>
      </c>
      <c r="L10778" s="5" t="s">
        <v>27074</v>
      </c>
      <c r="M10778" s="2" t="s">
        <v>27075</v>
      </c>
      <c r="N10778" s="5" t="s">
        <v>24254</v>
      </c>
      <c r="O10778" s="5" t="s">
        <v>38</v>
      </c>
      <c r="P10778" s="5" t="s">
        <v>39</v>
      </c>
      <c r="Q10778" s="5" t="s">
        <v>40</v>
      </c>
      <c r="R10778" s="5" t="s">
        <v>1487</v>
      </c>
      <c r="S10778" s="5"/>
      <c r="T10778" s="5" t="s">
        <v>42</v>
      </c>
      <c r="U10778" s="2">
        <v>0</v>
      </c>
      <c r="V10778" s="2">
        <v>0</v>
      </c>
      <c r="W10778" s="2">
        <v>0</v>
      </c>
      <c r="X10778" s="2">
        <v>0</v>
      </c>
      <c r="Y10778" s="2">
        <v>0</v>
      </c>
      <c r="Z10778" s="2">
        <v>0</v>
      </c>
      <c r="AA10778" s="5"/>
      <c r="AB10778" s="5" t="s">
        <v>43</v>
      </c>
      <c r="AC10778" s="5" t="s">
        <v>44</v>
      </c>
      <c r="AD10778" s="2" t="s">
        <v>32546</v>
      </c>
      <c r="AE10778" s="1"/>
    </row>
    <row r="10779" spans="1:31" ht="14.45">
      <c r="A10779" s="11"/>
      <c r="B10779" s="20"/>
      <c r="C10779" s="2" t="s">
        <v>33130</v>
      </c>
      <c r="D10779" s="14" t="s">
        <v>33131</v>
      </c>
      <c r="E10779" s="2" t="s">
        <v>33132</v>
      </c>
      <c r="F10779" s="2" t="s">
        <v>32550</v>
      </c>
      <c r="G10779" s="8">
        <v>867</v>
      </c>
      <c r="H10779" s="5">
        <v>15</v>
      </c>
      <c r="I10779" s="5" t="s">
        <v>69</v>
      </c>
      <c r="J10779" s="5" t="s">
        <v>27074</v>
      </c>
      <c r="K10779" s="2" t="s">
        <v>27075</v>
      </c>
      <c r="L10779" s="5" t="s">
        <v>27074</v>
      </c>
      <c r="M10779" s="2" t="s">
        <v>27075</v>
      </c>
      <c r="N10779" s="5" t="s">
        <v>24254</v>
      </c>
      <c r="O10779" s="5" t="s">
        <v>38</v>
      </c>
      <c r="P10779" s="5" t="s">
        <v>39</v>
      </c>
      <c r="Q10779" s="5" t="s">
        <v>40</v>
      </c>
      <c r="R10779" s="5" t="s">
        <v>1487</v>
      </c>
      <c r="S10779" s="5"/>
      <c r="T10779" s="5" t="s">
        <v>42</v>
      </c>
      <c r="U10779" s="2">
        <v>0</v>
      </c>
      <c r="V10779" s="2">
        <v>0</v>
      </c>
      <c r="W10779" s="2">
        <v>0</v>
      </c>
      <c r="X10779" s="2">
        <v>0</v>
      </c>
      <c r="Y10779" s="2">
        <v>0</v>
      </c>
      <c r="Z10779" s="2">
        <v>0</v>
      </c>
      <c r="AA10779" s="5"/>
      <c r="AB10779" s="5" t="s">
        <v>43</v>
      </c>
      <c r="AC10779" s="5" t="s">
        <v>44</v>
      </c>
      <c r="AD10779" s="2" t="s">
        <v>32551</v>
      </c>
      <c r="AE10779" s="1"/>
    </row>
    <row r="10780" spans="1:31" ht="14.45">
      <c r="A10780" s="11"/>
      <c r="B10780" s="20"/>
      <c r="C10780" s="2" t="s">
        <v>33133</v>
      </c>
      <c r="D10780" s="14" t="s">
        <v>33134</v>
      </c>
      <c r="E10780" s="2" t="s">
        <v>33135</v>
      </c>
      <c r="F10780" s="2" t="s">
        <v>32514</v>
      </c>
      <c r="G10780" s="8">
        <v>221</v>
      </c>
      <c r="H10780" s="5">
        <v>5</v>
      </c>
      <c r="I10780" s="5" t="s">
        <v>69</v>
      </c>
      <c r="J10780" s="5" t="s">
        <v>27074</v>
      </c>
      <c r="K10780" s="2" t="s">
        <v>27075</v>
      </c>
      <c r="L10780" s="5" t="s">
        <v>27074</v>
      </c>
      <c r="M10780" s="2" t="s">
        <v>27075</v>
      </c>
      <c r="N10780" s="5" t="s">
        <v>24254</v>
      </c>
      <c r="O10780" s="5" t="s">
        <v>38</v>
      </c>
      <c r="P10780" s="5" t="s">
        <v>39</v>
      </c>
      <c r="Q10780" s="5" t="s">
        <v>40</v>
      </c>
      <c r="R10780" s="5" t="s">
        <v>24335</v>
      </c>
      <c r="S10780" s="5" t="s">
        <v>40</v>
      </c>
      <c r="T10780" s="5" t="s">
        <v>42</v>
      </c>
      <c r="U10780" s="2">
        <v>7.883</v>
      </c>
      <c r="V10780" s="2">
        <v>6.0270000000000001</v>
      </c>
      <c r="W10780" s="2">
        <v>0.11600000000000001</v>
      </c>
      <c r="X10780" s="2">
        <v>12</v>
      </c>
      <c r="Y10780" s="2">
        <v>50</v>
      </c>
      <c r="Z10780" s="2">
        <v>193.9</v>
      </c>
      <c r="AA10780" s="5">
        <v>8</v>
      </c>
      <c r="AB10780" s="5" t="s">
        <v>43</v>
      </c>
      <c r="AC10780" s="5" t="s">
        <v>44</v>
      </c>
      <c r="AD10780" s="2" t="s">
        <v>32510</v>
      </c>
      <c r="AE10780" s="1"/>
    </row>
    <row r="10781" spans="1:31" ht="14.45">
      <c r="A10781" s="11"/>
      <c r="B10781" s="20"/>
      <c r="C10781" s="2" t="s">
        <v>33136</v>
      </c>
      <c r="D10781" s="14" t="s">
        <v>33137</v>
      </c>
      <c r="E10781" s="2" t="s">
        <v>33138</v>
      </c>
      <c r="F10781" s="2" t="s">
        <v>32522</v>
      </c>
      <c r="G10781" s="8">
        <v>221</v>
      </c>
      <c r="H10781" s="5">
        <v>5</v>
      </c>
      <c r="I10781" s="5" t="s">
        <v>69</v>
      </c>
      <c r="J10781" s="5" t="s">
        <v>27074</v>
      </c>
      <c r="K10781" s="2" t="s">
        <v>27075</v>
      </c>
      <c r="L10781" s="5" t="s">
        <v>27074</v>
      </c>
      <c r="M10781" s="2" t="s">
        <v>27075</v>
      </c>
      <c r="N10781" s="5" t="s">
        <v>24254</v>
      </c>
      <c r="O10781" s="5" t="s">
        <v>38</v>
      </c>
      <c r="P10781" s="5" t="s">
        <v>39</v>
      </c>
      <c r="Q10781" s="5" t="s">
        <v>40</v>
      </c>
      <c r="R10781" s="5" t="s">
        <v>24335</v>
      </c>
      <c r="S10781" s="5" t="s">
        <v>40</v>
      </c>
      <c r="T10781" s="5" t="s">
        <v>42</v>
      </c>
      <c r="U10781" s="2">
        <v>7.181</v>
      </c>
      <c r="V10781" s="2">
        <v>5.36</v>
      </c>
      <c r="W10781" s="2">
        <v>0.13600000000000001</v>
      </c>
      <c r="X10781" s="2">
        <v>12</v>
      </c>
      <c r="Y10781" s="2">
        <v>50</v>
      </c>
      <c r="Z10781" s="2">
        <v>227.4</v>
      </c>
      <c r="AA10781" s="5">
        <v>10</v>
      </c>
      <c r="AB10781" s="5" t="s">
        <v>43</v>
      </c>
      <c r="AC10781" s="5" t="s">
        <v>44</v>
      </c>
      <c r="AD10781" s="2" t="s">
        <v>32577</v>
      </c>
      <c r="AE10781" s="1"/>
    </row>
    <row r="10782" spans="1:31" ht="14.45">
      <c r="A10782" s="11"/>
      <c r="B10782" s="20"/>
      <c r="C10782" s="2" t="s">
        <v>33139</v>
      </c>
      <c r="D10782" s="14" t="s">
        <v>33140</v>
      </c>
      <c r="E10782" s="2" t="s">
        <v>33141</v>
      </c>
      <c r="F10782" s="2" t="s">
        <v>32527</v>
      </c>
      <c r="G10782" s="8">
        <v>221</v>
      </c>
      <c r="H10782" s="5">
        <v>5</v>
      </c>
      <c r="I10782" s="5" t="s">
        <v>69</v>
      </c>
      <c r="J10782" s="5" t="s">
        <v>27074</v>
      </c>
      <c r="K10782" s="2" t="s">
        <v>27075</v>
      </c>
      <c r="L10782" s="5" t="s">
        <v>27074</v>
      </c>
      <c r="M10782" s="2" t="s">
        <v>27075</v>
      </c>
      <c r="N10782" s="5" t="s">
        <v>24254</v>
      </c>
      <c r="O10782" s="5" t="s">
        <v>38</v>
      </c>
      <c r="P10782" s="5" t="s">
        <v>39</v>
      </c>
      <c r="Q10782" s="5" t="s">
        <v>40</v>
      </c>
      <c r="R10782" s="5" t="s">
        <v>24335</v>
      </c>
      <c r="S10782" s="5" t="s">
        <v>40</v>
      </c>
      <c r="T10782" s="5" t="s">
        <v>42</v>
      </c>
      <c r="U10782" s="2">
        <v>5.5880000000000001</v>
      </c>
      <c r="V10782" s="2">
        <v>3.7669999999999999</v>
      </c>
      <c r="W10782" s="2">
        <v>0.13600000000000001</v>
      </c>
      <c r="X10782" s="2">
        <v>12</v>
      </c>
      <c r="Y10782" s="2">
        <v>50</v>
      </c>
      <c r="Z10782" s="2">
        <v>227.4</v>
      </c>
      <c r="AA10782" s="5">
        <v>10</v>
      </c>
      <c r="AB10782" s="5" t="s">
        <v>43</v>
      </c>
      <c r="AC10782" s="5" t="s">
        <v>44</v>
      </c>
      <c r="AD10782" s="2" t="s">
        <v>32536</v>
      </c>
      <c r="AE10782" s="1"/>
    </row>
    <row r="10783" spans="1:31" ht="14.45">
      <c r="A10783" s="11"/>
      <c r="B10783" s="20"/>
      <c r="C10783" s="2" t="s">
        <v>33142</v>
      </c>
      <c r="D10783" s="14" t="s">
        <v>33143</v>
      </c>
      <c r="E10783" s="2" t="s">
        <v>33144</v>
      </c>
      <c r="F10783" s="2" t="s">
        <v>32532</v>
      </c>
      <c r="G10783" s="8">
        <v>221</v>
      </c>
      <c r="H10783" s="5">
        <v>5</v>
      </c>
      <c r="I10783" s="5" t="s">
        <v>69</v>
      </c>
      <c r="J10783" s="5" t="s">
        <v>27074</v>
      </c>
      <c r="K10783" s="2" t="s">
        <v>27075</v>
      </c>
      <c r="L10783" s="5" t="s">
        <v>27074</v>
      </c>
      <c r="M10783" s="2" t="s">
        <v>27075</v>
      </c>
      <c r="N10783" s="5" t="s">
        <v>24254</v>
      </c>
      <c r="O10783" s="5" t="s">
        <v>38</v>
      </c>
      <c r="P10783" s="5" t="s">
        <v>39</v>
      </c>
      <c r="Q10783" s="5" t="s">
        <v>40</v>
      </c>
      <c r="R10783" s="5" t="s">
        <v>24335</v>
      </c>
      <c r="S10783" s="5" t="s">
        <v>40</v>
      </c>
      <c r="T10783" s="5" t="s">
        <v>42</v>
      </c>
      <c r="U10783" s="2">
        <v>5.9980000000000002</v>
      </c>
      <c r="V10783" s="2">
        <v>4.1130000000000004</v>
      </c>
      <c r="W10783" s="2">
        <v>0.13600000000000001</v>
      </c>
      <c r="X10783" s="2">
        <v>12</v>
      </c>
      <c r="Y10783" s="2">
        <v>50</v>
      </c>
      <c r="Z10783" s="2">
        <v>227.4</v>
      </c>
      <c r="AA10783" s="5">
        <v>10</v>
      </c>
      <c r="AB10783" s="5" t="s">
        <v>43</v>
      </c>
      <c r="AC10783" s="5" t="s">
        <v>44</v>
      </c>
      <c r="AD10783" s="2" t="s">
        <v>32528</v>
      </c>
      <c r="AE10783" s="1"/>
    </row>
    <row r="10784" spans="1:31" ht="14.45">
      <c r="A10784" s="11"/>
      <c r="B10784" s="20"/>
      <c r="C10784" s="2" t="s">
        <v>33145</v>
      </c>
      <c r="D10784" s="14" t="s">
        <v>33146</v>
      </c>
      <c r="E10784" s="2" t="s">
        <v>33147</v>
      </c>
      <c r="F10784" s="2" t="s">
        <v>32532</v>
      </c>
      <c r="G10784" s="8">
        <v>221</v>
      </c>
      <c r="H10784" s="5">
        <v>5</v>
      </c>
      <c r="I10784" s="5" t="s">
        <v>69</v>
      </c>
      <c r="J10784" s="5" t="s">
        <v>27074</v>
      </c>
      <c r="K10784" s="2" t="s">
        <v>27075</v>
      </c>
      <c r="L10784" s="5" t="s">
        <v>27074</v>
      </c>
      <c r="M10784" s="2" t="s">
        <v>27075</v>
      </c>
      <c r="N10784" s="5" t="s">
        <v>24254</v>
      </c>
      <c r="O10784" s="5" t="s">
        <v>38</v>
      </c>
      <c r="P10784" s="5" t="s">
        <v>39</v>
      </c>
      <c r="Q10784" s="5" t="s">
        <v>40</v>
      </c>
      <c r="R10784" s="5" t="s">
        <v>24335</v>
      </c>
      <c r="S10784" s="5" t="s">
        <v>40</v>
      </c>
      <c r="T10784" s="5" t="s">
        <v>42</v>
      </c>
      <c r="U10784" s="2">
        <v>6.4809999999999999</v>
      </c>
      <c r="V10784" s="2">
        <v>4.5960000000000001</v>
      </c>
      <c r="W10784" s="2">
        <v>0.104</v>
      </c>
      <c r="X10784" s="2">
        <v>12</v>
      </c>
      <c r="Y10784" s="2">
        <v>50</v>
      </c>
      <c r="Z10784" s="2">
        <v>227.4</v>
      </c>
      <c r="AA10784" s="5">
        <v>10</v>
      </c>
      <c r="AB10784" s="5" t="s">
        <v>43</v>
      </c>
      <c r="AC10784" s="5" t="s">
        <v>44</v>
      </c>
      <c r="AD10784" s="2" t="s">
        <v>32536</v>
      </c>
      <c r="AE10784" s="1"/>
    </row>
    <row r="10785" spans="1:31" ht="14.45">
      <c r="A10785" s="11"/>
      <c r="B10785" s="20"/>
      <c r="C10785" s="2" t="s">
        <v>33148</v>
      </c>
      <c r="D10785" s="14" t="s">
        <v>33149</v>
      </c>
      <c r="E10785" s="2" t="s">
        <v>33150</v>
      </c>
      <c r="F10785" s="2" t="s">
        <v>32540</v>
      </c>
      <c r="G10785" s="8">
        <v>402</v>
      </c>
      <c r="H10785" s="5">
        <v>5</v>
      </c>
      <c r="I10785" s="5" t="s">
        <v>69</v>
      </c>
      <c r="J10785" s="5" t="s">
        <v>27074</v>
      </c>
      <c r="K10785" s="2" t="s">
        <v>27075</v>
      </c>
      <c r="L10785" s="5" t="s">
        <v>27074</v>
      </c>
      <c r="M10785" s="2" t="s">
        <v>27075</v>
      </c>
      <c r="N10785" s="5" t="s">
        <v>24254</v>
      </c>
      <c r="O10785" s="5" t="s">
        <v>38</v>
      </c>
      <c r="P10785" s="5" t="s">
        <v>39</v>
      </c>
      <c r="Q10785" s="5" t="s">
        <v>40</v>
      </c>
      <c r="R10785" s="5" t="s">
        <v>24335</v>
      </c>
      <c r="S10785" s="5" t="s">
        <v>40</v>
      </c>
      <c r="T10785" s="5" t="s">
        <v>42</v>
      </c>
      <c r="U10785" s="2">
        <v>13.936</v>
      </c>
      <c r="V10785" s="2">
        <v>11.28</v>
      </c>
      <c r="W10785" s="2">
        <v>0.19500000000000001</v>
      </c>
      <c r="X10785" s="2">
        <v>12</v>
      </c>
      <c r="Y10785" s="2">
        <v>77</v>
      </c>
      <c r="Z10785" s="2">
        <v>210.9</v>
      </c>
      <c r="AA10785" s="5">
        <v>8</v>
      </c>
      <c r="AB10785" s="5" t="s">
        <v>43</v>
      </c>
      <c r="AC10785" s="5" t="s">
        <v>44</v>
      </c>
      <c r="AD10785" s="2" t="s">
        <v>32541</v>
      </c>
      <c r="AE10785" s="1"/>
    </row>
    <row r="10786" spans="1:31" ht="14.45">
      <c r="A10786" s="11"/>
      <c r="B10786" s="20"/>
      <c r="C10786" s="2" t="s">
        <v>33151</v>
      </c>
      <c r="D10786" s="14" t="s">
        <v>33152</v>
      </c>
      <c r="E10786" s="2" t="s">
        <v>33153</v>
      </c>
      <c r="F10786" s="2" t="s">
        <v>32545</v>
      </c>
      <c r="G10786" s="8">
        <v>797</v>
      </c>
      <c r="H10786" s="5">
        <v>5</v>
      </c>
      <c r="I10786" s="5" t="s">
        <v>69</v>
      </c>
      <c r="J10786" s="5" t="s">
        <v>27074</v>
      </c>
      <c r="K10786" s="2" t="s">
        <v>27075</v>
      </c>
      <c r="L10786" s="5" t="s">
        <v>27074</v>
      </c>
      <c r="M10786" s="2" t="s">
        <v>27075</v>
      </c>
      <c r="N10786" s="5" t="s">
        <v>24254</v>
      </c>
      <c r="O10786" s="5" t="s">
        <v>38</v>
      </c>
      <c r="P10786" s="5" t="s">
        <v>39</v>
      </c>
      <c r="Q10786" s="5" t="s">
        <v>40</v>
      </c>
      <c r="R10786" s="5" t="s">
        <v>1487</v>
      </c>
      <c r="S10786" s="5"/>
      <c r="T10786" s="5" t="s">
        <v>42</v>
      </c>
      <c r="U10786" s="2">
        <v>0</v>
      </c>
      <c r="V10786" s="2">
        <v>0</v>
      </c>
      <c r="W10786" s="2">
        <v>0</v>
      </c>
      <c r="X10786" s="2">
        <v>0</v>
      </c>
      <c r="Y10786" s="2">
        <v>0</v>
      </c>
      <c r="Z10786" s="2">
        <v>0</v>
      </c>
      <c r="AA10786" s="5"/>
      <c r="AB10786" s="5" t="s">
        <v>43</v>
      </c>
      <c r="AC10786" s="5" t="s">
        <v>44</v>
      </c>
      <c r="AD10786" s="2" t="s">
        <v>32546</v>
      </c>
      <c r="AE10786" s="1"/>
    </row>
    <row r="10787" spans="1:31" ht="14.45">
      <c r="A10787" s="11"/>
      <c r="B10787" s="20"/>
      <c r="C10787" s="2" t="s">
        <v>33154</v>
      </c>
      <c r="D10787" s="14" t="s">
        <v>33155</v>
      </c>
      <c r="E10787" s="2" t="s">
        <v>33156</v>
      </c>
      <c r="F10787" s="2" t="s">
        <v>32550</v>
      </c>
      <c r="G10787" s="8">
        <v>797</v>
      </c>
      <c r="H10787" s="5">
        <v>15</v>
      </c>
      <c r="I10787" s="5" t="s">
        <v>69</v>
      </c>
      <c r="J10787" s="5" t="s">
        <v>27074</v>
      </c>
      <c r="K10787" s="2" t="s">
        <v>27075</v>
      </c>
      <c r="L10787" s="5" t="s">
        <v>27074</v>
      </c>
      <c r="M10787" s="2" t="s">
        <v>27075</v>
      </c>
      <c r="N10787" s="5" t="s">
        <v>24254</v>
      </c>
      <c r="O10787" s="5" t="s">
        <v>38</v>
      </c>
      <c r="P10787" s="5" t="s">
        <v>39</v>
      </c>
      <c r="Q10787" s="5" t="s">
        <v>40</v>
      </c>
      <c r="R10787" s="5" t="s">
        <v>1487</v>
      </c>
      <c r="S10787" s="5"/>
      <c r="T10787" s="5" t="s">
        <v>42</v>
      </c>
      <c r="U10787" s="2">
        <v>0</v>
      </c>
      <c r="V10787" s="2">
        <v>0</v>
      </c>
      <c r="W10787" s="2">
        <v>0</v>
      </c>
      <c r="X10787" s="2">
        <v>0</v>
      </c>
      <c r="Y10787" s="2">
        <v>0</v>
      </c>
      <c r="Z10787" s="2">
        <v>0</v>
      </c>
      <c r="AA10787" s="5"/>
      <c r="AB10787" s="5" t="s">
        <v>43</v>
      </c>
      <c r="AC10787" s="5" t="s">
        <v>44</v>
      </c>
      <c r="AD10787" s="2" t="s">
        <v>32551</v>
      </c>
      <c r="AE10787" s="1"/>
    </row>
    <row r="10788" spans="1:31" ht="14.45">
      <c r="A10788" s="11"/>
      <c r="B10788" s="20"/>
      <c r="C10788" s="2" t="s">
        <v>33157</v>
      </c>
      <c r="D10788" s="14" t="s">
        <v>33158</v>
      </c>
      <c r="E10788" s="2" t="s">
        <v>33159</v>
      </c>
      <c r="F10788" s="2" t="s">
        <v>32509</v>
      </c>
      <c r="G10788" s="8">
        <v>240</v>
      </c>
      <c r="H10788" s="5">
        <v>10</v>
      </c>
      <c r="I10788" s="5" t="s">
        <v>69</v>
      </c>
      <c r="J10788" s="5" t="s">
        <v>27074</v>
      </c>
      <c r="K10788" s="2" t="s">
        <v>27075</v>
      </c>
      <c r="L10788" s="5" t="s">
        <v>27074</v>
      </c>
      <c r="M10788" s="2" t="s">
        <v>27075</v>
      </c>
      <c r="N10788" s="5" t="s">
        <v>24254</v>
      </c>
      <c r="O10788" s="5" t="s">
        <v>38</v>
      </c>
      <c r="P10788" s="5" t="s">
        <v>39</v>
      </c>
      <c r="Q10788" s="5" t="s">
        <v>40</v>
      </c>
      <c r="R10788" s="5" t="s">
        <v>24335</v>
      </c>
      <c r="S10788" s="5" t="s">
        <v>40</v>
      </c>
      <c r="T10788" s="5" t="s">
        <v>42</v>
      </c>
      <c r="U10788" s="2">
        <v>9.2759999999999998</v>
      </c>
      <c r="V10788" s="2">
        <v>7.4930000000000003</v>
      </c>
      <c r="W10788" s="2">
        <v>0.13600000000000001</v>
      </c>
      <c r="X10788" s="2">
        <v>12</v>
      </c>
      <c r="Y10788" s="2">
        <v>50</v>
      </c>
      <c r="Z10788" s="2">
        <v>227.4</v>
      </c>
      <c r="AA10788" s="5">
        <v>8</v>
      </c>
      <c r="AB10788" s="5" t="s">
        <v>43</v>
      </c>
      <c r="AC10788" s="5" t="s">
        <v>44</v>
      </c>
      <c r="AD10788" s="2" t="s">
        <v>32510</v>
      </c>
      <c r="AE10788" s="1"/>
    </row>
    <row r="10789" spans="1:31" ht="14.45">
      <c r="A10789" s="11"/>
      <c r="B10789" s="20"/>
      <c r="C10789" s="2" t="s">
        <v>33160</v>
      </c>
      <c r="D10789" s="14" t="s">
        <v>33161</v>
      </c>
      <c r="E10789" s="2" t="s">
        <v>33162</v>
      </c>
      <c r="F10789" s="2" t="s">
        <v>32514</v>
      </c>
      <c r="G10789" s="8">
        <v>240</v>
      </c>
      <c r="H10789" s="5">
        <v>5</v>
      </c>
      <c r="I10789" s="5" t="s">
        <v>69</v>
      </c>
      <c r="J10789" s="5" t="s">
        <v>27074</v>
      </c>
      <c r="K10789" s="2" t="s">
        <v>27075</v>
      </c>
      <c r="L10789" s="5" t="s">
        <v>27074</v>
      </c>
      <c r="M10789" s="2" t="s">
        <v>27075</v>
      </c>
      <c r="N10789" s="5" t="s">
        <v>24254</v>
      </c>
      <c r="O10789" s="5" t="s">
        <v>38</v>
      </c>
      <c r="P10789" s="5" t="s">
        <v>39</v>
      </c>
      <c r="Q10789" s="5" t="s">
        <v>40</v>
      </c>
      <c r="R10789" s="5" t="s">
        <v>24335</v>
      </c>
      <c r="S10789" s="5" t="s">
        <v>40</v>
      </c>
      <c r="T10789" s="5" t="s">
        <v>42</v>
      </c>
      <c r="U10789" s="2">
        <v>8.6359999999999992</v>
      </c>
      <c r="V10789" s="2">
        <v>6.78</v>
      </c>
      <c r="W10789" s="2">
        <v>0.13600000000000001</v>
      </c>
      <c r="X10789" s="2">
        <v>12</v>
      </c>
      <c r="Y10789" s="2">
        <v>50</v>
      </c>
      <c r="Z10789" s="2">
        <v>227.4</v>
      </c>
      <c r="AA10789" s="5">
        <v>8</v>
      </c>
      <c r="AB10789" s="5" t="s">
        <v>43</v>
      </c>
      <c r="AC10789" s="5" t="s">
        <v>44</v>
      </c>
      <c r="AD10789" s="2" t="s">
        <v>32510</v>
      </c>
      <c r="AE10789" s="1"/>
    </row>
    <row r="10790" spans="1:31" ht="14.45">
      <c r="A10790" s="11"/>
      <c r="B10790" s="20"/>
      <c r="C10790" s="2" t="s">
        <v>33163</v>
      </c>
      <c r="D10790" s="14" t="s">
        <v>33164</v>
      </c>
      <c r="E10790" s="2" t="s">
        <v>33165</v>
      </c>
      <c r="F10790" s="2" t="s">
        <v>32518</v>
      </c>
      <c r="G10790" s="8">
        <v>240</v>
      </c>
      <c r="H10790" s="5">
        <v>10</v>
      </c>
      <c r="I10790" s="5" t="s">
        <v>69</v>
      </c>
      <c r="J10790" s="5" t="s">
        <v>27074</v>
      </c>
      <c r="K10790" s="2" t="s">
        <v>27075</v>
      </c>
      <c r="L10790" s="5" t="s">
        <v>27074</v>
      </c>
      <c r="M10790" s="2" t="s">
        <v>27075</v>
      </c>
      <c r="N10790" s="5" t="s">
        <v>24254</v>
      </c>
      <c r="O10790" s="5" t="s">
        <v>38</v>
      </c>
      <c r="P10790" s="5" t="s">
        <v>39</v>
      </c>
      <c r="Q10790" s="5" t="s">
        <v>40</v>
      </c>
      <c r="R10790" s="5" t="s">
        <v>24335</v>
      </c>
      <c r="S10790" s="5" t="s">
        <v>40</v>
      </c>
      <c r="T10790" s="5" t="s">
        <v>42</v>
      </c>
      <c r="U10790" s="2">
        <v>7.1779999999999999</v>
      </c>
      <c r="V10790" s="2">
        <v>5.4290000000000003</v>
      </c>
      <c r="W10790" s="2">
        <v>0.13600000000000001</v>
      </c>
      <c r="X10790" s="2">
        <v>12</v>
      </c>
      <c r="Y10790" s="2">
        <v>50</v>
      </c>
      <c r="Z10790" s="2">
        <v>227.4</v>
      </c>
      <c r="AA10790" s="5">
        <v>8</v>
      </c>
      <c r="AB10790" s="5" t="s">
        <v>43</v>
      </c>
      <c r="AC10790" s="5" t="s">
        <v>44</v>
      </c>
      <c r="AD10790" s="2" t="s">
        <v>32510</v>
      </c>
      <c r="AE10790" s="1"/>
    </row>
    <row r="10791" spans="1:31" ht="14.45">
      <c r="A10791" s="11"/>
      <c r="B10791" s="20"/>
      <c r="C10791" s="2" t="s">
        <v>33166</v>
      </c>
      <c r="D10791" s="14" t="s">
        <v>33167</v>
      </c>
      <c r="E10791" s="2" t="s">
        <v>33168</v>
      </c>
      <c r="F10791" s="2" t="s">
        <v>32522</v>
      </c>
      <c r="G10791" s="8">
        <v>240</v>
      </c>
      <c r="H10791" s="5">
        <v>5</v>
      </c>
      <c r="I10791" s="5" t="s">
        <v>69</v>
      </c>
      <c r="J10791" s="5" t="s">
        <v>27074</v>
      </c>
      <c r="K10791" s="2" t="s">
        <v>27075</v>
      </c>
      <c r="L10791" s="5" t="s">
        <v>27074</v>
      </c>
      <c r="M10791" s="2" t="s">
        <v>27075</v>
      </c>
      <c r="N10791" s="5" t="s">
        <v>24254</v>
      </c>
      <c r="O10791" s="5" t="s">
        <v>38</v>
      </c>
      <c r="P10791" s="5" t="s">
        <v>39</v>
      </c>
      <c r="Q10791" s="5" t="s">
        <v>40</v>
      </c>
      <c r="R10791" s="5" t="s">
        <v>24335</v>
      </c>
      <c r="S10791" s="5" t="s">
        <v>40</v>
      </c>
      <c r="T10791" s="5" t="s">
        <v>42</v>
      </c>
      <c r="U10791" s="2">
        <v>7.6539999999999999</v>
      </c>
      <c r="V10791" s="2">
        <v>5.8330000000000002</v>
      </c>
      <c r="W10791" s="2">
        <v>0.13600000000000001</v>
      </c>
      <c r="X10791" s="2">
        <v>12</v>
      </c>
      <c r="Y10791" s="2">
        <v>50</v>
      </c>
      <c r="Z10791" s="2">
        <v>227.4</v>
      </c>
      <c r="AA10791" s="5">
        <v>10</v>
      </c>
      <c r="AB10791" s="5" t="s">
        <v>43</v>
      </c>
      <c r="AC10791" s="5" t="s">
        <v>44</v>
      </c>
      <c r="AD10791" s="2" t="s">
        <v>32523</v>
      </c>
      <c r="AE10791" s="1"/>
    </row>
    <row r="10792" spans="1:31" ht="14.45">
      <c r="A10792" s="11"/>
      <c r="B10792" s="20"/>
      <c r="C10792" s="2" t="s">
        <v>33169</v>
      </c>
      <c r="D10792" s="14" t="s">
        <v>33170</v>
      </c>
      <c r="E10792" s="2" t="s">
        <v>33171</v>
      </c>
      <c r="F10792" s="2" t="s">
        <v>32522</v>
      </c>
      <c r="G10792" s="8">
        <v>240</v>
      </c>
      <c r="H10792" s="5">
        <v>5</v>
      </c>
      <c r="I10792" s="5" t="s">
        <v>69</v>
      </c>
      <c r="J10792" s="5" t="s">
        <v>27074</v>
      </c>
      <c r="K10792" s="2" t="s">
        <v>27075</v>
      </c>
      <c r="L10792" s="5" t="s">
        <v>27074</v>
      </c>
      <c r="M10792" s="2" t="s">
        <v>27075</v>
      </c>
      <c r="N10792" s="5" t="s">
        <v>24254</v>
      </c>
      <c r="O10792" s="5" t="s">
        <v>38</v>
      </c>
      <c r="P10792" s="5" t="s">
        <v>39</v>
      </c>
      <c r="Q10792" s="5" t="s">
        <v>40</v>
      </c>
      <c r="R10792" s="5" t="s">
        <v>24335</v>
      </c>
      <c r="S10792" s="5" t="s">
        <v>40</v>
      </c>
      <c r="T10792" s="5" t="s">
        <v>42</v>
      </c>
      <c r="U10792" s="2">
        <v>8.1110000000000007</v>
      </c>
      <c r="V10792" s="2">
        <v>6.29</v>
      </c>
      <c r="W10792" s="2">
        <v>0.13600000000000001</v>
      </c>
      <c r="X10792" s="2">
        <v>12</v>
      </c>
      <c r="Y10792" s="2">
        <v>50</v>
      </c>
      <c r="Z10792" s="2">
        <v>227.4</v>
      </c>
      <c r="AA10792" s="5">
        <v>10</v>
      </c>
      <c r="AB10792" s="5" t="s">
        <v>43</v>
      </c>
      <c r="AC10792" s="5" t="s">
        <v>44</v>
      </c>
      <c r="AD10792" s="2" t="s">
        <v>32577</v>
      </c>
      <c r="AE10792" s="1"/>
    </row>
    <row r="10793" spans="1:31" ht="14.45">
      <c r="A10793" s="11"/>
      <c r="B10793" s="20"/>
      <c r="C10793" s="2" t="s">
        <v>33172</v>
      </c>
      <c r="D10793" s="14" t="s">
        <v>33173</v>
      </c>
      <c r="E10793" s="2" t="s">
        <v>33174</v>
      </c>
      <c r="F10793" s="2" t="s">
        <v>32527</v>
      </c>
      <c r="G10793" s="8">
        <v>240</v>
      </c>
      <c r="H10793" s="5">
        <v>5</v>
      </c>
      <c r="I10793" s="5" t="s">
        <v>69</v>
      </c>
      <c r="J10793" s="5" t="s">
        <v>27074</v>
      </c>
      <c r="K10793" s="2" t="s">
        <v>27075</v>
      </c>
      <c r="L10793" s="5" t="s">
        <v>27074</v>
      </c>
      <c r="M10793" s="2" t="s">
        <v>27075</v>
      </c>
      <c r="N10793" s="5" t="s">
        <v>24254</v>
      </c>
      <c r="O10793" s="5" t="s">
        <v>38</v>
      </c>
      <c r="P10793" s="5" t="s">
        <v>39</v>
      </c>
      <c r="Q10793" s="5" t="s">
        <v>40</v>
      </c>
      <c r="R10793" s="5" t="s">
        <v>24335</v>
      </c>
      <c r="S10793" s="5" t="s">
        <v>40</v>
      </c>
      <c r="T10793" s="5" t="s">
        <v>42</v>
      </c>
      <c r="U10793" s="2">
        <v>6.5039999999999996</v>
      </c>
      <c r="V10793" s="2">
        <v>4.6829999999999998</v>
      </c>
      <c r="W10793" s="2">
        <v>0.13600000000000001</v>
      </c>
      <c r="X10793" s="2">
        <v>12</v>
      </c>
      <c r="Y10793" s="2">
        <v>50</v>
      </c>
      <c r="Z10793" s="2">
        <v>227.4</v>
      </c>
      <c r="AA10793" s="5">
        <v>10</v>
      </c>
      <c r="AB10793" s="5" t="s">
        <v>43</v>
      </c>
      <c r="AC10793" s="5" t="s">
        <v>44</v>
      </c>
      <c r="AD10793" s="2" t="s">
        <v>32528</v>
      </c>
      <c r="AE10793" s="1"/>
    </row>
    <row r="10794" spans="1:31" ht="14.45">
      <c r="A10794" s="11"/>
      <c r="B10794" s="20"/>
      <c r="C10794" s="2" t="s">
        <v>33175</v>
      </c>
      <c r="D10794" s="14" t="s">
        <v>33176</v>
      </c>
      <c r="E10794" s="2" t="s">
        <v>33177</v>
      </c>
      <c r="F10794" s="2" t="s">
        <v>32527</v>
      </c>
      <c r="G10794" s="8">
        <v>240</v>
      </c>
      <c r="H10794" s="5">
        <v>5</v>
      </c>
      <c r="I10794" s="5" t="s">
        <v>69</v>
      </c>
      <c r="J10794" s="5" t="s">
        <v>27074</v>
      </c>
      <c r="K10794" s="2" t="s">
        <v>27075</v>
      </c>
      <c r="L10794" s="5" t="s">
        <v>27074</v>
      </c>
      <c r="M10794" s="2" t="s">
        <v>27075</v>
      </c>
      <c r="N10794" s="5" t="s">
        <v>24254</v>
      </c>
      <c r="O10794" s="5" t="s">
        <v>38</v>
      </c>
      <c r="P10794" s="5" t="s">
        <v>39</v>
      </c>
      <c r="Q10794" s="5" t="s">
        <v>40</v>
      </c>
      <c r="R10794" s="5" t="s">
        <v>24335</v>
      </c>
      <c r="S10794" s="5" t="s">
        <v>40</v>
      </c>
      <c r="T10794" s="5" t="s">
        <v>42</v>
      </c>
      <c r="U10794" s="2">
        <v>6.2530000000000001</v>
      </c>
      <c r="V10794" s="2">
        <v>4.4320000000000004</v>
      </c>
      <c r="W10794" s="2">
        <v>0.13600000000000001</v>
      </c>
      <c r="X10794" s="2">
        <v>12</v>
      </c>
      <c r="Y10794" s="2">
        <v>50</v>
      </c>
      <c r="Z10794" s="2">
        <v>227.4</v>
      </c>
      <c r="AA10794" s="5">
        <v>10</v>
      </c>
      <c r="AB10794" s="5" t="s">
        <v>43</v>
      </c>
      <c r="AC10794" s="5" t="s">
        <v>44</v>
      </c>
      <c r="AD10794" s="2" t="s">
        <v>32536</v>
      </c>
      <c r="AE10794" s="1"/>
    </row>
    <row r="10795" spans="1:31" ht="14.45">
      <c r="A10795" s="11"/>
      <c r="B10795" s="20"/>
      <c r="C10795" s="2" t="s">
        <v>33178</v>
      </c>
      <c r="D10795" s="14" t="s">
        <v>33179</v>
      </c>
      <c r="E10795" s="2" t="s">
        <v>33180</v>
      </c>
      <c r="F10795" s="2" t="s">
        <v>32532</v>
      </c>
      <c r="G10795" s="8">
        <v>240</v>
      </c>
      <c r="H10795" s="5">
        <v>5</v>
      </c>
      <c r="I10795" s="5" t="s">
        <v>69</v>
      </c>
      <c r="J10795" s="5" t="s">
        <v>27074</v>
      </c>
      <c r="K10795" s="2" t="s">
        <v>27075</v>
      </c>
      <c r="L10795" s="5" t="s">
        <v>27074</v>
      </c>
      <c r="M10795" s="2" t="s">
        <v>27075</v>
      </c>
      <c r="N10795" s="5" t="s">
        <v>24254</v>
      </c>
      <c r="O10795" s="5" t="s">
        <v>38</v>
      </c>
      <c r="P10795" s="5" t="s">
        <v>39</v>
      </c>
      <c r="Q10795" s="5" t="s">
        <v>40</v>
      </c>
      <c r="R10795" s="5" t="s">
        <v>24335</v>
      </c>
      <c r="S10795" s="5" t="s">
        <v>40</v>
      </c>
      <c r="T10795" s="5" t="s">
        <v>42</v>
      </c>
      <c r="U10795" s="2">
        <v>6.7690000000000001</v>
      </c>
      <c r="V10795" s="2">
        <v>4.8840000000000003</v>
      </c>
      <c r="W10795" s="2">
        <v>0.13600000000000001</v>
      </c>
      <c r="X10795" s="2">
        <v>12</v>
      </c>
      <c r="Y10795" s="2">
        <v>50</v>
      </c>
      <c r="Z10795" s="2">
        <v>227.4</v>
      </c>
      <c r="AA10795" s="5">
        <v>10</v>
      </c>
      <c r="AB10795" s="5" t="s">
        <v>43</v>
      </c>
      <c r="AC10795" s="5" t="s">
        <v>44</v>
      </c>
      <c r="AD10795" s="2" t="s">
        <v>32528</v>
      </c>
      <c r="AE10795" s="1"/>
    </row>
    <row r="10796" spans="1:31" ht="14.45">
      <c r="A10796" s="11"/>
      <c r="B10796" s="20"/>
      <c r="C10796" s="2" t="s">
        <v>33181</v>
      </c>
      <c r="D10796" s="14" t="s">
        <v>33182</v>
      </c>
      <c r="E10796" s="2" t="s">
        <v>33183</v>
      </c>
      <c r="F10796" s="2" t="s">
        <v>32532</v>
      </c>
      <c r="G10796" s="8">
        <v>240</v>
      </c>
      <c r="H10796" s="5">
        <v>5</v>
      </c>
      <c r="I10796" s="5" t="s">
        <v>69</v>
      </c>
      <c r="J10796" s="5" t="s">
        <v>27074</v>
      </c>
      <c r="K10796" s="2" t="s">
        <v>27075</v>
      </c>
      <c r="L10796" s="5" t="s">
        <v>27074</v>
      </c>
      <c r="M10796" s="2" t="s">
        <v>27075</v>
      </c>
      <c r="N10796" s="5" t="s">
        <v>24254</v>
      </c>
      <c r="O10796" s="5" t="s">
        <v>38</v>
      </c>
      <c r="P10796" s="5" t="s">
        <v>39</v>
      </c>
      <c r="Q10796" s="5" t="s">
        <v>40</v>
      </c>
      <c r="R10796" s="5" t="s">
        <v>24335</v>
      </c>
      <c r="S10796" s="5" t="s">
        <v>40</v>
      </c>
      <c r="T10796" s="5" t="s">
        <v>42</v>
      </c>
      <c r="U10796" s="2">
        <v>7.2519999999999998</v>
      </c>
      <c r="V10796" s="2">
        <v>5.367</v>
      </c>
      <c r="W10796" s="2">
        <v>0.11600000000000001</v>
      </c>
      <c r="X10796" s="2">
        <v>12</v>
      </c>
      <c r="Y10796" s="2">
        <v>50</v>
      </c>
      <c r="Z10796" s="2">
        <v>193.9</v>
      </c>
      <c r="AA10796" s="5">
        <v>10</v>
      </c>
      <c r="AB10796" s="5" t="s">
        <v>43</v>
      </c>
      <c r="AC10796" s="5" t="s">
        <v>44</v>
      </c>
      <c r="AD10796" s="2" t="s">
        <v>32536</v>
      </c>
      <c r="AE10796" s="1"/>
    </row>
    <row r="10797" spans="1:31" ht="14.45">
      <c r="A10797" s="11"/>
      <c r="B10797" s="20"/>
      <c r="C10797" s="2" t="s">
        <v>33184</v>
      </c>
      <c r="D10797" s="14" t="s">
        <v>33185</v>
      </c>
      <c r="E10797" s="2" t="s">
        <v>33186</v>
      </c>
      <c r="F10797" s="2" t="s">
        <v>32540</v>
      </c>
      <c r="G10797" s="8">
        <v>436</v>
      </c>
      <c r="H10797" s="5">
        <v>5</v>
      </c>
      <c r="I10797" s="5" t="s">
        <v>69</v>
      </c>
      <c r="J10797" s="5" t="s">
        <v>27074</v>
      </c>
      <c r="K10797" s="2" t="s">
        <v>27075</v>
      </c>
      <c r="L10797" s="5" t="s">
        <v>27074</v>
      </c>
      <c r="M10797" s="2" t="s">
        <v>27075</v>
      </c>
      <c r="N10797" s="5" t="s">
        <v>24254</v>
      </c>
      <c r="O10797" s="5" t="s">
        <v>38</v>
      </c>
      <c r="P10797" s="5" t="s">
        <v>39</v>
      </c>
      <c r="Q10797" s="5" t="s">
        <v>40</v>
      </c>
      <c r="R10797" s="5" t="s">
        <v>24335</v>
      </c>
      <c r="S10797" s="5" t="s">
        <v>40</v>
      </c>
      <c r="T10797" s="5" t="s">
        <v>42</v>
      </c>
      <c r="U10797" s="2">
        <v>15.521000000000001</v>
      </c>
      <c r="V10797" s="2">
        <v>12.865</v>
      </c>
      <c r="W10797" s="2">
        <v>0.19500000000000001</v>
      </c>
      <c r="X10797" s="2">
        <v>12</v>
      </c>
      <c r="Y10797" s="2">
        <v>77</v>
      </c>
      <c r="Z10797" s="2">
        <v>210.9</v>
      </c>
      <c r="AA10797" s="5">
        <v>8</v>
      </c>
      <c r="AB10797" s="5" t="s">
        <v>43</v>
      </c>
      <c r="AC10797" s="5" t="s">
        <v>44</v>
      </c>
      <c r="AD10797" s="2" t="s">
        <v>32541</v>
      </c>
      <c r="AE10797" s="1"/>
    </row>
    <row r="10798" spans="1:31" ht="14.45">
      <c r="A10798" s="11"/>
      <c r="B10798" s="20"/>
      <c r="C10798" s="2" t="s">
        <v>33187</v>
      </c>
      <c r="D10798" s="14" t="s">
        <v>33188</v>
      </c>
      <c r="E10798" s="2" t="s">
        <v>33189</v>
      </c>
      <c r="F10798" s="2" t="s">
        <v>32545</v>
      </c>
      <c r="G10798" s="8">
        <v>845</v>
      </c>
      <c r="H10798" s="5">
        <v>5</v>
      </c>
      <c r="I10798" s="5" t="s">
        <v>69</v>
      </c>
      <c r="J10798" s="5" t="s">
        <v>27074</v>
      </c>
      <c r="K10798" s="2" t="s">
        <v>27075</v>
      </c>
      <c r="L10798" s="5" t="s">
        <v>27074</v>
      </c>
      <c r="M10798" s="2" t="s">
        <v>27075</v>
      </c>
      <c r="N10798" s="5" t="s">
        <v>24254</v>
      </c>
      <c r="O10798" s="5" t="s">
        <v>38</v>
      </c>
      <c r="P10798" s="5" t="s">
        <v>39</v>
      </c>
      <c r="Q10798" s="5" t="s">
        <v>40</v>
      </c>
      <c r="R10798" s="5" t="s">
        <v>1487</v>
      </c>
      <c r="S10798" s="5"/>
      <c r="T10798" s="5" t="s">
        <v>42</v>
      </c>
      <c r="U10798" s="2">
        <v>0</v>
      </c>
      <c r="V10798" s="2">
        <v>0</v>
      </c>
      <c r="W10798" s="2">
        <v>0</v>
      </c>
      <c r="X10798" s="2">
        <v>0</v>
      </c>
      <c r="Y10798" s="2">
        <v>0</v>
      </c>
      <c r="Z10798" s="2">
        <v>0</v>
      </c>
      <c r="AA10798" s="5"/>
      <c r="AB10798" s="5" t="s">
        <v>43</v>
      </c>
      <c r="AC10798" s="5" t="s">
        <v>44</v>
      </c>
      <c r="AD10798" s="2" t="s">
        <v>32546</v>
      </c>
      <c r="AE10798" s="1"/>
    </row>
    <row r="10799" spans="1:31" ht="14.45">
      <c r="A10799" s="11"/>
      <c r="B10799" s="20"/>
      <c r="C10799" s="2" t="s">
        <v>33190</v>
      </c>
      <c r="D10799" s="14" t="s">
        <v>33191</v>
      </c>
      <c r="E10799" s="2" t="s">
        <v>33192</v>
      </c>
      <c r="F10799" s="2" t="s">
        <v>32550</v>
      </c>
      <c r="G10799" s="8">
        <v>845</v>
      </c>
      <c r="H10799" s="5">
        <v>15</v>
      </c>
      <c r="I10799" s="5" t="s">
        <v>69</v>
      </c>
      <c r="J10799" s="5" t="s">
        <v>27074</v>
      </c>
      <c r="K10799" s="2" t="s">
        <v>27075</v>
      </c>
      <c r="L10799" s="5" t="s">
        <v>27074</v>
      </c>
      <c r="M10799" s="2" t="s">
        <v>27075</v>
      </c>
      <c r="N10799" s="5" t="s">
        <v>24254</v>
      </c>
      <c r="O10799" s="5" t="s">
        <v>38</v>
      </c>
      <c r="P10799" s="5" t="s">
        <v>39</v>
      </c>
      <c r="Q10799" s="5" t="s">
        <v>40</v>
      </c>
      <c r="R10799" s="5" t="s">
        <v>1487</v>
      </c>
      <c r="S10799" s="5"/>
      <c r="T10799" s="5" t="s">
        <v>42</v>
      </c>
      <c r="U10799" s="2">
        <v>0</v>
      </c>
      <c r="V10799" s="2">
        <v>0</v>
      </c>
      <c r="W10799" s="2">
        <v>0</v>
      </c>
      <c r="X10799" s="2">
        <v>0</v>
      </c>
      <c r="Y10799" s="2">
        <v>0</v>
      </c>
      <c r="Z10799" s="2">
        <v>0</v>
      </c>
      <c r="AA10799" s="5"/>
      <c r="AB10799" s="5" t="s">
        <v>43</v>
      </c>
      <c r="AC10799" s="5" t="s">
        <v>44</v>
      </c>
      <c r="AD10799" s="2" t="s">
        <v>32551</v>
      </c>
      <c r="AE10799" s="1"/>
    </row>
    <row r="10800" spans="1:31" ht="14.45">
      <c r="A10800" s="11"/>
      <c r="B10800" s="20"/>
      <c r="C10800" s="2" t="s">
        <v>33193</v>
      </c>
      <c r="D10800" s="14" t="s">
        <v>33194</v>
      </c>
      <c r="E10800" s="2" t="s">
        <v>33195</v>
      </c>
      <c r="F10800" s="2" t="s">
        <v>32509</v>
      </c>
      <c r="G10800" s="8">
        <v>268</v>
      </c>
      <c r="H10800" s="5">
        <v>10</v>
      </c>
      <c r="I10800" s="5" t="s">
        <v>69</v>
      </c>
      <c r="J10800" s="5" t="s">
        <v>27074</v>
      </c>
      <c r="K10800" s="2" t="s">
        <v>27075</v>
      </c>
      <c r="L10800" s="5" t="s">
        <v>27074</v>
      </c>
      <c r="M10800" s="2" t="s">
        <v>27075</v>
      </c>
      <c r="N10800" s="5" t="s">
        <v>24254</v>
      </c>
      <c r="O10800" s="5" t="s">
        <v>38</v>
      </c>
      <c r="P10800" s="5" t="s">
        <v>39</v>
      </c>
      <c r="Q10800" s="5" t="s">
        <v>40</v>
      </c>
      <c r="R10800" s="5" t="s">
        <v>24335</v>
      </c>
      <c r="S10800" s="5" t="s">
        <v>40</v>
      </c>
      <c r="T10800" s="5" t="s">
        <v>42</v>
      </c>
      <c r="U10800" s="2">
        <v>9.7919999999999998</v>
      </c>
      <c r="V10800" s="2">
        <v>7.9379999999999997</v>
      </c>
      <c r="W10800" s="2">
        <v>0.126</v>
      </c>
      <c r="X10800" s="2">
        <v>12</v>
      </c>
      <c r="Y10800" s="2">
        <v>50</v>
      </c>
      <c r="Z10800" s="2">
        <v>210</v>
      </c>
      <c r="AA10800" s="5">
        <v>8</v>
      </c>
      <c r="AB10800" s="5" t="s">
        <v>43</v>
      </c>
      <c r="AC10800" s="5" t="s">
        <v>44</v>
      </c>
      <c r="AD10800" s="2" t="s">
        <v>32510</v>
      </c>
      <c r="AE10800" s="1"/>
    </row>
    <row r="10801" spans="1:31" ht="14.45">
      <c r="A10801" s="11"/>
      <c r="B10801" s="20"/>
      <c r="C10801" s="2" t="s">
        <v>33196</v>
      </c>
      <c r="D10801" s="14" t="s">
        <v>33197</v>
      </c>
      <c r="E10801" s="2" t="s">
        <v>33198</v>
      </c>
      <c r="F10801" s="2" t="s">
        <v>32514</v>
      </c>
      <c r="G10801" s="8">
        <v>268</v>
      </c>
      <c r="H10801" s="5">
        <v>5</v>
      </c>
      <c r="I10801" s="5" t="s">
        <v>69</v>
      </c>
      <c r="J10801" s="5" t="s">
        <v>27074</v>
      </c>
      <c r="K10801" s="2" t="s">
        <v>27075</v>
      </c>
      <c r="L10801" s="5" t="s">
        <v>27074</v>
      </c>
      <c r="M10801" s="2" t="s">
        <v>27075</v>
      </c>
      <c r="N10801" s="5" t="s">
        <v>24254</v>
      </c>
      <c r="O10801" s="5" t="s">
        <v>38</v>
      </c>
      <c r="P10801" s="5" t="s">
        <v>39</v>
      </c>
      <c r="Q10801" s="5" t="s">
        <v>40</v>
      </c>
      <c r="R10801" s="5" t="s">
        <v>24335</v>
      </c>
      <c r="S10801" s="5" t="s">
        <v>40</v>
      </c>
      <c r="T10801" s="5" t="s">
        <v>42</v>
      </c>
      <c r="U10801" s="2">
        <v>9.0009999999999994</v>
      </c>
      <c r="V10801" s="2">
        <v>7.1449999999999996</v>
      </c>
      <c r="W10801" s="2">
        <v>0.126</v>
      </c>
      <c r="X10801" s="2">
        <v>12</v>
      </c>
      <c r="Y10801" s="2">
        <v>50</v>
      </c>
      <c r="Z10801" s="2">
        <v>210</v>
      </c>
      <c r="AA10801" s="5">
        <v>8</v>
      </c>
      <c r="AB10801" s="5" t="s">
        <v>43</v>
      </c>
      <c r="AC10801" s="5" t="s">
        <v>44</v>
      </c>
      <c r="AD10801" s="2" t="s">
        <v>32510</v>
      </c>
      <c r="AE10801" s="1"/>
    </row>
    <row r="10802" spans="1:31" ht="14.45">
      <c r="A10802" s="11"/>
      <c r="B10802" s="20"/>
      <c r="C10802" s="2" t="s">
        <v>33199</v>
      </c>
      <c r="D10802" s="14" t="s">
        <v>33200</v>
      </c>
      <c r="E10802" s="2" t="s">
        <v>33201</v>
      </c>
      <c r="F10802" s="2" t="s">
        <v>32518</v>
      </c>
      <c r="G10802" s="8">
        <v>268</v>
      </c>
      <c r="H10802" s="5">
        <v>10</v>
      </c>
      <c r="I10802" s="5" t="s">
        <v>69</v>
      </c>
      <c r="J10802" s="5" t="s">
        <v>27074</v>
      </c>
      <c r="K10802" s="2" t="s">
        <v>27075</v>
      </c>
      <c r="L10802" s="5" t="s">
        <v>27074</v>
      </c>
      <c r="M10802" s="2" t="s">
        <v>27075</v>
      </c>
      <c r="N10802" s="5" t="s">
        <v>24254</v>
      </c>
      <c r="O10802" s="5" t="s">
        <v>38</v>
      </c>
      <c r="P10802" s="5" t="s">
        <v>39</v>
      </c>
      <c r="Q10802" s="5" t="s">
        <v>40</v>
      </c>
      <c r="R10802" s="5" t="s">
        <v>24335</v>
      </c>
      <c r="S10802" s="5" t="s">
        <v>40</v>
      </c>
      <c r="T10802" s="5" t="s">
        <v>42</v>
      </c>
      <c r="U10802" s="2">
        <v>7.7169999999999996</v>
      </c>
      <c r="V10802" s="2">
        <v>5.7519999999999998</v>
      </c>
      <c r="W10802" s="2">
        <v>0.13600000000000001</v>
      </c>
      <c r="X10802" s="2">
        <v>12</v>
      </c>
      <c r="Y10802" s="2">
        <v>50</v>
      </c>
      <c r="Z10802" s="2">
        <v>227.4</v>
      </c>
      <c r="AA10802" s="5">
        <v>8</v>
      </c>
      <c r="AB10802" s="5" t="s">
        <v>43</v>
      </c>
      <c r="AC10802" s="5" t="s">
        <v>44</v>
      </c>
      <c r="AD10802" s="2" t="s">
        <v>32510</v>
      </c>
      <c r="AE10802" s="1"/>
    </row>
    <row r="10803" spans="1:31" ht="14.45">
      <c r="A10803" s="11"/>
      <c r="B10803" s="20"/>
      <c r="C10803" s="2" t="s">
        <v>33202</v>
      </c>
      <c r="D10803" s="14" t="s">
        <v>33203</v>
      </c>
      <c r="E10803" s="2" t="s">
        <v>33204</v>
      </c>
      <c r="F10803" s="2" t="s">
        <v>32522</v>
      </c>
      <c r="G10803" s="8">
        <v>268</v>
      </c>
      <c r="H10803" s="5">
        <v>5</v>
      </c>
      <c r="I10803" s="5" t="s">
        <v>69</v>
      </c>
      <c r="J10803" s="5" t="s">
        <v>27074</v>
      </c>
      <c r="K10803" s="2" t="s">
        <v>27075</v>
      </c>
      <c r="L10803" s="5" t="s">
        <v>27074</v>
      </c>
      <c r="M10803" s="2" t="s">
        <v>27075</v>
      </c>
      <c r="N10803" s="5" t="s">
        <v>24254</v>
      </c>
      <c r="O10803" s="5" t="s">
        <v>38</v>
      </c>
      <c r="P10803" s="5" t="s">
        <v>39</v>
      </c>
      <c r="Q10803" s="5" t="s">
        <v>40</v>
      </c>
      <c r="R10803" s="5" t="s">
        <v>24335</v>
      </c>
      <c r="S10803" s="5" t="s">
        <v>40</v>
      </c>
      <c r="T10803" s="5" t="s">
        <v>42</v>
      </c>
      <c r="U10803" s="2">
        <v>8.5619999999999994</v>
      </c>
      <c r="V10803" s="2">
        <v>6.7409999999999997</v>
      </c>
      <c r="W10803" s="2">
        <v>0.126</v>
      </c>
      <c r="X10803" s="2">
        <v>12</v>
      </c>
      <c r="Y10803" s="2">
        <v>50</v>
      </c>
      <c r="Z10803" s="2">
        <v>210</v>
      </c>
      <c r="AA10803" s="5">
        <v>10</v>
      </c>
      <c r="AB10803" s="5" t="s">
        <v>43</v>
      </c>
      <c r="AC10803" s="5" t="s">
        <v>44</v>
      </c>
      <c r="AD10803" s="2" t="s">
        <v>32577</v>
      </c>
      <c r="AE10803" s="1"/>
    </row>
    <row r="10804" spans="1:31" ht="14.45">
      <c r="A10804" s="11"/>
      <c r="B10804" s="20"/>
      <c r="C10804" s="2" t="s">
        <v>33205</v>
      </c>
      <c r="D10804" s="14" t="s">
        <v>33206</v>
      </c>
      <c r="E10804" s="2" t="s">
        <v>33207</v>
      </c>
      <c r="F10804" s="2" t="s">
        <v>32527</v>
      </c>
      <c r="G10804" s="8">
        <v>268</v>
      </c>
      <c r="H10804" s="5">
        <v>5</v>
      </c>
      <c r="I10804" s="5" t="s">
        <v>69</v>
      </c>
      <c r="J10804" s="5" t="s">
        <v>27074</v>
      </c>
      <c r="K10804" s="2" t="s">
        <v>27075</v>
      </c>
      <c r="L10804" s="5" t="s">
        <v>27074</v>
      </c>
      <c r="M10804" s="2" t="s">
        <v>27075</v>
      </c>
      <c r="N10804" s="5" t="s">
        <v>24254</v>
      </c>
      <c r="O10804" s="5" t="s">
        <v>38</v>
      </c>
      <c r="P10804" s="5" t="s">
        <v>39</v>
      </c>
      <c r="Q10804" s="5" t="s">
        <v>40</v>
      </c>
      <c r="R10804" s="5" t="s">
        <v>24335</v>
      </c>
      <c r="S10804" s="5" t="s">
        <v>40</v>
      </c>
      <c r="T10804" s="5" t="s">
        <v>42</v>
      </c>
      <c r="U10804" s="2">
        <v>6.5759999999999996</v>
      </c>
      <c r="V10804" s="2">
        <v>4.7549999999999999</v>
      </c>
      <c r="W10804" s="2">
        <v>0.13600000000000001</v>
      </c>
      <c r="X10804" s="2">
        <v>12</v>
      </c>
      <c r="Y10804" s="2">
        <v>50</v>
      </c>
      <c r="Z10804" s="2">
        <v>227.4</v>
      </c>
      <c r="AA10804" s="5">
        <v>10</v>
      </c>
      <c r="AB10804" s="5" t="s">
        <v>43</v>
      </c>
      <c r="AC10804" s="5" t="s">
        <v>44</v>
      </c>
      <c r="AD10804" s="2" t="s">
        <v>32536</v>
      </c>
      <c r="AE10804" s="1"/>
    </row>
    <row r="10805" spans="1:31" ht="14.45">
      <c r="A10805" s="11"/>
      <c r="B10805" s="20"/>
      <c r="C10805" s="2" t="s">
        <v>33208</v>
      </c>
      <c r="D10805" s="14" t="s">
        <v>33209</v>
      </c>
      <c r="E10805" s="2" t="s">
        <v>33210</v>
      </c>
      <c r="F10805" s="2" t="s">
        <v>32532</v>
      </c>
      <c r="G10805" s="8">
        <v>268</v>
      </c>
      <c r="H10805" s="5">
        <v>5</v>
      </c>
      <c r="I10805" s="5" t="s">
        <v>69</v>
      </c>
      <c r="J10805" s="5" t="s">
        <v>27074</v>
      </c>
      <c r="K10805" s="2" t="s">
        <v>27075</v>
      </c>
      <c r="L10805" s="5" t="s">
        <v>27074</v>
      </c>
      <c r="M10805" s="2" t="s">
        <v>27075</v>
      </c>
      <c r="N10805" s="5" t="s">
        <v>24254</v>
      </c>
      <c r="O10805" s="5" t="s">
        <v>38</v>
      </c>
      <c r="P10805" s="5" t="s">
        <v>39</v>
      </c>
      <c r="Q10805" s="5" t="s">
        <v>40</v>
      </c>
      <c r="R10805" s="5" t="s">
        <v>24335</v>
      </c>
      <c r="S10805" s="5" t="s">
        <v>40</v>
      </c>
      <c r="T10805" s="5" t="s">
        <v>42</v>
      </c>
      <c r="U10805" s="2">
        <v>7.1429999999999998</v>
      </c>
      <c r="V10805" s="2">
        <v>5.258</v>
      </c>
      <c r="W10805" s="2">
        <v>0.13600000000000001</v>
      </c>
      <c r="X10805" s="2">
        <v>12</v>
      </c>
      <c r="Y10805" s="2">
        <v>50</v>
      </c>
      <c r="Z10805" s="2">
        <v>227.4</v>
      </c>
      <c r="AA10805" s="5">
        <v>10</v>
      </c>
      <c r="AB10805" s="5" t="s">
        <v>43</v>
      </c>
      <c r="AC10805" s="5" t="s">
        <v>44</v>
      </c>
      <c r="AD10805" s="2" t="s">
        <v>32528</v>
      </c>
      <c r="AE10805" s="1"/>
    </row>
    <row r="10806" spans="1:31" ht="14.45">
      <c r="A10806" s="11"/>
      <c r="B10806" s="20"/>
      <c r="C10806" s="2" t="s">
        <v>33211</v>
      </c>
      <c r="D10806" s="14" t="s">
        <v>33212</v>
      </c>
      <c r="E10806" s="2" t="s">
        <v>33213</v>
      </c>
      <c r="F10806" s="2" t="s">
        <v>32540</v>
      </c>
      <c r="G10806" s="8">
        <v>486</v>
      </c>
      <c r="H10806" s="5">
        <v>5</v>
      </c>
      <c r="I10806" s="5" t="s">
        <v>69</v>
      </c>
      <c r="J10806" s="5" t="s">
        <v>27074</v>
      </c>
      <c r="K10806" s="2" t="s">
        <v>27075</v>
      </c>
      <c r="L10806" s="5" t="s">
        <v>27074</v>
      </c>
      <c r="M10806" s="2" t="s">
        <v>27075</v>
      </c>
      <c r="N10806" s="5" t="s">
        <v>24254</v>
      </c>
      <c r="O10806" s="5" t="s">
        <v>38</v>
      </c>
      <c r="P10806" s="5" t="s">
        <v>39</v>
      </c>
      <c r="Q10806" s="5" t="s">
        <v>40</v>
      </c>
      <c r="R10806" s="5" t="s">
        <v>24335</v>
      </c>
      <c r="S10806" s="5" t="s">
        <v>40</v>
      </c>
      <c r="T10806" s="5" t="s">
        <v>42</v>
      </c>
      <c r="U10806" s="2">
        <v>16.289000000000001</v>
      </c>
      <c r="V10806" s="2">
        <v>13.632999999999999</v>
      </c>
      <c r="W10806" s="2">
        <v>0.19500000000000001</v>
      </c>
      <c r="X10806" s="2">
        <v>12</v>
      </c>
      <c r="Y10806" s="2">
        <v>77</v>
      </c>
      <c r="Z10806" s="2">
        <v>210.9</v>
      </c>
      <c r="AA10806" s="5">
        <v>8</v>
      </c>
      <c r="AB10806" s="5" t="s">
        <v>43</v>
      </c>
      <c r="AC10806" s="5" t="s">
        <v>44</v>
      </c>
      <c r="AD10806" s="2" t="s">
        <v>32541</v>
      </c>
      <c r="AE10806" s="1"/>
    </row>
    <row r="10807" spans="1:31" ht="14.45">
      <c r="A10807" s="11"/>
      <c r="B10807" s="20"/>
      <c r="C10807" s="2" t="s">
        <v>33214</v>
      </c>
      <c r="D10807" s="14" t="s">
        <v>33215</v>
      </c>
      <c r="E10807" s="2" t="s">
        <v>33216</v>
      </c>
      <c r="F10807" s="2" t="s">
        <v>33217</v>
      </c>
      <c r="G10807" s="8">
        <v>149</v>
      </c>
      <c r="H10807" s="5">
        <v>5</v>
      </c>
      <c r="I10807" s="5" t="s">
        <v>69</v>
      </c>
      <c r="J10807" s="5" t="s">
        <v>27074</v>
      </c>
      <c r="K10807" s="2" t="s">
        <v>27075</v>
      </c>
      <c r="L10807" s="5" t="s">
        <v>27074</v>
      </c>
      <c r="M10807" s="2" t="s">
        <v>27075</v>
      </c>
      <c r="N10807" s="5" t="s">
        <v>24254</v>
      </c>
      <c r="O10807" s="5" t="s">
        <v>38</v>
      </c>
      <c r="P10807" s="5" t="s">
        <v>39</v>
      </c>
      <c r="Q10807" s="5" t="s">
        <v>40</v>
      </c>
      <c r="R10807" s="5" t="s">
        <v>24335</v>
      </c>
      <c r="S10807" s="5" t="s">
        <v>40</v>
      </c>
      <c r="T10807" s="5" t="s">
        <v>42</v>
      </c>
      <c r="U10807" s="2">
        <v>7.7480000000000002</v>
      </c>
      <c r="V10807" s="2">
        <v>5.4109999999999996</v>
      </c>
      <c r="W10807" s="2">
        <v>0.11899999999999999</v>
      </c>
      <c r="X10807" s="2">
        <v>12</v>
      </c>
      <c r="Y10807" s="2">
        <v>62</v>
      </c>
      <c r="Z10807" s="2">
        <v>159.9</v>
      </c>
      <c r="AA10807" s="5">
        <v>8</v>
      </c>
      <c r="AB10807" s="5" t="s">
        <v>43</v>
      </c>
      <c r="AC10807" s="5" t="s">
        <v>44</v>
      </c>
      <c r="AD10807" s="2" t="s">
        <v>33218</v>
      </c>
      <c r="AE10807" s="1"/>
    </row>
    <row r="10808" spans="1:31" ht="14.45">
      <c r="A10808" s="11"/>
      <c r="B10808" s="20"/>
      <c r="C10808" s="2" t="s">
        <v>33219</v>
      </c>
      <c r="D10808" s="14" t="s">
        <v>33220</v>
      </c>
      <c r="E10808" s="2" t="s">
        <v>33221</v>
      </c>
      <c r="F10808" s="2" t="s">
        <v>33222</v>
      </c>
      <c r="G10808" s="8">
        <v>149</v>
      </c>
      <c r="H10808" s="5">
        <v>5</v>
      </c>
      <c r="I10808" s="5" t="s">
        <v>69</v>
      </c>
      <c r="J10808" s="5" t="s">
        <v>27074</v>
      </c>
      <c r="K10808" s="2" t="s">
        <v>27075</v>
      </c>
      <c r="L10808" s="5" t="s">
        <v>27074</v>
      </c>
      <c r="M10808" s="2" t="s">
        <v>27075</v>
      </c>
      <c r="N10808" s="5" t="s">
        <v>24254</v>
      </c>
      <c r="O10808" s="5" t="s">
        <v>38</v>
      </c>
      <c r="P10808" s="5" t="s">
        <v>39</v>
      </c>
      <c r="Q10808" s="5" t="s">
        <v>40</v>
      </c>
      <c r="R10808" s="5" t="s">
        <v>24335</v>
      </c>
      <c r="S10808" s="5" t="s">
        <v>40</v>
      </c>
      <c r="T10808" s="5" t="s">
        <v>42</v>
      </c>
      <c r="U10808" s="2">
        <v>6.4660000000000002</v>
      </c>
      <c r="V10808" s="2">
        <v>4.13</v>
      </c>
      <c r="W10808" s="2">
        <v>0.11899999999999999</v>
      </c>
      <c r="X10808" s="2">
        <v>12</v>
      </c>
      <c r="Y10808" s="2">
        <v>62</v>
      </c>
      <c r="Z10808" s="2">
        <v>159.9</v>
      </c>
      <c r="AA10808" s="5">
        <v>8</v>
      </c>
      <c r="AB10808" s="5" t="s">
        <v>43</v>
      </c>
      <c r="AC10808" s="5" t="s">
        <v>44</v>
      </c>
      <c r="AD10808" s="2" t="s">
        <v>33218</v>
      </c>
      <c r="AE10808" s="1"/>
    </row>
    <row r="10809" spans="1:31" ht="14.45">
      <c r="A10809" s="11"/>
      <c r="B10809" s="20"/>
      <c r="C10809" s="2" t="s">
        <v>33223</v>
      </c>
      <c r="D10809" s="14" t="s">
        <v>33224</v>
      </c>
      <c r="E10809" s="2" t="s">
        <v>33225</v>
      </c>
      <c r="F10809" s="2" t="s">
        <v>33226</v>
      </c>
      <c r="G10809" s="8">
        <v>149</v>
      </c>
      <c r="H10809" s="5">
        <v>5</v>
      </c>
      <c r="I10809" s="5" t="s">
        <v>69</v>
      </c>
      <c r="J10809" s="5" t="s">
        <v>27074</v>
      </c>
      <c r="K10809" s="2" t="s">
        <v>27075</v>
      </c>
      <c r="L10809" s="5" t="s">
        <v>27074</v>
      </c>
      <c r="M10809" s="2" t="s">
        <v>27075</v>
      </c>
      <c r="N10809" s="5" t="s">
        <v>24254</v>
      </c>
      <c r="O10809" s="5" t="s">
        <v>38</v>
      </c>
      <c r="P10809" s="5" t="s">
        <v>39</v>
      </c>
      <c r="Q10809" s="5" t="s">
        <v>40</v>
      </c>
      <c r="R10809" s="5" t="s">
        <v>24335</v>
      </c>
      <c r="S10809" s="5" t="s">
        <v>40</v>
      </c>
      <c r="T10809" s="5" t="s">
        <v>42</v>
      </c>
      <c r="U10809" s="2">
        <v>5.6829999999999998</v>
      </c>
      <c r="V10809" s="2">
        <v>3.38</v>
      </c>
      <c r="W10809" s="2">
        <v>0.11899999999999999</v>
      </c>
      <c r="X10809" s="2">
        <v>12</v>
      </c>
      <c r="Y10809" s="2">
        <v>62</v>
      </c>
      <c r="Z10809" s="2">
        <v>159.9</v>
      </c>
      <c r="AA10809" s="5">
        <v>8</v>
      </c>
      <c r="AB10809" s="5" t="s">
        <v>43</v>
      </c>
      <c r="AC10809" s="5" t="s">
        <v>44</v>
      </c>
      <c r="AD10809" s="2" t="s">
        <v>33218</v>
      </c>
      <c r="AE10809" s="1"/>
    </row>
    <row r="10810" spans="1:31" ht="14.45">
      <c r="A10810" s="5" t="s">
        <v>116</v>
      </c>
      <c r="B10810" s="21">
        <v>46054</v>
      </c>
      <c r="C10810" s="2" t="s">
        <v>33227</v>
      </c>
      <c r="D10810" s="14" t="s">
        <v>33228</v>
      </c>
      <c r="E10810" s="2" t="s">
        <v>33229</v>
      </c>
      <c r="F10810" s="2" t="s">
        <v>33230</v>
      </c>
      <c r="G10810" s="8">
        <v>298</v>
      </c>
      <c r="H10810" s="5">
        <v>5</v>
      </c>
      <c r="I10810" s="5" t="s">
        <v>69</v>
      </c>
      <c r="J10810" s="5" t="s">
        <v>27074</v>
      </c>
      <c r="K10810" s="2" t="s">
        <v>27075</v>
      </c>
      <c r="L10810" s="5" t="s">
        <v>27074</v>
      </c>
      <c r="M10810" s="2" t="s">
        <v>27075</v>
      </c>
      <c r="N10810" s="5" t="s">
        <v>24254</v>
      </c>
      <c r="O10810" s="5" t="s">
        <v>38</v>
      </c>
      <c r="P10810" s="5" t="s">
        <v>39</v>
      </c>
      <c r="Q10810" s="5" t="s">
        <v>40</v>
      </c>
      <c r="R10810" s="5" t="s">
        <v>1487</v>
      </c>
      <c r="S10810" s="5"/>
      <c r="T10810" s="5" t="s">
        <v>42</v>
      </c>
      <c r="U10810" s="2">
        <v>0</v>
      </c>
      <c r="V10810" s="2">
        <v>0</v>
      </c>
      <c r="W10810" s="2">
        <v>0</v>
      </c>
      <c r="X10810" s="2">
        <v>0</v>
      </c>
      <c r="Y10810" s="2">
        <v>0</v>
      </c>
      <c r="Z10810" s="2">
        <v>0</v>
      </c>
      <c r="AA10810" s="5"/>
      <c r="AB10810" s="5" t="s">
        <v>43</v>
      </c>
      <c r="AC10810" s="5" t="s">
        <v>44</v>
      </c>
      <c r="AD10810" s="2" t="s">
        <v>33231</v>
      </c>
      <c r="AE10810" s="1"/>
    </row>
    <row r="10811" spans="1:31" ht="14.45">
      <c r="A10811" s="11"/>
      <c r="B10811" s="20"/>
      <c r="C10811" s="2" t="s">
        <v>33232</v>
      </c>
      <c r="D10811" s="14" t="s">
        <v>33233</v>
      </c>
      <c r="E10811" s="2" t="s">
        <v>33234</v>
      </c>
      <c r="F10811" s="2" t="s">
        <v>33235</v>
      </c>
      <c r="G10811" s="8">
        <v>615</v>
      </c>
      <c r="H10811" s="5">
        <v>5</v>
      </c>
      <c r="I10811" s="5" t="s">
        <v>69</v>
      </c>
      <c r="J10811" s="5" t="s">
        <v>27074</v>
      </c>
      <c r="K10811" s="2" t="s">
        <v>27075</v>
      </c>
      <c r="L10811" s="5" t="s">
        <v>27074</v>
      </c>
      <c r="M10811" s="2" t="s">
        <v>27075</v>
      </c>
      <c r="N10811" s="5" t="s">
        <v>24254</v>
      </c>
      <c r="O10811" s="5" t="s">
        <v>38</v>
      </c>
      <c r="P10811" s="5" t="s">
        <v>39</v>
      </c>
      <c r="Q10811" s="5" t="s">
        <v>40</v>
      </c>
      <c r="R10811" s="5" t="s">
        <v>1487</v>
      </c>
      <c r="S10811" s="5"/>
      <c r="T10811" s="5" t="s">
        <v>42</v>
      </c>
      <c r="U10811" s="2">
        <v>0</v>
      </c>
      <c r="V10811" s="2">
        <v>0</v>
      </c>
      <c r="W10811" s="2">
        <v>0</v>
      </c>
      <c r="X10811" s="2">
        <v>0</v>
      </c>
      <c r="Y10811" s="2">
        <v>0</v>
      </c>
      <c r="Z10811" s="2">
        <v>0</v>
      </c>
      <c r="AA10811" s="5"/>
      <c r="AB10811" s="5" t="s">
        <v>43</v>
      </c>
      <c r="AC10811" s="5" t="s">
        <v>44</v>
      </c>
      <c r="AD10811" s="2" t="s">
        <v>33236</v>
      </c>
      <c r="AE10811" s="1"/>
    </row>
    <row r="10812" spans="1:31" ht="14.45">
      <c r="A10812" s="11"/>
      <c r="B10812" s="20"/>
      <c r="C10812" s="2" t="s">
        <v>33237</v>
      </c>
      <c r="D10812" s="14" t="s">
        <v>33238</v>
      </c>
      <c r="E10812" s="2" t="s">
        <v>33239</v>
      </c>
      <c r="F10812" s="2" t="s">
        <v>33240</v>
      </c>
      <c r="G10812" s="8">
        <v>615</v>
      </c>
      <c r="H10812" s="5">
        <v>15</v>
      </c>
      <c r="I10812" s="5" t="s">
        <v>69</v>
      </c>
      <c r="J10812" s="5" t="s">
        <v>27074</v>
      </c>
      <c r="K10812" s="2" t="s">
        <v>27075</v>
      </c>
      <c r="L10812" s="5" t="s">
        <v>27074</v>
      </c>
      <c r="M10812" s="2" t="s">
        <v>27075</v>
      </c>
      <c r="N10812" s="5" t="s">
        <v>24254</v>
      </c>
      <c r="O10812" s="5" t="s">
        <v>38</v>
      </c>
      <c r="P10812" s="5" t="s">
        <v>39</v>
      </c>
      <c r="Q10812" s="5" t="s">
        <v>40</v>
      </c>
      <c r="R10812" s="5" t="s">
        <v>1487</v>
      </c>
      <c r="S10812" s="5"/>
      <c r="T10812" s="5" t="s">
        <v>42</v>
      </c>
      <c r="U10812" s="2">
        <v>0</v>
      </c>
      <c r="V10812" s="2">
        <v>0</v>
      </c>
      <c r="W10812" s="2">
        <v>0</v>
      </c>
      <c r="X10812" s="2">
        <v>0</v>
      </c>
      <c r="Y10812" s="2">
        <v>0</v>
      </c>
      <c r="Z10812" s="2">
        <v>0</v>
      </c>
      <c r="AA10812" s="5"/>
      <c r="AB10812" s="5" t="s">
        <v>43</v>
      </c>
      <c r="AC10812" s="5" t="s">
        <v>44</v>
      </c>
      <c r="AD10812" s="2" t="s">
        <v>33241</v>
      </c>
      <c r="AE10812" s="1"/>
    </row>
    <row r="10813" spans="1:31" ht="14.45">
      <c r="A10813" s="11"/>
      <c r="B10813" s="20"/>
      <c r="C10813" s="2" t="s">
        <v>33242</v>
      </c>
      <c r="D10813" s="14" t="s">
        <v>33243</v>
      </c>
      <c r="E10813" s="2" t="s">
        <v>33244</v>
      </c>
      <c r="F10813" s="2" t="s">
        <v>33245</v>
      </c>
      <c r="G10813" s="8">
        <v>969</v>
      </c>
      <c r="H10813" s="5">
        <v>15</v>
      </c>
      <c r="I10813" s="5" t="s">
        <v>69</v>
      </c>
      <c r="J10813" s="5" t="s">
        <v>27074</v>
      </c>
      <c r="K10813" s="2" t="s">
        <v>27075</v>
      </c>
      <c r="L10813" s="5" t="s">
        <v>27074</v>
      </c>
      <c r="M10813" s="2" t="s">
        <v>27075</v>
      </c>
      <c r="N10813" s="5" t="s">
        <v>24254</v>
      </c>
      <c r="O10813" s="5" t="s">
        <v>38</v>
      </c>
      <c r="P10813" s="5" t="s">
        <v>39</v>
      </c>
      <c r="Q10813" s="5" t="s">
        <v>40</v>
      </c>
      <c r="R10813" s="5" t="s">
        <v>1487</v>
      </c>
      <c r="S10813" s="5"/>
      <c r="T10813" s="5" t="s">
        <v>42</v>
      </c>
      <c r="U10813" s="2">
        <v>0</v>
      </c>
      <c r="V10813" s="2">
        <v>0</v>
      </c>
      <c r="W10813" s="2">
        <v>0</v>
      </c>
      <c r="X10813" s="2">
        <v>0</v>
      </c>
      <c r="Y10813" s="2">
        <v>0</v>
      </c>
      <c r="Z10813" s="2">
        <v>0</v>
      </c>
      <c r="AA10813" s="5"/>
      <c r="AB10813" s="5" t="s">
        <v>43</v>
      </c>
      <c r="AC10813" s="5" t="s">
        <v>44</v>
      </c>
      <c r="AD10813" s="2" t="s">
        <v>33246</v>
      </c>
      <c r="AE10813" s="1"/>
    </row>
    <row r="10814" spans="1:31" ht="14.45">
      <c r="A10814" s="11"/>
      <c r="B10814" s="20"/>
      <c r="C10814" s="2" t="s">
        <v>33247</v>
      </c>
      <c r="D10814" s="14" t="s">
        <v>33248</v>
      </c>
      <c r="E10814" s="2" t="s">
        <v>33249</v>
      </c>
      <c r="F10814" s="2" t="s">
        <v>33245</v>
      </c>
      <c r="G10814" s="8">
        <v>969</v>
      </c>
      <c r="H10814" s="5">
        <v>15</v>
      </c>
      <c r="I10814" s="5" t="s">
        <v>69</v>
      </c>
      <c r="J10814" s="5" t="s">
        <v>27074</v>
      </c>
      <c r="K10814" s="2" t="s">
        <v>27075</v>
      </c>
      <c r="L10814" s="5" t="s">
        <v>27074</v>
      </c>
      <c r="M10814" s="2" t="s">
        <v>27075</v>
      </c>
      <c r="N10814" s="5" t="s">
        <v>24254</v>
      </c>
      <c r="O10814" s="5" t="s">
        <v>38</v>
      </c>
      <c r="P10814" s="5" t="s">
        <v>39</v>
      </c>
      <c r="Q10814" s="5" t="s">
        <v>40</v>
      </c>
      <c r="R10814" s="5" t="s">
        <v>1487</v>
      </c>
      <c r="S10814" s="5"/>
      <c r="T10814" s="5" t="s">
        <v>42</v>
      </c>
      <c r="U10814" s="2">
        <v>0</v>
      </c>
      <c r="V10814" s="2">
        <v>0</v>
      </c>
      <c r="W10814" s="2">
        <v>0</v>
      </c>
      <c r="X10814" s="2">
        <v>0</v>
      </c>
      <c r="Y10814" s="2">
        <v>0</v>
      </c>
      <c r="Z10814" s="2">
        <v>0</v>
      </c>
      <c r="AA10814" s="5"/>
      <c r="AB10814" s="5" t="s">
        <v>43</v>
      </c>
      <c r="AC10814" s="5" t="s">
        <v>44</v>
      </c>
      <c r="AD10814" s="2" t="s">
        <v>33250</v>
      </c>
      <c r="AE10814" s="1"/>
    </row>
    <row r="10815" spans="1:31" ht="14.45">
      <c r="A10815" s="11"/>
      <c r="B10815" s="20"/>
      <c r="C10815" s="2" t="s">
        <v>33251</v>
      </c>
      <c r="D10815" s="14" t="s">
        <v>33252</v>
      </c>
      <c r="E10815" s="2" t="s">
        <v>33253</v>
      </c>
      <c r="F10815" s="2" t="s">
        <v>33217</v>
      </c>
      <c r="G10815" s="8">
        <v>159</v>
      </c>
      <c r="H10815" s="5">
        <v>5</v>
      </c>
      <c r="I10815" s="5" t="s">
        <v>69</v>
      </c>
      <c r="J10815" s="5" t="s">
        <v>27074</v>
      </c>
      <c r="K10815" s="2" t="s">
        <v>27075</v>
      </c>
      <c r="L10815" s="5" t="s">
        <v>27074</v>
      </c>
      <c r="M10815" s="2" t="s">
        <v>27075</v>
      </c>
      <c r="N10815" s="5" t="s">
        <v>24254</v>
      </c>
      <c r="O10815" s="5" t="s">
        <v>38</v>
      </c>
      <c r="P10815" s="5" t="s">
        <v>39</v>
      </c>
      <c r="Q10815" s="5" t="s">
        <v>40</v>
      </c>
      <c r="R10815" s="5" t="s">
        <v>24335</v>
      </c>
      <c r="S10815" s="5" t="s">
        <v>40</v>
      </c>
      <c r="T10815" s="5" t="s">
        <v>42</v>
      </c>
      <c r="U10815" s="2">
        <v>8.19</v>
      </c>
      <c r="V10815" s="2">
        <v>5.8529999999999998</v>
      </c>
      <c r="W10815" s="2">
        <v>0.11899999999999999</v>
      </c>
      <c r="X10815" s="2">
        <v>12</v>
      </c>
      <c r="Y10815" s="2">
        <v>62</v>
      </c>
      <c r="Z10815" s="2">
        <v>159.9</v>
      </c>
      <c r="AA10815" s="5">
        <v>8</v>
      </c>
      <c r="AB10815" s="5" t="s">
        <v>43</v>
      </c>
      <c r="AC10815" s="5" t="s">
        <v>44</v>
      </c>
      <c r="AD10815" s="2" t="s">
        <v>33218</v>
      </c>
      <c r="AE10815" s="1"/>
    </row>
    <row r="10816" spans="1:31" ht="14.45">
      <c r="A10816" s="11"/>
      <c r="B10816" s="20"/>
      <c r="C10816" s="2" t="s">
        <v>33254</v>
      </c>
      <c r="D10816" s="14" t="s">
        <v>33255</v>
      </c>
      <c r="E10816" s="2" t="s">
        <v>33256</v>
      </c>
      <c r="F10816" s="2" t="s">
        <v>33222</v>
      </c>
      <c r="G10816" s="8">
        <v>159</v>
      </c>
      <c r="H10816" s="5">
        <v>5</v>
      </c>
      <c r="I10816" s="5" t="s">
        <v>69</v>
      </c>
      <c r="J10816" s="5" t="s">
        <v>27074</v>
      </c>
      <c r="K10816" s="2" t="s">
        <v>27075</v>
      </c>
      <c r="L10816" s="5" t="s">
        <v>27074</v>
      </c>
      <c r="M10816" s="2" t="s">
        <v>27075</v>
      </c>
      <c r="N10816" s="5" t="s">
        <v>24254</v>
      </c>
      <c r="O10816" s="5" t="s">
        <v>38</v>
      </c>
      <c r="P10816" s="5" t="s">
        <v>39</v>
      </c>
      <c r="Q10816" s="5" t="s">
        <v>40</v>
      </c>
      <c r="R10816" s="5" t="s">
        <v>24335</v>
      </c>
      <c r="S10816" s="5" t="s">
        <v>40</v>
      </c>
      <c r="T10816" s="5" t="s">
        <v>42</v>
      </c>
      <c r="U10816" s="2">
        <v>6.8239999999999998</v>
      </c>
      <c r="V10816" s="2">
        <v>4.4880000000000004</v>
      </c>
      <c r="W10816" s="2">
        <v>0.11899999999999999</v>
      </c>
      <c r="X10816" s="2">
        <v>12</v>
      </c>
      <c r="Y10816" s="2">
        <v>62</v>
      </c>
      <c r="Z10816" s="2">
        <v>159.9</v>
      </c>
      <c r="AA10816" s="5">
        <v>8</v>
      </c>
      <c r="AB10816" s="5" t="s">
        <v>43</v>
      </c>
      <c r="AC10816" s="5" t="s">
        <v>44</v>
      </c>
      <c r="AD10816" s="2" t="s">
        <v>33218</v>
      </c>
      <c r="AE10816" s="1"/>
    </row>
    <row r="10817" spans="1:31" ht="14.45">
      <c r="A10817" s="11"/>
      <c r="B10817" s="20"/>
      <c r="C10817" s="2" t="s">
        <v>33257</v>
      </c>
      <c r="D10817" s="14" t="s">
        <v>33258</v>
      </c>
      <c r="E10817" s="2" t="s">
        <v>33259</v>
      </c>
      <c r="F10817" s="2" t="s">
        <v>33226</v>
      </c>
      <c r="G10817" s="8">
        <v>159</v>
      </c>
      <c r="H10817" s="5">
        <v>5</v>
      </c>
      <c r="I10817" s="5" t="s">
        <v>69</v>
      </c>
      <c r="J10817" s="5" t="s">
        <v>27074</v>
      </c>
      <c r="K10817" s="2" t="s">
        <v>27075</v>
      </c>
      <c r="L10817" s="5" t="s">
        <v>27074</v>
      </c>
      <c r="M10817" s="2" t="s">
        <v>27075</v>
      </c>
      <c r="N10817" s="5" t="s">
        <v>24254</v>
      </c>
      <c r="O10817" s="5" t="s">
        <v>38</v>
      </c>
      <c r="P10817" s="5" t="s">
        <v>39</v>
      </c>
      <c r="Q10817" s="5" t="s">
        <v>40</v>
      </c>
      <c r="R10817" s="5" t="s">
        <v>24335</v>
      </c>
      <c r="S10817" s="5" t="s">
        <v>40</v>
      </c>
      <c r="T10817" s="5" t="s">
        <v>42</v>
      </c>
      <c r="U10817" s="2">
        <v>6.0030000000000001</v>
      </c>
      <c r="V10817" s="2">
        <v>3.7</v>
      </c>
      <c r="W10817" s="2">
        <v>0.11899999999999999</v>
      </c>
      <c r="X10817" s="2">
        <v>12</v>
      </c>
      <c r="Y10817" s="2">
        <v>62</v>
      </c>
      <c r="Z10817" s="2">
        <v>159.9</v>
      </c>
      <c r="AA10817" s="5">
        <v>8</v>
      </c>
      <c r="AB10817" s="5" t="s">
        <v>43</v>
      </c>
      <c r="AC10817" s="5" t="s">
        <v>44</v>
      </c>
      <c r="AD10817" s="2" t="s">
        <v>33218</v>
      </c>
      <c r="AE10817" s="1"/>
    </row>
    <row r="10818" spans="1:31" ht="14.45">
      <c r="A10818" s="5" t="s">
        <v>116</v>
      </c>
      <c r="B10818" s="21">
        <v>46054</v>
      </c>
      <c r="C10818" s="2" t="s">
        <v>33260</v>
      </c>
      <c r="D10818" s="14" t="s">
        <v>33261</v>
      </c>
      <c r="E10818" s="2" t="s">
        <v>33229</v>
      </c>
      <c r="F10818" s="2" t="s">
        <v>33230</v>
      </c>
      <c r="G10818" s="8">
        <v>318</v>
      </c>
      <c r="H10818" s="5">
        <v>5</v>
      </c>
      <c r="I10818" s="5" t="s">
        <v>69</v>
      </c>
      <c r="J10818" s="5" t="s">
        <v>27074</v>
      </c>
      <c r="K10818" s="2" t="s">
        <v>27075</v>
      </c>
      <c r="L10818" s="5" t="s">
        <v>27074</v>
      </c>
      <c r="M10818" s="2" t="s">
        <v>27075</v>
      </c>
      <c r="N10818" s="5" t="s">
        <v>24254</v>
      </c>
      <c r="O10818" s="5" t="s">
        <v>38</v>
      </c>
      <c r="P10818" s="5" t="s">
        <v>39</v>
      </c>
      <c r="Q10818" s="5" t="s">
        <v>40</v>
      </c>
      <c r="R10818" s="5" t="s">
        <v>1487</v>
      </c>
      <c r="S10818" s="5"/>
      <c r="T10818" s="5" t="s">
        <v>42</v>
      </c>
      <c r="U10818" s="2">
        <v>0</v>
      </c>
      <c r="V10818" s="2">
        <v>0</v>
      </c>
      <c r="W10818" s="2">
        <v>0</v>
      </c>
      <c r="X10818" s="2">
        <v>0</v>
      </c>
      <c r="Y10818" s="2">
        <v>0</v>
      </c>
      <c r="Z10818" s="2">
        <v>0</v>
      </c>
      <c r="AA10818" s="5"/>
      <c r="AB10818" s="5" t="s">
        <v>43</v>
      </c>
      <c r="AC10818" s="5" t="s">
        <v>44</v>
      </c>
      <c r="AD10818" s="2" t="s">
        <v>33231</v>
      </c>
      <c r="AE10818" s="1"/>
    </row>
    <row r="10819" spans="1:31" ht="14.45">
      <c r="A10819" s="11"/>
      <c r="B10819" s="20"/>
      <c r="C10819" s="2" t="s">
        <v>33262</v>
      </c>
      <c r="D10819" s="14" t="s">
        <v>33263</v>
      </c>
      <c r="E10819" s="2" t="s">
        <v>33264</v>
      </c>
      <c r="F10819" s="2" t="s">
        <v>33235</v>
      </c>
      <c r="G10819" s="8">
        <v>640</v>
      </c>
      <c r="H10819" s="5">
        <v>5</v>
      </c>
      <c r="I10819" s="5" t="s">
        <v>69</v>
      </c>
      <c r="J10819" s="5" t="s">
        <v>27074</v>
      </c>
      <c r="K10819" s="2" t="s">
        <v>27075</v>
      </c>
      <c r="L10819" s="5" t="s">
        <v>27074</v>
      </c>
      <c r="M10819" s="2" t="s">
        <v>27075</v>
      </c>
      <c r="N10819" s="5" t="s">
        <v>24254</v>
      </c>
      <c r="O10819" s="5" t="s">
        <v>38</v>
      </c>
      <c r="P10819" s="5" t="s">
        <v>39</v>
      </c>
      <c r="Q10819" s="5" t="s">
        <v>40</v>
      </c>
      <c r="R10819" s="5" t="s">
        <v>1487</v>
      </c>
      <c r="S10819" s="5"/>
      <c r="T10819" s="5" t="s">
        <v>42</v>
      </c>
      <c r="U10819" s="2">
        <v>0</v>
      </c>
      <c r="V10819" s="2">
        <v>0</v>
      </c>
      <c r="W10819" s="2">
        <v>0</v>
      </c>
      <c r="X10819" s="2">
        <v>0</v>
      </c>
      <c r="Y10819" s="2">
        <v>0</v>
      </c>
      <c r="Z10819" s="2">
        <v>0</v>
      </c>
      <c r="AA10819" s="5"/>
      <c r="AB10819" s="5" t="s">
        <v>43</v>
      </c>
      <c r="AC10819" s="5" t="s">
        <v>44</v>
      </c>
      <c r="AD10819" s="2" t="s">
        <v>33236</v>
      </c>
      <c r="AE10819" s="1"/>
    </row>
    <row r="10820" spans="1:31" ht="14.45">
      <c r="A10820" s="11"/>
      <c r="B10820" s="20"/>
      <c r="C10820" s="2" t="s">
        <v>33265</v>
      </c>
      <c r="D10820" s="14" t="s">
        <v>33266</v>
      </c>
      <c r="E10820" s="2" t="s">
        <v>33267</v>
      </c>
      <c r="F10820" s="2" t="s">
        <v>33240</v>
      </c>
      <c r="G10820" s="8">
        <v>640</v>
      </c>
      <c r="H10820" s="5">
        <v>15</v>
      </c>
      <c r="I10820" s="5" t="s">
        <v>69</v>
      </c>
      <c r="J10820" s="5" t="s">
        <v>27074</v>
      </c>
      <c r="K10820" s="2" t="s">
        <v>27075</v>
      </c>
      <c r="L10820" s="5" t="s">
        <v>27074</v>
      </c>
      <c r="M10820" s="2" t="s">
        <v>27075</v>
      </c>
      <c r="N10820" s="5" t="s">
        <v>24254</v>
      </c>
      <c r="O10820" s="5" t="s">
        <v>38</v>
      </c>
      <c r="P10820" s="5" t="s">
        <v>39</v>
      </c>
      <c r="Q10820" s="5" t="s">
        <v>40</v>
      </c>
      <c r="R10820" s="5" t="s">
        <v>1487</v>
      </c>
      <c r="S10820" s="5"/>
      <c r="T10820" s="5" t="s">
        <v>42</v>
      </c>
      <c r="U10820" s="2">
        <v>0</v>
      </c>
      <c r="V10820" s="2">
        <v>0</v>
      </c>
      <c r="W10820" s="2">
        <v>0</v>
      </c>
      <c r="X10820" s="2">
        <v>0</v>
      </c>
      <c r="Y10820" s="2">
        <v>0</v>
      </c>
      <c r="Z10820" s="2">
        <v>0</v>
      </c>
      <c r="AA10820" s="5"/>
      <c r="AB10820" s="5" t="s">
        <v>43</v>
      </c>
      <c r="AC10820" s="5" t="s">
        <v>44</v>
      </c>
      <c r="AD10820" s="2" t="s">
        <v>33241</v>
      </c>
      <c r="AE10820" s="1"/>
    </row>
    <row r="10821" spans="1:31" ht="14.45">
      <c r="A10821" s="11"/>
      <c r="B10821" s="20"/>
      <c r="C10821" s="2" t="s">
        <v>33268</v>
      </c>
      <c r="D10821" s="14" t="s">
        <v>33269</v>
      </c>
      <c r="E10821" s="2" t="s">
        <v>33270</v>
      </c>
      <c r="F10821" s="2" t="s">
        <v>33245</v>
      </c>
      <c r="G10821" s="8">
        <v>1009</v>
      </c>
      <c r="H10821" s="5">
        <v>15</v>
      </c>
      <c r="I10821" s="5" t="s">
        <v>69</v>
      </c>
      <c r="J10821" s="5" t="s">
        <v>27074</v>
      </c>
      <c r="K10821" s="2" t="s">
        <v>27075</v>
      </c>
      <c r="L10821" s="5" t="s">
        <v>27074</v>
      </c>
      <c r="M10821" s="2" t="s">
        <v>27075</v>
      </c>
      <c r="N10821" s="5" t="s">
        <v>24254</v>
      </c>
      <c r="O10821" s="5" t="s">
        <v>38</v>
      </c>
      <c r="P10821" s="5" t="s">
        <v>39</v>
      </c>
      <c r="Q10821" s="5" t="s">
        <v>40</v>
      </c>
      <c r="R10821" s="5" t="s">
        <v>1487</v>
      </c>
      <c r="S10821" s="5"/>
      <c r="T10821" s="5" t="s">
        <v>42</v>
      </c>
      <c r="U10821" s="2">
        <v>0</v>
      </c>
      <c r="V10821" s="2">
        <v>0</v>
      </c>
      <c r="W10821" s="2">
        <v>0</v>
      </c>
      <c r="X10821" s="2">
        <v>0</v>
      </c>
      <c r="Y10821" s="2">
        <v>0</v>
      </c>
      <c r="Z10821" s="2">
        <v>0</v>
      </c>
      <c r="AA10821" s="5"/>
      <c r="AB10821" s="5" t="s">
        <v>43</v>
      </c>
      <c r="AC10821" s="5" t="s">
        <v>44</v>
      </c>
      <c r="AD10821" s="2" t="s">
        <v>33246</v>
      </c>
      <c r="AE10821" s="1"/>
    </row>
    <row r="10822" spans="1:31" ht="14.45">
      <c r="A10822" s="11"/>
      <c r="B10822" s="20"/>
      <c r="C10822" s="2" t="s">
        <v>33271</v>
      </c>
      <c r="D10822" s="14" t="s">
        <v>33272</v>
      </c>
      <c r="E10822" s="2" t="s">
        <v>33273</v>
      </c>
      <c r="F10822" s="2" t="s">
        <v>33245</v>
      </c>
      <c r="G10822" s="8">
        <v>1009</v>
      </c>
      <c r="H10822" s="5">
        <v>15</v>
      </c>
      <c r="I10822" s="5" t="s">
        <v>69</v>
      </c>
      <c r="J10822" s="5" t="s">
        <v>27074</v>
      </c>
      <c r="K10822" s="2" t="s">
        <v>27075</v>
      </c>
      <c r="L10822" s="5" t="s">
        <v>27074</v>
      </c>
      <c r="M10822" s="2" t="s">
        <v>27075</v>
      </c>
      <c r="N10822" s="5" t="s">
        <v>24254</v>
      </c>
      <c r="O10822" s="5" t="s">
        <v>38</v>
      </c>
      <c r="P10822" s="5" t="s">
        <v>39</v>
      </c>
      <c r="Q10822" s="5" t="s">
        <v>40</v>
      </c>
      <c r="R10822" s="5" t="s">
        <v>1487</v>
      </c>
      <c r="S10822" s="5"/>
      <c r="T10822" s="5" t="s">
        <v>42</v>
      </c>
      <c r="U10822" s="2">
        <v>0</v>
      </c>
      <c r="V10822" s="2">
        <v>0</v>
      </c>
      <c r="W10822" s="2">
        <v>0</v>
      </c>
      <c r="X10822" s="2">
        <v>0</v>
      </c>
      <c r="Y10822" s="2">
        <v>0</v>
      </c>
      <c r="Z10822" s="2">
        <v>0</v>
      </c>
      <c r="AA10822" s="5"/>
      <c r="AB10822" s="5" t="s">
        <v>43</v>
      </c>
      <c r="AC10822" s="5" t="s">
        <v>44</v>
      </c>
      <c r="AD10822" s="2" t="s">
        <v>33250</v>
      </c>
      <c r="AE10822" s="1"/>
    </row>
    <row r="10823" spans="1:31" ht="14.45">
      <c r="A10823" s="11"/>
      <c r="B10823" s="20"/>
      <c r="C10823" s="2" t="s">
        <v>33274</v>
      </c>
      <c r="D10823" s="14" t="s">
        <v>33275</v>
      </c>
      <c r="E10823" s="2" t="s">
        <v>33276</v>
      </c>
      <c r="F10823" s="2" t="s">
        <v>33217</v>
      </c>
      <c r="G10823" s="8">
        <v>164</v>
      </c>
      <c r="H10823" s="5">
        <v>5</v>
      </c>
      <c r="I10823" s="5" t="s">
        <v>69</v>
      </c>
      <c r="J10823" s="5" t="s">
        <v>27074</v>
      </c>
      <c r="K10823" s="2" t="s">
        <v>27075</v>
      </c>
      <c r="L10823" s="5" t="s">
        <v>27074</v>
      </c>
      <c r="M10823" s="2" t="s">
        <v>27075</v>
      </c>
      <c r="N10823" s="5" t="s">
        <v>24254</v>
      </c>
      <c r="O10823" s="5" t="s">
        <v>38</v>
      </c>
      <c r="P10823" s="5" t="s">
        <v>39</v>
      </c>
      <c r="Q10823" s="5" t="s">
        <v>40</v>
      </c>
      <c r="R10823" s="5" t="s">
        <v>24335</v>
      </c>
      <c r="S10823" s="5" t="s">
        <v>40</v>
      </c>
      <c r="T10823" s="5" t="s">
        <v>42</v>
      </c>
      <c r="U10823" s="2">
        <v>8.6370000000000005</v>
      </c>
      <c r="V10823" s="2">
        <v>6.3</v>
      </c>
      <c r="W10823" s="2">
        <v>0.11899999999999999</v>
      </c>
      <c r="X10823" s="2">
        <v>12</v>
      </c>
      <c r="Y10823" s="2">
        <v>62</v>
      </c>
      <c r="Z10823" s="2">
        <v>159.9</v>
      </c>
      <c r="AA10823" s="5">
        <v>8</v>
      </c>
      <c r="AB10823" s="5" t="s">
        <v>43</v>
      </c>
      <c r="AC10823" s="5" t="s">
        <v>44</v>
      </c>
      <c r="AD10823" s="2" t="s">
        <v>33218</v>
      </c>
      <c r="AE10823" s="1"/>
    </row>
    <row r="10824" spans="1:31" ht="14.45">
      <c r="A10824" s="11"/>
      <c r="B10824" s="20"/>
      <c r="C10824" s="2" t="s">
        <v>33277</v>
      </c>
      <c r="D10824" s="14" t="s">
        <v>33278</v>
      </c>
      <c r="E10824" s="2" t="s">
        <v>33279</v>
      </c>
      <c r="F10824" s="2" t="s">
        <v>33222</v>
      </c>
      <c r="G10824" s="8">
        <v>164</v>
      </c>
      <c r="H10824" s="5">
        <v>5</v>
      </c>
      <c r="I10824" s="5" t="s">
        <v>69</v>
      </c>
      <c r="J10824" s="5" t="s">
        <v>27074</v>
      </c>
      <c r="K10824" s="2" t="s">
        <v>27075</v>
      </c>
      <c r="L10824" s="5" t="s">
        <v>27074</v>
      </c>
      <c r="M10824" s="2" t="s">
        <v>27075</v>
      </c>
      <c r="N10824" s="5" t="s">
        <v>24254</v>
      </c>
      <c r="O10824" s="5" t="s">
        <v>38</v>
      </c>
      <c r="P10824" s="5" t="s">
        <v>39</v>
      </c>
      <c r="Q10824" s="5" t="s">
        <v>40</v>
      </c>
      <c r="R10824" s="5" t="s">
        <v>24335</v>
      </c>
      <c r="S10824" s="5" t="s">
        <v>40</v>
      </c>
      <c r="T10824" s="5" t="s">
        <v>42</v>
      </c>
      <c r="U10824" s="2">
        <v>7.1849999999999996</v>
      </c>
      <c r="V10824" s="2">
        <v>4.8490000000000002</v>
      </c>
      <c r="W10824" s="2">
        <v>0.11899999999999999</v>
      </c>
      <c r="X10824" s="2">
        <v>12</v>
      </c>
      <c r="Y10824" s="2">
        <v>62</v>
      </c>
      <c r="Z10824" s="2">
        <v>159.9</v>
      </c>
      <c r="AA10824" s="5">
        <v>8</v>
      </c>
      <c r="AB10824" s="5" t="s">
        <v>43</v>
      </c>
      <c r="AC10824" s="5" t="s">
        <v>44</v>
      </c>
      <c r="AD10824" s="2" t="s">
        <v>33218</v>
      </c>
      <c r="AE10824" s="1"/>
    </row>
    <row r="10825" spans="1:31" ht="14.45">
      <c r="A10825" s="11"/>
      <c r="B10825" s="20"/>
      <c r="C10825" s="2" t="s">
        <v>33280</v>
      </c>
      <c r="D10825" s="14" t="s">
        <v>33281</v>
      </c>
      <c r="E10825" s="2" t="s">
        <v>33282</v>
      </c>
      <c r="F10825" s="2" t="s">
        <v>33226</v>
      </c>
      <c r="G10825" s="8">
        <v>164</v>
      </c>
      <c r="H10825" s="5">
        <v>5</v>
      </c>
      <c r="I10825" s="5" t="s">
        <v>69</v>
      </c>
      <c r="J10825" s="5" t="s">
        <v>27074</v>
      </c>
      <c r="K10825" s="2" t="s">
        <v>27075</v>
      </c>
      <c r="L10825" s="5" t="s">
        <v>27074</v>
      </c>
      <c r="M10825" s="2" t="s">
        <v>27075</v>
      </c>
      <c r="N10825" s="5" t="s">
        <v>24254</v>
      </c>
      <c r="O10825" s="5" t="s">
        <v>38</v>
      </c>
      <c r="P10825" s="5" t="s">
        <v>39</v>
      </c>
      <c r="Q10825" s="5" t="s">
        <v>40</v>
      </c>
      <c r="R10825" s="5" t="s">
        <v>24335</v>
      </c>
      <c r="S10825" s="5" t="s">
        <v>40</v>
      </c>
      <c r="T10825" s="5" t="s">
        <v>42</v>
      </c>
      <c r="U10825" s="2">
        <v>6.3289999999999997</v>
      </c>
      <c r="V10825" s="2">
        <v>4.0259999999999998</v>
      </c>
      <c r="W10825" s="2">
        <v>0.11899999999999999</v>
      </c>
      <c r="X10825" s="2">
        <v>12</v>
      </c>
      <c r="Y10825" s="2">
        <v>62</v>
      </c>
      <c r="Z10825" s="2">
        <v>159.9</v>
      </c>
      <c r="AA10825" s="5">
        <v>8</v>
      </c>
      <c r="AB10825" s="5" t="s">
        <v>43</v>
      </c>
      <c r="AC10825" s="5" t="s">
        <v>44</v>
      </c>
      <c r="AD10825" s="2" t="s">
        <v>33218</v>
      </c>
      <c r="AE10825" s="1"/>
    </row>
    <row r="10826" spans="1:31" ht="14.45">
      <c r="A10826" s="5" t="s">
        <v>116</v>
      </c>
      <c r="B10826" s="21">
        <v>46054</v>
      </c>
      <c r="C10826" s="2" t="s">
        <v>33283</v>
      </c>
      <c r="D10826" s="14" t="s">
        <v>33284</v>
      </c>
      <c r="E10826" s="2" t="s">
        <v>33229</v>
      </c>
      <c r="F10826" s="2" t="s">
        <v>33230</v>
      </c>
      <c r="G10826" s="8">
        <v>328</v>
      </c>
      <c r="H10826" s="5">
        <v>5</v>
      </c>
      <c r="I10826" s="5" t="s">
        <v>69</v>
      </c>
      <c r="J10826" s="5" t="s">
        <v>27074</v>
      </c>
      <c r="K10826" s="2" t="s">
        <v>27075</v>
      </c>
      <c r="L10826" s="5" t="s">
        <v>27074</v>
      </c>
      <c r="M10826" s="2" t="s">
        <v>27075</v>
      </c>
      <c r="N10826" s="5" t="s">
        <v>24254</v>
      </c>
      <c r="O10826" s="5" t="s">
        <v>38</v>
      </c>
      <c r="P10826" s="5" t="s">
        <v>39</v>
      </c>
      <c r="Q10826" s="5" t="s">
        <v>40</v>
      </c>
      <c r="R10826" s="5" t="s">
        <v>1487</v>
      </c>
      <c r="S10826" s="5"/>
      <c r="T10826" s="5" t="s">
        <v>42</v>
      </c>
      <c r="U10826" s="2">
        <v>0</v>
      </c>
      <c r="V10826" s="2">
        <v>0</v>
      </c>
      <c r="W10826" s="2">
        <v>0</v>
      </c>
      <c r="X10826" s="2">
        <v>0</v>
      </c>
      <c r="Y10826" s="2">
        <v>0</v>
      </c>
      <c r="Z10826" s="2">
        <v>0</v>
      </c>
      <c r="AA10826" s="5"/>
      <c r="AB10826" s="5" t="s">
        <v>43</v>
      </c>
      <c r="AC10826" s="5" t="s">
        <v>44</v>
      </c>
      <c r="AD10826" s="2" t="s">
        <v>33231</v>
      </c>
      <c r="AE10826" s="1"/>
    </row>
    <row r="10827" spans="1:31" ht="14.45">
      <c r="A10827" s="11"/>
      <c r="B10827" s="20"/>
      <c r="C10827" s="2" t="s">
        <v>33285</v>
      </c>
      <c r="D10827" s="14" t="s">
        <v>33286</v>
      </c>
      <c r="E10827" s="2" t="s">
        <v>33287</v>
      </c>
      <c r="F10827" s="2" t="s">
        <v>33235</v>
      </c>
      <c r="G10827" s="8">
        <v>662</v>
      </c>
      <c r="H10827" s="5">
        <v>5</v>
      </c>
      <c r="I10827" s="5" t="s">
        <v>69</v>
      </c>
      <c r="J10827" s="5" t="s">
        <v>27074</v>
      </c>
      <c r="K10827" s="2" t="s">
        <v>27075</v>
      </c>
      <c r="L10827" s="5" t="s">
        <v>27074</v>
      </c>
      <c r="M10827" s="2" t="s">
        <v>27075</v>
      </c>
      <c r="N10827" s="5" t="s">
        <v>24254</v>
      </c>
      <c r="O10827" s="5" t="s">
        <v>38</v>
      </c>
      <c r="P10827" s="5" t="s">
        <v>39</v>
      </c>
      <c r="Q10827" s="5" t="s">
        <v>40</v>
      </c>
      <c r="R10827" s="5" t="s">
        <v>1487</v>
      </c>
      <c r="S10827" s="5"/>
      <c r="T10827" s="5" t="s">
        <v>42</v>
      </c>
      <c r="U10827" s="2">
        <v>0</v>
      </c>
      <c r="V10827" s="2">
        <v>0</v>
      </c>
      <c r="W10827" s="2">
        <v>0</v>
      </c>
      <c r="X10827" s="2">
        <v>0</v>
      </c>
      <c r="Y10827" s="2">
        <v>0</v>
      </c>
      <c r="Z10827" s="2">
        <v>0</v>
      </c>
      <c r="AA10827" s="5"/>
      <c r="AB10827" s="5" t="s">
        <v>43</v>
      </c>
      <c r="AC10827" s="5" t="s">
        <v>44</v>
      </c>
      <c r="AD10827" s="2" t="s">
        <v>33236</v>
      </c>
      <c r="AE10827" s="1"/>
    </row>
    <row r="10828" spans="1:31" ht="14.45">
      <c r="A10828" s="11"/>
      <c r="B10828" s="20"/>
      <c r="C10828" s="2" t="s">
        <v>33288</v>
      </c>
      <c r="D10828" s="14" t="s">
        <v>33289</v>
      </c>
      <c r="E10828" s="2" t="s">
        <v>33290</v>
      </c>
      <c r="F10828" s="2" t="s">
        <v>33240</v>
      </c>
      <c r="G10828" s="8">
        <v>662</v>
      </c>
      <c r="H10828" s="5">
        <v>15</v>
      </c>
      <c r="I10828" s="5" t="s">
        <v>69</v>
      </c>
      <c r="J10828" s="5" t="s">
        <v>27074</v>
      </c>
      <c r="K10828" s="2" t="s">
        <v>27075</v>
      </c>
      <c r="L10828" s="5" t="s">
        <v>27074</v>
      </c>
      <c r="M10828" s="2" t="s">
        <v>27075</v>
      </c>
      <c r="N10828" s="5" t="s">
        <v>24254</v>
      </c>
      <c r="O10828" s="5" t="s">
        <v>38</v>
      </c>
      <c r="P10828" s="5" t="s">
        <v>39</v>
      </c>
      <c r="Q10828" s="5" t="s">
        <v>40</v>
      </c>
      <c r="R10828" s="5" t="s">
        <v>1487</v>
      </c>
      <c r="S10828" s="5"/>
      <c r="T10828" s="5" t="s">
        <v>42</v>
      </c>
      <c r="U10828" s="2">
        <v>0</v>
      </c>
      <c r="V10828" s="2">
        <v>0</v>
      </c>
      <c r="W10828" s="2">
        <v>0</v>
      </c>
      <c r="X10828" s="2">
        <v>0</v>
      </c>
      <c r="Y10828" s="2">
        <v>0</v>
      </c>
      <c r="Z10828" s="2">
        <v>0</v>
      </c>
      <c r="AA10828" s="5"/>
      <c r="AB10828" s="5" t="s">
        <v>43</v>
      </c>
      <c r="AC10828" s="5" t="s">
        <v>44</v>
      </c>
      <c r="AD10828" s="2" t="s">
        <v>33241</v>
      </c>
      <c r="AE10828" s="1"/>
    </row>
    <row r="10829" spans="1:31" ht="14.45">
      <c r="A10829" s="11"/>
      <c r="B10829" s="20"/>
      <c r="C10829" s="2" t="s">
        <v>33291</v>
      </c>
      <c r="D10829" s="14" t="s">
        <v>33292</v>
      </c>
      <c r="E10829" s="2" t="s">
        <v>33293</v>
      </c>
      <c r="F10829" s="2" t="s">
        <v>33245</v>
      </c>
      <c r="G10829" s="8">
        <v>1048</v>
      </c>
      <c r="H10829" s="5">
        <v>15</v>
      </c>
      <c r="I10829" s="5" t="s">
        <v>69</v>
      </c>
      <c r="J10829" s="5" t="s">
        <v>27074</v>
      </c>
      <c r="K10829" s="2" t="s">
        <v>27075</v>
      </c>
      <c r="L10829" s="5" t="s">
        <v>27074</v>
      </c>
      <c r="M10829" s="2" t="s">
        <v>27075</v>
      </c>
      <c r="N10829" s="5" t="s">
        <v>24254</v>
      </c>
      <c r="O10829" s="5" t="s">
        <v>38</v>
      </c>
      <c r="P10829" s="5" t="s">
        <v>39</v>
      </c>
      <c r="Q10829" s="5" t="s">
        <v>40</v>
      </c>
      <c r="R10829" s="5" t="s">
        <v>1487</v>
      </c>
      <c r="S10829" s="5"/>
      <c r="T10829" s="5" t="s">
        <v>42</v>
      </c>
      <c r="U10829" s="2">
        <v>0</v>
      </c>
      <c r="V10829" s="2">
        <v>0</v>
      </c>
      <c r="W10829" s="2">
        <v>0</v>
      </c>
      <c r="X10829" s="2">
        <v>0</v>
      </c>
      <c r="Y10829" s="2">
        <v>0</v>
      </c>
      <c r="Z10829" s="2">
        <v>0</v>
      </c>
      <c r="AA10829" s="5"/>
      <c r="AB10829" s="5" t="s">
        <v>43</v>
      </c>
      <c r="AC10829" s="5" t="s">
        <v>44</v>
      </c>
      <c r="AD10829" s="2" t="s">
        <v>33246</v>
      </c>
      <c r="AE10829" s="1"/>
    </row>
    <row r="10830" spans="1:31" ht="14.45">
      <c r="A10830" s="11"/>
      <c r="B10830" s="20"/>
      <c r="C10830" s="2" t="s">
        <v>33294</v>
      </c>
      <c r="D10830" s="14" t="s">
        <v>33295</v>
      </c>
      <c r="E10830" s="2" t="s">
        <v>33296</v>
      </c>
      <c r="F10830" s="2" t="s">
        <v>33245</v>
      </c>
      <c r="G10830" s="8">
        <v>1048</v>
      </c>
      <c r="H10830" s="5">
        <v>15</v>
      </c>
      <c r="I10830" s="5" t="s">
        <v>69</v>
      </c>
      <c r="J10830" s="5" t="s">
        <v>27074</v>
      </c>
      <c r="K10830" s="2" t="s">
        <v>27075</v>
      </c>
      <c r="L10830" s="5" t="s">
        <v>27074</v>
      </c>
      <c r="M10830" s="2" t="s">
        <v>27075</v>
      </c>
      <c r="N10830" s="5" t="s">
        <v>24254</v>
      </c>
      <c r="O10830" s="5" t="s">
        <v>38</v>
      </c>
      <c r="P10830" s="5" t="s">
        <v>39</v>
      </c>
      <c r="Q10830" s="5" t="s">
        <v>40</v>
      </c>
      <c r="R10830" s="5" t="s">
        <v>1487</v>
      </c>
      <c r="S10830" s="5"/>
      <c r="T10830" s="5" t="s">
        <v>42</v>
      </c>
      <c r="U10830" s="2">
        <v>0</v>
      </c>
      <c r="V10830" s="2">
        <v>0</v>
      </c>
      <c r="W10830" s="2">
        <v>0</v>
      </c>
      <c r="X10830" s="2">
        <v>0</v>
      </c>
      <c r="Y10830" s="2">
        <v>0</v>
      </c>
      <c r="Z10830" s="2">
        <v>0</v>
      </c>
      <c r="AA10830" s="5"/>
      <c r="AB10830" s="5" t="s">
        <v>43</v>
      </c>
      <c r="AC10830" s="5" t="s">
        <v>44</v>
      </c>
      <c r="AD10830" s="2" t="s">
        <v>33250</v>
      </c>
      <c r="AE10830" s="1"/>
    </row>
    <row r="10831" spans="1:31" ht="14.45">
      <c r="A10831" s="11"/>
      <c r="B10831" s="20"/>
      <c r="C10831" s="2" t="s">
        <v>33297</v>
      </c>
      <c r="D10831" s="14" t="s">
        <v>33298</v>
      </c>
      <c r="E10831" s="2" t="s">
        <v>33299</v>
      </c>
      <c r="F10831" s="2" t="s">
        <v>33217</v>
      </c>
      <c r="G10831" s="8">
        <v>164</v>
      </c>
      <c r="H10831" s="5">
        <v>5</v>
      </c>
      <c r="I10831" s="5" t="s">
        <v>69</v>
      </c>
      <c r="J10831" s="5" t="s">
        <v>27074</v>
      </c>
      <c r="K10831" s="2" t="s">
        <v>27075</v>
      </c>
      <c r="L10831" s="5" t="s">
        <v>27074</v>
      </c>
      <c r="M10831" s="2" t="s">
        <v>27075</v>
      </c>
      <c r="N10831" s="5" t="s">
        <v>24254</v>
      </c>
      <c r="O10831" s="5" t="s">
        <v>38</v>
      </c>
      <c r="P10831" s="5" t="s">
        <v>39</v>
      </c>
      <c r="Q10831" s="5" t="s">
        <v>40</v>
      </c>
      <c r="R10831" s="5" t="s">
        <v>24335</v>
      </c>
      <c r="S10831" s="5" t="s">
        <v>40</v>
      </c>
      <c r="T10831" s="5" t="s">
        <v>42</v>
      </c>
      <c r="U10831" s="2">
        <v>9.1929999999999996</v>
      </c>
      <c r="V10831" s="2">
        <v>6.3780000000000001</v>
      </c>
      <c r="W10831" s="2">
        <v>0.11899999999999999</v>
      </c>
      <c r="X10831" s="2">
        <v>12</v>
      </c>
      <c r="Y10831" s="2">
        <v>62</v>
      </c>
      <c r="Z10831" s="2">
        <v>159.9</v>
      </c>
      <c r="AA10831" s="5">
        <v>8</v>
      </c>
      <c r="AB10831" s="5" t="s">
        <v>43</v>
      </c>
      <c r="AC10831" s="5" t="s">
        <v>44</v>
      </c>
      <c r="AD10831" s="2" t="s">
        <v>33218</v>
      </c>
      <c r="AE10831" s="1"/>
    </row>
    <row r="10832" spans="1:31" ht="14.45">
      <c r="A10832" s="11"/>
      <c r="B10832" s="20"/>
      <c r="C10832" s="2" t="s">
        <v>33300</v>
      </c>
      <c r="D10832" s="14" t="s">
        <v>33301</v>
      </c>
      <c r="E10832" s="2" t="s">
        <v>33302</v>
      </c>
      <c r="F10832" s="2" t="s">
        <v>33222</v>
      </c>
      <c r="G10832" s="8">
        <v>164</v>
      </c>
      <c r="H10832" s="5">
        <v>5</v>
      </c>
      <c r="I10832" s="5" t="s">
        <v>69</v>
      </c>
      <c r="J10832" s="5" t="s">
        <v>27074</v>
      </c>
      <c r="K10832" s="2" t="s">
        <v>27075</v>
      </c>
      <c r="L10832" s="5" t="s">
        <v>27074</v>
      </c>
      <c r="M10832" s="2" t="s">
        <v>27075</v>
      </c>
      <c r="N10832" s="5" t="s">
        <v>24254</v>
      </c>
      <c r="O10832" s="5" t="s">
        <v>38</v>
      </c>
      <c r="P10832" s="5" t="s">
        <v>39</v>
      </c>
      <c r="Q10832" s="5" t="s">
        <v>40</v>
      </c>
      <c r="R10832" s="5" t="s">
        <v>24335</v>
      </c>
      <c r="S10832" s="5" t="s">
        <v>40</v>
      </c>
      <c r="T10832" s="5" t="s">
        <v>42</v>
      </c>
      <c r="U10832" s="2">
        <v>7.5430000000000001</v>
      </c>
      <c r="V10832" s="2">
        <v>4.7290000000000001</v>
      </c>
      <c r="W10832" s="2">
        <v>0.11899999999999999</v>
      </c>
      <c r="X10832" s="2">
        <v>12</v>
      </c>
      <c r="Y10832" s="2">
        <v>62</v>
      </c>
      <c r="Z10832" s="2">
        <v>159.9</v>
      </c>
      <c r="AA10832" s="5">
        <v>8</v>
      </c>
      <c r="AB10832" s="5" t="s">
        <v>43</v>
      </c>
      <c r="AC10832" s="5" t="s">
        <v>44</v>
      </c>
      <c r="AD10832" s="2" t="s">
        <v>33218</v>
      </c>
      <c r="AE10832" s="1"/>
    </row>
    <row r="10833" spans="1:31" ht="14.45">
      <c r="A10833" s="11"/>
      <c r="B10833" s="20"/>
      <c r="C10833" s="2" t="s">
        <v>33303</v>
      </c>
      <c r="D10833" s="14" t="s">
        <v>33304</v>
      </c>
      <c r="E10833" s="2" t="s">
        <v>33305</v>
      </c>
      <c r="F10833" s="2" t="s">
        <v>33226</v>
      </c>
      <c r="G10833" s="8">
        <v>164</v>
      </c>
      <c r="H10833" s="5">
        <v>5</v>
      </c>
      <c r="I10833" s="5" t="s">
        <v>69</v>
      </c>
      <c r="J10833" s="5" t="s">
        <v>27074</v>
      </c>
      <c r="K10833" s="2" t="s">
        <v>27075</v>
      </c>
      <c r="L10833" s="5" t="s">
        <v>27074</v>
      </c>
      <c r="M10833" s="2" t="s">
        <v>27075</v>
      </c>
      <c r="N10833" s="5" t="s">
        <v>24254</v>
      </c>
      <c r="O10833" s="5" t="s">
        <v>38</v>
      </c>
      <c r="P10833" s="5" t="s">
        <v>39</v>
      </c>
      <c r="Q10833" s="5" t="s">
        <v>40</v>
      </c>
      <c r="R10833" s="5" t="s">
        <v>24335</v>
      </c>
      <c r="S10833" s="5" t="s">
        <v>40</v>
      </c>
      <c r="T10833" s="5" t="s">
        <v>42</v>
      </c>
      <c r="U10833" s="2">
        <v>6.74</v>
      </c>
      <c r="V10833" s="2">
        <v>3.9590000000000001</v>
      </c>
      <c r="W10833" s="2">
        <v>0.11899999999999999</v>
      </c>
      <c r="X10833" s="2">
        <v>12</v>
      </c>
      <c r="Y10833" s="2">
        <v>62</v>
      </c>
      <c r="Z10833" s="2">
        <v>159.9</v>
      </c>
      <c r="AA10833" s="5">
        <v>8</v>
      </c>
      <c r="AB10833" s="5" t="s">
        <v>43</v>
      </c>
      <c r="AC10833" s="5" t="s">
        <v>44</v>
      </c>
      <c r="AD10833" s="2" t="s">
        <v>33218</v>
      </c>
      <c r="AE10833" s="1"/>
    </row>
    <row r="10834" spans="1:31" ht="14.45">
      <c r="A10834" s="5" t="s">
        <v>116</v>
      </c>
      <c r="B10834" s="21">
        <v>46054</v>
      </c>
      <c r="C10834" s="2" t="s">
        <v>33306</v>
      </c>
      <c r="D10834" s="14" t="s">
        <v>33307</v>
      </c>
      <c r="E10834" s="2" t="s">
        <v>33229</v>
      </c>
      <c r="F10834" s="2" t="s">
        <v>33230</v>
      </c>
      <c r="G10834" s="8">
        <v>328</v>
      </c>
      <c r="H10834" s="5">
        <v>5</v>
      </c>
      <c r="I10834" s="5" t="s">
        <v>69</v>
      </c>
      <c r="J10834" s="5" t="s">
        <v>27074</v>
      </c>
      <c r="K10834" s="2" t="s">
        <v>27075</v>
      </c>
      <c r="L10834" s="5" t="s">
        <v>27074</v>
      </c>
      <c r="M10834" s="2" t="s">
        <v>27075</v>
      </c>
      <c r="N10834" s="5" t="s">
        <v>24254</v>
      </c>
      <c r="O10834" s="5" t="s">
        <v>38</v>
      </c>
      <c r="P10834" s="5" t="s">
        <v>39</v>
      </c>
      <c r="Q10834" s="5" t="s">
        <v>40</v>
      </c>
      <c r="R10834" s="5" t="s">
        <v>1487</v>
      </c>
      <c r="S10834" s="5"/>
      <c r="T10834" s="5" t="s">
        <v>42</v>
      </c>
      <c r="U10834" s="2">
        <v>0</v>
      </c>
      <c r="V10834" s="2">
        <v>0</v>
      </c>
      <c r="W10834" s="2">
        <v>0</v>
      </c>
      <c r="X10834" s="2">
        <v>0</v>
      </c>
      <c r="Y10834" s="2">
        <v>0</v>
      </c>
      <c r="Z10834" s="2">
        <v>0</v>
      </c>
      <c r="AA10834" s="5"/>
      <c r="AB10834" s="5" t="s">
        <v>43</v>
      </c>
      <c r="AC10834" s="5" t="s">
        <v>44</v>
      </c>
      <c r="AD10834" s="2" t="s">
        <v>33231</v>
      </c>
      <c r="AE10834" s="1"/>
    </row>
    <row r="10835" spans="1:31" ht="14.45">
      <c r="A10835" s="11"/>
      <c r="B10835" s="20"/>
      <c r="C10835" s="2" t="s">
        <v>33308</v>
      </c>
      <c r="D10835" s="14" t="s">
        <v>33309</v>
      </c>
      <c r="E10835" s="2" t="s">
        <v>33310</v>
      </c>
      <c r="F10835" s="2" t="s">
        <v>33235</v>
      </c>
      <c r="G10835" s="8">
        <v>653</v>
      </c>
      <c r="H10835" s="5">
        <v>5</v>
      </c>
      <c r="I10835" s="5" t="s">
        <v>69</v>
      </c>
      <c r="J10835" s="5" t="s">
        <v>27074</v>
      </c>
      <c r="K10835" s="2" t="s">
        <v>27075</v>
      </c>
      <c r="L10835" s="5" t="s">
        <v>27074</v>
      </c>
      <c r="M10835" s="2" t="s">
        <v>27075</v>
      </c>
      <c r="N10835" s="5" t="s">
        <v>24254</v>
      </c>
      <c r="O10835" s="5" t="s">
        <v>38</v>
      </c>
      <c r="P10835" s="5" t="s">
        <v>39</v>
      </c>
      <c r="Q10835" s="5" t="s">
        <v>40</v>
      </c>
      <c r="R10835" s="5" t="s">
        <v>1487</v>
      </c>
      <c r="S10835" s="5"/>
      <c r="T10835" s="5" t="s">
        <v>42</v>
      </c>
      <c r="U10835" s="2">
        <v>0</v>
      </c>
      <c r="V10835" s="2">
        <v>0</v>
      </c>
      <c r="W10835" s="2">
        <v>0</v>
      </c>
      <c r="X10835" s="2">
        <v>0</v>
      </c>
      <c r="Y10835" s="2">
        <v>0</v>
      </c>
      <c r="Z10835" s="2">
        <v>0</v>
      </c>
      <c r="AA10835" s="5"/>
      <c r="AB10835" s="5" t="s">
        <v>43</v>
      </c>
      <c r="AC10835" s="5" t="s">
        <v>44</v>
      </c>
      <c r="AD10835" s="2" t="s">
        <v>33236</v>
      </c>
      <c r="AE10835" s="1"/>
    </row>
    <row r="10836" spans="1:31" ht="14.45">
      <c r="A10836" s="11"/>
      <c r="B10836" s="20"/>
      <c r="C10836" s="2" t="s">
        <v>33311</v>
      </c>
      <c r="D10836" s="14" t="s">
        <v>33312</v>
      </c>
      <c r="E10836" s="2" t="s">
        <v>33313</v>
      </c>
      <c r="F10836" s="2" t="s">
        <v>33240</v>
      </c>
      <c r="G10836" s="8">
        <v>653</v>
      </c>
      <c r="H10836" s="5">
        <v>15</v>
      </c>
      <c r="I10836" s="5" t="s">
        <v>69</v>
      </c>
      <c r="J10836" s="5" t="s">
        <v>27074</v>
      </c>
      <c r="K10836" s="2" t="s">
        <v>27075</v>
      </c>
      <c r="L10836" s="5" t="s">
        <v>27074</v>
      </c>
      <c r="M10836" s="2" t="s">
        <v>27075</v>
      </c>
      <c r="N10836" s="5" t="s">
        <v>24254</v>
      </c>
      <c r="O10836" s="5" t="s">
        <v>38</v>
      </c>
      <c r="P10836" s="5" t="s">
        <v>39</v>
      </c>
      <c r="Q10836" s="5" t="s">
        <v>40</v>
      </c>
      <c r="R10836" s="5" t="s">
        <v>1487</v>
      </c>
      <c r="S10836" s="5"/>
      <c r="T10836" s="5" t="s">
        <v>42</v>
      </c>
      <c r="U10836" s="2">
        <v>0</v>
      </c>
      <c r="V10836" s="2">
        <v>0</v>
      </c>
      <c r="W10836" s="2">
        <v>0</v>
      </c>
      <c r="X10836" s="2">
        <v>0</v>
      </c>
      <c r="Y10836" s="2">
        <v>0</v>
      </c>
      <c r="Z10836" s="2">
        <v>0</v>
      </c>
      <c r="AA10836" s="5"/>
      <c r="AB10836" s="5" t="s">
        <v>43</v>
      </c>
      <c r="AC10836" s="5" t="s">
        <v>44</v>
      </c>
      <c r="AD10836" s="2" t="s">
        <v>33241</v>
      </c>
      <c r="AE10836" s="1"/>
    </row>
    <row r="10837" spans="1:31" ht="14.45">
      <c r="A10837" s="11"/>
      <c r="B10837" s="20"/>
      <c r="C10837" s="2" t="s">
        <v>33314</v>
      </c>
      <c r="D10837" s="14" t="s">
        <v>33315</v>
      </c>
      <c r="E10837" s="2" t="s">
        <v>33316</v>
      </c>
      <c r="F10837" s="2" t="s">
        <v>33245</v>
      </c>
      <c r="G10837" s="8">
        <v>1074</v>
      </c>
      <c r="H10837" s="5">
        <v>15</v>
      </c>
      <c r="I10837" s="5" t="s">
        <v>69</v>
      </c>
      <c r="J10837" s="5" t="s">
        <v>27074</v>
      </c>
      <c r="K10837" s="2" t="s">
        <v>27075</v>
      </c>
      <c r="L10837" s="5" t="s">
        <v>27074</v>
      </c>
      <c r="M10837" s="2" t="s">
        <v>27075</v>
      </c>
      <c r="N10837" s="5" t="s">
        <v>24254</v>
      </c>
      <c r="O10837" s="5" t="s">
        <v>38</v>
      </c>
      <c r="P10837" s="5" t="s">
        <v>39</v>
      </c>
      <c r="Q10837" s="5" t="s">
        <v>40</v>
      </c>
      <c r="R10837" s="5" t="s">
        <v>1487</v>
      </c>
      <c r="S10837" s="5"/>
      <c r="T10837" s="5" t="s">
        <v>42</v>
      </c>
      <c r="U10837" s="2">
        <v>0</v>
      </c>
      <c r="V10837" s="2">
        <v>0</v>
      </c>
      <c r="W10837" s="2">
        <v>0</v>
      </c>
      <c r="X10837" s="2">
        <v>0</v>
      </c>
      <c r="Y10837" s="2">
        <v>0</v>
      </c>
      <c r="Z10837" s="2">
        <v>0</v>
      </c>
      <c r="AA10837" s="5"/>
      <c r="AB10837" s="5" t="s">
        <v>43</v>
      </c>
      <c r="AC10837" s="5" t="s">
        <v>44</v>
      </c>
      <c r="AD10837" s="2" t="s">
        <v>33246</v>
      </c>
      <c r="AE10837" s="1"/>
    </row>
    <row r="10838" spans="1:31" ht="14.45">
      <c r="A10838" s="11"/>
      <c r="B10838" s="20"/>
      <c r="C10838" s="2" t="s">
        <v>33317</v>
      </c>
      <c r="D10838" s="14" t="s">
        <v>33318</v>
      </c>
      <c r="E10838" s="2" t="s">
        <v>33319</v>
      </c>
      <c r="F10838" s="2" t="s">
        <v>33245</v>
      </c>
      <c r="G10838" s="8">
        <v>1074</v>
      </c>
      <c r="H10838" s="5">
        <v>15</v>
      </c>
      <c r="I10838" s="5" t="s">
        <v>69</v>
      </c>
      <c r="J10838" s="5" t="s">
        <v>27074</v>
      </c>
      <c r="K10838" s="2" t="s">
        <v>27075</v>
      </c>
      <c r="L10838" s="5" t="s">
        <v>27074</v>
      </c>
      <c r="M10838" s="2" t="s">
        <v>27075</v>
      </c>
      <c r="N10838" s="5" t="s">
        <v>24254</v>
      </c>
      <c r="O10838" s="5" t="s">
        <v>38</v>
      </c>
      <c r="P10838" s="5" t="s">
        <v>39</v>
      </c>
      <c r="Q10838" s="5" t="s">
        <v>40</v>
      </c>
      <c r="R10838" s="5" t="s">
        <v>1487</v>
      </c>
      <c r="S10838" s="5"/>
      <c r="T10838" s="5" t="s">
        <v>42</v>
      </c>
      <c r="U10838" s="2">
        <v>0</v>
      </c>
      <c r="V10838" s="2">
        <v>0</v>
      </c>
      <c r="W10838" s="2">
        <v>0</v>
      </c>
      <c r="X10838" s="2">
        <v>0</v>
      </c>
      <c r="Y10838" s="2">
        <v>0</v>
      </c>
      <c r="Z10838" s="2">
        <v>0</v>
      </c>
      <c r="AA10838" s="5"/>
      <c r="AB10838" s="5" t="s">
        <v>43</v>
      </c>
      <c r="AC10838" s="5" t="s">
        <v>44</v>
      </c>
      <c r="AD10838" s="2" t="s">
        <v>33250</v>
      </c>
      <c r="AE10838" s="1"/>
    </row>
    <row r="10839" spans="1:31" ht="14.45">
      <c r="A10839" s="11"/>
      <c r="B10839" s="20"/>
      <c r="C10839" s="2" t="s">
        <v>33320</v>
      </c>
      <c r="D10839" s="14" t="s">
        <v>33321</v>
      </c>
      <c r="E10839" s="2" t="s">
        <v>33322</v>
      </c>
      <c r="F10839" s="2" t="s">
        <v>33217</v>
      </c>
      <c r="G10839" s="8">
        <v>179</v>
      </c>
      <c r="H10839" s="5">
        <v>5</v>
      </c>
      <c r="I10839" s="5" t="s">
        <v>69</v>
      </c>
      <c r="J10839" s="5" t="s">
        <v>27074</v>
      </c>
      <c r="K10839" s="2" t="s">
        <v>27075</v>
      </c>
      <c r="L10839" s="5" t="s">
        <v>27074</v>
      </c>
      <c r="M10839" s="2" t="s">
        <v>27075</v>
      </c>
      <c r="N10839" s="5" t="s">
        <v>24254</v>
      </c>
      <c r="O10839" s="5" t="s">
        <v>38</v>
      </c>
      <c r="P10839" s="5" t="s">
        <v>39</v>
      </c>
      <c r="Q10839" s="5" t="s">
        <v>40</v>
      </c>
      <c r="R10839" s="5" t="s">
        <v>24335</v>
      </c>
      <c r="S10839" s="5" t="s">
        <v>40</v>
      </c>
      <c r="T10839" s="5" t="s">
        <v>42</v>
      </c>
      <c r="U10839" s="2">
        <v>9.641</v>
      </c>
      <c r="V10839" s="2">
        <v>6.8259999999999996</v>
      </c>
      <c r="W10839" s="2">
        <v>0.11899999999999999</v>
      </c>
      <c r="X10839" s="2">
        <v>12</v>
      </c>
      <c r="Y10839" s="2">
        <v>62</v>
      </c>
      <c r="Z10839" s="2">
        <v>159.9</v>
      </c>
      <c r="AA10839" s="5">
        <v>8</v>
      </c>
      <c r="AB10839" s="5" t="s">
        <v>43</v>
      </c>
      <c r="AC10839" s="5" t="s">
        <v>44</v>
      </c>
      <c r="AD10839" s="2" t="s">
        <v>33218</v>
      </c>
      <c r="AE10839" s="1"/>
    </row>
    <row r="10840" spans="1:31" ht="14.45">
      <c r="A10840" s="11"/>
      <c r="B10840" s="20"/>
      <c r="C10840" s="2" t="s">
        <v>33323</v>
      </c>
      <c r="D10840" s="14" t="s">
        <v>33324</v>
      </c>
      <c r="E10840" s="2" t="s">
        <v>33325</v>
      </c>
      <c r="F10840" s="2" t="s">
        <v>33222</v>
      </c>
      <c r="G10840" s="8">
        <v>179</v>
      </c>
      <c r="H10840" s="5">
        <v>5</v>
      </c>
      <c r="I10840" s="5" t="s">
        <v>69</v>
      </c>
      <c r="J10840" s="5" t="s">
        <v>27074</v>
      </c>
      <c r="K10840" s="2" t="s">
        <v>27075</v>
      </c>
      <c r="L10840" s="5" t="s">
        <v>27074</v>
      </c>
      <c r="M10840" s="2" t="s">
        <v>27075</v>
      </c>
      <c r="N10840" s="5" t="s">
        <v>24254</v>
      </c>
      <c r="O10840" s="5" t="s">
        <v>38</v>
      </c>
      <c r="P10840" s="5" t="s">
        <v>39</v>
      </c>
      <c r="Q10840" s="5" t="s">
        <v>40</v>
      </c>
      <c r="R10840" s="5" t="s">
        <v>24335</v>
      </c>
      <c r="S10840" s="5" t="s">
        <v>40</v>
      </c>
      <c r="T10840" s="5" t="s">
        <v>42</v>
      </c>
      <c r="U10840" s="2">
        <v>7.9050000000000002</v>
      </c>
      <c r="V10840" s="2">
        <v>5.0910000000000002</v>
      </c>
      <c r="W10840" s="2">
        <v>0.11899999999999999</v>
      </c>
      <c r="X10840" s="2">
        <v>12</v>
      </c>
      <c r="Y10840" s="2">
        <v>62</v>
      </c>
      <c r="Z10840" s="2">
        <v>159.9</v>
      </c>
      <c r="AA10840" s="5">
        <v>8</v>
      </c>
      <c r="AB10840" s="5" t="s">
        <v>43</v>
      </c>
      <c r="AC10840" s="5" t="s">
        <v>44</v>
      </c>
      <c r="AD10840" s="2" t="s">
        <v>33218</v>
      </c>
      <c r="AE10840" s="1"/>
    </row>
    <row r="10841" spans="1:31" ht="14.45">
      <c r="A10841" s="11"/>
      <c r="B10841" s="20"/>
      <c r="C10841" s="2" t="s">
        <v>33326</v>
      </c>
      <c r="D10841" s="14" t="s">
        <v>33327</v>
      </c>
      <c r="E10841" s="2" t="s">
        <v>33328</v>
      </c>
      <c r="F10841" s="2" t="s">
        <v>33226</v>
      </c>
      <c r="G10841" s="8">
        <v>179</v>
      </c>
      <c r="H10841" s="5">
        <v>5</v>
      </c>
      <c r="I10841" s="5" t="s">
        <v>69</v>
      </c>
      <c r="J10841" s="5" t="s">
        <v>27074</v>
      </c>
      <c r="K10841" s="2" t="s">
        <v>27075</v>
      </c>
      <c r="L10841" s="5" t="s">
        <v>27074</v>
      </c>
      <c r="M10841" s="2" t="s">
        <v>27075</v>
      </c>
      <c r="N10841" s="5" t="s">
        <v>24254</v>
      </c>
      <c r="O10841" s="5" t="s">
        <v>38</v>
      </c>
      <c r="P10841" s="5" t="s">
        <v>39</v>
      </c>
      <c r="Q10841" s="5" t="s">
        <v>40</v>
      </c>
      <c r="R10841" s="5" t="s">
        <v>24335</v>
      </c>
      <c r="S10841" s="5" t="s">
        <v>40</v>
      </c>
      <c r="T10841" s="5" t="s">
        <v>42</v>
      </c>
      <c r="U10841" s="2">
        <v>7.0670000000000002</v>
      </c>
      <c r="V10841" s="2">
        <v>4.2859999999999996</v>
      </c>
      <c r="W10841" s="2">
        <v>0.11899999999999999</v>
      </c>
      <c r="X10841" s="2">
        <v>12</v>
      </c>
      <c r="Y10841" s="2">
        <v>62</v>
      </c>
      <c r="Z10841" s="2">
        <v>159.9</v>
      </c>
      <c r="AA10841" s="5">
        <v>8</v>
      </c>
      <c r="AB10841" s="5" t="s">
        <v>43</v>
      </c>
      <c r="AC10841" s="5" t="s">
        <v>44</v>
      </c>
      <c r="AD10841" s="2" t="s">
        <v>33218</v>
      </c>
      <c r="AE10841" s="1"/>
    </row>
    <row r="10842" spans="1:31" ht="14.45">
      <c r="A10842" s="5" t="s">
        <v>116</v>
      </c>
      <c r="B10842" s="21">
        <v>46054</v>
      </c>
      <c r="C10842" s="2" t="s">
        <v>33329</v>
      </c>
      <c r="D10842" s="14" t="s">
        <v>33330</v>
      </c>
      <c r="E10842" s="2" t="s">
        <v>33229</v>
      </c>
      <c r="F10842" s="2" t="s">
        <v>33230</v>
      </c>
      <c r="G10842" s="8">
        <v>358</v>
      </c>
      <c r="H10842" s="5">
        <v>5</v>
      </c>
      <c r="I10842" s="5" t="s">
        <v>69</v>
      </c>
      <c r="J10842" s="5" t="s">
        <v>27074</v>
      </c>
      <c r="K10842" s="2" t="s">
        <v>27075</v>
      </c>
      <c r="L10842" s="5" t="s">
        <v>27074</v>
      </c>
      <c r="M10842" s="2" t="s">
        <v>27075</v>
      </c>
      <c r="N10842" s="5" t="s">
        <v>24254</v>
      </c>
      <c r="O10842" s="5" t="s">
        <v>38</v>
      </c>
      <c r="P10842" s="5" t="s">
        <v>39</v>
      </c>
      <c r="Q10842" s="5" t="s">
        <v>40</v>
      </c>
      <c r="R10842" s="5" t="s">
        <v>1487</v>
      </c>
      <c r="S10842" s="5"/>
      <c r="T10842" s="5" t="s">
        <v>42</v>
      </c>
      <c r="U10842" s="2">
        <v>0</v>
      </c>
      <c r="V10842" s="2">
        <v>0</v>
      </c>
      <c r="W10842" s="2">
        <v>0</v>
      </c>
      <c r="X10842" s="2">
        <v>0</v>
      </c>
      <c r="Y10842" s="2">
        <v>0</v>
      </c>
      <c r="Z10842" s="2">
        <v>0</v>
      </c>
      <c r="AA10842" s="5"/>
      <c r="AB10842" s="5" t="s">
        <v>43</v>
      </c>
      <c r="AC10842" s="5" t="s">
        <v>44</v>
      </c>
      <c r="AD10842" s="2" t="s">
        <v>33231</v>
      </c>
      <c r="AE10842" s="1"/>
    </row>
    <row r="10843" spans="1:31" ht="14.45">
      <c r="A10843" s="11"/>
      <c r="B10843" s="20"/>
      <c r="C10843" s="2" t="s">
        <v>33331</v>
      </c>
      <c r="D10843" s="14" t="s">
        <v>33332</v>
      </c>
      <c r="E10843" s="2" t="s">
        <v>33333</v>
      </c>
      <c r="F10843" s="2" t="s">
        <v>33235</v>
      </c>
      <c r="G10843" s="8">
        <v>695</v>
      </c>
      <c r="H10843" s="5">
        <v>5</v>
      </c>
      <c r="I10843" s="5" t="s">
        <v>69</v>
      </c>
      <c r="J10843" s="5" t="s">
        <v>27074</v>
      </c>
      <c r="K10843" s="2" t="s">
        <v>27075</v>
      </c>
      <c r="L10843" s="5" t="s">
        <v>27074</v>
      </c>
      <c r="M10843" s="2" t="s">
        <v>27075</v>
      </c>
      <c r="N10843" s="5" t="s">
        <v>24254</v>
      </c>
      <c r="O10843" s="5" t="s">
        <v>38</v>
      </c>
      <c r="P10843" s="5" t="s">
        <v>39</v>
      </c>
      <c r="Q10843" s="5" t="s">
        <v>40</v>
      </c>
      <c r="R10843" s="5" t="s">
        <v>1487</v>
      </c>
      <c r="S10843" s="5"/>
      <c r="T10843" s="5" t="s">
        <v>42</v>
      </c>
      <c r="U10843" s="2">
        <v>0</v>
      </c>
      <c r="V10843" s="2">
        <v>0</v>
      </c>
      <c r="W10843" s="2">
        <v>0</v>
      </c>
      <c r="X10843" s="2">
        <v>0</v>
      </c>
      <c r="Y10843" s="2">
        <v>0</v>
      </c>
      <c r="Z10843" s="2">
        <v>0</v>
      </c>
      <c r="AA10843" s="5"/>
      <c r="AB10843" s="5" t="s">
        <v>43</v>
      </c>
      <c r="AC10843" s="5" t="s">
        <v>44</v>
      </c>
      <c r="AD10843" s="2" t="s">
        <v>33236</v>
      </c>
      <c r="AE10843" s="1"/>
    </row>
    <row r="10844" spans="1:31" ht="14.45">
      <c r="A10844" s="11"/>
      <c r="B10844" s="20"/>
      <c r="C10844" s="2" t="s">
        <v>33334</v>
      </c>
      <c r="D10844" s="14" t="s">
        <v>33335</v>
      </c>
      <c r="E10844" s="2" t="s">
        <v>33336</v>
      </c>
      <c r="F10844" s="2" t="s">
        <v>33240</v>
      </c>
      <c r="G10844" s="8">
        <v>695</v>
      </c>
      <c r="H10844" s="5">
        <v>15</v>
      </c>
      <c r="I10844" s="5" t="s">
        <v>69</v>
      </c>
      <c r="J10844" s="5" t="s">
        <v>27074</v>
      </c>
      <c r="K10844" s="2" t="s">
        <v>27075</v>
      </c>
      <c r="L10844" s="5" t="s">
        <v>27074</v>
      </c>
      <c r="M10844" s="2" t="s">
        <v>27075</v>
      </c>
      <c r="N10844" s="5" t="s">
        <v>24254</v>
      </c>
      <c r="O10844" s="5" t="s">
        <v>38</v>
      </c>
      <c r="P10844" s="5" t="s">
        <v>39</v>
      </c>
      <c r="Q10844" s="5" t="s">
        <v>40</v>
      </c>
      <c r="R10844" s="5" t="s">
        <v>1487</v>
      </c>
      <c r="S10844" s="5"/>
      <c r="T10844" s="5" t="s">
        <v>42</v>
      </c>
      <c r="U10844" s="2">
        <v>0</v>
      </c>
      <c r="V10844" s="2">
        <v>0</v>
      </c>
      <c r="W10844" s="2">
        <v>0</v>
      </c>
      <c r="X10844" s="2">
        <v>0</v>
      </c>
      <c r="Y10844" s="2">
        <v>0</v>
      </c>
      <c r="Z10844" s="2">
        <v>0</v>
      </c>
      <c r="AA10844" s="5"/>
      <c r="AB10844" s="5" t="s">
        <v>43</v>
      </c>
      <c r="AC10844" s="5" t="s">
        <v>44</v>
      </c>
      <c r="AD10844" s="2" t="s">
        <v>33241</v>
      </c>
      <c r="AE10844" s="1"/>
    </row>
    <row r="10845" spans="1:31" ht="14.45">
      <c r="A10845" s="11"/>
      <c r="B10845" s="20"/>
      <c r="C10845" s="2" t="s">
        <v>33337</v>
      </c>
      <c r="D10845" s="14" t="s">
        <v>33338</v>
      </c>
      <c r="E10845" s="2" t="s">
        <v>33339</v>
      </c>
      <c r="F10845" s="2" t="s">
        <v>33245</v>
      </c>
      <c r="G10845" s="8">
        <v>1143</v>
      </c>
      <c r="H10845" s="5">
        <v>15</v>
      </c>
      <c r="I10845" s="5" t="s">
        <v>69</v>
      </c>
      <c r="J10845" s="5" t="s">
        <v>27074</v>
      </c>
      <c r="K10845" s="2" t="s">
        <v>27075</v>
      </c>
      <c r="L10845" s="5" t="s">
        <v>27074</v>
      </c>
      <c r="M10845" s="2" t="s">
        <v>27075</v>
      </c>
      <c r="N10845" s="5" t="s">
        <v>24254</v>
      </c>
      <c r="O10845" s="5" t="s">
        <v>38</v>
      </c>
      <c r="P10845" s="5" t="s">
        <v>39</v>
      </c>
      <c r="Q10845" s="5" t="s">
        <v>40</v>
      </c>
      <c r="R10845" s="5" t="s">
        <v>1487</v>
      </c>
      <c r="S10845" s="5"/>
      <c r="T10845" s="5" t="s">
        <v>42</v>
      </c>
      <c r="U10845" s="2">
        <v>0</v>
      </c>
      <c r="V10845" s="2">
        <v>0</v>
      </c>
      <c r="W10845" s="2">
        <v>0</v>
      </c>
      <c r="X10845" s="2">
        <v>0</v>
      </c>
      <c r="Y10845" s="2">
        <v>0</v>
      </c>
      <c r="Z10845" s="2">
        <v>0</v>
      </c>
      <c r="AA10845" s="5"/>
      <c r="AB10845" s="5" t="s">
        <v>43</v>
      </c>
      <c r="AC10845" s="5" t="s">
        <v>44</v>
      </c>
      <c r="AD10845" s="2" t="s">
        <v>33246</v>
      </c>
      <c r="AE10845" s="1"/>
    </row>
    <row r="10846" spans="1:31" ht="14.45">
      <c r="A10846" s="11"/>
      <c r="B10846" s="20"/>
      <c r="C10846" s="2" t="s">
        <v>33340</v>
      </c>
      <c r="D10846" s="14" t="s">
        <v>33341</v>
      </c>
      <c r="E10846" s="2" t="s">
        <v>33342</v>
      </c>
      <c r="F10846" s="2" t="s">
        <v>33245</v>
      </c>
      <c r="G10846" s="8">
        <v>1143</v>
      </c>
      <c r="H10846" s="5">
        <v>15</v>
      </c>
      <c r="I10846" s="5" t="s">
        <v>69</v>
      </c>
      <c r="J10846" s="5" t="s">
        <v>27074</v>
      </c>
      <c r="K10846" s="2" t="s">
        <v>27075</v>
      </c>
      <c r="L10846" s="5" t="s">
        <v>27074</v>
      </c>
      <c r="M10846" s="2" t="s">
        <v>27075</v>
      </c>
      <c r="N10846" s="5" t="s">
        <v>24254</v>
      </c>
      <c r="O10846" s="5" t="s">
        <v>38</v>
      </c>
      <c r="P10846" s="5" t="s">
        <v>39</v>
      </c>
      <c r="Q10846" s="5" t="s">
        <v>40</v>
      </c>
      <c r="R10846" s="5" t="s">
        <v>1487</v>
      </c>
      <c r="S10846" s="5"/>
      <c r="T10846" s="5" t="s">
        <v>42</v>
      </c>
      <c r="U10846" s="2">
        <v>0</v>
      </c>
      <c r="V10846" s="2">
        <v>0</v>
      </c>
      <c r="W10846" s="2">
        <v>0</v>
      </c>
      <c r="X10846" s="2">
        <v>0</v>
      </c>
      <c r="Y10846" s="2">
        <v>0</v>
      </c>
      <c r="Z10846" s="2">
        <v>0</v>
      </c>
      <c r="AA10846" s="5"/>
      <c r="AB10846" s="5" t="s">
        <v>43</v>
      </c>
      <c r="AC10846" s="5" t="s">
        <v>44</v>
      </c>
      <c r="AD10846" s="2" t="s">
        <v>33250</v>
      </c>
      <c r="AE10846" s="1"/>
    </row>
    <row r="10847" spans="1:31" ht="14.45">
      <c r="A10847" s="11"/>
      <c r="B10847" s="20"/>
      <c r="C10847" s="2" t="s">
        <v>33343</v>
      </c>
      <c r="D10847" s="14" t="s">
        <v>33344</v>
      </c>
      <c r="E10847" s="2" t="s">
        <v>33345</v>
      </c>
      <c r="F10847" s="2" t="s">
        <v>33217</v>
      </c>
      <c r="G10847" s="8">
        <v>185</v>
      </c>
      <c r="H10847" s="5">
        <v>5</v>
      </c>
      <c r="I10847" s="5" t="s">
        <v>69</v>
      </c>
      <c r="J10847" s="5" t="s">
        <v>27074</v>
      </c>
      <c r="K10847" s="2" t="s">
        <v>27075</v>
      </c>
      <c r="L10847" s="5" t="s">
        <v>27074</v>
      </c>
      <c r="M10847" s="2" t="s">
        <v>27075</v>
      </c>
      <c r="N10847" s="5" t="s">
        <v>24254</v>
      </c>
      <c r="O10847" s="5" t="s">
        <v>38</v>
      </c>
      <c r="P10847" s="5" t="s">
        <v>39</v>
      </c>
      <c r="Q10847" s="5" t="s">
        <v>40</v>
      </c>
      <c r="R10847" s="5" t="s">
        <v>24335</v>
      </c>
      <c r="S10847" s="5" t="s">
        <v>40</v>
      </c>
      <c r="T10847" s="5" t="s">
        <v>42</v>
      </c>
      <c r="U10847" s="2">
        <v>10.11</v>
      </c>
      <c r="V10847" s="2">
        <v>7.2949999999999999</v>
      </c>
      <c r="W10847" s="2">
        <v>0.11899999999999999</v>
      </c>
      <c r="X10847" s="2">
        <v>12</v>
      </c>
      <c r="Y10847" s="2">
        <v>62</v>
      </c>
      <c r="Z10847" s="2">
        <v>159.9</v>
      </c>
      <c r="AA10847" s="5">
        <v>8</v>
      </c>
      <c r="AB10847" s="5" t="s">
        <v>43</v>
      </c>
      <c r="AC10847" s="5" t="s">
        <v>44</v>
      </c>
      <c r="AD10847" s="2" t="s">
        <v>33218</v>
      </c>
      <c r="AE10847" s="1"/>
    </row>
    <row r="10848" spans="1:31" ht="14.45">
      <c r="A10848" s="11"/>
      <c r="B10848" s="20"/>
      <c r="C10848" s="2" t="s">
        <v>33346</v>
      </c>
      <c r="D10848" s="14" t="s">
        <v>33347</v>
      </c>
      <c r="E10848" s="2" t="s">
        <v>33348</v>
      </c>
      <c r="F10848" s="2" t="s">
        <v>33222</v>
      </c>
      <c r="G10848" s="8">
        <v>185</v>
      </c>
      <c r="H10848" s="5">
        <v>5</v>
      </c>
      <c r="I10848" s="5" t="s">
        <v>69</v>
      </c>
      <c r="J10848" s="5" t="s">
        <v>27074</v>
      </c>
      <c r="K10848" s="2" t="s">
        <v>27075</v>
      </c>
      <c r="L10848" s="5" t="s">
        <v>27074</v>
      </c>
      <c r="M10848" s="2" t="s">
        <v>27075</v>
      </c>
      <c r="N10848" s="5" t="s">
        <v>24254</v>
      </c>
      <c r="O10848" s="5" t="s">
        <v>38</v>
      </c>
      <c r="P10848" s="5" t="s">
        <v>39</v>
      </c>
      <c r="Q10848" s="5" t="s">
        <v>40</v>
      </c>
      <c r="R10848" s="5" t="s">
        <v>24335</v>
      </c>
      <c r="S10848" s="5" t="s">
        <v>40</v>
      </c>
      <c r="T10848" s="5" t="s">
        <v>42</v>
      </c>
      <c r="U10848" s="2">
        <v>8.2949999999999999</v>
      </c>
      <c r="V10848" s="2">
        <v>5.4809999999999999</v>
      </c>
      <c r="W10848" s="2">
        <v>0.11899999999999999</v>
      </c>
      <c r="X10848" s="2">
        <v>12</v>
      </c>
      <c r="Y10848" s="2">
        <v>62</v>
      </c>
      <c r="Z10848" s="2">
        <v>159.9</v>
      </c>
      <c r="AA10848" s="5">
        <v>8</v>
      </c>
      <c r="AB10848" s="5" t="s">
        <v>43</v>
      </c>
      <c r="AC10848" s="5" t="s">
        <v>44</v>
      </c>
      <c r="AD10848" s="2" t="s">
        <v>33218</v>
      </c>
      <c r="AE10848" s="1"/>
    </row>
    <row r="10849" spans="1:31" ht="14.45">
      <c r="A10849" s="11"/>
      <c r="B10849" s="20"/>
      <c r="C10849" s="2" t="s">
        <v>33349</v>
      </c>
      <c r="D10849" s="14" t="s">
        <v>33350</v>
      </c>
      <c r="E10849" s="2" t="s">
        <v>33351</v>
      </c>
      <c r="F10849" s="2" t="s">
        <v>33226</v>
      </c>
      <c r="G10849" s="8">
        <v>185</v>
      </c>
      <c r="H10849" s="5">
        <v>5</v>
      </c>
      <c r="I10849" s="5" t="s">
        <v>69</v>
      </c>
      <c r="J10849" s="5" t="s">
        <v>27074</v>
      </c>
      <c r="K10849" s="2" t="s">
        <v>27075</v>
      </c>
      <c r="L10849" s="5" t="s">
        <v>27074</v>
      </c>
      <c r="M10849" s="2" t="s">
        <v>27075</v>
      </c>
      <c r="N10849" s="5" t="s">
        <v>24254</v>
      </c>
      <c r="O10849" s="5" t="s">
        <v>38</v>
      </c>
      <c r="P10849" s="5" t="s">
        <v>39</v>
      </c>
      <c r="Q10849" s="5" t="s">
        <v>40</v>
      </c>
      <c r="R10849" s="5" t="s">
        <v>24335</v>
      </c>
      <c r="S10849" s="5" t="s">
        <v>40</v>
      </c>
      <c r="T10849" s="5" t="s">
        <v>42</v>
      </c>
      <c r="U10849" s="2">
        <v>7.4029999999999996</v>
      </c>
      <c r="V10849" s="2">
        <v>4.6219999999999999</v>
      </c>
      <c r="W10849" s="2">
        <v>0.11899999999999999</v>
      </c>
      <c r="X10849" s="2">
        <v>12</v>
      </c>
      <c r="Y10849" s="2">
        <v>62</v>
      </c>
      <c r="Z10849" s="2">
        <v>159.9</v>
      </c>
      <c r="AA10849" s="5">
        <v>8</v>
      </c>
      <c r="AB10849" s="5" t="s">
        <v>43</v>
      </c>
      <c r="AC10849" s="5" t="s">
        <v>44</v>
      </c>
      <c r="AD10849" s="2" t="s">
        <v>33218</v>
      </c>
      <c r="AE10849" s="1"/>
    </row>
    <row r="10850" spans="1:31" ht="14.45">
      <c r="A10850" s="5" t="s">
        <v>116</v>
      </c>
      <c r="B10850" s="21">
        <v>46054</v>
      </c>
      <c r="C10850" s="2" t="s">
        <v>33352</v>
      </c>
      <c r="D10850" s="14" t="s">
        <v>33353</v>
      </c>
      <c r="E10850" s="2" t="s">
        <v>33229</v>
      </c>
      <c r="F10850" s="2" t="s">
        <v>33230</v>
      </c>
      <c r="G10850" s="8">
        <v>370</v>
      </c>
      <c r="H10850" s="5">
        <v>5</v>
      </c>
      <c r="I10850" s="5" t="s">
        <v>69</v>
      </c>
      <c r="J10850" s="5" t="s">
        <v>27074</v>
      </c>
      <c r="K10850" s="2" t="s">
        <v>27075</v>
      </c>
      <c r="L10850" s="5" t="s">
        <v>27074</v>
      </c>
      <c r="M10850" s="2" t="s">
        <v>27075</v>
      </c>
      <c r="N10850" s="5" t="s">
        <v>24254</v>
      </c>
      <c r="O10850" s="5" t="s">
        <v>38</v>
      </c>
      <c r="P10850" s="5" t="s">
        <v>39</v>
      </c>
      <c r="Q10850" s="5" t="s">
        <v>40</v>
      </c>
      <c r="R10850" s="5" t="s">
        <v>1487</v>
      </c>
      <c r="S10850" s="5"/>
      <c r="T10850" s="5" t="s">
        <v>42</v>
      </c>
      <c r="U10850" s="2">
        <v>0</v>
      </c>
      <c r="V10850" s="2">
        <v>0</v>
      </c>
      <c r="W10850" s="2">
        <v>0</v>
      </c>
      <c r="X10850" s="2">
        <v>0</v>
      </c>
      <c r="Y10850" s="2">
        <v>0</v>
      </c>
      <c r="Z10850" s="2">
        <v>0</v>
      </c>
      <c r="AA10850" s="5"/>
      <c r="AB10850" s="5" t="s">
        <v>43</v>
      </c>
      <c r="AC10850" s="5" t="s">
        <v>44</v>
      </c>
      <c r="AD10850" s="2" t="s">
        <v>33231</v>
      </c>
      <c r="AE10850" s="1"/>
    </row>
    <row r="10851" spans="1:31" ht="14.45">
      <c r="A10851" s="11"/>
      <c r="B10851" s="20"/>
      <c r="C10851" s="2" t="s">
        <v>33354</v>
      </c>
      <c r="D10851" s="14" t="s">
        <v>33355</v>
      </c>
      <c r="E10851" s="2" t="s">
        <v>33356</v>
      </c>
      <c r="F10851" s="2" t="s">
        <v>33235</v>
      </c>
      <c r="G10851" s="8">
        <v>709</v>
      </c>
      <c r="H10851" s="5">
        <v>5</v>
      </c>
      <c r="I10851" s="5" t="s">
        <v>69</v>
      </c>
      <c r="J10851" s="5" t="s">
        <v>27074</v>
      </c>
      <c r="K10851" s="2" t="s">
        <v>27075</v>
      </c>
      <c r="L10851" s="5" t="s">
        <v>27074</v>
      </c>
      <c r="M10851" s="2" t="s">
        <v>27075</v>
      </c>
      <c r="N10851" s="5" t="s">
        <v>24254</v>
      </c>
      <c r="O10851" s="5" t="s">
        <v>38</v>
      </c>
      <c r="P10851" s="5" t="s">
        <v>39</v>
      </c>
      <c r="Q10851" s="5" t="s">
        <v>40</v>
      </c>
      <c r="R10851" s="5" t="s">
        <v>1487</v>
      </c>
      <c r="S10851" s="5"/>
      <c r="T10851" s="5" t="s">
        <v>42</v>
      </c>
      <c r="U10851" s="2">
        <v>0</v>
      </c>
      <c r="V10851" s="2">
        <v>0</v>
      </c>
      <c r="W10851" s="2">
        <v>0</v>
      </c>
      <c r="X10851" s="2">
        <v>0</v>
      </c>
      <c r="Y10851" s="2">
        <v>0</v>
      </c>
      <c r="Z10851" s="2">
        <v>0</v>
      </c>
      <c r="AA10851" s="5"/>
      <c r="AB10851" s="5" t="s">
        <v>43</v>
      </c>
      <c r="AC10851" s="5" t="s">
        <v>44</v>
      </c>
      <c r="AD10851" s="2" t="s">
        <v>33236</v>
      </c>
      <c r="AE10851" s="1"/>
    </row>
    <row r="10852" spans="1:31" ht="14.45">
      <c r="A10852" s="11"/>
      <c r="B10852" s="20"/>
      <c r="C10852" s="2" t="s">
        <v>33357</v>
      </c>
      <c r="D10852" s="14" t="s">
        <v>33358</v>
      </c>
      <c r="E10852" s="2" t="s">
        <v>33359</v>
      </c>
      <c r="F10852" s="2" t="s">
        <v>33240</v>
      </c>
      <c r="G10852" s="8">
        <v>709</v>
      </c>
      <c r="H10852" s="5">
        <v>15</v>
      </c>
      <c r="I10852" s="5" t="s">
        <v>69</v>
      </c>
      <c r="J10852" s="5" t="s">
        <v>27074</v>
      </c>
      <c r="K10852" s="2" t="s">
        <v>27075</v>
      </c>
      <c r="L10852" s="5" t="s">
        <v>27074</v>
      </c>
      <c r="M10852" s="2" t="s">
        <v>27075</v>
      </c>
      <c r="N10852" s="5" t="s">
        <v>24254</v>
      </c>
      <c r="O10852" s="5" t="s">
        <v>38</v>
      </c>
      <c r="P10852" s="5" t="s">
        <v>39</v>
      </c>
      <c r="Q10852" s="5" t="s">
        <v>40</v>
      </c>
      <c r="R10852" s="5" t="s">
        <v>1487</v>
      </c>
      <c r="S10852" s="5"/>
      <c r="T10852" s="5" t="s">
        <v>42</v>
      </c>
      <c r="U10852" s="2">
        <v>0</v>
      </c>
      <c r="V10852" s="2">
        <v>0</v>
      </c>
      <c r="W10852" s="2">
        <v>0</v>
      </c>
      <c r="X10852" s="2">
        <v>0</v>
      </c>
      <c r="Y10852" s="2">
        <v>0</v>
      </c>
      <c r="Z10852" s="2">
        <v>0</v>
      </c>
      <c r="AA10852" s="5"/>
      <c r="AB10852" s="5" t="s">
        <v>43</v>
      </c>
      <c r="AC10852" s="5" t="s">
        <v>44</v>
      </c>
      <c r="AD10852" s="2" t="s">
        <v>33241</v>
      </c>
      <c r="AE10852" s="1"/>
    </row>
    <row r="10853" spans="1:31" ht="14.45">
      <c r="A10853" s="11"/>
      <c r="B10853" s="20"/>
      <c r="C10853" s="2" t="s">
        <v>33360</v>
      </c>
      <c r="D10853" s="14" t="s">
        <v>33361</v>
      </c>
      <c r="E10853" s="2" t="s">
        <v>33362</v>
      </c>
      <c r="F10853" s="2" t="s">
        <v>33245</v>
      </c>
      <c r="G10853" s="8">
        <v>1165</v>
      </c>
      <c r="H10853" s="5">
        <v>15</v>
      </c>
      <c r="I10853" s="5" t="s">
        <v>69</v>
      </c>
      <c r="J10853" s="5" t="s">
        <v>27074</v>
      </c>
      <c r="K10853" s="2" t="s">
        <v>27075</v>
      </c>
      <c r="L10853" s="5" t="s">
        <v>27074</v>
      </c>
      <c r="M10853" s="2" t="s">
        <v>27075</v>
      </c>
      <c r="N10853" s="5" t="s">
        <v>24254</v>
      </c>
      <c r="O10853" s="5" t="s">
        <v>38</v>
      </c>
      <c r="P10853" s="5" t="s">
        <v>39</v>
      </c>
      <c r="Q10853" s="5" t="s">
        <v>40</v>
      </c>
      <c r="R10853" s="5" t="s">
        <v>1487</v>
      </c>
      <c r="S10853" s="5"/>
      <c r="T10853" s="5" t="s">
        <v>42</v>
      </c>
      <c r="U10853" s="2">
        <v>0</v>
      </c>
      <c r="V10853" s="2">
        <v>0</v>
      </c>
      <c r="W10853" s="2">
        <v>0</v>
      </c>
      <c r="X10853" s="2">
        <v>0</v>
      </c>
      <c r="Y10853" s="2">
        <v>0</v>
      </c>
      <c r="Z10853" s="2">
        <v>0</v>
      </c>
      <c r="AA10853" s="5"/>
      <c r="AB10853" s="5" t="s">
        <v>43</v>
      </c>
      <c r="AC10853" s="5" t="s">
        <v>44</v>
      </c>
      <c r="AD10853" s="2" t="s">
        <v>33246</v>
      </c>
      <c r="AE10853" s="1"/>
    </row>
    <row r="10854" spans="1:31" ht="14.45">
      <c r="A10854" s="11"/>
      <c r="B10854" s="20"/>
      <c r="C10854" s="2" t="s">
        <v>33363</v>
      </c>
      <c r="D10854" s="14" t="s">
        <v>33364</v>
      </c>
      <c r="E10854" s="2" t="s">
        <v>33365</v>
      </c>
      <c r="F10854" s="2" t="s">
        <v>33245</v>
      </c>
      <c r="G10854" s="8">
        <v>1165</v>
      </c>
      <c r="H10854" s="5">
        <v>15</v>
      </c>
      <c r="I10854" s="5" t="s">
        <v>69</v>
      </c>
      <c r="J10854" s="5" t="s">
        <v>27074</v>
      </c>
      <c r="K10854" s="2" t="s">
        <v>27075</v>
      </c>
      <c r="L10854" s="5" t="s">
        <v>27074</v>
      </c>
      <c r="M10854" s="2" t="s">
        <v>27075</v>
      </c>
      <c r="N10854" s="5" t="s">
        <v>24254</v>
      </c>
      <c r="O10854" s="5" t="s">
        <v>38</v>
      </c>
      <c r="P10854" s="5" t="s">
        <v>39</v>
      </c>
      <c r="Q10854" s="5" t="s">
        <v>40</v>
      </c>
      <c r="R10854" s="5" t="s">
        <v>1487</v>
      </c>
      <c r="S10854" s="5"/>
      <c r="T10854" s="5" t="s">
        <v>42</v>
      </c>
      <c r="U10854" s="2">
        <v>0</v>
      </c>
      <c r="V10854" s="2">
        <v>0</v>
      </c>
      <c r="W10854" s="2">
        <v>0</v>
      </c>
      <c r="X10854" s="2">
        <v>0</v>
      </c>
      <c r="Y10854" s="2">
        <v>0</v>
      </c>
      <c r="Z10854" s="2">
        <v>0</v>
      </c>
      <c r="AA10854" s="5"/>
      <c r="AB10854" s="5" t="s">
        <v>43</v>
      </c>
      <c r="AC10854" s="5" t="s">
        <v>44</v>
      </c>
      <c r="AD10854" s="2" t="s">
        <v>33250</v>
      </c>
      <c r="AE10854" s="1"/>
    </row>
    <row r="10855" spans="1:31" ht="14.45">
      <c r="A10855" s="11"/>
      <c r="B10855" s="20"/>
      <c r="C10855" s="2" t="s">
        <v>33366</v>
      </c>
      <c r="D10855" s="14" t="s">
        <v>33367</v>
      </c>
      <c r="E10855" s="2" t="s">
        <v>33368</v>
      </c>
      <c r="F10855" s="2" t="s">
        <v>33217</v>
      </c>
      <c r="G10855" s="8">
        <v>175</v>
      </c>
      <c r="H10855" s="5">
        <v>5</v>
      </c>
      <c r="I10855" s="5" t="s">
        <v>69</v>
      </c>
      <c r="J10855" s="5" t="s">
        <v>27074</v>
      </c>
      <c r="K10855" s="2" t="s">
        <v>27075</v>
      </c>
      <c r="L10855" s="5" t="s">
        <v>27074</v>
      </c>
      <c r="M10855" s="2" t="s">
        <v>27075</v>
      </c>
      <c r="N10855" s="5" t="s">
        <v>24254</v>
      </c>
      <c r="O10855" s="5" t="s">
        <v>38</v>
      </c>
      <c r="P10855" s="5" t="s">
        <v>39</v>
      </c>
      <c r="Q10855" s="5" t="s">
        <v>40</v>
      </c>
      <c r="R10855" s="5" t="s">
        <v>24335</v>
      </c>
      <c r="S10855" s="5" t="s">
        <v>40</v>
      </c>
      <c r="T10855" s="5" t="s">
        <v>42</v>
      </c>
      <c r="U10855" s="2">
        <v>9.4749999999999996</v>
      </c>
      <c r="V10855" s="2">
        <v>6.66</v>
      </c>
      <c r="W10855" s="2">
        <v>0.129</v>
      </c>
      <c r="X10855" s="2">
        <v>12</v>
      </c>
      <c r="Y10855" s="2">
        <v>62</v>
      </c>
      <c r="Z10855" s="2">
        <v>172.9</v>
      </c>
      <c r="AA10855" s="5">
        <v>8</v>
      </c>
      <c r="AB10855" s="5" t="s">
        <v>43</v>
      </c>
      <c r="AC10855" s="5" t="s">
        <v>44</v>
      </c>
      <c r="AD10855" s="2" t="s">
        <v>33218</v>
      </c>
      <c r="AE10855" s="1"/>
    </row>
    <row r="10856" spans="1:31" ht="14.45">
      <c r="A10856" s="11"/>
      <c r="B10856" s="20"/>
      <c r="C10856" s="2" t="s">
        <v>33369</v>
      </c>
      <c r="D10856" s="14" t="s">
        <v>33370</v>
      </c>
      <c r="E10856" s="2" t="s">
        <v>33371</v>
      </c>
      <c r="F10856" s="2" t="s">
        <v>33222</v>
      </c>
      <c r="G10856" s="8">
        <v>175</v>
      </c>
      <c r="H10856" s="5">
        <v>5</v>
      </c>
      <c r="I10856" s="5" t="s">
        <v>69</v>
      </c>
      <c r="J10856" s="5" t="s">
        <v>27074</v>
      </c>
      <c r="K10856" s="2" t="s">
        <v>27075</v>
      </c>
      <c r="L10856" s="5" t="s">
        <v>27074</v>
      </c>
      <c r="M10856" s="2" t="s">
        <v>27075</v>
      </c>
      <c r="N10856" s="5" t="s">
        <v>24254</v>
      </c>
      <c r="O10856" s="5" t="s">
        <v>38</v>
      </c>
      <c r="P10856" s="5" t="s">
        <v>39</v>
      </c>
      <c r="Q10856" s="5" t="s">
        <v>40</v>
      </c>
      <c r="R10856" s="5" t="s">
        <v>24335</v>
      </c>
      <c r="S10856" s="5" t="s">
        <v>40</v>
      </c>
      <c r="T10856" s="5" t="s">
        <v>42</v>
      </c>
      <c r="U10856" s="2">
        <v>7.8620000000000001</v>
      </c>
      <c r="V10856" s="2">
        <v>5.048</v>
      </c>
      <c r="W10856" s="2">
        <v>0.14899999999999999</v>
      </c>
      <c r="X10856" s="2">
        <v>12</v>
      </c>
      <c r="Y10856" s="2">
        <v>62</v>
      </c>
      <c r="Z10856" s="2">
        <v>199.7</v>
      </c>
      <c r="AA10856" s="5">
        <v>8</v>
      </c>
      <c r="AB10856" s="5" t="s">
        <v>43</v>
      </c>
      <c r="AC10856" s="5" t="s">
        <v>44</v>
      </c>
      <c r="AD10856" s="2" t="s">
        <v>33218</v>
      </c>
      <c r="AE10856" s="1"/>
    </row>
    <row r="10857" spans="1:31" ht="14.45">
      <c r="A10857" s="11"/>
      <c r="B10857" s="20"/>
      <c r="C10857" s="2" t="s">
        <v>33372</v>
      </c>
      <c r="D10857" s="14" t="s">
        <v>33373</v>
      </c>
      <c r="E10857" s="2" t="s">
        <v>33374</v>
      </c>
      <c r="F10857" s="2" t="s">
        <v>33226</v>
      </c>
      <c r="G10857" s="8">
        <v>175</v>
      </c>
      <c r="H10857" s="5">
        <v>5</v>
      </c>
      <c r="I10857" s="5" t="s">
        <v>69</v>
      </c>
      <c r="J10857" s="5" t="s">
        <v>27074</v>
      </c>
      <c r="K10857" s="2" t="s">
        <v>27075</v>
      </c>
      <c r="L10857" s="5" t="s">
        <v>27074</v>
      </c>
      <c r="M10857" s="2" t="s">
        <v>27075</v>
      </c>
      <c r="N10857" s="5" t="s">
        <v>24254</v>
      </c>
      <c r="O10857" s="5" t="s">
        <v>38</v>
      </c>
      <c r="P10857" s="5" t="s">
        <v>39</v>
      </c>
      <c r="Q10857" s="5" t="s">
        <v>40</v>
      </c>
      <c r="R10857" s="5" t="s">
        <v>24335</v>
      </c>
      <c r="S10857" s="5" t="s">
        <v>40</v>
      </c>
      <c r="T10857" s="5" t="s">
        <v>42</v>
      </c>
      <c r="U10857" s="2">
        <v>7.0229999999999997</v>
      </c>
      <c r="V10857" s="2">
        <v>4.242</v>
      </c>
      <c r="W10857" s="2">
        <v>0.14899999999999999</v>
      </c>
      <c r="X10857" s="2">
        <v>12</v>
      </c>
      <c r="Y10857" s="2">
        <v>62</v>
      </c>
      <c r="Z10857" s="2">
        <v>199.7</v>
      </c>
      <c r="AA10857" s="5">
        <v>8</v>
      </c>
      <c r="AB10857" s="5" t="s">
        <v>43</v>
      </c>
      <c r="AC10857" s="5" t="s">
        <v>44</v>
      </c>
      <c r="AD10857" s="2" t="s">
        <v>33218</v>
      </c>
      <c r="AE10857" s="1"/>
    </row>
    <row r="10858" spans="1:31" ht="14.45">
      <c r="A10858" s="5" t="s">
        <v>116</v>
      </c>
      <c r="B10858" s="21">
        <v>46054</v>
      </c>
      <c r="C10858" s="2" t="s">
        <v>33375</v>
      </c>
      <c r="D10858" s="14" t="s">
        <v>33376</v>
      </c>
      <c r="E10858" s="2" t="s">
        <v>33229</v>
      </c>
      <c r="F10858" s="2" t="s">
        <v>33230</v>
      </c>
      <c r="G10858" s="8">
        <v>350</v>
      </c>
      <c r="H10858" s="5">
        <v>5</v>
      </c>
      <c r="I10858" s="5" t="s">
        <v>69</v>
      </c>
      <c r="J10858" s="5" t="s">
        <v>27074</v>
      </c>
      <c r="K10858" s="2" t="s">
        <v>27075</v>
      </c>
      <c r="L10858" s="5" t="s">
        <v>27074</v>
      </c>
      <c r="M10858" s="2" t="s">
        <v>27075</v>
      </c>
      <c r="N10858" s="5" t="s">
        <v>24254</v>
      </c>
      <c r="O10858" s="5" t="s">
        <v>38</v>
      </c>
      <c r="P10858" s="5" t="s">
        <v>39</v>
      </c>
      <c r="Q10858" s="5" t="s">
        <v>40</v>
      </c>
      <c r="R10858" s="5" t="s">
        <v>1487</v>
      </c>
      <c r="S10858" s="5"/>
      <c r="T10858" s="5" t="s">
        <v>42</v>
      </c>
      <c r="U10858" s="2">
        <v>0</v>
      </c>
      <c r="V10858" s="2">
        <v>0</v>
      </c>
      <c r="W10858" s="2">
        <v>0</v>
      </c>
      <c r="X10858" s="2">
        <v>0</v>
      </c>
      <c r="Y10858" s="2">
        <v>0</v>
      </c>
      <c r="Z10858" s="2">
        <v>0</v>
      </c>
      <c r="AA10858" s="5"/>
      <c r="AB10858" s="5" t="s">
        <v>43</v>
      </c>
      <c r="AC10858" s="5" t="s">
        <v>44</v>
      </c>
      <c r="AD10858" s="2" t="s">
        <v>33231</v>
      </c>
      <c r="AE10858" s="1"/>
    </row>
    <row r="10859" spans="1:31" ht="14.45">
      <c r="A10859" s="11"/>
      <c r="B10859" s="20"/>
      <c r="C10859" s="2" t="s">
        <v>33377</v>
      </c>
      <c r="D10859" s="14" t="s">
        <v>33378</v>
      </c>
      <c r="E10859" s="2" t="s">
        <v>33379</v>
      </c>
      <c r="F10859" s="2" t="s">
        <v>33235</v>
      </c>
      <c r="G10859" s="8">
        <v>680</v>
      </c>
      <c r="H10859" s="5">
        <v>5</v>
      </c>
      <c r="I10859" s="5" t="s">
        <v>69</v>
      </c>
      <c r="J10859" s="5" t="s">
        <v>27074</v>
      </c>
      <c r="K10859" s="2" t="s">
        <v>27075</v>
      </c>
      <c r="L10859" s="5" t="s">
        <v>27074</v>
      </c>
      <c r="M10859" s="2" t="s">
        <v>27075</v>
      </c>
      <c r="N10859" s="5" t="s">
        <v>24254</v>
      </c>
      <c r="O10859" s="5" t="s">
        <v>38</v>
      </c>
      <c r="P10859" s="5" t="s">
        <v>39</v>
      </c>
      <c r="Q10859" s="5" t="s">
        <v>40</v>
      </c>
      <c r="R10859" s="5" t="s">
        <v>1487</v>
      </c>
      <c r="S10859" s="5"/>
      <c r="T10859" s="5" t="s">
        <v>42</v>
      </c>
      <c r="U10859" s="2">
        <v>0</v>
      </c>
      <c r="V10859" s="2">
        <v>0</v>
      </c>
      <c r="W10859" s="2">
        <v>0</v>
      </c>
      <c r="X10859" s="2">
        <v>0</v>
      </c>
      <c r="Y10859" s="2">
        <v>0</v>
      </c>
      <c r="Z10859" s="2">
        <v>0</v>
      </c>
      <c r="AA10859" s="5"/>
      <c r="AB10859" s="5" t="s">
        <v>43</v>
      </c>
      <c r="AC10859" s="5" t="s">
        <v>44</v>
      </c>
      <c r="AD10859" s="2" t="s">
        <v>33236</v>
      </c>
      <c r="AE10859" s="1"/>
    </row>
    <row r="10860" spans="1:31" ht="14.45">
      <c r="A10860" s="11"/>
      <c r="B10860" s="20"/>
      <c r="C10860" s="2" t="s">
        <v>33380</v>
      </c>
      <c r="D10860" s="14" t="s">
        <v>33381</v>
      </c>
      <c r="E10860" s="2" t="s">
        <v>33382</v>
      </c>
      <c r="F10860" s="2" t="s">
        <v>33240</v>
      </c>
      <c r="G10860" s="8">
        <v>680</v>
      </c>
      <c r="H10860" s="5">
        <v>15</v>
      </c>
      <c r="I10860" s="5" t="s">
        <v>69</v>
      </c>
      <c r="J10860" s="5" t="s">
        <v>27074</v>
      </c>
      <c r="K10860" s="2" t="s">
        <v>27075</v>
      </c>
      <c r="L10860" s="5" t="s">
        <v>27074</v>
      </c>
      <c r="M10860" s="2" t="s">
        <v>27075</v>
      </c>
      <c r="N10860" s="5" t="s">
        <v>24254</v>
      </c>
      <c r="O10860" s="5" t="s">
        <v>38</v>
      </c>
      <c r="P10860" s="5" t="s">
        <v>39</v>
      </c>
      <c r="Q10860" s="5" t="s">
        <v>40</v>
      </c>
      <c r="R10860" s="5" t="s">
        <v>1487</v>
      </c>
      <c r="S10860" s="5"/>
      <c r="T10860" s="5" t="s">
        <v>42</v>
      </c>
      <c r="U10860" s="2">
        <v>0</v>
      </c>
      <c r="V10860" s="2">
        <v>0</v>
      </c>
      <c r="W10860" s="2">
        <v>0</v>
      </c>
      <c r="X10860" s="2">
        <v>0</v>
      </c>
      <c r="Y10860" s="2">
        <v>0</v>
      </c>
      <c r="Z10860" s="2">
        <v>0</v>
      </c>
      <c r="AA10860" s="5"/>
      <c r="AB10860" s="5" t="s">
        <v>43</v>
      </c>
      <c r="AC10860" s="5" t="s">
        <v>44</v>
      </c>
      <c r="AD10860" s="2" t="s">
        <v>33241</v>
      </c>
      <c r="AE10860" s="1"/>
    </row>
    <row r="10861" spans="1:31" ht="14.45">
      <c r="A10861" s="11"/>
      <c r="B10861" s="20"/>
      <c r="C10861" s="2" t="s">
        <v>33383</v>
      </c>
      <c r="D10861" s="14" t="s">
        <v>33384</v>
      </c>
      <c r="E10861" s="2" t="s">
        <v>33385</v>
      </c>
      <c r="F10861" s="2" t="s">
        <v>33245</v>
      </c>
      <c r="G10861" s="8">
        <v>1115</v>
      </c>
      <c r="H10861" s="5">
        <v>15</v>
      </c>
      <c r="I10861" s="5" t="s">
        <v>69</v>
      </c>
      <c r="J10861" s="5" t="s">
        <v>27074</v>
      </c>
      <c r="K10861" s="2" t="s">
        <v>27075</v>
      </c>
      <c r="L10861" s="5" t="s">
        <v>27074</v>
      </c>
      <c r="M10861" s="2" t="s">
        <v>27075</v>
      </c>
      <c r="N10861" s="5" t="s">
        <v>24254</v>
      </c>
      <c r="O10861" s="5" t="s">
        <v>38</v>
      </c>
      <c r="P10861" s="5" t="s">
        <v>39</v>
      </c>
      <c r="Q10861" s="5" t="s">
        <v>40</v>
      </c>
      <c r="R10861" s="5" t="s">
        <v>1487</v>
      </c>
      <c r="S10861" s="5"/>
      <c r="T10861" s="5" t="s">
        <v>42</v>
      </c>
      <c r="U10861" s="2">
        <v>0</v>
      </c>
      <c r="V10861" s="2">
        <v>0</v>
      </c>
      <c r="W10861" s="2">
        <v>0</v>
      </c>
      <c r="X10861" s="2">
        <v>0</v>
      </c>
      <c r="Y10861" s="2">
        <v>0</v>
      </c>
      <c r="Z10861" s="2">
        <v>0</v>
      </c>
      <c r="AA10861" s="5"/>
      <c r="AB10861" s="5" t="s">
        <v>43</v>
      </c>
      <c r="AC10861" s="5" t="s">
        <v>44</v>
      </c>
      <c r="AD10861" s="2" t="s">
        <v>33246</v>
      </c>
      <c r="AE10861" s="1"/>
    </row>
    <row r="10862" spans="1:31" ht="14.45">
      <c r="A10862" s="11"/>
      <c r="B10862" s="20"/>
      <c r="C10862" s="2" t="s">
        <v>33386</v>
      </c>
      <c r="D10862" s="14" t="s">
        <v>33387</v>
      </c>
      <c r="E10862" s="2" t="s">
        <v>33388</v>
      </c>
      <c r="F10862" s="2" t="s">
        <v>33245</v>
      </c>
      <c r="G10862" s="8">
        <v>1115</v>
      </c>
      <c r="H10862" s="5">
        <v>15</v>
      </c>
      <c r="I10862" s="5" t="s">
        <v>69</v>
      </c>
      <c r="J10862" s="5" t="s">
        <v>27074</v>
      </c>
      <c r="K10862" s="2" t="s">
        <v>27075</v>
      </c>
      <c r="L10862" s="5" t="s">
        <v>27074</v>
      </c>
      <c r="M10862" s="2" t="s">
        <v>27075</v>
      </c>
      <c r="N10862" s="5" t="s">
        <v>24254</v>
      </c>
      <c r="O10862" s="5" t="s">
        <v>38</v>
      </c>
      <c r="P10862" s="5" t="s">
        <v>39</v>
      </c>
      <c r="Q10862" s="5" t="s">
        <v>40</v>
      </c>
      <c r="R10862" s="5" t="s">
        <v>1487</v>
      </c>
      <c r="S10862" s="5"/>
      <c r="T10862" s="5" t="s">
        <v>42</v>
      </c>
      <c r="U10862" s="2">
        <v>0</v>
      </c>
      <c r="V10862" s="2">
        <v>0</v>
      </c>
      <c r="W10862" s="2">
        <v>0</v>
      </c>
      <c r="X10862" s="2">
        <v>0</v>
      </c>
      <c r="Y10862" s="2">
        <v>0</v>
      </c>
      <c r="Z10862" s="2">
        <v>0</v>
      </c>
      <c r="AA10862" s="5"/>
      <c r="AB10862" s="5" t="s">
        <v>43</v>
      </c>
      <c r="AC10862" s="5" t="s">
        <v>44</v>
      </c>
      <c r="AD10862" s="2" t="s">
        <v>33250</v>
      </c>
      <c r="AE10862" s="1"/>
    </row>
    <row r="10863" spans="1:31" ht="14.45">
      <c r="A10863" s="11"/>
      <c r="B10863" s="20"/>
      <c r="C10863" s="2" t="s">
        <v>33389</v>
      </c>
      <c r="D10863" s="14" t="s">
        <v>33390</v>
      </c>
      <c r="E10863" s="2" t="s">
        <v>33391</v>
      </c>
      <c r="F10863" s="2" t="s">
        <v>33217</v>
      </c>
      <c r="G10863" s="8">
        <v>185</v>
      </c>
      <c r="H10863" s="5">
        <v>5</v>
      </c>
      <c r="I10863" s="5" t="s">
        <v>69</v>
      </c>
      <c r="J10863" s="5" t="s">
        <v>27074</v>
      </c>
      <c r="K10863" s="2" t="s">
        <v>27075</v>
      </c>
      <c r="L10863" s="5" t="s">
        <v>27074</v>
      </c>
      <c r="M10863" s="2" t="s">
        <v>27075</v>
      </c>
      <c r="N10863" s="5" t="s">
        <v>24254</v>
      </c>
      <c r="O10863" s="5" t="s">
        <v>38</v>
      </c>
      <c r="P10863" s="5" t="s">
        <v>39</v>
      </c>
      <c r="Q10863" s="5" t="s">
        <v>40</v>
      </c>
      <c r="R10863" s="5" t="s">
        <v>24335</v>
      </c>
      <c r="S10863" s="5" t="s">
        <v>40</v>
      </c>
      <c r="T10863" s="5" t="s">
        <v>42</v>
      </c>
      <c r="U10863" s="2">
        <v>9.6259999999999994</v>
      </c>
      <c r="V10863" s="2">
        <v>7.133</v>
      </c>
      <c r="W10863" s="2">
        <v>0.129</v>
      </c>
      <c r="X10863" s="2">
        <v>12</v>
      </c>
      <c r="Y10863" s="2">
        <v>62</v>
      </c>
      <c r="Z10863" s="2">
        <v>172.9</v>
      </c>
      <c r="AA10863" s="5">
        <v>8</v>
      </c>
      <c r="AB10863" s="5" t="s">
        <v>43</v>
      </c>
      <c r="AC10863" s="5" t="s">
        <v>44</v>
      </c>
      <c r="AD10863" s="2" t="s">
        <v>33218</v>
      </c>
      <c r="AE10863" s="1"/>
    </row>
    <row r="10864" spans="1:31" ht="14.45">
      <c r="A10864" s="11"/>
      <c r="B10864" s="20"/>
      <c r="C10864" s="2" t="s">
        <v>33392</v>
      </c>
      <c r="D10864" s="14" t="s">
        <v>33393</v>
      </c>
      <c r="E10864" s="2" t="s">
        <v>33394</v>
      </c>
      <c r="F10864" s="2" t="s">
        <v>33222</v>
      </c>
      <c r="G10864" s="8">
        <v>185</v>
      </c>
      <c r="H10864" s="5">
        <v>5</v>
      </c>
      <c r="I10864" s="5" t="s">
        <v>69</v>
      </c>
      <c r="J10864" s="5" t="s">
        <v>27074</v>
      </c>
      <c r="K10864" s="2" t="s">
        <v>27075</v>
      </c>
      <c r="L10864" s="5" t="s">
        <v>27074</v>
      </c>
      <c r="M10864" s="2" t="s">
        <v>27075</v>
      </c>
      <c r="N10864" s="5" t="s">
        <v>24254</v>
      </c>
      <c r="O10864" s="5" t="s">
        <v>38</v>
      </c>
      <c r="P10864" s="5" t="s">
        <v>39</v>
      </c>
      <c r="Q10864" s="5" t="s">
        <v>40</v>
      </c>
      <c r="R10864" s="5" t="s">
        <v>24335</v>
      </c>
      <c r="S10864" s="5" t="s">
        <v>40</v>
      </c>
      <c r="T10864" s="5" t="s">
        <v>42</v>
      </c>
      <c r="U10864" s="2">
        <v>8.2240000000000002</v>
      </c>
      <c r="V10864" s="2">
        <v>5.41</v>
      </c>
      <c r="W10864" s="2">
        <v>0.14899999999999999</v>
      </c>
      <c r="X10864" s="2">
        <v>12</v>
      </c>
      <c r="Y10864" s="2">
        <v>62</v>
      </c>
      <c r="Z10864" s="2">
        <v>199.7</v>
      </c>
      <c r="AA10864" s="5">
        <v>8</v>
      </c>
      <c r="AB10864" s="5" t="s">
        <v>43</v>
      </c>
      <c r="AC10864" s="5" t="s">
        <v>44</v>
      </c>
      <c r="AD10864" s="2" t="s">
        <v>33218</v>
      </c>
      <c r="AE10864" s="1"/>
    </row>
    <row r="10865" spans="1:31" ht="14.45">
      <c r="A10865" s="11"/>
      <c r="B10865" s="20"/>
      <c r="C10865" s="2" t="s">
        <v>33395</v>
      </c>
      <c r="D10865" s="14" t="s">
        <v>33396</v>
      </c>
      <c r="E10865" s="2" t="s">
        <v>33397</v>
      </c>
      <c r="F10865" s="2" t="s">
        <v>33226</v>
      </c>
      <c r="G10865" s="8">
        <v>185</v>
      </c>
      <c r="H10865" s="5">
        <v>5</v>
      </c>
      <c r="I10865" s="5" t="s">
        <v>69</v>
      </c>
      <c r="J10865" s="5" t="s">
        <v>27074</v>
      </c>
      <c r="K10865" s="2" t="s">
        <v>27075</v>
      </c>
      <c r="L10865" s="5" t="s">
        <v>27074</v>
      </c>
      <c r="M10865" s="2" t="s">
        <v>27075</v>
      </c>
      <c r="N10865" s="5" t="s">
        <v>24254</v>
      </c>
      <c r="O10865" s="5" t="s">
        <v>38</v>
      </c>
      <c r="P10865" s="5" t="s">
        <v>39</v>
      </c>
      <c r="Q10865" s="5" t="s">
        <v>40</v>
      </c>
      <c r="R10865" s="5" t="s">
        <v>24335</v>
      </c>
      <c r="S10865" s="5" t="s">
        <v>40</v>
      </c>
      <c r="T10865" s="5" t="s">
        <v>42</v>
      </c>
      <c r="U10865" s="2">
        <v>7.0529999999999999</v>
      </c>
      <c r="V10865" s="2">
        <v>4.5940000000000003</v>
      </c>
      <c r="W10865" s="2">
        <v>0.129</v>
      </c>
      <c r="X10865" s="2">
        <v>12</v>
      </c>
      <c r="Y10865" s="2">
        <v>62</v>
      </c>
      <c r="Z10865" s="2">
        <v>172.9</v>
      </c>
      <c r="AA10865" s="5">
        <v>8</v>
      </c>
      <c r="AB10865" s="5" t="s">
        <v>43</v>
      </c>
      <c r="AC10865" s="5" t="s">
        <v>44</v>
      </c>
      <c r="AD10865" s="2" t="s">
        <v>33218</v>
      </c>
      <c r="AE10865" s="1"/>
    </row>
    <row r="10866" spans="1:31" ht="14.45">
      <c r="A10866" s="5" t="s">
        <v>116</v>
      </c>
      <c r="B10866" s="21">
        <v>46054</v>
      </c>
      <c r="C10866" s="2" t="s">
        <v>33398</v>
      </c>
      <c r="D10866" s="14" t="s">
        <v>33399</v>
      </c>
      <c r="E10866" s="2" t="s">
        <v>33229</v>
      </c>
      <c r="F10866" s="2" t="s">
        <v>33230</v>
      </c>
      <c r="G10866" s="8">
        <v>370</v>
      </c>
      <c r="H10866" s="5">
        <v>5</v>
      </c>
      <c r="I10866" s="5" t="s">
        <v>69</v>
      </c>
      <c r="J10866" s="5" t="s">
        <v>27074</v>
      </c>
      <c r="K10866" s="2" t="s">
        <v>27075</v>
      </c>
      <c r="L10866" s="5" t="s">
        <v>27074</v>
      </c>
      <c r="M10866" s="2" t="s">
        <v>27075</v>
      </c>
      <c r="N10866" s="5" t="s">
        <v>24254</v>
      </c>
      <c r="O10866" s="5" t="s">
        <v>38</v>
      </c>
      <c r="P10866" s="5" t="s">
        <v>39</v>
      </c>
      <c r="Q10866" s="5" t="s">
        <v>40</v>
      </c>
      <c r="R10866" s="5" t="s">
        <v>1487</v>
      </c>
      <c r="S10866" s="5"/>
      <c r="T10866" s="5" t="s">
        <v>42</v>
      </c>
      <c r="U10866" s="2">
        <v>0</v>
      </c>
      <c r="V10866" s="2">
        <v>0</v>
      </c>
      <c r="W10866" s="2">
        <v>0</v>
      </c>
      <c r="X10866" s="2">
        <v>0</v>
      </c>
      <c r="Y10866" s="2">
        <v>0</v>
      </c>
      <c r="Z10866" s="2">
        <v>0</v>
      </c>
      <c r="AA10866" s="5"/>
      <c r="AB10866" s="5" t="s">
        <v>43</v>
      </c>
      <c r="AC10866" s="5" t="s">
        <v>44</v>
      </c>
      <c r="AD10866" s="2" t="s">
        <v>33231</v>
      </c>
      <c r="AE10866" s="1"/>
    </row>
    <row r="10867" spans="1:31" ht="14.45">
      <c r="A10867" s="11"/>
      <c r="B10867" s="20"/>
      <c r="C10867" s="2" t="s">
        <v>33400</v>
      </c>
      <c r="D10867" s="14" t="s">
        <v>33401</v>
      </c>
      <c r="E10867" s="2" t="s">
        <v>33402</v>
      </c>
      <c r="F10867" s="2" t="s">
        <v>33235</v>
      </c>
      <c r="G10867" s="8">
        <v>712</v>
      </c>
      <c r="H10867" s="5">
        <v>5</v>
      </c>
      <c r="I10867" s="5" t="s">
        <v>69</v>
      </c>
      <c r="J10867" s="5" t="s">
        <v>27074</v>
      </c>
      <c r="K10867" s="2" t="s">
        <v>27075</v>
      </c>
      <c r="L10867" s="5" t="s">
        <v>27074</v>
      </c>
      <c r="M10867" s="2" t="s">
        <v>27075</v>
      </c>
      <c r="N10867" s="5" t="s">
        <v>24254</v>
      </c>
      <c r="O10867" s="5" t="s">
        <v>38</v>
      </c>
      <c r="P10867" s="5" t="s">
        <v>39</v>
      </c>
      <c r="Q10867" s="5" t="s">
        <v>40</v>
      </c>
      <c r="R10867" s="5" t="s">
        <v>1487</v>
      </c>
      <c r="S10867" s="5"/>
      <c r="T10867" s="5" t="s">
        <v>42</v>
      </c>
      <c r="U10867" s="2">
        <v>0</v>
      </c>
      <c r="V10867" s="2">
        <v>0</v>
      </c>
      <c r="W10867" s="2">
        <v>0</v>
      </c>
      <c r="X10867" s="2">
        <v>0</v>
      </c>
      <c r="Y10867" s="2">
        <v>0</v>
      </c>
      <c r="Z10867" s="2">
        <v>0</v>
      </c>
      <c r="AA10867" s="5"/>
      <c r="AB10867" s="5" t="s">
        <v>43</v>
      </c>
      <c r="AC10867" s="5" t="s">
        <v>44</v>
      </c>
      <c r="AD10867" s="2" t="s">
        <v>33236</v>
      </c>
      <c r="AE10867" s="1"/>
    </row>
    <row r="10868" spans="1:31" ht="14.45">
      <c r="A10868" s="11"/>
      <c r="B10868" s="20"/>
      <c r="C10868" s="2" t="s">
        <v>33403</v>
      </c>
      <c r="D10868" s="14" t="s">
        <v>33404</v>
      </c>
      <c r="E10868" s="2" t="s">
        <v>33405</v>
      </c>
      <c r="F10868" s="2" t="s">
        <v>33240</v>
      </c>
      <c r="G10868" s="8">
        <v>712</v>
      </c>
      <c r="H10868" s="5">
        <v>15</v>
      </c>
      <c r="I10868" s="5" t="s">
        <v>69</v>
      </c>
      <c r="J10868" s="5" t="s">
        <v>27074</v>
      </c>
      <c r="K10868" s="2" t="s">
        <v>27075</v>
      </c>
      <c r="L10868" s="5" t="s">
        <v>27074</v>
      </c>
      <c r="M10868" s="2" t="s">
        <v>27075</v>
      </c>
      <c r="N10868" s="5" t="s">
        <v>24254</v>
      </c>
      <c r="O10868" s="5" t="s">
        <v>38</v>
      </c>
      <c r="P10868" s="5" t="s">
        <v>39</v>
      </c>
      <c r="Q10868" s="5" t="s">
        <v>40</v>
      </c>
      <c r="R10868" s="5" t="s">
        <v>1487</v>
      </c>
      <c r="S10868" s="5"/>
      <c r="T10868" s="5" t="s">
        <v>42</v>
      </c>
      <c r="U10868" s="2">
        <v>0</v>
      </c>
      <c r="V10868" s="2">
        <v>0</v>
      </c>
      <c r="W10868" s="2">
        <v>0</v>
      </c>
      <c r="X10868" s="2">
        <v>0</v>
      </c>
      <c r="Y10868" s="2">
        <v>0</v>
      </c>
      <c r="Z10868" s="2">
        <v>0</v>
      </c>
      <c r="AA10868" s="5"/>
      <c r="AB10868" s="5" t="s">
        <v>43</v>
      </c>
      <c r="AC10868" s="5" t="s">
        <v>44</v>
      </c>
      <c r="AD10868" s="2" t="s">
        <v>33241</v>
      </c>
      <c r="AE10868" s="1"/>
    </row>
    <row r="10869" spans="1:31" ht="14.45">
      <c r="A10869" s="11"/>
      <c r="B10869" s="20"/>
      <c r="C10869" s="2" t="s">
        <v>33406</v>
      </c>
      <c r="D10869" s="14" t="s">
        <v>33407</v>
      </c>
      <c r="E10869" s="2" t="s">
        <v>33408</v>
      </c>
      <c r="F10869" s="2" t="s">
        <v>33245</v>
      </c>
      <c r="G10869" s="8">
        <v>1169</v>
      </c>
      <c r="H10869" s="5">
        <v>15</v>
      </c>
      <c r="I10869" s="5" t="s">
        <v>69</v>
      </c>
      <c r="J10869" s="5" t="s">
        <v>27074</v>
      </c>
      <c r="K10869" s="2" t="s">
        <v>27075</v>
      </c>
      <c r="L10869" s="5" t="s">
        <v>27074</v>
      </c>
      <c r="M10869" s="2" t="s">
        <v>27075</v>
      </c>
      <c r="N10869" s="5" t="s">
        <v>24254</v>
      </c>
      <c r="O10869" s="5" t="s">
        <v>38</v>
      </c>
      <c r="P10869" s="5" t="s">
        <v>39</v>
      </c>
      <c r="Q10869" s="5" t="s">
        <v>40</v>
      </c>
      <c r="R10869" s="5" t="s">
        <v>1487</v>
      </c>
      <c r="S10869" s="5"/>
      <c r="T10869" s="5" t="s">
        <v>42</v>
      </c>
      <c r="U10869" s="2">
        <v>0</v>
      </c>
      <c r="V10869" s="2">
        <v>0</v>
      </c>
      <c r="W10869" s="2">
        <v>0</v>
      </c>
      <c r="X10869" s="2">
        <v>0</v>
      </c>
      <c r="Y10869" s="2">
        <v>0</v>
      </c>
      <c r="Z10869" s="2">
        <v>0</v>
      </c>
      <c r="AA10869" s="5"/>
      <c r="AB10869" s="5" t="s">
        <v>43</v>
      </c>
      <c r="AC10869" s="5" t="s">
        <v>44</v>
      </c>
      <c r="AD10869" s="2" t="s">
        <v>33246</v>
      </c>
      <c r="AE10869" s="1"/>
    </row>
    <row r="10870" spans="1:31" ht="14.45">
      <c r="A10870" s="11"/>
      <c r="B10870" s="20"/>
      <c r="C10870" s="2" t="s">
        <v>33409</v>
      </c>
      <c r="D10870" s="14" t="s">
        <v>33410</v>
      </c>
      <c r="E10870" s="2" t="s">
        <v>33411</v>
      </c>
      <c r="F10870" s="2" t="s">
        <v>33245</v>
      </c>
      <c r="G10870" s="8">
        <v>1169</v>
      </c>
      <c r="H10870" s="5">
        <v>15</v>
      </c>
      <c r="I10870" s="5" t="s">
        <v>69</v>
      </c>
      <c r="J10870" s="5" t="s">
        <v>27074</v>
      </c>
      <c r="K10870" s="2" t="s">
        <v>27075</v>
      </c>
      <c r="L10870" s="5" t="s">
        <v>27074</v>
      </c>
      <c r="M10870" s="2" t="s">
        <v>27075</v>
      </c>
      <c r="N10870" s="5" t="s">
        <v>24254</v>
      </c>
      <c r="O10870" s="5" t="s">
        <v>38</v>
      </c>
      <c r="P10870" s="5" t="s">
        <v>39</v>
      </c>
      <c r="Q10870" s="5" t="s">
        <v>40</v>
      </c>
      <c r="R10870" s="5" t="s">
        <v>1487</v>
      </c>
      <c r="S10870" s="5"/>
      <c r="T10870" s="5" t="s">
        <v>42</v>
      </c>
      <c r="U10870" s="2">
        <v>0</v>
      </c>
      <c r="V10870" s="2">
        <v>0</v>
      </c>
      <c r="W10870" s="2">
        <v>0</v>
      </c>
      <c r="X10870" s="2">
        <v>0</v>
      </c>
      <c r="Y10870" s="2">
        <v>0</v>
      </c>
      <c r="Z10870" s="2">
        <v>0</v>
      </c>
      <c r="AA10870" s="5"/>
      <c r="AB10870" s="5" t="s">
        <v>43</v>
      </c>
      <c r="AC10870" s="5" t="s">
        <v>44</v>
      </c>
      <c r="AD10870" s="2" t="s">
        <v>33250</v>
      </c>
      <c r="AE10870" s="1"/>
    </row>
    <row r="10871" spans="1:31" ht="14.45">
      <c r="A10871" s="11"/>
      <c r="B10871" s="20"/>
      <c r="C10871" s="2" t="s">
        <v>33412</v>
      </c>
      <c r="D10871" s="14" t="s">
        <v>33413</v>
      </c>
      <c r="E10871" s="2" t="s">
        <v>33414</v>
      </c>
      <c r="F10871" s="2" t="s">
        <v>33217</v>
      </c>
      <c r="G10871" s="8">
        <v>194</v>
      </c>
      <c r="H10871" s="5">
        <v>5</v>
      </c>
      <c r="I10871" s="5" t="s">
        <v>69</v>
      </c>
      <c r="J10871" s="5" t="s">
        <v>27074</v>
      </c>
      <c r="K10871" s="2" t="s">
        <v>27075</v>
      </c>
      <c r="L10871" s="5" t="s">
        <v>27074</v>
      </c>
      <c r="M10871" s="2" t="s">
        <v>27075</v>
      </c>
      <c r="N10871" s="5" t="s">
        <v>24254</v>
      </c>
      <c r="O10871" s="5" t="s">
        <v>38</v>
      </c>
      <c r="P10871" s="5" t="s">
        <v>39</v>
      </c>
      <c r="Q10871" s="5" t="s">
        <v>40</v>
      </c>
      <c r="R10871" s="5" t="s">
        <v>24335</v>
      </c>
      <c r="S10871" s="5" t="s">
        <v>40</v>
      </c>
      <c r="T10871" s="5" t="s">
        <v>42</v>
      </c>
      <c r="U10871" s="2">
        <v>10.096</v>
      </c>
      <c r="V10871" s="2">
        <v>7.6029999999999998</v>
      </c>
      <c r="W10871" s="2">
        <v>0.129</v>
      </c>
      <c r="X10871" s="2">
        <v>12</v>
      </c>
      <c r="Y10871" s="2">
        <v>62</v>
      </c>
      <c r="Z10871" s="2">
        <v>172.9</v>
      </c>
      <c r="AA10871" s="5">
        <v>8</v>
      </c>
      <c r="AB10871" s="5" t="s">
        <v>43</v>
      </c>
      <c r="AC10871" s="5" t="s">
        <v>44</v>
      </c>
      <c r="AD10871" s="2" t="s">
        <v>33218</v>
      </c>
      <c r="AE10871" s="1"/>
    </row>
    <row r="10872" spans="1:31" ht="14.45">
      <c r="A10872" s="11"/>
      <c r="B10872" s="20"/>
      <c r="C10872" s="2" t="s">
        <v>33415</v>
      </c>
      <c r="D10872" s="14" t="s">
        <v>33416</v>
      </c>
      <c r="E10872" s="2" t="s">
        <v>33417</v>
      </c>
      <c r="F10872" s="2" t="s">
        <v>33222</v>
      </c>
      <c r="G10872" s="8">
        <v>194</v>
      </c>
      <c r="H10872" s="5">
        <v>5</v>
      </c>
      <c r="I10872" s="5" t="s">
        <v>69</v>
      </c>
      <c r="J10872" s="5" t="s">
        <v>27074</v>
      </c>
      <c r="K10872" s="2" t="s">
        <v>27075</v>
      </c>
      <c r="L10872" s="5" t="s">
        <v>27074</v>
      </c>
      <c r="M10872" s="2" t="s">
        <v>27075</v>
      </c>
      <c r="N10872" s="5" t="s">
        <v>24254</v>
      </c>
      <c r="O10872" s="5" t="s">
        <v>38</v>
      </c>
      <c r="P10872" s="5" t="s">
        <v>39</v>
      </c>
      <c r="Q10872" s="5" t="s">
        <v>40</v>
      </c>
      <c r="R10872" s="5" t="s">
        <v>24335</v>
      </c>
      <c r="S10872" s="5" t="s">
        <v>40</v>
      </c>
      <c r="T10872" s="5" t="s">
        <v>42</v>
      </c>
      <c r="U10872" s="2">
        <v>8.6150000000000002</v>
      </c>
      <c r="V10872" s="2">
        <v>5.8010000000000002</v>
      </c>
      <c r="W10872" s="2">
        <v>0.14899999999999999</v>
      </c>
      <c r="X10872" s="2">
        <v>12</v>
      </c>
      <c r="Y10872" s="2">
        <v>62</v>
      </c>
      <c r="Z10872" s="2">
        <v>199.7</v>
      </c>
      <c r="AA10872" s="5">
        <v>8</v>
      </c>
      <c r="AB10872" s="5" t="s">
        <v>43</v>
      </c>
      <c r="AC10872" s="5" t="s">
        <v>44</v>
      </c>
      <c r="AD10872" s="2" t="s">
        <v>33218</v>
      </c>
      <c r="AE10872" s="1"/>
    </row>
    <row r="10873" spans="1:31" ht="14.45">
      <c r="A10873" s="11"/>
      <c r="B10873" s="20"/>
      <c r="C10873" s="2" t="s">
        <v>33418</v>
      </c>
      <c r="D10873" s="14" t="s">
        <v>33419</v>
      </c>
      <c r="E10873" s="2" t="s">
        <v>33420</v>
      </c>
      <c r="F10873" s="2" t="s">
        <v>33226</v>
      </c>
      <c r="G10873" s="8">
        <v>194</v>
      </c>
      <c r="H10873" s="5">
        <v>5</v>
      </c>
      <c r="I10873" s="5" t="s">
        <v>69</v>
      </c>
      <c r="J10873" s="5" t="s">
        <v>27074</v>
      </c>
      <c r="K10873" s="2" t="s">
        <v>27075</v>
      </c>
      <c r="L10873" s="5" t="s">
        <v>27074</v>
      </c>
      <c r="M10873" s="2" t="s">
        <v>27075</v>
      </c>
      <c r="N10873" s="5" t="s">
        <v>24254</v>
      </c>
      <c r="O10873" s="5" t="s">
        <v>38</v>
      </c>
      <c r="P10873" s="5" t="s">
        <v>39</v>
      </c>
      <c r="Q10873" s="5" t="s">
        <v>40</v>
      </c>
      <c r="R10873" s="5" t="s">
        <v>24335</v>
      </c>
      <c r="S10873" s="5" t="s">
        <v>40</v>
      </c>
      <c r="T10873" s="5" t="s">
        <v>42</v>
      </c>
      <c r="U10873" s="2">
        <v>7.39</v>
      </c>
      <c r="V10873" s="2">
        <v>4.931</v>
      </c>
      <c r="W10873" s="2">
        <v>0.129</v>
      </c>
      <c r="X10873" s="2">
        <v>12</v>
      </c>
      <c r="Y10873" s="2">
        <v>62</v>
      </c>
      <c r="Z10873" s="2">
        <v>172.9</v>
      </c>
      <c r="AA10873" s="5">
        <v>8</v>
      </c>
      <c r="AB10873" s="5" t="s">
        <v>43</v>
      </c>
      <c r="AC10873" s="5" t="s">
        <v>44</v>
      </c>
      <c r="AD10873" s="2" t="s">
        <v>33218</v>
      </c>
      <c r="AE10873" s="1"/>
    </row>
    <row r="10874" spans="1:31" ht="14.45">
      <c r="A10874" s="5" t="s">
        <v>116</v>
      </c>
      <c r="B10874" s="21">
        <v>46054</v>
      </c>
      <c r="C10874" s="2" t="s">
        <v>33421</v>
      </c>
      <c r="D10874" s="14" t="s">
        <v>33422</v>
      </c>
      <c r="E10874" s="2" t="s">
        <v>33229</v>
      </c>
      <c r="F10874" s="2" t="s">
        <v>33230</v>
      </c>
      <c r="G10874" s="8">
        <v>388</v>
      </c>
      <c r="H10874" s="5">
        <v>5</v>
      </c>
      <c r="I10874" s="5" t="s">
        <v>69</v>
      </c>
      <c r="J10874" s="5" t="s">
        <v>27074</v>
      </c>
      <c r="K10874" s="2" t="s">
        <v>27075</v>
      </c>
      <c r="L10874" s="5" t="s">
        <v>27074</v>
      </c>
      <c r="M10874" s="2" t="s">
        <v>27075</v>
      </c>
      <c r="N10874" s="5" t="s">
        <v>24254</v>
      </c>
      <c r="O10874" s="5" t="s">
        <v>38</v>
      </c>
      <c r="P10874" s="5" t="s">
        <v>39</v>
      </c>
      <c r="Q10874" s="5" t="s">
        <v>40</v>
      </c>
      <c r="R10874" s="5" t="s">
        <v>1487</v>
      </c>
      <c r="S10874" s="5"/>
      <c r="T10874" s="5" t="s">
        <v>42</v>
      </c>
      <c r="U10874" s="2">
        <v>0</v>
      </c>
      <c r="V10874" s="2">
        <v>0</v>
      </c>
      <c r="W10874" s="2">
        <v>0</v>
      </c>
      <c r="X10874" s="2">
        <v>0</v>
      </c>
      <c r="Y10874" s="2">
        <v>0</v>
      </c>
      <c r="Z10874" s="2">
        <v>0</v>
      </c>
      <c r="AA10874" s="5"/>
      <c r="AB10874" s="5" t="s">
        <v>43</v>
      </c>
      <c r="AC10874" s="5" t="s">
        <v>44</v>
      </c>
      <c r="AD10874" s="2" t="s">
        <v>33231</v>
      </c>
      <c r="AE10874" s="1"/>
    </row>
    <row r="10875" spans="1:31" ht="14.45">
      <c r="A10875" s="11"/>
      <c r="B10875" s="20"/>
      <c r="C10875" s="2" t="s">
        <v>33423</v>
      </c>
      <c r="D10875" s="14" t="s">
        <v>33424</v>
      </c>
      <c r="E10875" s="2" t="s">
        <v>33425</v>
      </c>
      <c r="F10875" s="2" t="s">
        <v>33235</v>
      </c>
      <c r="G10875" s="8">
        <v>732</v>
      </c>
      <c r="H10875" s="5">
        <v>5</v>
      </c>
      <c r="I10875" s="5" t="s">
        <v>69</v>
      </c>
      <c r="J10875" s="5" t="s">
        <v>27074</v>
      </c>
      <c r="K10875" s="2" t="s">
        <v>27075</v>
      </c>
      <c r="L10875" s="5" t="s">
        <v>27074</v>
      </c>
      <c r="M10875" s="2" t="s">
        <v>27075</v>
      </c>
      <c r="N10875" s="5" t="s">
        <v>24254</v>
      </c>
      <c r="O10875" s="5" t="s">
        <v>38</v>
      </c>
      <c r="P10875" s="5" t="s">
        <v>39</v>
      </c>
      <c r="Q10875" s="5" t="s">
        <v>40</v>
      </c>
      <c r="R10875" s="5" t="s">
        <v>1487</v>
      </c>
      <c r="S10875" s="5"/>
      <c r="T10875" s="5" t="s">
        <v>42</v>
      </c>
      <c r="U10875" s="2">
        <v>0</v>
      </c>
      <c r="V10875" s="2">
        <v>0</v>
      </c>
      <c r="W10875" s="2">
        <v>0</v>
      </c>
      <c r="X10875" s="2">
        <v>0</v>
      </c>
      <c r="Y10875" s="2">
        <v>0</v>
      </c>
      <c r="Z10875" s="2">
        <v>0</v>
      </c>
      <c r="AA10875" s="5"/>
      <c r="AB10875" s="5" t="s">
        <v>43</v>
      </c>
      <c r="AC10875" s="5" t="s">
        <v>44</v>
      </c>
      <c r="AD10875" s="2" t="s">
        <v>33236</v>
      </c>
      <c r="AE10875" s="1"/>
    </row>
    <row r="10876" spans="1:31" ht="14.45">
      <c r="A10876" s="11"/>
      <c r="B10876" s="20"/>
      <c r="C10876" s="2" t="s">
        <v>33426</v>
      </c>
      <c r="D10876" s="14" t="s">
        <v>33427</v>
      </c>
      <c r="E10876" s="2" t="s">
        <v>33428</v>
      </c>
      <c r="F10876" s="2" t="s">
        <v>33240</v>
      </c>
      <c r="G10876" s="8">
        <v>732</v>
      </c>
      <c r="H10876" s="5">
        <v>15</v>
      </c>
      <c r="I10876" s="5" t="s">
        <v>69</v>
      </c>
      <c r="J10876" s="5" t="s">
        <v>27074</v>
      </c>
      <c r="K10876" s="2" t="s">
        <v>27075</v>
      </c>
      <c r="L10876" s="5" t="s">
        <v>27074</v>
      </c>
      <c r="M10876" s="2" t="s">
        <v>27075</v>
      </c>
      <c r="N10876" s="5" t="s">
        <v>24254</v>
      </c>
      <c r="O10876" s="5" t="s">
        <v>38</v>
      </c>
      <c r="P10876" s="5" t="s">
        <v>39</v>
      </c>
      <c r="Q10876" s="5" t="s">
        <v>40</v>
      </c>
      <c r="R10876" s="5" t="s">
        <v>1487</v>
      </c>
      <c r="S10876" s="5"/>
      <c r="T10876" s="5" t="s">
        <v>42</v>
      </c>
      <c r="U10876" s="2">
        <v>0</v>
      </c>
      <c r="V10876" s="2">
        <v>0</v>
      </c>
      <c r="W10876" s="2">
        <v>0</v>
      </c>
      <c r="X10876" s="2">
        <v>0</v>
      </c>
      <c r="Y10876" s="2">
        <v>0</v>
      </c>
      <c r="Z10876" s="2">
        <v>0</v>
      </c>
      <c r="AA10876" s="5"/>
      <c r="AB10876" s="5" t="s">
        <v>43</v>
      </c>
      <c r="AC10876" s="5" t="s">
        <v>44</v>
      </c>
      <c r="AD10876" s="2" t="s">
        <v>33241</v>
      </c>
      <c r="AE10876" s="1"/>
    </row>
    <row r="10877" spans="1:31" ht="14.45">
      <c r="A10877" s="11"/>
      <c r="B10877" s="20"/>
      <c r="C10877" s="2" t="s">
        <v>33429</v>
      </c>
      <c r="D10877" s="14" t="s">
        <v>33430</v>
      </c>
      <c r="E10877" s="2" t="s">
        <v>33431</v>
      </c>
      <c r="F10877" s="2" t="s">
        <v>33245</v>
      </c>
      <c r="G10877" s="8">
        <v>1200</v>
      </c>
      <c r="H10877" s="5">
        <v>15</v>
      </c>
      <c r="I10877" s="5" t="s">
        <v>69</v>
      </c>
      <c r="J10877" s="5" t="s">
        <v>27074</v>
      </c>
      <c r="K10877" s="2" t="s">
        <v>27075</v>
      </c>
      <c r="L10877" s="5" t="s">
        <v>27074</v>
      </c>
      <c r="M10877" s="2" t="s">
        <v>27075</v>
      </c>
      <c r="N10877" s="5" t="s">
        <v>24254</v>
      </c>
      <c r="O10877" s="5" t="s">
        <v>38</v>
      </c>
      <c r="P10877" s="5" t="s">
        <v>39</v>
      </c>
      <c r="Q10877" s="5" t="s">
        <v>40</v>
      </c>
      <c r="R10877" s="5" t="s">
        <v>1487</v>
      </c>
      <c r="S10877" s="5"/>
      <c r="T10877" s="5" t="s">
        <v>42</v>
      </c>
      <c r="U10877" s="2">
        <v>0</v>
      </c>
      <c r="V10877" s="2">
        <v>0</v>
      </c>
      <c r="W10877" s="2">
        <v>0</v>
      </c>
      <c r="X10877" s="2">
        <v>0</v>
      </c>
      <c r="Y10877" s="2">
        <v>0</v>
      </c>
      <c r="Z10877" s="2">
        <v>0</v>
      </c>
      <c r="AA10877" s="5"/>
      <c r="AB10877" s="5" t="s">
        <v>43</v>
      </c>
      <c r="AC10877" s="5" t="s">
        <v>44</v>
      </c>
      <c r="AD10877" s="2" t="s">
        <v>33246</v>
      </c>
      <c r="AE10877" s="1"/>
    </row>
    <row r="10878" spans="1:31" ht="14.45">
      <c r="A10878" s="11"/>
      <c r="B10878" s="20"/>
      <c r="C10878" s="2" t="s">
        <v>33432</v>
      </c>
      <c r="D10878" s="14" t="s">
        <v>33433</v>
      </c>
      <c r="E10878" s="2" t="s">
        <v>33434</v>
      </c>
      <c r="F10878" s="2" t="s">
        <v>33245</v>
      </c>
      <c r="G10878" s="8">
        <v>1200</v>
      </c>
      <c r="H10878" s="5">
        <v>15</v>
      </c>
      <c r="I10878" s="5" t="s">
        <v>69</v>
      </c>
      <c r="J10878" s="5" t="s">
        <v>27074</v>
      </c>
      <c r="K10878" s="2" t="s">
        <v>27075</v>
      </c>
      <c r="L10878" s="5" t="s">
        <v>27074</v>
      </c>
      <c r="M10878" s="2" t="s">
        <v>27075</v>
      </c>
      <c r="N10878" s="5" t="s">
        <v>24254</v>
      </c>
      <c r="O10878" s="5" t="s">
        <v>38</v>
      </c>
      <c r="P10878" s="5" t="s">
        <v>39</v>
      </c>
      <c r="Q10878" s="5" t="s">
        <v>40</v>
      </c>
      <c r="R10878" s="5" t="s">
        <v>1487</v>
      </c>
      <c r="S10878" s="5"/>
      <c r="T10878" s="5" t="s">
        <v>42</v>
      </c>
      <c r="U10878" s="2">
        <v>0</v>
      </c>
      <c r="V10878" s="2">
        <v>0</v>
      </c>
      <c r="W10878" s="2">
        <v>0</v>
      </c>
      <c r="X10878" s="2">
        <v>0</v>
      </c>
      <c r="Y10878" s="2">
        <v>0</v>
      </c>
      <c r="Z10878" s="2">
        <v>0</v>
      </c>
      <c r="AA10878" s="5"/>
      <c r="AB10878" s="5" t="s">
        <v>43</v>
      </c>
      <c r="AC10878" s="5" t="s">
        <v>44</v>
      </c>
      <c r="AD10878" s="2" t="s">
        <v>33250</v>
      </c>
      <c r="AE10878" s="1"/>
    </row>
    <row r="10879" spans="1:31" ht="14.45">
      <c r="A10879" s="11"/>
      <c r="B10879" s="20"/>
      <c r="C10879" s="2" t="s">
        <v>33435</v>
      </c>
      <c r="D10879" s="14" t="s">
        <v>33436</v>
      </c>
      <c r="E10879" s="2" t="s">
        <v>33437</v>
      </c>
      <c r="F10879" s="2" t="s">
        <v>33217</v>
      </c>
      <c r="G10879" s="8">
        <v>221</v>
      </c>
      <c r="H10879" s="5">
        <v>5</v>
      </c>
      <c r="I10879" s="5" t="s">
        <v>69</v>
      </c>
      <c r="J10879" s="5" t="s">
        <v>27074</v>
      </c>
      <c r="K10879" s="2" t="s">
        <v>27075</v>
      </c>
      <c r="L10879" s="5" t="s">
        <v>27074</v>
      </c>
      <c r="M10879" s="2" t="s">
        <v>27075</v>
      </c>
      <c r="N10879" s="5" t="s">
        <v>24254</v>
      </c>
      <c r="O10879" s="5" t="s">
        <v>38</v>
      </c>
      <c r="P10879" s="5" t="s">
        <v>39</v>
      </c>
      <c r="Q10879" s="5" t="s">
        <v>40</v>
      </c>
      <c r="R10879" s="5" t="s">
        <v>24335</v>
      </c>
      <c r="S10879" s="5" t="s">
        <v>40</v>
      </c>
      <c r="T10879" s="5" t="s">
        <v>42</v>
      </c>
      <c r="U10879" s="2">
        <v>10.884</v>
      </c>
      <c r="V10879" s="2">
        <v>8.0690000000000008</v>
      </c>
      <c r="W10879" s="2">
        <v>0.14899999999999999</v>
      </c>
      <c r="X10879" s="2">
        <v>12</v>
      </c>
      <c r="Y10879" s="2">
        <v>62</v>
      </c>
      <c r="Z10879" s="2">
        <v>199.7</v>
      </c>
      <c r="AA10879" s="5">
        <v>8</v>
      </c>
      <c r="AB10879" s="5" t="s">
        <v>43</v>
      </c>
      <c r="AC10879" s="5" t="s">
        <v>44</v>
      </c>
      <c r="AD10879" s="2" t="s">
        <v>33218</v>
      </c>
      <c r="AE10879" s="1"/>
    </row>
    <row r="10880" spans="1:31" ht="14.45">
      <c r="A10880" s="11"/>
      <c r="B10880" s="20"/>
      <c r="C10880" s="2" t="s">
        <v>33438</v>
      </c>
      <c r="D10880" s="14" t="s">
        <v>33439</v>
      </c>
      <c r="E10880" s="2" t="s">
        <v>33440</v>
      </c>
      <c r="F10880" s="2" t="s">
        <v>33222</v>
      </c>
      <c r="G10880" s="8">
        <v>221</v>
      </c>
      <c r="H10880" s="5">
        <v>5</v>
      </c>
      <c r="I10880" s="5" t="s">
        <v>69</v>
      </c>
      <c r="J10880" s="5" t="s">
        <v>27074</v>
      </c>
      <c r="K10880" s="2" t="s">
        <v>27075</v>
      </c>
      <c r="L10880" s="5" t="s">
        <v>27074</v>
      </c>
      <c r="M10880" s="2" t="s">
        <v>27075</v>
      </c>
      <c r="N10880" s="5" t="s">
        <v>24254</v>
      </c>
      <c r="O10880" s="5" t="s">
        <v>38</v>
      </c>
      <c r="P10880" s="5" t="s">
        <v>39</v>
      </c>
      <c r="Q10880" s="5" t="s">
        <v>40</v>
      </c>
      <c r="R10880" s="5" t="s">
        <v>24335</v>
      </c>
      <c r="S10880" s="5" t="s">
        <v>40</v>
      </c>
      <c r="T10880" s="5" t="s">
        <v>42</v>
      </c>
      <c r="U10880" s="2">
        <v>8.9809999999999999</v>
      </c>
      <c r="V10880" s="2">
        <v>6.1669999999999998</v>
      </c>
      <c r="W10880" s="2">
        <v>0.14899999999999999</v>
      </c>
      <c r="X10880" s="2">
        <v>12</v>
      </c>
      <c r="Y10880" s="2">
        <v>62</v>
      </c>
      <c r="Z10880" s="2">
        <v>199.7</v>
      </c>
      <c r="AA10880" s="5">
        <v>8</v>
      </c>
      <c r="AB10880" s="5" t="s">
        <v>43</v>
      </c>
      <c r="AC10880" s="5" t="s">
        <v>44</v>
      </c>
      <c r="AD10880" s="2" t="s">
        <v>33218</v>
      </c>
      <c r="AE10880" s="1"/>
    </row>
    <row r="10881" spans="1:31" ht="14.45">
      <c r="A10881" s="11"/>
      <c r="B10881" s="20"/>
      <c r="C10881" s="2" t="s">
        <v>33441</v>
      </c>
      <c r="D10881" s="14" t="s">
        <v>33442</v>
      </c>
      <c r="E10881" s="2" t="s">
        <v>33443</v>
      </c>
      <c r="F10881" s="2" t="s">
        <v>33226</v>
      </c>
      <c r="G10881" s="8">
        <v>221</v>
      </c>
      <c r="H10881" s="5">
        <v>5</v>
      </c>
      <c r="I10881" s="5" t="s">
        <v>69</v>
      </c>
      <c r="J10881" s="5" t="s">
        <v>27074</v>
      </c>
      <c r="K10881" s="2" t="s">
        <v>27075</v>
      </c>
      <c r="L10881" s="5" t="s">
        <v>27074</v>
      </c>
      <c r="M10881" s="2" t="s">
        <v>27075</v>
      </c>
      <c r="N10881" s="5" t="s">
        <v>24254</v>
      </c>
      <c r="O10881" s="5" t="s">
        <v>38</v>
      </c>
      <c r="P10881" s="5" t="s">
        <v>39</v>
      </c>
      <c r="Q10881" s="5" t="s">
        <v>40</v>
      </c>
      <c r="R10881" s="5" t="s">
        <v>24335</v>
      </c>
      <c r="S10881" s="5" t="s">
        <v>40</v>
      </c>
      <c r="T10881" s="5" t="s">
        <v>42</v>
      </c>
      <c r="U10881" s="2">
        <v>8.0549999999999997</v>
      </c>
      <c r="V10881" s="2">
        <v>5.274</v>
      </c>
      <c r="W10881" s="2">
        <v>0.14899999999999999</v>
      </c>
      <c r="X10881" s="2">
        <v>12</v>
      </c>
      <c r="Y10881" s="2">
        <v>62</v>
      </c>
      <c r="Z10881" s="2">
        <v>199.7</v>
      </c>
      <c r="AA10881" s="5">
        <v>8</v>
      </c>
      <c r="AB10881" s="5" t="s">
        <v>43</v>
      </c>
      <c r="AC10881" s="5" t="s">
        <v>44</v>
      </c>
      <c r="AD10881" s="2" t="s">
        <v>33218</v>
      </c>
      <c r="AE10881" s="1"/>
    </row>
    <row r="10882" spans="1:31" ht="14.45">
      <c r="A10882" s="5" t="s">
        <v>116</v>
      </c>
      <c r="B10882" s="21">
        <v>46054</v>
      </c>
      <c r="C10882" s="2" t="s">
        <v>33444</v>
      </c>
      <c r="D10882" s="14" t="s">
        <v>33445</v>
      </c>
      <c r="E10882" s="2" t="s">
        <v>33229</v>
      </c>
      <c r="F10882" s="2" t="s">
        <v>33230</v>
      </c>
      <c r="G10882" s="8">
        <v>442</v>
      </c>
      <c r="H10882" s="5">
        <v>5</v>
      </c>
      <c r="I10882" s="5" t="s">
        <v>69</v>
      </c>
      <c r="J10882" s="5" t="s">
        <v>27074</v>
      </c>
      <c r="K10882" s="2" t="s">
        <v>27075</v>
      </c>
      <c r="L10882" s="5" t="s">
        <v>27074</v>
      </c>
      <c r="M10882" s="2" t="s">
        <v>27075</v>
      </c>
      <c r="N10882" s="5" t="s">
        <v>24254</v>
      </c>
      <c r="O10882" s="5" t="s">
        <v>38</v>
      </c>
      <c r="P10882" s="5" t="s">
        <v>39</v>
      </c>
      <c r="Q10882" s="5" t="s">
        <v>40</v>
      </c>
      <c r="R10882" s="5" t="s">
        <v>1487</v>
      </c>
      <c r="S10882" s="5"/>
      <c r="T10882" s="5" t="s">
        <v>42</v>
      </c>
      <c r="U10882" s="2">
        <v>0</v>
      </c>
      <c r="V10882" s="2">
        <v>0</v>
      </c>
      <c r="W10882" s="2">
        <v>0</v>
      </c>
      <c r="X10882" s="2">
        <v>0</v>
      </c>
      <c r="Y10882" s="2">
        <v>0</v>
      </c>
      <c r="Z10882" s="2">
        <v>0</v>
      </c>
      <c r="AA10882" s="5"/>
      <c r="AB10882" s="5" t="s">
        <v>43</v>
      </c>
      <c r="AC10882" s="5" t="s">
        <v>44</v>
      </c>
      <c r="AD10882" s="2" t="s">
        <v>33231</v>
      </c>
      <c r="AE10882" s="1"/>
    </row>
    <row r="10883" spans="1:31" ht="14.45">
      <c r="A10883" s="11"/>
      <c r="B10883" s="20"/>
      <c r="C10883" s="2" t="s">
        <v>33446</v>
      </c>
      <c r="D10883" s="14" t="s">
        <v>33447</v>
      </c>
      <c r="E10883" s="2" t="s">
        <v>33448</v>
      </c>
      <c r="F10883" s="2" t="s">
        <v>33235</v>
      </c>
      <c r="G10883" s="8">
        <v>796</v>
      </c>
      <c r="H10883" s="5">
        <v>5</v>
      </c>
      <c r="I10883" s="5" t="s">
        <v>69</v>
      </c>
      <c r="J10883" s="5" t="s">
        <v>27074</v>
      </c>
      <c r="K10883" s="2" t="s">
        <v>27075</v>
      </c>
      <c r="L10883" s="5" t="s">
        <v>27074</v>
      </c>
      <c r="M10883" s="2" t="s">
        <v>27075</v>
      </c>
      <c r="N10883" s="5" t="s">
        <v>24254</v>
      </c>
      <c r="O10883" s="5" t="s">
        <v>38</v>
      </c>
      <c r="P10883" s="5" t="s">
        <v>39</v>
      </c>
      <c r="Q10883" s="5" t="s">
        <v>40</v>
      </c>
      <c r="R10883" s="5" t="s">
        <v>1487</v>
      </c>
      <c r="S10883" s="5"/>
      <c r="T10883" s="5" t="s">
        <v>42</v>
      </c>
      <c r="U10883" s="2">
        <v>0</v>
      </c>
      <c r="V10883" s="2">
        <v>0</v>
      </c>
      <c r="W10883" s="2">
        <v>0</v>
      </c>
      <c r="X10883" s="2">
        <v>0</v>
      </c>
      <c r="Y10883" s="2">
        <v>0</v>
      </c>
      <c r="Z10883" s="2">
        <v>0</v>
      </c>
      <c r="AA10883" s="5"/>
      <c r="AB10883" s="5" t="s">
        <v>43</v>
      </c>
      <c r="AC10883" s="5" t="s">
        <v>44</v>
      </c>
      <c r="AD10883" s="2" t="s">
        <v>33236</v>
      </c>
      <c r="AE10883" s="1"/>
    </row>
    <row r="10884" spans="1:31" ht="14.45">
      <c r="A10884" s="11"/>
      <c r="B10884" s="20"/>
      <c r="C10884" s="2" t="s">
        <v>33449</v>
      </c>
      <c r="D10884" s="14" t="s">
        <v>33450</v>
      </c>
      <c r="E10884" s="2" t="s">
        <v>33451</v>
      </c>
      <c r="F10884" s="2" t="s">
        <v>33240</v>
      </c>
      <c r="G10884" s="8">
        <v>796</v>
      </c>
      <c r="H10884" s="5">
        <v>15</v>
      </c>
      <c r="I10884" s="5" t="s">
        <v>69</v>
      </c>
      <c r="J10884" s="5" t="s">
        <v>27074</v>
      </c>
      <c r="K10884" s="2" t="s">
        <v>27075</v>
      </c>
      <c r="L10884" s="5" t="s">
        <v>27074</v>
      </c>
      <c r="M10884" s="2" t="s">
        <v>27075</v>
      </c>
      <c r="N10884" s="5" t="s">
        <v>24254</v>
      </c>
      <c r="O10884" s="5" t="s">
        <v>38</v>
      </c>
      <c r="P10884" s="5" t="s">
        <v>39</v>
      </c>
      <c r="Q10884" s="5" t="s">
        <v>40</v>
      </c>
      <c r="R10884" s="5" t="s">
        <v>1487</v>
      </c>
      <c r="S10884" s="5"/>
      <c r="T10884" s="5" t="s">
        <v>42</v>
      </c>
      <c r="U10884" s="2">
        <v>0</v>
      </c>
      <c r="V10884" s="2">
        <v>0</v>
      </c>
      <c r="W10884" s="2">
        <v>0</v>
      </c>
      <c r="X10884" s="2">
        <v>0</v>
      </c>
      <c r="Y10884" s="2">
        <v>0</v>
      </c>
      <c r="Z10884" s="2">
        <v>0</v>
      </c>
      <c r="AA10884" s="5"/>
      <c r="AB10884" s="5" t="s">
        <v>43</v>
      </c>
      <c r="AC10884" s="5" t="s">
        <v>44</v>
      </c>
      <c r="AD10884" s="2" t="s">
        <v>33241</v>
      </c>
      <c r="AE10884" s="1"/>
    </row>
    <row r="10885" spans="1:31" ht="14.45">
      <c r="A10885" s="11"/>
      <c r="B10885" s="20"/>
      <c r="C10885" s="2" t="s">
        <v>33452</v>
      </c>
      <c r="D10885" s="14" t="s">
        <v>33453</v>
      </c>
      <c r="E10885" s="2" t="s">
        <v>33454</v>
      </c>
      <c r="F10885" s="2" t="s">
        <v>33245</v>
      </c>
      <c r="G10885" s="8">
        <v>1301</v>
      </c>
      <c r="H10885" s="5">
        <v>15</v>
      </c>
      <c r="I10885" s="5" t="s">
        <v>69</v>
      </c>
      <c r="J10885" s="5" t="s">
        <v>27074</v>
      </c>
      <c r="K10885" s="2" t="s">
        <v>27075</v>
      </c>
      <c r="L10885" s="5" t="s">
        <v>27074</v>
      </c>
      <c r="M10885" s="2" t="s">
        <v>27075</v>
      </c>
      <c r="N10885" s="5" t="s">
        <v>24254</v>
      </c>
      <c r="O10885" s="5" t="s">
        <v>38</v>
      </c>
      <c r="P10885" s="5" t="s">
        <v>39</v>
      </c>
      <c r="Q10885" s="5" t="s">
        <v>40</v>
      </c>
      <c r="R10885" s="5" t="s">
        <v>1487</v>
      </c>
      <c r="S10885" s="5"/>
      <c r="T10885" s="5" t="s">
        <v>42</v>
      </c>
      <c r="U10885" s="2">
        <v>0</v>
      </c>
      <c r="V10885" s="2">
        <v>0</v>
      </c>
      <c r="W10885" s="2">
        <v>0</v>
      </c>
      <c r="X10885" s="2">
        <v>0</v>
      </c>
      <c r="Y10885" s="2">
        <v>0</v>
      </c>
      <c r="Z10885" s="2">
        <v>0</v>
      </c>
      <c r="AA10885" s="5"/>
      <c r="AB10885" s="5" t="s">
        <v>43</v>
      </c>
      <c r="AC10885" s="5" t="s">
        <v>44</v>
      </c>
      <c r="AD10885" s="2" t="s">
        <v>33246</v>
      </c>
      <c r="AE10885" s="1"/>
    </row>
    <row r="10886" spans="1:31" ht="14.45">
      <c r="A10886" s="11"/>
      <c r="B10886" s="20"/>
      <c r="C10886" s="2" t="s">
        <v>33455</v>
      </c>
      <c r="D10886" s="14" t="s">
        <v>33456</v>
      </c>
      <c r="E10886" s="2" t="s">
        <v>33457</v>
      </c>
      <c r="F10886" s="2" t="s">
        <v>33245</v>
      </c>
      <c r="G10886" s="8">
        <v>1301</v>
      </c>
      <c r="H10886" s="5">
        <v>15</v>
      </c>
      <c r="I10886" s="5" t="s">
        <v>69</v>
      </c>
      <c r="J10886" s="5" t="s">
        <v>27074</v>
      </c>
      <c r="K10886" s="2" t="s">
        <v>27075</v>
      </c>
      <c r="L10886" s="5" t="s">
        <v>27074</v>
      </c>
      <c r="M10886" s="2" t="s">
        <v>27075</v>
      </c>
      <c r="N10886" s="5" t="s">
        <v>24254</v>
      </c>
      <c r="O10886" s="5" t="s">
        <v>38</v>
      </c>
      <c r="P10886" s="5" t="s">
        <v>39</v>
      </c>
      <c r="Q10886" s="5" t="s">
        <v>40</v>
      </c>
      <c r="R10886" s="5" t="s">
        <v>1487</v>
      </c>
      <c r="S10886" s="5"/>
      <c r="T10886" s="5" t="s">
        <v>42</v>
      </c>
      <c r="U10886" s="2">
        <v>0</v>
      </c>
      <c r="V10886" s="2">
        <v>0</v>
      </c>
      <c r="W10886" s="2">
        <v>0</v>
      </c>
      <c r="X10886" s="2">
        <v>0</v>
      </c>
      <c r="Y10886" s="2">
        <v>0</v>
      </c>
      <c r="Z10886" s="2">
        <v>0</v>
      </c>
      <c r="AA10886" s="5"/>
      <c r="AB10886" s="5" t="s">
        <v>43</v>
      </c>
      <c r="AC10886" s="5" t="s">
        <v>44</v>
      </c>
      <c r="AD10886" s="2" t="s">
        <v>33250</v>
      </c>
      <c r="AE10886" s="1"/>
    </row>
    <row r="10887" spans="1:31" ht="14.45">
      <c r="A10887" s="11"/>
      <c r="B10887" s="20"/>
      <c r="C10887" s="2" t="s">
        <v>33458</v>
      </c>
      <c r="D10887" s="14" t="s">
        <v>33459</v>
      </c>
      <c r="E10887" s="2" t="s">
        <v>33460</v>
      </c>
      <c r="F10887" s="2" t="s">
        <v>33217</v>
      </c>
      <c r="G10887" s="8">
        <v>225</v>
      </c>
      <c r="H10887" s="5">
        <v>5</v>
      </c>
      <c r="I10887" s="5" t="s">
        <v>69</v>
      </c>
      <c r="J10887" s="5" t="s">
        <v>27074</v>
      </c>
      <c r="K10887" s="2" t="s">
        <v>27075</v>
      </c>
      <c r="L10887" s="5" t="s">
        <v>27074</v>
      </c>
      <c r="M10887" s="2" t="s">
        <v>27075</v>
      </c>
      <c r="N10887" s="5" t="s">
        <v>24254</v>
      </c>
      <c r="O10887" s="5" t="s">
        <v>38</v>
      </c>
      <c r="P10887" s="5" t="s">
        <v>39</v>
      </c>
      <c r="Q10887" s="5" t="s">
        <v>40</v>
      </c>
      <c r="R10887" s="5" t="s">
        <v>24335</v>
      </c>
      <c r="S10887" s="5" t="s">
        <v>40</v>
      </c>
      <c r="T10887" s="5" t="s">
        <v>42</v>
      </c>
      <c r="U10887" s="2">
        <v>11.003</v>
      </c>
      <c r="V10887" s="2">
        <v>8.4870000000000001</v>
      </c>
      <c r="W10887" s="2">
        <v>0.13600000000000001</v>
      </c>
      <c r="X10887" s="2">
        <v>12</v>
      </c>
      <c r="Y10887" s="2">
        <v>50</v>
      </c>
      <c r="Z10887" s="2">
        <v>227.4</v>
      </c>
      <c r="AA10887" s="5">
        <v>8</v>
      </c>
      <c r="AB10887" s="5" t="s">
        <v>43</v>
      </c>
      <c r="AC10887" s="5" t="s">
        <v>44</v>
      </c>
      <c r="AD10887" s="2"/>
      <c r="AE10887" s="1"/>
    </row>
    <row r="10888" spans="1:31" ht="14.45">
      <c r="A10888" s="11"/>
      <c r="B10888" s="20"/>
      <c r="C10888" s="2" t="s">
        <v>33461</v>
      </c>
      <c r="D10888" s="14" t="s">
        <v>33462</v>
      </c>
      <c r="E10888" s="2" t="s">
        <v>33463</v>
      </c>
      <c r="F10888" s="2" t="s">
        <v>33222</v>
      </c>
      <c r="G10888" s="8">
        <v>225</v>
      </c>
      <c r="H10888" s="5">
        <v>5</v>
      </c>
      <c r="I10888" s="5" t="s">
        <v>69</v>
      </c>
      <c r="J10888" s="5" t="s">
        <v>27074</v>
      </c>
      <c r="K10888" s="2" t="s">
        <v>27075</v>
      </c>
      <c r="L10888" s="5" t="s">
        <v>27074</v>
      </c>
      <c r="M10888" s="2" t="s">
        <v>27075</v>
      </c>
      <c r="N10888" s="5" t="s">
        <v>24254</v>
      </c>
      <c r="O10888" s="5" t="s">
        <v>38</v>
      </c>
      <c r="P10888" s="5" t="s">
        <v>39</v>
      </c>
      <c r="Q10888" s="5" t="s">
        <v>40</v>
      </c>
      <c r="R10888" s="5" t="s">
        <v>24335</v>
      </c>
      <c r="S10888" s="5" t="s">
        <v>40</v>
      </c>
      <c r="T10888" s="5" t="s">
        <v>42</v>
      </c>
      <c r="U10888" s="2">
        <v>9.0389999999999997</v>
      </c>
      <c r="V10888" s="2">
        <v>6.524</v>
      </c>
      <c r="W10888" s="2">
        <v>0.13600000000000001</v>
      </c>
      <c r="X10888" s="2">
        <v>12</v>
      </c>
      <c r="Y10888" s="2">
        <v>50</v>
      </c>
      <c r="Z10888" s="2">
        <v>227.4</v>
      </c>
      <c r="AA10888" s="5">
        <v>8</v>
      </c>
      <c r="AB10888" s="5" t="s">
        <v>43</v>
      </c>
      <c r="AC10888" s="5" t="s">
        <v>44</v>
      </c>
      <c r="AD10888" s="2"/>
      <c r="AE10888" s="1"/>
    </row>
    <row r="10889" spans="1:31" ht="14.45">
      <c r="A10889" s="11"/>
      <c r="B10889" s="20"/>
      <c r="C10889" s="2" t="s">
        <v>33464</v>
      </c>
      <c r="D10889" s="14" t="s">
        <v>33465</v>
      </c>
      <c r="E10889" s="2" t="s">
        <v>33466</v>
      </c>
      <c r="F10889" s="2" t="s">
        <v>33226</v>
      </c>
      <c r="G10889" s="8">
        <v>225</v>
      </c>
      <c r="H10889" s="5">
        <v>5</v>
      </c>
      <c r="I10889" s="5" t="s">
        <v>69</v>
      </c>
      <c r="J10889" s="5" t="s">
        <v>27074</v>
      </c>
      <c r="K10889" s="2" t="s">
        <v>27075</v>
      </c>
      <c r="L10889" s="5" t="s">
        <v>27074</v>
      </c>
      <c r="M10889" s="2" t="s">
        <v>27075</v>
      </c>
      <c r="N10889" s="5" t="s">
        <v>24254</v>
      </c>
      <c r="O10889" s="5" t="s">
        <v>38</v>
      </c>
      <c r="P10889" s="5" t="s">
        <v>39</v>
      </c>
      <c r="Q10889" s="5" t="s">
        <v>40</v>
      </c>
      <c r="R10889" s="5" t="s">
        <v>24335</v>
      </c>
      <c r="S10889" s="5" t="s">
        <v>40</v>
      </c>
      <c r="T10889" s="5" t="s">
        <v>42</v>
      </c>
      <c r="U10889" s="2">
        <v>8.0030000000000001</v>
      </c>
      <c r="V10889" s="2">
        <v>5.5839999999999996</v>
      </c>
      <c r="W10889" s="2">
        <v>0.13600000000000001</v>
      </c>
      <c r="X10889" s="2">
        <v>12</v>
      </c>
      <c r="Y10889" s="2">
        <v>50</v>
      </c>
      <c r="Z10889" s="2">
        <v>227.4</v>
      </c>
      <c r="AA10889" s="5">
        <v>8</v>
      </c>
      <c r="AB10889" s="5" t="s">
        <v>43</v>
      </c>
      <c r="AC10889" s="5" t="s">
        <v>44</v>
      </c>
      <c r="AD10889" s="2"/>
      <c r="AE10889" s="1"/>
    </row>
    <row r="10890" spans="1:31" ht="14.45">
      <c r="A10890" s="11"/>
      <c r="B10890" s="20"/>
      <c r="C10890" s="2" t="s">
        <v>33467</v>
      </c>
      <c r="D10890" s="14" t="s">
        <v>33468</v>
      </c>
      <c r="E10890" s="2" t="s">
        <v>33469</v>
      </c>
      <c r="F10890" s="2" t="s">
        <v>33217</v>
      </c>
      <c r="G10890" s="8">
        <v>210</v>
      </c>
      <c r="H10890" s="5">
        <v>5</v>
      </c>
      <c r="I10890" s="5" t="s">
        <v>69</v>
      </c>
      <c r="J10890" s="5" t="s">
        <v>27074</v>
      </c>
      <c r="K10890" s="2" t="s">
        <v>27075</v>
      </c>
      <c r="L10890" s="5" t="s">
        <v>27074</v>
      </c>
      <c r="M10890" s="2" t="s">
        <v>27075</v>
      </c>
      <c r="N10890" s="5" t="s">
        <v>24254</v>
      </c>
      <c r="O10890" s="5" t="s">
        <v>38</v>
      </c>
      <c r="P10890" s="5" t="s">
        <v>39</v>
      </c>
      <c r="Q10890" s="5" t="s">
        <v>40</v>
      </c>
      <c r="R10890" s="5" t="s">
        <v>24335</v>
      </c>
      <c r="S10890" s="5" t="s">
        <v>40</v>
      </c>
      <c r="T10890" s="5" t="s">
        <v>42</v>
      </c>
      <c r="U10890" s="2">
        <v>10.3</v>
      </c>
      <c r="V10890" s="2">
        <v>7.4850000000000003</v>
      </c>
      <c r="W10890" s="2">
        <v>0.14899999999999999</v>
      </c>
      <c r="X10890" s="2">
        <v>12</v>
      </c>
      <c r="Y10890" s="2">
        <v>62</v>
      </c>
      <c r="Z10890" s="2">
        <v>199.7</v>
      </c>
      <c r="AA10890" s="5">
        <v>8</v>
      </c>
      <c r="AB10890" s="5" t="s">
        <v>43</v>
      </c>
      <c r="AC10890" s="5" t="s">
        <v>44</v>
      </c>
      <c r="AD10890" s="2" t="s">
        <v>33218</v>
      </c>
      <c r="AE10890" s="1"/>
    </row>
    <row r="10891" spans="1:31" ht="14.45">
      <c r="A10891" s="11"/>
      <c r="B10891" s="20"/>
      <c r="C10891" s="2" t="s">
        <v>33470</v>
      </c>
      <c r="D10891" s="14" t="s">
        <v>33471</v>
      </c>
      <c r="E10891" s="2" t="s">
        <v>33472</v>
      </c>
      <c r="F10891" s="2" t="s">
        <v>33222</v>
      </c>
      <c r="G10891" s="8">
        <v>210</v>
      </c>
      <c r="H10891" s="5">
        <v>5</v>
      </c>
      <c r="I10891" s="5" t="s">
        <v>69</v>
      </c>
      <c r="J10891" s="5" t="s">
        <v>27074</v>
      </c>
      <c r="K10891" s="2" t="s">
        <v>27075</v>
      </c>
      <c r="L10891" s="5" t="s">
        <v>27074</v>
      </c>
      <c r="M10891" s="2" t="s">
        <v>27075</v>
      </c>
      <c r="N10891" s="5" t="s">
        <v>24254</v>
      </c>
      <c r="O10891" s="5" t="s">
        <v>38</v>
      </c>
      <c r="P10891" s="5" t="s">
        <v>39</v>
      </c>
      <c r="Q10891" s="5" t="s">
        <v>40</v>
      </c>
      <c r="R10891" s="5" t="s">
        <v>24335</v>
      </c>
      <c r="S10891" s="5" t="s">
        <v>40</v>
      </c>
      <c r="T10891" s="5" t="s">
        <v>42</v>
      </c>
      <c r="U10891" s="2">
        <v>8.6859999999999999</v>
      </c>
      <c r="V10891" s="2">
        <v>5.8719999999999999</v>
      </c>
      <c r="W10891" s="2">
        <v>0.14899999999999999</v>
      </c>
      <c r="X10891" s="2">
        <v>12</v>
      </c>
      <c r="Y10891" s="2">
        <v>62</v>
      </c>
      <c r="Z10891" s="2">
        <v>199.7</v>
      </c>
      <c r="AA10891" s="5">
        <v>8</v>
      </c>
      <c r="AB10891" s="5" t="s">
        <v>43</v>
      </c>
      <c r="AC10891" s="5" t="s">
        <v>44</v>
      </c>
      <c r="AD10891" s="2" t="s">
        <v>33218</v>
      </c>
      <c r="AE10891" s="1"/>
    </row>
    <row r="10892" spans="1:31" ht="14.45">
      <c r="A10892" s="11"/>
      <c r="B10892" s="20"/>
      <c r="C10892" s="2" t="s">
        <v>33473</v>
      </c>
      <c r="D10892" s="14" t="s">
        <v>33474</v>
      </c>
      <c r="E10892" s="2" t="s">
        <v>33475</v>
      </c>
      <c r="F10892" s="2" t="s">
        <v>33226</v>
      </c>
      <c r="G10892" s="8">
        <v>210</v>
      </c>
      <c r="H10892" s="5">
        <v>5</v>
      </c>
      <c r="I10892" s="5" t="s">
        <v>69</v>
      </c>
      <c r="J10892" s="5" t="s">
        <v>27074</v>
      </c>
      <c r="K10892" s="2" t="s">
        <v>27075</v>
      </c>
      <c r="L10892" s="5" t="s">
        <v>27074</v>
      </c>
      <c r="M10892" s="2" t="s">
        <v>27075</v>
      </c>
      <c r="N10892" s="5" t="s">
        <v>24254</v>
      </c>
      <c r="O10892" s="5" t="s">
        <v>38</v>
      </c>
      <c r="P10892" s="5" t="s">
        <v>39</v>
      </c>
      <c r="Q10892" s="5" t="s">
        <v>40</v>
      </c>
      <c r="R10892" s="5" t="s">
        <v>24335</v>
      </c>
      <c r="S10892" s="5" t="s">
        <v>40</v>
      </c>
      <c r="T10892" s="5" t="s">
        <v>42</v>
      </c>
      <c r="U10892" s="2">
        <v>7.7270000000000003</v>
      </c>
      <c r="V10892" s="2">
        <v>4.9459999999999997</v>
      </c>
      <c r="W10892" s="2">
        <v>0.14899999999999999</v>
      </c>
      <c r="X10892" s="2">
        <v>12</v>
      </c>
      <c r="Y10892" s="2">
        <v>62</v>
      </c>
      <c r="Z10892" s="2">
        <v>199.7</v>
      </c>
      <c r="AA10892" s="5">
        <v>8</v>
      </c>
      <c r="AB10892" s="5" t="s">
        <v>43</v>
      </c>
      <c r="AC10892" s="5" t="s">
        <v>44</v>
      </c>
      <c r="AD10892" s="2" t="s">
        <v>33218</v>
      </c>
      <c r="AE10892" s="1"/>
    </row>
    <row r="10893" spans="1:31" ht="14.45">
      <c r="A10893" s="5" t="s">
        <v>116</v>
      </c>
      <c r="B10893" s="21">
        <v>46054</v>
      </c>
      <c r="C10893" s="2" t="s">
        <v>33476</v>
      </c>
      <c r="D10893" s="14" t="s">
        <v>33477</v>
      </c>
      <c r="E10893" s="2" t="s">
        <v>33229</v>
      </c>
      <c r="F10893" s="2" t="s">
        <v>33230</v>
      </c>
      <c r="G10893" s="8">
        <v>420</v>
      </c>
      <c r="H10893" s="5">
        <v>5</v>
      </c>
      <c r="I10893" s="5" t="s">
        <v>69</v>
      </c>
      <c r="J10893" s="5" t="s">
        <v>27074</v>
      </c>
      <c r="K10893" s="2" t="s">
        <v>27075</v>
      </c>
      <c r="L10893" s="5" t="s">
        <v>27074</v>
      </c>
      <c r="M10893" s="2" t="s">
        <v>27075</v>
      </c>
      <c r="N10893" s="5" t="s">
        <v>24254</v>
      </c>
      <c r="O10893" s="5" t="s">
        <v>38</v>
      </c>
      <c r="P10893" s="5" t="s">
        <v>39</v>
      </c>
      <c r="Q10893" s="5" t="s">
        <v>40</v>
      </c>
      <c r="R10893" s="5" t="s">
        <v>1487</v>
      </c>
      <c r="S10893" s="5"/>
      <c r="T10893" s="5" t="s">
        <v>42</v>
      </c>
      <c r="U10893" s="2">
        <v>0</v>
      </c>
      <c r="V10893" s="2">
        <v>0</v>
      </c>
      <c r="W10893" s="2">
        <v>0</v>
      </c>
      <c r="X10893" s="2">
        <v>0</v>
      </c>
      <c r="Y10893" s="2">
        <v>0</v>
      </c>
      <c r="Z10893" s="2">
        <v>0</v>
      </c>
      <c r="AA10893" s="5"/>
      <c r="AB10893" s="5" t="s">
        <v>43</v>
      </c>
      <c r="AC10893" s="5" t="s">
        <v>44</v>
      </c>
      <c r="AD10893" s="2" t="s">
        <v>33231</v>
      </c>
      <c r="AE10893" s="1"/>
    </row>
    <row r="10894" spans="1:31" ht="14.45">
      <c r="A10894" s="11"/>
      <c r="B10894" s="20"/>
      <c r="C10894" s="2" t="s">
        <v>33478</v>
      </c>
      <c r="D10894" s="14" t="s">
        <v>33479</v>
      </c>
      <c r="E10894" s="2" t="s">
        <v>33480</v>
      </c>
      <c r="F10894" s="2" t="s">
        <v>33235</v>
      </c>
      <c r="G10894" s="8">
        <v>769</v>
      </c>
      <c r="H10894" s="5">
        <v>5</v>
      </c>
      <c r="I10894" s="5" t="s">
        <v>69</v>
      </c>
      <c r="J10894" s="5" t="s">
        <v>27074</v>
      </c>
      <c r="K10894" s="2" t="s">
        <v>27075</v>
      </c>
      <c r="L10894" s="5" t="s">
        <v>27074</v>
      </c>
      <c r="M10894" s="2" t="s">
        <v>27075</v>
      </c>
      <c r="N10894" s="5" t="s">
        <v>24254</v>
      </c>
      <c r="O10894" s="5" t="s">
        <v>38</v>
      </c>
      <c r="P10894" s="5" t="s">
        <v>39</v>
      </c>
      <c r="Q10894" s="5" t="s">
        <v>40</v>
      </c>
      <c r="R10894" s="5" t="s">
        <v>1487</v>
      </c>
      <c r="S10894" s="5"/>
      <c r="T10894" s="5" t="s">
        <v>42</v>
      </c>
      <c r="U10894" s="2">
        <v>0</v>
      </c>
      <c r="V10894" s="2">
        <v>0</v>
      </c>
      <c r="W10894" s="2">
        <v>0</v>
      </c>
      <c r="X10894" s="2">
        <v>0</v>
      </c>
      <c r="Y10894" s="2">
        <v>0</v>
      </c>
      <c r="Z10894" s="2">
        <v>0</v>
      </c>
      <c r="AA10894" s="5"/>
      <c r="AB10894" s="5" t="s">
        <v>43</v>
      </c>
      <c r="AC10894" s="5" t="s">
        <v>44</v>
      </c>
      <c r="AD10894" s="2" t="s">
        <v>33236</v>
      </c>
      <c r="AE10894" s="1"/>
    </row>
    <row r="10895" spans="1:31" ht="14.45">
      <c r="A10895" s="11"/>
      <c r="B10895" s="20"/>
      <c r="C10895" s="2" t="s">
        <v>33481</v>
      </c>
      <c r="D10895" s="14" t="s">
        <v>33482</v>
      </c>
      <c r="E10895" s="2" t="s">
        <v>33483</v>
      </c>
      <c r="F10895" s="2" t="s">
        <v>33240</v>
      </c>
      <c r="G10895" s="8">
        <v>769</v>
      </c>
      <c r="H10895" s="5">
        <v>15</v>
      </c>
      <c r="I10895" s="5" t="s">
        <v>69</v>
      </c>
      <c r="J10895" s="5" t="s">
        <v>27074</v>
      </c>
      <c r="K10895" s="2" t="s">
        <v>27075</v>
      </c>
      <c r="L10895" s="5" t="s">
        <v>27074</v>
      </c>
      <c r="M10895" s="2" t="s">
        <v>27075</v>
      </c>
      <c r="N10895" s="5" t="s">
        <v>24254</v>
      </c>
      <c r="O10895" s="5" t="s">
        <v>38</v>
      </c>
      <c r="P10895" s="5" t="s">
        <v>39</v>
      </c>
      <c r="Q10895" s="5" t="s">
        <v>40</v>
      </c>
      <c r="R10895" s="5" t="s">
        <v>1487</v>
      </c>
      <c r="S10895" s="5"/>
      <c r="T10895" s="5" t="s">
        <v>42</v>
      </c>
      <c r="U10895" s="2">
        <v>0</v>
      </c>
      <c r="V10895" s="2">
        <v>0</v>
      </c>
      <c r="W10895" s="2">
        <v>0</v>
      </c>
      <c r="X10895" s="2">
        <v>0</v>
      </c>
      <c r="Y10895" s="2">
        <v>0</v>
      </c>
      <c r="Z10895" s="2">
        <v>0</v>
      </c>
      <c r="AA10895" s="5"/>
      <c r="AB10895" s="5" t="s">
        <v>43</v>
      </c>
      <c r="AC10895" s="5" t="s">
        <v>44</v>
      </c>
      <c r="AD10895" s="2"/>
      <c r="AE10895" s="1"/>
    </row>
    <row r="10896" spans="1:31" ht="14.45">
      <c r="A10896" s="11"/>
      <c r="B10896" s="20"/>
      <c r="C10896" s="2" t="s">
        <v>33484</v>
      </c>
      <c r="D10896" s="14" t="s">
        <v>33485</v>
      </c>
      <c r="E10896" s="2" t="s">
        <v>33486</v>
      </c>
      <c r="F10896" s="2" t="s">
        <v>33217</v>
      </c>
      <c r="G10896" s="8">
        <v>221</v>
      </c>
      <c r="H10896" s="5">
        <v>5</v>
      </c>
      <c r="I10896" s="5" t="s">
        <v>69</v>
      </c>
      <c r="J10896" s="5" t="s">
        <v>27074</v>
      </c>
      <c r="K10896" s="2" t="s">
        <v>27075</v>
      </c>
      <c r="L10896" s="5" t="s">
        <v>27074</v>
      </c>
      <c r="M10896" s="2" t="s">
        <v>27075</v>
      </c>
      <c r="N10896" s="5" t="s">
        <v>24254</v>
      </c>
      <c r="O10896" s="5" t="s">
        <v>38</v>
      </c>
      <c r="P10896" s="5" t="s">
        <v>39</v>
      </c>
      <c r="Q10896" s="5" t="s">
        <v>40</v>
      </c>
      <c r="R10896" s="5" t="s">
        <v>24335</v>
      </c>
      <c r="S10896" s="5" t="s">
        <v>40</v>
      </c>
      <c r="T10896" s="5" t="s">
        <v>42</v>
      </c>
      <c r="U10896" s="2">
        <v>10.473000000000001</v>
      </c>
      <c r="V10896" s="2">
        <v>7.98</v>
      </c>
      <c r="W10896" s="2">
        <v>0.129</v>
      </c>
      <c r="X10896" s="2">
        <v>12</v>
      </c>
      <c r="Y10896" s="2">
        <v>62</v>
      </c>
      <c r="Z10896" s="2">
        <v>172.9</v>
      </c>
      <c r="AA10896" s="5">
        <v>8</v>
      </c>
      <c r="AB10896" s="5" t="s">
        <v>43</v>
      </c>
      <c r="AC10896" s="5" t="s">
        <v>44</v>
      </c>
      <c r="AD10896" s="2" t="s">
        <v>33218</v>
      </c>
      <c r="AE10896" s="1"/>
    </row>
    <row r="10897" spans="1:31" ht="14.45">
      <c r="A10897" s="11"/>
      <c r="B10897" s="20"/>
      <c r="C10897" s="2" t="s">
        <v>33487</v>
      </c>
      <c r="D10897" s="14" t="s">
        <v>33488</v>
      </c>
      <c r="E10897" s="2" t="s">
        <v>33489</v>
      </c>
      <c r="F10897" s="2" t="s">
        <v>33222</v>
      </c>
      <c r="G10897" s="8">
        <v>221</v>
      </c>
      <c r="H10897" s="5">
        <v>5</v>
      </c>
      <c r="I10897" s="5" t="s">
        <v>69</v>
      </c>
      <c r="J10897" s="5" t="s">
        <v>27074</v>
      </c>
      <c r="K10897" s="2" t="s">
        <v>27075</v>
      </c>
      <c r="L10897" s="5" t="s">
        <v>27074</v>
      </c>
      <c r="M10897" s="2" t="s">
        <v>27075</v>
      </c>
      <c r="N10897" s="5" t="s">
        <v>24254</v>
      </c>
      <c r="O10897" s="5" t="s">
        <v>38</v>
      </c>
      <c r="P10897" s="5" t="s">
        <v>39</v>
      </c>
      <c r="Q10897" s="5" t="s">
        <v>40</v>
      </c>
      <c r="R10897" s="5" t="s">
        <v>24335</v>
      </c>
      <c r="S10897" s="5" t="s">
        <v>40</v>
      </c>
      <c r="T10897" s="5" t="s">
        <v>42</v>
      </c>
      <c r="U10897" s="2">
        <v>9.077</v>
      </c>
      <c r="V10897" s="2">
        <v>6.2629999999999999</v>
      </c>
      <c r="W10897" s="2">
        <v>0.14899999999999999</v>
      </c>
      <c r="X10897" s="2">
        <v>12</v>
      </c>
      <c r="Y10897" s="2">
        <v>62</v>
      </c>
      <c r="Z10897" s="2">
        <v>199.7</v>
      </c>
      <c r="AA10897" s="5">
        <v>8</v>
      </c>
      <c r="AB10897" s="5" t="s">
        <v>43</v>
      </c>
      <c r="AC10897" s="5" t="s">
        <v>44</v>
      </c>
      <c r="AD10897" s="2" t="s">
        <v>33218</v>
      </c>
      <c r="AE10897" s="1"/>
    </row>
    <row r="10898" spans="1:31" ht="14.45">
      <c r="A10898" s="11"/>
      <c r="B10898" s="20"/>
      <c r="C10898" s="2" t="s">
        <v>33490</v>
      </c>
      <c r="D10898" s="14" t="s">
        <v>33491</v>
      </c>
      <c r="E10898" s="2" t="s">
        <v>33492</v>
      </c>
      <c r="F10898" s="2" t="s">
        <v>33226</v>
      </c>
      <c r="G10898" s="8">
        <v>221</v>
      </c>
      <c r="H10898" s="5">
        <v>5</v>
      </c>
      <c r="I10898" s="5" t="s">
        <v>69</v>
      </c>
      <c r="J10898" s="5" t="s">
        <v>27074</v>
      </c>
      <c r="K10898" s="2" t="s">
        <v>27075</v>
      </c>
      <c r="L10898" s="5" t="s">
        <v>27074</v>
      </c>
      <c r="M10898" s="2" t="s">
        <v>27075</v>
      </c>
      <c r="N10898" s="5" t="s">
        <v>24254</v>
      </c>
      <c r="O10898" s="5" t="s">
        <v>38</v>
      </c>
      <c r="P10898" s="5" t="s">
        <v>39</v>
      </c>
      <c r="Q10898" s="5" t="s">
        <v>40</v>
      </c>
      <c r="R10898" s="5" t="s">
        <v>24335</v>
      </c>
      <c r="S10898" s="5" t="s">
        <v>40</v>
      </c>
      <c r="T10898" s="5" t="s">
        <v>42</v>
      </c>
      <c r="U10898" s="2">
        <v>7.7670000000000003</v>
      </c>
      <c r="V10898" s="2">
        <v>5.3079999999999998</v>
      </c>
      <c r="W10898" s="2">
        <v>0.129</v>
      </c>
      <c r="X10898" s="2">
        <v>12</v>
      </c>
      <c r="Y10898" s="2">
        <v>62</v>
      </c>
      <c r="Z10898" s="2">
        <v>172.9</v>
      </c>
      <c r="AA10898" s="5">
        <v>8</v>
      </c>
      <c r="AB10898" s="5" t="s">
        <v>43</v>
      </c>
      <c r="AC10898" s="5" t="s">
        <v>44</v>
      </c>
      <c r="AD10898" s="2" t="s">
        <v>33218</v>
      </c>
      <c r="AE10898" s="1"/>
    </row>
    <row r="10899" spans="1:31" ht="14.45">
      <c r="A10899" s="5" t="s">
        <v>116</v>
      </c>
      <c r="B10899" s="21">
        <v>46054</v>
      </c>
      <c r="C10899" s="2" t="s">
        <v>33493</v>
      </c>
      <c r="D10899" s="14" t="s">
        <v>33494</v>
      </c>
      <c r="E10899" s="2" t="s">
        <v>33229</v>
      </c>
      <c r="F10899" s="2" t="s">
        <v>33230</v>
      </c>
      <c r="G10899" s="8">
        <v>442</v>
      </c>
      <c r="H10899" s="5">
        <v>5</v>
      </c>
      <c r="I10899" s="5" t="s">
        <v>69</v>
      </c>
      <c r="J10899" s="5" t="s">
        <v>27074</v>
      </c>
      <c r="K10899" s="2" t="s">
        <v>27075</v>
      </c>
      <c r="L10899" s="5" t="s">
        <v>27074</v>
      </c>
      <c r="M10899" s="2" t="s">
        <v>27075</v>
      </c>
      <c r="N10899" s="5" t="s">
        <v>24254</v>
      </c>
      <c r="O10899" s="5" t="s">
        <v>38</v>
      </c>
      <c r="P10899" s="5" t="s">
        <v>39</v>
      </c>
      <c r="Q10899" s="5" t="s">
        <v>40</v>
      </c>
      <c r="R10899" s="5" t="s">
        <v>1487</v>
      </c>
      <c r="S10899" s="5"/>
      <c r="T10899" s="5" t="s">
        <v>42</v>
      </c>
      <c r="U10899" s="2">
        <v>0</v>
      </c>
      <c r="V10899" s="2">
        <v>0</v>
      </c>
      <c r="W10899" s="2">
        <v>0</v>
      </c>
      <c r="X10899" s="2">
        <v>0</v>
      </c>
      <c r="Y10899" s="2">
        <v>0</v>
      </c>
      <c r="Z10899" s="2">
        <v>0</v>
      </c>
      <c r="AA10899" s="5"/>
      <c r="AB10899" s="5" t="s">
        <v>43</v>
      </c>
      <c r="AC10899" s="5" t="s">
        <v>44</v>
      </c>
      <c r="AD10899" s="2" t="s">
        <v>33231</v>
      </c>
      <c r="AE10899" s="1"/>
    </row>
    <row r="10900" spans="1:31" ht="14.45">
      <c r="A10900" s="11"/>
      <c r="B10900" s="20"/>
      <c r="C10900" s="2" t="s">
        <v>33495</v>
      </c>
      <c r="D10900" s="14" t="s">
        <v>33496</v>
      </c>
      <c r="E10900" s="2" t="s">
        <v>33497</v>
      </c>
      <c r="F10900" s="2" t="s">
        <v>33235</v>
      </c>
      <c r="G10900" s="8">
        <v>793</v>
      </c>
      <c r="H10900" s="5">
        <v>5</v>
      </c>
      <c r="I10900" s="5" t="s">
        <v>69</v>
      </c>
      <c r="J10900" s="5" t="s">
        <v>27074</v>
      </c>
      <c r="K10900" s="2" t="s">
        <v>27075</v>
      </c>
      <c r="L10900" s="5" t="s">
        <v>27074</v>
      </c>
      <c r="M10900" s="2" t="s">
        <v>27075</v>
      </c>
      <c r="N10900" s="5" t="s">
        <v>24254</v>
      </c>
      <c r="O10900" s="5" t="s">
        <v>38</v>
      </c>
      <c r="P10900" s="5" t="s">
        <v>39</v>
      </c>
      <c r="Q10900" s="5" t="s">
        <v>40</v>
      </c>
      <c r="R10900" s="5" t="s">
        <v>1487</v>
      </c>
      <c r="S10900" s="5"/>
      <c r="T10900" s="5" t="s">
        <v>42</v>
      </c>
      <c r="U10900" s="2">
        <v>0</v>
      </c>
      <c r="V10900" s="2">
        <v>0</v>
      </c>
      <c r="W10900" s="2">
        <v>0</v>
      </c>
      <c r="X10900" s="2">
        <v>0</v>
      </c>
      <c r="Y10900" s="2">
        <v>0</v>
      </c>
      <c r="Z10900" s="2">
        <v>0</v>
      </c>
      <c r="AA10900" s="5"/>
      <c r="AB10900" s="5" t="s">
        <v>43</v>
      </c>
      <c r="AC10900" s="5" t="s">
        <v>44</v>
      </c>
      <c r="AD10900" s="2" t="s">
        <v>33236</v>
      </c>
      <c r="AE10900" s="1"/>
    </row>
    <row r="10901" spans="1:31" ht="14.45">
      <c r="A10901" s="11"/>
      <c r="B10901" s="20"/>
      <c r="C10901" s="2" t="s">
        <v>33498</v>
      </c>
      <c r="D10901" s="14" t="s">
        <v>33499</v>
      </c>
      <c r="E10901" s="2" t="s">
        <v>33500</v>
      </c>
      <c r="F10901" s="2" t="s">
        <v>33240</v>
      </c>
      <c r="G10901" s="8">
        <v>793</v>
      </c>
      <c r="H10901" s="5">
        <v>15</v>
      </c>
      <c r="I10901" s="5" t="s">
        <v>69</v>
      </c>
      <c r="J10901" s="5" t="s">
        <v>27074</v>
      </c>
      <c r="K10901" s="2" t="s">
        <v>27075</v>
      </c>
      <c r="L10901" s="5" t="s">
        <v>27074</v>
      </c>
      <c r="M10901" s="2" t="s">
        <v>27075</v>
      </c>
      <c r="N10901" s="5" t="s">
        <v>24254</v>
      </c>
      <c r="O10901" s="5" t="s">
        <v>38</v>
      </c>
      <c r="P10901" s="5" t="s">
        <v>39</v>
      </c>
      <c r="Q10901" s="5" t="s">
        <v>40</v>
      </c>
      <c r="R10901" s="5" t="s">
        <v>1487</v>
      </c>
      <c r="S10901" s="5"/>
      <c r="T10901" s="5" t="s">
        <v>42</v>
      </c>
      <c r="U10901" s="2">
        <v>0</v>
      </c>
      <c r="V10901" s="2">
        <v>0</v>
      </c>
      <c r="W10901" s="2">
        <v>0</v>
      </c>
      <c r="X10901" s="2">
        <v>0</v>
      </c>
      <c r="Y10901" s="2">
        <v>0</v>
      </c>
      <c r="Z10901" s="2">
        <v>0</v>
      </c>
      <c r="AA10901" s="5"/>
      <c r="AB10901" s="5" t="s">
        <v>43</v>
      </c>
      <c r="AC10901" s="5" t="s">
        <v>44</v>
      </c>
      <c r="AD10901" s="2"/>
      <c r="AE10901" s="1"/>
    </row>
    <row r="10902" spans="1:31" ht="14.45">
      <c r="A10902" s="11"/>
      <c r="B10902" s="20"/>
      <c r="C10902" s="2" t="s">
        <v>33501</v>
      </c>
      <c r="D10902" s="14" t="s">
        <v>33502</v>
      </c>
      <c r="E10902" s="2" t="s">
        <v>33503</v>
      </c>
      <c r="F10902" s="2" t="s">
        <v>33217</v>
      </c>
      <c r="G10902" s="8">
        <v>234</v>
      </c>
      <c r="H10902" s="5">
        <v>5</v>
      </c>
      <c r="I10902" s="5" t="s">
        <v>69</v>
      </c>
      <c r="J10902" s="5" t="s">
        <v>27074</v>
      </c>
      <c r="K10902" s="2" t="s">
        <v>27075</v>
      </c>
      <c r="L10902" s="5" t="s">
        <v>27074</v>
      </c>
      <c r="M10902" s="2" t="s">
        <v>27075</v>
      </c>
      <c r="N10902" s="5" t="s">
        <v>24254</v>
      </c>
      <c r="O10902" s="5" t="s">
        <v>38</v>
      </c>
      <c r="P10902" s="5" t="s">
        <v>39</v>
      </c>
      <c r="Q10902" s="5" t="s">
        <v>40</v>
      </c>
      <c r="R10902" s="5" t="s">
        <v>24335</v>
      </c>
      <c r="S10902" s="5" t="s">
        <v>40</v>
      </c>
      <c r="T10902" s="5" t="s">
        <v>42</v>
      </c>
      <c r="U10902" s="2">
        <v>11.234999999999999</v>
      </c>
      <c r="V10902" s="2">
        <v>8.42</v>
      </c>
      <c r="W10902" s="2">
        <v>0.14899999999999999</v>
      </c>
      <c r="X10902" s="2">
        <v>12</v>
      </c>
      <c r="Y10902" s="2">
        <v>62</v>
      </c>
      <c r="Z10902" s="2">
        <v>199.7</v>
      </c>
      <c r="AA10902" s="5">
        <v>8</v>
      </c>
      <c r="AB10902" s="5" t="s">
        <v>43</v>
      </c>
      <c r="AC10902" s="5" t="s">
        <v>44</v>
      </c>
      <c r="AD10902" s="2" t="s">
        <v>33218</v>
      </c>
      <c r="AE10902" s="1"/>
    </row>
    <row r="10903" spans="1:31" ht="14.45">
      <c r="A10903" s="11"/>
      <c r="B10903" s="20"/>
      <c r="C10903" s="2" t="s">
        <v>33504</v>
      </c>
      <c r="D10903" s="14" t="s">
        <v>33505</v>
      </c>
      <c r="E10903" s="2" t="s">
        <v>33506</v>
      </c>
      <c r="F10903" s="2" t="s">
        <v>33222</v>
      </c>
      <c r="G10903" s="8">
        <v>234</v>
      </c>
      <c r="H10903" s="5">
        <v>5</v>
      </c>
      <c r="I10903" s="5" t="s">
        <v>69</v>
      </c>
      <c r="J10903" s="5" t="s">
        <v>27074</v>
      </c>
      <c r="K10903" s="2" t="s">
        <v>27075</v>
      </c>
      <c r="L10903" s="5" t="s">
        <v>27074</v>
      </c>
      <c r="M10903" s="2" t="s">
        <v>27075</v>
      </c>
      <c r="N10903" s="5" t="s">
        <v>24254</v>
      </c>
      <c r="O10903" s="5" t="s">
        <v>38</v>
      </c>
      <c r="P10903" s="5" t="s">
        <v>39</v>
      </c>
      <c r="Q10903" s="5" t="s">
        <v>40</v>
      </c>
      <c r="R10903" s="5" t="s">
        <v>24335</v>
      </c>
      <c r="S10903" s="5" t="s">
        <v>40</v>
      </c>
      <c r="T10903" s="5" t="s">
        <v>42</v>
      </c>
      <c r="U10903" s="2">
        <v>9.4420000000000002</v>
      </c>
      <c r="V10903" s="2">
        <v>6.6280000000000001</v>
      </c>
      <c r="W10903" s="2">
        <v>0.14899999999999999</v>
      </c>
      <c r="X10903" s="2">
        <v>12</v>
      </c>
      <c r="Y10903" s="2">
        <v>62</v>
      </c>
      <c r="Z10903" s="2">
        <v>199.7</v>
      </c>
      <c r="AA10903" s="5">
        <v>8</v>
      </c>
      <c r="AB10903" s="5" t="s">
        <v>43</v>
      </c>
      <c r="AC10903" s="5" t="s">
        <v>44</v>
      </c>
      <c r="AD10903" s="2" t="s">
        <v>33218</v>
      </c>
      <c r="AE10903" s="1"/>
    </row>
    <row r="10904" spans="1:31" ht="14.45">
      <c r="A10904" s="11"/>
      <c r="B10904" s="20"/>
      <c r="C10904" s="2" t="s">
        <v>33507</v>
      </c>
      <c r="D10904" s="14" t="s">
        <v>33508</v>
      </c>
      <c r="E10904" s="2" t="s">
        <v>33509</v>
      </c>
      <c r="F10904" s="2" t="s">
        <v>33226</v>
      </c>
      <c r="G10904" s="8">
        <v>234</v>
      </c>
      <c r="H10904" s="5">
        <v>5</v>
      </c>
      <c r="I10904" s="5" t="s">
        <v>69</v>
      </c>
      <c r="J10904" s="5" t="s">
        <v>27074</v>
      </c>
      <c r="K10904" s="2" t="s">
        <v>27075</v>
      </c>
      <c r="L10904" s="5" t="s">
        <v>27074</v>
      </c>
      <c r="M10904" s="2" t="s">
        <v>27075</v>
      </c>
      <c r="N10904" s="5" t="s">
        <v>24254</v>
      </c>
      <c r="O10904" s="5" t="s">
        <v>38</v>
      </c>
      <c r="P10904" s="5" t="s">
        <v>39</v>
      </c>
      <c r="Q10904" s="5" t="s">
        <v>40</v>
      </c>
      <c r="R10904" s="5" t="s">
        <v>24335</v>
      </c>
      <c r="S10904" s="5" t="s">
        <v>40</v>
      </c>
      <c r="T10904" s="5" t="s">
        <v>42</v>
      </c>
      <c r="U10904" s="2">
        <v>8.4060000000000006</v>
      </c>
      <c r="V10904" s="2">
        <v>5.625</v>
      </c>
      <c r="W10904" s="2">
        <v>0.14899999999999999</v>
      </c>
      <c r="X10904" s="2">
        <v>12</v>
      </c>
      <c r="Y10904" s="2">
        <v>62</v>
      </c>
      <c r="Z10904" s="2">
        <v>199.7</v>
      </c>
      <c r="AA10904" s="5">
        <v>8</v>
      </c>
      <c r="AB10904" s="5" t="s">
        <v>43</v>
      </c>
      <c r="AC10904" s="5" t="s">
        <v>44</v>
      </c>
      <c r="AD10904" s="2" t="s">
        <v>33218</v>
      </c>
      <c r="AE10904" s="1"/>
    </row>
    <row r="10905" spans="1:31" ht="14.45">
      <c r="A10905" s="5" t="s">
        <v>116</v>
      </c>
      <c r="B10905" s="21">
        <v>46054</v>
      </c>
      <c r="C10905" s="2" t="s">
        <v>33510</v>
      </c>
      <c r="D10905" s="14" t="s">
        <v>33511</v>
      </c>
      <c r="E10905" s="2" t="s">
        <v>33229</v>
      </c>
      <c r="F10905" s="2" t="s">
        <v>33230</v>
      </c>
      <c r="G10905" s="8">
        <v>468</v>
      </c>
      <c r="H10905" s="5">
        <v>5</v>
      </c>
      <c r="I10905" s="5" t="s">
        <v>69</v>
      </c>
      <c r="J10905" s="5" t="s">
        <v>27074</v>
      </c>
      <c r="K10905" s="2" t="s">
        <v>27075</v>
      </c>
      <c r="L10905" s="5" t="s">
        <v>27074</v>
      </c>
      <c r="M10905" s="2" t="s">
        <v>27075</v>
      </c>
      <c r="N10905" s="5" t="s">
        <v>24254</v>
      </c>
      <c r="O10905" s="5" t="s">
        <v>38</v>
      </c>
      <c r="P10905" s="5" t="s">
        <v>39</v>
      </c>
      <c r="Q10905" s="5" t="s">
        <v>40</v>
      </c>
      <c r="R10905" s="5" t="s">
        <v>1487</v>
      </c>
      <c r="S10905" s="5"/>
      <c r="T10905" s="5" t="s">
        <v>42</v>
      </c>
      <c r="U10905" s="2">
        <v>0</v>
      </c>
      <c r="V10905" s="2">
        <v>0</v>
      </c>
      <c r="W10905" s="2">
        <v>0</v>
      </c>
      <c r="X10905" s="2">
        <v>0</v>
      </c>
      <c r="Y10905" s="2">
        <v>0</v>
      </c>
      <c r="Z10905" s="2">
        <v>0</v>
      </c>
      <c r="AA10905" s="5"/>
      <c r="AB10905" s="5" t="s">
        <v>43</v>
      </c>
      <c r="AC10905" s="5" t="s">
        <v>44</v>
      </c>
      <c r="AD10905" s="2" t="s">
        <v>33231</v>
      </c>
      <c r="AE10905" s="1"/>
    </row>
    <row r="10906" spans="1:31" ht="14.45">
      <c r="A10906" s="11"/>
      <c r="B10906" s="20"/>
      <c r="C10906" s="2" t="s">
        <v>33512</v>
      </c>
      <c r="D10906" s="14" t="s">
        <v>33513</v>
      </c>
      <c r="E10906" s="2" t="s">
        <v>33514</v>
      </c>
      <c r="F10906" s="2" t="s">
        <v>33235</v>
      </c>
      <c r="G10906" s="8">
        <v>829</v>
      </c>
      <c r="H10906" s="5">
        <v>5</v>
      </c>
      <c r="I10906" s="5" t="s">
        <v>69</v>
      </c>
      <c r="J10906" s="5" t="s">
        <v>27074</v>
      </c>
      <c r="K10906" s="2" t="s">
        <v>27075</v>
      </c>
      <c r="L10906" s="5" t="s">
        <v>27074</v>
      </c>
      <c r="M10906" s="2" t="s">
        <v>27075</v>
      </c>
      <c r="N10906" s="5" t="s">
        <v>24254</v>
      </c>
      <c r="O10906" s="5" t="s">
        <v>38</v>
      </c>
      <c r="P10906" s="5" t="s">
        <v>39</v>
      </c>
      <c r="Q10906" s="5" t="s">
        <v>40</v>
      </c>
      <c r="R10906" s="5" t="s">
        <v>1487</v>
      </c>
      <c r="S10906" s="5"/>
      <c r="T10906" s="5" t="s">
        <v>42</v>
      </c>
      <c r="U10906" s="2">
        <v>0</v>
      </c>
      <c r="V10906" s="2">
        <v>0</v>
      </c>
      <c r="W10906" s="2">
        <v>0</v>
      </c>
      <c r="X10906" s="2">
        <v>0</v>
      </c>
      <c r="Y10906" s="2">
        <v>0</v>
      </c>
      <c r="Z10906" s="2">
        <v>0</v>
      </c>
      <c r="AA10906" s="5"/>
      <c r="AB10906" s="5" t="s">
        <v>43</v>
      </c>
      <c r="AC10906" s="5" t="s">
        <v>44</v>
      </c>
      <c r="AD10906" s="2" t="s">
        <v>33236</v>
      </c>
      <c r="AE10906" s="1"/>
    </row>
    <row r="10907" spans="1:31" ht="14.45">
      <c r="A10907" s="11"/>
      <c r="B10907" s="20"/>
      <c r="C10907" s="2" t="s">
        <v>33515</v>
      </c>
      <c r="D10907" s="14" t="s">
        <v>33516</v>
      </c>
      <c r="E10907" s="2" t="s">
        <v>33517</v>
      </c>
      <c r="F10907" s="2" t="s">
        <v>33240</v>
      </c>
      <c r="G10907" s="8">
        <v>829</v>
      </c>
      <c r="H10907" s="5">
        <v>15</v>
      </c>
      <c r="I10907" s="5" t="s">
        <v>69</v>
      </c>
      <c r="J10907" s="5" t="s">
        <v>27074</v>
      </c>
      <c r="K10907" s="2" t="s">
        <v>27075</v>
      </c>
      <c r="L10907" s="5" t="s">
        <v>27074</v>
      </c>
      <c r="M10907" s="2" t="s">
        <v>27075</v>
      </c>
      <c r="N10907" s="5" t="s">
        <v>24254</v>
      </c>
      <c r="O10907" s="5" t="s">
        <v>38</v>
      </c>
      <c r="P10907" s="5" t="s">
        <v>39</v>
      </c>
      <c r="Q10907" s="5" t="s">
        <v>40</v>
      </c>
      <c r="R10907" s="5" t="s">
        <v>1487</v>
      </c>
      <c r="S10907" s="5"/>
      <c r="T10907" s="5" t="s">
        <v>42</v>
      </c>
      <c r="U10907" s="2">
        <v>0</v>
      </c>
      <c r="V10907" s="2">
        <v>0</v>
      </c>
      <c r="W10907" s="2">
        <v>0</v>
      </c>
      <c r="X10907" s="2">
        <v>0</v>
      </c>
      <c r="Y10907" s="2">
        <v>0</v>
      </c>
      <c r="Z10907" s="2">
        <v>0</v>
      </c>
      <c r="AA10907" s="5"/>
      <c r="AB10907" s="5" t="s">
        <v>43</v>
      </c>
      <c r="AC10907" s="5" t="s">
        <v>44</v>
      </c>
      <c r="AD10907" s="2"/>
      <c r="AE10907" s="1"/>
    </row>
    <row r="10908" spans="1:31" ht="14.45">
      <c r="A10908" s="11"/>
      <c r="B10908" s="20"/>
      <c r="C10908" s="2" t="s">
        <v>33518</v>
      </c>
      <c r="D10908" s="14" t="s">
        <v>33519</v>
      </c>
      <c r="E10908" s="2" t="s">
        <v>33520</v>
      </c>
      <c r="F10908" s="2" t="s">
        <v>33217</v>
      </c>
      <c r="G10908" s="8">
        <v>221</v>
      </c>
      <c r="H10908" s="5">
        <v>5</v>
      </c>
      <c r="I10908" s="5" t="s">
        <v>69</v>
      </c>
      <c r="J10908" s="5" t="s">
        <v>27074</v>
      </c>
      <c r="K10908" s="2" t="s">
        <v>27075</v>
      </c>
      <c r="L10908" s="5" t="s">
        <v>27074</v>
      </c>
      <c r="M10908" s="2" t="s">
        <v>27075</v>
      </c>
      <c r="N10908" s="5" t="s">
        <v>24254</v>
      </c>
      <c r="O10908" s="5" t="s">
        <v>38</v>
      </c>
      <c r="P10908" s="5" t="s">
        <v>39</v>
      </c>
      <c r="Q10908" s="5" t="s">
        <v>40</v>
      </c>
      <c r="R10908" s="5" t="s">
        <v>24335</v>
      </c>
      <c r="S10908" s="5" t="s">
        <v>40</v>
      </c>
      <c r="T10908" s="5" t="s">
        <v>42</v>
      </c>
      <c r="U10908" s="2">
        <v>10.957000000000001</v>
      </c>
      <c r="V10908" s="2">
        <v>8.1419999999999995</v>
      </c>
      <c r="W10908" s="2">
        <v>0.14899999999999999</v>
      </c>
      <c r="X10908" s="2">
        <v>12</v>
      </c>
      <c r="Y10908" s="2">
        <v>62</v>
      </c>
      <c r="Z10908" s="2">
        <v>199.7</v>
      </c>
      <c r="AA10908" s="5">
        <v>8</v>
      </c>
      <c r="AB10908" s="5" t="s">
        <v>43</v>
      </c>
      <c r="AC10908" s="5" t="s">
        <v>44</v>
      </c>
      <c r="AD10908" s="2" t="s">
        <v>33218</v>
      </c>
      <c r="AE10908" s="1"/>
    </row>
    <row r="10909" spans="1:31" ht="14.45">
      <c r="A10909" s="11"/>
      <c r="B10909" s="20"/>
      <c r="C10909" s="2" t="s">
        <v>33521</v>
      </c>
      <c r="D10909" s="14" t="s">
        <v>33522</v>
      </c>
      <c r="E10909" s="2" t="s">
        <v>33523</v>
      </c>
      <c r="F10909" s="2" t="s">
        <v>33222</v>
      </c>
      <c r="G10909" s="8">
        <v>221</v>
      </c>
      <c r="H10909" s="5">
        <v>5</v>
      </c>
      <c r="I10909" s="5" t="s">
        <v>69</v>
      </c>
      <c r="J10909" s="5" t="s">
        <v>27074</v>
      </c>
      <c r="K10909" s="2" t="s">
        <v>27075</v>
      </c>
      <c r="L10909" s="5" t="s">
        <v>27074</v>
      </c>
      <c r="M10909" s="2" t="s">
        <v>27075</v>
      </c>
      <c r="N10909" s="5" t="s">
        <v>24254</v>
      </c>
      <c r="O10909" s="5" t="s">
        <v>38</v>
      </c>
      <c r="P10909" s="5" t="s">
        <v>39</v>
      </c>
      <c r="Q10909" s="5" t="s">
        <v>40</v>
      </c>
      <c r="R10909" s="5" t="s">
        <v>24335</v>
      </c>
      <c r="S10909" s="5" t="s">
        <v>40</v>
      </c>
      <c r="T10909" s="5" t="s">
        <v>42</v>
      </c>
      <c r="U10909" s="2">
        <v>9.2070000000000007</v>
      </c>
      <c r="V10909" s="2">
        <v>6.3929999999999998</v>
      </c>
      <c r="W10909" s="2">
        <v>0.14899999999999999</v>
      </c>
      <c r="X10909" s="2">
        <v>12</v>
      </c>
      <c r="Y10909" s="2">
        <v>62</v>
      </c>
      <c r="Z10909" s="2">
        <v>199.7</v>
      </c>
      <c r="AA10909" s="5">
        <v>8</v>
      </c>
      <c r="AB10909" s="5" t="s">
        <v>43</v>
      </c>
      <c r="AC10909" s="5" t="s">
        <v>44</v>
      </c>
      <c r="AD10909" s="2" t="s">
        <v>33218</v>
      </c>
      <c r="AE10909" s="1"/>
    </row>
    <row r="10910" spans="1:31" ht="14.45">
      <c r="A10910" s="11"/>
      <c r="B10910" s="20"/>
      <c r="C10910" s="2" t="s">
        <v>33524</v>
      </c>
      <c r="D10910" s="14" t="s">
        <v>33525</v>
      </c>
      <c r="E10910" s="2" t="s">
        <v>33526</v>
      </c>
      <c r="F10910" s="2" t="s">
        <v>33226</v>
      </c>
      <c r="G10910" s="8">
        <v>221</v>
      </c>
      <c r="H10910" s="5">
        <v>5</v>
      </c>
      <c r="I10910" s="5" t="s">
        <v>69</v>
      </c>
      <c r="J10910" s="5" t="s">
        <v>27074</v>
      </c>
      <c r="K10910" s="2" t="s">
        <v>27075</v>
      </c>
      <c r="L10910" s="5" t="s">
        <v>27074</v>
      </c>
      <c r="M10910" s="2" t="s">
        <v>27075</v>
      </c>
      <c r="N10910" s="5" t="s">
        <v>24254</v>
      </c>
      <c r="O10910" s="5" t="s">
        <v>38</v>
      </c>
      <c r="P10910" s="5" t="s">
        <v>39</v>
      </c>
      <c r="Q10910" s="5" t="s">
        <v>40</v>
      </c>
      <c r="R10910" s="5" t="s">
        <v>24335</v>
      </c>
      <c r="S10910" s="5" t="s">
        <v>40</v>
      </c>
      <c r="T10910" s="5" t="s">
        <v>42</v>
      </c>
      <c r="U10910" s="2">
        <v>8.1929999999999996</v>
      </c>
      <c r="V10910" s="2">
        <v>5.4119999999999999</v>
      </c>
      <c r="W10910" s="2">
        <v>0.14899999999999999</v>
      </c>
      <c r="X10910" s="2">
        <v>12</v>
      </c>
      <c r="Y10910" s="2">
        <v>62</v>
      </c>
      <c r="Z10910" s="2">
        <v>199.7</v>
      </c>
      <c r="AA10910" s="5">
        <v>8</v>
      </c>
      <c r="AB10910" s="5" t="s">
        <v>43</v>
      </c>
      <c r="AC10910" s="5" t="s">
        <v>44</v>
      </c>
      <c r="AD10910" s="2" t="s">
        <v>33218</v>
      </c>
      <c r="AE10910" s="1"/>
    </row>
    <row r="10911" spans="1:31" ht="14.45">
      <c r="A10911" s="5" t="s">
        <v>116</v>
      </c>
      <c r="B10911" s="21">
        <v>46054</v>
      </c>
      <c r="C10911" s="2" t="s">
        <v>33527</v>
      </c>
      <c r="D10911" s="14" t="s">
        <v>33528</v>
      </c>
      <c r="E10911" s="2" t="s">
        <v>33229</v>
      </c>
      <c r="F10911" s="2" t="s">
        <v>33230</v>
      </c>
      <c r="G10911" s="8">
        <v>442</v>
      </c>
      <c r="H10911" s="5">
        <v>5</v>
      </c>
      <c r="I10911" s="5" t="s">
        <v>69</v>
      </c>
      <c r="J10911" s="5" t="s">
        <v>27074</v>
      </c>
      <c r="K10911" s="2" t="s">
        <v>27075</v>
      </c>
      <c r="L10911" s="5" t="s">
        <v>27074</v>
      </c>
      <c r="M10911" s="2" t="s">
        <v>27075</v>
      </c>
      <c r="N10911" s="5" t="s">
        <v>24254</v>
      </c>
      <c r="O10911" s="5" t="s">
        <v>38</v>
      </c>
      <c r="P10911" s="5" t="s">
        <v>39</v>
      </c>
      <c r="Q10911" s="5" t="s">
        <v>40</v>
      </c>
      <c r="R10911" s="5" t="s">
        <v>1487</v>
      </c>
      <c r="S10911" s="5"/>
      <c r="T10911" s="5" t="s">
        <v>42</v>
      </c>
      <c r="U10911" s="2">
        <v>0</v>
      </c>
      <c r="V10911" s="2">
        <v>0</v>
      </c>
      <c r="W10911" s="2">
        <v>0</v>
      </c>
      <c r="X10911" s="2">
        <v>0</v>
      </c>
      <c r="Y10911" s="2">
        <v>0</v>
      </c>
      <c r="Z10911" s="2">
        <v>0</v>
      </c>
      <c r="AA10911" s="5"/>
      <c r="AB10911" s="5" t="s">
        <v>43</v>
      </c>
      <c r="AC10911" s="5" t="s">
        <v>44</v>
      </c>
      <c r="AD10911" s="2" t="s">
        <v>33231</v>
      </c>
      <c r="AE10911" s="1"/>
    </row>
    <row r="10912" spans="1:31" ht="14.45">
      <c r="A10912" s="11"/>
      <c r="B10912" s="20"/>
      <c r="C10912" s="2" t="s">
        <v>33529</v>
      </c>
      <c r="D10912" s="14" t="s">
        <v>33530</v>
      </c>
      <c r="E10912" s="2" t="s">
        <v>33531</v>
      </c>
      <c r="F10912" s="2" t="s">
        <v>33235</v>
      </c>
      <c r="G10912" s="8">
        <v>841</v>
      </c>
      <c r="H10912" s="5">
        <v>5</v>
      </c>
      <c r="I10912" s="5" t="s">
        <v>69</v>
      </c>
      <c r="J10912" s="5" t="s">
        <v>27074</v>
      </c>
      <c r="K10912" s="2" t="s">
        <v>27075</v>
      </c>
      <c r="L10912" s="5" t="s">
        <v>27074</v>
      </c>
      <c r="M10912" s="2" t="s">
        <v>27075</v>
      </c>
      <c r="N10912" s="5" t="s">
        <v>24254</v>
      </c>
      <c r="O10912" s="5" t="s">
        <v>38</v>
      </c>
      <c r="P10912" s="5" t="s">
        <v>39</v>
      </c>
      <c r="Q10912" s="5" t="s">
        <v>40</v>
      </c>
      <c r="R10912" s="5" t="s">
        <v>1487</v>
      </c>
      <c r="S10912" s="5"/>
      <c r="T10912" s="5" t="s">
        <v>42</v>
      </c>
      <c r="U10912" s="2">
        <v>0</v>
      </c>
      <c r="V10912" s="2">
        <v>0</v>
      </c>
      <c r="W10912" s="2">
        <v>0</v>
      </c>
      <c r="X10912" s="2">
        <v>0</v>
      </c>
      <c r="Y10912" s="2">
        <v>0</v>
      </c>
      <c r="Z10912" s="2">
        <v>0</v>
      </c>
      <c r="AA10912" s="5"/>
      <c r="AB10912" s="5" t="s">
        <v>43</v>
      </c>
      <c r="AC10912" s="5" t="s">
        <v>44</v>
      </c>
      <c r="AD10912" s="2" t="s">
        <v>33236</v>
      </c>
      <c r="AE10912" s="1"/>
    </row>
    <row r="10913" spans="1:31" ht="14.45">
      <c r="A10913" s="11"/>
      <c r="B10913" s="20"/>
      <c r="C10913" s="2" t="s">
        <v>33532</v>
      </c>
      <c r="D10913" s="14" t="s">
        <v>33533</v>
      </c>
      <c r="E10913" s="2" t="s">
        <v>33534</v>
      </c>
      <c r="F10913" s="2" t="s">
        <v>33240</v>
      </c>
      <c r="G10913" s="8">
        <v>841</v>
      </c>
      <c r="H10913" s="5">
        <v>15</v>
      </c>
      <c r="I10913" s="5" t="s">
        <v>69</v>
      </c>
      <c r="J10913" s="5" t="s">
        <v>27074</v>
      </c>
      <c r="K10913" s="2" t="s">
        <v>27075</v>
      </c>
      <c r="L10913" s="5" t="s">
        <v>27074</v>
      </c>
      <c r="M10913" s="2" t="s">
        <v>27075</v>
      </c>
      <c r="N10913" s="5" t="s">
        <v>24254</v>
      </c>
      <c r="O10913" s="5" t="s">
        <v>38</v>
      </c>
      <c r="P10913" s="5" t="s">
        <v>39</v>
      </c>
      <c r="Q10913" s="5" t="s">
        <v>40</v>
      </c>
      <c r="R10913" s="5" t="s">
        <v>1487</v>
      </c>
      <c r="S10913" s="5"/>
      <c r="T10913" s="5" t="s">
        <v>42</v>
      </c>
      <c r="U10913" s="2">
        <v>0</v>
      </c>
      <c r="V10913" s="2">
        <v>0</v>
      </c>
      <c r="W10913" s="2">
        <v>0</v>
      </c>
      <c r="X10913" s="2">
        <v>0</v>
      </c>
      <c r="Y10913" s="2">
        <v>0</v>
      </c>
      <c r="Z10913" s="2">
        <v>0</v>
      </c>
      <c r="AA10913" s="5"/>
      <c r="AB10913" s="5" t="s">
        <v>43</v>
      </c>
      <c r="AC10913" s="5" t="s">
        <v>44</v>
      </c>
      <c r="AD10913" s="2"/>
      <c r="AE10913" s="1"/>
    </row>
    <row r="10914" spans="1:31" ht="14.45">
      <c r="A10914" s="11"/>
      <c r="B10914" s="20"/>
      <c r="C10914" s="2" t="s">
        <v>33535</v>
      </c>
      <c r="D10914" s="14" t="s">
        <v>33536</v>
      </c>
      <c r="E10914" s="2" t="s">
        <v>33537</v>
      </c>
      <c r="F10914" s="2" t="s">
        <v>33217</v>
      </c>
      <c r="G10914" s="8">
        <v>227</v>
      </c>
      <c r="H10914" s="5">
        <v>5</v>
      </c>
      <c r="I10914" s="5" t="s">
        <v>69</v>
      </c>
      <c r="J10914" s="5" t="s">
        <v>27074</v>
      </c>
      <c r="K10914" s="2" t="s">
        <v>27075</v>
      </c>
      <c r="L10914" s="5" t="s">
        <v>27074</v>
      </c>
      <c r="M10914" s="2" t="s">
        <v>27075</v>
      </c>
      <c r="N10914" s="5" t="s">
        <v>24254</v>
      </c>
      <c r="O10914" s="5" t="s">
        <v>38</v>
      </c>
      <c r="P10914" s="5" t="s">
        <v>39</v>
      </c>
      <c r="Q10914" s="5" t="s">
        <v>40</v>
      </c>
      <c r="R10914" s="5" t="s">
        <v>24335</v>
      </c>
      <c r="S10914" s="5" t="s">
        <v>40</v>
      </c>
      <c r="T10914" s="5" t="s">
        <v>42</v>
      </c>
      <c r="U10914" s="2">
        <v>11.426</v>
      </c>
      <c r="V10914" s="2">
        <v>8.6110000000000007</v>
      </c>
      <c r="W10914" s="2">
        <v>0.14899999999999999</v>
      </c>
      <c r="X10914" s="2">
        <v>12</v>
      </c>
      <c r="Y10914" s="2">
        <v>62</v>
      </c>
      <c r="Z10914" s="2">
        <v>199.7</v>
      </c>
      <c r="AA10914" s="5">
        <v>8</v>
      </c>
      <c r="AB10914" s="5" t="s">
        <v>43</v>
      </c>
      <c r="AC10914" s="5" t="s">
        <v>44</v>
      </c>
      <c r="AD10914" s="2" t="s">
        <v>33218</v>
      </c>
      <c r="AE10914" s="1"/>
    </row>
    <row r="10915" spans="1:31" ht="14.45">
      <c r="A10915" s="11"/>
      <c r="B10915" s="20"/>
      <c r="C10915" s="2" t="s">
        <v>33538</v>
      </c>
      <c r="D10915" s="14" t="s">
        <v>33539</v>
      </c>
      <c r="E10915" s="2" t="s">
        <v>33540</v>
      </c>
      <c r="F10915" s="2" t="s">
        <v>33222</v>
      </c>
      <c r="G10915" s="8">
        <v>227</v>
      </c>
      <c r="H10915" s="5">
        <v>5</v>
      </c>
      <c r="I10915" s="5" t="s">
        <v>69</v>
      </c>
      <c r="J10915" s="5" t="s">
        <v>27074</v>
      </c>
      <c r="K10915" s="2" t="s">
        <v>27075</v>
      </c>
      <c r="L10915" s="5" t="s">
        <v>27074</v>
      </c>
      <c r="M10915" s="2" t="s">
        <v>27075</v>
      </c>
      <c r="N10915" s="5" t="s">
        <v>24254</v>
      </c>
      <c r="O10915" s="5" t="s">
        <v>38</v>
      </c>
      <c r="P10915" s="5" t="s">
        <v>39</v>
      </c>
      <c r="Q10915" s="5" t="s">
        <v>40</v>
      </c>
      <c r="R10915" s="5" t="s">
        <v>24335</v>
      </c>
      <c r="S10915" s="5" t="s">
        <v>40</v>
      </c>
      <c r="T10915" s="5" t="s">
        <v>42</v>
      </c>
      <c r="U10915" s="2">
        <v>9.5969999999999995</v>
      </c>
      <c r="V10915" s="2">
        <v>6.7830000000000004</v>
      </c>
      <c r="W10915" s="2">
        <v>0.14899999999999999</v>
      </c>
      <c r="X10915" s="2">
        <v>12</v>
      </c>
      <c r="Y10915" s="2">
        <v>62</v>
      </c>
      <c r="Z10915" s="2">
        <v>199.7</v>
      </c>
      <c r="AA10915" s="5">
        <v>8</v>
      </c>
      <c r="AB10915" s="5" t="s">
        <v>43</v>
      </c>
      <c r="AC10915" s="5" t="s">
        <v>44</v>
      </c>
      <c r="AD10915" s="2" t="s">
        <v>33218</v>
      </c>
      <c r="AE10915" s="1"/>
    </row>
    <row r="10916" spans="1:31" ht="14.45">
      <c r="A10916" s="11"/>
      <c r="B10916" s="20"/>
      <c r="C10916" s="2" t="s">
        <v>33541</v>
      </c>
      <c r="D10916" s="14" t="s">
        <v>33542</v>
      </c>
      <c r="E10916" s="2" t="s">
        <v>33543</v>
      </c>
      <c r="F10916" s="2" t="s">
        <v>33226</v>
      </c>
      <c r="G10916" s="8">
        <v>227</v>
      </c>
      <c r="H10916" s="5">
        <v>5</v>
      </c>
      <c r="I10916" s="5" t="s">
        <v>69</v>
      </c>
      <c r="J10916" s="5" t="s">
        <v>27074</v>
      </c>
      <c r="K10916" s="2" t="s">
        <v>27075</v>
      </c>
      <c r="L10916" s="5" t="s">
        <v>27074</v>
      </c>
      <c r="M10916" s="2" t="s">
        <v>27075</v>
      </c>
      <c r="N10916" s="5" t="s">
        <v>24254</v>
      </c>
      <c r="O10916" s="5" t="s">
        <v>38</v>
      </c>
      <c r="P10916" s="5" t="s">
        <v>39</v>
      </c>
      <c r="Q10916" s="5" t="s">
        <v>40</v>
      </c>
      <c r="R10916" s="5" t="s">
        <v>24335</v>
      </c>
      <c r="S10916" s="5" t="s">
        <v>40</v>
      </c>
      <c r="T10916" s="5" t="s">
        <v>42</v>
      </c>
      <c r="U10916" s="2">
        <v>8.5289999999999999</v>
      </c>
      <c r="V10916" s="2">
        <v>5.7480000000000002</v>
      </c>
      <c r="W10916" s="2">
        <v>0.14899999999999999</v>
      </c>
      <c r="X10916" s="2">
        <v>12</v>
      </c>
      <c r="Y10916" s="2">
        <v>62</v>
      </c>
      <c r="Z10916" s="2">
        <v>199.7</v>
      </c>
      <c r="AA10916" s="5">
        <v>8</v>
      </c>
      <c r="AB10916" s="5" t="s">
        <v>43</v>
      </c>
      <c r="AC10916" s="5" t="s">
        <v>44</v>
      </c>
      <c r="AD10916" s="2" t="s">
        <v>33218</v>
      </c>
      <c r="AE10916" s="1"/>
    </row>
    <row r="10917" spans="1:31" ht="14.45">
      <c r="A10917" s="5" t="s">
        <v>116</v>
      </c>
      <c r="B10917" s="21">
        <v>46054</v>
      </c>
      <c r="C10917" s="2" t="s">
        <v>33544</v>
      </c>
      <c r="D10917" s="14" t="s">
        <v>33545</v>
      </c>
      <c r="E10917" s="2" t="s">
        <v>33229</v>
      </c>
      <c r="F10917" s="2" t="s">
        <v>33230</v>
      </c>
      <c r="G10917" s="8">
        <v>454</v>
      </c>
      <c r="H10917" s="5">
        <v>5</v>
      </c>
      <c r="I10917" s="5" t="s">
        <v>69</v>
      </c>
      <c r="J10917" s="5" t="s">
        <v>27074</v>
      </c>
      <c r="K10917" s="2" t="s">
        <v>27075</v>
      </c>
      <c r="L10917" s="5" t="s">
        <v>27074</v>
      </c>
      <c r="M10917" s="2" t="s">
        <v>27075</v>
      </c>
      <c r="N10917" s="5" t="s">
        <v>24254</v>
      </c>
      <c r="O10917" s="5" t="s">
        <v>38</v>
      </c>
      <c r="P10917" s="5" t="s">
        <v>39</v>
      </c>
      <c r="Q10917" s="5" t="s">
        <v>40</v>
      </c>
      <c r="R10917" s="5" t="s">
        <v>1487</v>
      </c>
      <c r="S10917" s="5"/>
      <c r="T10917" s="5" t="s">
        <v>42</v>
      </c>
      <c r="U10917" s="2">
        <v>0</v>
      </c>
      <c r="V10917" s="2">
        <v>0</v>
      </c>
      <c r="W10917" s="2">
        <v>0</v>
      </c>
      <c r="X10917" s="2">
        <v>0</v>
      </c>
      <c r="Y10917" s="2">
        <v>0</v>
      </c>
      <c r="Z10917" s="2">
        <v>0</v>
      </c>
      <c r="AA10917" s="5"/>
      <c r="AB10917" s="5" t="s">
        <v>43</v>
      </c>
      <c r="AC10917" s="5" t="s">
        <v>44</v>
      </c>
      <c r="AD10917" s="2" t="s">
        <v>33231</v>
      </c>
      <c r="AE10917" s="1"/>
    </row>
    <row r="10918" spans="1:31" ht="14.45">
      <c r="A10918" s="11"/>
      <c r="B10918" s="20"/>
      <c r="C10918" s="2" t="s">
        <v>33546</v>
      </c>
      <c r="D10918" s="14" t="s">
        <v>33547</v>
      </c>
      <c r="E10918" s="2" t="s">
        <v>33548</v>
      </c>
      <c r="F10918" s="2" t="s">
        <v>33235</v>
      </c>
      <c r="G10918" s="8">
        <v>855</v>
      </c>
      <c r="H10918" s="5">
        <v>5</v>
      </c>
      <c r="I10918" s="5" t="s">
        <v>69</v>
      </c>
      <c r="J10918" s="5" t="s">
        <v>27074</v>
      </c>
      <c r="K10918" s="2" t="s">
        <v>27075</v>
      </c>
      <c r="L10918" s="5" t="s">
        <v>27074</v>
      </c>
      <c r="M10918" s="2" t="s">
        <v>27075</v>
      </c>
      <c r="N10918" s="5" t="s">
        <v>24254</v>
      </c>
      <c r="O10918" s="5" t="s">
        <v>38</v>
      </c>
      <c r="P10918" s="5" t="s">
        <v>39</v>
      </c>
      <c r="Q10918" s="5" t="s">
        <v>40</v>
      </c>
      <c r="R10918" s="5" t="s">
        <v>1487</v>
      </c>
      <c r="S10918" s="5"/>
      <c r="T10918" s="5" t="s">
        <v>42</v>
      </c>
      <c r="U10918" s="2">
        <v>0</v>
      </c>
      <c r="V10918" s="2">
        <v>0</v>
      </c>
      <c r="W10918" s="2">
        <v>0</v>
      </c>
      <c r="X10918" s="2">
        <v>0</v>
      </c>
      <c r="Y10918" s="2">
        <v>0</v>
      </c>
      <c r="Z10918" s="2">
        <v>0</v>
      </c>
      <c r="AA10918" s="5"/>
      <c r="AB10918" s="5" t="s">
        <v>43</v>
      </c>
      <c r="AC10918" s="5" t="s">
        <v>44</v>
      </c>
      <c r="AD10918" s="2" t="s">
        <v>33236</v>
      </c>
      <c r="AE10918" s="1"/>
    </row>
    <row r="10919" spans="1:31" ht="14.45">
      <c r="A10919" s="11"/>
      <c r="B10919" s="20"/>
      <c r="C10919" s="2" t="s">
        <v>33549</v>
      </c>
      <c r="D10919" s="14" t="s">
        <v>33550</v>
      </c>
      <c r="E10919" s="2" t="s">
        <v>33551</v>
      </c>
      <c r="F10919" s="2" t="s">
        <v>33240</v>
      </c>
      <c r="G10919" s="8">
        <v>855</v>
      </c>
      <c r="H10919" s="5">
        <v>15</v>
      </c>
      <c r="I10919" s="5" t="s">
        <v>69</v>
      </c>
      <c r="J10919" s="5" t="s">
        <v>27074</v>
      </c>
      <c r="K10919" s="2" t="s">
        <v>27075</v>
      </c>
      <c r="L10919" s="5" t="s">
        <v>27074</v>
      </c>
      <c r="M10919" s="2" t="s">
        <v>27075</v>
      </c>
      <c r="N10919" s="5" t="s">
        <v>24254</v>
      </c>
      <c r="O10919" s="5" t="s">
        <v>38</v>
      </c>
      <c r="P10919" s="5" t="s">
        <v>39</v>
      </c>
      <c r="Q10919" s="5" t="s">
        <v>40</v>
      </c>
      <c r="R10919" s="5" t="s">
        <v>1487</v>
      </c>
      <c r="S10919" s="5"/>
      <c r="T10919" s="5" t="s">
        <v>42</v>
      </c>
      <c r="U10919" s="2">
        <v>0</v>
      </c>
      <c r="V10919" s="2">
        <v>0</v>
      </c>
      <c r="W10919" s="2">
        <v>0</v>
      </c>
      <c r="X10919" s="2">
        <v>0</v>
      </c>
      <c r="Y10919" s="2">
        <v>0</v>
      </c>
      <c r="Z10919" s="2">
        <v>0</v>
      </c>
      <c r="AA10919" s="5"/>
      <c r="AB10919" s="5" t="s">
        <v>43</v>
      </c>
      <c r="AC10919" s="5" t="s">
        <v>44</v>
      </c>
      <c r="AD10919" s="2"/>
      <c r="AE10919" s="1"/>
    </row>
    <row r="10920" spans="1:31" ht="14.45">
      <c r="A10920" s="11"/>
      <c r="B10920" s="20"/>
      <c r="C10920" s="2" t="s">
        <v>33552</v>
      </c>
      <c r="D10920" s="14" t="s">
        <v>33553</v>
      </c>
      <c r="E10920" s="2" t="s">
        <v>33554</v>
      </c>
      <c r="F10920" s="2" t="s">
        <v>33217</v>
      </c>
      <c r="G10920" s="8">
        <v>251</v>
      </c>
      <c r="H10920" s="5">
        <v>5</v>
      </c>
      <c r="I10920" s="5" t="s">
        <v>69</v>
      </c>
      <c r="J10920" s="5" t="s">
        <v>27074</v>
      </c>
      <c r="K10920" s="2" t="s">
        <v>27075</v>
      </c>
      <c r="L10920" s="5" t="s">
        <v>27074</v>
      </c>
      <c r="M10920" s="2" t="s">
        <v>27075</v>
      </c>
      <c r="N10920" s="5" t="s">
        <v>24254</v>
      </c>
      <c r="O10920" s="5" t="s">
        <v>38</v>
      </c>
      <c r="P10920" s="5" t="s">
        <v>39</v>
      </c>
      <c r="Q10920" s="5" t="s">
        <v>40</v>
      </c>
      <c r="R10920" s="5" t="s">
        <v>24335</v>
      </c>
      <c r="S10920" s="5" t="s">
        <v>40</v>
      </c>
      <c r="T10920" s="5" t="s">
        <v>42</v>
      </c>
      <c r="U10920" s="2">
        <v>11.891999999999999</v>
      </c>
      <c r="V10920" s="2">
        <v>9.077</v>
      </c>
      <c r="W10920" s="2">
        <v>0.14899999999999999</v>
      </c>
      <c r="X10920" s="2">
        <v>12</v>
      </c>
      <c r="Y10920" s="2">
        <v>62</v>
      </c>
      <c r="Z10920" s="2">
        <v>199.7</v>
      </c>
      <c r="AA10920" s="5">
        <v>8</v>
      </c>
      <c r="AB10920" s="5" t="s">
        <v>43</v>
      </c>
      <c r="AC10920" s="5" t="s">
        <v>44</v>
      </c>
      <c r="AD10920" s="2" t="s">
        <v>33218</v>
      </c>
      <c r="AE10920" s="1"/>
    </row>
    <row r="10921" spans="1:31" ht="14.45">
      <c r="A10921" s="11"/>
      <c r="B10921" s="20"/>
      <c r="C10921" s="2" t="s">
        <v>33555</v>
      </c>
      <c r="D10921" s="14" t="s">
        <v>33556</v>
      </c>
      <c r="E10921" s="2" t="s">
        <v>33557</v>
      </c>
      <c r="F10921" s="2" t="s">
        <v>33222</v>
      </c>
      <c r="G10921" s="8">
        <v>251</v>
      </c>
      <c r="H10921" s="5">
        <v>5</v>
      </c>
      <c r="I10921" s="5" t="s">
        <v>69</v>
      </c>
      <c r="J10921" s="5" t="s">
        <v>27074</v>
      </c>
      <c r="K10921" s="2" t="s">
        <v>27075</v>
      </c>
      <c r="L10921" s="5" t="s">
        <v>27074</v>
      </c>
      <c r="M10921" s="2" t="s">
        <v>27075</v>
      </c>
      <c r="N10921" s="5" t="s">
        <v>24254</v>
      </c>
      <c r="O10921" s="5" t="s">
        <v>38</v>
      </c>
      <c r="P10921" s="5" t="s">
        <v>39</v>
      </c>
      <c r="Q10921" s="5" t="s">
        <v>40</v>
      </c>
      <c r="R10921" s="5" t="s">
        <v>24335</v>
      </c>
      <c r="S10921" s="5" t="s">
        <v>40</v>
      </c>
      <c r="T10921" s="5" t="s">
        <v>42</v>
      </c>
      <c r="U10921" s="2">
        <v>9.9629999999999992</v>
      </c>
      <c r="V10921" s="2">
        <v>7.149</v>
      </c>
      <c r="W10921" s="2">
        <v>0.14899999999999999</v>
      </c>
      <c r="X10921" s="2">
        <v>12</v>
      </c>
      <c r="Y10921" s="2">
        <v>62</v>
      </c>
      <c r="Z10921" s="2">
        <v>199.7</v>
      </c>
      <c r="AA10921" s="5">
        <v>8</v>
      </c>
      <c r="AB10921" s="5" t="s">
        <v>43</v>
      </c>
      <c r="AC10921" s="5" t="s">
        <v>44</v>
      </c>
      <c r="AD10921" s="2" t="s">
        <v>33218</v>
      </c>
      <c r="AE10921" s="1"/>
    </row>
    <row r="10922" spans="1:31" ht="14.45">
      <c r="A10922" s="11"/>
      <c r="B10922" s="20"/>
      <c r="C10922" s="2" t="s">
        <v>33558</v>
      </c>
      <c r="D10922" s="14" t="s">
        <v>33559</v>
      </c>
      <c r="E10922" s="2" t="s">
        <v>33560</v>
      </c>
      <c r="F10922" s="2" t="s">
        <v>33226</v>
      </c>
      <c r="G10922" s="8">
        <v>251</v>
      </c>
      <c r="H10922" s="5">
        <v>5</v>
      </c>
      <c r="I10922" s="5" t="s">
        <v>69</v>
      </c>
      <c r="J10922" s="5" t="s">
        <v>27074</v>
      </c>
      <c r="K10922" s="2" t="s">
        <v>27075</v>
      </c>
      <c r="L10922" s="5" t="s">
        <v>27074</v>
      </c>
      <c r="M10922" s="2" t="s">
        <v>27075</v>
      </c>
      <c r="N10922" s="5" t="s">
        <v>24254</v>
      </c>
      <c r="O10922" s="5" t="s">
        <v>38</v>
      </c>
      <c r="P10922" s="5" t="s">
        <v>39</v>
      </c>
      <c r="Q10922" s="5" t="s">
        <v>40</v>
      </c>
      <c r="R10922" s="5" t="s">
        <v>24335</v>
      </c>
      <c r="S10922" s="5" t="s">
        <v>40</v>
      </c>
      <c r="T10922" s="5" t="s">
        <v>42</v>
      </c>
      <c r="U10922" s="2">
        <v>8.8719999999999999</v>
      </c>
      <c r="V10922" s="2">
        <v>6.0910000000000002</v>
      </c>
      <c r="W10922" s="2">
        <v>0.14899999999999999</v>
      </c>
      <c r="X10922" s="2">
        <v>12</v>
      </c>
      <c r="Y10922" s="2">
        <v>62</v>
      </c>
      <c r="Z10922" s="2">
        <v>199.7</v>
      </c>
      <c r="AA10922" s="5">
        <v>8</v>
      </c>
      <c r="AB10922" s="5" t="s">
        <v>43</v>
      </c>
      <c r="AC10922" s="5" t="s">
        <v>44</v>
      </c>
      <c r="AD10922" s="2" t="s">
        <v>33218</v>
      </c>
      <c r="AE10922" s="1"/>
    </row>
    <row r="10923" spans="1:31" ht="14.45">
      <c r="A10923" s="5" t="s">
        <v>116</v>
      </c>
      <c r="B10923" s="21">
        <v>46054</v>
      </c>
      <c r="C10923" s="2" t="s">
        <v>33561</v>
      </c>
      <c r="D10923" s="14" t="s">
        <v>33562</v>
      </c>
      <c r="E10923" s="2" t="s">
        <v>33229</v>
      </c>
      <c r="F10923" s="2" t="s">
        <v>33230</v>
      </c>
      <c r="G10923" s="8">
        <v>502</v>
      </c>
      <c r="H10923" s="5">
        <v>5</v>
      </c>
      <c r="I10923" s="5" t="s">
        <v>69</v>
      </c>
      <c r="J10923" s="5" t="s">
        <v>27074</v>
      </c>
      <c r="K10923" s="2" t="s">
        <v>27075</v>
      </c>
      <c r="L10923" s="5" t="s">
        <v>27074</v>
      </c>
      <c r="M10923" s="2" t="s">
        <v>27075</v>
      </c>
      <c r="N10923" s="5" t="s">
        <v>24254</v>
      </c>
      <c r="O10923" s="5" t="s">
        <v>38</v>
      </c>
      <c r="P10923" s="5" t="s">
        <v>39</v>
      </c>
      <c r="Q10923" s="5" t="s">
        <v>40</v>
      </c>
      <c r="R10923" s="5" t="s">
        <v>1487</v>
      </c>
      <c r="S10923" s="5"/>
      <c r="T10923" s="5" t="s">
        <v>42</v>
      </c>
      <c r="U10923" s="2">
        <v>0</v>
      </c>
      <c r="V10923" s="2">
        <v>0</v>
      </c>
      <c r="W10923" s="2">
        <v>0</v>
      </c>
      <c r="X10923" s="2">
        <v>0</v>
      </c>
      <c r="Y10923" s="2">
        <v>0</v>
      </c>
      <c r="Z10923" s="2">
        <v>0</v>
      </c>
      <c r="AA10923" s="5"/>
      <c r="AB10923" s="5" t="s">
        <v>43</v>
      </c>
      <c r="AC10923" s="5" t="s">
        <v>44</v>
      </c>
      <c r="AD10923" s="2" t="s">
        <v>33231</v>
      </c>
      <c r="AE10923" s="1"/>
    </row>
    <row r="10924" spans="1:31" ht="14.45">
      <c r="A10924" s="11"/>
      <c r="B10924" s="20"/>
      <c r="C10924" s="2" t="s">
        <v>33563</v>
      </c>
      <c r="D10924" s="14" t="s">
        <v>33564</v>
      </c>
      <c r="E10924" s="2" t="s">
        <v>33565</v>
      </c>
      <c r="F10924" s="2" t="s">
        <v>33235</v>
      </c>
      <c r="G10924" s="8">
        <v>913</v>
      </c>
      <c r="H10924" s="5">
        <v>5</v>
      </c>
      <c r="I10924" s="5" t="s">
        <v>69</v>
      </c>
      <c r="J10924" s="5" t="s">
        <v>27074</v>
      </c>
      <c r="K10924" s="2" t="s">
        <v>27075</v>
      </c>
      <c r="L10924" s="5" t="s">
        <v>27074</v>
      </c>
      <c r="M10924" s="2" t="s">
        <v>27075</v>
      </c>
      <c r="N10924" s="5" t="s">
        <v>24254</v>
      </c>
      <c r="O10924" s="5" t="s">
        <v>38</v>
      </c>
      <c r="P10924" s="5" t="s">
        <v>39</v>
      </c>
      <c r="Q10924" s="5" t="s">
        <v>40</v>
      </c>
      <c r="R10924" s="5" t="s">
        <v>1487</v>
      </c>
      <c r="S10924" s="5"/>
      <c r="T10924" s="5" t="s">
        <v>42</v>
      </c>
      <c r="U10924" s="2">
        <v>0</v>
      </c>
      <c r="V10924" s="2">
        <v>0</v>
      </c>
      <c r="W10924" s="2">
        <v>0</v>
      </c>
      <c r="X10924" s="2">
        <v>0</v>
      </c>
      <c r="Y10924" s="2">
        <v>0</v>
      </c>
      <c r="Z10924" s="2">
        <v>0</v>
      </c>
      <c r="AA10924" s="5"/>
      <c r="AB10924" s="5" t="s">
        <v>43</v>
      </c>
      <c r="AC10924" s="5" t="s">
        <v>44</v>
      </c>
      <c r="AD10924" s="2" t="s">
        <v>33236</v>
      </c>
      <c r="AE10924" s="1"/>
    </row>
    <row r="10925" spans="1:31" ht="14.45">
      <c r="A10925" s="11"/>
      <c r="B10925" s="20"/>
      <c r="C10925" s="2" t="s">
        <v>33566</v>
      </c>
      <c r="D10925" s="14" t="s">
        <v>33567</v>
      </c>
      <c r="E10925" s="2" t="s">
        <v>33568</v>
      </c>
      <c r="F10925" s="2" t="s">
        <v>33240</v>
      </c>
      <c r="G10925" s="8">
        <v>913</v>
      </c>
      <c r="H10925" s="5">
        <v>15</v>
      </c>
      <c r="I10925" s="5" t="s">
        <v>69</v>
      </c>
      <c r="J10925" s="5" t="s">
        <v>27074</v>
      </c>
      <c r="K10925" s="2" t="s">
        <v>27075</v>
      </c>
      <c r="L10925" s="5" t="s">
        <v>27074</v>
      </c>
      <c r="M10925" s="2" t="s">
        <v>27075</v>
      </c>
      <c r="N10925" s="5" t="s">
        <v>24254</v>
      </c>
      <c r="O10925" s="5" t="s">
        <v>38</v>
      </c>
      <c r="P10925" s="5" t="s">
        <v>39</v>
      </c>
      <c r="Q10925" s="5" t="s">
        <v>40</v>
      </c>
      <c r="R10925" s="5" t="s">
        <v>1487</v>
      </c>
      <c r="S10925" s="5"/>
      <c r="T10925" s="5" t="s">
        <v>42</v>
      </c>
      <c r="U10925" s="2">
        <v>0</v>
      </c>
      <c r="V10925" s="2">
        <v>0</v>
      </c>
      <c r="W10925" s="2">
        <v>0</v>
      </c>
      <c r="X10925" s="2">
        <v>0</v>
      </c>
      <c r="Y10925" s="2">
        <v>0</v>
      </c>
      <c r="Z10925" s="2">
        <v>0</v>
      </c>
      <c r="AA10925" s="5"/>
      <c r="AB10925" s="5" t="s">
        <v>43</v>
      </c>
      <c r="AC10925" s="5" t="s">
        <v>44</v>
      </c>
      <c r="AD10925" s="2"/>
      <c r="AE10925" s="1"/>
    </row>
    <row r="10926" spans="1:31" ht="14.45">
      <c r="A10926" s="11"/>
      <c r="B10926" s="20"/>
      <c r="C10926" s="2" t="s">
        <v>33569</v>
      </c>
      <c r="D10926" s="14" t="s">
        <v>33570</v>
      </c>
      <c r="E10926" s="2" t="s">
        <v>33571</v>
      </c>
      <c r="F10926" s="2" t="s">
        <v>33217</v>
      </c>
      <c r="G10926" s="8">
        <v>221</v>
      </c>
      <c r="H10926" s="5">
        <v>5</v>
      </c>
      <c r="I10926" s="5" t="s">
        <v>69</v>
      </c>
      <c r="J10926" s="5" t="s">
        <v>27074</v>
      </c>
      <c r="K10926" s="2" t="s">
        <v>27075</v>
      </c>
      <c r="L10926" s="5" t="s">
        <v>27074</v>
      </c>
      <c r="M10926" s="2" t="s">
        <v>27075</v>
      </c>
      <c r="N10926" s="5" t="s">
        <v>24254</v>
      </c>
      <c r="O10926" s="5" t="s">
        <v>38</v>
      </c>
      <c r="P10926" s="5" t="s">
        <v>39</v>
      </c>
      <c r="Q10926" s="5" t="s">
        <v>40</v>
      </c>
      <c r="R10926" s="5" t="s">
        <v>24335</v>
      </c>
      <c r="S10926" s="5" t="s">
        <v>40</v>
      </c>
      <c r="T10926" s="5" t="s">
        <v>42</v>
      </c>
      <c r="U10926" s="2">
        <v>10.983000000000001</v>
      </c>
      <c r="V10926" s="2">
        <v>8.1679999999999993</v>
      </c>
      <c r="W10926" s="2">
        <v>0.14899999999999999</v>
      </c>
      <c r="X10926" s="2">
        <v>12</v>
      </c>
      <c r="Y10926" s="2">
        <v>62</v>
      </c>
      <c r="Z10926" s="2">
        <v>199.7</v>
      </c>
      <c r="AA10926" s="5">
        <v>8</v>
      </c>
      <c r="AB10926" s="5" t="s">
        <v>43</v>
      </c>
      <c r="AC10926" s="5" t="s">
        <v>44</v>
      </c>
      <c r="AD10926" s="2" t="s">
        <v>33218</v>
      </c>
      <c r="AE10926" s="1"/>
    </row>
    <row r="10927" spans="1:31" ht="14.45">
      <c r="A10927" s="11"/>
      <c r="B10927" s="20"/>
      <c r="C10927" s="2" t="s">
        <v>33572</v>
      </c>
      <c r="D10927" s="14" t="s">
        <v>33573</v>
      </c>
      <c r="E10927" s="2" t="s">
        <v>33574</v>
      </c>
      <c r="F10927" s="2" t="s">
        <v>33222</v>
      </c>
      <c r="G10927" s="8">
        <v>221</v>
      </c>
      <c r="H10927" s="5">
        <v>5</v>
      </c>
      <c r="I10927" s="5" t="s">
        <v>69</v>
      </c>
      <c r="J10927" s="5" t="s">
        <v>27074</v>
      </c>
      <c r="K10927" s="2" t="s">
        <v>27075</v>
      </c>
      <c r="L10927" s="5" t="s">
        <v>27074</v>
      </c>
      <c r="M10927" s="2" t="s">
        <v>27075</v>
      </c>
      <c r="N10927" s="5" t="s">
        <v>24254</v>
      </c>
      <c r="O10927" s="5" t="s">
        <v>38</v>
      </c>
      <c r="P10927" s="5" t="s">
        <v>39</v>
      </c>
      <c r="Q10927" s="5" t="s">
        <v>40</v>
      </c>
      <c r="R10927" s="5" t="s">
        <v>24335</v>
      </c>
      <c r="S10927" s="5" t="s">
        <v>40</v>
      </c>
      <c r="T10927" s="5" t="s">
        <v>42</v>
      </c>
      <c r="U10927" s="2">
        <v>9.2880000000000003</v>
      </c>
      <c r="V10927" s="2">
        <v>6.4740000000000002</v>
      </c>
      <c r="W10927" s="2">
        <v>0.14899999999999999</v>
      </c>
      <c r="X10927" s="2">
        <v>12</v>
      </c>
      <c r="Y10927" s="2">
        <v>62</v>
      </c>
      <c r="Z10927" s="2">
        <v>199.7</v>
      </c>
      <c r="AA10927" s="5">
        <v>8</v>
      </c>
      <c r="AB10927" s="5" t="s">
        <v>43</v>
      </c>
      <c r="AC10927" s="5" t="s">
        <v>44</v>
      </c>
      <c r="AD10927" s="2" t="s">
        <v>33218</v>
      </c>
      <c r="AE10927" s="1"/>
    </row>
    <row r="10928" spans="1:31" ht="14.45">
      <c r="A10928" s="11"/>
      <c r="B10928" s="20"/>
      <c r="C10928" s="2" t="s">
        <v>33575</v>
      </c>
      <c r="D10928" s="14" t="s">
        <v>33576</v>
      </c>
      <c r="E10928" s="2" t="s">
        <v>33577</v>
      </c>
      <c r="F10928" s="2" t="s">
        <v>33226</v>
      </c>
      <c r="G10928" s="8">
        <v>221</v>
      </c>
      <c r="H10928" s="5">
        <v>5</v>
      </c>
      <c r="I10928" s="5" t="s">
        <v>69</v>
      </c>
      <c r="J10928" s="5" t="s">
        <v>27074</v>
      </c>
      <c r="K10928" s="2" t="s">
        <v>27075</v>
      </c>
      <c r="L10928" s="5" t="s">
        <v>27074</v>
      </c>
      <c r="M10928" s="2" t="s">
        <v>27075</v>
      </c>
      <c r="N10928" s="5" t="s">
        <v>24254</v>
      </c>
      <c r="O10928" s="5" t="s">
        <v>38</v>
      </c>
      <c r="P10928" s="5" t="s">
        <v>39</v>
      </c>
      <c r="Q10928" s="5" t="s">
        <v>40</v>
      </c>
      <c r="R10928" s="5" t="s">
        <v>24335</v>
      </c>
      <c r="S10928" s="5" t="s">
        <v>40</v>
      </c>
      <c r="T10928" s="5" t="s">
        <v>42</v>
      </c>
      <c r="U10928" s="2">
        <v>8.3409999999999993</v>
      </c>
      <c r="V10928" s="2">
        <v>5.56</v>
      </c>
      <c r="W10928" s="2">
        <v>0.14899999999999999</v>
      </c>
      <c r="X10928" s="2">
        <v>12</v>
      </c>
      <c r="Y10928" s="2">
        <v>62</v>
      </c>
      <c r="Z10928" s="2">
        <v>199.7</v>
      </c>
      <c r="AA10928" s="5">
        <v>8</v>
      </c>
      <c r="AB10928" s="5" t="s">
        <v>43</v>
      </c>
      <c r="AC10928" s="5" t="s">
        <v>44</v>
      </c>
      <c r="AD10928" s="2" t="s">
        <v>33218</v>
      </c>
      <c r="AE10928" s="1"/>
    </row>
    <row r="10929" spans="1:31" ht="14.45">
      <c r="A10929" s="5" t="s">
        <v>116</v>
      </c>
      <c r="B10929" s="21">
        <v>46054</v>
      </c>
      <c r="C10929" s="2" t="s">
        <v>33578</v>
      </c>
      <c r="D10929" s="14" t="s">
        <v>33579</v>
      </c>
      <c r="E10929" s="2" t="s">
        <v>33229</v>
      </c>
      <c r="F10929" s="2" t="s">
        <v>33230</v>
      </c>
      <c r="G10929" s="8">
        <v>442</v>
      </c>
      <c r="H10929" s="5">
        <v>5</v>
      </c>
      <c r="I10929" s="5" t="s">
        <v>69</v>
      </c>
      <c r="J10929" s="5" t="s">
        <v>27074</v>
      </c>
      <c r="K10929" s="2" t="s">
        <v>27075</v>
      </c>
      <c r="L10929" s="5" t="s">
        <v>27074</v>
      </c>
      <c r="M10929" s="2" t="s">
        <v>27075</v>
      </c>
      <c r="N10929" s="5" t="s">
        <v>24254</v>
      </c>
      <c r="O10929" s="5" t="s">
        <v>38</v>
      </c>
      <c r="P10929" s="5" t="s">
        <v>39</v>
      </c>
      <c r="Q10929" s="5" t="s">
        <v>40</v>
      </c>
      <c r="R10929" s="5" t="s">
        <v>1487</v>
      </c>
      <c r="S10929" s="5"/>
      <c r="T10929" s="5" t="s">
        <v>42</v>
      </c>
      <c r="U10929" s="2">
        <v>0</v>
      </c>
      <c r="V10929" s="2">
        <v>0</v>
      </c>
      <c r="W10929" s="2">
        <v>0</v>
      </c>
      <c r="X10929" s="2">
        <v>0</v>
      </c>
      <c r="Y10929" s="2">
        <v>0</v>
      </c>
      <c r="Z10929" s="2">
        <v>0</v>
      </c>
      <c r="AA10929" s="5"/>
      <c r="AB10929" s="5" t="s">
        <v>43</v>
      </c>
      <c r="AC10929" s="5" t="s">
        <v>44</v>
      </c>
      <c r="AD10929" s="2" t="s">
        <v>33231</v>
      </c>
      <c r="AE10929" s="1"/>
    </row>
    <row r="10930" spans="1:31" ht="14.45">
      <c r="A10930" s="11"/>
      <c r="B10930" s="20"/>
      <c r="C10930" s="2" t="s">
        <v>33580</v>
      </c>
      <c r="D10930" s="14" t="s">
        <v>33581</v>
      </c>
      <c r="E10930" s="2" t="s">
        <v>33582</v>
      </c>
      <c r="F10930" s="2" t="s">
        <v>33235</v>
      </c>
      <c r="G10930" s="8">
        <v>837</v>
      </c>
      <c r="H10930" s="5">
        <v>5</v>
      </c>
      <c r="I10930" s="5" t="s">
        <v>69</v>
      </c>
      <c r="J10930" s="5" t="s">
        <v>27074</v>
      </c>
      <c r="K10930" s="2" t="s">
        <v>27075</v>
      </c>
      <c r="L10930" s="5" t="s">
        <v>27074</v>
      </c>
      <c r="M10930" s="2" t="s">
        <v>27075</v>
      </c>
      <c r="N10930" s="5" t="s">
        <v>24254</v>
      </c>
      <c r="O10930" s="5" t="s">
        <v>38</v>
      </c>
      <c r="P10930" s="5" t="s">
        <v>39</v>
      </c>
      <c r="Q10930" s="5" t="s">
        <v>40</v>
      </c>
      <c r="R10930" s="5" t="s">
        <v>1487</v>
      </c>
      <c r="S10930" s="5"/>
      <c r="T10930" s="5" t="s">
        <v>42</v>
      </c>
      <c r="U10930" s="2">
        <v>0</v>
      </c>
      <c r="V10930" s="2">
        <v>0</v>
      </c>
      <c r="W10930" s="2">
        <v>0</v>
      </c>
      <c r="X10930" s="2">
        <v>0</v>
      </c>
      <c r="Y10930" s="2">
        <v>0</v>
      </c>
      <c r="Z10930" s="2">
        <v>0</v>
      </c>
      <c r="AA10930" s="5"/>
      <c r="AB10930" s="5" t="s">
        <v>43</v>
      </c>
      <c r="AC10930" s="5" t="s">
        <v>44</v>
      </c>
      <c r="AD10930" s="2" t="s">
        <v>33236</v>
      </c>
      <c r="AE10930" s="1"/>
    </row>
    <row r="10931" spans="1:31" ht="14.45">
      <c r="A10931" s="11"/>
      <c r="B10931" s="20"/>
      <c r="C10931" s="2" t="s">
        <v>33583</v>
      </c>
      <c r="D10931" s="14" t="s">
        <v>33584</v>
      </c>
      <c r="E10931" s="2" t="s">
        <v>33585</v>
      </c>
      <c r="F10931" s="2" t="s">
        <v>33240</v>
      </c>
      <c r="G10931" s="8">
        <v>837</v>
      </c>
      <c r="H10931" s="5">
        <v>15</v>
      </c>
      <c r="I10931" s="5" t="s">
        <v>69</v>
      </c>
      <c r="J10931" s="5" t="s">
        <v>27074</v>
      </c>
      <c r="K10931" s="2" t="s">
        <v>27075</v>
      </c>
      <c r="L10931" s="5" t="s">
        <v>27074</v>
      </c>
      <c r="M10931" s="2" t="s">
        <v>27075</v>
      </c>
      <c r="N10931" s="5" t="s">
        <v>24254</v>
      </c>
      <c r="O10931" s="5" t="s">
        <v>38</v>
      </c>
      <c r="P10931" s="5" t="s">
        <v>39</v>
      </c>
      <c r="Q10931" s="5" t="s">
        <v>40</v>
      </c>
      <c r="R10931" s="5" t="s">
        <v>1487</v>
      </c>
      <c r="S10931" s="5"/>
      <c r="T10931" s="5" t="s">
        <v>42</v>
      </c>
      <c r="U10931" s="2">
        <v>0</v>
      </c>
      <c r="V10931" s="2">
        <v>0</v>
      </c>
      <c r="W10931" s="2">
        <v>0</v>
      </c>
      <c r="X10931" s="2">
        <v>0</v>
      </c>
      <c r="Y10931" s="2">
        <v>0</v>
      </c>
      <c r="Z10931" s="2">
        <v>0</v>
      </c>
      <c r="AA10931" s="5"/>
      <c r="AB10931" s="5" t="s">
        <v>43</v>
      </c>
      <c r="AC10931" s="5" t="s">
        <v>44</v>
      </c>
      <c r="AD10931" s="2"/>
      <c r="AE10931" s="1"/>
    </row>
    <row r="10932" spans="1:31" ht="14.45">
      <c r="A10932" s="11"/>
      <c r="B10932" s="20"/>
      <c r="C10932" s="2" t="s">
        <v>33586</v>
      </c>
      <c r="D10932" s="14" t="s">
        <v>33587</v>
      </c>
      <c r="E10932" s="2" t="s">
        <v>33588</v>
      </c>
      <c r="F10932" s="2" t="s">
        <v>33217</v>
      </c>
      <c r="G10932" s="8">
        <v>240</v>
      </c>
      <c r="H10932" s="5">
        <v>5</v>
      </c>
      <c r="I10932" s="5" t="s">
        <v>69</v>
      </c>
      <c r="J10932" s="5" t="s">
        <v>27074</v>
      </c>
      <c r="K10932" s="2" t="s">
        <v>27075</v>
      </c>
      <c r="L10932" s="5" t="s">
        <v>27074</v>
      </c>
      <c r="M10932" s="2" t="s">
        <v>27075</v>
      </c>
      <c r="N10932" s="5" t="s">
        <v>24254</v>
      </c>
      <c r="O10932" s="5" t="s">
        <v>38</v>
      </c>
      <c r="P10932" s="5" t="s">
        <v>39</v>
      </c>
      <c r="Q10932" s="5" t="s">
        <v>40</v>
      </c>
      <c r="R10932" s="5" t="s">
        <v>24335</v>
      </c>
      <c r="S10932" s="5" t="s">
        <v>40</v>
      </c>
      <c r="T10932" s="5" t="s">
        <v>42</v>
      </c>
      <c r="U10932" s="2">
        <v>11.9</v>
      </c>
      <c r="V10932" s="2">
        <v>9.0850000000000009</v>
      </c>
      <c r="W10932" s="2">
        <v>0.14899999999999999</v>
      </c>
      <c r="X10932" s="2">
        <v>12</v>
      </c>
      <c r="Y10932" s="2">
        <v>62</v>
      </c>
      <c r="Z10932" s="2">
        <v>199.7</v>
      </c>
      <c r="AA10932" s="5">
        <v>8</v>
      </c>
      <c r="AB10932" s="5" t="s">
        <v>43</v>
      </c>
      <c r="AC10932" s="5" t="s">
        <v>44</v>
      </c>
      <c r="AD10932" s="2" t="s">
        <v>33218</v>
      </c>
      <c r="AE10932" s="1"/>
    </row>
    <row r="10933" spans="1:31" ht="14.45">
      <c r="A10933" s="11"/>
      <c r="B10933" s="20"/>
      <c r="C10933" s="2" t="s">
        <v>33589</v>
      </c>
      <c r="D10933" s="14" t="s">
        <v>33590</v>
      </c>
      <c r="E10933" s="2" t="s">
        <v>33591</v>
      </c>
      <c r="F10933" s="2" t="s">
        <v>33222</v>
      </c>
      <c r="G10933" s="8">
        <v>240</v>
      </c>
      <c r="H10933" s="5">
        <v>5</v>
      </c>
      <c r="I10933" s="5" t="s">
        <v>69</v>
      </c>
      <c r="J10933" s="5" t="s">
        <v>27074</v>
      </c>
      <c r="K10933" s="2" t="s">
        <v>27075</v>
      </c>
      <c r="L10933" s="5" t="s">
        <v>27074</v>
      </c>
      <c r="M10933" s="2" t="s">
        <v>27075</v>
      </c>
      <c r="N10933" s="5" t="s">
        <v>24254</v>
      </c>
      <c r="O10933" s="5" t="s">
        <v>38</v>
      </c>
      <c r="P10933" s="5" t="s">
        <v>39</v>
      </c>
      <c r="Q10933" s="5" t="s">
        <v>40</v>
      </c>
      <c r="R10933" s="5" t="s">
        <v>24335</v>
      </c>
      <c r="S10933" s="5" t="s">
        <v>40</v>
      </c>
      <c r="T10933" s="5" t="s">
        <v>42</v>
      </c>
      <c r="U10933" s="2">
        <v>10.039999999999999</v>
      </c>
      <c r="V10933" s="2">
        <v>7.226</v>
      </c>
      <c r="W10933" s="2">
        <v>0.14899999999999999</v>
      </c>
      <c r="X10933" s="2">
        <v>12</v>
      </c>
      <c r="Y10933" s="2">
        <v>62</v>
      </c>
      <c r="Z10933" s="2">
        <v>199.7</v>
      </c>
      <c r="AA10933" s="5">
        <v>8</v>
      </c>
      <c r="AB10933" s="5" t="s">
        <v>43</v>
      </c>
      <c r="AC10933" s="5" t="s">
        <v>44</v>
      </c>
      <c r="AD10933" s="2" t="s">
        <v>33218</v>
      </c>
      <c r="AE10933" s="1"/>
    </row>
    <row r="10934" spans="1:31" ht="14.45">
      <c r="A10934" s="11"/>
      <c r="B10934" s="20"/>
      <c r="C10934" s="2" t="s">
        <v>33592</v>
      </c>
      <c r="D10934" s="14" t="s">
        <v>33593</v>
      </c>
      <c r="E10934" s="2" t="s">
        <v>33594</v>
      </c>
      <c r="F10934" s="2" t="s">
        <v>33226</v>
      </c>
      <c r="G10934" s="8">
        <v>240</v>
      </c>
      <c r="H10934" s="5">
        <v>5</v>
      </c>
      <c r="I10934" s="5" t="s">
        <v>69</v>
      </c>
      <c r="J10934" s="5" t="s">
        <v>27074</v>
      </c>
      <c r="K10934" s="2" t="s">
        <v>27075</v>
      </c>
      <c r="L10934" s="5" t="s">
        <v>27074</v>
      </c>
      <c r="M10934" s="2" t="s">
        <v>27075</v>
      </c>
      <c r="N10934" s="5" t="s">
        <v>24254</v>
      </c>
      <c r="O10934" s="5" t="s">
        <v>38</v>
      </c>
      <c r="P10934" s="5" t="s">
        <v>39</v>
      </c>
      <c r="Q10934" s="5" t="s">
        <v>40</v>
      </c>
      <c r="R10934" s="5" t="s">
        <v>24335</v>
      </c>
      <c r="S10934" s="5" t="s">
        <v>40</v>
      </c>
      <c r="T10934" s="5" t="s">
        <v>42</v>
      </c>
      <c r="U10934" s="2">
        <v>9.0039999999999996</v>
      </c>
      <c r="V10934" s="2">
        <v>6.2229999999999999</v>
      </c>
      <c r="W10934" s="2">
        <v>0.14899999999999999</v>
      </c>
      <c r="X10934" s="2">
        <v>12</v>
      </c>
      <c r="Y10934" s="2">
        <v>62</v>
      </c>
      <c r="Z10934" s="2">
        <v>199.7</v>
      </c>
      <c r="AA10934" s="5">
        <v>8</v>
      </c>
      <c r="AB10934" s="5" t="s">
        <v>43</v>
      </c>
      <c r="AC10934" s="5" t="s">
        <v>44</v>
      </c>
      <c r="AD10934" s="2" t="s">
        <v>33218</v>
      </c>
      <c r="AE10934" s="1"/>
    </row>
    <row r="10935" spans="1:31" ht="14.45">
      <c r="A10935" s="5" t="s">
        <v>116</v>
      </c>
      <c r="B10935" s="21">
        <v>46054</v>
      </c>
      <c r="C10935" s="2" t="s">
        <v>33595</v>
      </c>
      <c r="D10935" s="14" t="s">
        <v>33596</v>
      </c>
      <c r="E10935" s="2" t="s">
        <v>33229</v>
      </c>
      <c r="F10935" s="2" t="s">
        <v>33230</v>
      </c>
      <c r="G10935" s="8">
        <v>480</v>
      </c>
      <c r="H10935" s="5">
        <v>5</v>
      </c>
      <c r="I10935" s="5" t="s">
        <v>69</v>
      </c>
      <c r="J10935" s="5" t="s">
        <v>27074</v>
      </c>
      <c r="K10935" s="2" t="s">
        <v>27075</v>
      </c>
      <c r="L10935" s="5" t="s">
        <v>27074</v>
      </c>
      <c r="M10935" s="2" t="s">
        <v>27075</v>
      </c>
      <c r="N10935" s="5" t="s">
        <v>24254</v>
      </c>
      <c r="O10935" s="5" t="s">
        <v>38</v>
      </c>
      <c r="P10935" s="5" t="s">
        <v>39</v>
      </c>
      <c r="Q10935" s="5" t="s">
        <v>40</v>
      </c>
      <c r="R10935" s="5" t="s">
        <v>1487</v>
      </c>
      <c r="S10935" s="5"/>
      <c r="T10935" s="5" t="s">
        <v>42</v>
      </c>
      <c r="U10935" s="2">
        <v>0</v>
      </c>
      <c r="V10935" s="2">
        <v>0</v>
      </c>
      <c r="W10935" s="2">
        <v>0</v>
      </c>
      <c r="X10935" s="2">
        <v>0</v>
      </c>
      <c r="Y10935" s="2">
        <v>0</v>
      </c>
      <c r="Z10935" s="2">
        <v>0</v>
      </c>
      <c r="AA10935" s="5"/>
      <c r="AB10935" s="5" t="s">
        <v>43</v>
      </c>
      <c r="AC10935" s="5" t="s">
        <v>44</v>
      </c>
      <c r="AD10935" s="2" t="s">
        <v>33231</v>
      </c>
      <c r="AE10935" s="1"/>
    </row>
    <row r="10936" spans="1:31" ht="14.45">
      <c r="A10936" s="11"/>
      <c r="B10936" s="20"/>
      <c r="C10936" s="2" t="s">
        <v>33597</v>
      </c>
      <c r="D10936" s="14" t="s">
        <v>33598</v>
      </c>
      <c r="E10936" s="2" t="s">
        <v>33599</v>
      </c>
      <c r="F10936" s="2" t="s">
        <v>33235</v>
      </c>
      <c r="G10936" s="8">
        <v>889</v>
      </c>
      <c r="H10936" s="5">
        <v>5</v>
      </c>
      <c r="I10936" s="5" t="s">
        <v>69</v>
      </c>
      <c r="J10936" s="5" t="s">
        <v>27074</v>
      </c>
      <c r="K10936" s="2" t="s">
        <v>27075</v>
      </c>
      <c r="L10936" s="5" t="s">
        <v>27074</v>
      </c>
      <c r="M10936" s="2" t="s">
        <v>27075</v>
      </c>
      <c r="N10936" s="5" t="s">
        <v>24254</v>
      </c>
      <c r="O10936" s="5" t="s">
        <v>38</v>
      </c>
      <c r="P10936" s="5" t="s">
        <v>39</v>
      </c>
      <c r="Q10936" s="5" t="s">
        <v>40</v>
      </c>
      <c r="R10936" s="5" t="s">
        <v>1487</v>
      </c>
      <c r="S10936" s="5"/>
      <c r="T10936" s="5" t="s">
        <v>42</v>
      </c>
      <c r="U10936" s="2">
        <v>0</v>
      </c>
      <c r="V10936" s="2">
        <v>0</v>
      </c>
      <c r="W10936" s="2">
        <v>0</v>
      </c>
      <c r="X10936" s="2">
        <v>0</v>
      </c>
      <c r="Y10936" s="2">
        <v>0</v>
      </c>
      <c r="Z10936" s="2">
        <v>0</v>
      </c>
      <c r="AA10936" s="5"/>
      <c r="AB10936" s="5" t="s">
        <v>43</v>
      </c>
      <c r="AC10936" s="5" t="s">
        <v>44</v>
      </c>
      <c r="AD10936" s="2" t="s">
        <v>33236</v>
      </c>
      <c r="AE10936" s="1"/>
    </row>
    <row r="10937" spans="1:31" ht="14.45">
      <c r="A10937" s="11"/>
      <c r="B10937" s="20"/>
      <c r="C10937" s="2" t="s">
        <v>33600</v>
      </c>
      <c r="D10937" s="14" t="s">
        <v>33601</v>
      </c>
      <c r="E10937" s="2" t="s">
        <v>33600</v>
      </c>
      <c r="F10937" s="2"/>
      <c r="G10937" s="8">
        <v>889</v>
      </c>
      <c r="H10937" s="5">
        <v>15</v>
      </c>
      <c r="I10937" s="5" t="s">
        <v>69</v>
      </c>
      <c r="J10937" s="5" t="s">
        <v>27074</v>
      </c>
      <c r="K10937" s="2" t="s">
        <v>27075</v>
      </c>
      <c r="L10937" s="5" t="s">
        <v>27074</v>
      </c>
      <c r="M10937" s="2" t="s">
        <v>27075</v>
      </c>
      <c r="N10937" s="5" t="s">
        <v>24254</v>
      </c>
      <c r="O10937" s="5" t="s">
        <v>38</v>
      </c>
      <c r="P10937" s="5" t="s">
        <v>39</v>
      </c>
      <c r="Q10937" s="5" t="s">
        <v>40</v>
      </c>
      <c r="R10937" s="5" t="s">
        <v>1487</v>
      </c>
      <c r="S10937" s="5"/>
      <c r="T10937" s="5" t="s">
        <v>42</v>
      </c>
      <c r="U10937" s="2">
        <v>0</v>
      </c>
      <c r="V10937" s="2">
        <v>0</v>
      </c>
      <c r="W10937" s="2">
        <v>0</v>
      </c>
      <c r="X10937" s="2">
        <v>0</v>
      </c>
      <c r="Y10937" s="2">
        <v>0</v>
      </c>
      <c r="Z10937" s="2">
        <v>0</v>
      </c>
      <c r="AA10937" s="5"/>
      <c r="AB10937" s="5" t="s">
        <v>43</v>
      </c>
      <c r="AC10937" s="5" t="s">
        <v>44</v>
      </c>
      <c r="AD10937" s="2"/>
      <c r="AE10937" s="1"/>
    </row>
    <row r="10938" spans="1:31" ht="14.45">
      <c r="A10938" s="11"/>
      <c r="B10938" s="20"/>
      <c r="C10938" s="2" t="s">
        <v>33602</v>
      </c>
      <c r="D10938" s="14" t="s">
        <v>33603</v>
      </c>
      <c r="E10938" s="2" t="s">
        <v>33604</v>
      </c>
      <c r="F10938" s="2" t="s">
        <v>33217</v>
      </c>
      <c r="G10938" s="8">
        <v>268</v>
      </c>
      <c r="H10938" s="5">
        <v>5</v>
      </c>
      <c r="I10938" s="5" t="s">
        <v>69</v>
      </c>
      <c r="J10938" s="5" t="s">
        <v>27074</v>
      </c>
      <c r="K10938" s="2" t="s">
        <v>27075</v>
      </c>
      <c r="L10938" s="5" t="s">
        <v>27074</v>
      </c>
      <c r="M10938" s="2" t="s">
        <v>27075</v>
      </c>
      <c r="N10938" s="5" t="s">
        <v>24254</v>
      </c>
      <c r="O10938" s="5" t="s">
        <v>38</v>
      </c>
      <c r="P10938" s="5" t="s">
        <v>39</v>
      </c>
      <c r="Q10938" s="5" t="s">
        <v>40</v>
      </c>
      <c r="R10938" s="5" t="s">
        <v>24335</v>
      </c>
      <c r="S10938" s="5" t="s">
        <v>40</v>
      </c>
      <c r="T10938" s="5" t="s">
        <v>42</v>
      </c>
      <c r="U10938" s="2">
        <v>12.366</v>
      </c>
      <c r="V10938" s="2">
        <v>9.5510000000000002</v>
      </c>
      <c r="W10938" s="2">
        <v>0.14899999999999999</v>
      </c>
      <c r="X10938" s="2">
        <v>12</v>
      </c>
      <c r="Y10938" s="2">
        <v>62</v>
      </c>
      <c r="Z10938" s="2">
        <v>199.7</v>
      </c>
      <c r="AA10938" s="5">
        <v>8</v>
      </c>
      <c r="AB10938" s="5" t="s">
        <v>43</v>
      </c>
      <c r="AC10938" s="5" t="s">
        <v>44</v>
      </c>
      <c r="AD10938" s="2" t="s">
        <v>33218</v>
      </c>
      <c r="AE10938" s="1"/>
    </row>
    <row r="10939" spans="1:31" ht="14.45">
      <c r="A10939" s="11"/>
      <c r="B10939" s="20"/>
      <c r="C10939" s="2" t="s">
        <v>33605</v>
      </c>
      <c r="D10939" s="14" t="s">
        <v>33606</v>
      </c>
      <c r="E10939" s="2" t="s">
        <v>33607</v>
      </c>
      <c r="F10939" s="2" t="s">
        <v>33222</v>
      </c>
      <c r="G10939" s="8">
        <v>268</v>
      </c>
      <c r="H10939" s="5">
        <v>5</v>
      </c>
      <c r="I10939" s="5" t="s">
        <v>69</v>
      </c>
      <c r="J10939" s="5" t="s">
        <v>27074</v>
      </c>
      <c r="K10939" s="2" t="s">
        <v>27075</v>
      </c>
      <c r="L10939" s="5" t="s">
        <v>27074</v>
      </c>
      <c r="M10939" s="2" t="s">
        <v>27075</v>
      </c>
      <c r="N10939" s="5" t="s">
        <v>24254</v>
      </c>
      <c r="O10939" s="5" t="s">
        <v>38</v>
      </c>
      <c r="P10939" s="5" t="s">
        <v>39</v>
      </c>
      <c r="Q10939" s="5" t="s">
        <v>40</v>
      </c>
      <c r="R10939" s="5" t="s">
        <v>24335</v>
      </c>
      <c r="S10939" s="5" t="s">
        <v>40</v>
      </c>
      <c r="T10939" s="5" t="s">
        <v>42</v>
      </c>
      <c r="U10939" s="2">
        <v>10.406000000000001</v>
      </c>
      <c r="V10939" s="2">
        <v>7.5919999999999996</v>
      </c>
      <c r="W10939" s="2">
        <v>0.14899999999999999</v>
      </c>
      <c r="X10939" s="2">
        <v>12</v>
      </c>
      <c r="Y10939" s="2">
        <v>62</v>
      </c>
      <c r="Z10939" s="2">
        <v>199.7</v>
      </c>
      <c r="AA10939" s="5">
        <v>8</v>
      </c>
      <c r="AB10939" s="5" t="s">
        <v>43</v>
      </c>
      <c r="AC10939" s="5" t="s">
        <v>44</v>
      </c>
      <c r="AD10939" s="2" t="s">
        <v>33218</v>
      </c>
      <c r="AE10939" s="1"/>
    </row>
    <row r="10940" spans="1:31" ht="14.45">
      <c r="A10940" s="11"/>
      <c r="B10940" s="20"/>
      <c r="C10940" s="2" t="s">
        <v>33608</v>
      </c>
      <c r="D10940" s="14" t="s">
        <v>33609</v>
      </c>
      <c r="E10940" s="2" t="s">
        <v>33610</v>
      </c>
      <c r="F10940" s="2" t="s">
        <v>33226</v>
      </c>
      <c r="G10940" s="8">
        <v>268</v>
      </c>
      <c r="H10940" s="5">
        <v>5</v>
      </c>
      <c r="I10940" s="5" t="s">
        <v>69</v>
      </c>
      <c r="J10940" s="5" t="s">
        <v>27074</v>
      </c>
      <c r="K10940" s="2" t="s">
        <v>27075</v>
      </c>
      <c r="L10940" s="5" t="s">
        <v>27074</v>
      </c>
      <c r="M10940" s="2" t="s">
        <v>27075</v>
      </c>
      <c r="N10940" s="5" t="s">
        <v>24254</v>
      </c>
      <c r="O10940" s="5" t="s">
        <v>38</v>
      </c>
      <c r="P10940" s="5" t="s">
        <v>39</v>
      </c>
      <c r="Q10940" s="5" t="s">
        <v>40</v>
      </c>
      <c r="R10940" s="5" t="s">
        <v>24335</v>
      </c>
      <c r="S10940" s="5" t="s">
        <v>40</v>
      </c>
      <c r="T10940" s="5" t="s">
        <v>42</v>
      </c>
      <c r="U10940" s="2">
        <v>9.3469999999999995</v>
      </c>
      <c r="V10940" s="2">
        <v>6.5659999999999998</v>
      </c>
      <c r="W10940" s="2">
        <v>0.14899999999999999</v>
      </c>
      <c r="X10940" s="2">
        <v>12</v>
      </c>
      <c r="Y10940" s="2">
        <v>62</v>
      </c>
      <c r="Z10940" s="2">
        <v>199.7</v>
      </c>
      <c r="AA10940" s="5">
        <v>8</v>
      </c>
      <c r="AB10940" s="5" t="s">
        <v>43</v>
      </c>
      <c r="AC10940" s="5" t="s">
        <v>44</v>
      </c>
      <c r="AD10940" s="2" t="s">
        <v>33218</v>
      </c>
      <c r="AE10940" s="1"/>
    </row>
    <row r="10941" spans="1:31" ht="14.45">
      <c r="A10941" s="5" t="s">
        <v>116</v>
      </c>
      <c r="B10941" s="21">
        <v>46054</v>
      </c>
      <c r="C10941" s="2" t="s">
        <v>33611</v>
      </c>
      <c r="D10941" s="14" t="s">
        <v>33612</v>
      </c>
      <c r="E10941" s="2" t="s">
        <v>33229</v>
      </c>
      <c r="F10941" s="2" t="s">
        <v>33230</v>
      </c>
      <c r="G10941" s="8">
        <v>536</v>
      </c>
      <c r="H10941" s="5">
        <v>5</v>
      </c>
      <c r="I10941" s="5" t="s">
        <v>69</v>
      </c>
      <c r="J10941" s="5" t="s">
        <v>27074</v>
      </c>
      <c r="K10941" s="2" t="s">
        <v>27075</v>
      </c>
      <c r="L10941" s="5" t="s">
        <v>27074</v>
      </c>
      <c r="M10941" s="2" t="s">
        <v>27075</v>
      </c>
      <c r="N10941" s="5" t="s">
        <v>24254</v>
      </c>
      <c r="O10941" s="5" t="s">
        <v>38</v>
      </c>
      <c r="P10941" s="5" t="s">
        <v>39</v>
      </c>
      <c r="Q10941" s="5" t="s">
        <v>40</v>
      </c>
      <c r="R10941" s="5" t="s">
        <v>1487</v>
      </c>
      <c r="S10941" s="5"/>
      <c r="T10941" s="5" t="s">
        <v>42</v>
      </c>
      <c r="U10941" s="2">
        <v>0</v>
      </c>
      <c r="V10941" s="2">
        <v>0</v>
      </c>
      <c r="W10941" s="2">
        <v>0</v>
      </c>
      <c r="X10941" s="2">
        <v>0</v>
      </c>
      <c r="Y10941" s="2">
        <v>0</v>
      </c>
      <c r="Z10941" s="2">
        <v>0</v>
      </c>
      <c r="AA10941" s="5"/>
      <c r="AB10941" s="5" t="s">
        <v>43</v>
      </c>
      <c r="AC10941" s="5" t="s">
        <v>44</v>
      </c>
      <c r="AD10941" s="2" t="s">
        <v>33231</v>
      </c>
      <c r="AE10941" s="1"/>
    </row>
    <row r="10942" spans="1:31" ht="14.45">
      <c r="A10942" s="11"/>
      <c r="B10942" s="20"/>
      <c r="C10942" s="2" t="s">
        <v>33613</v>
      </c>
      <c r="D10942" s="14" t="s">
        <v>33614</v>
      </c>
      <c r="E10942" s="2" t="s">
        <v>33615</v>
      </c>
      <c r="F10942" s="2" t="s">
        <v>33616</v>
      </c>
      <c r="G10942" s="8">
        <v>200</v>
      </c>
      <c r="H10942" s="5">
        <v>5</v>
      </c>
      <c r="I10942" s="5" t="s">
        <v>69</v>
      </c>
      <c r="J10942" s="5" t="s">
        <v>27074</v>
      </c>
      <c r="K10942" s="2" t="s">
        <v>27075</v>
      </c>
      <c r="L10942" s="5" t="s">
        <v>27074</v>
      </c>
      <c r="M10942" s="2" t="s">
        <v>27075</v>
      </c>
      <c r="N10942" s="5" t="s">
        <v>24254</v>
      </c>
      <c r="O10942" s="5" t="s">
        <v>38</v>
      </c>
      <c r="P10942" s="5" t="s">
        <v>39</v>
      </c>
      <c r="Q10942" s="5" t="s">
        <v>40</v>
      </c>
      <c r="R10942" s="5" t="s">
        <v>24335</v>
      </c>
      <c r="S10942" s="5" t="s">
        <v>40</v>
      </c>
      <c r="T10942" s="5" t="s">
        <v>42</v>
      </c>
      <c r="U10942" s="2">
        <v>11.302</v>
      </c>
      <c r="V10942" s="2">
        <v>9.2460000000000004</v>
      </c>
      <c r="W10942" s="2">
        <v>0.14299999999999999</v>
      </c>
      <c r="X10942" s="2">
        <v>12</v>
      </c>
      <c r="Y10942" s="2">
        <v>77</v>
      </c>
      <c r="Z10942" s="2">
        <v>154.9</v>
      </c>
      <c r="AA10942" s="5">
        <v>8</v>
      </c>
      <c r="AB10942" s="5" t="s">
        <v>43</v>
      </c>
      <c r="AC10942" s="5" t="s">
        <v>44</v>
      </c>
      <c r="AD10942" s="2" t="s">
        <v>33617</v>
      </c>
      <c r="AE10942" s="1"/>
    </row>
    <row r="10943" spans="1:31" ht="14.45">
      <c r="A10943" s="11"/>
      <c r="B10943" s="20"/>
      <c r="C10943" s="2" t="s">
        <v>33618</v>
      </c>
      <c r="D10943" s="14" t="s">
        <v>33619</v>
      </c>
      <c r="E10943" s="2" t="s">
        <v>33620</v>
      </c>
      <c r="F10943" s="2" t="s">
        <v>33621</v>
      </c>
      <c r="G10943" s="8">
        <v>149</v>
      </c>
      <c r="H10943" s="5">
        <v>10</v>
      </c>
      <c r="I10943" s="5" t="s">
        <v>69</v>
      </c>
      <c r="J10943" s="5" t="s">
        <v>27074</v>
      </c>
      <c r="K10943" s="2" t="s">
        <v>27075</v>
      </c>
      <c r="L10943" s="5" t="s">
        <v>27074</v>
      </c>
      <c r="M10943" s="2" t="s">
        <v>27075</v>
      </c>
      <c r="N10943" s="5" t="s">
        <v>24254</v>
      </c>
      <c r="O10943" s="5" t="s">
        <v>38</v>
      </c>
      <c r="P10943" s="5" t="s">
        <v>39</v>
      </c>
      <c r="Q10943" s="5" t="s">
        <v>40</v>
      </c>
      <c r="R10943" s="5" t="s">
        <v>24335</v>
      </c>
      <c r="S10943" s="5" t="s">
        <v>40</v>
      </c>
      <c r="T10943" s="5" t="s">
        <v>42</v>
      </c>
      <c r="U10943" s="2">
        <v>8.5239999999999991</v>
      </c>
      <c r="V10943" s="2">
        <v>6.7359999999999998</v>
      </c>
      <c r="W10943" s="2">
        <v>0.13800000000000001</v>
      </c>
      <c r="X10943" s="2">
        <v>12</v>
      </c>
      <c r="Y10943" s="2">
        <v>62</v>
      </c>
      <c r="Z10943" s="2">
        <v>119.4</v>
      </c>
      <c r="AA10943" s="5">
        <v>8</v>
      </c>
      <c r="AB10943" s="5" t="s">
        <v>43</v>
      </c>
      <c r="AC10943" s="5" t="s">
        <v>44</v>
      </c>
      <c r="AD10943" s="2" t="s">
        <v>33622</v>
      </c>
      <c r="AE10943" s="1"/>
    </row>
    <row r="10944" spans="1:31" ht="14.45">
      <c r="A10944" s="11"/>
      <c r="B10944" s="20"/>
      <c r="C10944" s="2" t="s">
        <v>33623</v>
      </c>
      <c r="D10944" s="14" t="s">
        <v>33624</v>
      </c>
      <c r="E10944" s="2" t="s">
        <v>33625</v>
      </c>
      <c r="F10944" s="2" t="s">
        <v>33626</v>
      </c>
      <c r="G10944" s="8">
        <v>149</v>
      </c>
      <c r="H10944" s="5">
        <v>5</v>
      </c>
      <c r="I10944" s="5" t="s">
        <v>69</v>
      </c>
      <c r="J10944" s="5" t="s">
        <v>27074</v>
      </c>
      <c r="K10944" s="2" t="s">
        <v>27075</v>
      </c>
      <c r="L10944" s="5" t="s">
        <v>27074</v>
      </c>
      <c r="M10944" s="2" t="s">
        <v>27075</v>
      </c>
      <c r="N10944" s="5" t="s">
        <v>24254</v>
      </c>
      <c r="O10944" s="5" t="s">
        <v>38</v>
      </c>
      <c r="P10944" s="5" t="s">
        <v>39</v>
      </c>
      <c r="Q10944" s="5" t="s">
        <v>40</v>
      </c>
      <c r="R10944" s="5" t="s">
        <v>24335</v>
      </c>
      <c r="S10944" s="5" t="s">
        <v>40</v>
      </c>
      <c r="T10944" s="5" t="s">
        <v>42</v>
      </c>
      <c r="U10944" s="2">
        <v>7.6139999999999999</v>
      </c>
      <c r="V10944" s="2">
        <v>5.3680000000000003</v>
      </c>
      <c r="W10944" s="2">
        <v>8.8999999999999996E-2</v>
      </c>
      <c r="X10944" s="2">
        <v>12</v>
      </c>
      <c r="Y10944" s="2">
        <v>62</v>
      </c>
      <c r="Z10944" s="2">
        <v>119.4</v>
      </c>
      <c r="AA10944" s="5">
        <v>8</v>
      </c>
      <c r="AB10944" s="5" t="s">
        <v>43</v>
      </c>
      <c r="AC10944" s="5" t="s">
        <v>44</v>
      </c>
      <c r="AD10944" s="2" t="s">
        <v>33622</v>
      </c>
      <c r="AE10944" s="1"/>
    </row>
    <row r="10945" spans="1:31" ht="14.45">
      <c r="A10945" s="11"/>
      <c r="B10945" s="20"/>
      <c r="C10945" s="2" t="s">
        <v>33627</v>
      </c>
      <c r="D10945" s="14" t="s">
        <v>33628</v>
      </c>
      <c r="E10945" s="2" t="s">
        <v>33629</v>
      </c>
      <c r="F10945" s="2" t="s">
        <v>33630</v>
      </c>
      <c r="G10945" s="8">
        <v>149</v>
      </c>
      <c r="H10945" s="5">
        <v>10</v>
      </c>
      <c r="I10945" s="5" t="s">
        <v>69</v>
      </c>
      <c r="J10945" s="5" t="s">
        <v>27074</v>
      </c>
      <c r="K10945" s="2" t="s">
        <v>27075</v>
      </c>
      <c r="L10945" s="5" t="s">
        <v>27074</v>
      </c>
      <c r="M10945" s="2" t="s">
        <v>27075</v>
      </c>
      <c r="N10945" s="5" t="s">
        <v>24254</v>
      </c>
      <c r="O10945" s="5" t="s">
        <v>38</v>
      </c>
      <c r="P10945" s="5" t="s">
        <v>39</v>
      </c>
      <c r="Q10945" s="5" t="s">
        <v>40</v>
      </c>
      <c r="R10945" s="5" t="s">
        <v>24335</v>
      </c>
      <c r="S10945" s="5" t="s">
        <v>40</v>
      </c>
      <c r="T10945" s="5" t="s">
        <v>42</v>
      </c>
      <c r="U10945" s="2">
        <v>6.7050000000000001</v>
      </c>
      <c r="V10945" s="2">
        <v>4.4569999999999999</v>
      </c>
      <c r="W10945" s="2">
        <v>8.8999999999999996E-2</v>
      </c>
      <c r="X10945" s="2">
        <v>12</v>
      </c>
      <c r="Y10945" s="2">
        <v>62</v>
      </c>
      <c r="Z10945" s="2">
        <v>119.4</v>
      </c>
      <c r="AA10945" s="5">
        <v>8</v>
      </c>
      <c r="AB10945" s="5" t="s">
        <v>43</v>
      </c>
      <c r="AC10945" s="5" t="s">
        <v>44</v>
      </c>
      <c r="AD10945" s="2" t="s">
        <v>33622</v>
      </c>
      <c r="AE10945" s="1"/>
    </row>
    <row r="10946" spans="1:31" ht="14.45">
      <c r="A10946" s="11"/>
      <c r="B10946" s="20"/>
      <c r="C10946" s="2" t="s">
        <v>33631</v>
      </c>
      <c r="D10946" s="14" t="s">
        <v>33632</v>
      </c>
      <c r="E10946" s="2" t="s">
        <v>33633</v>
      </c>
      <c r="F10946" s="2" t="s">
        <v>33634</v>
      </c>
      <c r="G10946" s="8">
        <v>149</v>
      </c>
      <c r="H10946" s="5">
        <v>5</v>
      </c>
      <c r="I10946" s="5" t="s">
        <v>69</v>
      </c>
      <c r="J10946" s="5" t="s">
        <v>27074</v>
      </c>
      <c r="K10946" s="2" t="s">
        <v>27075</v>
      </c>
      <c r="L10946" s="5" t="s">
        <v>27074</v>
      </c>
      <c r="M10946" s="2" t="s">
        <v>27075</v>
      </c>
      <c r="N10946" s="5" t="s">
        <v>24254</v>
      </c>
      <c r="O10946" s="5" t="s">
        <v>38</v>
      </c>
      <c r="P10946" s="5" t="s">
        <v>39</v>
      </c>
      <c r="Q10946" s="5" t="s">
        <v>40</v>
      </c>
      <c r="R10946" s="5" t="s">
        <v>24335</v>
      </c>
      <c r="S10946" s="5" t="s">
        <v>40</v>
      </c>
      <c r="T10946" s="5" t="s">
        <v>42</v>
      </c>
      <c r="U10946" s="2">
        <v>5.5510000000000002</v>
      </c>
      <c r="V10946" s="2">
        <v>3.3559999999999999</v>
      </c>
      <c r="W10946" s="2">
        <v>8.8999999999999996E-2</v>
      </c>
      <c r="X10946" s="2">
        <v>12</v>
      </c>
      <c r="Y10946" s="2">
        <v>62</v>
      </c>
      <c r="Z10946" s="2">
        <v>119.4</v>
      </c>
      <c r="AA10946" s="5">
        <v>10</v>
      </c>
      <c r="AB10946" s="5" t="s">
        <v>43</v>
      </c>
      <c r="AC10946" s="5" t="s">
        <v>44</v>
      </c>
      <c r="AD10946" s="2" t="s">
        <v>33635</v>
      </c>
      <c r="AE10946" s="1"/>
    </row>
    <row r="10947" spans="1:31" ht="14.45">
      <c r="A10947" s="11"/>
      <c r="B10947" s="20"/>
      <c r="C10947" s="2" t="s">
        <v>33636</v>
      </c>
      <c r="D10947" s="14" t="s">
        <v>33637</v>
      </c>
      <c r="E10947" s="2" t="s">
        <v>33638</v>
      </c>
      <c r="F10947" s="2" t="s">
        <v>33634</v>
      </c>
      <c r="G10947" s="8">
        <v>149</v>
      </c>
      <c r="H10947" s="5">
        <v>5</v>
      </c>
      <c r="I10947" s="5" t="s">
        <v>69</v>
      </c>
      <c r="J10947" s="5" t="s">
        <v>27074</v>
      </c>
      <c r="K10947" s="2" t="s">
        <v>27075</v>
      </c>
      <c r="L10947" s="5" t="s">
        <v>27074</v>
      </c>
      <c r="M10947" s="2" t="s">
        <v>27075</v>
      </c>
      <c r="N10947" s="5" t="s">
        <v>24254</v>
      </c>
      <c r="O10947" s="5" t="s">
        <v>38</v>
      </c>
      <c r="P10947" s="5" t="s">
        <v>39</v>
      </c>
      <c r="Q10947" s="5" t="s">
        <v>40</v>
      </c>
      <c r="R10947" s="5" t="s">
        <v>24335</v>
      </c>
      <c r="S10947" s="5" t="s">
        <v>40</v>
      </c>
      <c r="T10947" s="5" t="s">
        <v>42</v>
      </c>
      <c r="U10947" s="2">
        <v>5.843</v>
      </c>
      <c r="V10947" s="2">
        <v>3.6019999999999999</v>
      </c>
      <c r="W10947" s="2">
        <v>8.8999999999999996E-2</v>
      </c>
      <c r="X10947" s="2">
        <v>12</v>
      </c>
      <c r="Y10947" s="2">
        <v>62</v>
      </c>
      <c r="Z10947" s="2">
        <v>119.4</v>
      </c>
      <c r="AA10947" s="5">
        <v>10</v>
      </c>
      <c r="AB10947" s="5" t="s">
        <v>43</v>
      </c>
      <c r="AC10947" s="5" t="s">
        <v>44</v>
      </c>
      <c r="AD10947" s="2" t="s">
        <v>33639</v>
      </c>
      <c r="AE10947" s="1"/>
    </row>
    <row r="10948" spans="1:31" ht="14.45">
      <c r="A10948" s="11"/>
      <c r="B10948" s="20"/>
      <c r="C10948" s="2" t="s">
        <v>33640</v>
      </c>
      <c r="D10948" s="14" t="s">
        <v>33641</v>
      </c>
      <c r="E10948" s="2" t="s">
        <v>33642</v>
      </c>
      <c r="F10948" s="2" t="s">
        <v>33643</v>
      </c>
      <c r="G10948" s="8">
        <v>149</v>
      </c>
      <c r="H10948" s="5">
        <v>5</v>
      </c>
      <c r="I10948" s="5" t="s">
        <v>69</v>
      </c>
      <c r="J10948" s="5" t="s">
        <v>27074</v>
      </c>
      <c r="K10948" s="2" t="s">
        <v>27075</v>
      </c>
      <c r="L10948" s="5" t="s">
        <v>27074</v>
      </c>
      <c r="M10948" s="2" t="s">
        <v>27075</v>
      </c>
      <c r="N10948" s="5" t="s">
        <v>24254</v>
      </c>
      <c r="O10948" s="5" t="s">
        <v>38</v>
      </c>
      <c r="P10948" s="5" t="s">
        <v>39</v>
      </c>
      <c r="Q10948" s="5" t="s">
        <v>40</v>
      </c>
      <c r="R10948" s="5" t="s">
        <v>24335</v>
      </c>
      <c r="S10948" s="5" t="s">
        <v>40</v>
      </c>
      <c r="T10948" s="5" t="s">
        <v>42</v>
      </c>
      <c r="U10948" s="2">
        <v>4.7460000000000004</v>
      </c>
      <c r="V10948" s="2">
        <v>2.597</v>
      </c>
      <c r="W10948" s="2">
        <v>8.8999999999999996E-2</v>
      </c>
      <c r="X10948" s="2">
        <v>12</v>
      </c>
      <c r="Y10948" s="2">
        <v>62</v>
      </c>
      <c r="Z10948" s="2">
        <v>119.4</v>
      </c>
      <c r="AA10948" s="5">
        <v>10</v>
      </c>
      <c r="AB10948" s="5" t="s">
        <v>43</v>
      </c>
      <c r="AC10948" s="5" t="s">
        <v>44</v>
      </c>
      <c r="AD10948" s="2" t="s">
        <v>33644</v>
      </c>
      <c r="AE10948" s="1"/>
    </row>
    <row r="10949" spans="1:31" ht="14.45">
      <c r="A10949" s="11"/>
      <c r="B10949" s="20"/>
      <c r="C10949" s="2" t="s">
        <v>33645</v>
      </c>
      <c r="D10949" s="14" t="s">
        <v>33646</v>
      </c>
      <c r="E10949" s="2" t="s">
        <v>33647</v>
      </c>
      <c r="F10949" s="2" t="s">
        <v>33643</v>
      </c>
      <c r="G10949" s="8">
        <v>149</v>
      </c>
      <c r="H10949" s="5">
        <v>5</v>
      </c>
      <c r="I10949" s="5" t="s">
        <v>69</v>
      </c>
      <c r="J10949" s="5" t="s">
        <v>27074</v>
      </c>
      <c r="K10949" s="2" t="s">
        <v>27075</v>
      </c>
      <c r="L10949" s="5" t="s">
        <v>27074</v>
      </c>
      <c r="M10949" s="2" t="s">
        <v>27075</v>
      </c>
      <c r="N10949" s="5" t="s">
        <v>24254</v>
      </c>
      <c r="O10949" s="5" t="s">
        <v>38</v>
      </c>
      <c r="P10949" s="5" t="s">
        <v>39</v>
      </c>
      <c r="Q10949" s="5" t="s">
        <v>40</v>
      </c>
      <c r="R10949" s="5" t="s">
        <v>24335</v>
      </c>
      <c r="S10949" s="5" t="s">
        <v>40</v>
      </c>
      <c r="T10949" s="5" t="s">
        <v>42</v>
      </c>
      <c r="U10949" s="2">
        <v>5.1840000000000002</v>
      </c>
      <c r="V10949" s="2">
        <v>2.9430000000000001</v>
      </c>
      <c r="W10949" s="2">
        <v>8.8999999999999996E-2</v>
      </c>
      <c r="X10949" s="2">
        <v>12</v>
      </c>
      <c r="Y10949" s="2">
        <v>62</v>
      </c>
      <c r="Z10949" s="2">
        <v>119.4</v>
      </c>
      <c r="AA10949" s="5">
        <v>10</v>
      </c>
      <c r="AB10949" s="5" t="s">
        <v>43</v>
      </c>
      <c r="AC10949" s="5" t="s">
        <v>44</v>
      </c>
      <c r="AD10949" s="2" t="s">
        <v>33648</v>
      </c>
      <c r="AE10949" s="1"/>
    </row>
    <row r="10950" spans="1:31" ht="14.45">
      <c r="A10950" s="11"/>
      <c r="B10950" s="20"/>
      <c r="C10950" s="2" t="s">
        <v>33649</v>
      </c>
      <c r="D10950" s="14" t="s">
        <v>33650</v>
      </c>
      <c r="E10950" s="2" t="s">
        <v>33651</v>
      </c>
      <c r="F10950" s="2" t="s">
        <v>33652</v>
      </c>
      <c r="G10950" s="8">
        <v>149</v>
      </c>
      <c r="H10950" s="5">
        <v>5</v>
      </c>
      <c r="I10950" s="5" t="s">
        <v>69</v>
      </c>
      <c r="J10950" s="5" t="s">
        <v>27074</v>
      </c>
      <c r="K10950" s="2" t="s">
        <v>27075</v>
      </c>
      <c r="L10950" s="5" t="s">
        <v>27074</v>
      </c>
      <c r="M10950" s="2" t="s">
        <v>27075</v>
      </c>
      <c r="N10950" s="5" t="s">
        <v>24254</v>
      </c>
      <c r="O10950" s="5" t="s">
        <v>38</v>
      </c>
      <c r="P10950" s="5" t="s">
        <v>39</v>
      </c>
      <c r="Q10950" s="5" t="s">
        <v>40</v>
      </c>
      <c r="R10950" s="5" t="s">
        <v>24335</v>
      </c>
      <c r="S10950" s="5" t="s">
        <v>40</v>
      </c>
      <c r="T10950" s="5" t="s">
        <v>42</v>
      </c>
      <c r="U10950" s="2">
        <v>5.165</v>
      </c>
      <c r="V10950" s="2">
        <v>2.915</v>
      </c>
      <c r="W10950" s="2">
        <v>8.8999999999999996E-2</v>
      </c>
      <c r="X10950" s="2">
        <v>12</v>
      </c>
      <c r="Y10950" s="2">
        <v>62</v>
      </c>
      <c r="Z10950" s="2">
        <v>119.4</v>
      </c>
      <c r="AA10950" s="5">
        <v>10</v>
      </c>
      <c r="AB10950" s="5" t="s">
        <v>43</v>
      </c>
      <c r="AC10950" s="5" t="s">
        <v>44</v>
      </c>
      <c r="AD10950" s="2" t="s">
        <v>33644</v>
      </c>
      <c r="AE10950" s="1"/>
    </row>
    <row r="10951" spans="1:31" ht="14.45">
      <c r="A10951" s="11"/>
      <c r="B10951" s="20"/>
      <c r="C10951" s="2" t="s">
        <v>33653</v>
      </c>
      <c r="D10951" s="14" t="s">
        <v>33654</v>
      </c>
      <c r="E10951" s="2" t="s">
        <v>33655</v>
      </c>
      <c r="F10951" s="2" t="s">
        <v>33652</v>
      </c>
      <c r="G10951" s="8">
        <v>149</v>
      </c>
      <c r="H10951" s="5">
        <v>5</v>
      </c>
      <c r="I10951" s="5" t="s">
        <v>69</v>
      </c>
      <c r="J10951" s="5" t="s">
        <v>27074</v>
      </c>
      <c r="K10951" s="2" t="s">
        <v>27075</v>
      </c>
      <c r="L10951" s="5" t="s">
        <v>27074</v>
      </c>
      <c r="M10951" s="2" t="s">
        <v>27075</v>
      </c>
      <c r="N10951" s="5" t="s">
        <v>24254</v>
      </c>
      <c r="O10951" s="5" t="s">
        <v>38</v>
      </c>
      <c r="P10951" s="5" t="s">
        <v>39</v>
      </c>
      <c r="Q10951" s="5" t="s">
        <v>40</v>
      </c>
      <c r="R10951" s="5" t="s">
        <v>24335</v>
      </c>
      <c r="S10951" s="5" t="s">
        <v>40</v>
      </c>
      <c r="T10951" s="5" t="s">
        <v>42</v>
      </c>
      <c r="U10951" s="2">
        <v>5.4909999999999997</v>
      </c>
      <c r="V10951" s="2">
        <v>3.1949999999999998</v>
      </c>
      <c r="W10951" s="2">
        <v>8.8999999999999996E-2</v>
      </c>
      <c r="X10951" s="2">
        <v>12</v>
      </c>
      <c r="Y10951" s="2">
        <v>62</v>
      </c>
      <c r="Z10951" s="2">
        <v>119.4</v>
      </c>
      <c r="AA10951" s="5">
        <v>10</v>
      </c>
      <c r="AB10951" s="5" t="s">
        <v>43</v>
      </c>
      <c r="AC10951" s="5" t="s">
        <v>44</v>
      </c>
      <c r="AD10951" s="2" t="s">
        <v>33648</v>
      </c>
      <c r="AE10951" s="1"/>
    </row>
    <row r="10952" spans="1:31" ht="14.45">
      <c r="A10952" s="11"/>
      <c r="B10952" s="20"/>
      <c r="C10952" s="2" t="s">
        <v>33656</v>
      </c>
      <c r="D10952" s="14" t="s">
        <v>33657</v>
      </c>
      <c r="E10952" s="2" t="s">
        <v>33658</v>
      </c>
      <c r="F10952" s="2" t="s">
        <v>33659</v>
      </c>
      <c r="G10952" s="8">
        <v>272</v>
      </c>
      <c r="H10952" s="5">
        <v>5</v>
      </c>
      <c r="I10952" s="5" t="s">
        <v>69</v>
      </c>
      <c r="J10952" s="5" t="s">
        <v>27074</v>
      </c>
      <c r="K10952" s="2" t="s">
        <v>27075</v>
      </c>
      <c r="L10952" s="5" t="s">
        <v>27074</v>
      </c>
      <c r="M10952" s="2" t="s">
        <v>27075</v>
      </c>
      <c r="N10952" s="5" t="s">
        <v>24254</v>
      </c>
      <c r="O10952" s="5" t="s">
        <v>38</v>
      </c>
      <c r="P10952" s="5" t="s">
        <v>39</v>
      </c>
      <c r="Q10952" s="5" t="s">
        <v>40</v>
      </c>
      <c r="R10952" s="5" t="s">
        <v>24335</v>
      </c>
      <c r="S10952" s="5" t="s">
        <v>40</v>
      </c>
      <c r="T10952" s="5" t="s">
        <v>42</v>
      </c>
      <c r="U10952" s="2">
        <v>13.128</v>
      </c>
      <c r="V10952" s="2">
        <v>11.225</v>
      </c>
      <c r="W10952" s="2">
        <v>0.152</v>
      </c>
      <c r="X10952" s="2">
        <v>15</v>
      </c>
      <c r="Y10952" s="2">
        <v>77</v>
      </c>
      <c r="Z10952" s="2">
        <v>131.4</v>
      </c>
      <c r="AA10952" s="5">
        <v>8</v>
      </c>
      <c r="AB10952" s="5" t="s">
        <v>43</v>
      </c>
      <c r="AC10952" s="5" t="s">
        <v>44</v>
      </c>
      <c r="AD10952" s="2" t="s">
        <v>33660</v>
      </c>
      <c r="AE10952" s="1"/>
    </row>
    <row r="10953" spans="1:31" ht="14.45">
      <c r="A10953" s="11"/>
      <c r="B10953" s="20"/>
      <c r="C10953" s="2" t="s">
        <v>33661</v>
      </c>
      <c r="D10953" s="14" t="s">
        <v>33662</v>
      </c>
      <c r="E10953" s="2" t="s">
        <v>33663</v>
      </c>
      <c r="F10953" s="2" t="s">
        <v>33664</v>
      </c>
      <c r="G10953" s="8">
        <v>300</v>
      </c>
      <c r="H10953" s="5">
        <v>10</v>
      </c>
      <c r="I10953" s="5" t="s">
        <v>69</v>
      </c>
      <c r="J10953" s="5" t="s">
        <v>27074</v>
      </c>
      <c r="K10953" s="2" t="s">
        <v>27075</v>
      </c>
      <c r="L10953" s="5" t="s">
        <v>27074</v>
      </c>
      <c r="M10953" s="2" t="s">
        <v>27075</v>
      </c>
      <c r="N10953" s="5" t="s">
        <v>24254</v>
      </c>
      <c r="O10953" s="5" t="s">
        <v>38</v>
      </c>
      <c r="P10953" s="5" t="s">
        <v>39</v>
      </c>
      <c r="Q10953" s="5" t="s">
        <v>40</v>
      </c>
      <c r="R10953" s="5" t="s">
        <v>24340</v>
      </c>
      <c r="S10953" s="5" t="s">
        <v>40</v>
      </c>
      <c r="T10953" s="5" t="s">
        <v>42</v>
      </c>
      <c r="U10953" s="2">
        <v>12.661</v>
      </c>
      <c r="V10953" s="2">
        <v>10.872999999999999</v>
      </c>
      <c r="W10953" s="2">
        <v>0.13800000000000001</v>
      </c>
      <c r="X10953" s="2">
        <v>12</v>
      </c>
      <c r="Y10953" s="2">
        <v>62</v>
      </c>
      <c r="Z10953" s="2">
        <v>119.4</v>
      </c>
      <c r="AA10953" s="5">
        <v>8</v>
      </c>
      <c r="AB10953" s="5" t="s">
        <v>43</v>
      </c>
      <c r="AC10953" s="5" t="s">
        <v>44</v>
      </c>
      <c r="AD10953" s="2" t="s">
        <v>33665</v>
      </c>
      <c r="AE10953" s="1"/>
    </row>
    <row r="10954" spans="1:31" ht="14.45">
      <c r="A10954" s="11"/>
      <c r="B10954" s="20"/>
      <c r="C10954" s="2" t="s">
        <v>33666</v>
      </c>
      <c r="D10954" s="14" t="s">
        <v>33667</v>
      </c>
      <c r="E10954" s="2" t="s">
        <v>33668</v>
      </c>
      <c r="F10954" s="2" t="s">
        <v>33669</v>
      </c>
      <c r="G10954" s="8">
        <v>300</v>
      </c>
      <c r="H10954" s="5">
        <v>10</v>
      </c>
      <c r="I10954" s="5" t="s">
        <v>69</v>
      </c>
      <c r="J10954" s="5" t="s">
        <v>27074</v>
      </c>
      <c r="K10954" s="2" t="s">
        <v>27075</v>
      </c>
      <c r="L10954" s="5" t="s">
        <v>27074</v>
      </c>
      <c r="M10954" s="2" t="s">
        <v>27075</v>
      </c>
      <c r="N10954" s="5" t="s">
        <v>24254</v>
      </c>
      <c r="O10954" s="5" t="s">
        <v>38</v>
      </c>
      <c r="P10954" s="5" t="s">
        <v>39</v>
      </c>
      <c r="Q10954" s="5" t="s">
        <v>40</v>
      </c>
      <c r="R10954" s="5" t="s">
        <v>24340</v>
      </c>
      <c r="S10954" s="5" t="s">
        <v>40</v>
      </c>
      <c r="T10954" s="5" t="s">
        <v>42</v>
      </c>
      <c r="U10954" s="2">
        <v>10.433</v>
      </c>
      <c r="V10954" s="2">
        <v>8.6460000000000008</v>
      </c>
      <c r="W10954" s="2">
        <v>0.111</v>
      </c>
      <c r="X10954" s="2">
        <v>12</v>
      </c>
      <c r="Y10954" s="2">
        <v>62</v>
      </c>
      <c r="Z10954" s="2">
        <v>119.4</v>
      </c>
      <c r="AA10954" s="5">
        <v>8</v>
      </c>
      <c r="AB10954" s="5" t="s">
        <v>43</v>
      </c>
      <c r="AC10954" s="5" t="s">
        <v>44</v>
      </c>
      <c r="AD10954" s="2" t="s">
        <v>33665</v>
      </c>
      <c r="AE10954" s="1"/>
    </row>
    <row r="10955" spans="1:31" ht="14.45">
      <c r="A10955" s="11"/>
      <c r="B10955" s="20"/>
      <c r="C10955" s="2" t="s">
        <v>33670</v>
      </c>
      <c r="D10955" s="14" t="s">
        <v>33671</v>
      </c>
      <c r="E10955" s="2" t="s">
        <v>33672</v>
      </c>
      <c r="F10955" s="2" t="s">
        <v>33673</v>
      </c>
      <c r="G10955" s="8">
        <v>300</v>
      </c>
      <c r="H10955" s="5">
        <v>10</v>
      </c>
      <c r="I10955" s="5" t="s">
        <v>69</v>
      </c>
      <c r="J10955" s="5" t="s">
        <v>27074</v>
      </c>
      <c r="K10955" s="2" t="s">
        <v>27075</v>
      </c>
      <c r="L10955" s="5" t="s">
        <v>27074</v>
      </c>
      <c r="M10955" s="2" t="s">
        <v>27075</v>
      </c>
      <c r="N10955" s="5" t="s">
        <v>24254</v>
      </c>
      <c r="O10955" s="5" t="s">
        <v>38</v>
      </c>
      <c r="P10955" s="5" t="s">
        <v>39</v>
      </c>
      <c r="Q10955" s="5" t="s">
        <v>40</v>
      </c>
      <c r="R10955" s="5" t="s">
        <v>24340</v>
      </c>
      <c r="S10955" s="5" t="s">
        <v>40</v>
      </c>
      <c r="T10955" s="5" t="s">
        <v>42</v>
      </c>
      <c r="U10955" s="2">
        <v>9.2590000000000003</v>
      </c>
      <c r="V10955" s="2">
        <v>7.5049999999999999</v>
      </c>
      <c r="W10955" s="2">
        <v>8.8999999999999996E-2</v>
      </c>
      <c r="X10955" s="2">
        <v>12</v>
      </c>
      <c r="Y10955" s="2">
        <v>62</v>
      </c>
      <c r="Z10955" s="2">
        <v>119.4</v>
      </c>
      <c r="AA10955" s="5">
        <v>8</v>
      </c>
      <c r="AB10955" s="5" t="s">
        <v>43</v>
      </c>
      <c r="AC10955" s="5" t="s">
        <v>44</v>
      </c>
      <c r="AD10955" s="2" t="s">
        <v>33665</v>
      </c>
      <c r="AE10955" s="1"/>
    </row>
    <row r="10956" spans="1:31" ht="14.45">
      <c r="A10956" s="11"/>
      <c r="B10956" s="20"/>
      <c r="C10956" s="2" t="s">
        <v>33674</v>
      </c>
      <c r="D10956" s="14" t="s">
        <v>33675</v>
      </c>
      <c r="E10956" s="2" t="s">
        <v>33676</v>
      </c>
      <c r="F10956" s="2" t="s">
        <v>33677</v>
      </c>
      <c r="G10956" s="8">
        <v>300</v>
      </c>
      <c r="H10956" s="5">
        <v>10</v>
      </c>
      <c r="I10956" s="5" t="s">
        <v>69</v>
      </c>
      <c r="J10956" s="5" t="s">
        <v>27074</v>
      </c>
      <c r="K10956" s="2" t="s">
        <v>27075</v>
      </c>
      <c r="L10956" s="5" t="s">
        <v>27074</v>
      </c>
      <c r="M10956" s="2" t="s">
        <v>27075</v>
      </c>
      <c r="N10956" s="5" t="s">
        <v>24254</v>
      </c>
      <c r="O10956" s="5" t="s">
        <v>38</v>
      </c>
      <c r="P10956" s="5" t="s">
        <v>39</v>
      </c>
      <c r="Q10956" s="5" t="s">
        <v>40</v>
      </c>
      <c r="R10956" s="5" t="s">
        <v>24340</v>
      </c>
      <c r="S10956" s="5" t="s">
        <v>40</v>
      </c>
      <c r="T10956" s="5" t="s">
        <v>42</v>
      </c>
      <c r="U10956" s="2">
        <v>8.3979999999999997</v>
      </c>
      <c r="V10956" s="2">
        <v>6.6879999999999997</v>
      </c>
      <c r="W10956" s="2">
        <v>8.8999999999999996E-2</v>
      </c>
      <c r="X10956" s="2">
        <v>12</v>
      </c>
      <c r="Y10956" s="2">
        <v>62</v>
      </c>
      <c r="Z10956" s="2">
        <v>119.4</v>
      </c>
      <c r="AA10956" s="5">
        <v>10</v>
      </c>
      <c r="AB10956" s="5" t="s">
        <v>43</v>
      </c>
      <c r="AC10956" s="5" t="s">
        <v>44</v>
      </c>
      <c r="AD10956" s="2" t="s">
        <v>33678</v>
      </c>
      <c r="AE10956" s="1"/>
    </row>
    <row r="10957" spans="1:31" ht="14.45">
      <c r="A10957" s="11"/>
      <c r="B10957" s="20"/>
      <c r="C10957" s="2" t="s">
        <v>33679</v>
      </c>
      <c r="D10957" s="14" t="s">
        <v>33680</v>
      </c>
      <c r="E10957" s="2" t="s">
        <v>33681</v>
      </c>
      <c r="F10957" s="2" t="s">
        <v>33682</v>
      </c>
      <c r="G10957" s="8">
        <v>300</v>
      </c>
      <c r="H10957" s="5">
        <v>10</v>
      </c>
      <c r="I10957" s="5" t="s">
        <v>69</v>
      </c>
      <c r="J10957" s="5" t="s">
        <v>27074</v>
      </c>
      <c r="K10957" s="2" t="s">
        <v>27075</v>
      </c>
      <c r="L10957" s="5" t="s">
        <v>27074</v>
      </c>
      <c r="M10957" s="2" t="s">
        <v>27075</v>
      </c>
      <c r="N10957" s="5" t="s">
        <v>24254</v>
      </c>
      <c r="O10957" s="5" t="s">
        <v>38</v>
      </c>
      <c r="P10957" s="5" t="s">
        <v>39</v>
      </c>
      <c r="Q10957" s="5" t="s">
        <v>40</v>
      </c>
      <c r="R10957" s="5" t="s">
        <v>24340</v>
      </c>
      <c r="S10957" s="5" t="s">
        <v>40</v>
      </c>
      <c r="T10957" s="5" t="s">
        <v>42</v>
      </c>
      <c r="U10957" s="2">
        <v>6.173</v>
      </c>
      <c r="V10957" s="2">
        <v>4.4630000000000001</v>
      </c>
      <c r="W10957" s="2">
        <v>8.8999999999999996E-2</v>
      </c>
      <c r="X10957" s="2">
        <v>12</v>
      </c>
      <c r="Y10957" s="2">
        <v>62</v>
      </c>
      <c r="Z10957" s="2">
        <v>119.4</v>
      </c>
      <c r="AA10957" s="5">
        <v>10</v>
      </c>
      <c r="AB10957" s="5" t="s">
        <v>43</v>
      </c>
      <c r="AC10957" s="5" t="s">
        <v>44</v>
      </c>
      <c r="AD10957" s="2" t="s">
        <v>33683</v>
      </c>
      <c r="AE10957" s="1"/>
    </row>
    <row r="10958" spans="1:31" ht="14.45">
      <c r="A10958" s="11"/>
      <c r="B10958" s="20"/>
      <c r="C10958" s="2" t="s">
        <v>33684</v>
      </c>
      <c r="D10958" s="14" t="s">
        <v>33685</v>
      </c>
      <c r="E10958" s="2" t="s">
        <v>33686</v>
      </c>
      <c r="F10958" s="2" t="s">
        <v>33687</v>
      </c>
      <c r="G10958" s="8">
        <v>300</v>
      </c>
      <c r="H10958" s="5">
        <v>10</v>
      </c>
      <c r="I10958" s="5" t="s">
        <v>69</v>
      </c>
      <c r="J10958" s="5" t="s">
        <v>27074</v>
      </c>
      <c r="K10958" s="2" t="s">
        <v>27075</v>
      </c>
      <c r="L10958" s="5" t="s">
        <v>27074</v>
      </c>
      <c r="M10958" s="2" t="s">
        <v>27075</v>
      </c>
      <c r="N10958" s="5" t="s">
        <v>24254</v>
      </c>
      <c r="O10958" s="5" t="s">
        <v>38</v>
      </c>
      <c r="P10958" s="5" t="s">
        <v>39</v>
      </c>
      <c r="Q10958" s="5" t="s">
        <v>40</v>
      </c>
      <c r="R10958" s="5" t="s">
        <v>24340</v>
      </c>
      <c r="S10958" s="5" t="s">
        <v>40</v>
      </c>
      <c r="T10958" s="5" t="s">
        <v>42</v>
      </c>
      <c r="U10958" s="2">
        <v>8.1539999999999999</v>
      </c>
      <c r="V10958" s="2">
        <v>6.343</v>
      </c>
      <c r="W10958" s="2">
        <v>8.8999999999999996E-2</v>
      </c>
      <c r="X10958" s="2">
        <v>12</v>
      </c>
      <c r="Y10958" s="2">
        <v>62</v>
      </c>
      <c r="Z10958" s="2">
        <v>119.4</v>
      </c>
      <c r="AA10958" s="5">
        <v>10</v>
      </c>
      <c r="AB10958" s="5" t="s">
        <v>43</v>
      </c>
      <c r="AC10958" s="5" t="s">
        <v>44</v>
      </c>
      <c r="AD10958" s="2" t="s">
        <v>33688</v>
      </c>
      <c r="AE10958" s="1"/>
    </row>
    <row r="10959" spans="1:31" ht="14.45">
      <c r="A10959" s="11"/>
      <c r="B10959" s="20"/>
      <c r="C10959" s="2" t="s">
        <v>33689</v>
      </c>
      <c r="D10959" s="14" t="s">
        <v>33690</v>
      </c>
      <c r="E10959" s="2" t="s">
        <v>33691</v>
      </c>
      <c r="F10959" s="2" t="s">
        <v>33692</v>
      </c>
      <c r="G10959" s="8">
        <v>574</v>
      </c>
      <c r="H10959" s="5">
        <v>10</v>
      </c>
      <c r="I10959" s="5" t="s">
        <v>69</v>
      </c>
      <c r="J10959" s="5" t="s">
        <v>27074</v>
      </c>
      <c r="K10959" s="2" t="s">
        <v>27075</v>
      </c>
      <c r="L10959" s="5" t="s">
        <v>27074</v>
      </c>
      <c r="M10959" s="2" t="s">
        <v>27075</v>
      </c>
      <c r="N10959" s="5" t="s">
        <v>24254</v>
      </c>
      <c r="O10959" s="5" t="s">
        <v>38</v>
      </c>
      <c r="P10959" s="5" t="s">
        <v>39</v>
      </c>
      <c r="Q10959" s="5" t="s">
        <v>40</v>
      </c>
      <c r="R10959" s="5" t="s">
        <v>24340</v>
      </c>
      <c r="S10959" s="5" t="s">
        <v>40</v>
      </c>
      <c r="T10959" s="5" t="s">
        <v>42</v>
      </c>
      <c r="U10959" s="2">
        <v>16.998000000000001</v>
      </c>
      <c r="V10959" s="2">
        <v>14.851000000000001</v>
      </c>
      <c r="W10959" s="2">
        <v>0.17899999999999999</v>
      </c>
      <c r="X10959" s="2">
        <v>15</v>
      </c>
      <c r="Y10959" s="2">
        <v>77</v>
      </c>
      <c r="Z10959" s="2">
        <v>154.9</v>
      </c>
      <c r="AA10959" s="5">
        <v>8</v>
      </c>
      <c r="AB10959" s="5" t="s">
        <v>43</v>
      </c>
      <c r="AC10959" s="5" t="s">
        <v>44</v>
      </c>
      <c r="AD10959" s="2" t="s">
        <v>33660</v>
      </c>
      <c r="AE10959" s="1"/>
    </row>
    <row r="10960" spans="1:31" ht="14.45">
      <c r="A10960" s="11"/>
      <c r="B10960" s="20"/>
      <c r="C10960" s="2" t="s">
        <v>33693</v>
      </c>
      <c r="D10960" s="14" t="s">
        <v>33694</v>
      </c>
      <c r="E10960" s="2" t="s">
        <v>33695</v>
      </c>
      <c r="F10960" s="2" t="s">
        <v>33696</v>
      </c>
      <c r="G10960" s="8">
        <v>300</v>
      </c>
      <c r="H10960" s="5">
        <v>10</v>
      </c>
      <c r="I10960" s="5" t="s">
        <v>69</v>
      </c>
      <c r="J10960" s="5" t="s">
        <v>27074</v>
      </c>
      <c r="K10960" s="2" t="s">
        <v>27075</v>
      </c>
      <c r="L10960" s="5" t="s">
        <v>27074</v>
      </c>
      <c r="M10960" s="2" t="s">
        <v>27075</v>
      </c>
      <c r="N10960" s="5" t="s">
        <v>24254</v>
      </c>
      <c r="O10960" s="5" t="s">
        <v>38</v>
      </c>
      <c r="P10960" s="5" t="s">
        <v>39</v>
      </c>
      <c r="Q10960" s="5" t="s">
        <v>40</v>
      </c>
      <c r="R10960" s="5" t="s">
        <v>25301</v>
      </c>
      <c r="S10960" s="5" t="s">
        <v>40</v>
      </c>
      <c r="T10960" s="5" t="s">
        <v>42</v>
      </c>
      <c r="U10960" s="2">
        <v>12.702</v>
      </c>
      <c r="V10960" s="2">
        <v>10.914</v>
      </c>
      <c r="W10960" s="2">
        <v>0.13800000000000001</v>
      </c>
      <c r="X10960" s="2">
        <v>12</v>
      </c>
      <c r="Y10960" s="2">
        <v>62</v>
      </c>
      <c r="Z10960" s="2">
        <v>119.4</v>
      </c>
      <c r="AA10960" s="5">
        <v>8</v>
      </c>
      <c r="AB10960" s="5" t="s">
        <v>43</v>
      </c>
      <c r="AC10960" s="5" t="s">
        <v>44</v>
      </c>
      <c r="AD10960" s="2" t="s">
        <v>33697</v>
      </c>
      <c r="AE10960" s="1"/>
    </row>
    <row r="10961" spans="1:31" ht="14.45">
      <c r="A10961" s="11"/>
      <c r="B10961" s="20"/>
      <c r="C10961" s="2" t="s">
        <v>33698</v>
      </c>
      <c r="D10961" s="14" t="s">
        <v>33699</v>
      </c>
      <c r="E10961" s="2" t="s">
        <v>33700</v>
      </c>
      <c r="F10961" s="2" t="s">
        <v>33701</v>
      </c>
      <c r="G10961" s="8">
        <v>300</v>
      </c>
      <c r="H10961" s="5">
        <v>10</v>
      </c>
      <c r="I10961" s="5" t="s">
        <v>69</v>
      </c>
      <c r="J10961" s="5" t="s">
        <v>27074</v>
      </c>
      <c r="K10961" s="2" t="s">
        <v>27075</v>
      </c>
      <c r="L10961" s="5" t="s">
        <v>27074</v>
      </c>
      <c r="M10961" s="2" t="s">
        <v>27075</v>
      </c>
      <c r="N10961" s="5" t="s">
        <v>24254</v>
      </c>
      <c r="O10961" s="5" t="s">
        <v>38</v>
      </c>
      <c r="P10961" s="5" t="s">
        <v>39</v>
      </c>
      <c r="Q10961" s="5" t="s">
        <v>40</v>
      </c>
      <c r="R10961" s="5" t="s">
        <v>25301</v>
      </c>
      <c r="S10961" s="5" t="s">
        <v>40</v>
      </c>
      <c r="T10961" s="5" t="s">
        <v>42</v>
      </c>
      <c r="U10961" s="2">
        <v>8.6869999999999994</v>
      </c>
      <c r="V10961" s="2">
        <v>6.9329999999999998</v>
      </c>
      <c r="W10961" s="2">
        <v>8.8999999999999996E-2</v>
      </c>
      <c r="X10961" s="2">
        <v>12</v>
      </c>
      <c r="Y10961" s="2">
        <v>62</v>
      </c>
      <c r="Z10961" s="2">
        <v>119.4</v>
      </c>
      <c r="AA10961" s="5">
        <v>8</v>
      </c>
      <c r="AB10961" s="5" t="s">
        <v>43</v>
      </c>
      <c r="AC10961" s="5" t="s">
        <v>44</v>
      </c>
      <c r="AD10961" s="2" t="s">
        <v>33697</v>
      </c>
      <c r="AE10961" s="1"/>
    </row>
    <row r="10962" spans="1:31" ht="14.45">
      <c r="A10962" s="11"/>
      <c r="B10962" s="20"/>
      <c r="C10962" s="2" t="s">
        <v>33702</v>
      </c>
      <c r="D10962" s="14" t="s">
        <v>33703</v>
      </c>
      <c r="E10962" s="2" t="s">
        <v>33704</v>
      </c>
      <c r="F10962" s="2" t="s">
        <v>33705</v>
      </c>
      <c r="G10962" s="8">
        <v>300</v>
      </c>
      <c r="H10962" s="5">
        <v>10</v>
      </c>
      <c r="I10962" s="5" t="s">
        <v>69</v>
      </c>
      <c r="J10962" s="5" t="s">
        <v>27074</v>
      </c>
      <c r="K10962" s="2" t="s">
        <v>27075</v>
      </c>
      <c r="L10962" s="5" t="s">
        <v>27074</v>
      </c>
      <c r="M10962" s="2" t="s">
        <v>27075</v>
      </c>
      <c r="N10962" s="5" t="s">
        <v>24254</v>
      </c>
      <c r="O10962" s="5" t="s">
        <v>38</v>
      </c>
      <c r="P10962" s="5" t="s">
        <v>39</v>
      </c>
      <c r="Q10962" s="5" t="s">
        <v>40</v>
      </c>
      <c r="R10962" s="5" t="s">
        <v>25301</v>
      </c>
      <c r="S10962" s="5" t="s">
        <v>40</v>
      </c>
      <c r="T10962" s="5" t="s">
        <v>42</v>
      </c>
      <c r="U10962" s="2">
        <v>6.6950000000000003</v>
      </c>
      <c r="V10962" s="2">
        <v>4.93</v>
      </c>
      <c r="W10962" s="2">
        <v>8.8999999999999996E-2</v>
      </c>
      <c r="X10962" s="2">
        <v>12</v>
      </c>
      <c r="Y10962" s="2">
        <v>62</v>
      </c>
      <c r="Z10962" s="2">
        <v>119.4</v>
      </c>
      <c r="AA10962" s="5">
        <v>10</v>
      </c>
      <c r="AB10962" s="5" t="s">
        <v>43</v>
      </c>
      <c r="AC10962" s="5" t="s">
        <v>44</v>
      </c>
      <c r="AD10962" s="2" t="s">
        <v>33706</v>
      </c>
      <c r="AE10962" s="1"/>
    </row>
    <row r="10963" spans="1:31" ht="14.45">
      <c r="A10963" s="11"/>
      <c r="B10963" s="20"/>
      <c r="C10963" s="2" t="s">
        <v>33707</v>
      </c>
      <c r="D10963" s="14" t="s">
        <v>33708</v>
      </c>
      <c r="E10963" s="2" t="s">
        <v>33709</v>
      </c>
      <c r="F10963" s="2" t="s">
        <v>33710</v>
      </c>
      <c r="G10963" s="8">
        <v>589</v>
      </c>
      <c r="H10963" s="5">
        <v>5</v>
      </c>
      <c r="I10963" s="5" t="s">
        <v>69</v>
      </c>
      <c r="J10963" s="5" t="s">
        <v>27074</v>
      </c>
      <c r="K10963" s="2" t="s">
        <v>27075</v>
      </c>
      <c r="L10963" s="5" t="s">
        <v>27074</v>
      </c>
      <c r="M10963" s="2" t="s">
        <v>27075</v>
      </c>
      <c r="N10963" s="5" t="s">
        <v>24254</v>
      </c>
      <c r="O10963" s="5" t="s">
        <v>38</v>
      </c>
      <c r="P10963" s="5" t="s">
        <v>39</v>
      </c>
      <c r="Q10963" s="5" t="s">
        <v>40</v>
      </c>
      <c r="R10963" s="5" t="s">
        <v>1487</v>
      </c>
      <c r="S10963" s="5"/>
      <c r="T10963" s="5" t="s">
        <v>42</v>
      </c>
      <c r="U10963" s="2">
        <v>0</v>
      </c>
      <c r="V10963" s="2">
        <v>0</v>
      </c>
      <c r="W10963" s="2">
        <v>0</v>
      </c>
      <c r="X10963" s="2">
        <v>0</v>
      </c>
      <c r="Y10963" s="2">
        <v>0</v>
      </c>
      <c r="Z10963" s="2">
        <v>0</v>
      </c>
      <c r="AA10963" s="5"/>
      <c r="AB10963" s="5" t="s">
        <v>43</v>
      </c>
      <c r="AC10963" s="5" t="s">
        <v>44</v>
      </c>
      <c r="AD10963" s="2" t="s">
        <v>33711</v>
      </c>
      <c r="AE10963" s="1"/>
    </row>
    <row r="10964" spans="1:31" ht="14.45">
      <c r="A10964" s="11"/>
      <c r="B10964" s="20"/>
      <c r="C10964" s="2" t="s">
        <v>33712</v>
      </c>
      <c r="D10964" s="14" t="s">
        <v>33713</v>
      </c>
      <c r="E10964" s="2" t="s">
        <v>33714</v>
      </c>
      <c r="F10964" s="2" t="s">
        <v>33715</v>
      </c>
      <c r="G10964" s="8">
        <v>589</v>
      </c>
      <c r="H10964" s="5">
        <v>15</v>
      </c>
      <c r="I10964" s="5" t="s">
        <v>69</v>
      </c>
      <c r="J10964" s="5" t="s">
        <v>27074</v>
      </c>
      <c r="K10964" s="2" t="s">
        <v>27075</v>
      </c>
      <c r="L10964" s="5" t="s">
        <v>27074</v>
      </c>
      <c r="M10964" s="2" t="s">
        <v>27075</v>
      </c>
      <c r="N10964" s="5" t="s">
        <v>24254</v>
      </c>
      <c r="O10964" s="5" t="s">
        <v>38</v>
      </c>
      <c r="P10964" s="5" t="s">
        <v>39</v>
      </c>
      <c r="Q10964" s="5" t="s">
        <v>40</v>
      </c>
      <c r="R10964" s="5" t="s">
        <v>1487</v>
      </c>
      <c r="S10964" s="5"/>
      <c r="T10964" s="5" t="s">
        <v>42</v>
      </c>
      <c r="U10964" s="2">
        <v>0</v>
      </c>
      <c r="V10964" s="2">
        <v>0</v>
      </c>
      <c r="W10964" s="2">
        <v>0</v>
      </c>
      <c r="X10964" s="2">
        <v>0</v>
      </c>
      <c r="Y10964" s="2">
        <v>0</v>
      </c>
      <c r="Z10964" s="2">
        <v>0</v>
      </c>
      <c r="AA10964" s="5"/>
      <c r="AB10964" s="5" t="s">
        <v>43</v>
      </c>
      <c r="AC10964" s="5" t="s">
        <v>44</v>
      </c>
      <c r="AD10964" s="2" t="s">
        <v>33716</v>
      </c>
      <c r="AE10964" s="1"/>
    </row>
    <row r="10965" spans="1:31" ht="14.45">
      <c r="A10965" s="11"/>
      <c r="B10965" s="20"/>
      <c r="C10965" s="2" t="s">
        <v>33717</v>
      </c>
      <c r="D10965" s="14" t="s">
        <v>33718</v>
      </c>
      <c r="E10965" s="2" t="s">
        <v>33719</v>
      </c>
      <c r="F10965" s="2" t="s">
        <v>33720</v>
      </c>
      <c r="G10965" s="8">
        <v>943</v>
      </c>
      <c r="H10965" s="5">
        <v>15</v>
      </c>
      <c r="I10965" s="5" t="s">
        <v>69</v>
      </c>
      <c r="J10965" s="5" t="s">
        <v>27074</v>
      </c>
      <c r="K10965" s="2" t="s">
        <v>27075</v>
      </c>
      <c r="L10965" s="5" t="s">
        <v>27074</v>
      </c>
      <c r="M10965" s="2" t="s">
        <v>27075</v>
      </c>
      <c r="N10965" s="5" t="s">
        <v>24254</v>
      </c>
      <c r="O10965" s="5" t="s">
        <v>38</v>
      </c>
      <c r="P10965" s="5" t="s">
        <v>39</v>
      </c>
      <c r="Q10965" s="5" t="s">
        <v>40</v>
      </c>
      <c r="R10965" s="5" t="s">
        <v>1487</v>
      </c>
      <c r="S10965" s="5"/>
      <c r="T10965" s="5" t="s">
        <v>42</v>
      </c>
      <c r="U10965" s="2">
        <v>0</v>
      </c>
      <c r="V10965" s="2">
        <v>0</v>
      </c>
      <c r="W10965" s="2">
        <v>0</v>
      </c>
      <c r="X10965" s="2">
        <v>0</v>
      </c>
      <c r="Y10965" s="2">
        <v>0</v>
      </c>
      <c r="Z10965" s="2">
        <v>0</v>
      </c>
      <c r="AA10965" s="5"/>
      <c r="AB10965" s="5" t="s">
        <v>43</v>
      </c>
      <c r="AC10965" s="5" t="s">
        <v>44</v>
      </c>
      <c r="AD10965" s="2" t="s">
        <v>33721</v>
      </c>
      <c r="AE10965" s="1"/>
    </row>
    <row r="10966" spans="1:31" ht="14.45">
      <c r="A10966" s="11"/>
      <c r="B10966" s="20"/>
      <c r="C10966" s="2" t="s">
        <v>33722</v>
      </c>
      <c r="D10966" s="14" t="s">
        <v>33723</v>
      </c>
      <c r="E10966" s="2" t="s">
        <v>33724</v>
      </c>
      <c r="F10966" s="2" t="s">
        <v>33725</v>
      </c>
      <c r="G10966" s="8">
        <v>943</v>
      </c>
      <c r="H10966" s="5">
        <v>15</v>
      </c>
      <c r="I10966" s="5" t="s">
        <v>69</v>
      </c>
      <c r="J10966" s="5" t="s">
        <v>27074</v>
      </c>
      <c r="K10966" s="2" t="s">
        <v>27075</v>
      </c>
      <c r="L10966" s="5" t="s">
        <v>27074</v>
      </c>
      <c r="M10966" s="2" t="s">
        <v>27075</v>
      </c>
      <c r="N10966" s="5" t="s">
        <v>24254</v>
      </c>
      <c r="O10966" s="5" t="s">
        <v>38</v>
      </c>
      <c r="P10966" s="5" t="s">
        <v>39</v>
      </c>
      <c r="Q10966" s="5" t="s">
        <v>40</v>
      </c>
      <c r="R10966" s="5" t="s">
        <v>1487</v>
      </c>
      <c r="S10966" s="5"/>
      <c r="T10966" s="5" t="s">
        <v>42</v>
      </c>
      <c r="U10966" s="2">
        <v>0</v>
      </c>
      <c r="V10966" s="2">
        <v>0</v>
      </c>
      <c r="W10966" s="2">
        <v>0</v>
      </c>
      <c r="X10966" s="2">
        <v>0</v>
      </c>
      <c r="Y10966" s="2">
        <v>0</v>
      </c>
      <c r="Z10966" s="2">
        <v>0</v>
      </c>
      <c r="AA10966" s="5"/>
      <c r="AB10966" s="5" t="s">
        <v>43</v>
      </c>
      <c r="AC10966" s="5" t="s">
        <v>44</v>
      </c>
      <c r="AD10966" s="2" t="s">
        <v>33726</v>
      </c>
      <c r="AE10966" s="1"/>
    </row>
    <row r="10967" spans="1:31" ht="14.45">
      <c r="A10967" s="11"/>
      <c r="B10967" s="20"/>
      <c r="C10967" s="2" t="s">
        <v>33727</v>
      </c>
      <c r="D10967" s="14" t="s">
        <v>33728</v>
      </c>
      <c r="E10967" s="2" t="s">
        <v>33729</v>
      </c>
      <c r="F10967" s="2" t="s">
        <v>33730</v>
      </c>
      <c r="G10967" s="8">
        <v>891</v>
      </c>
      <c r="H10967" s="5">
        <v>10</v>
      </c>
      <c r="I10967" s="5" t="s">
        <v>69</v>
      </c>
      <c r="J10967" s="5" t="s">
        <v>27074</v>
      </c>
      <c r="K10967" s="2" t="s">
        <v>27075</v>
      </c>
      <c r="L10967" s="5" t="s">
        <v>27074</v>
      </c>
      <c r="M10967" s="2" t="s">
        <v>27075</v>
      </c>
      <c r="N10967" s="5" t="s">
        <v>24254</v>
      </c>
      <c r="O10967" s="5" t="s">
        <v>38</v>
      </c>
      <c r="P10967" s="5" t="s">
        <v>39</v>
      </c>
      <c r="Q10967" s="5" t="s">
        <v>40</v>
      </c>
      <c r="R10967" s="5" t="s">
        <v>1487</v>
      </c>
      <c r="S10967" s="5"/>
      <c r="T10967" s="5" t="s">
        <v>42</v>
      </c>
      <c r="U10967" s="2">
        <v>0</v>
      </c>
      <c r="V10967" s="2">
        <v>0</v>
      </c>
      <c r="W10967" s="2">
        <v>0</v>
      </c>
      <c r="X10967" s="2">
        <v>0</v>
      </c>
      <c r="Y10967" s="2">
        <v>0</v>
      </c>
      <c r="Z10967" s="2">
        <v>0</v>
      </c>
      <c r="AA10967" s="5"/>
      <c r="AB10967" s="5" t="s">
        <v>43</v>
      </c>
      <c r="AC10967" s="5" t="s">
        <v>44</v>
      </c>
      <c r="AD10967" s="2"/>
      <c r="AE10967" s="1"/>
    </row>
    <row r="10968" spans="1:31" ht="14.45">
      <c r="A10968" s="11"/>
      <c r="B10968" s="20"/>
      <c r="C10968" s="2" t="s">
        <v>33731</v>
      </c>
      <c r="D10968" s="14" t="s">
        <v>33732</v>
      </c>
      <c r="E10968" s="2" t="s">
        <v>33733</v>
      </c>
      <c r="F10968" s="2" t="s">
        <v>33734</v>
      </c>
      <c r="G10968" s="8">
        <v>891</v>
      </c>
      <c r="H10968" s="5">
        <v>15</v>
      </c>
      <c r="I10968" s="5" t="s">
        <v>69</v>
      </c>
      <c r="J10968" s="5" t="s">
        <v>27074</v>
      </c>
      <c r="K10968" s="2" t="s">
        <v>27075</v>
      </c>
      <c r="L10968" s="5" t="s">
        <v>27074</v>
      </c>
      <c r="M10968" s="2" t="s">
        <v>27075</v>
      </c>
      <c r="N10968" s="5" t="s">
        <v>24254</v>
      </c>
      <c r="O10968" s="5" t="s">
        <v>38</v>
      </c>
      <c r="P10968" s="5" t="s">
        <v>39</v>
      </c>
      <c r="Q10968" s="5" t="s">
        <v>40</v>
      </c>
      <c r="R10968" s="5" t="s">
        <v>1487</v>
      </c>
      <c r="S10968" s="5"/>
      <c r="T10968" s="5" t="s">
        <v>42</v>
      </c>
      <c r="U10968" s="2">
        <v>0</v>
      </c>
      <c r="V10968" s="2">
        <v>0</v>
      </c>
      <c r="W10968" s="2">
        <v>0</v>
      </c>
      <c r="X10968" s="2">
        <v>0</v>
      </c>
      <c r="Y10968" s="2">
        <v>0</v>
      </c>
      <c r="Z10968" s="2">
        <v>0</v>
      </c>
      <c r="AA10968" s="5"/>
      <c r="AB10968" s="5" t="s">
        <v>43</v>
      </c>
      <c r="AC10968" s="5" t="s">
        <v>44</v>
      </c>
      <c r="AD10968" s="2"/>
      <c r="AE10968" s="1"/>
    </row>
    <row r="10969" spans="1:31" ht="14.45">
      <c r="A10969" s="11"/>
      <c r="B10969" s="20"/>
      <c r="C10969" s="2" t="s">
        <v>33735</v>
      </c>
      <c r="D10969" s="14" t="s">
        <v>33736</v>
      </c>
      <c r="E10969" s="2" t="s">
        <v>33737</v>
      </c>
      <c r="F10969" s="2" t="s">
        <v>33616</v>
      </c>
      <c r="G10969" s="8">
        <v>212</v>
      </c>
      <c r="H10969" s="5">
        <v>5</v>
      </c>
      <c r="I10969" s="5" t="s">
        <v>69</v>
      </c>
      <c r="J10969" s="5" t="s">
        <v>27074</v>
      </c>
      <c r="K10969" s="2" t="s">
        <v>27075</v>
      </c>
      <c r="L10969" s="5" t="s">
        <v>27074</v>
      </c>
      <c r="M10969" s="2" t="s">
        <v>27075</v>
      </c>
      <c r="N10969" s="5" t="s">
        <v>24254</v>
      </c>
      <c r="O10969" s="5" t="s">
        <v>38</v>
      </c>
      <c r="P10969" s="5" t="s">
        <v>39</v>
      </c>
      <c r="Q10969" s="5" t="s">
        <v>40</v>
      </c>
      <c r="R10969" s="5" t="s">
        <v>24335</v>
      </c>
      <c r="S10969" s="5" t="s">
        <v>40</v>
      </c>
      <c r="T10969" s="5" t="s">
        <v>42</v>
      </c>
      <c r="U10969" s="2">
        <v>11.763999999999999</v>
      </c>
      <c r="V10969" s="2">
        <v>9.7080000000000002</v>
      </c>
      <c r="W10969" s="2">
        <v>0.14299999999999999</v>
      </c>
      <c r="X10969" s="2">
        <v>12</v>
      </c>
      <c r="Y10969" s="2">
        <v>77</v>
      </c>
      <c r="Z10969" s="2">
        <v>154.9</v>
      </c>
      <c r="AA10969" s="5">
        <v>8</v>
      </c>
      <c r="AB10969" s="5" t="s">
        <v>43</v>
      </c>
      <c r="AC10969" s="5" t="s">
        <v>44</v>
      </c>
      <c r="AD10969" s="2" t="s">
        <v>33617</v>
      </c>
      <c r="AE10969" s="1"/>
    </row>
    <row r="10970" spans="1:31" ht="14.45">
      <c r="A10970" s="11"/>
      <c r="B10970" s="20"/>
      <c r="C10970" s="2" t="s">
        <v>33738</v>
      </c>
      <c r="D10970" s="14" t="s">
        <v>33739</v>
      </c>
      <c r="E10970" s="2" t="s">
        <v>33740</v>
      </c>
      <c r="F10970" s="2" t="s">
        <v>33621</v>
      </c>
      <c r="G10970" s="8">
        <v>159</v>
      </c>
      <c r="H10970" s="5">
        <v>10</v>
      </c>
      <c r="I10970" s="5" t="s">
        <v>69</v>
      </c>
      <c r="J10970" s="5" t="s">
        <v>27074</v>
      </c>
      <c r="K10970" s="2" t="s">
        <v>27075</v>
      </c>
      <c r="L10970" s="5" t="s">
        <v>27074</v>
      </c>
      <c r="M10970" s="2" t="s">
        <v>27075</v>
      </c>
      <c r="N10970" s="5" t="s">
        <v>24254</v>
      </c>
      <c r="O10970" s="5" t="s">
        <v>38</v>
      </c>
      <c r="P10970" s="5" t="s">
        <v>39</v>
      </c>
      <c r="Q10970" s="5" t="s">
        <v>40</v>
      </c>
      <c r="R10970" s="5" t="s">
        <v>24335</v>
      </c>
      <c r="S10970" s="5" t="s">
        <v>40</v>
      </c>
      <c r="T10970" s="5" t="s">
        <v>42</v>
      </c>
      <c r="U10970" s="2">
        <v>9.4540000000000006</v>
      </c>
      <c r="V10970" s="2">
        <v>7.1719999999999997</v>
      </c>
      <c r="W10970" s="2">
        <v>0.159</v>
      </c>
      <c r="X10970" s="2">
        <v>12</v>
      </c>
      <c r="Y10970" s="2">
        <v>62</v>
      </c>
      <c r="Z10970" s="2">
        <v>137.9</v>
      </c>
      <c r="AA10970" s="5">
        <v>8</v>
      </c>
      <c r="AB10970" s="5" t="s">
        <v>43</v>
      </c>
      <c r="AC10970" s="5" t="s">
        <v>44</v>
      </c>
      <c r="AD10970" s="2" t="s">
        <v>33622</v>
      </c>
      <c r="AE10970" s="1"/>
    </row>
    <row r="10971" spans="1:31" ht="14.45">
      <c r="A10971" s="11"/>
      <c r="B10971" s="20"/>
      <c r="C10971" s="2" t="s">
        <v>33741</v>
      </c>
      <c r="D10971" s="14" t="s">
        <v>33742</v>
      </c>
      <c r="E10971" s="2" t="s">
        <v>33743</v>
      </c>
      <c r="F10971" s="2" t="s">
        <v>33626</v>
      </c>
      <c r="G10971" s="8">
        <v>159</v>
      </c>
      <c r="H10971" s="5">
        <v>5</v>
      </c>
      <c r="I10971" s="5" t="s">
        <v>69</v>
      </c>
      <c r="J10971" s="5" t="s">
        <v>27074</v>
      </c>
      <c r="K10971" s="2" t="s">
        <v>27075</v>
      </c>
      <c r="L10971" s="5" t="s">
        <v>27074</v>
      </c>
      <c r="M10971" s="2" t="s">
        <v>27075</v>
      </c>
      <c r="N10971" s="5" t="s">
        <v>24254</v>
      </c>
      <c r="O10971" s="5" t="s">
        <v>38</v>
      </c>
      <c r="P10971" s="5" t="s">
        <v>39</v>
      </c>
      <c r="Q10971" s="5" t="s">
        <v>40</v>
      </c>
      <c r="R10971" s="5" t="s">
        <v>24335</v>
      </c>
      <c r="S10971" s="5" t="s">
        <v>40</v>
      </c>
      <c r="T10971" s="5" t="s">
        <v>42</v>
      </c>
      <c r="U10971" s="2">
        <v>7.298</v>
      </c>
      <c r="V10971" s="2">
        <v>5.62</v>
      </c>
      <c r="W10971" s="2">
        <v>0.10299999999999999</v>
      </c>
      <c r="X10971" s="2">
        <v>12</v>
      </c>
      <c r="Y10971" s="2">
        <v>62</v>
      </c>
      <c r="Z10971" s="2">
        <v>137.9</v>
      </c>
      <c r="AA10971" s="5">
        <v>8</v>
      </c>
      <c r="AB10971" s="5" t="s">
        <v>43</v>
      </c>
      <c r="AC10971" s="5" t="s">
        <v>44</v>
      </c>
      <c r="AD10971" s="2" t="s">
        <v>33622</v>
      </c>
      <c r="AE10971" s="1"/>
    </row>
    <row r="10972" spans="1:31" ht="14.45">
      <c r="A10972" s="11"/>
      <c r="B10972" s="20"/>
      <c r="C10972" s="2" t="s">
        <v>33744</v>
      </c>
      <c r="D10972" s="14" t="s">
        <v>33745</v>
      </c>
      <c r="E10972" s="2" t="s">
        <v>33746</v>
      </c>
      <c r="F10972" s="2" t="s">
        <v>33630</v>
      </c>
      <c r="G10972" s="8">
        <v>159</v>
      </c>
      <c r="H10972" s="5">
        <v>10</v>
      </c>
      <c r="I10972" s="5" t="s">
        <v>69</v>
      </c>
      <c r="J10972" s="5" t="s">
        <v>27074</v>
      </c>
      <c r="K10972" s="2" t="s">
        <v>27075</v>
      </c>
      <c r="L10972" s="5" t="s">
        <v>27074</v>
      </c>
      <c r="M10972" s="2" t="s">
        <v>27075</v>
      </c>
      <c r="N10972" s="5" t="s">
        <v>24254</v>
      </c>
      <c r="O10972" s="5" t="s">
        <v>38</v>
      </c>
      <c r="P10972" s="5" t="s">
        <v>39</v>
      </c>
      <c r="Q10972" s="5" t="s">
        <v>40</v>
      </c>
      <c r="R10972" s="5" t="s">
        <v>24335</v>
      </c>
      <c r="S10972" s="5" t="s">
        <v>40</v>
      </c>
      <c r="T10972" s="5" t="s">
        <v>42</v>
      </c>
      <c r="U10972" s="2">
        <v>7.0190000000000001</v>
      </c>
      <c r="V10972" s="2">
        <v>4.7709999999999999</v>
      </c>
      <c r="W10972" s="2">
        <v>8.8999999999999996E-2</v>
      </c>
      <c r="X10972" s="2">
        <v>12</v>
      </c>
      <c r="Y10972" s="2">
        <v>62</v>
      </c>
      <c r="Z10972" s="2">
        <v>119.4</v>
      </c>
      <c r="AA10972" s="5">
        <v>8</v>
      </c>
      <c r="AB10972" s="5" t="s">
        <v>43</v>
      </c>
      <c r="AC10972" s="5" t="s">
        <v>44</v>
      </c>
      <c r="AD10972" s="2" t="s">
        <v>33622</v>
      </c>
      <c r="AE10972" s="1"/>
    </row>
    <row r="10973" spans="1:31" ht="14.45">
      <c r="A10973" s="11"/>
      <c r="B10973" s="20"/>
      <c r="C10973" s="2" t="s">
        <v>33747</v>
      </c>
      <c r="D10973" s="14" t="s">
        <v>33748</v>
      </c>
      <c r="E10973" s="2" t="s">
        <v>33749</v>
      </c>
      <c r="F10973" s="2" t="s">
        <v>33634</v>
      </c>
      <c r="G10973" s="8">
        <v>159</v>
      </c>
      <c r="H10973" s="5">
        <v>5</v>
      </c>
      <c r="I10973" s="5" t="s">
        <v>69</v>
      </c>
      <c r="J10973" s="5" t="s">
        <v>27074</v>
      </c>
      <c r="K10973" s="2" t="s">
        <v>27075</v>
      </c>
      <c r="L10973" s="5" t="s">
        <v>27074</v>
      </c>
      <c r="M10973" s="2" t="s">
        <v>27075</v>
      </c>
      <c r="N10973" s="5" t="s">
        <v>24254</v>
      </c>
      <c r="O10973" s="5" t="s">
        <v>38</v>
      </c>
      <c r="P10973" s="5" t="s">
        <v>39</v>
      </c>
      <c r="Q10973" s="5" t="s">
        <v>40</v>
      </c>
      <c r="R10973" s="5" t="s">
        <v>24335</v>
      </c>
      <c r="S10973" s="5" t="s">
        <v>40</v>
      </c>
      <c r="T10973" s="5" t="s">
        <v>42</v>
      </c>
      <c r="U10973" s="2">
        <v>6.0010000000000003</v>
      </c>
      <c r="V10973" s="2">
        <v>3.806</v>
      </c>
      <c r="W10973" s="2">
        <v>0.10299999999999999</v>
      </c>
      <c r="X10973" s="2">
        <v>12</v>
      </c>
      <c r="Y10973" s="2">
        <v>62</v>
      </c>
      <c r="Z10973" s="2">
        <v>137.9</v>
      </c>
      <c r="AA10973" s="5">
        <v>10</v>
      </c>
      <c r="AB10973" s="5" t="s">
        <v>43</v>
      </c>
      <c r="AC10973" s="5" t="s">
        <v>44</v>
      </c>
      <c r="AD10973" s="2" t="s">
        <v>33635</v>
      </c>
      <c r="AE10973" s="1"/>
    </row>
    <row r="10974" spans="1:31" ht="14.45">
      <c r="A10974" s="11"/>
      <c r="B10974" s="20"/>
      <c r="C10974" s="2" t="s">
        <v>33750</v>
      </c>
      <c r="D10974" s="14" t="s">
        <v>33751</v>
      </c>
      <c r="E10974" s="2" t="s">
        <v>33752</v>
      </c>
      <c r="F10974" s="2" t="s">
        <v>33634</v>
      </c>
      <c r="G10974" s="8">
        <v>159</v>
      </c>
      <c r="H10974" s="5">
        <v>5</v>
      </c>
      <c r="I10974" s="5" t="s">
        <v>69</v>
      </c>
      <c r="J10974" s="5" t="s">
        <v>27074</v>
      </c>
      <c r="K10974" s="2" t="s">
        <v>27075</v>
      </c>
      <c r="L10974" s="5" t="s">
        <v>27074</v>
      </c>
      <c r="M10974" s="2" t="s">
        <v>27075</v>
      </c>
      <c r="N10974" s="5" t="s">
        <v>24254</v>
      </c>
      <c r="O10974" s="5" t="s">
        <v>38</v>
      </c>
      <c r="P10974" s="5" t="s">
        <v>39</v>
      </c>
      <c r="Q10974" s="5" t="s">
        <v>40</v>
      </c>
      <c r="R10974" s="5" t="s">
        <v>24335</v>
      </c>
      <c r="S10974" s="5" t="s">
        <v>40</v>
      </c>
      <c r="T10974" s="5" t="s">
        <v>42</v>
      </c>
      <c r="U10974" s="2">
        <v>6.2930000000000001</v>
      </c>
      <c r="V10974" s="2">
        <v>4.0519999999999996</v>
      </c>
      <c r="W10974" s="2">
        <v>0.10299999999999999</v>
      </c>
      <c r="X10974" s="2">
        <v>12</v>
      </c>
      <c r="Y10974" s="2">
        <v>62</v>
      </c>
      <c r="Z10974" s="2">
        <v>137.9</v>
      </c>
      <c r="AA10974" s="5">
        <v>10</v>
      </c>
      <c r="AB10974" s="5" t="s">
        <v>43</v>
      </c>
      <c r="AC10974" s="5" t="s">
        <v>44</v>
      </c>
      <c r="AD10974" s="2" t="s">
        <v>33639</v>
      </c>
      <c r="AE10974" s="1"/>
    </row>
    <row r="10975" spans="1:31" ht="14.45">
      <c r="A10975" s="11"/>
      <c r="B10975" s="20"/>
      <c r="C10975" s="2" t="s">
        <v>33753</v>
      </c>
      <c r="D10975" s="14" t="s">
        <v>33754</v>
      </c>
      <c r="E10975" s="2" t="s">
        <v>33755</v>
      </c>
      <c r="F10975" s="2" t="s">
        <v>33643</v>
      </c>
      <c r="G10975" s="8">
        <v>159</v>
      </c>
      <c r="H10975" s="5">
        <v>5</v>
      </c>
      <c r="I10975" s="5" t="s">
        <v>69</v>
      </c>
      <c r="J10975" s="5" t="s">
        <v>27074</v>
      </c>
      <c r="K10975" s="2" t="s">
        <v>27075</v>
      </c>
      <c r="L10975" s="5" t="s">
        <v>27074</v>
      </c>
      <c r="M10975" s="2" t="s">
        <v>27075</v>
      </c>
      <c r="N10975" s="5" t="s">
        <v>24254</v>
      </c>
      <c r="O10975" s="5" t="s">
        <v>38</v>
      </c>
      <c r="P10975" s="5" t="s">
        <v>39</v>
      </c>
      <c r="Q10975" s="5" t="s">
        <v>40</v>
      </c>
      <c r="R10975" s="5" t="s">
        <v>24335</v>
      </c>
      <c r="S10975" s="5" t="s">
        <v>40</v>
      </c>
      <c r="T10975" s="5" t="s">
        <v>42</v>
      </c>
      <c r="U10975" s="2">
        <v>5.07</v>
      </c>
      <c r="V10975" s="2">
        <v>2.9209999999999998</v>
      </c>
      <c r="W10975" s="2">
        <v>0.10299999999999999</v>
      </c>
      <c r="X10975" s="2">
        <v>12</v>
      </c>
      <c r="Y10975" s="2">
        <v>62</v>
      </c>
      <c r="Z10975" s="2">
        <v>137.9</v>
      </c>
      <c r="AA10975" s="5">
        <v>10</v>
      </c>
      <c r="AB10975" s="5" t="s">
        <v>43</v>
      </c>
      <c r="AC10975" s="5" t="s">
        <v>44</v>
      </c>
      <c r="AD10975" s="2" t="s">
        <v>33644</v>
      </c>
      <c r="AE10975" s="1"/>
    </row>
    <row r="10976" spans="1:31" ht="14.45">
      <c r="A10976" s="11"/>
      <c r="B10976" s="20"/>
      <c r="C10976" s="2" t="s">
        <v>33756</v>
      </c>
      <c r="D10976" s="14" t="s">
        <v>33757</v>
      </c>
      <c r="E10976" s="2" t="s">
        <v>33758</v>
      </c>
      <c r="F10976" s="2" t="s">
        <v>33643</v>
      </c>
      <c r="G10976" s="8">
        <v>159</v>
      </c>
      <c r="H10976" s="5">
        <v>5</v>
      </c>
      <c r="I10976" s="5" t="s">
        <v>69</v>
      </c>
      <c r="J10976" s="5" t="s">
        <v>27074</v>
      </c>
      <c r="K10976" s="2" t="s">
        <v>27075</v>
      </c>
      <c r="L10976" s="5" t="s">
        <v>27074</v>
      </c>
      <c r="M10976" s="2" t="s">
        <v>27075</v>
      </c>
      <c r="N10976" s="5" t="s">
        <v>24254</v>
      </c>
      <c r="O10976" s="5" t="s">
        <v>38</v>
      </c>
      <c r="P10976" s="5" t="s">
        <v>39</v>
      </c>
      <c r="Q10976" s="5" t="s">
        <v>40</v>
      </c>
      <c r="R10976" s="5" t="s">
        <v>24335</v>
      </c>
      <c r="S10976" s="5" t="s">
        <v>40</v>
      </c>
      <c r="T10976" s="5" t="s">
        <v>42</v>
      </c>
      <c r="U10976" s="2">
        <v>5.508</v>
      </c>
      <c r="V10976" s="2">
        <v>3.2669999999999999</v>
      </c>
      <c r="W10976" s="2">
        <v>0.10299999999999999</v>
      </c>
      <c r="X10976" s="2">
        <v>12</v>
      </c>
      <c r="Y10976" s="2">
        <v>62</v>
      </c>
      <c r="Z10976" s="2">
        <v>137.9</v>
      </c>
      <c r="AA10976" s="5">
        <v>10</v>
      </c>
      <c r="AB10976" s="5" t="s">
        <v>43</v>
      </c>
      <c r="AC10976" s="5" t="s">
        <v>44</v>
      </c>
      <c r="AD10976" s="2" t="s">
        <v>33648</v>
      </c>
      <c r="AE10976" s="1"/>
    </row>
    <row r="10977" spans="1:31" ht="14.45">
      <c r="A10977" s="11"/>
      <c r="B10977" s="20"/>
      <c r="C10977" s="2" t="s">
        <v>33759</v>
      </c>
      <c r="D10977" s="14" t="s">
        <v>33760</v>
      </c>
      <c r="E10977" s="2" t="s">
        <v>33761</v>
      </c>
      <c r="F10977" s="2" t="s">
        <v>33652</v>
      </c>
      <c r="G10977" s="8">
        <v>159</v>
      </c>
      <c r="H10977" s="5">
        <v>5</v>
      </c>
      <c r="I10977" s="5" t="s">
        <v>69</v>
      </c>
      <c r="J10977" s="5" t="s">
        <v>27074</v>
      </c>
      <c r="K10977" s="2" t="s">
        <v>27075</v>
      </c>
      <c r="L10977" s="5" t="s">
        <v>27074</v>
      </c>
      <c r="M10977" s="2" t="s">
        <v>27075</v>
      </c>
      <c r="N10977" s="5" t="s">
        <v>24254</v>
      </c>
      <c r="O10977" s="5" t="s">
        <v>38</v>
      </c>
      <c r="P10977" s="5" t="s">
        <v>39</v>
      </c>
      <c r="Q10977" s="5" t="s">
        <v>40</v>
      </c>
      <c r="R10977" s="5" t="s">
        <v>24335</v>
      </c>
      <c r="S10977" s="5" t="s">
        <v>40</v>
      </c>
      <c r="T10977" s="5" t="s">
        <v>42</v>
      </c>
      <c r="U10977" s="2">
        <v>5.55</v>
      </c>
      <c r="V10977" s="2">
        <v>3.3</v>
      </c>
      <c r="W10977" s="2">
        <v>0.10299999999999999</v>
      </c>
      <c r="X10977" s="2">
        <v>12</v>
      </c>
      <c r="Y10977" s="2">
        <v>62</v>
      </c>
      <c r="Z10977" s="2">
        <v>137.9</v>
      </c>
      <c r="AA10977" s="5">
        <v>10</v>
      </c>
      <c r="AB10977" s="5" t="s">
        <v>43</v>
      </c>
      <c r="AC10977" s="5" t="s">
        <v>44</v>
      </c>
      <c r="AD10977" s="2" t="s">
        <v>33644</v>
      </c>
      <c r="AE10977" s="1"/>
    </row>
    <row r="10978" spans="1:31" ht="14.45">
      <c r="A10978" s="11"/>
      <c r="B10978" s="20"/>
      <c r="C10978" s="2" t="s">
        <v>33762</v>
      </c>
      <c r="D10978" s="14" t="s">
        <v>33763</v>
      </c>
      <c r="E10978" s="2" t="s">
        <v>33764</v>
      </c>
      <c r="F10978" s="2" t="s">
        <v>33652</v>
      </c>
      <c r="G10978" s="8">
        <v>159</v>
      </c>
      <c r="H10978" s="5">
        <v>5</v>
      </c>
      <c r="I10978" s="5" t="s">
        <v>69</v>
      </c>
      <c r="J10978" s="5" t="s">
        <v>27074</v>
      </c>
      <c r="K10978" s="2" t="s">
        <v>27075</v>
      </c>
      <c r="L10978" s="5" t="s">
        <v>27074</v>
      </c>
      <c r="M10978" s="2" t="s">
        <v>27075</v>
      </c>
      <c r="N10978" s="5" t="s">
        <v>24254</v>
      </c>
      <c r="O10978" s="5" t="s">
        <v>38</v>
      </c>
      <c r="P10978" s="5" t="s">
        <v>39</v>
      </c>
      <c r="Q10978" s="5" t="s">
        <v>40</v>
      </c>
      <c r="R10978" s="5" t="s">
        <v>24335</v>
      </c>
      <c r="S10978" s="5" t="s">
        <v>40</v>
      </c>
      <c r="T10978" s="5" t="s">
        <v>42</v>
      </c>
      <c r="U10978" s="2">
        <v>5.8760000000000003</v>
      </c>
      <c r="V10978" s="2">
        <v>3.58</v>
      </c>
      <c r="W10978" s="2">
        <v>0.10299999999999999</v>
      </c>
      <c r="X10978" s="2">
        <v>12</v>
      </c>
      <c r="Y10978" s="2">
        <v>62</v>
      </c>
      <c r="Z10978" s="2">
        <v>137.9</v>
      </c>
      <c r="AA10978" s="5">
        <v>10</v>
      </c>
      <c r="AB10978" s="5" t="s">
        <v>43</v>
      </c>
      <c r="AC10978" s="5" t="s">
        <v>44</v>
      </c>
      <c r="AD10978" s="2" t="s">
        <v>33648</v>
      </c>
      <c r="AE10978" s="1"/>
    </row>
    <row r="10979" spans="1:31" ht="14.45">
      <c r="A10979" s="11"/>
      <c r="B10979" s="20"/>
      <c r="C10979" s="2" t="s">
        <v>33765</v>
      </c>
      <c r="D10979" s="14" t="s">
        <v>33766</v>
      </c>
      <c r="E10979" s="2" t="s">
        <v>33767</v>
      </c>
      <c r="F10979" s="2" t="s">
        <v>33659</v>
      </c>
      <c r="G10979" s="8">
        <v>288</v>
      </c>
      <c r="H10979" s="5">
        <v>5</v>
      </c>
      <c r="I10979" s="5" t="s">
        <v>69</v>
      </c>
      <c r="J10979" s="5" t="s">
        <v>27074</v>
      </c>
      <c r="K10979" s="2" t="s">
        <v>27075</v>
      </c>
      <c r="L10979" s="5" t="s">
        <v>27074</v>
      </c>
      <c r="M10979" s="2" t="s">
        <v>27075</v>
      </c>
      <c r="N10979" s="5" t="s">
        <v>24254</v>
      </c>
      <c r="O10979" s="5" t="s">
        <v>38</v>
      </c>
      <c r="P10979" s="5" t="s">
        <v>39</v>
      </c>
      <c r="Q10979" s="5" t="s">
        <v>40</v>
      </c>
      <c r="R10979" s="5" t="s">
        <v>24335</v>
      </c>
      <c r="S10979" s="5" t="s">
        <v>40</v>
      </c>
      <c r="T10979" s="5" t="s">
        <v>42</v>
      </c>
      <c r="U10979" s="2">
        <v>13.878</v>
      </c>
      <c r="V10979" s="2">
        <v>11.975</v>
      </c>
      <c r="W10979" s="2">
        <v>0.152</v>
      </c>
      <c r="X10979" s="2">
        <v>15</v>
      </c>
      <c r="Y10979" s="2">
        <v>77</v>
      </c>
      <c r="Z10979" s="2">
        <v>131.4</v>
      </c>
      <c r="AA10979" s="5">
        <v>8</v>
      </c>
      <c r="AB10979" s="5" t="s">
        <v>43</v>
      </c>
      <c r="AC10979" s="5" t="s">
        <v>44</v>
      </c>
      <c r="AD10979" s="2" t="s">
        <v>33660</v>
      </c>
      <c r="AE10979" s="1"/>
    </row>
    <row r="10980" spans="1:31" ht="14.45">
      <c r="A10980" s="11"/>
      <c r="B10980" s="20"/>
      <c r="C10980" s="2" t="s">
        <v>33768</v>
      </c>
      <c r="D10980" s="14" t="s">
        <v>33769</v>
      </c>
      <c r="E10980" s="2" t="s">
        <v>33770</v>
      </c>
      <c r="F10980" s="2" t="s">
        <v>33664</v>
      </c>
      <c r="G10980" s="8">
        <v>310</v>
      </c>
      <c r="H10980" s="5">
        <v>10</v>
      </c>
      <c r="I10980" s="5" t="s">
        <v>69</v>
      </c>
      <c r="J10980" s="5" t="s">
        <v>27074</v>
      </c>
      <c r="K10980" s="2" t="s">
        <v>27075</v>
      </c>
      <c r="L10980" s="5" t="s">
        <v>27074</v>
      </c>
      <c r="M10980" s="2" t="s">
        <v>27075</v>
      </c>
      <c r="N10980" s="5" t="s">
        <v>24254</v>
      </c>
      <c r="O10980" s="5" t="s">
        <v>38</v>
      </c>
      <c r="P10980" s="5" t="s">
        <v>39</v>
      </c>
      <c r="Q10980" s="5" t="s">
        <v>40</v>
      </c>
      <c r="R10980" s="5" t="s">
        <v>24340</v>
      </c>
      <c r="S10980" s="5" t="s">
        <v>40</v>
      </c>
      <c r="T10980" s="5" t="s">
        <v>42</v>
      </c>
      <c r="U10980" s="2">
        <v>14.141</v>
      </c>
      <c r="V10980" s="2">
        <v>11.859</v>
      </c>
      <c r="W10980" s="2">
        <v>0.159</v>
      </c>
      <c r="X10980" s="2">
        <v>12</v>
      </c>
      <c r="Y10980" s="2">
        <v>62</v>
      </c>
      <c r="Z10980" s="2">
        <v>137.9</v>
      </c>
      <c r="AA10980" s="5">
        <v>8</v>
      </c>
      <c r="AB10980" s="5" t="s">
        <v>43</v>
      </c>
      <c r="AC10980" s="5" t="s">
        <v>44</v>
      </c>
      <c r="AD10980" s="2" t="s">
        <v>33665</v>
      </c>
      <c r="AE10980" s="1"/>
    </row>
    <row r="10981" spans="1:31" ht="14.45">
      <c r="A10981" s="11"/>
      <c r="B10981" s="20"/>
      <c r="C10981" s="2" t="s">
        <v>33771</v>
      </c>
      <c r="D10981" s="14" t="s">
        <v>33772</v>
      </c>
      <c r="E10981" s="2" t="s">
        <v>33773</v>
      </c>
      <c r="F10981" s="2" t="s">
        <v>33669</v>
      </c>
      <c r="G10981" s="8">
        <v>310</v>
      </c>
      <c r="H10981" s="5">
        <v>10</v>
      </c>
      <c r="I10981" s="5" t="s">
        <v>69</v>
      </c>
      <c r="J10981" s="5" t="s">
        <v>27074</v>
      </c>
      <c r="K10981" s="2" t="s">
        <v>27075</v>
      </c>
      <c r="L10981" s="5" t="s">
        <v>27074</v>
      </c>
      <c r="M10981" s="2" t="s">
        <v>27075</v>
      </c>
      <c r="N10981" s="5" t="s">
        <v>24254</v>
      </c>
      <c r="O10981" s="5" t="s">
        <v>38</v>
      </c>
      <c r="P10981" s="5" t="s">
        <v>39</v>
      </c>
      <c r="Q10981" s="5" t="s">
        <v>40</v>
      </c>
      <c r="R10981" s="5" t="s">
        <v>24340</v>
      </c>
      <c r="S10981" s="5" t="s">
        <v>40</v>
      </c>
      <c r="T10981" s="5" t="s">
        <v>42</v>
      </c>
      <c r="U10981" s="2">
        <v>11.689</v>
      </c>
      <c r="V10981" s="2">
        <v>9.4079999999999995</v>
      </c>
      <c r="W10981" s="2">
        <v>0.128</v>
      </c>
      <c r="X10981" s="2">
        <v>12</v>
      </c>
      <c r="Y10981" s="2">
        <v>62</v>
      </c>
      <c r="Z10981" s="2">
        <v>137.9</v>
      </c>
      <c r="AA10981" s="5">
        <v>8</v>
      </c>
      <c r="AB10981" s="5" t="s">
        <v>43</v>
      </c>
      <c r="AC10981" s="5" t="s">
        <v>44</v>
      </c>
      <c r="AD10981" s="2" t="s">
        <v>33665</v>
      </c>
      <c r="AE10981" s="1"/>
    </row>
    <row r="10982" spans="1:31" ht="14.45">
      <c r="A10982" s="11"/>
      <c r="B10982" s="20"/>
      <c r="C10982" s="2" t="s">
        <v>33774</v>
      </c>
      <c r="D10982" s="14" t="s">
        <v>33775</v>
      </c>
      <c r="E10982" s="2" t="s">
        <v>33776</v>
      </c>
      <c r="F10982" s="2" t="s">
        <v>33673</v>
      </c>
      <c r="G10982" s="8">
        <v>310</v>
      </c>
      <c r="H10982" s="5">
        <v>10</v>
      </c>
      <c r="I10982" s="5" t="s">
        <v>69</v>
      </c>
      <c r="J10982" s="5" t="s">
        <v>27074</v>
      </c>
      <c r="K10982" s="2" t="s">
        <v>27075</v>
      </c>
      <c r="L10982" s="5" t="s">
        <v>27074</v>
      </c>
      <c r="M10982" s="2" t="s">
        <v>27075</v>
      </c>
      <c r="N10982" s="5" t="s">
        <v>24254</v>
      </c>
      <c r="O10982" s="5" t="s">
        <v>38</v>
      </c>
      <c r="P10982" s="5" t="s">
        <v>39</v>
      </c>
      <c r="Q10982" s="5" t="s">
        <v>40</v>
      </c>
      <c r="R10982" s="5" t="s">
        <v>24340</v>
      </c>
      <c r="S10982" s="5" t="s">
        <v>40</v>
      </c>
      <c r="T10982" s="5" t="s">
        <v>42</v>
      </c>
      <c r="U10982" s="2">
        <v>9.8450000000000006</v>
      </c>
      <c r="V10982" s="2">
        <v>8.0909999999999993</v>
      </c>
      <c r="W10982" s="2">
        <v>8.8999999999999996E-2</v>
      </c>
      <c r="X10982" s="2">
        <v>12</v>
      </c>
      <c r="Y10982" s="2">
        <v>62</v>
      </c>
      <c r="Z10982" s="2">
        <v>119.4</v>
      </c>
      <c r="AA10982" s="5">
        <v>8</v>
      </c>
      <c r="AB10982" s="5" t="s">
        <v>43</v>
      </c>
      <c r="AC10982" s="5" t="s">
        <v>44</v>
      </c>
      <c r="AD10982" s="2" t="s">
        <v>33665</v>
      </c>
      <c r="AE10982" s="1"/>
    </row>
    <row r="10983" spans="1:31" ht="14.45">
      <c r="A10983" s="11"/>
      <c r="B10983" s="20"/>
      <c r="C10983" s="2" t="s">
        <v>33777</v>
      </c>
      <c r="D10983" s="14" t="s">
        <v>33778</v>
      </c>
      <c r="E10983" s="2" t="s">
        <v>33779</v>
      </c>
      <c r="F10983" s="2" t="s">
        <v>33677</v>
      </c>
      <c r="G10983" s="8">
        <v>310</v>
      </c>
      <c r="H10983" s="5">
        <v>10</v>
      </c>
      <c r="I10983" s="5" t="s">
        <v>69</v>
      </c>
      <c r="J10983" s="5" t="s">
        <v>27074</v>
      </c>
      <c r="K10983" s="2" t="s">
        <v>27075</v>
      </c>
      <c r="L10983" s="5" t="s">
        <v>27074</v>
      </c>
      <c r="M10983" s="2" t="s">
        <v>27075</v>
      </c>
      <c r="N10983" s="5" t="s">
        <v>24254</v>
      </c>
      <c r="O10983" s="5" t="s">
        <v>38</v>
      </c>
      <c r="P10983" s="5" t="s">
        <v>39</v>
      </c>
      <c r="Q10983" s="5" t="s">
        <v>40</v>
      </c>
      <c r="R10983" s="5" t="s">
        <v>24340</v>
      </c>
      <c r="S10983" s="5" t="s">
        <v>40</v>
      </c>
      <c r="T10983" s="5" t="s">
        <v>42</v>
      </c>
      <c r="U10983" s="2">
        <v>9.9030000000000005</v>
      </c>
      <c r="V10983" s="2">
        <v>7.6989999999999998</v>
      </c>
      <c r="W10983" s="2">
        <v>0.10299999999999999</v>
      </c>
      <c r="X10983" s="2">
        <v>12</v>
      </c>
      <c r="Y10983" s="2">
        <v>62</v>
      </c>
      <c r="Z10983" s="2">
        <v>137.9</v>
      </c>
      <c r="AA10983" s="5">
        <v>10</v>
      </c>
      <c r="AB10983" s="5" t="s">
        <v>43</v>
      </c>
      <c r="AC10983" s="5" t="s">
        <v>44</v>
      </c>
      <c r="AD10983" s="2" t="s">
        <v>33678</v>
      </c>
      <c r="AE10983" s="1"/>
    </row>
    <row r="10984" spans="1:31" ht="14.45">
      <c r="A10984" s="11"/>
      <c r="B10984" s="20"/>
      <c r="C10984" s="2" t="s">
        <v>33780</v>
      </c>
      <c r="D10984" s="14" t="s">
        <v>33781</v>
      </c>
      <c r="E10984" s="2" t="s">
        <v>33782</v>
      </c>
      <c r="F10984" s="2" t="s">
        <v>33682</v>
      </c>
      <c r="G10984" s="8">
        <v>310</v>
      </c>
      <c r="H10984" s="5">
        <v>10</v>
      </c>
      <c r="I10984" s="5" t="s">
        <v>69</v>
      </c>
      <c r="J10984" s="5" t="s">
        <v>27074</v>
      </c>
      <c r="K10984" s="2" t="s">
        <v>27075</v>
      </c>
      <c r="L10984" s="5" t="s">
        <v>27074</v>
      </c>
      <c r="M10984" s="2" t="s">
        <v>27075</v>
      </c>
      <c r="N10984" s="5" t="s">
        <v>24254</v>
      </c>
      <c r="O10984" s="5" t="s">
        <v>38</v>
      </c>
      <c r="P10984" s="5" t="s">
        <v>39</v>
      </c>
      <c r="Q10984" s="5" t="s">
        <v>40</v>
      </c>
      <c r="R10984" s="5" t="s">
        <v>24340</v>
      </c>
      <c r="S10984" s="5" t="s">
        <v>40</v>
      </c>
      <c r="T10984" s="5" t="s">
        <v>42</v>
      </c>
      <c r="U10984" s="2">
        <v>7.2619999999999996</v>
      </c>
      <c r="V10984" s="2">
        <v>5.0579999999999998</v>
      </c>
      <c r="W10984" s="2">
        <v>0.10299999999999999</v>
      </c>
      <c r="X10984" s="2">
        <v>12</v>
      </c>
      <c r="Y10984" s="2">
        <v>62</v>
      </c>
      <c r="Z10984" s="2">
        <v>137.9</v>
      </c>
      <c r="AA10984" s="5">
        <v>10</v>
      </c>
      <c r="AB10984" s="5" t="s">
        <v>43</v>
      </c>
      <c r="AC10984" s="5" t="s">
        <v>44</v>
      </c>
      <c r="AD10984" s="2" t="s">
        <v>33683</v>
      </c>
      <c r="AE10984" s="1"/>
    </row>
    <row r="10985" spans="1:31" ht="14.45">
      <c r="A10985" s="11"/>
      <c r="B10985" s="20"/>
      <c r="C10985" s="2" t="s">
        <v>33783</v>
      </c>
      <c r="D10985" s="14" t="s">
        <v>33784</v>
      </c>
      <c r="E10985" s="2" t="s">
        <v>33785</v>
      </c>
      <c r="F10985" s="2" t="s">
        <v>33687</v>
      </c>
      <c r="G10985" s="8">
        <v>310</v>
      </c>
      <c r="H10985" s="5">
        <v>10</v>
      </c>
      <c r="I10985" s="5" t="s">
        <v>69</v>
      </c>
      <c r="J10985" s="5" t="s">
        <v>27074</v>
      </c>
      <c r="K10985" s="2" t="s">
        <v>27075</v>
      </c>
      <c r="L10985" s="5" t="s">
        <v>27074</v>
      </c>
      <c r="M10985" s="2" t="s">
        <v>27075</v>
      </c>
      <c r="N10985" s="5" t="s">
        <v>24254</v>
      </c>
      <c r="O10985" s="5" t="s">
        <v>38</v>
      </c>
      <c r="P10985" s="5" t="s">
        <v>39</v>
      </c>
      <c r="Q10985" s="5" t="s">
        <v>40</v>
      </c>
      <c r="R10985" s="5" t="s">
        <v>24340</v>
      </c>
      <c r="S10985" s="5" t="s">
        <v>40</v>
      </c>
      <c r="T10985" s="5" t="s">
        <v>42</v>
      </c>
      <c r="U10985" s="2">
        <v>8.5619999999999994</v>
      </c>
      <c r="V10985" s="2">
        <v>6.3029999999999999</v>
      </c>
      <c r="W10985" s="2">
        <v>0.10299999999999999</v>
      </c>
      <c r="X10985" s="2">
        <v>12</v>
      </c>
      <c r="Y10985" s="2">
        <v>62</v>
      </c>
      <c r="Z10985" s="2">
        <v>137.9</v>
      </c>
      <c r="AA10985" s="5">
        <v>10</v>
      </c>
      <c r="AB10985" s="5" t="s">
        <v>43</v>
      </c>
      <c r="AC10985" s="5" t="s">
        <v>44</v>
      </c>
      <c r="AD10985" s="2" t="s">
        <v>33683</v>
      </c>
      <c r="AE10985" s="1"/>
    </row>
    <row r="10986" spans="1:31" ht="14.45">
      <c r="A10986" s="11"/>
      <c r="B10986" s="20"/>
      <c r="C10986" s="2" t="s">
        <v>33786</v>
      </c>
      <c r="D10986" s="14" t="s">
        <v>33787</v>
      </c>
      <c r="E10986" s="2" t="s">
        <v>33788</v>
      </c>
      <c r="F10986" s="2" t="s">
        <v>33687</v>
      </c>
      <c r="G10986" s="8">
        <v>310</v>
      </c>
      <c r="H10986" s="5">
        <v>10</v>
      </c>
      <c r="I10986" s="5" t="s">
        <v>69</v>
      </c>
      <c r="J10986" s="5" t="s">
        <v>27074</v>
      </c>
      <c r="K10986" s="2" t="s">
        <v>27075</v>
      </c>
      <c r="L10986" s="5" t="s">
        <v>27074</v>
      </c>
      <c r="M10986" s="2" t="s">
        <v>27075</v>
      </c>
      <c r="N10986" s="5" t="s">
        <v>24254</v>
      </c>
      <c r="O10986" s="5" t="s">
        <v>38</v>
      </c>
      <c r="P10986" s="5" t="s">
        <v>39</v>
      </c>
      <c r="Q10986" s="5" t="s">
        <v>40</v>
      </c>
      <c r="R10986" s="5" t="s">
        <v>24340</v>
      </c>
      <c r="S10986" s="5" t="s">
        <v>40</v>
      </c>
      <c r="T10986" s="5" t="s">
        <v>42</v>
      </c>
      <c r="U10986" s="2">
        <v>9.4489999999999998</v>
      </c>
      <c r="V10986" s="2">
        <v>7.1440000000000001</v>
      </c>
      <c r="W10986" s="2">
        <v>0.10299999999999999</v>
      </c>
      <c r="X10986" s="2">
        <v>12</v>
      </c>
      <c r="Y10986" s="2">
        <v>62</v>
      </c>
      <c r="Z10986" s="2">
        <v>137.9</v>
      </c>
      <c r="AA10986" s="5">
        <v>10</v>
      </c>
      <c r="AB10986" s="5" t="s">
        <v>43</v>
      </c>
      <c r="AC10986" s="5" t="s">
        <v>44</v>
      </c>
      <c r="AD10986" s="2" t="s">
        <v>33688</v>
      </c>
      <c r="AE10986" s="1"/>
    </row>
    <row r="10987" spans="1:31" ht="14.45">
      <c r="A10987" s="11"/>
      <c r="B10987" s="20"/>
      <c r="C10987" s="2" t="s">
        <v>33789</v>
      </c>
      <c r="D10987" s="14" t="s">
        <v>33790</v>
      </c>
      <c r="E10987" s="2" t="s">
        <v>33791</v>
      </c>
      <c r="F10987" s="2" t="s">
        <v>33692</v>
      </c>
      <c r="G10987" s="8">
        <v>590</v>
      </c>
      <c r="H10987" s="5">
        <v>10</v>
      </c>
      <c r="I10987" s="5" t="s">
        <v>69</v>
      </c>
      <c r="J10987" s="5" t="s">
        <v>27074</v>
      </c>
      <c r="K10987" s="2" t="s">
        <v>27075</v>
      </c>
      <c r="L10987" s="5" t="s">
        <v>27074</v>
      </c>
      <c r="M10987" s="2" t="s">
        <v>27075</v>
      </c>
      <c r="N10987" s="5" t="s">
        <v>24254</v>
      </c>
      <c r="O10987" s="5" t="s">
        <v>38</v>
      </c>
      <c r="P10987" s="5" t="s">
        <v>39</v>
      </c>
      <c r="Q10987" s="5" t="s">
        <v>40</v>
      </c>
      <c r="R10987" s="5" t="s">
        <v>24340</v>
      </c>
      <c r="S10987" s="5" t="s">
        <v>40</v>
      </c>
      <c r="T10987" s="5" t="s">
        <v>42</v>
      </c>
      <c r="U10987" s="2">
        <v>18.57</v>
      </c>
      <c r="V10987" s="2">
        <v>16.422999999999998</v>
      </c>
      <c r="W10987" s="2">
        <v>0.17899999999999999</v>
      </c>
      <c r="X10987" s="2">
        <v>15</v>
      </c>
      <c r="Y10987" s="2">
        <v>77</v>
      </c>
      <c r="Z10987" s="2">
        <v>154.9</v>
      </c>
      <c r="AA10987" s="5">
        <v>8</v>
      </c>
      <c r="AB10987" s="5" t="s">
        <v>43</v>
      </c>
      <c r="AC10987" s="5" t="s">
        <v>44</v>
      </c>
      <c r="AD10987" s="2" t="s">
        <v>33660</v>
      </c>
      <c r="AE10987" s="1"/>
    </row>
    <row r="10988" spans="1:31" ht="14.45">
      <c r="A10988" s="11"/>
      <c r="B10988" s="20"/>
      <c r="C10988" s="2" t="s">
        <v>33792</v>
      </c>
      <c r="D10988" s="14" t="s">
        <v>33793</v>
      </c>
      <c r="E10988" s="2" t="s">
        <v>33794</v>
      </c>
      <c r="F10988" s="2" t="s">
        <v>33696</v>
      </c>
      <c r="G10988" s="8">
        <v>310</v>
      </c>
      <c r="H10988" s="5">
        <v>10</v>
      </c>
      <c r="I10988" s="5" t="s">
        <v>69</v>
      </c>
      <c r="J10988" s="5" t="s">
        <v>27074</v>
      </c>
      <c r="K10988" s="2" t="s">
        <v>27075</v>
      </c>
      <c r="L10988" s="5" t="s">
        <v>27074</v>
      </c>
      <c r="M10988" s="2" t="s">
        <v>27075</v>
      </c>
      <c r="N10988" s="5" t="s">
        <v>24254</v>
      </c>
      <c r="O10988" s="5" t="s">
        <v>38</v>
      </c>
      <c r="P10988" s="5" t="s">
        <v>39</v>
      </c>
      <c r="Q10988" s="5" t="s">
        <v>40</v>
      </c>
      <c r="R10988" s="5" t="s">
        <v>25301</v>
      </c>
      <c r="S10988" s="5" t="s">
        <v>40</v>
      </c>
      <c r="T10988" s="5" t="s">
        <v>42</v>
      </c>
      <c r="U10988" s="2">
        <v>13.04</v>
      </c>
      <c r="V10988" s="2">
        <v>10.757999999999999</v>
      </c>
      <c r="W10988" s="2">
        <v>0.159</v>
      </c>
      <c r="X10988" s="2">
        <v>12</v>
      </c>
      <c r="Y10988" s="2">
        <v>62</v>
      </c>
      <c r="Z10988" s="2">
        <v>137.9</v>
      </c>
      <c r="AA10988" s="5">
        <v>8</v>
      </c>
      <c r="AB10988" s="5" t="s">
        <v>43</v>
      </c>
      <c r="AC10988" s="5" t="s">
        <v>44</v>
      </c>
      <c r="AD10988" s="2" t="s">
        <v>33697</v>
      </c>
      <c r="AE10988" s="1"/>
    </row>
    <row r="10989" spans="1:31" ht="14.45">
      <c r="A10989" s="11"/>
      <c r="B10989" s="20"/>
      <c r="C10989" s="2" t="s">
        <v>33795</v>
      </c>
      <c r="D10989" s="14" t="s">
        <v>33796</v>
      </c>
      <c r="E10989" s="2" t="s">
        <v>33797</v>
      </c>
      <c r="F10989" s="2" t="s">
        <v>33798</v>
      </c>
      <c r="G10989" s="8">
        <v>310</v>
      </c>
      <c r="H10989" s="5">
        <v>10</v>
      </c>
      <c r="I10989" s="5" t="s">
        <v>69</v>
      </c>
      <c r="J10989" s="5" t="s">
        <v>27074</v>
      </c>
      <c r="K10989" s="2" t="s">
        <v>27075</v>
      </c>
      <c r="L10989" s="5" t="s">
        <v>27074</v>
      </c>
      <c r="M10989" s="2" t="s">
        <v>27075</v>
      </c>
      <c r="N10989" s="5" t="s">
        <v>24254</v>
      </c>
      <c r="O10989" s="5" t="s">
        <v>38</v>
      </c>
      <c r="P10989" s="5" t="s">
        <v>39</v>
      </c>
      <c r="Q10989" s="5" t="s">
        <v>40</v>
      </c>
      <c r="R10989" s="5" t="s">
        <v>25301</v>
      </c>
      <c r="S10989" s="5" t="s">
        <v>40</v>
      </c>
      <c r="T10989" s="5" t="s">
        <v>42</v>
      </c>
      <c r="U10989" s="2">
        <v>11.082000000000001</v>
      </c>
      <c r="V10989" s="2">
        <v>8.8010000000000002</v>
      </c>
      <c r="W10989" s="2">
        <v>0.10299999999999999</v>
      </c>
      <c r="X10989" s="2">
        <v>12</v>
      </c>
      <c r="Y10989" s="2">
        <v>62</v>
      </c>
      <c r="Z10989" s="2">
        <v>137.9</v>
      </c>
      <c r="AA10989" s="5">
        <v>8</v>
      </c>
      <c r="AB10989" s="5" t="s">
        <v>43</v>
      </c>
      <c r="AC10989" s="5" t="s">
        <v>44</v>
      </c>
      <c r="AD10989" s="2" t="s">
        <v>33697</v>
      </c>
      <c r="AE10989" s="1"/>
    </row>
    <row r="10990" spans="1:31" ht="14.45">
      <c r="A10990" s="11"/>
      <c r="B10990" s="20"/>
      <c r="C10990" s="2" t="s">
        <v>33799</v>
      </c>
      <c r="D10990" s="14" t="s">
        <v>33800</v>
      </c>
      <c r="E10990" s="2" t="s">
        <v>33801</v>
      </c>
      <c r="F10990" s="2" t="s">
        <v>33701</v>
      </c>
      <c r="G10990" s="8">
        <v>310</v>
      </c>
      <c r="H10990" s="5">
        <v>10</v>
      </c>
      <c r="I10990" s="5" t="s">
        <v>69</v>
      </c>
      <c r="J10990" s="5" t="s">
        <v>27074</v>
      </c>
      <c r="K10990" s="2" t="s">
        <v>27075</v>
      </c>
      <c r="L10990" s="5" t="s">
        <v>27074</v>
      </c>
      <c r="M10990" s="2" t="s">
        <v>27075</v>
      </c>
      <c r="N10990" s="5" t="s">
        <v>24254</v>
      </c>
      <c r="O10990" s="5" t="s">
        <v>38</v>
      </c>
      <c r="P10990" s="5" t="s">
        <v>39</v>
      </c>
      <c r="Q10990" s="5" t="s">
        <v>40</v>
      </c>
      <c r="R10990" s="5" t="s">
        <v>25301</v>
      </c>
      <c r="S10990" s="5" t="s">
        <v>40</v>
      </c>
      <c r="T10990" s="5" t="s">
        <v>42</v>
      </c>
      <c r="U10990" s="2">
        <v>9.2089999999999996</v>
      </c>
      <c r="V10990" s="2">
        <v>7.4550000000000001</v>
      </c>
      <c r="W10990" s="2">
        <v>8.8999999999999996E-2</v>
      </c>
      <c r="X10990" s="2">
        <v>12</v>
      </c>
      <c r="Y10990" s="2">
        <v>62</v>
      </c>
      <c r="Z10990" s="2">
        <v>119.4</v>
      </c>
      <c r="AA10990" s="5">
        <v>8</v>
      </c>
      <c r="AB10990" s="5" t="s">
        <v>43</v>
      </c>
      <c r="AC10990" s="5" t="s">
        <v>44</v>
      </c>
      <c r="AD10990" s="2" t="s">
        <v>33697</v>
      </c>
      <c r="AE10990" s="1"/>
    </row>
    <row r="10991" spans="1:31" ht="14.45">
      <c r="A10991" s="11"/>
      <c r="B10991" s="20"/>
      <c r="C10991" s="2" t="s">
        <v>33802</v>
      </c>
      <c r="D10991" s="14" t="s">
        <v>33803</v>
      </c>
      <c r="E10991" s="2" t="s">
        <v>33804</v>
      </c>
      <c r="F10991" s="2" t="s">
        <v>33805</v>
      </c>
      <c r="G10991" s="8">
        <v>310</v>
      </c>
      <c r="H10991" s="5">
        <v>10</v>
      </c>
      <c r="I10991" s="5" t="s">
        <v>69</v>
      </c>
      <c r="J10991" s="5" t="s">
        <v>27074</v>
      </c>
      <c r="K10991" s="2" t="s">
        <v>27075</v>
      </c>
      <c r="L10991" s="5" t="s">
        <v>27074</v>
      </c>
      <c r="M10991" s="2" t="s">
        <v>27075</v>
      </c>
      <c r="N10991" s="5" t="s">
        <v>24254</v>
      </c>
      <c r="O10991" s="5" t="s">
        <v>38</v>
      </c>
      <c r="P10991" s="5" t="s">
        <v>39</v>
      </c>
      <c r="Q10991" s="5" t="s">
        <v>40</v>
      </c>
      <c r="R10991" s="5" t="s">
        <v>25301</v>
      </c>
      <c r="S10991" s="5" t="s">
        <v>40</v>
      </c>
      <c r="T10991" s="5" t="s">
        <v>42</v>
      </c>
      <c r="U10991" s="2">
        <v>8.9499999999999993</v>
      </c>
      <c r="V10991" s="2">
        <v>6.7460000000000004</v>
      </c>
      <c r="W10991" s="2">
        <v>0.10299999999999999</v>
      </c>
      <c r="X10991" s="2">
        <v>12</v>
      </c>
      <c r="Y10991" s="2">
        <v>62</v>
      </c>
      <c r="Z10991" s="2">
        <v>137.9</v>
      </c>
      <c r="AA10991" s="5">
        <v>10</v>
      </c>
      <c r="AB10991" s="5" t="s">
        <v>43</v>
      </c>
      <c r="AC10991" s="5" t="s">
        <v>44</v>
      </c>
      <c r="AD10991" s="2" t="s">
        <v>33806</v>
      </c>
      <c r="AE10991" s="1"/>
    </row>
    <row r="10992" spans="1:31" ht="14.45">
      <c r="A10992" s="11"/>
      <c r="B10992" s="20"/>
      <c r="C10992" s="2" t="s">
        <v>33807</v>
      </c>
      <c r="D10992" s="14" t="s">
        <v>33808</v>
      </c>
      <c r="E10992" s="2" t="s">
        <v>33809</v>
      </c>
      <c r="F10992" s="2" t="s">
        <v>33810</v>
      </c>
      <c r="G10992" s="8">
        <v>310</v>
      </c>
      <c r="H10992" s="5">
        <v>10</v>
      </c>
      <c r="I10992" s="5" t="s">
        <v>69</v>
      </c>
      <c r="J10992" s="5" t="s">
        <v>27074</v>
      </c>
      <c r="K10992" s="2" t="s">
        <v>27075</v>
      </c>
      <c r="L10992" s="5" t="s">
        <v>27074</v>
      </c>
      <c r="M10992" s="2" t="s">
        <v>27075</v>
      </c>
      <c r="N10992" s="5" t="s">
        <v>24254</v>
      </c>
      <c r="O10992" s="5" t="s">
        <v>38</v>
      </c>
      <c r="P10992" s="5" t="s">
        <v>39</v>
      </c>
      <c r="Q10992" s="5" t="s">
        <v>40</v>
      </c>
      <c r="R10992" s="5" t="s">
        <v>25301</v>
      </c>
      <c r="S10992" s="5" t="s">
        <v>40</v>
      </c>
      <c r="T10992" s="5" t="s">
        <v>42</v>
      </c>
      <c r="U10992" s="2">
        <v>6.7949999999999999</v>
      </c>
      <c r="V10992" s="2">
        <v>4.5910000000000002</v>
      </c>
      <c r="W10992" s="2">
        <v>0.10299999999999999</v>
      </c>
      <c r="X10992" s="2">
        <v>12</v>
      </c>
      <c r="Y10992" s="2">
        <v>62</v>
      </c>
      <c r="Z10992" s="2">
        <v>137.9</v>
      </c>
      <c r="AA10992" s="5">
        <v>10</v>
      </c>
      <c r="AB10992" s="5" t="s">
        <v>43</v>
      </c>
      <c r="AC10992" s="5" t="s">
        <v>44</v>
      </c>
      <c r="AD10992" s="2" t="s">
        <v>33706</v>
      </c>
      <c r="AE10992" s="1"/>
    </row>
    <row r="10993" spans="1:31" ht="14.45">
      <c r="A10993" s="11"/>
      <c r="B10993" s="20"/>
      <c r="C10993" s="2" t="s">
        <v>33811</v>
      </c>
      <c r="D10993" s="14" t="s">
        <v>33812</v>
      </c>
      <c r="E10993" s="2" t="s">
        <v>33813</v>
      </c>
      <c r="F10993" s="2" t="s">
        <v>33705</v>
      </c>
      <c r="G10993" s="8">
        <v>310</v>
      </c>
      <c r="H10993" s="5">
        <v>10</v>
      </c>
      <c r="I10993" s="5" t="s">
        <v>69</v>
      </c>
      <c r="J10993" s="5" t="s">
        <v>27074</v>
      </c>
      <c r="K10993" s="2" t="s">
        <v>27075</v>
      </c>
      <c r="L10993" s="5" t="s">
        <v>27074</v>
      </c>
      <c r="M10993" s="2" t="s">
        <v>27075</v>
      </c>
      <c r="N10993" s="5" t="s">
        <v>24254</v>
      </c>
      <c r="O10993" s="5" t="s">
        <v>38</v>
      </c>
      <c r="P10993" s="5" t="s">
        <v>39</v>
      </c>
      <c r="Q10993" s="5" t="s">
        <v>40</v>
      </c>
      <c r="R10993" s="5" t="s">
        <v>25301</v>
      </c>
      <c r="S10993" s="5" t="s">
        <v>40</v>
      </c>
      <c r="T10993" s="5" t="s">
        <v>42</v>
      </c>
      <c r="U10993" s="2">
        <v>8.5960000000000001</v>
      </c>
      <c r="V10993" s="2">
        <v>6.2910000000000004</v>
      </c>
      <c r="W10993" s="2">
        <v>0.10299999999999999</v>
      </c>
      <c r="X10993" s="2">
        <v>12</v>
      </c>
      <c r="Y10993" s="2">
        <v>62</v>
      </c>
      <c r="Z10993" s="2">
        <v>137.9</v>
      </c>
      <c r="AA10993" s="5">
        <v>10</v>
      </c>
      <c r="AB10993" s="5" t="s">
        <v>43</v>
      </c>
      <c r="AC10993" s="5" t="s">
        <v>44</v>
      </c>
      <c r="AD10993" s="2" t="s">
        <v>33814</v>
      </c>
      <c r="AE10993" s="1"/>
    </row>
    <row r="10994" spans="1:31" ht="14.45">
      <c r="A10994" s="11"/>
      <c r="B10994" s="20"/>
      <c r="C10994" s="2" t="s">
        <v>33815</v>
      </c>
      <c r="D10994" s="14" t="s">
        <v>33816</v>
      </c>
      <c r="E10994" s="2" t="s">
        <v>33817</v>
      </c>
      <c r="F10994" s="2" t="s">
        <v>33710</v>
      </c>
      <c r="G10994" s="8">
        <v>610</v>
      </c>
      <c r="H10994" s="5">
        <v>5</v>
      </c>
      <c r="I10994" s="5" t="s">
        <v>69</v>
      </c>
      <c r="J10994" s="5" t="s">
        <v>27074</v>
      </c>
      <c r="K10994" s="2" t="s">
        <v>27075</v>
      </c>
      <c r="L10994" s="5" t="s">
        <v>27074</v>
      </c>
      <c r="M10994" s="2" t="s">
        <v>27075</v>
      </c>
      <c r="N10994" s="5" t="s">
        <v>24254</v>
      </c>
      <c r="O10994" s="5" t="s">
        <v>38</v>
      </c>
      <c r="P10994" s="5" t="s">
        <v>39</v>
      </c>
      <c r="Q10994" s="5" t="s">
        <v>40</v>
      </c>
      <c r="R10994" s="5" t="s">
        <v>1487</v>
      </c>
      <c r="S10994" s="5"/>
      <c r="T10994" s="5" t="s">
        <v>42</v>
      </c>
      <c r="U10994" s="2">
        <v>0</v>
      </c>
      <c r="V10994" s="2">
        <v>0</v>
      </c>
      <c r="W10994" s="2">
        <v>0</v>
      </c>
      <c r="X10994" s="2">
        <v>0</v>
      </c>
      <c r="Y10994" s="2">
        <v>0</v>
      </c>
      <c r="Z10994" s="2">
        <v>0</v>
      </c>
      <c r="AA10994" s="5"/>
      <c r="AB10994" s="5" t="s">
        <v>43</v>
      </c>
      <c r="AC10994" s="5" t="s">
        <v>44</v>
      </c>
      <c r="AD10994" s="2" t="s">
        <v>33711</v>
      </c>
      <c r="AE10994" s="1"/>
    </row>
    <row r="10995" spans="1:31" ht="14.45">
      <c r="A10995" s="11"/>
      <c r="B10995" s="20"/>
      <c r="C10995" s="2" t="s">
        <v>33818</v>
      </c>
      <c r="D10995" s="14" t="s">
        <v>33819</v>
      </c>
      <c r="E10995" s="2" t="s">
        <v>33820</v>
      </c>
      <c r="F10995" s="2" t="s">
        <v>33715</v>
      </c>
      <c r="G10995" s="8">
        <v>610</v>
      </c>
      <c r="H10995" s="5">
        <v>15</v>
      </c>
      <c r="I10995" s="5" t="s">
        <v>69</v>
      </c>
      <c r="J10995" s="5" t="s">
        <v>27074</v>
      </c>
      <c r="K10995" s="2" t="s">
        <v>27075</v>
      </c>
      <c r="L10995" s="5" t="s">
        <v>27074</v>
      </c>
      <c r="M10995" s="2" t="s">
        <v>27075</v>
      </c>
      <c r="N10995" s="5" t="s">
        <v>24254</v>
      </c>
      <c r="O10995" s="5" t="s">
        <v>38</v>
      </c>
      <c r="P10995" s="5" t="s">
        <v>39</v>
      </c>
      <c r="Q10995" s="5" t="s">
        <v>40</v>
      </c>
      <c r="R10995" s="5" t="s">
        <v>1487</v>
      </c>
      <c r="S10995" s="5"/>
      <c r="T10995" s="5" t="s">
        <v>42</v>
      </c>
      <c r="U10995" s="2">
        <v>0</v>
      </c>
      <c r="V10995" s="2">
        <v>0</v>
      </c>
      <c r="W10995" s="2">
        <v>0</v>
      </c>
      <c r="X10995" s="2">
        <v>0</v>
      </c>
      <c r="Y10995" s="2">
        <v>0</v>
      </c>
      <c r="Z10995" s="2">
        <v>0</v>
      </c>
      <c r="AA10995" s="5"/>
      <c r="AB10995" s="5" t="s">
        <v>43</v>
      </c>
      <c r="AC10995" s="5" t="s">
        <v>44</v>
      </c>
      <c r="AD10995" s="2" t="s">
        <v>33716</v>
      </c>
      <c r="AE10995" s="1"/>
    </row>
    <row r="10996" spans="1:31" ht="14.45">
      <c r="A10996" s="11"/>
      <c r="B10996" s="20"/>
      <c r="C10996" s="2" t="s">
        <v>33821</v>
      </c>
      <c r="D10996" s="14" t="s">
        <v>33822</v>
      </c>
      <c r="E10996" s="2" t="s">
        <v>33823</v>
      </c>
      <c r="F10996" s="2" t="s">
        <v>33720</v>
      </c>
      <c r="G10996" s="8">
        <v>979</v>
      </c>
      <c r="H10996" s="5">
        <v>15</v>
      </c>
      <c r="I10996" s="5" t="s">
        <v>69</v>
      </c>
      <c r="J10996" s="5" t="s">
        <v>27074</v>
      </c>
      <c r="K10996" s="2" t="s">
        <v>27075</v>
      </c>
      <c r="L10996" s="5" t="s">
        <v>27074</v>
      </c>
      <c r="M10996" s="2" t="s">
        <v>27075</v>
      </c>
      <c r="N10996" s="5" t="s">
        <v>24254</v>
      </c>
      <c r="O10996" s="5" t="s">
        <v>38</v>
      </c>
      <c r="P10996" s="5" t="s">
        <v>39</v>
      </c>
      <c r="Q10996" s="5" t="s">
        <v>40</v>
      </c>
      <c r="R10996" s="5" t="s">
        <v>1487</v>
      </c>
      <c r="S10996" s="5"/>
      <c r="T10996" s="5" t="s">
        <v>42</v>
      </c>
      <c r="U10996" s="2">
        <v>0</v>
      </c>
      <c r="V10996" s="2">
        <v>0</v>
      </c>
      <c r="W10996" s="2">
        <v>0</v>
      </c>
      <c r="X10996" s="2">
        <v>0</v>
      </c>
      <c r="Y10996" s="2">
        <v>0</v>
      </c>
      <c r="Z10996" s="2">
        <v>0</v>
      </c>
      <c r="AA10996" s="5"/>
      <c r="AB10996" s="5" t="s">
        <v>43</v>
      </c>
      <c r="AC10996" s="5" t="s">
        <v>44</v>
      </c>
      <c r="AD10996" s="2" t="s">
        <v>33721</v>
      </c>
      <c r="AE10996" s="1"/>
    </row>
    <row r="10997" spans="1:31" ht="14.45">
      <c r="A10997" s="11"/>
      <c r="B10997" s="20"/>
      <c r="C10997" s="2" t="s">
        <v>33824</v>
      </c>
      <c r="D10997" s="14" t="s">
        <v>33825</v>
      </c>
      <c r="E10997" s="2" t="s">
        <v>33826</v>
      </c>
      <c r="F10997" s="2" t="s">
        <v>33725</v>
      </c>
      <c r="G10997" s="8">
        <v>979</v>
      </c>
      <c r="H10997" s="5">
        <v>15</v>
      </c>
      <c r="I10997" s="5" t="s">
        <v>69</v>
      </c>
      <c r="J10997" s="5" t="s">
        <v>27074</v>
      </c>
      <c r="K10997" s="2" t="s">
        <v>27075</v>
      </c>
      <c r="L10997" s="5" t="s">
        <v>27074</v>
      </c>
      <c r="M10997" s="2" t="s">
        <v>27075</v>
      </c>
      <c r="N10997" s="5" t="s">
        <v>24254</v>
      </c>
      <c r="O10997" s="5" t="s">
        <v>38</v>
      </c>
      <c r="P10997" s="5" t="s">
        <v>39</v>
      </c>
      <c r="Q10997" s="5" t="s">
        <v>40</v>
      </c>
      <c r="R10997" s="5" t="s">
        <v>1487</v>
      </c>
      <c r="S10997" s="5"/>
      <c r="T10997" s="5" t="s">
        <v>42</v>
      </c>
      <c r="U10997" s="2">
        <v>0</v>
      </c>
      <c r="V10997" s="2">
        <v>0</v>
      </c>
      <c r="W10997" s="2">
        <v>0</v>
      </c>
      <c r="X10997" s="2">
        <v>0</v>
      </c>
      <c r="Y10997" s="2">
        <v>0</v>
      </c>
      <c r="Z10997" s="2">
        <v>0</v>
      </c>
      <c r="AA10997" s="5"/>
      <c r="AB10997" s="5" t="s">
        <v>43</v>
      </c>
      <c r="AC10997" s="5" t="s">
        <v>44</v>
      </c>
      <c r="AD10997" s="2" t="s">
        <v>33726</v>
      </c>
      <c r="AE10997" s="1"/>
    </row>
    <row r="10998" spans="1:31" ht="14.45">
      <c r="A10998" s="11"/>
      <c r="B10998" s="20"/>
      <c r="C10998" s="2" t="s">
        <v>33827</v>
      </c>
      <c r="D10998" s="14" t="s">
        <v>33828</v>
      </c>
      <c r="E10998" s="2" t="s">
        <v>33829</v>
      </c>
      <c r="F10998" s="2" t="s">
        <v>33730</v>
      </c>
      <c r="G10998" s="8">
        <v>912</v>
      </c>
      <c r="H10998" s="5">
        <v>10</v>
      </c>
      <c r="I10998" s="5" t="s">
        <v>69</v>
      </c>
      <c r="J10998" s="5" t="s">
        <v>27074</v>
      </c>
      <c r="K10998" s="2" t="s">
        <v>27075</v>
      </c>
      <c r="L10998" s="5" t="s">
        <v>27074</v>
      </c>
      <c r="M10998" s="2" t="s">
        <v>27075</v>
      </c>
      <c r="N10998" s="5" t="s">
        <v>24254</v>
      </c>
      <c r="O10998" s="5" t="s">
        <v>38</v>
      </c>
      <c r="P10998" s="5" t="s">
        <v>39</v>
      </c>
      <c r="Q10998" s="5" t="s">
        <v>40</v>
      </c>
      <c r="R10998" s="5" t="s">
        <v>1487</v>
      </c>
      <c r="S10998" s="5"/>
      <c r="T10998" s="5" t="s">
        <v>42</v>
      </c>
      <c r="U10998" s="2">
        <v>0</v>
      </c>
      <c r="V10998" s="2">
        <v>0</v>
      </c>
      <c r="W10998" s="2">
        <v>0</v>
      </c>
      <c r="X10998" s="2">
        <v>0</v>
      </c>
      <c r="Y10998" s="2">
        <v>0</v>
      </c>
      <c r="Z10998" s="2">
        <v>0</v>
      </c>
      <c r="AA10998" s="5"/>
      <c r="AB10998" s="5" t="s">
        <v>43</v>
      </c>
      <c r="AC10998" s="5" t="s">
        <v>44</v>
      </c>
      <c r="AD10998" s="2"/>
      <c r="AE10998" s="1"/>
    </row>
    <row r="10999" spans="1:31" ht="14.45">
      <c r="A10999" s="11"/>
      <c r="B10999" s="20"/>
      <c r="C10999" s="2" t="s">
        <v>33830</v>
      </c>
      <c r="D10999" s="14" t="s">
        <v>33831</v>
      </c>
      <c r="E10999" s="2" t="s">
        <v>33832</v>
      </c>
      <c r="F10999" s="2" t="s">
        <v>33734</v>
      </c>
      <c r="G10999" s="8">
        <v>912</v>
      </c>
      <c r="H10999" s="5">
        <v>15</v>
      </c>
      <c r="I10999" s="5" t="s">
        <v>69</v>
      </c>
      <c r="J10999" s="5" t="s">
        <v>27074</v>
      </c>
      <c r="K10999" s="2" t="s">
        <v>27075</v>
      </c>
      <c r="L10999" s="5" t="s">
        <v>27074</v>
      </c>
      <c r="M10999" s="2" t="s">
        <v>27075</v>
      </c>
      <c r="N10999" s="5" t="s">
        <v>24254</v>
      </c>
      <c r="O10999" s="5" t="s">
        <v>38</v>
      </c>
      <c r="P10999" s="5" t="s">
        <v>39</v>
      </c>
      <c r="Q10999" s="5" t="s">
        <v>40</v>
      </c>
      <c r="R10999" s="5" t="s">
        <v>1487</v>
      </c>
      <c r="S10999" s="5"/>
      <c r="T10999" s="5" t="s">
        <v>42</v>
      </c>
      <c r="U10999" s="2">
        <v>0</v>
      </c>
      <c r="V10999" s="2">
        <v>0</v>
      </c>
      <c r="W10999" s="2">
        <v>0</v>
      </c>
      <c r="X10999" s="2">
        <v>0</v>
      </c>
      <c r="Y10999" s="2">
        <v>0</v>
      </c>
      <c r="Z10999" s="2">
        <v>0</v>
      </c>
      <c r="AA10999" s="5"/>
      <c r="AB10999" s="5" t="s">
        <v>43</v>
      </c>
      <c r="AC10999" s="5" t="s">
        <v>44</v>
      </c>
      <c r="AD10999" s="2"/>
      <c r="AE10999" s="1"/>
    </row>
    <row r="11000" spans="1:31" ht="14.45">
      <c r="A11000" s="11"/>
      <c r="B11000" s="20"/>
      <c r="C11000" s="2" t="s">
        <v>33833</v>
      </c>
      <c r="D11000" s="14" t="s">
        <v>33834</v>
      </c>
      <c r="E11000" s="2" t="s">
        <v>33835</v>
      </c>
      <c r="F11000" s="2" t="s">
        <v>33621</v>
      </c>
      <c r="G11000" s="8">
        <v>164</v>
      </c>
      <c r="H11000" s="5">
        <v>10</v>
      </c>
      <c r="I11000" s="5" t="s">
        <v>69</v>
      </c>
      <c r="J11000" s="5" t="s">
        <v>27074</v>
      </c>
      <c r="K11000" s="2" t="s">
        <v>27075</v>
      </c>
      <c r="L11000" s="5" t="s">
        <v>27074</v>
      </c>
      <c r="M11000" s="2" t="s">
        <v>27075</v>
      </c>
      <c r="N11000" s="5" t="s">
        <v>24254</v>
      </c>
      <c r="O11000" s="5" t="s">
        <v>38</v>
      </c>
      <c r="P11000" s="5" t="s">
        <v>39</v>
      </c>
      <c r="Q11000" s="5" t="s">
        <v>40</v>
      </c>
      <c r="R11000" s="5" t="s">
        <v>24335</v>
      </c>
      <c r="S11000" s="5" t="s">
        <v>40</v>
      </c>
      <c r="T11000" s="5" t="s">
        <v>42</v>
      </c>
      <c r="U11000" s="2">
        <v>9.9130000000000003</v>
      </c>
      <c r="V11000" s="2">
        <v>7.64</v>
      </c>
      <c r="W11000" s="2">
        <v>0.185</v>
      </c>
      <c r="X11000" s="2">
        <v>12</v>
      </c>
      <c r="Y11000" s="2">
        <v>62</v>
      </c>
      <c r="Z11000" s="2">
        <v>159.9</v>
      </c>
      <c r="AA11000" s="5">
        <v>8</v>
      </c>
      <c r="AB11000" s="5" t="s">
        <v>43</v>
      </c>
      <c r="AC11000" s="5" t="s">
        <v>44</v>
      </c>
      <c r="AD11000" s="2" t="s">
        <v>33622</v>
      </c>
      <c r="AE11000" s="1"/>
    </row>
    <row r="11001" spans="1:31" ht="14.45">
      <c r="A11001" s="11"/>
      <c r="B11001" s="20"/>
      <c r="C11001" s="2" t="s">
        <v>33836</v>
      </c>
      <c r="D11001" s="14" t="s">
        <v>33837</v>
      </c>
      <c r="E11001" s="2" t="s">
        <v>33838</v>
      </c>
      <c r="F11001" s="2" t="s">
        <v>33626</v>
      </c>
      <c r="G11001" s="8">
        <v>164</v>
      </c>
      <c r="H11001" s="5">
        <v>5</v>
      </c>
      <c r="I11001" s="5" t="s">
        <v>69</v>
      </c>
      <c r="J11001" s="5" t="s">
        <v>27074</v>
      </c>
      <c r="K11001" s="2" t="s">
        <v>27075</v>
      </c>
      <c r="L11001" s="5" t="s">
        <v>27074</v>
      </c>
      <c r="M11001" s="2" t="s">
        <v>27075</v>
      </c>
      <c r="N11001" s="5" t="s">
        <v>24254</v>
      </c>
      <c r="O11001" s="5" t="s">
        <v>38</v>
      </c>
      <c r="P11001" s="5" t="s">
        <v>39</v>
      </c>
      <c r="Q11001" s="5" t="s">
        <v>40</v>
      </c>
      <c r="R11001" s="5" t="s">
        <v>24335</v>
      </c>
      <c r="S11001" s="5" t="s">
        <v>40</v>
      </c>
      <c r="T11001" s="5" t="s">
        <v>42</v>
      </c>
      <c r="U11001" s="2">
        <v>8.3330000000000002</v>
      </c>
      <c r="V11001" s="2">
        <v>6.0869999999999997</v>
      </c>
      <c r="W11001" s="2">
        <v>0.11899999999999999</v>
      </c>
      <c r="X11001" s="2">
        <v>12</v>
      </c>
      <c r="Y11001" s="2">
        <v>62</v>
      </c>
      <c r="Z11001" s="2">
        <v>159.9</v>
      </c>
      <c r="AA11001" s="5">
        <v>8</v>
      </c>
      <c r="AB11001" s="5" t="s">
        <v>43</v>
      </c>
      <c r="AC11001" s="5" t="s">
        <v>44</v>
      </c>
      <c r="AD11001" s="2" t="s">
        <v>33622</v>
      </c>
      <c r="AE11001" s="1"/>
    </row>
    <row r="11002" spans="1:31" ht="14.45">
      <c r="A11002" s="11"/>
      <c r="B11002" s="20"/>
      <c r="C11002" s="2" t="s">
        <v>33839</v>
      </c>
      <c r="D11002" s="14" t="s">
        <v>33840</v>
      </c>
      <c r="E11002" s="2" t="s">
        <v>33841</v>
      </c>
      <c r="F11002" s="2" t="s">
        <v>33630</v>
      </c>
      <c r="G11002" s="8">
        <v>164</v>
      </c>
      <c r="H11002" s="5">
        <v>10</v>
      </c>
      <c r="I11002" s="5" t="s">
        <v>69</v>
      </c>
      <c r="J11002" s="5" t="s">
        <v>27074</v>
      </c>
      <c r="K11002" s="2" t="s">
        <v>27075</v>
      </c>
      <c r="L11002" s="5" t="s">
        <v>27074</v>
      </c>
      <c r="M11002" s="2" t="s">
        <v>27075</v>
      </c>
      <c r="N11002" s="5" t="s">
        <v>24254</v>
      </c>
      <c r="O11002" s="5" t="s">
        <v>38</v>
      </c>
      <c r="P11002" s="5" t="s">
        <v>39</v>
      </c>
      <c r="Q11002" s="5" t="s">
        <v>40</v>
      </c>
      <c r="R11002" s="5" t="s">
        <v>24335</v>
      </c>
      <c r="S11002" s="5" t="s">
        <v>40</v>
      </c>
      <c r="T11002" s="5" t="s">
        <v>42</v>
      </c>
      <c r="U11002" s="2">
        <v>7.3949999999999996</v>
      </c>
      <c r="V11002" s="2">
        <v>5.1470000000000002</v>
      </c>
      <c r="W11002" s="2">
        <v>0.10299999999999999</v>
      </c>
      <c r="X11002" s="2">
        <v>12</v>
      </c>
      <c r="Y11002" s="2">
        <v>62</v>
      </c>
      <c r="Z11002" s="2">
        <v>137.9</v>
      </c>
      <c r="AA11002" s="5">
        <v>8</v>
      </c>
      <c r="AB11002" s="5" t="s">
        <v>43</v>
      </c>
      <c r="AC11002" s="5" t="s">
        <v>44</v>
      </c>
      <c r="AD11002" s="2" t="s">
        <v>33622</v>
      </c>
      <c r="AE11002" s="1"/>
    </row>
    <row r="11003" spans="1:31" ht="14.45">
      <c r="A11003" s="11"/>
      <c r="B11003" s="20"/>
      <c r="C11003" s="2" t="s">
        <v>33842</v>
      </c>
      <c r="D11003" s="14" t="s">
        <v>33843</v>
      </c>
      <c r="E11003" s="2" t="s">
        <v>33844</v>
      </c>
      <c r="F11003" s="2" t="s">
        <v>33634</v>
      </c>
      <c r="G11003" s="8">
        <v>164</v>
      </c>
      <c r="H11003" s="5">
        <v>5</v>
      </c>
      <c r="I11003" s="5" t="s">
        <v>69</v>
      </c>
      <c r="J11003" s="5" t="s">
        <v>27074</v>
      </c>
      <c r="K11003" s="2" t="s">
        <v>27075</v>
      </c>
      <c r="L11003" s="5" t="s">
        <v>27074</v>
      </c>
      <c r="M11003" s="2" t="s">
        <v>27075</v>
      </c>
      <c r="N11003" s="5" t="s">
        <v>24254</v>
      </c>
      <c r="O11003" s="5" t="s">
        <v>38</v>
      </c>
      <c r="P11003" s="5" t="s">
        <v>39</v>
      </c>
      <c r="Q11003" s="5" t="s">
        <v>40</v>
      </c>
      <c r="R11003" s="5" t="s">
        <v>24335</v>
      </c>
      <c r="S11003" s="5" t="s">
        <v>40</v>
      </c>
      <c r="T11003" s="5" t="s">
        <v>42</v>
      </c>
      <c r="U11003" s="2">
        <v>6.4550000000000001</v>
      </c>
      <c r="V11003" s="2">
        <v>4.26</v>
      </c>
      <c r="W11003" s="2">
        <v>0.11899999999999999</v>
      </c>
      <c r="X11003" s="2">
        <v>12</v>
      </c>
      <c r="Y11003" s="2">
        <v>62</v>
      </c>
      <c r="Z11003" s="2">
        <v>159.9</v>
      </c>
      <c r="AA11003" s="5">
        <v>10</v>
      </c>
      <c r="AB11003" s="5" t="s">
        <v>43</v>
      </c>
      <c r="AC11003" s="5" t="s">
        <v>44</v>
      </c>
      <c r="AD11003" s="2" t="s">
        <v>33635</v>
      </c>
      <c r="AE11003" s="1"/>
    </row>
    <row r="11004" spans="1:31" ht="14.45">
      <c r="A11004" s="11"/>
      <c r="B11004" s="20"/>
      <c r="C11004" s="2" t="s">
        <v>33845</v>
      </c>
      <c r="D11004" s="14" t="s">
        <v>33846</v>
      </c>
      <c r="E11004" s="2" t="s">
        <v>33847</v>
      </c>
      <c r="F11004" s="2" t="s">
        <v>33634</v>
      </c>
      <c r="G11004" s="8">
        <v>164</v>
      </c>
      <c r="H11004" s="5">
        <v>5</v>
      </c>
      <c r="I11004" s="5" t="s">
        <v>69</v>
      </c>
      <c r="J11004" s="5" t="s">
        <v>27074</v>
      </c>
      <c r="K11004" s="2" t="s">
        <v>27075</v>
      </c>
      <c r="L11004" s="5" t="s">
        <v>27074</v>
      </c>
      <c r="M11004" s="2" t="s">
        <v>27075</v>
      </c>
      <c r="N11004" s="5" t="s">
        <v>24254</v>
      </c>
      <c r="O11004" s="5" t="s">
        <v>38</v>
      </c>
      <c r="P11004" s="5" t="s">
        <v>39</v>
      </c>
      <c r="Q11004" s="5" t="s">
        <v>40</v>
      </c>
      <c r="R11004" s="5" t="s">
        <v>24335</v>
      </c>
      <c r="S11004" s="5" t="s">
        <v>40</v>
      </c>
      <c r="T11004" s="5" t="s">
        <v>42</v>
      </c>
      <c r="U11004" s="2">
        <v>6.7489999999999997</v>
      </c>
      <c r="V11004" s="2">
        <v>4.508</v>
      </c>
      <c r="W11004" s="2">
        <v>0.11899999999999999</v>
      </c>
      <c r="X11004" s="2">
        <v>12</v>
      </c>
      <c r="Y11004" s="2">
        <v>62</v>
      </c>
      <c r="Z11004" s="2">
        <v>159.9</v>
      </c>
      <c r="AA11004" s="5">
        <v>10</v>
      </c>
      <c r="AB11004" s="5" t="s">
        <v>43</v>
      </c>
      <c r="AC11004" s="5" t="s">
        <v>44</v>
      </c>
      <c r="AD11004" s="2" t="s">
        <v>33639</v>
      </c>
      <c r="AE11004" s="1"/>
    </row>
    <row r="11005" spans="1:31" ht="14.45">
      <c r="A11005" s="11"/>
      <c r="B11005" s="20"/>
      <c r="C11005" s="2" t="s">
        <v>33848</v>
      </c>
      <c r="D11005" s="14" t="s">
        <v>33849</v>
      </c>
      <c r="E11005" s="2" t="s">
        <v>33850</v>
      </c>
      <c r="F11005" s="2" t="s">
        <v>33643</v>
      </c>
      <c r="G11005" s="8">
        <v>164</v>
      </c>
      <c r="H11005" s="5">
        <v>5</v>
      </c>
      <c r="I11005" s="5" t="s">
        <v>69</v>
      </c>
      <c r="J11005" s="5" t="s">
        <v>27074</v>
      </c>
      <c r="K11005" s="2" t="s">
        <v>27075</v>
      </c>
      <c r="L11005" s="5" t="s">
        <v>27074</v>
      </c>
      <c r="M11005" s="2" t="s">
        <v>27075</v>
      </c>
      <c r="N11005" s="5" t="s">
        <v>24254</v>
      </c>
      <c r="O11005" s="5" t="s">
        <v>38</v>
      </c>
      <c r="P11005" s="5" t="s">
        <v>39</v>
      </c>
      <c r="Q11005" s="5" t="s">
        <v>40</v>
      </c>
      <c r="R11005" s="5" t="s">
        <v>24335</v>
      </c>
      <c r="S11005" s="5" t="s">
        <v>40</v>
      </c>
      <c r="T11005" s="5" t="s">
        <v>42</v>
      </c>
      <c r="U11005" s="2">
        <v>5.3970000000000002</v>
      </c>
      <c r="V11005" s="2">
        <v>3.2480000000000002</v>
      </c>
      <c r="W11005" s="2">
        <v>0.11899999999999999</v>
      </c>
      <c r="X11005" s="2">
        <v>12</v>
      </c>
      <c r="Y11005" s="2">
        <v>62</v>
      </c>
      <c r="Z11005" s="2">
        <v>159.9</v>
      </c>
      <c r="AA11005" s="5">
        <v>10</v>
      </c>
      <c r="AB11005" s="5" t="s">
        <v>43</v>
      </c>
      <c r="AC11005" s="5" t="s">
        <v>44</v>
      </c>
      <c r="AD11005" s="2" t="s">
        <v>33644</v>
      </c>
      <c r="AE11005" s="1"/>
    </row>
    <row r="11006" spans="1:31" ht="14.45">
      <c r="A11006" s="11"/>
      <c r="B11006" s="20"/>
      <c r="C11006" s="2" t="s">
        <v>33851</v>
      </c>
      <c r="D11006" s="14" t="s">
        <v>33852</v>
      </c>
      <c r="E11006" s="2" t="s">
        <v>33853</v>
      </c>
      <c r="F11006" s="2" t="s">
        <v>33643</v>
      </c>
      <c r="G11006" s="8">
        <v>164</v>
      </c>
      <c r="H11006" s="5">
        <v>5</v>
      </c>
      <c r="I11006" s="5" t="s">
        <v>69</v>
      </c>
      <c r="J11006" s="5" t="s">
        <v>27074</v>
      </c>
      <c r="K11006" s="2" t="s">
        <v>27075</v>
      </c>
      <c r="L11006" s="5" t="s">
        <v>27074</v>
      </c>
      <c r="M11006" s="2" t="s">
        <v>27075</v>
      </c>
      <c r="N11006" s="5" t="s">
        <v>24254</v>
      </c>
      <c r="O11006" s="5" t="s">
        <v>38</v>
      </c>
      <c r="P11006" s="5" t="s">
        <v>39</v>
      </c>
      <c r="Q11006" s="5" t="s">
        <v>40</v>
      </c>
      <c r="R11006" s="5" t="s">
        <v>24335</v>
      </c>
      <c r="S11006" s="5" t="s">
        <v>40</v>
      </c>
      <c r="T11006" s="5" t="s">
        <v>42</v>
      </c>
      <c r="U11006" s="2">
        <v>5.8369999999999997</v>
      </c>
      <c r="V11006" s="2">
        <v>3.5960000000000001</v>
      </c>
      <c r="W11006" s="2">
        <v>0.11899999999999999</v>
      </c>
      <c r="X11006" s="2">
        <v>12</v>
      </c>
      <c r="Y11006" s="2">
        <v>62</v>
      </c>
      <c r="Z11006" s="2">
        <v>159.9</v>
      </c>
      <c r="AA11006" s="5">
        <v>10</v>
      </c>
      <c r="AB11006" s="5" t="s">
        <v>43</v>
      </c>
      <c r="AC11006" s="5" t="s">
        <v>44</v>
      </c>
      <c r="AD11006" s="2" t="s">
        <v>33648</v>
      </c>
      <c r="AE11006" s="1"/>
    </row>
    <row r="11007" spans="1:31" ht="14.45">
      <c r="A11007" s="11"/>
      <c r="B11007" s="20"/>
      <c r="C11007" s="2" t="s">
        <v>33854</v>
      </c>
      <c r="D11007" s="14" t="s">
        <v>33855</v>
      </c>
      <c r="E11007" s="2" t="s">
        <v>33856</v>
      </c>
      <c r="F11007" s="2" t="s">
        <v>33652</v>
      </c>
      <c r="G11007" s="8">
        <v>164</v>
      </c>
      <c r="H11007" s="5">
        <v>5</v>
      </c>
      <c r="I11007" s="5" t="s">
        <v>69</v>
      </c>
      <c r="J11007" s="5" t="s">
        <v>27074</v>
      </c>
      <c r="K11007" s="2" t="s">
        <v>27075</v>
      </c>
      <c r="L11007" s="5" t="s">
        <v>27074</v>
      </c>
      <c r="M11007" s="2" t="s">
        <v>27075</v>
      </c>
      <c r="N11007" s="5" t="s">
        <v>24254</v>
      </c>
      <c r="O11007" s="5" t="s">
        <v>38</v>
      </c>
      <c r="P11007" s="5" t="s">
        <v>39</v>
      </c>
      <c r="Q11007" s="5" t="s">
        <v>40</v>
      </c>
      <c r="R11007" s="5" t="s">
        <v>24335</v>
      </c>
      <c r="S11007" s="5" t="s">
        <v>40</v>
      </c>
      <c r="T11007" s="5" t="s">
        <v>42</v>
      </c>
      <c r="U11007" s="2">
        <v>5.9379999999999997</v>
      </c>
      <c r="V11007" s="2">
        <v>3.6880000000000002</v>
      </c>
      <c r="W11007" s="2">
        <v>0.11899999999999999</v>
      </c>
      <c r="X11007" s="2">
        <v>12</v>
      </c>
      <c r="Y11007" s="2">
        <v>62</v>
      </c>
      <c r="Z11007" s="2">
        <v>159.9</v>
      </c>
      <c r="AA11007" s="5">
        <v>10</v>
      </c>
      <c r="AB11007" s="5" t="s">
        <v>43</v>
      </c>
      <c r="AC11007" s="5" t="s">
        <v>44</v>
      </c>
      <c r="AD11007" s="2" t="s">
        <v>33644</v>
      </c>
      <c r="AE11007" s="1"/>
    </row>
    <row r="11008" spans="1:31" ht="14.45">
      <c r="A11008" s="11"/>
      <c r="B11008" s="20"/>
      <c r="C11008" s="2" t="s">
        <v>33857</v>
      </c>
      <c r="D11008" s="14" t="s">
        <v>33858</v>
      </c>
      <c r="E11008" s="2" t="s">
        <v>33859</v>
      </c>
      <c r="F11008" s="2" t="s">
        <v>33652</v>
      </c>
      <c r="G11008" s="8">
        <v>164</v>
      </c>
      <c r="H11008" s="5">
        <v>5</v>
      </c>
      <c r="I11008" s="5" t="s">
        <v>69</v>
      </c>
      <c r="J11008" s="5" t="s">
        <v>27074</v>
      </c>
      <c r="K11008" s="2" t="s">
        <v>27075</v>
      </c>
      <c r="L11008" s="5" t="s">
        <v>27074</v>
      </c>
      <c r="M11008" s="2" t="s">
        <v>27075</v>
      </c>
      <c r="N11008" s="5" t="s">
        <v>24254</v>
      </c>
      <c r="O11008" s="5" t="s">
        <v>38</v>
      </c>
      <c r="P11008" s="5" t="s">
        <v>39</v>
      </c>
      <c r="Q11008" s="5" t="s">
        <v>40</v>
      </c>
      <c r="R11008" s="5" t="s">
        <v>24335</v>
      </c>
      <c r="S11008" s="5" t="s">
        <v>40</v>
      </c>
      <c r="T11008" s="5" t="s">
        <v>42</v>
      </c>
      <c r="U11008" s="2">
        <v>6.2640000000000002</v>
      </c>
      <c r="V11008" s="2">
        <v>3.968</v>
      </c>
      <c r="W11008" s="2">
        <v>0.11899999999999999</v>
      </c>
      <c r="X11008" s="2">
        <v>12</v>
      </c>
      <c r="Y11008" s="2">
        <v>62</v>
      </c>
      <c r="Z11008" s="2">
        <v>159.9</v>
      </c>
      <c r="AA11008" s="5">
        <v>10</v>
      </c>
      <c r="AB11008" s="5" t="s">
        <v>43</v>
      </c>
      <c r="AC11008" s="5" t="s">
        <v>44</v>
      </c>
      <c r="AD11008" s="2" t="s">
        <v>33648</v>
      </c>
      <c r="AE11008" s="1"/>
    </row>
    <row r="11009" spans="1:31" ht="14.45">
      <c r="A11009" s="11"/>
      <c r="B11009" s="20"/>
      <c r="C11009" s="2" t="s">
        <v>33860</v>
      </c>
      <c r="D11009" s="14" t="s">
        <v>33861</v>
      </c>
      <c r="E11009" s="2" t="s">
        <v>33862</v>
      </c>
      <c r="F11009" s="2" t="s">
        <v>33659</v>
      </c>
      <c r="G11009" s="8">
        <v>298</v>
      </c>
      <c r="H11009" s="5">
        <v>5</v>
      </c>
      <c r="I11009" s="5" t="s">
        <v>69</v>
      </c>
      <c r="J11009" s="5" t="s">
        <v>27074</v>
      </c>
      <c r="K11009" s="2" t="s">
        <v>27075</v>
      </c>
      <c r="L11009" s="5" t="s">
        <v>27074</v>
      </c>
      <c r="M11009" s="2" t="s">
        <v>27075</v>
      </c>
      <c r="N11009" s="5" t="s">
        <v>24254</v>
      </c>
      <c r="O11009" s="5" t="s">
        <v>38</v>
      </c>
      <c r="P11009" s="5" t="s">
        <v>39</v>
      </c>
      <c r="Q11009" s="5" t="s">
        <v>40</v>
      </c>
      <c r="R11009" s="5" t="s">
        <v>24335</v>
      </c>
      <c r="S11009" s="5" t="s">
        <v>40</v>
      </c>
      <c r="T11009" s="5" t="s">
        <v>42</v>
      </c>
      <c r="U11009" s="2">
        <v>14.948</v>
      </c>
      <c r="V11009" s="2">
        <v>12.79</v>
      </c>
      <c r="W11009" s="2">
        <v>0.17899999999999999</v>
      </c>
      <c r="X11009" s="2">
        <v>15</v>
      </c>
      <c r="Y11009" s="2">
        <v>77</v>
      </c>
      <c r="Z11009" s="2">
        <v>154.9</v>
      </c>
      <c r="AA11009" s="5">
        <v>8</v>
      </c>
      <c r="AB11009" s="5" t="s">
        <v>43</v>
      </c>
      <c r="AC11009" s="5" t="s">
        <v>44</v>
      </c>
      <c r="AD11009" s="2" t="s">
        <v>33660</v>
      </c>
      <c r="AE11009" s="1"/>
    </row>
    <row r="11010" spans="1:31" ht="14.45">
      <c r="A11010" s="11"/>
      <c r="B11010" s="20"/>
      <c r="C11010" s="2" t="s">
        <v>33863</v>
      </c>
      <c r="D11010" s="14" t="s">
        <v>33864</v>
      </c>
      <c r="E11010" s="2" t="s">
        <v>33865</v>
      </c>
      <c r="F11010" s="2" t="s">
        <v>33664</v>
      </c>
      <c r="G11010" s="8">
        <v>315</v>
      </c>
      <c r="H11010" s="5">
        <v>10</v>
      </c>
      <c r="I11010" s="5" t="s">
        <v>69</v>
      </c>
      <c r="J11010" s="5" t="s">
        <v>27074</v>
      </c>
      <c r="K11010" s="2" t="s">
        <v>27075</v>
      </c>
      <c r="L11010" s="5" t="s">
        <v>27074</v>
      </c>
      <c r="M11010" s="2" t="s">
        <v>27075</v>
      </c>
      <c r="N11010" s="5" t="s">
        <v>24254</v>
      </c>
      <c r="O11010" s="5" t="s">
        <v>38</v>
      </c>
      <c r="P11010" s="5" t="s">
        <v>39</v>
      </c>
      <c r="Q11010" s="5" t="s">
        <v>40</v>
      </c>
      <c r="R11010" s="5" t="s">
        <v>24340</v>
      </c>
      <c r="S11010" s="5" t="s">
        <v>40</v>
      </c>
      <c r="T11010" s="5" t="s">
        <v>42</v>
      </c>
      <c r="U11010" s="2">
        <v>15.121</v>
      </c>
      <c r="V11010" s="2">
        <v>12.848000000000001</v>
      </c>
      <c r="W11010" s="2">
        <v>0.185</v>
      </c>
      <c r="X11010" s="2">
        <v>12</v>
      </c>
      <c r="Y11010" s="2">
        <v>62</v>
      </c>
      <c r="Z11010" s="2">
        <v>159.9</v>
      </c>
      <c r="AA11010" s="5">
        <v>8</v>
      </c>
      <c r="AB11010" s="5" t="s">
        <v>43</v>
      </c>
      <c r="AC11010" s="5" t="s">
        <v>44</v>
      </c>
      <c r="AD11010" s="2" t="s">
        <v>33665</v>
      </c>
      <c r="AE11010" s="1"/>
    </row>
    <row r="11011" spans="1:31" ht="14.45">
      <c r="A11011" s="11"/>
      <c r="B11011" s="20"/>
      <c r="C11011" s="2" t="s">
        <v>33866</v>
      </c>
      <c r="D11011" s="14" t="s">
        <v>33867</v>
      </c>
      <c r="E11011" s="2" t="s">
        <v>33868</v>
      </c>
      <c r="F11011" s="2" t="s">
        <v>33669</v>
      </c>
      <c r="G11011" s="8">
        <v>315</v>
      </c>
      <c r="H11011" s="5">
        <v>10</v>
      </c>
      <c r="I11011" s="5" t="s">
        <v>69</v>
      </c>
      <c r="J11011" s="5" t="s">
        <v>27074</v>
      </c>
      <c r="K11011" s="2" t="s">
        <v>27075</v>
      </c>
      <c r="L11011" s="5" t="s">
        <v>27074</v>
      </c>
      <c r="M11011" s="2" t="s">
        <v>27075</v>
      </c>
      <c r="N11011" s="5" t="s">
        <v>24254</v>
      </c>
      <c r="O11011" s="5" t="s">
        <v>38</v>
      </c>
      <c r="P11011" s="5" t="s">
        <v>39</v>
      </c>
      <c r="Q11011" s="5" t="s">
        <v>40</v>
      </c>
      <c r="R11011" s="5" t="s">
        <v>24340</v>
      </c>
      <c r="S11011" s="5" t="s">
        <v>40</v>
      </c>
      <c r="T11011" s="5" t="s">
        <v>42</v>
      </c>
      <c r="U11011" s="2">
        <v>12.443</v>
      </c>
      <c r="V11011" s="2">
        <v>10.170999999999999</v>
      </c>
      <c r="W11011" s="2">
        <v>0.14899999999999999</v>
      </c>
      <c r="X11011" s="2">
        <v>12</v>
      </c>
      <c r="Y11011" s="2">
        <v>62</v>
      </c>
      <c r="Z11011" s="2">
        <v>159.9</v>
      </c>
      <c r="AA11011" s="5">
        <v>8</v>
      </c>
      <c r="AB11011" s="5" t="s">
        <v>43</v>
      </c>
      <c r="AC11011" s="5" t="s">
        <v>44</v>
      </c>
      <c r="AD11011" s="2" t="s">
        <v>33665</v>
      </c>
      <c r="AE11011" s="1"/>
    </row>
    <row r="11012" spans="1:31" ht="14.45">
      <c r="A11012" s="11"/>
      <c r="B11012" s="20"/>
      <c r="C11012" s="2" t="s">
        <v>33869</v>
      </c>
      <c r="D11012" s="14" t="s">
        <v>33870</v>
      </c>
      <c r="E11012" s="2" t="s">
        <v>33871</v>
      </c>
      <c r="F11012" s="2" t="s">
        <v>33673</v>
      </c>
      <c r="G11012" s="8">
        <v>315</v>
      </c>
      <c r="H11012" s="5">
        <v>10</v>
      </c>
      <c r="I11012" s="5" t="s">
        <v>69</v>
      </c>
      <c r="J11012" s="5" t="s">
        <v>27074</v>
      </c>
      <c r="K11012" s="2" t="s">
        <v>27075</v>
      </c>
      <c r="L11012" s="5" t="s">
        <v>27074</v>
      </c>
      <c r="M11012" s="2" t="s">
        <v>27075</v>
      </c>
      <c r="N11012" s="5" t="s">
        <v>24254</v>
      </c>
      <c r="O11012" s="5" t="s">
        <v>38</v>
      </c>
      <c r="P11012" s="5" t="s">
        <v>39</v>
      </c>
      <c r="Q11012" s="5" t="s">
        <v>40</v>
      </c>
      <c r="R11012" s="5" t="s">
        <v>24340</v>
      </c>
      <c r="S11012" s="5" t="s">
        <v>40</v>
      </c>
      <c r="T11012" s="5" t="s">
        <v>42</v>
      </c>
      <c r="U11012" s="2">
        <v>10.927</v>
      </c>
      <c r="V11012" s="2">
        <v>8.6790000000000003</v>
      </c>
      <c r="W11012" s="2">
        <v>8.8999999999999996E-2</v>
      </c>
      <c r="X11012" s="2">
        <v>12</v>
      </c>
      <c r="Y11012" s="2">
        <v>62</v>
      </c>
      <c r="Z11012" s="2">
        <v>119.4</v>
      </c>
      <c r="AA11012" s="5">
        <v>8</v>
      </c>
      <c r="AB11012" s="5" t="s">
        <v>43</v>
      </c>
      <c r="AC11012" s="5" t="s">
        <v>44</v>
      </c>
      <c r="AD11012" s="2" t="s">
        <v>33665</v>
      </c>
      <c r="AE11012" s="1"/>
    </row>
    <row r="11013" spans="1:31" ht="14.45">
      <c r="A11013" s="11"/>
      <c r="B11013" s="20"/>
      <c r="C11013" s="2" t="s">
        <v>33872</v>
      </c>
      <c r="D11013" s="14" t="s">
        <v>33873</v>
      </c>
      <c r="E11013" s="2" t="s">
        <v>33874</v>
      </c>
      <c r="F11013" s="2" t="s">
        <v>33687</v>
      </c>
      <c r="G11013" s="8">
        <v>315</v>
      </c>
      <c r="H11013" s="5">
        <v>10</v>
      </c>
      <c r="I11013" s="5" t="s">
        <v>69</v>
      </c>
      <c r="J11013" s="5" t="s">
        <v>27074</v>
      </c>
      <c r="K11013" s="2" t="s">
        <v>27075</v>
      </c>
      <c r="L11013" s="5" t="s">
        <v>27074</v>
      </c>
      <c r="M11013" s="2" t="s">
        <v>27075</v>
      </c>
      <c r="N11013" s="5" t="s">
        <v>24254</v>
      </c>
      <c r="O11013" s="5" t="s">
        <v>38</v>
      </c>
      <c r="P11013" s="5" t="s">
        <v>39</v>
      </c>
      <c r="Q11013" s="5" t="s">
        <v>40</v>
      </c>
      <c r="R11013" s="5" t="s">
        <v>24340</v>
      </c>
      <c r="S11013" s="5" t="s">
        <v>40</v>
      </c>
      <c r="T11013" s="5" t="s">
        <v>42</v>
      </c>
      <c r="U11013" s="2">
        <v>9.3550000000000004</v>
      </c>
      <c r="V11013" s="2">
        <v>7.1050000000000004</v>
      </c>
      <c r="W11013" s="2">
        <v>0.11899999999999999</v>
      </c>
      <c r="X11013" s="2">
        <v>12</v>
      </c>
      <c r="Y11013" s="2">
        <v>62</v>
      </c>
      <c r="Z11013" s="2">
        <v>159.9</v>
      </c>
      <c r="AA11013" s="5">
        <v>10</v>
      </c>
      <c r="AB11013" s="5" t="s">
        <v>43</v>
      </c>
      <c r="AC11013" s="5" t="s">
        <v>44</v>
      </c>
      <c r="AD11013" s="2" t="s">
        <v>33683</v>
      </c>
      <c r="AE11013" s="1"/>
    </row>
    <row r="11014" spans="1:31" ht="14.45">
      <c r="A11014" s="11"/>
      <c r="B11014" s="20"/>
      <c r="C11014" s="2" t="s">
        <v>33875</v>
      </c>
      <c r="D11014" s="14" t="s">
        <v>33876</v>
      </c>
      <c r="E11014" s="2" t="s">
        <v>33877</v>
      </c>
      <c r="F11014" s="2" t="s">
        <v>33687</v>
      </c>
      <c r="G11014" s="8">
        <v>315</v>
      </c>
      <c r="H11014" s="5">
        <v>10</v>
      </c>
      <c r="I11014" s="5" t="s">
        <v>69</v>
      </c>
      <c r="J11014" s="5" t="s">
        <v>27074</v>
      </c>
      <c r="K11014" s="2" t="s">
        <v>27075</v>
      </c>
      <c r="L11014" s="5" t="s">
        <v>27074</v>
      </c>
      <c r="M11014" s="2" t="s">
        <v>27075</v>
      </c>
      <c r="N11014" s="5" t="s">
        <v>24254</v>
      </c>
      <c r="O11014" s="5" t="s">
        <v>38</v>
      </c>
      <c r="P11014" s="5" t="s">
        <v>39</v>
      </c>
      <c r="Q11014" s="5" t="s">
        <v>40</v>
      </c>
      <c r="R11014" s="5" t="s">
        <v>24340</v>
      </c>
      <c r="S11014" s="5" t="s">
        <v>40</v>
      </c>
      <c r="T11014" s="5" t="s">
        <v>42</v>
      </c>
      <c r="U11014" s="2">
        <v>10.242000000000001</v>
      </c>
      <c r="V11014" s="2">
        <v>7.9459999999999997</v>
      </c>
      <c r="W11014" s="2">
        <v>0.11899999999999999</v>
      </c>
      <c r="X11014" s="2">
        <v>12</v>
      </c>
      <c r="Y11014" s="2">
        <v>62</v>
      </c>
      <c r="Z11014" s="2">
        <v>159.9</v>
      </c>
      <c r="AA11014" s="5">
        <v>10</v>
      </c>
      <c r="AB11014" s="5" t="s">
        <v>43</v>
      </c>
      <c r="AC11014" s="5" t="s">
        <v>44</v>
      </c>
      <c r="AD11014" s="2" t="s">
        <v>33688</v>
      </c>
      <c r="AE11014" s="1"/>
    </row>
    <row r="11015" spans="1:31" ht="14.45">
      <c r="A11015" s="11"/>
      <c r="B11015" s="20"/>
      <c r="C11015" s="2" t="s">
        <v>33878</v>
      </c>
      <c r="D11015" s="14" t="s">
        <v>33879</v>
      </c>
      <c r="E11015" s="2" t="s">
        <v>33880</v>
      </c>
      <c r="F11015" s="2" t="s">
        <v>33692</v>
      </c>
      <c r="G11015" s="8">
        <v>600</v>
      </c>
      <c r="H11015" s="5">
        <v>10</v>
      </c>
      <c r="I11015" s="5" t="s">
        <v>69</v>
      </c>
      <c r="J11015" s="5" t="s">
        <v>27074</v>
      </c>
      <c r="K11015" s="2" t="s">
        <v>27075</v>
      </c>
      <c r="L11015" s="5" t="s">
        <v>27074</v>
      </c>
      <c r="M11015" s="2" t="s">
        <v>27075</v>
      </c>
      <c r="N11015" s="5" t="s">
        <v>24254</v>
      </c>
      <c r="O11015" s="5" t="s">
        <v>38</v>
      </c>
      <c r="P11015" s="5" t="s">
        <v>39</v>
      </c>
      <c r="Q11015" s="5" t="s">
        <v>40</v>
      </c>
      <c r="R11015" s="5" t="s">
        <v>24340</v>
      </c>
      <c r="S11015" s="5" t="s">
        <v>40</v>
      </c>
      <c r="T11015" s="5" t="s">
        <v>42</v>
      </c>
      <c r="U11015" s="2">
        <v>20.140999999999998</v>
      </c>
      <c r="V11015" s="2">
        <v>17.994</v>
      </c>
      <c r="W11015" s="2">
        <v>0.17899999999999999</v>
      </c>
      <c r="X11015" s="2">
        <v>15</v>
      </c>
      <c r="Y11015" s="2">
        <v>77</v>
      </c>
      <c r="Z11015" s="2">
        <v>154.9</v>
      </c>
      <c r="AA11015" s="5">
        <v>8</v>
      </c>
      <c r="AB11015" s="5" t="s">
        <v>43</v>
      </c>
      <c r="AC11015" s="5" t="s">
        <v>44</v>
      </c>
      <c r="AD11015" s="2" t="s">
        <v>33660</v>
      </c>
      <c r="AE11015" s="1"/>
    </row>
    <row r="11016" spans="1:31" ht="14.45">
      <c r="A11016" s="11"/>
      <c r="B11016" s="20"/>
      <c r="C11016" s="2" t="s">
        <v>33881</v>
      </c>
      <c r="D11016" s="14" t="s">
        <v>33882</v>
      </c>
      <c r="E11016" s="2" t="s">
        <v>33883</v>
      </c>
      <c r="F11016" s="2" t="s">
        <v>33696</v>
      </c>
      <c r="G11016" s="8">
        <v>315</v>
      </c>
      <c r="H11016" s="5">
        <v>10</v>
      </c>
      <c r="I11016" s="5" t="s">
        <v>69</v>
      </c>
      <c r="J11016" s="5" t="s">
        <v>27074</v>
      </c>
      <c r="K11016" s="2" t="s">
        <v>27075</v>
      </c>
      <c r="L11016" s="5" t="s">
        <v>27074</v>
      </c>
      <c r="M11016" s="2" t="s">
        <v>27075</v>
      </c>
      <c r="N11016" s="5" t="s">
        <v>24254</v>
      </c>
      <c r="O11016" s="5" t="s">
        <v>38</v>
      </c>
      <c r="P11016" s="5" t="s">
        <v>39</v>
      </c>
      <c r="Q11016" s="5" t="s">
        <v>40</v>
      </c>
      <c r="R11016" s="5" t="s">
        <v>25301</v>
      </c>
      <c r="S11016" s="5" t="s">
        <v>40</v>
      </c>
      <c r="T11016" s="5" t="s">
        <v>42</v>
      </c>
      <c r="U11016" s="2">
        <v>13.877000000000001</v>
      </c>
      <c r="V11016" s="2">
        <v>11.603999999999999</v>
      </c>
      <c r="W11016" s="2">
        <v>0.185</v>
      </c>
      <c r="X11016" s="2">
        <v>12</v>
      </c>
      <c r="Y11016" s="2">
        <v>62</v>
      </c>
      <c r="Z11016" s="2">
        <v>159.9</v>
      </c>
      <c r="AA11016" s="5">
        <v>8</v>
      </c>
      <c r="AB11016" s="5" t="s">
        <v>43</v>
      </c>
      <c r="AC11016" s="5" t="s">
        <v>44</v>
      </c>
      <c r="AD11016" s="2" t="s">
        <v>33697</v>
      </c>
      <c r="AE11016" s="1"/>
    </row>
    <row r="11017" spans="1:31" ht="14.45">
      <c r="A11017" s="11"/>
      <c r="B11017" s="20"/>
      <c r="C11017" s="2" t="s">
        <v>33884</v>
      </c>
      <c r="D11017" s="14" t="s">
        <v>33885</v>
      </c>
      <c r="E11017" s="2" t="s">
        <v>33886</v>
      </c>
      <c r="F11017" s="2" t="s">
        <v>33798</v>
      </c>
      <c r="G11017" s="8">
        <v>315</v>
      </c>
      <c r="H11017" s="5">
        <v>10</v>
      </c>
      <c r="I11017" s="5" t="s">
        <v>69</v>
      </c>
      <c r="J11017" s="5" t="s">
        <v>27074</v>
      </c>
      <c r="K11017" s="2" t="s">
        <v>27075</v>
      </c>
      <c r="L11017" s="5" t="s">
        <v>27074</v>
      </c>
      <c r="M11017" s="2" t="s">
        <v>27075</v>
      </c>
      <c r="N11017" s="5" t="s">
        <v>24254</v>
      </c>
      <c r="O11017" s="5" t="s">
        <v>38</v>
      </c>
      <c r="P11017" s="5" t="s">
        <v>39</v>
      </c>
      <c r="Q11017" s="5" t="s">
        <v>40</v>
      </c>
      <c r="R11017" s="5" t="s">
        <v>25301</v>
      </c>
      <c r="S11017" s="5" t="s">
        <v>40</v>
      </c>
      <c r="T11017" s="5" t="s">
        <v>42</v>
      </c>
      <c r="U11017" s="2">
        <v>11.733000000000001</v>
      </c>
      <c r="V11017" s="2">
        <v>9.4610000000000003</v>
      </c>
      <c r="W11017" s="2">
        <v>0.11899999999999999</v>
      </c>
      <c r="X11017" s="2">
        <v>12</v>
      </c>
      <c r="Y11017" s="2">
        <v>62</v>
      </c>
      <c r="Z11017" s="2">
        <v>159.9</v>
      </c>
      <c r="AA11017" s="5">
        <v>8</v>
      </c>
      <c r="AB11017" s="5" t="s">
        <v>43</v>
      </c>
      <c r="AC11017" s="5" t="s">
        <v>44</v>
      </c>
      <c r="AD11017" s="2" t="s">
        <v>33697</v>
      </c>
      <c r="AE11017" s="1"/>
    </row>
    <row r="11018" spans="1:31" ht="14.45">
      <c r="A11018" s="11"/>
      <c r="B11018" s="20"/>
      <c r="C11018" s="2" t="s">
        <v>33887</v>
      </c>
      <c r="D11018" s="14" t="s">
        <v>33888</v>
      </c>
      <c r="E11018" s="2" t="s">
        <v>33889</v>
      </c>
      <c r="F11018" s="2" t="s">
        <v>33701</v>
      </c>
      <c r="G11018" s="8">
        <v>315</v>
      </c>
      <c r="H11018" s="5">
        <v>10</v>
      </c>
      <c r="I11018" s="5" t="s">
        <v>69</v>
      </c>
      <c r="J11018" s="5" t="s">
        <v>27074</v>
      </c>
      <c r="K11018" s="2" t="s">
        <v>27075</v>
      </c>
      <c r="L11018" s="5" t="s">
        <v>27074</v>
      </c>
      <c r="M11018" s="2" t="s">
        <v>27075</v>
      </c>
      <c r="N11018" s="5" t="s">
        <v>24254</v>
      </c>
      <c r="O11018" s="5" t="s">
        <v>38</v>
      </c>
      <c r="P11018" s="5" t="s">
        <v>39</v>
      </c>
      <c r="Q11018" s="5" t="s">
        <v>40</v>
      </c>
      <c r="R11018" s="5" t="s">
        <v>25301</v>
      </c>
      <c r="S11018" s="5" t="s">
        <v>40</v>
      </c>
      <c r="T11018" s="5" t="s">
        <v>42</v>
      </c>
      <c r="U11018" s="2">
        <v>10.227</v>
      </c>
      <c r="V11018" s="2">
        <v>7.9790000000000001</v>
      </c>
      <c r="W11018" s="2">
        <v>0.10299999999999999</v>
      </c>
      <c r="X11018" s="2">
        <v>12</v>
      </c>
      <c r="Y11018" s="2">
        <v>62</v>
      </c>
      <c r="Z11018" s="2">
        <v>137.9</v>
      </c>
      <c r="AA11018" s="5">
        <v>8</v>
      </c>
      <c r="AB11018" s="5" t="s">
        <v>43</v>
      </c>
      <c r="AC11018" s="5" t="s">
        <v>44</v>
      </c>
      <c r="AD11018" s="2" t="s">
        <v>33697</v>
      </c>
      <c r="AE11018" s="1"/>
    </row>
    <row r="11019" spans="1:31" ht="14.45">
      <c r="A11019" s="11"/>
      <c r="B11019" s="20"/>
      <c r="C11019" s="2" t="s">
        <v>33890</v>
      </c>
      <c r="D11019" s="14" t="s">
        <v>33891</v>
      </c>
      <c r="E11019" s="2" t="s">
        <v>33892</v>
      </c>
      <c r="F11019" s="2" t="s">
        <v>33705</v>
      </c>
      <c r="G11019" s="8">
        <v>315</v>
      </c>
      <c r="H11019" s="5">
        <v>10</v>
      </c>
      <c r="I11019" s="5" t="s">
        <v>69</v>
      </c>
      <c r="J11019" s="5" t="s">
        <v>27074</v>
      </c>
      <c r="K11019" s="2" t="s">
        <v>27075</v>
      </c>
      <c r="L11019" s="5" t="s">
        <v>27074</v>
      </c>
      <c r="M11019" s="2" t="s">
        <v>27075</v>
      </c>
      <c r="N11019" s="5" t="s">
        <v>24254</v>
      </c>
      <c r="O11019" s="5" t="s">
        <v>38</v>
      </c>
      <c r="P11019" s="5" t="s">
        <v>39</v>
      </c>
      <c r="Q11019" s="5" t="s">
        <v>40</v>
      </c>
      <c r="R11019" s="5" t="s">
        <v>25301</v>
      </c>
      <c r="S11019" s="5" t="s">
        <v>40</v>
      </c>
      <c r="T11019" s="5" t="s">
        <v>42</v>
      </c>
      <c r="U11019" s="2">
        <v>9.2870000000000008</v>
      </c>
      <c r="V11019" s="2">
        <v>6.9909999999999997</v>
      </c>
      <c r="W11019" s="2">
        <v>0.11899999999999999</v>
      </c>
      <c r="X11019" s="2">
        <v>12</v>
      </c>
      <c r="Y11019" s="2">
        <v>62</v>
      </c>
      <c r="Z11019" s="2">
        <v>159.9</v>
      </c>
      <c r="AA11019" s="5">
        <v>10</v>
      </c>
      <c r="AB11019" s="5" t="s">
        <v>43</v>
      </c>
      <c r="AC11019" s="5" t="s">
        <v>44</v>
      </c>
      <c r="AD11019" s="2" t="s">
        <v>33814</v>
      </c>
      <c r="AE11019" s="1"/>
    </row>
    <row r="11020" spans="1:31" ht="14.45">
      <c r="A11020" s="11"/>
      <c r="B11020" s="20"/>
      <c r="C11020" s="2" t="s">
        <v>33893</v>
      </c>
      <c r="D11020" s="14" t="s">
        <v>33894</v>
      </c>
      <c r="E11020" s="2" t="s">
        <v>33895</v>
      </c>
      <c r="F11020" s="2" t="s">
        <v>33710</v>
      </c>
      <c r="G11020" s="8">
        <v>632</v>
      </c>
      <c r="H11020" s="5">
        <v>5</v>
      </c>
      <c r="I11020" s="5" t="s">
        <v>69</v>
      </c>
      <c r="J11020" s="5" t="s">
        <v>27074</v>
      </c>
      <c r="K11020" s="2" t="s">
        <v>27075</v>
      </c>
      <c r="L11020" s="5" t="s">
        <v>27074</v>
      </c>
      <c r="M11020" s="2" t="s">
        <v>27075</v>
      </c>
      <c r="N11020" s="5" t="s">
        <v>24254</v>
      </c>
      <c r="O11020" s="5" t="s">
        <v>38</v>
      </c>
      <c r="P11020" s="5" t="s">
        <v>39</v>
      </c>
      <c r="Q11020" s="5" t="s">
        <v>40</v>
      </c>
      <c r="R11020" s="5" t="s">
        <v>1487</v>
      </c>
      <c r="S11020" s="5"/>
      <c r="T11020" s="5" t="s">
        <v>42</v>
      </c>
      <c r="U11020" s="2">
        <v>0</v>
      </c>
      <c r="V11020" s="2">
        <v>0</v>
      </c>
      <c r="W11020" s="2">
        <v>0</v>
      </c>
      <c r="X11020" s="2">
        <v>0</v>
      </c>
      <c r="Y11020" s="2">
        <v>0</v>
      </c>
      <c r="Z11020" s="2">
        <v>0</v>
      </c>
      <c r="AA11020" s="5"/>
      <c r="AB11020" s="5" t="s">
        <v>43</v>
      </c>
      <c r="AC11020" s="5" t="s">
        <v>44</v>
      </c>
      <c r="AD11020" s="2" t="s">
        <v>33711</v>
      </c>
      <c r="AE11020" s="1"/>
    </row>
    <row r="11021" spans="1:31" ht="14.45">
      <c r="A11021" s="11"/>
      <c r="B11021" s="20"/>
      <c r="C11021" s="2" t="s">
        <v>33896</v>
      </c>
      <c r="D11021" s="14" t="s">
        <v>33897</v>
      </c>
      <c r="E11021" s="2" t="s">
        <v>33898</v>
      </c>
      <c r="F11021" s="2" t="s">
        <v>33715</v>
      </c>
      <c r="G11021" s="8">
        <v>632</v>
      </c>
      <c r="H11021" s="5">
        <v>15</v>
      </c>
      <c r="I11021" s="5" t="s">
        <v>69</v>
      </c>
      <c r="J11021" s="5" t="s">
        <v>27074</v>
      </c>
      <c r="K11021" s="2" t="s">
        <v>27075</v>
      </c>
      <c r="L11021" s="5" t="s">
        <v>27074</v>
      </c>
      <c r="M11021" s="2" t="s">
        <v>27075</v>
      </c>
      <c r="N11021" s="5" t="s">
        <v>24254</v>
      </c>
      <c r="O11021" s="5" t="s">
        <v>38</v>
      </c>
      <c r="P11021" s="5" t="s">
        <v>39</v>
      </c>
      <c r="Q11021" s="5" t="s">
        <v>40</v>
      </c>
      <c r="R11021" s="5" t="s">
        <v>1487</v>
      </c>
      <c r="S11021" s="5"/>
      <c r="T11021" s="5" t="s">
        <v>42</v>
      </c>
      <c r="U11021" s="2">
        <v>0</v>
      </c>
      <c r="V11021" s="2">
        <v>0</v>
      </c>
      <c r="W11021" s="2">
        <v>0</v>
      </c>
      <c r="X11021" s="2">
        <v>0</v>
      </c>
      <c r="Y11021" s="2">
        <v>0</v>
      </c>
      <c r="Z11021" s="2">
        <v>0</v>
      </c>
      <c r="AA11021" s="5"/>
      <c r="AB11021" s="5" t="s">
        <v>43</v>
      </c>
      <c r="AC11021" s="5" t="s">
        <v>44</v>
      </c>
      <c r="AD11021" s="2" t="s">
        <v>33716</v>
      </c>
      <c r="AE11021" s="1"/>
    </row>
    <row r="11022" spans="1:31" ht="14.45">
      <c r="A11022" s="11"/>
      <c r="B11022" s="20"/>
      <c r="C11022" s="2" t="s">
        <v>33899</v>
      </c>
      <c r="D11022" s="14" t="s">
        <v>33900</v>
      </c>
      <c r="E11022" s="2" t="s">
        <v>33901</v>
      </c>
      <c r="F11022" s="2" t="s">
        <v>33720</v>
      </c>
      <c r="G11022" s="8">
        <v>1018</v>
      </c>
      <c r="H11022" s="5">
        <v>15</v>
      </c>
      <c r="I11022" s="5" t="s">
        <v>69</v>
      </c>
      <c r="J11022" s="5" t="s">
        <v>27074</v>
      </c>
      <c r="K11022" s="2" t="s">
        <v>27075</v>
      </c>
      <c r="L11022" s="5" t="s">
        <v>27074</v>
      </c>
      <c r="M11022" s="2" t="s">
        <v>27075</v>
      </c>
      <c r="N11022" s="5" t="s">
        <v>24254</v>
      </c>
      <c r="O11022" s="5" t="s">
        <v>38</v>
      </c>
      <c r="P11022" s="5" t="s">
        <v>39</v>
      </c>
      <c r="Q11022" s="5" t="s">
        <v>40</v>
      </c>
      <c r="R11022" s="5" t="s">
        <v>1487</v>
      </c>
      <c r="S11022" s="5"/>
      <c r="T11022" s="5" t="s">
        <v>42</v>
      </c>
      <c r="U11022" s="2">
        <v>0</v>
      </c>
      <c r="V11022" s="2">
        <v>0</v>
      </c>
      <c r="W11022" s="2">
        <v>0</v>
      </c>
      <c r="X11022" s="2">
        <v>0</v>
      </c>
      <c r="Y11022" s="2">
        <v>0</v>
      </c>
      <c r="Z11022" s="2">
        <v>0</v>
      </c>
      <c r="AA11022" s="5"/>
      <c r="AB11022" s="5" t="s">
        <v>43</v>
      </c>
      <c r="AC11022" s="5" t="s">
        <v>44</v>
      </c>
      <c r="AD11022" s="2" t="s">
        <v>33721</v>
      </c>
      <c r="AE11022" s="1"/>
    </row>
    <row r="11023" spans="1:31" ht="14.45">
      <c r="A11023" s="11"/>
      <c r="B11023" s="20"/>
      <c r="C11023" s="2" t="s">
        <v>33902</v>
      </c>
      <c r="D11023" s="14" t="s">
        <v>33903</v>
      </c>
      <c r="E11023" s="2" t="s">
        <v>33904</v>
      </c>
      <c r="F11023" s="2" t="s">
        <v>33725</v>
      </c>
      <c r="G11023" s="8">
        <v>1018</v>
      </c>
      <c r="H11023" s="5">
        <v>15</v>
      </c>
      <c r="I11023" s="5" t="s">
        <v>69</v>
      </c>
      <c r="J11023" s="5" t="s">
        <v>27074</v>
      </c>
      <c r="K11023" s="2" t="s">
        <v>27075</v>
      </c>
      <c r="L11023" s="5" t="s">
        <v>27074</v>
      </c>
      <c r="M11023" s="2" t="s">
        <v>27075</v>
      </c>
      <c r="N11023" s="5" t="s">
        <v>24254</v>
      </c>
      <c r="O11023" s="5" t="s">
        <v>38</v>
      </c>
      <c r="P11023" s="5" t="s">
        <v>39</v>
      </c>
      <c r="Q11023" s="5" t="s">
        <v>40</v>
      </c>
      <c r="R11023" s="5" t="s">
        <v>1487</v>
      </c>
      <c r="S11023" s="5"/>
      <c r="T11023" s="5" t="s">
        <v>42</v>
      </c>
      <c r="U11023" s="2">
        <v>0</v>
      </c>
      <c r="V11023" s="2">
        <v>0</v>
      </c>
      <c r="W11023" s="2">
        <v>0</v>
      </c>
      <c r="X11023" s="2">
        <v>0</v>
      </c>
      <c r="Y11023" s="2">
        <v>0</v>
      </c>
      <c r="Z11023" s="2">
        <v>0</v>
      </c>
      <c r="AA11023" s="5"/>
      <c r="AB11023" s="5" t="s">
        <v>43</v>
      </c>
      <c r="AC11023" s="5" t="s">
        <v>44</v>
      </c>
      <c r="AD11023" s="2" t="s">
        <v>33726</v>
      </c>
      <c r="AE11023" s="1"/>
    </row>
    <row r="11024" spans="1:31" ht="14.45">
      <c r="A11024" s="11"/>
      <c r="B11024" s="20"/>
      <c r="C11024" s="2" t="s">
        <v>33905</v>
      </c>
      <c r="D11024" s="14" t="s">
        <v>33906</v>
      </c>
      <c r="E11024" s="2" t="s">
        <v>33907</v>
      </c>
      <c r="F11024" s="2" t="s">
        <v>33730</v>
      </c>
      <c r="G11024" s="8">
        <v>934</v>
      </c>
      <c r="H11024" s="5">
        <v>10</v>
      </c>
      <c r="I11024" s="5" t="s">
        <v>69</v>
      </c>
      <c r="J11024" s="5" t="s">
        <v>27074</v>
      </c>
      <c r="K11024" s="2" t="s">
        <v>27075</v>
      </c>
      <c r="L11024" s="5" t="s">
        <v>27074</v>
      </c>
      <c r="M11024" s="2" t="s">
        <v>27075</v>
      </c>
      <c r="N11024" s="5" t="s">
        <v>24254</v>
      </c>
      <c r="O11024" s="5" t="s">
        <v>38</v>
      </c>
      <c r="P11024" s="5" t="s">
        <v>39</v>
      </c>
      <c r="Q11024" s="5" t="s">
        <v>40</v>
      </c>
      <c r="R11024" s="5" t="s">
        <v>1487</v>
      </c>
      <c r="S11024" s="5"/>
      <c r="T11024" s="5" t="s">
        <v>42</v>
      </c>
      <c r="U11024" s="2">
        <v>0</v>
      </c>
      <c r="V11024" s="2">
        <v>0</v>
      </c>
      <c r="W11024" s="2">
        <v>0</v>
      </c>
      <c r="X11024" s="2">
        <v>0</v>
      </c>
      <c r="Y11024" s="2">
        <v>0</v>
      </c>
      <c r="Z11024" s="2">
        <v>0</v>
      </c>
      <c r="AA11024" s="5"/>
      <c r="AB11024" s="5" t="s">
        <v>43</v>
      </c>
      <c r="AC11024" s="5" t="s">
        <v>44</v>
      </c>
      <c r="AD11024" s="2"/>
      <c r="AE11024" s="1"/>
    </row>
    <row r="11025" spans="1:31" ht="14.45">
      <c r="A11025" s="11"/>
      <c r="B11025" s="20"/>
      <c r="C11025" s="2" t="s">
        <v>33908</v>
      </c>
      <c r="D11025" s="14" t="s">
        <v>33909</v>
      </c>
      <c r="E11025" s="2" t="s">
        <v>33910</v>
      </c>
      <c r="F11025" s="2" t="s">
        <v>33734</v>
      </c>
      <c r="G11025" s="8">
        <v>934</v>
      </c>
      <c r="H11025" s="5">
        <v>15</v>
      </c>
      <c r="I11025" s="5" t="s">
        <v>69</v>
      </c>
      <c r="J11025" s="5" t="s">
        <v>27074</v>
      </c>
      <c r="K11025" s="2" t="s">
        <v>27075</v>
      </c>
      <c r="L11025" s="5" t="s">
        <v>27074</v>
      </c>
      <c r="M11025" s="2" t="s">
        <v>27075</v>
      </c>
      <c r="N11025" s="5" t="s">
        <v>24254</v>
      </c>
      <c r="O11025" s="5" t="s">
        <v>38</v>
      </c>
      <c r="P11025" s="5" t="s">
        <v>39</v>
      </c>
      <c r="Q11025" s="5" t="s">
        <v>40</v>
      </c>
      <c r="R11025" s="5" t="s">
        <v>1487</v>
      </c>
      <c r="S11025" s="5"/>
      <c r="T11025" s="5" t="s">
        <v>42</v>
      </c>
      <c r="U11025" s="2">
        <v>0</v>
      </c>
      <c r="V11025" s="2">
        <v>0</v>
      </c>
      <c r="W11025" s="2">
        <v>0</v>
      </c>
      <c r="X11025" s="2">
        <v>0</v>
      </c>
      <c r="Y11025" s="2">
        <v>0</v>
      </c>
      <c r="Z11025" s="2">
        <v>0</v>
      </c>
      <c r="AA11025" s="5"/>
      <c r="AB11025" s="5" t="s">
        <v>43</v>
      </c>
      <c r="AC11025" s="5" t="s">
        <v>44</v>
      </c>
      <c r="AD11025" s="2"/>
      <c r="AE11025" s="1"/>
    </row>
    <row r="11026" spans="1:31" ht="14.45">
      <c r="A11026" s="11"/>
      <c r="B11026" s="20"/>
      <c r="C11026" s="2" t="s">
        <v>33911</v>
      </c>
      <c r="D11026" s="14" t="s">
        <v>33912</v>
      </c>
      <c r="E11026" s="2" t="s">
        <v>33913</v>
      </c>
      <c r="F11026" s="2" t="s">
        <v>33621</v>
      </c>
      <c r="G11026" s="8">
        <v>164</v>
      </c>
      <c r="H11026" s="5">
        <v>10</v>
      </c>
      <c r="I11026" s="5" t="s">
        <v>69</v>
      </c>
      <c r="J11026" s="5" t="s">
        <v>27074</v>
      </c>
      <c r="K11026" s="2" t="s">
        <v>27075</v>
      </c>
      <c r="L11026" s="5" t="s">
        <v>27074</v>
      </c>
      <c r="M11026" s="2" t="s">
        <v>27075</v>
      </c>
      <c r="N11026" s="5" t="s">
        <v>24254</v>
      </c>
      <c r="O11026" s="5" t="s">
        <v>38</v>
      </c>
      <c r="P11026" s="5" t="s">
        <v>39</v>
      </c>
      <c r="Q11026" s="5" t="s">
        <v>40</v>
      </c>
      <c r="R11026" s="5" t="s">
        <v>24335</v>
      </c>
      <c r="S11026" s="5" t="s">
        <v>40</v>
      </c>
      <c r="T11026" s="5" t="s">
        <v>42</v>
      </c>
      <c r="U11026" s="2">
        <v>10.108000000000001</v>
      </c>
      <c r="V11026" s="2">
        <v>7.8259999999999996</v>
      </c>
      <c r="W11026" s="2">
        <v>0.159</v>
      </c>
      <c r="X11026" s="2">
        <v>12</v>
      </c>
      <c r="Y11026" s="2">
        <v>62</v>
      </c>
      <c r="Z11026" s="2">
        <v>137.9</v>
      </c>
      <c r="AA11026" s="5">
        <v>8</v>
      </c>
      <c r="AB11026" s="5" t="s">
        <v>43</v>
      </c>
      <c r="AC11026" s="5" t="s">
        <v>44</v>
      </c>
      <c r="AD11026" s="2" t="s">
        <v>33622</v>
      </c>
      <c r="AE11026" s="1"/>
    </row>
    <row r="11027" spans="1:31" ht="14.45">
      <c r="A11027" s="11"/>
      <c r="B11027" s="20"/>
      <c r="C11027" s="2" t="s">
        <v>33914</v>
      </c>
      <c r="D11027" s="14" t="s">
        <v>33915</v>
      </c>
      <c r="E11027" s="2" t="s">
        <v>33916</v>
      </c>
      <c r="F11027" s="2" t="s">
        <v>33626</v>
      </c>
      <c r="G11027" s="8">
        <v>164</v>
      </c>
      <c r="H11027" s="5">
        <v>5</v>
      </c>
      <c r="I11027" s="5" t="s">
        <v>69</v>
      </c>
      <c r="J11027" s="5" t="s">
        <v>27074</v>
      </c>
      <c r="K11027" s="2" t="s">
        <v>27075</v>
      </c>
      <c r="L11027" s="5" t="s">
        <v>27074</v>
      </c>
      <c r="M11027" s="2" t="s">
        <v>27075</v>
      </c>
      <c r="N11027" s="5" t="s">
        <v>24254</v>
      </c>
      <c r="O11027" s="5" t="s">
        <v>38</v>
      </c>
      <c r="P11027" s="5" t="s">
        <v>39</v>
      </c>
      <c r="Q11027" s="5" t="s">
        <v>40</v>
      </c>
      <c r="R11027" s="5" t="s">
        <v>24335</v>
      </c>
      <c r="S11027" s="5" t="s">
        <v>40</v>
      </c>
      <c r="T11027" s="5" t="s">
        <v>42</v>
      </c>
      <c r="U11027" s="2">
        <v>8.8179999999999996</v>
      </c>
      <c r="V11027" s="2">
        <v>6.0940000000000003</v>
      </c>
      <c r="W11027" s="2">
        <v>0.10299999999999999</v>
      </c>
      <c r="X11027" s="2">
        <v>12</v>
      </c>
      <c r="Y11027" s="2">
        <v>62</v>
      </c>
      <c r="Z11027" s="2">
        <v>137.9</v>
      </c>
      <c r="AA11027" s="5">
        <v>8</v>
      </c>
      <c r="AB11027" s="5" t="s">
        <v>43</v>
      </c>
      <c r="AC11027" s="5" t="s">
        <v>44</v>
      </c>
      <c r="AD11027" s="2" t="s">
        <v>33622</v>
      </c>
      <c r="AE11027" s="1"/>
    </row>
    <row r="11028" spans="1:31" ht="14.45">
      <c r="A11028" s="11"/>
      <c r="B11028" s="20"/>
      <c r="C11028" s="2" t="s">
        <v>33917</v>
      </c>
      <c r="D11028" s="14" t="s">
        <v>33918</v>
      </c>
      <c r="E11028" s="2" t="s">
        <v>33919</v>
      </c>
      <c r="F11028" s="2" t="s">
        <v>33630</v>
      </c>
      <c r="G11028" s="8">
        <v>164</v>
      </c>
      <c r="H11028" s="5">
        <v>10</v>
      </c>
      <c r="I11028" s="5" t="s">
        <v>69</v>
      </c>
      <c r="J11028" s="5" t="s">
        <v>27074</v>
      </c>
      <c r="K11028" s="2" t="s">
        <v>27075</v>
      </c>
      <c r="L11028" s="5" t="s">
        <v>27074</v>
      </c>
      <c r="M11028" s="2" t="s">
        <v>27075</v>
      </c>
      <c r="N11028" s="5" t="s">
        <v>24254</v>
      </c>
      <c r="O11028" s="5" t="s">
        <v>38</v>
      </c>
      <c r="P11028" s="5" t="s">
        <v>39</v>
      </c>
      <c r="Q11028" s="5" t="s">
        <v>40</v>
      </c>
      <c r="R11028" s="5" t="s">
        <v>24335</v>
      </c>
      <c r="S11028" s="5" t="s">
        <v>40</v>
      </c>
      <c r="T11028" s="5" t="s">
        <v>42</v>
      </c>
      <c r="U11028" s="2">
        <v>7.399</v>
      </c>
      <c r="V11028" s="2">
        <v>5.16</v>
      </c>
      <c r="W11028" s="2">
        <v>8.8999999999999996E-2</v>
      </c>
      <c r="X11028" s="2">
        <v>12</v>
      </c>
      <c r="Y11028" s="2">
        <v>62</v>
      </c>
      <c r="Z11028" s="2">
        <v>119.4</v>
      </c>
      <c r="AA11028" s="5">
        <v>8</v>
      </c>
      <c r="AB11028" s="5" t="s">
        <v>43</v>
      </c>
      <c r="AC11028" s="5" t="s">
        <v>44</v>
      </c>
      <c r="AD11028" s="2" t="s">
        <v>33622</v>
      </c>
      <c r="AE11028" s="1"/>
    </row>
    <row r="11029" spans="1:31" ht="14.45">
      <c r="A11029" s="11"/>
      <c r="B11029" s="20"/>
      <c r="C11029" s="2" t="s">
        <v>33920</v>
      </c>
      <c r="D11029" s="14" t="s">
        <v>33921</v>
      </c>
      <c r="E11029" s="2" t="s">
        <v>33922</v>
      </c>
      <c r="F11029" s="2" t="s">
        <v>33634</v>
      </c>
      <c r="G11029" s="8">
        <v>164</v>
      </c>
      <c r="H11029" s="5">
        <v>5</v>
      </c>
      <c r="I11029" s="5" t="s">
        <v>69</v>
      </c>
      <c r="J11029" s="5" t="s">
        <v>27074</v>
      </c>
      <c r="K11029" s="2" t="s">
        <v>27075</v>
      </c>
      <c r="L11029" s="5" t="s">
        <v>27074</v>
      </c>
      <c r="M11029" s="2" t="s">
        <v>27075</v>
      </c>
      <c r="N11029" s="5" t="s">
        <v>24254</v>
      </c>
      <c r="O11029" s="5" t="s">
        <v>38</v>
      </c>
      <c r="P11029" s="5" t="s">
        <v>39</v>
      </c>
      <c r="Q11029" s="5" t="s">
        <v>40</v>
      </c>
      <c r="R11029" s="5" t="s">
        <v>24335</v>
      </c>
      <c r="S11029" s="5" t="s">
        <v>40</v>
      </c>
      <c r="T11029" s="5" t="s">
        <v>42</v>
      </c>
      <c r="U11029" s="2">
        <v>6.64</v>
      </c>
      <c r="V11029" s="2">
        <v>3.9670000000000001</v>
      </c>
      <c r="W11029" s="2">
        <v>0.10299999999999999</v>
      </c>
      <c r="X11029" s="2">
        <v>12</v>
      </c>
      <c r="Y11029" s="2">
        <v>62</v>
      </c>
      <c r="Z11029" s="2">
        <v>137.9</v>
      </c>
      <c r="AA11029" s="5">
        <v>10</v>
      </c>
      <c r="AB11029" s="5" t="s">
        <v>43</v>
      </c>
      <c r="AC11029" s="5" t="s">
        <v>44</v>
      </c>
      <c r="AD11029" s="2" t="s">
        <v>33635</v>
      </c>
      <c r="AE11029" s="1"/>
    </row>
    <row r="11030" spans="1:31" ht="14.45">
      <c r="A11030" s="11"/>
      <c r="B11030" s="20"/>
      <c r="C11030" s="2" t="s">
        <v>33923</v>
      </c>
      <c r="D11030" s="14" t="s">
        <v>33924</v>
      </c>
      <c r="E11030" s="2" t="s">
        <v>33925</v>
      </c>
      <c r="F11030" s="2" t="s">
        <v>33634</v>
      </c>
      <c r="G11030" s="8">
        <v>164</v>
      </c>
      <c r="H11030" s="5">
        <v>5</v>
      </c>
      <c r="I11030" s="5" t="s">
        <v>69</v>
      </c>
      <c r="J11030" s="5" t="s">
        <v>27074</v>
      </c>
      <c r="K11030" s="2" t="s">
        <v>27075</v>
      </c>
      <c r="L11030" s="5" t="s">
        <v>27074</v>
      </c>
      <c r="M11030" s="2" t="s">
        <v>27075</v>
      </c>
      <c r="N11030" s="5" t="s">
        <v>24254</v>
      </c>
      <c r="O11030" s="5" t="s">
        <v>38</v>
      </c>
      <c r="P11030" s="5" t="s">
        <v>39</v>
      </c>
      <c r="Q11030" s="5" t="s">
        <v>40</v>
      </c>
      <c r="R11030" s="5" t="s">
        <v>24335</v>
      </c>
      <c r="S11030" s="5" t="s">
        <v>40</v>
      </c>
      <c r="T11030" s="5" t="s">
        <v>42</v>
      </c>
      <c r="U11030" s="2">
        <v>6.9619999999999997</v>
      </c>
      <c r="V11030" s="2">
        <v>4.2430000000000003</v>
      </c>
      <c r="W11030" s="2">
        <v>0.10299999999999999</v>
      </c>
      <c r="X11030" s="2">
        <v>12</v>
      </c>
      <c r="Y11030" s="2">
        <v>62</v>
      </c>
      <c r="Z11030" s="2">
        <v>137.9</v>
      </c>
      <c r="AA11030" s="5">
        <v>10</v>
      </c>
      <c r="AB11030" s="5" t="s">
        <v>43</v>
      </c>
      <c r="AC11030" s="5" t="s">
        <v>44</v>
      </c>
      <c r="AD11030" s="2" t="s">
        <v>33639</v>
      </c>
      <c r="AE11030" s="1"/>
    </row>
    <row r="11031" spans="1:31" ht="14.45">
      <c r="A11031" s="11"/>
      <c r="B11031" s="20"/>
      <c r="C11031" s="2" t="s">
        <v>33926</v>
      </c>
      <c r="D11031" s="14" t="s">
        <v>33927</v>
      </c>
      <c r="E11031" s="2" t="s">
        <v>33928</v>
      </c>
      <c r="F11031" s="2" t="s">
        <v>33643</v>
      </c>
      <c r="G11031" s="8">
        <v>164</v>
      </c>
      <c r="H11031" s="5">
        <v>5</v>
      </c>
      <c r="I11031" s="5" t="s">
        <v>69</v>
      </c>
      <c r="J11031" s="5" t="s">
        <v>27074</v>
      </c>
      <c r="K11031" s="2" t="s">
        <v>27075</v>
      </c>
      <c r="L11031" s="5" t="s">
        <v>27074</v>
      </c>
      <c r="M11031" s="2" t="s">
        <v>27075</v>
      </c>
      <c r="N11031" s="5" t="s">
        <v>24254</v>
      </c>
      <c r="O11031" s="5" t="s">
        <v>38</v>
      </c>
      <c r="P11031" s="5" t="s">
        <v>39</v>
      </c>
      <c r="Q11031" s="5" t="s">
        <v>40</v>
      </c>
      <c r="R11031" s="5" t="s">
        <v>24335</v>
      </c>
      <c r="S11031" s="5" t="s">
        <v>40</v>
      </c>
      <c r="T11031" s="5" t="s">
        <v>42</v>
      </c>
      <c r="U11031" s="2">
        <v>5.7089999999999996</v>
      </c>
      <c r="V11031" s="2">
        <v>3.0819999999999999</v>
      </c>
      <c r="W11031" s="2">
        <v>0.10299999999999999</v>
      </c>
      <c r="X11031" s="2">
        <v>12</v>
      </c>
      <c r="Y11031" s="2">
        <v>62</v>
      </c>
      <c r="Z11031" s="2">
        <v>137.9</v>
      </c>
      <c r="AA11031" s="5">
        <v>10</v>
      </c>
      <c r="AB11031" s="5" t="s">
        <v>43</v>
      </c>
      <c r="AC11031" s="5" t="s">
        <v>44</v>
      </c>
      <c r="AD11031" s="2" t="s">
        <v>33644</v>
      </c>
      <c r="AE11031" s="1"/>
    </row>
    <row r="11032" spans="1:31" ht="14.45">
      <c r="A11032" s="11"/>
      <c r="B11032" s="20"/>
      <c r="C11032" s="2" t="s">
        <v>33929</v>
      </c>
      <c r="D11032" s="14" t="s">
        <v>33930</v>
      </c>
      <c r="E11032" s="2" t="s">
        <v>33931</v>
      </c>
      <c r="F11032" s="2" t="s">
        <v>33643</v>
      </c>
      <c r="G11032" s="8">
        <v>164</v>
      </c>
      <c r="H11032" s="5">
        <v>5</v>
      </c>
      <c r="I11032" s="5" t="s">
        <v>69</v>
      </c>
      <c r="J11032" s="5" t="s">
        <v>27074</v>
      </c>
      <c r="K11032" s="2" t="s">
        <v>27075</v>
      </c>
      <c r="L11032" s="5" t="s">
        <v>27074</v>
      </c>
      <c r="M11032" s="2" t="s">
        <v>27075</v>
      </c>
      <c r="N11032" s="5" t="s">
        <v>24254</v>
      </c>
      <c r="O11032" s="5" t="s">
        <v>38</v>
      </c>
      <c r="P11032" s="5" t="s">
        <v>39</v>
      </c>
      <c r="Q11032" s="5" t="s">
        <v>40</v>
      </c>
      <c r="R11032" s="5" t="s">
        <v>24335</v>
      </c>
      <c r="S11032" s="5" t="s">
        <v>40</v>
      </c>
      <c r="T11032" s="5" t="s">
        <v>42</v>
      </c>
      <c r="U11032" s="2">
        <v>5.8550000000000004</v>
      </c>
      <c r="V11032" s="2">
        <v>3.4580000000000002</v>
      </c>
      <c r="W11032" s="2">
        <v>0.10299999999999999</v>
      </c>
      <c r="X11032" s="2">
        <v>12</v>
      </c>
      <c r="Y11032" s="2">
        <v>62</v>
      </c>
      <c r="Z11032" s="2">
        <v>137.9</v>
      </c>
      <c r="AA11032" s="5">
        <v>10</v>
      </c>
      <c r="AB11032" s="5" t="s">
        <v>43</v>
      </c>
      <c r="AC11032" s="5" t="s">
        <v>44</v>
      </c>
      <c r="AD11032" s="2" t="s">
        <v>33648</v>
      </c>
      <c r="AE11032" s="1"/>
    </row>
    <row r="11033" spans="1:31" ht="14.45">
      <c r="A11033" s="11"/>
      <c r="B11033" s="20"/>
      <c r="C11033" s="2" t="s">
        <v>33932</v>
      </c>
      <c r="D11033" s="14" t="s">
        <v>33933</v>
      </c>
      <c r="E11033" s="2" t="s">
        <v>33934</v>
      </c>
      <c r="F11033" s="2" t="s">
        <v>33652</v>
      </c>
      <c r="G11033" s="8">
        <v>164</v>
      </c>
      <c r="H11033" s="5">
        <v>5</v>
      </c>
      <c r="I11033" s="5" t="s">
        <v>69</v>
      </c>
      <c r="J11033" s="5" t="s">
        <v>27074</v>
      </c>
      <c r="K11033" s="2" t="s">
        <v>27075</v>
      </c>
      <c r="L11033" s="5" t="s">
        <v>27074</v>
      </c>
      <c r="M11033" s="2" t="s">
        <v>27075</v>
      </c>
      <c r="N11033" s="5" t="s">
        <v>24254</v>
      </c>
      <c r="O11033" s="5" t="s">
        <v>38</v>
      </c>
      <c r="P11033" s="5" t="s">
        <v>39</v>
      </c>
      <c r="Q11033" s="5" t="s">
        <v>40</v>
      </c>
      <c r="R11033" s="5" t="s">
        <v>24335</v>
      </c>
      <c r="S11033" s="5" t="s">
        <v>40</v>
      </c>
      <c r="T11033" s="5" t="s">
        <v>42</v>
      </c>
      <c r="U11033" s="2">
        <v>6.2009999999999996</v>
      </c>
      <c r="V11033" s="2">
        <v>3.4620000000000002</v>
      </c>
      <c r="W11033" s="2">
        <v>0.10299999999999999</v>
      </c>
      <c r="X11033" s="2">
        <v>12</v>
      </c>
      <c r="Y11033" s="2">
        <v>62</v>
      </c>
      <c r="Z11033" s="2">
        <v>137.9</v>
      </c>
      <c r="AA11033" s="5">
        <v>10</v>
      </c>
      <c r="AB11033" s="5" t="s">
        <v>43</v>
      </c>
      <c r="AC11033" s="5" t="s">
        <v>44</v>
      </c>
      <c r="AD11033" s="2" t="s">
        <v>33644</v>
      </c>
      <c r="AE11033" s="1"/>
    </row>
    <row r="11034" spans="1:31" ht="14.45">
      <c r="A11034" s="11"/>
      <c r="B11034" s="20"/>
      <c r="C11034" s="2" t="s">
        <v>33935</v>
      </c>
      <c r="D11034" s="14" t="s">
        <v>33936</v>
      </c>
      <c r="E11034" s="2" t="s">
        <v>33937</v>
      </c>
      <c r="F11034" s="2" t="s">
        <v>33652</v>
      </c>
      <c r="G11034" s="8">
        <v>164</v>
      </c>
      <c r="H11034" s="5">
        <v>5</v>
      </c>
      <c r="I11034" s="5" t="s">
        <v>69</v>
      </c>
      <c r="J11034" s="5" t="s">
        <v>27074</v>
      </c>
      <c r="K11034" s="2" t="s">
        <v>27075</v>
      </c>
      <c r="L11034" s="5" t="s">
        <v>27074</v>
      </c>
      <c r="M11034" s="2" t="s">
        <v>27075</v>
      </c>
      <c r="N11034" s="5" t="s">
        <v>24254</v>
      </c>
      <c r="O11034" s="5" t="s">
        <v>38</v>
      </c>
      <c r="P11034" s="5" t="s">
        <v>39</v>
      </c>
      <c r="Q11034" s="5" t="s">
        <v>40</v>
      </c>
      <c r="R11034" s="5" t="s">
        <v>24335</v>
      </c>
      <c r="S11034" s="5" t="s">
        <v>40</v>
      </c>
      <c r="T11034" s="5" t="s">
        <v>42</v>
      </c>
      <c r="U11034" s="2">
        <v>6.5570000000000004</v>
      </c>
      <c r="V11034" s="2">
        <v>3.7719999999999998</v>
      </c>
      <c r="W11034" s="2">
        <v>0.10299999999999999</v>
      </c>
      <c r="X11034" s="2">
        <v>12</v>
      </c>
      <c r="Y11034" s="2">
        <v>62</v>
      </c>
      <c r="Z11034" s="2">
        <v>137.9</v>
      </c>
      <c r="AA11034" s="5">
        <v>10</v>
      </c>
      <c r="AB11034" s="5" t="s">
        <v>43</v>
      </c>
      <c r="AC11034" s="5" t="s">
        <v>44</v>
      </c>
      <c r="AD11034" s="2" t="s">
        <v>33648</v>
      </c>
      <c r="AE11034" s="1"/>
    </row>
    <row r="11035" spans="1:31" ht="14.45">
      <c r="A11035" s="11"/>
      <c r="B11035" s="20"/>
      <c r="C11035" s="2" t="s">
        <v>33938</v>
      </c>
      <c r="D11035" s="14" t="s">
        <v>33939</v>
      </c>
      <c r="E11035" s="2" t="s">
        <v>33940</v>
      </c>
      <c r="F11035" s="2" t="s">
        <v>33659</v>
      </c>
      <c r="G11035" s="8">
        <v>298</v>
      </c>
      <c r="H11035" s="5">
        <v>5</v>
      </c>
      <c r="I11035" s="5" t="s">
        <v>69</v>
      </c>
      <c r="J11035" s="5" t="s">
        <v>27074</v>
      </c>
      <c r="K11035" s="2" t="s">
        <v>27075</v>
      </c>
      <c r="L11035" s="5" t="s">
        <v>27074</v>
      </c>
      <c r="M11035" s="2" t="s">
        <v>27075</v>
      </c>
      <c r="N11035" s="5" t="s">
        <v>24254</v>
      </c>
      <c r="O11035" s="5" t="s">
        <v>38</v>
      </c>
      <c r="P11035" s="5" t="s">
        <v>39</v>
      </c>
      <c r="Q11035" s="5" t="s">
        <v>40</v>
      </c>
      <c r="R11035" s="5" t="s">
        <v>24335</v>
      </c>
      <c r="S11035" s="5" t="s">
        <v>40</v>
      </c>
      <c r="T11035" s="5" t="s">
        <v>42</v>
      </c>
      <c r="U11035" s="2">
        <v>14.91</v>
      </c>
      <c r="V11035" s="2">
        <v>12.752000000000001</v>
      </c>
      <c r="W11035" s="2">
        <v>0.17899999999999999</v>
      </c>
      <c r="X11035" s="2">
        <v>15</v>
      </c>
      <c r="Y11035" s="2">
        <v>77</v>
      </c>
      <c r="Z11035" s="2">
        <v>154.9</v>
      </c>
      <c r="AA11035" s="5">
        <v>8</v>
      </c>
      <c r="AB11035" s="5" t="s">
        <v>43</v>
      </c>
      <c r="AC11035" s="5" t="s">
        <v>44</v>
      </c>
      <c r="AD11035" s="2" t="s">
        <v>33660</v>
      </c>
      <c r="AE11035" s="1"/>
    </row>
    <row r="11036" spans="1:31" ht="14.45">
      <c r="A11036" s="11"/>
      <c r="B11036" s="20"/>
      <c r="C11036" s="2" t="s">
        <v>33941</v>
      </c>
      <c r="D11036" s="14" t="s">
        <v>33942</v>
      </c>
      <c r="E11036" s="2" t="s">
        <v>33943</v>
      </c>
      <c r="F11036" s="2" t="s">
        <v>33669</v>
      </c>
      <c r="G11036" s="8">
        <v>315</v>
      </c>
      <c r="H11036" s="5">
        <v>10</v>
      </c>
      <c r="I11036" s="5" t="s">
        <v>69</v>
      </c>
      <c r="J11036" s="5" t="s">
        <v>27074</v>
      </c>
      <c r="K11036" s="2" t="s">
        <v>27075</v>
      </c>
      <c r="L11036" s="5" t="s">
        <v>27074</v>
      </c>
      <c r="M11036" s="2" t="s">
        <v>27075</v>
      </c>
      <c r="N11036" s="5" t="s">
        <v>24254</v>
      </c>
      <c r="O11036" s="5" t="s">
        <v>38</v>
      </c>
      <c r="P11036" s="5" t="s">
        <v>39</v>
      </c>
      <c r="Q11036" s="5" t="s">
        <v>40</v>
      </c>
      <c r="R11036" s="5" t="s">
        <v>24340</v>
      </c>
      <c r="S11036" s="5" t="s">
        <v>40</v>
      </c>
      <c r="T11036" s="5" t="s">
        <v>42</v>
      </c>
      <c r="U11036" s="2">
        <v>12.250999999999999</v>
      </c>
      <c r="V11036" s="2">
        <v>9.9700000000000006</v>
      </c>
      <c r="W11036" s="2">
        <v>0.128</v>
      </c>
      <c r="X11036" s="2">
        <v>12</v>
      </c>
      <c r="Y11036" s="2">
        <v>62</v>
      </c>
      <c r="Z11036" s="2">
        <v>137.9</v>
      </c>
      <c r="AA11036" s="5">
        <v>8</v>
      </c>
      <c r="AB11036" s="5" t="s">
        <v>43</v>
      </c>
      <c r="AC11036" s="5" t="s">
        <v>44</v>
      </c>
      <c r="AD11036" s="2" t="s">
        <v>33665</v>
      </c>
      <c r="AE11036" s="1"/>
    </row>
    <row r="11037" spans="1:31" ht="14.45">
      <c r="A11037" s="11"/>
      <c r="B11037" s="20"/>
      <c r="C11037" s="2" t="s">
        <v>33944</v>
      </c>
      <c r="D11037" s="14" t="s">
        <v>33945</v>
      </c>
      <c r="E11037" s="2" t="s">
        <v>33946</v>
      </c>
      <c r="F11037" s="2" t="s">
        <v>33673</v>
      </c>
      <c r="G11037" s="8">
        <v>315</v>
      </c>
      <c r="H11037" s="5">
        <v>10</v>
      </c>
      <c r="I11037" s="5" t="s">
        <v>69</v>
      </c>
      <c r="J11037" s="5" t="s">
        <v>27074</v>
      </c>
      <c r="K11037" s="2" t="s">
        <v>27075</v>
      </c>
      <c r="L11037" s="5" t="s">
        <v>27074</v>
      </c>
      <c r="M11037" s="2" t="s">
        <v>27075</v>
      </c>
      <c r="N11037" s="5" t="s">
        <v>24254</v>
      </c>
      <c r="O11037" s="5" t="s">
        <v>38</v>
      </c>
      <c r="P11037" s="5" t="s">
        <v>39</v>
      </c>
      <c r="Q11037" s="5" t="s">
        <v>40</v>
      </c>
      <c r="R11037" s="5" t="s">
        <v>24340</v>
      </c>
      <c r="S11037" s="5" t="s">
        <v>40</v>
      </c>
      <c r="T11037" s="5" t="s">
        <v>42</v>
      </c>
      <c r="U11037" s="2">
        <v>10.255000000000001</v>
      </c>
      <c r="V11037" s="2">
        <v>8.5009999999999994</v>
      </c>
      <c r="W11037" s="2">
        <v>8.8999999999999996E-2</v>
      </c>
      <c r="X11037" s="2">
        <v>12</v>
      </c>
      <c r="Y11037" s="2">
        <v>62</v>
      </c>
      <c r="Z11037" s="2">
        <v>119.4</v>
      </c>
      <c r="AA11037" s="5">
        <v>8</v>
      </c>
      <c r="AB11037" s="5" t="s">
        <v>43</v>
      </c>
      <c r="AC11037" s="5" t="s">
        <v>44</v>
      </c>
      <c r="AD11037" s="2" t="s">
        <v>33665</v>
      </c>
      <c r="AE11037" s="1"/>
    </row>
    <row r="11038" spans="1:31" ht="14.45">
      <c r="A11038" s="11"/>
      <c r="B11038" s="20"/>
      <c r="C11038" s="2" t="s">
        <v>33947</v>
      </c>
      <c r="D11038" s="14" t="s">
        <v>33948</v>
      </c>
      <c r="E11038" s="2" t="s">
        <v>33949</v>
      </c>
      <c r="F11038" s="2" t="s">
        <v>33677</v>
      </c>
      <c r="G11038" s="8">
        <v>315</v>
      </c>
      <c r="H11038" s="5">
        <v>10</v>
      </c>
      <c r="I11038" s="5" t="s">
        <v>69</v>
      </c>
      <c r="J11038" s="5" t="s">
        <v>27074</v>
      </c>
      <c r="K11038" s="2" t="s">
        <v>27075</v>
      </c>
      <c r="L11038" s="5" t="s">
        <v>27074</v>
      </c>
      <c r="M11038" s="2" t="s">
        <v>27075</v>
      </c>
      <c r="N11038" s="5" t="s">
        <v>24254</v>
      </c>
      <c r="O11038" s="5" t="s">
        <v>38</v>
      </c>
      <c r="P11038" s="5" t="s">
        <v>39</v>
      </c>
      <c r="Q11038" s="5" t="s">
        <v>40</v>
      </c>
      <c r="R11038" s="5" t="s">
        <v>24340</v>
      </c>
      <c r="S11038" s="5" t="s">
        <v>40</v>
      </c>
      <c r="T11038" s="5" t="s">
        <v>42</v>
      </c>
      <c r="U11038" s="2">
        <v>11.061</v>
      </c>
      <c r="V11038" s="2">
        <v>8.8109999999999999</v>
      </c>
      <c r="W11038" s="2">
        <v>0.10299999999999999</v>
      </c>
      <c r="X11038" s="2">
        <v>12</v>
      </c>
      <c r="Y11038" s="2">
        <v>62</v>
      </c>
      <c r="Z11038" s="2">
        <v>137.9</v>
      </c>
      <c r="AA11038" s="5">
        <v>10</v>
      </c>
      <c r="AB11038" s="5" t="s">
        <v>43</v>
      </c>
      <c r="AC11038" s="5" t="s">
        <v>44</v>
      </c>
      <c r="AD11038" s="2" t="s">
        <v>33950</v>
      </c>
      <c r="AE11038" s="1"/>
    </row>
    <row r="11039" spans="1:31" ht="14.45">
      <c r="A11039" s="11"/>
      <c r="B11039" s="20"/>
      <c r="C11039" s="2" t="s">
        <v>33951</v>
      </c>
      <c r="D11039" s="14" t="s">
        <v>33952</v>
      </c>
      <c r="E11039" s="2" t="s">
        <v>33953</v>
      </c>
      <c r="F11039" s="2" t="s">
        <v>33682</v>
      </c>
      <c r="G11039" s="8">
        <v>315</v>
      </c>
      <c r="H11039" s="5">
        <v>10</v>
      </c>
      <c r="I11039" s="5" t="s">
        <v>69</v>
      </c>
      <c r="J11039" s="5" t="s">
        <v>27074</v>
      </c>
      <c r="K11039" s="2" t="s">
        <v>27075</v>
      </c>
      <c r="L11039" s="5" t="s">
        <v>27074</v>
      </c>
      <c r="M11039" s="2" t="s">
        <v>27075</v>
      </c>
      <c r="N11039" s="5" t="s">
        <v>24254</v>
      </c>
      <c r="O11039" s="5" t="s">
        <v>38</v>
      </c>
      <c r="P11039" s="5" t="s">
        <v>39</v>
      </c>
      <c r="Q11039" s="5" t="s">
        <v>40</v>
      </c>
      <c r="R11039" s="5" t="s">
        <v>24340</v>
      </c>
      <c r="S11039" s="5" t="s">
        <v>40</v>
      </c>
      <c r="T11039" s="5" t="s">
        <v>42</v>
      </c>
      <c r="U11039" s="2">
        <v>8.7479999999999993</v>
      </c>
      <c r="V11039" s="2">
        <v>6.4980000000000002</v>
      </c>
      <c r="W11039" s="2">
        <v>0.10299999999999999</v>
      </c>
      <c r="X11039" s="2">
        <v>12</v>
      </c>
      <c r="Y11039" s="2">
        <v>62</v>
      </c>
      <c r="Z11039" s="2">
        <v>137.9</v>
      </c>
      <c r="AA11039" s="5">
        <v>10</v>
      </c>
      <c r="AB11039" s="5" t="s">
        <v>43</v>
      </c>
      <c r="AC11039" s="5" t="s">
        <v>44</v>
      </c>
      <c r="AD11039" s="2" t="s">
        <v>33688</v>
      </c>
      <c r="AE11039" s="1"/>
    </row>
    <row r="11040" spans="1:31" ht="14.45">
      <c r="A11040" s="11"/>
      <c r="B11040" s="20"/>
      <c r="C11040" s="2" t="s">
        <v>33954</v>
      </c>
      <c r="D11040" s="14" t="s">
        <v>33955</v>
      </c>
      <c r="E11040" s="2" t="s">
        <v>33956</v>
      </c>
      <c r="F11040" s="2" t="s">
        <v>33687</v>
      </c>
      <c r="G11040" s="8">
        <v>315</v>
      </c>
      <c r="H11040" s="5">
        <v>10</v>
      </c>
      <c r="I11040" s="5" t="s">
        <v>69</v>
      </c>
      <c r="J11040" s="5" t="s">
        <v>27074</v>
      </c>
      <c r="K11040" s="2" t="s">
        <v>27075</v>
      </c>
      <c r="L11040" s="5" t="s">
        <v>27074</v>
      </c>
      <c r="M11040" s="2" t="s">
        <v>27075</v>
      </c>
      <c r="N11040" s="5" t="s">
        <v>24254</v>
      </c>
      <c r="O11040" s="5" t="s">
        <v>38</v>
      </c>
      <c r="P11040" s="5" t="s">
        <v>39</v>
      </c>
      <c r="Q11040" s="5" t="s">
        <v>40</v>
      </c>
      <c r="R11040" s="5" t="s">
        <v>24340</v>
      </c>
      <c r="S11040" s="5" t="s">
        <v>40</v>
      </c>
      <c r="T11040" s="5" t="s">
        <v>42</v>
      </c>
      <c r="U11040" s="2">
        <v>9.8059999999999992</v>
      </c>
      <c r="V11040" s="2">
        <v>7.49</v>
      </c>
      <c r="W11040" s="2">
        <v>0.10299999999999999</v>
      </c>
      <c r="X11040" s="2">
        <v>12</v>
      </c>
      <c r="Y11040" s="2">
        <v>62</v>
      </c>
      <c r="Z11040" s="2">
        <v>137.9</v>
      </c>
      <c r="AA11040" s="5">
        <v>10</v>
      </c>
      <c r="AB11040" s="5" t="s">
        <v>43</v>
      </c>
      <c r="AC11040" s="5" t="s">
        <v>44</v>
      </c>
      <c r="AD11040" s="2" t="s">
        <v>33688</v>
      </c>
      <c r="AE11040" s="1"/>
    </row>
    <row r="11041" spans="1:31" ht="14.45">
      <c r="A11041" s="11"/>
      <c r="B11041" s="20"/>
      <c r="C11041" s="2" t="s">
        <v>33957</v>
      </c>
      <c r="D11041" s="14" t="s">
        <v>33958</v>
      </c>
      <c r="E11041" s="2" t="s">
        <v>33959</v>
      </c>
      <c r="F11041" s="2" t="s">
        <v>33692</v>
      </c>
      <c r="G11041" s="8">
        <v>600</v>
      </c>
      <c r="H11041" s="5">
        <v>10</v>
      </c>
      <c r="I11041" s="5" t="s">
        <v>69</v>
      </c>
      <c r="J11041" s="5" t="s">
        <v>27074</v>
      </c>
      <c r="K11041" s="2" t="s">
        <v>27075</v>
      </c>
      <c r="L11041" s="5" t="s">
        <v>27074</v>
      </c>
      <c r="M11041" s="2" t="s">
        <v>27075</v>
      </c>
      <c r="N11041" s="5" t="s">
        <v>24254</v>
      </c>
      <c r="O11041" s="5" t="s">
        <v>38</v>
      </c>
      <c r="P11041" s="5" t="s">
        <v>39</v>
      </c>
      <c r="Q11041" s="5" t="s">
        <v>40</v>
      </c>
      <c r="R11041" s="5" t="s">
        <v>24340</v>
      </c>
      <c r="S11041" s="5" t="s">
        <v>40</v>
      </c>
      <c r="T11041" s="5" t="s">
        <v>42</v>
      </c>
      <c r="U11041" s="2">
        <v>19.376000000000001</v>
      </c>
      <c r="V11041" s="2">
        <v>17.228999999999999</v>
      </c>
      <c r="W11041" s="2">
        <v>0.17899999999999999</v>
      </c>
      <c r="X11041" s="2">
        <v>15</v>
      </c>
      <c r="Y11041" s="2">
        <v>77</v>
      </c>
      <c r="Z11041" s="2">
        <v>154.9</v>
      </c>
      <c r="AA11041" s="5">
        <v>8</v>
      </c>
      <c r="AB11041" s="5" t="s">
        <v>43</v>
      </c>
      <c r="AC11041" s="5" t="s">
        <v>44</v>
      </c>
      <c r="AD11041" s="2" t="s">
        <v>33660</v>
      </c>
      <c r="AE11041" s="1"/>
    </row>
    <row r="11042" spans="1:31" ht="14.45">
      <c r="A11042" s="11"/>
      <c r="B11042" s="20"/>
      <c r="C11042" s="2" t="s">
        <v>33960</v>
      </c>
      <c r="D11042" s="14" t="s">
        <v>33961</v>
      </c>
      <c r="E11042" s="2" t="s">
        <v>33962</v>
      </c>
      <c r="F11042" s="2" t="s">
        <v>33710</v>
      </c>
      <c r="G11042" s="8">
        <v>623</v>
      </c>
      <c r="H11042" s="5">
        <v>5</v>
      </c>
      <c r="I11042" s="5" t="s">
        <v>69</v>
      </c>
      <c r="J11042" s="5" t="s">
        <v>27074</v>
      </c>
      <c r="K11042" s="2" t="s">
        <v>27075</v>
      </c>
      <c r="L11042" s="5" t="s">
        <v>27074</v>
      </c>
      <c r="M11042" s="2" t="s">
        <v>27075</v>
      </c>
      <c r="N11042" s="5" t="s">
        <v>24254</v>
      </c>
      <c r="O11042" s="5" t="s">
        <v>38</v>
      </c>
      <c r="P11042" s="5" t="s">
        <v>39</v>
      </c>
      <c r="Q11042" s="5" t="s">
        <v>40</v>
      </c>
      <c r="R11042" s="5" t="s">
        <v>1487</v>
      </c>
      <c r="S11042" s="5"/>
      <c r="T11042" s="5" t="s">
        <v>42</v>
      </c>
      <c r="U11042" s="2">
        <v>0</v>
      </c>
      <c r="V11042" s="2">
        <v>0</v>
      </c>
      <c r="W11042" s="2">
        <v>0</v>
      </c>
      <c r="X11042" s="2">
        <v>0</v>
      </c>
      <c r="Y11042" s="2">
        <v>0</v>
      </c>
      <c r="Z11042" s="2">
        <v>0</v>
      </c>
      <c r="AA11042" s="5"/>
      <c r="AB11042" s="5" t="s">
        <v>43</v>
      </c>
      <c r="AC11042" s="5" t="s">
        <v>44</v>
      </c>
      <c r="AD11042" s="2" t="s">
        <v>33711</v>
      </c>
      <c r="AE11042" s="1"/>
    </row>
    <row r="11043" spans="1:31" ht="14.45">
      <c r="A11043" s="11"/>
      <c r="B11043" s="20"/>
      <c r="C11043" s="2" t="s">
        <v>33963</v>
      </c>
      <c r="D11043" s="14" t="s">
        <v>33964</v>
      </c>
      <c r="E11043" s="2" t="s">
        <v>33965</v>
      </c>
      <c r="F11043" s="2" t="s">
        <v>33715</v>
      </c>
      <c r="G11043" s="8">
        <v>623</v>
      </c>
      <c r="H11043" s="5">
        <v>15</v>
      </c>
      <c r="I11043" s="5" t="s">
        <v>69</v>
      </c>
      <c r="J11043" s="5" t="s">
        <v>27074</v>
      </c>
      <c r="K11043" s="2" t="s">
        <v>27075</v>
      </c>
      <c r="L11043" s="5" t="s">
        <v>27074</v>
      </c>
      <c r="M11043" s="2" t="s">
        <v>27075</v>
      </c>
      <c r="N11043" s="5" t="s">
        <v>24254</v>
      </c>
      <c r="O11043" s="5" t="s">
        <v>38</v>
      </c>
      <c r="P11043" s="5" t="s">
        <v>39</v>
      </c>
      <c r="Q11043" s="5" t="s">
        <v>40</v>
      </c>
      <c r="R11043" s="5" t="s">
        <v>1487</v>
      </c>
      <c r="S11043" s="5"/>
      <c r="T11043" s="5" t="s">
        <v>42</v>
      </c>
      <c r="U11043" s="2">
        <v>0</v>
      </c>
      <c r="V11043" s="2">
        <v>0</v>
      </c>
      <c r="W11043" s="2">
        <v>0</v>
      </c>
      <c r="X11043" s="2">
        <v>0</v>
      </c>
      <c r="Y11043" s="2">
        <v>0</v>
      </c>
      <c r="Z11043" s="2">
        <v>0</v>
      </c>
      <c r="AA11043" s="5"/>
      <c r="AB11043" s="5" t="s">
        <v>43</v>
      </c>
      <c r="AC11043" s="5" t="s">
        <v>44</v>
      </c>
      <c r="AD11043" s="2" t="s">
        <v>33716</v>
      </c>
      <c r="AE11043" s="1"/>
    </row>
    <row r="11044" spans="1:31" ht="14.45">
      <c r="A11044" s="11"/>
      <c r="B11044" s="20"/>
      <c r="C11044" s="2" t="s">
        <v>33966</v>
      </c>
      <c r="D11044" s="14" t="s">
        <v>33967</v>
      </c>
      <c r="E11044" s="2" t="s">
        <v>33968</v>
      </c>
      <c r="F11044" s="2" t="s">
        <v>33720</v>
      </c>
      <c r="G11044" s="8">
        <v>1044</v>
      </c>
      <c r="H11044" s="5">
        <v>15</v>
      </c>
      <c r="I11044" s="5" t="s">
        <v>69</v>
      </c>
      <c r="J11044" s="5" t="s">
        <v>27074</v>
      </c>
      <c r="K11044" s="2" t="s">
        <v>27075</v>
      </c>
      <c r="L11044" s="5" t="s">
        <v>27074</v>
      </c>
      <c r="M11044" s="2" t="s">
        <v>27075</v>
      </c>
      <c r="N11044" s="5" t="s">
        <v>24254</v>
      </c>
      <c r="O11044" s="5" t="s">
        <v>38</v>
      </c>
      <c r="P11044" s="5" t="s">
        <v>39</v>
      </c>
      <c r="Q11044" s="5" t="s">
        <v>40</v>
      </c>
      <c r="R11044" s="5" t="s">
        <v>1487</v>
      </c>
      <c r="S11044" s="5"/>
      <c r="T11044" s="5" t="s">
        <v>42</v>
      </c>
      <c r="U11044" s="2">
        <v>0</v>
      </c>
      <c r="V11044" s="2">
        <v>0</v>
      </c>
      <c r="W11044" s="2">
        <v>0</v>
      </c>
      <c r="X11044" s="2">
        <v>0</v>
      </c>
      <c r="Y11044" s="2">
        <v>0</v>
      </c>
      <c r="Z11044" s="2">
        <v>0</v>
      </c>
      <c r="AA11044" s="5"/>
      <c r="AB11044" s="5" t="s">
        <v>43</v>
      </c>
      <c r="AC11044" s="5" t="s">
        <v>44</v>
      </c>
      <c r="AD11044" s="2" t="s">
        <v>33721</v>
      </c>
      <c r="AE11044" s="1"/>
    </row>
    <row r="11045" spans="1:31" ht="14.45">
      <c r="A11045" s="11"/>
      <c r="B11045" s="20"/>
      <c r="C11045" s="2" t="s">
        <v>33969</v>
      </c>
      <c r="D11045" s="14" t="s">
        <v>33970</v>
      </c>
      <c r="E11045" s="2" t="s">
        <v>33971</v>
      </c>
      <c r="F11045" s="2" t="s">
        <v>33725</v>
      </c>
      <c r="G11045" s="8">
        <v>1044</v>
      </c>
      <c r="H11045" s="5">
        <v>15</v>
      </c>
      <c r="I11045" s="5" t="s">
        <v>69</v>
      </c>
      <c r="J11045" s="5" t="s">
        <v>27074</v>
      </c>
      <c r="K11045" s="2" t="s">
        <v>27075</v>
      </c>
      <c r="L11045" s="5" t="s">
        <v>27074</v>
      </c>
      <c r="M11045" s="2" t="s">
        <v>27075</v>
      </c>
      <c r="N11045" s="5" t="s">
        <v>24254</v>
      </c>
      <c r="O11045" s="5" t="s">
        <v>38</v>
      </c>
      <c r="P11045" s="5" t="s">
        <v>39</v>
      </c>
      <c r="Q11045" s="5" t="s">
        <v>40</v>
      </c>
      <c r="R11045" s="5" t="s">
        <v>1487</v>
      </c>
      <c r="S11045" s="5"/>
      <c r="T11045" s="5" t="s">
        <v>42</v>
      </c>
      <c r="U11045" s="2">
        <v>0</v>
      </c>
      <c r="V11045" s="2">
        <v>0</v>
      </c>
      <c r="W11045" s="2">
        <v>0</v>
      </c>
      <c r="X11045" s="2">
        <v>0</v>
      </c>
      <c r="Y11045" s="2">
        <v>0</v>
      </c>
      <c r="Z11045" s="2">
        <v>0</v>
      </c>
      <c r="AA11045" s="5"/>
      <c r="AB11045" s="5" t="s">
        <v>43</v>
      </c>
      <c r="AC11045" s="5" t="s">
        <v>44</v>
      </c>
      <c r="AD11045" s="2" t="s">
        <v>33726</v>
      </c>
      <c r="AE11045" s="1"/>
    </row>
    <row r="11046" spans="1:31" ht="14.45">
      <c r="A11046" s="11"/>
      <c r="B11046" s="20"/>
      <c r="C11046" s="2" t="s">
        <v>33972</v>
      </c>
      <c r="D11046" s="14" t="s">
        <v>33973</v>
      </c>
      <c r="E11046" s="2" t="s">
        <v>33974</v>
      </c>
      <c r="F11046" s="2" t="s">
        <v>33730</v>
      </c>
      <c r="G11046" s="8">
        <v>925</v>
      </c>
      <c r="H11046" s="5">
        <v>10</v>
      </c>
      <c r="I11046" s="5" t="s">
        <v>69</v>
      </c>
      <c r="J11046" s="5" t="s">
        <v>27074</v>
      </c>
      <c r="K11046" s="2" t="s">
        <v>27075</v>
      </c>
      <c r="L11046" s="5" t="s">
        <v>27074</v>
      </c>
      <c r="M11046" s="2" t="s">
        <v>27075</v>
      </c>
      <c r="N11046" s="5" t="s">
        <v>24254</v>
      </c>
      <c r="O11046" s="5" t="s">
        <v>38</v>
      </c>
      <c r="P11046" s="5" t="s">
        <v>39</v>
      </c>
      <c r="Q11046" s="5" t="s">
        <v>40</v>
      </c>
      <c r="R11046" s="5" t="s">
        <v>1487</v>
      </c>
      <c r="S11046" s="5"/>
      <c r="T11046" s="5" t="s">
        <v>42</v>
      </c>
      <c r="U11046" s="2">
        <v>0</v>
      </c>
      <c r="V11046" s="2">
        <v>0</v>
      </c>
      <c r="W11046" s="2">
        <v>0</v>
      </c>
      <c r="X11046" s="2">
        <v>0</v>
      </c>
      <c r="Y11046" s="2">
        <v>0</v>
      </c>
      <c r="Z11046" s="2">
        <v>0</v>
      </c>
      <c r="AA11046" s="5"/>
      <c r="AB11046" s="5" t="s">
        <v>43</v>
      </c>
      <c r="AC11046" s="5" t="s">
        <v>44</v>
      </c>
      <c r="AD11046" s="2"/>
      <c r="AE11046" s="1"/>
    </row>
    <row r="11047" spans="1:31" ht="14.45">
      <c r="A11047" s="11"/>
      <c r="B11047" s="20"/>
      <c r="C11047" s="2" t="s">
        <v>33975</v>
      </c>
      <c r="D11047" s="14" t="s">
        <v>33976</v>
      </c>
      <c r="E11047" s="2" t="s">
        <v>33977</v>
      </c>
      <c r="F11047" s="2" t="s">
        <v>33734</v>
      </c>
      <c r="G11047" s="8">
        <v>925</v>
      </c>
      <c r="H11047" s="5">
        <v>15</v>
      </c>
      <c r="I11047" s="5" t="s">
        <v>69</v>
      </c>
      <c r="J11047" s="5" t="s">
        <v>27074</v>
      </c>
      <c r="K11047" s="2" t="s">
        <v>27075</v>
      </c>
      <c r="L11047" s="5" t="s">
        <v>27074</v>
      </c>
      <c r="M11047" s="2" t="s">
        <v>27075</v>
      </c>
      <c r="N11047" s="5" t="s">
        <v>24254</v>
      </c>
      <c r="O11047" s="5" t="s">
        <v>38</v>
      </c>
      <c r="P11047" s="5" t="s">
        <v>39</v>
      </c>
      <c r="Q11047" s="5" t="s">
        <v>40</v>
      </c>
      <c r="R11047" s="5" t="s">
        <v>1487</v>
      </c>
      <c r="S11047" s="5"/>
      <c r="T11047" s="5" t="s">
        <v>42</v>
      </c>
      <c r="U11047" s="2">
        <v>0</v>
      </c>
      <c r="V11047" s="2">
        <v>0</v>
      </c>
      <c r="W11047" s="2">
        <v>0</v>
      </c>
      <c r="X11047" s="2">
        <v>0</v>
      </c>
      <c r="Y11047" s="2">
        <v>0</v>
      </c>
      <c r="Z11047" s="2">
        <v>0</v>
      </c>
      <c r="AA11047" s="5"/>
      <c r="AB11047" s="5" t="s">
        <v>43</v>
      </c>
      <c r="AC11047" s="5" t="s">
        <v>44</v>
      </c>
      <c r="AD11047" s="2"/>
      <c r="AE11047" s="1"/>
    </row>
    <row r="11048" spans="1:31" ht="14.45">
      <c r="A11048" s="11"/>
      <c r="B11048" s="20"/>
      <c r="C11048" s="2" t="s">
        <v>33978</v>
      </c>
      <c r="D11048" s="14" t="s">
        <v>33979</v>
      </c>
      <c r="E11048" s="2" t="s">
        <v>33980</v>
      </c>
      <c r="F11048" s="2" t="s">
        <v>33616</v>
      </c>
      <c r="G11048" s="8">
        <v>238</v>
      </c>
      <c r="H11048" s="5">
        <v>5</v>
      </c>
      <c r="I11048" s="5" t="s">
        <v>69</v>
      </c>
      <c r="J11048" s="5" t="s">
        <v>27074</v>
      </c>
      <c r="K11048" s="2" t="s">
        <v>27075</v>
      </c>
      <c r="L11048" s="5" t="s">
        <v>27074</v>
      </c>
      <c r="M11048" s="2" t="s">
        <v>27075</v>
      </c>
      <c r="N11048" s="5" t="s">
        <v>24254</v>
      </c>
      <c r="O11048" s="5" t="s">
        <v>38</v>
      </c>
      <c r="P11048" s="5" t="s">
        <v>39</v>
      </c>
      <c r="Q11048" s="5" t="s">
        <v>40</v>
      </c>
      <c r="R11048" s="5" t="s">
        <v>24335</v>
      </c>
      <c r="S11048" s="5" t="s">
        <v>40</v>
      </c>
      <c r="T11048" s="5" t="s">
        <v>42</v>
      </c>
      <c r="U11048" s="2">
        <v>12.907999999999999</v>
      </c>
      <c r="V11048" s="2">
        <v>10.840999999999999</v>
      </c>
      <c r="W11048" s="2">
        <v>0.14299999999999999</v>
      </c>
      <c r="X11048" s="2">
        <v>12</v>
      </c>
      <c r="Y11048" s="2">
        <v>77</v>
      </c>
      <c r="Z11048" s="2">
        <v>154.9</v>
      </c>
      <c r="AA11048" s="5">
        <v>8</v>
      </c>
      <c r="AB11048" s="5" t="s">
        <v>43</v>
      </c>
      <c r="AC11048" s="5" t="s">
        <v>44</v>
      </c>
      <c r="AD11048" s="2" t="s">
        <v>33617</v>
      </c>
      <c r="AE11048" s="1"/>
    </row>
    <row r="11049" spans="1:31" ht="14.45">
      <c r="A11049" s="11"/>
      <c r="B11049" s="20"/>
      <c r="C11049" s="2" t="s">
        <v>33981</v>
      </c>
      <c r="D11049" s="14" t="s">
        <v>33982</v>
      </c>
      <c r="E11049" s="2" t="s">
        <v>33983</v>
      </c>
      <c r="F11049" s="2" t="s">
        <v>33621</v>
      </c>
      <c r="G11049" s="8">
        <v>179</v>
      </c>
      <c r="H11049" s="5">
        <v>10</v>
      </c>
      <c r="I11049" s="5" t="s">
        <v>69</v>
      </c>
      <c r="J11049" s="5" t="s">
        <v>27074</v>
      </c>
      <c r="K11049" s="2" t="s">
        <v>27075</v>
      </c>
      <c r="L11049" s="5" t="s">
        <v>27074</v>
      </c>
      <c r="M11049" s="2" t="s">
        <v>27075</v>
      </c>
      <c r="N11049" s="5" t="s">
        <v>24254</v>
      </c>
      <c r="O11049" s="5" t="s">
        <v>38</v>
      </c>
      <c r="P11049" s="5" t="s">
        <v>39</v>
      </c>
      <c r="Q11049" s="5" t="s">
        <v>40</v>
      </c>
      <c r="R11049" s="5" t="s">
        <v>24335</v>
      </c>
      <c r="S11049" s="5" t="s">
        <v>40</v>
      </c>
      <c r="T11049" s="5" t="s">
        <v>42</v>
      </c>
      <c r="U11049" s="2">
        <v>10.566000000000001</v>
      </c>
      <c r="V11049" s="2">
        <v>8.2929999999999993</v>
      </c>
      <c r="W11049" s="2">
        <v>0.185</v>
      </c>
      <c r="X11049" s="2">
        <v>12</v>
      </c>
      <c r="Y11049" s="2">
        <v>62</v>
      </c>
      <c r="Z11049" s="2">
        <v>159.9</v>
      </c>
      <c r="AA11049" s="5">
        <v>8</v>
      </c>
      <c r="AB11049" s="5" t="s">
        <v>43</v>
      </c>
      <c r="AC11049" s="5" t="s">
        <v>44</v>
      </c>
      <c r="AD11049" s="2" t="s">
        <v>33622</v>
      </c>
      <c r="AE11049" s="1"/>
    </row>
    <row r="11050" spans="1:31" ht="14.45">
      <c r="A11050" s="11"/>
      <c r="B11050" s="20"/>
      <c r="C11050" s="2" t="s">
        <v>33984</v>
      </c>
      <c r="D11050" s="14" t="s">
        <v>33985</v>
      </c>
      <c r="E11050" s="2" t="s">
        <v>33986</v>
      </c>
      <c r="F11050" s="2" t="s">
        <v>33626</v>
      </c>
      <c r="G11050" s="8">
        <v>179</v>
      </c>
      <c r="H11050" s="5">
        <v>5</v>
      </c>
      <c r="I11050" s="5" t="s">
        <v>69</v>
      </c>
      <c r="J11050" s="5" t="s">
        <v>27074</v>
      </c>
      <c r="K11050" s="2" t="s">
        <v>27075</v>
      </c>
      <c r="L11050" s="5" t="s">
        <v>27074</v>
      </c>
      <c r="M11050" s="2" t="s">
        <v>27075</v>
      </c>
      <c r="N11050" s="5" t="s">
        <v>24254</v>
      </c>
      <c r="O11050" s="5" t="s">
        <v>38</v>
      </c>
      <c r="P11050" s="5" t="s">
        <v>39</v>
      </c>
      <c r="Q11050" s="5" t="s">
        <v>40</v>
      </c>
      <c r="R11050" s="5" t="s">
        <v>24335</v>
      </c>
      <c r="S11050" s="5" t="s">
        <v>40</v>
      </c>
      <c r="T11050" s="5" t="s">
        <v>42</v>
      </c>
      <c r="U11050" s="2">
        <v>8.24</v>
      </c>
      <c r="V11050" s="2">
        <v>6.351</v>
      </c>
      <c r="W11050" s="2">
        <v>0.11899999999999999</v>
      </c>
      <c r="X11050" s="2">
        <v>12</v>
      </c>
      <c r="Y11050" s="2">
        <v>62</v>
      </c>
      <c r="Z11050" s="2">
        <v>159.9</v>
      </c>
      <c r="AA11050" s="5">
        <v>8</v>
      </c>
      <c r="AB11050" s="5" t="s">
        <v>43</v>
      </c>
      <c r="AC11050" s="5" t="s">
        <v>44</v>
      </c>
      <c r="AD11050" s="2" t="s">
        <v>33622</v>
      </c>
      <c r="AE11050" s="1"/>
    </row>
    <row r="11051" spans="1:31" ht="14.45">
      <c r="A11051" s="11"/>
      <c r="B11051" s="20"/>
      <c r="C11051" s="2" t="s">
        <v>33987</v>
      </c>
      <c r="D11051" s="14" t="s">
        <v>33988</v>
      </c>
      <c r="E11051" s="2" t="s">
        <v>33989</v>
      </c>
      <c r="F11051" s="2" t="s">
        <v>33630</v>
      </c>
      <c r="G11051" s="8">
        <v>179</v>
      </c>
      <c r="H11051" s="5">
        <v>10</v>
      </c>
      <c r="I11051" s="5" t="s">
        <v>69</v>
      </c>
      <c r="J11051" s="5" t="s">
        <v>27074</v>
      </c>
      <c r="K11051" s="2" t="s">
        <v>27075</v>
      </c>
      <c r="L11051" s="5" t="s">
        <v>27074</v>
      </c>
      <c r="M11051" s="2" t="s">
        <v>27075</v>
      </c>
      <c r="N11051" s="5" t="s">
        <v>24254</v>
      </c>
      <c r="O11051" s="5" t="s">
        <v>38</v>
      </c>
      <c r="P11051" s="5" t="s">
        <v>39</v>
      </c>
      <c r="Q11051" s="5" t="s">
        <v>40</v>
      </c>
      <c r="R11051" s="5" t="s">
        <v>24335</v>
      </c>
      <c r="S11051" s="5" t="s">
        <v>40</v>
      </c>
      <c r="T11051" s="5" t="s">
        <v>42</v>
      </c>
      <c r="U11051" s="2">
        <v>7.7759999999999998</v>
      </c>
      <c r="V11051" s="2">
        <v>5.5369999999999999</v>
      </c>
      <c r="W11051" s="2">
        <v>0.10299999999999999</v>
      </c>
      <c r="X11051" s="2">
        <v>12</v>
      </c>
      <c r="Y11051" s="2">
        <v>62</v>
      </c>
      <c r="Z11051" s="2">
        <v>137.9</v>
      </c>
      <c r="AA11051" s="5">
        <v>8</v>
      </c>
      <c r="AB11051" s="5" t="s">
        <v>43</v>
      </c>
      <c r="AC11051" s="5" t="s">
        <v>44</v>
      </c>
      <c r="AD11051" s="2" t="s">
        <v>33622</v>
      </c>
      <c r="AE11051" s="1"/>
    </row>
    <row r="11052" spans="1:31" ht="14.45">
      <c r="A11052" s="11"/>
      <c r="B11052" s="20"/>
      <c r="C11052" s="2" t="s">
        <v>33990</v>
      </c>
      <c r="D11052" s="14" t="s">
        <v>33991</v>
      </c>
      <c r="E11052" s="2" t="s">
        <v>33992</v>
      </c>
      <c r="F11052" s="2" t="s">
        <v>33634</v>
      </c>
      <c r="G11052" s="8">
        <v>179</v>
      </c>
      <c r="H11052" s="5">
        <v>5</v>
      </c>
      <c r="I11052" s="5" t="s">
        <v>69</v>
      </c>
      <c r="J11052" s="5" t="s">
        <v>27074</v>
      </c>
      <c r="K11052" s="2" t="s">
        <v>27075</v>
      </c>
      <c r="L11052" s="5" t="s">
        <v>27074</v>
      </c>
      <c r="M11052" s="2" t="s">
        <v>27075</v>
      </c>
      <c r="N11052" s="5" t="s">
        <v>24254</v>
      </c>
      <c r="O11052" s="5" t="s">
        <v>38</v>
      </c>
      <c r="P11052" s="5" t="s">
        <v>39</v>
      </c>
      <c r="Q11052" s="5" t="s">
        <v>40</v>
      </c>
      <c r="R11052" s="5" t="s">
        <v>24335</v>
      </c>
      <c r="S11052" s="5" t="s">
        <v>40</v>
      </c>
      <c r="T11052" s="5" t="s">
        <v>42</v>
      </c>
      <c r="U11052" s="2">
        <v>7.0949999999999998</v>
      </c>
      <c r="V11052" s="2">
        <v>4.4219999999999997</v>
      </c>
      <c r="W11052" s="2">
        <v>0.11899999999999999</v>
      </c>
      <c r="X11052" s="2">
        <v>12</v>
      </c>
      <c r="Y11052" s="2">
        <v>62</v>
      </c>
      <c r="Z11052" s="2">
        <v>159.9</v>
      </c>
      <c r="AA11052" s="5">
        <v>10</v>
      </c>
      <c r="AB11052" s="5" t="s">
        <v>43</v>
      </c>
      <c r="AC11052" s="5" t="s">
        <v>44</v>
      </c>
      <c r="AD11052" s="2" t="s">
        <v>33635</v>
      </c>
      <c r="AE11052" s="1"/>
    </row>
    <row r="11053" spans="1:31" ht="14.45">
      <c r="A11053" s="11"/>
      <c r="B11053" s="20"/>
      <c r="C11053" s="2" t="s">
        <v>33993</v>
      </c>
      <c r="D11053" s="14" t="s">
        <v>33994</v>
      </c>
      <c r="E11053" s="2" t="s">
        <v>33995</v>
      </c>
      <c r="F11053" s="2" t="s">
        <v>33634</v>
      </c>
      <c r="G11053" s="8">
        <v>179</v>
      </c>
      <c r="H11053" s="5">
        <v>5</v>
      </c>
      <c r="I11053" s="5" t="s">
        <v>69</v>
      </c>
      <c r="J11053" s="5" t="s">
        <v>27074</v>
      </c>
      <c r="K11053" s="2" t="s">
        <v>27075</v>
      </c>
      <c r="L11053" s="5" t="s">
        <v>27074</v>
      </c>
      <c r="M11053" s="2" t="s">
        <v>27075</v>
      </c>
      <c r="N11053" s="5" t="s">
        <v>24254</v>
      </c>
      <c r="O11053" s="5" t="s">
        <v>38</v>
      </c>
      <c r="P11053" s="5" t="s">
        <v>39</v>
      </c>
      <c r="Q11053" s="5" t="s">
        <v>40</v>
      </c>
      <c r="R11053" s="5" t="s">
        <v>24335</v>
      </c>
      <c r="S11053" s="5" t="s">
        <v>40</v>
      </c>
      <c r="T11053" s="5" t="s">
        <v>42</v>
      </c>
      <c r="U11053" s="2">
        <v>7.4189999999999996</v>
      </c>
      <c r="V11053" s="2">
        <v>4.7</v>
      </c>
      <c r="W11053" s="2">
        <v>0.11899999999999999</v>
      </c>
      <c r="X11053" s="2">
        <v>12</v>
      </c>
      <c r="Y11053" s="2">
        <v>62</v>
      </c>
      <c r="Z11053" s="2">
        <v>159.9</v>
      </c>
      <c r="AA11053" s="5">
        <v>10</v>
      </c>
      <c r="AB11053" s="5" t="s">
        <v>43</v>
      </c>
      <c r="AC11053" s="5" t="s">
        <v>44</v>
      </c>
      <c r="AD11053" s="2" t="s">
        <v>33639</v>
      </c>
      <c r="AE11053" s="1"/>
    </row>
    <row r="11054" spans="1:31" ht="14.45">
      <c r="A11054" s="11"/>
      <c r="B11054" s="20"/>
      <c r="C11054" s="2" t="s">
        <v>33996</v>
      </c>
      <c r="D11054" s="14" t="s">
        <v>33997</v>
      </c>
      <c r="E11054" s="2" t="s">
        <v>33998</v>
      </c>
      <c r="F11054" s="2" t="s">
        <v>33643</v>
      </c>
      <c r="G11054" s="8">
        <v>179</v>
      </c>
      <c r="H11054" s="5">
        <v>5</v>
      </c>
      <c r="I11054" s="5" t="s">
        <v>69</v>
      </c>
      <c r="J11054" s="5" t="s">
        <v>27074</v>
      </c>
      <c r="K11054" s="2" t="s">
        <v>27075</v>
      </c>
      <c r="L11054" s="5" t="s">
        <v>27074</v>
      </c>
      <c r="M11054" s="2" t="s">
        <v>27075</v>
      </c>
      <c r="N11054" s="5" t="s">
        <v>24254</v>
      </c>
      <c r="O11054" s="5" t="s">
        <v>38</v>
      </c>
      <c r="P11054" s="5" t="s">
        <v>39</v>
      </c>
      <c r="Q11054" s="5" t="s">
        <v>40</v>
      </c>
      <c r="R11054" s="5" t="s">
        <v>24335</v>
      </c>
      <c r="S11054" s="5" t="s">
        <v>40</v>
      </c>
      <c r="T11054" s="5" t="s">
        <v>42</v>
      </c>
      <c r="U11054" s="2">
        <v>6.0369999999999999</v>
      </c>
      <c r="V11054" s="2">
        <v>3.41</v>
      </c>
      <c r="W11054" s="2">
        <v>0.11899999999999999</v>
      </c>
      <c r="X11054" s="2">
        <v>12</v>
      </c>
      <c r="Y11054" s="2">
        <v>62</v>
      </c>
      <c r="Z11054" s="2">
        <v>159.9</v>
      </c>
      <c r="AA11054" s="5">
        <v>10</v>
      </c>
      <c r="AB11054" s="5" t="s">
        <v>43</v>
      </c>
      <c r="AC11054" s="5" t="s">
        <v>44</v>
      </c>
      <c r="AD11054" s="2" t="s">
        <v>33644</v>
      </c>
      <c r="AE11054" s="1"/>
    </row>
    <row r="11055" spans="1:31" ht="14.45">
      <c r="A11055" s="11"/>
      <c r="B11055" s="20"/>
      <c r="C11055" s="2" t="s">
        <v>33999</v>
      </c>
      <c r="D11055" s="14" t="s">
        <v>34000</v>
      </c>
      <c r="E11055" s="2" t="s">
        <v>34001</v>
      </c>
      <c r="F11055" s="2" t="s">
        <v>33643</v>
      </c>
      <c r="G11055" s="8">
        <v>179</v>
      </c>
      <c r="H11055" s="5">
        <v>5</v>
      </c>
      <c r="I11055" s="5" t="s">
        <v>69</v>
      </c>
      <c r="J11055" s="5" t="s">
        <v>27074</v>
      </c>
      <c r="K11055" s="2" t="s">
        <v>27075</v>
      </c>
      <c r="L11055" s="5" t="s">
        <v>27074</v>
      </c>
      <c r="M11055" s="2" t="s">
        <v>27075</v>
      </c>
      <c r="N11055" s="5" t="s">
        <v>24254</v>
      </c>
      <c r="O11055" s="5" t="s">
        <v>38</v>
      </c>
      <c r="P11055" s="5" t="s">
        <v>39</v>
      </c>
      <c r="Q11055" s="5" t="s">
        <v>40</v>
      </c>
      <c r="R11055" s="5" t="s">
        <v>24335</v>
      </c>
      <c r="S11055" s="5" t="s">
        <v>40</v>
      </c>
      <c r="T11055" s="5" t="s">
        <v>42</v>
      </c>
      <c r="U11055" s="2">
        <v>6.1849999999999996</v>
      </c>
      <c r="V11055" s="2">
        <v>3.7879999999999998</v>
      </c>
      <c r="W11055" s="2">
        <v>0.11899999999999999</v>
      </c>
      <c r="X11055" s="2">
        <v>12</v>
      </c>
      <c r="Y11055" s="2">
        <v>62</v>
      </c>
      <c r="Z11055" s="2">
        <v>159.9</v>
      </c>
      <c r="AA11055" s="5">
        <v>10</v>
      </c>
      <c r="AB11055" s="5" t="s">
        <v>43</v>
      </c>
      <c r="AC11055" s="5" t="s">
        <v>44</v>
      </c>
      <c r="AD11055" s="2" t="s">
        <v>33648</v>
      </c>
      <c r="AE11055" s="1"/>
    </row>
    <row r="11056" spans="1:31" ht="14.45">
      <c r="A11056" s="11"/>
      <c r="B11056" s="20"/>
      <c r="C11056" s="2" t="s">
        <v>34002</v>
      </c>
      <c r="D11056" s="14" t="s">
        <v>34003</v>
      </c>
      <c r="E11056" s="2" t="s">
        <v>34004</v>
      </c>
      <c r="F11056" s="2" t="s">
        <v>33652</v>
      </c>
      <c r="G11056" s="8">
        <v>179</v>
      </c>
      <c r="H11056" s="5">
        <v>5</v>
      </c>
      <c r="I11056" s="5" t="s">
        <v>69</v>
      </c>
      <c r="J11056" s="5" t="s">
        <v>27074</v>
      </c>
      <c r="K11056" s="2" t="s">
        <v>27075</v>
      </c>
      <c r="L11056" s="5" t="s">
        <v>27074</v>
      </c>
      <c r="M11056" s="2" t="s">
        <v>27075</v>
      </c>
      <c r="N11056" s="5" t="s">
        <v>24254</v>
      </c>
      <c r="O11056" s="5" t="s">
        <v>38</v>
      </c>
      <c r="P11056" s="5" t="s">
        <v>39</v>
      </c>
      <c r="Q11056" s="5" t="s">
        <v>40</v>
      </c>
      <c r="R11056" s="5" t="s">
        <v>24335</v>
      </c>
      <c r="S11056" s="5" t="s">
        <v>40</v>
      </c>
      <c r="T11056" s="5" t="s">
        <v>42</v>
      </c>
      <c r="U11056" s="2">
        <v>6.59</v>
      </c>
      <c r="V11056" s="2">
        <v>3.851</v>
      </c>
      <c r="W11056" s="2">
        <v>0.11899999999999999</v>
      </c>
      <c r="X11056" s="2">
        <v>12</v>
      </c>
      <c r="Y11056" s="2">
        <v>62</v>
      </c>
      <c r="Z11056" s="2">
        <v>159.9</v>
      </c>
      <c r="AA11056" s="5">
        <v>10</v>
      </c>
      <c r="AB11056" s="5" t="s">
        <v>43</v>
      </c>
      <c r="AC11056" s="5" t="s">
        <v>44</v>
      </c>
      <c r="AD11056" s="2" t="s">
        <v>33644</v>
      </c>
      <c r="AE11056" s="1"/>
    </row>
    <row r="11057" spans="1:31" ht="14.45">
      <c r="A11057" s="11"/>
      <c r="B11057" s="20"/>
      <c r="C11057" s="2" t="s">
        <v>34005</v>
      </c>
      <c r="D11057" s="14" t="s">
        <v>34006</v>
      </c>
      <c r="E11057" s="2" t="s">
        <v>34007</v>
      </c>
      <c r="F11057" s="2" t="s">
        <v>33652</v>
      </c>
      <c r="G11057" s="8">
        <v>179</v>
      </c>
      <c r="H11057" s="5">
        <v>5</v>
      </c>
      <c r="I11057" s="5" t="s">
        <v>69</v>
      </c>
      <c r="J11057" s="5" t="s">
        <v>27074</v>
      </c>
      <c r="K11057" s="2" t="s">
        <v>27075</v>
      </c>
      <c r="L11057" s="5" t="s">
        <v>27074</v>
      </c>
      <c r="M11057" s="2" t="s">
        <v>27075</v>
      </c>
      <c r="N11057" s="5" t="s">
        <v>24254</v>
      </c>
      <c r="O11057" s="5" t="s">
        <v>38</v>
      </c>
      <c r="P11057" s="5" t="s">
        <v>39</v>
      </c>
      <c r="Q11057" s="5" t="s">
        <v>40</v>
      </c>
      <c r="R11057" s="5" t="s">
        <v>24335</v>
      </c>
      <c r="S11057" s="5" t="s">
        <v>40</v>
      </c>
      <c r="T11057" s="5" t="s">
        <v>42</v>
      </c>
      <c r="U11057" s="2">
        <v>6.9459999999999997</v>
      </c>
      <c r="V11057" s="2">
        <v>4.1609999999999996</v>
      </c>
      <c r="W11057" s="2">
        <v>0.11899999999999999</v>
      </c>
      <c r="X11057" s="2">
        <v>12</v>
      </c>
      <c r="Y11057" s="2">
        <v>62</v>
      </c>
      <c r="Z11057" s="2">
        <v>159.9</v>
      </c>
      <c r="AA11057" s="5">
        <v>10</v>
      </c>
      <c r="AB11057" s="5" t="s">
        <v>43</v>
      </c>
      <c r="AC11057" s="5" t="s">
        <v>44</v>
      </c>
      <c r="AD11057" s="2" t="s">
        <v>33648</v>
      </c>
      <c r="AE11057" s="1"/>
    </row>
    <row r="11058" spans="1:31" ht="14.45">
      <c r="A11058" s="11"/>
      <c r="B11058" s="20"/>
      <c r="C11058" s="2" t="s">
        <v>34008</v>
      </c>
      <c r="D11058" s="14" t="s">
        <v>34009</v>
      </c>
      <c r="E11058" s="2" t="s">
        <v>34010</v>
      </c>
      <c r="F11058" s="2" t="s">
        <v>33659</v>
      </c>
      <c r="G11058" s="8">
        <v>326</v>
      </c>
      <c r="H11058" s="5">
        <v>5</v>
      </c>
      <c r="I11058" s="5" t="s">
        <v>69</v>
      </c>
      <c r="J11058" s="5" t="s">
        <v>27074</v>
      </c>
      <c r="K11058" s="2" t="s">
        <v>27075</v>
      </c>
      <c r="L11058" s="5" t="s">
        <v>27074</v>
      </c>
      <c r="M11058" s="2" t="s">
        <v>27075</v>
      </c>
      <c r="N11058" s="5" t="s">
        <v>24254</v>
      </c>
      <c r="O11058" s="5" t="s">
        <v>38</v>
      </c>
      <c r="P11058" s="5" t="s">
        <v>39</v>
      </c>
      <c r="Q11058" s="5" t="s">
        <v>40</v>
      </c>
      <c r="R11058" s="5" t="s">
        <v>24335</v>
      </c>
      <c r="S11058" s="5" t="s">
        <v>40</v>
      </c>
      <c r="T11058" s="5" t="s">
        <v>42</v>
      </c>
      <c r="U11058" s="2">
        <v>15.727</v>
      </c>
      <c r="V11058" s="2">
        <v>13.569000000000001</v>
      </c>
      <c r="W11058" s="2">
        <v>0.17899999999999999</v>
      </c>
      <c r="X11058" s="2">
        <v>15</v>
      </c>
      <c r="Y11058" s="2">
        <v>77</v>
      </c>
      <c r="Z11058" s="2">
        <v>154.9</v>
      </c>
      <c r="AA11058" s="5">
        <v>8</v>
      </c>
      <c r="AB11058" s="5" t="s">
        <v>43</v>
      </c>
      <c r="AC11058" s="5" t="s">
        <v>44</v>
      </c>
      <c r="AD11058" s="2" t="s">
        <v>33660</v>
      </c>
      <c r="AE11058" s="1"/>
    </row>
    <row r="11059" spans="1:31" ht="14.45">
      <c r="A11059" s="11"/>
      <c r="B11059" s="20"/>
      <c r="C11059" s="2" t="s">
        <v>34011</v>
      </c>
      <c r="D11059" s="14" t="s">
        <v>34012</v>
      </c>
      <c r="E11059" s="2" t="s">
        <v>34013</v>
      </c>
      <c r="F11059" s="2" t="s">
        <v>33664</v>
      </c>
      <c r="G11059" s="8">
        <v>330</v>
      </c>
      <c r="H11059" s="5">
        <v>10</v>
      </c>
      <c r="I11059" s="5" t="s">
        <v>69</v>
      </c>
      <c r="J11059" s="5" t="s">
        <v>27074</v>
      </c>
      <c r="K11059" s="2" t="s">
        <v>27075</v>
      </c>
      <c r="L11059" s="5" t="s">
        <v>27074</v>
      </c>
      <c r="M11059" s="2" t="s">
        <v>27075</v>
      </c>
      <c r="N11059" s="5" t="s">
        <v>24254</v>
      </c>
      <c r="O11059" s="5" t="s">
        <v>38</v>
      </c>
      <c r="P11059" s="5" t="s">
        <v>39</v>
      </c>
      <c r="Q11059" s="5" t="s">
        <v>40</v>
      </c>
      <c r="R11059" s="5" t="s">
        <v>24340</v>
      </c>
      <c r="S11059" s="5" t="s">
        <v>40</v>
      </c>
      <c r="T11059" s="5" t="s">
        <v>42</v>
      </c>
      <c r="U11059" s="2">
        <v>15.97</v>
      </c>
      <c r="V11059" s="2">
        <v>13.696999999999999</v>
      </c>
      <c r="W11059" s="2">
        <v>0.185</v>
      </c>
      <c r="X11059" s="2">
        <v>12</v>
      </c>
      <c r="Y11059" s="2">
        <v>62</v>
      </c>
      <c r="Z11059" s="2">
        <v>159.9</v>
      </c>
      <c r="AA11059" s="5">
        <v>8</v>
      </c>
      <c r="AB11059" s="5" t="s">
        <v>43</v>
      </c>
      <c r="AC11059" s="5" t="s">
        <v>44</v>
      </c>
      <c r="AD11059" s="2" t="s">
        <v>33665</v>
      </c>
      <c r="AE11059" s="1"/>
    </row>
    <row r="11060" spans="1:31" ht="14.45">
      <c r="A11060" s="11"/>
      <c r="B11060" s="20"/>
      <c r="C11060" s="2" t="s">
        <v>34014</v>
      </c>
      <c r="D11060" s="14" t="s">
        <v>34015</v>
      </c>
      <c r="E11060" s="2" t="s">
        <v>34016</v>
      </c>
      <c r="F11060" s="2" t="s">
        <v>33669</v>
      </c>
      <c r="G11060" s="8">
        <v>330</v>
      </c>
      <c r="H11060" s="5">
        <v>10</v>
      </c>
      <c r="I11060" s="5" t="s">
        <v>69</v>
      </c>
      <c r="J11060" s="5" t="s">
        <v>27074</v>
      </c>
      <c r="K11060" s="2" t="s">
        <v>27075</v>
      </c>
      <c r="L11060" s="5" t="s">
        <v>27074</v>
      </c>
      <c r="M11060" s="2" t="s">
        <v>27075</v>
      </c>
      <c r="N11060" s="5" t="s">
        <v>24254</v>
      </c>
      <c r="O11060" s="5" t="s">
        <v>38</v>
      </c>
      <c r="P11060" s="5" t="s">
        <v>39</v>
      </c>
      <c r="Q11060" s="5" t="s">
        <v>40</v>
      </c>
      <c r="R11060" s="5" t="s">
        <v>24340</v>
      </c>
      <c r="S11060" s="5" t="s">
        <v>40</v>
      </c>
      <c r="T11060" s="5" t="s">
        <v>42</v>
      </c>
      <c r="U11060" s="2">
        <v>13.006</v>
      </c>
      <c r="V11060" s="2">
        <v>10.734</v>
      </c>
      <c r="W11060" s="2">
        <v>0.14899999999999999</v>
      </c>
      <c r="X11060" s="2">
        <v>12</v>
      </c>
      <c r="Y11060" s="2">
        <v>62</v>
      </c>
      <c r="Z11060" s="2">
        <v>159.9</v>
      </c>
      <c r="AA11060" s="5">
        <v>8</v>
      </c>
      <c r="AB11060" s="5" t="s">
        <v>43</v>
      </c>
      <c r="AC11060" s="5" t="s">
        <v>44</v>
      </c>
      <c r="AD11060" s="2" t="s">
        <v>33665</v>
      </c>
      <c r="AE11060" s="1"/>
    </row>
    <row r="11061" spans="1:31" ht="14.45">
      <c r="A11061" s="11"/>
      <c r="B11061" s="20"/>
      <c r="C11061" s="2" t="s">
        <v>34017</v>
      </c>
      <c r="D11061" s="14" t="s">
        <v>34018</v>
      </c>
      <c r="E11061" s="2" t="s">
        <v>34019</v>
      </c>
      <c r="F11061" s="2" t="s">
        <v>33673</v>
      </c>
      <c r="G11061" s="8">
        <v>330</v>
      </c>
      <c r="H11061" s="5">
        <v>10</v>
      </c>
      <c r="I11061" s="5" t="s">
        <v>69</v>
      </c>
      <c r="J11061" s="5" t="s">
        <v>27074</v>
      </c>
      <c r="K11061" s="2" t="s">
        <v>27075</v>
      </c>
      <c r="L11061" s="5" t="s">
        <v>27074</v>
      </c>
      <c r="M11061" s="2" t="s">
        <v>27075</v>
      </c>
      <c r="N11061" s="5" t="s">
        <v>24254</v>
      </c>
      <c r="O11061" s="5" t="s">
        <v>38</v>
      </c>
      <c r="P11061" s="5" t="s">
        <v>39</v>
      </c>
      <c r="Q11061" s="5" t="s">
        <v>40</v>
      </c>
      <c r="R11061" s="5" t="s">
        <v>24340</v>
      </c>
      <c r="S11061" s="5" t="s">
        <v>40</v>
      </c>
      <c r="T11061" s="5" t="s">
        <v>42</v>
      </c>
      <c r="U11061" s="2">
        <v>11.337999999999999</v>
      </c>
      <c r="V11061" s="2">
        <v>9.09</v>
      </c>
      <c r="W11061" s="2">
        <v>0.10299999999999999</v>
      </c>
      <c r="X11061" s="2">
        <v>12</v>
      </c>
      <c r="Y11061" s="2">
        <v>62</v>
      </c>
      <c r="Z11061" s="2">
        <v>137.9</v>
      </c>
      <c r="AA11061" s="5">
        <v>8</v>
      </c>
      <c r="AB11061" s="5" t="s">
        <v>43</v>
      </c>
      <c r="AC11061" s="5" t="s">
        <v>44</v>
      </c>
      <c r="AD11061" s="2" t="s">
        <v>33665</v>
      </c>
      <c r="AE11061" s="1"/>
    </row>
    <row r="11062" spans="1:31" ht="14.45">
      <c r="A11062" s="11"/>
      <c r="B11062" s="20"/>
      <c r="C11062" s="2" t="s">
        <v>34020</v>
      </c>
      <c r="D11062" s="14" t="s">
        <v>34021</v>
      </c>
      <c r="E11062" s="2" t="s">
        <v>34022</v>
      </c>
      <c r="F11062" s="2" t="s">
        <v>33677</v>
      </c>
      <c r="G11062" s="8">
        <v>330</v>
      </c>
      <c r="H11062" s="5">
        <v>10</v>
      </c>
      <c r="I11062" s="5" t="s">
        <v>69</v>
      </c>
      <c r="J11062" s="5" t="s">
        <v>27074</v>
      </c>
      <c r="K11062" s="2" t="s">
        <v>27075</v>
      </c>
      <c r="L11062" s="5" t="s">
        <v>27074</v>
      </c>
      <c r="M11062" s="2" t="s">
        <v>27075</v>
      </c>
      <c r="N11062" s="5" t="s">
        <v>24254</v>
      </c>
      <c r="O11062" s="5" t="s">
        <v>38</v>
      </c>
      <c r="P11062" s="5" t="s">
        <v>39</v>
      </c>
      <c r="Q11062" s="5" t="s">
        <v>40</v>
      </c>
      <c r="R11062" s="5" t="s">
        <v>24340</v>
      </c>
      <c r="S11062" s="5" t="s">
        <v>40</v>
      </c>
      <c r="T11062" s="5" t="s">
        <v>42</v>
      </c>
      <c r="U11062" s="2">
        <v>11.154999999999999</v>
      </c>
      <c r="V11062" s="2">
        <v>8.9600000000000009</v>
      </c>
      <c r="W11062" s="2">
        <v>0.11899999999999999</v>
      </c>
      <c r="X11062" s="2">
        <v>12</v>
      </c>
      <c r="Y11062" s="2">
        <v>62</v>
      </c>
      <c r="Z11062" s="2">
        <v>159.9</v>
      </c>
      <c r="AA11062" s="5">
        <v>10</v>
      </c>
      <c r="AB11062" s="5" t="s">
        <v>43</v>
      </c>
      <c r="AC11062" s="5" t="s">
        <v>44</v>
      </c>
      <c r="AD11062" s="2" t="s">
        <v>33678</v>
      </c>
      <c r="AE11062" s="1"/>
    </row>
    <row r="11063" spans="1:31" ht="14.45">
      <c r="A11063" s="11"/>
      <c r="B11063" s="20"/>
      <c r="C11063" s="2" t="s">
        <v>34023</v>
      </c>
      <c r="D11063" s="14" t="s">
        <v>34024</v>
      </c>
      <c r="E11063" s="2" t="s">
        <v>34025</v>
      </c>
      <c r="F11063" s="2" t="s">
        <v>33677</v>
      </c>
      <c r="G11063" s="8">
        <v>330</v>
      </c>
      <c r="H11063" s="5">
        <v>10</v>
      </c>
      <c r="I11063" s="5" t="s">
        <v>69</v>
      </c>
      <c r="J11063" s="5" t="s">
        <v>27074</v>
      </c>
      <c r="K11063" s="2" t="s">
        <v>27075</v>
      </c>
      <c r="L11063" s="5" t="s">
        <v>27074</v>
      </c>
      <c r="M11063" s="2" t="s">
        <v>27075</v>
      </c>
      <c r="N11063" s="5" t="s">
        <v>24254</v>
      </c>
      <c r="O11063" s="5" t="s">
        <v>38</v>
      </c>
      <c r="P11063" s="5" t="s">
        <v>39</v>
      </c>
      <c r="Q11063" s="5" t="s">
        <v>40</v>
      </c>
      <c r="R11063" s="5" t="s">
        <v>24340</v>
      </c>
      <c r="S11063" s="5" t="s">
        <v>40</v>
      </c>
      <c r="T11063" s="5" t="s">
        <v>42</v>
      </c>
      <c r="U11063" s="2">
        <v>12.065</v>
      </c>
      <c r="V11063" s="2">
        <v>9.8239999999999998</v>
      </c>
      <c r="W11063" s="2">
        <v>0.11899999999999999</v>
      </c>
      <c r="X11063" s="2">
        <v>12</v>
      </c>
      <c r="Y11063" s="2">
        <v>62</v>
      </c>
      <c r="Z11063" s="2">
        <v>159.9</v>
      </c>
      <c r="AA11063" s="5">
        <v>10</v>
      </c>
      <c r="AB11063" s="5" t="s">
        <v>43</v>
      </c>
      <c r="AC11063" s="5" t="s">
        <v>44</v>
      </c>
      <c r="AD11063" s="2" t="s">
        <v>33950</v>
      </c>
      <c r="AE11063" s="1"/>
    </row>
    <row r="11064" spans="1:31" ht="14.45">
      <c r="A11064" s="11"/>
      <c r="B11064" s="20"/>
      <c r="C11064" s="2" t="s">
        <v>34026</v>
      </c>
      <c r="D11064" s="14" t="s">
        <v>34027</v>
      </c>
      <c r="E11064" s="2" t="s">
        <v>34028</v>
      </c>
      <c r="F11064" s="2" t="s">
        <v>33682</v>
      </c>
      <c r="G11064" s="8">
        <v>330</v>
      </c>
      <c r="H11064" s="5">
        <v>10</v>
      </c>
      <c r="I11064" s="5" t="s">
        <v>69</v>
      </c>
      <c r="J11064" s="5" t="s">
        <v>27074</v>
      </c>
      <c r="K11064" s="2" t="s">
        <v>27075</v>
      </c>
      <c r="L11064" s="5" t="s">
        <v>27074</v>
      </c>
      <c r="M11064" s="2" t="s">
        <v>27075</v>
      </c>
      <c r="N11064" s="5" t="s">
        <v>24254</v>
      </c>
      <c r="O11064" s="5" t="s">
        <v>38</v>
      </c>
      <c r="P11064" s="5" t="s">
        <v>39</v>
      </c>
      <c r="Q11064" s="5" t="s">
        <v>40</v>
      </c>
      <c r="R11064" s="5" t="s">
        <v>24340</v>
      </c>
      <c r="S11064" s="5" t="s">
        <v>40</v>
      </c>
      <c r="T11064" s="5" t="s">
        <v>42</v>
      </c>
      <c r="U11064" s="2">
        <v>8.0969999999999995</v>
      </c>
      <c r="V11064" s="2">
        <v>5.9020000000000001</v>
      </c>
      <c r="W11064" s="2">
        <v>0.11899999999999999</v>
      </c>
      <c r="X11064" s="2">
        <v>12</v>
      </c>
      <c r="Y11064" s="2">
        <v>62</v>
      </c>
      <c r="Z11064" s="2">
        <v>159.9</v>
      </c>
      <c r="AA11064" s="5">
        <v>10</v>
      </c>
      <c r="AB11064" s="5" t="s">
        <v>43</v>
      </c>
      <c r="AC11064" s="5" t="s">
        <v>44</v>
      </c>
      <c r="AD11064" s="2" t="s">
        <v>33683</v>
      </c>
      <c r="AE11064" s="1"/>
    </row>
    <row r="11065" spans="1:31" ht="14.45">
      <c r="A11065" s="11"/>
      <c r="B11065" s="20"/>
      <c r="C11065" s="2" t="s">
        <v>34029</v>
      </c>
      <c r="D11065" s="14" t="s">
        <v>34030</v>
      </c>
      <c r="E11065" s="2" t="s">
        <v>34031</v>
      </c>
      <c r="F11065" s="2" t="s">
        <v>33682</v>
      </c>
      <c r="G11065" s="8">
        <v>330</v>
      </c>
      <c r="H11065" s="5">
        <v>10</v>
      </c>
      <c r="I11065" s="5" t="s">
        <v>69</v>
      </c>
      <c r="J11065" s="5" t="s">
        <v>27074</v>
      </c>
      <c r="K11065" s="2" t="s">
        <v>27075</v>
      </c>
      <c r="L11065" s="5" t="s">
        <v>27074</v>
      </c>
      <c r="M11065" s="2" t="s">
        <v>27075</v>
      </c>
      <c r="N11065" s="5" t="s">
        <v>24254</v>
      </c>
      <c r="O11065" s="5" t="s">
        <v>38</v>
      </c>
      <c r="P11065" s="5" t="s">
        <v>39</v>
      </c>
      <c r="Q11065" s="5" t="s">
        <v>40</v>
      </c>
      <c r="R11065" s="5" t="s">
        <v>24340</v>
      </c>
      <c r="S11065" s="5" t="s">
        <v>40</v>
      </c>
      <c r="T11065" s="5" t="s">
        <v>42</v>
      </c>
      <c r="U11065" s="2">
        <v>9.3350000000000009</v>
      </c>
      <c r="V11065" s="2">
        <v>7.0940000000000003</v>
      </c>
      <c r="W11065" s="2">
        <v>0.11899999999999999</v>
      </c>
      <c r="X11065" s="2">
        <v>12</v>
      </c>
      <c r="Y11065" s="2">
        <v>62</v>
      </c>
      <c r="Z11065" s="2">
        <v>159.9</v>
      </c>
      <c r="AA11065" s="5">
        <v>10</v>
      </c>
      <c r="AB11065" s="5" t="s">
        <v>43</v>
      </c>
      <c r="AC11065" s="5" t="s">
        <v>44</v>
      </c>
      <c r="AD11065" s="2" t="s">
        <v>33688</v>
      </c>
      <c r="AE11065" s="1"/>
    </row>
    <row r="11066" spans="1:31" ht="14.45">
      <c r="A11066" s="11"/>
      <c r="B11066" s="20"/>
      <c r="C11066" s="2" t="s">
        <v>34032</v>
      </c>
      <c r="D11066" s="14" t="s">
        <v>34033</v>
      </c>
      <c r="E11066" s="2" t="s">
        <v>34034</v>
      </c>
      <c r="F11066" s="2" t="s">
        <v>33687</v>
      </c>
      <c r="G11066" s="8">
        <v>330</v>
      </c>
      <c r="H11066" s="5">
        <v>10</v>
      </c>
      <c r="I11066" s="5" t="s">
        <v>69</v>
      </c>
      <c r="J11066" s="5" t="s">
        <v>27074</v>
      </c>
      <c r="K11066" s="2" t="s">
        <v>27075</v>
      </c>
      <c r="L11066" s="5" t="s">
        <v>27074</v>
      </c>
      <c r="M11066" s="2" t="s">
        <v>27075</v>
      </c>
      <c r="N11066" s="5" t="s">
        <v>24254</v>
      </c>
      <c r="O11066" s="5" t="s">
        <v>38</v>
      </c>
      <c r="P11066" s="5" t="s">
        <v>39</v>
      </c>
      <c r="Q11066" s="5" t="s">
        <v>40</v>
      </c>
      <c r="R11066" s="5" t="s">
        <v>24340</v>
      </c>
      <c r="S11066" s="5" t="s">
        <v>40</v>
      </c>
      <c r="T11066" s="5" t="s">
        <v>42</v>
      </c>
      <c r="U11066" s="2">
        <v>9.6150000000000002</v>
      </c>
      <c r="V11066" s="2">
        <v>7.3540000000000001</v>
      </c>
      <c r="W11066" s="2">
        <v>0.11899999999999999</v>
      </c>
      <c r="X11066" s="2">
        <v>12</v>
      </c>
      <c r="Y11066" s="2">
        <v>62</v>
      </c>
      <c r="Z11066" s="2">
        <v>159.9</v>
      </c>
      <c r="AA11066" s="5">
        <v>10</v>
      </c>
      <c r="AB11066" s="5" t="s">
        <v>43</v>
      </c>
      <c r="AC11066" s="5" t="s">
        <v>44</v>
      </c>
      <c r="AD11066" s="2" t="s">
        <v>33683</v>
      </c>
      <c r="AE11066" s="1"/>
    </row>
    <row r="11067" spans="1:31" ht="14.45">
      <c r="A11067" s="11"/>
      <c r="B11067" s="20"/>
      <c r="C11067" s="2" t="s">
        <v>34035</v>
      </c>
      <c r="D11067" s="14" t="s">
        <v>34036</v>
      </c>
      <c r="E11067" s="2" t="s">
        <v>34037</v>
      </c>
      <c r="F11067" s="2" t="s">
        <v>33687</v>
      </c>
      <c r="G11067" s="8">
        <v>330</v>
      </c>
      <c r="H11067" s="5">
        <v>10</v>
      </c>
      <c r="I11067" s="5" t="s">
        <v>69</v>
      </c>
      <c r="J11067" s="5" t="s">
        <v>27074</v>
      </c>
      <c r="K11067" s="2" t="s">
        <v>27075</v>
      </c>
      <c r="L11067" s="5" t="s">
        <v>27074</v>
      </c>
      <c r="M11067" s="2" t="s">
        <v>27075</v>
      </c>
      <c r="N11067" s="5" t="s">
        <v>24254</v>
      </c>
      <c r="O11067" s="5" t="s">
        <v>38</v>
      </c>
      <c r="P11067" s="5" t="s">
        <v>39</v>
      </c>
      <c r="Q11067" s="5" t="s">
        <v>40</v>
      </c>
      <c r="R11067" s="5" t="s">
        <v>24340</v>
      </c>
      <c r="S11067" s="5" t="s">
        <v>40</v>
      </c>
      <c r="T11067" s="5" t="s">
        <v>42</v>
      </c>
      <c r="U11067" s="2">
        <v>10.6</v>
      </c>
      <c r="V11067" s="2">
        <v>8.2929999999999993</v>
      </c>
      <c r="W11067" s="2">
        <v>0.11899999999999999</v>
      </c>
      <c r="X11067" s="2">
        <v>12</v>
      </c>
      <c r="Y11067" s="2">
        <v>62</v>
      </c>
      <c r="Z11067" s="2">
        <v>159.9</v>
      </c>
      <c r="AA11067" s="5">
        <v>10</v>
      </c>
      <c r="AB11067" s="5" t="s">
        <v>43</v>
      </c>
      <c r="AC11067" s="5" t="s">
        <v>44</v>
      </c>
      <c r="AD11067" s="2" t="s">
        <v>33688</v>
      </c>
      <c r="AE11067" s="1"/>
    </row>
    <row r="11068" spans="1:31" ht="14.45">
      <c r="A11068" s="11"/>
      <c r="B11068" s="20"/>
      <c r="C11068" s="2" t="s">
        <v>34038</v>
      </c>
      <c r="D11068" s="14" t="s">
        <v>34039</v>
      </c>
      <c r="E11068" s="2" t="s">
        <v>34040</v>
      </c>
      <c r="F11068" s="2" t="s">
        <v>33692</v>
      </c>
      <c r="G11068" s="8">
        <v>628</v>
      </c>
      <c r="H11068" s="5">
        <v>10</v>
      </c>
      <c r="I11068" s="5" t="s">
        <v>69</v>
      </c>
      <c r="J11068" s="5" t="s">
        <v>27074</v>
      </c>
      <c r="K11068" s="2" t="s">
        <v>27075</v>
      </c>
      <c r="L11068" s="5" t="s">
        <v>27074</v>
      </c>
      <c r="M11068" s="2" t="s">
        <v>27075</v>
      </c>
      <c r="N11068" s="5" t="s">
        <v>24254</v>
      </c>
      <c r="O11068" s="5" t="s">
        <v>38</v>
      </c>
      <c r="P11068" s="5" t="s">
        <v>39</v>
      </c>
      <c r="Q11068" s="5" t="s">
        <v>40</v>
      </c>
      <c r="R11068" s="5" t="s">
        <v>24340</v>
      </c>
      <c r="S11068" s="5" t="s">
        <v>40</v>
      </c>
      <c r="T11068" s="5" t="s">
        <v>42</v>
      </c>
      <c r="U11068" s="2">
        <v>20.949000000000002</v>
      </c>
      <c r="V11068" s="2">
        <v>18.802</v>
      </c>
      <c r="W11068" s="2">
        <v>0.17899999999999999</v>
      </c>
      <c r="X11068" s="2">
        <v>15</v>
      </c>
      <c r="Y11068" s="2">
        <v>77</v>
      </c>
      <c r="Z11068" s="2">
        <v>154.9</v>
      </c>
      <c r="AA11068" s="5">
        <v>8</v>
      </c>
      <c r="AB11068" s="5" t="s">
        <v>43</v>
      </c>
      <c r="AC11068" s="5" t="s">
        <v>44</v>
      </c>
      <c r="AD11068" s="2" t="s">
        <v>33660</v>
      </c>
      <c r="AE11068" s="1"/>
    </row>
    <row r="11069" spans="1:31" ht="14.45">
      <c r="A11069" s="11"/>
      <c r="B11069" s="20"/>
      <c r="C11069" s="2" t="s">
        <v>34041</v>
      </c>
      <c r="D11069" s="14" t="s">
        <v>34042</v>
      </c>
      <c r="E11069" s="2" t="s">
        <v>34043</v>
      </c>
      <c r="F11069" s="2" t="s">
        <v>33696</v>
      </c>
      <c r="G11069" s="8">
        <v>330</v>
      </c>
      <c r="H11069" s="5">
        <v>10</v>
      </c>
      <c r="I11069" s="5" t="s">
        <v>69</v>
      </c>
      <c r="J11069" s="5" t="s">
        <v>27074</v>
      </c>
      <c r="K11069" s="2" t="s">
        <v>27075</v>
      </c>
      <c r="L11069" s="5" t="s">
        <v>27074</v>
      </c>
      <c r="M11069" s="2" t="s">
        <v>27075</v>
      </c>
      <c r="N11069" s="5" t="s">
        <v>24254</v>
      </c>
      <c r="O11069" s="5" t="s">
        <v>38</v>
      </c>
      <c r="P11069" s="5" t="s">
        <v>39</v>
      </c>
      <c r="Q11069" s="5" t="s">
        <v>40</v>
      </c>
      <c r="R11069" s="5" t="s">
        <v>25301</v>
      </c>
      <c r="S11069" s="5" t="s">
        <v>40</v>
      </c>
      <c r="T11069" s="5" t="s">
        <v>42</v>
      </c>
      <c r="U11069" s="2">
        <v>14.692</v>
      </c>
      <c r="V11069" s="2">
        <v>12.419</v>
      </c>
      <c r="W11069" s="2">
        <v>0.185</v>
      </c>
      <c r="X11069" s="2">
        <v>12</v>
      </c>
      <c r="Y11069" s="2">
        <v>62</v>
      </c>
      <c r="Z11069" s="2">
        <v>159.9</v>
      </c>
      <c r="AA11069" s="5">
        <v>8</v>
      </c>
      <c r="AB11069" s="5" t="s">
        <v>43</v>
      </c>
      <c r="AC11069" s="5" t="s">
        <v>44</v>
      </c>
      <c r="AD11069" s="2" t="s">
        <v>33697</v>
      </c>
      <c r="AE11069" s="1"/>
    </row>
    <row r="11070" spans="1:31" ht="14.45">
      <c r="A11070" s="11"/>
      <c r="B11070" s="20"/>
      <c r="C11070" s="2" t="s">
        <v>34044</v>
      </c>
      <c r="D11070" s="14" t="s">
        <v>34045</v>
      </c>
      <c r="E11070" s="2" t="s">
        <v>34046</v>
      </c>
      <c r="F11070" s="2" t="s">
        <v>33798</v>
      </c>
      <c r="G11070" s="8">
        <v>330</v>
      </c>
      <c r="H11070" s="5">
        <v>10</v>
      </c>
      <c r="I11070" s="5" t="s">
        <v>69</v>
      </c>
      <c r="J11070" s="5" t="s">
        <v>27074</v>
      </c>
      <c r="K11070" s="2" t="s">
        <v>27075</v>
      </c>
      <c r="L11070" s="5" t="s">
        <v>27074</v>
      </c>
      <c r="M11070" s="2" t="s">
        <v>27075</v>
      </c>
      <c r="N11070" s="5" t="s">
        <v>24254</v>
      </c>
      <c r="O11070" s="5" t="s">
        <v>38</v>
      </c>
      <c r="P11070" s="5" t="s">
        <v>39</v>
      </c>
      <c r="Q11070" s="5" t="s">
        <v>40</v>
      </c>
      <c r="R11070" s="5" t="s">
        <v>25301</v>
      </c>
      <c r="S11070" s="5" t="s">
        <v>40</v>
      </c>
      <c r="T11070" s="5" t="s">
        <v>42</v>
      </c>
      <c r="U11070" s="2">
        <v>12.09</v>
      </c>
      <c r="V11070" s="2">
        <v>9.8179999999999996</v>
      </c>
      <c r="W11070" s="2">
        <v>0.11899999999999999</v>
      </c>
      <c r="X11070" s="2">
        <v>12</v>
      </c>
      <c r="Y11070" s="2">
        <v>62</v>
      </c>
      <c r="Z11070" s="2">
        <v>159.9</v>
      </c>
      <c r="AA11070" s="5">
        <v>8</v>
      </c>
      <c r="AB11070" s="5" t="s">
        <v>43</v>
      </c>
      <c r="AC11070" s="5" t="s">
        <v>44</v>
      </c>
      <c r="AD11070" s="2" t="s">
        <v>33697</v>
      </c>
      <c r="AE11070" s="1"/>
    </row>
    <row r="11071" spans="1:31" ht="14.45">
      <c r="A11071" s="11"/>
      <c r="B11071" s="20"/>
      <c r="C11071" s="2" t="s">
        <v>34047</v>
      </c>
      <c r="D11071" s="14" t="s">
        <v>34048</v>
      </c>
      <c r="E11071" s="2" t="s">
        <v>34049</v>
      </c>
      <c r="F11071" s="2" t="s">
        <v>33701</v>
      </c>
      <c r="G11071" s="8">
        <v>330</v>
      </c>
      <c r="H11071" s="5">
        <v>10</v>
      </c>
      <c r="I11071" s="5" t="s">
        <v>69</v>
      </c>
      <c r="J11071" s="5" t="s">
        <v>27074</v>
      </c>
      <c r="K11071" s="2" t="s">
        <v>27075</v>
      </c>
      <c r="L11071" s="5" t="s">
        <v>27074</v>
      </c>
      <c r="M11071" s="2" t="s">
        <v>27075</v>
      </c>
      <c r="N11071" s="5" t="s">
        <v>24254</v>
      </c>
      <c r="O11071" s="5" t="s">
        <v>38</v>
      </c>
      <c r="P11071" s="5" t="s">
        <v>39</v>
      </c>
      <c r="Q11071" s="5" t="s">
        <v>40</v>
      </c>
      <c r="R11071" s="5" t="s">
        <v>25301</v>
      </c>
      <c r="S11071" s="5" t="s">
        <v>40</v>
      </c>
      <c r="T11071" s="5" t="s">
        <v>42</v>
      </c>
      <c r="U11071" s="2">
        <v>10.603999999999999</v>
      </c>
      <c r="V11071" s="2">
        <v>8.3559999999999999</v>
      </c>
      <c r="W11071" s="2">
        <v>0.10299999999999999</v>
      </c>
      <c r="X11071" s="2">
        <v>12</v>
      </c>
      <c r="Y11071" s="2">
        <v>62</v>
      </c>
      <c r="Z11071" s="2">
        <v>137.9</v>
      </c>
      <c r="AA11071" s="5">
        <v>8</v>
      </c>
      <c r="AB11071" s="5" t="s">
        <v>43</v>
      </c>
      <c r="AC11071" s="5" t="s">
        <v>44</v>
      </c>
      <c r="AD11071" s="2" t="s">
        <v>33697</v>
      </c>
      <c r="AE11071" s="1"/>
    </row>
    <row r="11072" spans="1:31" ht="14.45">
      <c r="A11072" s="11"/>
      <c r="B11072" s="20"/>
      <c r="C11072" s="2" t="s">
        <v>34050</v>
      </c>
      <c r="D11072" s="14" t="s">
        <v>34051</v>
      </c>
      <c r="E11072" s="2" t="s">
        <v>34052</v>
      </c>
      <c r="F11072" s="2" t="s">
        <v>33805</v>
      </c>
      <c r="G11072" s="8">
        <v>330</v>
      </c>
      <c r="H11072" s="5">
        <v>10</v>
      </c>
      <c r="I11072" s="5" t="s">
        <v>69</v>
      </c>
      <c r="J11072" s="5" t="s">
        <v>27074</v>
      </c>
      <c r="K11072" s="2" t="s">
        <v>27075</v>
      </c>
      <c r="L11072" s="5" t="s">
        <v>27074</v>
      </c>
      <c r="M11072" s="2" t="s">
        <v>27075</v>
      </c>
      <c r="N11072" s="5" t="s">
        <v>24254</v>
      </c>
      <c r="O11072" s="5" t="s">
        <v>38</v>
      </c>
      <c r="P11072" s="5" t="s">
        <v>39</v>
      </c>
      <c r="Q11072" s="5" t="s">
        <v>40</v>
      </c>
      <c r="R11072" s="5" t="s">
        <v>25301</v>
      </c>
      <c r="S11072" s="5" t="s">
        <v>40</v>
      </c>
      <c r="T11072" s="5" t="s">
        <v>42</v>
      </c>
      <c r="U11072" s="2">
        <v>10.044</v>
      </c>
      <c r="V11072" s="2">
        <v>7.8490000000000002</v>
      </c>
      <c r="W11072" s="2">
        <v>0.11899999999999999</v>
      </c>
      <c r="X11072" s="2">
        <v>12</v>
      </c>
      <c r="Y11072" s="2">
        <v>62</v>
      </c>
      <c r="Z11072" s="2">
        <v>159.9</v>
      </c>
      <c r="AA11072" s="5">
        <v>10</v>
      </c>
      <c r="AB11072" s="5" t="s">
        <v>43</v>
      </c>
      <c r="AC11072" s="5" t="s">
        <v>44</v>
      </c>
      <c r="AD11072" s="2" t="s">
        <v>33806</v>
      </c>
      <c r="AE11072" s="1"/>
    </row>
    <row r="11073" spans="1:31" ht="14.45">
      <c r="A11073" s="11"/>
      <c r="B11073" s="20"/>
      <c r="C11073" s="2" t="s">
        <v>34053</v>
      </c>
      <c r="D11073" s="14" t="s">
        <v>34054</v>
      </c>
      <c r="E11073" s="2" t="s">
        <v>34055</v>
      </c>
      <c r="F11073" s="2" t="s">
        <v>33810</v>
      </c>
      <c r="G11073" s="8">
        <v>330</v>
      </c>
      <c r="H11073" s="5">
        <v>10</v>
      </c>
      <c r="I11073" s="5" t="s">
        <v>69</v>
      </c>
      <c r="J11073" s="5" t="s">
        <v>27074</v>
      </c>
      <c r="K11073" s="2" t="s">
        <v>27075</v>
      </c>
      <c r="L11073" s="5" t="s">
        <v>27074</v>
      </c>
      <c r="M11073" s="2" t="s">
        <v>27075</v>
      </c>
      <c r="N11073" s="5" t="s">
        <v>24254</v>
      </c>
      <c r="O11073" s="5" t="s">
        <v>38</v>
      </c>
      <c r="P11073" s="5" t="s">
        <v>39</v>
      </c>
      <c r="Q11073" s="5" t="s">
        <v>40</v>
      </c>
      <c r="R11073" s="5" t="s">
        <v>25301</v>
      </c>
      <c r="S11073" s="5" t="s">
        <v>40</v>
      </c>
      <c r="T11073" s="5" t="s">
        <v>42</v>
      </c>
      <c r="U11073" s="2">
        <v>7.5519999999999996</v>
      </c>
      <c r="V11073" s="2">
        <v>5.3570000000000002</v>
      </c>
      <c r="W11073" s="2">
        <v>0.11899999999999999</v>
      </c>
      <c r="X11073" s="2">
        <v>12</v>
      </c>
      <c r="Y11073" s="2">
        <v>62</v>
      </c>
      <c r="Z11073" s="2">
        <v>159.9</v>
      </c>
      <c r="AA11073" s="5">
        <v>10</v>
      </c>
      <c r="AB11073" s="5" t="s">
        <v>43</v>
      </c>
      <c r="AC11073" s="5" t="s">
        <v>44</v>
      </c>
      <c r="AD11073" s="2" t="s">
        <v>33706</v>
      </c>
      <c r="AE11073" s="1"/>
    </row>
    <row r="11074" spans="1:31" ht="14.45">
      <c r="A11074" s="11"/>
      <c r="B11074" s="20"/>
      <c r="C11074" s="2" t="s">
        <v>34056</v>
      </c>
      <c r="D11074" s="14" t="s">
        <v>34057</v>
      </c>
      <c r="E11074" s="2" t="s">
        <v>34058</v>
      </c>
      <c r="F11074" s="2" t="s">
        <v>33705</v>
      </c>
      <c r="G11074" s="8">
        <v>330</v>
      </c>
      <c r="H11074" s="5">
        <v>10</v>
      </c>
      <c r="I11074" s="5" t="s">
        <v>69</v>
      </c>
      <c r="J11074" s="5" t="s">
        <v>27074</v>
      </c>
      <c r="K11074" s="2" t="s">
        <v>27075</v>
      </c>
      <c r="L11074" s="5" t="s">
        <v>27074</v>
      </c>
      <c r="M11074" s="2" t="s">
        <v>27075</v>
      </c>
      <c r="N11074" s="5" t="s">
        <v>24254</v>
      </c>
      <c r="O11074" s="5" t="s">
        <v>38</v>
      </c>
      <c r="P11074" s="5" t="s">
        <v>39</v>
      </c>
      <c r="Q11074" s="5" t="s">
        <v>40</v>
      </c>
      <c r="R11074" s="5" t="s">
        <v>25301</v>
      </c>
      <c r="S11074" s="5" t="s">
        <v>40</v>
      </c>
      <c r="T11074" s="5" t="s">
        <v>42</v>
      </c>
      <c r="U11074" s="2">
        <v>8.8209999999999997</v>
      </c>
      <c r="V11074" s="2">
        <v>6.56</v>
      </c>
      <c r="W11074" s="2">
        <v>0.11899999999999999</v>
      </c>
      <c r="X11074" s="2">
        <v>12</v>
      </c>
      <c r="Y11074" s="2">
        <v>62</v>
      </c>
      <c r="Z11074" s="2">
        <v>159.9</v>
      </c>
      <c r="AA11074" s="5">
        <v>10</v>
      </c>
      <c r="AB11074" s="5" t="s">
        <v>43</v>
      </c>
      <c r="AC11074" s="5" t="s">
        <v>44</v>
      </c>
      <c r="AD11074" s="2" t="s">
        <v>33706</v>
      </c>
      <c r="AE11074" s="1"/>
    </row>
    <row r="11075" spans="1:31" ht="14.45">
      <c r="A11075" s="11"/>
      <c r="B11075" s="20"/>
      <c r="C11075" s="2" t="s">
        <v>34059</v>
      </c>
      <c r="D11075" s="14" t="s">
        <v>34060</v>
      </c>
      <c r="E11075" s="2" t="s">
        <v>34061</v>
      </c>
      <c r="F11075" s="2" t="s">
        <v>33705</v>
      </c>
      <c r="G11075" s="8">
        <v>330</v>
      </c>
      <c r="H11075" s="5">
        <v>10</v>
      </c>
      <c r="I11075" s="5" t="s">
        <v>69</v>
      </c>
      <c r="J11075" s="5" t="s">
        <v>27074</v>
      </c>
      <c r="K11075" s="2" t="s">
        <v>27075</v>
      </c>
      <c r="L11075" s="5" t="s">
        <v>27074</v>
      </c>
      <c r="M11075" s="2" t="s">
        <v>27075</v>
      </c>
      <c r="N11075" s="5" t="s">
        <v>24254</v>
      </c>
      <c r="O11075" s="5" t="s">
        <v>38</v>
      </c>
      <c r="P11075" s="5" t="s">
        <v>39</v>
      </c>
      <c r="Q11075" s="5" t="s">
        <v>40</v>
      </c>
      <c r="R11075" s="5" t="s">
        <v>25301</v>
      </c>
      <c r="S11075" s="5" t="s">
        <v>40</v>
      </c>
      <c r="T11075" s="5" t="s">
        <v>42</v>
      </c>
      <c r="U11075" s="2">
        <v>9.6020000000000003</v>
      </c>
      <c r="V11075" s="2">
        <v>7.2949999999999999</v>
      </c>
      <c r="W11075" s="2">
        <v>0.11899999999999999</v>
      </c>
      <c r="X11075" s="2">
        <v>12</v>
      </c>
      <c r="Y11075" s="2">
        <v>62</v>
      </c>
      <c r="Z11075" s="2">
        <v>159.9</v>
      </c>
      <c r="AA11075" s="5">
        <v>10</v>
      </c>
      <c r="AB11075" s="5" t="s">
        <v>43</v>
      </c>
      <c r="AC11075" s="5" t="s">
        <v>44</v>
      </c>
      <c r="AD11075" s="2" t="s">
        <v>33814</v>
      </c>
      <c r="AE11075" s="1"/>
    </row>
    <row r="11076" spans="1:31" ht="14.45">
      <c r="A11076" s="11"/>
      <c r="B11076" s="20"/>
      <c r="C11076" s="2" t="s">
        <v>34062</v>
      </c>
      <c r="D11076" s="14" t="s">
        <v>34063</v>
      </c>
      <c r="E11076" s="2" t="s">
        <v>34064</v>
      </c>
      <c r="F11076" s="2" t="s">
        <v>33710</v>
      </c>
      <c r="G11076" s="8">
        <v>663</v>
      </c>
      <c r="H11076" s="5">
        <v>5</v>
      </c>
      <c r="I11076" s="5" t="s">
        <v>69</v>
      </c>
      <c r="J11076" s="5" t="s">
        <v>27074</v>
      </c>
      <c r="K11076" s="2" t="s">
        <v>27075</v>
      </c>
      <c r="L11076" s="5" t="s">
        <v>27074</v>
      </c>
      <c r="M11076" s="2" t="s">
        <v>27075</v>
      </c>
      <c r="N11076" s="5" t="s">
        <v>24254</v>
      </c>
      <c r="O11076" s="5" t="s">
        <v>38</v>
      </c>
      <c r="P11076" s="5" t="s">
        <v>39</v>
      </c>
      <c r="Q11076" s="5" t="s">
        <v>40</v>
      </c>
      <c r="R11076" s="5" t="s">
        <v>1487</v>
      </c>
      <c r="S11076" s="5"/>
      <c r="T11076" s="5" t="s">
        <v>42</v>
      </c>
      <c r="U11076" s="2">
        <v>0</v>
      </c>
      <c r="V11076" s="2">
        <v>0</v>
      </c>
      <c r="W11076" s="2">
        <v>0</v>
      </c>
      <c r="X11076" s="2">
        <v>0</v>
      </c>
      <c r="Y11076" s="2">
        <v>0</v>
      </c>
      <c r="Z11076" s="2">
        <v>0</v>
      </c>
      <c r="AA11076" s="5"/>
      <c r="AB11076" s="5" t="s">
        <v>43</v>
      </c>
      <c r="AC11076" s="5" t="s">
        <v>44</v>
      </c>
      <c r="AD11076" s="2" t="s">
        <v>33711</v>
      </c>
      <c r="AE11076" s="1"/>
    </row>
    <row r="11077" spans="1:31" ht="14.45">
      <c r="A11077" s="11"/>
      <c r="B11077" s="20"/>
      <c r="C11077" s="2" t="s">
        <v>34065</v>
      </c>
      <c r="D11077" s="14" t="s">
        <v>34066</v>
      </c>
      <c r="E11077" s="2" t="s">
        <v>34067</v>
      </c>
      <c r="F11077" s="2" t="s">
        <v>33715</v>
      </c>
      <c r="G11077" s="8">
        <v>663</v>
      </c>
      <c r="H11077" s="5">
        <v>15</v>
      </c>
      <c r="I11077" s="5" t="s">
        <v>69</v>
      </c>
      <c r="J11077" s="5" t="s">
        <v>27074</v>
      </c>
      <c r="K11077" s="2" t="s">
        <v>27075</v>
      </c>
      <c r="L11077" s="5" t="s">
        <v>27074</v>
      </c>
      <c r="M11077" s="2" t="s">
        <v>27075</v>
      </c>
      <c r="N11077" s="5" t="s">
        <v>24254</v>
      </c>
      <c r="O11077" s="5" t="s">
        <v>38</v>
      </c>
      <c r="P11077" s="5" t="s">
        <v>39</v>
      </c>
      <c r="Q11077" s="5" t="s">
        <v>40</v>
      </c>
      <c r="R11077" s="5" t="s">
        <v>1487</v>
      </c>
      <c r="S11077" s="5"/>
      <c r="T11077" s="5" t="s">
        <v>42</v>
      </c>
      <c r="U11077" s="2">
        <v>0</v>
      </c>
      <c r="V11077" s="2">
        <v>0</v>
      </c>
      <c r="W11077" s="2">
        <v>0</v>
      </c>
      <c r="X11077" s="2">
        <v>0</v>
      </c>
      <c r="Y11077" s="2">
        <v>0</v>
      </c>
      <c r="Z11077" s="2">
        <v>0</v>
      </c>
      <c r="AA11077" s="5"/>
      <c r="AB11077" s="5" t="s">
        <v>43</v>
      </c>
      <c r="AC11077" s="5" t="s">
        <v>44</v>
      </c>
      <c r="AD11077" s="2" t="s">
        <v>33716</v>
      </c>
      <c r="AE11077" s="1"/>
    </row>
    <row r="11078" spans="1:31" ht="14.45">
      <c r="A11078" s="11"/>
      <c r="B11078" s="20"/>
      <c r="C11078" s="2" t="s">
        <v>34068</v>
      </c>
      <c r="D11078" s="14" t="s">
        <v>34069</v>
      </c>
      <c r="E11078" s="2" t="s">
        <v>34070</v>
      </c>
      <c r="F11078" s="2" t="s">
        <v>33720</v>
      </c>
      <c r="G11078" s="8">
        <v>1111</v>
      </c>
      <c r="H11078" s="5">
        <v>15</v>
      </c>
      <c r="I11078" s="5" t="s">
        <v>69</v>
      </c>
      <c r="J11078" s="5" t="s">
        <v>27074</v>
      </c>
      <c r="K11078" s="2" t="s">
        <v>27075</v>
      </c>
      <c r="L11078" s="5" t="s">
        <v>27074</v>
      </c>
      <c r="M11078" s="2" t="s">
        <v>27075</v>
      </c>
      <c r="N11078" s="5" t="s">
        <v>24254</v>
      </c>
      <c r="O11078" s="5" t="s">
        <v>38</v>
      </c>
      <c r="P11078" s="5" t="s">
        <v>39</v>
      </c>
      <c r="Q11078" s="5" t="s">
        <v>40</v>
      </c>
      <c r="R11078" s="5" t="s">
        <v>1487</v>
      </c>
      <c r="S11078" s="5"/>
      <c r="T11078" s="5" t="s">
        <v>42</v>
      </c>
      <c r="U11078" s="2">
        <v>0</v>
      </c>
      <c r="V11078" s="2">
        <v>0</v>
      </c>
      <c r="W11078" s="2">
        <v>0</v>
      </c>
      <c r="X11078" s="2">
        <v>0</v>
      </c>
      <c r="Y11078" s="2">
        <v>0</v>
      </c>
      <c r="Z11078" s="2">
        <v>0</v>
      </c>
      <c r="AA11078" s="5"/>
      <c r="AB11078" s="5" t="s">
        <v>43</v>
      </c>
      <c r="AC11078" s="5" t="s">
        <v>44</v>
      </c>
      <c r="AD11078" s="2" t="s">
        <v>33721</v>
      </c>
      <c r="AE11078" s="1"/>
    </row>
    <row r="11079" spans="1:31" ht="14.45">
      <c r="A11079" s="11"/>
      <c r="B11079" s="20"/>
      <c r="C11079" s="2" t="s">
        <v>34071</v>
      </c>
      <c r="D11079" s="14" t="s">
        <v>34072</v>
      </c>
      <c r="E11079" s="2" t="s">
        <v>34073</v>
      </c>
      <c r="F11079" s="2" t="s">
        <v>33725</v>
      </c>
      <c r="G11079" s="8">
        <v>1111</v>
      </c>
      <c r="H11079" s="5">
        <v>15</v>
      </c>
      <c r="I11079" s="5" t="s">
        <v>69</v>
      </c>
      <c r="J11079" s="5" t="s">
        <v>27074</v>
      </c>
      <c r="K11079" s="2" t="s">
        <v>27075</v>
      </c>
      <c r="L11079" s="5" t="s">
        <v>27074</v>
      </c>
      <c r="M11079" s="2" t="s">
        <v>27075</v>
      </c>
      <c r="N11079" s="5" t="s">
        <v>24254</v>
      </c>
      <c r="O11079" s="5" t="s">
        <v>38</v>
      </c>
      <c r="P11079" s="5" t="s">
        <v>39</v>
      </c>
      <c r="Q11079" s="5" t="s">
        <v>40</v>
      </c>
      <c r="R11079" s="5" t="s">
        <v>1487</v>
      </c>
      <c r="S11079" s="5"/>
      <c r="T11079" s="5" t="s">
        <v>42</v>
      </c>
      <c r="U11079" s="2">
        <v>0</v>
      </c>
      <c r="V11079" s="2">
        <v>0</v>
      </c>
      <c r="W11079" s="2">
        <v>0</v>
      </c>
      <c r="X11079" s="2">
        <v>0</v>
      </c>
      <c r="Y11079" s="2">
        <v>0</v>
      </c>
      <c r="Z11079" s="2">
        <v>0</v>
      </c>
      <c r="AA11079" s="5"/>
      <c r="AB11079" s="5" t="s">
        <v>43</v>
      </c>
      <c r="AC11079" s="5" t="s">
        <v>44</v>
      </c>
      <c r="AD11079" s="2" t="s">
        <v>33726</v>
      </c>
      <c r="AE11079" s="1"/>
    </row>
    <row r="11080" spans="1:31" ht="14.45">
      <c r="A11080" s="11"/>
      <c r="B11080" s="20"/>
      <c r="C11080" s="2" t="s">
        <v>34074</v>
      </c>
      <c r="D11080" s="14" t="s">
        <v>34075</v>
      </c>
      <c r="E11080" s="2" t="s">
        <v>34076</v>
      </c>
      <c r="F11080" s="2" t="s">
        <v>33730</v>
      </c>
      <c r="G11080" s="8">
        <v>965</v>
      </c>
      <c r="H11080" s="5">
        <v>10</v>
      </c>
      <c r="I11080" s="5" t="s">
        <v>69</v>
      </c>
      <c r="J11080" s="5" t="s">
        <v>27074</v>
      </c>
      <c r="K11080" s="2" t="s">
        <v>27075</v>
      </c>
      <c r="L11080" s="5" t="s">
        <v>27074</v>
      </c>
      <c r="M11080" s="2" t="s">
        <v>27075</v>
      </c>
      <c r="N11080" s="5" t="s">
        <v>24254</v>
      </c>
      <c r="O11080" s="5" t="s">
        <v>38</v>
      </c>
      <c r="P11080" s="5" t="s">
        <v>39</v>
      </c>
      <c r="Q11080" s="5" t="s">
        <v>40</v>
      </c>
      <c r="R11080" s="5" t="s">
        <v>1487</v>
      </c>
      <c r="S11080" s="5"/>
      <c r="T11080" s="5" t="s">
        <v>42</v>
      </c>
      <c r="U11080" s="2">
        <v>0</v>
      </c>
      <c r="V11080" s="2">
        <v>0</v>
      </c>
      <c r="W11080" s="2">
        <v>0</v>
      </c>
      <c r="X11080" s="2">
        <v>0</v>
      </c>
      <c r="Y11080" s="2">
        <v>0</v>
      </c>
      <c r="Z11080" s="2">
        <v>0</v>
      </c>
      <c r="AA11080" s="5"/>
      <c r="AB11080" s="5" t="s">
        <v>43</v>
      </c>
      <c r="AC11080" s="5" t="s">
        <v>44</v>
      </c>
      <c r="AD11080" s="2"/>
      <c r="AE11080" s="1"/>
    </row>
    <row r="11081" spans="1:31" ht="14.45">
      <c r="A11081" s="11"/>
      <c r="B11081" s="20"/>
      <c r="C11081" s="2" t="s">
        <v>34077</v>
      </c>
      <c r="D11081" s="14" t="s">
        <v>34078</v>
      </c>
      <c r="E11081" s="2" t="s">
        <v>34079</v>
      </c>
      <c r="F11081" s="2" t="s">
        <v>33734</v>
      </c>
      <c r="G11081" s="8">
        <v>965</v>
      </c>
      <c r="H11081" s="5">
        <v>15</v>
      </c>
      <c r="I11081" s="5" t="s">
        <v>69</v>
      </c>
      <c r="J11081" s="5" t="s">
        <v>27074</v>
      </c>
      <c r="K11081" s="2" t="s">
        <v>27075</v>
      </c>
      <c r="L11081" s="5" t="s">
        <v>27074</v>
      </c>
      <c r="M11081" s="2" t="s">
        <v>27075</v>
      </c>
      <c r="N11081" s="5" t="s">
        <v>24254</v>
      </c>
      <c r="O11081" s="5" t="s">
        <v>38</v>
      </c>
      <c r="P11081" s="5" t="s">
        <v>39</v>
      </c>
      <c r="Q11081" s="5" t="s">
        <v>40</v>
      </c>
      <c r="R11081" s="5" t="s">
        <v>1487</v>
      </c>
      <c r="S11081" s="5"/>
      <c r="T11081" s="5" t="s">
        <v>42</v>
      </c>
      <c r="U11081" s="2">
        <v>0</v>
      </c>
      <c r="V11081" s="2">
        <v>0</v>
      </c>
      <c r="W11081" s="2">
        <v>0</v>
      </c>
      <c r="X11081" s="2">
        <v>0</v>
      </c>
      <c r="Y11081" s="2">
        <v>0</v>
      </c>
      <c r="Z11081" s="2">
        <v>0</v>
      </c>
      <c r="AA11081" s="5"/>
      <c r="AB11081" s="5" t="s">
        <v>43</v>
      </c>
      <c r="AC11081" s="5" t="s">
        <v>44</v>
      </c>
      <c r="AD11081" s="2"/>
      <c r="AE11081" s="1"/>
    </row>
    <row r="11082" spans="1:31" ht="14.45">
      <c r="A11082" s="11"/>
      <c r="B11082" s="20"/>
      <c r="C11082" s="2" t="s">
        <v>34080</v>
      </c>
      <c r="D11082" s="14" t="s">
        <v>34081</v>
      </c>
      <c r="E11082" s="2" t="s">
        <v>34082</v>
      </c>
      <c r="F11082" s="2" t="s">
        <v>33616</v>
      </c>
      <c r="G11082" s="8">
        <v>246</v>
      </c>
      <c r="H11082" s="5">
        <v>5</v>
      </c>
      <c r="I11082" s="5" t="s">
        <v>69</v>
      </c>
      <c r="J11082" s="5" t="s">
        <v>27074</v>
      </c>
      <c r="K11082" s="2" t="s">
        <v>27075</v>
      </c>
      <c r="L11082" s="5" t="s">
        <v>27074</v>
      </c>
      <c r="M11082" s="2" t="s">
        <v>27075</v>
      </c>
      <c r="N11082" s="5" t="s">
        <v>24254</v>
      </c>
      <c r="O11082" s="5" t="s">
        <v>38</v>
      </c>
      <c r="P11082" s="5" t="s">
        <v>39</v>
      </c>
      <c r="Q11082" s="5" t="s">
        <v>40</v>
      </c>
      <c r="R11082" s="5" t="s">
        <v>24335</v>
      </c>
      <c r="S11082" s="5" t="s">
        <v>40</v>
      </c>
      <c r="T11082" s="5" t="s">
        <v>42</v>
      </c>
      <c r="U11082" s="2">
        <v>13.45</v>
      </c>
      <c r="V11082" s="2">
        <v>11.2</v>
      </c>
      <c r="W11082" s="2">
        <v>0.16</v>
      </c>
      <c r="X11082" s="2">
        <v>12</v>
      </c>
      <c r="Y11082" s="2">
        <v>77</v>
      </c>
      <c r="Z11082" s="2">
        <v>173.4</v>
      </c>
      <c r="AA11082" s="5">
        <v>8</v>
      </c>
      <c r="AB11082" s="5" t="s">
        <v>43</v>
      </c>
      <c r="AC11082" s="5" t="s">
        <v>44</v>
      </c>
      <c r="AD11082" s="2" t="s">
        <v>33617</v>
      </c>
      <c r="AE11082" s="1"/>
    </row>
    <row r="11083" spans="1:31" ht="14.45">
      <c r="A11083" s="11"/>
      <c r="B11083" s="20"/>
      <c r="C11083" s="2" t="s">
        <v>34083</v>
      </c>
      <c r="D11083" s="14" t="s">
        <v>34084</v>
      </c>
      <c r="E11083" s="2" t="s">
        <v>34085</v>
      </c>
      <c r="F11083" s="2" t="s">
        <v>33621</v>
      </c>
      <c r="G11083" s="8">
        <v>185</v>
      </c>
      <c r="H11083" s="5">
        <v>10</v>
      </c>
      <c r="I11083" s="5" t="s">
        <v>69</v>
      </c>
      <c r="J11083" s="5" t="s">
        <v>27074</v>
      </c>
      <c r="K11083" s="2" t="s">
        <v>27075</v>
      </c>
      <c r="L11083" s="5" t="s">
        <v>27074</v>
      </c>
      <c r="M11083" s="2" t="s">
        <v>27075</v>
      </c>
      <c r="N11083" s="5" t="s">
        <v>24254</v>
      </c>
      <c r="O11083" s="5" t="s">
        <v>38</v>
      </c>
      <c r="P11083" s="5" t="s">
        <v>39</v>
      </c>
      <c r="Q11083" s="5" t="s">
        <v>40</v>
      </c>
      <c r="R11083" s="5" t="s">
        <v>24335</v>
      </c>
      <c r="S11083" s="5" t="s">
        <v>40</v>
      </c>
      <c r="T11083" s="5" t="s">
        <v>42</v>
      </c>
      <c r="U11083" s="2">
        <v>11.497</v>
      </c>
      <c r="V11083" s="2">
        <v>8.7460000000000004</v>
      </c>
      <c r="W11083" s="2">
        <v>0.23100000000000001</v>
      </c>
      <c r="X11083" s="2">
        <v>12</v>
      </c>
      <c r="Y11083" s="2">
        <v>62</v>
      </c>
      <c r="Z11083" s="2">
        <v>199.7</v>
      </c>
      <c r="AA11083" s="5">
        <v>8</v>
      </c>
      <c r="AB11083" s="5" t="s">
        <v>43</v>
      </c>
      <c r="AC11083" s="5" t="s">
        <v>44</v>
      </c>
      <c r="AD11083" s="2" t="s">
        <v>33622</v>
      </c>
      <c r="AE11083" s="1"/>
    </row>
    <row r="11084" spans="1:31" ht="14.45">
      <c r="A11084" s="11"/>
      <c r="B11084" s="20"/>
      <c r="C11084" s="2" t="s">
        <v>34086</v>
      </c>
      <c r="D11084" s="14" t="s">
        <v>34087</v>
      </c>
      <c r="E11084" s="2" t="s">
        <v>34088</v>
      </c>
      <c r="F11084" s="2" t="s">
        <v>33626</v>
      </c>
      <c r="G11084" s="8">
        <v>185</v>
      </c>
      <c r="H11084" s="5">
        <v>5</v>
      </c>
      <c r="I11084" s="5" t="s">
        <v>69</v>
      </c>
      <c r="J11084" s="5" t="s">
        <v>27074</v>
      </c>
      <c r="K11084" s="2" t="s">
        <v>27075</v>
      </c>
      <c r="L11084" s="5" t="s">
        <v>27074</v>
      </c>
      <c r="M11084" s="2" t="s">
        <v>27075</v>
      </c>
      <c r="N11084" s="5" t="s">
        <v>24254</v>
      </c>
      <c r="O11084" s="5" t="s">
        <v>38</v>
      </c>
      <c r="P11084" s="5" t="s">
        <v>39</v>
      </c>
      <c r="Q11084" s="5" t="s">
        <v>40</v>
      </c>
      <c r="R11084" s="5" t="s">
        <v>24335</v>
      </c>
      <c r="S11084" s="5" t="s">
        <v>40</v>
      </c>
      <c r="T11084" s="5" t="s">
        <v>42</v>
      </c>
      <c r="U11084" s="2">
        <v>9.5329999999999995</v>
      </c>
      <c r="V11084" s="2">
        <v>6.742</v>
      </c>
      <c r="W11084" s="2">
        <v>0.14899999999999999</v>
      </c>
      <c r="X11084" s="2">
        <v>12</v>
      </c>
      <c r="Y11084" s="2">
        <v>62</v>
      </c>
      <c r="Z11084" s="2">
        <v>199.7</v>
      </c>
      <c r="AA11084" s="5">
        <v>8</v>
      </c>
      <c r="AB11084" s="5" t="s">
        <v>43</v>
      </c>
      <c r="AC11084" s="5" t="s">
        <v>44</v>
      </c>
      <c r="AD11084" s="2" t="s">
        <v>33622</v>
      </c>
      <c r="AE11084" s="1"/>
    </row>
    <row r="11085" spans="1:31" ht="14.45">
      <c r="A11085" s="11"/>
      <c r="B11085" s="20"/>
      <c r="C11085" s="2" t="s">
        <v>34089</v>
      </c>
      <c r="D11085" s="14" t="s">
        <v>34090</v>
      </c>
      <c r="E11085" s="2" t="s">
        <v>34091</v>
      </c>
      <c r="F11085" s="2" t="s">
        <v>33630</v>
      </c>
      <c r="G11085" s="8">
        <v>185</v>
      </c>
      <c r="H11085" s="5">
        <v>10</v>
      </c>
      <c r="I11085" s="5" t="s">
        <v>69</v>
      </c>
      <c r="J11085" s="5" t="s">
        <v>27074</v>
      </c>
      <c r="K11085" s="2" t="s">
        <v>27075</v>
      </c>
      <c r="L11085" s="5" t="s">
        <v>27074</v>
      </c>
      <c r="M11085" s="2" t="s">
        <v>27075</v>
      </c>
      <c r="N11085" s="5" t="s">
        <v>24254</v>
      </c>
      <c r="O11085" s="5" t="s">
        <v>38</v>
      </c>
      <c r="P11085" s="5" t="s">
        <v>39</v>
      </c>
      <c r="Q11085" s="5" t="s">
        <v>40</v>
      </c>
      <c r="R11085" s="5" t="s">
        <v>24335</v>
      </c>
      <c r="S11085" s="5" t="s">
        <v>40</v>
      </c>
      <c r="T11085" s="5" t="s">
        <v>42</v>
      </c>
      <c r="U11085" s="2">
        <v>8.0649999999999995</v>
      </c>
      <c r="V11085" s="2">
        <v>5.8259999999999996</v>
      </c>
      <c r="W11085" s="2">
        <v>0.11899999999999999</v>
      </c>
      <c r="X11085" s="2">
        <v>12</v>
      </c>
      <c r="Y11085" s="2">
        <v>62</v>
      </c>
      <c r="Z11085" s="2">
        <v>159.9</v>
      </c>
      <c r="AA11085" s="5">
        <v>8</v>
      </c>
      <c r="AB11085" s="5" t="s">
        <v>43</v>
      </c>
      <c r="AC11085" s="5" t="s">
        <v>44</v>
      </c>
      <c r="AD11085" s="2" t="s">
        <v>33622</v>
      </c>
      <c r="AE11085" s="1"/>
    </row>
    <row r="11086" spans="1:31" ht="14.45">
      <c r="A11086" s="11"/>
      <c r="B11086" s="20"/>
      <c r="C11086" s="2" t="s">
        <v>34092</v>
      </c>
      <c r="D11086" s="14" t="s">
        <v>34093</v>
      </c>
      <c r="E11086" s="2" t="s">
        <v>34094</v>
      </c>
      <c r="F11086" s="2" t="s">
        <v>33634</v>
      </c>
      <c r="G11086" s="8">
        <v>185</v>
      </c>
      <c r="H11086" s="5">
        <v>5</v>
      </c>
      <c r="I11086" s="5" t="s">
        <v>69</v>
      </c>
      <c r="J11086" s="5" t="s">
        <v>27074</v>
      </c>
      <c r="K11086" s="2" t="s">
        <v>27075</v>
      </c>
      <c r="L11086" s="5" t="s">
        <v>27074</v>
      </c>
      <c r="M11086" s="2" t="s">
        <v>27075</v>
      </c>
      <c r="N11086" s="5" t="s">
        <v>24254</v>
      </c>
      <c r="O11086" s="5" t="s">
        <v>38</v>
      </c>
      <c r="P11086" s="5" t="s">
        <v>39</v>
      </c>
      <c r="Q11086" s="5" t="s">
        <v>40</v>
      </c>
      <c r="R11086" s="5" t="s">
        <v>24335</v>
      </c>
      <c r="S11086" s="5" t="s">
        <v>40</v>
      </c>
      <c r="T11086" s="5" t="s">
        <v>42</v>
      </c>
      <c r="U11086" s="2">
        <v>7.5910000000000002</v>
      </c>
      <c r="V11086" s="2">
        <v>4.9180000000000001</v>
      </c>
      <c r="W11086" s="2">
        <v>0.14899999999999999</v>
      </c>
      <c r="X11086" s="2">
        <v>12</v>
      </c>
      <c r="Y11086" s="2">
        <v>62</v>
      </c>
      <c r="Z11086" s="2">
        <v>199.7</v>
      </c>
      <c r="AA11086" s="5">
        <v>10</v>
      </c>
      <c r="AB11086" s="5" t="s">
        <v>43</v>
      </c>
      <c r="AC11086" s="5" t="s">
        <v>44</v>
      </c>
      <c r="AD11086" s="2" t="s">
        <v>33635</v>
      </c>
      <c r="AE11086" s="1"/>
    </row>
    <row r="11087" spans="1:31" ht="14.45">
      <c r="A11087" s="11"/>
      <c r="B11087" s="20"/>
      <c r="C11087" s="2" t="s">
        <v>34095</v>
      </c>
      <c r="D11087" s="14" t="s">
        <v>34096</v>
      </c>
      <c r="E11087" s="2" t="s">
        <v>34097</v>
      </c>
      <c r="F11087" s="2" t="s">
        <v>33634</v>
      </c>
      <c r="G11087" s="8">
        <v>185</v>
      </c>
      <c r="H11087" s="5">
        <v>5</v>
      </c>
      <c r="I11087" s="5" t="s">
        <v>69</v>
      </c>
      <c r="J11087" s="5" t="s">
        <v>27074</v>
      </c>
      <c r="K11087" s="2" t="s">
        <v>27075</v>
      </c>
      <c r="L11087" s="5" t="s">
        <v>27074</v>
      </c>
      <c r="M11087" s="2" t="s">
        <v>27075</v>
      </c>
      <c r="N11087" s="5" t="s">
        <v>24254</v>
      </c>
      <c r="O11087" s="5" t="s">
        <v>38</v>
      </c>
      <c r="P11087" s="5" t="s">
        <v>39</v>
      </c>
      <c r="Q11087" s="5" t="s">
        <v>40</v>
      </c>
      <c r="R11087" s="5" t="s">
        <v>24335</v>
      </c>
      <c r="S11087" s="5" t="s">
        <v>40</v>
      </c>
      <c r="T11087" s="5" t="s">
        <v>42</v>
      </c>
      <c r="U11087" s="2">
        <v>7.9130000000000003</v>
      </c>
      <c r="V11087" s="2">
        <v>5.194</v>
      </c>
      <c r="W11087" s="2">
        <v>0.14899999999999999</v>
      </c>
      <c r="X11087" s="2">
        <v>12</v>
      </c>
      <c r="Y11087" s="2">
        <v>62</v>
      </c>
      <c r="Z11087" s="2">
        <v>199.7</v>
      </c>
      <c r="AA11087" s="5">
        <v>10</v>
      </c>
      <c r="AB11087" s="5" t="s">
        <v>43</v>
      </c>
      <c r="AC11087" s="5" t="s">
        <v>44</v>
      </c>
      <c r="AD11087" s="2" t="s">
        <v>33639</v>
      </c>
      <c r="AE11087" s="1"/>
    </row>
    <row r="11088" spans="1:31" ht="14.45">
      <c r="A11088" s="11"/>
      <c r="B11088" s="20"/>
      <c r="C11088" s="2" t="s">
        <v>34098</v>
      </c>
      <c r="D11088" s="14" t="s">
        <v>34099</v>
      </c>
      <c r="E11088" s="2" t="s">
        <v>34100</v>
      </c>
      <c r="F11088" s="2" t="s">
        <v>33643</v>
      </c>
      <c r="G11088" s="8">
        <v>185</v>
      </c>
      <c r="H11088" s="5">
        <v>5</v>
      </c>
      <c r="I11088" s="5" t="s">
        <v>69</v>
      </c>
      <c r="J11088" s="5" t="s">
        <v>27074</v>
      </c>
      <c r="K11088" s="2" t="s">
        <v>27075</v>
      </c>
      <c r="L11088" s="5" t="s">
        <v>27074</v>
      </c>
      <c r="M11088" s="2" t="s">
        <v>27075</v>
      </c>
      <c r="N11088" s="5" t="s">
        <v>24254</v>
      </c>
      <c r="O11088" s="5" t="s">
        <v>38</v>
      </c>
      <c r="P11088" s="5" t="s">
        <v>39</v>
      </c>
      <c r="Q11088" s="5" t="s">
        <v>40</v>
      </c>
      <c r="R11088" s="5" t="s">
        <v>24335</v>
      </c>
      <c r="S11088" s="5" t="s">
        <v>40</v>
      </c>
      <c r="T11088" s="5" t="s">
        <v>42</v>
      </c>
      <c r="U11088" s="2">
        <v>6.0730000000000004</v>
      </c>
      <c r="V11088" s="2">
        <v>3.7679999999999998</v>
      </c>
      <c r="W11088" s="2">
        <v>0.129</v>
      </c>
      <c r="X11088" s="2">
        <v>12</v>
      </c>
      <c r="Y11088" s="2">
        <v>62</v>
      </c>
      <c r="Z11088" s="2">
        <v>172.9</v>
      </c>
      <c r="AA11088" s="5">
        <v>10</v>
      </c>
      <c r="AB11088" s="5" t="s">
        <v>43</v>
      </c>
      <c r="AC11088" s="5" t="s">
        <v>44</v>
      </c>
      <c r="AD11088" s="2" t="s">
        <v>33644</v>
      </c>
      <c r="AE11088" s="1"/>
    </row>
    <row r="11089" spans="1:31" ht="14.45">
      <c r="A11089" s="11"/>
      <c r="B11089" s="20"/>
      <c r="C11089" s="2" t="s">
        <v>34101</v>
      </c>
      <c r="D11089" s="14" t="s">
        <v>34102</v>
      </c>
      <c r="E11089" s="2" t="s">
        <v>34103</v>
      </c>
      <c r="F11089" s="2" t="s">
        <v>33643</v>
      </c>
      <c r="G11089" s="8">
        <v>185</v>
      </c>
      <c r="H11089" s="5">
        <v>5</v>
      </c>
      <c r="I11089" s="5" t="s">
        <v>69</v>
      </c>
      <c r="J11089" s="5" t="s">
        <v>27074</v>
      </c>
      <c r="K11089" s="2" t="s">
        <v>27075</v>
      </c>
      <c r="L11089" s="5" t="s">
        <v>27074</v>
      </c>
      <c r="M11089" s="2" t="s">
        <v>27075</v>
      </c>
      <c r="N11089" s="5" t="s">
        <v>24254</v>
      </c>
      <c r="O11089" s="5" t="s">
        <v>38</v>
      </c>
      <c r="P11089" s="5" t="s">
        <v>39</v>
      </c>
      <c r="Q11089" s="5" t="s">
        <v>40</v>
      </c>
      <c r="R11089" s="5" t="s">
        <v>24335</v>
      </c>
      <c r="S11089" s="5" t="s">
        <v>40</v>
      </c>
      <c r="T11089" s="5" t="s">
        <v>42</v>
      </c>
      <c r="U11089" s="2">
        <v>6.5410000000000004</v>
      </c>
      <c r="V11089" s="2">
        <v>4.1440000000000001</v>
      </c>
      <c r="W11089" s="2">
        <v>0.129</v>
      </c>
      <c r="X11089" s="2">
        <v>12</v>
      </c>
      <c r="Y11089" s="2">
        <v>62</v>
      </c>
      <c r="Z11089" s="2">
        <v>172.9</v>
      </c>
      <c r="AA11089" s="5">
        <v>10</v>
      </c>
      <c r="AB11089" s="5" t="s">
        <v>43</v>
      </c>
      <c r="AC11089" s="5" t="s">
        <v>44</v>
      </c>
      <c r="AD11089" s="2" t="s">
        <v>33648</v>
      </c>
      <c r="AE11089" s="1"/>
    </row>
    <row r="11090" spans="1:31" ht="14.45">
      <c r="A11090" s="11"/>
      <c r="B11090" s="20"/>
      <c r="C11090" s="2" t="s">
        <v>34104</v>
      </c>
      <c r="D11090" s="14" t="s">
        <v>34105</v>
      </c>
      <c r="E11090" s="2" t="s">
        <v>34106</v>
      </c>
      <c r="F11090" s="2" t="s">
        <v>33652</v>
      </c>
      <c r="G11090" s="8">
        <v>185</v>
      </c>
      <c r="H11090" s="5">
        <v>5</v>
      </c>
      <c r="I11090" s="5" t="s">
        <v>69</v>
      </c>
      <c r="J11090" s="5" t="s">
        <v>27074</v>
      </c>
      <c r="K11090" s="2" t="s">
        <v>27075</v>
      </c>
      <c r="L11090" s="5" t="s">
        <v>27074</v>
      </c>
      <c r="M11090" s="2" t="s">
        <v>27075</v>
      </c>
      <c r="N11090" s="5" t="s">
        <v>24254</v>
      </c>
      <c r="O11090" s="5" t="s">
        <v>38</v>
      </c>
      <c r="P11090" s="5" t="s">
        <v>39</v>
      </c>
      <c r="Q11090" s="5" t="s">
        <v>40</v>
      </c>
      <c r="R11090" s="5" t="s">
        <v>24335</v>
      </c>
      <c r="S11090" s="5" t="s">
        <v>40</v>
      </c>
      <c r="T11090" s="5" t="s">
        <v>42</v>
      </c>
      <c r="U11090" s="2">
        <v>7.0170000000000003</v>
      </c>
      <c r="V11090" s="2">
        <v>4.2779999999999996</v>
      </c>
      <c r="W11090" s="2">
        <v>0.14899999999999999</v>
      </c>
      <c r="X11090" s="2">
        <v>12</v>
      </c>
      <c r="Y11090" s="2">
        <v>62</v>
      </c>
      <c r="Z11090" s="2">
        <v>199.7</v>
      </c>
      <c r="AA11090" s="5">
        <v>10</v>
      </c>
      <c r="AB11090" s="5" t="s">
        <v>43</v>
      </c>
      <c r="AC11090" s="5" t="s">
        <v>44</v>
      </c>
      <c r="AD11090" s="2" t="s">
        <v>33644</v>
      </c>
      <c r="AE11090" s="1"/>
    </row>
    <row r="11091" spans="1:31" ht="14.45">
      <c r="A11091" s="11"/>
      <c r="B11091" s="20"/>
      <c r="C11091" s="2" t="s">
        <v>34107</v>
      </c>
      <c r="D11091" s="14" t="s">
        <v>34108</v>
      </c>
      <c r="E11091" s="2" t="s">
        <v>34109</v>
      </c>
      <c r="F11091" s="2" t="s">
        <v>33652</v>
      </c>
      <c r="G11091" s="8">
        <v>185</v>
      </c>
      <c r="H11091" s="5">
        <v>5</v>
      </c>
      <c r="I11091" s="5" t="s">
        <v>69</v>
      </c>
      <c r="J11091" s="5" t="s">
        <v>27074</v>
      </c>
      <c r="K11091" s="2" t="s">
        <v>27075</v>
      </c>
      <c r="L11091" s="5" t="s">
        <v>27074</v>
      </c>
      <c r="M11091" s="2" t="s">
        <v>27075</v>
      </c>
      <c r="N11091" s="5" t="s">
        <v>24254</v>
      </c>
      <c r="O11091" s="5" t="s">
        <v>38</v>
      </c>
      <c r="P11091" s="5" t="s">
        <v>39</v>
      </c>
      <c r="Q11091" s="5" t="s">
        <v>40</v>
      </c>
      <c r="R11091" s="5" t="s">
        <v>24335</v>
      </c>
      <c r="S11091" s="5" t="s">
        <v>40</v>
      </c>
      <c r="T11091" s="5" t="s">
        <v>42</v>
      </c>
      <c r="U11091" s="2">
        <v>7.3730000000000002</v>
      </c>
      <c r="V11091" s="2">
        <v>4.5880000000000001</v>
      </c>
      <c r="W11091" s="2">
        <v>0.14899999999999999</v>
      </c>
      <c r="X11091" s="2">
        <v>12</v>
      </c>
      <c r="Y11091" s="2">
        <v>62</v>
      </c>
      <c r="Z11091" s="2">
        <v>199.7</v>
      </c>
      <c r="AA11091" s="5">
        <v>10</v>
      </c>
      <c r="AB11091" s="5" t="s">
        <v>43</v>
      </c>
      <c r="AC11091" s="5" t="s">
        <v>44</v>
      </c>
      <c r="AD11091" s="2" t="s">
        <v>33648</v>
      </c>
      <c r="AE11091" s="1"/>
    </row>
    <row r="11092" spans="1:31" ht="14.45">
      <c r="A11092" s="11"/>
      <c r="B11092" s="20"/>
      <c r="C11092" s="2" t="s">
        <v>34110</v>
      </c>
      <c r="D11092" s="14" t="s">
        <v>34111</v>
      </c>
      <c r="E11092" s="2" t="s">
        <v>34112</v>
      </c>
      <c r="F11092" s="2" t="s">
        <v>33659</v>
      </c>
      <c r="G11092" s="8">
        <v>336</v>
      </c>
      <c r="H11092" s="5">
        <v>5</v>
      </c>
      <c r="I11092" s="5" t="s">
        <v>69</v>
      </c>
      <c r="J11092" s="5" t="s">
        <v>27074</v>
      </c>
      <c r="K11092" s="2" t="s">
        <v>27075</v>
      </c>
      <c r="L11092" s="5" t="s">
        <v>27074</v>
      </c>
      <c r="M11092" s="2" t="s">
        <v>27075</v>
      </c>
      <c r="N11092" s="5" t="s">
        <v>24254</v>
      </c>
      <c r="O11092" s="5" t="s">
        <v>38</v>
      </c>
      <c r="P11092" s="5" t="s">
        <v>39</v>
      </c>
      <c r="Q11092" s="5" t="s">
        <v>40</v>
      </c>
      <c r="R11092" s="5" t="s">
        <v>24335</v>
      </c>
      <c r="S11092" s="5" t="s">
        <v>40</v>
      </c>
      <c r="T11092" s="5" t="s">
        <v>42</v>
      </c>
      <c r="U11092" s="2">
        <v>16.695</v>
      </c>
      <c r="V11092" s="2">
        <v>14.336</v>
      </c>
      <c r="W11092" s="2">
        <v>0.2</v>
      </c>
      <c r="X11092" s="2">
        <v>15</v>
      </c>
      <c r="Y11092" s="2">
        <v>77</v>
      </c>
      <c r="Z11092" s="2">
        <v>173.4</v>
      </c>
      <c r="AA11092" s="5">
        <v>8</v>
      </c>
      <c r="AB11092" s="5" t="s">
        <v>43</v>
      </c>
      <c r="AC11092" s="5" t="s">
        <v>44</v>
      </c>
      <c r="AD11092" s="2" t="s">
        <v>33660</v>
      </c>
      <c r="AE11092" s="1"/>
    </row>
    <row r="11093" spans="1:31" ht="14.45">
      <c r="A11093" s="11"/>
      <c r="B11093" s="20"/>
      <c r="C11093" s="2" t="s">
        <v>34113</v>
      </c>
      <c r="D11093" s="14" t="s">
        <v>34114</v>
      </c>
      <c r="E11093" s="2" t="s">
        <v>34115</v>
      </c>
      <c r="F11093" s="2" t="s">
        <v>33664</v>
      </c>
      <c r="G11093" s="8">
        <v>336</v>
      </c>
      <c r="H11093" s="5">
        <v>10</v>
      </c>
      <c r="I11093" s="5" t="s">
        <v>69</v>
      </c>
      <c r="J11093" s="5" t="s">
        <v>27074</v>
      </c>
      <c r="K11093" s="2" t="s">
        <v>27075</v>
      </c>
      <c r="L11093" s="5" t="s">
        <v>27074</v>
      </c>
      <c r="M11093" s="2" t="s">
        <v>27075</v>
      </c>
      <c r="N11093" s="5" t="s">
        <v>24254</v>
      </c>
      <c r="O11093" s="5" t="s">
        <v>38</v>
      </c>
      <c r="P11093" s="5" t="s">
        <v>39</v>
      </c>
      <c r="Q11093" s="5" t="s">
        <v>40</v>
      </c>
      <c r="R11093" s="5" t="s">
        <v>24340</v>
      </c>
      <c r="S11093" s="5" t="s">
        <v>40</v>
      </c>
      <c r="T11093" s="5" t="s">
        <v>42</v>
      </c>
      <c r="U11093" s="2">
        <v>17.535</v>
      </c>
      <c r="V11093" s="2">
        <v>14.784000000000001</v>
      </c>
      <c r="W11093" s="2">
        <v>0.23100000000000001</v>
      </c>
      <c r="X11093" s="2">
        <v>12</v>
      </c>
      <c r="Y11093" s="2">
        <v>62</v>
      </c>
      <c r="Z11093" s="2">
        <v>199.7</v>
      </c>
      <c r="AA11093" s="5">
        <v>8</v>
      </c>
      <c r="AB11093" s="5" t="s">
        <v>43</v>
      </c>
      <c r="AC11093" s="5" t="s">
        <v>44</v>
      </c>
      <c r="AD11093" s="2" t="s">
        <v>33665</v>
      </c>
      <c r="AE11093" s="1"/>
    </row>
    <row r="11094" spans="1:31" ht="14.45">
      <c r="A11094" s="11"/>
      <c r="B11094" s="20"/>
      <c r="C11094" s="2" t="s">
        <v>34116</v>
      </c>
      <c r="D11094" s="14" t="s">
        <v>34117</v>
      </c>
      <c r="E11094" s="2" t="s">
        <v>34118</v>
      </c>
      <c r="F11094" s="2" t="s">
        <v>33669</v>
      </c>
      <c r="G11094" s="8">
        <v>336</v>
      </c>
      <c r="H11094" s="5">
        <v>10</v>
      </c>
      <c r="I11094" s="5" t="s">
        <v>69</v>
      </c>
      <c r="J11094" s="5" t="s">
        <v>27074</v>
      </c>
      <c r="K11094" s="2" t="s">
        <v>27075</v>
      </c>
      <c r="L11094" s="5" t="s">
        <v>27074</v>
      </c>
      <c r="M11094" s="2" t="s">
        <v>27075</v>
      </c>
      <c r="N11094" s="5" t="s">
        <v>24254</v>
      </c>
      <c r="O11094" s="5" t="s">
        <v>38</v>
      </c>
      <c r="P11094" s="5" t="s">
        <v>39</v>
      </c>
      <c r="Q11094" s="5" t="s">
        <v>40</v>
      </c>
      <c r="R11094" s="5" t="s">
        <v>24340</v>
      </c>
      <c r="S11094" s="5" t="s">
        <v>40</v>
      </c>
      <c r="T11094" s="5" t="s">
        <v>42</v>
      </c>
      <c r="U11094" s="2">
        <v>14.323</v>
      </c>
      <c r="V11094" s="2">
        <v>11.573</v>
      </c>
      <c r="W11094" s="2">
        <v>0.186</v>
      </c>
      <c r="X11094" s="2">
        <v>12</v>
      </c>
      <c r="Y11094" s="2">
        <v>62</v>
      </c>
      <c r="Z11094" s="2">
        <v>199.7</v>
      </c>
      <c r="AA11094" s="5">
        <v>8</v>
      </c>
      <c r="AB11094" s="5" t="s">
        <v>43</v>
      </c>
      <c r="AC11094" s="5" t="s">
        <v>44</v>
      </c>
      <c r="AD11094" s="2" t="s">
        <v>33665</v>
      </c>
      <c r="AE11094" s="1"/>
    </row>
    <row r="11095" spans="1:31" ht="14.45">
      <c r="A11095" s="11"/>
      <c r="B11095" s="20"/>
      <c r="C11095" s="2" t="s">
        <v>34119</v>
      </c>
      <c r="D11095" s="14" t="s">
        <v>34120</v>
      </c>
      <c r="E11095" s="2" t="s">
        <v>34121</v>
      </c>
      <c r="F11095" s="2" t="s">
        <v>33673</v>
      </c>
      <c r="G11095" s="8">
        <v>336</v>
      </c>
      <c r="H11095" s="5">
        <v>10</v>
      </c>
      <c r="I11095" s="5" t="s">
        <v>69</v>
      </c>
      <c r="J11095" s="5" t="s">
        <v>27074</v>
      </c>
      <c r="K11095" s="2" t="s">
        <v>27075</v>
      </c>
      <c r="L11095" s="5" t="s">
        <v>27074</v>
      </c>
      <c r="M11095" s="2" t="s">
        <v>27075</v>
      </c>
      <c r="N11095" s="5" t="s">
        <v>24254</v>
      </c>
      <c r="O11095" s="5" t="s">
        <v>38</v>
      </c>
      <c r="P11095" s="5" t="s">
        <v>39</v>
      </c>
      <c r="Q11095" s="5" t="s">
        <v>40</v>
      </c>
      <c r="R11095" s="5" t="s">
        <v>24340</v>
      </c>
      <c r="S11095" s="5" t="s">
        <v>40</v>
      </c>
      <c r="T11095" s="5" t="s">
        <v>42</v>
      </c>
      <c r="U11095" s="2">
        <v>11.976000000000001</v>
      </c>
      <c r="V11095" s="2">
        <v>9.7370000000000001</v>
      </c>
      <c r="W11095" s="2">
        <v>0.11899999999999999</v>
      </c>
      <c r="X11095" s="2">
        <v>12</v>
      </c>
      <c r="Y11095" s="2">
        <v>62</v>
      </c>
      <c r="Z11095" s="2">
        <v>159.9</v>
      </c>
      <c r="AA11095" s="5">
        <v>8</v>
      </c>
      <c r="AB11095" s="5" t="s">
        <v>43</v>
      </c>
      <c r="AC11095" s="5" t="s">
        <v>44</v>
      </c>
      <c r="AD11095" s="2" t="s">
        <v>33665</v>
      </c>
      <c r="AE11095" s="1"/>
    </row>
    <row r="11096" spans="1:31" ht="14.45">
      <c r="A11096" s="11"/>
      <c r="B11096" s="20"/>
      <c r="C11096" s="2" t="s">
        <v>34122</v>
      </c>
      <c r="D11096" s="14" t="s">
        <v>34123</v>
      </c>
      <c r="E11096" s="2" t="s">
        <v>34124</v>
      </c>
      <c r="F11096" s="2" t="s">
        <v>33677</v>
      </c>
      <c r="G11096" s="8">
        <v>336</v>
      </c>
      <c r="H11096" s="5">
        <v>10</v>
      </c>
      <c r="I11096" s="5" t="s">
        <v>69</v>
      </c>
      <c r="J11096" s="5" t="s">
        <v>27074</v>
      </c>
      <c r="K11096" s="2" t="s">
        <v>27075</v>
      </c>
      <c r="L11096" s="5" t="s">
        <v>27074</v>
      </c>
      <c r="M11096" s="2" t="s">
        <v>27075</v>
      </c>
      <c r="N11096" s="5" t="s">
        <v>24254</v>
      </c>
      <c r="O11096" s="5" t="s">
        <v>38</v>
      </c>
      <c r="P11096" s="5" t="s">
        <v>39</v>
      </c>
      <c r="Q11096" s="5" t="s">
        <v>40</v>
      </c>
      <c r="R11096" s="5" t="s">
        <v>24340</v>
      </c>
      <c r="S11096" s="5" t="s">
        <v>40</v>
      </c>
      <c r="T11096" s="5" t="s">
        <v>42</v>
      </c>
      <c r="U11096" s="2">
        <v>13.657</v>
      </c>
      <c r="V11096" s="2">
        <v>10.938000000000001</v>
      </c>
      <c r="W11096" s="2">
        <v>0.14899999999999999</v>
      </c>
      <c r="X11096" s="2">
        <v>12</v>
      </c>
      <c r="Y11096" s="2">
        <v>62</v>
      </c>
      <c r="Z11096" s="2">
        <v>199.7</v>
      </c>
      <c r="AA11096" s="5">
        <v>10</v>
      </c>
      <c r="AB11096" s="5" t="s">
        <v>43</v>
      </c>
      <c r="AC11096" s="5" t="s">
        <v>44</v>
      </c>
      <c r="AD11096" s="2" t="s">
        <v>33950</v>
      </c>
      <c r="AE11096" s="1"/>
    </row>
    <row r="11097" spans="1:31" ht="14.45">
      <c r="A11097" s="11"/>
      <c r="B11097" s="20"/>
      <c r="C11097" s="2" t="s">
        <v>34125</v>
      </c>
      <c r="D11097" s="14" t="s">
        <v>34126</v>
      </c>
      <c r="E11097" s="2" t="s">
        <v>34127</v>
      </c>
      <c r="F11097" s="2" t="s">
        <v>33682</v>
      </c>
      <c r="G11097" s="8">
        <v>336</v>
      </c>
      <c r="H11097" s="5">
        <v>10</v>
      </c>
      <c r="I11097" s="5" t="s">
        <v>69</v>
      </c>
      <c r="J11097" s="5" t="s">
        <v>27074</v>
      </c>
      <c r="K11097" s="2" t="s">
        <v>27075</v>
      </c>
      <c r="L11097" s="5" t="s">
        <v>27074</v>
      </c>
      <c r="M11097" s="2" t="s">
        <v>27075</v>
      </c>
      <c r="N11097" s="5" t="s">
        <v>24254</v>
      </c>
      <c r="O11097" s="5" t="s">
        <v>38</v>
      </c>
      <c r="P11097" s="5" t="s">
        <v>39</v>
      </c>
      <c r="Q11097" s="5" t="s">
        <v>40</v>
      </c>
      <c r="R11097" s="5" t="s">
        <v>24340</v>
      </c>
      <c r="S11097" s="5" t="s">
        <v>40</v>
      </c>
      <c r="T11097" s="5" t="s">
        <v>42</v>
      </c>
      <c r="U11097" s="2">
        <v>10.147</v>
      </c>
      <c r="V11097" s="2">
        <v>7.75</v>
      </c>
      <c r="W11097" s="2">
        <v>0.129</v>
      </c>
      <c r="X11097" s="2">
        <v>12</v>
      </c>
      <c r="Y11097" s="2">
        <v>62</v>
      </c>
      <c r="Z11097" s="2">
        <v>172.9</v>
      </c>
      <c r="AA11097" s="5">
        <v>10</v>
      </c>
      <c r="AB11097" s="5" t="s">
        <v>43</v>
      </c>
      <c r="AC11097" s="5" t="s">
        <v>44</v>
      </c>
      <c r="AD11097" s="2" t="s">
        <v>33688</v>
      </c>
      <c r="AE11097" s="1"/>
    </row>
    <row r="11098" spans="1:31" ht="14.45">
      <c r="A11098" s="11"/>
      <c r="B11098" s="20"/>
      <c r="C11098" s="2" t="s">
        <v>34128</v>
      </c>
      <c r="D11098" s="14" t="s">
        <v>34129</v>
      </c>
      <c r="E11098" s="2" t="s">
        <v>34130</v>
      </c>
      <c r="F11098" s="2" t="s">
        <v>33687</v>
      </c>
      <c r="G11098" s="8">
        <v>336</v>
      </c>
      <c r="H11098" s="5">
        <v>10</v>
      </c>
      <c r="I11098" s="5" t="s">
        <v>69</v>
      </c>
      <c r="J11098" s="5" t="s">
        <v>27074</v>
      </c>
      <c r="K11098" s="2" t="s">
        <v>27075</v>
      </c>
      <c r="L11098" s="5" t="s">
        <v>27074</v>
      </c>
      <c r="M11098" s="2" t="s">
        <v>27075</v>
      </c>
      <c r="N11098" s="5" t="s">
        <v>24254</v>
      </c>
      <c r="O11098" s="5" t="s">
        <v>38</v>
      </c>
      <c r="P11098" s="5" t="s">
        <v>39</v>
      </c>
      <c r="Q11098" s="5" t="s">
        <v>40</v>
      </c>
      <c r="R11098" s="5" t="s">
        <v>24340</v>
      </c>
      <c r="S11098" s="5" t="s">
        <v>40</v>
      </c>
      <c r="T11098" s="5" t="s">
        <v>42</v>
      </c>
      <c r="U11098" s="2">
        <v>10.978</v>
      </c>
      <c r="V11098" s="2">
        <v>8.2390000000000008</v>
      </c>
      <c r="W11098" s="2">
        <v>0.14899999999999999</v>
      </c>
      <c r="X11098" s="2">
        <v>12</v>
      </c>
      <c r="Y11098" s="2">
        <v>62</v>
      </c>
      <c r="Z11098" s="2">
        <v>199.7</v>
      </c>
      <c r="AA11098" s="5">
        <v>10</v>
      </c>
      <c r="AB11098" s="5" t="s">
        <v>43</v>
      </c>
      <c r="AC11098" s="5" t="s">
        <v>44</v>
      </c>
      <c r="AD11098" s="2" t="s">
        <v>33683</v>
      </c>
      <c r="AE11098" s="1"/>
    </row>
    <row r="11099" spans="1:31" ht="14.45">
      <c r="A11099" s="11"/>
      <c r="B11099" s="20"/>
      <c r="C11099" s="2" t="s">
        <v>34131</v>
      </c>
      <c r="D11099" s="14" t="s">
        <v>34132</v>
      </c>
      <c r="E11099" s="2" t="s">
        <v>34133</v>
      </c>
      <c r="F11099" s="2" t="s">
        <v>33692</v>
      </c>
      <c r="G11099" s="8">
        <v>638</v>
      </c>
      <c r="H11099" s="5">
        <v>10</v>
      </c>
      <c r="I11099" s="5" t="s">
        <v>69</v>
      </c>
      <c r="J11099" s="5" t="s">
        <v>27074</v>
      </c>
      <c r="K11099" s="2" t="s">
        <v>27075</v>
      </c>
      <c r="L11099" s="5" t="s">
        <v>27074</v>
      </c>
      <c r="M11099" s="2" t="s">
        <v>27075</v>
      </c>
      <c r="N11099" s="5" t="s">
        <v>24254</v>
      </c>
      <c r="O11099" s="5" t="s">
        <v>38</v>
      </c>
      <c r="P11099" s="5" t="s">
        <v>39</v>
      </c>
      <c r="Q11099" s="5" t="s">
        <v>40</v>
      </c>
      <c r="R11099" s="5" t="s">
        <v>24340</v>
      </c>
      <c r="S11099" s="5" t="s">
        <v>40</v>
      </c>
      <c r="T11099" s="5" t="s">
        <v>42</v>
      </c>
      <c r="U11099" s="2">
        <v>22.678999999999998</v>
      </c>
      <c r="V11099" s="2">
        <v>20.532</v>
      </c>
      <c r="W11099" s="2">
        <v>0.17899999999999999</v>
      </c>
      <c r="X11099" s="2">
        <v>15</v>
      </c>
      <c r="Y11099" s="2">
        <v>77</v>
      </c>
      <c r="Z11099" s="2">
        <v>154.9</v>
      </c>
      <c r="AA11099" s="5">
        <v>8</v>
      </c>
      <c r="AB11099" s="5" t="s">
        <v>43</v>
      </c>
      <c r="AC11099" s="5" t="s">
        <v>44</v>
      </c>
      <c r="AD11099" s="2" t="s">
        <v>33660</v>
      </c>
      <c r="AE11099" s="1"/>
    </row>
    <row r="11100" spans="1:31" ht="14.45">
      <c r="A11100" s="11"/>
      <c r="B11100" s="20"/>
      <c r="C11100" s="2" t="s">
        <v>34134</v>
      </c>
      <c r="D11100" s="14" t="s">
        <v>34135</v>
      </c>
      <c r="E11100" s="2" t="s">
        <v>34136</v>
      </c>
      <c r="F11100" s="2" t="s">
        <v>33696</v>
      </c>
      <c r="G11100" s="8">
        <v>336</v>
      </c>
      <c r="H11100" s="5">
        <v>10</v>
      </c>
      <c r="I11100" s="5" t="s">
        <v>69</v>
      </c>
      <c r="J11100" s="5" t="s">
        <v>27074</v>
      </c>
      <c r="K11100" s="2" t="s">
        <v>27075</v>
      </c>
      <c r="L11100" s="5" t="s">
        <v>27074</v>
      </c>
      <c r="M11100" s="2" t="s">
        <v>27075</v>
      </c>
      <c r="N11100" s="5" t="s">
        <v>24254</v>
      </c>
      <c r="O11100" s="5" t="s">
        <v>38</v>
      </c>
      <c r="P11100" s="5" t="s">
        <v>39</v>
      </c>
      <c r="Q11100" s="5" t="s">
        <v>40</v>
      </c>
      <c r="R11100" s="5" t="s">
        <v>25301</v>
      </c>
      <c r="S11100" s="5" t="s">
        <v>40</v>
      </c>
      <c r="T11100" s="5" t="s">
        <v>42</v>
      </c>
      <c r="U11100" s="2">
        <v>16.103000000000002</v>
      </c>
      <c r="V11100" s="2">
        <v>13.352</v>
      </c>
      <c r="W11100" s="2">
        <v>0.23100000000000001</v>
      </c>
      <c r="X11100" s="2">
        <v>12</v>
      </c>
      <c r="Y11100" s="2">
        <v>62</v>
      </c>
      <c r="Z11100" s="2">
        <v>199.7</v>
      </c>
      <c r="AA11100" s="5">
        <v>8</v>
      </c>
      <c r="AB11100" s="5" t="s">
        <v>43</v>
      </c>
      <c r="AC11100" s="5" t="s">
        <v>44</v>
      </c>
      <c r="AD11100" s="2" t="s">
        <v>33697</v>
      </c>
      <c r="AE11100" s="1"/>
    </row>
    <row r="11101" spans="1:31" ht="14.45">
      <c r="A11101" s="11"/>
      <c r="B11101" s="20"/>
      <c r="C11101" s="2" t="s">
        <v>34137</v>
      </c>
      <c r="D11101" s="14" t="s">
        <v>34138</v>
      </c>
      <c r="E11101" s="2" t="s">
        <v>34139</v>
      </c>
      <c r="F11101" s="2" t="s">
        <v>33798</v>
      </c>
      <c r="G11101" s="8">
        <v>336</v>
      </c>
      <c r="H11101" s="5">
        <v>10</v>
      </c>
      <c r="I11101" s="5" t="s">
        <v>69</v>
      </c>
      <c r="J11101" s="5" t="s">
        <v>27074</v>
      </c>
      <c r="K11101" s="2" t="s">
        <v>27075</v>
      </c>
      <c r="L11101" s="5" t="s">
        <v>27074</v>
      </c>
      <c r="M11101" s="2" t="s">
        <v>27075</v>
      </c>
      <c r="N11101" s="5" t="s">
        <v>24254</v>
      </c>
      <c r="O11101" s="5" t="s">
        <v>38</v>
      </c>
      <c r="P11101" s="5" t="s">
        <v>39</v>
      </c>
      <c r="Q11101" s="5" t="s">
        <v>40</v>
      </c>
      <c r="R11101" s="5" t="s">
        <v>25301</v>
      </c>
      <c r="S11101" s="5" t="s">
        <v>40</v>
      </c>
      <c r="T11101" s="5" t="s">
        <v>42</v>
      </c>
      <c r="U11101" s="2">
        <v>13.297000000000001</v>
      </c>
      <c r="V11101" s="2">
        <v>10.547000000000001</v>
      </c>
      <c r="W11101" s="2">
        <v>0.14899999999999999</v>
      </c>
      <c r="X11101" s="2">
        <v>12</v>
      </c>
      <c r="Y11101" s="2">
        <v>62</v>
      </c>
      <c r="Z11101" s="2">
        <v>199.7</v>
      </c>
      <c r="AA11101" s="5">
        <v>8</v>
      </c>
      <c r="AB11101" s="5" t="s">
        <v>43</v>
      </c>
      <c r="AC11101" s="5" t="s">
        <v>44</v>
      </c>
      <c r="AD11101" s="2" t="s">
        <v>33697</v>
      </c>
      <c r="AE11101" s="1"/>
    </row>
    <row r="11102" spans="1:31" ht="14.45">
      <c r="A11102" s="11"/>
      <c r="B11102" s="20"/>
      <c r="C11102" s="2" t="s">
        <v>34140</v>
      </c>
      <c r="D11102" s="14" t="s">
        <v>34141</v>
      </c>
      <c r="E11102" s="2" t="s">
        <v>34142</v>
      </c>
      <c r="F11102" s="2" t="s">
        <v>33701</v>
      </c>
      <c r="G11102" s="8">
        <v>336</v>
      </c>
      <c r="H11102" s="5">
        <v>10</v>
      </c>
      <c r="I11102" s="5" t="s">
        <v>69</v>
      </c>
      <c r="J11102" s="5" t="s">
        <v>27074</v>
      </c>
      <c r="K11102" s="2" t="s">
        <v>27075</v>
      </c>
      <c r="L11102" s="5" t="s">
        <v>27074</v>
      </c>
      <c r="M11102" s="2" t="s">
        <v>27075</v>
      </c>
      <c r="N11102" s="5" t="s">
        <v>24254</v>
      </c>
      <c r="O11102" s="5" t="s">
        <v>38</v>
      </c>
      <c r="P11102" s="5" t="s">
        <v>39</v>
      </c>
      <c r="Q11102" s="5" t="s">
        <v>40</v>
      </c>
      <c r="R11102" s="5" t="s">
        <v>25301</v>
      </c>
      <c r="S11102" s="5" t="s">
        <v>40</v>
      </c>
      <c r="T11102" s="5" t="s">
        <v>42</v>
      </c>
      <c r="U11102" s="2">
        <v>11.172000000000001</v>
      </c>
      <c r="V11102" s="2">
        <v>8.9329999999999998</v>
      </c>
      <c r="W11102" s="2">
        <v>0.11899999999999999</v>
      </c>
      <c r="X11102" s="2">
        <v>12</v>
      </c>
      <c r="Y11102" s="2">
        <v>62</v>
      </c>
      <c r="Z11102" s="2">
        <v>159.9</v>
      </c>
      <c r="AA11102" s="5">
        <v>8</v>
      </c>
      <c r="AB11102" s="5" t="s">
        <v>43</v>
      </c>
      <c r="AC11102" s="5" t="s">
        <v>44</v>
      </c>
      <c r="AD11102" s="2" t="s">
        <v>33697</v>
      </c>
      <c r="AE11102" s="1"/>
    </row>
    <row r="11103" spans="1:31" ht="14.45">
      <c r="A11103" s="11"/>
      <c r="B11103" s="20"/>
      <c r="C11103" s="2" t="s">
        <v>34143</v>
      </c>
      <c r="D11103" s="14" t="s">
        <v>34144</v>
      </c>
      <c r="E11103" s="2" t="s">
        <v>34145</v>
      </c>
      <c r="F11103" s="2" t="s">
        <v>33710</v>
      </c>
      <c r="G11103" s="8">
        <v>675</v>
      </c>
      <c r="H11103" s="5">
        <v>5</v>
      </c>
      <c r="I11103" s="5" t="s">
        <v>69</v>
      </c>
      <c r="J11103" s="5" t="s">
        <v>27074</v>
      </c>
      <c r="K11103" s="2" t="s">
        <v>27075</v>
      </c>
      <c r="L11103" s="5" t="s">
        <v>27074</v>
      </c>
      <c r="M11103" s="2" t="s">
        <v>27075</v>
      </c>
      <c r="N11103" s="5" t="s">
        <v>24254</v>
      </c>
      <c r="O11103" s="5" t="s">
        <v>38</v>
      </c>
      <c r="P11103" s="5" t="s">
        <v>39</v>
      </c>
      <c r="Q11103" s="5" t="s">
        <v>40</v>
      </c>
      <c r="R11103" s="5" t="s">
        <v>1487</v>
      </c>
      <c r="S11103" s="5"/>
      <c r="T11103" s="5" t="s">
        <v>42</v>
      </c>
      <c r="U11103" s="2">
        <v>0</v>
      </c>
      <c r="V11103" s="2">
        <v>0</v>
      </c>
      <c r="W11103" s="2">
        <v>0</v>
      </c>
      <c r="X11103" s="2">
        <v>0</v>
      </c>
      <c r="Y11103" s="2">
        <v>0</v>
      </c>
      <c r="Z11103" s="2">
        <v>0</v>
      </c>
      <c r="AA11103" s="5"/>
      <c r="AB11103" s="5" t="s">
        <v>43</v>
      </c>
      <c r="AC11103" s="5" t="s">
        <v>44</v>
      </c>
      <c r="AD11103" s="2" t="s">
        <v>33711</v>
      </c>
      <c r="AE11103" s="1"/>
    </row>
    <row r="11104" spans="1:31" ht="14.45">
      <c r="A11104" s="11"/>
      <c r="B11104" s="20"/>
      <c r="C11104" s="2" t="s">
        <v>34146</v>
      </c>
      <c r="D11104" s="14" t="s">
        <v>34147</v>
      </c>
      <c r="E11104" s="2" t="s">
        <v>34148</v>
      </c>
      <c r="F11104" s="2" t="s">
        <v>33715</v>
      </c>
      <c r="G11104" s="8">
        <v>675</v>
      </c>
      <c r="H11104" s="5">
        <v>15</v>
      </c>
      <c r="I11104" s="5" t="s">
        <v>69</v>
      </c>
      <c r="J11104" s="5" t="s">
        <v>27074</v>
      </c>
      <c r="K11104" s="2" t="s">
        <v>27075</v>
      </c>
      <c r="L11104" s="5" t="s">
        <v>27074</v>
      </c>
      <c r="M11104" s="2" t="s">
        <v>27075</v>
      </c>
      <c r="N11104" s="5" t="s">
        <v>24254</v>
      </c>
      <c r="O11104" s="5" t="s">
        <v>38</v>
      </c>
      <c r="P11104" s="5" t="s">
        <v>39</v>
      </c>
      <c r="Q11104" s="5" t="s">
        <v>40</v>
      </c>
      <c r="R11104" s="5" t="s">
        <v>1487</v>
      </c>
      <c r="S11104" s="5"/>
      <c r="T11104" s="5" t="s">
        <v>42</v>
      </c>
      <c r="U11104" s="2">
        <v>0</v>
      </c>
      <c r="V11104" s="2">
        <v>0</v>
      </c>
      <c r="W11104" s="2">
        <v>0</v>
      </c>
      <c r="X11104" s="2">
        <v>0</v>
      </c>
      <c r="Y11104" s="2">
        <v>0</v>
      </c>
      <c r="Z11104" s="2">
        <v>0</v>
      </c>
      <c r="AA11104" s="5"/>
      <c r="AB11104" s="5" t="s">
        <v>43</v>
      </c>
      <c r="AC11104" s="5" t="s">
        <v>44</v>
      </c>
      <c r="AD11104" s="2" t="s">
        <v>33716</v>
      </c>
      <c r="AE11104" s="1"/>
    </row>
    <row r="11105" spans="1:31" ht="14.45">
      <c r="A11105" s="11"/>
      <c r="B11105" s="20"/>
      <c r="C11105" s="2" t="s">
        <v>34149</v>
      </c>
      <c r="D11105" s="14" t="s">
        <v>34150</v>
      </c>
      <c r="E11105" s="2" t="s">
        <v>34151</v>
      </c>
      <c r="F11105" s="2" t="s">
        <v>33720</v>
      </c>
      <c r="G11105" s="8">
        <v>1131</v>
      </c>
      <c r="H11105" s="5">
        <v>15</v>
      </c>
      <c r="I11105" s="5" t="s">
        <v>69</v>
      </c>
      <c r="J11105" s="5" t="s">
        <v>27074</v>
      </c>
      <c r="K11105" s="2" t="s">
        <v>27075</v>
      </c>
      <c r="L11105" s="5" t="s">
        <v>27074</v>
      </c>
      <c r="M11105" s="2" t="s">
        <v>27075</v>
      </c>
      <c r="N11105" s="5" t="s">
        <v>24254</v>
      </c>
      <c r="O11105" s="5" t="s">
        <v>38</v>
      </c>
      <c r="P11105" s="5" t="s">
        <v>39</v>
      </c>
      <c r="Q11105" s="5" t="s">
        <v>40</v>
      </c>
      <c r="R11105" s="5" t="s">
        <v>1487</v>
      </c>
      <c r="S11105" s="5"/>
      <c r="T11105" s="5" t="s">
        <v>42</v>
      </c>
      <c r="U11105" s="2">
        <v>0</v>
      </c>
      <c r="V11105" s="2">
        <v>0</v>
      </c>
      <c r="W11105" s="2">
        <v>0</v>
      </c>
      <c r="X11105" s="2">
        <v>0</v>
      </c>
      <c r="Y11105" s="2">
        <v>0</v>
      </c>
      <c r="Z11105" s="2">
        <v>0</v>
      </c>
      <c r="AA11105" s="5"/>
      <c r="AB11105" s="5" t="s">
        <v>43</v>
      </c>
      <c r="AC11105" s="5" t="s">
        <v>44</v>
      </c>
      <c r="AD11105" s="2" t="s">
        <v>33721</v>
      </c>
      <c r="AE11105" s="1"/>
    </row>
    <row r="11106" spans="1:31" ht="14.45">
      <c r="A11106" s="11"/>
      <c r="B11106" s="20"/>
      <c r="C11106" s="2" t="s">
        <v>34152</v>
      </c>
      <c r="D11106" s="14" t="s">
        <v>34153</v>
      </c>
      <c r="E11106" s="2" t="s">
        <v>34154</v>
      </c>
      <c r="F11106" s="2" t="s">
        <v>33725</v>
      </c>
      <c r="G11106" s="8">
        <v>1131</v>
      </c>
      <c r="H11106" s="5">
        <v>15</v>
      </c>
      <c r="I11106" s="5" t="s">
        <v>69</v>
      </c>
      <c r="J11106" s="5" t="s">
        <v>27074</v>
      </c>
      <c r="K11106" s="2" t="s">
        <v>27075</v>
      </c>
      <c r="L11106" s="5" t="s">
        <v>27074</v>
      </c>
      <c r="M11106" s="2" t="s">
        <v>27075</v>
      </c>
      <c r="N11106" s="5" t="s">
        <v>24254</v>
      </c>
      <c r="O11106" s="5" t="s">
        <v>38</v>
      </c>
      <c r="P11106" s="5" t="s">
        <v>39</v>
      </c>
      <c r="Q11106" s="5" t="s">
        <v>40</v>
      </c>
      <c r="R11106" s="5" t="s">
        <v>1487</v>
      </c>
      <c r="S11106" s="5"/>
      <c r="T11106" s="5" t="s">
        <v>42</v>
      </c>
      <c r="U11106" s="2">
        <v>0</v>
      </c>
      <c r="V11106" s="2">
        <v>0</v>
      </c>
      <c r="W11106" s="2">
        <v>0</v>
      </c>
      <c r="X11106" s="2">
        <v>0</v>
      </c>
      <c r="Y11106" s="2">
        <v>0</v>
      </c>
      <c r="Z11106" s="2">
        <v>0</v>
      </c>
      <c r="AA11106" s="5"/>
      <c r="AB11106" s="5" t="s">
        <v>43</v>
      </c>
      <c r="AC11106" s="5" t="s">
        <v>44</v>
      </c>
      <c r="AD11106" s="2" t="s">
        <v>33726</v>
      </c>
      <c r="AE11106" s="1"/>
    </row>
    <row r="11107" spans="1:31" ht="14.45">
      <c r="A11107" s="11"/>
      <c r="B11107" s="20"/>
      <c r="C11107" s="2" t="s">
        <v>34155</v>
      </c>
      <c r="D11107" s="14" t="s">
        <v>34156</v>
      </c>
      <c r="E11107" s="2" t="s">
        <v>34157</v>
      </c>
      <c r="F11107" s="2" t="s">
        <v>33730</v>
      </c>
      <c r="G11107" s="8">
        <v>977</v>
      </c>
      <c r="H11107" s="5">
        <v>10</v>
      </c>
      <c r="I11107" s="5" t="s">
        <v>69</v>
      </c>
      <c r="J11107" s="5" t="s">
        <v>27074</v>
      </c>
      <c r="K11107" s="2" t="s">
        <v>27075</v>
      </c>
      <c r="L11107" s="5" t="s">
        <v>27074</v>
      </c>
      <c r="M11107" s="2" t="s">
        <v>27075</v>
      </c>
      <c r="N11107" s="5" t="s">
        <v>24254</v>
      </c>
      <c r="O11107" s="5" t="s">
        <v>38</v>
      </c>
      <c r="P11107" s="5" t="s">
        <v>39</v>
      </c>
      <c r="Q11107" s="5" t="s">
        <v>40</v>
      </c>
      <c r="R11107" s="5" t="s">
        <v>1487</v>
      </c>
      <c r="S11107" s="5"/>
      <c r="T11107" s="5" t="s">
        <v>42</v>
      </c>
      <c r="U11107" s="2">
        <v>0</v>
      </c>
      <c r="V11107" s="2">
        <v>0</v>
      </c>
      <c r="W11107" s="2">
        <v>0</v>
      </c>
      <c r="X11107" s="2">
        <v>0</v>
      </c>
      <c r="Y11107" s="2">
        <v>0</v>
      </c>
      <c r="Z11107" s="2">
        <v>0</v>
      </c>
      <c r="AA11107" s="5"/>
      <c r="AB11107" s="5" t="s">
        <v>43</v>
      </c>
      <c r="AC11107" s="5" t="s">
        <v>44</v>
      </c>
      <c r="AD11107" s="2"/>
      <c r="AE11107" s="1"/>
    </row>
    <row r="11108" spans="1:31" ht="14.45">
      <c r="A11108" s="11"/>
      <c r="B11108" s="20"/>
      <c r="C11108" s="2" t="s">
        <v>34158</v>
      </c>
      <c r="D11108" s="14" t="s">
        <v>34159</v>
      </c>
      <c r="E11108" s="2" t="s">
        <v>34160</v>
      </c>
      <c r="F11108" s="2" t="s">
        <v>33734</v>
      </c>
      <c r="G11108" s="8">
        <v>977</v>
      </c>
      <c r="H11108" s="5">
        <v>15</v>
      </c>
      <c r="I11108" s="5" t="s">
        <v>69</v>
      </c>
      <c r="J11108" s="5" t="s">
        <v>27074</v>
      </c>
      <c r="K11108" s="2" t="s">
        <v>27075</v>
      </c>
      <c r="L11108" s="5" t="s">
        <v>27074</v>
      </c>
      <c r="M11108" s="2" t="s">
        <v>27075</v>
      </c>
      <c r="N11108" s="5" t="s">
        <v>24254</v>
      </c>
      <c r="O11108" s="5" t="s">
        <v>38</v>
      </c>
      <c r="P11108" s="5" t="s">
        <v>39</v>
      </c>
      <c r="Q11108" s="5" t="s">
        <v>40</v>
      </c>
      <c r="R11108" s="5" t="s">
        <v>1487</v>
      </c>
      <c r="S11108" s="5"/>
      <c r="T11108" s="5" t="s">
        <v>42</v>
      </c>
      <c r="U11108" s="2">
        <v>0</v>
      </c>
      <c r="V11108" s="2">
        <v>0</v>
      </c>
      <c r="W11108" s="2">
        <v>0</v>
      </c>
      <c r="X11108" s="2">
        <v>0</v>
      </c>
      <c r="Y11108" s="2">
        <v>0</v>
      </c>
      <c r="Z11108" s="2">
        <v>0</v>
      </c>
      <c r="AA11108" s="5"/>
      <c r="AB11108" s="5" t="s">
        <v>43</v>
      </c>
      <c r="AC11108" s="5" t="s">
        <v>44</v>
      </c>
      <c r="AD11108" s="2"/>
      <c r="AE11108" s="1"/>
    </row>
    <row r="11109" spans="1:31" ht="14.45">
      <c r="A11109" s="11"/>
      <c r="B11109" s="20"/>
      <c r="C11109" s="2" t="s">
        <v>34161</v>
      </c>
      <c r="D11109" s="14" t="s">
        <v>34162</v>
      </c>
      <c r="E11109" s="2" t="s">
        <v>34163</v>
      </c>
      <c r="F11109" s="2" t="s">
        <v>33616</v>
      </c>
      <c r="G11109" s="8">
        <v>234</v>
      </c>
      <c r="H11109" s="5">
        <v>5</v>
      </c>
      <c r="I11109" s="5" t="s">
        <v>69</v>
      </c>
      <c r="J11109" s="5" t="s">
        <v>27074</v>
      </c>
      <c r="K11109" s="2" t="s">
        <v>27075</v>
      </c>
      <c r="L11109" s="5" t="s">
        <v>27074</v>
      </c>
      <c r="M11109" s="2" t="s">
        <v>27075</v>
      </c>
      <c r="N11109" s="5" t="s">
        <v>24254</v>
      </c>
      <c r="O11109" s="5" t="s">
        <v>38</v>
      </c>
      <c r="P11109" s="5" t="s">
        <v>39</v>
      </c>
      <c r="Q11109" s="5" t="s">
        <v>40</v>
      </c>
      <c r="R11109" s="5" t="s">
        <v>24335</v>
      </c>
      <c r="S11109" s="5" t="s">
        <v>40</v>
      </c>
      <c r="T11109" s="5" t="s">
        <v>42</v>
      </c>
      <c r="U11109" s="2">
        <v>13.266999999999999</v>
      </c>
      <c r="V11109" s="2">
        <v>11.006</v>
      </c>
      <c r="W11109" s="2">
        <v>0.16</v>
      </c>
      <c r="X11109" s="2">
        <v>12</v>
      </c>
      <c r="Y11109" s="2">
        <v>77</v>
      </c>
      <c r="Z11109" s="2">
        <v>173.4</v>
      </c>
      <c r="AA11109" s="5">
        <v>8</v>
      </c>
      <c r="AB11109" s="5" t="s">
        <v>43</v>
      </c>
      <c r="AC11109" s="5" t="s">
        <v>44</v>
      </c>
      <c r="AD11109" s="2" t="s">
        <v>33617</v>
      </c>
      <c r="AE11109" s="1"/>
    </row>
    <row r="11110" spans="1:31" ht="14.45">
      <c r="A11110" s="11"/>
      <c r="B11110" s="20"/>
      <c r="C11110" s="2" t="s">
        <v>34164</v>
      </c>
      <c r="D11110" s="14" t="s">
        <v>34165</v>
      </c>
      <c r="E11110" s="2" t="s">
        <v>34166</v>
      </c>
      <c r="F11110" s="2" t="s">
        <v>33621</v>
      </c>
      <c r="G11110" s="8">
        <v>175</v>
      </c>
      <c r="H11110" s="5">
        <v>10</v>
      </c>
      <c r="I11110" s="5" t="s">
        <v>69</v>
      </c>
      <c r="J11110" s="5" t="s">
        <v>27074</v>
      </c>
      <c r="K11110" s="2" t="s">
        <v>27075</v>
      </c>
      <c r="L11110" s="5" t="s">
        <v>27074</v>
      </c>
      <c r="M11110" s="2" t="s">
        <v>27075</v>
      </c>
      <c r="N11110" s="5" t="s">
        <v>24254</v>
      </c>
      <c r="O11110" s="5" t="s">
        <v>38</v>
      </c>
      <c r="P11110" s="5" t="s">
        <v>39</v>
      </c>
      <c r="Q11110" s="5" t="s">
        <v>40</v>
      </c>
      <c r="R11110" s="5" t="s">
        <v>24335</v>
      </c>
      <c r="S11110" s="5" t="s">
        <v>40</v>
      </c>
      <c r="T11110" s="5" t="s">
        <v>42</v>
      </c>
      <c r="U11110" s="2">
        <v>10.53</v>
      </c>
      <c r="V11110" s="2">
        <v>8.2479999999999993</v>
      </c>
      <c r="W11110" s="2">
        <v>0.159</v>
      </c>
      <c r="X11110" s="2">
        <v>12</v>
      </c>
      <c r="Y11110" s="2">
        <v>62</v>
      </c>
      <c r="Z11110" s="2">
        <v>137.9</v>
      </c>
      <c r="AA11110" s="5">
        <v>8</v>
      </c>
      <c r="AB11110" s="5" t="s">
        <v>43</v>
      </c>
      <c r="AC11110" s="5" t="s">
        <v>44</v>
      </c>
      <c r="AD11110" s="2" t="s">
        <v>33622</v>
      </c>
      <c r="AE11110" s="1"/>
    </row>
    <row r="11111" spans="1:31" ht="14.45">
      <c r="A11111" s="11"/>
      <c r="B11111" s="20"/>
      <c r="C11111" s="2" t="s">
        <v>34167</v>
      </c>
      <c r="D11111" s="14" t="s">
        <v>34168</v>
      </c>
      <c r="E11111" s="2" t="s">
        <v>34169</v>
      </c>
      <c r="F11111" s="2" t="s">
        <v>33626</v>
      </c>
      <c r="G11111" s="8">
        <v>175</v>
      </c>
      <c r="H11111" s="5">
        <v>5</v>
      </c>
      <c r="I11111" s="5" t="s">
        <v>69</v>
      </c>
      <c r="J11111" s="5" t="s">
        <v>27074</v>
      </c>
      <c r="K11111" s="2" t="s">
        <v>27075</v>
      </c>
      <c r="L11111" s="5" t="s">
        <v>27074</v>
      </c>
      <c r="M11111" s="2" t="s">
        <v>27075</v>
      </c>
      <c r="N11111" s="5" t="s">
        <v>24254</v>
      </c>
      <c r="O11111" s="5" t="s">
        <v>38</v>
      </c>
      <c r="P11111" s="5" t="s">
        <v>39</v>
      </c>
      <c r="Q11111" s="5" t="s">
        <v>40</v>
      </c>
      <c r="R11111" s="5" t="s">
        <v>24335</v>
      </c>
      <c r="S11111" s="5" t="s">
        <v>40</v>
      </c>
      <c r="T11111" s="5" t="s">
        <v>42</v>
      </c>
      <c r="U11111" s="2">
        <v>8.1229999999999993</v>
      </c>
      <c r="V11111" s="2">
        <v>6.4450000000000003</v>
      </c>
      <c r="W11111" s="2">
        <v>0.10299999999999999</v>
      </c>
      <c r="X11111" s="2">
        <v>12</v>
      </c>
      <c r="Y11111" s="2">
        <v>62</v>
      </c>
      <c r="Z11111" s="2">
        <v>137.9</v>
      </c>
      <c r="AA11111" s="5">
        <v>8</v>
      </c>
      <c r="AB11111" s="5" t="s">
        <v>43</v>
      </c>
      <c r="AC11111" s="5" t="s">
        <v>44</v>
      </c>
      <c r="AD11111" s="2" t="s">
        <v>33622</v>
      </c>
      <c r="AE11111" s="1"/>
    </row>
    <row r="11112" spans="1:31" ht="14.45">
      <c r="A11112" s="11"/>
      <c r="B11112" s="20"/>
      <c r="C11112" s="2" t="s">
        <v>34170</v>
      </c>
      <c r="D11112" s="14" t="s">
        <v>34171</v>
      </c>
      <c r="E11112" s="2" t="s">
        <v>34172</v>
      </c>
      <c r="F11112" s="2" t="s">
        <v>33630</v>
      </c>
      <c r="G11112" s="8">
        <v>175</v>
      </c>
      <c r="H11112" s="5">
        <v>10</v>
      </c>
      <c r="I11112" s="5" t="s">
        <v>69</v>
      </c>
      <c r="J11112" s="5" t="s">
        <v>27074</v>
      </c>
      <c r="K11112" s="2" t="s">
        <v>27075</v>
      </c>
      <c r="L11112" s="5" t="s">
        <v>27074</v>
      </c>
      <c r="M11112" s="2" t="s">
        <v>27075</v>
      </c>
      <c r="N11112" s="5" t="s">
        <v>24254</v>
      </c>
      <c r="O11112" s="5" t="s">
        <v>38</v>
      </c>
      <c r="P11112" s="5" t="s">
        <v>39</v>
      </c>
      <c r="Q11112" s="5" t="s">
        <v>40</v>
      </c>
      <c r="R11112" s="5" t="s">
        <v>24335</v>
      </c>
      <c r="S11112" s="5" t="s">
        <v>40</v>
      </c>
      <c r="T11112" s="5" t="s">
        <v>42</v>
      </c>
      <c r="U11112" s="2">
        <v>7.9790000000000001</v>
      </c>
      <c r="V11112" s="2">
        <v>5.5839999999999996</v>
      </c>
      <c r="W11112" s="2">
        <v>8.8999999999999996E-2</v>
      </c>
      <c r="X11112" s="2">
        <v>12</v>
      </c>
      <c r="Y11112" s="2">
        <v>62</v>
      </c>
      <c r="Z11112" s="2">
        <v>119.4</v>
      </c>
      <c r="AA11112" s="5">
        <v>8</v>
      </c>
      <c r="AB11112" s="5" t="s">
        <v>43</v>
      </c>
      <c r="AC11112" s="5" t="s">
        <v>44</v>
      </c>
      <c r="AD11112" s="2" t="s">
        <v>33622</v>
      </c>
      <c r="AE11112" s="1"/>
    </row>
    <row r="11113" spans="1:31" ht="14.45">
      <c r="A11113" s="11"/>
      <c r="B11113" s="20"/>
      <c r="C11113" s="2" t="s">
        <v>34173</v>
      </c>
      <c r="D11113" s="14" t="s">
        <v>34174</v>
      </c>
      <c r="E11113" s="2" t="s">
        <v>34175</v>
      </c>
      <c r="F11113" s="2" t="s">
        <v>33634</v>
      </c>
      <c r="G11113" s="8">
        <v>175</v>
      </c>
      <c r="H11113" s="5">
        <v>5</v>
      </c>
      <c r="I11113" s="5" t="s">
        <v>69</v>
      </c>
      <c r="J11113" s="5" t="s">
        <v>27074</v>
      </c>
      <c r="K11113" s="2" t="s">
        <v>27075</v>
      </c>
      <c r="L11113" s="5" t="s">
        <v>27074</v>
      </c>
      <c r="M11113" s="2" t="s">
        <v>27075</v>
      </c>
      <c r="N11113" s="5" t="s">
        <v>24254</v>
      </c>
      <c r="O11113" s="5" t="s">
        <v>38</v>
      </c>
      <c r="P11113" s="5" t="s">
        <v>39</v>
      </c>
      <c r="Q11113" s="5" t="s">
        <v>40</v>
      </c>
      <c r="R11113" s="5" t="s">
        <v>24335</v>
      </c>
      <c r="S11113" s="5" t="s">
        <v>40</v>
      </c>
      <c r="T11113" s="5" t="s">
        <v>42</v>
      </c>
      <c r="U11113" s="2">
        <v>6.3440000000000003</v>
      </c>
      <c r="V11113" s="2">
        <v>4.1399999999999997</v>
      </c>
      <c r="W11113" s="2">
        <v>0.10299999999999999</v>
      </c>
      <c r="X11113" s="2">
        <v>12</v>
      </c>
      <c r="Y11113" s="2">
        <v>62</v>
      </c>
      <c r="Z11113" s="2">
        <v>137.9</v>
      </c>
      <c r="AA11113" s="5">
        <v>10</v>
      </c>
      <c r="AB11113" s="5" t="s">
        <v>43</v>
      </c>
      <c r="AC11113" s="5" t="s">
        <v>44</v>
      </c>
      <c r="AD11113" s="2" t="s">
        <v>33635</v>
      </c>
      <c r="AE11113" s="1"/>
    </row>
    <row r="11114" spans="1:31" ht="14.45">
      <c r="A11114" s="11"/>
      <c r="B11114" s="20"/>
      <c r="C11114" s="2" t="s">
        <v>34176</v>
      </c>
      <c r="D11114" s="14" t="s">
        <v>34177</v>
      </c>
      <c r="E11114" s="2" t="s">
        <v>34178</v>
      </c>
      <c r="F11114" s="2" t="s">
        <v>33634</v>
      </c>
      <c r="G11114" s="8">
        <v>175</v>
      </c>
      <c r="H11114" s="5">
        <v>5</v>
      </c>
      <c r="I11114" s="5" t="s">
        <v>69</v>
      </c>
      <c r="J11114" s="5" t="s">
        <v>27074</v>
      </c>
      <c r="K11114" s="2" t="s">
        <v>27075</v>
      </c>
      <c r="L11114" s="5" t="s">
        <v>27074</v>
      </c>
      <c r="M11114" s="2" t="s">
        <v>27075</v>
      </c>
      <c r="N11114" s="5" t="s">
        <v>24254</v>
      </c>
      <c r="O11114" s="5" t="s">
        <v>38</v>
      </c>
      <c r="P11114" s="5" t="s">
        <v>39</v>
      </c>
      <c r="Q11114" s="5" t="s">
        <v>40</v>
      </c>
      <c r="R11114" s="5" t="s">
        <v>24335</v>
      </c>
      <c r="S11114" s="5" t="s">
        <v>40</v>
      </c>
      <c r="T11114" s="5" t="s">
        <v>42</v>
      </c>
      <c r="U11114" s="2">
        <v>7.17</v>
      </c>
      <c r="V11114" s="2">
        <v>4.4509999999999996</v>
      </c>
      <c r="W11114" s="2">
        <v>0.10299999999999999</v>
      </c>
      <c r="X11114" s="2">
        <v>12</v>
      </c>
      <c r="Y11114" s="2">
        <v>62</v>
      </c>
      <c r="Z11114" s="2">
        <v>137.9</v>
      </c>
      <c r="AA11114" s="5">
        <v>10</v>
      </c>
      <c r="AB11114" s="5" t="s">
        <v>43</v>
      </c>
      <c r="AC11114" s="5" t="s">
        <v>44</v>
      </c>
      <c r="AD11114" s="2" t="s">
        <v>33639</v>
      </c>
      <c r="AE11114" s="1"/>
    </row>
    <row r="11115" spans="1:31" ht="14.45">
      <c r="A11115" s="11"/>
      <c r="B11115" s="20"/>
      <c r="C11115" s="2" t="s">
        <v>34179</v>
      </c>
      <c r="D11115" s="14" t="s">
        <v>34180</v>
      </c>
      <c r="E11115" s="2" t="s">
        <v>34181</v>
      </c>
      <c r="F11115" s="2" t="s">
        <v>33643</v>
      </c>
      <c r="G11115" s="8">
        <v>175</v>
      </c>
      <c r="H11115" s="5">
        <v>5</v>
      </c>
      <c r="I11115" s="5" t="s">
        <v>69</v>
      </c>
      <c r="J11115" s="5" t="s">
        <v>27074</v>
      </c>
      <c r="K11115" s="2" t="s">
        <v>27075</v>
      </c>
      <c r="L11115" s="5" t="s">
        <v>27074</v>
      </c>
      <c r="M11115" s="2" t="s">
        <v>27075</v>
      </c>
      <c r="N11115" s="5" t="s">
        <v>24254</v>
      </c>
      <c r="O11115" s="5" t="s">
        <v>38</v>
      </c>
      <c r="P11115" s="5" t="s">
        <v>39</v>
      </c>
      <c r="Q11115" s="5" t="s">
        <v>40</v>
      </c>
      <c r="R11115" s="5" t="s">
        <v>24335</v>
      </c>
      <c r="S11115" s="5" t="s">
        <v>40</v>
      </c>
      <c r="T11115" s="5" t="s">
        <v>42</v>
      </c>
      <c r="U11115" s="2">
        <v>5.4589999999999996</v>
      </c>
      <c r="V11115" s="2">
        <v>3.2549999999999999</v>
      </c>
      <c r="W11115" s="2">
        <v>0.10299999999999999</v>
      </c>
      <c r="X11115" s="2">
        <v>12</v>
      </c>
      <c r="Y11115" s="2">
        <v>62</v>
      </c>
      <c r="Z11115" s="2">
        <v>137.9</v>
      </c>
      <c r="AA11115" s="5">
        <v>10</v>
      </c>
      <c r="AB11115" s="5" t="s">
        <v>43</v>
      </c>
      <c r="AC11115" s="5" t="s">
        <v>44</v>
      </c>
      <c r="AD11115" s="2" t="s">
        <v>33644</v>
      </c>
      <c r="AE11115" s="1"/>
    </row>
    <row r="11116" spans="1:31" ht="14.45">
      <c r="A11116" s="11"/>
      <c r="B11116" s="20"/>
      <c r="C11116" s="2" t="s">
        <v>34182</v>
      </c>
      <c r="D11116" s="14" t="s">
        <v>34183</v>
      </c>
      <c r="E11116" s="2" t="s">
        <v>34184</v>
      </c>
      <c r="F11116" s="2" t="s">
        <v>33643</v>
      </c>
      <c r="G11116" s="8">
        <v>175</v>
      </c>
      <c r="H11116" s="5">
        <v>5</v>
      </c>
      <c r="I11116" s="5" t="s">
        <v>69</v>
      </c>
      <c r="J11116" s="5" t="s">
        <v>27074</v>
      </c>
      <c r="K11116" s="2" t="s">
        <v>27075</v>
      </c>
      <c r="L11116" s="5" t="s">
        <v>27074</v>
      </c>
      <c r="M11116" s="2" t="s">
        <v>27075</v>
      </c>
      <c r="N11116" s="5" t="s">
        <v>24254</v>
      </c>
      <c r="O11116" s="5" t="s">
        <v>38</v>
      </c>
      <c r="P11116" s="5" t="s">
        <v>39</v>
      </c>
      <c r="Q11116" s="5" t="s">
        <v>40</v>
      </c>
      <c r="R11116" s="5" t="s">
        <v>24335</v>
      </c>
      <c r="S11116" s="5" t="s">
        <v>40</v>
      </c>
      <c r="T11116" s="5" t="s">
        <v>42</v>
      </c>
      <c r="U11116" s="2">
        <v>6.3849999999999998</v>
      </c>
      <c r="V11116" s="2">
        <v>3.6659999999999999</v>
      </c>
      <c r="W11116" s="2">
        <v>0.10299999999999999</v>
      </c>
      <c r="X11116" s="2">
        <v>12</v>
      </c>
      <c r="Y11116" s="2">
        <v>62</v>
      </c>
      <c r="Z11116" s="2">
        <v>137.9</v>
      </c>
      <c r="AA11116" s="5">
        <v>10</v>
      </c>
      <c r="AB11116" s="5" t="s">
        <v>43</v>
      </c>
      <c r="AC11116" s="5" t="s">
        <v>44</v>
      </c>
      <c r="AD11116" s="2" t="s">
        <v>33648</v>
      </c>
      <c r="AE11116" s="1"/>
    </row>
    <row r="11117" spans="1:31" ht="14.45">
      <c r="A11117" s="11"/>
      <c r="B11117" s="20"/>
      <c r="C11117" s="2" t="s">
        <v>34185</v>
      </c>
      <c r="D11117" s="14" t="s">
        <v>34186</v>
      </c>
      <c r="E11117" s="2" t="s">
        <v>34187</v>
      </c>
      <c r="F11117" s="2" t="s">
        <v>33652</v>
      </c>
      <c r="G11117" s="8">
        <v>175</v>
      </c>
      <c r="H11117" s="5">
        <v>5</v>
      </c>
      <c r="I11117" s="5" t="s">
        <v>69</v>
      </c>
      <c r="J11117" s="5" t="s">
        <v>27074</v>
      </c>
      <c r="K11117" s="2" t="s">
        <v>27075</v>
      </c>
      <c r="L11117" s="5" t="s">
        <v>27074</v>
      </c>
      <c r="M11117" s="2" t="s">
        <v>27075</v>
      </c>
      <c r="N11117" s="5" t="s">
        <v>24254</v>
      </c>
      <c r="O11117" s="5" t="s">
        <v>38</v>
      </c>
      <c r="P11117" s="5" t="s">
        <v>39</v>
      </c>
      <c r="Q11117" s="5" t="s">
        <v>40</v>
      </c>
      <c r="R11117" s="5" t="s">
        <v>24335</v>
      </c>
      <c r="S11117" s="5" t="s">
        <v>40</v>
      </c>
      <c r="T11117" s="5" t="s">
        <v>42</v>
      </c>
      <c r="U11117" s="2">
        <v>5.9169999999999998</v>
      </c>
      <c r="V11117" s="2">
        <v>3.6339999999999999</v>
      </c>
      <c r="W11117" s="2">
        <v>0.10299999999999999</v>
      </c>
      <c r="X11117" s="2">
        <v>12</v>
      </c>
      <c r="Y11117" s="2">
        <v>62</v>
      </c>
      <c r="Z11117" s="2">
        <v>137.9</v>
      </c>
      <c r="AA11117" s="5">
        <v>10</v>
      </c>
      <c r="AB11117" s="5" t="s">
        <v>43</v>
      </c>
      <c r="AC11117" s="5" t="s">
        <v>44</v>
      </c>
      <c r="AD11117" s="2" t="s">
        <v>33644</v>
      </c>
      <c r="AE11117" s="1"/>
    </row>
    <row r="11118" spans="1:31" ht="14.45">
      <c r="A11118" s="11"/>
      <c r="B11118" s="20"/>
      <c r="C11118" s="2" t="s">
        <v>34188</v>
      </c>
      <c r="D11118" s="14" t="s">
        <v>34189</v>
      </c>
      <c r="E11118" s="2" t="s">
        <v>34190</v>
      </c>
      <c r="F11118" s="2" t="s">
        <v>33652</v>
      </c>
      <c r="G11118" s="8">
        <v>175</v>
      </c>
      <c r="H11118" s="5">
        <v>5</v>
      </c>
      <c r="I11118" s="5" t="s">
        <v>69</v>
      </c>
      <c r="J11118" s="5" t="s">
        <v>27074</v>
      </c>
      <c r="K11118" s="2" t="s">
        <v>27075</v>
      </c>
      <c r="L11118" s="5" t="s">
        <v>27074</v>
      </c>
      <c r="M11118" s="2" t="s">
        <v>27075</v>
      </c>
      <c r="N11118" s="5" t="s">
        <v>24254</v>
      </c>
      <c r="O11118" s="5" t="s">
        <v>38</v>
      </c>
      <c r="P11118" s="5" t="s">
        <v>39</v>
      </c>
      <c r="Q11118" s="5" t="s">
        <v>40</v>
      </c>
      <c r="R11118" s="5" t="s">
        <v>24335</v>
      </c>
      <c r="S11118" s="5" t="s">
        <v>40</v>
      </c>
      <c r="T11118" s="5" t="s">
        <v>42</v>
      </c>
      <c r="U11118" s="2">
        <v>6.7770000000000001</v>
      </c>
      <c r="V11118" s="2">
        <v>3.9790000000000001</v>
      </c>
      <c r="W11118" s="2">
        <v>0.10299999999999999</v>
      </c>
      <c r="X11118" s="2">
        <v>12</v>
      </c>
      <c r="Y11118" s="2">
        <v>62</v>
      </c>
      <c r="Z11118" s="2">
        <v>137.9</v>
      </c>
      <c r="AA11118" s="5">
        <v>10</v>
      </c>
      <c r="AB11118" s="5" t="s">
        <v>43</v>
      </c>
      <c r="AC11118" s="5" t="s">
        <v>44</v>
      </c>
      <c r="AD11118" s="2" t="s">
        <v>33648</v>
      </c>
      <c r="AE11118" s="1"/>
    </row>
    <row r="11119" spans="1:31" ht="14.45">
      <c r="A11119" s="11"/>
      <c r="B11119" s="20"/>
      <c r="C11119" s="2" t="s">
        <v>34191</v>
      </c>
      <c r="D11119" s="14" t="s">
        <v>34192</v>
      </c>
      <c r="E11119" s="2" t="s">
        <v>34193</v>
      </c>
      <c r="F11119" s="2" t="s">
        <v>33659</v>
      </c>
      <c r="G11119" s="8">
        <v>318</v>
      </c>
      <c r="H11119" s="5">
        <v>5</v>
      </c>
      <c r="I11119" s="5" t="s">
        <v>69</v>
      </c>
      <c r="J11119" s="5" t="s">
        <v>27074</v>
      </c>
      <c r="K11119" s="2" t="s">
        <v>27075</v>
      </c>
      <c r="L11119" s="5" t="s">
        <v>27074</v>
      </c>
      <c r="M11119" s="2" t="s">
        <v>27075</v>
      </c>
      <c r="N11119" s="5" t="s">
        <v>24254</v>
      </c>
      <c r="O11119" s="5" t="s">
        <v>38</v>
      </c>
      <c r="P11119" s="5" t="s">
        <v>39</v>
      </c>
      <c r="Q11119" s="5" t="s">
        <v>40</v>
      </c>
      <c r="R11119" s="5" t="s">
        <v>24335</v>
      </c>
      <c r="S11119" s="5" t="s">
        <v>40</v>
      </c>
      <c r="T11119" s="5" t="s">
        <v>42</v>
      </c>
      <c r="U11119" s="2">
        <v>15.961</v>
      </c>
      <c r="V11119" s="2">
        <v>13.602</v>
      </c>
      <c r="W11119" s="2">
        <v>0.2</v>
      </c>
      <c r="X11119" s="2">
        <v>15</v>
      </c>
      <c r="Y11119" s="2">
        <v>77</v>
      </c>
      <c r="Z11119" s="2">
        <v>173.4</v>
      </c>
      <c r="AA11119" s="5">
        <v>8</v>
      </c>
      <c r="AB11119" s="5" t="s">
        <v>43</v>
      </c>
      <c r="AC11119" s="5" t="s">
        <v>44</v>
      </c>
      <c r="AD11119" s="2" t="s">
        <v>33660</v>
      </c>
      <c r="AE11119" s="1"/>
    </row>
    <row r="11120" spans="1:31" ht="14.45">
      <c r="A11120" s="11"/>
      <c r="B11120" s="20"/>
      <c r="C11120" s="2" t="s">
        <v>34194</v>
      </c>
      <c r="D11120" s="14" t="s">
        <v>34195</v>
      </c>
      <c r="E11120" s="2" t="s">
        <v>34196</v>
      </c>
      <c r="F11120" s="2" t="s">
        <v>33664</v>
      </c>
      <c r="G11120" s="8">
        <v>326</v>
      </c>
      <c r="H11120" s="5">
        <v>10</v>
      </c>
      <c r="I11120" s="5" t="s">
        <v>69</v>
      </c>
      <c r="J11120" s="5" t="s">
        <v>27074</v>
      </c>
      <c r="K11120" s="2" t="s">
        <v>27075</v>
      </c>
      <c r="L11120" s="5" t="s">
        <v>27074</v>
      </c>
      <c r="M11120" s="2" t="s">
        <v>27075</v>
      </c>
      <c r="N11120" s="5" t="s">
        <v>24254</v>
      </c>
      <c r="O11120" s="5" t="s">
        <v>38</v>
      </c>
      <c r="P11120" s="5" t="s">
        <v>39</v>
      </c>
      <c r="Q11120" s="5" t="s">
        <v>40</v>
      </c>
      <c r="R11120" s="5" t="s">
        <v>24340</v>
      </c>
      <c r="S11120" s="5" t="s">
        <v>40</v>
      </c>
      <c r="T11120" s="5" t="s">
        <v>42</v>
      </c>
      <c r="U11120" s="2">
        <v>15.627000000000001</v>
      </c>
      <c r="V11120" s="2">
        <v>13.345000000000001</v>
      </c>
      <c r="W11120" s="2">
        <v>0.159</v>
      </c>
      <c r="X11120" s="2">
        <v>12</v>
      </c>
      <c r="Y11120" s="2">
        <v>62</v>
      </c>
      <c r="Z11120" s="2">
        <v>137.9</v>
      </c>
      <c r="AA11120" s="5">
        <v>8</v>
      </c>
      <c r="AB11120" s="5" t="s">
        <v>43</v>
      </c>
      <c r="AC11120" s="5" t="s">
        <v>44</v>
      </c>
      <c r="AD11120" s="2" t="s">
        <v>33665</v>
      </c>
      <c r="AE11120" s="1"/>
    </row>
    <row r="11121" spans="1:31" ht="14.45">
      <c r="A11121" s="11"/>
      <c r="B11121" s="20"/>
      <c r="C11121" s="2" t="s">
        <v>34197</v>
      </c>
      <c r="D11121" s="14" t="s">
        <v>34198</v>
      </c>
      <c r="E11121" s="2" t="s">
        <v>34199</v>
      </c>
      <c r="F11121" s="2" t="s">
        <v>33669</v>
      </c>
      <c r="G11121" s="8">
        <v>326</v>
      </c>
      <c r="H11121" s="5">
        <v>10</v>
      </c>
      <c r="I11121" s="5" t="s">
        <v>69</v>
      </c>
      <c r="J11121" s="5" t="s">
        <v>27074</v>
      </c>
      <c r="K11121" s="2" t="s">
        <v>27075</v>
      </c>
      <c r="L11121" s="5" t="s">
        <v>27074</v>
      </c>
      <c r="M11121" s="2" t="s">
        <v>27075</v>
      </c>
      <c r="N11121" s="5" t="s">
        <v>24254</v>
      </c>
      <c r="O11121" s="5" t="s">
        <v>38</v>
      </c>
      <c r="P11121" s="5" t="s">
        <v>39</v>
      </c>
      <c r="Q11121" s="5" t="s">
        <v>40</v>
      </c>
      <c r="R11121" s="5" t="s">
        <v>24340</v>
      </c>
      <c r="S11121" s="5" t="s">
        <v>40</v>
      </c>
      <c r="T11121" s="5" t="s">
        <v>42</v>
      </c>
      <c r="U11121" s="2">
        <v>12.92</v>
      </c>
      <c r="V11121" s="2">
        <v>10.638999999999999</v>
      </c>
      <c r="W11121" s="2">
        <v>0.128</v>
      </c>
      <c r="X11121" s="2">
        <v>12</v>
      </c>
      <c r="Y11121" s="2">
        <v>62</v>
      </c>
      <c r="Z11121" s="2">
        <v>137.9</v>
      </c>
      <c r="AA11121" s="5">
        <v>8</v>
      </c>
      <c r="AB11121" s="5" t="s">
        <v>43</v>
      </c>
      <c r="AC11121" s="5" t="s">
        <v>44</v>
      </c>
      <c r="AD11121" s="2" t="s">
        <v>33665</v>
      </c>
      <c r="AE11121" s="1"/>
    </row>
    <row r="11122" spans="1:31" ht="14.45">
      <c r="A11122" s="11"/>
      <c r="B11122" s="20"/>
      <c r="C11122" s="2" t="s">
        <v>34200</v>
      </c>
      <c r="D11122" s="14" t="s">
        <v>34201</v>
      </c>
      <c r="E11122" s="2" t="s">
        <v>34202</v>
      </c>
      <c r="F11122" s="2" t="s">
        <v>33673</v>
      </c>
      <c r="G11122" s="8">
        <v>326</v>
      </c>
      <c r="H11122" s="5">
        <v>10</v>
      </c>
      <c r="I11122" s="5" t="s">
        <v>69</v>
      </c>
      <c r="J11122" s="5" t="s">
        <v>27074</v>
      </c>
      <c r="K11122" s="2" t="s">
        <v>27075</v>
      </c>
      <c r="L11122" s="5" t="s">
        <v>27074</v>
      </c>
      <c r="M11122" s="2" t="s">
        <v>27075</v>
      </c>
      <c r="N11122" s="5" t="s">
        <v>24254</v>
      </c>
      <c r="O11122" s="5" t="s">
        <v>38</v>
      </c>
      <c r="P11122" s="5" t="s">
        <v>39</v>
      </c>
      <c r="Q11122" s="5" t="s">
        <v>40</v>
      </c>
      <c r="R11122" s="5" t="s">
        <v>24340</v>
      </c>
      <c r="S11122" s="5" t="s">
        <v>40</v>
      </c>
      <c r="T11122" s="5" t="s">
        <v>42</v>
      </c>
      <c r="U11122" s="2">
        <v>10.874000000000001</v>
      </c>
      <c r="V11122" s="2">
        <v>9.1199999999999992</v>
      </c>
      <c r="W11122" s="2">
        <v>8.8999999999999996E-2</v>
      </c>
      <c r="X11122" s="2">
        <v>12</v>
      </c>
      <c r="Y11122" s="2">
        <v>62</v>
      </c>
      <c r="Z11122" s="2">
        <v>119.4</v>
      </c>
      <c r="AA11122" s="5">
        <v>8</v>
      </c>
      <c r="AB11122" s="5" t="s">
        <v>43</v>
      </c>
      <c r="AC11122" s="5" t="s">
        <v>44</v>
      </c>
      <c r="AD11122" s="2" t="s">
        <v>33665</v>
      </c>
      <c r="AE11122" s="1"/>
    </row>
    <row r="11123" spans="1:31" ht="14.45">
      <c r="A11123" s="11"/>
      <c r="B11123" s="20"/>
      <c r="C11123" s="2" t="s">
        <v>34203</v>
      </c>
      <c r="D11123" s="14" t="s">
        <v>34204</v>
      </c>
      <c r="E11123" s="2" t="s">
        <v>34205</v>
      </c>
      <c r="F11123" s="2" t="s">
        <v>33677</v>
      </c>
      <c r="G11123" s="8">
        <v>326</v>
      </c>
      <c r="H11123" s="5">
        <v>10</v>
      </c>
      <c r="I11123" s="5" t="s">
        <v>69</v>
      </c>
      <c r="J11123" s="5" t="s">
        <v>27074</v>
      </c>
      <c r="K11123" s="2" t="s">
        <v>27075</v>
      </c>
      <c r="L11123" s="5" t="s">
        <v>27074</v>
      </c>
      <c r="M11123" s="2" t="s">
        <v>27075</v>
      </c>
      <c r="N11123" s="5" t="s">
        <v>24254</v>
      </c>
      <c r="O11123" s="5" t="s">
        <v>38</v>
      </c>
      <c r="P11123" s="5" t="s">
        <v>39</v>
      </c>
      <c r="Q11123" s="5" t="s">
        <v>40</v>
      </c>
      <c r="R11123" s="5" t="s">
        <v>24340</v>
      </c>
      <c r="S11123" s="5" t="s">
        <v>40</v>
      </c>
      <c r="T11123" s="5" t="s">
        <v>42</v>
      </c>
      <c r="U11123" s="2">
        <v>11.436999999999999</v>
      </c>
      <c r="V11123" s="2">
        <v>9.1869999999999994</v>
      </c>
      <c r="W11123" s="2">
        <v>0.10299999999999999</v>
      </c>
      <c r="X11123" s="2">
        <v>12</v>
      </c>
      <c r="Y11123" s="2">
        <v>62</v>
      </c>
      <c r="Z11123" s="2">
        <v>137.9</v>
      </c>
      <c r="AA11123" s="5">
        <v>10</v>
      </c>
      <c r="AB11123" s="5" t="s">
        <v>43</v>
      </c>
      <c r="AC11123" s="5" t="s">
        <v>44</v>
      </c>
      <c r="AD11123" s="2" t="s">
        <v>33950</v>
      </c>
      <c r="AE11123" s="1"/>
    </row>
    <row r="11124" spans="1:31" ht="14.45">
      <c r="A11124" s="11"/>
      <c r="B11124" s="20"/>
      <c r="C11124" s="2" t="s">
        <v>34206</v>
      </c>
      <c r="D11124" s="14" t="s">
        <v>34207</v>
      </c>
      <c r="E11124" s="2" t="s">
        <v>34208</v>
      </c>
      <c r="F11124" s="2" t="s">
        <v>33682</v>
      </c>
      <c r="G11124" s="8">
        <v>326</v>
      </c>
      <c r="H11124" s="5">
        <v>10</v>
      </c>
      <c r="I11124" s="5" t="s">
        <v>69</v>
      </c>
      <c r="J11124" s="5" t="s">
        <v>27074</v>
      </c>
      <c r="K11124" s="2" t="s">
        <v>27075</v>
      </c>
      <c r="L11124" s="5" t="s">
        <v>27074</v>
      </c>
      <c r="M11124" s="2" t="s">
        <v>27075</v>
      </c>
      <c r="N11124" s="5" t="s">
        <v>24254</v>
      </c>
      <c r="O11124" s="5" t="s">
        <v>38</v>
      </c>
      <c r="P11124" s="5" t="s">
        <v>39</v>
      </c>
      <c r="Q11124" s="5" t="s">
        <v>40</v>
      </c>
      <c r="R11124" s="5" t="s">
        <v>24340</v>
      </c>
      <c r="S11124" s="5" t="s">
        <v>40</v>
      </c>
      <c r="T11124" s="5" t="s">
        <v>42</v>
      </c>
      <c r="U11124" s="2">
        <v>9.1240000000000006</v>
      </c>
      <c r="V11124" s="2">
        <v>6.8739999999999997</v>
      </c>
      <c r="W11124" s="2">
        <v>0.10299999999999999</v>
      </c>
      <c r="X11124" s="2">
        <v>12</v>
      </c>
      <c r="Y11124" s="2">
        <v>62</v>
      </c>
      <c r="Z11124" s="2">
        <v>137.9</v>
      </c>
      <c r="AA11124" s="5">
        <v>10</v>
      </c>
      <c r="AB11124" s="5" t="s">
        <v>43</v>
      </c>
      <c r="AC11124" s="5" t="s">
        <v>44</v>
      </c>
      <c r="AD11124" s="2" t="s">
        <v>33688</v>
      </c>
      <c r="AE11124" s="1"/>
    </row>
    <row r="11125" spans="1:31" ht="14.45">
      <c r="A11125" s="11"/>
      <c r="B11125" s="20"/>
      <c r="C11125" s="2" t="s">
        <v>34209</v>
      </c>
      <c r="D11125" s="14" t="s">
        <v>34210</v>
      </c>
      <c r="E11125" s="2" t="s">
        <v>34211</v>
      </c>
      <c r="F11125" s="2" t="s">
        <v>33687</v>
      </c>
      <c r="G11125" s="8">
        <v>326</v>
      </c>
      <c r="H11125" s="5">
        <v>10</v>
      </c>
      <c r="I11125" s="5" t="s">
        <v>69</v>
      </c>
      <c r="J11125" s="5" t="s">
        <v>27074</v>
      </c>
      <c r="K11125" s="2" t="s">
        <v>27075</v>
      </c>
      <c r="L11125" s="5" t="s">
        <v>27074</v>
      </c>
      <c r="M11125" s="2" t="s">
        <v>27075</v>
      </c>
      <c r="N11125" s="5" t="s">
        <v>24254</v>
      </c>
      <c r="O11125" s="5" t="s">
        <v>38</v>
      </c>
      <c r="P11125" s="5" t="s">
        <v>39</v>
      </c>
      <c r="Q11125" s="5" t="s">
        <v>40</v>
      </c>
      <c r="R11125" s="5" t="s">
        <v>24340</v>
      </c>
      <c r="S11125" s="5" t="s">
        <v>40</v>
      </c>
      <c r="T11125" s="5" t="s">
        <v>42</v>
      </c>
      <c r="U11125" s="2">
        <v>9.1020000000000003</v>
      </c>
      <c r="V11125" s="2">
        <v>6.819</v>
      </c>
      <c r="W11125" s="2">
        <v>0.10299999999999999</v>
      </c>
      <c r="X11125" s="2">
        <v>12</v>
      </c>
      <c r="Y11125" s="2">
        <v>62</v>
      </c>
      <c r="Z11125" s="2">
        <v>137.9</v>
      </c>
      <c r="AA11125" s="5">
        <v>10</v>
      </c>
      <c r="AB11125" s="5" t="s">
        <v>43</v>
      </c>
      <c r="AC11125" s="5" t="s">
        <v>44</v>
      </c>
      <c r="AD11125" s="2" t="s">
        <v>33683</v>
      </c>
      <c r="AE11125" s="1"/>
    </row>
    <row r="11126" spans="1:31" ht="14.45">
      <c r="A11126" s="11"/>
      <c r="B11126" s="20"/>
      <c r="C11126" s="2" t="s">
        <v>34212</v>
      </c>
      <c r="D11126" s="14" t="s">
        <v>34213</v>
      </c>
      <c r="E11126" s="2" t="s">
        <v>34214</v>
      </c>
      <c r="F11126" s="2" t="s">
        <v>33687</v>
      </c>
      <c r="G11126" s="8">
        <v>326</v>
      </c>
      <c r="H11126" s="5">
        <v>10</v>
      </c>
      <c r="I11126" s="5" t="s">
        <v>69</v>
      </c>
      <c r="J11126" s="5" t="s">
        <v>27074</v>
      </c>
      <c r="K11126" s="2" t="s">
        <v>27075</v>
      </c>
      <c r="L11126" s="5" t="s">
        <v>27074</v>
      </c>
      <c r="M11126" s="2" t="s">
        <v>27075</v>
      </c>
      <c r="N11126" s="5" t="s">
        <v>24254</v>
      </c>
      <c r="O11126" s="5" t="s">
        <v>38</v>
      </c>
      <c r="P11126" s="5" t="s">
        <v>39</v>
      </c>
      <c r="Q11126" s="5" t="s">
        <v>40</v>
      </c>
      <c r="R11126" s="5" t="s">
        <v>24340</v>
      </c>
      <c r="S11126" s="5" t="s">
        <v>40</v>
      </c>
      <c r="T11126" s="5" t="s">
        <v>42</v>
      </c>
      <c r="U11126" s="2">
        <v>10.194000000000001</v>
      </c>
      <c r="V11126" s="2">
        <v>7.8650000000000002</v>
      </c>
      <c r="W11126" s="2">
        <v>0.10299999999999999</v>
      </c>
      <c r="X11126" s="2">
        <v>12</v>
      </c>
      <c r="Y11126" s="2">
        <v>62</v>
      </c>
      <c r="Z11126" s="2">
        <v>137.9</v>
      </c>
      <c r="AA11126" s="5">
        <v>10</v>
      </c>
      <c r="AB11126" s="5" t="s">
        <v>43</v>
      </c>
      <c r="AC11126" s="5" t="s">
        <v>44</v>
      </c>
      <c r="AD11126" s="2" t="s">
        <v>33688</v>
      </c>
      <c r="AE11126" s="1"/>
    </row>
    <row r="11127" spans="1:31" ht="14.45">
      <c r="A11127" s="11"/>
      <c r="B11127" s="20"/>
      <c r="C11127" s="2" t="s">
        <v>34215</v>
      </c>
      <c r="D11127" s="14" t="s">
        <v>34216</v>
      </c>
      <c r="E11127" s="2" t="s">
        <v>34217</v>
      </c>
      <c r="F11127" s="2" t="s">
        <v>33692</v>
      </c>
      <c r="G11127" s="8">
        <v>620</v>
      </c>
      <c r="H11127" s="5">
        <v>10</v>
      </c>
      <c r="I11127" s="5" t="s">
        <v>69</v>
      </c>
      <c r="J11127" s="5" t="s">
        <v>27074</v>
      </c>
      <c r="K11127" s="2" t="s">
        <v>27075</v>
      </c>
      <c r="L11127" s="5" t="s">
        <v>27074</v>
      </c>
      <c r="M11127" s="2" t="s">
        <v>27075</v>
      </c>
      <c r="N11127" s="5" t="s">
        <v>24254</v>
      </c>
      <c r="O11127" s="5" t="s">
        <v>38</v>
      </c>
      <c r="P11127" s="5" t="s">
        <v>39</v>
      </c>
      <c r="Q11127" s="5" t="s">
        <v>40</v>
      </c>
      <c r="R11127" s="5" t="s">
        <v>24340</v>
      </c>
      <c r="S11127" s="5" t="s">
        <v>40</v>
      </c>
      <c r="T11127" s="5" t="s">
        <v>42</v>
      </c>
      <c r="U11127" s="2">
        <v>20.460999999999999</v>
      </c>
      <c r="V11127" s="2">
        <v>18.113</v>
      </c>
      <c r="W11127" s="2">
        <v>0.2</v>
      </c>
      <c r="X11127" s="2">
        <v>15</v>
      </c>
      <c r="Y11127" s="2">
        <v>77</v>
      </c>
      <c r="Z11127" s="2">
        <v>173.4</v>
      </c>
      <c r="AA11127" s="5">
        <v>8</v>
      </c>
      <c r="AB11127" s="5" t="s">
        <v>43</v>
      </c>
      <c r="AC11127" s="5" t="s">
        <v>44</v>
      </c>
      <c r="AD11127" s="2" t="s">
        <v>33660</v>
      </c>
      <c r="AE11127" s="1"/>
    </row>
    <row r="11128" spans="1:31" ht="14.45">
      <c r="A11128" s="11"/>
      <c r="B11128" s="20"/>
      <c r="C11128" s="2" t="s">
        <v>34218</v>
      </c>
      <c r="D11128" s="14" t="s">
        <v>34219</v>
      </c>
      <c r="E11128" s="2" t="s">
        <v>34220</v>
      </c>
      <c r="F11128" s="2" t="s">
        <v>33696</v>
      </c>
      <c r="G11128" s="8">
        <v>326</v>
      </c>
      <c r="H11128" s="5">
        <v>10</v>
      </c>
      <c r="I11128" s="5" t="s">
        <v>69</v>
      </c>
      <c r="J11128" s="5" t="s">
        <v>27074</v>
      </c>
      <c r="K11128" s="2" t="s">
        <v>27075</v>
      </c>
      <c r="L11128" s="5" t="s">
        <v>27074</v>
      </c>
      <c r="M11128" s="2" t="s">
        <v>27075</v>
      </c>
      <c r="N11128" s="5" t="s">
        <v>24254</v>
      </c>
      <c r="O11128" s="5" t="s">
        <v>38</v>
      </c>
      <c r="P11128" s="5" t="s">
        <v>39</v>
      </c>
      <c r="Q11128" s="5" t="s">
        <v>40</v>
      </c>
      <c r="R11128" s="5" t="s">
        <v>25301</v>
      </c>
      <c r="S11128" s="5" t="s">
        <v>40</v>
      </c>
      <c r="T11128" s="5" t="s">
        <v>42</v>
      </c>
      <c r="U11128" s="2">
        <v>14.452</v>
      </c>
      <c r="V11128" s="2">
        <v>12.17</v>
      </c>
      <c r="W11128" s="2">
        <v>0.159</v>
      </c>
      <c r="X11128" s="2">
        <v>12</v>
      </c>
      <c r="Y11128" s="2">
        <v>62</v>
      </c>
      <c r="Z11128" s="2">
        <v>137.9</v>
      </c>
      <c r="AA11128" s="5">
        <v>8</v>
      </c>
      <c r="AB11128" s="5" t="s">
        <v>43</v>
      </c>
      <c r="AC11128" s="5" t="s">
        <v>44</v>
      </c>
      <c r="AD11128" s="2" t="s">
        <v>33697</v>
      </c>
      <c r="AE11128" s="1"/>
    </row>
    <row r="11129" spans="1:31" ht="14.45">
      <c r="A11129" s="11"/>
      <c r="B11129" s="20"/>
      <c r="C11129" s="2" t="s">
        <v>34221</v>
      </c>
      <c r="D11129" s="14" t="s">
        <v>34222</v>
      </c>
      <c r="E11129" s="2" t="s">
        <v>34223</v>
      </c>
      <c r="F11129" s="2" t="s">
        <v>33798</v>
      </c>
      <c r="G11129" s="8">
        <v>326</v>
      </c>
      <c r="H11129" s="5">
        <v>10</v>
      </c>
      <c r="I11129" s="5" t="s">
        <v>69</v>
      </c>
      <c r="J11129" s="5" t="s">
        <v>27074</v>
      </c>
      <c r="K11129" s="2" t="s">
        <v>27075</v>
      </c>
      <c r="L11129" s="5" t="s">
        <v>27074</v>
      </c>
      <c r="M11129" s="2" t="s">
        <v>27075</v>
      </c>
      <c r="N11129" s="5" t="s">
        <v>24254</v>
      </c>
      <c r="O11129" s="5" t="s">
        <v>38</v>
      </c>
      <c r="P11129" s="5" t="s">
        <v>39</v>
      </c>
      <c r="Q11129" s="5" t="s">
        <v>40</v>
      </c>
      <c r="R11129" s="5" t="s">
        <v>25301</v>
      </c>
      <c r="S11129" s="5" t="s">
        <v>40</v>
      </c>
      <c r="T11129" s="5" t="s">
        <v>42</v>
      </c>
      <c r="U11129" s="2">
        <v>12.051</v>
      </c>
      <c r="V11129" s="2">
        <v>9.77</v>
      </c>
      <c r="W11129" s="2">
        <v>0.10299999999999999</v>
      </c>
      <c r="X11129" s="2">
        <v>12</v>
      </c>
      <c r="Y11129" s="2">
        <v>62</v>
      </c>
      <c r="Z11129" s="2">
        <v>137.9</v>
      </c>
      <c r="AA11129" s="5">
        <v>8</v>
      </c>
      <c r="AB11129" s="5" t="s">
        <v>43</v>
      </c>
      <c r="AC11129" s="5" t="s">
        <v>44</v>
      </c>
      <c r="AD11129" s="2" t="s">
        <v>33697</v>
      </c>
      <c r="AE11129" s="1"/>
    </row>
    <row r="11130" spans="1:31" ht="14.45">
      <c r="A11130" s="11"/>
      <c r="B11130" s="20"/>
      <c r="C11130" s="2" t="s">
        <v>34224</v>
      </c>
      <c r="D11130" s="14" t="s">
        <v>34225</v>
      </c>
      <c r="E11130" s="2" t="s">
        <v>34226</v>
      </c>
      <c r="F11130" s="2" t="s">
        <v>33701</v>
      </c>
      <c r="G11130" s="8">
        <v>326</v>
      </c>
      <c r="H11130" s="5">
        <v>10</v>
      </c>
      <c r="I11130" s="5" t="s">
        <v>69</v>
      </c>
      <c r="J11130" s="5" t="s">
        <v>27074</v>
      </c>
      <c r="K11130" s="2" t="s">
        <v>27075</v>
      </c>
      <c r="L11130" s="5" t="s">
        <v>27074</v>
      </c>
      <c r="M11130" s="2" t="s">
        <v>27075</v>
      </c>
      <c r="N11130" s="5" t="s">
        <v>24254</v>
      </c>
      <c r="O11130" s="5" t="s">
        <v>38</v>
      </c>
      <c r="P11130" s="5" t="s">
        <v>39</v>
      </c>
      <c r="Q11130" s="5" t="s">
        <v>40</v>
      </c>
      <c r="R11130" s="5" t="s">
        <v>25301</v>
      </c>
      <c r="S11130" s="5" t="s">
        <v>40</v>
      </c>
      <c r="T11130" s="5" t="s">
        <v>42</v>
      </c>
      <c r="U11130" s="2">
        <v>10.164</v>
      </c>
      <c r="V11130" s="2">
        <v>8.41</v>
      </c>
      <c r="W11130" s="2">
        <v>8.8999999999999996E-2</v>
      </c>
      <c r="X11130" s="2">
        <v>12</v>
      </c>
      <c r="Y11130" s="2">
        <v>62</v>
      </c>
      <c r="Z11130" s="2">
        <v>119.4</v>
      </c>
      <c r="AA11130" s="5">
        <v>8</v>
      </c>
      <c r="AB11130" s="5" t="s">
        <v>43</v>
      </c>
      <c r="AC11130" s="5" t="s">
        <v>44</v>
      </c>
      <c r="AD11130" s="2" t="s">
        <v>33697</v>
      </c>
      <c r="AE11130" s="1"/>
    </row>
    <row r="11131" spans="1:31" ht="14.45">
      <c r="A11131" s="11"/>
      <c r="B11131" s="20"/>
      <c r="C11131" s="2" t="s">
        <v>34227</v>
      </c>
      <c r="D11131" s="14" t="s">
        <v>34228</v>
      </c>
      <c r="E11131" s="2" t="s">
        <v>34229</v>
      </c>
      <c r="F11131" s="2" t="s">
        <v>33710</v>
      </c>
      <c r="G11131" s="8">
        <v>648</v>
      </c>
      <c r="H11131" s="5">
        <v>5</v>
      </c>
      <c r="I11131" s="5" t="s">
        <v>69</v>
      </c>
      <c r="J11131" s="5" t="s">
        <v>27074</v>
      </c>
      <c r="K11131" s="2" t="s">
        <v>27075</v>
      </c>
      <c r="L11131" s="5" t="s">
        <v>27074</v>
      </c>
      <c r="M11131" s="2" t="s">
        <v>27075</v>
      </c>
      <c r="N11131" s="5" t="s">
        <v>24254</v>
      </c>
      <c r="O11131" s="5" t="s">
        <v>38</v>
      </c>
      <c r="P11131" s="5" t="s">
        <v>39</v>
      </c>
      <c r="Q11131" s="5" t="s">
        <v>40</v>
      </c>
      <c r="R11131" s="5" t="s">
        <v>1487</v>
      </c>
      <c r="S11131" s="5"/>
      <c r="T11131" s="5" t="s">
        <v>42</v>
      </c>
      <c r="U11131" s="2">
        <v>0</v>
      </c>
      <c r="V11131" s="2">
        <v>0</v>
      </c>
      <c r="W11131" s="2">
        <v>0</v>
      </c>
      <c r="X11131" s="2">
        <v>0</v>
      </c>
      <c r="Y11131" s="2">
        <v>0</v>
      </c>
      <c r="Z11131" s="2">
        <v>0</v>
      </c>
      <c r="AA11131" s="5"/>
      <c r="AB11131" s="5" t="s">
        <v>43</v>
      </c>
      <c r="AC11131" s="5" t="s">
        <v>44</v>
      </c>
      <c r="AD11131" s="2" t="s">
        <v>33711</v>
      </c>
      <c r="AE11131" s="1"/>
    </row>
    <row r="11132" spans="1:31" ht="14.45">
      <c r="A11132" s="11"/>
      <c r="B11132" s="20"/>
      <c r="C11132" s="2" t="s">
        <v>34230</v>
      </c>
      <c r="D11132" s="14" t="s">
        <v>34231</v>
      </c>
      <c r="E11132" s="2" t="s">
        <v>34232</v>
      </c>
      <c r="F11132" s="2" t="s">
        <v>33715</v>
      </c>
      <c r="G11132" s="8">
        <v>648</v>
      </c>
      <c r="H11132" s="5">
        <v>15</v>
      </c>
      <c r="I11132" s="5" t="s">
        <v>69</v>
      </c>
      <c r="J11132" s="5" t="s">
        <v>27074</v>
      </c>
      <c r="K11132" s="2" t="s">
        <v>27075</v>
      </c>
      <c r="L11132" s="5" t="s">
        <v>27074</v>
      </c>
      <c r="M11132" s="2" t="s">
        <v>27075</v>
      </c>
      <c r="N11132" s="5" t="s">
        <v>24254</v>
      </c>
      <c r="O11132" s="5" t="s">
        <v>38</v>
      </c>
      <c r="P11132" s="5" t="s">
        <v>39</v>
      </c>
      <c r="Q11132" s="5" t="s">
        <v>40</v>
      </c>
      <c r="R11132" s="5" t="s">
        <v>1487</v>
      </c>
      <c r="S11132" s="5"/>
      <c r="T11132" s="5" t="s">
        <v>42</v>
      </c>
      <c r="U11132" s="2">
        <v>0</v>
      </c>
      <c r="V11132" s="2">
        <v>0</v>
      </c>
      <c r="W11132" s="2">
        <v>0</v>
      </c>
      <c r="X11132" s="2">
        <v>0</v>
      </c>
      <c r="Y11132" s="2">
        <v>0</v>
      </c>
      <c r="Z11132" s="2">
        <v>0</v>
      </c>
      <c r="AA11132" s="5"/>
      <c r="AB11132" s="5" t="s">
        <v>43</v>
      </c>
      <c r="AC11132" s="5" t="s">
        <v>44</v>
      </c>
      <c r="AD11132" s="2" t="s">
        <v>33716</v>
      </c>
      <c r="AE11132" s="1"/>
    </row>
    <row r="11133" spans="1:31" ht="14.45">
      <c r="A11133" s="11"/>
      <c r="B11133" s="20"/>
      <c r="C11133" s="2" t="s">
        <v>34233</v>
      </c>
      <c r="D11133" s="14" t="s">
        <v>34234</v>
      </c>
      <c r="E11133" s="2" t="s">
        <v>34235</v>
      </c>
      <c r="F11133" s="2" t="s">
        <v>33720</v>
      </c>
      <c r="G11133" s="8">
        <v>1083</v>
      </c>
      <c r="H11133" s="5">
        <v>15</v>
      </c>
      <c r="I11133" s="5" t="s">
        <v>69</v>
      </c>
      <c r="J11133" s="5" t="s">
        <v>27074</v>
      </c>
      <c r="K11133" s="2" t="s">
        <v>27075</v>
      </c>
      <c r="L11133" s="5" t="s">
        <v>27074</v>
      </c>
      <c r="M11133" s="2" t="s">
        <v>27075</v>
      </c>
      <c r="N11133" s="5" t="s">
        <v>24254</v>
      </c>
      <c r="O11133" s="5" t="s">
        <v>38</v>
      </c>
      <c r="P11133" s="5" t="s">
        <v>39</v>
      </c>
      <c r="Q11133" s="5" t="s">
        <v>40</v>
      </c>
      <c r="R11133" s="5" t="s">
        <v>1487</v>
      </c>
      <c r="S11133" s="5"/>
      <c r="T11133" s="5" t="s">
        <v>42</v>
      </c>
      <c r="U11133" s="2">
        <v>0</v>
      </c>
      <c r="V11133" s="2">
        <v>0</v>
      </c>
      <c r="W11133" s="2">
        <v>0</v>
      </c>
      <c r="X11133" s="2">
        <v>0</v>
      </c>
      <c r="Y11133" s="2">
        <v>0</v>
      </c>
      <c r="Z11133" s="2">
        <v>0</v>
      </c>
      <c r="AA11133" s="5"/>
      <c r="AB11133" s="5" t="s">
        <v>43</v>
      </c>
      <c r="AC11133" s="5" t="s">
        <v>44</v>
      </c>
      <c r="AD11133" s="2" t="s">
        <v>33721</v>
      </c>
      <c r="AE11133" s="1"/>
    </row>
    <row r="11134" spans="1:31" ht="14.45">
      <c r="A11134" s="11"/>
      <c r="B11134" s="20"/>
      <c r="C11134" s="2" t="s">
        <v>34236</v>
      </c>
      <c r="D11134" s="14" t="s">
        <v>34237</v>
      </c>
      <c r="E11134" s="2" t="s">
        <v>34238</v>
      </c>
      <c r="F11134" s="2" t="s">
        <v>33725</v>
      </c>
      <c r="G11134" s="8">
        <v>1083</v>
      </c>
      <c r="H11134" s="5">
        <v>15</v>
      </c>
      <c r="I11134" s="5" t="s">
        <v>69</v>
      </c>
      <c r="J11134" s="5" t="s">
        <v>27074</v>
      </c>
      <c r="K11134" s="2" t="s">
        <v>27075</v>
      </c>
      <c r="L11134" s="5" t="s">
        <v>27074</v>
      </c>
      <c r="M11134" s="2" t="s">
        <v>27075</v>
      </c>
      <c r="N11134" s="5" t="s">
        <v>24254</v>
      </c>
      <c r="O11134" s="5" t="s">
        <v>38</v>
      </c>
      <c r="P11134" s="5" t="s">
        <v>39</v>
      </c>
      <c r="Q11134" s="5" t="s">
        <v>40</v>
      </c>
      <c r="R11134" s="5" t="s">
        <v>1487</v>
      </c>
      <c r="S11134" s="5"/>
      <c r="T11134" s="5" t="s">
        <v>42</v>
      </c>
      <c r="U11134" s="2">
        <v>0</v>
      </c>
      <c r="V11134" s="2">
        <v>0</v>
      </c>
      <c r="W11134" s="2">
        <v>0</v>
      </c>
      <c r="X11134" s="2">
        <v>0</v>
      </c>
      <c r="Y11134" s="2">
        <v>0</v>
      </c>
      <c r="Z11134" s="2">
        <v>0</v>
      </c>
      <c r="AA11134" s="5"/>
      <c r="AB11134" s="5" t="s">
        <v>43</v>
      </c>
      <c r="AC11134" s="5" t="s">
        <v>44</v>
      </c>
      <c r="AD11134" s="2" t="s">
        <v>33726</v>
      </c>
      <c r="AE11134" s="1"/>
    </row>
    <row r="11135" spans="1:31" ht="14.45">
      <c r="A11135" s="11"/>
      <c r="B11135" s="20"/>
      <c r="C11135" s="2" t="s">
        <v>34239</v>
      </c>
      <c r="D11135" s="14" t="s">
        <v>34240</v>
      </c>
      <c r="E11135" s="2" t="s">
        <v>34241</v>
      </c>
      <c r="F11135" s="2" t="s">
        <v>33730</v>
      </c>
      <c r="G11135" s="8">
        <v>950</v>
      </c>
      <c r="H11135" s="5">
        <v>10</v>
      </c>
      <c r="I11135" s="5" t="s">
        <v>69</v>
      </c>
      <c r="J11135" s="5" t="s">
        <v>27074</v>
      </c>
      <c r="K11135" s="2" t="s">
        <v>27075</v>
      </c>
      <c r="L11135" s="5" t="s">
        <v>27074</v>
      </c>
      <c r="M11135" s="2" t="s">
        <v>27075</v>
      </c>
      <c r="N11135" s="5" t="s">
        <v>24254</v>
      </c>
      <c r="O11135" s="5" t="s">
        <v>38</v>
      </c>
      <c r="P11135" s="5" t="s">
        <v>39</v>
      </c>
      <c r="Q11135" s="5" t="s">
        <v>40</v>
      </c>
      <c r="R11135" s="5" t="s">
        <v>1487</v>
      </c>
      <c r="S11135" s="5"/>
      <c r="T11135" s="5" t="s">
        <v>42</v>
      </c>
      <c r="U11135" s="2">
        <v>0</v>
      </c>
      <c r="V11135" s="2">
        <v>0</v>
      </c>
      <c r="W11135" s="2">
        <v>0</v>
      </c>
      <c r="X11135" s="2">
        <v>0</v>
      </c>
      <c r="Y11135" s="2">
        <v>0</v>
      </c>
      <c r="Z11135" s="2">
        <v>0</v>
      </c>
      <c r="AA11135" s="5"/>
      <c r="AB11135" s="5" t="s">
        <v>43</v>
      </c>
      <c r="AC11135" s="5" t="s">
        <v>44</v>
      </c>
      <c r="AD11135" s="2"/>
      <c r="AE11135" s="1"/>
    </row>
    <row r="11136" spans="1:31" ht="14.45">
      <c r="A11136" s="11"/>
      <c r="B11136" s="20"/>
      <c r="C11136" s="2" t="s">
        <v>34242</v>
      </c>
      <c r="D11136" s="14" t="s">
        <v>34243</v>
      </c>
      <c r="E11136" s="2" t="s">
        <v>34244</v>
      </c>
      <c r="F11136" s="2" t="s">
        <v>33734</v>
      </c>
      <c r="G11136" s="8">
        <v>950</v>
      </c>
      <c r="H11136" s="5">
        <v>15</v>
      </c>
      <c r="I11136" s="5" t="s">
        <v>69</v>
      </c>
      <c r="J11136" s="5" t="s">
        <v>27074</v>
      </c>
      <c r="K11136" s="2" t="s">
        <v>27075</v>
      </c>
      <c r="L11136" s="5" t="s">
        <v>27074</v>
      </c>
      <c r="M11136" s="2" t="s">
        <v>27075</v>
      </c>
      <c r="N11136" s="5" t="s">
        <v>24254</v>
      </c>
      <c r="O11136" s="5" t="s">
        <v>38</v>
      </c>
      <c r="P11136" s="5" t="s">
        <v>39</v>
      </c>
      <c r="Q11136" s="5" t="s">
        <v>40</v>
      </c>
      <c r="R11136" s="5" t="s">
        <v>1487</v>
      </c>
      <c r="S11136" s="5"/>
      <c r="T11136" s="5" t="s">
        <v>42</v>
      </c>
      <c r="U11136" s="2">
        <v>0</v>
      </c>
      <c r="V11136" s="2">
        <v>0</v>
      </c>
      <c r="W11136" s="2">
        <v>0</v>
      </c>
      <c r="X11136" s="2">
        <v>0</v>
      </c>
      <c r="Y11136" s="2">
        <v>0</v>
      </c>
      <c r="Z11136" s="2">
        <v>0</v>
      </c>
      <c r="AA11136" s="5"/>
      <c r="AB11136" s="5" t="s">
        <v>43</v>
      </c>
      <c r="AC11136" s="5" t="s">
        <v>44</v>
      </c>
      <c r="AD11136" s="2"/>
      <c r="AE11136" s="1"/>
    </row>
    <row r="11137" spans="1:31" ht="14.45">
      <c r="A11137" s="11"/>
      <c r="B11137" s="20"/>
      <c r="C11137" s="2" t="s">
        <v>34245</v>
      </c>
      <c r="D11137" s="14" t="s">
        <v>34246</v>
      </c>
      <c r="E11137" s="2" t="s">
        <v>34247</v>
      </c>
      <c r="F11137" s="2" t="s">
        <v>34248</v>
      </c>
      <c r="G11137" s="8">
        <v>135</v>
      </c>
      <c r="H11137" s="5">
        <v>5</v>
      </c>
      <c r="I11137" s="5" t="s">
        <v>69</v>
      </c>
      <c r="J11137" s="5" t="s">
        <v>27074</v>
      </c>
      <c r="K11137" s="2" t="s">
        <v>27075</v>
      </c>
      <c r="L11137" s="5" t="s">
        <v>27074</v>
      </c>
      <c r="M11137" s="2" t="s">
        <v>27075</v>
      </c>
      <c r="N11137" s="5" t="s">
        <v>24254</v>
      </c>
      <c r="O11137" s="5" t="s">
        <v>38</v>
      </c>
      <c r="P11137" s="5" t="s">
        <v>39</v>
      </c>
      <c r="Q11137" s="5" t="s">
        <v>40</v>
      </c>
      <c r="R11137" s="5" t="s">
        <v>24335</v>
      </c>
      <c r="S11137" s="5" t="s">
        <v>40</v>
      </c>
      <c r="T11137" s="5" t="s">
        <v>42</v>
      </c>
      <c r="U11137" s="2">
        <v>7.1829999999999998</v>
      </c>
      <c r="V11137" s="2">
        <v>5.3609999999999998</v>
      </c>
      <c r="W11137" s="2">
        <v>0.104</v>
      </c>
      <c r="X11137" s="2">
        <v>12</v>
      </c>
      <c r="Y11137" s="2">
        <v>50</v>
      </c>
      <c r="Z11137" s="2">
        <v>173.9</v>
      </c>
      <c r="AA11137" s="5">
        <v>8</v>
      </c>
      <c r="AB11137" s="5" t="s">
        <v>43</v>
      </c>
      <c r="AC11137" s="5" t="s">
        <v>44</v>
      </c>
      <c r="AD11137" s="2" t="s">
        <v>34249</v>
      </c>
      <c r="AE11137" s="1"/>
    </row>
    <row r="11138" spans="1:31" ht="14.45">
      <c r="A11138" s="11"/>
      <c r="B11138" s="20"/>
      <c r="C11138" s="2" t="s">
        <v>34250</v>
      </c>
      <c r="D11138" s="14" t="s">
        <v>34251</v>
      </c>
      <c r="E11138" s="2" t="s">
        <v>34252</v>
      </c>
      <c r="F11138" s="2" t="s">
        <v>33616</v>
      </c>
      <c r="G11138" s="8">
        <v>246</v>
      </c>
      <c r="H11138" s="5">
        <v>5</v>
      </c>
      <c r="I11138" s="5" t="s">
        <v>69</v>
      </c>
      <c r="J11138" s="5" t="s">
        <v>27074</v>
      </c>
      <c r="K11138" s="2" t="s">
        <v>27075</v>
      </c>
      <c r="L11138" s="5" t="s">
        <v>27074</v>
      </c>
      <c r="M11138" s="2" t="s">
        <v>27075</v>
      </c>
      <c r="N11138" s="5" t="s">
        <v>24254</v>
      </c>
      <c r="O11138" s="5" t="s">
        <v>38</v>
      </c>
      <c r="P11138" s="5" t="s">
        <v>39</v>
      </c>
      <c r="Q11138" s="5" t="s">
        <v>40</v>
      </c>
      <c r="R11138" s="5" t="s">
        <v>24335</v>
      </c>
      <c r="S11138" s="5" t="s">
        <v>40</v>
      </c>
      <c r="T11138" s="5" t="s">
        <v>42</v>
      </c>
      <c r="U11138" s="2">
        <v>13.788</v>
      </c>
      <c r="V11138" s="2">
        <v>11.526999999999999</v>
      </c>
      <c r="W11138" s="2">
        <v>0.16</v>
      </c>
      <c r="X11138" s="2">
        <v>12</v>
      </c>
      <c r="Y11138" s="2">
        <v>77</v>
      </c>
      <c r="Z11138" s="2">
        <v>173.4</v>
      </c>
      <c r="AA11138" s="5">
        <v>8</v>
      </c>
      <c r="AB11138" s="5" t="s">
        <v>43</v>
      </c>
      <c r="AC11138" s="5" t="s">
        <v>44</v>
      </c>
      <c r="AD11138" s="2" t="s">
        <v>33617</v>
      </c>
      <c r="AE11138" s="1"/>
    </row>
    <row r="11139" spans="1:31" ht="14.45">
      <c r="A11139" s="11"/>
      <c r="B11139" s="20"/>
      <c r="C11139" s="2" t="s">
        <v>34253</v>
      </c>
      <c r="D11139" s="14" t="s">
        <v>34254</v>
      </c>
      <c r="E11139" s="2" t="s">
        <v>34255</v>
      </c>
      <c r="F11139" s="2" t="s">
        <v>33621</v>
      </c>
      <c r="G11139" s="8">
        <v>185</v>
      </c>
      <c r="H11139" s="5">
        <v>10</v>
      </c>
      <c r="I11139" s="5" t="s">
        <v>69</v>
      </c>
      <c r="J11139" s="5" t="s">
        <v>27074</v>
      </c>
      <c r="K11139" s="2" t="s">
        <v>27075</v>
      </c>
      <c r="L11139" s="5" t="s">
        <v>27074</v>
      </c>
      <c r="M11139" s="2" t="s">
        <v>27075</v>
      </c>
      <c r="N11139" s="5" t="s">
        <v>24254</v>
      </c>
      <c r="O11139" s="5" t="s">
        <v>38</v>
      </c>
      <c r="P11139" s="5" t="s">
        <v>39</v>
      </c>
      <c r="Q11139" s="5" t="s">
        <v>40</v>
      </c>
      <c r="R11139" s="5" t="s">
        <v>24335</v>
      </c>
      <c r="S11139" s="5" t="s">
        <v>40</v>
      </c>
      <c r="T11139" s="5" t="s">
        <v>42</v>
      </c>
      <c r="U11139" s="2">
        <v>10.988</v>
      </c>
      <c r="V11139" s="2">
        <v>8.7149999999999999</v>
      </c>
      <c r="W11139" s="2">
        <v>0.185</v>
      </c>
      <c r="X11139" s="2">
        <v>12</v>
      </c>
      <c r="Y11139" s="2">
        <v>62</v>
      </c>
      <c r="Z11139" s="2">
        <v>159.9</v>
      </c>
      <c r="AA11139" s="5">
        <v>8</v>
      </c>
      <c r="AB11139" s="5" t="s">
        <v>43</v>
      </c>
      <c r="AC11139" s="5" t="s">
        <v>44</v>
      </c>
      <c r="AD11139" s="2" t="s">
        <v>33622</v>
      </c>
      <c r="AE11139" s="1"/>
    </row>
    <row r="11140" spans="1:31" ht="14.45">
      <c r="A11140" s="11"/>
      <c r="B11140" s="20"/>
      <c r="C11140" s="2" t="s">
        <v>34256</v>
      </c>
      <c r="D11140" s="14" t="s">
        <v>34257</v>
      </c>
      <c r="E11140" s="2" t="s">
        <v>34258</v>
      </c>
      <c r="F11140" s="2" t="s">
        <v>33626</v>
      </c>
      <c r="G11140" s="8">
        <v>185</v>
      </c>
      <c r="H11140" s="5">
        <v>5</v>
      </c>
      <c r="I11140" s="5" t="s">
        <v>69</v>
      </c>
      <c r="J11140" s="5" t="s">
        <v>27074</v>
      </c>
      <c r="K11140" s="2" t="s">
        <v>27075</v>
      </c>
      <c r="L11140" s="5" t="s">
        <v>27074</v>
      </c>
      <c r="M11140" s="2" t="s">
        <v>27075</v>
      </c>
      <c r="N11140" s="5" t="s">
        <v>24254</v>
      </c>
      <c r="O11140" s="5" t="s">
        <v>38</v>
      </c>
      <c r="P11140" s="5" t="s">
        <v>39</v>
      </c>
      <c r="Q11140" s="5" t="s">
        <v>40</v>
      </c>
      <c r="R11140" s="5" t="s">
        <v>24335</v>
      </c>
      <c r="S11140" s="5" t="s">
        <v>40</v>
      </c>
      <c r="T11140" s="5" t="s">
        <v>42</v>
      </c>
      <c r="U11140" s="2">
        <v>8.6959999999999997</v>
      </c>
      <c r="V11140" s="2">
        <v>6.8070000000000004</v>
      </c>
      <c r="W11140" s="2">
        <v>0.11899999999999999</v>
      </c>
      <c r="X11140" s="2">
        <v>12</v>
      </c>
      <c r="Y11140" s="2">
        <v>62</v>
      </c>
      <c r="Z11140" s="2">
        <v>159.9</v>
      </c>
      <c r="AA11140" s="5">
        <v>8</v>
      </c>
      <c r="AB11140" s="5" t="s">
        <v>43</v>
      </c>
      <c r="AC11140" s="5" t="s">
        <v>44</v>
      </c>
      <c r="AD11140" s="2" t="s">
        <v>33622</v>
      </c>
      <c r="AE11140" s="1"/>
    </row>
    <row r="11141" spans="1:31" ht="14.45">
      <c r="A11141" s="11"/>
      <c r="B11141" s="20"/>
      <c r="C11141" s="2" t="s">
        <v>34259</v>
      </c>
      <c r="D11141" s="14" t="s">
        <v>34260</v>
      </c>
      <c r="E11141" s="2" t="s">
        <v>34261</v>
      </c>
      <c r="F11141" s="2" t="s">
        <v>33630</v>
      </c>
      <c r="G11141" s="8">
        <v>185</v>
      </c>
      <c r="H11141" s="5">
        <v>10</v>
      </c>
      <c r="I11141" s="5" t="s">
        <v>69</v>
      </c>
      <c r="J11141" s="5" t="s">
        <v>27074</v>
      </c>
      <c r="K11141" s="2" t="s">
        <v>27075</v>
      </c>
      <c r="L11141" s="5" t="s">
        <v>27074</v>
      </c>
      <c r="M11141" s="2" t="s">
        <v>27075</v>
      </c>
      <c r="N11141" s="5" t="s">
        <v>24254</v>
      </c>
      <c r="O11141" s="5" t="s">
        <v>38</v>
      </c>
      <c r="P11141" s="5" t="s">
        <v>39</v>
      </c>
      <c r="Q11141" s="5" t="s">
        <v>40</v>
      </c>
      <c r="R11141" s="5" t="s">
        <v>24335</v>
      </c>
      <c r="S11141" s="5" t="s">
        <v>40</v>
      </c>
      <c r="T11141" s="5" t="s">
        <v>42</v>
      </c>
      <c r="U11141" s="2">
        <v>8.2289999999999992</v>
      </c>
      <c r="V11141" s="2">
        <v>5.9809999999999999</v>
      </c>
      <c r="W11141" s="2">
        <v>0.10299999999999999</v>
      </c>
      <c r="X11141" s="2">
        <v>12</v>
      </c>
      <c r="Y11141" s="2">
        <v>62</v>
      </c>
      <c r="Z11141" s="2">
        <v>137.9</v>
      </c>
      <c r="AA11141" s="5">
        <v>8</v>
      </c>
      <c r="AB11141" s="5" t="s">
        <v>43</v>
      </c>
      <c r="AC11141" s="5" t="s">
        <v>44</v>
      </c>
      <c r="AD11141" s="2" t="s">
        <v>33622</v>
      </c>
      <c r="AE11141" s="1"/>
    </row>
    <row r="11142" spans="1:31" ht="14.45">
      <c r="A11142" s="11"/>
      <c r="B11142" s="20"/>
      <c r="C11142" s="2" t="s">
        <v>34262</v>
      </c>
      <c r="D11142" s="14" t="s">
        <v>34263</v>
      </c>
      <c r="E11142" s="2" t="s">
        <v>34264</v>
      </c>
      <c r="F11142" s="2" t="s">
        <v>33634</v>
      </c>
      <c r="G11142" s="8">
        <v>185</v>
      </c>
      <c r="H11142" s="5">
        <v>5</v>
      </c>
      <c r="I11142" s="5" t="s">
        <v>69</v>
      </c>
      <c r="J11142" s="5" t="s">
        <v>27074</v>
      </c>
      <c r="K11142" s="2" t="s">
        <v>27075</v>
      </c>
      <c r="L11142" s="5" t="s">
        <v>27074</v>
      </c>
      <c r="M11142" s="2" t="s">
        <v>27075</v>
      </c>
      <c r="N11142" s="5" t="s">
        <v>24254</v>
      </c>
      <c r="O11142" s="5" t="s">
        <v>38</v>
      </c>
      <c r="P11142" s="5" t="s">
        <v>39</v>
      </c>
      <c r="Q11142" s="5" t="s">
        <v>40</v>
      </c>
      <c r="R11142" s="5" t="s">
        <v>24335</v>
      </c>
      <c r="S11142" s="5" t="s">
        <v>40</v>
      </c>
      <c r="T11142" s="5" t="s">
        <v>42</v>
      </c>
      <c r="U11142" s="2">
        <v>7.2690000000000001</v>
      </c>
      <c r="V11142" s="2">
        <v>4.5960000000000001</v>
      </c>
      <c r="W11142" s="2">
        <v>0.11899999999999999</v>
      </c>
      <c r="X11142" s="2">
        <v>12</v>
      </c>
      <c r="Y11142" s="2">
        <v>62</v>
      </c>
      <c r="Z11142" s="2">
        <v>159.9</v>
      </c>
      <c r="AA11142" s="5">
        <v>10</v>
      </c>
      <c r="AB11142" s="5" t="s">
        <v>43</v>
      </c>
      <c r="AC11142" s="5" t="s">
        <v>44</v>
      </c>
      <c r="AD11142" s="2" t="s">
        <v>33635</v>
      </c>
      <c r="AE11142" s="1"/>
    </row>
    <row r="11143" spans="1:31" ht="14.45">
      <c r="A11143" s="11"/>
      <c r="B11143" s="20"/>
      <c r="C11143" s="2" t="s">
        <v>34265</v>
      </c>
      <c r="D11143" s="14" t="s">
        <v>34266</v>
      </c>
      <c r="E11143" s="2" t="s">
        <v>34267</v>
      </c>
      <c r="F11143" s="2" t="s">
        <v>33634</v>
      </c>
      <c r="G11143" s="8">
        <v>185</v>
      </c>
      <c r="H11143" s="5">
        <v>5</v>
      </c>
      <c r="I11143" s="5" t="s">
        <v>69</v>
      </c>
      <c r="J11143" s="5" t="s">
        <v>27074</v>
      </c>
      <c r="K11143" s="2" t="s">
        <v>27075</v>
      </c>
      <c r="L11143" s="5" t="s">
        <v>27074</v>
      </c>
      <c r="M11143" s="2" t="s">
        <v>27075</v>
      </c>
      <c r="N11143" s="5" t="s">
        <v>24254</v>
      </c>
      <c r="O11143" s="5" t="s">
        <v>38</v>
      </c>
      <c r="P11143" s="5" t="s">
        <v>39</v>
      </c>
      <c r="Q11143" s="5" t="s">
        <v>40</v>
      </c>
      <c r="R11143" s="5" t="s">
        <v>24335</v>
      </c>
      <c r="S11143" s="5" t="s">
        <v>40</v>
      </c>
      <c r="T11143" s="5" t="s">
        <v>42</v>
      </c>
      <c r="U11143" s="2">
        <v>7.6269999999999998</v>
      </c>
      <c r="V11143" s="2">
        <v>4.9080000000000004</v>
      </c>
      <c r="W11143" s="2">
        <v>0.11899999999999999</v>
      </c>
      <c r="X11143" s="2">
        <v>12</v>
      </c>
      <c r="Y11143" s="2">
        <v>62</v>
      </c>
      <c r="Z11143" s="2">
        <v>159.9</v>
      </c>
      <c r="AA11143" s="5">
        <v>10</v>
      </c>
      <c r="AB11143" s="5" t="s">
        <v>43</v>
      </c>
      <c r="AC11143" s="5" t="s">
        <v>44</v>
      </c>
      <c r="AD11143" s="2" t="s">
        <v>33639</v>
      </c>
      <c r="AE11143" s="1"/>
    </row>
    <row r="11144" spans="1:31" ht="14.45">
      <c r="A11144" s="11"/>
      <c r="B11144" s="20"/>
      <c r="C11144" s="2" t="s">
        <v>34268</v>
      </c>
      <c r="D11144" s="14" t="s">
        <v>34269</v>
      </c>
      <c r="E11144" s="2" t="s">
        <v>34270</v>
      </c>
      <c r="F11144" s="2" t="s">
        <v>33643</v>
      </c>
      <c r="G11144" s="8">
        <v>185</v>
      </c>
      <c r="H11144" s="5">
        <v>5</v>
      </c>
      <c r="I11144" s="5" t="s">
        <v>69</v>
      </c>
      <c r="J11144" s="5" t="s">
        <v>27074</v>
      </c>
      <c r="K11144" s="2" t="s">
        <v>27075</v>
      </c>
      <c r="L11144" s="5" t="s">
        <v>27074</v>
      </c>
      <c r="M11144" s="2" t="s">
        <v>27075</v>
      </c>
      <c r="N11144" s="5" t="s">
        <v>24254</v>
      </c>
      <c r="O11144" s="5" t="s">
        <v>38</v>
      </c>
      <c r="P11144" s="5" t="s">
        <v>39</v>
      </c>
      <c r="Q11144" s="5" t="s">
        <v>40</v>
      </c>
      <c r="R11144" s="5" t="s">
        <v>24335</v>
      </c>
      <c r="S11144" s="5" t="s">
        <v>40</v>
      </c>
      <c r="T11144" s="5" t="s">
        <v>42</v>
      </c>
      <c r="U11144" s="2">
        <v>6.2110000000000003</v>
      </c>
      <c r="V11144" s="2">
        <v>3.5840000000000001</v>
      </c>
      <c r="W11144" s="2">
        <v>0.11899999999999999</v>
      </c>
      <c r="X11144" s="2">
        <v>12</v>
      </c>
      <c r="Y11144" s="2">
        <v>62</v>
      </c>
      <c r="Z11144" s="2">
        <v>159.9</v>
      </c>
      <c r="AA11144" s="5">
        <v>10</v>
      </c>
      <c r="AB11144" s="5" t="s">
        <v>43</v>
      </c>
      <c r="AC11144" s="5" t="s">
        <v>44</v>
      </c>
      <c r="AD11144" s="2" t="s">
        <v>33644</v>
      </c>
      <c r="AE11144" s="1"/>
    </row>
    <row r="11145" spans="1:31" ht="14.45">
      <c r="A11145" s="11"/>
      <c r="B11145" s="20"/>
      <c r="C11145" s="2" t="s">
        <v>34271</v>
      </c>
      <c r="D11145" s="14" t="s">
        <v>34272</v>
      </c>
      <c r="E11145" s="2" t="s">
        <v>34273</v>
      </c>
      <c r="F11145" s="2" t="s">
        <v>33643</v>
      </c>
      <c r="G11145" s="8">
        <v>185</v>
      </c>
      <c r="H11145" s="5">
        <v>5</v>
      </c>
      <c r="I11145" s="5" t="s">
        <v>69</v>
      </c>
      <c r="J11145" s="5" t="s">
        <v>27074</v>
      </c>
      <c r="K11145" s="2" t="s">
        <v>27075</v>
      </c>
      <c r="L11145" s="5" t="s">
        <v>27074</v>
      </c>
      <c r="M11145" s="2" t="s">
        <v>27075</v>
      </c>
      <c r="N11145" s="5" t="s">
        <v>24254</v>
      </c>
      <c r="O11145" s="5" t="s">
        <v>38</v>
      </c>
      <c r="P11145" s="5" t="s">
        <v>39</v>
      </c>
      <c r="Q11145" s="5" t="s">
        <v>40</v>
      </c>
      <c r="R11145" s="5" t="s">
        <v>24335</v>
      </c>
      <c r="S11145" s="5" t="s">
        <v>40</v>
      </c>
      <c r="T11145" s="5" t="s">
        <v>42</v>
      </c>
      <c r="U11145" s="2">
        <v>6.7149999999999999</v>
      </c>
      <c r="V11145" s="2">
        <v>3.996</v>
      </c>
      <c r="W11145" s="2">
        <v>0.11899999999999999</v>
      </c>
      <c r="X11145" s="2">
        <v>12</v>
      </c>
      <c r="Y11145" s="2">
        <v>62</v>
      </c>
      <c r="Z11145" s="2">
        <v>159.9</v>
      </c>
      <c r="AA11145" s="5">
        <v>10</v>
      </c>
      <c r="AB11145" s="5" t="s">
        <v>43</v>
      </c>
      <c r="AC11145" s="5" t="s">
        <v>44</v>
      </c>
      <c r="AD11145" s="2" t="s">
        <v>33648</v>
      </c>
      <c r="AE11145" s="1"/>
    </row>
    <row r="11146" spans="1:31" ht="14.45">
      <c r="A11146" s="11"/>
      <c r="B11146" s="20"/>
      <c r="C11146" s="2" t="s">
        <v>34274</v>
      </c>
      <c r="D11146" s="14" t="s">
        <v>34275</v>
      </c>
      <c r="E11146" s="2" t="s">
        <v>34276</v>
      </c>
      <c r="F11146" s="2" t="s">
        <v>33652</v>
      </c>
      <c r="G11146" s="8">
        <v>185</v>
      </c>
      <c r="H11146" s="5">
        <v>5</v>
      </c>
      <c r="I11146" s="5" t="s">
        <v>69</v>
      </c>
      <c r="J11146" s="5" t="s">
        <v>27074</v>
      </c>
      <c r="K11146" s="2" t="s">
        <v>27075</v>
      </c>
      <c r="L11146" s="5" t="s">
        <v>27074</v>
      </c>
      <c r="M11146" s="2" t="s">
        <v>27075</v>
      </c>
      <c r="N11146" s="5" t="s">
        <v>24254</v>
      </c>
      <c r="O11146" s="5" t="s">
        <v>38</v>
      </c>
      <c r="P11146" s="5" t="s">
        <v>39</v>
      </c>
      <c r="Q11146" s="5" t="s">
        <v>40</v>
      </c>
      <c r="R11146" s="5" t="s">
        <v>24335</v>
      </c>
      <c r="S11146" s="5" t="s">
        <v>40</v>
      </c>
      <c r="T11146" s="5" t="s">
        <v>42</v>
      </c>
      <c r="U11146" s="2">
        <v>6.2969999999999997</v>
      </c>
      <c r="V11146" s="2">
        <v>4.0229999999999997</v>
      </c>
      <c r="W11146" s="2">
        <v>0.11899999999999999</v>
      </c>
      <c r="X11146" s="2">
        <v>12</v>
      </c>
      <c r="Y11146" s="2">
        <v>62</v>
      </c>
      <c r="Z11146" s="2">
        <v>159.9</v>
      </c>
      <c r="AA11146" s="5">
        <v>10</v>
      </c>
      <c r="AB11146" s="5" t="s">
        <v>43</v>
      </c>
      <c r="AC11146" s="5" t="s">
        <v>44</v>
      </c>
      <c r="AD11146" s="2" t="s">
        <v>33644</v>
      </c>
      <c r="AE11146" s="1"/>
    </row>
    <row r="11147" spans="1:31" ht="14.45">
      <c r="A11147" s="11"/>
      <c r="B11147" s="20"/>
      <c r="C11147" s="2" t="s">
        <v>34277</v>
      </c>
      <c r="D11147" s="14" t="s">
        <v>34278</v>
      </c>
      <c r="E11147" s="2" t="s">
        <v>34279</v>
      </c>
      <c r="F11147" s="2" t="s">
        <v>33652</v>
      </c>
      <c r="G11147" s="8">
        <v>185</v>
      </c>
      <c r="H11147" s="5">
        <v>5</v>
      </c>
      <c r="I11147" s="5" t="s">
        <v>69</v>
      </c>
      <c r="J11147" s="5" t="s">
        <v>27074</v>
      </c>
      <c r="K11147" s="2" t="s">
        <v>27075</v>
      </c>
      <c r="L11147" s="5" t="s">
        <v>27074</v>
      </c>
      <c r="M11147" s="2" t="s">
        <v>27075</v>
      </c>
      <c r="N11147" s="5" t="s">
        <v>24254</v>
      </c>
      <c r="O11147" s="5" t="s">
        <v>38</v>
      </c>
      <c r="P11147" s="5" t="s">
        <v>39</v>
      </c>
      <c r="Q11147" s="5" t="s">
        <v>40</v>
      </c>
      <c r="R11147" s="5" t="s">
        <v>24335</v>
      </c>
      <c r="S11147" s="5" t="s">
        <v>40</v>
      </c>
      <c r="T11147" s="5" t="s">
        <v>42</v>
      </c>
      <c r="U11147" s="2">
        <v>7.1660000000000004</v>
      </c>
      <c r="V11147" s="2">
        <v>4.3680000000000003</v>
      </c>
      <c r="W11147" s="2">
        <v>0.11899999999999999</v>
      </c>
      <c r="X11147" s="2">
        <v>12</v>
      </c>
      <c r="Y11147" s="2">
        <v>62</v>
      </c>
      <c r="Z11147" s="2">
        <v>159.9</v>
      </c>
      <c r="AA11147" s="5">
        <v>10</v>
      </c>
      <c r="AB11147" s="5" t="s">
        <v>43</v>
      </c>
      <c r="AC11147" s="5" t="s">
        <v>44</v>
      </c>
      <c r="AD11147" s="2" t="s">
        <v>33648</v>
      </c>
      <c r="AE11147" s="1"/>
    </row>
    <row r="11148" spans="1:31" ht="14.45">
      <c r="A11148" s="11"/>
      <c r="B11148" s="20"/>
      <c r="C11148" s="2" t="s">
        <v>34280</v>
      </c>
      <c r="D11148" s="14" t="s">
        <v>34281</v>
      </c>
      <c r="E11148" s="2" t="s">
        <v>34282</v>
      </c>
      <c r="F11148" s="2" t="s">
        <v>33659</v>
      </c>
      <c r="G11148" s="8">
        <v>336</v>
      </c>
      <c r="H11148" s="5">
        <v>5</v>
      </c>
      <c r="I11148" s="5" t="s">
        <v>69</v>
      </c>
      <c r="J11148" s="5" t="s">
        <v>27074</v>
      </c>
      <c r="K11148" s="2" t="s">
        <v>27075</v>
      </c>
      <c r="L11148" s="5" t="s">
        <v>27074</v>
      </c>
      <c r="M11148" s="2" t="s">
        <v>27075</v>
      </c>
      <c r="N11148" s="5" t="s">
        <v>24254</v>
      </c>
      <c r="O11148" s="5" t="s">
        <v>38</v>
      </c>
      <c r="P11148" s="5" t="s">
        <v>39</v>
      </c>
      <c r="Q11148" s="5" t="s">
        <v>40</v>
      </c>
      <c r="R11148" s="5" t="s">
        <v>24335</v>
      </c>
      <c r="S11148" s="5" t="s">
        <v>40</v>
      </c>
      <c r="T11148" s="5" t="s">
        <v>42</v>
      </c>
      <c r="U11148" s="2">
        <v>16.777999999999999</v>
      </c>
      <c r="V11148" s="2">
        <v>14.419</v>
      </c>
      <c r="W11148" s="2">
        <v>0.2</v>
      </c>
      <c r="X11148" s="2">
        <v>15</v>
      </c>
      <c r="Y11148" s="2">
        <v>77</v>
      </c>
      <c r="Z11148" s="2">
        <v>173.4</v>
      </c>
      <c r="AA11148" s="5">
        <v>8</v>
      </c>
      <c r="AB11148" s="5" t="s">
        <v>43</v>
      </c>
      <c r="AC11148" s="5" t="s">
        <v>44</v>
      </c>
      <c r="AD11148" s="2" t="s">
        <v>33660</v>
      </c>
      <c r="AE11148" s="1"/>
    </row>
    <row r="11149" spans="1:31" ht="14.45">
      <c r="A11149" s="11"/>
      <c r="B11149" s="20"/>
      <c r="C11149" s="2" t="s">
        <v>34283</v>
      </c>
      <c r="D11149" s="14" t="s">
        <v>34284</v>
      </c>
      <c r="E11149" s="2" t="s">
        <v>34285</v>
      </c>
      <c r="F11149" s="2" t="s">
        <v>33664</v>
      </c>
      <c r="G11149" s="8">
        <v>336</v>
      </c>
      <c r="H11149" s="5">
        <v>10</v>
      </c>
      <c r="I11149" s="5" t="s">
        <v>69</v>
      </c>
      <c r="J11149" s="5" t="s">
        <v>27074</v>
      </c>
      <c r="K11149" s="2" t="s">
        <v>27075</v>
      </c>
      <c r="L11149" s="5" t="s">
        <v>27074</v>
      </c>
      <c r="M11149" s="2" t="s">
        <v>27075</v>
      </c>
      <c r="N11149" s="5" t="s">
        <v>24254</v>
      </c>
      <c r="O11149" s="5" t="s">
        <v>38</v>
      </c>
      <c r="P11149" s="5" t="s">
        <v>39</v>
      </c>
      <c r="Q11149" s="5" t="s">
        <v>40</v>
      </c>
      <c r="R11149" s="5" t="s">
        <v>24340</v>
      </c>
      <c r="S11149" s="5" t="s">
        <v>40</v>
      </c>
      <c r="T11149" s="5" t="s">
        <v>42</v>
      </c>
      <c r="U11149" s="2">
        <v>16.605</v>
      </c>
      <c r="V11149" s="2">
        <v>14.332000000000001</v>
      </c>
      <c r="W11149" s="2">
        <v>0.185</v>
      </c>
      <c r="X11149" s="2">
        <v>12</v>
      </c>
      <c r="Y11149" s="2">
        <v>62</v>
      </c>
      <c r="Z11149" s="2">
        <v>159.9</v>
      </c>
      <c r="AA11149" s="5">
        <v>8</v>
      </c>
      <c r="AB11149" s="5" t="s">
        <v>43</v>
      </c>
      <c r="AC11149" s="5" t="s">
        <v>44</v>
      </c>
      <c r="AD11149" s="2" t="s">
        <v>33665</v>
      </c>
      <c r="AE11149" s="1"/>
    </row>
    <row r="11150" spans="1:31" ht="14.45">
      <c r="A11150" s="11"/>
      <c r="B11150" s="20"/>
      <c r="C11150" s="2" t="s">
        <v>34286</v>
      </c>
      <c r="D11150" s="14" t="s">
        <v>34287</v>
      </c>
      <c r="E11150" s="2" t="s">
        <v>34288</v>
      </c>
      <c r="F11150" s="2" t="s">
        <v>33669</v>
      </c>
      <c r="G11150" s="8">
        <v>336</v>
      </c>
      <c r="H11150" s="5">
        <v>10</v>
      </c>
      <c r="I11150" s="5" t="s">
        <v>69</v>
      </c>
      <c r="J11150" s="5" t="s">
        <v>27074</v>
      </c>
      <c r="K11150" s="2" t="s">
        <v>27075</v>
      </c>
      <c r="L11150" s="5" t="s">
        <v>27074</v>
      </c>
      <c r="M11150" s="2" t="s">
        <v>27075</v>
      </c>
      <c r="N11150" s="5" t="s">
        <v>24254</v>
      </c>
      <c r="O11150" s="5" t="s">
        <v>38</v>
      </c>
      <c r="P11150" s="5" t="s">
        <v>39</v>
      </c>
      <c r="Q11150" s="5" t="s">
        <v>40</v>
      </c>
      <c r="R11150" s="5" t="s">
        <v>24340</v>
      </c>
      <c r="S11150" s="5" t="s">
        <v>40</v>
      </c>
      <c r="T11150" s="5" t="s">
        <v>42</v>
      </c>
      <c r="U11150" s="2">
        <v>13.673</v>
      </c>
      <c r="V11150" s="2">
        <v>11.401</v>
      </c>
      <c r="W11150" s="2">
        <v>0.14899999999999999</v>
      </c>
      <c r="X11150" s="2">
        <v>12</v>
      </c>
      <c r="Y11150" s="2">
        <v>62</v>
      </c>
      <c r="Z11150" s="2">
        <v>159.9</v>
      </c>
      <c r="AA11150" s="5">
        <v>8</v>
      </c>
      <c r="AB11150" s="5" t="s">
        <v>43</v>
      </c>
      <c r="AC11150" s="5" t="s">
        <v>44</v>
      </c>
      <c r="AD11150" s="2" t="s">
        <v>33665</v>
      </c>
      <c r="AE11150" s="1"/>
    </row>
    <row r="11151" spans="1:31" ht="14.45">
      <c r="A11151" s="11"/>
      <c r="B11151" s="20"/>
      <c r="C11151" s="2" t="s">
        <v>34289</v>
      </c>
      <c r="D11151" s="14" t="s">
        <v>34290</v>
      </c>
      <c r="E11151" s="2" t="s">
        <v>34291</v>
      </c>
      <c r="F11151" s="2" t="s">
        <v>33673</v>
      </c>
      <c r="G11151" s="8">
        <v>336</v>
      </c>
      <c r="H11151" s="5">
        <v>10</v>
      </c>
      <c r="I11151" s="5" t="s">
        <v>69</v>
      </c>
      <c r="J11151" s="5" t="s">
        <v>27074</v>
      </c>
      <c r="K11151" s="2" t="s">
        <v>27075</v>
      </c>
      <c r="L11151" s="5" t="s">
        <v>27074</v>
      </c>
      <c r="M11151" s="2" t="s">
        <v>27075</v>
      </c>
      <c r="N11151" s="5" t="s">
        <v>24254</v>
      </c>
      <c r="O11151" s="5" t="s">
        <v>38</v>
      </c>
      <c r="P11151" s="5" t="s">
        <v>39</v>
      </c>
      <c r="Q11151" s="5" t="s">
        <v>40</v>
      </c>
      <c r="R11151" s="5" t="s">
        <v>24340</v>
      </c>
      <c r="S11151" s="5" t="s">
        <v>40</v>
      </c>
      <c r="T11151" s="5" t="s">
        <v>42</v>
      </c>
      <c r="U11151" s="2">
        <v>11.954000000000001</v>
      </c>
      <c r="V11151" s="2">
        <v>9.7059999999999995</v>
      </c>
      <c r="W11151" s="2">
        <v>0.10299999999999999</v>
      </c>
      <c r="X11151" s="2">
        <v>12</v>
      </c>
      <c r="Y11151" s="2">
        <v>62</v>
      </c>
      <c r="Z11151" s="2">
        <v>137.9</v>
      </c>
      <c r="AA11151" s="5">
        <v>8</v>
      </c>
      <c r="AB11151" s="5" t="s">
        <v>43</v>
      </c>
      <c r="AC11151" s="5" t="s">
        <v>44</v>
      </c>
      <c r="AD11151" s="2" t="s">
        <v>33665</v>
      </c>
      <c r="AE11151" s="1"/>
    </row>
    <row r="11152" spans="1:31" ht="14.45">
      <c r="A11152" s="11"/>
      <c r="B11152" s="20"/>
      <c r="C11152" s="2" t="s">
        <v>34292</v>
      </c>
      <c r="D11152" s="14" t="s">
        <v>34293</v>
      </c>
      <c r="E11152" s="2" t="s">
        <v>34294</v>
      </c>
      <c r="F11152" s="2" t="s">
        <v>33677</v>
      </c>
      <c r="G11152" s="8">
        <v>336</v>
      </c>
      <c r="H11152" s="5">
        <v>10</v>
      </c>
      <c r="I11152" s="5" t="s">
        <v>69</v>
      </c>
      <c r="J11152" s="5" t="s">
        <v>27074</v>
      </c>
      <c r="K11152" s="2" t="s">
        <v>27075</v>
      </c>
      <c r="L11152" s="5" t="s">
        <v>27074</v>
      </c>
      <c r="M11152" s="2" t="s">
        <v>27075</v>
      </c>
      <c r="N11152" s="5" t="s">
        <v>24254</v>
      </c>
      <c r="O11152" s="5" t="s">
        <v>38</v>
      </c>
      <c r="P11152" s="5" t="s">
        <v>39</v>
      </c>
      <c r="Q11152" s="5" t="s">
        <v>40</v>
      </c>
      <c r="R11152" s="5" t="s">
        <v>24340</v>
      </c>
      <c r="S11152" s="5" t="s">
        <v>40</v>
      </c>
      <c r="T11152" s="5" t="s">
        <v>42</v>
      </c>
      <c r="U11152" s="2">
        <v>11.422000000000001</v>
      </c>
      <c r="V11152" s="2">
        <v>9.2270000000000003</v>
      </c>
      <c r="W11152" s="2">
        <v>0.11899999999999999</v>
      </c>
      <c r="X11152" s="2">
        <v>12</v>
      </c>
      <c r="Y11152" s="2">
        <v>62</v>
      </c>
      <c r="Z11152" s="2">
        <v>159.9</v>
      </c>
      <c r="AA11152" s="5">
        <v>10</v>
      </c>
      <c r="AB11152" s="5" t="s">
        <v>43</v>
      </c>
      <c r="AC11152" s="5" t="s">
        <v>44</v>
      </c>
      <c r="AD11152" s="2" t="s">
        <v>33678</v>
      </c>
      <c r="AE11152" s="1"/>
    </row>
    <row r="11153" spans="1:31" ht="14.45">
      <c r="A11153" s="11"/>
      <c r="B11153" s="20"/>
      <c r="C11153" s="2" t="s">
        <v>34295</v>
      </c>
      <c r="D11153" s="14" t="s">
        <v>34296</v>
      </c>
      <c r="E11153" s="2" t="s">
        <v>34297</v>
      </c>
      <c r="F11153" s="2" t="s">
        <v>33677</v>
      </c>
      <c r="G11153" s="8">
        <v>336</v>
      </c>
      <c r="H11153" s="5">
        <v>10</v>
      </c>
      <c r="I11153" s="5" t="s">
        <v>69</v>
      </c>
      <c r="J11153" s="5" t="s">
        <v>27074</v>
      </c>
      <c r="K11153" s="2" t="s">
        <v>27075</v>
      </c>
      <c r="L11153" s="5" t="s">
        <v>27074</v>
      </c>
      <c r="M11153" s="2" t="s">
        <v>27075</v>
      </c>
      <c r="N11153" s="5" t="s">
        <v>24254</v>
      </c>
      <c r="O11153" s="5" t="s">
        <v>38</v>
      </c>
      <c r="P11153" s="5" t="s">
        <v>39</v>
      </c>
      <c r="Q11153" s="5" t="s">
        <v>40</v>
      </c>
      <c r="R11153" s="5" t="s">
        <v>24340</v>
      </c>
      <c r="S11153" s="5" t="s">
        <v>40</v>
      </c>
      <c r="T11153" s="5" t="s">
        <v>42</v>
      </c>
      <c r="U11153" s="2">
        <v>12.441000000000001</v>
      </c>
      <c r="V11153" s="2">
        <v>10.199999999999999</v>
      </c>
      <c r="W11153" s="2">
        <v>0.11899999999999999</v>
      </c>
      <c r="X11153" s="2">
        <v>12</v>
      </c>
      <c r="Y11153" s="2">
        <v>62</v>
      </c>
      <c r="Z11153" s="2">
        <v>159.9</v>
      </c>
      <c r="AA11153" s="5">
        <v>10</v>
      </c>
      <c r="AB11153" s="5" t="s">
        <v>43</v>
      </c>
      <c r="AC11153" s="5" t="s">
        <v>44</v>
      </c>
      <c r="AD11153" s="2" t="s">
        <v>33950</v>
      </c>
      <c r="AE11153" s="1"/>
    </row>
    <row r="11154" spans="1:31" ht="14.45">
      <c r="A11154" s="11"/>
      <c r="B11154" s="20"/>
      <c r="C11154" s="2" t="s">
        <v>34298</v>
      </c>
      <c r="D11154" s="14" t="s">
        <v>34299</v>
      </c>
      <c r="E11154" s="2" t="s">
        <v>34300</v>
      </c>
      <c r="F11154" s="2" t="s">
        <v>33682</v>
      </c>
      <c r="G11154" s="8">
        <v>336</v>
      </c>
      <c r="H11154" s="5">
        <v>10</v>
      </c>
      <c r="I11154" s="5" t="s">
        <v>69</v>
      </c>
      <c r="J11154" s="5" t="s">
        <v>27074</v>
      </c>
      <c r="K11154" s="2" t="s">
        <v>27075</v>
      </c>
      <c r="L11154" s="5" t="s">
        <v>27074</v>
      </c>
      <c r="M11154" s="2" t="s">
        <v>27075</v>
      </c>
      <c r="N11154" s="5" t="s">
        <v>24254</v>
      </c>
      <c r="O11154" s="5" t="s">
        <v>38</v>
      </c>
      <c r="P11154" s="5" t="s">
        <v>39</v>
      </c>
      <c r="Q11154" s="5" t="s">
        <v>40</v>
      </c>
      <c r="R11154" s="5" t="s">
        <v>24340</v>
      </c>
      <c r="S11154" s="5" t="s">
        <v>40</v>
      </c>
      <c r="T11154" s="5" t="s">
        <v>42</v>
      </c>
      <c r="U11154" s="2">
        <v>8.3640000000000008</v>
      </c>
      <c r="V11154" s="2">
        <v>6.1689999999999996</v>
      </c>
      <c r="W11154" s="2">
        <v>0.11899999999999999</v>
      </c>
      <c r="X11154" s="2">
        <v>12</v>
      </c>
      <c r="Y11154" s="2">
        <v>62</v>
      </c>
      <c r="Z11154" s="2">
        <v>159.9</v>
      </c>
      <c r="AA11154" s="5">
        <v>10</v>
      </c>
      <c r="AB11154" s="5" t="s">
        <v>43</v>
      </c>
      <c r="AC11154" s="5" t="s">
        <v>44</v>
      </c>
      <c r="AD11154" s="2" t="s">
        <v>33683</v>
      </c>
      <c r="AE11154" s="1"/>
    </row>
    <row r="11155" spans="1:31" ht="14.45">
      <c r="A11155" s="11"/>
      <c r="B11155" s="20"/>
      <c r="C11155" s="2" t="s">
        <v>34301</v>
      </c>
      <c r="D11155" s="14" t="s">
        <v>34302</v>
      </c>
      <c r="E11155" s="2" t="s">
        <v>34303</v>
      </c>
      <c r="F11155" s="2" t="s">
        <v>33682</v>
      </c>
      <c r="G11155" s="8">
        <v>336</v>
      </c>
      <c r="H11155" s="5">
        <v>10</v>
      </c>
      <c r="I11155" s="5" t="s">
        <v>69</v>
      </c>
      <c r="J11155" s="5" t="s">
        <v>27074</v>
      </c>
      <c r="K11155" s="2" t="s">
        <v>27075</v>
      </c>
      <c r="L11155" s="5" t="s">
        <v>27074</v>
      </c>
      <c r="M11155" s="2" t="s">
        <v>27075</v>
      </c>
      <c r="N11155" s="5" t="s">
        <v>24254</v>
      </c>
      <c r="O11155" s="5" t="s">
        <v>38</v>
      </c>
      <c r="P11155" s="5" t="s">
        <v>39</v>
      </c>
      <c r="Q11155" s="5" t="s">
        <v>40</v>
      </c>
      <c r="R11155" s="5" t="s">
        <v>24340</v>
      </c>
      <c r="S11155" s="5" t="s">
        <v>40</v>
      </c>
      <c r="T11155" s="5" t="s">
        <v>42</v>
      </c>
      <c r="U11155" s="2">
        <v>9.7110000000000003</v>
      </c>
      <c r="V11155" s="2">
        <v>7.47</v>
      </c>
      <c r="W11155" s="2">
        <v>0.11899999999999999</v>
      </c>
      <c r="X11155" s="2">
        <v>12</v>
      </c>
      <c r="Y11155" s="2">
        <v>62</v>
      </c>
      <c r="Z11155" s="2">
        <v>159.9</v>
      </c>
      <c r="AA11155" s="5">
        <v>10</v>
      </c>
      <c r="AB11155" s="5" t="s">
        <v>43</v>
      </c>
      <c r="AC11155" s="5" t="s">
        <v>44</v>
      </c>
      <c r="AD11155" s="2" t="s">
        <v>33688</v>
      </c>
      <c r="AE11155" s="1"/>
    </row>
    <row r="11156" spans="1:31" ht="14.45">
      <c r="A11156" s="11"/>
      <c r="B11156" s="20"/>
      <c r="C11156" s="2" t="s">
        <v>34304</v>
      </c>
      <c r="D11156" s="14" t="s">
        <v>34305</v>
      </c>
      <c r="E11156" s="2" t="s">
        <v>34306</v>
      </c>
      <c r="F11156" s="2" t="s">
        <v>33687</v>
      </c>
      <c r="G11156" s="8">
        <v>336</v>
      </c>
      <c r="H11156" s="5">
        <v>10</v>
      </c>
      <c r="I11156" s="5" t="s">
        <v>69</v>
      </c>
      <c r="J11156" s="5" t="s">
        <v>27074</v>
      </c>
      <c r="K11156" s="2" t="s">
        <v>27075</v>
      </c>
      <c r="L11156" s="5" t="s">
        <v>27074</v>
      </c>
      <c r="M11156" s="2" t="s">
        <v>27075</v>
      </c>
      <c r="N11156" s="5" t="s">
        <v>24254</v>
      </c>
      <c r="O11156" s="5" t="s">
        <v>38</v>
      </c>
      <c r="P11156" s="5" t="s">
        <v>39</v>
      </c>
      <c r="Q11156" s="5" t="s">
        <v>40</v>
      </c>
      <c r="R11156" s="5" t="s">
        <v>24340</v>
      </c>
      <c r="S11156" s="5" t="s">
        <v>40</v>
      </c>
      <c r="T11156" s="5" t="s">
        <v>42</v>
      </c>
      <c r="U11156" s="2">
        <v>9.8960000000000008</v>
      </c>
      <c r="V11156" s="2">
        <v>7.6219999999999999</v>
      </c>
      <c r="W11156" s="2">
        <v>0.11899999999999999</v>
      </c>
      <c r="X11156" s="2">
        <v>12</v>
      </c>
      <c r="Y11156" s="2">
        <v>62</v>
      </c>
      <c r="Z11156" s="2">
        <v>159.9</v>
      </c>
      <c r="AA11156" s="5">
        <v>10</v>
      </c>
      <c r="AB11156" s="5" t="s">
        <v>43</v>
      </c>
      <c r="AC11156" s="5" t="s">
        <v>44</v>
      </c>
      <c r="AD11156" s="2" t="s">
        <v>33683</v>
      </c>
      <c r="AE11156" s="1"/>
    </row>
    <row r="11157" spans="1:31" ht="14.45">
      <c r="A11157" s="11"/>
      <c r="B11157" s="20"/>
      <c r="C11157" s="2" t="s">
        <v>34307</v>
      </c>
      <c r="D11157" s="14" t="s">
        <v>34308</v>
      </c>
      <c r="E11157" s="2" t="s">
        <v>34309</v>
      </c>
      <c r="F11157" s="2" t="s">
        <v>33687</v>
      </c>
      <c r="G11157" s="8">
        <v>336</v>
      </c>
      <c r="H11157" s="5">
        <v>10</v>
      </c>
      <c r="I11157" s="5" t="s">
        <v>69</v>
      </c>
      <c r="J11157" s="5" t="s">
        <v>27074</v>
      </c>
      <c r="K11157" s="2" t="s">
        <v>27075</v>
      </c>
      <c r="L11157" s="5" t="s">
        <v>27074</v>
      </c>
      <c r="M11157" s="2" t="s">
        <v>27075</v>
      </c>
      <c r="N11157" s="5" t="s">
        <v>24254</v>
      </c>
      <c r="O11157" s="5" t="s">
        <v>38</v>
      </c>
      <c r="P11157" s="5" t="s">
        <v>39</v>
      </c>
      <c r="Q11157" s="5" t="s">
        <v>40</v>
      </c>
      <c r="R11157" s="5" t="s">
        <v>24340</v>
      </c>
      <c r="S11157" s="5" t="s">
        <v>40</v>
      </c>
      <c r="T11157" s="5" t="s">
        <v>42</v>
      </c>
      <c r="U11157" s="2">
        <v>10.988</v>
      </c>
      <c r="V11157" s="2">
        <v>8.6679999999999993</v>
      </c>
      <c r="W11157" s="2">
        <v>0.11899999999999999</v>
      </c>
      <c r="X11157" s="2">
        <v>12</v>
      </c>
      <c r="Y11157" s="2">
        <v>62</v>
      </c>
      <c r="Z11157" s="2">
        <v>159.9</v>
      </c>
      <c r="AA11157" s="5">
        <v>10</v>
      </c>
      <c r="AB11157" s="5" t="s">
        <v>43</v>
      </c>
      <c r="AC11157" s="5" t="s">
        <v>44</v>
      </c>
      <c r="AD11157" s="2" t="s">
        <v>33688</v>
      </c>
      <c r="AE11157" s="1"/>
    </row>
    <row r="11158" spans="1:31" ht="14.45">
      <c r="A11158" s="11"/>
      <c r="B11158" s="20"/>
      <c r="C11158" s="2" t="s">
        <v>34310</v>
      </c>
      <c r="D11158" s="14" t="s">
        <v>34311</v>
      </c>
      <c r="E11158" s="2" t="s">
        <v>34312</v>
      </c>
      <c r="F11158" s="2" t="s">
        <v>33692</v>
      </c>
      <c r="G11158" s="8">
        <v>638</v>
      </c>
      <c r="H11158" s="5">
        <v>10</v>
      </c>
      <c r="I11158" s="5" t="s">
        <v>69</v>
      </c>
      <c r="J11158" s="5" t="s">
        <v>27074</v>
      </c>
      <c r="K11158" s="2" t="s">
        <v>27075</v>
      </c>
      <c r="L11158" s="5" t="s">
        <v>27074</v>
      </c>
      <c r="M11158" s="2" t="s">
        <v>27075</v>
      </c>
      <c r="N11158" s="5" t="s">
        <v>24254</v>
      </c>
      <c r="O11158" s="5" t="s">
        <v>38</v>
      </c>
      <c r="P11158" s="5" t="s">
        <v>39</v>
      </c>
      <c r="Q11158" s="5" t="s">
        <v>40</v>
      </c>
      <c r="R11158" s="5" t="s">
        <v>24340</v>
      </c>
      <c r="S11158" s="5" t="s">
        <v>40</v>
      </c>
      <c r="T11158" s="5" t="s">
        <v>42</v>
      </c>
      <c r="U11158" s="2">
        <v>22.033999999999999</v>
      </c>
      <c r="V11158" s="2">
        <v>19.686</v>
      </c>
      <c r="W11158" s="2">
        <v>0.2</v>
      </c>
      <c r="X11158" s="2">
        <v>15</v>
      </c>
      <c r="Y11158" s="2">
        <v>77</v>
      </c>
      <c r="Z11158" s="2">
        <v>173.4</v>
      </c>
      <c r="AA11158" s="5">
        <v>8</v>
      </c>
      <c r="AB11158" s="5" t="s">
        <v>43</v>
      </c>
      <c r="AC11158" s="5" t="s">
        <v>44</v>
      </c>
      <c r="AD11158" s="2" t="s">
        <v>33660</v>
      </c>
      <c r="AE11158" s="1"/>
    </row>
    <row r="11159" spans="1:31" ht="14.45">
      <c r="A11159" s="11"/>
      <c r="B11159" s="20"/>
      <c r="C11159" s="2" t="s">
        <v>34313</v>
      </c>
      <c r="D11159" s="14" t="s">
        <v>34314</v>
      </c>
      <c r="E11159" s="2" t="s">
        <v>34315</v>
      </c>
      <c r="F11159" s="2" t="s">
        <v>33696</v>
      </c>
      <c r="G11159" s="8">
        <v>336</v>
      </c>
      <c r="H11159" s="5">
        <v>10</v>
      </c>
      <c r="I11159" s="5" t="s">
        <v>69</v>
      </c>
      <c r="J11159" s="5" t="s">
        <v>27074</v>
      </c>
      <c r="K11159" s="2" t="s">
        <v>27075</v>
      </c>
      <c r="L11159" s="5" t="s">
        <v>27074</v>
      </c>
      <c r="M11159" s="2" t="s">
        <v>27075</v>
      </c>
      <c r="N11159" s="5" t="s">
        <v>24254</v>
      </c>
      <c r="O11159" s="5" t="s">
        <v>38</v>
      </c>
      <c r="P11159" s="5" t="s">
        <v>39</v>
      </c>
      <c r="Q11159" s="5" t="s">
        <v>40</v>
      </c>
      <c r="R11159" s="5" t="s">
        <v>25301</v>
      </c>
      <c r="S11159" s="5" t="s">
        <v>40</v>
      </c>
      <c r="T11159" s="5" t="s">
        <v>42</v>
      </c>
      <c r="U11159" s="2">
        <v>15.289</v>
      </c>
      <c r="V11159" s="2">
        <v>13.016</v>
      </c>
      <c r="W11159" s="2">
        <v>0.185</v>
      </c>
      <c r="X11159" s="2">
        <v>12</v>
      </c>
      <c r="Y11159" s="2">
        <v>62</v>
      </c>
      <c r="Z11159" s="2">
        <v>159.9</v>
      </c>
      <c r="AA11159" s="5">
        <v>8</v>
      </c>
      <c r="AB11159" s="5" t="s">
        <v>43</v>
      </c>
      <c r="AC11159" s="5" t="s">
        <v>44</v>
      </c>
      <c r="AD11159" s="2" t="s">
        <v>33697</v>
      </c>
      <c r="AE11159" s="1"/>
    </row>
    <row r="11160" spans="1:31" ht="14.45">
      <c r="A11160" s="11"/>
      <c r="B11160" s="20"/>
      <c r="C11160" s="2" t="s">
        <v>34316</v>
      </c>
      <c r="D11160" s="14" t="s">
        <v>34317</v>
      </c>
      <c r="E11160" s="2" t="s">
        <v>34318</v>
      </c>
      <c r="F11160" s="2" t="s">
        <v>33798</v>
      </c>
      <c r="G11160" s="8">
        <v>336</v>
      </c>
      <c r="H11160" s="5">
        <v>10</v>
      </c>
      <c r="I11160" s="5" t="s">
        <v>69</v>
      </c>
      <c r="J11160" s="5" t="s">
        <v>27074</v>
      </c>
      <c r="K11160" s="2" t="s">
        <v>27075</v>
      </c>
      <c r="L11160" s="5" t="s">
        <v>27074</v>
      </c>
      <c r="M11160" s="2" t="s">
        <v>27075</v>
      </c>
      <c r="N11160" s="5" t="s">
        <v>24254</v>
      </c>
      <c r="O11160" s="5" t="s">
        <v>38</v>
      </c>
      <c r="P11160" s="5" t="s">
        <v>39</v>
      </c>
      <c r="Q11160" s="5" t="s">
        <v>40</v>
      </c>
      <c r="R11160" s="5" t="s">
        <v>25301</v>
      </c>
      <c r="S11160" s="5" t="s">
        <v>40</v>
      </c>
      <c r="T11160" s="5" t="s">
        <v>42</v>
      </c>
      <c r="U11160" s="2">
        <v>12.702999999999999</v>
      </c>
      <c r="V11160" s="2">
        <v>10.430999999999999</v>
      </c>
      <c r="W11160" s="2">
        <v>0.11899999999999999</v>
      </c>
      <c r="X11160" s="2">
        <v>12</v>
      </c>
      <c r="Y11160" s="2">
        <v>62</v>
      </c>
      <c r="Z11160" s="2">
        <v>159.9</v>
      </c>
      <c r="AA11160" s="5">
        <v>8</v>
      </c>
      <c r="AB11160" s="5" t="s">
        <v>43</v>
      </c>
      <c r="AC11160" s="5" t="s">
        <v>44</v>
      </c>
      <c r="AD11160" s="2" t="s">
        <v>33697</v>
      </c>
      <c r="AE11160" s="1"/>
    </row>
    <row r="11161" spans="1:31" ht="14.45">
      <c r="A11161" s="11"/>
      <c r="B11161" s="20"/>
      <c r="C11161" s="2" t="s">
        <v>34319</v>
      </c>
      <c r="D11161" s="14" t="s">
        <v>34320</v>
      </c>
      <c r="E11161" s="2" t="s">
        <v>34321</v>
      </c>
      <c r="F11161" s="2" t="s">
        <v>33701</v>
      </c>
      <c r="G11161" s="8">
        <v>336</v>
      </c>
      <c r="H11161" s="5">
        <v>10</v>
      </c>
      <c r="I11161" s="5" t="s">
        <v>69</v>
      </c>
      <c r="J11161" s="5" t="s">
        <v>27074</v>
      </c>
      <c r="K11161" s="2" t="s">
        <v>27075</v>
      </c>
      <c r="L11161" s="5" t="s">
        <v>27074</v>
      </c>
      <c r="M11161" s="2" t="s">
        <v>27075</v>
      </c>
      <c r="N11161" s="5" t="s">
        <v>24254</v>
      </c>
      <c r="O11161" s="5" t="s">
        <v>38</v>
      </c>
      <c r="P11161" s="5" t="s">
        <v>39</v>
      </c>
      <c r="Q11161" s="5" t="s">
        <v>40</v>
      </c>
      <c r="R11161" s="5" t="s">
        <v>25301</v>
      </c>
      <c r="S11161" s="5" t="s">
        <v>40</v>
      </c>
      <c r="T11161" s="5" t="s">
        <v>42</v>
      </c>
      <c r="U11161" s="2">
        <v>11.182</v>
      </c>
      <c r="V11161" s="2">
        <v>8.9339999999999993</v>
      </c>
      <c r="W11161" s="2">
        <v>0.10299999999999999</v>
      </c>
      <c r="X11161" s="2">
        <v>12</v>
      </c>
      <c r="Y11161" s="2">
        <v>62</v>
      </c>
      <c r="Z11161" s="2">
        <v>137.9</v>
      </c>
      <c r="AA11161" s="5">
        <v>8</v>
      </c>
      <c r="AB11161" s="5" t="s">
        <v>43</v>
      </c>
      <c r="AC11161" s="5" t="s">
        <v>44</v>
      </c>
      <c r="AD11161" s="2" t="s">
        <v>33697</v>
      </c>
      <c r="AE11161" s="1"/>
    </row>
    <row r="11162" spans="1:31" ht="14.45">
      <c r="A11162" s="11"/>
      <c r="B11162" s="20"/>
      <c r="C11162" s="2" t="s">
        <v>34322</v>
      </c>
      <c r="D11162" s="14" t="s">
        <v>34323</v>
      </c>
      <c r="E11162" s="2" t="s">
        <v>34324</v>
      </c>
      <c r="F11162" s="2" t="s">
        <v>33710</v>
      </c>
      <c r="G11162" s="8">
        <v>678</v>
      </c>
      <c r="H11162" s="5">
        <v>5</v>
      </c>
      <c r="I11162" s="5" t="s">
        <v>69</v>
      </c>
      <c r="J11162" s="5" t="s">
        <v>27074</v>
      </c>
      <c r="K11162" s="2" t="s">
        <v>27075</v>
      </c>
      <c r="L11162" s="5" t="s">
        <v>27074</v>
      </c>
      <c r="M11162" s="2" t="s">
        <v>27075</v>
      </c>
      <c r="N11162" s="5" t="s">
        <v>24254</v>
      </c>
      <c r="O11162" s="5" t="s">
        <v>38</v>
      </c>
      <c r="P11162" s="5" t="s">
        <v>39</v>
      </c>
      <c r="Q11162" s="5" t="s">
        <v>40</v>
      </c>
      <c r="R11162" s="5" t="s">
        <v>1487</v>
      </c>
      <c r="S11162" s="5"/>
      <c r="T11162" s="5" t="s">
        <v>42</v>
      </c>
      <c r="U11162" s="2">
        <v>0</v>
      </c>
      <c r="V11162" s="2">
        <v>0</v>
      </c>
      <c r="W11162" s="2">
        <v>0</v>
      </c>
      <c r="X11162" s="2">
        <v>0</v>
      </c>
      <c r="Y11162" s="2">
        <v>0</v>
      </c>
      <c r="Z11162" s="2">
        <v>0</v>
      </c>
      <c r="AA11162" s="5"/>
      <c r="AB11162" s="5" t="s">
        <v>43</v>
      </c>
      <c r="AC11162" s="5" t="s">
        <v>44</v>
      </c>
      <c r="AD11162" s="2" t="s">
        <v>33711</v>
      </c>
      <c r="AE11162" s="1"/>
    </row>
    <row r="11163" spans="1:31" ht="14.45">
      <c r="A11163" s="11"/>
      <c r="B11163" s="20"/>
      <c r="C11163" s="2" t="s">
        <v>34325</v>
      </c>
      <c r="D11163" s="14" t="s">
        <v>34326</v>
      </c>
      <c r="E11163" s="2" t="s">
        <v>34327</v>
      </c>
      <c r="F11163" s="2" t="s">
        <v>33715</v>
      </c>
      <c r="G11163" s="8">
        <v>678</v>
      </c>
      <c r="H11163" s="5">
        <v>15</v>
      </c>
      <c r="I11163" s="5" t="s">
        <v>69</v>
      </c>
      <c r="J11163" s="5" t="s">
        <v>27074</v>
      </c>
      <c r="K11163" s="2" t="s">
        <v>27075</v>
      </c>
      <c r="L11163" s="5" t="s">
        <v>27074</v>
      </c>
      <c r="M11163" s="2" t="s">
        <v>27075</v>
      </c>
      <c r="N11163" s="5" t="s">
        <v>24254</v>
      </c>
      <c r="O11163" s="5" t="s">
        <v>38</v>
      </c>
      <c r="P11163" s="5" t="s">
        <v>39</v>
      </c>
      <c r="Q11163" s="5" t="s">
        <v>40</v>
      </c>
      <c r="R11163" s="5" t="s">
        <v>1487</v>
      </c>
      <c r="S11163" s="5"/>
      <c r="T11163" s="5" t="s">
        <v>42</v>
      </c>
      <c r="U11163" s="2">
        <v>0</v>
      </c>
      <c r="V11163" s="2">
        <v>0</v>
      </c>
      <c r="W11163" s="2">
        <v>0</v>
      </c>
      <c r="X11163" s="2">
        <v>0</v>
      </c>
      <c r="Y11163" s="2">
        <v>0</v>
      </c>
      <c r="Z11163" s="2">
        <v>0</v>
      </c>
      <c r="AA11163" s="5"/>
      <c r="AB11163" s="5" t="s">
        <v>43</v>
      </c>
      <c r="AC11163" s="5" t="s">
        <v>44</v>
      </c>
      <c r="AD11163" s="2" t="s">
        <v>33716</v>
      </c>
      <c r="AE11163" s="1"/>
    </row>
    <row r="11164" spans="1:31" ht="14.45">
      <c r="A11164" s="11"/>
      <c r="B11164" s="20"/>
      <c r="C11164" s="2" t="s">
        <v>34328</v>
      </c>
      <c r="D11164" s="14" t="s">
        <v>34329</v>
      </c>
      <c r="E11164" s="2" t="s">
        <v>34330</v>
      </c>
      <c r="F11164" s="2" t="s">
        <v>33720</v>
      </c>
      <c r="G11164" s="8">
        <v>1135</v>
      </c>
      <c r="H11164" s="5">
        <v>15</v>
      </c>
      <c r="I11164" s="5" t="s">
        <v>69</v>
      </c>
      <c r="J11164" s="5" t="s">
        <v>27074</v>
      </c>
      <c r="K11164" s="2" t="s">
        <v>27075</v>
      </c>
      <c r="L11164" s="5" t="s">
        <v>27074</v>
      </c>
      <c r="M11164" s="2" t="s">
        <v>27075</v>
      </c>
      <c r="N11164" s="5" t="s">
        <v>24254</v>
      </c>
      <c r="O11164" s="5" t="s">
        <v>38</v>
      </c>
      <c r="P11164" s="5" t="s">
        <v>39</v>
      </c>
      <c r="Q11164" s="5" t="s">
        <v>40</v>
      </c>
      <c r="R11164" s="5" t="s">
        <v>1487</v>
      </c>
      <c r="S11164" s="5"/>
      <c r="T11164" s="5" t="s">
        <v>42</v>
      </c>
      <c r="U11164" s="2">
        <v>0</v>
      </c>
      <c r="V11164" s="2">
        <v>0</v>
      </c>
      <c r="W11164" s="2">
        <v>0</v>
      </c>
      <c r="X11164" s="2">
        <v>0</v>
      </c>
      <c r="Y11164" s="2">
        <v>0</v>
      </c>
      <c r="Z11164" s="2">
        <v>0</v>
      </c>
      <c r="AA11164" s="5"/>
      <c r="AB11164" s="5" t="s">
        <v>43</v>
      </c>
      <c r="AC11164" s="5" t="s">
        <v>44</v>
      </c>
      <c r="AD11164" s="2" t="s">
        <v>33721</v>
      </c>
      <c r="AE11164" s="1"/>
    </row>
    <row r="11165" spans="1:31" ht="14.45">
      <c r="A11165" s="11"/>
      <c r="B11165" s="20"/>
      <c r="C11165" s="2" t="s">
        <v>34331</v>
      </c>
      <c r="D11165" s="14" t="s">
        <v>34332</v>
      </c>
      <c r="E11165" s="2" t="s">
        <v>34333</v>
      </c>
      <c r="F11165" s="2" t="s">
        <v>33725</v>
      </c>
      <c r="G11165" s="8">
        <v>1135</v>
      </c>
      <c r="H11165" s="5">
        <v>15</v>
      </c>
      <c r="I11165" s="5" t="s">
        <v>69</v>
      </c>
      <c r="J11165" s="5" t="s">
        <v>27074</v>
      </c>
      <c r="K11165" s="2" t="s">
        <v>27075</v>
      </c>
      <c r="L11165" s="5" t="s">
        <v>27074</v>
      </c>
      <c r="M11165" s="2" t="s">
        <v>27075</v>
      </c>
      <c r="N11165" s="5" t="s">
        <v>24254</v>
      </c>
      <c r="O11165" s="5" t="s">
        <v>38</v>
      </c>
      <c r="P11165" s="5" t="s">
        <v>39</v>
      </c>
      <c r="Q11165" s="5" t="s">
        <v>40</v>
      </c>
      <c r="R11165" s="5" t="s">
        <v>1487</v>
      </c>
      <c r="S11165" s="5"/>
      <c r="T11165" s="5" t="s">
        <v>42</v>
      </c>
      <c r="U11165" s="2">
        <v>0</v>
      </c>
      <c r="V11165" s="2">
        <v>0</v>
      </c>
      <c r="W11165" s="2">
        <v>0</v>
      </c>
      <c r="X11165" s="2">
        <v>0</v>
      </c>
      <c r="Y11165" s="2">
        <v>0</v>
      </c>
      <c r="Z11165" s="2">
        <v>0</v>
      </c>
      <c r="AA11165" s="5"/>
      <c r="AB11165" s="5" t="s">
        <v>43</v>
      </c>
      <c r="AC11165" s="5" t="s">
        <v>44</v>
      </c>
      <c r="AD11165" s="2" t="s">
        <v>33726</v>
      </c>
      <c r="AE11165" s="1"/>
    </row>
    <row r="11166" spans="1:31" ht="14.45">
      <c r="A11166" s="11"/>
      <c r="B11166" s="20"/>
      <c r="C11166" s="2" t="s">
        <v>34334</v>
      </c>
      <c r="D11166" s="14" t="s">
        <v>34335</v>
      </c>
      <c r="E11166" s="2" t="s">
        <v>34336</v>
      </c>
      <c r="F11166" s="2" t="s">
        <v>33730</v>
      </c>
      <c r="G11166" s="8">
        <v>980</v>
      </c>
      <c r="H11166" s="5">
        <v>10</v>
      </c>
      <c r="I11166" s="5" t="s">
        <v>69</v>
      </c>
      <c r="J11166" s="5" t="s">
        <v>27074</v>
      </c>
      <c r="K11166" s="2" t="s">
        <v>27075</v>
      </c>
      <c r="L11166" s="5" t="s">
        <v>27074</v>
      </c>
      <c r="M11166" s="2" t="s">
        <v>27075</v>
      </c>
      <c r="N11166" s="5" t="s">
        <v>24254</v>
      </c>
      <c r="O11166" s="5" t="s">
        <v>38</v>
      </c>
      <c r="P11166" s="5" t="s">
        <v>39</v>
      </c>
      <c r="Q11166" s="5" t="s">
        <v>40</v>
      </c>
      <c r="R11166" s="5" t="s">
        <v>1487</v>
      </c>
      <c r="S11166" s="5"/>
      <c r="T11166" s="5" t="s">
        <v>42</v>
      </c>
      <c r="U11166" s="2">
        <v>0</v>
      </c>
      <c r="V11166" s="2">
        <v>0</v>
      </c>
      <c r="W11166" s="2">
        <v>0</v>
      </c>
      <c r="X11166" s="2">
        <v>0</v>
      </c>
      <c r="Y11166" s="2">
        <v>0</v>
      </c>
      <c r="Z11166" s="2">
        <v>0</v>
      </c>
      <c r="AA11166" s="5"/>
      <c r="AB11166" s="5" t="s">
        <v>43</v>
      </c>
      <c r="AC11166" s="5" t="s">
        <v>44</v>
      </c>
      <c r="AD11166" s="2"/>
      <c r="AE11166" s="1"/>
    </row>
    <row r="11167" spans="1:31" ht="14.45">
      <c r="A11167" s="11"/>
      <c r="B11167" s="20"/>
      <c r="C11167" s="2" t="s">
        <v>34337</v>
      </c>
      <c r="D11167" s="14" t="s">
        <v>34338</v>
      </c>
      <c r="E11167" s="2" t="s">
        <v>34339</v>
      </c>
      <c r="F11167" s="2" t="s">
        <v>33734</v>
      </c>
      <c r="G11167" s="8">
        <v>980</v>
      </c>
      <c r="H11167" s="5">
        <v>15</v>
      </c>
      <c r="I11167" s="5" t="s">
        <v>69</v>
      </c>
      <c r="J11167" s="5" t="s">
        <v>27074</v>
      </c>
      <c r="K11167" s="2" t="s">
        <v>27075</v>
      </c>
      <c r="L11167" s="5" t="s">
        <v>27074</v>
      </c>
      <c r="M11167" s="2" t="s">
        <v>27075</v>
      </c>
      <c r="N11167" s="5" t="s">
        <v>24254</v>
      </c>
      <c r="O11167" s="5" t="s">
        <v>38</v>
      </c>
      <c r="P11167" s="5" t="s">
        <v>39</v>
      </c>
      <c r="Q11167" s="5" t="s">
        <v>40</v>
      </c>
      <c r="R11167" s="5" t="s">
        <v>1487</v>
      </c>
      <c r="S11167" s="5"/>
      <c r="T11167" s="5" t="s">
        <v>42</v>
      </c>
      <c r="U11167" s="2">
        <v>0</v>
      </c>
      <c r="V11167" s="2">
        <v>0</v>
      </c>
      <c r="W11167" s="2">
        <v>0</v>
      </c>
      <c r="X11167" s="2">
        <v>0</v>
      </c>
      <c r="Y11167" s="2">
        <v>0</v>
      </c>
      <c r="Z11167" s="2">
        <v>0</v>
      </c>
      <c r="AA11167" s="5"/>
      <c r="AB11167" s="5" t="s">
        <v>43</v>
      </c>
      <c r="AC11167" s="5" t="s">
        <v>44</v>
      </c>
      <c r="AD11167" s="2"/>
      <c r="AE11167" s="1"/>
    </row>
    <row r="11168" spans="1:31" ht="14.45">
      <c r="A11168" s="11"/>
      <c r="B11168" s="20"/>
      <c r="C11168" s="2" t="s">
        <v>34340</v>
      </c>
      <c r="D11168" s="14" t="s">
        <v>34341</v>
      </c>
      <c r="E11168" s="2" t="s">
        <v>34342</v>
      </c>
      <c r="F11168" s="2" t="s">
        <v>34248</v>
      </c>
      <c r="G11168" s="8">
        <v>142</v>
      </c>
      <c r="H11168" s="5">
        <v>5</v>
      </c>
      <c r="I11168" s="5" t="s">
        <v>69</v>
      </c>
      <c r="J11168" s="5" t="s">
        <v>27074</v>
      </c>
      <c r="K11168" s="2" t="s">
        <v>27075</v>
      </c>
      <c r="L11168" s="5" t="s">
        <v>27074</v>
      </c>
      <c r="M11168" s="2" t="s">
        <v>27075</v>
      </c>
      <c r="N11168" s="5" t="s">
        <v>24254</v>
      </c>
      <c r="O11168" s="5" t="s">
        <v>38</v>
      </c>
      <c r="P11168" s="5" t="s">
        <v>39</v>
      </c>
      <c r="Q11168" s="5" t="s">
        <v>40</v>
      </c>
      <c r="R11168" s="5" t="s">
        <v>24335</v>
      </c>
      <c r="S11168" s="5" t="s">
        <v>40</v>
      </c>
      <c r="T11168" s="5" t="s">
        <v>42</v>
      </c>
      <c r="U11168" s="2">
        <v>7.415</v>
      </c>
      <c r="V11168" s="2">
        <v>5.593</v>
      </c>
      <c r="W11168" s="2">
        <v>0.104</v>
      </c>
      <c r="X11168" s="2">
        <v>12</v>
      </c>
      <c r="Y11168" s="2">
        <v>50</v>
      </c>
      <c r="Z11168" s="2">
        <v>173.9</v>
      </c>
      <c r="AA11168" s="5">
        <v>8</v>
      </c>
      <c r="AB11168" s="5" t="s">
        <v>43</v>
      </c>
      <c r="AC11168" s="5" t="s">
        <v>44</v>
      </c>
      <c r="AD11168" s="2" t="s">
        <v>34249</v>
      </c>
      <c r="AE11168" s="1"/>
    </row>
    <row r="11169" spans="1:31" ht="14.45">
      <c r="A11169" s="11"/>
      <c r="B11169" s="20"/>
      <c r="C11169" s="2" t="s">
        <v>34343</v>
      </c>
      <c r="D11169" s="14" t="s">
        <v>34344</v>
      </c>
      <c r="E11169" s="2" t="s">
        <v>34345</v>
      </c>
      <c r="F11169" s="2" t="s">
        <v>33616</v>
      </c>
      <c r="G11169" s="8">
        <v>258</v>
      </c>
      <c r="H11169" s="5">
        <v>5</v>
      </c>
      <c r="I11169" s="5" t="s">
        <v>69</v>
      </c>
      <c r="J11169" s="5" t="s">
        <v>27074</v>
      </c>
      <c r="K11169" s="2" t="s">
        <v>27075</v>
      </c>
      <c r="L11169" s="5" t="s">
        <v>27074</v>
      </c>
      <c r="M11169" s="2" t="s">
        <v>27075</v>
      </c>
      <c r="N11169" s="5" t="s">
        <v>24254</v>
      </c>
      <c r="O11169" s="5" t="s">
        <v>38</v>
      </c>
      <c r="P11169" s="5" t="s">
        <v>39</v>
      </c>
      <c r="Q11169" s="5" t="s">
        <v>40</v>
      </c>
      <c r="R11169" s="5" t="s">
        <v>24335</v>
      </c>
      <c r="S11169" s="5" t="s">
        <v>40</v>
      </c>
      <c r="T11169" s="5" t="s">
        <v>42</v>
      </c>
      <c r="U11169" s="2">
        <v>14.233000000000001</v>
      </c>
      <c r="V11169" s="2">
        <v>11.972</v>
      </c>
      <c r="W11169" s="2">
        <v>0.16</v>
      </c>
      <c r="X11169" s="2">
        <v>12</v>
      </c>
      <c r="Y11169" s="2">
        <v>77</v>
      </c>
      <c r="Z11169" s="2">
        <v>173.4</v>
      </c>
      <c r="AA11169" s="5">
        <v>8</v>
      </c>
      <c r="AB11169" s="5" t="s">
        <v>43</v>
      </c>
      <c r="AC11169" s="5" t="s">
        <v>44</v>
      </c>
      <c r="AD11169" s="2" t="s">
        <v>33617</v>
      </c>
      <c r="AE11169" s="1"/>
    </row>
    <row r="11170" spans="1:31" ht="14.45">
      <c r="A11170" s="11"/>
      <c r="B11170" s="20"/>
      <c r="C11170" s="2" t="s">
        <v>34346</v>
      </c>
      <c r="D11170" s="14" t="s">
        <v>34347</v>
      </c>
      <c r="E11170" s="2" t="s">
        <v>34348</v>
      </c>
      <c r="F11170" s="2" t="s">
        <v>33621</v>
      </c>
      <c r="G11170" s="8">
        <v>194</v>
      </c>
      <c r="H11170" s="5">
        <v>5</v>
      </c>
      <c r="I11170" s="5" t="s">
        <v>69</v>
      </c>
      <c r="J11170" s="5" t="s">
        <v>27074</v>
      </c>
      <c r="K11170" s="2" t="s">
        <v>27075</v>
      </c>
      <c r="L11170" s="5" t="s">
        <v>27074</v>
      </c>
      <c r="M11170" s="2" t="s">
        <v>27075</v>
      </c>
      <c r="N11170" s="5" t="s">
        <v>24254</v>
      </c>
      <c r="O11170" s="5" t="s">
        <v>38</v>
      </c>
      <c r="P11170" s="5" t="s">
        <v>39</v>
      </c>
      <c r="Q11170" s="5" t="s">
        <v>40</v>
      </c>
      <c r="R11170" s="5" t="s">
        <v>24335</v>
      </c>
      <c r="S11170" s="5" t="s">
        <v>40</v>
      </c>
      <c r="T11170" s="5" t="s">
        <v>42</v>
      </c>
      <c r="U11170" s="2">
        <v>11.92</v>
      </c>
      <c r="V11170" s="2">
        <v>9.1690000000000005</v>
      </c>
      <c r="W11170" s="2">
        <v>0.23100000000000001</v>
      </c>
      <c r="X11170" s="2">
        <v>12</v>
      </c>
      <c r="Y11170" s="2">
        <v>62</v>
      </c>
      <c r="Z11170" s="2">
        <v>199.7</v>
      </c>
      <c r="AA11170" s="5">
        <v>8</v>
      </c>
      <c r="AB11170" s="5" t="s">
        <v>43</v>
      </c>
      <c r="AC11170" s="5" t="s">
        <v>44</v>
      </c>
      <c r="AD11170" s="2" t="s">
        <v>33622</v>
      </c>
      <c r="AE11170" s="1"/>
    </row>
    <row r="11171" spans="1:31" ht="14.45">
      <c r="A11171" s="11"/>
      <c r="B11171" s="20"/>
      <c r="C11171" s="2" t="s">
        <v>34349</v>
      </c>
      <c r="D11171" s="14" t="s">
        <v>34350</v>
      </c>
      <c r="E11171" s="2" t="s">
        <v>34351</v>
      </c>
      <c r="F11171" s="2" t="s">
        <v>33626</v>
      </c>
      <c r="G11171" s="8">
        <v>194</v>
      </c>
      <c r="H11171" s="5">
        <v>5</v>
      </c>
      <c r="I11171" s="5" t="s">
        <v>69</v>
      </c>
      <c r="J11171" s="5" t="s">
        <v>27074</v>
      </c>
      <c r="K11171" s="2" t="s">
        <v>27075</v>
      </c>
      <c r="L11171" s="5" t="s">
        <v>27074</v>
      </c>
      <c r="M11171" s="2" t="s">
        <v>27075</v>
      </c>
      <c r="N11171" s="5" t="s">
        <v>24254</v>
      </c>
      <c r="O11171" s="5" t="s">
        <v>38</v>
      </c>
      <c r="P11171" s="5" t="s">
        <v>39</v>
      </c>
      <c r="Q11171" s="5" t="s">
        <v>40</v>
      </c>
      <c r="R11171" s="5" t="s">
        <v>24335</v>
      </c>
      <c r="S11171" s="5" t="s">
        <v>40</v>
      </c>
      <c r="T11171" s="5" t="s">
        <v>42</v>
      </c>
      <c r="U11171" s="2">
        <v>9.9920000000000009</v>
      </c>
      <c r="V11171" s="2">
        <v>7.2009999999999996</v>
      </c>
      <c r="W11171" s="2">
        <v>0.14899999999999999</v>
      </c>
      <c r="X11171" s="2">
        <v>12</v>
      </c>
      <c r="Y11171" s="2">
        <v>62</v>
      </c>
      <c r="Z11171" s="2">
        <v>199.7</v>
      </c>
      <c r="AA11171" s="5">
        <v>8</v>
      </c>
      <c r="AB11171" s="5" t="s">
        <v>43</v>
      </c>
      <c r="AC11171" s="5" t="s">
        <v>44</v>
      </c>
      <c r="AD11171" s="2" t="s">
        <v>33622</v>
      </c>
      <c r="AE11171" s="1"/>
    </row>
    <row r="11172" spans="1:31" ht="14.45">
      <c r="A11172" s="11"/>
      <c r="B11172" s="20"/>
      <c r="C11172" s="2" t="s">
        <v>34352</v>
      </c>
      <c r="D11172" s="14" t="s">
        <v>34353</v>
      </c>
      <c r="E11172" s="2" t="s">
        <v>34354</v>
      </c>
      <c r="F11172" s="2" t="s">
        <v>33630</v>
      </c>
      <c r="G11172" s="8">
        <v>194</v>
      </c>
      <c r="H11172" s="5">
        <v>5</v>
      </c>
      <c r="I11172" s="5" t="s">
        <v>69</v>
      </c>
      <c r="J11172" s="5" t="s">
        <v>27074</v>
      </c>
      <c r="K11172" s="2" t="s">
        <v>27075</v>
      </c>
      <c r="L11172" s="5" t="s">
        <v>27074</v>
      </c>
      <c r="M11172" s="2" t="s">
        <v>27075</v>
      </c>
      <c r="N11172" s="5" t="s">
        <v>24254</v>
      </c>
      <c r="O11172" s="5" t="s">
        <v>38</v>
      </c>
      <c r="P11172" s="5" t="s">
        <v>39</v>
      </c>
      <c r="Q11172" s="5" t="s">
        <v>40</v>
      </c>
      <c r="R11172" s="5" t="s">
        <v>24335</v>
      </c>
      <c r="S11172" s="5" t="s">
        <v>40</v>
      </c>
      <c r="T11172" s="5" t="s">
        <v>42</v>
      </c>
      <c r="U11172" s="2">
        <v>8.516</v>
      </c>
      <c r="V11172" s="2">
        <v>6.2770000000000001</v>
      </c>
      <c r="W11172" s="2">
        <v>0.11899999999999999</v>
      </c>
      <c r="X11172" s="2">
        <v>12</v>
      </c>
      <c r="Y11172" s="2">
        <v>62</v>
      </c>
      <c r="Z11172" s="2">
        <v>159.9</v>
      </c>
      <c r="AA11172" s="5">
        <v>8</v>
      </c>
      <c r="AB11172" s="5" t="s">
        <v>43</v>
      </c>
      <c r="AC11172" s="5" t="s">
        <v>44</v>
      </c>
      <c r="AD11172" s="2" t="s">
        <v>33622</v>
      </c>
      <c r="AE11172" s="1"/>
    </row>
    <row r="11173" spans="1:31" ht="14.45">
      <c r="A11173" s="11"/>
      <c r="B11173" s="20"/>
      <c r="C11173" s="2" t="s">
        <v>34355</v>
      </c>
      <c r="D11173" s="14" t="s">
        <v>34356</v>
      </c>
      <c r="E11173" s="2" t="s">
        <v>34357</v>
      </c>
      <c r="F11173" s="2" t="s">
        <v>33634</v>
      </c>
      <c r="G11173" s="8">
        <v>194</v>
      </c>
      <c r="H11173" s="5">
        <v>5</v>
      </c>
      <c r="I11173" s="5" t="s">
        <v>69</v>
      </c>
      <c r="J11173" s="5" t="s">
        <v>27074</v>
      </c>
      <c r="K11173" s="2" t="s">
        <v>27075</v>
      </c>
      <c r="L11173" s="5" t="s">
        <v>27074</v>
      </c>
      <c r="M11173" s="2" t="s">
        <v>27075</v>
      </c>
      <c r="N11173" s="5" t="s">
        <v>24254</v>
      </c>
      <c r="O11173" s="5" t="s">
        <v>38</v>
      </c>
      <c r="P11173" s="5" t="s">
        <v>39</v>
      </c>
      <c r="Q11173" s="5" t="s">
        <v>40</v>
      </c>
      <c r="R11173" s="5" t="s">
        <v>24335</v>
      </c>
      <c r="S11173" s="5" t="s">
        <v>40</v>
      </c>
      <c r="T11173" s="5" t="s">
        <v>42</v>
      </c>
      <c r="U11173" s="2">
        <v>7.7649999999999997</v>
      </c>
      <c r="V11173" s="2">
        <v>5.0919999999999996</v>
      </c>
      <c r="W11173" s="2">
        <v>0.14899999999999999</v>
      </c>
      <c r="X11173" s="2">
        <v>12</v>
      </c>
      <c r="Y11173" s="2">
        <v>62</v>
      </c>
      <c r="Z11173" s="2">
        <v>199.7</v>
      </c>
      <c r="AA11173" s="5">
        <v>10</v>
      </c>
      <c r="AB11173" s="5" t="s">
        <v>43</v>
      </c>
      <c r="AC11173" s="5" t="s">
        <v>44</v>
      </c>
      <c r="AD11173" s="2" t="s">
        <v>33635</v>
      </c>
      <c r="AE11173" s="1"/>
    </row>
    <row r="11174" spans="1:31" ht="14.45">
      <c r="A11174" s="11"/>
      <c r="B11174" s="20"/>
      <c r="C11174" s="2" t="s">
        <v>34358</v>
      </c>
      <c r="D11174" s="14" t="s">
        <v>34359</v>
      </c>
      <c r="E11174" s="2" t="s">
        <v>34360</v>
      </c>
      <c r="F11174" s="2" t="s">
        <v>33634</v>
      </c>
      <c r="G11174" s="8">
        <v>194</v>
      </c>
      <c r="H11174" s="5">
        <v>5</v>
      </c>
      <c r="I11174" s="5" t="s">
        <v>69</v>
      </c>
      <c r="J11174" s="5" t="s">
        <v>27074</v>
      </c>
      <c r="K11174" s="2" t="s">
        <v>27075</v>
      </c>
      <c r="L11174" s="5" t="s">
        <v>27074</v>
      </c>
      <c r="M11174" s="2" t="s">
        <v>27075</v>
      </c>
      <c r="N11174" s="5" t="s">
        <v>24254</v>
      </c>
      <c r="O11174" s="5" t="s">
        <v>38</v>
      </c>
      <c r="P11174" s="5" t="s">
        <v>39</v>
      </c>
      <c r="Q11174" s="5" t="s">
        <v>40</v>
      </c>
      <c r="R11174" s="5" t="s">
        <v>24335</v>
      </c>
      <c r="S11174" s="5" t="s">
        <v>40</v>
      </c>
      <c r="T11174" s="5" t="s">
        <v>42</v>
      </c>
      <c r="U11174" s="2">
        <v>8.1219999999999999</v>
      </c>
      <c r="V11174" s="2">
        <v>5.4029999999999996</v>
      </c>
      <c r="W11174" s="2">
        <v>0.14899999999999999</v>
      </c>
      <c r="X11174" s="2">
        <v>12</v>
      </c>
      <c r="Y11174" s="2">
        <v>62</v>
      </c>
      <c r="Z11174" s="2">
        <v>199.7</v>
      </c>
      <c r="AA11174" s="5">
        <v>10</v>
      </c>
      <c r="AB11174" s="5" t="s">
        <v>43</v>
      </c>
      <c r="AC11174" s="5" t="s">
        <v>44</v>
      </c>
      <c r="AD11174" s="2" t="s">
        <v>33639</v>
      </c>
      <c r="AE11174" s="1"/>
    </row>
    <row r="11175" spans="1:31" ht="14.45">
      <c r="A11175" s="11"/>
      <c r="B11175" s="20"/>
      <c r="C11175" s="2" t="s">
        <v>34361</v>
      </c>
      <c r="D11175" s="14" t="s">
        <v>34362</v>
      </c>
      <c r="E11175" s="2" t="s">
        <v>34363</v>
      </c>
      <c r="F11175" s="2" t="s">
        <v>33643</v>
      </c>
      <c r="G11175" s="8">
        <v>194</v>
      </c>
      <c r="H11175" s="5">
        <v>5</v>
      </c>
      <c r="I11175" s="5" t="s">
        <v>69</v>
      </c>
      <c r="J11175" s="5" t="s">
        <v>27074</v>
      </c>
      <c r="K11175" s="2" t="s">
        <v>27075</v>
      </c>
      <c r="L11175" s="5" t="s">
        <v>27074</v>
      </c>
      <c r="M11175" s="2" t="s">
        <v>27075</v>
      </c>
      <c r="N11175" s="5" t="s">
        <v>24254</v>
      </c>
      <c r="O11175" s="5" t="s">
        <v>38</v>
      </c>
      <c r="P11175" s="5" t="s">
        <v>39</v>
      </c>
      <c r="Q11175" s="5" t="s">
        <v>40</v>
      </c>
      <c r="R11175" s="5" t="s">
        <v>24335</v>
      </c>
      <c r="S11175" s="5" t="s">
        <v>40</v>
      </c>
      <c r="T11175" s="5" t="s">
        <v>42</v>
      </c>
      <c r="U11175" s="2">
        <v>6.2930000000000001</v>
      </c>
      <c r="V11175" s="2">
        <v>3.9420000000000002</v>
      </c>
      <c r="W11175" s="2">
        <v>0.129</v>
      </c>
      <c r="X11175" s="2">
        <v>12</v>
      </c>
      <c r="Y11175" s="2">
        <v>62</v>
      </c>
      <c r="Z11175" s="2">
        <v>172.9</v>
      </c>
      <c r="AA11175" s="5">
        <v>10</v>
      </c>
      <c r="AB11175" s="5" t="s">
        <v>43</v>
      </c>
      <c r="AC11175" s="5" t="s">
        <v>44</v>
      </c>
      <c r="AD11175" s="2" t="s">
        <v>33644</v>
      </c>
      <c r="AE11175" s="1"/>
    </row>
    <row r="11176" spans="1:31" ht="14.45">
      <c r="A11176" s="11"/>
      <c r="B11176" s="20"/>
      <c r="C11176" s="2" t="s">
        <v>34364</v>
      </c>
      <c r="D11176" s="14" t="s">
        <v>34365</v>
      </c>
      <c r="E11176" s="2" t="s">
        <v>34366</v>
      </c>
      <c r="F11176" s="2" t="s">
        <v>33643</v>
      </c>
      <c r="G11176" s="8">
        <v>194</v>
      </c>
      <c r="H11176" s="5">
        <v>5</v>
      </c>
      <c r="I11176" s="5" t="s">
        <v>69</v>
      </c>
      <c r="J11176" s="5" t="s">
        <v>27074</v>
      </c>
      <c r="K11176" s="2" t="s">
        <v>27075</v>
      </c>
      <c r="L11176" s="5" t="s">
        <v>27074</v>
      </c>
      <c r="M11176" s="2" t="s">
        <v>27075</v>
      </c>
      <c r="N11176" s="5" t="s">
        <v>24254</v>
      </c>
      <c r="O11176" s="5" t="s">
        <v>38</v>
      </c>
      <c r="P11176" s="5" t="s">
        <v>39</v>
      </c>
      <c r="Q11176" s="5" t="s">
        <v>40</v>
      </c>
      <c r="R11176" s="5" t="s">
        <v>24335</v>
      </c>
      <c r="S11176" s="5" t="s">
        <v>40</v>
      </c>
      <c r="T11176" s="5" t="s">
        <v>42</v>
      </c>
      <c r="U11176" s="2">
        <v>7.0720000000000001</v>
      </c>
      <c r="V11176" s="2">
        <v>4.3529999999999998</v>
      </c>
      <c r="W11176" s="2">
        <v>0.129</v>
      </c>
      <c r="X11176" s="2">
        <v>12</v>
      </c>
      <c r="Y11176" s="2">
        <v>62</v>
      </c>
      <c r="Z11176" s="2">
        <v>172.9</v>
      </c>
      <c r="AA11176" s="5">
        <v>10</v>
      </c>
      <c r="AB11176" s="5" t="s">
        <v>43</v>
      </c>
      <c r="AC11176" s="5" t="s">
        <v>44</v>
      </c>
      <c r="AD11176" s="2" t="s">
        <v>33648</v>
      </c>
      <c r="AE11176" s="1"/>
    </row>
    <row r="11177" spans="1:31" ht="14.45">
      <c r="A11177" s="11"/>
      <c r="B11177" s="20"/>
      <c r="C11177" s="2" t="s">
        <v>34367</v>
      </c>
      <c r="D11177" s="14" t="s">
        <v>34368</v>
      </c>
      <c r="E11177" s="2" t="s">
        <v>34369</v>
      </c>
      <c r="F11177" s="2" t="s">
        <v>33652</v>
      </c>
      <c r="G11177" s="8">
        <v>194</v>
      </c>
      <c r="H11177" s="5">
        <v>5</v>
      </c>
      <c r="I11177" s="5" t="s">
        <v>69</v>
      </c>
      <c r="J11177" s="5" t="s">
        <v>27074</v>
      </c>
      <c r="K11177" s="2" t="s">
        <v>27075</v>
      </c>
      <c r="L11177" s="5" t="s">
        <v>27074</v>
      </c>
      <c r="M11177" s="2" t="s">
        <v>27075</v>
      </c>
      <c r="N11177" s="5" t="s">
        <v>24254</v>
      </c>
      <c r="O11177" s="5" t="s">
        <v>38</v>
      </c>
      <c r="P11177" s="5" t="s">
        <v>39</v>
      </c>
      <c r="Q11177" s="5" t="s">
        <v>40</v>
      </c>
      <c r="R11177" s="5" t="s">
        <v>24335</v>
      </c>
      <c r="S11177" s="5" t="s">
        <v>40</v>
      </c>
      <c r="T11177" s="5" t="s">
        <v>42</v>
      </c>
      <c r="U11177" s="2">
        <v>7.2030000000000003</v>
      </c>
      <c r="V11177" s="2">
        <v>4.4509999999999996</v>
      </c>
      <c r="W11177" s="2">
        <v>0.14899999999999999</v>
      </c>
      <c r="X11177" s="2">
        <v>12</v>
      </c>
      <c r="Y11177" s="2">
        <v>62</v>
      </c>
      <c r="Z11177" s="2">
        <v>199.7</v>
      </c>
      <c r="AA11177" s="5">
        <v>10</v>
      </c>
      <c r="AB11177" s="5" t="s">
        <v>43</v>
      </c>
      <c r="AC11177" s="5" t="s">
        <v>44</v>
      </c>
      <c r="AD11177" s="2" t="s">
        <v>33644</v>
      </c>
      <c r="AE11177" s="1"/>
    </row>
    <row r="11178" spans="1:31" ht="14.45">
      <c r="A11178" s="11"/>
      <c r="B11178" s="20"/>
      <c r="C11178" s="2" t="s">
        <v>34370</v>
      </c>
      <c r="D11178" s="14" t="s">
        <v>34371</v>
      </c>
      <c r="E11178" s="2" t="s">
        <v>34372</v>
      </c>
      <c r="F11178" s="2" t="s">
        <v>33652</v>
      </c>
      <c r="G11178" s="8">
        <v>194</v>
      </c>
      <c r="H11178" s="5">
        <v>5</v>
      </c>
      <c r="I11178" s="5" t="s">
        <v>69</v>
      </c>
      <c r="J11178" s="5" t="s">
        <v>27074</v>
      </c>
      <c r="K11178" s="2" t="s">
        <v>27075</v>
      </c>
      <c r="L11178" s="5" t="s">
        <v>27074</v>
      </c>
      <c r="M11178" s="2" t="s">
        <v>27075</v>
      </c>
      <c r="N11178" s="5" t="s">
        <v>24254</v>
      </c>
      <c r="O11178" s="5" t="s">
        <v>38</v>
      </c>
      <c r="P11178" s="5" t="s">
        <v>39</v>
      </c>
      <c r="Q11178" s="5" t="s">
        <v>40</v>
      </c>
      <c r="R11178" s="5" t="s">
        <v>24335</v>
      </c>
      <c r="S11178" s="5" t="s">
        <v>40</v>
      </c>
      <c r="T11178" s="5" t="s">
        <v>42</v>
      </c>
      <c r="U11178" s="2">
        <v>7.5940000000000003</v>
      </c>
      <c r="V11178" s="2">
        <v>4.7960000000000003</v>
      </c>
      <c r="W11178" s="2">
        <v>0.14899999999999999</v>
      </c>
      <c r="X11178" s="2">
        <v>12</v>
      </c>
      <c r="Y11178" s="2">
        <v>62</v>
      </c>
      <c r="Z11178" s="2">
        <v>199.7</v>
      </c>
      <c r="AA11178" s="5">
        <v>10</v>
      </c>
      <c r="AB11178" s="5" t="s">
        <v>43</v>
      </c>
      <c r="AC11178" s="5" t="s">
        <v>44</v>
      </c>
      <c r="AD11178" s="2" t="s">
        <v>33648</v>
      </c>
      <c r="AE11178" s="1"/>
    </row>
    <row r="11179" spans="1:31" ht="14.45">
      <c r="A11179" s="11"/>
      <c r="B11179" s="20"/>
      <c r="C11179" s="2" t="s">
        <v>34373</v>
      </c>
      <c r="D11179" s="14" t="s">
        <v>34374</v>
      </c>
      <c r="E11179" s="2" t="s">
        <v>34375</v>
      </c>
      <c r="F11179" s="2" t="s">
        <v>33659</v>
      </c>
      <c r="G11179" s="8">
        <v>352</v>
      </c>
      <c r="H11179" s="5">
        <v>5</v>
      </c>
      <c r="I11179" s="5" t="s">
        <v>69</v>
      </c>
      <c r="J11179" s="5" t="s">
        <v>27074</v>
      </c>
      <c r="K11179" s="2" t="s">
        <v>27075</v>
      </c>
      <c r="L11179" s="5" t="s">
        <v>27074</v>
      </c>
      <c r="M11179" s="2" t="s">
        <v>27075</v>
      </c>
      <c r="N11179" s="5" t="s">
        <v>24254</v>
      </c>
      <c r="O11179" s="5" t="s">
        <v>38</v>
      </c>
      <c r="P11179" s="5" t="s">
        <v>39</v>
      </c>
      <c r="Q11179" s="5" t="s">
        <v>40</v>
      </c>
      <c r="R11179" s="5" t="s">
        <v>24335</v>
      </c>
      <c r="S11179" s="5" t="s">
        <v>40</v>
      </c>
      <c r="T11179" s="5" t="s">
        <v>42</v>
      </c>
      <c r="U11179" s="2">
        <v>17.547000000000001</v>
      </c>
      <c r="V11179" s="2">
        <v>15.188000000000001</v>
      </c>
      <c r="W11179" s="2">
        <v>0.2</v>
      </c>
      <c r="X11179" s="2">
        <v>15</v>
      </c>
      <c r="Y11179" s="2">
        <v>77</v>
      </c>
      <c r="Z11179" s="2">
        <v>173.4</v>
      </c>
      <c r="AA11179" s="5">
        <v>8</v>
      </c>
      <c r="AB11179" s="5" t="s">
        <v>43</v>
      </c>
      <c r="AC11179" s="5" t="s">
        <v>44</v>
      </c>
      <c r="AD11179" s="2" t="s">
        <v>33660</v>
      </c>
      <c r="AE11179" s="1"/>
    </row>
    <row r="11180" spans="1:31" ht="14.45">
      <c r="A11180" s="11"/>
      <c r="B11180" s="20"/>
      <c r="C11180" s="2" t="s">
        <v>34376</v>
      </c>
      <c r="D11180" s="14" t="s">
        <v>34377</v>
      </c>
      <c r="E11180" s="2" t="s">
        <v>34378</v>
      </c>
      <c r="F11180" s="2" t="s">
        <v>33664</v>
      </c>
      <c r="G11180" s="8">
        <v>345</v>
      </c>
      <c r="H11180" s="5">
        <v>10</v>
      </c>
      <c r="I11180" s="5" t="s">
        <v>69</v>
      </c>
      <c r="J11180" s="5" t="s">
        <v>27074</v>
      </c>
      <c r="K11180" s="2" t="s">
        <v>27075</v>
      </c>
      <c r="L11180" s="5" t="s">
        <v>27074</v>
      </c>
      <c r="M11180" s="2" t="s">
        <v>27075</v>
      </c>
      <c r="N11180" s="5" t="s">
        <v>24254</v>
      </c>
      <c r="O11180" s="5" t="s">
        <v>38</v>
      </c>
      <c r="P11180" s="5" t="s">
        <v>39</v>
      </c>
      <c r="Q11180" s="5" t="s">
        <v>40</v>
      </c>
      <c r="R11180" s="5" t="s">
        <v>24340</v>
      </c>
      <c r="S11180" s="5" t="s">
        <v>40</v>
      </c>
      <c r="T11180" s="5" t="s">
        <v>42</v>
      </c>
      <c r="U11180" s="2">
        <v>18.170999999999999</v>
      </c>
      <c r="V11180" s="2">
        <v>15.42</v>
      </c>
      <c r="W11180" s="2">
        <v>0.23100000000000001</v>
      </c>
      <c r="X11180" s="2">
        <v>12</v>
      </c>
      <c r="Y11180" s="2">
        <v>62</v>
      </c>
      <c r="Z11180" s="2">
        <v>199.7</v>
      </c>
      <c r="AA11180" s="5">
        <v>8</v>
      </c>
      <c r="AB11180" s="5" t="s">
        <v>43</v>
      </c>
      <c r="AC11180" s="5" t="s">
        <v>44</v>
      </c>
      <c r="AD11180" s="2" t="s">
        <v>33665</v>
      </c>
      <c r="AE11180" s="1"/>
    </row>
    <row r="11181" spans="1:31" ht="14.45">
      <c r="A11181" s="11"/>
      <c r="B11181" s="20"/>
      <c r="C11181" s="2" t="s">
        <v>34379</v>
      </c>
      <c r="D11181" s="14" t="s">
        <v>34380</v>
      </c>
      <c r="E11181" s="2" t="s">
        <v>34381</v>
      </c>
      <c r="F11181" s="2" t="s">
        <v>33669</v>
      </c>
      <c r="G11181" s="8">
        <v>345</v>
      </c>
      <c r="H11181" s="5">
        <v>10</v>
      </c>
      <c r="I11181" s="5" t="s">
        <v>69</v>
      </c>
      <c r="J11181" s="5" t="s">
        <v>27074</v>
      </c>
      <c r="K11181" s="2" t="s">
        <v>27075</v>
      </c>
      <c r="L11181" s="5" t="s">
        <v>27074</v>
      </c>
      <c r="M11181" s="2" t="s">
        <v>27075</v>
      </c>
      <c r="N11181" s="5" t="s">
        <v>24254</v>
      </c>
      <c r="O11181" s="5" t="s">
        <v>38</v>
      </c>
      <c r="P11181" s="5" t="s">
        <v>39</v>
      </c>
      <c r="Q11181" s="5" t="s">
        <v>40</v>
      </c>
      <c r="R11181" s="5" t="s">
        <v>24340</v>
      </c>
      <c r="S11181" s="5" t="s">
        <v>40</v>
      </c>
      <c r="T11181" s="5" t="s">
        <v>42</v>
      </c>
      <c r="U11181" s="2">
        <v>14.991</v>
      </c>
      <c r="V11181" s="2">
        <v>12.241</v>
      </c>
      <c r="W11181" s="2">
        <v>0.186</v>
      </c>
      <c r="X11181" s="2">
        <v>12</v>
      </c>
      <c r="Y11181" s="2">
        <v>62</v>
      </c>
      <c r="Z11181" s="2">
        <v>199.7</v>
      </c>
      <c r="AA11181" s="5">
        <v>8</v>
      </c>
      <c r="AB11181" s="5" t="s">
        <v>43</v>
      </c>
      <c r="AC11181" s="5" t="s">
        <v>44</v>
      </c>
      <c r="AD11181" s="2" t="s">
        <v>33665</v>
      </c>
      <c r="AE11181" s="1"/>
    </row>
    <row r="11182" spans="1:31" ht="14.45">
      <c r="A11182" s="11"/>
      <c r="B11182" s="20"/>
      <c r="C11182" s="2" t="s">
        <v>34382</v>
      </c>
      <c r="D11182" s="14" t="s">
        <v>34383</v>
      </c>
      <c r="E11182" s="2" t="s">
        <v>34384</v>
      </c>
      <c r="F11182" s="2" t="s">
        <v>33673</v>
      </c>
      <c r="G11182" s="8">
        <v>345</v>
      </c>
      <c r="H11182" s="5">
        <v>10</v>
      </c>
      <c r="I11182" s="5" t="s">
        <v>69</v>
      </c>
      <c r="J11182" s="5" t="s">
        <v>27074</v>
      </c>
      <c r="K11182" s="2" t="s">
        <v>27075</v>
      </c>
      <c r="L11182" s="5" t="s">
        <v>27074</v>
      </c>
      <c r="M11182" s="2" t="s">
        <v>27075</v>
      </c>
      <c r="N11182" s="5" t="s">
        <v>24254</v>
      </c>
      <c r="O11182" s="5" t="s">
        <v>38</v>
      </c>
      <c r="P11182" s="5" t="s">
        <v>39</v>
      </c>
      <c r="Q11182" s="5" t="s">
        <v>40</v>
      </c>
      <c r="R11182" s="5" t="s">
        <v>24340</v>
      </c>
      <c r="S11182" s="5" t="s">
        <v>40</v>
      </c>
      <c r="T11182" s="5" t="s">
        <v>42</v>
      </c>
      <c r="U11182" s="2">
        <v>12.593</v>
      </c>
      <c r="V11182" s="2">
        <v>10.353999999999999</v>
      </c>
      <c r="W11182" s="2">
        <v>0.11899999999999999</v>
      </c>
      <c r="X11182" s="2">
        <v>12</v>
      </c>
      <c r="Y11182" s="2">
        <v>62</v>
      </c>
      <c r="Z11182" s="2">
        <v>159.9</v>
      </c>
      <c r="AA11182" s="5">
        <v>8</v>
      </c>
      <c r="AB11182" s="5" t="s">
        <v>43</v>
      </c>
      <c r="AC11182" s="5" t="s">
        <v>44</v>
      </c>
      <c r="AD11182" s="2" t="s">
        <v>33665</v>
      </c>
      <c r="AE11182" s="1"/>
    </row>
    <row r="11183" spans="1:31" ht="14.45">
      <c r="A11183" s="11"/>
      <c r="B11183" s="20"/>
      <c r="C11183" s="2" t="s">
        <v>34385</v>
      </c>
      <c r="D11183" s="14" t="s">
        <v>34386</v>
      </c>
      <c r="E11183" s="2" t="s">
        <v>34387</v>
      </c>
      <c r="F11183" s="2" t="s">
        <v>33677</v>
      </c>
      <c r="G11183" s="8">
        <v>345</v>
      </c>
      <c r="H11183" s="5">
        <v>10</v>
      </c>
      <c r="I11183" s="5" t="s">
        <v>69</v>
      </c>
      <c r="J11183" s="5" t="s">
        <v>27074</v>
      </c>
      <c r="K11183" s="2" t="s">
        <v>27075</v>
      </c>
      <c r="L11183" s="5" t="s">
        <v>27074</v>
      </c>
      <c r="M11183" s="2" t="s">
        <v>27075</v>
      </c>
      <c r="N11183" s="5" t="s">
        <v>24254</v>
      </c>
      <c r="O11183" s="5" t="s">
        <v>38</v>
      </c>
      <c r="P11183" s="5" t="s">
        <v>39</v>
      </c>
      <c r="Q11183" s="5" t="s">
        <v>40</v>
      </c>
      <c r="R11183" s="5" t="s">
        <v>24340</v>
      </c>
      <c r="S11183" s="5" t="s">
        <v>40</v>
      </c>
      <c r="T11183" s="5" t="s">
        <v>42</v>
      </c>
      <c r="U11183" s="2">
        <v>13.015000000000001</v>
      </c>
      <c r="V11183" s="2">
        <v>10.342000000000001</v>
      </c>
      <c r="W11183" s="2">
        <v>0.14899999999999999</v>
      </c>
      <c r="X11183" s="2">
        <v>12</v>
      </c>
      <c r="Y11183" s="2">
        <v>62</v>
      </c>
      <c r="Z11183" s="2">
        <v>199.7</v>
      </c>
      <c r="AA11183" s="5">
        <v>10</v>
      </c>
      <c r="AB11183" s="5" t="s">
        <v>43</v>
      </c>
      <c r="AC11183" s="5" t="s">
        <v>44</v>
      </c>
      <c r="AD11183" s="2" t="s">
        <v>33678</v>
      </c>
      <c r="AE11183" s="1"/>
    </row>
    <row r="11184" spans="1:31" ht="14.45">
      <c r="A11184" s="11"/>
      <c r="B11184" s="20"/>
      <c r="C11184" s="2" t="s">
        <v>34388</v>
      </c>
      <c r="D11184" s="14" t="s">
        <v>34389</v>
      </c>
      <c r="E11184" s="2" t="s">
        <v>34390</v>
      </c>
      <c r="F11184" s="2" t="s">
        <v>33677</v>
      </c>
      <c r="G11184" s="8">
        <v>345</v>
      </c>
      <c r="H11184" s="5">
        <v>10</v>
      </c>
      <c r="I11184" s="5" t="s">
        <v>69</v>
      </c>
      <c r="J11184" s="5" t="s">
        <v>27074</v>
      </c>
      <c r="K11184" s="2" t="s">
        <v>27075</v>
      </c>
      <c r="L11184" s="5" t="s">
        <v>27074</v>
      </c>
      <c r="M11184" s="2" t="s">
        <v>27075</v>
      </c>
      <c r="N11184" s="5" t="s">
        <v>24254</v>
      </c>
      <c r="O11184" s="5" t="s">
        <v>38</v>
      </c>
      <c r="P11184" s="5" t="s">
        <v>39</v>
      </c>
      <c r="Q11184" s="5" t="s">
        <v>40</v>
      </c>
      <c r="R11184" s="5" t="s">
        <v>24340</v>
      </c>
      <c r="S11184" s="5" t="s">
        <v>40</v>
      </c>
      <c r="T11184" s="5" t="s">
        <v>42</v>
      </c>
      <c r="U11184" s="2">
        <v>14.034000000000001</v>
      </c>
      <c r="V11184" s="2">
        <v>11.315</v>
      </c>
      <c r="W11184" s="2">
        <v>0.14899999999999999</v>
      </c>
      <c r="X11184" s="2">
        <v>12</v>
      </c>
      <c r="Y11184" s="2">
        <v>62</v>
      </c>
      <c r="Z11184" s="2">
        <v>199.7</v>
      </c>
      <c r="AA11184" s="5">
        <v>10</v>
      </c>
      <c r="AB11184" s="5" t="s">
        <v>43</v>
      </c>
      <c r="AC11184" s="5" t="s">
        <v>44</v>
      </c>
      <c r="AD11184" s="2" t="s">
        <v>33950</v>
      </c>
      <c r="AE11184" s="1"/>
    </row>
    <row r="11185" spans="1:31" ht="14.45">
      <c r="A11185" s="11"/>
      <c r="B11185" s="20"/>
      <c r="C11185" s="2" t="s">
        <v>34391</v>
      </c>
      <c r="D11185" s="14" t="s">
        <v>34392</v>
      </c>
      <c r="E11185" s="2" t="s">
        <v>34393</v>
      </c>
      <c r="F11185" s="2" t="s">
        <v>33682</v>
      </c>
      <c r="G11185" s="8">
        <v>345</v>
      </c>
      <c r="H11185" s="5">
        <v>10</v>
      </c>
      <c r="I11185" s="5" t="s">
        <v>69</v>
      </c>
      <c r="J11185" s="5" t="s">
        <v>27074</v>
      </c>
      <c r="K11185" s="2" t="s">
        <v>27075</v>
      </c>
      <c r="L11185" s="5" t="s">
        <v>27074</v>
      </c>
      <c r="M11185" s="2" t="s">
        <v>27075</v>
      </c>
      <c r="N11185" s="5" t="s">
        <v>24254</v>
      </c>
      <c r="O11185" s="5" t="s">
        <v>38</v>
      </c>
      <c r="P11185" s="5" t="s">
        <v>39</v>
      </c>
      <c r="Q11185" s="5" t="s">
        <v>40</v>
      </c>
      <c r="R11185" s="5" t="s">
        <v>24340</v>
      </c>
      <c r="S11185" s="5" t="s">
        <v>40</v>
      </c>
      <c r="T11185" s="5" t="s">
        <v>42</v>
      </c>
      <c r="U11185" s="2">
        <v>9.1769999999999996</v>
      </c>
      <c r="V11185" s="2">
        <v>6.8259999999999996</v>
      </c>
      <c r="W11185" s="2">
        <v>0.129</v>
      </c>
      <c r="X11185" s="2">
        <v>12</v>
      </c>
      <c r="Y11185" s="2">
        <v>62</v>
      </c>
      <c r="Z11185" s="2">
        <v>172.9</v>
      </c>
      <c r="AA11185" s="5">
        <v>10</v>
      </c>
      <c r="AB11185" s="5" t="s">
        <v>43</v>
      </c>
      <c r="AC11185" s="5" t="s">
        <v>44</v>
      </c>
      <c r="AD11185" s="2" t="s">
        <v>33683</v>
      </c>
      <c r="AE11185" s="1"/>
    </row>
    <row r="11186" spans="1:31" ht="14.45">
      <c r="A11186" s="11"/>
      <c r="B11186" s="20"/>
      <c r="C11186" s="2" t="s">
        <v>34394</v>
      </c>
      <c r="D11186" s="14" t="s">
        <v>34395</v>
      </c>
      <c r="E11186" s="2" t="s">
        <v>34396</v>
      </c>
      <c r="F11186" s="2" t="s">
        <v>33682</v>
      </c>
      <c r="G11186" s="8">
        <v>345</v>
      </c>
      <c r="H11186" s="5">
        <v>10</v>
      </c>
      <c r="I11186" s="5" t="s">
        <v>69</v>
      </c>
      <c r="J11186" s="5" t="s">
        <v>27074</v>
      </c>
      <c r="K11186" s="2" t="s">
        <v>27075</v>
      </c>
      <c r="L11186" s="5" t="s">
        <v>27074</v>
      </c>
      <c r="M11186" s="2" t="s">
        <v>27075</v>
      </c>
      <c r="N11186" s="5" t="s">
        <v>24254</v>
      </c>
      <c r="O11186" s="5" t="s">
        <v>38</v>
      </c>
      <c r="P11186" s="5" t="s">
        <v>39</v>
      </c>
      <c r="Q11186" s="5" t="s">
        <v>40</v>
      </c>
      <c r="R11186" s="5" t="s">
        <v>24340</v>
      </c>
      <c r="S11186" s="5" t="s">
        <v>40</v>
      </c>
      <c r="T11186" s="5" t="s">
        <v>42</v>
      </c>
      <c r="U11186" s="2">
        <v>10.523999999999999</v>
      </c>
      <c r="V11186" s="2">
        <v>8.1270000000000007</v>
      </c>
      <c r="W11186" s="2">
        <v>0.129</v>
      </c>
      <c r="X11186" s="2">
        <v>12</v>
      </c>
      <c r="Y11186" s="2">
        <v>62</v>
      </c>
      <c r="Z11186" s="2">
        <v>172.9</v>
      </c>
      <c r="AA11186" s="5">
        <v>10</v>
      </c>
      <c r="AB11186" s="5" t="s">
        <v>43</v>
      </c>
      <c r="AC11186" s="5" t="s">
        <v>44</v>
      </c>
      <c r="AD11186" s="2" t="s">
        <v>33688</v>
      </c>
      <c r="AE11186" s="1"/>
    </row>
    <row r="11187" spans="1:31" ht="14.45">
      <c r="A11187" s="11"/>
      <c r="B11187" s="20"/>
      <c r="C11187" s="2" t="s">
        <v>34397</v>
      </c>
      <c r="D11187" s="14" t="s">
        <v>34398</v>
      </c>
      <c r="E11187" s="2" t="s">
        <v>34399</v>
      </c>
      <c r="F11187" s="2" t="s">
        <v>33687</v>
      </c>
      <c r="G11187" s="8">
        <v>345</v>
      </c>
      <c r="H11187" s="5">
        <v>10</v>
      </c>
      <c r="I11187" s="5" t="s">
        <v>69</v>
      </c>
      <c r="J11187" s="5" t="s">
        <v>27074</v>
      </c>
      <c r="K11187" s="2" t="s">
        <v>27075</v>
      </c>
      <c r="L11187" s="5" t="s">
        <v>27074</v>
      </c>
      <c r="M11187" s="2" t="s">
        <v>27075</v>
      </c>
      <c r="N11187" s="5" t="s">
        <v>24254</v>
      </c>
      <c r="O11187" s="5" t="s">
        <v>38</v>
      </c>
      <c r="P11187" s="5" t="s">
        <v>39</v>
      </c>
      <c r="Q11187" s="5" t="s">
        <v>40</v>
      </c>
      <c r="R11187" s="5" t="s">
        <v>24340</v>
      </c>
      <c r="S11187" s="5" t="s">
        <v>40</v>
      </c>
      <c r="T11187" s="5" t="s">
        <v>42</v>
      </c>
      <c r="U11187" s="2">
        <v>11.26</v>
      </c>
      <c r="V11187" s="2">
        <v>8.5079999999999991</v>
      </c>
      <c r="W11187" s="2">
        <v>0.14899999999999999</v>
      </c>
      <c r="X11187" s="2">
        <v>12</v>
      </c>
      <c r="Y11187" s="2">
        <v>62</v>
      </c>
      <c r="Z11187" s="2">
        <v>199.7</v>
      </c>
      <c r="AA11187" s="5">
        <v>10</v>
      </c>
      <c r="AB11187" s="5" t="s">
        <v>43</v>
      </c>
      <c r="AC11187" s="5" t="s">
        <v>44</v>
      </c>
      <c r="AD11187" s="2" t="s">
        <v>33683</v>
      </c>
      <c r="AE11187" s="1"/>
    </row>
    <row r="11188" spans="1:31" ht="14.45">
      <c r="A11188" s="11"/>
      <c r="B11188" s="20"/>
      <c r="C11188" s="2" t="s">
        <v>34400</v>
      </c>
      <c r="D11188" s="14" t="s">
        <v>34401</v>
      </c>
      <c r="E11188" s="2" t="s">
        <v>34402</v>
      </c>
      <c r="F11188" s="2" t="s">
        <v>33687</v>
      </c>
      <c r="G11188" s="8">
        <v>345</v>
      </c>
      <c r="H11188" s="5">
        <v>10</v>
      </c>
      <c r="I11188" s="5" t="s">
        <v>69</v>
      </c>
      <c r="J11188" s="5" t="s">
        <v>27074</v>
      </c>
      <c r="K11188" s="2" t="s">
        <v>27075</v>
      </c>
      <c r="L11188" s="5" t="s">
        <v>27074</v>
      </c>
      <c r="M11188" s="2" t="s">
        <v>27075</v>
      </c>
      <c r="N11188" s="5" t="s">
        <v>24254</v>
      </c>
      <c r="O11188" s="5" t="s">
        <v>38</v>
      </c>
      <c r="P11188" s="5" t="s">
        <v>39</v>
      </c>
      <c r="Q11188" s="5" t="s">
        <v>40</v>
      </c>
      <c r="R11188" s="5" t="s">
        <v>24340</v>
      </c>
      <c r="S11188" s="5" t="s">
        <v>40</v>
      </c>
      <c r="T11188" s="5" t="s">
        <v>42</v>
      </c>
      <c r="U11188" s="2">
        <v>12.352</v>
      </c>
      <c r="V11188" s="2">
        <v>9.5540000000000003</v>
      </c>
      <c r="W11188" s="2">
        <v>0.14899999999999999</v>
      </c>
      <c r="X11188" s="2">
        <v>12</v>
      </c>
      <c r="Y11188" s="2">
        <v>62</v>
      </c>
      <c r="Z11188" s="2">
        <v>199.7</v>
      </c>
      <c r="AA11188" s="5">
        <v>10</v>
      </c>
      <c r="AB11188" s="5" t="s">
        <v>43</v>
      </c>
      <c r="AC11188" s="5" t="s">
        <v>44</v>
      </c>
      <c r="AD11188" s="2" t="s">
        <v>33688</v>
      </c>
      <c r="AE11188" s="1"/>
    </row>
    <row r="11189" spans="1:31" ht="14.45">
      <c r="A11189" s="11"/>
      <c r="B11189" s="20"/>
      <c r="C11189" s="2" t="s">
        <v>34403</v>
      </c>
      <c r="D11189" s="14" t="s">
        <v>34404</v>
      </c>
      <c r="E11189" s="2" t="s">
        <v>34405</v>
      </c>
      <c r="F11189" s="2" t="s">
        <v>33692</v>
      </c>
      <c r="G11189" s="8">
        <v>654</v>
      </c>
      <c r="H11189" s="5">
        <v>10</v>
      </c>
      <c r="I11189" s="5" t="s">
        <v>69</v>
      </c>
      <c r="J11189" s="5" t="s">
        <v>27074</v>
      </c>
      <c r="K11189" s="2" t="s">
        <v>27075</v>
      </c>
      <c r="L11189" s="5" t="s">
        <v>27074</v>
      </c>
      <c r="M11189" s="2" t="s">
        <v>27075</v>
      </c>
      <c r="N11189" s="5" t="s">
        <v>24254</v>
      </c>
      <c r="O11189" s="5" t="s">
        <v>38</v>
      </c>
      <c r="P11189" s="5" t="s">
        <v>39</v>
      </c>
      <c r="Q11189" s="5" t="s">
        <v>40</v>
      </c>
      <c r="R11189" s="5" t="s">
        <v>24340</v>
      </c>
      <c r="S11189" s="5" t="s">
        <v>40</v>
      </c>
      <c r="T11189" s="5" t="s">
        <v>42</v>
      </c>
      <c r="U11189" s="2">
        <v>23.765999999999998</v>
      </c>
      <c r="V11189" s="2">
        <v>21.417999999999999</v>
      </c>
      <c r="W11189" s="2">
        <v>0.2</v>
      </c>
      <c r="X11189" s="2">
        <v>15</v>
      </c>
      <c r="Y11189" s="2">
        <v>77</v>
      </c>
      <c r="Z11189" s="2">
        <v>173.4</v>
      </c>
      <c r="AA11189" s="5">
        <v>8</v>
      </c>
      <c r="AB11189" s="5" t="s">
        <v>43</v>
      </c>
      <c r="AC11189" s="5" t="s">
        <v>44</v>
      </c>
      <c r="AD11189" s="2" t="s">
        <v>33660</v>
      </c>
      <c r="AE11189" s="1"/>
    </row>
    <row r="11190" spans="1:31" ht="14.45">
      <c r="A11190" s="11"/>
      <c r="B11190" s="20"/>
      <c r="C11190" s="2" t="s">
        <v>34406</v>
      </c>
      <c r="D11190" s="14" t="s">
        <v>34407</v>
      </c>
      <c r="E11190" s="2" t="s">
        <v>34408</v>
      </c>
      <c r="F11190" s="2" t="s">
        <v>33696</v>
      </c>
      <c r="G11190" s="8">
        <v>345</v>
      </c>
      <c r="H11190" s="5">
        <v>10</v>
      </c>
      <c r="I11190" s="5" t="s">
        <v>69</v>
      </c>
      <c r="J11190" s="5" t="s">
        <v>27074</v>
      </c>
      <c r="K11190" s="2" t="s">
        <v>27075</v>
      </c>
      <c r="L11190" s="5" t="s">
        <v>27074</v>
      </c>
      <c r="M11190" s="2" t="s">
        <v>27075</v>
      </c>
      <c r="N11190" s="5" t="s">
        <v>24254</v>
      </c>
      <c r="O11190" s="5" t="s">
        <v>38</v>
      </c>
      <c r="P11190" s="5" t="s">
        <v>39</v>
      </c>
      <c r="Q11190" s="5" t="s">
        <v>40</v>
      </c>
      <c r="R11190" s="5" t="s">
        <v>25301</v>
      </c>
      <c r="S11190" s="5" t="s">
        <v>40</v>
      </c>
      <c r="T11190" s="5" t="s">
        <v>42</v>
      </c>
      <c r="U11190" s="2">
        <v>16.701000000000001</v>
      </c>
      <c r="V11190" s="2">
        <v>13.95</v>
      </c>
      <c r="W11190" s="2">
        <v>0.23100000000000001</v>
      </c>
      <c r="X11190" s="2">
        <v>12</v>
      </c>
      <c r="Y11190" s="2">
        <v>62</v>
      </c>
      <c r="Z11190" s="2">
        <v>199.7</v>
      </c>
      <c r="AA11190" s="5">
        <v>8</v>
      </c>
      <c r="AB11190" s="5" t="s">
        <v>43</v>
      </c>
      <c r="AC11190" s="5" t="s">
        <v>44</v>
      </c>
      <c r="AD11190" s="2" t="s">
        <v>33697</v>
      </c>
      <c r="AE11190" s="1"/>
    </row>
    <row r="11191" spans="1:31" ht="14.45">
      <c r="A11191" s="11"/>
      <c r="B11191" s="20"/>
      <c r="C11191" s="2" t="s">
        <v>34409</v>
      </c>
      <c r="D11191" s="14" t="s">
        <v>34410</v>
      </c>
      <c r="E11191" s="2" t="s">
        <v>34411</v>
      </c>
      <c r="F11191" s="2" t="s">
        <v>33798</v>
      </c>
      <c r="G11191" s="8">
        <v>345</v>
      </c>
      <c r="H11191" s="5">
        <v>10</v>
      </c>
      <c r="I11191" s="5" t="s">
        <v>69</v>
      </c>
      <c r="J11191" s="5" t="s">
        <v>27074</v>
      </c>
      <c r="K11191" s="2" t="s">
        <v>27075</v>
      </c>
      <c r="L11191" s="5" t="s">
        <v>27074</v>
      </c>
      <c r="M11191" s="2" t="s">
        <v>27075</v>
      </c>
      <c r="N11191" s="5" t="s">
        <v>24254</v>
      </c>
      <c r="O11191" s="5" t="s">
        <v>38</v>
      </c>
      <c r="P11191" s="5" t="s">
        <v>39</v>
      </c>
      <c r="Q11191" s="5" t="s">
        <v>40</v>
      </c>
      <c r="R11191" s="5" t="s">
        <v>25301</v>
      </c>
      <c r="S11191" s="5" t="s">
        <v>40</v>
      </c>
      <c r="T11191" s="5" t="s">
        <v>42</v>
      </c>
      <c r="U11191" s="2">
        <v>13.911</v>
      </c>
      <c r="V11191" s="2">
        <v>11.161</v>
      </c>
      <c r="W11191" s="2">
        <v>0.14899999999999999</v>
      </c>
      <c r="X11191" s="2">
        <v>12</v>
      </c>
      <c r="Y11191" s="2">
        <v>62</v>
      </c>
      <c r="Z11191" s="2">
        <v>199.7</v>
      </c>
      <c r="AA11191" s="5">
        <v>8</v>
      </c>
      <c r="AB11191" s="5" t="s">
        <v>43</v>
      </c>
      <c r="AC11191" s="5" t="s">
        <v>44</v>
      </c>
      <c r="AD11191" s="2" t="s">
        <v>33697</v>
      </c>
      <c r="AE11191" s="1"/>
    </row>
    <row r="11192" spans="1:31" ht="14.45">
      <c r="A11192" s="11"/>
      <c r="B11192" s="20"/>
      <c r="C11192" s="2" t="s">
        <v>34412</v>
      </c>
      <c r="D11192" s="14" t="s">
        <v>34413</v>
      </c>
      <c r="E11192" s="2" t="s">
        <v>34414</v>
      </c>
      <c r="F11192" s="2" t="s">
        <v>33701</v>
      </c>
      <c r="G11192" s="8">
        <v>345</v>
      </c>
      <c r="H11192" s="5">
        <v>10</v>
      </c>
      <c r="I11192" s="5" t="s">
        <v>69</v>
      </c>
      <c r="J11192" s="5" t="s">
        <v>27074</v>
      </c>
      <c r="K11192" s="2" t="s">
        <v>27075</v>
      </c>
      <c r="L11192" s="5" t="s">
        <v>27074</v>
      </c>
      <c r="M11192" s="2" t="s">
        <v>27075</v>
      </c>
      <c r="N11192" s="5" t="s">
        <v>24254</v>
      </c>
      <c r="O11192" s="5" t="s">
        <v>38</v>
      </c>
      <c r="P11192" s="5" t="s">
        <v>39</v>
      </c>
      <c r="Q11192" s="5" t="s">
        <v>40</v>
      </c>
      <c r="R11192" s="5" t="s">
        <v>25301</v>
      </c>
      <c r="S11192" s="5" t="s">
        <v>40</v>
      </c>
      <c r="T11192" s="5" t="s">
        <v>42</v>
      </c>
      <c r="U11192" s="2">
        <v>11.750999999999999</v>
      </c>
      <c r="V11192" s="2">
        <v>9.5120000000000005</v>
      </c>
      <c r="W11192" s="2">
        <v>0.11899999999999999</v>
      </c>
      <c r="X11192" s="2">
        <v>12</v>
      </c>
      <c r="Y11192" s="2">
        <v>62</v>
      </c>
      <c r="Z11192" s="2">
        <v>159.9</v>
      </c>
      <c r="AA11192" s="5">
        <v>8</v>
      </c>
      <c r="AB11192" s="5" t="s">
        <v>43</v>
      </c>
      <c r="AC11192" s="5" t="s">
        <v>44</v>
      </c>
      <c r="AD11192" s="2" t="s">
        <v>33697</v>
      </c>
      <c r="AE11192" s="1"/>
    </row>
    <row r="11193" spans="1:31" ht="14.45">
      <c r="A11193" s="11"/>
      <c r="B11193" s="20"/>
      <c r="C11193" s="2" t="s">
        <v>34415</v>
      </c>
      <c r="D11193" s="14" t="s">
        <v>34416</v>
      </c>
      <c r="E11193" s="2" t="s">
        <v>34417</v>
      </c>
      <c r="F11193" s="2" t="s">
        <v>33805</v>
      </c>
      <c r="G11193" s="8">
        <v>345</v>
      </c>
      <c r="H11193" s="5">
        <v>10</v>
      </c>
      <c r="I11193" s="5" t="s">
        <v>69</v>
      </c>
      <c r="J11193" s="5" t="s">
        <v>27074</v>
      </c>
      <c r="K11193" s="2" t="s">
        <v>27075</v>
      </c>
      <c r="L11193" s="5" t="s">
        <v>27074</v>
      </c>
      <c r="M11193" s="2" t="s">
        <v>27075</v>
      </c>
      <c r="N11193" s="5" t="s">
        <v>24254</v>
      </c>
      <c r="O11193" s="5" t="s">
        <v>38</v>
      </c>
      <c r="P11193" s="5" t="s">
        <v>39</v>
      </c>
      <c r="Q11193" s="5" t="s">
        <v>40</v>
      </c>
      <c r="R11193" s="5" t="s">
        <v>25301</v>
      </c>
      <c r="S11193" s="5" t="s">
        <v>40</v>
      </c>
      <c r="T11193" s="5" t="s">
        <v>42</v>
      </c>
      <c r="U11193" s="2">
        <v>11.727</v>
      </c>
      <c r="V11193" s="2">
        <v>9.0540000000000003</v>
      </c>
      <c r="W11193" s="2">
        <v>0.14899999999999999</v>
      </c>
      <c r="X11193" s="2">
        <v>12</v>
      </c>
      <c r="Y11193" s="2">
        <v>62</v>
      </c>
      <c r="Z11193" s="2">
        <v>199.7</v>
      </c>
      <c r="AA11193" s="5">
        <v>10</v>
      </c>
      <c r="AB11193" s="5" t="s">
        <v>43</v>
      </c>
      <c r="AC11193" s="5" t="s">
        <v>44</v>
      </c>
      <c r="AD11193" s="2" t="s">
        <v>33806</v>
      </c>
      <c r="AE11193" s="1"/>
    </row>
    <row r="11194" spans="1:31" ht="14.45">
      <c r="A11194" s="11"/>
      <c r="B11194" s="20"/>
      <c r="C11194" s="2" t="s">
        <v>34418</v>
      </c>
      <c r="D11194" s="14" t="s">
        <v>34419</v>
      </c>
      <c r="E11194" s="2" t="s">
        <v>34420</v>
      </c>
      <c r="F11194" s="2" t="s">
        <v>33805</v>
      </c>
      <c r="G11194" s="8">
        <v>345</v>
      </c>
      <c r="H11194" s="5">
        <v>10</v>
      </c>
      <c r="I11194" s="5" t="s">
        <v>69</v>
      </c>
      <c r="J11194" s="5" t="s">
        <v>27074</v>
      </c>
      <c r="K11194" s="2" t="s">
        <v>27075</v>
      </c>
      <c r="L11194" s="5" t="s">
        <v>27074</v>
      </c>
      <c r="M11194" s="2" t="s">
        <v>27075</v>
      </c>
      <c r="N11194" s="5" t="s">
        <v>24254</v>
      </c>
      <c r="O11194" s="5" t="s">
        <v>38</v>
      </c>
      <c r="P11194" s="5" t="s">
        <v>39</v>
      </c>
      <c r="Q11194" s="5" t="s">
        <v>40</v>
      </c>
      <c r="R11194" s="5" t="s">
        <v>25301</v>
      </c>
      <c r="S11194" s="5" t="s">
        <v>40</v>
      </c>
      <c r="T11194" s="5" t="s">
        <v>42</v>
      </c>
      <c r="U11194" s="2">
        <v>12.515000000000001</v>
      </c>
      <c r="V11194" s="2">
        <v>9.7959999999999994</v>
      </c>
      <c r="W11194" s="2">
        <v>0.14899999999999999</v>
      </c>
      <c r="X11194" s="2">
        <v>12</v>
      </c>
      <c r="Y11194" s="2">
        <v>62</v>
      </c>
      <c r="Z11194" s="2">
        <v>199.7</v>
      </c>
      <c r="AA11194" s="5">
        <v>10</v>
      </c>
      <c r="AB11194" s="5" t="s">
        <v>43</v>
      </c>
      <c r="AC11194" s="5" t="s">
        <v>44</v>
      </c>
      <c r="AD11194" s="2" t="s">
        <v>34421</v>
      </c>
      <c r="AE11194" s="1"/>
    </row>
    <row r="11195" spans="1:31" ht="14.45">
      <c r="A11195" s="11"/>
      <c r="B11195" s="20"/>
      <c r="C11195" s="2" t="s">
        <v>34422</v>
      </c>
      <c r="D11195" s="14" t="s">
        <v>34423</v>
      </c>
      <c r="E11195" s="2" t="s">
        <v>34424</v>
      </c>
      <c r="F11195" s="2" t="s">
        <v>33810</v>
      </c>
      <c r="G11195" s="8">
        <v>345</v>
      </c>
      <c r="H11195" s="5">
        <v>10</v>
      </c>
      <c r="I11195" s="5" t="s">
        <v>69</v>
      </c>
      <c r="J11195" s="5" t="s">
        <v>27074</v>
      </c>
      <c r="K11195" s="2" t="s">
        <v>27075</v>
      </c>
      <c r="L11195" s="5" t="s">
        <v>27074</v>
      </c>
      <c r="M11195" s="2" t="s">
        <v>27075</v>
      </c>
      <c r="N11195" s="5" t="s">
        <v>24254</v>
      </c>
      <c r="O11195" s="5" t="s">
        <v>38</v>
      </c>
      <c r="P11195" s="5" t="s">
        <v>39</v>
      </c>
      <c r="Q11195" s="5" t="s">
        <v>40</v>
      </c>
      <c r="R11195" s="5" t="s">
        <v>25301</v>
      </c>
      <c r="S11195" s="5" t="s">
        <v>40</v>
      </c>
      <c r="T11195" s="5" t="s">
        <v>42</v>
      </c>
      <c r="U11195" s="2">
        <v>8.5449999999999999</v>
      </c>
      <c r="V11195" s="2">
        <v>6.194</v>
      </c>
      <c r="W11195" s="2">
        <v>0.129</v>
      </c>
      <c r="X11195" s="2">
        <v>12</v>
      </c>
      <c r="Y11195" s="2">
        <v>62</v>
      </c>
      <c r="Z11195" s="2">
        <v>172.9</v>
      </c>
      <c r="AA11195" s="5">
        <v>10</v>
      </c>
      <c r="AB11195" s="5" t="s">
        <v>43</v>
      </c>
      <c r="AC11195" s="5" t="s">
        <v>44</v>
      </c>
      <c r="AD11195" s="2" t="s">
        <v>33706</v>
      </c>
      <c r="AE11195" s="1"/>
    </row>
    <row r="11196" spans="1:31" ht="14.45">
      <c r="A11196" s="11"/>
      <c r="B11196" s="20"/>
      <c r="C11196" s="2" t="s">
        <v>34425</v>
      </c>
      <c r="D11196" s="14" t="s">
        <v>34426</v>
      </c>
      <c r="E11196" s="2" t="s">
        <v>34427</v>
      </c>
      <c r="F11196" s="2" t="s">
        <v>33810</v>
      </c>
      <c r="G11196" s="8">
        <v>345</v>
      </c>
      <c r="H11196" s="5">
        <v>10</v>
      </c>
      <c r="I11196" s="5" t="s">
        <v>69</v>
      </c>
      <c r="J11196" s="5" t="s">
        <v>27074</v>
      </c>
      <c r="K11196" s="2" t="s">
        <v>27075</v>
      </c>
      <c r="L11196" s="5" t="s">
        <v>27074</v>
      </c>
      <c r="M11196" s="2" t="s">
        <v>27075</v>
      </c>
      <c r="N11196" s="5" t="s">
        <v>24254</v>
      </c>
      <c r="O11196" s="5" t="s">
        <v>38</v>
      </c>
      <c r="P11196" s="5" t="s">
        <v>39</v>
      </c>
      <c r="Q11196" s="5" t="s">
        <v>40</v>
      </c>
      <c r="R11196" s="5" t="s">
        <v>25301</v>
      </c>
      <c r="S11196" s="5" t="s">
        <v>40</v>
      </c>
      <c r="T11196" s="5" t="s">
        <v>42</v>
      </c>
      <c r="U11196" s="2">
        <v>9.5909999999999993</v>
      </c>
      <c r="V11196" s="2">
        <v>7.194</v>
      </c>
      <c r="W11196" s="2">
        <v>0.129</v>
      </c>
      <c r="X11196" s="2">
        <v>12</v>
      </c>
      <c r="Y11196" s="2">
        <v>62</v>
      </c>
      <c r="Z11196" s="2">
        <v>172.9</v>
      </c>
      <c r="AA11196" s="5">
        <v>10</v>
      </c>
      <c r="AB11196" s="5" t="s">
        <v>43</v>
      </c>
      <c r="AC11196" s="5" t="s">
        <v>44</v>
      </c>
      <c r="AD11196" s="2" t="s">
        <v>33814</v>
      </c>
      <c r="AE11196" s="1"/>
    </row>
    <row r="11197" spans="1:31" ht="14.45">
      <c r="A11197" s="11"/>
      <c r="B11197" s="20"/>
      <c r="C11197" s="2" t="s">
        <v>34428</v>
      </c>
      <c r="D11197" s="14" t="s">
        <v>34429</v>
      </c>
      <c r="E11197" s="2" t="s">
        <v>34430</v>
      </c>
      <c r="F11197" s="2" t="s">
        <v>33710</v>
      </c>
      <c r="G11197" s="8">
        <v>696</v>
      </c>
      <c r="H11197" s="5">
        <v>5</v>
      </c>
      <c r="I11197" s="5" t="s">
        <v>69</v>
      </c>
      <c r="J11197" s="5" t="s">
        <v>27074</v>
      </c>
      <c r="K11197" s="2" t="s">
        <v>27075</v>
      </c>
      <c r="L11197" s="5" t="s">
        <v>27074</v>
      </c>
      <c r="M11197" s="2" t="s">
        <v>27075</v>
      </c>
      <c r="N11197" s="5" t="s">
        <v>24254</v>
      </c>
      <c r="O11197" s="5" t="s">
        <v>38</v>
      </c>
      <c r="P11197" s="5" t="s">
        <v>39</v>
      </c>
      <c r="Q11197" s="5" t="s">
        <v>40</v>
      </c>
      <c r="R11197" s="5" t="s">
        <v>1487</v>
      </c>
      <c r="S11197" s="5"/>
      <c r="T11197" s="5" t="s">
        <v>42</v>
      </c>
      <c r="U11197" s="2">
        <v>0</v>
      </c>
      <c r="V11197" s="2">
        <v>0</v>
      </c>
      <c r="W11197" s="2">
        <v>0</v>
      </c>
      <c r="X11197" s="2">
        <v>0</v>
      </c>
      <c r="Y11197" s="2">
        <v>0</v>
      </c>
      <c r="Z11197" s="2">
        <v>0</v>
      </c>
      <c r="AA11197" s="5"/>
      <c r="AB11197" s="5" t="s">
        <v>43</v>
      </c>
      <c r="AC11197" s="5" t="s">
        <v>44</v>
      </c>
      <c r="AD11197" s="2" t="s">
        <v>33711</v>
      </c>
      <c r="AE11197" s="1"/>
    </row>
    <row r="11198" spans="1:31" ht="14.45">
      <c r="A11198" s="11"/>
      <c r="B11198" s="20"/>
      <c r="C11198" s="2" t="s">
        <v>34431</v>
      </c>
      <c r="D11198" s="14" t="s">
        <v>34432</v>
      </c>
      <c r="E11198" s="2" t="s">
        <v>34433</v>
      </c>
      <c r="F11198" s="2" t="s">
        <v>33715</v>
      </c>
      <c r="G11198" s="8">
        <v>696</v>
      </c>
      <c r="H11198" s="5">
        <v>15</v>
      </c>
      <c r="I11198" s="5" t="s">
        <v>69</v>
      </c>
      <c r="J11198" s="5" t="s">
        <v>27074</v>
      </c>
      <c r="K11198" s="2" t="s">
        <v>27075</v>
      </c>
      <c r="L11198" s="5" t="s">
        <v>27074</v>
      </c>
      <c r="M11198" s="2" t="s">
        <v>27075</v>
      </c>
      <c r="N11198" s="5" t="s">
        <v>24254</v>
      </c>
      <c r="O11198" s="5" t="s">
        <v>38</v>
      </c>
      <c r="P11198" s="5" t="s">
        <v>39</v>
      </c>
      <c r="Q11198" s="5" t="s">
        <v>40</v>
      </c>
      <c r="R11198" s="5" t="s">
        <v>1487</v>
      </c>
      <c r="S11198" s="5"/>
      <c r="T11198" s="5" t="s">
        <v>42</v>
      </c>
      <c r="U11198" s="2">
        <v>0</v>
      </c>
      <c r="V11198" s="2">
        <v>0</v>
      </c>
      <c r="W11198" s="2">
        <v>0</v>
      </c>
      <c r="X11198" s="2">
        <v>0</v>
      </c>
      <c r="Y11198" s="2">
        <v>0</v>
      </c>
      <c r="Z11198" s="2">
        <v>0</v>
      </c>
      <c r="AA11198" s="5"/>
      <c r="AB11198" s="5" t="s">
        <v>43</v>
      </c>
      <c r="AC11198" s="5" t="s">
        <v>44</v>
      </c>
      <c r="AD11198" s="2" t="s">
        <v>33716</v>
      </c>
      <c r="AE11198" s="1"/>
    </row>
    <row r="11199" spans="1:31" ht="14.45">
      <c r="A11199" s="11"/>
      <c r="B11199" s="20"/>
      <c r="C11199" s="2" t="s">
        <v>34434</v>
      </c>
      <c r="D11199" s="14" t="s">
        <v>34435</v>
      </c>
      <c r="E11199" s="2" t="s">
        <v>34436</v>
      </c>
      <c r="F11199" s="2" t="s">
        <v>33720</v>
      </c>
      <c r="G11199" s="8">
        <v>1164</v>
      </c>
      <c r="H11199" s="5">
        <v>15</v>
      </c>
      <c r="I11199" s="5" t="s">
        <v>69</v>
      </c>
      <c r="J11199" s="5" t="s">
        <v>27074</v>
      </c>
      <c r="K11199" s="2" t="s">
        <v>27075</v>
      </c>
      <c r="L11199" s="5" t="s">
        <v>27074</v>
      </c>
      <c r="M11199" s="2" t="s">
        <v>27075</v>
      </c>
      <c r="N11199" s="5" t="s">
        <v>24254</v>
      </c>
      <c r="O11199" s="5" t="s">
        <v>38</v>
      </c>
      <c r="P11199" s="5" t="s">
        <v>39</v>
      </c>
      <c r="Q11199" s="5" t="s">
        <v>40</v>
      </c>
      <c r="R11199" s="5" t="s">
        <v>1487</v>
      </c>
      <c r="S11199" s="5"/>
      <c r="T11199" s="5" t="s">
        <v>42</v>
      </c>
      <c r="U11199" s="2">
        <v>0</v>
      </c>
      <c r="V11199" s="2">
        <v>0</v>
      </c>
      <c r="W11199" s="2">
        <v>0</v>
      </c>
      <c r="X11199" s="2">
        <v>0</v>
      </c>
      <c r="Y11199" s="2">
        <v>0</v>
      </c>
      <c r="Z11199" s="2">
        <v>0</v>
      </c>
      <c r="AA11199" s="5"/>
      <c r="AB11199" s="5" t="s">
        <v>43</v>
      </c>
      <c r="AC11199" s="5" t="s">
        <v>44</v>
      </c>
      <c r="AD11199" s="2" t="s">
        <v>33721</v>
      </c>
      <c r="AE11199" s="1"/>
    </row>
    <row r="11200" spans="1:31" ht="14.45">
      <c r="A11200" s="11"/>
      <c r="B11200" s="20"/>
      <c r="C11200" s="2" t="s">
        <v>34437</v>
      </c>
      <c r="D11200" s="14" t="s">
        <v>34438</v>
      </c>
      <c r="E11200" s="2" t="s">
        <v>34439</v>
      </c>
      <c r="F11200" s="2" t="s">
        <v>33725</v>
      </c>
      <c r="G11200" s="8">
        <v>1164</v>
      </c>
      <c r="H11200" s="5">
        <v>15</v>
      </c>
      <c r="I11200" s="5" t="s">
        <v>69</v>
      </c>
      <c r="J11200" s="5" t="s">
        <v>27074</v>
      </c>
      <c r="K11200" s="2" t="s">
        <v>27075</v>
      </c>
      <c r="L11200" s="5" t="s">
        <v>27074</v>
      </c>
      <c r="M11200" s="2" t="s">
        <v>27075</v>
      </c>
      <c r="N11200" s="5" t="s">
        <v>24254</v>
      </c>
      <c r="O11200" s="5" t="s">
        <v>38</v>
      </c>
      <c r="P11200" s="5" t="s">
        <v>39</v>
      </c>
      <c r="Q11200" s="5" t="s">
        <v>40</v>
      </c>
      <c r="R11200" s="5" t="s">
        <v>1487</v>
      </c>
      <c r="S11200" s="5"/>
      <c r="T11200" s="5" t="s">
        <v>42</v>
      </c>
      <c r="U11200" s="2">
        <v>0</v>
      </c>
      <c r="V11200" s="2">
        <v>0</v>
      </c>
      <c r="W11200" s="2">
        <v>0</v>
      </c>
      <c r="X11200" s="2">
        <v>0</v>
      </c>
      <c r="Y11200" s="2">
        <v>0</v>
      </c>
      <c r="Z11200" s="2">
        <v>0</v>
      </c>
      <c r="AA11200" s="5"/>
      <c r="AB11200" s="5" t="s">
        <v>43</v>
      </c>
      <c r="AC11200" s="5" t="s">
        <v>44</v>
      </c>
      <c r="AD11200" s="2" t="s">
        <v>33726</v>
      </c>
      <c r="AE11200" s="1"/>
    </row>
    <row r="11201" spans="1:31" ht="14.45">
      <c r="A11201" s="11"/>
      <c r="B11201" s="20"/>
      <c r="C11201" s="2" t="s">
        <v>34440</v>
      </c>
      <c r="D11201" s="14" t="s">
        <v>34441</v>
      </c>
      <c r="E11201" s="2" t="s">
        <v>34442</v>
      </c>
      <c r="F11201" s="2" t="s">
        <v>33730</v>
      </c>
      <c r="G11201" s="8">
        <v>998</v>
      </c>
      <c r="H11201" s="5">
        <v>10</v>
      </c>
      <c r="I11201" s="5" t="s">
        <v>69</v>
      </c>
      <c r="J11201" s="5" t="s">
        <v>27074</v>
      </c>
      <c r="K11201" s="2" t="s">
        <v>27075</v>
      </c>
      <c r="L11201" s="5" t="s">
        <v>27074</v>
      </c>
      <c r="M11201" s="2" t="s">
        <v>27075</v>
      </c>
      <c r="N11201" s="5" t="s">
        <v>24254</v>
      </c>
      <c r="O11201" s="5" t="s">
        <v>38</v>
      </c>
      <c r="P11201" s="5" t="s">
        <v>39</v>
      </c>
      <c r="Q11201" s="5" t="s">
        <v>40</v>
      </c>
      <c r="R11201" s="5" t="s">
        <v>1487</v>
      </c>
      <c r="S11201" s="5"/>
      <c r="T11201" s="5" t="s">
        <v>42</v>
      </c>
      <c r="U11201" s="2">
        <v>0</v>
      </c>
      <c r="V11201" s="2">
        <v>0</v>
      </c>
      <c r="W11201" s="2">
        <v>0</v>
      </c>
      <c r="X11201" s="2">
        <v>0</v>
      </c>
      <c r="Y11201" s="2">
        <v>0</v>
      </c>
      <c r="Z11201" s="2">
        <v>0</v>
      </c>
      <c r="AA11201" s="5"/>
      <c r="AB11201" s="5" t="s">
        <v>43</v>
      </c>
      <c r="AC11201" s="5" t="s">
        <v>44</v>
      </c>
      <c r="AD11201" s="2"/>
      <c r="AE11201" s="1"/>
    </row>
    <row r="11202" spans="1:31" ht="14.45">
      <c r="A11202" s="11"/>
      <c r="B11202" s="20"/>
      <c r="C11202" s="2" t="s">
        <v>34443</v>
      </c>
      <c r="D11202" s="14" t="s">
        <v>34444</v>
      </c>
      <c r="E11202" s="2" t="s">
        <v>34445</v>
      </c>
      <c r="F11202" s="2" t="s">
        <v>33734</v>
      </c>
      <c r="G11202" s="8">
        <v>998</v>
      </c>
      <c r="H11202" s="5">
        <v>15</v>
      </c>
      <c r="I11202" s="5" t="s">
        <v>69</v>
      </c>
      <c r="J11202" s="5" t="s">
        <v>27074</v>
      </c>
      <c r="K11202" s="2" t="s">
        <v>27075</v>
      </c>
      <c r="L11202" s="5" t="s">
        <v>27074</v>
      </c>
      <c r="M11202" s="2" t="s">
        <v>27075</v>
      </c>
      <c r="N11202" s="5" t="s">
        <v>24254</v>
      </c>
      <c r="O11202" s="5" t="s">
        <v>38</v>
      </c>
      <c r="P11202" s="5" t="s">
        <v>39</v>
      </c>
      <c r="Q11202" s="5" t="s">
        <v>40</v>
      </c>
      <c r="R11202" s="5" t="s">
        <v>1487</v>
      </c>
      <c r="S11202" s="5"/>
      <c r="T11202" s="5" t="s">
        <v>42</v>
      </c>
      <c r="U11202" s="2">
        <v>0</v>
      </c>
      <c r="V11202" s="2">
        <v>0</v>
      </c>
      <c r="W11202" s="2">
        <v>0</v>
      </c>
      <c r="X11202" s="2">
        <v>0</v>
      </c>
      <c r="Y11202" s="2">
        <v>0</v>
      </c>
      <c r="Z11202" s="2">
        <v>0</v>
      </c>
      <c r="AA11202" s="5"/>
      <c r="AB11202" s="5" t="s">
        <v>43</v>
      </c>
      <c r="AC11202" s="5" t="s">
        <v>44</v>
      </c>
      <c r="AD11202" s="2"/>
      <c r="AE11202" s="1"/>
    </row>
    <row r="11203" spans="1:31" ht="14.45">
      <c r="A11203" s="11"/>
      <c r="B11203" s="20"/>
      <c r="C11203" s="2" t="s">
        <v>34446</v>
      </c>
      <c r="D11203" s="14" t="s">
        <v>34447</v>
      </c>
      <c r="E11203" s="2" t="s">
        <v>34448</v>
      </c>
      <c r="F11203" s="2" t="s">
        <v>33621</v>
      </c>
      <c r="G11203" s="8">
        <v>221</v>
      </c>
      <c r="H11203" s="5">
        <v>10</v>
      </c>
      <c r="I11203" s="5" t="s">
        <v>69</v>
      </c>
      <c r="J11203" s="5" t="s">
        <v>27074</v>
      </c>
      <c r="K11203" s="2" t="s">
        <v>27075</v>
      </c>
      <c r="L11203" s="5" t="s">
        <v>27074</v>
      </c>
      <c r="M11203" s="2" t="s">
        <v>27075</v>
      </c>
      <c r="N11203" s="5" t="s">
        <v>24254</v>
      </c>
      <c r="O11203" s="5" t="s">
        <v>38</v>
      </c>
      <c r="P11203" s="5" t="s">
        <v>39</v>
      </c>
      <c r="Q11203" s="5" t="s">
        <v>40</v>
      </c>
      <c r="R11203" s="5" t="s">
        <v>24335</v>
      </c>
      <c r="S11203" s="5" t="s">
        <v>40</v>
      </c>
      <c r="T11203" s="5" t="s">
        <v>42</v>
      </c>
      <c r="U11203" s="2">
        <v>12.368</v>
      </c>
      <c r="V11203" s="2">
        <v>9.6170000000000009</v>
      </c>
      <c r="W11203" s="2">
        <v>0.23100000000000001</v>
      </c>
      <c r="X11203" s="2">
        <v>12</v>
      </c>
      <c r="Y11203" s="2">
        <v>62</v>
      </c>
      <c r="Z11203" s="2">
        <v>199.7</v>
      </c>
      <c r="AA11203" s="5">
        <v>8</v>
      </c>
      <c r="AB11203" s="5" t="s">
        <v>43</v>
      </c>
      <c r="AC11203" s="5" t="s">
        <v>44</v>
      </c>
      <c r="AD11203" s="2" t="s">
        <v>33622</v>
      </c>
      <c r="AE11203" s="1"/>
    </row>
    <row r="11204" spans="1:31" ht="14.45">
      <c r="A11204" s="11"/>
      <c r="B11204" s="20"/>
      <c r="C11204" s="2" t="s">
        <v>34449</v>
      </c>
      <c r="D11204" s="14" t="s">
        <v>34450</v>
      </c>
      <c r="E11204" s="2" t="s">
        <v>34451</v>
      </c>
      <c r="F11204" s="2" t="s">
        <v>33626</v>
      </c>
      <c r="G11204" s="8">
        <v>221</v>
      </c>
      <c r="H11204" s="5">
        <v>5</v>
      </c>
      <c r="I11204" s="5" t="s">
        <v>69</v>
      </c>
      <c r="J11204" s="5" t="s">
        <v>27074</v>
      </c>
      <c r="K11204" s="2" t="s">
        <v>27075</v>
      </c>
      <c r="L11204" s="5" t="s">
        <v>27074</v>
      </c>
      <c r="M11204" s="2" t="s">
        <v>27075</v>
      </c>
      <c r="N11204" s="5" t="s">
        <v>24254</v>
      </c>
      <c r="O11204" s="5" t="s">
        <v>38</v>
      </c>
      <c r="P11204" s="5" t="s">
        <v>39</v>
      </c>
      <c r="Q11204" s="5" t="s">
        <v>40</v>
      </c>
      <c r="R11204" s="5" t="s">
        <v>24335</v>
      </c>
      <c r="S11204" s="5" t="s">
        <v>40</v>
      </c>
      <c r="T11204" s="5" t="s">
        <v>42</v>
      </c>
      <c r="U11204" s="2">
        <v>10.359</v>
      </c>
      <c r="V11204" s="2">
        <v>7.5679999999999996</v>
      </c>
      <c r="W11204" s="2">
        <v>0.14899999999999999</v>
      </c>
      <c r="X11204" s="2">
        <v>12</v>
      </c>
      <c r="Y11204" s="2">
        <v>62</v>
      </c>
      <c r="Z11204" s="2">
        <v>199.7</v>
      </c>
      <c r="AA11204" s="5">
        <v>8</v>
      </c>
      <c r="AB11204" s="5" t="s">
        <v>43</v>
      </c>
      <c r="AC11204" s="5" t="s">
        <v>44</v>
      </c>
      <c r="AD11204" s="2" t="s">
        <v>33622</v>
      </c>
      <c r="AE11204" s="1"/>
    </row>
    <row r="11205" spans="1:31" ht="14.45">
      <c r="A11205" s="11"/>
      <c r="B11205" s="20"/>
      <c r="C11205" s="2" t="s">
        <v>34452</v>
      </c>
      <c r="D11205" s="14" t="s">
        <v>34453</v>
      </c>
      <c r="E11205" s="2" t="s">
        <v>34454</v>
      </c>
      <c r="F11205" s="2" t="s">
        <v>33630</v>
      </c>
      <c r="G11205" s="8">
        <v>221</v>
      </c>
      <c r="H11205" s="5">
        <v>10</v>
      </c>
      <c r="I11205" s="5" t="s">
        <v>69</v>
      </c>
      <c r="J11205" s="5" t="s">
        <v>27074</v>
      </c>
      <c r="K11205" s="2" t="s">
        <v>27075</v>
      </c>
      <c r="L11205" s="5" t="s">
        <v>27074</v>
      </c>
      <c r="M11205" s="2" t="s">
        <v>27075</v>
      </c>
      <c r="N11205" s="5" t="s">
        <v>24254</v>
      </c>
      <c r="O11205" s="5" t="s">
        <v>38</v>
      </c>
      <c r="P11205" s="5" t="s">
        <v>39</v>
      </c>
      <c r="Q11205" s="5" t="s">
        <v>40</v>
      </c>
      <c r="R11205" s="5" t="s">
        <v>24335</v>
      </c>
      <c r="S11205" s="5" t="s">
        <v>40</v>
      </c>
      <c r="T11205" s="5" t="s">
        <v>42</v>
      </c>
      <c r="U11205" s="2">
        <v>8.9920000000000009</v>
      </c>
      <c r="V11205" s="2">
        <v>6.5970000000000004</v>
      </c>
      <c r="W11205" s="2">
        <v>0.129</v>
      </c>
      <c r="X11205" s="2">
        <v>12</v>
      </c>
      <c r="Y11205" s="2">
        <v>62</v>
      </c>
      <c r="Z11205" s="2">
        <v>172.9</v>
      </c>
      <c r="AA11205" s="5">
        <v>8</v>
      </c>
      <c r="AB11205" s="5" t="s">
        <v>43</v>
      </c>
      <c r="AC11205" s="5" t="s">
        <v>44</v>
      </c>
      <c r="AD11205" s="2" t="s">
        <v>33622</v>
      </c>
      <c r="AE11205" s="1"/>
    </row>
    <row r="11206" spans="1:31" ht="14.45">
      <c r="A11206" s="11"/>
      <c r="B11206" s="20"/>
      <c r="C11206" s="2" t="s">
        <v>34455</v>
      </c>
      <c r="D11206" s="14" t="s">
        <v>34456</v>
      </c>
      <c r="E11206" s="2" t="s">
        <v>34457</v>
      </c>
      <c r="F11206" s="2" t="s">
        <v>33634</v>
      </c>
      <c r="G11206" s="8">
        <v>221</v>
      </c>
      <c r="H11206" s="5">
        <v>5</v>
      </c>
      <c r="I11206" s="5" t="s">
        <v>69</v>
      </c>
      <c r="J11206" s="5" t="s">
        <v>27074</v>
      </c>
      <c r="K11206" s="2" t="s">
        <v>27075</v>
      </c>
      <c r="L11206" s="5" t="s">
        <v>27074</v>
      </c>
      <c r="M11206" s="2" t="s">
        <v>27075</v>
      </c>
      <c r="N11206" s="5" t="s">
        <v>24254</v>
      </c>
      <c r="O11206" s="5" t="s">
        <v>38</v>
      </c>
      <c r="P11206" s="5" t="s">
        <v>39</v>
      </c>
      <c r="Q11206" s="5" t="s">
        <v>40</v>
      </c>
      <c r="R11206" s="5" t="s">
        <v>24335</v>
      </c>
      <c r="S11206" s="5" t="s">
        <v>40</v>
      </c>
      <c r="T11206" s="5" t="s">
        <v>42</v>
      </c>
      <c r="U11206" s="2">
        <v>8.2260000000000009</v>
      </c>
      <c r="V11206" s="2">
        <v>5.5529999999999999</v>
      </c>
      <c r="W11206" s="2">
        <v>0.14899999999999999</v>
      </c>
      <c r="X11206" s="2">
        <v>12</v>
      </c>
      <c r="Y11206" s="2">
        <v>62</v>
      </c>
      <c r="Z11206" s="2">
        <v>199.7</v>
      </c>
      <c r="AA11206" s="5">
        <v>10</v>
      </c>
      <c r="AB11206" s="5" t="s">
        <v>43</v>
      </c>
      <c r="AC11206" s="5" t="s">
        <v>44</v>
      </c>
      <c r="AD11206" s="2" t="s">
        <v>33635</v>
      </c>
      <c r="AE11206" s="1"/>
    </row>
    <row r="11207" spans="1:31" ht="14.45">
      <c r="A11207" s="11"/>
      <c r="B11207" s="20"/>
      <c r="C11207" s="2" t="s">
        <v>34458</v>
      </c>
      <c r="D11207" s="14" t="s">
        <v>34459</v>
      </c>
      <c r="E11207" s="2" t="s">
        <v>34460</v>
      </c>
      <c r="F11207" s="2" t="s">
        <v>33634</v>
      </c>
      <c r="G11207" s="8">
        <v>221</v>
      </c>
      <c r="H11207" s="5">
        <v>5</v>
      </c>
      <c r="I11207" s="5" t="s">
        <v>69</v>
      </c>
      <c r="J11207" s="5" t="s">
        <v>27074</v>
      </c>
      <c r="K11207" s="2" t="s">
        <v>27075</v>
      </c>
      <c r="L11207" s="5" t="s">
        <v>27074</v>
      </c>
      <c r="M11207" s="2" t="s">
        <v>27075</v>
      </c>
      <c r="N11207" s="5" t="s">
        <v>24254</v>
      </c>
      <c r="O11207" s="5" t="s">
        <v>38</v>
      </c>
      <c r="P11207" s="5" t="s">
        <v>39</v>
      </c>
      <c r="Q11207" s="5" t="s">
        <v>40</v>
      </c>
      <c r="R11207" s="5" t="s">
        <v>24335</v>
      </c>
      <c r="S11207" s="5" t="s">
        <v>40</v>
      </c>
      <c r="T11207" s="5" t="s">
        <v>42</v>
      </c>
      <c r="U11207" s="2">
        <v>8.5820000000000007</v>
      </c>
      <c r="V11207" s="2">
        <v>5.8630000000000004</v>
      </c>
      <c r="W11207" s="2">
        <v>0.14899999999999999</v>
      </c>
      <c r="X11207" s="2">
        <v>12</v>
      </c>
      <c r="Y11207" s="2">
        <v>62</v>
      </c>
      <c r="Z11207" s="2">
        <v>199.7</v>
      </c>
      <c r="AA11207" s="5">
        <v>10</v>
      </c>
      <c r="AB11207" s="5" t="s">
        <v>43</v>
      </c>
      <c r="AC11207" s="5" t="s">
        <v>44</v>
      </c>
      <c r="AD11207" s="2" t="s">
        <v>33639</v>
      </c>
      <c r="AE11207" s="1"/>
    </row>
    <row r="11208" spans="1:31" ht="14.45">
      <c r="A11208" s="11"/>
      <c r="B11208" s="20"/>
      <c r="C11208" s="2" t="s">
        <v>34461</v>
      </c>
      <c r="D11208" s="14" t="s">
        <v>34462</v>
      </c>
      <c r="E11208" s="2" t="s">
        <v>34463</v>
      </c>
      <c r="F11208" s="2" t="s">
        <v>33643</v>
      </c>
      <c r="G11208" s="8">
        <v>221</v>
      </c>
      <c r="H11208" s="5">
        <v>5</v>
      </c>
      <c r="I11208" s="5" t="s">
        <v>69</v>
      </c>
      <c r="J11208" s="5" t="s">
        <v>27074</v>
      </c>
      <c r="K11208" s="2" t="s">
        <v>27075</v>
      </c>
      <c r="L11208" s="5" t="s">
        <v>27074</v>
      </c>
      <c r="M11208" s="2" t="s">
        <v>27075</v>
      </c>
      <c r="N11208" s="5" t="s">
        <v>24254</v>
      </c>
      <c r="O11208" s="5" t="s">
        <v>38</v>
      </c>
      <c r="P11208" s="5" t="s">
        <v>39</v>
      </c>
      <c r="Q11208" s="5" t="s">
        <v>40</v>
      </c>
      <c r="R11208" s="5" t="s">
        <v>24335</v>
      </c>
      <c r="S11208" s="5" t="s">
        <v>40</v>
      </c>
      <c r="T11208" s="5" t="s">
        <v>42</v>
      </c>
      <c r="U11208" s="2">
        <v>6.9020000000000001</v>
      </c>
      <c r="V11208" s="2">
        <v>4.2750000000000004</v>
      </c>
      <c r="W11208" s="2">
        <v>0.14899999999999999</v>
      </c>
      <c r="X11208" s="2">
        <v>12</v>
      </c>
      <c r="Y11208" s="2">
        <v>62</v>
      </c>
      <c r="Z11208" s="2">
        <v>199.7</v>
      </c>
      <c r="AA11208" s="5">
        <v>10</v>
      </c>
      <c r="AB11208" s="5" t="s">
        <v>43</v>
      </c>
      <c r="AC11208" s="5" t="s">
        <v>44</v>
      </c>
      <c r="AD11208" s="2" t="s">
        <v>33644</v>
      </c>
      <c r="AE11208" s="1"/>
    </row>
    <row r="11209" spans="1:31" ht="14.45">
      <c r="A11209" s="11"/>
      <c r="B11209" s="20"/>
      <c r="C11209" s="2" t="s">
        <v>34464</v>
      </c>
      <c r="D11209" s="14" t="s">
        <v>34465</v>
      </c>
      <c r="E11209" s="2" t="s">
        <v>34466</v>
      </c>
      <c r="F11209" s="2" t="s">
        <v>33643</v>
      </c>
      <c r="G11209" s="8">
        <v>221</v>
      </c>
      <c r="H11209" s="5">
        <v>5</v>
      </c>
      <c r="I11209" s="5" t="s">
        <v>69</v>
      </c>
      <c r="J11209" s="5" t="s">
        <v>27074</v>
      </c>
      <c r="K11209" s="2" t="s">
        <v>27075</v>
      </c>
      <c r="L11209" s="5" t="s">
        <v>27074</v>
      </c>
      <c r="M11209" s="2" t="s">
        <v>27075</v>
      </c>
      <c r="N11209" s="5" t="s">
        <v>24254</v>
      </c>
      <c r="O11209" s="5" t="s">
        <v>38</v>
      </c>
      <c r="P11209" s="5" t="s">
        <v>39</v>
      </c>
      <c r="Q11209" s="5" t="s">
        <v>40</v>
      </c>
      <c r="R11209" s="5" t="s">
        <v>24335</v>
      </c>
      <c r="S11209" s="5" t="s">
        <v>40</v>
      </c>
      <c r="T11209" s="5" t="s">
        <v>42</v>
      </c>
      <c r="U11209" s="2">
        <v>7.4039999999999999</v>
      </c>
      <c r="V11209" s="2">
        <v>4.6849999999999996</v>
      </c>
      <c r="W11209" s="2">
        <v>0.14899999999999999</v>
      </c>
      <c r="X11209" s="2">
        <v>12</v>
      </c>
      <c r="Y11209" s="2">
        <v>62</v>
      </c>
      <c r="Z11209" s="2">
        <v>199.7</v>
      </c>
      <c r="AA11209" s="5">
        <v>10</v>
      </c>
      <c r="AB11209" s="5" t="s">
        <v>43</v>
      </c>
      <c r="AC11209" s="5" t="s">
        <v>44</v>
      </c>
      <c r="AD11209" s="2" t="s">
        <v>33648</v>
      </c>
      <c r="AE11209" s="1"/>
    </row>
    <row r="11210" spans="1:31" ht="14.45">
      <c r="A11210" s="11"/>
      <c r="B11210" s="20"/>
      <c r="C11210" s="2" t="s">
        <v>34467</v>
      </c>
      <c r="D11210" s="14" t="s">
        <v>34468</v>
      </c>
      <c r="E11210" s="2" t="s">
        <v>34469</v>
      </c>
      <c r="F11210" s="2" t="s">
        <v>33652</v>
      </c>
      <c r="G11210" s="8">
        <v>221</v>
      </c>
      <c r="H11210" s="5">
        <v>5</v>
      </c>
      <c r="I11210" s="5" t="s">
        <v>69</v>
      </c>
      <c r="J11210" s="5" t="s">
        <v>27074</v>
      </c>
      <c r="K11210" s="2" t="s">
        <v>27075</v>
      </c>
      <c r="L11210" s="5" t="s">
        <v>27074</v>
      </c>
      <c r="M11210" s="2" t="s">
        <v>27075</v>
      </c>
      <c r="N11210" s="5" t="s">
        <v>24254</v>
      </c>
      <c r="O11210" s="5" t="s">
        <v>38</v>
      </c>
      <c r="P11210" s="5" t="s">
        <v>39</v>
      </c>
      <c r="Q11210" s="5" t="s">
        <v>40</v>
      </c>
      <c r="R11210" s="5" t="s">
        <v>24335</v>
      </c>
      <c r="S11210" s="5" t="s">
        <v>40</v>
      </c>
      <c r="T11210" s="5" t="s">
        <v>42</v>
      </c>
      <c r="U11210" s="2">
        <v>7.5970000000000004</v>
      </c>
      <c r="V11210" s="2">
        <v>4.8449999999999998</v>
      </c>
      <c r="W11210" s="2">
        <v>0.14899999999999999</v>
      </c>
      <c r="X11210" s="2">
        <v>12</v>
      </c>
      <c r="Y11210" s="2">
        <v>62</v>
      </c>
      <c r="Z11210" s="2">
        <v>199.7</v>
      </c>
      <c r="AA11210" s="5">
        <v>10</v>
      </c>
      <c r="AB11210" s="5" t="s">
        <v>43</v>
      </c>
      <c r="AC11210" s="5" t="s">
        <v>44</v>
      </c>
      <c r="AD11210" s="2" t="s">
        <v>33644</v>
      </c>
      <c r="AE11210" s="1"/>
    </row>
    <row r="11211" spans="1:31" ht="14.45">
      <c r="A11211" s="11"/>
      <c r="B11211" s="20"/>
      <c r="C11211" s="2" t="s">
        <v>34470</v>
      </c>
      <c r="D11211" s="14" t="s">
        <v>34471</v>
      </c>
      <c r="E11211" s="2" t="s">
        <v>34472</v>
      </c>
      <c r="F11211" s="2" t="s">
        <v>33652</v>
      </c>
      <c r="G11211" s="8">
        <v>221</v>
      </c>
      <c r="H11211" s="5">
        <v>5</v>
      </c>
      <c r="I11211" s="5" t="s">
        <v>69</v>
      </c>
      <c r="J11211" s="5" t="s">
        <v>27074</v>
      </c>
      <c r="K11211" s="2" t="s">
        <v>27075</v>
      </c>
      <c r="L11211" s="5" t="s">
        <v>27074</v>
      </c>
      <c r="M11211" s="2" t="s">
        <v>27075</v>
      </c>
      <c r="N11211" s="5" t="s">
        <v>24254</v>
      </c>
      <c r="O11211" s="5" t="s">
        <v>38</v>
      </c>
      <c r="P11211" s="5" t="s">
        <v>39</v>
      </c>
      <c r="Q11211" s="5" t="s">
        <v>40</v>
      </c>
      <c r="R11211" s="5" t="s">
        <v>24335</v>
      </c>
      <c r="S11211" s="5" t="s">
        <v>40</v>
      </c>
      <c r="T11211" s="5" t="s">
        <v>42</v>
      </c>
      <c r="U11211" s="2">
        <v>7.9870000000000001</v>
      </c>
      <c r="V11211" s="2">
        <v>5.1890000000000001</v>
      </c>
      <c r="W11211" s="2">
        <v>0.14899999999999999</v>
      </c>
      <c r="X11211" s="2">
        <v>12</v>
      </c>
      <c r="Y11211" s="2">
        <v>62</v>
      </c>
      <c r="Z11211" s="2">
        <v>199.7</v>
      </c>
      <c r="AA11211" s="5">
        <v>10</v>
      </c>
      <c r="AB11211" s="5" t="s">
        <v>43</v>
      </c>
      <c r="AC11211" s="5" t="s">
        <v>44</v>
      </c>
      <c r="AD11211" s="2" t="s">
        <v>33648</v>
      </c>
      <c r="AE11211" s="1"/>
    </row>
    <row r="11212" spans="1:31" ht="14.45">
      <c r="A11212" s="11"/>
      <c r="B11212" s="20"/>
      <c r="C11212" s="2" t="s">
        <v>34473</v>
      </c>
      <c r="D11212" s="14" t="s">
        <v>34474</v>
      </c>
      <c r="E11212" s="2" t="s">
        <v>34475</v>
      </c>
      <c r="F11212" s="2" t="s">
        <v>33659</v>
      </c>
      <c r="G11212" s="8">
        <v>402</v>
      </c>
      <c r="H11212" s="5">
        <v>5</v>
      </c>
      <c r="I11212" s="5" t="s">
        <v>69</v>
      </c>
      <c r="J11212" s="5" t="s">
        <v>27074</v>
      </c>
      <c r="K11212" s="2" t="s">
        <v>27075</v>
      </c>
      <c r="L11212" s="5" t="s">
        <v>27074</v>
      </c>
      <c r="M11212" s="2" t="s">
        <v>27075</v>
      </c>
      <c r="N11212" s="5" t="s">
        <v>24254</v>
      </c>
      <c r="O11212" s="5" t="s">
        <v>38</v>
      </c>
      <c r="P11212" s="5" t="s">
        <v>39</v>
      </c>
      <c r="Q11212" s="5" t="s">
        <v>40</v>
      </c>
      <c r="R11212" s="5" t="s">
        <v>24335</v>
      </c>
      <c r="S11212" s="5" t="s">
        <v>40</v>
      </c>
      <c r="T11212" s="5" t="s">
        <v>42</v>
      </c>
      <c r="U11212" s="2">
        <v>18.728000000000002</v>
      </c>
      <c r="V11212" s="2">
        <v>15.961</v>
      </c>
      <c r="W11212" s="2">
        <v>0.24399999999999999</v>
      </c>
      <c r="X11212" s="2">
        <v>15</v>
      </c>
      <c r="Y11212" s="2">
        <v>77</v>
      </c>
      <c r="Z11212" s="2">
        <v>210.9</v>
      </c>
      <c r="AA11212" s="5">
        <v>8</v>
      </c>
      <c r="AB11212" s="5" t="s">
        <v>43</v>
      </c>
      <c r="AC11212" s="5" t="s">
        <v>44</v>
      </c>
      <c r="AD11212" s="2" t="s">
        <v>33660</v>
      </c>
      <c r="AE11212" s="1"/>
    </row>
    <row r="11213" spans="1:31" ht="14.45">
      <c r="A11213" s="11"/>
      <c r="B11213" s="20"/>
      <c r="C11213" s="2" t="s">
        <v>34476</v>
      </c>
      <c r="D11213" s="14" t="s">
        <v>34477</v>
      </c>
      <c r="E11213" s="2" t="s">
        <v>34478</v>
      </c>
      <c r="F11213" s="2" t="s">
        <v>33664</v>
      </c>
      <c r="G11213" s="8">
        <v>372</v>
      </c>
      <c r="H11213" s="5">
        <v>10</v>
      </c>
      <c r="I11213" s="5" t="s">
        <v>69</v>
      </c>
      <c r="J11213" s="5" t="s">
        <v>27074</v>
      </c>
      <c r="K11213" s="2" t="s">
        <v>27075</v>
      </c>
      <c r="L11213" s="5" t="s">
        <v>27074</v>
      </c>
      <c r="M11213" s="2" t="s">
        <v>27075</v>
      </c>
      <c r="N11213" s="5" t="s">
        <v>24254</v>
      </c>
      <c r="O11213" s="5" t="s">
        <v>38</v>
      </c>
      <c r="P11213" s="5" t="s">
        <v>39</v>
      </c>
      <c r="Q11213" s="5" t="s">
        <v>40</v>
      </c>
      <c r="R11213" s="5" t="s">
        <v>24340</v>
      </c>
      <c r="S11213" s="5" t="s">
        <v>40</v>
      </c>
      <c r="T11213" s="5" t="s">
        <v>42</v>
      </c>
      <c r="U11213" s="2">
        <v>19.178999999999998</v>
      </c>
      <c r="V11213" s="2">
        <v>16.428000000000001</v>
      </c>
      <c r="W11213" s="2">
        <v>0.23100000000000001</v>
      </c>
      <c r="X11213" s="2">
        <v>12</v>
      </c>
      <c r="Y11213" s="2">
        <v>62</v>
      </c>
      <c r="Z11213" s="2">
        <v>199.7</v>
      </c>
      <c r="AA11213" s="5">
        <v>8</v>
      </c>
      <c r="AB11213" s="5" t="s">
        <v>43</v>
      </c>
      <c r="AC11213" s="5" t="s">
        <v>44</v>
      </c>
      <c r="AD11213" s="2" t="s">
        <v>33665</v>
      </c>
      <c r="AE11213" s="1"/>
    </row>
    <row r="11214" spans="1:31" ht="14.45">
      <c r="A11214" s="11"/>
      <c r="B11214" s="20"/>
      <c r="C11214" s="2" t="s">
        <v>34479</v>
      </c>
      <c r="D11214" s="14" t="s">
        <v>34480</v>
      </c>
      <c r="E11214" s="2" t="s">
        <v>34481</v>
      </c>
      <c r="F11214" s="2" t="s">
        <v>33669</v>
      </c>
      <c r="G11214" s="8">
        <v>372</v>
      </c>
      <c r="H11214" s="5">
        <v>10</v>
      </c>
      <c r="I11214" s="5" t="s">
        <v>69</v>
      </c>
      <c r="J11214" s="5" t="s">
        <v>27074</v>
      </c>
      <c r="K11214" s="2" t="s">
        <v>27075</v>
      </c>
      <c r="L11214" s="5" t="s">
        <v>27074</v>
      </c>
      <c r="M11214" s="2" t="s">
        <v>27075</v>
      </c>
      <c r="N11214" s="5" t="s">
        <v>24254</v>
      </c>
      <c r="O11214" s="5" t="s">
        <v>38</v>
      </c>
      <c r="P11214" s="5" t="s">
        <v>39</v>
      </c>
      <c r="Q11214" s="5" t="s">
        <v>40</v>
      </c>
      <c r="R11214" s="5" t="s">
        <v>24340</v>
      </c>
      <c r="S11214" s="5" t="s">
        <v>40</v>
      </c>
      <c r="T11214" s="5" t="s">
        <v>42</v>
      </c>
      <c r="U11214" s="2">
        <v>15.771000000000001</v>
      </c>
      <c r="V11214" s="2">
        <v>13.021000000000001</v>
      </c>
      <c r="W11214" s="2">
        <v>0.186</v>
      </c>
      <c r="X11214" s="2">
        <v>12</v>
      </c>
      <c r="Y11214" s="2">
        <v>62</v>
      </c>
      <c r="Z11214" s="2">
        <v>199.7</v>
      </c>
      <c r="AA11214" s="5">
        <v>8</v>
      </c>
      <c r="AB11214" s="5" t="s">
        <v>43</v>
      </c>
      <c r="AC11214" s="5" t="s">
        <v>44</v>
      </c>
      <c r="AD11214" s="2" t="s">
        <v>33665</v>
      </c>
      <c r="AE11214" s="1"/>
    </row>
    <row r="11215" spans="1:31" ht="14.45">
      <c r="A11215" s="11"/>
      <c r="B11215" s="20"/>
      <c r="C11215" s="2" t="s">
        <v>34482</v>
      </c>
      <c r="D11215" s="14" t="s">
        <v>34483</v>
      </c>
      <c r="E11215" s="2" t="s">
        <v>34484</v>
      </c>
      <c r="F11215" s="2" t="s">
        <v>33673</v>
      </c>
      <c r="G11215" s="8">
        <v>372</v>
      </c>
      <c r="H11215" s="5">
        <v>10</v>
      </c>
      <c r="I11215" s="5" t="s">
        <v>69</v>
      </c>
      <c r="J11215" s="5" t="s">
        <v>27074</v>
      </c>
      <c r="K11215" s="2" t="s">
        <v>27075</v>
      </c>
      <c r="L11215" s="5" t="s">
        <v>27074</v>
      </c>
      <c r="M11215" s="2" t="s">
        <v>27075</v>
      </c>
      <c r="N11215" s="5" t="s">
        <v>24254</v>
      </c>
      <c r="O11215" s="5" t="s">
        <v>38</v>
      </c>
      <c r="P11215" s="5" t="s">
        <v>39</v>
      </c>
      <c r="Q11215" s="5" t="s">
        <v>40</v>
      </c>
      <c r="R11215" s="5" t="s">
        <v>24340</v>
      </c>
      <c r="S11215" s="5" t="s">
        <v>40</v>
      </c>
      <c r="T11215" s="5" t="s">
        <v>42</v>
      </c>
      <c r="U11215" s="2">
        <v>13.352</v>
      </c>
      <c r="V11215" s="2">
        <v>10.957000000000001</v>
      </c>
      <c r="W11215" s="2">
        <v>0.129</v>
      </c>
      <c r="X11215" s="2">
        <v>12</v>
      </c>
      <c r="Y11215" s="2">
        <v>62</v>
      </c>
      <c r="Z11215" s="2">
        <v>172.9</v>
      </c>
      <c r="AA11215" s="5">
        <v>8</v>
      </c>
      <c r="AB11215" s="5" t="s">
        <v>43</v>
      </c>
      <c r="AC11215" s="5" t="s">
        <v>44</v>
      </c>
      <c r="AD11215" s="2" t="s">
        <v>33665</v>
      </c>
      <c r="AE11215" s="1"/>
    </row>
    <row r="11216" spans="1:31" ht="14.45">
      <c r="A11216" s="11"/>
      <c r="B11216" s="20"/>
      <c r="C11216" s="2" t="s">
        <v>34485</v>
      </c>
      <c r="D11216" s="14" t="s">
        <v>34486</v>
      </c>
      <c r="E11216" s="2" t="s">
        <v>34487</v>
      </c>
      <c r="F11216" s="2" t="s">
        <v>33677</v>
      </c>
      <c r="G11216" s="8">
        <v>372</v>
      </c>
      <c r="H11216" s="5">
        <v>10</v>
      </c>
      <c r="I11216" s="5" t="s">
        <v>69</v>
      </c>
      <c r="J11216" s="5" t="s">
        <v>27074</v>
      </c>
      <c r="K11216" s="2" t="s">
        <v>27075</v>
      </c>
      <c r="L11216" s="5" t="s">
        <v>27074</v>
      </c>
      <c r="M11216" s="2" t="s">
        <v>27075</v>
      </c>
      <c r="N11216" s="5" t="s">
        <v>24254</v>
      </c>
      <c r="O11216" s="5" t="s">
        <v>38</v>
      </c>
      <c r="P11216" s="5" t="s">
        <v>39</v>
      </c>
      <c r="Q11216" s="5" t="s">
        <v>40</v>
      </c>
      <c r="R11216" s="5" t="s">
        <v>24340</v>
      </c>
      <c r="S11216" s="5" t="s">
        <v>40</v>
      </c>
      <c r="T11216" s="5" t="s">
        <v>42</v>
      </c>
      <c r="U11216" s="2">
        <v>15.063000000000001</v>
      </c>
      <c r="V11216" s="2">
        <v>12.343999999999999</v>
      </c>
      <c r="W11216" s="2">
        <v>0.14899999999999999</v>
      </c>
      <c r="X11216" s="2">
        <v>12</v>
      </c>
      <c r="Y11216" s="2">
        <v>62</v>
      </c>
      <c r="Z11216" s="2">
        <v>199.7</v>
      </c>
      <c r="AA11216" s="5">
        <v>10</v>
      </c>
      <c r="AB11216" s="5" t="s">
        <v>43</v>
      </c>
      <c r="AC11216" s="5" t="s">
        <v>44</v>
      </c>
      <c r="AD11216" s="2" t="s">
        <v>33950</v>
      </c>
      <c r="AE11216" s="1"/>
    </row>
    <row r="11217" spans="1:31" ht="14.45">
      <c r="A11217" s="11"/>
      <c r="B11217" s="20"/>
      <c r="C11217" s="2" t="s">
        <v>34488</v>
      </c>
      <c r="D11217" s="14" t="s">
        <v>34489</v>
      </c>
      <c r="E11217" s="2" t="s">
        <v>34490</v>
      </c>
      <c r="F11217" s="2" t="s">
        <v>33682</v>
      </c>
      <c r="G11217" s="8">
        <v>372</v>
      </c>
      <c r="H11217" s="5">
        <v>10</v>
      </c>
      <c r="I11217" s="5" t="s">
        <v>69</v>
      </c>
      <c r="J11217" s="5" t="s">
        <v>27074</v>
      </c>
      <c r="K11217" s="2" t="s">
        <v>27075</v>
      </c>
      <c r="L11217" s="5" t="s">
        <v>27074</v>
      </c>
      <c r="M11217" s="2" t="s">
        <v>27075</v>
      </c>
      <c r="N11217" s="5" t="s">
        <v>24254</v>
      </c>
      <c r="O11217" s="5" t="s">
        <v>38</v>
      </c>
      <c r="P11217" s="5" t="s">
        <v>39</v>
      </c>
      <c r="Q11217" s="5" t="s">
        <v>40</v>
      </c>
      <c r="R11217" s="5" t="s">
        <v>24340</v>
      </c>
      <c r="S11217" s="5" t="s">
        <v>40</v>
      </c>
      <c r="T11217" s="5" t="s">
        <v>42</v>
      </c>
      <c r="U11217" s="2">
        <v>11.454000000000001</v>
      </c>
      <c r="V11217" s="2">
        <v>8.7349999999999994</v>
      </c>
      <c r="W11217" s="2">
        <v>0.14899999999999999</v>
      </c>
      <c r="X11217" s="2">
        <v>12</v>
      </c>
      <c r="Y11217" s="2">
        <v>62</v>
      </c>
      <c r="Z11217" s="2">
        <v>199.7</v>
      </c>
      <c r="AA11217" s="5">
        <v>10</v>
      </c>
      <c r="AB11217" s="5" t="s">
        <v>43</v>
      </c>
      <c r="AC11217" s="5" t="s">
        <v>44</v>
      </c>
      <c r="AD11217" s="2" t="s">
        <v>33688</v>
      </c>
      <c r="AE11217" s="1"/>
    </row>
    <row r="11218" spans="1:31" ht="14.45">
      <c r="A11218" s="11"/>
      <c r="B11218" s="20"/>
      <c r="C11218" s="2" t="s">
        <v>34491</v>
      </c>
      <c r="D11218" s="14" t="s">
        <v>34492</v>
      </c>
      <c r="E11218" s="2" t="s">
        <v>34493</v>
      </c>
      <c r="F11218" s="2" t="s">
        <v>33687</v>
      </c>
      <c r="G11218" s="8">
        <v>372</v>
      </c>
      <c r="H11218" s="5">
        <v>10</v>
      </c>
      <c r="I11218" s="5" t="s">
        <v>69</v>
      </c>
      <c r="J11218" s="5" t="s">
        <v>27074</v>
      </c>
      <c r="K11218" s="2" t="s">
        <v>27075</v>
      </c>
      <c r="L11218" s="5" t="s">
        <v>27074</v>
      </c>
      <c r="M11218" s="2" t="s">
        <v>27075</v>
      </c>
      <c r="N11218" s="5" t="s">
        <v>24254</v>
      </c>
      <c r="O11218" s="5" t="s">
        <v>38</v>
      </c>
      <c r="P11218" s="5" t="s">
        <v>39</v>
      </c>
      <c r="Q11218" s="5" t="s">
        <v>40</v>
      </c>
      <c r="R11218" s="5" t="s">
        <v>24340</v>
      </c>
      <c r="S11218" s="5" t="s">
        <v>40</v>
      </c>
      <c r="T11218" s="5" t="s">
        <v>42</v>
      </c>
      <c r="U11218" s="2">
        <v>13.169</v>
      </c>
      <c r="V11218" s="2">
        <v>10.371</v>
      </c>
      <c r="W11218" s="2">
        <v>0.14899999999999999</v>
      </c>
      <c r="X11218" s="2">
        <v>12</v>
      </c>
      <c r="Y11218" s="2">
        <v>62</v>
      </c>
      <c r="Z11218" s="2">
        <v>199.7</v>
      </c>
      <c r="AA11218" s="5">
        <v>10</v>
      </c>
      <c r="AB11218" s="5" t="s">
        <v>43</v>
      </c>
      <c r="AC11218" s="5" t="s">
        <v>44</v>
      </c>
      <c r="AD11218" s="2" t="s">
        <v>33688</v>
      </c>
      <c r="AE11218" s="1"/>
    </row>
    <row r="11219" spans="1:31" ht="14.45">
      <c r="A11219" s="11"/>
      <c r="B11219" s="20"/>
      <c r="C11219" s="2" t="s">
        <v>34494</v>
      </c>
      <c r="D11219" s="14" t="s">
        <v>34495</v>
      </c>
      <c r="E11219" s="2" t="s">
        <v>34496</v>
      </c>
      <c r="F11219" s="2" t="s">
        <v>33692</v>
      </c>
      <c r="G11219" s="8">
        <v>704</v>
      </c>
      <c r="H11219" s="5">
        <v>10</v>
      </c>
      <c r="I11219" s="5" t="s">
        <v>69</v>
      </c>
      <c r="J11219" s="5" t="s">
        <v>27074</v>
      </c>
      <c r="K11219" s="2" t="s">
        <v>27075</v>
      </c>
      <c r="L11219" s="5" t="s">
        <v>27074</v>
      </c>
      <c r="M11219" s="2" t="s">
        <v>27075</v>
      </c>
      <c r="N11219" s="5" t="s">
        <v>24254</v>
      </c>
      <c r="O11219" s="5" t="s">
        <v>38</v>
      </c>
      <c r="P11219" s="5" t="s">
        <v>39</v>
      </c>
      <c r="Q11219" s="5" t="s">
        <v>40</v>
      </c>
      <c r="R11219" s="5" t="s">
        <v>24340</v>
      </c>
      <c r="S11219" s="5" t="s">
        <v>40</v>
      </c>
      <c r="T11219" s="5" t="s">
        <v>42</v>
      </c>
      <c r="U11219" s="2">
        <v>25.376999999999999</v>
      </c>
      <c r="V11219" s="2">
        <v>23.029</v>
      </c>
      <c r="W11219" s="2">
        <v>0.24399999999999999</v>
      </c>
      <c r="X11219" s="2">
        <v>15</v>
      </c>
      <c r="Y11219" s="2">
        <v>77</v>
      </c>
      <c r="Z11219" s="2">
        <v>210.9</v>
      </c>
      <c r="AA11219" s="5">
        <v>8</v>
      </c>
      <c r="AB11219" s="5" t="s">
        <v>43</v>
      </c>
      <c r="AC11219" s="5" t="s">
        <v>44</v>
      </c>
      <c r="AD11219" s="2" t="s">
        <v>33660</v>
      </c>
      <c r="AE11219" s="1"/>
    </row>
    <row r="11220" spans="1:31" ht="14.45">
      <c r="A11220" s="11"/>
      <c r="B11220" s="20"/>
      <c r="C11220" s="2" t="s">
        <v>34497</v>
      </c>
      <c r="D11220" s="14" t="s">
        <v>34498</v>
      </c>
      <c r="E11220" s="2" t="s">
        <v>34499</v>
      </c>
      <c r="F11220" s="2" t="s">
        <v>33696</v>
      </c>
      <c r="G11220" s="8">
        <v>372</v>
      </c>
      <c r="H11220" s="5">
        <v>10</v>
      </c>
      <c r="I11220" s="5" t="s">
        <v>69</v>
      </c>
      <c r="J11220" s="5" t="s">
        <v>27074</v>
      </c>
      <c r="K11220" s="2" t="s">
        <v>27075</v>
      </c>
      <c r="L11220" s="5" t="s">
        <v>27074</v>
      </c>
      <c r="M11220" s="2" t="s">
        <v>27075</v>
      </c>
      <c r="N11220" s="5" t="s">
        <v>24254</v>
      </c>
      <c r="O11220" s="5" t="s">
        <v>38</v>
      </c>
      <c r="P11220" s="5" t="s">
        <v>39</v>
      </c>
      <c r="Q11220" s="5" t="s">
        <v>40</v>
      </c>
      <c r="R11220" s="5" t="s">
        <v>25301</v>
      </c>
      <c r="S11220" s="5" t="s">
        <v>40</v>
      </c>
      <c r="T11220" s="5" t="s">
        <v>42</v>
      </c>
      <c r="U11220" s="2">
        <v>17.561</v>
      </c>
      <c r="V11220" s="2">
        <v>14.81</v>
      </c>
      <c r="W11220" s="2">
        <v>0.23100000000000001</v>
      </c>
      <c r="X11220" s="2">
        <v>12</v>
      </c>
      <c r="Y11220" s="2">
        <v>62</v>
      </c>
      <c r="Z11220" s="2">
        <v>199.7</v>
      </c>
      <c r="AA11220" s="5">
        <v>8</v>
      </c>
      <c r="AB11220" s="5" t="s">
        <v>43</v>
      </c>
      <c r="AC11220" s="5" t="s">
        <v>44</v>
      </c>
      <c r="AD11220" s="2" t="s">
        <v>33697</v>
      </c>
      <c r="AE11220" s="1"/>
    </row>
    <row r="11221" spans="1:31" ht="14.45">
      <c r="A11221" s="11"/>
      <c r="B11221" s="20"/>
      <c r="C11221" s="2" t="s">
        <v>34500</v>
      </c>
      <c r="D11221" s="14" t="s">
        <v>34501</v>
      </c>
      <c r="E11221" s="2" t="s">
        <v>34502</v>
      </c>
      <c r="F11221" s="2" t="s">
        <v>33798</v>
      </c>
      <c r="G11221" s="8">
        <v>372</v>
      </c>
      <c r="H11221" s="5">
        <v>10</v>
      </c>
      <c r="I11221" s="5" t="s">
        <v>69</v>
      </c>
      <c r="J11221" s="5" t="s">
        <v>27074</v>
      </c>
      <c r="K11221" s="2" t="s">
        <v>27075</v>
      </c>
      <c r="L11221" s="5" t="s">
        <v>27074</v>
      </c>
      <c r="M11221" s="2" t="s">
        <v>27075</v>
      </c>
      <c r="N11221" s="5" t="s">
        <v>24254</v>
      </c>
      <c r="O11221" s="5" t="s">
        <v>38</v>
      </c>
      <c r="P11221" s="5" t="s">
        <v>39</v>
      </c>
      <c r="Q11221" s="5" t="s">
        <v>40</v>
      </c>
      <c r="R11221" s="5" t="s">
        <v>25301</v>
      </c>
      <c r="S11221" s="5" t="s">
        <v>40</v>
      </c>
      <c r="T11221" s="5" t="s">
        <v>42</v>
      </c>
      <c r="U11221" s="2">
        <v>14.584</v>
      </c>
      <c r="V11221" s="2">
        <v>11.834</v>
      </c>
      <c r="W11221" s="2">
        <v>0.14899999999999999</v>
      </c>
      <c r="X11221" s="2">
        <v>12</v>
      </c>
      <c r="Y11221" s="2">
        <v>62</v>
      </c>
      <c r="Z11221" s="2">
        <v>199.7</v>
      </c>
      <c r="AA11221" s="5">
        <v>8</v>
      </c>
      <c r="AB11221" s="5" t="s">
        <v>43</v>
      </c>
      <c r="AC11221" s="5" t="s">
        <v>44</v>
      </c>
      <c r="AD11221" s="2" t="s">
        <v>33697</v>
      </c>
      <c r="AE11221" s="1"/>
    </row>
    <row r="11222" spans="1:31" ht="14.45">
      <c r="A11222" s="11"/>
      <c r="B11222" s="20"/>
      <c r="C11222" s="2" t="s">
        <v>34503</v>
      </c>
      <c r="D11222" s="14" t="s">
        <v>34504</v>
      </c>
      <c r="E11222" s="2" t="s">
        <v>34505</v>
      </c>
      <c r="F11222" s="2" t="s">
        <v>33701</v>
      </c>
      <c r="G11222" s="8">
        <v>372</v>
      </c>
      <c r="H11222" s="5">
        <v>10</v>
      </c>
      <c r="I11222" s="5" t="s">
        <v>69</v>
      </c>
      <c r="J11222" s="5" t="s">
        <v>27074</v>
      </c>
      <c r="K11222" s="2" t="s">
        <v>27075</v>
      </c>
      <c r="L11222" s="5" t="s">
        <v>27074</v>
      </c>
      <c r="M11222" s="2" t="s">
        <v>27075</v>
      </c>
      <c r="N11222" s="5" t="s">
        <v>24254</v>
      </c>
      <c r="O11222" s="5" t="s">
        <v>38</v>
      </c>
      <c r="P11222" s="5" t="s">
        <v>39</v>
      </c>
      <c r="Q11222" s="5" t="s">
        <v>40</v>
      </c>
      <c r="R11222" s="5" t="s">
        <v>25301</v>
      </c>
      <c r="S11222" s="5" t="s">
        <v>40</v>
      </c>
      <c r="T11222" s="5" t="s">
        <v>42</v>
      </c>
      <c r="U11222" s="2">
        <v>12.441000000000001</v>
      </c>
      <c r="V11222" s="2">
        <v>10.045999999999999</v>
      </c>
      <c r="W11222" s="2">
        <v>0.129</v>
      </c>
      <c r="X11222" s="2">
        <v>12</v>
      </c>
      <c r="Y11222" s="2">
        <v>62</v>
      </c>
      <c r="Z11222" s="2">
        <v>172.9</v>
      </c>
      <c r="AA11222" s="5">
        <v>8</v>
      </c>
      <c r="AB11222" s="5" t="s">
        <v>43</v>
      </c>
      <c r="AC11222" s="5" t="s">
        <v>44</v>
      </c>
      <c r="AD11222" s="2" t="s">
        <v>33697</v>
      </c>
      <c r="AE11222" s="1"/>
    </row>
    <row r="11223" spans="1:31" ht="14.45">
      <c r="A11223" s="11"/>
      <c r="B11223" s="20"/>
      <c r="C11223" s="2" t="s">
        <v>34506</v>
      </c>
      <c r="D11223" s="14" t="s">
        <v>34507</v>
      </c>
      <c r="E11223" s="2" t="s">
        <v>34508</v>
      </c>
      <c r="F11223" s="2" t="s">
        <v>33710</v>
      </c>
      <c r="G11223" s="8">
        <v>756</v>
      </c>
      <c r="H11223" s="5">
        <v>5</v>
      </c>
      <c r="I11223" s="5" t="s">
        <v>69</v>
      </c>
      <c r="J11223" s="5" t="s">
        <v>27074</v>
      </c>
      <c r="K11223" s="2" t="s">
        <v>27075</v>
      </c>
      <c r="L11223" s="5" t="s">
        <v>27074</v>
      </c>
      <c r="M11223" s="2" t="s">
        <v>27075</v>
      </c>
      <c r="N11223" s="5" t="s">
        <v>24254</v>
      </c>
      <c r="O11223" s="5" t="s">
        <v>38</v>
      </c>
      <c r="P11223" s="5" t="s">
        <v>39</v>
      </c>
      <c r="Q11223" s="5" t="s">
        <v>40</v>
      </c>
      <c r="R11223" s="5" t="s">
        <v>1487</v>
      </c>
      <c r="S11223" s="5"/>
      <c r="T11223" s="5" t="s">
        <v>42</v>
      </c>
      <c r="U11223" s="2">
        <v>0</v>
      </c>
      <c r="V11223" s="2">
        <v>0</v>
      </c>
      <c r="W11223" s="2">
        <v>0</v>
      </c>
      <c r="X11223" s="2">
        <v>0</v>
      </c>
      <c r="Y11223" s="2">
        <v>0</v>
      </c>
      <c r="Z11223" s="2">
        <v>0</v>
      </c>
      <c r="AA11223" s="5"/>
      <c r="AB11223" s="5" t="s">
        <v>43</v>
      </c>
      <c r="AC11223" s="5" t="s">
        <v>44</v>
      </c>
      <c r="AD11223" s="2" t="s">
        <v>33711</v>
      </c>
      <c r="AE11223" s="1"/>
    </row>
    <row r="11224" spans="1:31" ht="14.45">
      <c r="A11224" s="11"/>
      <c r="B11224" s="20"/>
      <c r="C11224" s="2" t="s">
        <v>34509</v>
      </c>
      <c r="D11224" s="14" t="s">
        <v>34510</v>
      </c>
      <c r="E11224" s="2" t="s">
        <v>34511</v>
      </c>
      <c r="F11224" s="2" t="s">
        <v>33715</v>
      </c>
      <c r="G11224" s="8">
        <v>756</v>
      </c>
      <c r="H11224" s="5">
        <v>15</v>
      </c>
      <c r="I11224" s="5" t="s">
        <v>69</v>
      </c>
      <c r="J11224" s="5" t="s">
        <v>27074</v>
      </c>
      <c r="K11224" s="2" t="s">
        <v>27075</v>
      </c>
      <c r="L11224" s="5" t="s">
        <v>27074</v>
      </c>
      <c r="M11224" s="2" t="s">
        <v>27075</v>
      </c>
      <c r="N11224" s="5" t="s">
        <v>24254</v>
      </c>
      <c r="O11224" s="5" t="s">
        <v>38</v>
      </c>
      <c r="P11224" s="5" t="s">
        <v>39</v>
      </c>
      <c r="Q11224" s="5" t="s">
        <v>40</v>
      </c>
      <c r="R11224" s="5" t="s">
        <v>1487</v>
      </c>
      <c r="S11224" s="5"/>
      <c r="T11224" s="5" t="s">
        <v>42</v>
      </c>
      <c r="U11224" s="2">
        <v>0</v>
      </c>
      <c r="V11224" s="2">
        <v>0</v>
      </c>
      <c r="W11224" s="2">
        <v>0</v>
      </c>
      <c r="X11224" s="2">
        <v>0</v>
      </c>
      <c r="Y11224" s="2">
        <v>0</v>
      </c>
      <c r="Z11224" s="2">
        <v>0</v>
      </c>
      <c r="AA11224" s="5"/>
      <c r="AB11224" s="5" t="s">
        <v>43</v>
      </c>
      <c r="AC11224" s="5" t="s">
        <v>44</v>
      </c>
      <c r="AD11224" s="2" t="s">
        <v>33716</v>
      </c>
      <c r="AE11224" s="1"/>
    </row>
    <row r="11225" spans="1:31" ht="14.45">
      <c r="A11225" s="11"/>
      <c r="B11225" s="20"/>
      <c r="C11225" s="2" t="s">
        <v>34512</v>
      </c>
      <c r="D11225" s="14" t="s">
        <v>34513</v>
      </c>
      <c r="E11225" s="2" t="s">
        <v>34514</v>
      </c>
      <c r="F11225" s="2" t="s">
        <v>33720</v>
      </c>
      <c r="G11225" s="8">
        <v>1261</v>
      </c>
      <c r="H11225" s="5">
        <v>15</v>
      </c>
      <c r="I11225" s="5" t="s">
        <v>69</v>
      </c>
      <c r="J11225" s="5" t="s">
        <v>27074</v>
      </c>
      <c r="K11225" s="2" t="s">
        <v>27075</v>
      </c>
      <c r="L11225" s="5" t="s">
        <v>27074</v>
      </c>
      <c r="M11225" s="2" t="s">
        <v>27075</v>
      </c>
      <c r="N11225" s="5" t="s">
        <v>24254</v>
      </c>
      <c r="O11225" s="5" t="s">
        <v>38</v>
      </c>
      <c r="P11225" s="5" t="s">
        <v>39</v>
      </c>
      <c r="Q11225" s="5" t="s">
        <v>40</v>
      </c>
      <c r="R11225" s="5" t="s">
        <v>1487</v>
      </c>
      <c r="S11225" s="5"/>
      <c r="T11225" s="5" t="s">
        <v>42</v>
      </c>
      <c r="U11225" s="2">
        <v>0</v>
      </c>
      <c r="V11225" s="2">
        <v>0</v>
      </c>
      <c r="W11225" s="2">
        <v>0</v>
      </c>
      <c r="X11225" s="2">
        <v>0</v>
      </c>
      <c r="Y11225" s="2">
        <v>0</v>
      </c>
      <c r="Z11225" s="2">
        <v>0</v>
      </c>
      <c r="AA11225" s="5"/>
      <c r="AB11225" s="5" t="s">
        <v>43</v>
      </c>
      <c r="AC11225" s="5" t="s">
        <v>44</v>
      </c>
      <c r="AD11225" s="2" t="s">
        <v>33721</v>
      </c>
      <c r="AE11225" s="1"/>
    </row>
    <row r="11226" spans="1:31" ht="14.45">
      <c r="A11226" s="11"/>
      <c r="B11226" s="20"/>
      <c r="C11226" s="2" t="s">
        <v>34515</v>
      </c>
      <c r="D11226" s="14" t="s">
        <v>34516</v>
      </c>
      <c r="E11226" s="2" t="s">
        <v>34517</v>
      </c>
      <c r="F11226" s="2" t="s">
        <v>33725</v>
      </c>
      <c r="G11226" s="8">
        <v>1261</v>
      </c>
      <c r="H11226" s="5">
        <v>15</v>
      </c>
      <c r="I11226" s="5" t="s">
        <v>69</v>
      </c>
      <c r="J11226" s="5" t="s">
        <v>27074</v>
      </c>
      <c r="K11226" s="2" t="s">
        <v>27075</v>
      </c>
      <c r="L11226" s="5" t="s">
        <v>27074</v>
      </c>
      <c r="M11226" s="2" t="s">
        <v>27075</v>
      </c>
      <c r="N11226" s="5" t="s">
        <v>24254</v>
      </c>
      <c r="O11226" s="5" t="s">
        <v>38</v>
      </c>
      <c r="P11226" s="5" t="s">
        <v>39</v>
      </c>
      <c r="Q11226" s="5" t="s">
        <v>40</v>
      </c>
      <c r="R11226" s="5" t="s">
        <v>1487</v>
      </c>
      <c r="S11226" s="5"/>
      <c r="T11226" s="5" t="s">
        <v>42</v>
      </c>
      <c r="U11226" s="2">
        <v>0</v>
      </c>
      <c r="V11226" s="2">
        <v>0</v>
      </c>
      <c r="W11226" s="2">
        <v>0</v>
      </c>
      <c r="X11226" s="2">
        <v>0</v>
      </c>
      <c r="Y11226" s="2">
        <v>0</v>
      </c>
      <c r="Z11226" s="2">
        <v>0</v>
      </c>
      <c r="AA11226" s="5"/>
      <c r="AB11226" s="5" t="s">
        <v>43</v>
      </c>
      <c r="AC11226" s="5" t="s">
        <v>44</v>
      </c>
      <c r="AD11226" s="2" t="s">
        <v>33726</v>
      </c>
      <c r="AE11226" s="1"/>
    </row>
    <row r="11227" spans="1:31" ht="14.45">
      <c r="A11227" s="11"/>
      <c r="B11227" s="20"/>
      <c r="C11227" s="2" t="s">
        <v>34518</v>
      </c>
      <c r="D11227" s="14" t="s">
        <v>34519</v>
      </c>
      <c r="E11227" s="2" t="s">
        <v>34520</v>
      </c>
      <c r="F11227" s="2" t="s">
        <v>33730</v>
      </c>
      <c r="G11227" s="8">
        <v>1058</v>
      </c>
      <c r="H11227" s="5">
        <v>10</v>
      </c>
      <c r="I11227" s="5" t="s">
        <v>69</v>
      </c>
      <c r="J11227" s="5" t="s">
        <v>27074</v>
      </c>
      <c r="K11227" s="2" t="s">
        <v>27075</v>
      </c>
      <c r="L11227" s="5" t="s">
        <v>27074</v>
      </c>
      <c r="M11227" s="2" t="s">
        <v>27075</v>
      </c>
      <c r="N11227" s="5" t="s">
        <v>24254</v>
      </c>
      <c r="O11227" s="5" t="s">
        <v>38</v>
      </c>
      <c r="P11227" s="5" t="s">
        <v>39</v>
      </c>
      <c r="Q11227" s="5" t="s">
        <v>40</v>
      </c>
      <c r="R11227" s="5" t="s">
        <v>1487</v>
      </c>
      <c r="S11227" s="5"/>
      <c r="T11227" s="5" t="s">
        <v>42</v>
      </c>
      <c r="U11227" s="2">
        <v>0</v>
      </c>
      <c r="V11227" s="2">
        <v>0</v>
      </c>
      <c r="W11227" s="2">
        <v>0</v>
      </c>
      <c r="X11227" s="2">
        <v>0</v>
      </c>
      <c r="Y11227" s="2">
        <v>0</v>
      </c>
      <c r="Z11227" s="2">
        <v>0</v>
      </c>
      <c r="AA11227" s="5"/>
      <c r="AB11227" s="5" t="s">
        <v>43</v>
      </c>
      <c r="AC11227" s="5" t="s">
        <v>44</v>
      </c>
      <c r="AD11227" s="2"/>
      <c r="AE11227" s="1"/>
    </row>
    <row r="11228" spans="1:31" ht="14.45">
      <c r="A11228" s="11"/>
      <c r="B11228" s="20"/>
      <c r="C11228" s="2" t="s">
        <v>34521</v>
      </c>
      <c r="D11228" s="14" t="s">
        <v>34522</v>
      </c>
      <c r="E11228" s="2" t="s">
        <v>34523</v>
      </c>
      <c r="F11228" s="2" t="s">
        <v>33734</v>
      </c>
      <c r="G11228" s="8">
        <v>1058</v>
      </c>
      <c r="H11228" s="5">
        <v>15</v>
      </c>
      <c r="I11228" s="5" t="s">
        <v>69</v>
      </c>
      <c r="J11228" s="5" t="s">
        <v>27074</v>
      </c>
      <c r="K11228" s="2" t="s">
        <v>27075</v>
      </c>
      <c r="L11228" s="5" t="s">
        <v>27074</v>
      </c>
      <c r="M11228" s="2" t="s">
        <v>27075</v>
      </c>
      <c r="N11228" s="5" t="s">
        <v>24254</v>
      </c>
      <c r="O11228" s="5" t="s">
        <v>38</v>
      </c>
      <c r="P11228" s="5" t="s">
        <v>39</v>
      </c>
      <c r="Q11228" s="5" t="s">
        <v>40</v>
      </c>
      <c r="R11228" s="5" t="s">
        <v>1487</v>
      </c>
      <c r="S11228" s="5"/>
      <c r="T11228" s="5" t="s">
        <v>42</v>
      </c>
      <c r="U11228" s="2">
        <v>0</v>
      </c>
      <c r="V11228" s="2">
        <v>0</v>
      </c>
      <c r="W11228" s="2">
        <v>0</v>
      </c>
      <c r="X11228" s="2">
        <v>0</v>
      </c>
      <c r="Y11228" s="2">
        <v>0</v>
      </c>
      <c r="Z11228" s="2">
        <v>0</v>
      </c>
      <c r="AA11228" s="5"/>
      <c r="AB11228" s="5" t="s">
        <v>43</v>
      </c>
      <c r="AC11228" s="5" t="s">
        <v>44</v>
      </c>
      <c r="AD11228" s="2"/>
      <c r="AE11228" s="1"/>
    </row>
    <row r="11229" spans="1:31" ht="14.45">
      <c r="A11229" s="11"/>
      <c r="B11229" s="20"/>
      <c r="C11229" s="2" t="s">
        <v>34524</v>
      </c>
      <c r="D11229" s="14" t="s">
        <v>34525</v>
      </c>
      <c r="E11229" s="2" t="s">
        <v>34526</v>
      </c>
      <c r="F11229" s="2" t="s">
        <v>33621</v>
      </c>
      <c r="G11229" s="8">
        <v>225</v>
      </c>
      <c r="H11229" s="5">
        <v>10</v>
      </c>
      <c r="I11229" s="5" t="s">
        <v>69</v>
      </c>
      <c r="J11229" s="5" t="s">
        <v>27074</v>
      </c>
      <c r="K11229" s="2" t="s">
        <v>27075</v>
      </c>
      <c r="L11229" s="5" t="s">
        <v>27074</v>
      </c>
      <c r="M11229" s="2" t="s">
        <v>27075</v>
      </c>
      <c r="N11229" s="5" t="s">
        <v>24254</v>
      </c>
      <c r="O11229" s="5" t="s">
        <v>38</v>
      </c>
      <c r="P11229" s="5" t="s">
        <v>39</v>
      </c>
      <c r="Q11229" s="5" t="s">
        <v>40</v>
      </c>
      <c r="R11229" s="5" t="s">
        <v>24335</v>
      </c>
      <c r="S11229" s="5" t="s">
        <v>40</v>
      </c>
      <c r="T11229" s="5" t="s">
        <v>42</v>
      </c>
      <c r="U11229" s="2">
        <v>12.231</v>
      </c>
      <c r="V11229" s="2">
        <v>10.057</v>
      </c>
      <c r="W11229" s="2">
        <v>0.157</v>
      </c>
      <c r="X11229" s="2">
        <v>12</v>
      </c>
      <c r="Y11229" s="2">
        <v>62</v>
      </c>
      <c r="Z11229" s="2">
        <v>210.6</v>
      </c>
      <c r="AA11229" s="5">
        <v>8</v>
      </c>
      <c r="AB11229" s="5" t="s">
        <v>43</v>
      </c>
      <c r="AC11229" s="5" t="s">
        <v>44</v>
      </c>
      <c r="AD11229" s="2" t="s">
        <v>33622</v>
      </c>
      <c r="AE11229" s="1"/>
    </row>
    <row r="11230" spans="1:31" ht="14.45">
      <c r="A11230" s="11"/>
      <c r="B11230" s="20"/>
      <c r="C11230" s="2" t="s">
        <v>34527</v>
      </c>
      <c r="D11230" s="14" t="s">
        <v>34528</v>
      </c>
      <c r="E11230" s="2" t="s">
        <v>34529</v>
      </c>
      <c r="F11230" s="2" t="s">
        <v>33626</v>
      </c>
      <c r="G11230" s="8">
        <v>225</v>
      </c>
      <c r="H11230" s="5">
        <v>5</v>
      </c>
      <c r="I11230" s="5" t="s">
        <v>69</v>
      </c>
      <c r="J11230" s="5" t="s">
        <v>27074</v>
      </c>
      <c r="K11230" s="2" t="s">
        <v>27075</v>
      </c>
      <c r="L11230" s="5" t="s">
        <v>27074</v>
      </c>
      <c r="M11230" s="2" t="s">
        <v>27075</v>
      </c>
      <c r="N11230" s="5" t="s">
        <v>24254</v>
      </c>
      <c r="O11230" s="5" t="s">
        <v>38</v>
      </c>
      <c r="P11230" s="5" t="s">
        <v>39</v>
      </c>
      <c r="Q11230" s="5" t="s">
        <v>40</v>
      </c>
      <c r="R11230" s="5" t="s">
        <v>24335</v>
      </c>
      <c r="S11230" s="5" t="s">
        <v>40</v>
      </c>
      <c r="T11230" s="5" t="s">
        <v>42</v>
      </c>
      <c r="U11230" s="2">
        <v>10.141</v>
      </c>
      <c r="V11230" s="2">
        <v>7.9269999999999996</v>
      </c>
      <c r="W11230" s="2">
        <v>0.157</v>
      </c>
      <c r="X11230" s="2">
        <v>12</v>
      </c>
      <c r="Y11230" s="2">
        <v>62</v>
      </c>
      <c r="Z11230" s="2">
        <v>210.6</v>
      </c>
      <c r="AA11230" s="5">
        <v>8</v>
      </c>
      <c r="AB11230" s="5" t="s">
        <v>43</v>
      </c>
      <c r="AC11230" s="5" t="s">
        <v>44</v>
      </c>
      <c r="AD11230" s="2" t="s">
        <v>33622</v>
      </c>
      <c r="AE11230" s="1"/>
    </row>
    <row r="11231" spans="1:31" ht="14.45">
      <c r="A11231" s="11"/>
      <c r="B11231" s="20"/>
      <c r="C11231" s="2" t="s">
        <v>34530</v>
      </c>
      <c r="D11231" s="14" t="s">
        <v>34531</v>
      </c>
      <c r="E11231" s="2" t="s">
        <v>34532</v>
      </c>
      <c r="F11231" s="2" t="s">
        <v>33630</v>
      </c>
      <c r="G11231" s="8">
        <v>225</v>
      </c>
      <c r="H11231" s="5">
        <v>10</v>
      </c>
      <c r="I11231" s="5" t="s">
        <v>69</v>
      </c>
      <c r="J11231" s="5" t="s">
        <v>27074</v>
      </c>
      <c r="K11231" s="2" t="s">
        <v>27075</v>
      </c>
      <c r="L11231" s="5" t="s">
        <v>27074</v>
      </c>
      <c r="M11231" s="2" t="s">
        <v>27075</v>
      </c>
      <c r="N11231" s="5" t="s">
        <v>24254</v>
      </c>
      <c r="O11231" s="5" t="s">
        <v>38</v>
      </c>
      <c r="P11231" s="5" t="s">
        <v>39</v>
      </c>
      <c r="Q11231" s="5" t="s">
        <v>40</v>
      </c>
      <c r="R11231" s="5" t="s">
        <v>24335</v>
      </c>
      <c r="S11231" s="5" t="s">
        <v>40</v>
      </c>
      <c r="T11231" s="5" t="s">
        <v>42</v>
      </c>
      <c r="U11231" s="2">
        <v>10.807</v>
      </c>
      <c r="V11231" s="2">
        <v>8.0920000000000005</v>
      </c>
      <c r="W11231" s="2">
        <v>0.157</v>
      </c>
      <c r="X11231" s="2">
        <v>12</v>
      </c>
      <c r="Y11231" s="2">
        <v>62</v>
      </c>
      <c r="Z11231" s="2">
        <v>210.6</v>
      </c>
      <c r="AA11231" s="5">
        <v>8</v>
      </c>
      <c r="AB11231" s="5" t="s">
        <v>43</v>
      </c>
      <c r="AC11231" s="5" t="s">
        <v>44</v>
      </c>
      <c r="AD11231" s="2" t="s">
        <v>33622</v>
      </c>
      <c r="AE11231" s="1"/>
    </row>
    <row r="11232" spans="1:31" ht="14.45">
      <c r="A11232" s="11"/>
      <c r="B11232" s="20"/>
      <c r="C11232" s="2" t="s">
        <v>34533</v>
      </c>
      <c r="D11232" s="14" t="s">
        <v>34534</v>
      </c>
      <c r="E11232" s="2" t="s">
        <v>34535</v>
      </c>
      <c r="F11232" s="2" t="s">
        <v>33634</v>
      </c>
      <c r="G11232" s="8">
        <v>225</v>
      </c>
      <c r="H11232" s="5">
        <v>5</v>
      </c>
      <c r="I11232" s="5" t="s">
        <v>69</v>
      </c>
      <c r="J11232" s="5" t="s">
        <v>27074</v>
      </c>
      <c r="K11232" s="2" t="s">
        <v>27075</v>
      </c>
      <c r="L11232" s="5" t="s">
        <v>27074</v>
      </c>
      <c r="M11232" s="2" t="s">
        <v>27075</v>
      </c>
      <c r="N11232" s="5" t="s">
        <v>24254</v>
      </c>
      <c r="O11232" s="5" t="s">
        <v>38</v>
      </c>
      <c r="P11232" s="5" t="s">
        <v>39</v>
      </c>
      <c r="Q11232" s="5" t="s">
        <v>40</v>
      </c>
      <c r="R11232" s="5" t="s">
        <v>24335</v>
      </c>
      <c r="S11232" s="5" t="s">
        <v>40</v>
      </c>
      <c r="T11232" s="5" t="s">
        <v>42</v>
      </c>
      <c r="U11232" s="2">
        <v>8.7240000000000002</v>
      </c>
      <c r="V11232" s="2">
        <v>6.0049999999999999</v>
      </c>
      <c r="W11232" s="2">
        <v>0.157</v>
      </c>
      <c r="X11232" s="2">
        <v>12</v>
      </c>
      <c r="Y11232" s="2">
        <v>62</v>
      </c>
      <c r="Z11232" s="2">
        <v>210.6</v>
      </c>
      <c r="AA11232" s="5">
        <v>10</v>
      </c>
      <c r="AB11232" s="5" t="s">
        <v>43</v>
      </c>
      <c r="AC11232" s="5" t="s">
        <v>44</v>
      </c>
      <c r="AD11232" s="2" t="s">
        <v>33635</v>
      </c>
      <c r="AE11232" s="1"/>
    </row>
    <row r="11233" spans="1:31" ht="14.45">
      <c r="A11233" s="11"/>
      <c r="B11233" s="20"/>
      <c r="C11233" s="2" t="s">
        <v>34536</v>
      </c>
      <c r="D11233" s="14" t="s">
        <v>34537</v>
      </c>
      <c r="E11233" s="2" t="s">
        <v>34538</v>
      </c>
      <c r="F11233" s="2" t="s">
        <v>33643</v>
      </c>
      <c r="G11233" s="8">
        <v>225</v>
      </c>
      <c r="H11233" s="5">
        <v>5</v>
      </c>
      <c r="I11233" s="5" t="s">
        <v>69</v>
      </c>
      <c r="J11233" s="5" t="s">
        <v>27074</v>
      </c>
      <c r="K11233" s="2" t="s">
        <v>27075</v>
      </c>
      <c r="L11233" s="5" t="s">
        <v>27074</v>
      </c>
      <c r="M11233" s="2" t="s">
        <v>27075</v>
      </c>
      <c r="N11233" s="5" t="s">
        <v>24254</v>
      </c>
      <c r="O11233" s="5" t="s">
        <v>38</v>
      </c>
      <c r="P11233" s="5" t="s">
        <v>39</v>
      </c>
      <c r="Q11233" s="5" t="s">
        <v>40</v>
      </c>
      <c r="R11233" s="5" t="s">
        <v>24335</v>
      </c>
      <c r="S11233" s="5" t="s">
        <v>40</v>
      </c>
      <c r="T11233" s="5" t="s">
        <v>42</v>
      </c>
      <c r="U11233" s="2">
        <v>7.319</v>
      </c>
      <c r="V11233" s="2">
        <v>4.5999999999999996</v>
      </c>
      <c r="W11233" s="2">
        <v>0.157</v>
      </c>
      <c r="X11233" s="2">
        <v>12</v>
      </c>
      <c r="Y11233" s="2">
        <v>62</v>
      </c>
      <c r="Z11233" s="2">
        <v>210.6</v>
      </c>
      <c r="AA11233" s="5">
        <v>10</v>
      </c>
      <c r="AB11233" s="5" t="s">
        <v>43</v>
      </c>
      <c r="AC11233" s="5" t="s">
        <v>44</v>
      </c>
      <c r="AD11233" s="2" t="s">
        <v>33644</v>
      </c>
      <c r="AE11233" s="1"/>
    </row>
    <row r="11234" spans="1:31" ht="14.45">
      <c r="A11234" s="11"/>
      <c r="B11234" s="20"/>
      <c r="C11234" s="2" t="s">
        <v>34539</v>
      </c>
      <c r="D11234" s="14" t="s">
        <v>34540</v>
      </c>
      <c r="E11234" s="2" t="s">
        <v>34541</v>
      </c>
      <c r="F11234" s="2" t="s">
        <v>33652</v>
      </c>
      <c r="G11234" s="8">
        <v>225</v>
      </c>
      <c r="H11234" s="5">
        <v>5</v>
      </c>
      <c r="I11234" s="5" t="s">
        <v>69</v>
      </c>
      <c r="J11234" s="5" t="s">
        <v>27074</v>
      </c>
      <c r="K11234" s="2" t="s">
        <v>27075</v>
      </c>
      <c r="L11234" s="5" t="s">
        <v>27074</v>
      </c>
      <c r="M11234" s="2" t="s">
        <v>27075</v>
      </c>
      <c r="N11234" s="5" t="s">
        <v>24254</v>
      </c>
      <c r="O11234" s="5" t="s">
        <v>38</v>
      </c>
      <c r="P11234" s="5" t="s">
        <v>39</v>
      </c>
      <c r="Q11234" s="5" t="s">
        <v>40</v>
      </c>
      <c r="R11234" s="5" t="s">
        <v>24335</v>
      </c>
      <c r="S11234" s="5" t="s">
        <v>40</v>
      </c>
      <c r="T11234" s="5" t="s">
        <v>42</v>
      </c>
      <c r="U11234" s="2">
        <v>7.4649999999999999</v>
      </c>
      <c r="V11234" s="2">
        <v>7.2759999999999998</v>
      </c>
      <c r="W11234" s="2">
        <v>0.157</v>
      </c>
      <c r="X11234" s="2">
        <v>12</v>
      </c>
      <c r="Y11234" s="2">
        <v>62</v>
      </c>
      <c r="Z11234" s="2">
        <v>210.6</v>
      </c>
      <c r="AA11234" s="5">
        <v>10</v>
      </c>
      <c r="AB11234" s="5" t="s">
        <v>43</v>
      </c>
      <c r="AC11234" s="5" t="s">
        <v>44</v>
      </c>
      <c r="AD11234" s="2" t="s">
        <v>33644</v>
      </c>
      <c r="AE11234" s="1"/>
    </row>
    <row r="11235" spans="1:31" ht="14.45">
      <c r="A11235" s="11"/>
      <c r="B11235" s="20"/>
      <c r="C11235" s="2" t="s">
        <v>34542</v>
      </c>
      <c r="D11235" s="14" t="s">
        <v>34543</v>
      </c>
      <c r="E11235" s="2" t="s">
        <v>34544</v>
      </c>
      <c r="F11235" s="2" t="s">
        <v>33659</v>
      </c>
      <c r="G11235" s="8">
        <v>410</v>
      </c>
      <c r="H11235" s="5">
        <v>5</v>
      </c>
      <c r="I11235" s="5" t="s">
        <v>69</v>
      </c>
      <c r="J11235" s="5" t="s">
        <v>27074</v>
      </c>
      <c r="K11235" s="2" t="s">
        <v>27075</v>
      </c>
      <c r="L11235" s="5" t="s">
        <v>27074</v>
      </c>
      <c r="M11235" s="2" t="s">
        <v>27075</v>
      </c>
      <c r="N11235" s="5" t="s">
        <v>24254</v>
      </c>
      <c r="O11235" s="5" t="s">
        <v>38</v>
      </c>
      <c r="P11235" s="5" t="s">
        <v>39</v>
      </c>
      <c r="Q11235" s="5" t="s">
        <v>40</v>
      </c>
      <c r="R11235" s="5" t="s">
        <v>24335</v>
      </c>
      <c r="S11235" s="5" t="s">
        <v>40</v>
      </c>
      <c r="T11235" s="5" t="s">
        <v>42</v>
      </c>
      <c r="U11235" s="2">
        <v>19.481999999999999</v>
      </c>
      <c r="V11235" s="2">
        <v>16.715</v>
      </c>
      <c r="W11235" s="2">
        <v>0.24399999999999999</v>
      </c>
      <c r="X11235" s="2">
        <v>15</v>
      </c>
      <c r="Y11235" s="2">
        <v>77</v>
      </c>
      <c r="Z11235" s="2">
        <v>210.9</v>
      </c>
      <c r="AA11235" s="5">
        <v>8</v>
      </c>
      <c r="AB11235" s="5" t="s">
        <v>43</v>
      </c>
      <c r="AC11235" s="5" t="s">
        <v>44</v>
      </c>
      <c r="AD11235" s="2" t="s">
        <v>33660</v>
      </c>
      <c r="AE11235" s="1"/>
    </row>
    <row r="11236" spans="1:31" ht="14.45">
      <c r="A11236" s="11"/>
      <c r="B11236" s="20"/>
      <c r="C11236" s="2" t="s">
        <v>34545</v>
      </c>
      <c r="D11236" s="14" t="s">
        <v>34546</v>
      </c>
      <c r="E11236" s="2" t="s">
        <v>34547</v>
      </c>
      <c r="F11236" s="2" t="s">
        <v>33696</v>
      </c>
      <c r="G11236" s="8">
        <v>376</v>
      </c>
      <c r="H11236" s="5">
        <v>10</v>
      </c>
      <c r="I11236" s="5" t="s">
        <v>69</v>
      </c>
      <c r="J11236" s="5" t="s">
        <v>27074</v>
      </c>
      <c r="K11236" s="2" t="s">
        <v>27075</v>
      </c>
      <c r="L11236" s="5" t="s">
        <v>27074</v>
      </c>
      <c r="M11236" s="2" t="s">
        <v>27075</v>
      </c>
      <c r="N11236" s="5" t="s">
        <v>24254</v>
      </c>
      <c r="O11236" s="5" t="s">
        <v>38</v>
      </c>
      <c r="P11236" s="5" t="s">
        <v>39</v>
      </c>
      <c r="Q11236" s="5" t="s">
        <v>40</v>
      </c>
      <c r="R11236" s="5" t="s">
        <v>25301</v>
      </c>
      <c r="S11236" s="5" t="s">
        <v>40</v>
      </c>
      <c r="T11236" s="5" t="s">
        <v>42</v>
      </c>
      <c r="U11236" s="2">
        <v>17.831</v>
      </c>
      <c r="V11236" s="2">
        <v>15.657</v>
      </c>
      <c r="W11236" s="2">
        <v>0.157</v>
      </c>
      <c r="X11236" s="2">
        <v>12</v>
      </c>
      <c r="Y11236" s="2">
        <v>62</v>
      </c>
      <c r="Z11236" s="2">
        <v>210.6</v>
      </c>
      <c r="AA11236" s="5">
        <v>8</v>
      </c>
      <c r="AB11236" s="5" t="s">
        <v>43</v>
      </c>
      <c r="AC11236" s="5" t="s">
        <v>44</v>
      </c>
      <c r="AD11236" s="2" t="s">
        <v>33697</v>
      </c>
      <c r="AE11236" s="1"/>
    </row>
    <row r="11237" spans="1:31" ht="14.45">
      <c r="A11237" s="11"/>
      <c r="B11237" s="20"/>
      <c r="C11237" s="2" t="s">
        <v>34548</v>
      </c>
      <c r="D11237" s="14" t="s">
        <v>34549</v>
      </c>
      <c r="E11237" s="2" t="s">
        <v>34550</v>
      </c>
      <c r="F11237" s="2" t="s">
        <v>33798</v>
      </c>
      <c r="G11237" s="8">
        <v>376</v>
      </c>
      <c r="H11237" s="5">
        <v>10</v>
      </c>
      <c r="I11237" s="5" t="s">
        <v>69</v>
      </c>
      <c r="J11237" s="5" t="s">
        <v>27074</v>
      </c>
      <c r="K11237" s="2" t="s">
        <v>27075</v>
      </c>
      <c r="L11237" s="5" t="s">
        <v>27074</v>
      </c>
      <c r="M11237" s="2" t="s">
        <v>27075</v>
      </c>
      <c r="N11237" s="5" t="s">
        <v>24254</v>
      </c>
      <c r="O11237" s="5" t="s">
        <v>38</v>
      </c>
      <c r="P11237" s="5" t="s">
        <v>39</v>
      </c>
      <c r="Q11237" s="5" t="s">
        <v>40</v>
      </c>
      <c r="R11237" s="5" t="s">
        <v>25301</v>
      </c>
      <c r="S11237" s="5" t="s">
        <v>40</v>
      </c>
      <c r="T11237" s="5" t="s">
        <v>42</v>
      </c>
      <c r="U11237" s="2">
        <v>14.667999999999999</v>
      </c>
      <c r="V11237" s="2">
        <v>12.494999999999999</v>
      </c>
      <c r="W11237" s="2">
        <v>0.157</v>
      </c>
      <c r="X11237" s="2">
        <v>12</v>
      </c>
      <c r="Y11237" s="2">
        <v>62</v>
      </c>
      <c r="Z11237" s="2">
        <v>210.6</v>
      </c>
      <c r="AA11237" s="5">
        <v>8</v>
      </c>
      <c r="AB11237" s="5" t="s">
        <v>43</v>
      </c>
      <c r="AC11237" s="5" t="s">
        <v>44</v>
      </c>
      <c r="AD11237" s="2" t="s">
        <v>33697</v>
      </c>
      <c r="AE11237" s="1"/>
    </row>
    <row r="11238" spans="1:31" ht="14.45">
      <c r="A11238" s="11"/>
      <c r="B11238" s="20"/>
      <c r="C11238" s="2" t="s">
        <v>34551</v>
      </c>
      <c r="D11238" s="14" t="s">
        <v>34552</v>
      </c>
      <c r="E11238" s="2" t="s">
        <v>34553</v>
      </c>
      <c r="F11238" s="2" t="s">
        <v>33701</v>
      </c>
      <c r="G11238" s="8">
        <v>376</v>
      </c>
      <c r="H11238" s="5">
        <v>10</v>
      </c>
      <c r="I11238" s="5" t="s">
        <v>69</v>
      </c>
      <c r="J11238" s="5" t="s">
        <v>27074</v>
      </c>
      <c r="K11238" s="2" t="s">
        <v>27075</v>
      </c>
      <c r="L11238" s="5" t="s">
        <v>27074</v>
      </c>
      <c r="M11238" s="2" t="s">
        <v>27075</v>
      </c>
      <c r="N11238" s="5" t="s">
        <v>24254</v>
      </c>
      <c r="O11238" s="5" t="s">
        <v>38</v>
      </c>
      <c r="P11238" s="5" t="s">
        <v>39</v>
      </c>
      <c r="Q11238" s="5" t="s">
        <v>40</v>
      </c>
      <c r="R11238" s="5" t="s">
        <v>25301</v>
      </c>
      <c r="S11238" s="5" t="s">
        <v>40</v>
      </c>
      <c r="T11238" s="5" t="s">
        <v>42</v>
      </c>
      <c r="U11238" s="2">
        <v>10.678000000000001</v>
      </c>
      <c r="V11238" s="2">
        <v>10.57</v>
      </c>
      <c r="W11238" s="2">
        <v>0.157</v>
      </c>
      <c r="X11238" s="2">
        <v>12</v>
      </c>
      <c r="Y11238" s="2">
        <v>62</v>
      </c>
      <c r="Z11238" s="2">
        <v>210.6</v>
      </c>
      <c r="AA11238" s="5">
        <v>8</v>
      </c>
      <c r="AB11238" s="5" t="s">
        <v>43</v>
      </c>
      <c r="AC11238" s="5" t="s">
        <v>44</v>
      </c>
      <c r="AD11238" s="2" t="s">
        <v>33697</v>
      </c>
      <c r="AE11238" s="1"/>
    </row>
    <row r="11239" spans="1:31" ht="14.45">
      <c r="A11239" s="11"/>
      <c r="B11239" s="20"/>
      <c r="C11239" s="2" t="s">
        <v>34554</v>
      </c>
      <c r="D11239" s="14" t="s">
        <v>34555</v>
      </c>
      <c r="E11239" s="2" t="s">
        <v>34556</v>
      </c>
      <c r="F11239" s="2" t="s">
        <v>33616</v>
      </c>
      <c r="G11239" s="8">
        <v>280</v>
      </c>
      <c r="H11239" s="5">
        <v>5</v>
      </c>
      <c r="I11239" s="5" t="s">
        <v>69</v>
      </c>
      <c r="J11239" s="5" t="s">
        <v>27074</v>
      </c>
      <c r="K11239" s="2" t="s">
        <v>27075</v>
      </c>
      <c r="L11239" s="5" t="s">
        <v>27074</v>
      </c>
      <c r="M11239" s="2" t="s">
        <v>27075</v>
      </c>
      <c r="N11239" s="5" t="s">
        <v>24254</v>
      </c>
      <c r="O11239" s="5" t="s">
        <v>38</v>
      </c>
      <c r="P11239" s="5" t="s">
        <v>39</v>
      </c>
      <c r="Q11239" s="5" t="s">
        <v>40</v>
      </c>
      <c r="R11239" s="5" t="s">
        <v>24335</v>
      </c>
      <c r="S11239" s="5" t="s">
        <v>40</v>
      </c>
      <c r="T11239" s="5" t="s">
        <v>42</v>
      </c>
      <c r="U11239" s="2">
        <v>14.978</v>
      </c>
      <c r="V11239" s="2">
        <v>12.728</v>
      </c>
      <c r="W11239" s="2">
        <v>0.16</v>
      </c>
      <c r="X11239" s="2">
        <v>12</v>
      </c>
      <c r="Y11239" s="2">
        <v>77</v>
      </c>
      <c r="Z11239" s="2">
        <v>173.4</v>
      </c>
      <c r="AA11239" s="5">
        <v>8</v>
      </c>
      <c r="AB11239" s="5" t="s">
        <v>43</v>
      </c>
      <c r="AC11239" s="5" t="s">
        <v>44</v>
      </c>
      <c r="AD11239" s="2" t="s">
        <v>33617</v>
      </c>
      <c r="AE11239" s="1"/>
    </row>
    <row r="11240" spans="1:31" ht="14.45">
      <c r="A11240" s="11"/>
      <c r="B11240" s="20"/>
      <c r="C11240" s="2" t="s">
        <v>34557</v>
      </c>
      <c r="D11240" s="14" t="s">
        <v>34558</v>
      </c>
      <c r="E11240" s="2" t="s">
        <v>34559</v>
      </c>
      <c r="F11240" s="2" t="s">
        <v>33621</v>
      </c>
      <c r="G11240" s="8">
        <v>210</v>
      </c>
      <c r="H11240" s="5">
        <v>10</v>
      </c>
      <c r="I11240" s="5" t="s">
        <v>69</v>
      </c>
      <c r="J11240" s="5" t="s">
        <v>27074</v>
      </c>
      <c r="K11240" s="2" t="s">
        <v>27075</v>
      </c>
      <c r="L11240" s="5" t="s">
        <v>27074</v>
      </c>
      <c r="M11240" s="2" t="s">
        <v>27075</v>
      </c>
      <c r="N11240" s="5" t="s">
        <v>24254</v>
      </c>
      <c r="O11240" s="5" t="s">
        <v>38</v>
      </c>
      <c r="P11240" s="5" t="s">
        <v>39</v>
      </c>
      <c r="Q11240" s="5" t="s">
        <v>40</v>
      </c>
      <c r="R11240" s="5" t="s">
        <v>24335</v>
      </c>
      <c r="S11240" s="5" t="s">
        <v>40</v>
      </c>
      <c r="T11240" s="5" t="s">
        <v>42</v>
      </c>
      <c r="U11240" s="2">
        <v>11.555</v>
      </c>
      <c r="V11240" s="2">
        <v>9.282</v>
      </c>
      <c r="W11240" s="2">
        <v>0.185</v>
      </c>
      <c r="X11240" s="2">
        <v>12</v>
      </c>
      <c r="Y11240" s="2">
        <v>62</v>
      </c>
      <c r="Z11240" s="2">
        <v>159.9</v>
      </c>
      <c r="AA11240" s="5">
        <v>8</v>
      </c>
      <c r="AB11240" s="5" t="s">
        <v>43</v>
      </c>
      <c r="AC11240" s="5" t="s">
        <v>44</v>
      </c>
      <c r="AD11240" s="2" t="s">
        <v>33622</v>
      </c>
      <c r="AE11240" s="1"/>
    </row>
    <row r="11241" spans="1:31" ht="14.45">
      <c r="A11241" s="11"/>
      <c r="B11241" s="20"/>
      <c r="C11241" s="2" t="s">
        <v>34560</v>
      </c>
      <c r="D11241" s="14" t="s">
        <v>34561</v>
      </c>
      <c r="E11241" s="2" t="s">
        <v>34562</v>
      </c>
      <c r="F11241" s="2" t="s">
        <v>33626</v>
      </c>
      <c r="G11241" s="8">
        <v>210</v>
      </c>
      <c r="H11241" s="5">
        <v>5</v>
      </c>
      <c r="I11241" s="5" t="s">
        <v>69</v>
      </c>
      <c r="J11241" s="5" t="s">
        <v>27074</v>
      </c>
      <c r="K11241" s="2" t="s">
        <v>27075</v>
      </c>
      <c r="L11241" s="5" t="s">
        <v>27074</v>
      </c>
      <c r="M11241" s="2" t="s">
        <v>27075</v>
      </c>
      <c r="N11241" s="5" t="s">
        <v>24254</v>
      </c>
      <c r="O11241" s="5" t="s">
        <v>38</v>
      </c>
      <c r="P11241" s="5" t="s">
        <v>39</v>
      </c>
      <c r="Q11241" s="5" t="s">
        <v>40</v>
      </c>
      <c r="R11241" s="5" t="s">
        <v>24335</v>
      </c>
      <c r="S11241" s="5" t="s">
        <v>40</v>
      </c>
      <c r="T11241" s="5" t="s">
        <v>42</v>
      </c>
      <c r="U11241" s="2">
        <v>9.3439999999999994</v>
      </c>
      <c r="V11241" s="2">
        <v>7.4550000000000001</v>
      </c>
      <c r="W11241" s="2">
        <v>0.11899999999999999</v>
      </c>
      <c r="X11241" s="2">
        <v>12</v>
      </c>
      <c r="Y11241" s="2">
        <v>62</v>
      </c>
      <c r="Z11241" s="2">
        <v>159.9</v>
      </c>
      <c r="AA11241" s="5">
        <v>8</v>
      </c>
      <c r="AB11241" s="5" t="s">
        <v>43</v>
      </c>
      <c r="AC11241" s="5" t="s">
        <v>44</v>
      </c>
      <c r="AD11241" s="2" t="s">
        <v>33622</v>
      </c>
      <c r="AE11241" s="1"/>
    </row>
    <row r="11242" spans="1:31" ht="14.45">
      <c r="A11242" s="11"/>
      <c r="B11242" s="20"/>
      <c r="C11242" s="2" t="s">
        <v>34563</v>
      </c>
      <c r="D11242" s="14" t="s">
        <v>34564</v>
      </c>
      <c r="E11242" s="2" t="s">
        <v>34565</v>
      </c>
      <c r="F11242" s="2" t="s">
        <v>33630</v>
      </c>
      <c r="G11242" s="8">
        <v>210</v>
      </c>
      <c r="H11242" s="5">
        <v>10</v>
      </c>
      <c r="I11242" s="5" t="s">
        <v>69</v>
      </c>
      <c r="J11242" s="5" t="s">
        <v>27074</v>
      </c>
      <c r="K11242" s="2" t="s">
        <v>27075</v>
      </c>
      <c r="L11242" s="5" t="s">
        <v>27074</v>
      </c>
      <c r="M11242" s="2" t="s">
        <v>27075</v>
      </c>
      <c r="N11242" s="5" t="s">
        <v>24254</v>
      </c>
      <c r="O11242" s="5" t="s">
        <v>38</v>
      </c>
      <c r="P11242" s="5" t="s">
        <v>39</v>
      </c>
      <c r="Q11242" s="5" t="s">
        <v>40</v>
      </c>
      <c r="R11242" s="5" t="s">
        <v>24335</v>
      </c>
      <c r="S11242" s="5" t="s">
        <v>40</v>
      </c>
      <c r="T11242" s="5" t="s">
        <v>42</v>
      </c>
      <c r="U11242" s="2">
        <v>8.9260000000000002</v>
      </c>
      <c r="V11242" s="2">
        <v>6.5309999999999997</v>
      </c>
      <c r="W11242" s="2">
        <v>0.10299999999999999</v>
      </c>
      <c r="X11242" s="2">
        <v>12</v>
      </c>
      <c r="Y11242" s="2">
        <v>62</v>
      </c>
      <c r="Z11242" s="2">
        <v>137.9</v>
      </c>
      <c r="AA11242" s="5">
        <v>8</v>
      </c>
      <c r="AB11242" s="5" t="s">
        <v>43</v>
      </c>
      <c r="AC11242" s="5" t="s">
        <v>44</v>
      </c>
      <c r="AD11242" s="2" t="s">
        <v>33622</v>
      </c>
      <c r="AE11242" s="1"/>
    </row>
    <row r="11243" spans="1:31" ht="14.45">
      <c r="A11243" s="11"/>
      <c r="B11243" s="20"/>
      <c r="C11243" s="2" t="s">
        <v>34566</v>
      </c>
      <c r="D11243" s="14" t="s">
        <v>34567</v>
      </c>
      <c r="E11243" s="2" t="s">
        <v>34568</v>
      </c>
      <c r="F11243" s="2" t="s">
        <v>33634</v>
      </c>
      <c r="G11243" s="8">
        <v>210</v>
      </c>
      <c r="H11243" s="5">
        <v>5</v>
      </c>
      <c r="I11243" s="5" t="s">
        <v>69</v>
      </c>
      <c r="J11243" s="5" t="s">
        <v>27074</v>
      </c>
      <c r="K11243" s="2" t="s">
        <v>27075</v>
      </c>
      <c r="L11243" s="5" t="s">
        <v>27074</v>
      </c>
      <c r="M11243" s="2" t="s">
        <v>27075</v>
      </c>
      <c r="N11243" s="5" t="s">
        <v>24254</v>
      </c>
      <c r="O11243" s="5" t="s">
        <v>38</v>
      </c>
      <c r="P11243" s="5" t="s">
        <v>39</v>
      </c>
      <c r="Q11243" s="5" t="s">
        <v>40</v>
      </c>
      <c r="R11243" s="5" t="s">
        <v>24335</v>
      </c>
      <c r="S11243" s="5" t="s">
        <v>40</v>
      </c>
      <c r="T11243" s="5" t="s">
        <v>42</v>
      </c>
      <c r="U11243" s="2">
        <v>7.4989999999999997</v>
      </c>
      <c r="V11243" s="2">
        <v>4.8259999999999996</v>
      </c>
      <c r="W11243" s="2">
        <v>0.11899999999999999</v>
      </c>
      <c r="X11243" s="2">
        <v>12</v>
      </c>
      <c r="Y11243" s="2">
        <v>62</v>
      </c>
      <c r="Z11243" s="2">
        <v>159.9</v>
      </c>
      <c r="AA11243" s="5">
        <v>10</v>
      </c>
      <c r="AB11243" s="5" t="s">
        <v>43</v>
      </c>
      <c r="AC11243" s="5" t="s">
        <v>44</v>
      </c>
      <c r="AD11243" s="2" t="s">
        <v>33635</v>
      </c>
      <c r="AE11243" s="1"/>
    </row>
    <row r="11244" spans="1:31" ht="14.45">
      <c r="A11244" s="11"/>
      <c r="B11244" s="20"/>
      <c r="C11244" s="2" t="s">
        <v>34569</v>
      </c>
      <c r="D11244" s="14" t="s">
        <v>34570</v>
      </c>
      <c r="E11244" s="2" t="s">
        <v>34571</v>
      </c>
      <c r="F11244" s="2" t="s">
        <v>33634</v>
      </c>
      <c r="G11244" s="8">
        <v>210</v>
      </c>
      <c r="H11244" s="5">
        <v>5</v>
      </c>
      <c r="I11244" s="5" t="s">
        <v>69</v>
      </c>
      <c r="J11244" s="5" t="s">
        <v>27074</v>
      </c>
      <c r="K11244" s="2" t="s">
        <v>27075</v>
      </c>
      <c r="L11244" s="5" t="s">
        <v>27074</v>
      </c>
      <c r="M11244" s="2" t="s">
        <v>27075</v>
      </c>
      <c r="N11244" s="5" t="s">
        <v>24254</v>
      </c>
      <c r="O11244" s="5" t="s">
        <v>38</v>
      </c>
      <c r="P11244" s="5" t="s">
        <v>39</v>
      </c>
      <c r="Q11244" s="5" t="s">
        <v>40</v>
      </c>
      <c r="R11244" s="5" t="s">
        <v>24335</v>
      </c>
      <c r="S11244" s="5" t="s">
        <v>40</v>
      </c>
      <c r="T11244" s="5" t="s">
        <v>42</v>
      </c>
      <c r="U11244" s="2">
        <v>7.9050000000000002</v>
      </c>
      <c r="V11244" s="2">
        <v>5.1859999999999999</v>
      </c>
      <c r="W11244" s="2">
        <v>0.11899999999999999</v>
      </c>
      <c r="X11244" s="2">
        <v>12</v>
      </c>
      <c r="Y11244" s="2">
        <v>62</v>
      </c>
      <c r="Z11244" s="2">
        <v>159.9</v>
      </c>
      <c r="AA11244" s="5">
        <v>10</v>
      </c>
      <c r="AB11244" s="5" t="s">
        <v>43</v>
      </c>
      <c r="AC11244" s="5" t="s">
        <v>44</v>
      </c>
      <c r="AD11244" s="2" t="s">
        <v>33639</v>
      </c>
      <c r="AE11244" s="1"/>
    </row>
    <row r="11245" spans="1:31" ht="14.45">
      <c r="A11245" s="11"/>
      <c r="B11245" s="20"/>
      <c r="C11245" s="2" t="s">
        <v>34572</v>
      </c>
      <c r="D11245" s="14" t="s">
        <v>34573</v>
      </c>
      <c r="E11245" s="2" t="s">
        <v>34574</v>
      </c>
      <c r="F11245" s="2" t="s">
        <v>33643</v>
      </c>
      <c r="G11245" s="8">
        <v>210</v>
      </c>
      <c r="H11245" s="5">
        <v>5</v>
      </c>
      <c r="I11245" s="5" t="s">
        <v>69</v>
      </c>
      <c r="J11245" s="5" t="s">
        <v>27074</v>
      </c>
      <c r="K11245" s="2" t="s">
        <v>27075</v>
      </c>
      <c r="L11245" s="5" t="s">
        <v>27074</v>
      </c>
      <c r="M11245" s="2" t="s">
        <v>27075</v>
      </c>
      <c r="N11245" s="5" t="s">
        <v>24254</v>
      </c>
      <c r="O11245" s="5" t="s">
        <v>38</v>
      </c>
      <c r="P11245" s="5" t="s">
        <v>39</v>
      </c>
      <c r="Q11245" s="5" t="s">
        <v>40</v>
      </c>
      <c r="R11245" s="5" t="s">
        <v>24335</v>
      </c>
      <c r="S11245" s="5" t="s">
        <v>40</v>
      </c>
      <c r="T11245" s="5" t="s">
        <v>42</v>
      </c>
      <c r="U11245" s="2">
        <v>6.4409999999999998</v>
      </c>
      <c r="V11245" s="2">
        <v>3.8140000000000001</v>
      </c>
      <c r="W11245" s="2">
        <v>0.129</v>
      </c>
      <c r="X11245" s="2">
        <v>12</v>
      </c>
      <c r="Y11245" s="2">
        <v>62</v>
      </c>
      <c r="Z11245" s="2">
        <v>172.9</v>
      </c>
      <c r="AA11245" s="5">
        <v>10</v>
      </c>
      <c r="AB11245" s="5" t="s">
        <v>43</v>
      </c>
      <c r="AC11245" s="5" t="s">
        <v>44</v>
      </c>
      <c r="AD11245" s="2" t="s">
        <v>33644</v>
      </c>
      <c r="AE11245" s="1"/>
    </row>
    <row r="11246" spans="1:31" ht="14.45">
      <c r="A11246" s="11"/>
      <c r="B11246" s="20"/>
      <c r="C11246" s="2" t="s">
        <v>34575</v>
      </c>
      <c r="D11246" s="14" t="s">
        <v>34576</v>
      </c>
      <c r="E11246" s="2" t="s">
        <v>34577</v>
      </c>
      <c r="F11246" s="2" t="s">
        <v>33643</v>
      </c>
      <c r="G11246" s="8">
        <v>210</v>
      </c>
      <c r="H11246" s="5">
        <v>5</v>
      </c>
      <c r="I11246" s="5" t="s">
        <v>69</v>
      </c>
      <c r="J11246" s="5" t="s">
        <v>27074</v>
      </c>
      <c r="K11246" s="2" t="s">
        <v>27075</v>
      </c>
      <c r="L11246" s="5" t="s">
        <v>27074</v>
      </c>
      <c r="M11246" s="2" t="s">
        <v>27075</v>
      </c>
      <c r="N11246" s="5" t="s">
        <v>24254</v>
      </c>
      <c r="O11246" s="5" t="s">
        <v>38</v>
      </c>
      <c r="P11246" s="5" t="s">
        <v>39</v>
      </c>
      <c r="Q11246" s="5" t="s">
        <v>40</v>
      </c>
      <c r="R11246" s="5" t="s">
        <v>24335</v>
      </c>
      <c r="S11246" s="5" t="s">
        <v>40</v>
      </c>
      <c r="T11246" s="5" t="s">
        <v>42</v>
      </c>
      <c r="U11246" s="2">
        <v>6.9930000000000003</v>
      </c>
      <c r="V11246" s="2">
        <v>4.274</v>
      </c>
      <c r="W11246" s="2">
        <v>0.129</v>
      </c>
      <c r="X11246" s="2">
        <v>12</v>
      </c>
      <c r="Y11246" s="2">
        <v>62</v>
      </c>
      <c r="Z11246" s="2">
        <v>172.9</v>
      </c>
      <c r="AA11246" s="5">
        <v>10</v>
      </c>
      <c r="AB11246" s="5" t="s">
        <v>43</v>
      </c>
      <c r="AC11246" s="5" t="s">
        <v>44</v>
      </c>
      <c r="AD11246" s="2" t="s">
        <v>33648</v>
      </c>
      <c r="AE11246" s="1"/>
    </row>
    <row r="11247" spans="1:31" ht="14.45">
      <c r="A11247" s="11"/>
      <c r="B11247" s="20"/>
      <c r="C11247" s="2" t="s">
        <v>34578</v>
      </c>
      <c r="D11247" s="14" t="s">
        <v>34579</v>
      </c>
      <c r="E11247" s="2" t="s">
        <v>34580</v>
      </c>
      <c r="F11247" s="2" t="s">
        <v>33652</v>
      </c>
      <c r="G11247" s="8">
        <v>210</v>
      </c>
      <c r="H11247" s="5">
        <v>5</v>
      </c>
      <c r="I11247" s="5" t="s">
        <v>69</v>
      </c>
      <c r="J11247" s="5" t="s">
        <v>27074</v>
      </c>
      <c r="K11247" s="2" t="s">
        <v>27075</v>
      </c>
      <c r="L11247" s="5" t="s">
        <v>27074</v>
      </c>
      <c r="M11247" s="2" t="s">
        <v>27075</v>
      </c>
      <c r="N11247" s="5" t="s">
        <v>24254</v>
      </c>
      <c r="O11247" s="5" t="s">
        <v>38</v>
      </c>
      <c r="P11247" s="5" t="s">
        <v>39</v>
      </c>
      <c r="Q11247" s="5" t="s">
        <v>40</v>
      </c>
      <c r="R11247" s="5" t="s">
        <v>24335</v>
      </c>
      <c r="S11247" s="5" t="s">
        <v>40</v>
      </c>
      <c r="T11247" s="5" t="s">
        <v>42</v>
      </c>
      <c r="U11247" s="2">
        <v>6.5469999999999997</v>
      </c>
      <c r="V11247" s="2">
        <v>4.2569999999999997</v>
      </c>
      <c r="W11247" s="2">
        <v>0.11899999999999999</v>
      </c>
      <c r="X11247" s="2">
        <v>12</v>
      </c>
      <c r="Y11247" s="2">
        <v>62</v>
      </c>
      <c r="Z11247" s="2">
        <v>159.9</v>
      </c>
      <c r="AA11247" s="5">
        <v>10</v>
      </c>
      <c r="AB11247" s="5" t="s">
        <v>43</v>
      </c>
      <c r="AC11247" s="5" t="s">
        <v>44</v>
      </c>
      <c r="AD11247" s="2" t="s">
        <v>33644</v>
      </c>
      <c r="AE11247" s="1"/>
    </row>
    <row r="11248" spans="1:31" ht="14.45">
      <c r="A11248" s="11"/>
      <c r="B11248" s="20"/>
      <c r="C11248" s="2" t="s">
        <v>34581</v>
      </c>
      <c r="D11248" s="14" t="s">
        <v>34582</v>
      </c>
      <c r="E11248" s="2" t="s">
        <v>34583</v>
      </c>
      <c r="F11248" s="2" t="s">
        <v>33652</v>
      </c>
      <c r="G11248" s="8">
        <v>210</v>
      </c>
      <c r="H11248" s="5">
        <v>5</v>
      </c>
      <c r="I11248" s="5" t="s">
        <v>69</v>
      </c>
      <c r="J11248" s="5" t="s">
        <v>27074</v>
      </c>
      <c r="K11248" s="2" t="s">
        <v>27075</v>
      </c>
      <c r="L11248" s="5" t="s">
        <v>27074</v>
      </c>
      <c r="M11248" s="2" t="s">
        <v>27075</v>
      </c>
      <c r="N11248" s="5" t="s">
        <v>24254</v>
      </c>
      <c r="O11248" s="5" t="s">
        <v>38</v>
      </c>
      <c r="P11248" s="5" t="s">
        <v>39</v>
      </c>
      <c r="Q11248" s="5" t="s">
        <v>40</v>
      </c>
      <c r="R11248" s="5" t="s">
        <v>24335</v>
      </c>
      <c r="S11248" s="5" t="s">
        <v>40</v>
      </c>
      <c r="T11248" s="5" t="s">
        <v>42</v>
      </c>
      <c r="U11248" s="2">
        <v>6.984</v>
      </c>
      <c r="V11248" s="2">
        <v>4.6479999999999997</v>
      </c>
      <c r="W11248" s="2">
        <v>0.11899999999999999</v>
      </c>
      <c r="X11248" s="2">
        <v>12</v>
      </c>
      <c r="Y11248" s="2">
        <v>62</v>
      </c>
      <c r="Z11248" s="2">
        <v>159.9</v>
      </c>
      <c r="AA11248" s="5">
        <v>10</v>
      </c>
      <c r="AB11248" s="5" t="s">
        <v>43</v>
      </c>
      <c r="AC11248" s="5" t="s">
        <v>44</v>
      </c>
      <c r="AD11248" s="2" t="s">
        <v>33648</v>
      </c>
      <c r="AE11248" s="1"/>
    </row>
    <row r="11249" spans="1:31" ht="14.45">
      <c r="A11249" s="11"/>
      <c r="B11249" s="20"/>
      <c r="C11249" s="2" t="s">
        <v>34584</v>
      </c>
      <c r="D11249" s="14" t="s">
        <v>34585</v>
      </c>
      <c r="E11249" s="2" t="s">
        <v>34586</v>
      </c>
      <c r="F11249" s="2" t="s">
        <v>33659</v>
      </c>
      <c r="G11249" s="8">
        <v>382</v>
      </c>
      <c r="H11249" s="5">
        <v>5</v>
      </c>
      <c r="I11249" s="5" t="s">
        <v>69</v>
      </c>
      <c r="J11249" s="5" t="s">
        <v>27074</v>
      </c>
      <c r="K11249" s="2" t="s">
        <v>27075</v>
      </c>
      <c r="L11249" s="5" t="s">
        <v>27074</v>
      </c>
      <c r="M11249" s="2" t="s">
        <v>27075</v>
      </c>
      <c r="N11249" s="5" t="s">
        <v>24254</v>
      </c>
      <c r="O11249" s="5" t="s">
        <v>38</v>
      </c>
      <c r="P11249" s="5" t="s">
        <v>39</v>
      </c>
      <c r="Q11249" s="5" t="s">
        <v>40</v>
      </c>
      <c r="R11249" s="5" t="s">
        <v>24335</v>
      </c>
      <c r="S11249" s="5" t="s">
        <v>40</v>
      </c>
      <c r="T11249" s="5" t="s">
        <v>42</v>
      </c>
      <c r="U11249" s="2">
        <v>18.186</v>
      </c>
      <c r="V11249" s="2">
        <v>15.827</v>
      </c>
      <c r="W11249" s="2">
        <v>0.2</v>
      </c>
      <c r="X11249" s="2">
        <v>15</v>
      </c>
      <c r="Y11249" s="2">
        <v>77</v>
      </c>
      <c r="Z11249" s="2">
        <v>173.4</v>
      </c>
      <c r="AA11249" s="5">
        <v>8</v>
      </c>
      <c r="AB11249" s="5" t="s">
        <v>43</v>
      </c>
      <c r="AC11249" s="5" t="s">
        <v>44</v>
      </c>
      <c r="AD11249" s="2" t="s">
        <v>33660</v>
      </c>
      <c r="AE11249" s="1"/>
    </row>
    <row r="11250" spans="1:31" ht="14.45">
      <c r="A11250" s="11"/>
      <c r="B11250" s="20"/>
      <c r="C11250" s="2" t="s">
        <v>34587</v>
      </c>
      <c r="D11250" s="14" t="s">
        <v>34588</v>
      </c>
      <c r="E11250" s="2" t="s">
        <v>34589</v>
      </c>
      <c r="F11250" s="2" t="s">
        <v>33664</v>
      </c>
      <c r="G11250" s="8">
        <v>361</v>
      </c>
      <c r="H11250" s="5">
        <v>10</v>
      </c>
      <c r="I11250" s="5" t="s">
        <v>69</v>
      </c>
      <c r="J11250" s="5" t="s">
        <v>27074</v>
      </c>
      <c r="K11250" s="2" t="s">
        <v>27075</v>
      </c>
      <c r="L11250" s="5" t="s">
        <v>27074</v>
      </c>
      <c r="M11250" s="2" t="s">
        <v>27075</v>
      </c>
      <c r="N11250" s="5" t="s">
        <v>24254</v>
      </c>
      <c r="O11250" s="5" t="s">
        <v>38</v>
      </c>
      <c r="P11250" s="5" t="s">
        <v>39</v>
      </c>
      <c r="Q11250" s="5" t="s">
        <v>40</v>
      </c>
      <c r="R11250" s="5" t="s">
        <v>24340</v>
      </c>
      <c r="S11250" s="5" t="s">
        <v>40</v>
      </c>
      <c r="T11250" s="5" t="s">
        <v>42</v>
      </c>
      <c r="U11250" s="2">
        <v>17.46</v>
      </c>
      <c r="V11250" s="2">
        <v>15.186999999999999</v>
      </c>
      <c r="W11250" s="2">
        <v>0.185</v>
      </c>
      <c r="X11250" s="2">
        <v>12</v>
      </c>
      <c r="Y11250" s="2">
        <v>62</v>
      </c>
      <c r="Z11250" s="2">
        <v>159.9</v>
      </c>
      <c r="AA11250" s="5">
        <v>8</v>
      </c>
      <c r="AB11250" s="5" t="s">
        <v>43</v>
      </c>
      <c r="AC11250" s="5" t="s">
        <v>44</v>
      </c>
      <c r="AD11250" s="2" t="s">
        <v>33665</v>
      </c>
      <c r="AE11250" s="1"/>
    </row>
    <row r="11251" spans="1:31" ht="14.45">
      <c r="A11251" s="11"/>
      <c r="B11251" s="20"/>
      <c r="C11251" s="2" t="s">
        <v>34590</v>
      </c>
      <c r="D11251" s="14" t="s">
        <v>34591</v>
      </c>
      <c r="E11251" s="2" t="s">
        <v>34592</v>
      </c>
      <c r="F11251" s="2" t="s">
        <v>33669</v>
      </c>
      <c r="G11251" s="8">
        <v>361</v>
      </c>
      <c r="H11251" s="5">
        <v>10</v>
      </c>
      <c r="I11251" s="5" t="s">
        <v>69</v>
      </c>
      <c r="J11251" s="5" t="s">
        <v>27074</v>
      </c>
      <c r="K11251" s="2" t="s">
        <v>27075</v>
      </c>
      <c r="L11251" s="5" t="s">
        <v>27074</v>
      </c>
      <c r="M11251" s="2" t="s">
        <v>27075</v>
      </c>
      <c r="N11251" s="5" t="s">
        <v>24254</v>
      </c>
      <c r="O11251" s="5" t="s">
        <v>38</v>
      </c>
      <c r="P11251" s="5" t="s">
        <v>39</v>
      </c>
      <c r="Q11251" s="5" t="s">
        <v>40</v>
      </c>
      <c r="R11251" s="5" t="s">
        <v>24340</v>
      </c>
      <c r="S11251" s="5" t="s">
        <v>40</v>
      </c>
      <c r="T11251" s="5" t="s">
        <v>42</v>
      </c>
      <c r="U11251" s="2">
        <v>14.605</v>
      </c>
      <c r="V11251" s="2">
        <v>12.333</v>
      </c>
      <c r="W11251" s="2">
        <v>0.14899999999999999</v>
      </c>
      <c r="X11251" s="2">
        <v>12</v>
      </c>
      <c r="Y11251" s="2">
        <v>62</v>
      </c>
      <c r="Z11251" s="2">
        <v>159.9</v>
      </c>
      <c r="AA11251" s="5">
        <v>8</v>
      </c>
      <c r="AB11251" s="5" t="s">
        <v>43</v>
      </c>
      <c r="AC11251" s="5" t="s">
        <v>44</v>
      </c>
      <c r="AD11251" s="2" t="s">
        <v>33665</v>
      </c>
      <c r="AE11251" s="1"/>
    </row>
    <row r="11252" spans="1:31" ht="14.45">
      <c r="A11252" s="11"/>
      <c r="B11252" s="20"/>
      <c r="C11252" s="2" t="s">
        <v>34593</v>
      </c>
      <c r="D11252" s="14" t="s">
        <v>34594</v>
      </c>
      <c r="E11252" s="2" t="s">
        <v>34595</v>
      </c>
      <c r="F11252" s="2" t="s">
        <v>33673</v>
      </c>
      <c r="G11252" s="8">
        <v>361</v>
      </c>
      <c r="H11252" s="5">
        <v>10</v>
      </c>
      <c r="I11252" s="5" t="s">
        <v>69</v>
      </c>
      <c r="J11252" s="5" t="s">
        <v>27074</v>
      </c>
      <c r="K11252" s="2" t="s">
        <v>27075</v>
      </c>
      <c r="L11252" s="5" t="s">
        <v>27074</v>
      </c>
      <c r="M11252" s="2" t="s">
        <v>27075</v>
      </c>
      <c r="N11252" s="5" t="s">
        <v>24254</v>
      </c>
      <c r="O11252" s="5" t="s">
        <v>38</v>
      </c>
      <c r="P11252" s="5" t="s">
        <v>39</v>
      </c>
      <c r="Q11252" s="5" t="s">
        <v>40</v>
      </c>
      <c r="R11252" s="5" t="s">
        <v>24340</v>
      </c>
      <c r="S11252" s="5" t="s">
        <v>40</v>
      </c>
      <c r="T11252" s="5" t="s">
        <v>42</v>
      </c>
      <c r="U11252" s="2">
        <v>12.742000000000001</v>
      </c>
      <c r="V11252" s="2">
        <v>10.494</v>
      </c>
      <c r="W11252" s="2">
        <v>0.10299999999999999</v>
      </c>
      <c r="X11252" s="2">
        <v>12</v>
      </c>
      <c r="Y11252" s="2">
        <v>62</v>
      </c>
      <c r="Z11252" s="2">
        <v>137.9</v>
      </c>
      <c r="AA11252" s="5">
        <v>8</v>
      </c>
      <c r="AB11252" s="5" t="s">
        <v>43</v>
      </c>
      <c r="AC11252" s="5" t="s">
        <v>44</v>
      </c>
      <c r="AD11252" s="2" t="s">
        <v>33665</v>
      </c>
      <c r="AE11252" s="1"/>
    </row>
    <row r="11253" spans="1:31" ht="14.45">
      <c r="A11253" s="11"/>
      <c r="B11253" s="20"/>
      <c r="C11253" s="2" t="s">
        <v>34596</v>
      </c>
      <c r="D11253" s="14" t="s">
        <v>34597</v>
      </c>
      <c r="E11253" s="2" t="s">
        <v>34598</v>
      </c>
      <c r="F11253" s="2" t="s">
        <v>33677</v>
      </c>
      <c r="G11253" s="8">
        <v>361</v>
      </c>
      <c r="H11253" s="5">
        <v>10</v>
      </c>
      <c r="I11253" s="5" t="s">
        <v>69</v>
      </c>
      <c r="J11253" s="5" t="s">
        <v>27074</v>
      </c>
      <c r="K11253" s="2" t="s">
        <v>27075</v>
      </c>
      <c r="L11253" s="5" t="s">
        <v>27074</v>
      </c>
      <c r="M11253" s="2" t="s">
        <v>27075</v>
      </c>
      <c r="N11253" s="5" t="s">
        <v>24254</v>
      </c>
      <c r="O11253" s="5" t="s">
        <v>38</v>
      </c>
      <c r="P11253" s="5" t="s">
        <v>39</v>
      </c>
      <c r="Q11253" s="5" t="s">
        <v>40</v>
      </c>
      <c r="R11253" s="5" t="s">
        <v>24340</v>
      </c>
      <c r="S11253" s="5" t="s">
        <v>40</v>
      </c>
      <c r="T11253" s="5" t="s">
        <v>42</v>
      </c>
      <c r="U11253" s="2">
        <v>12.946999999999999</v>
      </c>
      <c r="V11253" s="2">
        <v>10.706</v>
      </c>
      <c r="W11253" s="2">
        <v>0.11899999999999999</v>
      </c>
      <c r="X11253" s="2">
        <v>12</v>
      </c>
      <c r="Y11253" s="2">
        <v>62</v>
      </c>
      <c r="Z11253" s="2">
        <v>159.9</v>
      </c>
      <c r="AA11253" s="5">
        <v>10</v>
      </c>
      <c r="AB11253" s="5" t="s">
        <v>43</v>
      </c>
      <c r="AC11253" s="5" t="s">
        <v>44</v>
      </c>
      <c r="AD11253" s="2" t="s">
        <v>33950</v>
      </c>
      <c r="AE11253" s="1"/>
    </row>
    <row r="11254" spans="1:31" ht="14.45">
      <c r="A11254" s="11"/>
      <c r="B11254" s="20"/>
      <c r="C11254" s="2" t="s">
        <v>34599</v>
      </c>
      <c r="D11254" s="14" t="s">
        <v>34600</v>
      </c>
      <c r="E11254" s="2" t="s">
        <v>34601</v>
      </c>
      <c r="F11254" s="2" t="s">
        <v>33682</v>
      </c>
      <c r="G11254" s="8">
        <v>361</v>
      </c>
      <c r="H11254" s="5">
        <v>10</v>
      </c>
      <c r="I11254" s="5" t="s">
        <v>69</v>
      </c>
      <c r="J11254" s="5" t="s">
        <v>27074</v>
      </c>
      <c r="K11254" s="2" t="s">
        <v>27075</v>
      </c>
      <c r="L11254" s="5" t="s">
        <v>27074</v>
      </c>
      <c r="M11254" s="2" t="s">
        <v>27075</v>
      </c>
      <c r="N11254" s="5" t="s">
        <v>24254</v>
      </c>
      <c r="O11254" s="5" t="s">
        <v>38</v>
      </c>
      <c r="P11254" s="5" t="s">
        <v>39</v>
      </c>
      <c r="Q11254" s="5" t="s">
        <v>40</v>
      </c>
      <c r="R11254" s="5" t="s">
        <v>24340</v>
      </c>
      <c r="S11254" s="5" t="s">
        <v>40</v>
      </c>
      <c r="T11254" s="5" t="s">
        <v>42</v>
      </c>
      <c r="U11254" s="2">
        <v>10.372999999999999</v>
      </c>
      <c r="V11254" s="2">
        <v>7.976</v>
      </c>
      <c r="W11254" s="2">
        <v>0.129</v>
      </c>
      <c r="X11254" s="2">
        <v>12</v>
      </c>
      <c r="Y11254" s="2">
        <v>62</v>
      </c>
      <c r="Z11254" s="2">
        <v>172.9</v>
      </c>
      <c r="AA11254" s="5">
        <v>10</v>
      </c>
      <c r="AB11254" s="5" t="s">
        <v>43</v>
      </c>
      <c r="AC11254" s="5" t="s">
        <v>44</v>
      </c>
      <c r="AD11254" s="2" t="s">
        <v>33688</v>
      </c>
      <c r="AE11254" s="1"/>
    </row>
    <row r="11255" spans="1:31" ht="14.45">
      <c r="A11255" s="11"/>
      <c r="B11255" s="20"/>
      <c r="C11255" s="2" t="s">
        <v>34602</v>
      </c>
      <c r="D11255" s="14" t="s">
        <v>34603</v>
      </c>
      <c r="E11255" s="2" t="s">
        <v>34604</v>
      </c>
      <c r="F11255" s="2" t="s">
        <v>33687</v>
      </c>
      <c r="G11255" s="8">
        <v>361</v>
      </c>
      <c r="H11255" s="5">
        <v>10</v>
      </c>
      <c r="I11255" s="5" t="s">
        <v>69</v>
      </c>
      <c r="J11255" s="5" t="s">
        <v>27074</v>
      </c>
      <c r="K11255" s="2" t="s">
        <v>27075</v>
      </c>
      <c r="L11255" s="5" t="s">
        <v>27074</v>
      </c>
      <c r="M11255" s="2" t="s">
        <v>27075</v>
      </c>
      <c r="N11255" s="5" t="s">
        <v>24254</v>
      </c>
      <c r="O11255" s="5" t="s">
        <v>38</v>
      </c>
      <c r="P11255" s="5" t="s">
        <v>39</v>
      </c>
      <c r="Q11255" s="5" t="s">
        <v>40</v>
      </c>
      <c r="R11255" s="5" t="s">
        <v>24340</v>
      </c>
      <c r="S11255" s="5" t="s">
        <v>40</v>
      </c>
      <c r="T11255" s="5" t="s">
        <v>42</v>
      </c>
      <c r="U11255" s="2">
        <v>11.512</v>
      </c>
      <c r="V11255" s="2">
        <v>9.1760000000000002</v>
      </c>
      <c r="W11255" s="2">
        <v>0.11899999999999999</v>
      </c>
      <c r="X11255" s="2">
        <v>12</v>
      </c>
      <c r="Y11255" s="2">
        <v>62</v>
      </c>
      <c r="Z11255" s="2">
        <v>159.9</v>
      </c>
      <c r="AA11255" s="5">
        <v>10</v>
      </c>
      <c r="AB11255" s="5" t="s">
        <v>43</v>
      </c>
      <c r="AC11255" s="5" t="s">
        <v>44</v>
      </c>
      <c r="AD11255" s="2" t="s">
        <v>33688</v>
      </c>
      <c r="AE11255" s="1"/>
    </row>
    <row r="11256" spans="1:31" ht="14.45">
      <c r="A11256" s="11"/>
      <c r="B11256" s="20"/>
      <c r="C11256" s="2" t="s">
        <v>34605</v>
      </c>
      <c r="D11256" s="14" t="s">
        <v>34606</v>
      </c>
      <c r="E11256" s="2" t="s">
        <v>34607</v>
      </c>
      <c r="F11256" s="2" t="s">
        <v>33692</v>
      </c>
      <c r="G11256" s="8">
        <v>684</v>
      </c>
      <c r="H11256" s="5">
        <v>10</v>
      </c>
      <c r="I11256" s="5" t="s">
        <v>69</v>
      </c>
      <c r="J11256" s="5" t="s">
        <v>27074</v>
      </c>
      <c r="K11256" s="2" t="s">
        <v>27075</v>
      </c>
      <c r="L11256" s="5" t="s">
        <v>27074</v>
      </c>
      <c r="M11256" s="2" t="s">
        <v>27075</v>
      </c>
      <c r="N11256" s="5" t="s">
        <v>24254</v>
      </c>
      <c r="O11256" s="5" t="s">
        <v>38</v>
      </c>
      <c r="P11256" s="5" t="s">
        <v>39</v>
      </c>
      <c r="Q11256" s="5" t="s">
        <v>40</v>
      </c>
      <c r="R11256" s="5" t="s">
        <v>24340</v>
      </c>
      <c r="S11256" s="5" t="s">
        <v>40</v>
      </c>
      <c r="T11256" s="5" t="s">
        <v>42</v>
      </c>
      <c r="U11256" s="2">
        <v>23.48</v>
      </c>
      <c r="V11256" s="2">
        <v>21.132000000000001</v>
      </c>
      <c r="W11256" s="2">
        <v>0.2</v>
      </c>
      <c r="X11256" s="2">
        <v>15</v>
      </c>
      <c r="Y11256" s="2">
        <v>77</v>
      </c>
      <c r="Z11256" s="2">
        <v>173.4</v>
      </c>
      <c r="AA11256" s="5">
        <v>8</v>
      </c>
      <c r="AB11256" s="5" t="s">
        <v>43</v>
      </c>
      <c r="AC11256" s="5" t="s">
        <v>44</v>
      </c>
      <c r="AD11256" s="2" t="s">
        <v>33660</v>
      </c>
      <c r="AE11256" s="1"/>
    </row>
    <row r="11257" spans="1:31" ht="14.45">
      <c r="A11257" s="11"/>
      <c r="B11257" s="20"/>
      <c r="C11257" s="2" t="s">
        <v>34608</v>
      </c>
      <c r="D11257" s="14" t="s">
        <v>34609</v>
      </c>
      <c r="E11257" s="2" t="s">
        <v>34610</v>
      </c>
      <c r="F11257" s="2" t="s">
        <v>33696</v>
      </c>
      <c r="G11257" s="8">
        <v>361</v>
      </c>
      <c r="H11257" s="5">
        <v>10</v>
      </c>
      <c r="I11257" s="5" t="s">
        <v>69</v>
      </c>
      <c r="J11257" s="5" t="s">
        <v>27074</v>
      </c>
      <c r="K11257" s="2" t="s">
        <v>27075</v>
      </c>
      <c r="L11257" s="5" t="s">
        <v>27074</v>
      </c>
      <c r="M11257" s="2" t="s">
        <v>27075</v>
      </c>
      <c r="N11257" s="5" t="s">
        <v>24254</v>
      </c>
      <c r="O11257" s="5" t="s">
        <v>38</v>
      </c>
      <c r="P11257" s="5" t="s">
        <v>39</v>
      </c>
      <c r="Q11257" s="5" t="s">
        <v>40</v>
      </c>
      <c r="R11257" s="5" t="s">
        <v>25301</v>
      </c>
      <c r="S11257" s="5" t="s">
        <v>40</v>
      </c>
      <c r="T11257" s="5" t="s">
        <v>42</v>
      </c>
      <c r="U11257" s="2">
        <v>16.091000000000001</v>
      </c>
      <c r="V11257" s="2">
        <v>13.818</v>
      </c>
      <c r="W11257" s="2">
        <v>0.185</v>
      </c>
      <c r="X11257" s="2">
        <v>12</v>
      </c>
      <c r="Y11257" s="2">
        <v>62</v>
      </c>
      <c r="Z11257" s="2">
        <v>159.9</v>
      </c>
      <c r="AA11257" s="5">
        <v>8</v>
      </c>
      <c r="AB11257" s="5" t="s">
        <v>43</v>
      </c>
      <c r="AC11257" s="5" t="s">
        <v>44</v>
      </c>
      <c r="AD11257" s="2" t="s">
        <v>33697</v>
      </c>
      <c r="AE11257" s="1"/>
    </row>
    <row r="11258" spans="1:31" ht="14.45">
      <c r="A11258" s="11"/>
      <c r="B11258" s="20"/>
      <c r="C11258" s="2" t="s">
        <v>34611</v>
      </c>
      <c r="D11258" s="14" t="s">
        <v>34612</v>
      </c>
      <c r="E11258" s="2" t="s">
        <v>34613</v>
      </c>
      <c r="F11258" s="2" t="s">
        <v>33798</v>
      </c>
      <c r="G11258" s="8">
        <v>361</v>
      </c>
      <c r="H11258" s="5">
        <v>10</v>
      </c>
      <c r="I11258" s="5" t="s">
        <v>69</v>
      </c>
      <c r="J11258" s="5" t="s">
        <v>27074</v>
      </c>
      <c r="K11258" s="2" t="s">
        <v>27075</v>
      </c>
      <c r="L11258" s="5" t="s">
        <v>27074</v>
      </c>
      <c r="M11258" s="2" t="s">
        <v>27075</v>
      </c>
      <c r="N11258" s="5" t="s">
        <v>24254</v>
      </c>
      <c r="O11258" s="5" t="s">
        <v>38</v>
      </c>
      <c r="P11258" s="5" t="s">
        <v>39</v>
      </c>
      <c r="Q11258" s="5" t="s">
        <v>40</v>
      </c>
      <c r="R11258" s="5" t="s">
        <v>25301</v>
      </c>
      <c r="S11258" s="5" t="s">
        <v>40</v>
      </c>
      <c r="T11258" s="5" t="s">
        <v>42</v>
      </c>
      <c r="U11258" s="2">
        <v>13.518000000000001</v>
      </c>
      <c r="V11258" s="2">
        <v>11.246</v>
      </c>
      <c r="W11258" s="2">
        <v>0.11899999999999999</v>
      </c>
      <c r="X11258" s="2">
        <v>12</v>
      </c>
      <c r="Y11258" s="2">
        <v>62</v>
      </c>
      <c r="Z11258" s="2">
        <v>159.9</v>
      </c>
      <c r="AA11258" s="5">
        <v>8</v>
      </c>
      <c r="AB11258" s="5" t="s">
        <v>43</v>
      </c>
      <c r="AC11258" s="5" t="s">
        <v>44</v>
      </c>
      <c r="AD11258" s="2" t="s">
        <v>33697</v>
      </c>
      <c r="AE11258" s="1"/>
    </row>
    <row r="11259" spans="1:31" ht="14.45">
      <c r="A11259" s="11"/>
      <c r="B11259" s="20"/>
      <c r="C11259" s="2" t="s">
        <v>34614</v>
      </c>
      <c r="D11259" s="14" t="s">
        <v>34615</v>
      </c>
      <c r="E11259" s="2" t="s">
        <v>34616</v>
      </c>
      <c r="F11259" s="2" t="s">
        <v>33701</v>
      </c>
      <c r="G11259" s="8">
        <v>361</v>
      </c>
      <c r="H11259" s="5">
        <v>10</v>
      </c>
      <c r="I11259" s="5" t="s">
        <v>69</v>
      </c>
      <c r="J11259" s="5" t="s">
        <v>27074</v>
      </c>
      <c r="K11259" s="2" t="s">
        <v>27075</v>
      </c>
      <c r="L11259" s="5" t="s">
        <v>27074</v>
      </c>
      <c r="M11259" s="2" t="s">
        <v>27075</v>
      </c>
      <c r="N11259" s="5" t="s">
        <v>24254</v>
      </c>
      <c r="O11259" s="5" t="s">
        <v>38</v>
      </c>
      <c r="P11259" s="5" t="s">
        <v>39</v>
      </c>
      <c r="Q11259" s="5" t="s">
        <v>40</v>
      </c>
      <c r="R11259" s="5" t="s">
        <v>25301</v>
      </c>
      <c r="S11259" s="5" t="s">
        <v>40</v>
      </c>
      <c r="T11259" s="5" t="s">
        <v>42</v>
      </c>
      <c r="U11259" s="2">
        <v>11.919</v>
      </c>
      <c r="V11259" s="2">
        <v>9.6709999999999994</v>
      </c>
      <c r="W11259" s="2">
        <v>0.10299999999999999</v>
      </c>
      <c r="X11259" s="2">
        <v>12</v>
      </c>
      <c r="Y11259" s="2">
        <v>62</v>
      </c>
      <c r="Z11259" s="2">
        <v>137.9</v>
      </c>
      <c r="AA11259" s="5">
        <v>8</v>
      </c>
      <c r="AB11259" s="5" t="s">
        <v>43</v>
      </c>
      <c r="AC11259" s="5" t="s">
        <v>44</v>
      </c>
      <c r="AD11259" s="2" t="s">
        <v>33697</v>
      </c>
      <c r="AE11259" s="1"/>
    </row>
    <row r="11260" spans="1:31" ht="14.45">
      <c r="A11260" s="11"/>
      <c r="B11260" s="20"/>
      <c r="C11260" s="2" t="s">
        <v>34617</v>
      </c>
      <c r="D11260" s="14" t="s">
        <v>34618</v>
      </c>
      <c r="E11260" s="2" t="s">
        <v>34619</v>
      </c>
      <c r="F11260" s="2" t="s">
        <v>33805</v>
      </c>
      <c r="G11260" s="8">
        <v>361</v>
      </c>
      <c r="H11260" s="5">
        <v>10</v>
      </c>
      <c r="I11260" s="5" t="s">
        <v>69</v>
      </c>
      <c r="J11260" s="5" t="s">
        <v>27074</v>
      </c>
      <c r="K11260" s="2" t="s">
        <v>27075</v>
      </c>
      <c r="L11260" s="5" t="s">
        <v>27074</v>
      </c>
      <c r="M11260" s="2" t="s">
        <v>27075</v>
      </c>
      <c r="N11260" s="5" t="s">
        <v>24254</v>
      </c>
      <c r="O11260" s="5" t="s">
        <v>38</v>
      </c>
      <c r="P11260" s="5" t="s">
        <v>39</v>
      </c>
      <c r="Q11260" s="5" t="s">
        <v>40</v>
      </c>
      <c r="R11260" s="5" t="s">
        <v>25301</v>
      </c>
      <c r="S11260" s="5" t="s">
        <v>40</v>
      </c>
      <c r="T11260" s="5" t="s">
        <v>42</v>
      </c>
      <c r="U11260" s="2">
        <v>11.523</v>
      </c>
      <c r="V11260" s="2">
        <v>9.282</v>
      </c>
      <c r="W11260" s="2">
        <v>0.11899999999999999</v>
      </c>
      <c r="X11260" s="2">
        <v>12</v>
      </c>
      <c r="Y11260" s="2">
        <v>62</v>
      </c>
      <c r="Z11260" s="2">
        <v>159.9</v>
      </c>
      <c r="AA11260" s="5">
        <v>10</v>
      </c>
      <c r="AB11260" s="5" t="s">
        <v>43</v>
      </c>
      <c r="AC11260" s="5" t="s">
        <v>44</v>
      </c>
      <c r="AD11260" s="2" t="s">
        <v>34421</v>
      </c>
      <c r="AE11260" s="1"/>
    </row>
    <row r="11261" spans="1:31" ht="14.45">
      <c r="A11261" s="11"/>
      <c r="B11261" s="20"/>
      <c r="C11261" s="2" t="s">
        <v>34620</v>
      </c>
      <c r="D11261" s="14" t="s">
        <v>34621</v>
      </c>
      <c r="E11261" s="2" t="s">
        <v>34622</v>
      </c>
      <c r="F11261" s="2" t="s">
        <v>33810</v>
      </c>
      <c r="G11261" s="8">
        <v>361</v>
      </c>
      <c r="H11261" s="5">
        <v>10</v>
      </c>
      <c r="I11261" s="5" t="s">
        <v>69</v>
      </c>
      <c r="J11261" s="5" t="s">
        <v>27074</v>
      </c>
      <c r="K11261" s="2" t="s">
        <v>27075</v>
      </c>
      <c r="L11261" s="5" t="s">
        <v>27074</v>
      </c>
      <c r="M11261" s="2" t="s">
        <v>27075</v>
      </c>
      <c r="N11261" s="5" t="s">
        <v>24254</v>
      </c>
      <c r="O11261" s="5" t="s">
        <v>38</v>
      </c>
      <c r="P11261" s="5" t="s">
        <v>39</v>
      </c>
      <c r="Q11261" s="5" t="s">
        <v>40</v>
      </c>
      <c r="R11261" s="5" t="s">
        <v>25301</v>
      </c>
      <c r="S11261" s="5" t="s">
        <v>40</v>
      </c>
      <c r="T11261" s="5" t="s">
        <v>42</v>
      </c>
      <c r="U11261" s="2">
        <v>9.4450000000000003</v>
      </c>
      <c r="V11261" s="2">
        <v>7.048</v>
      </c>
      <c r="W11261" s="2">
        <v>0.129</v>
      </c>
      <c r="X11261" s="2">
        <v>12</v>
      </c>
      <c r="Y11261" s="2">
        <v>62</v>
      </c>
      <c r="Z11261" s="2">
        <v>172.9</v>
      </c>
      <c r="AA11261" s="5">
        <v>10</v>
      </c>
      <c r="AB11261" s="5" t="s">
        <v>43</v>
      </c>
      <c r="AC11261" s="5" t="s">
        <v>44</v>
      </c>
      <c r="AD11261" s="2" t="s">
        <v>33814</v>
      </c>
      <c r="AE11261" s="1"/>
    </row>
    <row r="11262" spans="1:31" ht="14.45">
      <c r="A11262" s="11"/>
      <c r="B11262" s="20"/>
      <c r="C11262" s="2" t="s">
        <v>34623</v>
      </c>
      <c r="D11262" s="14" t="s">
        <v>34624</v>
      </c>
      <c r="E11262" s="2" t="s">
        <v>34625</v>
      </c>
      <c r="F11262" s="2" t="s">
        <v>33705</v>
      </c>
      <c r="G11262" s="8">
        <v>361</v>
      </c>
      <c r="H11262" s="5">
        <v>10</v>
      </c>
      <c r="I11262" s="5" t="s">
        <v>69</v>
      </c>
      <c r="J11262" s="5" t="s">
        <v>27074</v>
      </c>
      <c r="K11262" s="2" t="s">
        <v>27075</v>
      </c>
      <c r="L11262" s="5" t="s">
        <v>27074</v>
      </c>
      <c r="M11262" s="2" t="s">
        <v>27075</v>
      </c>
      <c r="N11262" s="5" t="s">
        <v>24254</v>
      </c>
      <c r="O11262" s="5" t="s">
        <v>38</v>
      </c>
      <c r="P11262" s="5" t="s">
        <v>39</v>
      </c>
      <c r="Q11262" s="5" t="s">
        <v>40</v>
      </c>
      <c r="R11262" s="5" t="s">
        <v>25301</v>
      </c>
      <c r="S11262" s="5" t="s">
        <v>40</v>
      </c>
      <c r="T11262" s="5" t="s">
        <v>42</v>
      </c>
      <c r="U11262" s="2">
        <v>9.4359999999999999</v>
      </c>
      <c r="V11262" s="2">
        <v>7.1459999999999999</v>
      </c>
      <c r="W11262" s="2">
        <v>0.11899999999999999</v>
      </c>
      <c r="X11262" s="2">
        <v>12</v>
      </c>
      <c r="Y11262" s="2">
        <v>62</v>
      </c>
      <c r="Z11262" s="2">
        <v>159.9</v>
      </c>
      <c r="AA11262" s="5">
        <v>10</v>
      </c>
      <c r="AB11262" s="5" t="s">
        <v>43</v>
      </c>
      <c r="AC11262" s="5" t="s">
        <v>44</v>
      </c>
      <c r="AD11262" s="2" t="s">
        <v>33706</v>
      </c>
      <c r="AE11262" s="1"/>
    </row>
    <row r="11263" spans="1:31" ht="14.45">
      <c r="A11263" s="11"/>
      <c r="B11263" s="20"/>
      <c r="C11263" s="2" t="s">
        <v>34626</v>
      </c>
      <c r="D11263" s="14" t="s">
        <v>34627</v>
      </c>
      <c r="E11263" s="2" t="s">
        <v>34628</v>
      </c>
      <c r="F11263" s="2" t="s">
        <v>33710</v>
      </c>
      <c r="G11263" s="8">
        <v>731</v>
      </c>
      <c r="H11263" s="5">
        <v>5</v>
      </c>
      <c r="I11263" s="5" t="s">
        <v>69</v>
      </c>
      <c r="J11263" s="5" t="s">
        <v>27074</v>
      </c>
      <c r="K11263" s="2" t="s">
        <v>27075</v>
      </c>
      <c r="L11263" s="5" t="s">
        <v>27074</v>
      </c>
      <c r="M11263" s="2" t="s">
        <v>27075</v>
      </c>
      <c r="N11263" s="5" t="s">
        <v>24254</v>
      </c>
      <c r="O11263" s="5" t="s">
        <v>38</v>
      </c>
      <c r="P11263" s="5" t="s">
        <v>39</v>
      </c>
      <c r="Q11263" s="5" t="s">
        <v>40</v>
      </c>
      <c r="R11263" s="5" t="s">
        <v>1487</v>
      </c>
      <c r="S11263" s="5"/>
      <c r="T11263" s="5" t="s">
        <v>42</v>
      </c>
      <c r="U11263" s="2">
        <v>0</v>
      </c>
      <c r="V11263" s="2">
        <v>0</v>
      </c>
      <c r="W11263" s="2">
        <v>0</v>
      </c>
      <c r="X11263" s="2">
        <v>0</v>
      </c>
      <c r="Y11263" s="2">
        <v>0</v>
      </c>
      <c r="Z11263" s="2">
        <v>0</v>
      </c>
      <c r="AA11263" s="5"/>
      <c r="AB11263" s="5" t="s">
        <v>43</v>
      </c>
      <c r="AC11263" s="5" t="s">
        <v>44</v>
      </c>
      <c r="AD11263" s="2" t="s">
        <v>33711</v>
      </c>
      <c r="AE11263" s="1"/>
    </row>
    <row r="11264" spans="1:31" ht="14.45">
      <c r="A11264" s="11"/>
      <c r="B11264" s="20"/>
      <c r="C11264" s="2" t="s">
        <v>34629</v>
      </c>
      <c r="D11264" s="14" t="s">
        <v>34630</v>
      </c>
      <c r="E11264" s="2" t="s">
        <v>34631</v>
      </c>
      <c r="F11264" s="2" t="s">
        <v>33715</v>
      </c>
      <c r="G11264" s="8">
        <v>731</v>
      </c>
      <c r="H11264" s="5">
        <v>15</v>
      </c>
      <c r="I11264" s="5" t="s">
        <v>69</v>
      </c>
      <c r="J11264" s="5" t="s">
        <v>27074</v>
      </c>
      <c r="K11264" s="2" t="s">
        <v>27075</v>
      </c>
      <c r="L11264" s="5" t="s">
        <v>27074</v>
      </c>
      <c r="M11264" s="2" t="s">
        <v>27075</v>
      </c>
      <c r="N11264" s="5" t="s">
        <v>24254</v>
      </c>
      <c r="O11264" s="5" t="s">
        <v>38</v>
      </c>
      <c r="P11264" s="5" t="s">
        <v>39</v>
      </c>
      <c r="Q11264" s="5" t="s">
        <v>40</v>
      </c>
      <c r="R11264" s="5" t="s">
        <v>1487</v>
      </c>
      <c r="S11264" s="5"/>
      <c r="T11264" s="5" t="s">
        <v>42</v>
      </c>
      <c r="U11264" s="2">
        <v>0</v>
      </c>
      <c r="V11264" s="2">
        <v>0</v>
      </c>
      <c r="W11264" s="2">
        <v>0</v>
      </c>
      <c r="X11264" s="2">
        <v>0</v>
      </c>
      <c r="Y11264" s="2">
        <v>0</v>
      </c>
      <c r="Z11264" s="2">
        <v>0</v>
      </c>
      <c r="AA11264" s="5"/>
      <c r="AB11264" s="5" t="s">
        <v>43</v>
      </c>
      <c r="AC11264" s="5" t="s">
        <v>44</v>
      </c>
      <c r="AD11264" s="2" t="s">
        <v>33716</v>
      </c>
      <c r="AE11264" s="1"/>
    </row>
    <row r="11265" spans="1:31" ht="14.45">
      <c r="A11265" s="11"/>
      <c r="B11265" s="20"/>
      <c r="C11265" s="2" t="s">
        <v>34632</v>
      </c>
      <c r="D11265" s="14" t="s">
        <v>34633</v>
      </c>
      <c r="E11265" s="2" t="s">
        <v>34634</v>
      </c>
      <c r="F11265" s="2" t="s">
        <v>33730</v>
      </c>
      <c r="G11265" s="8">
        <v>1033</v>
      </c>
      <c r="H11265" s="5">
        <v>10</v>
      </c>
      <c r="I11265" s="5" t="s">
        <v>69</v>
      </c>
      <c r="J11265" s="5" t="s">
        <v>27074</v>
      </c>
      <c r="K11265" s="2" t="s">
        <v>27075</v>
      </c>
      <c r="L11265" s="5" t="s">
        <v>27074</v>
      </c>
      <c r="M11265" s="2" t="s">
        <v>27075</v>
      </c>
      <c r="N11265" s="5" t="s">
        <v>24254</v>
      </c>
      <c r="O11265" s="5" t="s">
        <v>38</v>
      </c>
      <c r="P11265" s="5" t="s">
        <v>39</v>
      </c>
      <c r="Q11265" s="5" t="s">
        <v>40</v>
      </c>
      <c r="R11265" s="5" t="s">
        <v>1487</v>
      </c>
      <c r="S11265" s="5"/>
      <c r="T11265" s="5" t="s">
        <v>42</v>
      </c>
      <c r="U11265" s="2">
        <v>0</v>
      </c>
      <c r="V11265" s="2">
        <v>0</v>
      </c>
      <c r="W11265" s="2">
        <v>0</v>
      </c>
      <c r="X11265" s="2">
        <v>0</v>
      </c>
      <c r="Y11265" s="2">
        <v>0</v>
      </c>
      <c r="Z11265" s="2">
        <v>0</v>
      </c>
      <c r="AA11265" s="5"/>
      <c r="AB11265" s="5" t="s">
        <v>43</v>
      </c>
      <c r="AC11265" s="5" t="s">
        <v>44</v>
      </c>
      <c r="AD11265" s="2"/>
      <c r="AE11265" s="1"/>
    </row>
    <row r="11266" spans="1:31" ht="14.45">
      <c r="A11266" s="11"/>
      <c r="B11266" s="20"/>
      <c r="C11266" s="2" t="s">
        <v>34635</v>
      </c>
      <c r="D11266" s="14" t="s">
        <v>34636</v>
      </c>
      <c r="E11266" s="2" t="s">
        <v>34637</v>
      </c>
      <c r="F11266" s="2" t="s">
        <v>33734</v>
      </c>
      <c r="G11266" s="8">
        <v>1033</v>
      </c>
      <c r="H11266" s="5">
        <v>15</v>
      </c>
      <c r="I11266" s="5" t="s">
        <v>69</v>
      </c>
      <c r="J11266" s="5" t="s">
        <v>27074</v>
      </c>
      <c r="K11266" s="2" t="s">
        <v>27075</v>
      </c>
      <c r="L11266" s="5" t="s">
        <v>27074</v>
      </c>
      <c r="M11266" s="2" t="s">
        <v>27075</v>
      </c>
      <c r="N11266" s="5" t="s">
        <v>24254</v>
      </c>
      <c r="O11266" s="5" t="s">
        <v>38</v>
      </c>
      <c r="P11266" s="5" t="s">
        <v>39</v>
      </c>
      <c r="Q11266" s="5" t="s">
        <v>40</v>
      </c>
      <c r="R11266" s="5" t="s">
        <v>1487</v>
      </c>
      <c r="S11266" s="5"/>
      <c r="T11266" s="5" t="s">
        <v>42</v>
      </c>
      <c r="U11266" s="2">
        <v>0</v>
      </c>
      <c r="V11266" s="2">
        <v>0</v>
      </c>
      <c r="W11266" s="2">
        <v>0</v>
      </c>
      <c r="X11266" s="2">
        <v>0</v>
      </c>
      <c r="Y11266" s="2">
        <v>0</v>
      </c>
      <c r="Z11266" s="2">
        <v>0</v>
      </c>
      <c r="AA11266" s="5"/>
      <c r="AB11266" s="5" t="s">
        <v>43</v>
      </c>
      <c r="AC11266" s="5" t="s">
        <v>44</v>
      </c>
      <c r="AD11266" s="2"/>
      <c r="AE11266" s="1"/>
    </row>
    <row r="11267" spans="1:31" ht="14.45">
      <c r="A11267" s="11"/>
      <c r="B11267" s="20"/>
      <c r="C11267" s="2" t="s">
        <v>34638</v>
      </c>
      <c r="D11267" s="14" t="s">
        <v>34639</v>
      </c>
      <c r="E11267" s="2" t="s">
        <v>34640</v>
      </c>
      <c r="F11267" s="2" t="s">
        <v>33616</v>
      </c>
      <c r="G11267" s="8">
        <v>296</v>
      </c>
      <c r="H11267" s="5">
        <v>5</v>
      </c>
      <c r="I11267" s="5" t="s">
        <v>69</v>
      </c>
      <c r="J11267" s="5" t="s">
        <v>27074</v>
      </c>
      <c r="K11267" s="2" t="s">
        <v>27075</v>
      </c>
      <c r="L11267" s="5" t="s">
        <v>27074</v>
      </c>
      <c r="M11267" s="2" t="s">
        <v>27075</v>
      </c>
      <c r="N11267" s="5" t="s">
        <v>24254</v>
      </c>
      <c r="O11267" s="5" t="s">
        <v>38</v>
      </c>
      <c r="P11267" s="5" t="s">
        <v>39</v>
      </c>
      <c r="Q11267" s="5" t="s">
        <v>40</v>
      </c>
      <c r="R11267" s="5" t="s">
        <v>24335</v>
      </c>
      <c r="S11267" s="5" t="s">
        <v>40</v>
      </c>
      <c r="T11267" s="5" t="s">
        <v>42</v>
      </c>
      <c r="U11267" s="2">
        <v>15.425000000000001</v>
      </c>
      <c r="V11267" s="2">
        <v>13.164</v>
      </c>
      <c r="W11267" s="2">
        <v>0.16</v>
      </c>
      <c r="X11267" s="2">
        <v>12</v>
      </c>
      <c r="Y11267" s="2">
        <v>77</v>
      </c>
      <c r="Z11267" s="2">
        <v>173.4</v>
      </c>
      <c r="AA11267" s="5">
        <v>8</v>
      </c>
      <c r="AB11267" s="5" t="s">
        <v>43</v>
      </c>
      <c r="AC11267" s="5" t="s">
        <v>44</v>
      </c>
      <c r="AD11267" s="2" t="s">
        <v>33617</v>
      </c>
      <c r="AE11267" s="1"/>
    </row>
    <row r="11268" spans="1:31" ht="14.45">
      <c r="A11268" s="11"/>
      <c r="B11268" s="20"/>
      <c r="C11268" s="2" t="s">
        <v>34641</v>
      </c>
      <c r="D11268" s="14" t="s">
        <v>34642</v>
      </c>
      <c r="E11268" s="2" t="s">
        <v>34643</v>
      </c>
      <c r="F11268" s="2" t="s">
        <v>33621</v>
      </c>
      <c r="G11268" s="8">
        <v>221</v>
      </c>
      <c r="H11268" s="5">
        <v>10</v>
      </c>
      <c r="I11268" s="5" t="s">
        <v>69</v>
      </c>
      <c r="J11268" s="5" t="s">
        <v>27074</v>
      </c>
      <c r="K11268" s="2" t="s">
        <v>27075</v>
      </c>
      <c r="L11268" s="5" t="s">
        <v>27074</v>
      </c>
      <c r="M11268" s="2" t="s">
        <v>27075</v>
      </c>
      <c r="N11268" s="5" t="s">
        <v>24254</v>
      </c>
      <c r="O11268" s="5" t="s">
        <v>38</v>
      </c>
      <c r="P11268" s="5" t="s">
        <v>39</v>
      </c>
      <c r="Q11268" s="5" t="s">
        <v>40</v>
      </c>
      <c r="R11268" s="5" t="s">
        <v>24335</v>
      </c>
      <c r="S11268" s="5" t="s">
        <v>40</v>
      </c>
      <c r="T11268" s="5" t="s">
        <v>42</v>
      </c>
      <c r="U11268" s="2">
        <v>12.486000000000001</v>
      </c>
      <c r="V11268" s="2">
        <v>9.7349999999999994</v>
      </c>
      <c r="W11268" s="2">
        <v>0.23100000000000001</v>
      </c>
      <c r="X11268" s="2">
        <v>12</v>
      </c>
      <c r="Y11268" s="2">
        <v>62</v>
      </c>
      <c r="Z11268" s="2">
        <v>199.7</v>
      </c>
      <c r="AA11268" s="5">
        <v>8</v>
      </c>
      <c r="AB11268" s="5" t="s">
        <v>43</v>
      </c>
      <c r="AC11268" s="5" t="s">
        <v>44</v>
      </c>
      <c r="AD11268" s="2" t="s">
        <v>33622</v>
      </c>
      <c r="AE11268" s="1"/>
    </row>
    <row r="11269" spans="1:31" ht="14.45">
      <c r="A11269" s="11"/>
      <c r="B11269" s="20"/>
      <c r="C11269" s="2" t="s">
        <v>34644</v>
      </c>
      <c r="D11269" s="14" t="s">
        <v>34645</v>
      </c>
      <c r="E11269" s="2" t="s">
        <v>34646</v>
      </c>
      <c r="F11269" s="2" t="s">
        <v>33626</v>
      </c>
      <c r="G11269" s="8">
        <v>221</v>
      </c>
      <c r="H11269" s="5">
        <v>5</v>
      </c>
      <c r="I11269" s="5" t="s">
        <v>69</v>
      </c>
      <c r="J11269" s="5" t="s">
        <v>27074</v>
      </c>
      <c r="K11269" s="2" t="s">
        <v>27075</v>
      </c>
      <c r="L11269" s="5" t="s">
        <v>27074</v>
      </c>
      <c r="M11269" s="2" t="s">
        <v>27075</v>
      </c>
      <c r="N11269" s="5" t="s">
        <v>24254</v>
      </c>
      <c r="O11269" s="5" t="s">
        <v>38</v>
      </c>
      <c r="P11269" s="5" t="s">
        <v>39</v>
      </c>
      <c r="Q11269" s="5" t="s">
        <v>40</v>
      </c>
      <c r="R11269" s="5" t="s">
        <v>24335</v>
      </c>
      <c r="S11269" s="5" t="s">
        <v>40</v>
      </c>
      <c r="T11269" s="5" t="s">
        <v>42</v>
      </c>
      <c r="U11269" s="2">
        <v>10.64</v>
      </c>
      <c r="V11269" s="2">
        <v>7.8490000000000002</v>
      </c>
      <c r="W11269" s="2">
        <v>0.14899999999999999</v>
      </c>
      <c r="X11269" s="2">
        <v>12</v>
      </c>
      <c r="Y11269" s="2">
        <v>62</v>
      </c>
      <c r="Z11269" s="2">
        <v>199.7</v>
      </c>
      <c r="AA11269" s="5">
        <v>8</v>
      </c>
      <c r="AB11269" s="5" t="s">
        <v>43</v>
      </c>
      <c r="AC11269" s="5" t="s">
        <v>44</v>
      </c>
      <c r="AD11269" s="2" t="s">
        <v>33622</v>
      </c>
      <c r="AE11269" s="1"/>
    </row>
    <row r="11270" spans="1:31" ht="14.45">
      <c r="A11270" s="11"/>
      <c r="B11270" s="20"/>
      <c r="C11270" s="2" t="s">
        <v>34647</v>
      </c>
      <c r="D11270" s="14" t="s">
        <v>34648</v>
      </c>
      <c r="E11270" s="2" t="s">
        <v>34649</v>
      </c>
      <c r="F11270" s="2" t="s">
        <v>33630</v>
      </c>
      <c r="G11270" s="8">
        <v>221</v>
      </c>
      <c r="H11270" s="5">
        <v>10</v>
      </c>
      <c r="I11270" s="5" t="s">
        <v>69</v>
      </c>
      <c r="J11270" s="5" t="s">
        <v>27074</v>
      </c>
      <c r="K11270" s="2" t="s">
        <v>27075</v>
      </c>
      <c r="L11270" s="5" t="s">
        <v>27074</v>
      </c>
      <c r="M11270" s="2" t="s">
        <v>27075</v>
      </c>
      <c r="N11270" s="5" t="s">
        <v>24254</v>
      </c>
      <c r="O11270" s="5" t="s">
        <v>38</v>
      </c>
      <c r="P11270" s="5" t="s">
        <v>39</v>
      </c>
      <c r="Q11270" s="5" t="s">
        <v>40</v>
      </c>
      <c r="R11270" s="5" t="s">
        <v>24335</v>
      </c>
      <c r="S11270" s="5" t="s">
        <v>40</v>
      </c>
      <c r="T11270" s="5" t="s">
        <v>42</v>
      </c>
      <c r="U11270" s="2">
        <v>9.2159999999999993</v>
      </c>
      <c r="V11270" s="2">
        <v>6.8209999999999997</v>
      </c>
      <c r="W11270" s="2">
        <v>0.11899999999999999</v>
      </c>
      <c r="X11270" s="2">
        <v>12</v>
      </c>
      <c r="Y11270" s="2">
        <v>62</v>
      </c>
      <c r="Z11270" s="2">
        <v>159.9</v>
      </c>
      <c r="AA11270" s="5">
        <v>8</v>
      </c>
      <c r="AB11270" s="5" t="s">
        <v>43</v>
      </c>
      <c r="AC11270" s="5" t="s">
        <v>44</v>
      </c>
      <c r="AD11270" s="2" t="s">
        <v>33622</v>
      </c>
      <c r="AE11270" s="1"/>
    </row>
    <row r="11271" spans="1:31" ht="14.45">
      <c r="A11271" s="11"/>
      <c r="B11271" s="20"/>
      <c r="C11271" s="2" t="s">
        <v>34650</v>
      </c>
      <c r="D11271" s="14" t="s">
        <v>34651</v>
      </c>
      <c r="E11271" s="2" t="s">
        <v>34652</v>
      </c>
      <c r="F11271" s="2" t="s">
        <v>33634</v>
      </c>
      <c r="G11271" s="8">
        <v>221</v>
      </c>
      <c r="H11271" s="5">
        <v>5</v>
      </c>
      <c r="I11271" s="5" t="s">
        <v>69</v>
      </c>
      <c r="J11271" s="5" t="s">
        <v>27074</v>
      </c>
      <c r="K11271" s="2" t="s">
        <v>27075</v>
      </c>
      <c r="L11271" s="5" t="s">
        <v>27074</v>
      </c>
      <c r="M11271" s="2" t="s">
        <v>27075</v>
      </c>
      <c r="N11271" s="5" t="s">
        <v>24254</v>
      </c>
      <c r="O11271" s="5" t="s">
        <v>38</v>
      </c>
      <c r="P11271" s="5" t="s">
        <v>39</v>
      </c>
      <c r="Q11271" s="5" t="s">
        <v>40</v>
      </c>
      <c r="R11271" s="5" t="s">
        <v>24335</v>
      </c>
      <c r="S11271" s="5" t="s">
        <v>40</v>
      </c>
      <c r="T11271" s="5" t="s">
        <v>42</v>
      </c>
      <c r="U11271" s="2">
        <v>7.9960000000000004</v>
      </c>
      <c r="V11271" s="2">
        <v>5.3230000000000004</v>
      </c>
      <c r="W11271" s="2">
        <v>0.14899999999999999</v>
      </c>
      <c r="X11271" s="2">
        <v>12</v>
      </c>
      <c r="Y11271" s="2">
        <v>62</v>
      </c>
      <c r="Z11271" s="2">
        <v>199.7</v>
      </c>
      <c r="AA11271" s="5">
        <v>10</v>
      </c>
      <c r="AB11271" s="5" t="s">
        <v>43</v>
      </c>
      <c r="AC11271" s="5" t="s">
        <v>44</v>
      </c>
      <c r="AD11271" s="2" t="s">
        <v>33635</v>
      </c>
      <c r="AE11271" s="1"/>
    </row>
    <row r="11272" spans="1:31" ht="14.45">
      <c r="A11272" s="11"/>
      <c r="B11272" s="20"/>
      <c r="C11272" s="2" t="s">
        <v>34653</v>
      </c>
      <c r="D11272" s="14" t="s">
        <v>34654</v>
      </c>
      <c r="E11272" s="2" t="s">
        <v>34655</v>
      </c>
      <c r="F11272" s="2" t="s">
        <v>33634</v>
      </c>
      <c r="G11272" s="8">
        <v>221</v>
      </c>
      <c r="H11272" s="5">
        <v>5</v>
      </c>
      <c r="I11272" s="5" t="s">
        <v>69</v>
      </c>
      <c r="J11272" s="5" t="s">
        <v>27074</v>
      </c>
      <c r="K11272" s="2" t="s">
        <v>27075</v>
      </c>
      <c r="L11272" s="5" t="s">
        <v>27074</v>
      </c>
      <c r="M11272" s="2" t="s">
        <v>27075</v>
      </c>
      <c r="N11272" s="5" t="s">
        <v>24254</v>
      </c>
      <c r="O11272" s="5" t="s">
        <v>38</v>
      </c>
      <c r="P11272" s="5" t="s">
        <v>39</v>
      </c>
      <c r="Q11272" s="5" t="s">
        <v>40</v>
      </c>
      <c r="R11272" s="5" t="s">
        <v>24335</v>
      </c>
      <c r="S11272" s="5" t="s">
        <v>40</v>
      </c>
      <c r="T11272" s="5" t="s">
        <v>42</v>
      </c>
      <c r="U11272" s="2">
        <v>8.4</v>
      </c>
      <c r="V11272" s="2">
        <v>5.681</v>
      </c>
      <c r="W11272" s="2">
        <v>0.14899999999999999</v>
      </c>
      <c r="X11272" s="2">
        <v>12</v>
      </c>
      <c r="Y11272" s="2">
        <v>62</v>
      </c>
      <c r="Z11272" s="2">
        <v>199.7</v>
      </c>
      <c r="AA11272" s="5">
        <v>10</v>
      </c>
      <c r="AB11272" s="5" t="s">
        <v>43</v>
      </c>
      <c r="AC11272" s="5" t="s">
        <v>44</v>
      </c>
      <c r="AD11272" s="2" t="s">
        <v>33639</v>
      </c>
      <c r="AE11272" s="1"/>
    </row>
    <row r="11273" spans="1:31" ht="14.45">
      <c r="A11273" s="11"/>
      <c r="B11273" s="20"/>
      <c r="C11273" s="2" t="s">
        <v>34656</v>
      </c>
      <c r="D11273" s="14" t="s">
        <v>34657</v>
      </c>
      <c r="E11273" s="2" t="s">
        <v>34658</v>
      </c>
      <c r="F11273" s="2" t="s">
        <v>33643</v>
      </c>
      <c r="G11273" s="8">
        <v>221</v>
      </c>
      <c r="H11273" s="5">
        <v>5</v>
      </c>
      <c r="I11273" s="5" t="s">
        <v>69</v>
      </c>
      <c r="J11273" s="5" t="s">
        <v>27074</v>
      </c>
      <c r="K11273" s="2" t="s">
        <v>27075</v>
      </c>
      <c r="L11273" s="5" t="s">
        <v>27074</v>
      </c>
      <c r="M11273" s="2" t="s">
        <v>27075</v>
      </c>
      <c r="N11273" s="5" t="s">
        <v>24254</v>
      </c>
      <c r="O11273" s="5" t="s">
        <v>38</v>
      </c>
      <c r="P11273" s="5" t="s">
        <v>39</v>
      </c>
      <c r="Q11273" s="5" t="s">
        <v>40</v>
      </c>
      <c r="R11273" s="5" t="s">
        <v>24335</v>
      </c>
      <c r="S11273" s="5" t="s">
        <v>40</v>
      </c>
      <c r="T11273" s="5" t="s">
        <v>42</v>
      </c>
      <c r="U11273" s="2">
        <v>6.8</v>
      </c>
      <c r="V11273" s="2">
        <v>4.173</v>
      </c>
      <c r="W11273" s="2">
        <v>0.129</v>
      </c>
      <c r="X11273" s="2">
        <v>12</v>
      </c>
      <c r="Y11273" s="2">
        <v>62</v>
      </c>
      <c r="Z11273" s="2">
        <v>172.9</v>
      </c>
      <c r="AA11273" s="5">
        <v>10</v>
      </c>
      <c r="AB11273" s="5" t="s">
        <v>43</v>
      </c>
      <c r="AC11273" s="5" t="s">
        <v>44</v>
      </c>
      <c r="AD11273" s="2" t="s">
        <v>33644</v>
      </c>
      <c r="AE11273" s="1"/>
    </row>
    <row r="11274" spans="1:31" ht="14.45">
      <c r="A11274" s="11"/>
      <c r="B11274" s="20"/>
      <c r="C11274" s="2" t="s">
        <v>34659</v>
      </c>
      <c r="D11274" s="14" t="s">
        <v>34660</v>
      </c>
      <c r="E11274" s="2" t="s">
        <v>34661</v>
      </c>
      <c r="F11274" s="2" t="s">
        <v>33643</v>
      </c>
      <c r="G11274" s="8">
        <v>221</v>
      </c>
      <c r="H11274" s="5">
        <v>5</v>
      </c>
      <c r="I11274" s="5" t="s">
        <v>69</v>
      </c>
      <c r="J11274" s="5" t="s">
        <v>27074</v>
      </c>
      <c r="K11274" s="2" t="s">
        <v>27075</v>
      </c>
      <c r="L11274" s="5" t="s">
        <v>27074</v>
      </c>
      <c r="M11274" s="2" t="s">
        <v>27075</v>
      </c>
      <c r="N11274" s="5" t="s">
        <v>24254</v>
      </c>
      <c r="O11274" s="5" t="s">
        <v>38</v>
      </c>
      <c r="P11274" s="5" t="s">
        <v>39</v>
      </c>
      <c r="Q11274" s="5" t="s">
        <v>40</v>
      </c>
      <c r="R11274" s="5" t="s">
        <v>24335</v>
      </c>
      <c r="S11274" s="5" t="s">
        <v>40</v>
      </c>
      <c r="T11274" s="5" t="s">
        <v>42</v>
      </c>
      <c r="U11274" s="2">
        <v>7.35</v>
      </c>
      <c r="V11274" s="2">
        <v>4.6310000000000002</v>
      </c>
      <c r="W11274" s="2">
        <v>0.129</v>
      </c>
      <c r="X11274" s="2">
        <v>12</v>
      </c>
      <c r="Y11274" s="2">
        <v>62</v>
      </c>
      <c r="Z11274" s="2">
        <v>172.9</v>
      </c>
      <c r="AA11274" s="5">
        <v>10</v>
      </c>
      <c r="AB11274" s="5" t="s">
        <v>43</v>
      </c>
      <c r="AC11274" s="5" t="s">
        <v>44</v>
      </c>
      <c r="AD11274" s="2" t="s">
        <v>33648</v>
      </c>
      <c r="AE11274" s="1"/>
    </row>
    <row r="11275" spans="1:31" ht="14.45">
      <c r="A11275" s="11"/>
      <c r="B11275" s="20"/>
      <c r="C11275" s="2" t="s">
        <v>34662</v>
      </c>
      <c r="D11275" s="14" t="s">
        <v>34663</v>
      </c>
      <c r="E11275" s="2" t="s">
        <v>34664</v>
      </c>
      <c r="F11275" s="2" t="s">
        <v>33652</v>
      </c>
      <c r="G11275" s="8">
        <v>221</v>
      </c>
      <c r="H11275" s="5">
        <v>5</v>
      </c>
      <c r="I11275" s="5" t="s">
        <v>69</v>
      </c>
      <c r="J11275" s="5" t="s">
        <v>27074</v>
      </c>
      <c r="K11275" s="2" t="s">
        <v>27075</v>
      </c>
      <c r="L11275" s="5" t="s">
        <v>27074</v>
      </c>
      <c r="M11275" s="2" t="s">
        <v>27075</v>
      </c>
      <c r="N11275" s="5" t="s">
        <v>24254</v>
      </c>
      <c r="O11275" s="5" t="s">
        <v>38</v>
      </c>
      <c r="P11275" s="5" t="s">
        <v>39</v>
      </c>
      <c r="Q11275" s="5" t="s">
        <v>40</v>
      </c>
      <c r="R11275" s="5" t="s">
        <v>24335</v>
      </c>
      <c r="S11275" s="5" t="s">
        <v>40</v>
      </c>
      <c r="T11275" s="5" t="s">
        <v>42</v>
      </c>
      <c r="U11275" s="2">
        <v>7.4530000000000003</v>
      </c>
      <c r="V11275" s="2">
        <v>4.6849999999999996</v>
      </c>
      <c r="W11275" s="2">
        <v>0.14899999999999999</v>
      </c>
      <c r="X11275" s="2">
        <v>12</v>
      </c>
      <c r="Y11275" s="2">
        <v>62</v>
      </c>
      <c r="Z11275" s="2">
        <v>199.7</v>
      </c>
      <c r="AA11275" s="5">
        <v>10</v>
      </c>
      <c r="AB11275" s="5" t="s">
        <v>43</v>
      </c>
      <c r="AC11275" s="5" t="s">
        <v>44</v>
      </c>
      <c r="AD11275" s="2" t="s">
        <v>33644</v>
      </c>
      <c r="AE11275" s="1"/>
    </row>
    <row r="11276" spans="1:31" ht="14.45">
      <c r="A11276" s="11"/>
      <c r="B11276" s="20"/>
      <c r="C11276" s="2" t="s">
        <v>34665</v>
      </c>
      <c r="D11276" s="14" t="s">
        <v>34666</v>
      </c>
      <c r="E11276" s="2" t="s">
        <v>34667</v>
      </c>
      <c r="F11276" s="2" t="s">
        <v>33652</v>
      </c>
      <c r="G11276" s="8">
        <v>221</v>
      </c>
      <c r="H11276" s="5">
        <v>5</v>
      </c>
      <c r="I11276" s="5" t="s">
        <v>69</v>
      </c>
      <c r="J11276" s="5" t="s">
        <v>27074</v>
      </c>
      <c r="K11276" s="2" t="s">
        <v>27075</v>
      </c>
      <c r="L11276" s="5" t="s">
        <v>27074</v>
      </c>
      <c r="M11276" s="2" t="s">
        <v>27075</v>
      </c>
      <c r="N11276" s="5" t="s">
        <v>24254</v>
      </c>
      <c r="O11276" s="5" t="s">
        <v>38</v>
      </c>
      <c r="P11276" s="5" t="s">
        <v>39</v>
      </c>
      <c r="Q11276" s="5" t="s">
        <v>40</v>
      </c>
      <c r="R11276" s="5" t="s">
        <v>24335</v>
      </c>
      <c r="S11276" s="5" t="s">
        <v>40</v>
      </c>
      <c r="T11276" s="5" t="s">
        <v>42</v>
      </c>
      <c r="U11276" s="2">
        <v>7.891</v>
      </c>
      <c r="V11276" s="2">
        <v>5.077</v>
      </c>
      <c r="W11276" s="2">
        <v>0.14899999999999999</v>
      </c>
      <c r="X11276" s="2">
        <v>12</v>
      </c>
      <c r="Y11276" s="2">
        <v>62</v>
      </c>
      <c r="Z11276" s="2">
        <v>199.7</v>
      </c>
      <c r="AA11276" s="5">
        <v>10</v>
      </c>
      <c r="AB11276" s="5" t="s">
        <v>43</v>
      </c>
      <c r="AC11276" s="5" t="s">
        <v>44</v>
      </c>
      <c r="AD11276" s="2" t="s">
        <v>33648</v>
      </c>
      <c r="AE11276" s="1"/>
    </row>
    <row r="11277" spans="1:31" ht="14.45">
      <c r="A11277" s="11"/>
      <c r="B11277" s="20"/>
      <c r="C11277" s="2" t="s">
        <v>34668</v>
      </c>
      <c r="D11277" s="14" t="s">
        <v>34669</v>
      </c>
      <c r="E11277" s="2" t="s">
        <v>34670</v>
      </c>
      <c r="F11277" s="2" t="s">
        <v>33659</v>
      </c>
      <c r="G11277" s="8">
        <v>402</v>
      </c>
      <c r="H11277" s="5">
        <v>5</v>
      </c>
      <c r="I11277" s="5" t="s">
        <v>69</v>
      </c>
      <c r="J11277" s="5" t="s">
        <v>27074</v>
      </c>
      <c r="K11277" s="2" t="s">
        <v>27075</v>
      </c>
      <c r="L11277" s="5" t="s">
        <v>27074</v>
      </c>
      <c r="M11277" s="2" t="s">
        <v>27075</v>
      </c>
      <c r="N11277" s="5" t="s">
        <v>24254</v>
      </c>
      <c r="O11277" s="5" t="s">
        <v>38</v>
      </c>
      <c r="P11277" s="5" t="s">
        <v>39</v>
      </c>
      <c r="Q11277" s="5" t="s">
        <v>40</v>
      </c>
      <c r="R11277" s="5" t="s">
        <v>24335</v>
      </c>
      <c r="S11277" s="5" t="s">
        <v>40</v>
      </c>
      <c r="T11277" s="5" t="s">
        <v>42</v>
      </c>
      <c r="U11277" s="2">
        <v>18.954999999999998</v>
      </c>
      <c r="V11277" s="2">
        <v>16.596</v>
      </c>
      <c r="W11277" s="2">
        <v>0.2</v>
      </c>
      <c r="X11277" s="2">
        <v>15</v>
      </c>
      <c r="Y11277" s="2">
        <v>77</v>
      </c>
      <c r="Z11277" s="2">
        <v>173.4</v>
      </c>
      <c r="AA11277" s="5">
        <v>8</v>
      </c>
      <c r="AB11277" s="5" t="s">
        <v>43</v>
      </c>
      <c r="AC11277" s="5" t="s">
        <v>44</v>
      </c>
      <c r="AD11277" s="2" t="s">
        <v>33660</v>
      </c>
      <c r="AE11277" s="1"/>
    </row>
    <row r="11278" spans="1:31" ht="14.45">
      <c r="A11278" s="11"/>
      <c r="B11278" s="20"/>
      <c r="C11278" s="2" t="s">
        <v>34671</v>
      </c>
      <c r="D11278" s="14" t="s">
        <v>34672</v>
      </c>
      <c r="E11278" s="2" t="s">
        <v>34673</v>
      </c>
      <c r="F11278" s="2" t="s">
        <v>33664</v>
      </c>
      <c r="G11278" s="8">
        <v>372</v>
      </c>
      <c r="H11278" s="5">
        <v>10</v>
      </c>
      <c r="I11278" s="5" t="s">
        <v>69</v>
      </c>
      <c r="J11278" s="5" t="s">
        <v>27074</v>
      </c>
      <c r="K11278" s="2" t="s">
        <v>27075</v>
      </c>
      <c r="L11278" s="5" t="s">
        <v>27074</v>
      </c>
      <c r="M11278" s="2" t="s">
        <v>27075</v>
      </c>
      <c r="N11278" s="5" t="s">
        <v>24254</v>
      </c>
      <c r="O11278" s="5" t="s">
        <v>38</v>
      </c>
      <c r="P11278" s="5" t="s">
        <v>39</v>
      </c>
      <c r="Q11278" s="5" t="s">
        <v>40</v>
      </c>
      <c r="R11278" s="5" t="s">
        <v>24340</v>
      </c>
      <c r="S11278" s="5" t="s">
        <v>40</v>
      </c>
      <c r="T11278" s="5" t="s">
        <v>42</v>
      </c>
      <c r="U11278" s="2">
        <v>19.024000000000001</v>
      </c>
      <c r="V11278" s="2">
        <v>16.273</v>
      </c>
      <c r="W11278" s="2">
        <v>0.23100000000000001</v>
      </c>
      <c r="X11278" s="2">
        <v>12</v>
      </c>
      <c r="Y11278" s="2">
        <v>62</v>
      </c>
      <c r="Z11278" s="2">
        <v>199.7</v>
      </c>
      <c r="AA11278" s="5">
        <v>8</v>
      </c>
      <c r="AB11278" s="5" t="s">
        <v>43</v>
      </c>
      <c r="AC11278" s="5" t="s">
        <v>44</v>
      </c>
      <c r="AD11278" s="2" t="s">
        <v>33665</v>
      </c>
      <c r="AE11278" s="1"/>
    </row>
    <row r="11279" spans="1:31" ht="14.45">
      <c r="A11279" s="11"/>
      <c r="B11279" s="20"/>
      <c r="C11279" s="2" t="s">
        <v>34674</v>
      </c>
      <c r="D11279" s="14" t="s">
        <v>34675</v>
      </c>
      <c r="E11279" s="2" t="s">
        <v>34676</v>
      </c>
      <c r="F11279" s="2" t="s">
        <v>33669</v>
      </c>
      <c r="G11279" s="8">
        <v>372</v>
      </c>
      <c r="H11279" s="5">
        <v>10</v>
      </c>
      <c r="I11279" s="5" t="s">
        <v>69</v>
      </c>
      <c r="J11279" s="5" t="s">
        <v>27074</v>
      </c>
      <c r="K11279" s="2" t="s">
        <v>27075</v>
      </c>
      <c r="L11279" s="5" t="s">
        <v>27074</v>
      </c>
      <c r="M11279" s="2" t="s">
        <v>27075</v>
      </c>
      <c r="N11279" s="5" t="s">
        <v>24254</v>
      </c>
      <c r="O11279" s="5" t="s">
        <v>38</v>
      </c>
      <c r="P11279" s="5" t="s">
        <v>39</v>
      </c>
      <c r="Q11279" s="5" t="s">
        <v>40</v>
      </c>
      <c r="R11279" s="5" t="s">
        <v>24340</v>
      </c>
      <c r="S11279" s="5" t="s">
        <v>40</v>
      </c>
      <c r="T11279" s="5" t="s">
        <v>42</v>
      </c>
      <c r="U11279" s="2">
        <v>15.923</v>
      </c>
      <c r="V11279" s="2">
        <v>13.173</v>
      </c>
      <c r="W11279" s="2">
        <v>0.186</v>
      </c>
      <c r="X11279" s="2">
        <v>12</v>
      </c>
      <c r="Y11279" s="2">
        <v>62</v>
      </c>
      <c r="Z11279" s="2">
        <v>199.7</v>
      </c>
      <c r="AA11279" s="5">
        <v>8</v>
      </c>
      <c r="AB11279" s="5" t="s">
        <v>43</v>
      </c>
      <c r="AC11279" s="5" t="s">
        <v>44</v>
      </c>
      <c r="AD11279" s="2" t="s">
        <v>33665</v>
      </c>
      <c r="AE11279" s="1"/>
    </row>
    <row r="11280" spans="1:31" ht="14.45">
      <c r="A11280" s="11"/>
      <c r="B11280" s="20"/>
      <c r="C11280" s="2" t="s">
        <v>34677</v>
      </c>
      <c r="D11280" s="14" t="s">
        <v>34678</v>
      </c>
      <c r="E11280" s="2" t="s">
        <v>34679</v>
      </c>
      <c r="F11280" s="2" t="s">
        <v>33687</v>
      </c>
      <c r="G11280" s="8">
        <v>372</v>
      </c>
      <c r="H11280" s="5">
        <v>10</v>
      </c>
      <c r="I11280" s="5" t="s">
        <v>69</v>
      </c>
      <c r="J11280" s="5" t="s">
        <v>27074</v>
      </c>
      <c r="K11280" s="2" t="s">
        <v>27075</v>
      </c>
      <c r="L11280" s="5" t="s">
        <v>27074</v>
      </c>
      <c r="M11280" s="2" t="s">
        <v>27075</v>
      </c>
      <c r="N11280" s="5" t="s">
        <v>24254</v>
      </c>
      <c r="O11280" s="5" t="s">
        <v>38</v>
      </c>
      <c r="P11280" s="5" t="s">
        <v>39</v>
      </c>
      <c r="Q11280" s="5" t="s">
        <v>40</v>
      </c>
      <c r="R11280" s="5" t="s">
        <v>24340</v>
      </c>
      <c r="S11280" s="5" t="s">
        <v>40</v>
      </c>
      <c r="T11280" s="5" t="s">
        <v>42</v>
      </c>
      <c r="U11280" s="2">
        <v>12.875999999999999</v>
      </c>
      <c r="V11280" s="2">
        <v>10.061999999999999</v>
      </c>
      <c r="W11280" s="2">
        <v>0.14899999999999999</v>
      </c>
      <c r="X11280" s="2">
        <v>12</v>
      </c>
      <c r="Y11280" s="2">
        <v>62</v>
      </c>
      <c r="Z11280" s="2">
        <v>199.7</v>
      </c>
      <c r="AA11280" s="5">
        <v>10</v>
      </c>
      <c r="AB11280" s="5" t="s">
        <v>43</v>
      </c>
      <c r="AC11280" s="5" t="s">
        <v>44</v>
      </c>
      <c r="AD11280" s="2" t="s">
        <v>33688</v>
      </c>
      <c r="AE11280" s="1"/>
    </row>
    <row r="11281" spans="1:31" ht="14.45">
      <c r="A11281" s="11"/>
      <c r="B11281" s="20"/>
      <c r="C11281" s="2" t="s">
        <v>34680</v>
      </c>
      <c r="D11281" s="14" t="s">
        <v>34681</v>
      </c>
      <c r="E11281" s="2" t="s">
        <v>34682</v>
      </c>
      <c r="F11281" s="2" t="s">
        <v>33692</v>
      </c>
      <c r="G11281" s="8">
        <v>704</v>
      </c>
      <c r="H11281" s="5">
        <v>10</v>
      </c>
      <c r="I11281" s="5" t="s">
        <v>69</v>
      </c>
      <c r="J11281" s="5" t="s">
        <v>27074</v>
      </c>
      <c r="K11281" s="2" t="s">
        <v>27075</v>
      </c>
      <c r="L11281" s="5" t="s">
        <v>27074</v>
      </c>
      <c r="M11281" s="2" t="s">
        <v>27075</v>
      </c>
      <c r="N11281" s="5" t="s">
        <v>24254</v>
      </c>
      <c r="O11281" s="5" t="s">
        <v>38</v>
      </c>
      <c r="P11281" s="5" t="s">
        <v>39</v>
      </c>
      <c r="Q11281" s="5" t="s">
        <v>40</v>
      </c>
      <c r="R11281" s="5" t="s">
        <v>24340</v>
      </c>
      <c r="S11281" s="5" t="s">
        <v>40</v>
      </c>
      <c r="T11281" s="5" t="s">
        <v>42</v>
      </c>
      <c r="U11281" s="2">
        <v>25.212</v>
      </c>
      <c r="V11281" s="2">
        <v>22.864000000000001</v>
      </c>
      <c r="W11281" s="2">
        <v>0.2</v>
      </c>
      <c r="X11281" s="2">
        <v>15</v>
      </c>
      <c r="Y11281" s="2">
        <v>77</v>
      </c>
      <c r="Z11281" s="2">
        <v>173.4</v>
      </c>
      <c r="AA11281" s="5">
        <v>8</v>
      </c>
      <c r="AB11281" s="5" t="s">
        <v>43</v>
      </c>
      <c r="AC11281" s="5" t="s">
        <v>44</v>
      </c>
      <c r="AD11281" s="2" t="s">
        <v>33660</v>
      </c>
      <c r="AE11281" s="1"/>
    </row>
    <row r="11282" spans="1:31" ht="14.45">
      <c r="A11282" s="11"/>
      <c r="B11282" s="20"/>
      <c r="C11282" s="2" t="s">
        <v>34683</v>
      </c>
      <c r="D11282" s="14" t="s">
        <v>34684</v>
      </c>
      <c r="E11282" s="2" t="s">
        <v>34685</v>
      </c>
      <c r="F11282" s="2" t="s">
        <v>33696</v>
      </c>
      <c r="G11282" s="8">
        <v>372</v>
      </c>
      <c r="H11282" s="5">
        <v>10</v>
      </c>
      <c r="I11282" s="5" t="s">
        <v>69</v>
      </c>
      <c r="J11282" s="5" t="s">
        <v>27074</v>
      </c>
      <c r="K11282" s="2" t="s">
        <v>27075</v>
      </c>
      <c r="L11282" s="5" t="s">
        <v>27074</v>
      </c>
      <c r="M11282" s="2" t="s">
        <v>27075</v>
      </c>
      <c r="N11282" s="5" t="s">
        <v>24254</v>
      </c>
      <c r="O11282" s="5" t="s">
        <v>38</v>
      </c>
      <c r="P11282" s="5" t="s">
        <v>39</v>
      </c>
      <c r="Q11282" s="5" t="s">
        <v>40</v>
      </c>
      <c r="R11282" s="5" t="s">
        <v>25301</v>
      </c>
      <c r="S11282" s="5" t="s">
        <v>40</v>
      </c>
      <c r="T11282" s="5" t="s">
        <v>42</v>
      </c>
      <c r="U11282" s="2">
        <v>17.503</v>
      </c>
      <c r="V11282" s="2">
        <v>14.752000000000001</v>
      </c>
      <c r="W11282" s="2">
        <v>0.23100000000000001</v>
      </c>
      <c r="X11282" s="2">
        <v>12</v>
      </c>
      <c r="Y11282" s="2">
        <v>62</v>
      </c>
      <c r="Z11282" s="2">
        <v>199.7</v>
      </c>
      <c r="AA11282" s="5">
        <v>8</v>
      </c>
      <c r="AB11282" s="5" t="s">
        <v>43</v>
      </c>
      <c r="AC11282" s="5" t="s">
        <v>44</v>
      </c>
      <c r="AD11282" s="2" t="s">
        <v>33697</v>
      </c>
      <c r="AE11282" s="1"/>
    </row>
    <row r="11283" spans="1:31" ht="14.45">
      <c r="A11283" s="11"/>
      <c r="B11283" s="20"/>
      <c r="C11283" s="2" t="s">
        <v>34686</v>
      </c>
      <c r="D11283" s="14" t="s">
        <v>34687</v>
      </c>
      <c r="E11283" s="2" t="s">
        <v>34688</v>
      </c>
      <c r="F11283" s="2" t="s">
        <v>33798</v>
      </c>
      <c r="G11283" s="8">
        <v>372</v>
      </c>
      <c r="H11283" s="5">
        <v>10</v>
      </c>
      <c r="I11283" s="5" t="s">
        <v>69</v>
      </c>
      <c r="J11283" s="5" t="s">
        <v>27074</v>
      </c>
      <c r="K11283" s="2" t="s">
        <v>27075</v>
      </c>
      <c r="L11283" s="5" t="s">
        <v>27074</v>
      </c>
      <c r="M11283" s="2" t="s">
        <v>27075</v>
      </c>
      <c r="N11283" s="5" t="s">
        <v>24254</v>
      </c>
      <c r="O11283" s="5" t="s">
        <v>38</v>
      </c>
      <c r="P11283" s="5" t="s">
        <v>39</v>
      </c>
      <c r="Q11283" s="5" t="s">
        <v>40</v>
      </c>
      <c r="R11283" s="5" t="s">
        <v>25301</v>
      </c>
      <c r="S11283" s="5" t="s">
        <v>40</v>
      </c>
      <c r="T11283" s="5" t="s">
        <v>42</v>
      </c>
      <c r="U11283" s="2">
        <v>14.726000000000001</v>
      </c>
      <c r="V11283" s="2">
        <v>11.976000000000001</v>
      </c>
      <c r="W11283" s="2">
        <v>0.14899999999999999</v>
      </c>
      <c r="X11283" s="2">
        <v>12</v>
      </c>
      <c r="Y11283" s="2">
        <v>62</v>
      </c>
      <c r="Z11283" s="2">
        <v>199.7</v>
      </c>
      <c r="AA11283" s="5">
        <v>8</v>
      </c>
      <c r="AB11283" s="5" t="s">
        <v>43</v>
      </c>
      <c r="AC11283" s="5" t="s">
        <v>44</v>
      </c>
      <c r="AD11283" s="2" t="s">
        <v>33697</v>
      </c>
      <c r="AE11283" s="1"/>
    </row>
    <row r="11284" spans="1:31" ht="14.45">
      <c r="A11284" s="11"/>
      <c r="B11284" s="20"/>
      <c r="C11284" s="2" t="s">
        <v>34689</v>
      </c>
      <c r="D11284" s="14" t="s">
        <v>34690</v>
      </c>
      <c r="E11284" s="2" t="s">
        <v>34691</v>
      </c>
      <c r="F11284" s="2" t="s">
        <v>33701</v>
      </c>
      <c r="G11284" s="8">
        <v>372</v>
      </c>
      <c r="H11284" s="5">
        <v>10</v>
      </c>
      <c r="I11284" s="5" t="s">
        <v>69</v>
      </c>
      <c r="J11284" s="5" t="s">
        <v>27074</v>
      </c>
      <c r="K11284" s="2" t="s">
        <v>27075</v>
      </c>
      <c r="L11284" s="5" t="s">
        <v>27074</v>
      </c>
      <c r="M11284" s="2" t="s">
        <v>27075</v>
      </c>
      <c r="N11284" s="5" t="s">
        <v>24254</v>
      </c>
      <c r="O11284" s="5" t="s">
        <v>38</v>
      </c>
      <c r="P11284" s="5" t="s">
        <v>39</v>
      </c>
      <c r="Q11284" s="5" t="s">
        <v>40</v>
      </c>
      <c r="R11284" s="5" t="s">
        <v>25301</v>
      </c>
      <c r="S11284" s="5" t="s">
        <v>40</v>
      </c>
      <c r="T11284" s="5" t="s">
        <v>42</v>
      </c>
      <c r="U11284" s="2">
        <v>12.488</v>
      </c>
      <c r="V11284" s="2">
        <v>10.249000000000001</v>
      </c>
      <c r="W11284" s="2">
        <v>0.11899999999999999</v>
      </c>
      <c r="X11284" s="2">
        <v>12</v>
      </c>
      <c r="Y11284" s="2">
        <v>62</v>
      </c>
      <c r="Z11284" s="2">
        <v>159.9</v>
      </c>
      <c r="AA11284" s="5">
        <v>8</v>
      </c>
      <c r="AB11284" s="5" t="s">
        <v>43</v>
      </c>
      <c r="AC11284" s="5" t="s">
        <v>44</v>
      </c>
      <c r="AD11284" s="2" t="s">
        <v>33697</v>
      </c>
      <c r="AE11284" s="1"/>
    </row>
    <row r="11285" spans="1:31" ht="14.45">
      <c r="A11285" s="11"/>
      <c r="B11285" s="20"/>
      <c r="C11285" s="2" t="s">
        <v>34692</v>
      </c>
      <c r="D11285" s="14" t="s">
        <v>34693</v>
      </c>
      <c r="E11285" s="2" t="s">
        <v>34694</v>
      </c>
      <c r="F11285" s="2" t="s">
        <v>33805</v>
      </c>
      <c r="G11285" s="8">
        <v>372</v>
      </c>
      <c r="H11285" s="5">
        <v>10</v>
      </c>
      <c r="I11285" s="5" t="s">
        <v>69</v>
      </c>
      <c r="J11285" s="5" t="s">
        <v>27074</v>
      </c>
      <c r="K11285" s="2" t="s">
        <v>27075</v>
      </c>
      <c r="L11285" s="5" t="s">
        <v>27074</v>
      </c>
      <c r="M11285" s="2" t="s">
        <v>27075</v>
      </c>
      <c r="N11285" s="5" t="s">
        <v>24254</v>
      </c>
      <c r="O11285" s="5" t="s">
        <v>38</v>
      </c>
      <c r="P11285" s="5" t="s">
        <v>39</v>
      </c>
      <c r="Q11285" s="5" t="s">
        <v>40</v>
      </c>
      <c r="R11285" s="5" t="s">
        <v>25301</v>
      </c>
      <c r="S11285" s="5" t="s">
        <v>40</v>
      </c>
      <c r="T11285" s="5" t="s">
        <v>42</v>
      </c>
      <c r="U11285" s="2">
        <v>12.063000000000001</v>
      </c>
      <c r="V11285" s="2">
        <v>9.39</v>
      </c>
      <c r="W11285" s="2">
        <v>0.14899999999999999</v>
      </c>
      <c r="X11285" s="2">
        <v>12</v>
      </c>
      <c r="Y11285" s="2">
        <v>62</v>
      </c>
      <c r="Z11285" s="2">
        <v>199.7</v>
      </c>
      <c r="AA11285" s="5">
        <v>10</v>
      </c>
      <c r="AB11285" s="5" t="s">
        <v>43</v>
      </c>
      <c r="AC11285" s="5" t="s">
        <v>44</v>
      </c>
      <c r="AD11285" s="2" t="s">
        <v>33806</v>
      </c>
      <c r="AE11285" s="1"/>
    </row>
    <row r="11286" spans="1:31" ht="14.45">
      <c r="A11286" s="11"/>
      <c r="B11286" s="20"/>
      <c r="C11286" s="2" t="s">
        <v>34695</v>
      </c>
      <c r="D11286" s="14" t="s">
        <v>34696</v>
      </c>
      <c r="E11286" s="2" t="s">
        <v>34697</v>
      </c>
      <c r="F11286" s="2" t="s">
        <v>33810</v>
      </c>
      <c r="G11286" s="8">
        <v>372</v>
      </c>
      <c r="H11286" s="5">
        <v>10</v>
      </c>
      <c r="I11286" s="5" t="s">
        <v>69</v>
      </c>
      <c r="J11286" s="5" t="s">
        <v>27074</v>
      </c>
      <c r="K11286" s="2" t="s">
        <v>27075</v>
      </c>
      <c r="L11286" s="5" t="s">
        <v>27074</v>
      </c>
      <c r="M11286" s="2" t="s">
        <v>27075</v>
      </c>
      <c r="N11286" s="5" t="s">
        <v>24254</v>
      </c>
      <c r="O11286" s="5" t="s">
        <v>38</v>
      </c>
      <c r="P11286" s="5" t="s">
        <v>39</v>
      </c>
      <c r="Q11286" s="5" t="s">
        <v>40</v>
      </c>
      <c r="R11286" s="5" t="s">
        <v>25301</v>
      </c>
      <c r="S11286" s="5" t="s">
        <v>40</v>
      </c>
      <c r="T11286" s="5" t="s">
        <v>42</v>
      </c>
      <c r="U11286" s="2">
        <v>8.8810000000000002</v>
      </c>
      <c r="V11286" s="2">
        <v>6.53</v>
      </c>
      <c r="W11286" s="2">
        <v>0.129</v>
      </c>
      <c r="X11286" s="2">
        <v>12</v>
      </c>
      <c r="Y11286" s="2">
        <v>62</v>
      </c>
      <c r="Z11286" s="2">
        <v>172.9</v>
      </c>
      <c r="AA11286" s="5">
        <v>10</v>
      </c>
      <c r="AB11286" s="5" t="s">
        <v>43</v>
      </c>
      <c r="AC11286" s="5" t="s">
        <v>44</v>
      </c>
      <c r="AD11286" s="2" t="s">
        <v>33706</v>
      </c>
      <c r="AE11286" s="1"/>
    </row>
    <row r="11287" spans="1:31" ht="14.45">
      <c r="A11287" s="11"/>
      <c r="B11287" s="20"/>
      <c r="C11287" s="2" t="s">
        <v>34698</v>
      </c>
      <c r="D11287" s="14" t="s">
        <v>34699</v>
      </c>
      <c r="E11287" s="2" t="s">
        <v>34700</v>
      </c>
      <c r="F11287" s="2" t="s">
        <v>33705</v>
      </c>
      <c r="G11287" s="8">
        <v>372</v>
      </c>
      <c r="H11287" s="5">
        <v>10</v>
      </c>
      <c r="I11287" s="5" t="s">
        <v>69</v>
      </c>
      <c r="J11287" s="5" t="s">
        <v>27074</v>
      </c>
      <c r="K11287" s="2" t="s">
        <v>27075</v>
      </c>
      <c r="L11287" s="5" t="s">
        <v>27074</v>
      </c>
      <c r="M11287" s="2" t="s">
        <v>27075</v>
      </c>
      <c r="N11287" s="5" t="s">
        <v>24254</v>
      </c>
      <c r="O11287" s="5" t="s">
        <v>38</v>
      </c>
      <c r="P11287" s="5" t="s">
        <v>39</v>
      </c>
      <c r="Q11287" s="5" t="s">
        <v>40</v>
      </c>
      <c r="R11287" s="5" t="s">
        <v>25301</v>
      </c>
      <c r="S11287" s="5" t="s">
        <v>40</v>
      </c>
      <c r="T11287" s="5" t="s">
        <v>42</v>
      </c>
      <c r="U11287" s="2">
        <v>10.688000000000001</v>
      </c>
      <c r="V11287" s="2">
        <v>7.92</v>
      </c>
      <c r="W11287" s="2">
        <v>0.14899999999999999</v>
      </c>
      <c r="X11287" s="2">
        <v>12</v>
      </c>
      <c r="Y11287" s="2">
        <v>62</v>
      </c>
      <c r="Z11287" s="2">
        <v>199.7</v>
      </c>
      <c r="AA11287" s="5">
        <v>10</v>
      </c>
      <c r="AB11287" s="5" t="s">
        <v>43</v>
      </c>
      <c r="AC11287" s="5" t="s">
        <v>44</v>
      </c>
      <c r="AD11287" s="2" t="s">
        <v>33706</v>
      </c>
      <c r="AE11287" s="1"/>
    </row>
    <row r="11288" spans="1:31" ht="14.45">
      <c r="A11288" s="11"/>
      <c r="B11288" s="20"/>
      <c r="C11288" s="2" t="s">
        <v>34701</v>
      </c>
      <c r="D11288" s="14" t="s">
        <v>34702</v>
      </c>
      <c r="E11288" s="2" t="s">
        <v>34703</v>
      </c>
      <c r="F11288" s="2" t="s">
        <v>33710</v>
      </c>
      <c r="G11288" s="8">
        <v>753</v>
      </c>
      <c r="H11288" s="5">
        <v>5</v>
      </c>
      <c r="I11288" s="5" t="s">
        <v>69</v>
      </c>
      <c r="J11288" s="5" t="s">
        <v>27074</v>
      </c>
      <c r="K11288" s="2" t="s">
        <v>27075</v>
      </c>
      <c r="L11288" s="5" t="s">
        <v>27074</v>
      </c>
      <c r="M11288" s="2" t="s">
        <v>27075</v>
      </c>
      <c r="N11288" s="5" t="s">
        <v>24254</v>
      </c>
      <c r="O11288" s="5" t="s">
        <v>38</v>
      </c>
      <c r="P11288" s="5" t="s">
        <v>39</v>
      </c>
      <c r="Q11288" s="5" t="s">
        <v>40</v>
      </c>
      <c r="R11288" s="5" t="s">
        <v>1487</v>
      </c>
      <c r="S11288" s="5"/>
      <c r="T11288" s="5" t="s">
        <v>42</v>
      </c>
      <c r="U11288" s="2">
        <v>0</v>
      </c>
      <c r="V11288" s="2">
        <v>0</v>
      </c>
      <c r="W11288" s="2">
        <v>0</v>
      </c>
      <c r="X11288" s="2">
        <v>0</v>
      </c>
      <c r="Y11288" s="2">
        <v>0</v>
      </c>
      <c r="Z11288" s="2">
        <v>0</v>
      </c>
      <c r="AA11288" s="5"/>
      <c r="AB11288" s="5" t="s">
        <v>43</v>
      </c>
      <c r="AC11288" s="5" t="s">
        <v>44</v>
      </c>
      <c r="AD11288" s="2" t="s">
        <v>33711</v>
      </c>
      <c r="AE11288" s="1"/>
    </row>
    <row r="11289" spans="1:31" ht="14.45">
      <c r="A11289" s="11"/>
      <c r="B11289" s="20"/>
      <c r="C11289" s="2" t="s">
        <v>34704</v>
      </c>
      <c r="D11289" s="14" t="s">
        <v>34705</v>
      </c>
      <c r="E11289" s="2" t="s">
        <v>34706</v>
      </c>
      <c r="F11289" s="2" t="s">
        <v>33715</v>
      </c>
      <c r="G11289" s="8">
        <v>753</v>
      </c>
      <c r="H11289" s="5">
        <v>15</v>
      </c>
      <c r="I11289" s="5" t="s">
        <v>69</v>
      </c>
      <c r="J11289" s="5" t="s">
        <v>27074</v>
      </c>
      <c r="K11289" s="2" t="s">
        <v>27075</v>
      </c>
      <c r="L11289" s="5" t="s">
        <v>27074</v>
      </c>
      <c r="M11289" s="2" t="s">
        <v>27075</v>
      </c>
      <c r="N11289" s="5" t="s">
        <v>24254</v>
      </c>
      <c r="O11289" s="5" t="s">
        <v>38</v>
      </c>
      <c r="P11289" s="5" t="s">
        <v>39</v>
      </c>
      <c r="Q11289" s="5" t="s">
        <v>40</v>
      </c>
      <c r="R11289" s="5" t="s">
        <v>1487</v>
      </c>
      <c r="S11289" s="5"/>
      <c r="T11289" s="5" t="s">
        <v>42</v>
      </c>
      <c r="U11289" s="2">
        <v>0</v>
      </c>
      <c r="V11289" s="2">
        <v>0</v>
      </c>
      <c r="W11289" s="2">
        <v>0</v>
      </c>
      <c r="X11289" s="2">
        <v>0</v>
      </c>
      <c r="Y11289" s="2">
        <v>0</v>
      </c>
      <c r="Z11289" s="2">
        <v>0</v>
      </c>
      <c r="AA11289" s="5"/>
      <c r="AB11289" s="5" t="s">
        <v>43</v>
      </c>
      <c r="AC11289" s="5" t="s">
        <v>44</v>
      </c>
      <c r="AD11289" s="2" t="s">
        <v>33716</v>
      </c>
      <c r="AE11289" s="1"/>
    </row>
    <row r="11290" spans="1:31" ht="14.45">
      <c r="A11290" s="11"/>
      <c r="B11290" s="20"/>
      <c r="C11290" s="2" t="s">
        <v>34707</v>
      </c>
      <c r="D11290" s="14" t="s">
        <v>34708</v>
      </c>
      <c r="E11290" s="2" t="s">
        <v>34709</v>
      </c>
      <c r="F11290" s="2" t="s">
        <v>33730</v>
      </c>
      <c r="G11290" s="8">
        <v>1055</v>
      </c>
      <c r="H11290" s="5">
        <v>10</v>
      </c>
      <c r="I11290" s="5" t="s">
        <v>69</v>
      </c>
      <c r="J11290" s="5" t="s">
        <v>27074</v>
      </c>
      <c r="K11290" s="2" t="s">
        <v>27075</v>
      </c>
      <c r="L11290" s="5" t="s">
        <v>27074</v>
      </c>
      <c r="M11290" s="2" t="s">
        <v>27075</v>
      </c>
      <c r="N11290" s="5" t="s">
        <v>24254</v>
      </c>
      <c r="O11290" s="5" t="s">
        <v>38</v>
      </c>
      <c r="P11290" s="5" t="s">
        <v>39</v>
      </c>
      <c r="Q11290" s="5" t="s">
        <v>40</v>
      </c>
      <c r="R11290" s="5" t="s">
        <v>1487</v>
      </c>
      <c r="S11290" s="5"/>
      <c r="T11290" s="5" t="s">
        <v>42</v>
      </c>
      <c r="U11290" s="2">
        <v>0</v>
      </c>
      <c r="V11290" s="2">
        <v>0</v>
      </c>
      <c r="W11290" s="2">
        <v>0</v>
      </c>
      <c r="X11290" s="2">
        <v>0</v>
      </c>
      <c r="Y11290" s="2">
        <v>0</v>
      </c>
      <c r="Z11290" s="2">
        <v>0</v>
      </c>
      <c r="AA11290" s="5"/>
      <c r="AB11290" s="5" t="s">
        <v>43</v>
      </c>
      <c r="AC11290" s="5" t="s">
        <v>44</v>
      </c>
      <c r="AD11290" s="2"/>
      <c r="AE11290" s="1"/>
    </row>
    <row r="11291" spans="1:31" ht="14.45">
      <c r="A11291" s="11"/>
      <c r="B11291" s="20"/>
      <c r="C11291" s="2" t="s">
        <v>34710</v>
      </c>
      <c r="D11291" s="14" t="s">
        <v>34711</v>
      </c>
      <c r="E11291" s="2" t="s">
        <v>34712</v>
      </c>
      <c r="F11291" s="2" t="s">
        <v>33734</v>
      </c>
      <c r="G11291" s="8">
        <v>1055</v>
      </c>
      <c r="H11291" s="5">
        <v>15</v>
      </c>
      <c r="I11291" s="5" t="s">
        <v>69</v>
      </c>
      <c r="J11291" s="5" t="s">
        <v>27074</v>
      </c>
      <c r="K11291" s="2" t="s">
        <v>27075</v>
      </c>
      <c r="L11291" s="5" t="s">
        <v>27074</v>
      </c>
      <c r="M11291" s="2" t="s">
        <v>27075</v>
      </c>
      <c r="N11291" s="5" t="s">
        <v>24254</v>
      </c>
      <c r="O11291" s="5" t="s">
        <v>38</v>
      </c>
      <c r="P11291" s="5" t="s">
        <v>39</v>
      </c>
      <c r="Q11291" s="5" t="s">
        <v>40</v>
      </c>
      <c r="R11291" s="5" t="s">
        <v>1487</v>
      </c>
      <c r="S11291" s="5"/>
      <c r="T11291" s="5" t="s">
        <v>42</v>
      </c>
      <c r="U11291" s="2">
        <v>0</v>
      </c>
      <c r="V11291" s="2">
        <v>0</v>
      </c>
      <c r="W11291" s="2">
        <v>0</v>
      </c>
      <c r="X11291" s="2">
        <v>0</v>
      </c>
      <c r="Y11291" s="2">
        <v>0</v>
      </c>
      <c r="Z11291" s="2">
        <v>0</v>
      </c>
      <c r="AA11291" s="5"/>
      <c r="AB11291" s="5" t="s">
        <v>43</v>
      </c>
      <c r="AC11291" s="5" t="s">
        <v>44</v>
      </c>
      <c r="AD11291" s="2"/>
      <c r="AE11291" s="1"/>
    </row>
    <row r="11292" spans="1:31" ht="14.45">
      <c r="A11292" s="11"/>
      <c r="B11292" s="20"/>
      <c r="C11292" s="2" t="s">
        <v>34713</v>
      </c>
      <c r="D11292" s="14" t="s">
        <v>34714</v>
      </c>
      <c r="E11292" s="2" t="s">
        <v>34715</v>
      </c>
      <c r="F11292" s="2" t="s">
        <v>33616</v>
      </c>
      <c r="G11292" s="8">
        <v>312</v>
      </c>
      <c r="H11292" s="5">
        <v>5</v>
      </c>
      <c r="I11292" s="5" t="s">
        <v>69</v>
      </c>
      <c r="J11292" s="5" t="s">
        <v>27074</v>
      </c>
      <c r="K11292" s="2" t="s">
        <v>27075</v>
      </c>
      <c r="L11292" s="5" t="s">
        <v>27074</v>
      </c>
      <c r="M11292" s="2" t="s">
        <v>27075</v>
      </c>
      <c r="N11292" s="5" t="s">
        <v>24254</v>
      </c>
      <c r="O11292" s="5" t="s">
        <v>38</v>
      </c>
      <c r="P11292" s="5" t="s">
        <v>39</v>
      </c>
      <c r="Q11292" s="5" t="s">
        <v>40</v>
      </c>
      <c r="R11292" s="5" t="s">
        <v>24335</v>
      </c>
      <c r="S11292" s="5" t="s">
        <v>40</v>
      </c>
      <c r="T11292" s="5" t="s">
        <v>42</v>
      </c>
      <c r="U11292" s="2">
        <v>16.285</v>
      </c>
      <c r="V11292" s="2">
        <v>13.631</v>
      </c>
      <c r="W11292" s="2">
        <v>0.19500000000000001</v>
      </c>
      <c r="X11292" s="2">
        <v>12</v>
      </c>
      <c r="Y11292" s="2">
        <v>77</v>
      </c>
      <c r="Z11292" s="2">
        <v>210.9</v>
      </c>
      <c r="AA11292" s="5">
        <v>8</v>
      </c>
      <c r="AB11292" s="5" t="s">
        <v>43</v>
      </c>
      <c r="AC11292" s="5" t="s">
        <v>44</v>
      </c>
      <c r="AD11292" s="2" t="s">
        <v>33617</v>
      </c>
      <c r="AE11292" s="1"/>
    </row>
    <row r="11293" spans="1:31" ht="14.45">
      <c r="A11293" s="11"/>
      <c r="B11293" s="20"/>
      <c r="C11293" s="2" t="s">
        <v>34716</v>
      </c>
      <c r="D11293" s="14" t="s">
        <v>34717</v>
      </c>
      <c r="E11293" s="2" t="s">
        <v>34718</v>
      </c>
      <c r="F11293" s="2" t="s">
        <v>33621</v>
      </c>
      <c r="G11293" s="8">
        <v>234</v>
      </c>
      <c r="H11293" s="5">
        <v>10</v>
      </c>
      <c r="I11293" s="5" t="s">
        <v>69</v>
      </c>
      <c r="J11293" s="5" t="s">
        <v>27074</v>
      </c>
      <c r="K11293" s="2" t="s">
        <v>27075</v>
      </c>
      <c r="L11293" s="5" t="s">
        <v>27074</v>
      </c>
      <c r="M11293" s="2" t="s">
        <v>27075</v>
      </c>
      <c r="N11293" s="5" t="s">
        <v>24254</v>
      </c>
      <c r="O11293" s="5" t="s">
        <v>38</v>
      </c>
      <c r="P11293" s="5" t="s">
        <v>39</v>
      </c>
      <c r="Q11293" s="5" t="s">
        <v>40</v>
      </c>
      <c r="R11293" s="5" t="s">
        <v>24335</v>
      </c>
      <c r="S11293" s="5" t="s">
        <v>40</v>
      </c>
      <c r="T11293" s="5" t="s">
        <v>42</v>
      </c>
      <c r="U11293" s="2">
        <v>12.933</v>
      </c>
      <c r="V11293" s="2">
        <v>10.182</v>
      </c>
      <c r="W11293" s="2">
        <v>0.23100000000000001</v>
      </c>
      <c r="X11293" s="2">
        <v>12</v>
      </c>
      <c r="Y11293" s="2">
        <v>62</v>
      </c>
      <c r="Z11293" s="2">
        <v>199.7</v>
      </c>
      <c r="AA11293" s="5">
        <v>8</v>
      </c>
      <c r="AB11293" s="5" t="s">
        <v>43</v>
      </c>
      <c r="AC11293" s="5" t="s">
        <v>44</v>
      </c>
      <c r="AD11293" s="2" t="s">
        <v>33622</v>
      </c>
      <c r="AE11293" s="1"/>
    </row>
    <row r="11294" spans="1:31" ht="14.45">
      <c r="A11294" s="11"/>
      <c r="B11294" s="20"/>
      <c r="C11294" s="2" t="s">
        <v>34719</v>
      </c>
      <c r="D11294" s="14" t="s">
        <v>34720</v>
      </c>
      <c r="E11294" s="2" t="s">
        <v>34721</v>
      </c>
      <c r="F11294" s="2" t="s">
        <v>33626</v>
      </c>
      <c r="G11294" s="8">
        <v>234</v>
      </c>
      <c r="H11294" s="5">
        <v>5</v>
      </c>
      <c r="I11294" s="5" t="s">
        <v>69</v>
      </c>
      <c r="J11294" s="5" t="s">
        <v>27074</v>
      </c>
      <c r="K11294" s="2" t="s">
        <v>27075</v>
      </c>
      <c r="L11294" s="5" t="s">
        <v>27074</v>
      </c>
      <c r="M11294" s="2" t="s">
        <v>27075</v>
      </c>
      <c r="N11294" s="5" t="s">
        <v>24254</v>
      </c>
      <c r="O11294" s="5" t="s">
        <v>38</v>
      </c>
      <c r="P11294" s="5" t="s">
        <v>39</v>
      </c>
      <c r="Q11294" s="5" t="s">
        <v>40</v>
      </c>
      <c r="R11294" s="5" t="s">
        <v>24335</v>
      </c>
      <c r="S11294" s="5" t="s">
        <v>40</v>
      </c>
      <c r="T11294" s="5" t="s">
        <v>42</v>
      </c>
      <c r="U11294" s="2">
        <v>11.006</v>
      </c>
      <c r="V11294" s="2">
        <v>8.2149999999999999</v>
      </c>
      <c r="W11294" s="2">
        <v>0.14899999999999999</v>
      </c>
      <c r="X11294" s="2">
        <v>12</v>
      </c>
      <c r="Y11294" s="2">
        <v>62</v>
      </c>
      <c r="Z11294" s="2">
        <v>199.7</v>
      </c>
      <c r="AA11294" s="5">
        <v>8</v>
      </c>
      <c r="AB11294" s="5" t="s">
        <v>43</v>
      </c>
      <c r="AC11294" s="5" t="s">
        <v>44</v>
      </c>
      <c r="AD11294" s="2" t="s">
        <v>33622</v>
      </c>
      <c r="AE11294" s="1"/>
    </row>
    <row r="11295" spans="1:31" ht="14.45">
      <c r="A11295" s="11"/>
      <c r="B11295" s="20"/>
      <c r="C11295" s="2" t="s">
        <v>34722</v>
      </c>
      <c r="D11295" s="14" t="s">
        <v>34723</v>
      </c>
      <c r="E11295" s="2" t="s">
        <v>34724</v>
      </c>
      <c r="F11295" s="2" t="s">
        <v>33630</v>
      </c>
      <c r="G11295" s="8">
        <v>234</v>
      </c>
      <c r="H11295" s="5">
        <v>10</v>
      </c>
      <c r="I11295" s="5" t="s">
        <v>69</v>
      </c>
      <c r="J11295" s="5" t="s">
        <v>27074</v>
      </c>
      <c r="K11295" s="2" t="s">
        <v>27075</v>
      </c>
      <c r="L11295" s="5" t="s">
        <v>27074</v>
      </c>
      <c r="M11295" s="2" t="s">
        <v>27075</v>
      </c>
      <c r="N11295" s="5" t="s">
        <v>24254</v>
      </c>
      <c r="O11295" s="5" t="s">
        <v>38</v>
      </c>
      <c r="P11295" s="5" t="s">
        <v>39</v>
      </c>
      <c r="Q11295" s="5" t="s">
        <v>40</v>
      </c>
      <c r="R11295" s="5" t="s">
        <v>24335</v>
      </c>
      <c r="S11295" s="5" t="s">
        <v>40</v>
      </c>
      <c r="T11295" s="5" t="s">
        <v>42</v>
      </c>
      <c r="U11295" s="2">
        <v>9.5619999999999994</v>
      </c>
      <c r="V11295" s="2">
        <v>7.1669999999999998</v>
      </c>
      <c r="W11295" s="2">
        <v>0.129</v>
      </c>
      <c r="X11295" s="2">
        <v>12</v>
      </c>
      <c r="Y11295" s="2">
        <v>62</v>
      </c>
      <c r="Z11295" s="2">
        <v>172.9</v>
      </c>
      <c r="AA11295" s="5">
        <v>8</v>
      </c>
      <c r="AB11295" s="5" t="s">
        <v>43</v>
      </c>
      <c r="AC11295" s="5" t="s">
        <v>44</v>
      </c>
      <c r="AD11295" s="2" t="s">
        <v>33622</v>
      </c>
      <c r="AE11295" s="1"/>
    </row>
    <row r="11296" spans="1:31" ht="14.45">
      <c r="A11296" s="11"/>
      <c r="B11296" s="20"/>
      <c r="C11296" s="2" t="s">
        <v>34725</v>
      </c>
      <c r="D11296" s="14" t="s">
        <v>34726</v>
      </c>
      <c r="E11296" s="2" t="s">
        <v>34727</v>
      </c>
      <c r="F11296" s="2" t="s">
        <v>33634</v>
      </c>
      <c r="G11296" s="8">
        <v>234</v>
      </c>
      <c r="H11296" s="5">
        <v>5</v>
      </c>
      <c r="I11296" s="5" t="s">
        <v>69</v>
      </c>
      <c r="J11296" s="5" t="s">
        <v>27074</v>
      </c>
      <c r="K11296" s="2" t="s">
        <v>27075</v>
      </c>
      <c r="L11296" s="5" t="s">
        <v>27074</v>
      </c>
      <c r="M11296" s="2" t="s">
        <v>27075</v>
      </c>
      <c r="N11296" s="5" t="s">
        <v>24254</v>
      </c>
      <c r="O11296" s="5" t="s">
        <v>38</v>
      </c>
      <c r="P11296" s="5" t="s">
        <v>39</v>
      </c>
      <c r="Q11296" s="5" t="s">
        <v>40</v>
      </c>
      <c r="R11296" s="5" t="s">
        <v>24335</v>
      </c>
      <c r="S11296" s="5" t="s">
        <v>40</v>
      </c>
      <c r="T11296" s="5" t="s">
        <v>42</v>
      </c>
      <c r="U11296" s="2">
        <v>8.4550000000000001</v>
      </c>
      <c r="V11296" s="2">
        <v>5.782</v>
      </c>
      <c r="W11296" s="2">
        <v>0.14899999999999999</v>
      </c>
      <c r="X11296" s="2">
        <v>12</v>
      </c>
      <c r="Y11296" s="2">
        <v>62</v>
      </c>
      <c r="Z11296" s="2">
        <v>199.7</v>
      </c>
      <c r="AA11296" s="5">
        <v>10</v>
      </c>
      <c r="AB11296" s="5" t="s">
        <v>43</v>
      </c>
      <c r="AC11296" s="5" t="s">
        <v>44</v>
      </c>
      <c r="AD11296" s="2" t="s">
        <v>33635</v>
      </c>
      <c r="AE11296" s="1"/>
    </row>
    <row r="11297" spans="1:31" ht="14.45">
      <c r="A11297" s="11"/>
      <c r="B11297" s="20"/>
      <c r="C11297" s="2" t="s">
        <v>34728</v>
      </c>
      <c r="D11297" s="14" t="s">
        <v>34729</v>
      </c>
      <c r="E11297" s="2" t="s">
        <v>34730</v>
      </c>
      <c r="F11297" s="2" t="s">
        <v>33634</v>
      </c>
      <c r="G11297" s="8">
        <v>234</v>
      </c>
      <c r="H11297" s="5">
        <v>5</v>
      </c>
      <c r="I11297" s="5" t="s">
        <v>69</v>
      </c>
      <c r="J11297" s="5" t="s">
        <v>27074</v>
      </c>
      <c r="K11297" s="2" t="s">
        <v>27075</v>
      </c>
      <c r="L11297" s="5" t="s">
        <v>27074</v>
      </c>
      <c r="M11297" s="2" t="s">
        <v>27075</v>
      </c>
      <c r="N11297" s="5" t="s">
        <v>24254</v>
      </c>
      <c r="O11297" s="5" t="s">
        <v>38</v>
      </c>
      <c r="P11297" s="5" t="s">
        <v>39</v>
      </c>
      <c r="Q11297" s="5" t="s">
        <v>40</v>
      </c>
      <c r="R11297" s="5" t="s">
        <v>24335</v>
      </c>
      <c r="S11297" s="5" t="s">
        <v>40</v>
      </c>
      <c r="T11297" s="5" t="s">
        <v>42</v>
      </c>
      <c r="U11297" s="2">
        <v>8.859</v>
      </c>
      <c r="V11297" s="2">
        <v>6.14</v>
      </c>
      <c r="W11297" s="2">
        <v>0.14899999999999999</v>
      </c>
      <c r="X11297" s="2">
        <v>12</v>
      </c>
      <c r="Y11297" s="2">
        <v>62</v>
      </c>
      <c r="Z11297" s="2">
        <v>199.7</v>
      </c>
      <c r="AA11297" s="5">
        <v>10</v>
      </c>
      <c r="AB11297" s="5" t="s">
        <v>43</v>
      </c>
      <c r="AC11297" s="5" t="s">
        <v>44</v>
      </c>
      <c r="AD11297" s="2" t="s">
        <v>33639</v>
      </c>
      <c r="AE11297" s="1"/>
    </row>
    <row r="11298" spans="1:31" ht="14.45">
      <c r="A11298" s="11"/>
      <c r="B11298" s="20"/>
      <c r="C11298" s="2" t="s">
        <v>34731</v>
      </c>
      <c r="D11298" s="14" t="s">
        <v>34732</v>
      </c>
      <c r="E11298" s="2" t="s">
        <v>34733</v>
      </c>
      <c r="F11298" s="2" t="s">
        <v>33643</v>
      </c>
      <c r="G11298" s="8">
        <v>234</v>
      </c>
      <c r="H11298" s="5">
        <v>5</v>
      </c>
      <c r="I11298" s="5" t="s">
        <v>69</v>
      </c>
      <c r="J11298" s="5" t="s">
        <v>27074</v>
      </c>
      <c r="K11298" s="2" t="s">
        <v>27075</v>
      </c>
      <c r="L11298" s="5" t="s">
        <v>27074</v>
      </c>
      <c r="M11298" s="2" t="s">
        <v>27075</v>
      </c>
      <c r="N11298" s="5" t="s">
        <v>24254</v>
      </c>
      <c r="O11298" s="5" t="s">
        <v>38</v>
      </c>
      <c r="P11298" s="5" t="s">
        <v>39</v>
      </c>
      <c r="Q11298" s="5" t="s">
        <v>40</v>
      </c>
      <c r="R11298" s="5" t="s">
        <v>24335</v>
      </c>
      <c r="S11298" s="5" t="s">
        <v>40</v>
      </c>
      <c r="T11298" s="5" t="s">
        <v>42</v>
      </c>
      <c r="U11298" s="2">
        <v>7.1310000000000002</v>
      </c>
      <c r="V11298" s="2">
        <v>4.5039999999999996</v>
      </c>
      <c r="W11298" s="2">
        <v>0.14899999999999999</v>
      </c>
      <c r="X11298" s="2">
        <v>12</v>
      </c>
      <c r="Y11298" s="2">
        <v>62</v>
      </c>
      <c r="Z11298" s="2">
        <v>199.7</v>
      </c>
      <c r="AA11298" s="5">
        <v>10</v>
      </c>
      <c r="AB11298" s="5" t="s">
        <v>43</v>
      </c>
      <c r="AC11298" s="5" t="s">
        <v>44</v>
      </c>
      <c r="AD11298" s="2" t="s">
        <v>33644</v>
      </c>
      <c r="AE11298" s="1"/>
    </row>
    <row r="11299" spans="1:31" ht="14.45">
      <c r="A11299" s="11"/>
      <c r="B11299" s="20"/>
      <c r="C11299" s="2" t="s">
        <v>34734</v>
      </c>
      <c r="D11299" s="14" t="s">
        <v>34735</v>
      </c>
      <c r="E11299" s="2" t="s">
        <v>34736</v>
      </c>
      <c r="F11299" s="2" t="s">
        <v>33643</v>
      </c>
      <c r="G11299" s="8">
        <v>234</v>
      </c>
      <c r="H11299" s="5">
        <v>5</v>
      </c>
      <c r="I11299" s="5" t="s">
        <v>69</v>
      </c>
      <c r="J11299" s="5" t="s">
        <v>27074</v>
      </c>
      <c r="K11299" s="2" t="s">
        <v>27075</v>
      </c>
      <c r="L11299" s="5" t="s">
        <v>27074</v>
      </c>
      <c r="M11299" s="2" t="s">
        <v>27075</v>
      </c>
      <c r="N11299" s="5" t="s">
        <v>24254</v>
      </c>
      <c r="O11299" s="5" t="s">
        <v>38</v>
      </c>
      <c r="P11299" s="5" t="s">
        <v>39</v>
      </c>
      <c r="Q11299" s="5" t="s">
        <v>40</v>
      </c>
      <c r="R11299" s="5" t="s">
        <v>24335</v>
      </c>
      <c r="S11299" s="5" t="s">
        <v>40</v>
      </c>
      <c r="T11299" s="5" t="s">
        <v>42</v>
      </c>
      <c r="U11299" s="2">
        <v>7.681</v>
      </c>
      <c r="V11299" s="2">
        <v>4.9619999999999997</v>
      </c>
      <c r="W11299" s="2">
        <v>0.14899999999999999</v>
      </c>
      <c r="X11299" s="2">
        <v>12</v>
      </c>
      <c r="Y11299" s="2">
        <v>62</v>
      </c>
      <c r="Z11299" s="2">
        <v>199.7</v>
      </c>
      <c r="AA11299" s="5">
        <v>10</v>
      </c>
      <c r="AB11299" s="5" t="s">
        <v>43</v>
      </c>
      <c r="AC11299" s="5" t="s">
        <v>44</v>
      </c>
      <c r="AD11299" s="2" t="s">
        <v>33648</v>
      </c>
      <c r="AE11299" s="1"/>
    </row>
    <row r="11300" spans="1:31" ht="14.45">
      <c r="A11300" s="11"/>
      <c r="B11300" s="20"/>
      <c r="C11300" s="2" t="s">
        <v>34737</v>
      </c>
      <c r="D11300" s="14" t="s">
        <v>34738</v>
      </c>
      <c r="E11300" s="2" t="s">
        <v>34739</v>
      </c>
      <c r="F11300" s="2" t="s">
        <v>33652</v>
      </c>
      <c r="G11300" s="8">
        <v>234</v>
      </c>
      <c r="H11300" s="5">
        <v>5</v>
      </c>
      <c r="I11300" s="5" t="s">
        <v>69</v>
      </c>
      <c r="J11300" s="5" t="s">
        <v>27074</v>
      </c>
      <c r="K11300" s="2" t="s">
        <v>27075</v>
      </c>
      <c r="L11300" s="5" t="s">
        <v>27074</v>
      </c>
      <c r="M11300" s="2" t="s">
        <v>27075</v>
      </c>
      <c r="N11300" s="5" t="s">
        <v>24254</v>
      </c>
      <c r="O11300" s="5" t="s">
        <v>38</v>
      </c>
      <c r="P11300" s="5" t="s">
        <v>39</v>
      </c>
      <c r="Q11300" s="5" t="s">
        <v>40</v>
      </c>
      <c r="R11300" s="5" t="s">
        <v>24335</v>
      </c>
      <c r="S11300" s="5" t="s">
        <v>40</v>
      </c>
      <c r="T11300" s="5" t="s">
        <v>42</v>
      </c>
      <c r="U11300" s="2">
        <v>7.8449999999999998</v>
      </c>
      <c r="V11300" s="2">
        <v>5.077</v>
      </c>
      <c r="W11300" s="2">
        <v>0.14899999999999999</v>
      </c>
      <c r="X11300" s="2">
        <v>12</v>
      </c>
      <c r="Y11300" s="2">
        <v>62</v>
      </c>
      <c r="Z11300" s="2">
        <v>199.7</v>
      </c>
      <c r="AA11300" s="5">
        <v>10</v>
      </c>
      <c r="AB11300" s="5" t="s">
        <v>43</v>
      </c>
      <c r="AC11300" s="5" t="s">
        <v>44</v>
      </c>
      <c r="AD11300" s="2" t="s">
        <v>33644</v>
      </c>
      <c r="AE11300" s="1"/>
    </row>
    <row r="11301" spans="1:31" ht="14.45">
      <c r="A11301" s="11"/>
      <c r="B11301" s="20"/>
      <c r="C11301" s="2" t="s">
        <v>34740</v>
      </c>
      <c r="D11301" s="14" t="s">
        <v>34741</v>
      </c>
      <c r="E11301" s="2" t="s">
        <v>34742</v>
      </c>
      <c r="F11301" s="2" t="s">
        <v>33652</v>
      </c>
      <c r="G11301" s="8">
        <v>234</v>
      </c>
      <c r="H11301" s="5">
        <v>5</v>
      </c>
      <c r="I11301" s="5" t="s">
        <v>69</v>
      </c>
      <c r="J11301" s="5" t="s">
        <v>27074</v>
      </c>
      <c r="K11301" s="2" t="s">
        <v>27075</v>
      </c>
      <c r="L11301" s="5" t="s">
        <v>27074</v>
      </c>
      <c r="M11301" s="2" t="s">
        <v>27075</v>
      </c>
      <c r="N11301" s="5" t="s">
        <v>24254</v>
      </c>
      <c r="O11301" s="5" t="s">
        <v>38</v>
      </c>
      <c r="P11301" s="5" t="s">
        <v>39</v>
      </c>
      <c r="Q11301" s="5" t="s">
        <v>40</v>
      </c>
      <c r="R11301" s="5" t="s">
        <v>24335</v>
      </c>
      <c r="S11301" s="5" t="s">
        <v>40</v>
      </c>
      <c r="T11301" s="5" t="s">
        <v>42</v>
      </c>
      <c r="U11301" s="2">
        <v>8.2829999999999995</v>
      </c>
      <c r="V11301" s="2">
        <v>5.4690000000000003</v>
      </c>
      <c r="W11301" s="2">
        <v>0.14899999999999999</v>
      </c>
      <c r="X11301" s="2">
        <v>12</v>
      </c>
      <c r="Y11301" s="2">
        <v>62</v>
      </c>
      <c r="Z11301" s="2">
        <v>199.7</v>
      </c>
      <c r="AA11301" s="5">
        <v>10</v>
      </c>
      <c r="AB11301" s="5" t="s">
        <v>43</v>
      </c>
      <c r="AC11301" s="5" t="s">
        <v>44</v>
      </c>
      <c r="AD11301" s="2" t="s">
        <v>33648</v>
      </c>
      <c r="AE11301" s="1"/>
    </row>
    <row r="11302" spans="1:31" ht="14.45">
      <c r="A11302" s="11"/>
      <c r="B11302" s="20"/>
      <c r="C11302" s="2" t="s">
        <v>34743</v>
      </c>
      <c r="D11302" s="14" t="s">
        <v>34744</v>
      </c>
      <c r="E11302" s="2" t="s">
        <v>34745</v>
      </c>
      <c r="F11302" s="2" t="s">
        <v>33659</v>
      </c>
      <c r="G11302" s="8">
        <v>426</v>
      </c>
      <c r="H11302" s="5">
        <v>5</v>
      </c>
      <c r="I11302" s="5" t="s">
        <v>69</v>
      </c>
      <c r="J11302" s="5" t="s">
        <v>27074</v>
      </c>
      <c r="K11302" s="2" t="s">
        <v>27075</v>
      </c>
      <c r="L11302" s="5" t="s">
        <v>27074</v>
      </c>
      <c r="M11302" s="2" t="s">
        <v>27075</v>
      </c>
      <c r="N11302" s="5" t="s">
        <v>24254</v>
      </c>
      <c r="O11302" s="5" t="s">
        <v>38</v>
      </c>
      <c r="P11302" s="5" t="s">
        <v>39</v>
      </c>
      <c r="Q11302" s="5" t="s">
        <v>40</v>
      </c>
      <c r="R11302" s="5" t="s">
        <v>24335</v>
      </c>
      <c r="S11302" s="5" t="s">
        <v>40</v>
      </c>
      <c r="T11302" s="5" t="s">
        <v>42</v>
      </c>
      <c r="U11302" s="2">
        <v>20.134</v>
      </c>
      <c r="V11302" s="2">
        <v>17.367000000000001</v>
      </c>
      <c r="W11302" s="2">
        <v>0.24399999999999999</v>
      </c>
      <c r="X11302" s="2">
        <v>15</v>
      </c>
      <c r="Y11302" s="2">
        <v>77</v>
      </c>
      <c r="Z11302" s="2">
        <v>210.9</v>
      </c>
      <c r="AA11302" s="5">
        <v>8</v>
      </c>
      <c r="AB11302" s="5" t="s">
        <v>43</v>
      </c>
      <c r="AC11302" s="5" t="s">
        <v>44</v>
      </c>
      <c r="AD11302" s="2" t="s">
        <v>33660</v>
      </c>
      <c r="AE11302" s="1"/>
    </row>
    <row r="11303" spans="1:31" ht="14.45">
      <c r="A11303" s="11"/>
      <c r="B11303" s="20"/>
      <c r="C11303" s="2" t="s">
        <v>34746</v>
      </c>
      <c r="D11303" s="14" t="s">
        <v>34747</v>
      </c>
      <c r="E11303" s="2" t="s">
        <v>34748</v>
      </c>
      <c r="F11303" s="2" t="s">
        <v>33664</v>
      </c>
      <c r="G11303" s="8">
        <v>385</v>
      </c>
      <c r="H11303" s="5">
        <v>10</v>
      </c>
      <c r="I11303" s="5" t="s">
        <v>69</v>
      </c>
      <c r="J11303" s="5" t="s">
        <v>27074</v>
      </c>
      <c r="K11303" s="2" t="s">
        <v>27075</v>
      </c>
      <c r="L11303" s="5" t="s">
        <v>27074</v>
      </c>
      <c r="M11303" s="2" t="s">
        <v>27075</v>
      </c>
      <c r="N11303" s="5" t="s">
        <v>24254</v>
      </c>
      <c r="O11303" s="5" t="s">
        <v>38</v>
      </c>
      <c r="P11303" s="5" t="s">
        <v>39</v>
      </c>
      <c r="Q11303" s="5" t="s">
        <v>40</v>
      </c>
      <c r="R11303" s="5" t="s">
        <v>24340</v>
      </c>
      <c r="S11303" s="5" t="s">
        <v>40</v>
      </c>
      <c r="T11303" s="5" t="s">
        <v>42</v>
      </c>
      <c r="U11303" s="2">
        <v>20.030999999999999</v>
      </c>
      <c r="V11303" s="2">
        <v>17.28</v>
      </c>
      <c r="W11303" s="2">
        <v>0.23100000000000001</v>
      </c>
      <c r="X11303" s="2">
        <v>12</v>
      </c>
      <c r="Y11303" s="2">
        <v>62</v>
      </c>
      <c r="Z11303" s="2">
        <v>199.7</v>
      </c>
      <c r="AA11303" s="5">
        <v>8</v>
      </c>
      <c r="AB11303" s="5" t="s">
        <v>43</v>
      </c>
      <c r="AC11303" s="5" t="s">
        <v>44</v>
      </c>
      <c r="AD11303" s="2" t="s">
        <v>33665</v>
      </c>
      <c r="AE11303" s="1"/>
    </row>
    <row r="11304" spans="1:31" ht="14.45">
      <c r="A11304" s="11"/>
      <c r="B11304" s="20"/>
      <c r="C11304" s="2" t="s">
        <v>34749</v>
      </c>
      <c r="D11304" s="14" t="s">
        <v>34750</v>
      </c>
      <c r="E11304" s="2" t="s">
        <v>34751</v>
      </c>
      <c r="F11304" s="2" t="s">
        <v>33669</v>
      </c>
      <c r="G11304" s="8">
        <v>385</v>
      </c>
      <c r="H11304" s="5">
        <v>10</v>
      </c>
      <c r="I11304" s="5" t="s">
        <v>69</v>
      </c>
      <c r="J11304" s="5" t="s">
        <v>27074</v>
      </c>
      <c r="K11304" s="2" t="s">
        <v>27075</v>
      </c>
      <c r="L11304" s="5" t="s">
        <v>27074</v>
      </c>
      <c r="M11304" s="2" t="s">
        <v>27075</v>
      </c>
      <c r="N11304" s="5" t="s">
        <v>24254</v>
      </c>
      <c r="O11304" s="5" t="s">
        <v>38</v>
      </c>
      <c r="P11304" s="5" t="s">
        <v>39</v>
      </c>
      <c r="Q11304" s="5" t="s">
        <v>40</v>
      </c>
      <c r="R11304" s="5" t="s">
        <v>24340</v>
      </c>
      <c r="S11304" s="5" t="s">
        <v>40</v>
      </c>
      <c r="T11304" s="5" t="s">
        <v>42</v>
      </c>
      <c r="U11304" s="2">
        <v>16.702000000000002</v>
      </c>
      <c r="V11304" s="2">
        <v>13.952</v>
      </c>
      <c r="W11304" s="2">
        <v>0.186</v>
      </c>
      <c r="X11304" s="2">
        <v>12</v>
      </c>
      <c r="Y11304" s="2">
        <v>62</v>
      </c>
      <c r="Z11304" s="2">
        <v>199.7</v>
      </c>
      <c r="AA11304" s="5">
        <v>8</v>
      </c>
      <c r="AB11304" s="5" t="s">
        <v>43</v>
      </c>
      <c r="AC11304" s="5" t="s">
        <v>44</v>
      </c>
      <c r="AD11304" s="2" t="s">
        <v>33665</v>
      </c>
      <c r="AE11304" s="1"/>
    </row>
    <row r="11305" spans="1:31" ht="14.45">
      <c r="A11305" s="11"/>
      <c r="B11305" s="20"/>
      <c r="C11305" s="2" t="s">
        <v>34752</v>
      </c>
      <c r="D11305" s="14" t="s">
        <v>34753</v>
      </c>
      <c r="E11305" s="2" t="s">
        <v>34754</v>
      </c>
      <c r="F11305" s="2" t="s">
        <v>33673</v>
      </c>
      <c r="G11305" s="8">
        <v>385</v>
      </c>
      <c r="H11305" s="5">
        <v>10</v>
      </c>
      <c r="I11305" s="5" t="s">
        <v>69</v>
      </c>
      <c r="J11305" s="5" t="s">
        <v>27074</v>
      </c>
      <c r="K11305" s="2" t="s">
        <v>27075</v>
      </c>
      <c r="L11305" s="5" t="s">
        <v>27074</v>
      </c>
      <c r="M11305" s="2" t="s">
        <v>27075</v>
      </c>
      <c r="N11305" s="5" t="s">
        <v>24254</v>
      </c>
      <c r="O11305" s="5" t="s">
        <v>38</v>
      </c>
      <c r="P11305" s="5" t="s">
        <v>39</v>
      </c>
      <c r="Q11305" s="5" t="s">
        <v>40</v>
      </c>
      <c r="R11305" s="5" t="s">
        <v>24340</v>
      </c>
      <c r="S11305" s="5" t="s">
        <v>40</v>
      </c>
      <c r="T11305" s="5" t="s">
        <v>42</v>
      </c>
      <c r="U11305" s="2">
        <v>14.138999999999999</v>
      </c>
      <c r="V11305" s="2">
        <v>11.744</v>
      </c>
      <c r="W11305" s="2">
        <v>0.129</v>
      </c>
      <c r="X11305" s="2">
        <v>12</v>
      </c>
      <c r="Y11305" s="2">
        <v>62</v>
      </c>
      <c r="Z11305" s="2">
        <v>172.9</v>
      </c>
      <c r="AA11305" s="5">
        <v>8</v>
      </c>
      <c r="AB11305" s="5" t="s">
        <v>43</v>
      </c>
      <c r="AC11305" s="5" t="s">
        <v>44</v>
      </c>
      <c r="AD11305" s="2" t="s">
        <v>33665</v>
      </c>
      <c r="AE11305" s="1"/>
    </row>
    <row r="11306" spans="1:31" ht="14.45">
      <c r="A11306" s="11"/>
      <c r="B11306" s="20"/>
      <c r="C11306" s="2" t="s">
        <v>34755</v>
      </c>
      <c r="D11306" s="14" t="s">
        <v>34756</v>
      </c>
      <c r="E11306" s="2" t="s">
        <v>34757</v>
      </c>
      <c r="F11306" s="2" t="s">
        <v>33687</v>
      </c>
      <c r="G11306" s="8">
        <v>385</v>
      </c>
      <c r="H11306" s="5">
        <v>10</v>
      </c>
      <c r="I11306" s="5" t="s">
        <v>69</v>
      </c>
      <c r="J11306" s="5" t="s">
        <v>27074</v>
      </c>
      <c r="K11306" s="2" t="s">
        <v>27075</v>
      </c>
      <c r="L11306" s="5" t="s">
        <v>27074</v>
      </c>
      <c r="M11306" s="2" t="s">
        <v>27075</v>
      </c>
      <c r="N11306" s="5" t="s">
        <v>24254</v>
      </c>
      <c r="O11306" s="5" t="s">
        <v>38</v>
      </c>
      <c r="P11306" s="5" t="s">
        <v>39</v>
      </c>
      <c r="Q11306" s="5" t="s">
        <v>40</v>
      </c>
      <c r="R11306" s="5" t="s">
        <v>24340</v>
      </c>
      <c r="S11306" s="5" t="s">
        <v>40</v>
      </c>
      <c r="T11306" s="5" t="s">
        <v>42</v>
      </c>
      <c r="U11306" s="2">
        <v>13.692</v>
      </c>
      <c r="V11306" s="2">
        <v>10.878</v>
      </c>
      <c r="W11306" s="2">
        <v>0.14899999999999999</v>
      </c>
      <c r="X11306" s="2">
        <v>12</v>
      </c>
      <c r="Y11306" s="2">
        <v>62</v>
      </c>
      <c r="Z11306" s="2">
        <v>199.7</v>
      </c>
      <c r="AA11306" s="5">
        <v>10</v>
      </c>
      <c r="AB11306" s="5" t="s">
        <v>43</v>
      </c>
      <c r="AC11306" s="5" t="s">
        <v>44</v>
      </c>
      <c r="AD11306" s="2" t="s">
        <v>33688</v>
      </c>
      <c r="AE11306" s="1"/>
    </row>
    <row r="11307" spans="1:31" ht="14.45">
      <c r="A11307" s="11"/>
      <c r="B11307" s="20"/>
      <c r="C11307" s="2" t="s">
        <v>34758</v>
      </c>
      <c r="D11307" s="14" t="s">
        <v>34759</v>
      </c>
      <c r="E11307" s="2" t="s">
        <v>34760</v>
      </c>
      <c r="F11307" s="2" t="s">
        <v>33692</v>
      </c>
      <c r="G11307" s="8">
        <v>728</v>
      </c>
      <c r="H11307" s="5">
        <v>10</v>
      </c>
      <c r="I11307" s="5" t="s">
        <v>69</v>
      </c>
      <c r="J11307" s="5" t="s">
        <v>27074</v>
      </c>
      <c r="K11307" s="2" t="s">
        <v>27075</v>
      </c>
      <c r="L11307" s="5" t="s">
        <v>27074</v>
      </c>
      <c r="M11307" s="2" t="s">
        <v>27075</v>
      </c>
      <c r="N11307" s="5" t="s">
        <v>24254</v>
      </c>
      <c r="O11307" s="5" t="s">
        <v>38</v>
      </c>
      <c r="P11307" s="5" t="s">
        <v>39</v>
      </c>
      <c r="Q11307" s="5" t="s">
        <v>40</v>
      </c>
      <c r="R11307" s="5" t="s">
        <v>24340</v>
      </c>
      <c r="S11307" s="5" t="s">
        <v>40</v>
      </c>
      <c r="T11307" s="5" t="s">
        <v>42</v>
      </c>
      <c r="U11307" s="2">
        <v>26.821000000000002</v>
      </c>
      <c r="V11307" s="2">
        <v>24.472999999999999</v>
      </c>
      <c r="W11307" s="2">
        <v>0.2</v>
      </c>
      <c r="X11307" s="2">
        <v>15</v>
      </c>
      <c r="Y11307" s="2">
        <v>77</v>
      </c>
      <c r="Z11307" s="2">
        <v>173.4</v>
      </c>
      <c r="AA11307" s="5">
        <v>8</v>
      </c>
      <c r="AB11307" s="5" t="s">
        <v>43</v>
      </c>
      <c r="AC11307" s="5" t="s">
        <v>44</v>
      </c>
      <c r="AD11307" s="2" t="s">
        <v>33660</v>
      </c>
      <c r="AE11307" s="1"/>
    </row>
    <row r="11308" spans="1:31" ht="14.45">
      <c r="A11308" s="11"/>
      <c r="B11308" s="20"/>
      <c r="C11308" s="2" t="s">
        <v>34761</v>
      </c>
      <c r="D11308" s="14" t="s">
        <v>34762</v>
      </c>
      <c r="E11308" s="2" t="s">
        <v>34763</v>
      </c>
      <c r="F11308" s="2" t="s">
        <v>33696</v>
      </c>
      <c r="G11308" s="8">
        <v>385</v>
      </c>
      <c r="H11308" s="5">
        <v>10</v>
      </c>
      <c r="I11308" s="5" t="s">
        <v>69</v>
      </c>
      <c r="J11308" s="5" t="s">
        <v>27074</v>
      </c>
      <c r="K11308" s="2" t="s">
        <v>27075</v>
      </c>
      <c r="L11308" s="5" t="s">
        <v>27074</v>
      </c>
      <c r="M11308" s="2" t="s">
        <v>27075</v>
      </c>
      <c r="N11308" s="5" t="s">
        <v>24254</v>
      </c>
      <c r="O11308" s="5" t="s">
        <v>38</v>
      </c>
      <c r="P11308" s="5" t="s">
        <v>39</v>
      </c>
      <c r="Q11308" s="5" t="s">
        <v>40</v>
      </c>
      <c r="R11308" s="5" t="s">
        <v>25301</v>
      </c>
      <c r="S11308" s="5" t="s">
        <v>40</v>
      </c>
      <c r="T11308" s="5" t="s">
        <v>42</v>
      </c>
      <c r="U11308" s="2">
        <v>18.361999999999998</v>
      </c>
      <c r="V11308" s="2">
        <v>15.611000000000001</v>
      </c>
      <c r="W11308" s="2">
        <v>0.23100000000000001</v>
      </c>
      <c r="X11308" s="2">
        <v>12</v>
      </c>
      <c r="Y11308" s="2">
        <v>62</v>
      </c>
      <c r="Z11308" s="2">
        <v>199.7</v>
      </c>
      <c r="AA11308" s="5">
        <v>8</v>
      </c>
      <c r="AB11308" s="5" t="s">
        <v>43</v>
      </c>
      <c r="AC11308" s="5" t="s">
        <v>44</v>
      </c>
      <c r="AD11308" s="2" t="s">
        <v>33697</v>
      </c>
      <c r="AE11308" s="1"/>
    </row>
    <row r="11309" spans="1:31" ht="14.45">
      <c r="A11309" s="11"/>
      <c r="B11309" s="20"/>
      <c r="C11309" s="2" t="s">
        <v>34764</v>
      </c>
      <c r="D11309" s="14" t="s">
        <v>34765</v>
      </c>
      <c r="E11309" s="2" t="s">
        <v>34766</v>
      </c>
      <c r="F11309" s="2" t="s">
        <v>33798</v>
      </c>
      <c r="G11309" s="8">
        <v>385</v>
      </c>
      <c r="H11309" s="5">
        <v>10</v>
      </c>
      <c r="I11309" s="5" t="s">
        <v>69</v>
      </c>
      <c r="J11309" s="5" t="s">
        <v>27074</v>
      </c>
      <c r="K11309" s="2" t="s">
        <v>27075</v>
      </c>
      <c r="L11309" s="5" t="s">
        <v>27074</v>
      </c>
      <c r="M11309" s="2" t="s">
        <v>27075</v>
      </c>
      <c r="N11309" s="5" t="s">
        <v>24254</v>
      </c>
      <c r="O11309" s="5" t="s">
        <v>38</v>
      </c>
      <c r="P11309" s="5" t="s">
        <v>39</v>
      </c>
      <c r="Q11309" s="5" t="s">
        <v>40</v>
      </c>
      <c r="R11309" s="5" t="s">
        <v>25301</v>
      </c>
      <c r="S11309" s="5" t="s">
        <v>40</v>
      </c>
      <c r="T11309" s="5" t="s">
        <v>42</v>
      </c>
      <c r="U11309" s="2">
        <v>15.398</v>
      </c>
      <c r="V11309" s="2">
        <v>12.648</v>
      </c>
      <c r="W11309" s="2">
        <v>0.14899999999999999</v>
      </c>
      <c r="X11309" s="2">
        <v>12</v>
      </c>
      <c r="Y11309" s="2">
        <v>62</v>
      </c>
      <c r="Z11309" s="2">
        <v>199.7</v>
      </c>
      <c r="AA11309" s="5">
        <v>8</v>
      </c>
      <c r="AB11309" s="5" t="s">
        <v>43</v>
      </c>
      <c r="AC11309" s="5" t="s">
        <v>44</v>
      </c>
      <c r="AD11309" s="2" t="s">
        <v>33697</v>
      </c>
      <c r="AE11309" s="1"/>
    </row>
    <row r="11310" spans="1:31" ht="14.45">
      <c r="A11310" s="11"/>
      <c r="B11310" s="20"/>
      <c r="C11310" s="2" t="s">
        <v>34767</v>
      </c>
      <c r="D11310" s="14" t="s">
        <v>34768</v>
      </c>
      <c r="E11310" s="2" t="s">
        <v>34769</v>
      </c>
      <c r="F11310" s="2" t="s">
        <v>33701</v>
      </c>
      <c r="G11310" s="8">
        <v>385</v>
      </c>
      <c r="H11310" s="5">
        <v>10</v>
      </c>
      <c r="I11310" s="5" t="s">
        <v>69</v>
      </c>
      <c r="J11310" s="5" t="s">
        <v>27074</v>
      </c>
      <c r="K11310" s="2" t="s">
        <v>27075</v>
      </c>
      <c r="L11310" s="5" t="s">
        <v>27074</v>
      </c>
      <c r="M11310" s="2" t="s">
        <v>27075</v>
      </c>
      <c r="N11310" s="5" t="s">
        <v>24254</v>
      </c>
      <c r="O11310" s="5" t="s">
        <v>38</v>
      </c>
      <c r="P11310" s="5" t="s">
        <v>39</v>
      </c>
      <c r="Q11310" s="5" t="s">
        <v>40</v>
      </c>
      <c r="R11310" s="5" t="s">
        <v>25301</v>
      </c>
      <c r="S11310" s="5" t="s">
        <v>40</v>
      </c>
      <c r="T11310" s="5" t="s">
        <v>42</v>
      </c>
      <c r="U11310" s="2">
        <v>13.177</v>
      </c>
      <c r="V11310" s="2">
        <v>10.782</v>
      </c>
      <c r="W11310" s="2">
        <v>0.129</v>
      </c>
      <c r="X11310" s="2">
        <v>12</v>
      </c>
      <c r="Y11310" s="2">
        <v>62</v>
      </c>
      <c r="Z11310" s="2">
        <v>172.9</v>
      </c>
      <c r="AA11310" s="5">
        <v>8</v>
      </c>
      <c r="AB11310" s="5" t="s">
        <v>43</v>
      </c>
      <c r="AC11310" s="5" t="s">
        <v>44</v>
      </c>
      <c r="AD11310" s="2" t="s">
        <v>33697</v>
      </c>
      <c r="AE11310" s="1"/>
    </row>
    <row r="11311" spans="1:31" ht="14.45">
      <c r="A11311" s="11"/>
      <c r="B11311" s="20"/>
      <c r="C11311" s="2" t="s">
        <v>34770</v>
      </c>
      <c r="D11311" s="14" t="s">
        <v>34771</v>
      </c>
      <c r="E11311" s="2" t="s">
        <v>34772</v>
      </c>
      <c r="F11311" s="2" t="s">
        <v>33805</v>
      </c>
      <c r="G11311" s="8">
        <v>385</v>
      </c>
      <c r="H11311" s="5">
        <v>10</v>
      </c>
      <c r="I11311" s="5" t="s">
        <v>69</v>
      </c>
      <c r="J11311" s="5" t="s">
        <v>27074</v>
      </c>
      <c r="K11311" s="2" t="s">
        <v>27075</v>
      </c>
      <c r="L11311" s="5" t="s">
        <v>27074</v>
      </c>
      <c r="M11311" s="2" t="s">
        <v>27075</v>
      </c>
      <c r="N11311" s="5" t="s">
        <v>24254</v>
      </c>
      <c r="O11311" s="5" t="s">
        <v>38</v>
      </c>
      <c r="P11311" s="5" t="s">
        <v>39</v>
      </c>
      <c r="Q11311" s="5" t="s">
        <v>40</v>
      </c>
      <c r="R11311" s="5" t="s">
        <v>25301</v>
      </c>
      <c r="S11311" s="5" t="s">
        <v>40</v>
      </c>
      <c r="T11311" s="5" t="s">
        <v>42</v>
      </c>
      <c r="U11311" s="2">
        <v>13.41</v>
      </c>
      <c r="V11311" s="2">
        <v>10.737</v>
      </c>
      <c r="W11311" s="2">
        <v>0.14899999999999999</v>
      </c>
      <c r="X11311" s="2">
        <v>12</v>
      </c>
      <c r="Y11311" s="2">
        <v>62</v>
      </c>
      <c r="Z11311" s="2">
        <v>199.7</v>
      </c>
      <c r="AA11311" s="5">
        <v>10</v>
      </c>
      <c r="AB11311" s="5" t="s">
        <v>43</v>
      </c>
      <c r="AC11311" s="5" t="s">
        <v>44</v>
      </c>
      <c r="AD11311" s="2" t="s">
        <v>33806</v>
      </c>
      <c r="AE11311" s="1"/>
    </row>
    <row r="11312" spans="1:31" ht="14.45">
      <c r="A11312" s="11"/>
      <c r="B11312" s="20"/>
      <c r="C11312" s="2" t="s">
        <v>34773</v>
      </c>
      <c r="D11312" s="14" t="s">
        <v>34774</v>
      </c>
      <c r="E11312" s="2" t="s">
        <v>34775</v>
      </c>
      <c r="F11312" s="2" t="s">
        <v>33810</v>
      </c>
      <c r="G11312" s="8">
        <v>385</v>
      </c>
      <c r="H11312" s="5">
        <v>10</v>
      </c>
      <c r="I11312" s="5" t="s">
        <v>69</v>
      </c>
      <c r="J11312" s="5" t="s">
        <v>27074</v>
      </c>
      <c r="K11312" s="2" t="s">
        <v>27075</v>
      </c>
      <c r="L11312" s="5" t="s">
        <v>27074</v>
      </c>
      <c r="M11312" s="2" t="s">
        <v>27075</v>
      </c>
      <c r="N11312" s="5" t="s">
        <v>24254</v>
      </c>
      <c r="O11312" s="5" t="s">
        <v>38</v>
      </c>
      <c r="P11312" s="5" t="s">
        <v>39</v>
      </c>
      <c r="Q11312" s="5" t="s">
        <v>40</v>
      </c>
      <c r="R11312" s="5" t="s">
        <v>25301</v>
      </c>
      <c r="S11312" s="5" t="s">
        <v>40</v>
      </c>
      <c r="T11312" s="5" t="s">
        <v>42</v>
      </c>
      <c r="U11312" s="2">
        <v>9.7449999999999992</v>
      </c>
      <c r="V11312" s="2">
        <v>7.0720000000000001</v>
      </c>
      <c r="W11312" s="2">
        <v>0.14899999999999999</v>
      </c>
      <c r="X11312" s="2">
        <v>12</v>
      </c>
      <c r="Y11312" s="2">
        <v>62</v>
      </c>
      <c r="Z11312" s="2">
        <v>199.7</v>
      </c>
      <c r="AA11312" s="5">
        <v>10</v>
      </c>
      <c r="AB11312" s="5" t="s">
        <v>43</v>
      </c>
      <c r="AC11312" s="5" t="s">
        <v>44</v>
      </c>
      <c r="AD11312" s="2" t="s">
        <v>33706</v>
      </c>
      <c r="AE11312" s="1"/>
    </row>
    <row r="11313" spans="1:31" ht="14.45">
      <c r="A11313" s="11"/>
      <c r="B11313" s="20"/>
      <c r="C11313" s="2" t="s">
        <v>34776</v>
      </c>
      <c r="D11313" s="14" t="s">
        <v>34777</v>
      </c>
      <c r="E11313" s="2" t="s">
        <v>34778</v>
      </c>
      <c r="F11313" s="2" t="s">
        <v>33710</v>
      </c>
      <c r="G11313" s="8">
        <v>787</v>
      </c>
      <c r="H11313" s="5">
        <v>5</v>
      </c>
      <c r="I11313" s="5" t="s">
        <v>69</v>
      </c>
      <c r="J11313" s="5" t="s">
        <v>27074</v>
      </c>
      <c r="K11313" s="2" t="s">
        <v>27075</v>
      </c>
      <c r="L11313" s="5" t="s">
        <v>27074</v>
      </c>
      <c r="M11313" s="2" t="s">
        <v>27075</v>
      </c>
      <c r="N11313" s="5" t="s">
        <v>24254</v>
      </c>
      <c r="O11313" s="5" t="s">
        <v>38</v>
      </c>
      <c r="P11313" s="5" t="s">
        <v>39</v>
      </c>
      <c r="Q11313" s="5" t="s">
        <v>40</v>
      </c>
      <c r="R11313" s="5" t="s">
        <v>1487</v>
      </c>
      <c r="S11313" s="5"/>
      <c r="T11313" s="5" t="s">
        <v>42</v>
      </c>
      <c r="U11313" s="2">
        <v>0</v>
      </c>
      <c r="V11313" s="2">
        <v>0</v>
      </c>
      <c r="W11313" s="2">
        <v>0</v>
      </c>
      <c r="X11313" s="2">
        <v>0</v>
      </c>
      <c r="Y11313" s="2">
        <v>0</v>
      </c>
      <c r="Z11313" s="2">
        <v>0</v>
      </c>
      <c r="AA11313" s="5"/>
      <c r="AB11313" s="5" t="s">
        <v>43</v>
      </c>
      <c r="AC11313" s="5" t="s">
        <v>44</v>
      </c>
      <c r="AD11313" s="2" t="s">
        <v>33711</v>
      </c>
      <c r="AE11313" s="1"/>
    </row>
    <row r="11314" spans="1:31" ht="14.45">
      <c r="A11314" s="11"/>
      <c r="B11314" s="20"/>
      <c r="C11314" s="2" t="s">
        <v>34779</v>
      </c>
      <c r="D11314" s="14" t="s">
        <v>34780</v>
      </c>
      <c r="E11314" s="2" t="s">
        <v>34781</v>
      </c>
      <c r="F11314" s="2" t="s">
        <v>33715</v>
      </c>
      <c r="G11314" s="8">
        <v>787</v>
      </c>
      <c r="H11314" s="5">
        <v>15</v>
      </c>
      <c r="I11314" s="5" t="s">
        <v>69</v>
      </c>
      <c r="J11314" s="5" t="s">
        <v>27074</v>
      </c>
      <c r="K11314" s="2" t="s">
        <v>27075</v>
      </c>
      <c r="L11314" s="5" t="s">
        <v>27074</v>
      </c>
      <c r="M11314" s="2" t="s">
        <v>27075</v>
      </c>
      <c r="N11314" s="5" t="s">
        <v>24254</v>
      </c>
      <c r="O11314" s="5" t="s">
        <v>38</v>
      </c>
      <c r="P11314" s="5" t="s">
        <v>39</v>
      </c>
      <c r="Q11314" s="5" t="s">
        <v>40</v>
      </c>
      <c r="R11314" s="5" t="s">
        <v>1487</v>
      </c>
      <c r="S11314" s="5"/>
      <c r="T11314" s="5" t="s">
        <v>42</v>
      </c>
      <c r="U11314" s="2">
        <v>0</v>
      </c>
      <c r="V11314" s="2">
        <v>0</v>
      </c>
      <c r="W11314" s="2">
        <v>0</v>
      </c>
      <c r="X11314" s="2">
        <v>0</v>
      </c>
      <c r="Y11314" s="2">
        <v>0</v>
      </c>
      <c r="Z11314" s="2">
        <v>0</v>
      </c>
      <c r="AA11314" s="5"/>
      <c r="AB11314" s="5" t="s">
        <v>43</v>
      </c>
      <c r="AC11314" s="5" t="s">
        <v>44</v>
      </c>
      <c r="AD11314" s="2" t="s">
        <v>33716</v>
      </c>
      <c r="AE11314" s="1"/>
    </row>
    <row r="11315" spans="1:31" ht="14.45">
      <c r="A11315" s="11"/>
      <c r="B11315" s="20"/>
      <c r="C11315" s="2" t="s">
        <v>34782</v>
      </c>
      <c r="D11315" s="14" t="s">
        <v>34783</v>
      </c>
      <c r="E11315" s="2" t="s">
        <v>34784</v>
      </c>
      <c r="F11315" s="2" t="s">
        <v>33730</v>
      </c>
      <c r="G11315" s="8">
        <v>1089</v>
      </c>
      <c r="H11315" s="5">
        <v>10</v>
      </c>
      <c r="I11315" s="5" t="s">
        <v>69</v>
      </c>
      <c r="J11315" s="5" t="s">
        <v>27074</v>
      </c>
      <c r="K11315" s="2" t="s">
        <v>27075</v>
      </c>
      <c r="L11315" s="5" t="s">
        <v>27074</v>
      </c>
      <c r="M11315" s="2" t="s">
        <v>27075</v>
      </c>
      <c r="N11315" s="5" t="s">
        <v>24254</v>
      </c>
      <c r="O11315" s="5" t="s">
        <v>38</v>
      </c>
      <c r="P11315" s="5" t="s">
        <v>39</v>
      </c>
      <c r="Q11315" s="5" t="s">
        <v>40</v>
      </c>
      <c r="R11315" s="5" t="s">
        <v>1487</v>
      </c>
      <c r="S11315" s="5"/>
      <c r="T11315" s="5" t="s">
        <v>42</v>
      </c>
      <c r="U11315" s="2">
        <v>0</v>
      </c>
      <c r="V11315" s="2">
        <v>0</v>
      </c>
      <c r="W11315" s="2">
        <v>0</v>
      </c>
      <c r="X11315" s="2">
        <v>0</v>
      </c>
      <c r="Y11315" s="2">
        <v>0</v>
      </c>
      <c r="Z11315" s="2">
        <v>0</v>
      </c>
      <c r="AA11315" s="5"/>
      <c r="AB11315" s="5" t="s">
        <v>43</v>
      </c>
      <c r="AC11315" s="5" t="s">
        <v>44</v>
      </c>
      <c r="AD11315" s="2"/>
      <c r="AE11315" s="1"/>
    </row>
    <row r="11316" spans="1:31" ht="14.45">
      <c r="A11316" s="11"/>
      <c r="B11316" s="20"/>
      <c r="C11316" s="2" t="s">
        <v>34785</v>
      </c>
      <c r="D11316" s="14" t="s">
        <v>34786</v>
      </c>
      <c r="E11316" s="2" t="s">
        <v>34787</v>
      </c>
      <c r="F11316" s="2" t="s">
        <v>33734</v>
      </c>
      <c r="G11316" s="8">
        <v>1089</v>
      </c>
      <c r="H11316" s="5">
        <v>15</v>
      </c>
      <c r="I11316" s="5" t="s">
        <v>69</v>
      </c>
      <c r="J11316" s="5" t="s">
        <v>27074</v>
      </c>
      <c r="K11316" s="2" t="s">
        <v>27075</v>
      </c>
      <c r="L11316" s="5" t="s">
        <v>27074</v>
      </c>
      <c r="M11316" s="2" t="s">
        <v>27075</v>
      </c>
      <c r="N11316" s="5" t="s">
        <v>24254</v>
      </c>
      <c r="O11316" s="5" t="s">
        <v>38</v>
      </c>
      <c r="P11316" s="5" t="s">
        <v>39</v>
      </c>
      <c r="Q11316" s="5" t="s">
        <v>40</v>
      </c>
      <c r="R11316" s="5" t="s">
        <v>1487</v>
      </c>
      <c r="S11316" s="5"/>
      <c r="T11316" s="5" t="s">
        <v>42</v>
      </c>
      <c r="U11316" s="2">
        <v>0</v>
      </c>
      <c r="V11316" s="2">
        <v>0</v>
      </c>
      <c r="W11316" s="2">
        <v>0</v>
      </c>
      <c r="X11316" s="2">
        <v>0</v>
      </c>
      <c r="Y11316" s="2">
        <v>0</v>
      </c>
      <c r="Z11316" s="2">
        <v>0</v>
      </c>
      <c r="AA11316" s="5"/>
      <c r="AB11316" s="5" t="s">
        <v>43</v>
      </c>
      <c r="AC11316" s="5" t="s">
        <v>44</v>
      </c>
      <c r="AD11316" s="2"/>
      <c r="AE11316" s="1"/>
    </row>
    <row r="11317" spans="1:31" ht="14.45">
      <c r="A11317" s="11"/>
      <c r="B11317" s="20"/>
      <c r="C11317" s="2" t="s">
        <v>34788</v>
      </c>
      <c r="D11317" s="14" t="s">
        <v>34789</v>
      </c>
      <c r="E11317" s="2" t="s">
        <v>34790</v>
      </c>
      <c r="F11317" s="2" t="s">
        <v>34248</v>
      </c>
      <c r="G11317" s="8">
        <v>162</v>
      </c>
      <c r="H11317" s="5">
        <v>5</v>
      </c>
      <c r="I11317" s="5" t="s">
        <v>69</v>
      </c>
      <c r="J11317" s="5" t="s">
        <v>27074</v>
      </c>
      <c r="K11317" s="2" t="s">
        <v>27075</v>
      </c>
      <c r="L11317" s="5" t="s">
        <v>27074</v>
      </c>
      <c r="M11317" s="2" t="s">
        <v>27075</v>
      </c>
      <c r="N11317" s="5" t="s">
        <v>24254</v>
      </c>
      <c r="O11317" s="5" t="s">
        <v>38</v>
      </c>
      <c r="P11317" s="5" t="s">
        <v>39</v>
      </c>
      <c r="Q11317" s="5" t="s">
        <v>40</v>
      </c>
      <c r="R11317" s="5" t="s">
        <v>24335</v>
      </c>
      <c r="S11317" s="5" t="s">
        <v>40</v>
      </c>
      <c r="T11317" s="5" t="s">
        <v>42</v>
      </c>
      <c r="U11317" s="2">
        <v>8.56</v>
      </c>
      <c r="V11317" s="2">
        <v>6.5220000000000002</v>
      </c>
      <c r="W11317" s="2">
        <v>0.11600000000000001</v>
      </c>
      <c r="X11317" s="2">
        <v>12</v>
      </c>
      <c r="Y11317" s="2">
        <v>50</v>
      </c>
      <c r="Z11317" s="2">
        <v>193.9</v>
      </c>
      <c r="AA11317" s="5">
        <v>8</v>
      </c>
      <c r="AB11317" s="5" t="s">
        <v>43</v>
      </c>
      <c r="AC11317" s="5" t="s">
        <v>44</v>
      </c>
      <c r="AD11317" s="2" t="s">
        <v>34249</v>
      </c>
      <c r="AE11317" s="1"/>
    </row>
    <row r="11318" spans="1:31" ht="14.45">
      <c r="A11318" s="11"/>
      <c r="B11318" s="20"/>
      <c r="C11318" s="2" t="s">
        <v>34791</v>
      </c>
      <c r="D11318" s="14" t="s">
        <v>34792</v>
      </c>
      <c r="E11318" s="2" t="s">
        <v>34793</v>
      </c>
      <c r="F11318" s="2" t="s">
        <v>33616</v>
      </c>
      <c r="G11318" s="8">
        <v>296</v>
      </c>
      <c r="H11318" s="5">
        <v>5</v>
      </c>
      <c r="I11318" s="5" t="s">
        <v>69</v>
      </c>
      <c r="J11318" s="5" t="s">
        <v>27074</v>
      </c>
      <c r="K11318" s="2" t="s">
        <v>27075</v>
      </c>
      <c r="L11318" s="5" t="s">
        <v>27074</v>
      </c>
      <c r="M11318" s="2" t="s">
        <v>27075</v>
      </c>
      <c r="N11318" s="5" t="s">
        <v>24254</v>
      </c>
      <c r="O11318" s="5" t="s">
        <v>38</v>
      </c>
      <c r="P11318" s="5" t="s">
        <v>39</v>
      </c>
      <c r="Q11318" s="5" t="s">
        <v>40</v>
      </c>
      <c r="R11318" s="5" t="s">
        <v>24335</v>
      </c>
      <c r="S11318" s="5" t="s">
        <v>40</v>
      </c>
      <c r="T11318" s="5" t="s">
        <v>42</v>
      </c>
      <c r="U11318" s="2">
        <v>16.510000000000002</v>
      </c>
      <c r="V11318" s="2">
        <v>13.867000000000001</v>
      </c>
      <c r="W11318" s="2">
        <v>0.19500000000000001</v>
      </c>
      <c r="X11318" s="2">
        <v>12</v>
      </c>
      <c r="Y11318" s="2">
        <v>77</v>
      </c>
      <c r="Z11318" s="2">
        <v>210.9</v>
      </c>
      <c r="AA11318" s="5">
        <v>8</v>
      </c>
      <c r="AB11318" s="5" t="s">
        <v>43</v>
      </c>
      <c r="AC11318" s="5" t="s">
        <v>44</v>
      </c>
      <c r="AD11318" s="2" t="s">
        <v>33617</v>
      </c>
      <c r="AE11318" s="1"/>
    </row>
    <row r="11319" spans="1:31" ht="14.45">
      <c r="A11319" s="11"/>
      <c r="B11319" s="20"/>
      <c r="C11319" s="2" t="s">
        <v>34794</v>
      </c>
      <c r="D11319" s="14" t="s">
        <v>34795</v>
      </c>
      <c r="E11319" s="2" t="s">
        <v>34796</v>
      </c>
      <c r="F11319" s="2" t="s">
        <v>33621</v>
      </c>
      <c r="G11319" s="8">
        <v>221</v>
      </c>
      <c r="H11319" s="5">
        <v>10</v>
      </c>
      <c r="I11319" s="5" t="s">
        <v>69</v>
      </c>
      <c r="J11319" s="5" t="s">
        <v>27074</v>
      </c>
      <c r="K11319" s="2" t="s">
        <v>27075</v>
      </c>
      <c r="L11319" s="5" t="s">
        <v>27074</v>
      </c>
      <c r="M11319" s="2" t="s">
        <v>27075</v>
      </c>
      <c r="N11319" s="5" t="s">
        <v>24254</v>
      </c>
      <c r="O11319" s="5" t="s">
        <v>38</v>
      </c>
      <c r="P11319" s="5" t="s">
        <v>39</v>
      </c>
      <c r="Q11319" s="5" t="s">
        <v>40</v>
      </c>
      <c r="R11319" s="5" t="s">
        <v>24335</v>
      </c>
      <c r="S11319" s="5" t="s">
        <v>40</v>
      </c>
      <c r="T11319" s="5" t="s">
        <v>42</v>
      </c>
      <c r="U11319" s="2">
        <v>12.635999999999999</v>
      </c>
      <c r="V11319" s="2">
        <v>10.207000000000001</v>
      </c>
      <c r="W11319" s="2">
        <v>0.129</v>
      </c>
      <c r="X11319" s="2">
        <v>12</v>
      </c>
      <c r="Y11319" s="2">
        <v>62</v>
      </c>
      <c r="Z11319" s="2">
        <v>172.9</v>
      </c>
      <c r="AA11319" s="5">
        <v>8</v>
      </c>
      <c r="AB11319" s="5" t="s">
        <v>43</v>
      </c>
      <c r="AC11319" s="5" t="s">
        <v>44</v>
      </c>
      <c r="AD11319" s="2" t="s">
        <v>33622</v>
      </c>
      <c r="AE11319" s="1"/>
    </row>
    <row r="11320" spans="1:31" ht="14.45">
      <c r="A11320" s="11"/>
      <c r="B11320" s="20"/>
      <c r="C11320" s="2" t="s">
        <v>34797</v>
      </c>
      <c r="D11320" s="14" t="s">
        <v>34798</v>
      </c>
      <c r="E11320" s="2" t="s">
        <v>34799</v>
      </c>
      <c r="F11320" s="2" t="s">
        <v>33626</v>
      </c>
      <c r="G11320" s="8">
        <v>221</v>
      </c>
      <c r="H11320" s="5">
        <v>5</v>
      </c>
      <c r="I11320" s="5" t="s">
        <v>69</v>
      </c>
      <c r="J11320" s="5" t="s">
        <v>27074</v>
      </c>
      <c r="K11320" s="2" t="s">
        <v>27075</v>
      </c>
      <c r="L11320" s="5" t="s">
        <v>27074</v>
      </c>
      <c r="M11320" s="2" t="s">
        <v>27075</v>
      </c>
      <c r="N11320" s="5" t="s">
        <v>24254</v>
      </c>
      <c r="O11320" s="5" t="s">
        <v>38</v>
      </c>
      <c r="P11320" s="5" t="s">
        <v>39</v>
      </c>
      <c r="Q11320" s="5" t="s">
        <v>40</v>
      </c>
      <c r="R11320" s="5" t="s">
        <v>24335</v>
      </c>
      <c r="S11320" s="5" t="s">
        <v>40</v>
      </c>
      <c r="T11320" s="5" t="s">
        <v>42</v>
      </c>
      <c r="U11320" s="2">
        <v>11.000999999999999</v>
      </c>
      <c r="V11320" s="2">
        <v>8.2100000000000009</v>
      </c>
      <c r="W11320" s="2">
        <v>0.14899999999999999</v>
      </c>
      <c r="X11320" s="2">
        <v>12</v>
      </c>
      <c r="Y11320" s="2">
        <v>62</v>
      </c>
      <c r="Z11320" s="2">
        <v>199.7</v>
      </c>
      <c r="AA11320" s="5">
        <v>8</v>
      </c>
      <c r="AB11320" s="5" t="s">
        <v>43</v>
      </c>
      <c r="AC11320" s="5" t="s">
        <v>44</v>
      </c>
      <c r="AD11320" s="2" t="s">
        <v>33622</v>
      </c>
      <c r="AE11320" s="1"/>
    </row>
    <row r="11321" spans="1:31" ht="14.45">
      <c r="A11321" s="11"/>
      <c r="B11321" s="20"/>
      <c r="C11321" s="2" t="s">
        <v>34800</v>
      </c>
      <c r="D11321" s="14" t="s">
        <v>34801</v>
      </c>
      <c r="E11321" s="2" t="s">
        <v>34802</v>
      </c>
      <c r="F11321" s="2" t="s">
        <v>33630</v>
      </c>
      <c r="G11321" s="8">
        <v>221</v>
      </c>
      <c r="H11321" s="5">
        <v>10</v>
      </c>
      <c r="I11321" s="5" t="s">
        <v>69</v>
      </c>
      <c r="J11321" s="5" t="s">
        <v>27074</v>
      </c>
      <c r="K11321" s="2" t="s">
        <v>27075</v>
      </c>
      <c r="L11321" s="5" t="s">
        <v>27074</v>
      </c>
      <c r="M11321" s="2" t="s">
        <v>27075</v>
      </c>
      <c r="N11321" s="5" t="s">
        <v>24254</v>
      </c>
      <c r="O11321" s="5" t="s">
        <v>38</v>
      </c>
      <c r="P11321" s="5" t="s">
        <v>39</v>
      </c>
      <c r="Q11321" s="5" t="s">
        <v>40</v>
      </c>
      <c r="R11321" s="5" t="s">
        <v>24335</v>
      </c>
      <c r="S11321" s="5" t="s">
        <v>40</v>
      </c>
      <c r="T11321" s="5" t="s">
        <v>42</v>
      </c>
      <c r="U11321" s="2">
        <v>9.9510000000000005</v>
      </c>
      <c r="V11321" s="2">
        <v>7.234</v>
      </c>
      <c r="W11321" s="2">
        <v>0.11899999999999999</v>
      </c>
      <c r="X11321" s="2">
        <v>12</v>
      </c>
      <c r="Y11321" s="2">
        <v>62</v>
      </c>
      <c r="Z11321" s="2">
        <v>159.9</v>
      </c>
      <c r="AA11321" s="5">
        <v>8</v>
      </c>
      <c r="AB11321" s="5" t="s">
        <v>43</v>
      </c>
      <c r="AC11321" s="5" t="s">
        <v>44</v>
      </c>
      <c r="AD11321" s="2" t="s">
        <v>33622</v>
      </c>
      <c r="AE11321" s="1"/>
    </row>
    <row r="11322" spans="1:31" ht="14.45">
      <c r="A11322" s="11"/>
      <c r="B11322" s="20"/>
      <c r="C11322" s="2" t="s">
        <v>34803</v>
      </c>
      <c r="D11322" s="14" t="s">
        <v>34804</v>
      </c>
      <c r="E11322" s="2" t="s">
        <v>34805</v>
      </c>
      <c r="F11322" s="2" t="s">
        <v>33634</v>
      </c>
      <c r="G11322" s="8">
        <v>221</v>
      </c>
      <c r="H11322" s="5">
        <v>5</v>
      </c>
      <c r="I11322" s="5" t="s">
        <v>69</v>
      </c>
      <c r="J11322" s="5" t="s">
        <v>27074</v>
      </c>
      <c r="K11322" s="2" t="s">
        <v>27075</v>
      </c>
      <c r="L11322" s="5" t="s">
        <v>27074</v>
      </c>
      <c r="M11322" s="2" t="s">
        <v>27075</v>
      </c>
      <c r="N11322" s="5" t="s">
        <v>24254</v>
      </c>
      <c r="O11322" s="5" t="s">
        <v>38</v>
      </c>
      <c r="P11322" s="5" t="s">
        <v>39</v>
      </c>
      <c r="Q11322" s="5" t="s">
        <v>40</v>
      </c>
      <c r="R11322" s="5" t="s">
        <v>24335</v>
      </c>
      <c r="S11322" s="5" t="s">
        <v>40</v>
      </c>
      <c r="T11322" s="5" t="s">
        <v>42</v>
      </c>
      <c r="U11322" s="2">
        <v>7.7859999999999996</v>
      </c>
      <c r="V11322" s="2">
        <v>5.1130000000000004</v>
      </c>
      <c r="W11322" s="2">
        <v>0.11899999999999999</v>
      </c>
      <c r="X11322" s="2">
        <v>12</v>
      </c>
      <c r="Y11322" s="2">
        <v>62</v>
      </c>
      <c r="Z11322" s="2">
        <v>159.9</v>
      </c>
      <c r="AA11322" s="5">
        <v>10</v>
      </c>
      <c r="AB11322" s="5" t="s">
        <v>43</v>
      </c>
      <c r="AC11322" s="5" t="s">
        <v>44</v>
      </c>
      <c r="AD11322" s="2" t="s">
        <v>33635</v>
      </c>
      <c r="AE11322" s="1"/>
    </row>
    <row r="11323" spans="1:31" ht="14.45">
      <c r="A11323" s="11"/>
      <c r="B11323" s="20"/>
      <c r="C11323" s="2" t="s">
        <v>34806</v>
      </c>
      <c r="D11323" s="14" t="s">
        <v>34807</v>
      </c>
      <c r="E11323" s="2" t="s">
        <v>34808</v>
      </c>
      <c r="F11323" s="2" t="s">
        <v>33634</v>
      </c>
      <c r="G11323" s="8">
        <v>221</v>
      </c>
      <c r="H11323" s="5">
        <v>5</v>
      </c>
      <c r="I11323" s="5" t="s">
        <v>69</v>
      </c>
      <c r="J11323" s="5" t="s">
        <v>27074</v>
      </c>
      <c r="K11323" s="2" t="s">
        <v>27075</v>
      </c>
      <c r="L11323" s="5" t="s">
        <v>27074</v>
      </c>
      <c r="M11323" s="2" t="s">
        <v>27075</v>
      </c>
      <c r="N11323" s="5" t="s">
        <v>24254</v>
      </c>
      <c r="O11323" s="5" t="s">
        <v>38</v>
      </c>
      <c r="P11323" s="5" t="s">
        <v>39</v>
      </c>
      <c r="Q11323" s="5" t="s">
        <v>40</v>
      </c>
      <c r="R11323" s="5" t="s">
        <v>24335</v>
      </c>
      <c r="S11323" s="5" t="s">
        <v>40</v>
      </c>
      <c r="T11323" s="5" t="s">
        <v>42</v>
      </c>
      <c r="U11323" s="2">
        <v>8.2479999999999993</v>
      </c>
      <c r="V11323" s="2">
        <v>5.5289999999999999</v>
      </c>
      <c r="W11323" s="2">
        <v>0.11899999999999999</v>
      </c>
      <c r="X11323" s="2">
        <v>12</v>
      </c>
      <c r="Y11323" s="2">
        <v>62</v>
      </c>
      <c r="Z11323" s="2">
        <v>159.9</v>
      </c>
      <c r="AA11323" s="5">
        <v>10</v>
      </c>
      <c r="AB11323" s="5" t="s">
        <v>43</v>
      </c>
      <c r="AC11323" s="5" t="s">
        <v>44</v>
      </c>
      <c r="AD11323" s="2" t="s">
        <v>33639</v>
      </c>
      <c r="AE11323" s="1"/>
    </row>
    <row r="11324" spans="1:31" ht="14.45">
      <c r="A11324" s="11"/>
      <c r="B11324" s="20"/>
      <c r="C11324" s="2" t="s">
        <v>34809</v>
      </c>
      <c r="D11324" s="14" t="s">
        <v>34810</v>
      </c>
      <c r="E11324" s="2" t="s">
        <v>34811</v>
      </c>
      <c r="F11324" s="2" t="s">
        <v>33643</v>
      </c>
      <c r="G11324" s="8">
        <v>221</v>
      </c>
      <c r="H11324" s="5">
        <v>5</v>
      </c>
      <c r="I11324" s="5" t="s">
        <v>69</v>
      </c>
      <c r="J11324" s="5" t="s">
        <v>27074</v>
      </c>
      <c r="K11324" s="2" t="s">
        <v>27075</v>
      </c>
      <c r="L11324" s="5" t="s">
        <v>27074</v>
      </c>
      <c r="M11324" s="2" t="s">
        <v>27075</v>
      </c>
      <c r="N11324" s="5" t="s">
        <v>24254</v>
      </c>
      <c r="O11324" s="5" t="s">
        <v>38</v>
      </c>
      <c r="P11324" s="5" t="s">
        <v>39</v>
      </c>
      <c r="Q11324" s="5" t="s">
        <v>40</v>
      </c>
      <c r="R11324" s="5" t="s">
        <v>24335</v>
      </c>
      <c r="S11324" s="5" t="s">
        <v>40</v>
      </c>
      <c r="T11324" s="5" t="s">
        <v>42</v>
      </c>
      <c r="U11324" s="2">
        <v>6.7279999999999998</v>
      </c>
      <c r="V11324" s="2">
        <v>4.101</v>
      </c>
      <c r="W11324" s="2">
        <v>0.11899999999999999</v>
      </c>
      <c r="X11324" s="2">
        <v>12</v>
      </c>
      <c r="Y11324" s="2">
        <v>62</v>
      </c>
      <c r="Z11324" s="2">
        <v>159.9</v>
      </c>
      <c r="AA11324" s="5">
        <v>10</v>
      </c>
      <c r="AB11324" s="5" t="s">
        <v>43</v>
      </c>
      <c r="AC11324" s="5" t="s">
        <v>44</v>
      </c>
      <c r="AD11324" s="2" t="s">
        <v>33644</v>
      </c>
      <c r="AE11324" s="1"/>
    </row>
    <row r="11325" spans="1:31" ht="14.45">
      <c r="A11325" s="11"/>
      <c r="B11325" s="20"/>
      <c r="C11325" s="2" t="s">
        <v>34812</v>
      </c>
      <c r="D11325" s="14" t="s">
        <v>34813</v>
      </c>
      <c r="E11325" s="2" t="s">
        <v>34814</v>
      </c>
      <c r="F11325" s="2" t="s">
        <v>33643</v>
      </c>
      <c r="G11325" s="8">
        <v>221</v>
      </c>
      <c r="H11325" s="5">
        <v>5</v>
      </c>
      <c r="I11325" s="5" t="s">
        <v>69</v>
      </c>
      <c r="J11325" s="5" t="s">
        <v>27074</v>
      </c>
      <c r="K11325" s="2" t="s">
        <v>27075</v>
      </c>
      <c r="L11325" s="5" t="s">
        <v>27074</v>
      </c>
      <c r="M11325" s="2" t="s">
        <v>27075</v>
      </c>
      <c r="N11325" s="5" t="s">
        <v>24254</v>
      </c>
      <c r="O11325" s="5" t="s">
        <v>38</v>
      </c>
      <c r="P11325" s="5" t="s">
        <v>39</v>
      </c>
      <c r="Q11325" s="5" t="s">
        <v>40</v>
      </c>
      <c r="R11325" s="5" t="s">
        <v>24335</v>
      </c>
      <c r="S11325" s="5" t="s">
        <v>40</v>
      </c>
      <c r="T11325" s="5" t="s">
        <v>42</v>
      </c>
      <c r="U11325" s="2">
        <v>7.3360000000000003</v>
      </c>
      <c r="V11325" s="2">
        <v>4.617</v>
      </c>
      <c r="W11325" s="2">
        <v>0.11899999999999999</v>
      </c>
      <c r="X11325" s="2">
        <v>12</v>
      </c>
      <c r="Y11325" s="2">
        <v>62</v>
      </c>
      <c r="Z11325" s="2">
        <v>159.9</v>
      </c>
      <c r="AA11325" s="5">
        <v>10</v>
      </c>
      <c r="AB11325" s="5" t="s">
        <v>43</v>
      </c>
      <c r="AC11325" s="5" t="s">
        <v>44</v>
      </c>
      <c r="AD11325" s="2" t="s">
        <v>33648</v>
      </c>
      <c r="AE11325" s="1"/>
    </row>
    <row r="11326" spans="1:31" ht="14.45">
      <c r="A11326" s="11"/>
      <c r="B11326" s="20"/>
      <c r="C11326" s="2" t="s">
        <v>34815</v>
      </c>
      <c r="D11326" s="14" t="s">
        <v>34816</v>
      </c>
      <c r="E11326" s="2" t="s">
        <v>34817</v>
      </c>
      <c r="F11326" s="2" t="s">
        <v>33652</v>
      </c>
      <c r="G11326" s="8">
        <v>221</v>
      </c>
      <c r="H11326" s="5">
        <v>5</v>
      </c>
      <c r="I11326" s="5" t="s">
        <v>69</v>
      </c>
      <c r="J11326" s="5" t="s">
        <v>27074</v>
      </c>
      <c r="K11326" s="2" t="s">
        <v>27075</v>
      </c>
      <c r="L11326" s="5" t="s">
        <v>27074</v>
      </c>
      <c r="M11326" s="2" t="s">
        <v>27075</v>
      </c>
      <c r="N11326" s="5" t="s">
        <v>24254</v>
      </c>
      <c r="O11326" s="5" t="s">
        <v>38</v>
      </c>
      <c r="P11326" s="5" t="s">
        <v>39</v>
      </c>
      <c r="Q11326" s="5" t="s">
        <v>40</v>
      </c>
      <c r="R11326" s="5" t="s">
        <v>24335</v>
      </c>
      <c r="S11326" s="5" t="s">
        <v>40</v>
      </c>
      <c r="T11326" s="5" t="s">
        <v>42</v>
      </c>
      <c r="U11326" s="2">
        <v>6.8550000000000004</v>
      </c>
      <c r="V11326" s="2">
        <v>4.5449999999999999</v>
      </c>
      <c r="W11326" s="2">
        <v>0.11899999999999999</v>
      </c>
      <c r="X11326" s="2">
        <v>12</v>
      </c>
      <c r="Y11326" s="2">
        <v>62</v>
      </c>
      <c r="Z11326" s="2">
        <v>159.9</v>
      </c>
      <c r="AA11326" s="5">
        <v>10</v>
      </c>
      <c r="AB11326" s="5" t="s">
        <v>43</v>
      </c>
      <c r="AC11326" s="5" t="s">
        <v>44</v>
      </c>
      <c r="AD11326" s="2" t="s">
        <v>33644</v>
      </c>
      <c r="AE11326" s="1"/>
    </row>
    <row r="11327" spans="1:31" ht="14.45">
      <c r="A11327" s="11"/>
      <c r="B11327" s="20"/>
      <c r="C11327" s="2" t="s">
        <v>34818</v>
      </c>
      <c r="D11327" s="14" t="s">
        <v>34819</v>
      </c>
      <c r="E11327" s="2" t="s">
        <v>34820</v>
      </c>
      <c r="F11327" s="2" t="s">
        <v>33652</v>
      </c>
      <c r="G11327" s="8">
        <v>221</v>
      </c>
      <c r="H11327" s="5">
        <v>5</v>
      </c>
      <c r="I11327" s="5" t="s">
        <v>69</v>
      </c>
      <c r="J11327" s="5" t="s">
        <v>27074</v>
      </c>
      <c r="K11327" s="2" t="s">
        <v>27075</v>
      </c>
      <c r="L11327" s="5" t="s">
        <v>27074</v>
      </c>
      <c r="M11327" s="2" t="s">
        <v>27075</v>
      </c>
      <c r="N11327" s="5" t="s">
        <v>24254</v>
      </c>
      <c r="O11327" s="5" t="s">
        <v>38</v>
      </c>
      <c r="P11327" s="5" t="s">
        <v>39</v>
      </c>
      <c r="Q11327" s="5" t="s">
        <v>40</v>
      </c>
      <c r="R11327" s="5" t="s">
        <v>24335</v>
      </c>
      <c r="S11327" s="5" t="s">
        <v>40</v>
      </c>
      <c r="T11327" s="5" t="s">
        <v>42</v>
      </c>
      <c r="U11327" s="2">
        <v>7.3470000000000004</v>
      </c>
      <c r="V11327" s="2">
        <v>4.9909999999999997</v>
      </c>
      <c r="W11327" s="2">
        <v>0.11899999999999999</v>
      </c>
      <c r="X11327" s="2">
        <v>12</v>
      </c>
      <c r="Y11327" s="2">
        <v>62</v>
      </c>
      <c r="Z11327" s="2">
        <v>159.9</v>
      </c>
      <c r="AA11327" s="5">
        <v>10</v>
      </c>
      <c r="AB11327" s="5" t="s">
        <v>43</v>
      </c>
      <c r="AC11327" s="5" t="s">
        <v>44</v>
      </c>
      <c r="AD11327" s="2" t="s">
        <v>33648</v>
      </c>
      <c r="AE11327" s="1"/>
    </row>
    <row r="11328" spans="1:31" ht="14.45">
      <c r="A11328" s="11"/>
      <c r="B11328" s="20"/>
      <c r="C11328" s="2" t="s">
        <v>34821</v>
      </c>
      <c r="D11328" s="14" t="s">
        <v>34822</v>
      </c>
      <c r="E11328" s="2" t="s">
        <v>34823</v>
      </c>
      <c r="F11328" s="2" t="s">
        <v>33659</v>
      </c>
      <c r="G11328" s="8">
        <v>402</v>
      </c>
      <c r="H11328" s="5">
        <v>5</v>
      </c>
      <c r="I11328" s="5" t="s">
        <v>69</v>
      </c>
      <c r="J11328" s="5" t="s">
        <v>27074</v>
      </c>
      <c r="K11328" s="2" t="s">
        <v>27075</v>
      </c>
      <c r="L11328" s="5" t="s">
        <v>27074</v>
      </c>
      <c r="M11328" s="2" t="s">
        <v>27075</v>
      </c>
      <c r="N11328" s="5" t="s">
        <v>24254</v>
      </c>
      <c r="O11328" s="5" t="s">
        <v>38</v>
      </c>
      <c r="P11328" s="5" t="s">
        <v>39</v>
      </c>
      <c r="Q11328" s="5" t="s">
        <v>40</v>
      </c>
      <c r="R11328" s="5" t="s">
        <v>24335</v>
      </c>
      <c r="S11328" s="5" t="s">
        <v>40</v>
      </c>
      <c r="T11328" s="5" t="s">
        <v>42</v>
      </c>
      <c r="U11328" s="2">
        <v>20.001000000000001</v>
      </c>
      <c r="V11328" s="2">
        <v>17.234000000000002</v>
      </c>
      <c r="W11328" s="2">
        <v>0.24399999999999999</v>
      </c>
      <c r="X11328" s="2">
        <v>15</v>
      </c>
      <c r="Y11328" s="2">
        <v>77</v>
      </c>
      <c r="Z11328" s="2">
        <v>210.9</v>
      </c>
      <c r="AA11328" s="5">
        <v>8</v>
      </c>
      <c r="AB11328" s="5" t="s">
        <v>43</v>
      </c>
      <c r="AC11328" s="5" t="s">
        <v>44</v>
      </c>
      <c r="AD11328" s="2" t="s">
        <v>33660</v>
      </c>
      <c r="AE11328" s="1"/>
    </row>
    <row r="11329" spans="1:31" ht="14.45">
      <c r="A11329" s="11"/>
      <c r="B11329" s="20"/>
      <c r="C11329" s="2" t="s">
        <v>34824</v>
      </c>
      <c r="D11329" s="14" t="s">
        <v>34825</v>
      </c>
      <c r="E11329" s="2" t="s">
        <v>34826</v>
      </c>
      <c r="F11329" s="2" t="s">
        <v>33664</v>
      </c>
      <c r="G11329" s="8">
        <v>372</v>
      </c>
      <c r="H11329" s="5">
        <v>10</v>
      </c>
      <c r="I11329" s="5" t="s">
        <v>69</v>
      </c>
      <c r="J11329" s="5" t="s">
        <v>27074</v>
      </c>
      <c r="K11329" s="2" t="s">
        <v>27075</v>
      </c>
      <c r="L11329" s="5" t="s">
        <v>27074</v>
      </c>
      <c r="M11329" s="2" t="s">
        <v>27075</v>
      </c>
      <c r="N11329" s="5" t="s">
        <v>24254</v>
      </c>
      <c r="O11329" s="5" t="s">
        <v>38</v>
      </c>
      <c r="P11329" s="5" t="s">
        <v>39</v>
      </c>
      <c r="Q11329" s="5" t="s">
        <v>40</v>
      </c>
      <c r="R11329" s="5" t="s">
        <v>24340</v>
      </c>
      <c r="S11329" s="5" t="s">
        <v>40</v>
      </c>
      <c r="T11329" s="5" t="s">
        <v>42</v>
      </c>
      <c r="U11329" s="2">
        <v>18.893000000000001</v>
      </c>
      <c r="V11329" s="2">
        <v>16.463999999999999</v>
      </c>
      <c r="W11329" s="2">
        <v>0.185</v>
      </c>
      <c r="X11329" s="2">
        <v>12</v>
      </c>
      <c r="Y11329" s="2">
        <v>62</v>
      </c>
      <c r="Z11329" s="2">
        <v>159.9</v>
      </c>
      <c r="AA11329" s="5">
        <v>8</v>
      </c>
      <c r="AB11329" s="5" t="s">
        <v>43</v>
      </c>
      <c r="AC11329" s="5" t="s">
        <v>44</v>
      </c>
      <c r="AD11329" s="2" t="s">
        <v>33665</v>
      </c>
      <c r="AE11329" s="1"/>
    </row>
    <row r="11330" spans="1:31" ht="14.45">
      <c r="A11330" s="11"/>
      <c r="B11330" s="20"/>
      <c r="C11330" s="2" t="s">
        <v>34827</v>
      </c>
      <c r="D11330" s="14" t="s">
        <v>34828</v>
      </c>
      <c r="E11330" s="2" t="s">
        <v>34829</v>
      </c>
      <c r="F11330" s="2" t="s">
        <v>33669</v>
      </c>
      <c r="G11330" s="8">
        <v>372</v>
      </c>
      <c r="H11330" s="5">
        <v>10</v>
      </c>
      <c r="I11330" s="5" t="s">
        <v>69</v>
      </c>
      <c r="J11330" s="5" t="s">
        <v>27074</v>
      </c>
      <c r="K11330" s="2" t="s">
        <v>27075</v>
      </c>
      <c r="L11330" s="5" t="s">
        <v>27074</v>
      </c>
      <c r="M11330" s="2" t="s">
        <v>27075</v>
      </c>
      <c r="N11330" s="5" t="s">
        <v>24254</v>
      </c>
      <c r="O11330" s="5" t="s">
        <v>38</v>
      </c>
      <c r="P11330" s="5" t="s">
        <v>39</v>
      </c>
      <c r="Q11330" s="5" t="s">
        <v>40</v>
      </c>
      <c r="R11330" s="5" t="s">
        <v>24340</v>
      </c>
      <c r="S11330" s="5" t="s">
        <v>40</v>
      </c>
      <c r="T11330" s="5" t="s">
        <v>42</v>
      </c>
      <c r="U11330" s="2">
        <v>16.225000000000001</v>
      </c>
      <c r="V11330" s="2">
        <v>13.475</v>
      </c>
      <c r="W11330" s="2">
        <v>0.14899999999999999</v>
      </c>
      <c r="X11330" s="2">
        <v>12</v>
      </c>
      <c r="Y11330" s="2">
        <v>62</v>
      </c>
      <c r="Z11330" s="2">
        <v>159.9</v>
      </c>
      <c r="AA11330" s="5">
        <v>8</v>
      </c>
      <c r="AB11330" s="5" t="s">
        <v>43</v>
      </c>
      <c r="AC11330" s="5" t="s">
        <v>44</v>
      </c>
      <c r="AD11330" s="2" t="s">
        <v>33665</v>
      </c>
      <c r="AE11330" s="1"/>
    </row>
    <row r="11331" spans="1:31" ht="14.45">
      <c r="A11331" s="11"/>
      <c r="B11331" s="20"/>
      <c r="C11331" s="2" t="s">
        <v>34830</v>
      </c>
      <c r="D11331" s="14" t="s">
        <v>34831</v>
      </c>
      <c r="E11331" s="2" t="s">
        <v>34832</v>
      </c>
      <c r="F11331" s="2" t="s">
        <v>33673</v>
      </c>
      <c r="G11331" s="8">
        <v>372</v>
      </c>
      <c r="H11331" s="5">
        <v>10</v>
      </c>
      <c r="I11331" s="5" t="s">
        <v>69</v>
      </c>
      <c r="J11331" s="5" t="s">
        <v>27074</v>
      </c>
      <c r="K11331" s="2" t="s">
        <v>27075</v>
      </c>
      <c r="L11331" s="5" t="s">
        <v>27074</v>
      </c>
      <c r="M11331" s="2" t="s">
        <v>27075</v>
      </c>
      <c r="N11331" s="5" t="s">
        <v>24254</v>
      </c>
      <c r="O11331" s="5" t="s">
        <v>38</v>
      </c>
      <c r="P11331" s="5" t="s">
        <v>39</v>
      </c>
      <c r="Q11331" s="5" t="s">
        <v>40</v>
      </c>
      <c r="R11331" s="5" t="s">
        <v>24340</v>
      </c>
      <c r="S11331" s="5" t="s">
        <v>40</v>
      </c>
      <c r="T11331" s="5" t="s">
        <v>42</v>
      </c>
      <c r="U11331" s="2">
        <v>13.76</v>
      </c>
      <c r="V11331" s="2">
        <v>11.521000000000001</v>
      </c>
      <c r="W11331" s="2">
        <v>0.11899999999999999</v>
      </c>
      <c r="X11331" s="2">
        <v>12</v>
      </c>
      <c r="Y11331" s="2">
        <v>62</v>
      </c>
      <c r="Z11331" s="2">
        <v>159.9</v>
      </c>
      <c r="AA11331" s="5">
        <v>8</v>
      </c>
      <c r="AB11331" s="5" t="s">
        <v>43</v>
      </c>
      <c r="AC11331" s="5" t="s">
        <v>44</v>
      </c>
      <c r="AD11331" s="2" t="s">
        <v>33665</v>
      </c>
      <c r="AE11331" s="1"/>
    </row>
    <row r="11332" spans="1:31" ht="14.45">
      <c r="A11332" s="11"/>
      <c r="B11332" s="20"/>
      <c r="C11332" s="2" t="s">
        <v>34833</v>
      </c>
      <c r="D11332" s="14" t="s">
        <v>34834</v>
      </c>
      <c r="E11332" s="2" t="s">
        <v>34835</v>
      </c>
      <c r="F11332" s="2" t="s">
        <v>33677</v>
      </c>
      <c r="G11332" s="8">
        <v>372</v>
      </c>
      <c r="H11332" s="5">
        <v>10</v>
      </c>
      <c r="I11332" s="5" t="s">
        <v>69</v>
      </c>
      <c r="J11332" s="5" t="s">
        <v>27074</v>
      </c>
      <c r="K11332" s="2" t="s">
        <v>27075</v>
      </c>
      <c r="L11332" s="5" t="s">
        <v>27074</v>
      </c>
      <c r="M11332" s="2" t="s">
        <v>27075</v>
      </c>
      <c r="N11332" s="5" t="s">
        <v>24254</v>
      </c>
      <c r="O11332" s="5" t="s">
        <v>38</v>
      </c>
      <c r="P11332" s="5" t="s">
        <v>39</v>
      </c>
      <c r="Q11332" s="5" t="s">
        <v>40</v>
      </c>
      <c r="R11332" s="5" t="s">
        <v>24340</v>
      </c>
      <c r="S11332" s="5" t="s">
        <v>40</v>
      </c>
      <c r="T11332" s="5" t="s">
        <v>42</v>
      </c>
      <c r="U11332" s="2">
        <v>12.225</v>
      </c>
      <c r="V11332" s="2">
        <v>10.029999999999999</v>
      </c>
      <c r="W11332" s="2">
        <v>0.11899999999999999</v>
      </c>
      <c r="X11332" s="2">
        <v>12</v>
      </c>
      <c r="Y11332" s="2">
        <v>62</v>
      </c>
      <c r="Z11332" s="2">
        <v>159.9</v>
      </c>
      <c r="AA11332" s="5">
        <v>10</v>
      </c>
      <c r="AB11332" s="5" t="s">
        <v>43</v>
      </c>
      <c r="AC11332" s="5" t="s">
        <v>44</v>
      </c>
      <c r="AD11332" s="2" t="s">
        <v>33678</v>
      </c>
      <c r="AE11332" s="1"/>
    </row>
    <row r="11333" spans="1:31" ht="14.45">
      <c r="A11333" s="11"/>
      <c r="B11333" s="20"/>
      <c r="C11333" s="2" t="s">
        <v>34836</v>
      </c>
      <c r="D11333" s="14" t="s">
        <v>34837</v>
      </c>
      <c r="E11333" s="2" t="s">
        <v>34838</v>
      </c>
      <c r="F11333" s="2" t="s">
        <v>33682</v>
      </c>
      <c r="G11333" s="8">
        <v>372</v>
      </c>
      <c r="H11333" s="5">
        <v>10</v>
      </c>
      <c r="I11333" s="5" t="s">
        <v>69</v>
      </c>
      <c r="J11333" s="5" t="s">
        <v>27074</v>
      </c>
      <c r="K11333" s="2" t="s">
        <v>27075</v>
      </c>
      <c r="L11333" s="5" t="s">
        <v>27074</v>
      </c>
      <c r="M11333" s="2" t="s">
        <v>27075</v>
      </c>
      <c r="N11333" s="5" t="s">
        <v>24254</v>
      </c>
      <c r="O11333" s="5" t="s">
        <v>38</v>
      </c>
      <c r="P11333" s="5" t="s">
        <v>39</v>
      </c>
      <c r="Q11333" s="5" t="s">
        <v>40</v>
      </c>
      <c r="R11333" s="5" t="s">
        <v>24340</v>
      </c>
      <c r="S11333" s="5" t="s">
        <v>40</v>
      </c>
      <c r="T11333" s="5" t="s">
        <v>42</v>
      </c>
      <c r="U11333" s="2">
        <v>9.1669999999999998</v>
      </c>
      <c r="V11333" s="2">
        <v>6.9720000000000004</v>
      </c>
      <c r="W11333" s="2">
        <v>0.11899999999999999</v>
      </c>
      <c r="X11333" s="2">
        <v>12</v>
      </c>
      <c r="Y11333" s="2">
        <v>62</v>
      </c>
      <c r="Z11333" s="2">
        <v>159.9</v>
      </c>
      <c r="AA11333" s="5">
        <v>10</v>
      </c>
      <c r="AB11333" s="5" t="s">
        <v>43</v>
      </c>
      <c r="AC11333" s="5" t="s">
        <v>44</v>
      </c>
      <c r="AD11333" s="2" t="s">
        <v>33683</v>
      </c>
      <c r="AE11333" s="1"/>
    </row>
    <row r="11334" spans="1:31" ht="14.45">
      <c r="A11334" s="11"/>
      <c r="B11334" s="20"/>
      <c r="C11334" s="2" t="s">
        <v>34839</v>
      </c>
      <c r="D11334" s="14" t="s">
        <v>34840</v>
      </c>
      <c r="E11334" s="2" t="s">
        <v>34841</v>
      </c>
      <c r="F11334" s="2" t="s">
        <v>33687</v>
      </c>
      <c r="G11334" s="8">
        <v>372</v>
      </c>
      <c r="H11334" s="5">
        <v>10</v>
      </c>
      <c r="I11334" s="5" t="s">
        <v>69</v>
      </c>
      <c r="J11334" s="5" t="s">
        <v>27074</v>
      </c>
      <c r="K11334" s="2" t="s">
        <v>27075</v>
      </c>
      <c r="L11334" s="5" t="s">
        <v>27074</v>
      </c>
      <c r="M11334" s="2" t="s">
        <v>27075</v>
      </c>
      <c r="N11334" s="5" t="s">
        <v>24254</v>
      </c>
      <c r="O11334" s="5" t="s">
        <v>38</v>
      </c>
      <c r="P11334" s="5" t="s">
        <v>39</v>
      </c>
      <c r="Q11334" s="5" t="s">
        <v>40</v>
      </c>
      <c r="R11334" s="5" t="s">
        <v>24340</v>
      </c>
      <c r="S11334" s="5" t="s">
        <v>40</v>
      </c>
      <c r="T11334" s="5" t="s">
        <v>42</v>
      </c>
      <c r="U11334" s="2">
        <v>10.737</v>
      </c>
      <c r="V11334" s="2">
        <v>8.4269999999999996</v>
      </c>
      <c r="W11334" s="2">
        <v>0.11899999999999999</v>
      </c>
      <c r="X11334" s="2">
        <v>12</v>
      </c>
      <c r="Y11334" s="2">
        <v>62</v>
      </c>
      <c r="Z11334" s="2">
        <v>159.9</v>
      </c>
      <c r="AA11334" s="5">
        <v>10</v>
      </c>
      <c r="AB11334" s="5" t="s">
        <v>43</v>
      </c>
      <c r="AC11334" s="5" t="s">
        <v>44</v>
      </c>
      <c r="AD11334" s="2" t="s">
        <v>33683</v>
      </c>
      <c r="AE11334" s="1"/>
    </row>
    <row r="11335" spans="1:31" ht="14.45">
      <c r="A11335" s="11"/>
      <c r="B11335" s="20"/>
      <c r="C11335" s="2" t="s">
        <v>34842</v>
      </c>
      <c r="D11335" s="14" t="s">
        <v>34843</v>
      </c>
      <c r="E11335" s="2" t="s">
        <v>34844</v>
      </c>
      <c r="F11335" s="2" t="s">
        <v>33687</v>
      </c>
      <c r="G11335" s="8">
        <v>372</v>
      </c>
      <c r="H11335" s="5">
        <v>10</v>
      </c>
      <c r="I11335" s="5" t="s">
        <v>69</v>
      </c>
      <c r="J11335" s="5" t="s">
        <v>27074</v>
      </c>
      <c r="K11335" s="2" t="s">
        <v>27075</v>
      </c>
      <c r="L11335" s="5" t="s">
        <v>27074</v>
      </c>
      <c r="M11335" s="2" t="s">
        <v>27075</v>
      </c>
      <c r="N11335" s="5" t="s">
        <v>24254</v>
      </c>
      <c r="O11335" s="5" t="s">
        <v>38</v>
      </c>
      <c r="P11335" s="5" t="s">
        <v>39</v>
      </c>
      <c r="Q11335" s="5" t="s">
        <v>40</v>
      </c>
      <c r="R11335" s="5" t="s">
        <v>24340</v>
      </c>
      <c r="S11335" s="5" t="s">
        <v>40</v>
      </c>
      <c r="T11335" s="5" t="s">
        <v>42</v>
      </c>
      <c r="U11335" s="2">
        <v>12.151999999999999</v>
      </c>
      <c r="V11335" s="2">
        <v>9.7959999999999994</v>
      </c>
      <c r="W11335" s="2">
        <v>0.11899999999999999</v>
      </c>
      <c r="X11335" s="2">
        <v>12</v>
      </c>
      <c r="Y11335" s="2">
        <v>62</v>
      </c>
      <c r="Z11335" s="2">
        <v>159.9</v>
      </c>
      <c r="AA11335" s="5">
        <v>10</v>
      </c>
      <c r="AB11335" s="5" t="s">
        <v>43</v>
      </c>
      <c r="AC11335" s="5" t="s">
        <v>44</v>
      </c>
      <c r="AD11335" s="2" t="s">
        <v>33688</v>
      </c>
      <c r="AE11335" s="1"/>
    </row>
    <row r="11336" spans="1:31" ht="14.45">
      <c r="A11336" s="11"/>
      <c r="B11336" s="20"/>
      <c r="C11336" s="2" t="s">
        <v>34845</v>
      </c>
      <c r="D11336" s="14" t="s">
        <v>34846</v>
      </c>
      <c r="E11336" s="2" t="s">
        <v>34847</v>
      </c>
      <c r="F11336" s="2" t="s">
        <v>33692</v>
      </c>
      <c r="G11336" s="8">
        <v>704</v>
      </c>
      <c r="H11336" s="5">
        <v>10</v>
      </c>
      <c r="I11336" s="5" t="s">
        <v>69</v>
      </c>
      <c r="J11336" s="5" t="s">
        <v>27074</v>
      </c>
      <c r="K11336" s="2" t="s">
        <v>27075</v>
      </c>
      <c r="L11336" s="5" t="s">
        <v>27074</v>
      </c>
      <c r="M11336" s="2" t="s">
        <v>27075</v>
      </c>
      <c r="N11336" s="5" t="s">
        <v>24254</v>
      </c>
      <c r="O11336" s="5" t="s">
        <v>38</v>
      </c>
      <c r="P11336" s="5" t="s">
        <v>39</v>
      </c>
      <c r="Q11336" s="5" t="s">
        <v>40</v>
      </c>
      <c r="R11336" s="5" t="s">
        <v>24340</v>
      </c>
      <c r="S11336" s="5" t="s">
        <v>40</v>
      </c>
      <c r="T11336" s="5" t="s">
        <v>42</v>
      </c>
      <c r="U11336" s="2">
        <v>25.414999999999999</v>
      </c>
      <c r="V11336" s="2">
        <v>22.658999999999999</v>
      </c>
      <c r="W11336" s="2">
        <v>0.24399999999999999</v>
      </c>
      <c r="X11336" s="2">
        <v>15</v>
      </c>
      <c r="Y11336" s="2">
        <v>77</v>
      </c>
      <c r="Z11336" s="2">
        <v>210.9</v>
      </c>
      <c r="AA11336" s="5">
        <v>8</v>
      </c>
      <c r="AB11336" s="5" t="s">
        <v>43</v>
      </c>
      <c r="AC11336" s="5" t="s">
        <v>44</v>
      </c>
      <c r="AD11336" s="2" t="s">
        <v>33660</v>
      </c>
      <c r="AE11336" s="1"/>
    </row>
    <row r="11337" spans="1:31" ht="14.45">
      <c r="A11337" s="11"/>
      <c r="B11337" s="20"/>
      <c r="C11337" s="2" t="s">
        <v>34848</v>
      </c>
      <c r="D11337" s="14" t="s">
        <v>34849</v>
      </c>
      <c r="E11337" s="2" t="s">
        <v>34850</v>
      </c>
      <c r="F11337" s="2" t="s">
        <v>33696</v>
      </c>
      <c r="G11337" s="8">
        <v>372</v>
      </c>
      <c r="H11337" s="5">
        <v>10</v>
      </c>
      <c r="I11337" s="5" t="s">
        <v>69</v>
      </c>
      <c r="J11337" s="5" t="s">
        <v>27074</v>
      </c>
      <c r="K11337" s="2" t="s">
        <v>27075</v>
      </c>
      <c r="L11337" s="5" t="s">
        <v>27074</v>
      </c>
      <c r="M11337" s="2" t="s">
        <v>27075</v>
      </c>
      <c r="N11337" s="5" t="s">
        <v>24254</v>
      </c>
      <c r="O11337" s="5" t="s">
        <v>38</v>
      </c>
      <c r="P11337" s="5" t="s">
        <v>39</v>
      </c>
      <c r="Q11337" s="5" t="s">
        <v>40</v>
      </c>
      <c r="R11337" s="5" t="s">
        <v>25301</v>
      </c>
      <c r="S11337" s="5" t="s">
        <v>40</v>
      </c>
      <c r="T11337" s="5" t="s">
        <v>42</v>
      </c>
      <c r="U11337" s="2">
        <v>17.46</v>
      </c>
      <c r="V11337" s="2">
        <v>15.031000000000001</v>
      </c>
      <c r="W11337" s="2">
        <v>0.185</v>
      </c>
      <c r="X11337" s="2">
        <v>12</v>
      </c>
      <c r="Y11337" s="2">
        <v>62</v>
      </c>
      <c r="Z11337" s="2">
        <v>159.9</v>
      </c>
      <c r="AA11337" s="5">
        <v>8</v>
      </c>
      <c r="AB11337" s="5" t="s">
        <v>43</v>
      </c>
      <c r="AC11337" s="5" t="s">
        <v>44</v>
      </c>
      <c r="AD11337" s="2" t="s">
        <v>33697</v>
      </c>
      <c r="AE11337" s="1"/>
    </row>
    <row r="11338" spans="1:31" ht="14.45">
      <c r="A11338" s="11"/>
      <c r="B11338" s="20"/>
      <c r="C11338" s="2" t="s">
        <v>34851</v>
      </c>
      <c r="D11338" s="14" t="s">
        <v>34852</v>
      </c>
      <c r="E11338" s="2" t="s">
        <v>34853</v>
      </c>
      <c r="F11338" s="2" t="s">
        <v>33798</v>
      </c>
      <c r="G11338" s="8">
        <v>372</v>
      </c>
      <c r="H11338" s="5">
        <v>10</v>
      </c>
      <c r="I11338" s="5" t="s">
        <v>69</v>
      </c>
      <c r="J11338" s="5" t="s">
        <v>27074</v>
      </c>
      <c r="K11338" s="2" t="s">
        <v>27075</v>
      </c>
      <c r="L11338" s="5" t="s">
        <v>27074</v>
      </c>
      <c r="M11338" s="2" t="s">
        <v>27075</v>
      </c>
      <c r="N11338" s="5" t="s">
        <v>24254</v>
      </c>
      <c r="O11338" s="5" t="s">
        <v>38</v>
      </c>
      <c r="P11338" s="5" t="s">
        <v>39</v>
      </c>
      <c r="Q11338" s="5" t="s">
        <v>40</v>
      </c>
      <c r="R11338" s="5" t="s">
        <v>25301</v>
      </c>
      <c r="S11338" s="5" t="s">
        <v>40</v>
      </c>
      <c r="T11338" s="5" t="s">
        <v>42</v>
      </c>
      <c r="U11338" s="2">
        <v>15.013</v>
      </c>
      <c r="V11338" s="2">
        <v>12.263</v>
      </c>
      <c r="W11338" s="2">
        <v>0.11899999999999999</v>
      </c>
      <c r="X11338" s="2">
        <v>12</v>
      </c>
      <c r="Y11338" s="2">
        <v>62</v>
      </c>
      <c r="Z11338" s="2">
        <v>159.9</v>
      </c>
      <c r="AA11338" s="5">
        <v>8</v>
      </c>
      <c r="AB11338" s="5" t="s">
        <v>43</v>
      </c>
      <c r="AC11338" s="5" t="s">
        <v>44</v>
      </c>
      <c r="AD11338" s="2" t="s">
        <v>33697</v>
      </c>
      <c r="AE11338" s="1"/>
    </row>
    <row r="11339" spans="1:31" ht="14.45">
      <c r="A11339" s="11"/>
      <c r="B11339" s="20"/>
      <c r="C11339" s="2" t="s">
        <v>34854</v>
      </c>
      <c r="D11339" s="14" t="s">
        <v>34855</v>
      </c>
      <c r="E11339" s="2" t="s">
        <v>34856</v>
      </c>
      <c r="F11339" s="2" t="s">
        <v>33701</v>
      </c>
      <c r="G11339" s="8">
        <v>372</v>
      </c>
      <c r="H11339" s="5">
        <v>10</v>
      </c>
      <c r="I11339" s="5" t="s">
        <v>69</v>
      </c>
      <c r="J11339" s="5" t="s">
        <v>27074</v>
      </c>
      <c r="K11339" s="2" t="s">
        <v>27075</v>
      </c>
      <c r="L11339" s="5" t="s">
        <v>27074</v>
      </c>
      <c r="M11339" s="2" t="s">
        <v>27075</v>
      </c>
      <c r="N11339" s="5" t="s">
        <v>24254</v>
      </c>
      <c r="O11339" s="5" t="s">
        <v>38</v>
      </c>
      <c r="P11339" s="5" t="s">
        <v>39</v>
      </c>
      <c r="Q11339" s="5" t="s">
        <v>40</v>
      </c>
      <c r="R11339" s="5" t="s">
        <v>25301</v>
      </c>
      <c r="S11339" s="5" t="s">
        <v>40</v>
      </c>
      <c r="T11339" s="5" t="s">
        <v>42</v>
      </c>
      <c r="U11339" s="2">
        <v>12.875</v>
      </c>
      <c r="V11339" s="2">
        <v>10.635999999999999</v>
      </c>
      <c r="W11339" s="2">
        <v>0.11899999999999999</v>
      </c>
      <c r="X11339" s="2">
        <v>12</v>
      </c>
      <c r="Y11339" s="2">
        <v>62</v>
      </c>
      <c r="Z11339" s="2">
        <v>159.9</v>
      </c>
      <c r="AA11339" s="5">
        <v>8</v>
      </c>
      <c r="AB11339" s="5" t="s">
        <v>43</v>
      </c>
      <c r="AC11339" s="5" t="s">
        <v>44</v>
      </c>
      <c r="AD11339" s="2" t="s">
        <v>33697</v>
      </c>
      <c r="AE11339" s="1"/>
    </row>
    <row r="11340" spans="1:31" ht="14.45">
      <c r="A11340" s="11"/>
      <c r="B11340" s="20"/>
      <c r="C11340" s="2" t="s">
        <v>34857</v>
      </c>
      <c r="D11340" s="14" t="s">
        <v>34858</v>
      </c>
      <c r="E11340" s="2" t="s">
        <v>34859</v>
      </c>
      <c r="F11340" s="2" t="s">
        <v>33805</v>
      </c>
      <c r="G11340" s="8">
        <v>372</v>
      </c>
      <c r="H11340" s="5">
        <v>10</v>
      </c>
      <c r="I11340" s="5" t="s">
        <v>69</v>
      </c>
      <c r="J11340" s="5" t="s">
        <v>27074</v>
      </c>
      <c r="K11340" s="2" t="s">
        <v>27075</v>
      </c>
      <c r="L11340" s="5" t="s">
        <v>27074</v>
      </c>
      <c r="M11340" s="2" t="s">
        <v>27075</v>
      </c>
      <c r="N11340" s="5" t="s">
        <v>24254</v>
      </c>
      <c r="O11340" s="5" t="s">
        <v>38</v>
      </c>
      <c r="P11340" s="5" t="s">
        <v>39</v>
      </c>
      <c r="Q11340" s="5" t="s">
        <v>40</v>
      </c>
      <c r="R11340" s="5" t="s">
        <v>25301</v>
      </c>
      <c r="S11340" s="5" t="s">
        <v>40</v>
      </c>
      <c r="T11340" s="5" t="s">
        <v>42</v>
      </c>
      <c r="U11340" s="2">
        <v>11.041</v>
      </c>
      <c r="V11340" s="2">
        <v>8.8460000000000001</v>
      </c>
      <c r="W11340" s="2">
        <v>0.11899999999999999</v>
      </c>
      <c r="X11340" s="2">
        <v>12</v>
      </c>
      <c r="Y11340" s="2">
        <v>62</v>
      </c>
      <c r="Z11340" s="2">
        <v>159.9</v>
      </c>
      <c r="AA11340" s="5">
        <v>10</v>
      </c>
      <c r="AB11340" s="5" t="s">
        <v>43</v>
      </c>
      <c r="AC11340" s="5" t="s">
        <v>44</v>
      </c>
      <c r="AD11340" s="2" t="s">
        <v>33806</v>
      </c>
      <c r="AE11340" s="1"/>
    </row>
    <row r="11341" spans="1:31" ht="14.45">
      <c r="A11341" s="11"/>
      <c r="B11341" s="20"/>
      <c r="C11341" s="2" t="s">
        <v>34860</v>
      </c>
      <c r="D11341" s="14" t="s">
        <v>34861</v>
      </c>
      <c r="E11341" s="2" t="s">
        <v>34862</v>
      </c>
      <c r="F11341" s="2" t="s">
        <v>33810</v>
      </c>
      <c r="G11341" s="8">
        <v>372</v>
      </c>
      <c r="H11341" s="5">
        <v>10</v>
      </c>
      <c r="I11341" s="5" t="s">
        <v>69</v>
      </c>
      <c r="J11341" s="5" t="s">
        <v>27074</v>
      </c>
      <c r="K11341" s="2" t="s">
        <v>27075</v>
      </c>
      <c r="L11341" s="5" t="s">
        <v>27074</v>
      </c>
      <c r="M11341" s="2" t="s">
        <v>27075</v>
      </c>
      <c r="N11341" s="5" t="s">
        <v>24254</v>
      </c>
      <c r="O11341" s="5" t="s">
        <v>38</v>
      </c>
      <c r="P11341" s="5" t="s">
        <v>39</v>
      </c>
      <c r="Q11341" s="5" t="s">
        <v>40</v>
      </c>
      <c r="R11341" s="5" t="s">
        <v>25301</v>
      </c>
      <c r="S11341" s="5" t="s">
        <v>40</v>
      </c>
      <c r="T11341" s="5" t="s">
        <v>42</v>
      </c>
      <c r="U11341" s="2">
        <v>8.5489999999999995</v>
      </c>
      <c r="V11341" s="2">
        <v>6.3540000000000001</v>
      </c>
      <c r="W11341" s="2">
        <v>0.11899999999999999</v>
      </c>
      <c r="X11341" s="2">
        <v>12</v>
      </c>
      <c r="Y11341" s="2">
        <v>62</v>
      </c>
      <c r="Z11341" s="2">
        <v>159.9</v>
      </c>
      <c r="AA11341" s="5">
        <v>10</v>
      </c>
      <c r="AB11341" s="5" t="s">
        <v>43</v>
      </c>
      <c r="AC11341" s="5" t="s">
        <v>44</v>
      </c>
      <c r="AD11341" s="2" t="s">
        <v>33706</v>
      </c>
      <c r="AE11341" s="1"/>
    </row>
    <row r="11342" spans="1:31" ht="14.45">
      <c r="A11342" s="11"/>
      <c r="B11342" s="20"/>
      <c r="C11342" s="2" t="s">
        <v>34863</v>
      </c>
      <c r="D11342" s="14" t="s">
        <v>34864</v>
      </c>
      <c r="E11342" s="2" t="s">
        <v>34865</v>
      </c>
      <c r="F11342" s="2" t="s">
        <v>33710</v>
      </c>
      <c r="G11342" s="8">
        <v>801</v>
      </c>
      <c r="H11342" s="5">
        <v>5</v>
      </c>
      <c r="I11342" s="5" t="s">
        <v>69</v>
      </c>
      <c r="J11342" s="5" t="s">
        <v>27074</v>
      </c>
      <c r="K11342" s="2" t="s">
        <v>27075</v>
      </c>
      <c r="L11342" s="5" t="s">
        <v>27074</v>
      </c>
      <c r="M11342" s="2" t="s">
        <v>27075</v>
      </c>
      <c r="N11342" s="5" t="s">
        <v>24254</v>
      </c>
      <c r="O11342" s="5" t="s">
        <v>38</v>
      </c>
      <c r="P11342" s="5" t="s">
        <v>39</v>
      </c>
      <c r="Q11342" s="5" t="s">
        <v>40</v>
      </c>
      <c r="R11342" s="5" t="s">
        <v>1487</v>
      </c>
      <c r="S11342" s="5"/>
      <c r="T11342" s="5" t="s">
        <v>42</v>
      </c>
      <c r="U11342" s="2">
        <v>0</v>
      </c>
      <c r="V11342" s="2">
        <v>0</v>
      </c>
      <c r="W11342" s="2">
        <v>0</v>
      </c>
      <c r="X11342" s="2">
        <v>0</v>
      </c>
      <c r="Y11342" s="2">
        <v>0</v>
      </c>
      <c r="Z11342" s="2">
        <v>0</v>
      </c>
      <c r="AA11342" s="5"/>
      <c r="AB11342" s="5" t="s">
        <v>43</v>
      </c>
      <c r="AC11342" s="5" t="s">
        <v>44</v>
      </c>
      <c r="AD11342" s="2" t="s">
        <v>33711</v>
      </c>
      <c r="AE11342" s="1"/>
    </row>
    <row r="11343" spans="1:31" ht="14.45">
      <c r="A11343" s="11"/>
      <c r="B11343" s="20"/>
      <c r="C11343" s="2" t="s">
        <v>34866</v>
      </c>
      <c r="D11343" s="14" t="s">
        <v>34867</v>
      </c>
      <c r="E11343" s="2" t="s">
        <v>34868</v>
      </c>
      <c r="F11343" s="2" t="s">
        <v>33715</v>
      </c>
      <c r="G11343" s="8">
        <v>801</v>
      </c>
      <c r="H11343" s="5">
        <v>15</v>
      </c>
      <c r="I11343" s="5" t="s">
        <v>69</v>
      </c>
      <c r="J11343" s="5" t="s">
        <v>27074</v>
      </c>
      <c r="K11343" s="2" t="s">
        <v>27075</v>
      </c>
      <c r="L11343" s="5" t="s">
        <v>27074</v>
      </c>
      <c r="M11343" s="2" t="s">
        <v>27075</v>
      </c>
      <c r="N11343" s="5" t="s">
        <v>24254</v>
      </c>
      <c r="O11343" s="5" t="s">
        <v>38</v>
      </c>
      <c r="P11343" s="5" t="s">
        <v>39</v>
      </c>
      <c r="Q11343" s="5" t="s">
        <v>40</v>
      </c>
      <c r="R11343" s="5" t="s">
        <v>1487</v>
      </c>
      <c r="S11343" s="5"/>
      <c r="T11343" s="5" t="s">
        <v>42</v>
      </c>
      <c r="U11343" s="2">
        <v>0</v>
      </c>
      <c r="V11343" s="2">
        <v>0</v>
      </c>
      <c r="W11343" s="2">
        <v>0</v>
      </c>
      <c r="X11343" s="2">
        <v>0</v>
      </c>
      <c r="Y11343" s="2">
        <v>0</v>
      </c>
      <c r="Z11343" s="2">
        <v>0</v>
      </c>
      <c r="AA11343" s="5"/>
      <c r="AB11343" s="5" t="s">
        <v>43</v>
      </c>
      <c r="AC11343" s="5" t="s">
        <v>44</v>
      </c>
      <c r="AD11343" s="2" t="s">
        <v>33716</v>
      </c>
      <c r="AE11343" s="1"/>
    </row>
    <row r="11344" spans="1:31" ht="14.45">
      <c r="A11344" s="11"/>
      <c r="B11344" s="20"/>
      <c r="C11344" s="2" t="s">
        <v>34869</v>
      </c>
      <c r="D11344" s="14" t="s">
        <v>34870</v>
      </c>
      <c r="E11344" s="2" t="s">
        <v>34871</v>
      </c>
      <c r="F11344" s="2" t="s">
        <v>33730</v>
      </c>
      <c r="G11344" s="8">
        <v>1103</v>
      </c>
      <c r="H11344" s="5">
        <v>10</v>
      </c>
      <c r="I11344" s="5" t="s">
        <v>69</v>
      </c>
      <c r="J11344" s="5" t="s">
        <v>27074</v>
      </c>
      <c r="K11344" s="2" t="s">
        <v>27075</v>
      </c>
      <c r="L11344" s="5" t="s">
        <v>27074</v>
      </c>
      <c r="M11344" s="2" t="s">
        <v>27075</v>
      </c>
      <c r="N11344" s="5" t="s">
        <v>24254</v>
      </c>
      <c r="O11344" s="5" t="s">
        <v>38</v>
      </c>
      <c r="P11344" s="5" t="s">
        <v>39</v>
      </c>
      <c r="Q11344" s="5" t="s">
        <v>40</v>
      </c>
      <c r="R11344" s="5" t="s">
        <v>1487</v>
      </c>
      <c r="S11344" s="5"/>
      <c r="T11344" s="5" t="s">
        <v>42</v>
      </c>
      <c r="U11344" s="2">
        <v>0</v>
      </c>
      <c r="V11344" s="2">
        <v>0</v>
      </c>
      <c r="W11344" s="2">
        <v>0</v>
      </c>
      <c r="X11344" s="2">
        <v>0</v>
      </c>
      <c r="Y11344" s="2">
        <v>0</v>
      </c>
      <c r="Z11344" s="2">
        <v>0</v>
      </c>
      <c r="AA11344" s="5"/>
      <c r="AB11344" s="5" t="s">
        <v>43</v>
      </c>
      <c r="AC11344" s="5" t="s">
        <v>44</v>
      </c>
      <c r="AD11344" s="2"/>
      <c r="AE11344" s="1"/>
    </row>
    <row r="11345" spans="1:31" ht="14.45">
      <c r="A11345" s="11"/>
      <c r="B11345" s="20"/>
      <c r="C11345" s="2" t="s">
        <v>34872</v>
      </c>
      <c r="D11345" s="14" t="s">
        <v>34873</v>
      </c>
      <c r="E11345" s="2" t="s">
        <v>34874</v>
      </c>
      <c r="F11345" s="2" t="s">
        <v>33734</v>
      </c>
      <c r="G11345" s="8">
        <v>1103</v>
      </c>
      <c r="H11345" s="5">
        <v>15</v>
      </c>
      <c r="I11345" s="5" t="s">
        <v>69</v>
      </c>
      <c r="J11345" s="5" t="s">
        <v>27074</v>
      </c>
      <c r="K11345" s="2" t="s">
        <v>27075</v>
      </c>
      <c r="L11345" s="5" t="s">
        <v>27074</v>
      </c>
      <c r="M11345" s="2" t="s">
        <v>27075</v>
      </c>
      <c r="N11345" s="5" t="s">
        <v>24254</v>
      </c>
      <c r="O11345" s="5" t="s">
        <v>38</v>
      </c>
      <c r="P11345" s="5" t="s">
        <v>39</v>
      </c>
      <c r="Q11345" s="5" t="s">
        <v>40</v>
      </c>
      <c r="R11345" s="5" t="s">
        <v>1487</v>
      </c>
      <c r="S11345" s="5"/>
      <c r="T11345" s="5" t="s">
        <v>42</v>
      </c>
      <c r="U11345" s="2">
        <v>0</v>
      </c>
      <c r="V11345" s="2">
        <v>0</v>
      </c>
      <c r="W11345" s="2">
        <v>0</v>
      </c>
      <c r="X11345" s="2">
        <v>0</v>
      </c>
      <c r="Y11345" s="2">
        <v>0</v>
      </c>
      <c r="Z11345" s="2">
        <v>0</v>
      </c>
      <c r="AA11345" s="5"/>
      <c r="AB11345" s="5" t="s">
        <v>43</v>
      </c>
      <c r="AC11345" s="5" t="s">
        <v>44</v>
      </c>
      <c r="AD11345" s="2"/>
      <c r="AE11345" s="1"/>
    </row>
    <row r="11346" spans="1:31" ht="14.45">
      <c r="A11346" s="11"/>
      <c r="B11346" s="20"/>
      <c r="C11346" s="2" t="s">
        <v>34875</v>
      </c>
      <c r="D11346" s="14" t="s">
        <v>34876</v>
      </c>
      <c r="E11346" s="2" t="s">
        <v>34877</v>
      </c>
      <c r="F11346" s="2" t="s">
        <v>33616</v>
      </c>
      <c r="G11346" s="8">
        <v>302</v>
      </c>
      <c r="H11346" s="5">
        <v>5</v>
      </c>
      <c r="I11346" s="5" t="s">
        <v>69</v>
      </c>
      <c r="J11346" s="5" t="s">
        <v>27074</v>
      </c>
      <c r="K11346" s="2" t="s">
        <v>27075</v>
      </c>
      <c r="L11346" s="5" t="s">
        <v>27074</v>
      </c>
      <c r="M11346" s="2" t="s">
        <v>27075</v>
      </c>
      <c r="N11346" s="5" t="s">
        <v>24254</v>
      </c>
      <c r="O11346" s="5" t="s">
        <v>38</v>
      </c>
      <c r="P11346" s="5" t="s">
        <v>39</v>
      </c>
      <c r="Q11346" s="5" t="s">
        <v>40</v>
      </c>
      <c r="R11346" s="5" t="s">
        <v>24335</v>
      </c>
      <c r="S11346" s="5" t="s">
        <v>40</v>
      </c>
      <c r="T11346" s="5" t="s">
        <v>42</v>
      </c>
      <c r="U11346" s="2">
        <v>16.954999999999998</v>
      </c>
      <c r="V11346" s="2">
        <v>14.301</v>
      </c>
      <c r="W11346" s="2">
        <v>0.19500000000000001</v>
      </c>
      <c r="X11346" s="2">
        <v>12</v>
      </c>
      <c r="Y11346" s="2">
        <v>77</v>
      </c>
      <c r="Z11346" s="2">
        <v>210.9</v>
      </c>
      <c r="AA11346" s="5">
        <v>8</v>
      </c>
      <c r="AB11346" s="5" t="s">
        <v>43</v>
      </c>
      <c r="AC11346" s="5" t="s">
        <v>44</v>
      </c>
      <c r="AD11346" s="2" t="s">
        <v>33617</v>
      </c>
      <c r="AE11346" s="1"/>
    </row>
    <row r="11347" spans="1:31" ht="14.45">
      <c r="A11347" s="11"/>
      <c r="B11347" s="20"/>
      <c r="C11347" s="2" t="s">
        <v>34878</v>
      </c>
      <c r="D11347" s="14" t="s">
        <v>34879</v>
      </c>
      <c r="E11347" s="2" t="s">
        <v>34880</v>
      </c>
      <c r="F11347" s="2" t="s">
        <v>33621</v>
      </c>
      <c r="G11347" s="8">
        <v>227</v>
      </c>
      <c r="H11347" s="5">
        <v>10</v>
      </c>
      <c r="I11347" s="5" t="s">
        <v>69</v>
      </c>
      <c r="J11347" s="5" t="s">
        <v>27074</v>
      </c>
      <c r="K11347" s="2" t="s">
        <v>27075</v>
      </c>
      <c r="L11347" s="5" t="s">
        <v>27074</v>
      </c>
      <c r="M11347" s="2" t="s">
        <v>27075</v>
      </c>
      <c r="N11347" s="5" t="s">
        <v>24254</v>
      </c>
      <c r="O11347" s="5" t="s">
        <v>38</v>
      </c>
      <c r="P11347" s="5" t="s">
        <v>39</v>
      </c>
      <c r="Q11347" s="5" t="s">
        <v>40</v>
      </c>
      <c r="R11347" s="5" t="s">
        <v>24335</v>
      </c>
      <c r="S11347" s="5" t="s">
        <v>40</v>
      </c>
      <c r="T11347" s="5" t="s">
        <v>42</v>
      </c>
      <c r="U11347" s="2">
        <v>13.41</v>
      </c>
      <c r="V11347" s="2">
        <v>10.659000000000001</v>
      </c>
      <c r="W11347" s="2">
        <v>0.23100000000000001</v>
      </c>
      <c r="X11347" s="2">
        <v>12</v>
      </c>
      <c r="Y11347" s="2">
        <v>62</v>
      </c>
      <c r="Z11347" s="2">
        <v>199.7</v>
      </c>
      <c r="AA11347" s="5">
        <v>8</v>
      </c>
      <c r="AB11347" s="5" t="s">
        <v>43</v>
      </c>
      <c r="AC11347" s="5" t="s">
        <v>44</v>
      </c>
      <c r="AD11347" s="2" t="s">
        <v>33622</v>
      </c>
      <c r="AE11347" s="1"/>
    </row>
    <row r="11348" spans="1:31" ht="14.45">
      <c r="A11348" s="11"/>
      <c r="B11348" s="20"/>
      <c r="C11348" s="2" t="s">
        <v>34881</v>
      </c>
      <c r="D11348" s="14" t="s">
        <v>34882</v>
      </c>
      <c r="E11348" s="2" t="s">
        <v>34883</v>
      </c>
      <c r="F11348" s="2" t="s">
        <v>33626</v>
      </c>
      <c r="G11348" s="8">
        <v>227</v>
      </c>
      <c r="H11348" s="5">
        <v>5</v>
      </c>
      <c r="I11348" s="5" t="s">
        <v>69</v>
      </c>
      <c r="J11348" s="5" t="s">
        <v>27074</v>
      </c>
      <c r="K11348" s="2" t="s">
        <v>27075</v>
      </c>
      <c r="L11348" s="5" t="s">
        <v>27074</v>
      </c>
      <c r="M11348" s="2" t="s">
        <v>27075</v>
      </c>
      <c r="N11348" s="5" t="s">
        <v>24254</v>
      </c>
      <c r="O11348" s="5" t="s">
        <v>38</v>
      </c>
      <c r="P11348" s="5" t="s">
        <v>39</v>
      </c>
      <c r="Q11348" s="5" t="s">
        <v>40</v>
      </c>
      <c r="R11348" s="5" t="s">
        <v>24335</v>
      </c>
      <c r="S11348" s="5" t="s">
        <v>40</v>
      </c>
      <c r="T11348" s="5" t="s">
        <v>42</v>
      </c>
      <c r="U11348" s="2">
        <v>11.391</v>
      </c>
      <c r="V11348" s="2">
        <v>8.6</v>
      </c>
      <c r="W11348" s="2">
        <v>0.14899999999999999</v>
      </c>
      <c r="X11348" s="2">
        <v>12</v>
      </c>
      <c r="Y11348" s="2">
        <v>62</v>
      </c>
      <c r="Z11348" s="2">
        <v>199.7</v>
      </c>
      <c r="AA11348" s="5">
        <v>8</v>
      </c>
      <c r="AB11348" s="5" t="s">
        <v>43</v>
      </c>
      <c r="AC11348" s="5" t="s">
        <v>44</v>
      </c>
      <c r="AD11348" s="2" t="s">
        <v>33622</v>
      </c>
      <c r="AE11348" s="1"/>
    </row>
    <row r="11349" spans="1:31" ht="14.45">
      <c r="A11349" s="11"/>
      <c r="B11349" s="20"/>
      <c r="C11349" s="2" t="s">
        <v>34884</v>
      </c>
      <c r="D11349" s="14" t="s">
        <v>34885</v>
      </c>
      <c r="E11349" s="2" t="s">
        <v>34886</v>
      </c>
      <c r="F11349" s="2" t="s">
        <v>33630</v>
      </c>
      <c r="G11349" s="8">
        <v>227</v>
      </c>
      <c r="H11349" s="5">
        <v>10</v>
      </c>
      <c r="I11349" s="5" t="s">
        <v>69</v>
      </c>
      <c r="J11349" s="5" t="s">
        <v>27074</v>
      </c>
      <c r="K11349" s="2" t="s">
        <v>27075</v>
      </c>
      <c r="L11349" s="5" t="s">
        <v>27074</v>
      </c>
      <c r="M11349" s="2" t="s">
        <v>27075</v>
      </c>
      <c r="N11349" s="5" t="s">
        <v>24254</v>
      </c>
      <c r="O11349" s="5" t="s">
        <v>38</v>
      </c>
      <c r="P11349" s="5" t="s">
        <v>39</v>
      </c>
      <c r="Q11349" s="5" t="s">
        <v>40</v>
      </c>
      <c r="R11349" s="5" t="s">
        <v>24335</v>
      </c>
      <c r="S11349" s="5" t="s">
        <v>40</v>
      </c>
      <c r="T11349" s="5" t="s">
        <v>42</v>
      </c>
      <c r="U11349" s="2">
        <v>10.24</v>
      </c>
      <c r="V11349" s="2">
        <v>7.5229999999999997</v>
      </c>
      <c r="W11349" s="2">
        <v>0.129</v>
      </c>
      <c r="X11349" s="2">
        <v>12</v>
      </c>
      <c r="Y11349" s="2">
        <v>62</v>
      </c>
      <c r="Z11349" s="2">
        <v>172.9</v>
      </c>
      <c r="AA11349" s="5">
        <v>8</v>
      </c>
      <c r="AB11349" s="5" t="s">
        <v>43</v>
      </c>
      <c r="AC11349" s="5" t="s">
        <v>44</v>
      </c>
      <c r="AD11349" s="2" t="s">
        <v>33622</v>
      </c>
      <c r="AE11349" s="1"/>
    </row>
    <row r="11350" spans="1:31" ht="14.45">
      <c r="A11350" s="11"/>
      <c r="B11350" s="20"/>
      <c r="C11350" s="2" t="s">
        <v>34887</v>
      </c>
      <c r="D11350" s="14" t="s">
        <v>34888</v>
      </c>
      <c r="E11350" s="2" t="s">
        <v>34889</v>
      </c>
      <c r="F11350" s="2" t="s">
        <v>33634</v>
      </c>
      <c r="G11350" s="8">
        <v>227</v>
      </c>
      <c r="H11350" s="5">
        <v>5</v>
      </c>
      <c r="I11350" s="5" t="s">
        <v>69</v>
      </c>
      <c r="J11350" s="5" t="s">
        <v>27074</v>
      </c>
      <c r="K11350" s="2" t="s">
        <v>27075</v>
      </c>
      <c r="L11350" s="5" t="s">
        <v>27074</v>
      </c>
      <c r="M11350" s="2" t="s">
        <v>27075</v>
      </c>
      <c r="N11350" s="5" t="s">
        <v>24254</v>
      </c>
      <c r="O11350" s="5" t="s">
        <v>38</v>
      </c>
      <c r="P11350" s="5" t="s">
        <v>39</v>
      </c>
      <c r="Q11350" s="5" t="s">
        <v>40</v>
      </c>
      <c r="R11350" s="5" t="s">
        <v>24335</v>
      </c>
      <c r="S11350" s="5" t="s">
        <v>40</v>
      </c>
      <c r="T11350" s="5" t="s">
        <v>42</v>
      </c>
      <c r="U11350" s="2">
        <v>8.282</v>
      </c>
      <c r="V11350" s="2">
        <v>5.609</v>
      </c>
      <c r="W11350" s="2">
        <v>0.14899999999999999</v>
      </c>
      <c r="X11350" s="2">
        <v>12</v>
      </c>
      <c r="Y11350" s="2">
        <v>62</v>
      </c>
      <c r="Z11350" s="2">
        <v>199.7</v>
      </c>
      <c r="AA11350" s="5">
        <v>10</v>
      </c>
      <c r="AB11350" s="5" t="s">
        <v>43</v>
      </c>
      <c r="AC11350" s="5" t="s">
        <v>44</v>
      </c>
      <c r="AD11350" s="2" t="s">
        <v>33635</v>
      </c>
      <c r="AE11350" s="1"/>
    </row>
    <row r="11351" spans="1:31" ht="14.45">
      <c r="A11351" s="11"/>
      <c r="B11351" s="20"/>
      <c r="C11351" s="2" t="s">
        <v>34890</v>
      </c>
      <c r="D11351" s="14" t="s">
        <v>34891</v>
      </c>
      <c r="E11351" s="2" t="s">
        <v>34892</v>
      </c>
      <c r="F11351" s="2" t="s">
        <v>33634</v>
      </c>
      <c r="G11351" s="8">
        <v>227</v>
      </c>
      <c r="H11351" s="5">
        <v>5</v>
      </c>
      <c r="I11351" s="5" t="s">
        <v>69</v>
      </c>
      <c r="J11351" s="5" t="s">
        <v>27074</v>
      </c>
      <c r="K11351" s="2" t="s">
        <v>27075</v>
      </c>
      <c r="L11351" s="5" t="s">
        <v>27074</v>
      </c>
      <c r="M11351" s="2" t="s">
        <v>27075</v>
      </c>
      <c r="N11351" s="5" t="s">
        <v>24254</v>
      </c>
      <c r="O11351" s="5" t="s">
        <v>38</v>
      </c>
      <c r="P11351" s="5" t="s">
        <v>39</v>
      </c>
      <c r="Q11351" s="5" t="s">
        <v>40</v>
      </c>
      <c r="R11351" s="5" t="s">
        <v>24335</v>
      </c>
      <c r="S11351" s="5" t="s">
        <v>40</v>
      </c>
      <c r="T11351" s="5" t="s">
        <v>42</v>
      </c>
      <c r="U11351" s="2">
        <v>8.7420000000000009</v>
      </c>
      <c r="V11351" s="2">
        <v>6.0229999999999997</v>
      </c>
      <c r="W11351" s="2">
        <v>0.14899999999999999</v>
      </c>
      <c r="X11351" s="2">
        <v>12</v>
      </c>
      <c r="Y11351" s="2">
        <v>62</v>
      </c>
      <c r="Z11351" s="2">
        <v>199.7</v>
      </c>
      <c r="AA11351" s="5">
        <v>10</v>
      </c>
      <c r="AB11351" s="5" t="s">
        <v>43</v>
      </c>
      <c r="AC11351" s="5" t="s">
        <v>44</v>
      </c>
      <c r="AD11351" s="2" t="s">
        <v>33639</v>
      </c>
      <c r="AE11351" s="1"/>
    </row>
    <row r="11352" spans="1:31" ht="14.45">
      <c r="A11352" s="11"/>
      <c r="B11352" s="20"/>
      <c r="C11352" s="2" t="s">
        <v>34893</v>
      </c>
      <c r="D11352" s="14" t="s">
        <v>34894</v>
      </c>
      <c r="E11352" s="2" t="s">
        <v>34895</v>
      </c>
      <c r="F11352" s="2" t="s">
        <v>33643</v>
      </c>
      <c r="G11352" s="8">
        <v>227</v>
      </c>
      <c r="H11352" s="5">
        <v>5</v>
      </c>
      <c r="I11352" s="5" t="s">
        <v>69</v>
      </c>
      <c r="J11352" s="5" t="s">
        <v>27074</v>
      </c>
      <c r="K11352" s="2" t="s">
        <v>27075</v>
      </c>
      <c r="L11352" s="5" t="s">
        <v>27074</v>
      </c>
      <c r="M11352" s="2" t="s">
        <v>27075</v>
      </c>
      <c r="N11352" s="5" t="s">
        <v>24254</v>
      </c>
      <c r="O11352" s="5" t="s">
        <v>38</v>
      </c>
      <c r="P11352" s="5" t="s">
        <v>39</v>
      </c>
      <c r="Q11352" s="5" t="s">
        <v>40</v>
      </c>
      <c r="R11352" s="5" t="s">
        <v>24335</v>
      </c>
      <c r="S11352" s="5" t="s">
        <v>40</v>
      </c>
      <c r="T11352" s="5" t="s">
        <v>42</v>
      </c>
      <c r="U11352" s="2">
        <v>7.0860000000000003</v>
      </c>
      <c r="V11352" s="2">
        <v>4.4589999999999996</v>
      </c>
      <c r="W11352" s="2">
        <v>0.14899999999999999</v>
      </c>
      <c r="X11352" s="2">
        <v>12</v>
      </c>
      <c r="Y11352" s="2">
        <v>62</v>
      </c>
      <c r="Z11352" s="2">
        <v>199.7</v>
      </c>
      <c r="AA11352" s="5">
        <v>10</v>
      </c>
      <c r="AB11352" s="5" t="s">
        <v>43</v>
      </c>
      <c r="AC11352" s="5" t="s">
        <v>44</v>
      </c>
      <c r="AD11352" s="2" t="s">
        <v>33644</v>
      </c>
      <c r="AE11352" s="1"/>
    </row>
    <row r="11353" spans="1:31" ht="14.45">
      <c r="A11353" s="11"/>
      <c r="B11353" s="20"/>
      <c r="C11353" s="2" t="s">
        <v>34896</v>
      </c>
      <c r="D11353" s="14" t="s">
        <v>34897</v>
      </c>
      <c r="E11353" s="2" t="s">
        <v>34898</v>
      </c>
      <c r="F11353" s="2" t="s">
        <v>33643</v>
      </c>
      <c r="G11353" s="8">
        <v>227</v>
      </c>
      <c r="H11353" s="5">
        <v>5</v>
      </c>
      <c r="I11353" s="5" t="s">
        <v>69</v>
      </c>
      <c r="J11353" s="5" t="s">
        <v>27074</v>
      </c>
      <c r="K11353" s="2" t="s">
        <v>27075</v>
      </c>
      <c r="L11353" s="5" t="s">
        <v>27074</v>
      </c>
      <c r="M11353" s="2" t="s">
        <v>27075</v>
      </c>
      <c r="N11353" s="5" t="s">
        <v>24254</v>
      </c>
      <c r="O11353" s="5" t="s">
        <v>38</v>
      </c>
      <c r="P11353" s="5" t="s">
        <v>39</v>
      </c>
      <c r="Q11353" s="5" t="s">
        <v>40</v>
      </c>
      <c r="R11353" s="5" t="s">
        <v>24335</v>
      </c>
      <c r="S11353" s="5" t="s">
        <v>40</v>
      </c>
      <c r="T11353" s="5" t="s">
        <v>42</v>
      </c>
      <c r="U11353" s="2">
        <v>7.6920000000000002</v>
      </c>
      <c r="V11353" s="2">
        <v>4.9729999999999999</v>
      </c>
      <c r="W11353" s="2">
        <v>0.14899999999999999</v>
      </c>
      <c r="X11353" s="2">
        <v>12</v>
      </c>
      <c r="Y11353" s="2">
        <v>62</v>
      </c>
      <c r="Z11353" s="2">
        <v>199.7</v>
      </c>
      <c r="AA11353" s="5">
        <v>10</v>
      </c>
      <c r="AB11353" s="5" t="s">
        <v>43</v>
      </c>
      <c r="AC11353" s="5" t="s">
        <v>44</v>
      </c>
      <c r="AD11353" s="2" t="s">
        <v>33648</v>
      </c>
      <c r="AE11353" s="1"/>
    </row>
    <row r="11354" spans="1:31" ht="14.45">
      <c r="A11354" s="11"/>
      <c r="B11354" s="20"/>
      <c r="C11354" s="2" t="s">
        <v>34899</v>
      </c>
      <c r="D11354" s="14" t="s">
        <v>34900</v>
      </c>
      <c r="E11354" s="2" t="s">
        <v>34901</v>
      </c>
      <c r="F11354" s="2" t="s">
        <v>33652</v>
      </c>
      <c r="G11354" s="8">
        <v>227</v>
      </c>
      <c r="H11354" s="5">
        <v>5</v>
      </c>
      <c r="I11354" s="5" t="s">
        <v>69</v>
      </c>
      <c r="J11354" s="5" t="s">
        <v>27074</v>
      </c>
      <c r="K11354" s="2" t="s">
        <v>27075</v>
      </c>
      <c r="L11354" s="5" t="s">
        <v>27074</v>
      </c>
      <c r="M11354" s="2" t="s">
        <v>27075</v>
      </c>
      <c r="N11354" s="5" t="s">
        <v>24254</v>
      </c>
      <c r="O11354" s="5" t="s">
        <v>38</v>
      </c>
      <c r="P11354" s="5" t="s">
        <v>39</v>
      </c>
      <c r="Q11354" s="5" t="s">
        <v>40</v>
      </c>
      <c r="R11354" s="5" t="s">
        <v>24335</v>
      </c>
      <c r="S11354" s="5" t="s">
        <v>40</v>
      </c>
      <c r="T11354" s="5" t="s">
        <v>42</v>
      </c>
      <c r="U11354" s="2">
        <v>7.7610000000000001</v>
      </c>
      <c r="V11354" s="2">
        <v>4.9729999999999999</v>
      </c>
      <c r="W11354" s="2">
        <v>0.14899999999999999</v>
      </c>
      <c r="X11354" s="2">
        <v>12</v>
      </c>
      <c r="Y11354" s="2">
        <v>62</v>
      </c>
      <c r="Z11354" s="2">
        <v>199.7</v>
      </c>
      <c r="AA11354" s="5">
        <v>10</v>
      </c>
      <c r="AB11354" s="5" t="s">
        <v>43</v>
      </c>
      <c r="AC11354" s="5" t="s">
        <v>44</v>
      </c>
      <c r="AD11354" s="2" t="s">
        <v>33644</v>
      </c>
      <c r="AE11354" s="1"/>
    </row>
    <row r="11355" spans="1:31" ht="14.45">
      <c r="A11355" s="11"/>
      <c r="B11355" s="20"/>
      <c r="C11355" s="2" t="s">
        <v>34902</v>
      </c>
      <c r="D11355" s="14" t="s">
        <v>34903</v>
      </c>
      <c r="E11355" s="2" t="s">
        <v>34904</v>
      </c>
      <c r="F11355" s="2" t="s">
        <v>33652</v>
      </c>
      <c r="G11355" s="8">
        <v>227</v>
      </c>
      <c r="H11355" s="5">
        <v>5</v>
      </c>
      <c r="I11355" s="5" t="s">
        <v>69</v>
      </c>
      <c r="J11355" s="5" t="s">
        <v>27074</v>
      </c>
      <c r="K11355" s="2" t="s">
        <v>27075</v>
      </c>
      <c r="L11355" s="5" t="s">
        <v>27074</v>
      </c>
      <c r="M11355" s="2" t="s">
        <v>27075</v>
      </c>
      <c r="N11355" s="5" t="s">
        <v>24254</v>
      </c>
      <c r="O11355" s="5" t="s">
        <v>38</v>
      </c>
      <c r="P11355" s="5" t="s">
        <v>39</v>
      </c>
      <c r="Q11355" s="5" t="s">
        <v>40</v>
      </c>
      <c r="R11355" s="5" t="s">
        <v>24335</v>
      </c>
      <c r="S11355" s="5" t="s">
        <v>40</v>
      </c>
      <c r="T11355" s="5" t="s">
        <v>42</v>
      </c>
      <c r="U11355" s="2">
        <v>8.2530000000000001</v>
      </c>
      <c r="V11355" s="2">
        <v>5.4189999999999996</v>
      </c>
      <c r="W11355" s="2">
        <v>0.14899999999999999</v>
      </c>
      <c r="X11355" s="2">
        <v>12</v>
      </c>
      <c r="Y11355" s="2">
        <v>62</v>
      </c>
      <c r="Z11355" s="2">
        <v>199.7</v>
      </c>
      <c r="AA11355" s="5">
        <v>10</v>
      </c>
      <c r="AB11355" s="5" t="s">
        <v>43</v>
      </c>
      <c r="AC11355" s="5" t="s">
        <v>44</v>
      </c>
      <c r="AD11355" s="2" t="s">
        <v>33648</v>
      </c>
      <c r="AE11355" s="1"/>
    </row>
    <row r="11356" spans="1:31" ht="14.45">
      <c r="A11356" s="11"/>
      <c r="B11356" s="20"/>
      <c r="C11356" s="2" t="s">
        <v>34905</v>
      </c>
      <c r="D11356" s="14" t="s">
        <v>34906</v>
      </c>
      <c r="E11356" s="2" t="s">
        <v>34907</v>
      </c>
      <c r="F11356" s="2" t="s">
        <v>33659</v>
      </c>
      <c r="G11356" s="8">
        <v>412</v>
      </c>
      <c r="H11356" s="5">
        <v>5</v>
      </c>
      <c r="I11356" s="5" t="s">
        <v>69</v>
      </c>
      <c r="J11356" s="5" t="s">
        <v>27074</v>
      </c>
      <c r="K11356" s="2" t="s">
        <v>27075</v>
      </c>
      <c r="L11356" s="5" t="s">
        <v>27074</v>
      </c>
      <c r="M11356" s="2" t="s">
        <v>27075</v>
      </c>
      <c r="N11356" s="5" t="s">
        <v>24254</v>
      </c>
      <c r="O11356" s="5" t="s">
        <v>38</v>
      </c>
      <c r="P11356" s="5" t="s">
        <v>39</v>
      </c>
      <c r="Q11356" s="5" t="s">
        <v>40</v>
      </c>
      <c r="R11356" s="5" t="s">
        <v>24335</v>
      </c>
      <c r="S11356" s="5" t="s">
        <v>40</v>
      </c>
      <c r="T11356" s="5" t="s">
        <v>42</v>
      </c>
      <c r="U11356" s="2">
        <v>20.768000000000001</v>
      </c>
      <c r="V11356" s="2">
        <v>18.001000000000001</v>
      </c>
      <c r="W11356" s="2">
        <v>0.24399999999999999</v>
      </c>
      <c r="X11356" s="2">
        <v>15</v>
      </c>
      <c r="Y11356" s="2">
        <v>77</v>
      </c>
      <c r="Z11356" s="2">
        <v>210.9</v>
      </c>
      <c r="AA11356" s="5">
        <v>8</v>
      </c>
      <c r="AB11356" s="5" t="s">
        <v>43</v>
      </c>
      <c r="AC11356" s="5" t="s">
        <v>44</v>
      </c>
      <c r="AD11356" s="2" t="s">
        <v>33660</v>
      </c>
      <c r="AE11356" s="1"/>
    </row>
    <row r="11357" spans="1:31" ht="14.45">
      <c r="A11357" s="11"/>
      <c r="B11357" s="20"/>
      <c r="C11357" s="2" t="s">
        <v>34908</v>
      </c>
      <c r="D11357" s="14" t="s">
        <v>34909</v>
      </c>
      <c r="E11357" s="2" t="s">
        <v>34910</v>
      </c>
      <c r="F11357" s="2" t="s">
        <v>33669</v>
      </c>
      <c r="G11357" s="8">
        <v>378</v>
      </c>
      <c r="H11357" s="5">
        <v>10</v>
      </c>
      <c r="I11357" s="5" t="s">
        <v>69</v>
      </c>
      <c r="J11357" s="5" t="s">
        <v>27074</v>
      </c>
      <c r="K11357" s="2" t="s">
        <v>27075</v>
      </c>
      <c r="L11357" s="5" t="s">
        <v>27074</v>
      </c>
      <c r="M11357" s="2" t="s">
        <v>27075</v>
      </c>
      <c r="N11357" s="5" t="s">
        <v>24254</v>
      </c>
      <c r="O11357" s="5" t="s">
        <v>38</v>
      </c>
      <c r="P11357" s="5" t="s">
        <v>39</v>
      </c>
      <c r="Q11357" s="5" t="s">
        <v>40</v>
      </c>
      <c r="R11357" s="5" t="s">
        <v>24340</v>
      </c>
      <c r="S11357" s="5" t="s">
        <v>40</v>
      </c>
      <c r="T11357" s="5" t="s">
        <v>42</v>
      </c>
      <c r="U11357" s="2">
        <v>17.062000000000001</v>
      </c>
      <c r="V11357" s="2">
        <v>14.311999999999999</v>
      </c>
      <c r="W11357" s="2">
        <v>0.186</v>
      </c>
      <c r="X11357" s="2">
        <v>12</v>
      </c>
      <c r="Y11357" s="2">
        <v>62</v>
      </c>
      <c r="Z11357" s="2">
        <v>199.7</v>
      </c>
      <c r="AA11357" s="5">
        <v>8</v>
      </c>
      <c r="AB11357" s="5" t="s">
        <v>43</v>
      </c>
      <c r="AC11357" s="5" t="s">
        <v>44</v>
      </c>
      <c r="AD11357" s="2" t="s">
        <v>33665</v>
      </c>
      <c r="AE11357" s="1"/>
    </row>
    <row r="11358" spans="1:31" ht="14.45">
      <c r="A11358" s="11"/>
      <c r="B11358" s="20"/>
      <c r="C11358" s="2" t="s">
        <v>34911</v>
      </c>
      <c r="D11358" s="14" t="s">
        <v>34912</v>
      </c>
      <c r="E11358" s="2" t="s">
        <v>34913</v>
      </c>
      <c r="F11358" s="2" t="s">
        <v>33673</v>
      </c>
      <c r="G11358" s="8">
        <v>378</v>
      </c>
      <c r="H11358" s="5">
        <v>10</v>
      </c>
      <c r="I11358" s="5" t="s">
        <v>69</v>
      </c>
      <c r="J11358" s="5" t="s">
        <v>27074</v>
      </c>
      <c r="K11358" s="2" t="s">
        <v>27075</v>
      </c>
      <c r="L11358" s="5" t="s">
        <v>27074</v>
      </c>
      <c r="M11358" s="2" t="s">
        <v>27075</v>
      </c>
      <c r="N11358" s="5" t="s">
        <v>24254</v>
      </c>
      <c r="O11358" s="5" t="s">
        <v>38</v>
      </c>
      <c r="P11358" s="5" t="s">
        <v>39</v>
      </c>
      <c r="Q11358" s="5" t="s">
        <v>40</v>
      </c>
      <c r="R11358" s="5" t="s">
        <v>24340</v>
      </c>
      <c r="S11358" s="5" t="s">
        <v>40</v>
      </c>
      <c r="T11358" s="5" t="s">
        <v>42</v>
      </c>
      <c r="U11358" s="2">
        <v>14.561</v>
      </c>
      <c r="V11358" s="2">
        <v>12.166</v>
      </c>
      <c r="W11358" s="2">
        <v>0.129</v>
      </c>
      <c r="X11358" s="2">
        <v>12</v>
      </c>
      <c r="Y11358" s="2">
        <v>62</v>
      </c>
      <c r="Z11358" s="2">
        <v>172.9</v>
      </c>
      <c r="AA11358" s="5">
        <v>8</v>
      </c>
      <c r="AB11358" s="5" t="s">
        <v>43</v>
      </c>
      <c r="AC11358" s="5" t="s">
        <v>44</v>
      </c>
      <c r="AD11358" s="2" t="s">
        <v>33665</v>
      </c>
      <c r="AE11358" s="1"/>
    </row>
    <row r="11359" spans="1:31" ht="14.45">
      <c r="A11359" s="11"/>
      <c r="B11359" s="20"/>
      <c r="C11359" s="2" t="s">
        <v>34914</v>
      </c>
      <c r="D11359" s="14" t="s">
        <v>34915</v>
      </c>
      <c r="E11359" s="2" t="s">
        <v>34916</v>
      </c>
      <c r="F11359" s="2" t="s">
        <v>33677</v>
      </c>
      <c r="G11359" s="8">
        <v>378</v>
      </c>
      <c r="H11359" s="5">
        <v>10</v>
      </c>
      <c r="I11359" s="5" t="s">
        <v>69</v>
      </c>
      <c r="J11359" s="5" t="s">
        <v>27074</v>
      </c>
      <c r="K11359" s="2" t="s">
        <v>27075</v>
      </c>
      <c r="L11359" s="5" t="s">
        <v>27074</v>
      </c>
      <c r="M11359" s="2" t="s">
        <v>27075</v>
      </c>
      <c r="N11359" s="5" t="s">
        <v>24254</v>
      </c>
      <c r="O11359" s="5" t="s">
        <v>38</v>
      </c>
      <c r="P11359" s="5" t="s">
        <v>39</v>
      </c>
      <c r="Q11359" s="5" t="s">
        <v>40</v>
      </c>
      <c r="R11359" s="5" t="s">
        <v>24340</v>
      </c>
      <c r="S11359" s="5" t="s">
        <v>40</v>
      </c>
      <c r="T11359" s="5" t="s">
        <v>42</v>
      </c>
      <c r="U11359" s="2">
        <v>15.159000000000001</v>
      </c>
      <c r="V11359" s="2">
        <v>12.44</v>
      </c>
      <c r="W11359" s="2">
        <v>0.14899999999999999</v>
      </c>
      <c r="X11359" s="2">
        <v>12</v>
      </c>
      <c r="Y11359" s="2">
        <v>62</v>
      </c>
      <c r="Z11359" s="2">
        <v>199.7</v>
      </c>
      <c r="AA11359" s="5">
        <v>10</v>
      </c>
      <c r="AB11359" s="5" t="s">
        <v>43</v>
      </c>
      <c r="AC11359" s="5" t="s">
        <v>44</v>
      </c>
      <c r="AD11359" s="2" t="s">
        <v>33950</v>
      </c>
      <c r="AE11359" s="1"/>
    </row>
    <row r="11360" spans="1:31" ht="14.45">
      <c r="A11360" s="11"/>
      <c r="B11360" s="20"/>
      <c r="C11360" s="2" t="s">
        <v>34917</v>
      </c>
      <c r="D11360" s="14" t="s">
        <v>34918</v>
      </c>
      <c r="E11360" s="2" t="s">
        <v>34919</v>
      </c>
      <c r="F11360" s="2" t="s">
        <v>33682</v>
      </c>
      <c r="G11360" s="8">
        <v>378</v>
      </c>
      <c r="H11360" s="5">
        <v>10</v>
      </c>
      <c r="I11360" s="5" t="s">
        <v>69</v>
      </c>
      <c r="J11360" s="5" t="s">
        <v>27074</v>
      </c>
      <c r="K11360" s="2" t="s">
        <v>27075</v>
      </c>
      <c r="L11360" s="5" t="s">
        <v>27074</v>
      </c>
      <c r="M11360" s="2" t="s">
        <v>27075</v>
      </c>
      <c r="N11360" s="5" t="s">
        <v>24254</v>
      </c>
      <c r="O11360" s="5" t="s">
        <v>38</v>
      </c>
      <c r="P11360" s="5" t="s">
        <v>39</v>
      </c>
      <c r="Q11360" s="5" t="s">
        <v>40</v>
      </c>
      <c r="R11360" s="5" t="s">
        <v>24340</v>
      </c>
      <c r="S11360" s="5" t="s">
        <v>40</v>
      </c>
      <c r="T11360" s="5" t="s">
        <v>42</v>
      </c>
      <c r="U11360" s="2">
        <v>11.971</v>
      </c>
      <c r="V11360" s="2">
        <v>9.2520000000000007</v>
      </c>
      <c r="W11360" s="2">
        <v>0.14899999999999999</v>
      </c>
      <c r="X11360" s="2">
        <v>12</v>
      </c>
      <c r="Y11360" s="2">
        <v>62</v>
      </c>
      <c r="Z11360" s="2">
        <v>199.7</v>
      </c>
      <c r="AA11360" s="5">
        <v>10</v>
      </c>
      <c r="AB11360" s="5" t="s">
        <v>43</v>
      </c>
      <c r="AC11360" s="5" t="s">
        <v>44</v>
      </c>
      <c r="AD11360" s="2" t="s">
        <v>33688</v>
      </c>
      <c r="AE11360" s="1"/>
    </row>
    <row r="11361" spans="1:31" ht="14.45">
      <c r="A11361" s="11"/>
      <c r="B11361" s="20"/>
      <c r="C11361" s="2" t="s">
        <v>34920</v>
      </c>
      <c r="D11361" s="14" t="s">
        <v>34921</v>
      </c>
      <c r="E11361" s="2" t="s">
        <v>34922</v>
      </c>
      <c r="F11361" s="2" t="s">
        <v>33687</v>
      </c>
      <c r="G11361" s="8">
        <v>378</v>
      </c>
      <c r="H11361" s="5">
        <v>10</v>
      </c>
      <c r="I11361" s="5" t="s">
        <v>69</v>
      </c>
      <c r="J11361" s="5" t="s">
        <v>27074</v>
      </c>
      <c r="K11361" s="2" t="s">
        <v>27075</v>
      </c>
      <c r="L11361" s="5" t="s">
        <v>27074</v>
      </c>
      <c r="M11361" s="2" t="s">
        <v>27075</v>
      </c>
      <c r="N11361" s="5" t="s">
        <v>24254</v>
      </c>
      <c r="O11361" s="5" t="s">
        <v>38</v>
      </c>
      <c r="P11361" s="5" t="s">
        <v>39</v>
      </c>
      <c r="Q11361" s="5" t="s">
        <v>40</v>
      </c>
      <c r="R11361" s="5" t="s">
        <v>24340</v>
      </c>
      <c r="S11361" s="5" t="s">
        <v>40</v>
      </c>
      <c r="T11361" s="5" t="s">
        <v>42</v>
      </c>
      <c r="U11361" s="2">
        <v>12.1</v>
      </c>
      <c r="V11361" s="2">
        <v>9.3119999999999994</v>
      </c>
      <c r="W11361" s="2">
        <v>0.14899999999999999</v>
      </c>
      <c r="X11361" s="2">
        <v>12</v>
      </c>
      <c r="Y11361" s="2">
        <v>62</v>
      </c>
      <c r="Z11361" s="2">
        <v>199.7</v>
      </c>
      <c r="AA11361" s="5">
        <v>10</v>
      </c>
      <c r="AB11361" s="5" t="s">
        <v>43</v>
      </c>
      <c r="AC11361" s="5" t="s">
        <v>44</v>
      </c>
      <c r="AD11361" s="2" t="s">
        <v>33683</v>
      </c>
      <c r="AE11361" s="1"/>
    </row>
    <row r="11362" spans="1:31" ht="14.45">
      <c r="A11362" s="11"/>
      <c r="B11362" s="20"/>
      <c r="C11362" s="2" t="s">
        <v>34923</v>
      </c>
      <c r="D11362" s="14" t="s">
        <v>34924</v>
      </c>
      <c r="E11362" s="2" t="s">
        <v>34925</v>
      </c>
      <c r="F11362" s="2" t="s">
        <v>33687</v>
      </c>
      <c r="G11362" s="8">
        <v>378</v>
      </c>
      <c r="H11362" s="5">
        <v>10</v>
      </c>
      <c r="I11362" s="5" t="s">
        <v>69</v>
      </c>
      <c r="J11362" s="5" t="s">
        <v>27074</v>
      </c>
      <c r="K11362" s="2" t="s">
        <v>27075</v>
      </c>
      <c r="L11362" s="5" t="s">
        <v>27074</v>
      </c>
      <c r="M11362" s="2" t="s">
        <v>27075</v>
      </c>
      <c r="N11362" s="5" t="s">
        <v>24254</v>
      </c>
      <c r="O11362" s="5" t="s">
        <v>38</v>
      </c>
      <c r="P11362" s="5" t="s">
        <v>39</v>
      </c>
      <c r="Q11362" s="5" t="s">
        <v>40</v>
      </c>
      <c r="R11362" s="5" t="s">
        <v>24340</v>
      </c>
      <c r="S11362" s="5" t="s">
        <v>40</v>
      </c>
      <c r="T11362" s="5" t="s">
        <v>42</v>
      </c>
      <c r="U11362" s="2">
        <v>13.515000000000001</v>
      </c>
      <c r="V11362" s="2">
        <v>10.680999999999999</v>
      </c>
      <c r="W11362" s="2">
        <v>0.14899999999999999</v>
      </c>
      <c r="X11362" s="2">
        <v>12</v>
      </c>
      <c r="Y11362" s="2">
        <v>62</v>
      </c>
      <c r="Z11362" s="2">
        <v>199.7</v>
      </c>
      <c r="AA11362" s="5">
        <v>10</v>
      </c>
      <c r="AB11362" s="5" t="s">
        <v>43</v>
      </c>
      <c r="AC11362" s="5" t="s">
        <v>44</v>
      </c>
      <c r="AD11362" s="2" t="s">
        <v>33688</v>
      </c>
      <c r="AE11362" s="1"/>
    </row>
    <row r="11363" spans="1:31" ht="14.45">
      <c r="A11363" s="11"/>
      <c r="B11363" s="20"/>
      <c r="C11363" s="2" t="s">
        <v>34926</v>
      </c>
      <c r="D11363" s="14" t="s">
        <v>34927</v>
      </c>
      <c r="E11363" s="2" t="s">
        <v>34928</v>
      </c>
      <c r="F11363" s="2" t="s">
        <v>33692</v>
      </c>
      <c r="G11363" s="8">
        <v>714</v>
      </c>
      <c r="H11363" s="5">
        <v>10</v>
      </c>
      <c r="I11363" s="5" t="s">
        <v>69</v>
      </c>
      <c r="J11363" s="5" t="s">
        <v>27074</v>
      </c>
      <c r="K11363" s="2" t="s">
        <v>27075</v>
      </c>
      <c r="L11363" s="5" t="s">
        <v>27074</v>
      </c>
      <c r="M11363" s="2" t="s">
        <v>27075</v>
      </c>
      <c r="N11363" s="5" t="s">
        <v>24254</v>
      </c>
      <c r="O11363" s="5" t="s">
        <v>38</v>
      </c>
      <c r="P11363" s="5" t="s">
        <v>39</v>
      </c>
      <c r="Q11363" s="5" t="s">
        <v>40</v>
      </c>
      <c r="R11363" s="5" t="s">
        <v>24340</v>
      </c>
      <c r="S11363" s="5" t="s">
        <v>40</v>
      </c>
      <c r="T11363" s="5" t="s">
        <v>42</v>
      </c>
      <c r="U11363" s="2">
        <v>27.145</v>
      </c>
      <c r="V11363" s="2">
        <v>24.388999999999999</v>
      </c>
      <c r="W11363" s="2">
        <v>0.24399999999999999</v>
      </c>
      <c r="X11363" s="2">
        <v>15</v>
      </c>
      <c r="Y11363" s="2">
        <v>77</v>
      </c>
      <c r="Z11363" s="2">
        <v>210.9</v>
      </c>
      <c r="AA11363" s="5">
        <v>8</v>
      </c>
      <c r="AB11363" s="5" t="s">
        <v>43</v>
      </c>
      <c r="AC11363" s="5" t="s">
        <v>44</v>
      </c>
      <c r="AD11363" s="2" t="s">
        <v>33660</v>
      </c>
      <c r="AE11363" s="1"/>
    </row>
    <row r="11364" spans="1:31" ht="14.45">
      <c r="A11364" s="11"/>
      <c r="B11364" s="20"/>
      <c r="C11364" s="2" t="s">
        <v>34929</v>
      </c>
      <c r="D11364" s="14" t="s">
        <v>34930</v>
      </c>
      <c r="E11364" s="2" t="s">
        <v>34931</v>
      </c>
      <c r="F11364" s="2" t="s">
        <v>33696</v>
      </c>
      <c r="G11364" s="8">
        <v>378</v>
      </c>
      <c r="H11364" s="5">
        <v>10</v>
      </c>
      <c r="I11364" s="5" t="s">
        <v>69</v>
      </c>
      <c r="J11364" s="5" t="s">
        <v>27074</v>
      </c>
      <c r="K11364" s="2" t="s">
        <v>27075</v>
      </c>
      <c r="L11364" s="5" t="s">
        <v>27074</v>
      </c>
      <c r="M11364" s="2" t="s">
        <v>27075</v>
      </c>
      <c r="N11364" s="5" t="s">
        <v>24254</v>
      </c>
      <c r="O11364" s="5" t="s">
        <v>38</v>
      </c>
      <c r="P11364" s="5" t="s">
        <v>39</v>
      </c>
      <c r="Q11364" s="5" t="s">
        <v>40</v>
      </c>
      <c r="R11364" s="5" t="s">
        <v>25301</v>
      </c>
      <c r="S11364" s="5" t="s">
        <v>40</v>
      </c>
      <c r="T11364" s="5" t="s">
        <v>42</v>
      </c>
      <c r="U11364" s="2">
        <v>18.715</v>
      </c>
      <c r="V11364" s="2">
        <v>15.964</v>
      </c>
      <c r="W11364" s="2">
        <v>0.23100000000000001</v>
      </c>
      <c r="X11364" s="2">
        <v>12</v>
      </c>
      <c r="Y11364" s="2">
        <v>62</v>
      </c>
      <c r="Z11364" s="2">
        <v>199.7</v>
      </c>
      <c r="AA11364" s="5">
        <v>8</v>
      </c>
      <c r="AB11364" s="5" t="s">
        <v>43</v>
      </c>
      <c r="AC11364" s="5" t="s">
        <v>44</v>
      </c>
      <c r="AD11364" s="2" t="s">
        <v>33697</v>
      </c>
      <c r="AE11364" s="1"/>
    </row>
    <row r="11365" spans="1:31" ht="14.45">
      <c r="A11365" s="11"/>
      <c r="B11365" s="20"/>
      <c r="C11365" s="2" t="s">
        <v>34932</v>
      </c>
      <c r="D11365" s="14" t="s">
        <v>34933</v>
      </c>
      <c r="E11365" s="2" t="s">
        <v>34934</v>
      </c>
      <c r="F11365" s="2" t="s">
        <v>33798</v>
      </c>
      <c r="G11365" s="8">
        <v>378</v>
      </c>
      <c r="H11365" s="5">
        <v>10</v>
      </c>
      <c r="I11365" s="5" t="s">
        <v>69</v>
      </c>
      <c r="J11365" s="5" t="s">
        <v>27074</v>
      </c>
      <c r="K11365" s="2" t="s">
        <v>27075</v>
      </c>
      <c r="L11365" s="5" t="s">
        <v>27074</v>
      </c>
      <c r="M11365" s="2" t="s">
        <v>27075</v>
      </c>
      <c r="N11365" s="5" t="s">
        <v>24254</v>
      </c>
      <c r="O11365" s="5" t="s">
        <v>38</v>
      </c>
      <c r="P11365" s="5" t="s">
        <v>39</v>
      </c>
      <c r="Q11365" s="5" t="s">
        <v>40</v>
      </c>
      <c r="R11365" s="5" t="s">
        <v>25301</v>
      </c>
      <c r="S11365" s="5" t="s">
        <v>40</v>
      </c>
      <c r="T11365" s="5" t="s">
        <v>42</v>
      </c>
      <c r="U11365" s="2">
        <v>15.742000000000001</v>
      </c>
      <c r="V11365" s="2">
        <v>12.992000000000001</v>
      </c>
      <c r="W11365" s="2">
        <v>0.14899999999999999</v>
      </c>
      <c r="X11365" s="2">
        <v>12</v>
      </c>
      <c r="Y11365" s="2">
        <v>62</v>
      </c>
      <c r="Z11365" s="2">
        <v>199.7</v>
      </c>
      <c r="AA11365" s="5">
        <v>8</v>
      </c>
      <c r="AB11365" s="5" t="s">
        <v>43</v>
      </c>
      <c r="AC11365" s="5" t="s">
        <v>44</v>
      </c>
      <c r="AD11365" s="2" t="s">
        <v>33697</v>
      </c>
      <c r="AE11365" s="1"/>
    </row>
    <row r="11366" spans="1:31" ht="14.45">
      <c r="A11366" s="11"/>
      <c r="B11366" s="20"/>
      <c r="C11366" s="2" t="s">
        <v>34935</v>
      </c>
      <c r="D11366" s="14" t="s">
        <v>34936</v>
      </c>
      <c r="E11366" s="2" t="s">
        <v>34937</v>
      </c>
      <c r="F11366" s="2" t="s">
        <v>33701</v>
      </c>
      <c r="G11366" s="8">
        <v>378</v>
      </c>
      <c r="H11366" s="5">
        <v>10</v>
      </c>
      <c r="I11366" s="5" t="s">
        <v>69</v>
      </c>
      <c r="J11366" s="5" t="s">
        <v>27074</v>
      </c>
      <c r="K11366" s="2" t="s">
        <v>27075</v>
      </c>
      <c r="L11366" s="5" t="s">
        <v>27074</v>
      </c>
      <c r="M11366" s="2" t="s">
        <v>27075</v>
      </c>
      <c r="N11366" s="5" t="s">
        <v>24254</v>
      </c>
      <c r="O11366" s="5" t="s">
        <v>38</v>
      </c>
      <c r="P11366" s="5" t="s">
        <v>39</v>
      </c>
      <c r="Q11366" s="5" t="s">
        <v>40</v>
      </c>
      <c r="R11366" s="5" t="s">
        <v>25301</v>
      </c>
      <c r="S11366" s="5" t="s">
        <v>40</v>
      </c>
      <c r="T11366" s="5" t="s">
        <v>42</v>
      </c>
      <c r="U11366" s="2">
        <v>13.608000000000001</v>
      </c>
      <c r="V11366" s="2">
        <v>11.212999999999999</v>
      </c>
      <c r="W11366" s="2">
        <v>0.129</v>
      </c>
      <c r="X11366" s="2">
        <v>12</v>
      </c>
      <c r="Y11366" s="2">
        <v>62</v>
      </c>
      <c r="Z11366" s="2">
        <v>172.9</v>
      </c>
      <c r="AA11366" s="5">
        <v>8</v>
      </c>
      <c r="AB11366" s="5" t="s">
        <v>43</v>
      </c>
      <c r="AC11366" s="5" t="s">
        <v>44</v>
      </c>
      <c r="AD11366" s="2" t="s">
        <v>33697</v>
      </c>
      <c r="AE11366" s="1"/>
    </row>
    <row r="11367" spans="1:31" ht="14.45">
      <c r="A11367" s="11"/>
      <c r="B11367" s="20"/>
      <c r="C11367" s="2" t="s">
        <v>34938</v>
      </c>
      <c r="D11367" s="14" t="s">
        <v>34939</v>
      </c>
      <c r="E11367" s="2" t="s">
        <v>34940</v>
      </c>
      <c r="F11367" s="2" t="s">
        <v>33705</v>
      </c>
      <c r="G11367" s="8">
        <v>378</v>
      </c>
      <c r="H11367" s="5">
        <v>10</v>
      </c>
      <c r="I11367" s="5" t="s">
        <v>69</v>
      </c>
      <c r="J11367" s="5" t="s">
        <v>27074</v>
      </c>
      <c r="K11367" s="2" t="s">
        <v>27075</v>
      </c>
      <c r="L11367" s="5" t="s">
        <v>27074</v>
      </c>
      <c r="M11367" s="2" t="s">
        <v>27075</v>
      </c>
      <c r="N11367" s="5" t="s">
        <v>24254</v>
      </c>
      <c r="O11367" s="5" t="s">
        <v>38</v>
      </c>
      <c r="P11367" s="5" t="s">
        <v>39</v>
      </c>
      <c r="Q11367" s="5" t="s">
        <v>40</v>
      </c>
      <c r="R11367" s="5" t="s">
        <v>25301</v>
      </c>
      <c r="S11367" s="5" t="s">
        <v>40</v>
      </c>
      <c r="T11367" s="5" t="s">
        <v>42</v>
      </c>
      <c r="U11367" s="2">
        <v>11.121</v>
      </c>
      <c r="V11367" s="2">
        <v>8.3330000000000002</v>
      </c>
      <c r="W11367" s="2">
        <v>0.14899999999999999</v>
      </c>
      <c r="X11367" s="2">
        <v>12</v>
      </c>
      <c r="Y11367" s="2">
        <v>62</v>
      </c>
      <c r="Z11367" s="2">
        <v>199.7</v>
      </c>
      <c r="AA11367" s="5">
        <v>10</v>
      </c>
      <c r="AB11367" s="5" t="s">
        <v>43</v>
      </c>
      <c r="AC11367" s="5" t="s">
        <v>44</v>
      </c>
      <c r="AD11367" s="2" t="s">
        <v>33706</v>
      </c>
      <c r="AE11367" s="1"/>
    </row>
    <row r="11368" spans="1:31" ht="14.45">
      <c r="A11368" s="11"/>
      <c r="B11368" s="20"/>
      <c r="C11368" s="2" t="s">
        <v>34941</v>
      </c>
      <c r="D11368" s="14" t="s">
        <v>34942</v>
      </c>
      <c r="E11368" s="2" t="s">
        <v>34943</v>
      </c>
      <c r="F11368" s="2" t="s">
        <v>33710</v>
      </c>
      <c r="G11368" s="8">
        <v>813</v>
      </c>
      <c r="H11368" s="5">
        <v>5</v>
      </c>
      <c r="I11368" s="5" t="s">
        <v>69</v>
      </c>
      <c r="J11368" s="5" t="s">
        <v>27074</v>
      </c>
      <c r="K11368" s="2" t="s">
        <v>27075</v>
      </c>
      <c r="L11368" s="5" t="s">
        <v>27074</v>
      </c>
      <c r="M11368" s="2" t="s">
        <v>27075</v>
      </c>
      <c r="N11368" s="5" t="s">
        <v>24254</v>
      </c>
      <c r="O11368" s="5" t="s">
        <v>38</v>
      </c>
      <c r="P11368" s="5" t="s">
        <v>39</v>
      </c>
      <c r="Q11368" s="5" t="s">
        <v>40</v>
      </c>
      <c r="R11368" s="5" t="s">
        <v>1487</v>
      </c>
      <c r="S11368" s="5"/>
      <c r="T11368" s="5" t="s">
        <v>42</v>
      </c>
      <c r="U11368" s="2">
        <v>0</v>
      </c>
      <c r="V11368" s="2">
        <v>0</v>
      </c>
      <c r="W11368" s="2">
        <v>0</v>
      </c>
      <c r="X11368" s="2">
        <v>0</v>
      </c>
      <c r="Y11368" s="2">
        <v>0</v>
      </c>
      <c r="Z11368" s="2">
        <v>0</v>
      </c>
      <c r="AA11368" s="5"/>
      <c r="AB11368" s="5" t="s">
        <v>43</v>
      </c>
      <c r="AC11368" s="5" t="s">
        <v>44</v>
      </c>
      <c r="AD11368" s="2" t="s">
        <v>33711</v>
      </c>
      <c r="AE11368" s="1"/>
    </row>
    <row r="11369" spans="1:31" ht="14.45">
      <c r="A11369" s="11"/>
      <c r="B11369" s="20"/>
      <c r="C11369" s="2" t="s">
        <v>34944</v>
      </c>
      <c r="D11369" s="14" t="s">
        <v>34945</v>
      </c>
      <c r="E11369" s="2" t="s">
        <v>34946</v>
      </c>
      <c r="F11369" s="2" t="s">
        <v>33715</v>
      </c>
      <c r="G11369" s="8">
        <v>813</v>
      </c>
      <c r="H11369" s="5">
        <v>15</v>
      </c>
      <c r="I11369" s="5" t="s">
        <v>69</v>
      </c>
      <c r="J11369" s="5" t="s">
        <v>27074</v>
      </c>
      <c r="K11369" s="2" t="s">
        <v>27075</v>
      </c>
      <c r="L11369" s="5" t="s">
        <v>27074</v>
      </c>
      <c r="M11369" s="2" t="s">
        <v>27075</v>
      </c>
      <c r="N11369" s="5" t="s">
        <v>24254</v>
      </c>
      <c r="O11369" s="5" t="s">
        <v>38</v>
      </c>
      <c r="P11369" s="5" t="s">
        <v>39</v>
      </c>
      <c r="Q11369" s="5" t="s">
        <v>40</v>
      </c>
      <c r="R11369" s="5" t="s">
        <v>1487</v>
      </c>
      <c r="S11369" s="5"/>
      <c r="T11369" s="5" t="s">
        <v>42</v>
      </c>
      <c r="U11369" s="2">
        <v>0</v>
      </c>
      <c r="V11369" s="2">
        <v>0</v>
      </c>
      <c r="W11369" s="2">
        <v>0</v>
      </c>
      <c r="X11369" s="2">
        <v>0</v>
      </c>
      <c r="Y11369" s="2">
        <v>0</v>
      </c>
      <c r="Z11369" s="2">
        <v>0</v>
      </c>
      <c r="AA11369" s="5"/>
      <c r="AB11369" s="5" t="s">
        <v>43</v>
      </c>
      <c r="AC11369" s="5" t="s">
        <v>44</v>
      </c>
      <c r="AD11369" s="2" t="s">
        <v>33716</v>
      </c>
      <c r="AE11369" s="1"/>
    </row>
    <row r="11370" spans="1:31" ht="14.45">
      <c r="A11370" s="11"/>
      <c r="B11370" s="20"/>
      <c r="C11370" s="2" t="s">
        <v>34947</v>
      </c>
      <c r="D11370" s="14" t="s">
        <v>34948</v>
      </c>
      <c r="E11370" s="2" t="s">
        <v>34949</v>
      </c>
      <c r="F11370" s="2" t="s">
        <v>33730</v>
      </c>
      <c r="G11370" s="8">
        <v>1115</v>
      </c>
      <c r="H11370" s="5">
        <v>10</v>
      </c>
      <c r="I11370" s="5" t="s">
        <v>69</v>
      </c>
      <c r="J11370" s="5" t="s">
        <v>27074</v>
      </c>
      <c r="K11370" s="2" t="s">
        <v>27075</v>
      </c>
      <c r="L11370" s="5" t="s">
        <v>27074</v>
      </c>
      <c r="M11370" s="2" t="s">
        <v>27075</v>
      </c>
      <c r="N11370" s="5" t="s">
        <v>24254</v>
      </c>
      <c r="O11370" s="5" t="s">
        <v>38</v>
      </c>
      <c r="P11370" s="5" t="s">
        <v>39</v>
      </c>
      <c r="Q11370" s="5" t="s">
        <v>40</v>
      </c>
      <c r="R11370" s="5" t="s">
        <v>1487</v>
      </c>
      <c r="S11370" s="5"/>
      <c r="T11370" s="5" t="s">
        <v>42</v>
      </c>
      <c r="U11370" s="2">
        <v>0</v>
      </c>
      <c r="V11370" s="2">
        <v>0</v>
      </c>
      <c r="W11370" s="2">
        <v>0</v>
      </c>
      <c r="X11370" s="2">
        <v>0</v>
      </c>
      <c r="Y11370" s="2">
        <v>0</v>
      </c>
      <c r="Z11370" s="2">
        <v>0</v>
      </c>
      <c r="AA11370" s="5"/>
      <c r="AB11370" s="5" t="s">
        <v>43</v>
      </c>
      <c r="AC11370" s="5" t="s">
        <v>44</v>
      </c>
      <c r="AD11370" s="2"/>
      <c r="AE11370" s="1"/>
    </row>
    <row r="11371" spans="1:31" ht="14.45">
      <c r="A11371" s="11"/>
      <c r="B11371" s="20"/>
      <c r="C11371" s="2" t="s">
        <v>34950</v>
      </c>
      <c r="D11371" s="14" t="s">
        <v>34951</v>
      </c>
      <c r="E11371" s="2" t="s">
        <v>34952</v>
      </c>
      <c r="F11371" s="2" t="s">
        <v>33734</v>
      </c>
      <c r="G11371" s="8">
        <v>1115</v>
      </c>
      <c r="H11371" s="5">
        <v>15</v>
      </c>
      <c r="I11371" s="5" t="s">
        <v>69</v>
      </c>
      <c r="J11371" s="5" t="s">
        <v>27074</v>
      </c>
      <c r="K11371" s="2" t="s">
        <v>27075</v>
      </c>
      <c r="L11371" s="5" t="s">
        <v>27074</v>
      </c>
      <c r="M11371" s="2" t="s">
        <v>27075</v>
      </c>
      <c r="N11371" s="5" t="s">
        <v>24254</v>
      </c>
      <c r="O11371" s="5" t="s">
        <v>38</v>
      </c>
      <c r="P11371" s="5" t="s">
        <v>39</v>
      </c>
      <c r="Q11371" s="5" t="s">
        <v>40</v>
      </c>
      <c r="R11371" s="5" t="s">
        <v>1487</v>
      </c>
      <c r="S11371" s="5"/>
      <c r="T11371" s="5" t="s">
        <v>42</v>
      </c>
      <c r="U11371" s="2">
        <v>0</v>
      </c>
      <c r="V11371" s="2">
        <v>0</v>
      </c>
      <c r="W11371" s="2">
        <v>0</v>
      </c>
      <c r="X11371" s="2">
        <v>0</v>
      </c>
      <c r="Y11371" s="2">
        <v>0</v>
      </c>
      <c r="Z11371" s="2">
        <v>0</v>
      </c>
      <c r="AA11371" s="5"/>
      <c r="AB11371" s="5" t="s">
        <v>43</v>
      </c>
      <c r="AC11371" s="5" t="s">
        <v>44</v>
      </c>
      <c r="AD11371" s="2"/>
      <c r="AE11371" s="1"/>
    </row>
    <row r="11372" spans="1:31" ht="14.45">
      <c r="A11372" s="11"/>
      <c r="B11372" s="20"/>
      <c r="C11372" s="2" t="s">
        <v>34953</v>
      </c>
      <c r="D11372" s="14" t="s">
        <v>34954</v>
      </c>
      <c r="E11372" s="2" t="s">
        <v>34955</v>
      </c>
      <c r="F11372" s="2" t="s">
        <v>33616</v>
      </c>
      <c r="G11372" s="8">
        <v>334</v>
      </c>
      <c r="H11372" s="5">
        <v>5</v>
      </c>
      <c r="I11372" s="5" t="s">
        <v>69</v>
      </c>
      <c r="J11372" s="5" t="s">
        <v>27074</v>
      </c>
      <c r="K11372" s="2" t="s">
        <v>27075</v>
      </c>
      <c r="L11372" s="5" t="s">
        <v>27074</v>
      </c>
      <c r="M11372" s="2" t="s">
        <v>27075</v>
      </c>
      <c r="N11372" s="5" t="s">
        <v>24254</v>
      </c>
      <c r="O11372" s="5" t="s">
        <v>38</v>
      </c>
      <c r="P11372" s="5" t="s">
        <v>39</v>
      </c>
      <c r="Q11372" s="5" t="s">
        <v>40</v>
      </c>
      <c r="R11372" s="5" t="s">
        <v>24335</v>
      </c>
      <c r="S11372" s="5" t="s">
        <v>40</v>
      </c>
      <c r="T11372" s="5" t="s">
        <v>42</v>
      </c>
      <c r="U11372" s="2">
        <v>17.417999999999999</v>
      </c>
      <c r="V11372" s="2">
        <v>14.775</v>
      </c>
      <c r="W11372" s="2">
        <v>0.19500000000000001</v>
      </c>
      <c r="X11372" s="2">
        <v>12</v>
      </c>
      <c r="Y11372" s="2">
        <v>77</v>
      </c>
      <c r="Z11372" s="2">
        <v>210.9</v>
      </c>
      <c r="AA11372" s="5">
        <v>8</v>
      </c>
      <c r="AB11372" s="5" t="s">
        <v>43</v>
      </c>
      <c r="AC11372" s="5" t="s">
        <v>44</v>
      </c>
      <c r="AD11372" s="2" t="s">
        <v>33617</v>
      </c>
      <c r="AE11372" s="1"/>
    </row>
    <row r="11373" spans="1:31" ht="14.45">
      <c r="A11373" s="11"/>
      <c r="B11373" s="20"/>
      <c r="C11373" s="2" t="s">
        <v>34956</v>
      </c>
      <c r="D11373" s="14" t="s">
        <v>34957</v>
      </c>
      <c r="E11373" s="2" t="s">
        <v>34958</v>
      </c>
      <c r="F11373" s="2" t="s">
        <v>33621</v>
      </c>
      <c r="G11373" s="8">
        <v>251</v>
      </c>
      <c r="H11373" s="5">
        <v>10</v>
      </c>
      <c r="I11373" s="5" t="s">
        <v>69</v>
      </c>
      <c r="J11373" s="5" t="s">
        <v>27074</v>
      </c>
      <c r="K11373" s="2" t="s">
        <v>27075</v>
      </c>
      <c r="L11373" s="5" t="s">
        <v>27074</v>
      </c>
      <c r="M11373" s="2" t="s">
        <v>27075</v>
      </c>
      <c r="N11373" s="5" t="s">
        <v>24254</v>
      </c>
      <c r="O11373" s="5" t="s">
        <v>38</v>
      </c>
      <c r="P11373" s="5" t="s">
        <v>39</v>
      </c>
      <c r="Q11373" s="5" t="s">
        <v>40</v>
      </c>
      <c r="R11373" s="5" t="s">
        <v>24335</v>
      </c>
      <c r="S11373" s="5" t="s">
        <v>40</v>
      </c>
      <c r="T11373" s="5" t="s">
        <v>42</v>
      </c>
      <c r="U11373" s="2">
        <v>13.856</v>
      </c>
      <c r="V11373" s="2">
        <v>11.105</v>
      </c>
      <c r="W11373" s="2">
        <v>0.23100000000000001</v>
      </c>
      <c r="X11373" s="2">
        <v>12</v>
      </c>
      <c r="Y11373" s="2">
        <v>62</v>
      </c>
      <c r="Z11373" s="2">
        <v>199.7</v>
      </c>
      <c r="AA11373" s="5">
        <v>8</v>
      </c>
      <c r="AB11373" s="5" t="s">
        <v>43</v>
      </c>
      <c r="AC11373" s="5" t="s">
        <v>44</v>
      </c>
      <c r="AD11373" s="2" t="s">
        <v>33622</v>
      </c>
      <c r="AE11373" s="1"/>
    </row>
    <row r="11374" spans="1:31" ht="14.45">
      <c r="A11374" s="11"/>
      <c r="B11374" s="20"/>
      <c r="C11374" s="2" t="s">
        <v>34959</v>
      </c>
      <c r="D11374" s="14" t="s">
        <v>34960</v>
      </c>
      <c r="E11374" s="2" t="s">
        <v>34961</v>
      </c>
      <c r="F11374" s="2" t="s">
        <v>33626</v>
      </c>
      <c r="G11374" s="8">
        <v>251</v>
      </c>
      <c r="H11374" s="5">
        <v>5</v>
      </c>
      <c r="I11374" s="5" t="s">
        <v>69</v>
      </c>
      <c r="J11374" s="5" t="s">
        <v>27074</v>
      </c>
      <c r="K11374" s="2" t="s">
        <v>27075</v>
      </c>
      <c r="L11374" s="5" t="s">
        <v>27074</v>
      </c>
      <c r="M11374" s="2" t="s">
        <v>27075</v>
      </c>
      <c r="N11374" s="5" t="s">
        <v>24254</v>
      </c>
      <c r="O11374" s="5" t="s">
        <v>38</v>
      </c>
      <c r="P11374" s="5" t="s">
        <v>39</v>
      </c>
      <c r="Q11374" s="5" t="s">
        <v>40</v>
      </c>
      <c r="R11374" s="5" t="s">
        <v>24335</v>
      </c>
      <c r="S11374" s="5" t="s">
        <v>40</v>
      </c>
      <c r="T11374" s="5" t="s">
        <v>42</v>
      </c>
      <c r="U11374" s="2">
        <v>11.792</v>
      </c>
      <c r="V11374" s="2">
        <v>9.0679999999999996</v>
      </c>
      <c r="W11374" s="2">
        <v>0.14899999999999999</v>
      </c>
      <c r="X11374" s="2">
        <v>12</v>
      </c>
      <c r="Y11374" s="2">
        <v>62</v>
      </c>
      <c r="Z11374" s="2">
        <v>199.7</v>
      </c>
      <c r="AA11374" s="5">
        <v>8</v>
      </c>
      <c r="AB11374" s="5" t="s">
        <v>43</v>
      </c>
      <c r="AC11374" s="5" t="s">
        <v>44</v>
      </c>
      <c r="AD11374" s="2" t="s">
        <v>33622</v>
      </c>
      <c r="AE11374" s="1"/>
    </row>
    <row r="11375" spans="1:31" ht="14.45">
      <c r="A11375" s="11"/>
      <c r="B11375" s="20"/>
      <c r="C11375" s="2" t="s">
        <v>34962</v>
      </c>
      <c r="D11375" s="14" t="s">
        <v>34963</v>
      </c>
      <c r="E11375" s="2" t="s">
        <v>34964</v>
      </c>
      <c r="F11375" s="2" t="s">
        <v>33630</v>
      </c>
      <c r="G11375" s="8">
        <v>251</v>
      </c>
      <c r="H11375" s="5">
        <v>10</v>
      </c>
      <c r="I11375" s="5" t="s">
        <v>69</v>
      </c>
      <c r="J11375" s="5" t="s">
        <v>27074</v>
      </c>
      <c r="K11375" s="2" t="s">
        <v>27075</v>
      </c>
      <c r="L11375" s="5" t="s">
        <v>27074</v>
      </c>
      <c r="M11375" s="2" t="s">
        <v>27075</v>
      </c>
      <c r="N11375" s="5" t="s">
        <v>24254</v>
      </c>
      <c r="O11375" s="5" t="s">
        <v>38</v>
      </c>
      <c r="P11375" s="5" t="s">
        <v>39</v>
      </c>
      <c r="Q11375" s="5" t="s">
        <v>40</v>
      </c>
      <c r="R11375" s="5" t="s">
        <v>24335</v>
      </c>
      <c r="S11375" s="5" t="s">
        <v>40</v>
      </c>
      <c r="T11375" s="5" t="s">
        <v>42</v>
      </c>
      <c r="U11375" s="2">
        <v>10.563000000000001</v>
      </c>
      <c r="V11375" s="2">
        <v>7.8460000000000001</v>
      </c>
      <c r="W11375" s="2">
        <v>0.14899999999999999</v>
      </c>
      <c r="X11375" s="2">
        <v>12</v>
      </c>
      <c r="Y11375" s="2">
        <v>62</v>
      </c>
      <c r="Z11375" s="2">
        <v>199.7</v>
      </c>
      <c r="AA11375" s="5">
        <v>8</v>
      </c>
      <c r="AB11375" s="5" t="s">
        <v>43</v>
      </c>
      <c r="AC11375" s="5" t="s">
        <v>44</v>
      </c>
      <c r="AD11375" s="2" t="s">
        <v>33622</v>
      </c>
      <c r="AE11375" s="1"/>
    </row>
    <row r="11376" spans="1:31" ht="14.45">
      <c r="A11376" s="11"/>
      <c r="B11376" s="20"/>
      <c r="C11376" s="2" t="s">
        <v>34965</v>
      </c>
      <c r="D11376" s="14" t="s">
        <v>34966</v>
      </c>
      <c r="E11376" s="2" t="s">
        <v>34967</v>
      </c>
      <c r="F11376" s="2" t="s">
        <v>33634</v>
      </c>
      <c r="G11376" s="8">
        <v>251</v>
      </c>
      <c r="H11376" s="5">
        <v>5</v>
      </c>
      <c r="I11376" s="5" t="s">
        <v>69</v>
      </c>
      <c r="J11376" s="5" t="s">
        <v>27074</v>
      </c>
      <c r="K11376" s="2" t="s">
        <v>27075</v>
      </c>
      <c r="L11376" s="5" t="s">
        <v>27074</v>
      </c>
      <c r="M11376" s="2" t="s">
        <v>27075</v>
      </c>
      <c r="N11376" s="5" t="s">
        <v>24254</v>
      </c>
      <c r="O11376" s="5" t="s">
        <v>38</v>
      </c>
      <c r="P11376" s="5" t="s">
        <v>39</v>
      </c>
      <c r="Q11376" s="5" t="s">
        <v>40</v>
      </c>
      <c r="R11376" s="5" t="s">
        <v>24335</v>
      </c>
      <c r="S11376" s="5" t="s">
        <v>40</v>
      </c>
      <c r="T11376" s="5" t="s">
        <v>42</v>
      </c>
      <c r="U11376" s="2">
        <v>8.7420000000000009</v>
      </c>
      <c r="V11376" s="2">
        <v>6.069</v>
      </c>
      <c r="W11376" s="2">
        <v>0.14899999999999999</v>
      </c>
      <c r="X11376" s="2">
        <v>12</v>
      </c>
      <c r="Y11376" s="2">
        <v>62</v>
      </c>
      <c r="Z11376" s="2">
        <v>199.7</v>
      </c>
      <c r="AA11376" s="5">
        <v>10</v>
      </c>
      <c r="AB11376" s="5" t="s">
        <v>43</v>
      </c>
      <c r="AC11376" s="5" t="s">
        <v>44</v>
      </c>
      <c r="AD11376" s="2" t="s">
        <v>33635</v>
      </c>
      <c r="AE11376" s="1"/>
    </row>
    <row r="11377" spans="1:31" ht="14.45">
      <c r="A11377" s="11"/>
      <c r="B11377" s="20"/>
      <c r="C11377" s="2" t="s">
        <v>34968</v>
      </c>
      <c r="D11377" s="14" t="s">
        <v>34969</v>
      </c>
      <c r="E11377" s="2" t="s">
        <v>34970</v>
      </c>
      <c r="F11377" s="2" t="s">
        <v>33634</v>
      </c>
      <c r="G11377" s="8">
        <v>251</v>
      </c>
      <c r="H11377" s="5">
        <v>5</v>
      </c>
      <c r="I11377" s="5" t="s">
        <v>69</v>
      </c>
      <c r="J11377" s="5" t="s">
        <v>27074</v>
      </c>
      <c r="K11377" s="2" t="s">
        <v>27075</v>
      </c>
      <c r="L11377" s="5" t="s">
        <v>27074</v>
      </c>
      <c r="M11377" s="2" t="s">
        <v>27075</v>
      </c>
      <c r="N11377" s="5" t="s">
        <v>24254</v>
      </c>
      <c r="O11377" s="5" t="s">
        <v>38</v>
      </c>
      <c r="P11377" s="5" t="s">
        <v>39</v>
      </c>
      <c r="Q11377" s="5" t="s">
        <v>40</v>
      </c>
      <c r="R11377" s="5" t="s">
        <v>24335</v>
      </c>
      <c r="S11377" s="5" t="s">
        <v>40</v>
      </c>
      <c r="T11377" s="5" t="s">
        <v>42</v>
      </c>
      <c r="U11377" s="2">
        <v>9.202</v>
      </c>
      <c r="V11377" s="2">
        <v>6.4829999999999997</v>
      </c>
      <c r="W11377" s="2">
        <v>0.14899999999999999</v>
      </c>
      <c r="X11377" s="2">
        <v>12</v>
      </c>
      <c r="Y11377" s="2">
        <v>62</v>
      </c>
      <c r="Z11377" s="2">
        <v>199.7</v>
      </c>
      <c r="AA11377" s="5">
        <v>10</v>
      </c>
      <c r="AB11377" s="5" t="s">
        <v>43</v>
      </c>
      <c r="AC11377" s="5" t="s">
        <v>44</v>
      </c>
      <c r="AD11377" s="2" t="s">
        <v>33639</v>
      </c>
      <c r="AE11377" s="1"/>
    </row>
    <row r="11378" spans="1:31" ht="14.45">
      <c r="A11378" s="11"/>
      <c r="B11378" s="20"/>
      <c r="C11378" s="2" t="s">
        <v>34971</v>
      </c>
      <c r="D11378" s="14" t="s">
        <v>34972</v>
      </c>
      <c r="E11378" s="2" t="s">
        <v>34973</v>
      </c>
      <c r="F11378" s="2" t="s">
        <v>33643</v>
      </c>
      <c r="G11378" s="8">
        <v>251</v>
      </c>
      <c r="H11378" s="5">
        <v>5</v>
      </c>
      <c r="I11378" s="5" t="s">
        <v>69</v>
      </c>
      <c r="J11378" s="5" t="s">
        <v>27074</v>
      </c>
      <c r="K11378" s="2" t="s">
        <v>27075</v>
      </c>
      <c r="L11378" s="5" t="s">
        <v>27074</v>
      </c>
      <c r="M11378" s="2" t="s">
        <v>27075</v>
      </c>
      <c r="N11378" s="5" t="s">
        <v>24254</v>
      </c>
      <c r="O11378" s="5" t="s">
        <v>38</v>
      </c>
      <c r="P11378" s="5" t="s">
        <v>39</v>
      </c>
      <c r="Q11378" s="5" t="s">
        <v>40</v>
      </c>
      <c r="R11378" s="5" t="s">
        <v>24335</v>
      </c>
      <c r="S11378" s="5" t="s">
        <v>40</v>
      </c>
      <c r="T11378" s="5" t="s">
        <v>42</v>
      </c>
      <c r="U11378" s="2">
        <v>7.4180000000000001</v>
      </c>
      <c r="V11378" s="2">
        <v>4.7910000000000004</v>
      </c>
      <c r="W11378" s="2">
        <v>0.14899999999999999</v>
      </c>
      <c r="X11378" s="2">
        <v>12</v>
      </c>
      <c r="Y11378" s="2">
        <v>62</v>
      </c>
      <c r="Z11378" s="2">
        <v>199.7</v>
      </c>
      <c r="AA11378" s="5">
        <v>10</v>
      </c>
      <c r="AB11378" s="5" t="s">
        <v>43</v>
      </c>
      <c r="AC11378" s="5" t="s">
        <v>44</v>
      </c>
      <c r="AD11378" s="2" t="s">
        <v>33644</v>
      </c>
      <c r="AE11378" s="1"/>
    </row>
    <row r="11379" spans="1:31" ht="14.45">
      <c r="A11379" s="11"/>
      <c r="B11379" s="20"/>
      <c r="C11379" s="2" t="s">
        <v>34974</v>
      </c>
      <c r="D11379" s="14" t="s">
        <v>34975</v>
      </c>
      <c r="E11379" s="2" t="s">
        <v>34976</v>
      </c>
      <c r="F11379" s="2" t="s">
        <v>33643</v>
      </c>
      <c r="G11379" s="8">
        <v>251</v>
      </c>
      <c r="H11379" s="5">
        <v>5</v>
      </c>
      <c r="I11379" s="5" t="s">
        <v>69</v>
      </c>
      <c r="J11379" s="5" t="s">
        <v>27074</v>
      </c>
      <c r="K11379" s="2" t="s">
        <v>27075</v>
      </c>
      <c r="L11379" s="5" t="s">
        <v>27074</v>
      </c>
      <c r="M11379" s="2" t="s">
        <v>27075</v>
      </c>
      <c r="N11379" s="5" t="s">
        <v>24254</v>
      </c>
      <c r="O11379" s="5" t="s">
        <v>38</v>
      </c>
      <c r="P11379" s="5" t="s">
        <v>39</v>
      </c>
      <c r="Q11379" s="5" t="s">
        <v>40</v>
      </c>
      <c r="R11379" s="5" t="s">
        <v>24335</v>
      </c>
      <c r="S11379" s="5" t="s">
        <v>40</v>
      </c>
      <c r="T11379" s="5" t="s">
        <v>42</v>
      </c>
      <c r="U11379" s="2">
        <v>8.0239999999999991</v>
      </c>
      <c r="V11379" s="2">
        <v>5.3049999999999997</v>
      </c>
      <c r="W11379" s="2">
        <v>0.14899999999999999</v>
      </c>
      <c r="X11379" s="2">
        <v>12</v>
      </c>
      <c r="Y11379" s="2">
        <v>62</v>
      </c>
      <c r="Z11379" s="2">
        <v>199.7</v>
      </c>
      <c r="AA11379" s="5">
        <v>10</v>
      </c>
      <c r="AB11379" s="5" t="s">
        <v>43</v>
      </c>
      <c r="AC11379" s="5" t="s">
        <v>44</v>
      </c>
      <c r="AD11379" s="2" t="s">
        <v>33648</v>
      </c>
      <c r="AE11379" s="1"/>
    </row>
    <row r="11380" spans="1:31" ht="14.45">
      <c r="A11380" s="11"/>
      <c r="B11380" s="20"/>
      <c r="C11380" s="2" t="s">
        <v>34977</v>
      </c>
      <c r="D11380" s="14" t="s">
        <v>34978</v>
      </c>
      <c r="E11380" s="2" t="s">
        <v>34979</v>
      </c>
      <c r="F11380" s="2" t="s">
        <v>33652</v>
      </c>
      <c r="G11380" s="8">
        <v>251</v>
      </c>
      <c r="H11380" s="5">
        <v>5</v>
      </c>
      <c r="I11380" s="5" t="s">
        <v>69</v>
      </c>
      <c r="J11380" s="5" t="s">
        <v>27074</v>
      </c>
      <c r="K11380" s="2" t="s">
        <v>27075</v>
      </c>
      <c r="L11380" s="5" t="s">
        <v>27074</v>
      </c>
      <c r="M11380" s="2" t="s">
        <v>27075</v>
      </c>
      <c r="N11380" s="5" t="s">
        <v>24254</v>
      </c>
      <c r="O11380" s="5" t="s">
        <v>38</v>
      </c>
      <c r="P11380" s="5" t="s">
        <v>39</v>
      </c>
      <c r="Q11380" s="5" t="s">
        <v>40</v>
      </c>
      <c r="R11380" s="5" t="s">
        <v>24335</v>
      </c>
      <c r="S11380" s="5" t="s">
        <v>40</v>
      </c>
      <c r="T11380" s="5" t="s">
        <v>42</v>
      </c>
      <c r="U11380" s="2">
        <v>8.1539999999999999</v>
      </c>
      <c r="V11380" s="2">
        <v>5.3659999999999997</v>
      </c>
      <c r="W11380" s="2">
        <v>0.14899999999999999</v>
      </c>
      <c r="X11380" s="2">
        <v>12</v>
      </c>
      <c r="Y11380" s="2">
        <v>62</v>
      </c>
      <c r="Z11380" s="2">
        <v>199.7</v>
      </c>
      <c r="AA11380" s="5">
        <v>10</v>
      </c>
      <c r="AB11380" s="5" t="s">
        <v>43</v>
      </c>
      <c r="AC11380" s="5" t="s">
        <v>44</v>
      </c>
      <c r="AD11380" s="2" t="s">
        <v>33644</v>
      </c>
      <c r="AE11380" s="1"/>
    </row>
    <row r="11381" spans="1:31" ht="14.45">
      <c r="A11381" s="11"/>
      <c r="B11381" s="20"/>
      <c r="C11381" s="2" t="s">
        <v>34980</v>
      </c>
      <c r="D11381" s="14" t="s">
        <v>34981</v>
      </c>
      <c r="E11381" s="2" t="s">
        <v>34982</v>
      </c>
      <c r="F11381" s="2" t="s">
        <v>33652</v>
      </c>
      <c r="G11381" s="8">
        <v>251</v>
      </c>
      <c r="H11381" s="5">
        <v>5</v>
      </c>
      <c r="I11381" s="5" t="s">
        <v>69</v>
      </c>
      <c r="J11381" s="5" t="s">
        <v>27074</v>
      </c>
      <c r="K11381" s="2" t="s">
        <v>27075</v>
      </c>
      <c r="L11381" s="5" t="s">
        <v>27074</v>
      </c>
      <c r="M11381" s="2" t="s">
        <v>27075</v>
      </c>
      <c r="N11381" s="5" t="s">
        <v>24254</v>
      </c>
      <c r="O11381" s="5" t="s">
        <v>38</v>
      </c>
      <c r="P11381" s="5" t="s">
        <v>39</v>
      </c>
      <c r="Q11381" s="5" t="s">
        <v>40</v>
      </c>
      <c r="R11381" s="5" t="s">
        <v>24335</v>
      </c>
      <c r="S11381" s="5" t="s">
        <v>40</v>
      </c>
      <c r="T11381" s="5" t="s">
        <v>42</v>
      </c>
      <c r="U11381" s="2">
        <v>8.6460000000000008</v>
      </c>
      <c r="V11381" s="2">
        <v>5.8120000000000003</v>
      </c>
      <c r="W11381" s="2">
        <v>0.14899999999999999</v>
      </c>
      <c r="X11381" s="2">
        <v>12</v>
      </c>
      <c r="Y11381" s="2">
        <v>62</v>
      </c>
      <c r="Z11381" s="2">
        <v>199.7</v>
      </c>
      <c r="AA11381" s="5">
        <v>10</v>
      </c>
      <c r="AB11381" s="5" t="s">
        <v>43</v>
      </c>
      <c r="AC11381" s="5" t="s">
        <v>44</v>
      </c>
      <c r="AD11381" s="2" t="s">
        <v>33648</v>
      </c>
      <c r="AE11381" s="1"/>
    </row>
    <row r="11382" spans="1:31" ht="14.45">
      <c r="A11382" s="11"/>
      <c r="B11382" s="20"/>
      <c r="C11382" s="2" t="s">
        <v>34983</v>
      </c>
      <c r="D11382" s="14" t="s">
        <v>34984</v>
      </c>
      <c r="E11382" s="2" t="s">
        <v>34985</v>
      </c>
      <c r="F11382" s="2" t="s">
        <v>33659</v>
      </c>
      <c r="G11382" s="8">
        <v>456</v>
      </c>
      <c r="H11382" s="5">
        <v>5</v>
      </c>
      <c r="I11382" s="5" t="s">
        <v>69</v>
      </c>
      <c r="J11382" s="5" t="s">
        <v>27074</v>
      </c>
      <c r="K11382" s="2" t="s">
        <v>27075</v>
      </c>
      <c r="L11382" s="5" t="s">
        <v>27074</v>
      </c>
      <c r="M11382" s="2" t="s">
        <v>27075</v>
      </c>
      <c r="N11382" s="5" t="s">
        <v>24254</v>
      </c>
      <c r="O11382" s="5" t="s">
        <v>38</v>
      </c>
      <c r="P11382" s="5" t="s">
        <v>39</v>
      </c>
      <c r="Q11382" s="5" t="s">
        <v>40</v>
      </c>
      <c r="R11382" s="5" t="s">
        <v>24335</v>
      </c>
      <c r="S11382" s="5" t="s">
        <v>40</v>
      </c>
      <c r="T11382" s="5" t="s">
        <v>42</v>
      </c>
      <c r="U11382" s="2">
        <v>21.536999999999999</v>
      </c>
      <c r="V11382" s="2">
        <v>18.77</v>
      </c>
      <c r="W11382" s="2">
        <v>0.24399999999999999</v>
      </c>
      <c r="X11382" s="2">
        <v>15</v>
      </c>
      <c r="Y11382" s="2">
        <v>77</v>
      </c>
      <c r="Z11382" s="2">
        <v>210.9</v>
      </c>
      <c r="AA11382" s="5">
        <v>8</v>
      </c>
      <c r="AB11382" s="5" t="s">
        <v>43</v>
      </c>
      <c r="AC11382" s="5" t="s">
        <v>44</v>
      </c>
      <c r="AD11382" s="2" t="s">
        <v>33660</v>
      </c>
      <c r="AE11382" s="1"/>
    </row>
    <row r="11383" spans="1:31" ht="14.45">
      <c r="A11383" s="11"/>
      <c r="B11383" s="20"/>
      <c r="C11383" s="2" t="s">
        <v>34986</v>
      </c>
      <c r="D11383" s="14" t="s">
        <v>34987</v>
      </c>
      <c r="E11383" s="2" t="s">
        <v>34988</v>
      </c>
      <c r="F11383" s="2" t="s">
        <v>33664</v>
      </c>
      <c r="G11383" s="8">
        <v>402</v>
      </c>
      <c r="H11383" s="5">
        <v>10</v>
      </c>
      <c r="I11383" s="5" t="s">
        <v>69</v>
      </c>
      <c r="J11383" s="5" t="s">
        <v>27074</v>
      </c>
      <c r="K11383" s="2" t="s">
        <v>27075</v>
      </c>
      <c r="L11383" s="5" t="s">
        <v>27074</v>
      </c>
      <c r="M11383" s="2" t="s">
        <v>27075</v>
      </c>
      <c r="N11383" s="5" t="s">
        <v>24254</v>
      </c>
      <c r="O11383" s="5" t="s">
        <v>38</v>
      </c>
      <c r="P11383" s="5" t="s">
        <v>39</v>
      </c>
      <c r="Q11383" s="5" t="s">
        <v>40</v>
      </c>
      <c r="R11383" s="5" t="s">
        <v>24340</v>
      </c>
      <c r="S11383" s="5" t="s">
        <v>40</v>
      </c>
      <c r="T11383" s="5" t="s">
        <v>42</v>
      </c>
      <c r="U11383" s="2">
        <v>21.303999999999998</v>
      </c>
      <c r="V11383" s="2">
        <v>18.553000000000001</v>
      </c>
      <c r="W11383" s="2">
        <v>0.23100000000000001</v>
      </c>
      <c r="X11383" s="2">
        <v>12</v>
      </c>
      <c r="Y11383" s="2">
        <v>62</v>
      </c>
      <c r="Z11383" s="2">
        <v>199.7</v>
      </c>
      <c r="AA11383" s="5">
        <v>8</v>
      </c>
      <c r="AB11383" s="5" t="s">
        <v>43</v>
      </c>
      <c r="AC11383" s="5" t="s">
        <v>44</v>
      </c>
      <c r="AD11383" s="2" t="s">
        <v>33665</v>
      </c>
      <c r="AE11383" s="1"/>
    </row>
    <row r="11384" spans="1:31" ht="14.45">
      <c r="A11384" s="11"/>
      <c r="B11384" s="20"/>
      <c r="C11384" s="2" t="s">
        <v>34989</v>
      </c>
      <c r="D11384" s="14" t="s">
        <v>34990</v>
      </c>
      <c r="E11384" s="2" t="s">
        <v>34991</v>
      </c>
      <c r="F11384" s="2" t="s">
        <v>33669</v>
      </c>
      <c r="G11384" s="8">
        <v>402</v>
      </c>
      <c r="H11384" s="5">
        <v>10</v>
      </c>
      <c r="I11384" s="5" t="s">
        <v>69</v>
      </c>
      <c r="J11384" s="5" t="s">
        <v>27074</v>
      </c>
      <c r="K11384" s="2" t="s">
        <v>27075</v>
      </c>
      <c r="L11384" s="5" t="s">
        <v>27074</v>
      </c>
      <c r="M11384" s="2" t="s">
        <v>27075</v>
      </c>
      <c r="N11384" s="5" t="s">
        <v>24254</v>
      </c>
      <c r="O11384" s="5" t="s">
        <v>38</v>
      </c>
      <c r="P11384" s="5" t="s">
        <v>39</v>
      </c>
      <c r="Q11384" s="5" t="s">
        <v>40</v>
      </c>
      <c r="R11384" s="5" t="s">
        <v>24340</v>
      </c>
      <c r="S11384" s="5" t="s">
        <v>40</v>
      </c>
      <c r="T11384" s="5" t="s">
        <v>42</v>
      </c>
      <c r="U11384" s="2">
        <v>17.838000000000001</v>
      </c>
      <c r="V11384" s="2">
        <v>15.087999999999999</v>
      </c>
      <c r="W11384" s="2">
        <v>0.186</v>
      </c>
      <c r="X11384" s="2">
        <v>12</v>
      </c>
      <c r="Y11384" s="2">
        <v>62</v>
      </c>
      <c r="Z11384" s="2">
        <v>199.7</v>
      </c>
      <c r="AA11384" s="5">
        <v>8</v>
      </c>
      <c r="AB11384" s="5" t="s">
        <v>43</v>
      </c>
      <c r="AC11384" s="5" t="s">
        <v>44</v>
      </c>
      <c r="AD11384" s="2" t="s">
        <v>33665</v>
      </c>
      <c r="AE11384" s="1"/>
    </row>
    <row r="11385" spans="1:31" ht="14.45">
      <c r="A11385" s="11"/>
      <c r="B11385" s="20"/>
      <c r="C11385" s="2" t="s">
        <v>34992</v>
      </c>
      <c r="D11385" s="14" t="s">
        <v>34993</v>
      </c>
      <c r="E11385" s="2" t="s">
        <v>34994</v>
      </c>
      <c r="F11385" s="2" t="s">
        <v>33673</v>
      </c>
      <c r="G11385" s="8">
        <v>402</v>
      </c>
      <c r="H11385" s="5">
        <v>10</v>
      </c>
      <c r="I11385" s="5" t="s">
        <v>69</v>
      </c>
      <c r="J11385" s="5" t="s">
        <v>27074</v>
      </c>
      <c r="K11385" s="2" t="s">
        <v>27075</v>
      </c>
      <c r="L11385" s="5" t="s">
        <v>27074</v>
      </c>
      <c r="M11385" s="2" t="s">
        <v>27075</v>
      </c>
      <c r="N11385" s="5" t="s">
        <v>24254</v>
      </c>
      <c r="O11385" s="5" t="s">
        <v>38</v>
      </c>
      <c r="P11385" s="5" t="s">
        <v>39</v>
      </c>
      <c r="Q11385" s="5" t="s">
        <v>40</v>
      </c>
      <c r="R11385" s="5" t="s">
        <v>24340</v>
      </c>
      <c r="S11385" s="5" t="s">
        <v>40</v>
      </c>
      <c r="T11385" s="5" t="s">
        <v>42</v>
      </c>
      <c r="U11385" s="2">
        <v>15.486000000000001</v>
      </c>
      <c r="V11385" s="2">
        <v>12.769</v>
      </c>
      <c r="W11385" s="2">
        <v>0.14899999999999999</v>
      </c>
      <c r="X11385" s="2">
        <v>12</v>
      </c>
      <c r="Y11385" s="2">
        <v>62</v>
      </c>
      <c r="Z11385" s="2">
        <v>199.7</v>
      </c>
      <c r="AA11385" s="5">
        <v>8</v>
      </c>
      <c r="AB11385" s="5" t="s">
        <v>43</v>
      </c>
      <c r="AC11385" s="5" t="s">
        <v>44</v>
      </c>
      <c r="AD11385" s="2" t="s">
        <v>33665</v>
      </c>
      <c r="AE11385" s="1"/>
    </row>
    <row r="11386" spans="1:31" ht="14.45">
      <c r="A11386" s="11"/>
      <c r="B11386" s="20"/>
      <c r="C11386" s="2" t="s">
        <v>34995</v>
      </c>
      <c r="D11386" s="14" t="s">
        <v>34996</v>
      </c>
      <c r="E11386" s="2" t="s">
        <v>34997</v>
      </c>
      <c r="F11386" s="2" t="s">
        <v>33687</v>
      </c>
      <c r="G11386" s="8">
        <v>402</v>
      </c>
      <c r="H11386" s="5">
        <v>10</v>
      </c>
      <c r="I11386" s="5" t="s">
        <v>69</v>
      </c>
      <c r="J11386" s="5" t="s">
        <v>27074</v>
      </c>
      <c r="K11386" s="2" t="s">
        <v>27075</v>
      </c>
      <c r="L11386" s="5" t="s">
        <v>27074</v>
      </c>
      <c r="M11386" s="2" t="s">
        <v>27075</v>
      </c>
      <c r="N11386" s="5" t="s">
        <v>24254</v>
      </c>
      <c r="O11386" s="5" t="s">
        <v>38</v>
      </c>
      <c r="P11386" s="5" t="s">
        <v>39</v>
      </c>
      <c r="Q11386" s="5" t="s">
        <v>40</v>
      </c>
      <c r="R11386" s="5" t="s">
        <v>24340</v>
      </c>
      <c r="S11386" s="5" t="s">
        <v>40</v>
      </c>
      <c r="T11386" s="5" t="s">
        <v>42</v>
      </c>
      <c r="U11386" s="2">
        <v>14.332000000000001</v>
      </c>
      <c r="V11386" s="2">
        <v>11.497999999999999</v>
      </c>
      <c r="W11386" s="2">
        <v>0.14899999999999999</v>
      </c>
      <c r="X11386" s="2">
        <v>12</v>
      </c>
      <c r="Y11386" s="2">
        <v>62</v>
      </c>
      <c r="Z11386" s="2">
        <v>199.7</v>
      </c>
      <c r="AA11386" s="5">
        <v>10</v>
      </c>
      <c r="AB11386" s="5" t="s">
        <v>43</v>
      </c>
      <c r="AC11386" s="5" t="s">
        <v>44</v>
      </c>
      <c r="AD11386" s="2" t="s">
        <v>33688</v>
      </c>
      <c r="AE11386" s="1"/>
    </row>
    <row r="11387" spans="1:31" ht="14.45">
      <c r="A11387" s="11"/>
      <c r="B11387" s="20"/>
      <c r="C11387" s="2" t="s">
        <v>34998</v>
      </c>
      <c r="D11387" s="14" t="s">
        <v>34999</v>
      </c>
      <c r="E11387" s="2" t="s">
        <v>35000</v>
      </c>
      <c r="F11387" s="2" t="s">
        <v>33692</v>
      </c>
      <c r="G11387" s="8">
        <v>758</v>
      </c>
      <c r="H11387" s="5">
        <v>10</v>
      </c>
      <c r="I11387" s="5" t="s">
        <v>69</v>
      </c>
      <c r="J11387" s="5" t="s">
        <v>27074</v>
      </c>
      <c r="K11387" s="2" t="s">
        <v>27075</v>
      </c>
      <c r="L11387" s="5" t="s">
        <v>27074</v>
      </c>
      <c r="M11387" s="2" t="s">
        <v>27075</v>
      </c>
      <c r="N11387" s="5" t="s">
        <v>24254</v>
      </c>
      <c r="O11387" s="5" t="s">
        <v>38</v>
      </c>
      <c r="P11387" s="5" t="s">
        <v>39</v>
      </c>
      <c r="Q11387" s="5" t="s">
        <v>40</v>
      </c>
      <c r="R11387" s="5" t="s">
        <v>24340</v>
      </c>
      <c r="S11387" s="5" t="s">
        <v>40</v>
      </c>
      <c r="T11387" s="5" t="s">
        <v>42</v>
      </c>
      <c r="U11387" s="2">
        <v>28.748000000000001</v>
      </c>
      <c r="V11387" s="2">
        <v>25.992000000000001</v>
      </c>
      <c r="W11387" s="2">
        <v>0.24399999999999999</v>
      </c>
      <c r="X11387" s="2">
        <v>15</v>
      </c>
      <c r="Y11387" s="2">
        <v>77</v>
      </c>
      <c r="Z11387" s="2">
        <v>210.9</v>
      </c>
      <c r="AA11387" s="5">
        <v>8</v>
      </c>
      <c r="AB11387" s="5" t="s">
        <v>43</v>
      </c>
      <c r="AC11387" s="5" t="s">
        <v>44</v>
      </c>
      <c r="AD11387" s="2" t="s">
        <v>33660</v>
      </c>
      <c r="AE11387" s="1"/>
    </row>
    <row r="11388" spans="1:31" ht="14.45">
      <c r="A11388" s="11"/>
      <c r="B11388" s="20"/>
      <c r="C11388" s="2" t="s">
        <v>35001</v>
      </c>
      <c r="D11388" s="14" t="s">
        <v>35002</v>
      </c>
      <c r="E11388" s="2" t="s">
        <v>35003</v>
      </c>
      <c r="F11388" s="2" t="s">
        <v>33696</v>
      </c>
      <c r="G11388" s="8">
        <v>402</v>
      </c>
      <c r="H11388" s="5">
        <v>10</v>
      </c>
      <c r="I11388" s="5" t="s">
        <v>69</v>
      </c>
      <c r="J11388" s="5" t="s">
        <v>27074</v>
      </c>
      <c r="K11388" s="2" t="s">
        <v>27075</v>
      </c>
      <c r="L11388" s="5" t="s">
        <v>27074</v>
      </c>
      <c r="M11388" s="2" t="s">
        <v>27075</v>
      </c>
      <c r="N11388" s="5" t="s">
        <v>24254</v>
      </c>
      <c r="O11388" s="5" t="s">
        <v>38</v>
      </c>
      <c r="P11388" s="5" t="s">
        <v>39</v>
      </c>
      <c r="Q11388" s="5" t="s">
        <v>40</v>
      </c>
      <c r="R11388" s="5" t="s">
        <v>25301</v>
      </c>
      <c r="S11388" s="5" t="s">
        <v>40</v>
      </c>
      <c r="T11388" s="5" t="s">
        <v>42</v>
      </c>
      <c r="U11388" s="2">
        <v>19.574999999999999</v>
      </c>
      <c r="V11388" s="2">
        <v>16.824000000000002</v>
      </c>
      <c r="W11388" s="2">
        <v>0.23100000000000001</v>
      </c>
      <c r="X11388" s="2">
        <v>12</v>
      </c>
      <c r="Y11388" s="2">
        <v>62</v>
      </c>
      <c r="Z11388" s="2">
        <v>199.7</v>
      </c>
      <c r="AA11388" s="5">
        <v>8</v>
      </c>
      <c r="AB11388" s="5" t="s">
        <v>43</v>
      </c>
      <c r="AC11388" s="5" t="s">
        <v>44</v>
      </c>
      <c r="AD11388" s="2" t="s">
        <v>33697</v>
      </c>
      <c r="AE11388" s="1"/>
    </row>
    <row r="11389" spans="1:31" ht="14.45">
      <c r="A11389" s="11"/>
      <c r="B11389" s="20"/>
      <c r="C11389" s="2" t="s">
        <v>35004</v>
      </c>
      <c r="D11389" s="14" t="s">
        <v>35005</v>
      </c>
      <c r="E11389" s="2" t="s">
        <v>35006</v>
      </c>
      <c r="F11389" s="2" t="s">
        <v>33798</v>
      </c>
      <c r="G11389" s="8">
        <v>402</v>
      </c>
      <c r="H11389" s="5">
        <v>10</v>
      </c>
      <c r="I11389" s="5" t="s">
        <v>69</v>
      </c>
      <c r="J11389" s="5" t="s">
        <v>27074</v>
      </c>
      <c r="K11389" s="2" t="s">
        <v>27075</v>
      </c>
      <c r="L11389" s="5" t="s">
        <v>27074</v>
      </c>
      <c r="M11389" s="2" t="s">
        <v>27075</v>
      </c>
      <c r="N11389" s="5" t="s">
        <v>24254</v>
      </c>
      <c r="O11389" s="5" t="s">
        <v>38</v>
      </c>
      <c r="P11389" s="5" t="s">
        <v>39</v>
      </c>
      <c r="Q11389" s="5" t="s">
        <v>40</v>
      </c>
      <c r="R11389" s="5" t="s">
        <v>25301</v>
      </c>
      <c r="S11389" s="5" t="s">
        <v>40</v>
      </c>
      <c r="T11389" s="5" t="s">
        <v>42</v>
      </c>
      <c r="U11389" s="2">
        <v>16.414999999999999</v>
      </c>
      <c r="V11389" s="2">
        <v>13.664999999999999</v>
      </c>
      <c r="W11389" s="2">
        <v>0.14899999999999999</v>
      </c>
      <c r="X11389" s="2">
        <v>12</v>
      </c>
      <c r="Y11389" s="2">
        <v>62</v>
      </c>
      <c r="Z11389" s="2">
        <v>199.7</v>
      </c>
      <c r="AA11389" s="5">
        <v>8</v>
      </c>
      <c r="AB11389" s="5" t="s">
        <v>43</v>
      </c>
      <c r="AC11389" s="5" t="s">
        <v>44</v>
      </c>
      <c r="AD11389" s="2" t="s">
        <v>33697</v>
      </c>
      <c r="AE11389" s="1"/>
    </row>
    <row r="11390" spans="1:31" ht="14.45">
      <c r="A11390" s="11"/>
      <c r="B11390" s="20"/>
      <c r="C11390" s="2" t="s">
        <v>35007</v>
      </c>
      <c r="D11390" s="14" t="s">
        <v>35008</v>
      </c>
      <c r="E11390" s="2" t="s">
        <v>35009</v>
      </c>
      <c r="F11390" s="2" t="s">
        <v>33701</v>
      </c>
      <c r="G11390" s="8">
        <v>402</v>
      </c>
      <c r="H11390" s="5">
        <v>10</v>
      </c>
      <c r="I11390" s="5" t="s">
        <v>69</v>
      </c>
      <c r="J11390" s="5" t="s">
        <v>27074</v>
      </c>
      <c r="K11390" s="2" t="s">
        <v>27075</v>
      </c>
      <c r="L11390" s="5" t="s">
        <v>27074</v>
      </c>
      <c r="M11390" s="2" t="s">
        <v>27075</v>
      </c>
      <c r="N11390" s="5" t="s">
        <v>24254</v>
      </c>
      <c r="O11390" s="5" t="s">
        <v>38</v>
      </c>
      <c r="P11390" s="5" t="s">
        <v>39</v>
      </c>
      <c r="Q11390" s="5" t="s">
        <v>40</v>
      </c>
      <c r="R11390" s="5" t="s">
        <v>25301</v>
      </c>
      <c r="S11390" s="5" t="s">
        <v>40</v>
      </c>
      <c r="T11390" s="5" t="s">
        <v>42</v>
      </c>
      <c r="U11390" s="2">
        <v>14.464</v>
      </c>
      <c r="V11390" s="2">
        <v>11.747</v>
      </c>
      <c r="W11390" s="2">
        <v>0.14899999999999999</v>
      </c>
      <c r="X11390" s="2">
        <v>12</v>
      </c>
      <c r="Y11390" s="2">
        <v>62</v>
      </c>
      <c r="Z11390" s="2">
        <v>199.7</v>
      </c>
      <c r="AA11390" s="5">
        <v>8</v>
      </c>
      <c r="AB11390" s="5" t="s">
        <v>43</v>
      </c>
      <c r="AC11390" s="5" t="s">
        <v>44</v>
      </c>
      <c r="AD11390" s="2" t="s">
        <v>33697</v>
      </c>
      <c r="AE11390" s="1"/>
    </row>
    <row r="11391" spans="1:31" ht="14.45">
      <c r="A11391" s="11"/>
      <c r="B11391" s="20"/>
      <c r="C11391" s="2" t="s">
        <v>35010</v>
      </c>
      <c r="D11391" s="14" t="s">
        <v>35011</v>
      </c>
      <c r="E11391" s="2" t="s">
        <v>35012</v>
      </c>
      <c r="F11391" s="2" t="s">
        <v>33710</v>
      </c>
      <c r="G11391" s="8">
        <v>867</v>
      </c>
      <c r="H11391" s="5">
        <v>5</v>
      </c>
      <c r="I11391" s="5" t="s">
        <v>69</v>
      </c>
      <c r="J11391" s="5" t="s">
        <v>27074</v>
      </c>
      <c r="K11391" s="2" t="s">
        <v>27075</v>
      </c>
      <c r="L11391" s="5" t="s">
        <v>27074</v>
      </c>
      <c r="M11391" s="2" t="s">
        <v>27075</v>
      </c>
      <c r="N11391" s="5" t="s">
        <v>24254</v>
      </c>
      <c r="O11391" s="5" t="s">
        <v>38</v>
      </c>
      <c r="P11391" s="5" t="s">
        <v>39</v>
      </c>
      <c r="Q11391" s="5" t="s">
        <v>40</v>
      </c>
      <c r="R11391" s="5" t="s">
        <v>1487</v>
      </c>
      <c r="S11391" s="5"/>
      <c r="T11391" s="5" t="s">
        <v>42</v>
      </c>
      <c r="U11391" s="2">
        <v>0</v>
      </c>
      <c r="V11391" s="2">
        <v>0</v>
      </c>
      <c r="W11391" s="2">
        <v>0</v>
      </c>
      <c r="X11391" s="2">
        <v>0</v>
      </c>
      <c r="Y11391" s="2">
        <v>0</v>
      </c>
      <c r="Z11391" s="2">
        <v>0</v>
      </c>
      <c r="AA11391" s="5"/>
      <c r="AB11391" s="5" t="s">
        <v>43</v>
      </c>
      <c r="AC11391" s="5" t="s">
        <v>44</v>
      </c>
      <c r="AD11391" s="2" t="s">
        <v>33711</v>
      </c>
      <c r="AE11391" s="1"/>
    </row>
    <row r="11392" spans="1:31" ht="14.45">
      <c r="A11392" s="11"/>
      <c r="B11392" s="20"/>
      <c r="C11392" s="2" t="s">
        <v>35013</v>
      </c>
      <c r="D11392" s="14" t="s">
        <v>35014</v>
      </c>
      <c r="E11392" s="2" t="s">
        <v>35015</v>
      </c>
      <c r="F11392" s="2" t="s">
        <v>33715</v>
      </c>
      <c r="G11392" s="8">
        <v>867</v>
      </c>
      <c r="H11392" s="5">
        <v>15</v>
      </c>
      <c r="I11392" s="5" t="s">
        <v>69</v>
      </c>
      <c r="J11392" s="5" t="s">
        <v>27074</v>
      </c>
      <c r="K11392" s="2" t="s">
        <v>27075</v>
      </c>
      <c r="L11392" s="5" t="s">
        <v>27074</v>
      </c>
      <c r="M11392" s="2" t="s">
        <v>27075</v>
      </c>
      <c r="N11392" s="5" t="s">
        <v>24254</v>
      </c>
      <c r="O11392" s="5" t="s">
        <v>38</v>
      </c>
      <c r="P11392" s="5" t="s">
        <v>39</v>
      </c>
      <c r="Q11392" s="5" t="s">
        <v>40</v>
      </c>
      <c r="R11392" s="5" t="s">
        <v>1487</v>
      </c>
      <c r="S11392" s="5"/>
      <c r="T11392" s="5" t="s">
        <v>42</v>
      </c>
      <c r="U11392" s="2">
        <v>0</v>
      </c>
      <c r="V11392" s="2">
        <v>0</v>
      </c>
      <c r="W11392" s="2">
        <v>0</v>
      </c>
      <c r="X11392" s="2">
        <v>0</v>
      </c>
      <c r="Y11392" s="2">
        <v>0</v>
      </c>
      <c r="Z11392" s="2">
        <v>0</v>
      </c>
      <c r="AA11392" s="5"/>
      <c r="AB11392" s="5" t="s">
        <v>43</v>
      </c>
      <c r="AC11392" s="5" t="s">
        <v>44</v>
      </c>
      <c r="AD11392" s="2" t="s">
        <v>33716</v>
      </c>
      <c r="AE11392" s="1"/>
    </row>
    <row r="11393" spans="1:31" ht="14.45">
      <c r="A11393" s="11"/>
      <c r="B11393" s="20"/>
      <c r="C11393" s="2" t="s">
        <v>35016</v>
      </c>
      <c r="D11393" s="14" t="s">
        <v>35017</v>
      </c>
      <c r="E11393" s="2" t="s">
        <v>35018</v>
      </c>
      <c r="F11393" s="2" t="s">
        <v>33730</v>
      </c>
      <c r="G11393" s="8">
        <v>1169</v>
      </c>
      <c r="H11393" s="5">
        <v>10</v>
      </c>
      <c r="I11393" s="5" t="s">
        <v>69</v>
      </c>
      <c r="J11393" s="5" t="s">
        <v>27074</v>
      </c>
      <c r="K11393" s="2" t="s">
        <v>27075</v>
      </c>
      <c r="L11393" s="5" t="s">
        <v>27074</v>
      </c>
      <c r="M11393" s="2" t="s">
        <v>27075</v>
      </c>
      <c r="N11393" s="5" t="s">
        <v>24254</v>
      </c>
      <c r="O11393" s="5" t="s">
        <v>38</v>
      </c>
      <c r="P11393" s="5" t="s">
        <v>39</v>
      </c>
      <c r="Q11393" s="5" t="s">
        <v>40</v>
      </c>
      <c r="R11393" s="5" t="s">
        <v>1487</v>
      </c>
      <c r="S11393" s="5"/>
      <c r="T11393" s="5" t="s">
        <v>42</v>
      </c>
      <c r="U11393" s="2">
        <v>0</v>
      </c>
      <c r="V11393" s="2">
        <v>0</v>
      </c>
      <c r="W11393" s="2">
        <v>0</v>
      </c>
      <c r="X11393" s="2">
        <v>0</v>
      </c>
      <c r="Y11393" s="2">
        <v>0</v>
      </c>
      <c r="Z11393" s="2">
        <v>0</v>
      </c>
      <c r="AA11393" s="5"/>
      <c r="AB11393" s="5" t="s">
        <v>43</v>
      </c>
      <c r="AC11393" s="5" t="s">
        <v>44</v>
      </c>
      <c r="AD11393" s="2"/>
      <c r="AE11393" s="1"/>
    </row>
    <row r="11394" spans="1:31" ht="14.45">
      <c r="A11394" s="11"/>
      <c r="B11394" s="20"/>
      <c r="C11394" s="2" t="s">
        <v>35019</v>
      </c>
      <c r="D11394" s="14" t="s">
        <v>35020</v>
      </c>
      <c r="E11394" s="2" t="s">
        <v>35021</v>
      </c>
      <c r="F11394" s="2" t="s">
        <v>33734</v>
      </c>
      <c r="G11394" s="8">
        <v>1169</v>
      </c>
      <c r="H11394" s="5">
        <v>15</v>
      </c>
      <c r="I11394" s="5" t="s">
        <v>69</v>
      </c>
      <c r="J11394" s="5" t="s">
        <v>27074</v>
      </c>
      <c r="K11394" s="2" t="s">
        <v>27075</v>
      </c>
      <c r="L11394" s="5" t="s">
        <v>27074</v>
      </c>
      <c r="M11394" s="2" t="s">
        <v>27075</v>
      </c>
      <c r="N11394" s="5" t="s">
        <v>24254</v>
      </c>
      <c r="O11394" s="5" t="s">
        <v>38</v>
      </c>
      <c r="P11394" s="5" t="s">
        <v>39</v>
      </c>
      <c r="Q11394" s="5" t="s">
        <v>40</v>
      </c>
      <c r="R11394" s="5" t="s">
        <v>1487</v>
      </c>
      <c r="S11394" s="5"/>
      <c r="T11394" s="5" t="s">
        <v>42</v>
      </c>
      <c r="U11394" s="2">
        <v>0</v>
      </c>
      <c r="V11394" s="2">
        <v>0</v>
      </c>
      <c r="W11394" s="2">
        <v>0</v>
      </c>
      <c r="X11394" s="2">
        <v>0</v>
      </c>
      <c r="Y11394" s="2">
        <v>0</v>
      </c>
      <c r="Z11394" s="2">
        <v>0</v>
      </c>
      <c r="AA11394" s="5"/>
      <c r="AB11394" s="5" t="s">
        <v>43</v>
      </c>
      <c r="AC11394" s="5" t="s">
        <v>44</v>
      </c>
      <c r="AD11394" s="2"/>
      <c r="AE11394" s="1"/>
    </row>
    <row r="11395" spans="1:31" ht="14.45">
      <c r="A11395" s="11"/>
      <c r="B11395" s="20"/>
      <c r="C11395" s="2" t="s">
        <v>35022</v>
      </c>
      <c r="D11395" s="14" t="s">
        <v>35023</v>
      </c>
      <c r="E11395" s="2" t="s">
        <v>35024</v>
      </c>
      <c r="F11395" s="2" t="s">
        <v>33621</v>
      </c>
      <c r="G11395" s="8">
        <v>221</v>
      </c>
      <c r="H11395" s="5">
        <v>10</v>
      </c>
      <c r="I11395" s="5" t="s">
        <v>69</v>
      </c>
      <c r="J11395" s="5" t="s">
        <v>27074</v>
      </c>
      <c r="K11395" s="2" t="s">
        <v>27075</v>
      </c>
      <c r="L11395" s="5" t="s">
        <v>27074</v>
      </c>
      <c r="M11395" s="2" t="s">
        <v>27075</v>
      </c>
      <c r="N11395" s="5" t="s">
        <v>24254</v>
      </c>
      <c r="O11395" s="5" t="s">
        <v>38</v>
      </c>
      <c r="P11395" s="5" t="s">
        <v>39</v>
      </c>
      <c r="Q11395" s="5" t="s">
        <v>40</v>
      </c>
      <c r="R11395" s="5" t="s">
        <v>24335</v>
      </c>
      <c r="S11395" s="5" t="s">
        <v>40</v>
      </c>
      <c r="T11395" s="5" t="s">
        <v>42</v>
      </c>
      <c r="U11395" s="2">
        <v>13.2</v>
      </c>
      <c r="V11395" s="2">
        <v>10.449</v>
      </c>
      <c r="W11395" s="2">
        <v>0.14899999999999999</v>
      </c>
      <c r="X11395" s="2">
        <v>12</v>
      </c>
      <c r="Y11395" s="2">
        <v>62</v>
      </c>
      <c r="Z11395" s="2">
        <v>199.7</v>
      </c>
      <c r="AA11395" s="5">
        <v>8</v>
      </c>
      <c r="AB11395" s="5" t="s">
        <v>43</v>
      </c>
      <c r="AC11395" s="5" t="s">
        <v>44</v>
      </c>
      <c r="AD11395" s="2" t="s">
        <v>33622</v>
      </c>
      <c r="AE11395" s="1"/>
    </row>
    <row r="11396" spans="1:31" ht="14.45">
      <c r="A11396" s="11"/>
      <c r="B11396" s="20"/>
      <c r="C11396" s="2" t="s">
        <v>35025</v>
      </c>
      <c r="D11396" s="14" t="s">
        <v>35026</v>
      </c>
      <c r="E11396" s="2" t="s">
        <v>35027</v>
      </c>
      <c r="F11396" s="2" t="s">
        <v>33626</v>
      </c>
      <c r="G11396" s="8">
        <v>221</v>
      </c>
      <c r="H11396" s="5">
        <v>5</v>
      </c>
      <c r="I11396" s="5" t="s">
        <v>69</v>
      </c>
      <c r="J11396" s="5" t="s">
        <v>27074</v>
      </c>
      <c r="K11396" s="2" t="s">
        <v>27075</v>
      </c>
      <c r="L11396" s="5" t="s">
        <v>27074</v>
      </c>
      <c r="M11396" s="2" t="s">
        <v>27075</v>
      </c>
      <c r="N11396" s="5" t="s">
        <v>24254</v>
      </c>
      <c r="O11396" s="5" t="s">
        <v>38</v>
      </c>
      <c r="P11396" s="5" t="s">
        <v>39</v>
      </c>
      <c r="Q11396" s="5" t="s">
        <v>40</v>
      </c>
      <c r="R11396" s="5" t="s">
        <v>24335</v>
      </c>
      <c r="S11396" s="5" t="s">
        <v>40</v>
      </c>
      <c r="T11396" s="5" t="s">
        <v>42</v>
      </c>
      <c r="U11396" s="2">
        <v>11.346</v>
      </c>
      <c r="V11396" s="2">
        <v>8.6219999999999999</v>
      </c>
      <c r="W11396" s="2">
        <v>0.10299999999999999</v>
      </c>
      <c r="X11396" s="2">
        <v>12</v>
      </c>
      <c r="Y11396" s="2">
        <v>62</v>
      </c>
      <c r="Z11396" s="2">
        <v>137.9</v>
      </c>
      <c r="AA11396" s="5">
        <v>8</v>
      </c>
      <c r="AB11396" s="5" t="s">
        <v>43</v>
      </c>
      <c r="AC11396" s="5" t="s">
        <v>44</v>
      </c>
      <c r="AD11396" s="2" t="s">
        <v>33622</v>
      </c>
      <c r="AE11396" s="1"/>
    </row>
    <row r="11397" spans="1:31" ht="14.45">
      <c r="A11397" s="11"/>
      <c r="B11397" s="20"/>
      <c r="C11397" s="2" t="s">
        <v>35028</v>
      </c>
      <c r="D11397" s="14" t="s">
        <v>35029</v>
      </c>
      <c r="E11397" s="2" t="s">
        <v>35030</v>
      </c>
      <c r="F11397" s="2" t="s">
        <v>33630</v>
      </c>
      <c r="G11397" s="8">
        <v>221</v>
      </c>
      <c r="H11397" s="5">
        <v>10</v>
      </c>
      <c r="I11397" s="5" t="s">
        <v>69</v>
      </c>
      <c r="J11397" s="5" t="s">
        <v>27074</v>
      </c>
      <c r="K11397" s="2" t="s">
        <v>27075</v>
      </c>
      <c r="L11397" s="5" t="s">
        <v>27074</v>
      </c>
      <c r="M11397" s="2" t="s">
        <v>27075</v>
      </c>
      <c r="N11397" s="5" t="s">
        <v>24254</v>
      </c>
      <c r="O11397" s="5" t="s">
        <v>38</v>
      </c>
      <c r="P11397" s="5" t="s">
        <v>39</v>
      </c>
      <c r="Q11397" s="5" t="s">
        <v>40</v>
      </c>
      <c r="R11397" s="5" t="s">
        <v>24335</v>
      </c>
      <c r="S11397" s="5" t="s">
        <v>40</v>
      </c>
      <c r="T11397" s="5" t="s">
        <v>42</v>
      </c>
      <c r="U11397" s="2">
        <v>10.282999999999999</v>
      </c>
      <c r="V11397" s="2">
        <v>7.5659999999999998</v>
      </c>
      <c r="W11397" s="2">
        <v>0.11899999999999999</v>
      </c>
      <c r="X11397" s="2">
        <v>12</v>
      </c>
      <c r="Y11397" s="2">
        <v>62</v>
      </c>
      <c r="Z11397" s="2">
        <v>159.9</v>
      </c>
      <c r="AA11397" s="5">
        <v>8</v>
      </c>
      <c r="AB11397" s="5" t="s">
        <v>43</v>
      </c>
      <c r="AC11397" s="5" t="s">
        <v>44</v>
      </c>
      <c r="AD11397" s="2" t="s">
        <v>33622</v>
      </c>
      <c r="AE11397" s="1"/>
    </row>
    <row r="11398" spans="1:31" ht="14.45">
      <c r="A11398" s="11"/>
      <c r="B11398" s="20"/>
      <c r="C11398" s="2" t="s">
        <v>35031</v>
      </c>
      <c r="D11398" s="14" t="s">
        <v>35032</v>
      </c>
      <c r="E11398" s="2" t="s">
        <v>35033</v>
      </c>
      <c r="F11398" s="2" t="s">
        <v>33634</v>
      </c>
      <c r="G11398" s="8">
        <v>221</v>
      </c>
      <c r="H11398" s="5">
        <v>5</v>
      </c>
      <c r="I11398" s="5" t="s">
        <v>69</v>
      </c>
      <c r="J11398" s="5" t="s">
        <v>27074</v>
      </c>
      <c r="K11398" s="2" t="s">
        <v>27075</v>
      </c>
      <c r="L11398" s="5" t="s">
        <v>27074</v>
      </c>
      <c r="M11398" s="2" t="s">
        <v>27075</v>
      </c>
      <c r="N11398" s="5" t="s">
        <v>24254</v>
      </c>
      <c r="O11398" s="5" t="s">
        <v>38</v>
      </c>
      <c r="P11398" s="5" t="s">
        <v>39</v>
      </c>
      <c r="Q11398" s="5" t="s">
        <v>40</v>
      </c>
      <c r="R11398" s="5" t="s">
        <v>24335</v>
      </c>
      <c r="S11398" s="5" t="s">
        <v>40</v>
      </c>
      <c r="T11398" s="5" t="s">
        <v>42</v>
      </c>
      <c r="U11398" s="2">
        <v>7.62</v>
      </c>
      <c r="V11398" s="2">
        <v>4.9470000000000001</v>
      </c>
      <c r="W11398" s="2">
        <v>0.10299999999999999</v>
      </c>
      <c r="X11398" s="2">
        <v>12</v>
      </c>
      <c r="Y11398" s="2">
        <v>62</v>
      </c>
      <c r="Z11398" s="2">
        <v>137.9</v>
      </c>
      <c r="AA11398" s="5">
        <v>10</v>
      </c>
      <c r="AB11398" s="5" t="s">
        <v>43</v>
      </c>
      <c r="AC11398" s="5" t="s">
        <v>44</v>
      </c>
      <c r="AD11398" s="2" t="s">
        <v>33635</v>
      </c>
      <c r="AE11398" s="1"/>
    </row>
    <row r="11399" spans="1:31" ht="14.45">
      <c r="A11399" s="11"/>
      <c r="B11399" s="20"/>
      <c r="C11399" s="2" t="s">
        <v>35034</v>
      </c>
      <c r="D11399" s="14" t="s">
        <v>35035</v>
      </c>
      <c r="E11399" s="2" t="s">
        <v>35036</v>
      </c>
      <c r="F11399" s="2" t="s">
        <v>33634</v>
      </c>
      <c r="G11399" s="8">
        <v>221</v>
      </c>
      <c r="H11399" s="5">
        <v>5</v>
      </c>
      <c r="I11399" s="5" t="s">
        <v>69</v>
      </c>
      <c r="J11399" s="5" t="s">
        <v>27074</v>
      </c>
      <c r="K11399" s="2" t="s">
        <v>27075</v>
      </c>
      <c r="L11399" s="5" t="s">
        <v>27074</v>
      </c>
      <c r="M11399" s="2" t="s">
        <v>27075</v>
      </c>
      <c r="N11399" s="5" t="s">
        <v>24254</v>
      </c>
      <c r="O11399" s="5" t="s">
        <v>38</v>
      </c>
      <c r="P11399" s="5" t="s">
        <v>39</v>
      </c>
      <c r="Q11399" s="5" t="s">
        <v>40</v>
      </c>
      <c r="R11399" s="5" t="s">
        <v>24335</v>
      </c>
      <c r="S11399" s="5" t="s">
        <v>40</v>
      </c>
      <c r="T11399" s="5" t="s">
        <v>42</v>
      </c>
      <c r="U11399" s="2">
        <v>8.1349999999999998</v>
      </c>
      <c r="V11399" s="2">
        <v>5.4160000000000004</v>
      </c>
      <c r="W11399" s="2">
        <v>0.10299999999999999</v>
      </c>
      <c r="X11399" s="2">
        <v>12</v>
      </c>
      <c r="Y11399" s="2">
        <v>62</v>
      </c>
      <c r="Z11399" s="2">
        <v>137.9</v>
      </c>
      <c r="AA11399" s="5">
        <v>10</v>
      </c>
      <c r="AB11399" s="5" t="s">
        <v>43</v>
      </c>
      <c r="AC11399" s="5" t="s">
        <v>44</v>
      </c>
      <c r="AD11399" s="2" t="s">
        <v>33639</v>
      </c>
      <c r="AE11399" s="1"/>
    </row>
    <row r="11400" spans="1:31" ht="14.45">
      <c r="A11400" s="11"/>
      <c r="B11400" s="20"/>
      <c r="C11400" s="2" t="s">
        <v>35037</v>
      </c>
      <c r="D11400" s="14" t="s">
        <v>35038</v>
      </c>
      <c r="E11400" s="2" t="s">
        <v>35039</v>
      </c>
      <c r="F11400" s="2" t="s">
        <v>33643</v>
      </c>
      <c r="G11400" s="8">
        <v>221</v>
      </c>
      <c r="H11400" s="5">
        <v>5</v>
      </c>
      <c r="I11400" s="5" t="s">
        <v>69</v>
      </c>
      <c r="J11400" s="5" t="s">
        <v>27074</v>
      </c>
      <c r="K11400" s="2" t="s">
        <v>27075</v>
      </c>
      <c r="L11400" s="5" t="s">
        <v>27074</v>
      </c>
      <c r="M11400" s="2" t="s">
        <v>27075</v>
      </c>
      <c r="N11400" s="5" t="s">
        <v>24254</v>
      </c>
      <c r="O11400" s="5" t="s">
        <v>38</v>
      </c>
      <c r="P11400" s="5" t="s">
        <v>39</v>
      </c>
      <c r="Q11400" s="5" t="s">
        <v>40</v>
      </c>
      <c r="R11400" s="5" t="s">
        <v>24335</v>
      </c>
      <c r="S11400" s="5" t="s">
        <v>40</v>
      </c>
      <c r="T11400" s="5" t="s">
        <v>42</v>
      </c>
      <c r="U11400" s="2">
        <v>6.6890000000000001</v>
      </c>
      <c r="V11400" s="2">
        <v>4.0620000000000003</v>
      </c>
      <c r="W11400" s="2">
        <v>0.10299999999999999</v>
      </c>
      <c r="X11400" s="2">
        <v>12</v>
      </c>
      <c r="Y11400" s="2">
        <v>62</v>
      </c>
      <c r="Z11400" s="2">
        <v>137.9</v>
      </c>
      <c r="AA11400" s="5">
        <v>10</v>
      </c>
      <c r="AB11400" s="5" t="s">
        <v>43</v>
      </c>
      <c r="AC11400" s="5" t="s">
        <v>44</v>
      </c>
      <c r="AD11400" s="2" t="s">
        <v>33644</v>
      </c>
      <c r="AE11400" s="1"/>
    </row>
    <row r="11401" spans="1:31" ht="14.45">
      <c r="A11401" s="11"/>
      <c r="B11401" s="20"/>
      <c r="C11401" s="2" t="s">
        <v>35040</v>
      </c>
      <c r="D11401" s="14" t="s">
        <v>35041</v>
      </c>
      <c r="E11401" s="2" t="s">
        <v>35042</v>
      </c>
      <c r="F11401" s="2" t="s">
        <v>33643</v>
      </c>
      <c r="G11401" s="8">
        <v>221</v>
      </c>
      <c r="H11401" s="5">
        <v>5</v>
      </c>
      <c r="I11401" s="5" t="s">
        <v>69</v>
      </c>
      <c r="J11401" s="5" t="s">
        <v>27074</v>
      </c>
      <c r="K11401" s="2" t="s">
        <v>27075</v>
      </c>
      <c r="L11401" s="5" t="s">
        <v>27074</v>
      </c>
      <c r="M11401" s="2" t="s">
        <v>27075</v>
      </c>
      <c r="N11401" s="5" t="s">
        <v>24254</v>
      </c>
      <c r="O11401" s="5" t="s">
        <v>38</v>
      </c>
      <c r="P11401" s="5" t="s">
        <v>39</v>
      </c>
      <c r="Q11401" s="5" t="s">
        <v>40</v>
      </c>
      <c r="R11401" s="5" t="s">
        <v>24335</v>
      </c>
      <c r="S11401" s="5" t="s">
        <v>40</v>
      </c>
      <c r="T11401" s="5" t="s">
        <v>42</v>
      </c>
      <c r="U11401" s="2">
        <v>7.35</v>
      </c>
      <c r="V11401" s="2">
        <v>4.6310000000000002</v>
      </c>
      <c r="W11401" s="2">
        <v>0.10299999999999999</v>
      </c>
      <c r="X11401" s="2">
        <v>12</v>
      </c>
      <c r="Y11401" s="2">
        <v>62</v>
      </c>
      <c r="Z11401" s="2">
        <v>137.9</v>
      </c>
      <c r="AA11401" s="5">
        <v>10</v>
      </c>
      <c r="AB11401" s="5" t="s">
        <v>43</v>
      </c>
      <c r="AC11401" s="5" t="s">
        <v>44</v>
      </c>
      <c r="AD11401" s="2" t="s">
        <v>33648</v>
      </c>
      <c r="AE11401" s="1"/>
    </row>
    <row r="11402" spans="1:31" ht="14.45">
      <c r="A11402" s="11"/>
      <c r="B11402" s="20"/>
      <c r="C11402" s="2" t="s">
        <v>35043</v>
      </c>
      <c r="D11402" s="14" t="s">
        <v>35044</v>
      </c>
      <c r="E11402" s="2" t="s">
        <v>35045</v>
      </c>
      <c r="F11402" s="2" t="s">
        <v>33652</v>
      </c>
      <c r="G11402" s="8">
        <v>221</v>
      </c>
      <c r="H11402" s="5">
        <v>5</v>
      </c>
      <c r="I11402" s="5" t="s">
        <v>69</v>
      </c>
      <c r="J11402" s="5" t="s">
        <v>27074</v>
      </c>
      <c r="K11402" s="2" t="s">
        <v>27075</v>
      </c>
      <c r="L11402" s="5" t="s">
        <v>27074</v>
      </c>
      <c r="M11402" s="2" t="s">
        <v>27075</v>
      </c>
      <c r="N11402" s="5" t="s">
        <v>24254</v>
      </c>
      <c r="O11402" s="5" t="s">
        <v>38</v>
      </c>
      <c r="P11402" s="5" t="s">
        <v>39</v>
      </c>
      <c r="Q11402" s="5" t="s">
        <v>40</v>
      </c>
      <c r="R11402" s="5" t="s">
        <v>24335</v>
      </c>
      <c r="S11402" s="5" t="s">
        <v>40</v>
      </c>
      <c r="T11402" s="5" t="s">
        <v>42</v>
      </c>
      <c r="U11402" s="2">
        <v>7.2560000000000002</v>
      </c>
      <c r="V11402" s="2">
        <v>4.4480000000000004</v>
      </c>
      <c r="W11402" s="2">
        <v>0.14899999999999999</v>
      </c>
      <c r="X11402" s="2">
        <v>12</v>
      </c>
      <c r="Y11402" s="2">
        <v>62</v>
      </c>
      <c r="Z11402" s="2">
        <v>199.7</v>
      </c>
      <c r="AA11402" s="5">
        <v>10</v>
      </c>
      <c r="AB11402" s="5" t="s">
        <v>43</v>
      </c>
      <c r="AC11402" s="5" t="s">
        <v>44</v>
      </c>
      <c r="AD11402" s="2" t="s">
        <v>33644</v>
      </c>
      <c r="AE11402" s="1"/>
    </row>
    <row r="11403" spans="1:31" ht="14.45">
      <c r="A11403" s="11"/>
      <c r="B11403" s="20"/>
      <c r="C11403" s="2" t="s">
        <v>35046</v>
      </c>
      <c r="D11403" s="14" t="s">
        <v>35047</v>
      </c>
      <c r="E11403" s="2" t="s">
        <v>35048</v>
      </c>
      <c r="F11403" s="2" t="s">
        <v>33652</v>
      </c>
      <c r="G11403" s="8">
        <v>221</v>
      </c>
      <c r="H11403" s="5">
        <v>5</v>
      </c>
      <c r="I11403" s="5" t="s">
        <v>69</v>
      </c>
      <c r="J11403" s="5" t="s">
        <v>27074</v>
      </c>
      <c r="K11403" s="2" t="s">
        <v>27075</v>
      </c>
      <c r="L11403" s="5" t="s">
        <v>27074</v>
      </c>
      <c r="M11403" s="2" t="s">
        <v>27075</v>
      </c>
      <c r="N11403" s="5" t="s">
        <v>24254</v>
      </c>
      <c r="O11403" s="5" t="s">
        <v>38</v>
      </c>
      <c r="P11403" s="5" t="s">
        <v>39</v>
      </c>
      <c r="Q11403" s="5" t="s">
        <v>40</v>
      </c>
      <c r="R11403" s="5" t="s">
        <v>24335</v>
      </c>
      <c r="S11403" s="5" t="s">
        <v>40</v>
      </c>
      <c r="T11403" s="5" t="s">
        <v>42</v>
      </c>
      <c r="U11403" s="2">
        <v>7.8040000000000003</v>
      </c>
      <c r="V11403" s="2">
        <v>4.95</v>
      </c>
      <c r="W11403" s="2">
        <v>0.14899999999999999</v>
      </c>
      <c r="X11403" s="2">
        <v>12</v>
      </c>
      <c r="Y11403" s="2">
        <v>62</v>
      </c>
      <c r="Z11403" s="2">
        <v>199.7</v>
      </c>
      <c r="AA11403" s="5">
        <v>10</v>
      </c>
      <c r="AB11403" s="5" t="s">
        <v>43</v>
      </c>
      <c r="AC11403" s="5" t="s">
        <v>44</v>
      </c>
      <c r="AD11403" s="2" t="s">
        <v>33648</v>
      </c>
      <c r="AE11403" s="1"/>
    </row>
    <row r="11404" spans="1:31" ht="14.45">
      <c r="A11404" s="11"/>
      <c r="B11404" s="20"/>
      <c r="C11404" s="2" t="s">
        <v>35049</v>
      </c>
      <c r="D11404" s="14" t="s">
        <v>35050</v>
      </c>
      <c r="E11404" s="2" t="s">
        <v>35051</v>
      </c>
      <c r="F11404" s="2" t="s">
        <v>33659</v>
      </c>
      <c r="G11404" s="8">
        <v>402</v>
      </c>
      <c r="H11404" s="5">
        <v>5</v>
      </c>
      <c r="I11404" s="5" t="s">
        <v>69</v>
      </c>
      <c r="J11404" s="5" t="s">
        <v>27074</v>
      </c>
      <c r="K11404" s="2" t="s">
        <v>27075</v>
      </c>
      <c r="L11404" s="5" t="s">
        <v>27074</v>
      </c>
      <c r="M11404" s="2" t="s">
        <v>27075</v>
      </c>
      <c r="N11404" s="5" t="s">
        <v>24254</v>
      </c>
      <c r="O11404" s="5" t="s">
        <v>38</v>
      </c>
      <c r="P11404" s="5" t="s">
        <v>39</v>
      </c>
      <c r="Q11404" s="5" t="s">
        <v>40</v>
      </c>
      <c r="R11404" s="5" t="s">
        <v>24335</v>
      </c>
      <c r="S11404" s="5" t="s">
        <v>40</v>
      </c>
      <c r="T11404" s="5" t="s">
        <v>42</v>
      </c>
      <c r="U11404" s="2">
        <v>20.792999999999999</v>
      </c>
      <c r="V11404" s="2">
        <v>18.026</v>
      </c>
      <c r="W11404" s="2">
        <v>0.24399999999999999</v>
      </c>
      <c r="X11404" s="2">
        <v>15</v>
      </c>
      <c r="Y11404" s="2">
        <v>77</v>
      </c>
      <c r="Z11404" s="2">
        <v>210.9</v>
      </c>
      <c r="AA11404" s="5">
        <v>8</v>
      </c>
      <c r="AB11404" s="5" t="s">
        <v>43</v>
      </c>
      <c r="AC11404" s="5" t="s">
        <v>44</v>
      </c>
      <c r="AD11404" s="2" t="s">
        <v>33660</v>
      </c>
      <c r="AE11404" s="1"/>
    </row>
    <row r="11405" spans="1:31" ht="14.45">
      <c r="A11405" s="11"/>
      <c r="B11405" s="20"/>
      <c r="C11405" s="2" t="s">
        <v>35052</v>
      </c>
      <c r="D11405" s="14" t="s">
        <v>35053</v>
      </c>
      <c r="E11405" s="2" t="s">
        <v>35054</v>
      </c>
      <c r="F11405" s="2" t="s">
        <v>33664</v>
      </c>
      <c r="G11405" s="8">
        <v>372</v>
      </c>
      <c r="H11405" s="5">
        <v>10</v>
      </c>
      <c r="I11405" s="5" t="s">
        <v>69</v>
      </c>
      <c r="J11405" s="5" t="s">
        <v>27074</v>
      </c>
      <c r="K11405" s="2" t="s">
        <v>27075</v>
      </c>
      <c r="L11405" s="5" t="s">
        <v>27074</v>
      </c>
      <c r="M11405" s="2" t="s">
        <v>27075</v>
      </c>
      <c r="N11405" s="5" t="s">
        <v>24254</v>
      </c>
      <c r="O11405" s="5" t="s">
        <v>38</v>
      </c>
      <c r="P11405" s="5" t="s">
        <v>39</v>
      </c>
      <c r="Q11405" s="5" t="s">
        <v>40</v>
      </c>
      <c r="R11405" s="5" t="s">
        <v>24340</v>
      </c>
      <c r="S11405" s="5" t="s">
        <v>40</v>
      </c>
      <c r="T11405" s="5" t="s">
        <v>42</v>
      </c>
      <c r="U11405" s="2">
        <v>19.285</v>
      </c>
      <c r="V11405" s="2">
        <v>16.533999999999999</v>
      </c>
      <c r="W11405" s="2">
        <v>0.159</v>
      </c>
      <c r="X11405" s="2">
        <v>12</v>
      </c>
      <c r="Y11405" s="2">
        <v>62</v>
      </c>
      <c r="Z11405" s="2">
        <v>137.9</v>
      </c>
      <c r="AA11405" s="5">
        <v>8</v>
      </c>
      <c r="AB11405" s="5" t="s">
        <v>43</v>
      </c>
      <c r="AC11405" s="5" t="s">
        <v>44</v>
      </c>
      <c r="AD11405" s="2" t="s">
        <v>33665</v>
      </c>
      <c r="AE11405" s="1"/>
    </row>
    <row r="11406" spans="1:31" ht="14.45">
      <c r="A11406" s="11"/>
      <c r="B11406" s="20"/>
      <c r="C11406" s="2" t="s">
        <v>35055</v>
      </c>
      <c r="D11406" s="14" t="s">
        <v>35056</v>
      </c>
      <c r="E11406" s="2" t="s">
        <v>35057</v>
      </c>
      <c r="F11406" s="2" t="s">
        <v>33669</v>
      </c>
      <c r="G11406" s="8">
        <v>372</v>
      </c>
      <c r="H11406" s="5">
        <v>10</v>
      </c>
      <c r="I11406" s="5" t="s">
        <v>69</v>
      </c>
      <c r="J11406" s="5" t="s">
        <v>27074</v>
      </c>
      <c r="K11406" s="2" t="s">
        <v>27075</v>
      </c>
      <c r="L11406" s="5" t="s">
        <v>27074</v>
      </c>
      <c r="M11406" s="2" t="s">
        <v>27075</v>
      </c>
      <c r="N11406" s="5" t="s">
        <v>24254</v>
      </c>
      <c r="O11406" s="5" t="s">
        <v>38</v>
      </c>
      <c r="P11406" s="5" t="s">
        <v>39</v>
      </c>
      <c r="Q11406" s="5" t="s">
        <v>40</v>
      </c>
      <c r="R11406" s="5" t="s">
        <v>24340</v>
      </c>
      <c r="S11406" s="5" t="s">
        <v>40</v>
      </c>
      <c r="T11406" s="5" t="s">
        <v>42</v>
      </c>
      <c r="U11406" s="2">
        <v>16.007000000000001</v>
      </c>
      <c r="V11406" s="2">
        <v>13.726000000000001</v>
      </c>
      <c r="W11406" s="2">
        <v>0.128</v>
      </c>
      <c r="X11406" s="2">
        <v>12</v>
      </c>
      <c r="Y11406" s="2">
        <v>62</v>
      </c>
      <c r="Z11406" s="2">
        <v>137.9</v>
      </c>
      <c r="AA11406" s="5">
        <v>8</v>
      </c>
      <c r="AB11406" s="5" t="s">
        <v>43</v>
      </c>
      <c r="AC11406" s="5" t="s">
        <v>44</v>
      </c>
      <c r="AD11406" s="2" t="s">
        <v>33665</v>
      </c>
      <c r="AE11406" s="1"/>
    </row>
    <row r="11407" spans="1:31" ht="14.45">
      <c r="A11407" s="11"/>
      <c r="B11407" s="20"/>
      <c r="C11407" s="2" t="s">
        <v>35058</v>
      </c>
      <c r="D11407" s="14" t="s">
        <v>35059</v>
      </c>
      <c r="E11407" s="2" t="s">
        <v>35060</v>
      </c>
      <c r="F11407" s="2" t="s">
        <v>33673</v>
      </c>
      <c r="G11407" s="8">
        <v>372</v>
      </c>
      <c r="H11407" s="5">
        <v>10</v>
      </c>
      <c r="I11407" s="5" t="s">
        <v>69</v>
      </c>
      <c r="J11407" s="5" t="s">
        <v>27074</v>
      </c>
      <c r="K11407" s="2" t="s">
        <v>27075</v>
      </c>
      <c r="L11407" s="5" t="s">
        <v>27074</v>
      </c>
      <c r="M11407" s="2" t="s">
        <v>27075</v>
      </c>
      <c r="N11407" s="5" t="s">
        <v>24254</v>
      </c>
      <c r="O11407" s="5" t="s">
        <v>38</v>
      </c>
      <c r="P11407" s="5" t="s">
        <v>39</v>
      </c>
      <c r="Q11407" s="5" t="s">
        <v>40</v>
      </c>
      <c r="R11407" s="5" t="s">
        <v>24340</v>
      </c>
      <c r="S11407" s="5" t="s">
        <v>40</v>
      </c>
      <c r="T11407" s="5" t="s">
        <v>42</v>
      </c>
      <c r="U11407" s="2">
        <v>14.54</v>
      </c>
      <c r="V11407" s="2">
        <v>12.301</v>
      </c>
      <c r="W11407" s="2">
        <v>0.14899999999999999</v>
      </c>
      <c r="X11407" s="2">
        <v>12</v>
      </c>
      <c r="Y11407" s="2">
        <v>62</v>
      </c>
      <c r="Z11407" s="2">
        <v>199.7</v>
      </c>
      <c r="AA11407" s="5">
        <v>8</v>
      </c>
      <c r="AB11407" s="5" t="s">
        <v>43</v>
      </c>
      <c r="AC11407" s="5" t="s">
        <v>44</v>
      </c>
      <c r="AD11407" s="2" t="s">
        <v>33665</v>
      </c>
      <c r="AE11407" s="1"/>
    </row>
    <row r="11408" spans="1:31" ht="14.45">
      <c r="A11408" s="11"/>
      <c r="B11408" s="20"/>
      <c r="C11408" s="2" t="s">
        <v>35061</v>
      </c>
      <c r="D11408" s="14" t="s">
        <v>35062</v>
      </c>
      <c r="E11408" s="2" t="s">
        <v>35063</v>
      </c>
      <c r="F11408" s="2" t="s">
        <v>33677</v>
      </c>
      <c r="G11408" s="8">
        <v>372</v>
      </c>
      <c r="H11408" s="5">
        <v>10</v>
      </c>
      <c r="I11408" s="5" t="s">
        <v>69</v>
      </c>
      <c r="J11408" s="5" t="s">
        <v>27074</v>
      </c>
      <c r="K11408" s="2" t="s">
        <v>27075</v>
      </c>
      <c r="L11408" s="5" t="s">
        <v>27074</v>
      </c>
      <c r="M11408" s="2" t="s">
        <v>27075</v>
      </c>
      <c r="N11408" s="5" t="s">
        <v>24254</v>
      </c>
      <c r="O11408" s="5" t="s">
        <v>38</v>
      </c>
      <c r="P11408" s="5" t="s">
        <v>39</v>
      </c>
      <c r="Q11408" s="5" t="s">
        <v>40</v>
      </c>
      <c r="R11408" s="5" t="s">
        <v>24340</v>
      </c>
      <c r="S11408" s="5" t="s">
        <v>40</v>
      </c>
      <c r="T11408" s="5" t="s">
        <v>42</v>
      </c>
      <c r="U11408" s="2">
        <v>11.667</v>
      </c>
      <c r="V11408" s="2">
        <v>9.4629999999999992</v>
      </c>
      <c r="W11408" s="2">
        <v>0.10299999999999999</v>
      </c>
      <c r="X11408" s="2">
        <v>12</v>
      </c>
      <c r="Y11408" s="2">
        <v>62</v>
      </c>
      <c r="Z11408" s="2">
        <v>137.9</v>
      </c>
      <c r="AA11408" s="5">
        <v>10</v>
      </c>
      <c r="AB11408" s="5" t="s">
        <v>43</v>
      </c>
      <c r="AC11408" s="5" t="s">
        <v>44</v>
      </c>
      <c r="AD11408" s="2" t="s">
        <v>33678</v>
      </c>
      <c r="AE11408" s="1"/>
    </row>
    <row r="11409" spans="1:31" ht="14.45">
      <c r="A11409" s="11"/>
      <c r="B11409" s="20"/>
      <c r="C11409" s="2" t="s">
        <v>35064</v>
      </c>
      <c r="D11409" s="14" t="s">
        <v>35065</v>
      </c>
      <c r="E11409" s="2" t="s">
        <v>35066</v>
      </c>
      <c r="F11409" s="2" t="s">
        <v>33677</v>
      </c>
      <c r="G11409" s="8">
        <v>372</v>
      </c>
      <c r="H11409" s="5">
        <v>10</v>
      </c>
      <c r="I11409" s="5" t="s">
        <v>69</v>
      </c>
      <c r="J11409" s="5" t="s">
        <v>27074</v>
      </c>
      <c r="K11409" s="2" t="s">
        <v>27075</v>
      </c>
      <c r="L11409" s="5" t="s">
        <v>27074</v>
      </c>
      <c r="M11409" s="2" t="s">
        <v>27075</v>
      </c>
      <c r="N11409" s="5" t="s">
        <v>24254</v>
      </c>
      <c r="O11409" s="5" t="s">
        <v>38</v>
      </c>
      <c r="P11409" s="5" t="s">
        <v>39</v>
      </c>
      <c r="Q11409" s="5" t="s">
        <v>40</v>
      </c>
      <c r="R11409" s="5" t="s">
        <v>24340</v>
      </c>
      <c r="S11409" s="5" t="s">
        <v>40</v>
      </c>
      <c r="T11409" s="5" t="s">
        <v>42</v>
      </c>
      <c r="U11409" s="2">
        <v>13.188000000000001</v>
      </c>
      <c r="V11409" s="2">
        <v>10.938000000000001</v>
      </c>
      <c r="W11409" s="2">
        <v>0.10299999999999999</v>
      </c>
      <c r="X11409" s="2">
        <v>12</v>
      </c>
      <c r="Y11409" s="2">
        <v>62</v>
      </c>
      <c r="Z11409" s="2">
        <v>137.9</v>
      </c>
      <c r="AA11409" s="5">
        <v>10</v>
      </c>
      <c r="AB11409" s="5" t="s">
        <v>43</v>
      </c>
      <c r="AC11409" s="5" t="s">
        <v>44</v>
      </c>
      <c r="AD11409" s="2" t="s">
        <v>33950</v>
      </c>
      <c r="AE11409" s="1"/>
    </row>
    <row r="11410" spans="1:31" ht="14.45">
      <c r="A11410" s="11"/>
      <c r="B11410" s="20"/>
      <c r="C11410" s="2" t="s">
        <v>35067</v>
      </c>
      <c r="D11410" s="14" t="s">
        <v>35068</v>
      </c>
      <c r="E11410" s="2" t="s">
        <v>35069</v>
      </c>
      <c r="F11410" s="2" t="s">
        <v>33682</v>
      </c>
      <c r="G11410" s="8">
        <v>372</v>
      </c>
      <c r="H11410" s="5">
        <v>10</v>
      </c>
      <c r="I11410" s="5" t="s">
        <v>69</v>
      </c>
      <c r="J11410" s="5" t="s">
        <v>27074</v>
      </c>
      <c r="K11410" s="2" t="s">
        <v>27075</v>
      </c>
      <c r="L11410" s="5" t="s">
        <v>27074</v>
      </c>
      <c r="M11410" s="2" t="s">
        <v>27075</v>
      </c>
      <c r="N11410" s="5" t="s">
        <v>24254</v>
      </c>
      <c r="O11410" s="5" t="s">
        <v>38</v>
      </c>
      <c r="P11410" s="5" t="s">
        <v>39</v>
      </c>
      <c r="Q11410" s="5" t="s">
        <v>40</v>
      </c>
      <c r="R11410" s="5" t="s">
        <v>24340</v>
      </c>
      <c r="S11410" s="5" t="s">
        <v>40</v>
      </c>
      <c r="T11410" s="5" t="s">
        <v>42</v>
      </c>
      <c r="U11410" s="2">
        <v>9.0259999999999998</v>
      </c>
      <c r="V11410" s="2">
        <v>6.8220000000000001</v>
      </c>
      <c r="W11410" s="2">
        <v>0.10299999999999999</v>
      </c>
      <c r="X11410" s="2">
        <v>12</v>
      </c>
      <c r="Y11410" s="2">
        <v>62</v>
      </c>
      <c r="Z11410" s="2">
        <v>137.9</v>
      </c>
      <c r="AA11410" s="5">
        <v>10</v>
      </c>
      <c r="AB11410" s="5" t="s">
        <v>43</v>
      </c>
      <c r="AC11410" s="5" t="s">
        <v>44</v>
      </c>
      <c r="AD11410" s="2" t="s">
        <v>33683</v>
      </c>
      <c r="AE11410" s="1"/>
    </row>
    <row r="11411" spans="1:31" ht="14.45">
      <c r="A11411" s="11"/>
      <c r="B11411" s="20"/>
      <c r="C11411" s="2" t="s">
        <v>35070</v>
      </c>
      <c r="D11411" s="14" t="s">
        <v>35071</v>
      </c>
      <c r="E11411" s="2" t="s">
        <v>35072</v>
      </c>
      <c r="F11411" s="2" t="s">
        <v>33682</v>
      </c>
      <c r="G11411" s="8">
        <v>372</v>
      </c>
      <c r="H11411" s="5">
        <v>10</v>
      </c>
      <c r="I11411" s="5" t="s">
        <v>69</v>
      </c>
      <c r="J11411" s="5" t="s">
        <v>27074</v>
      </c>
      <c r="K11411" s="2" t="s">
        <v>27075</v>
      </c>
      <c r="L11411" s="5" t="s">
        <v>27074</v>
      </c>
      <c r="M11411" s="2" t="s">
        <v>27075</v>
      </c>
      <c r="N11411" s="5" t="s">
        <v>24254</v>
      </c>
      <c r="O11411" s="5" t="s">
        <v>38</v>
      </c>
      <c r="P11411" s="5" t="s">
        <v>39</v>
      </c>
      <c r="Q11411" s="5" t="s">
        <v>40</v>
      </c>
      <c r="R11411" s="5" t="s">
        <v>24340</v>
      </c>
      <c r="S11411" s="5" t="s">
        <v>40</v>
      </c>
      <c r="T11411" s="5" t="s">
        <v>42</v>
      </c>
      <c r="U11411" s="2">
        <v>10.875</v>
      </c>
      <c r="V11411" s="2">
        <v>8.625</v>
      </c>
      <c r="W11411" s="2">
        <v>0.10299999999999999</v>
      </c>
      <c r="X11411" s="2">
        <v>12</v>
      </c>
      <c r="Y11411" s="2">
        <v>62</v>
      </c>
      <c r="Z11411" s="2">
        <v>137.9</v>
      </c>
      <c r="AA11411" s="5">
        <v>10</v>
      </c>
      <c r="AB11411" s="5" t="s">
        <v>43</v>
      </c>
      <c r="AC11411" s="5" t="s">
        <v>44</v>
      </c>
      <c r="AD11411" s="2" t="s">
        <v>33688</v>
      </c>
      <c r="AE11411" s="1"/>
    </row>
    <row r="11412" spans="1:31" ht="14.45">
      <c r="A11412" s="11"/>
      <c r="B11412" s="20"/>
      <c r="C11412" s="2" t="s">
        <v>35073</v>
      </c>
      <c r="D11412" s="14" t="s">
        <v>35074</v>
      </c>
      <c r="E11412" s="2" t="s">
        <v>35075</v>
      </c>
      <c r="F11412" s="2" t="s">
        <v>33687</v>
      </c>
      <c r="G11412" s="8">
        <v>372</v>
      </c>
      <c r="H11412" s="5">
        <v>10</v>
      </c>
      <c r="I11412" s="5" t="s">
        <v>69</v>
      </c>
      <c r="J11412" s="5" t="s">
        <v>27074</v>
      </c>
      <c r="K11412" s="2" t="s">
        <v>27075</v>
      </c>
      <c r="L11412" s="5" t="s">
        <v>27074</v>
      </c>
      <c r="M11412" s="2" t="s">
        <v>27075</v>
      </c>
      <c r="N11412" s="5" t="s">
        <v>24254</v>
      </c>
      <c r="O11412" s="5" t="s">
        <v>38</v>
      </c>
      <c r="P11412" s="5" t="s">
        <v>39</v>
      </c>
      <c r="Q11412" s="5" t="s">
        <v>40</v>
      </c>
      <c r="R11412" s="5" t="s">
        <v>24340</v>
      </c>
      <c r="S11412" s="5" t="s">
        <v>40</v>
      </c>
      <c r="T11412" s="5" t="s">
        <v>42</v>
      </c>
      <c r="U11412" s="2">
        <v>10.879</v>
      </c>
      <c r="V11412" s="2">
        <v>8.0709999999999997</v>
      </c>
      <c r="W11412" s="2">
        <v>0.14899999999999999</v>
      </c>
      <c r="X11412" s="2">
        <v>12</v>
      </c>
      <c r="Y11412" s="2">
        <v>62</v>
      </c>
      <c r="Z11412" s="2">
        <v>199.7</v>
      </c>
      <c r="AA11412" s="5">
        <v>10</v>
      </c>
      <c r="AB11412" s="5" t="s">
        <v>43</v>
      </c>
      <c r="AC11412" s="5" t="s">
        <v>44</v>
      </c>
      <c r="AD11412" s="2" t="s">
        <v>33683</v>
      </c>
      <c r="AE11412" s="1"/>
    </row>
    <row r="11413" spans="1:31" ht="14.45">
      <c r="A11413" s="11"/>
      <c r="B11413" s="20"/>
      <c r="C11413" s="2" t="s">
        <v>35076</v>
      </c>
      <c r="D11413" s="14" t="s">
        <v>35077</v>
      </c>
      <c r="E11413" s="2" t="s">
        <v>35078</v>
      </c>
      <c r="F11413" s="2" t="s">
        <v>33687</v>
      </c>
      <c r="G11413" s="8">
        <v>372</v>
      </c>
      <c r="H11413" s="5">
        <v>10</v>
      </c>
      <c r="I11413" s="5" t="s">
        <v>69</v>
      </c>
      <c r="J11413" s="5" t="s">
        <v>27074</v>
      </c>
      <c r="K11413" s="2" t="s">
        <v>27075</v>
      </c>
      <c r="L11413" s="5" t="s">
        <v>27074</v>
      </c>
      <c r="M11413" s="2" t="s">
        <v>27075</v>
      </c>
      <c r="N11413" s="5" t="s">
        <v>24254</v>
      </c>
      <c r="O11413" s="5" t="s">
        <v>38</v>
      </c>
      <c r="P11413" s="5" t="s">
        <v>39</v>
      </c>
      <c r="Q11413" s="5" t="s">
        <v>40</v>
      </c>
      <c r="R11413" s="5" t="s">
        <v>24340</v>
      </c>
      <c r="S11413" s="5" t="s">
        <v>40</v>
      </c>
      <c r="T11413" s="5" t="s">
        <v>42</v>
      </c>
      <c r="U11413" s="2">
        <v>12.473000000000001</v>
      </c>
      <c r="V11413" s="2">
        <v>9.6189999999999998</v>
      </c>
      <c r="W11413" s="2">
        <v>0.14899999999999999</v>
      </c>
      <c r="X11413" s="2">
        <v>12</v>
      </c>
      <c r="Y11413" s="2">
        <v>62</v>
      </c>
      <c r="Z11413" s="2">
        <v>199.7</v>
      </c>
      <c r="AA11413" s="5">
        <v>10</v>
      </c>
      <c r="AB11413" s="5" t="s">
        <v>43</v>
      </c>
      <c r="AC11413" s="5" t="s">
        <v>44</v>
      </c>
      <c r="AD11413" s="2" t="s">
        <v>33688</v>
      </c>
      <c r="AE11413" s="1"/>
    </row>
    <row r="11414" spans="1:31" ht="14.45">
      <c r="A11414" s="11"/>
      <c r="B11414" s="20"/>
      <c r="C11414" s="2" t="s">
        <v>35079</v>
      </c>
      <c r="D11414" s="14" t="s">
        <v>35080</v>
      </c>
      <c r="E11414" s="2" t="s">
        <v>35081</v>
      </c>
      <c r="F11414" s="2" t="s">
        <v>33692</v>
      </c>
      <c r="G11414" s="8">
        <v>704</v>
      </c>
      <c r="H11414" s="5">
        <v>10</v>
      </c>
      <c r="I11414" s="5" t="s">
        <v>69</v>
      </c>
      <c r="J11414" s="5" t="s">
        <v>27074</v>
      </c>
      <c r="K11414" s="2" t="s">
        <v>27075</v>
      </c>
      <c r="L11414" s="5" t="s">
        <v>27074</v>
      </c>
      <c r="M11414" s="2" t="s">
        <v>27075</v>
      </c>
      <c r="N11414" s="5" t="s">
        <v>24254</v>
      </c>
      <c r="O11414" s="5" t="s">
        <v>38</v>
      </c>
      <c r="P11414" s="5" t="s">
        <v>39</v>
      </c>
      <c r="Q11414" s="5" t="s">
        <v>40</v>
      </c>
      <c r="R11414" s="5" t="s">
        <v>24340</v>
      </c>
      <c r="S11414" s="5" t="s">
        <v>40</v>
      </c>
      <c r="T11414" s="5" t="s">
        <v>42</v>
      </c>
      <c r="U11414" s="2">
        <v>25.49</v>
      </c>
      <c r="V11414" s="2">
        <v>22.734000000000002</v>
      </c>
      <c r="W11414" s="2">
        <v>0.24399999999999999</v>
      </c>
      <c r="X11414" s="2">
        <v>15</v>
      </c>
      <c r="Y11414" s="2">
        <v>77</v>
      </c>
      <c r="Z11414" s="2">
        <v>210.9</v>
      </c>
      <c r="AA11414" s="5">
        <v>8</v>
      </c>
      <c r="AB11414" s="5" t="s">
        <v>43</v>
      </c>
      <c r="AC11414" s="5" t="s">
        <v>44</v>
      </c>
      <c r="AD11414" s="2" t="s">
        <v>33660</v>
      </c>
      <c r="AE11414" s="1"/>
    </row>
    <row r="11415" spans="1:31" ht="14.45">
      <c r="A11415" s="11"/>
      <c r="B11415" s="20"/>
      <c r="C11415" s="2" t="s">
        <v>35082</v>
      </c>
      <c r="D11415" s="14" t="s">
        <v>35083</v>
      </c>
      <c r="E11415" s="2" t="s">
        <v>35084</v>
      </c>
      <c r="F11415" s="2" t="s">
        <v>33696</v>
      </c>
      <c r="G11415" s="8">
        <v>372</v>
      </c>
      <c r="H11415" s="5">
        <v>10</v>
      </c>
      <c r="I11415" s="5" t="s">
        <v>69</v>
      </c>
      <c r="J11415" s="5" t="s">
        <v>27074</v>
      </c>
      <c r="K11415" s="2" t="s">
        <v>27075</v>
      </c>
      <c r="L11415" s="5" t="s">
        <v>27074</v>
      </c>
      <c r="M11415" s="2" t="s">
        <v>27075</v>
      </c>
      <c r="N11415" s="5" t="s">
        <v>24254</v>
      </c>
      <c r="O11415" s="5" t="s">
        <v>38</v>
      </c>
      <c r="P11415" s="5" t="s">
        <v>39</v>
      </c>
      <c r="Q11415" s="5" t="s">
        <v>40</v>
      </c>
      <c r="R11415" s="5" t="s">
        <v>25301</v>
      </c>
      <c r="S11415" s="5" t="s">
        <v>40</v>
      </c>
      <c r="T11415" s="5" t="s">
        <v>42</v>
      </c>
      <c r="U11415" s="2">
        <v>17.928000000000001</v>
      </c>
      <c r="V11415" s="2">
        <v>15.177</v>
      </c>
      <c r="W11415" s="2">
        <v>0.159</v>
      </c>
      <c r="X11415" s="2">
        <v>12</v>
      </c>
      <c r="Y11415" s="2">
        <v>62</v>
      </c>
      <c r="Z11415" s="2">
        <v>137.9</v>
      </c>
      <c r="AA11415" s="5">
        <v>8</v>
      </c>
      <c r="AB11415" s="5" t="s">
        <v>43</v>
      </c>
      <c r="AC11415" s="5" t="s">
        <v>44</v>
      </c>
      <c r="AD11415" s="2" t="s">
        <v>33697</v>
      </c>
      <c r="AE11415" s="1"/>
    </row>
    <row r="11416" spans="1:31" ht="14.45">
      <c r="A11416" s="11"/>
      <c r="B11416" s="20"/>
      <c r="C11416" s="2" t="s">
        <v>35085</v>
      </c>
      <c r="D11416" s="14" t="s">
        <v>35086</v>
      </c>
      <c r="E11416" s="2" t="s">
        <v>35087</v>
      </c>
      <c r="F11416" s="2" t="s">
        <v>33701</v>
      </c>
      <c r="G11416" s="8">
        <v>372</v>
      </c>
      <c r="H11416" s="5">
        <v>10</v>
      </c>
      <c r="I11416" s="5" t="s">
        <v>69</v>
      </c>
      <c r="J11416" s="5" t="s">
        <v>27074</v>
      </c>
      <c r="K11416" s="2" t="s">
        <v>27075</v>
      </c>
      <c r="L11416" s="5" t="s">
        <v>27074</v>
      </c>
      <c r="M11416" s="2" t="s">
        <v>27075</v>
      </c>
      <c r="N11416" s="5" t="s">
        <v>24254</v>
      </c>
      <c r="O11416" s="5" t="s">
        <v>38</v>
      </c>
      <c r="P11416" s="5" t="s">
        <v>39</v>
      </c>
      <c r="Q11416" s="5" t="s">
        <v>40</v>
      </c>
      <c r="R11416" s="5" t="s">
        <v>25301</v>
      </c>
      <c r="S11416" s="5" t="s">
        <v>40</v>
      </c>
      <c r="T11416" s="5" t="s">
        <v>42</v>
      </c>
      <c r="U11416" s="2">
        <v>13.337999999999999</v>
      </c>
      <c r="V11416" s="2">
        <v>11.099</v>
      </c>
      <c r="W11416" s="2">
        <v>0.11899999999999999</v>
      </c>
      <c r="X11416" s="2">
        <v>12</v>
      </c>
      <c r="Y11416" s="2">
        <v>62</v>
      </c>
      <c r="Z11416" s="2">
        <v>159.9</v>
      </c>
      <c r="AA11416" s="5">
        <v>8</v>
      </c>
      <c r="AB11416" s="5" t="s">
        <v>43</v>
      </c>
      <c r="AC11416" s="5" t="s">
        <v>44</v>
      </c>
      <c r="AD11416" s="2" t="s">
        <v>33697</v>
      </c>
      <c r="AE11416" s="1"/>
    </row>
    <row r="11417" spans="1:31" ht="14.45">
      <c r="A11417" s="11"/>
      <c r="B11417" s="20"/>
      <c r="C11417" s="2" t="s">
        <v>35088</v>
      </c>
      <c r="D11417" s="14" t="s">
        <v>35089</v>
      </c>
      <c r="E11417" s="2" t="s">
        <v>35090</v>
      </c>
      <c r="F11417" s="2" t="s">
        <v>33805</v>
      </c>
      <c r="G11417" s="8">
        <v>372</v>
      </c>
      <c r="H11417" s="5">
        <v>10</v>
      </c>
      <c r="I11417" s="5" t="s">
        <v>69</v>
      </c>
      <c r="J11417" s="5" t="s">
        <v>27074</v>
      </c>
      <c r="K11417" s="2" t="s">
        <v>27075</v>
      </c>
      <c r="L11417" s="5" t="s">
        <v>27074</v>
      </c>
      <c r="M11417" s="2" t="s">
        <v>27075</v>
      </c>
      <c r="N11417" s="5" t="s">
        <v>24254</v>
      </c>
      <c r="O11417" s="5" t="s">
        <v>38</v>
      </c>
      <c r="P11417" s="5" t="s">
        <v>39</v>
      </c>
      <c r="Q11417" s="5" t="s">
        <v>40</v>
      </c>
      <c r="R11417" s="5" t="s">
        <v>25301</v>
      </c>
      <c r="S11417" s="5" t="s">
        <v>40</v>
      </c>
      <c r="T11417" s="5" t="s">
        <v>42</v>
      </c>
      <c r="U11417" s="2">
        <v>11.750999999999999</v>
      </c>
      <c r="V11417" s="2">
        <v>9.5009999999999994</v>
      </c>
      <c r="W11417" s="2">
        <v>0.10299999999999999</v>
      </c>
      <c r="X11417" s="2">
        <v>12</v>
      </c>
      <c r="Y11417" s="2">
        <v>62</v>
      </c>
      <c r="Z11417" s="2">
        <v>137.9</v>
      </c>
      <c r="AA11417" s="5">
        <v>10</v>
      </c>
      <c r="AB11417" s="5" t="s">
        <v>43</v>
      </c>
      <c r="AC11417" s="5" t="s">
        <v>44</v>
      </c>
      <c r="AD11417" s="2" t="s">
        <v>34421</v>
      </c>
      <c r="AE11417" s="1"/>
    </row>
    <row r="11418" spans="1:31" ht="14.45">
      <c r="A11418" s="11"/>
      <c r="B11418" s="20"/>
      <c r="C11418" s="2" t="s">
        <v>35091</v>
      </c>
      <c r="D11418" s="14" t="s">
        <v>35092</v>
      </c>
      <c r="E11418" s="2" t="s">
        <v>35093</v>
      </c>
      <c r="F11418" s="2" t="s">
        <v>33810</v>
      </c>
      <c r="G11418" s="8">
        <v>372</v>
      </c>
      <c r="H11418" s="5">
        <v>10</v>
      </c>
      <c r="I11418" s="5" t="s">
        <v>69</v>
      </c>
      <c r="J11418" s="5" t="s">
        <v>27074</v>
      </c>
      <c r="K11418" s="2" t="s">
        <v>27075</v>
      </c>
      <c r="L11418" s="5" t="s">
        <v>27074</v>
      </c>
      <c r="M11418" s="2" t="s">
        <v>27075</v>
      </c>
      <c r="N11418" s="5" t="s">
        <v>24254</v>
      </c>
      <c r="O11418" s="5" t="s">
        <v>38</v>
      </c>
      <c r="P11418" s="5" t="s">
        <v>39</v>
      </c>
      <c r="Q11418" s="5" t="s">
        <v>40</v>
      </c>
      <c r="R11418" s="5" t="s">
        <v>25301</v>
      </c>
      <c r="S11418" s="5" t="s">
        <v>40</v>
      </c>
      <c r="T11418" s="5" t="s">
        <v>42</v>
      </c>
      <c r="U11418" s="2">
        <v>9.8539999999999992</v>
      </c>
      <c r="V11418" s="2">
        <v>7.6040000000000001</v>
      </c>
      <c r="W11418" s="2">
        <v>0.10299999999999999</v>
      </c>
      <c r="X11418" s="2">
        <v>12</v>
      </c>
      <c r="Y11418" s="2">
        <v>62</v>
      </c>
      <c r="Z11418" s="2">
        <v>137.9</v>
      </c>
      <c r="AA11418" s="5">
        <v>10</v>
      </c>
      <c r="AB11418" s="5" t="s">
        <v>43</v>
      </c>
      <c r="AC11418" s="5" t="s">
        <v>44</v>
      </c>
      <c r="AD11418" s="2" t="s">
        <v>33814</v>
      </c>
      <c r="AE11418" s="1"/>
    </row>
    <row r="11419" spans="1:31" ht="14.45">
      <c r="A11419" s="11"/>
      <c r="B11419" s="20"/>
      <c r="C11419" s="2" t="s">
        <v>35094</v>
      </c>
      <c r="D11419" s="14" t="s">
        <v>35095</v>
      </c>
      <c r="E11419" s="2" t="s">
        <v>35096</v>
      </c>
      <c r="F11419" s="2" t="s">
        <v>33705</v>
      </c>
      <c r="G11419" s="8">
        <v>372</v>
      </c>
      <c r="H11419" s="5">
        <v>10</v>
      </c>
      <c r="I11419" s="5" t="s">
        <v>69</v>
      </c>
      <c r="J11419" s="5" t="s">
        <v>27074</v>
      </c>
      <c r="K11419" s="2" t="s">
        <v>27075</v>
      </c>
      <c r="L11419" s="5" t="s">
        <v>27074</v>
      </c>
      <c r="M11419" s="2" t="s">
        <v>27075</v>
      </c>
      <c r="N11419" s="5" t="s">
        <v>24254</v>
      </c>
      <c r="O11419" s="5" t="s">
        <v>38</v>
      </c>
      <c r="P11419" s="5" t="s">
        <v>39</v>
      </c>
      <c r="Q11419" s="5" t="s">
        <v>40</v>
      </c>
      <c r="R11419" s="5" t="s">
        <v>25301</v>
      </c>
      <c r="S11419" s="5" t="s">
        <v>40</v>
      </c>
      <c r="T11419" s="5" t="s">
        <v>42</v>
      </c>
      <c r="U11419" s="2">
        <v>11.311</v>
      </c>
      <c r="V11419" s="2">
        <v>8.4570000000000007</v>
      </c>
      <c r="W11419" s="2">
        <v>0.14899999999999999</v>
      </c>
      <c r="X11419" s="2">
        <v>12</v>
      </c>
      <c r="Y11419" s="2">
        <v>62</v>
      </c>
      <c r="Z11419" s="2">
        <v>199.7</v>
      </c>
      <c r="AA11419" s="5">
        <v>10</v>
      </c>
      <c r="AB11419" s="5" t="s">
        <v>43</v>
      </c>
      <c r="AC11419" s="5" t="s">
        <v>44</v>
      </c>
      <c r="AD11419" s="2" t="s">
        <v>33814</v>
      </c>
      <c r="AE11419" s="1"/>
    </row>
    <row r="11420" spans="1:31" ht="14.45">
      <c r="A11420" s="11"/>
      <c r="B11420" s="20"/>
      <c r="C11420" s="2" t="s">
        <v>35097</v>
      </c>
      <c r="D11420" s="14" t="s">
        <v>35098</v>
      </c>
      <c r="E11420" s="2" t="s">
        <v>35099</v>
      </c>
      <c r="F11420" s="2" t="s">
        <v>33710</v>
      </c>
      <c r="G11420" s="8">
        <v>797</v>
      </c>
      <c r="H11420" s="5">
        <v>5</v>
      </c>
      <c r="I11420" s="5" t="s">
        <v>69</v>
      </c>
      <c r="J11420" s="5" t="s">
        <v>27074</v>
      </c>
      <c r="K11420" s="2" t="s">
        <v>27075</v>
      </c>
      <c r="L11420" s="5" t="s">
        <v>27074</v>
      </c>
      <c r="M11420" s="2" t="s">
        <v>27075</v>
      </c>
      <c r="N11420" s="5" t="s">
        <v>24254</v>
      </c>
      <c r="O11420" s="5" t="s">
        <v>38</v>
      </c>
      <c r="P11420" s="5" t="s">
        <v>39</v>
      </c>
      <c r="Q11420" s="5" t="s">
        <v>40</v>
      </c>
      <c r="R11420" s="5" t="s">
        <v>1487</v>
      </c>
      <c r="S11420" s="5"/>
      <c r="T11420" s="5" t="s">
        <v>42</v>
      </c>
      <c r="U11420" s="2">
        <v>0</v>
      </c>
      <c r="V11420" s="2">
        <v>0</v>
      </c>
      <c r="W11420" s="2">
        <v>0</v>
      </c>
      <c r="X11420" s="2">
        <v>0</v>
      </c>
      <c r="Y11420" s="2">
        <v>0</v>
      </c>
      <c r="Z11420" s="2">
        <v>0</v>
      </c>
      <c r="AA11420" s="5"/>
      <c r="AB11420" s="5" t="s">
        <v>43</v>
      </c>
      <c r="AC11420" s="5" t="s">
        <v>44</v>
      </c>
      <c r="AD11420" s="2" t="s">
        <v>33711</v>
      </c>
      <c r="AE11420" s="1"/>
    </row>
    <row r="11421" spans="1:31" ht="14.45">
      <c r="A11421" s="11"/>
      <c r="B11421" s="20"/>
      <c r="C11421" s="2" t="s">
        <v>35100</v>
      </c>
      <c r="D11421" s="14" t="s">
        <v>35101</v>
      </c>
      <c r="E11421" s="2" t="s">
        <v>35102</v>
      </c>
      <c r="F11421" s="2" t="s">
        <v>33715</v>
      </c>
      <c r="G11421" s="8">
        <v>797</v>
      </c>
      <c r="H11421" s="5">
        <v>15</v>
      </c>
      <c r="I11421" s="5" t="s">
        <v>69</v>
      </c>
      <c r="J11421" s="5" t="s">
        <v>27074</v>
      </c>
      <c r="K11421" s="2" t="s">
        <v>27075</v>
      </c>
      <c r="L11421" s="5" t="s">
        <v>27074</v>
      </c>
      <c r="M11421" s="2" t="s">
        <v>27075</v>
      </c>
      <c r="N11421" s="5" t="s">
        <v>24254</v>
      </c>
      <c r="O11421" s="5" t="s">
        <v>38</v>
      </c>
      <c r="P11421" s="5" t="s">
        <v>39</v>
      </c>
      <c r="Q11421" s="5" t="s">
        <v>40</v>
      </c>
      <c r="R11421" s="5" t="s">
        <v>1487</v>
      </c>
      <c r="S11421" s="5"/>
      <c r="T11421" s="5" t="s">
        <v>42</v>
      </c>
      <c r="U11421" s="2">
        <v>0</v>
      </c>
      <c r="V11421" s="2">
        <v>0</v>
      </c>
      <c r="W11421" s="2">
        <v>0</v>
      </c>
      <c r="X11421" s="2">
        <v>0</v>
      </c>
      <c r="Y11421" s="2">
        <v>0</v>
      </c>
      <c r="Z11421" s="2">
        <v>0</v>
      </c>
      <c r="AA11421" s="5"/>
      <c r="AB11421" s="5" t="s">
        <v>43</v>
      </c>
      <c r="AC11421" s="5" t="s">
        <v>44</v>
      </c>
      <c r="AD11421" s="2" t="s">
        <v>33716</v>
      </c>
      <c r="AE11421" s="1"/>
    </row>
    <row r="11422" spans="1:31" ht="14.45">
      <c r="A11422" s="11"/>
      <c r="B11422" s="20"/>
      <c r="C11422" s="2" t="s">
        <v>35103</v>
      </c>
      <c r="D11422" s="14" t="s">
        <v>35104</v>
      </c>
      <c r="E11422" s="2" t="s">
        <v>35105</v>
      </c>
      <c r="F11422" s="2" t="s">
        <v>33730</v>
      </c>
      <c r="G11422" s="8">
        <v>1099</v>
      </c>
      <c r="H11422" s="5">
        <v>10</v>
      </c>
      <c r="I11422" s="5" t="s">
        <v>69</v>
      </c>
      <c r="J11422" s="5" t="s">
        <v>27074</v>
      </c>
      <c r="K11422" s="2" t="s">
        <v>27075</v>
      </c>
      <c r="L11422" s="5" t="s">
        <v>27074</v>
      </c>
      <c r="M11422" s="2" t="s">
        <v>27075</v>
      </c>
      <c r="N11422" s="5" t="s">
        <v>24254</v>
      </c>
      <c r="O11422" s="5" t="s">
        <v>38</v>
      </c>
      <c r="P11422" s="5" t="s">
        <v>39</v>
      </c>
      <c r="Q11422" s="5" t="s">
        <v>40</v>
      </c>
      <c r="R11422" s="5" t="s">
        <v>1487</v>
      </c>
      <c r="S11422" s="5"/>
      <c r="T11422" s="5" t="s">
        <v>42</v>
      </c>
      <c r="U11422" s="2">
        <v>0</v>
      </c>
      <c r="V11422" s="2">
        <v>0</v>
      </c>
      <c r="W11422" s="2">
        <v>0</v>
      </c>
      <c r="X11422" s="2">
        <v>0</v>
      </c>
      <c r="Y11422" s="2">
        <v>0</v>
      </c>
      <c r="Z11422" s="2">
        <v>0</v>
      </c>
      <c r="AA11422" s="5"/>
      <c r="AB11422" s="5" t="s">
        <v>43</v>
      </c>
      <c r="AC11422" s="5" t="s">
        <v>44</v>
      </c>
      <c r="AD11422" s="2"/>
      <c r="AE11422" s="1"/>
    </row>
    <row r="11423" spans="1:31" ht="14.45">
      <c r="A11423" s="11"/>
      <c r="B11423" s="20"/>
      <c r="C11423" s="2" t="s">
        <v>35106</v>
      </c>
      <c r="D11423" s="14" t="s">
        <v>35107</v>
      </c>
      <c r="E11423" s="2" t="s">
        <v>35108</v>
      </c>
      <c r="F11423" s="2" t="s">
        <v>33734</v>
      </c>
      <c r="G11423" s="8">
        <v>1099</v>
      </c>
      <c r="H11423" s="5">
        <v>15</v>
      </c>
      <c r="I11423" s="5" t="s">
        <v>69</v>
      </c>
      <c r="J11423" s="5" t="s">
        <v>27074</v>
      </c>
      <c r="K11423" s="2" t="s">
        <v>27075</v>
      </c>
      <c r="L11423" s="5" t="s">
        <v>27074</v>
      </c>
      <c r="M11423" s="2" t="s">
        <v>27075</v>
      </c>
      <c r="N11423" s="5" t="s">
        <v>24254</v>
      </c>
      <c r="O11423" s="5" t="s">
        <v>38</v>
      </c>
      <c r="P11423" s="5" t="s">
        <v>39</v>
      </c>
      <c r="Q11423" s="5" t="s">
        <v>40</v>
      </c>
      <c r="R11423" s="5" t="s">
        <v>1487</v>
      </c>
      <c r="S11423" s="5"/>
      <c r="T11423" s="5" t="s">
        <v>42</v>
      </c>
      <c r="U11423" s="2">
        <v>0</v>
      </c>
      <c r="V11423" s="2">
        <v>0</v>
      </c>
      <c r="W11423" s="2">
        <v>0</v>
      </c>
      <c r="X11423" s="2">
        <v>0</v>
      </c>
      <c r="Y11423" s="2">
        <v>0</v>
      </c>
      <c r="Z11423" s="2">
        <v>0</v>
      </c>
      <c r="AA11423" s="5"/>
      <c r="AB11423" s="5" t="s">
        <v>43</v>
      </c>
      <c r="AC11423" s="5" t="s">
        <v>44</v>
      </c>
      <c r="AD11423" s="2"/>
      <c r="AE11423" s="1"/>
    </row>
    <row r="11424" spans="1:31" ht="14.45">
      <c r="A11424" s="11"/>
      <c r="B11424" s="20"/>
      <c r="C11424" s="2" t="s">
        <v>35109</v>
      </c>
      <c r="D11424" s="14" t="s">
        <v>35110</v>
      </c>
      <c r="E11424" s="2" t="s">
        <v>35111</v>
      </c>
      <c r="F11424" s="2" t="s">
        <v>33616</v>
      </c>
      <c r="G11424" s="8">
        <v>320</v>
      </c>
      <c r="H11424" s="5">
        <v>5</v>
      </c>
      <c r="I11424" s="5" t="s">
        <v>69</v>
      </c>
      <c r="J11424" s="5" t="s">
        <v>27074</v>
      </c>
      <c r="K11424" s="2" t="s">
        <v>27075</v>
      </c>
      <c r="L11424" s="5" t="s">
        <v>27074</v>
      </c>
      <c r="M11424" s="2" t="s">
        <v>27075</v>
      </c>
      <c r="N11424" s="5" t="s">
        <v>24254</v>
      </c>
      <c r="O11424" s="5" t="s">
        <v>38</v>
      </c>
      <c r="P11424" s="5" t="s">
        <v>39</v>
      </c>
      <c r="Q11424" s="5" t="s">
        <v>40</v>
      </c>
      <c r="R11424" s="5" t="s">
        <v>24335</v>
      </c>
      <c r="S11424" s="5" t="s">
        <v>40</v>
      </c>
      <c r="T11424" s="5" t="s">
        <v>42</v>
      </c>
      <c r="U11424" s="2">
        <v>18.29</v>
      </c>
      <c r="V11424" s="2">
        <v>15.647</v>
      </c>
      <c r="W11424" s="2">
        <v>0.19500000000000001</v>
      </c>
      <c r="X11424" s="2">
        <v>12</v>
      </c>
      <c r="Y11424" s="2">
        <v>77</v>
      </c>
      <c r="Z11424" s="2">
        <v>210.9</v>
      </c>
      <c r="AA11424" s="5">
        <v>8</v>
      </c>
      <c r="AB11424" s="5" t="s">
        <v>43</v>
      </c>
      <c r="AC11424" s="5" t="s">
        <v>44</v>
      </c>
      <c r="AD11424" s="2" t="s">
        <v>33617</v>
      </c>
      <c r="AE11424" s="1"/>
    </row>
    <row r="11425" spans="1:31" ht="14.45">
      <c r="A11425" s="11"/>
      <c r="B11425" s="20"/>
      <c r="C11425" s="2" t="s">
        <v>35112</v>
      </c>
      <c r="D11425" s="14" t="s">
        <v>35113</v>
      </c>
      <c r="E11425" s="2" t="s">
        <v>35114</v>
      </c>
      <c r="F11425" s="2" t="s">
        <v>33621</v>
      </c>
      <c r="G11425" s="8">
        <v>240</v>
      </c>
      <c r="H11425" s="5">
        <v>10</v>
      </c>
      <c r="I11425" s="5" t="s">
        <v>69</v>
      </c>
      <c r="J11425" s="5" t="s">
        <v>27074</v>
      </c>
      <c r="K11425" s="2" t="s">
        <v>27075</v>
      </c>
      <c r="L11425" s="5" t="s">
        <v>27074</v>
      </c>
      <c r="M11425" s="2" t="s">
        <v>27075</v>
      </c>
      <c r="N11425" s="5" t="s">
        <v>24254</v>
      </c>
      <c r="O11425" s="5" t="s">
        <v>38</v>
      </c>
      <c r="P11425" s="5" t="s">
        <v>39</v>
      </c>
      <c r="Q11425" s="5" t="s">
        <v>40</v>
      </c>
      <c r="R11425" s="5" t="s">
        <v>24335</v>
      </c>
      <c r="S11425" s="5" t="s">
        <v>40</v>
      </c>
      <c r="T11425" s="5" t="s">
        <v>42</v>
      </c>
      <c r="U11425" s="2">
        <v>14.119</v>
      </c>
      <c r="V11425" s="2">
        <v>11.368</v>
      </c>
      <c r="W11425" s="2">
        <v>0.23100000000000001</v>
      </c>
      <c r="X11425" s="2">
        <v>12</v>
      </c>
      <c r="Y11425" s="2">
        <v>62</v>
      </c>
      <c r="Z11425" s="2">
        <v>199.7</v>
      </c>
      <c r="AA11425" s="5">
        <v>8</v>
      </c>
      <c r="AB11425" s="5" t="s">
        <v>43</v>
      </c>
      <c r="AC11425" s="5" t="s">
        <v>44</v>
      </c>
      <c r="AD11425" s="2" t="s">
        <v>33622</v>
      </c>
      <c r="AE11425" s="1"/>
    </row>
    <row r="11426" spans="1:31" ht="14.45">
      <c r="A11426" s="11"/>
      <c r="B11426" s="20"/>
      <c r="C11426" s="2" t="s">
        <v>35115</v>
      </c>
      <c r="D11426" s="14" t="s">
        <v>35116</v>
      </c>
      <c r="E11426" s="2" t="s">
        <v>35117</v>
      </c>
      <c r="F11426" s="2" t="s">
        <v>33626</v>
      </c>
      <c r="G11426" s="8">
        <v>240</v>
      </c>
      <c r="H11426" s="5">
        <v>5</v>
      </c>
      <c r="I11426" s="5" t="s">
        <v>69</v>
      </c>
      <c r="J11426" s="5" t="s">
        <v>27074</v>
      </c>
      <c r="K11426" s="2" t="s">
        <v>27075</v>
      </c>
      <c r="L11426" s="5" t="s">
        <v>27074</v>
      </c>
      <c r="M11426" s="2" t="s">
        <v>27075</v>
      </c>
      <c r="N11426" s="5" t="s">
        <v>24254</v>
      </c>
      <c r="O11426" s="5" t="s">
        <v>38</v>
      </c>
      <c r="P11426" s="5" t="s">
        <v>39</v>
      </c>
      <c r="Q11426" s="5" t="s">
        <v>40</v>
      </c>
      <c r="R11426" s="5" t="s">
        <v>24335</v>
      </c>
      <c r="S11426" s="5" t="s">
        <v>40</v>
      </c>
      <c r="T11426" s="5" t="s">
        <v>42</v>
      </c>
      <c r="U11426" s="2">
        <v>12.098000000000001</v>
      </c>
      <c r="V11426" s="2">
        <v>9.3740000000000006</v>
      </c>
      <c r="W11426" s="2">
        <v>0.14899999999999999</v>
      </c>
      <c r="X11426" s="2">
        <v>12</v>
      </c>
      <c r="Y11426" s="2">
        <v>62</v>
      </c>
      <c r="Z11426" s="2">
        <v>199.7</v>
      </c>
      <c r="AA11426" s="5">
        <v>8</v>
      </c>
      <c r="AB11426" s="5" t="s">
        <v>43</v>
      </c>
      <c r="AC11426" s="5" t="s">
        <v>44</v>
      </c>
      <c r="AD11426" s="2" t="s">
        <v>33622</v>
      </c>
      <c r="AE11426" s="1"/>
    </row>
    <row r="11427" spans="1:31" ht="14.45">
      <c r="A11427" s="11"/>
      <c r="B11427" s="20"/>
      <c r="C11427" s="2" t="s">
        <v>35118</v>
      </c>
      <c r="D11427" s="14" t="s">
        <v>35119</v>
      </c>
      <c r="E11427" s="2" t="s">
        <v>35120</v>
      </c>
      <c r="F11427" s="2" t="s">
        <v>33630</v>
      </c>
      <c r="G11427" s="8">
        <v>240</v>
      </c>
      <c r="H11427" s="5">
        <v>10</v>
      </c>
      <c r="I11427" s="5" t="s">
        <v>69</v>
      </c>
      <c r="J11427" s="5" t="s">
        <v>27074</v>
      </c>
      <c r="K11427" s="2" t="s">
        <v>27075</v>
      </c>
      <c r="L11427" s="5" t="s">
        <v>27074</v>
      </c>
      <c r="M11427" s="2" t="s">
        <v>27075</v>
      </c>
      <c r="N11427" s="5" t="s">
        <v>24254</v>
      </c>
      <c r="O11427" s="5" t="s">
        <v>38</v>
      </c>
      <c r="P11427" s="5" t="s">
        <v>39</v>
      </c>
      <c r="Q11427" s="5" t="s">
        <v>40</v>
      </c>
      <c r="R11427" s="5" t="s">
        <v>24335</v>
      </c>
      <c r="S11427" s="5" t="s">
        <v>40</v>
      </c>
      <c r="T11427" s="5" t="s">
        <v>42</v>
      </c>
      <c r="U11427" s="2">
        <v>10.948</v>
      </c>
      <c r="V11427" s="2">
        <v>8.2309999999999999</v>
      </c>
      <c r="W11427" s="2">
        <v>0.14899999999999999</v>
      </c>
      <c r="X11427" s="2">
        <v>12</v>
      </c>
      <c r="Y11427" s="2">
        <v>62</v>
      </c>
      <c r="Z11427" s="2">
        <v>199.7</v>
      </c>
      <c r="AA11427" s="5">
        <v>8</v>
      </c>
      <c r="AB11427" s="5" t="s">
        <v>43</v>
      </c>
      <c r="AC11427" s="5" t="s">
        <v>44</v>
      </c>
      <c r="AD11427" s="2" t="s">
        <v>33622</v>
      </c>
      <c r="AE11427" s="1"/>
    </row>
    <row r="11428" spans="1:31" ht="14.45">
      <c r="A11428" s="11"/>
      <c r="B11428" s="20"/>
      <c r="C11428" s="2" t="s">
        <v>35121</v>
      </c>
      <c r="D11428" s="14" t="s">
        <v>35122</v>
      </c>
      <c r="E11428" s="2" t="s">
        <v>35123</v>
      </c>
      <c r="F11428" s="2" t="s">
        <v>33634</v>
      </c>
      <c r="G11428" s="8">
        <v>240</v>
      </c>
      <c r="H11428" s="5">
        <v>5</v>
      </c>
      <c r="I11428" s="5" t="s">
        <v>69</v>
      </c>
      <c r="J11428" s="5" t="s">
        <v>27074</v>
      </c>
      <c r="K11428" s="2" t="s">
        <v>27075</v>
      </c>
      <c r="L11428" s="5" t="s">
        <v>27074</v>
      </c>
      <c r="M11428" s="2" t="s">
        <v>27075</v>
      </c>
      <c r="N11428" s="5" t="s">
        <v>24254</v>
      </c>
      <c r="O11428" s="5" t="s">
        <v>38</v>
      </c>
      <c r="P11428" s="5" t="s">
        <v>39</v>
      </c>
      <c r="Q11428" s="5" t="s">
        <v>40</v>
      </c>
      <c r="R11428" s="5" t="s">
        <v>24335</v>
      </c>
      <c r="S11428" s="5" t="s">
        <v>40</v>
      </c>
      <c r="T11428" s="5" t="s">
        <v>42</v>
      </c>
      <c r="U11428" s="2">
        <v>8.5709999999999997</v>
      </c>
      <c r="V11428" s="2">
        <v>5.8979999999999997</v>
      </c>
      <c r="W11428" s="2">
        <v>0.14899999999999999</v>
      </c>
      <c r="X11428" s="2">
        <v>12</v>
      </c>
      <c r="Y11428" s="2">
        <v>62</v>
      </c>
      <c r="Z11428" s="2">
        <v>199.7</v>
      </c>
      <c r="AA11428" s="5">
        <v>10</v>
      </c>
      <c r="AB11428" s="5" t="s">
        <v>43</v>
      </c>
      <c r="AC11428" s="5" t="s">
        <v>44</v>
      </c>
      <c r="AD11428" s="2" t="s">
        <v>33635</v>
      </c>
      <c r="AE11428" s="1"/>
    </row>
    <row r="11429" spans="1:31" ht="14.45">
      <c r="A11429" s="11"/>
      <c r="B11429" s="20"/>
      <c r="C11429" s="2" t="s">
        <v>35124</v>
      </c>
      <c r="D11429" s="14" t="s">
        <v>35125</v>
      </c>
      <c r="E11429" s="2" t="s">
        <v>35126</v>
      </c>
      <c r="F11429" s="2" t="s">
        <v>33634</v>
      </c>
      <c r="G11429" s="8">
        <v>240</v>
      </c>
      <c r="H11429" s="5">
        <v>5</v>
      </c>
      <c r="I11429" s="5" t="s">
        <v>69</v>
      </c>
      <c r="J11429" s="5" t="s">
        <v>27074</v>
      </c>
      <c r="K11429" s="2" t="s">
        <v>27075</v>
      </c>
      <c r="L11429" s="5" t="s">
        <v>27074</v>
      </c>
      <c r="M11429" s="2" t="s">
        <v>27075</v>
      </c>
      <c r="N11429" s="5" t="s">
        <v>24254</v>
      </c>
      <c r="O11429" s="5" t="s">
        <v>38</v>
      </c>
      <c r="P11429" s="5" t="s">
        <v>39</v>
      </c>
      <c r="Q11429" s="5" t="s">
        <v>40</v>
      </c>
      <c r="R11429" s="5" t="s">
        <v>24335</v>
      </c>
      <c r="S11429" s="5" t="s">
        <v>40</v>
      </c>
      <c r="T11429" s="5" t="s">
        <v>42</v>
      </c>
      <c r="U11429" s="2">
        <v>9.0860000000000003</v>
      </c>
      <c r="V11429" s="2">
        <v>6.367</v>
      </c>
      <c r="W11429" s="2">
        <v>0.14899999999999999</v>
      </c>
      <c r="X11429" s="2">
        <v>12</v>
      </c>
      <c r="Y11429" s="2">
        <v>62</v>
      </c>
      <c r="Z11429" s="2">
        <v>199.7</v>
      </c>
      <c r="AA11429" s="5">
        <v>10</v>
      </c>
      <c r="AB11429" s="5" t="s">
        <v>43</v>
      </c>
      <c r="AC11429" s="5" t="s">
        <v>44</v>
      </c>
      <c r="AD11429" s="2" t="s">
        <v>33639</v>
      </c>
      <c r="AE11429" s="1"/>
    </row>
    <row r="11430" spans="1:31" ht="14.45">
      <c r="A11430" s="11"/>
      <c r="B11430" s="20"/>
      <c r="C11430" s="2" t="s">
        <v>35127</v>
      </c>
      <c r="D11430" s="14" t="s">
        <v>35128</v>
      </c>
      <c r="E11430" s="2" t="s">
        <v>35129</v>
      </c>
      <c r="F11430" s="2" t="s">
        <v>33643</v>
      </c>
      <c r="G11430" s="8">
        <v>240</v>
      </c>
      <c r="H11430" s="5">
        <v>5</v>
      </c>
      <c r="I11430" s="5" t="s">
        <v>69</v>
      </c>
      <c r="J11430" s="5" t="s">
        <v>27074</v>
      </c>
      <c r="K11430" s="2" t="s">
        <v>27075</v>
      </c>
      <c r="L11430" s="5" t="s">
        <v>27074</v>
      </c>
      <c r="M11430" s="2" t="s">
        <v>27075</v>
      </c>
      <c r="N11430" s="5" t="s">
        <v>24254</v>
      </c>
      <c r="O11430" s="5" t="s">
        <v>38</v>
      </c>
      <c r="P11430" s="5" t="s">
        <v>39</v>
      </c>
      <c r="Q11430" s="5" t="s">
        <v>40</v>
      </c>
      <c r="R11430" s="5" t="s">
        <v>24335</v>
      </c>
      <c r="S11430" s="5" t="s">
        <v>40</v>
      </c>
      <c r="T11430" s="5" t="s">
        <v>42</v>
      </c>
      <c r="U11430" s="2">
        <v>7.375</v>
      </c>
      <c r="V11430" s="2">
        <v>4.7480000000000002</v>
      </c>
      <c r="W11430" s="2">
        <v>0.14899999999999999</v>
      </c>
      <c r="X11430" s="2">
        <v>12</v>
      </c>
      <c r="Y11430" s="2">
        <v>62</v>
      </c>
      <c r="Z11430" s="2">
        <v>199.7</v>
      </c>
      <c r="AA11430" s="5">
        <v>10</v>
      </c>
      <c r="AB11430" s="5" t="s">
        <v>43</v>
      </c>
      <c r="AC11430" s="5" t="s">
        <v>44</v>
      </c>
      <c r="AD11430" s="2" t="s">
        <v>33644</v>
      </c>
      <c r="AE11430" s="1"/>
    </row>
    <row r="11431" spans="1:31" ht="14.45">
      <c r="A11431" s="11"/>
      <c r="B11431" s="20"/>
      <c r="C11431" s="2" t="s">
        <v>35130</v>
      </c>
      <c r="D11431" s="14" t="s">
        <v>35131</v>
      </c>
      <c r="E11431" s="2" t="s">
        <v>35132</v>
      </c>
      <c r="F11431" s="2" t="s">
        <v>33643</v>
      </c>
      <c r="G11431" s="8">
        <v>240</v>
      </c>
      <c r="H11431" s="5">
        <v>5</v>
      </c>
      <c r="I11431" s="5" t="s">
        <v>69</v>
      </c>
      <c r="J11431" s="5" t="s">
        <v>27074</v>
      </c>
      <c r="K11431" s="2" t="s">
        <v>27075</v>
      </c>
      <c r="L11431" s="5" t="s">
        <v>27074</v>
      </c>
      <c r="M11431" s="2" t="s">
        <v>27075</v>
      </c>
      <c r="N11431" s="5" t="s">
        <v>24254</v>
      </c>
      <c r="O11431" s="5" t="s">
        <v>38</v>
      </c>
      <c r="P11431" s="5" t="s">
        <v>39</v>
      </c>
      <c r="Q11431" s="5" t="s">
        <v>40</v>
      </c>
      <c r="R11431" s="5" t="s">
        <v>24335</v>
      </c>
      <c r="S11431" s="5" t="s">
        <v>40</v>
      </c>
      <c r="T11431" s="5" t="s">
        <v>42</v>
      </c>
      <c r="U11431" s="2">
        <v>8.0359999999999996</v>
      </c>
      <c r="V11431" s="2">
        <v>5.3170000000000002</v>
      </c>
      <c r="W11431" s="2">
        <v>0.14899999999999999</v>
      </c>
      <c r="X11431" s="2">
        <v>12</v>
      </c>
      <c r="Y11431" s="2">
        <v>62</v>
      </c>
      <c r="Z11431" s="2">
        <v>199.7</v>
      </c>
      <c r="AA11431" s="5">
        <v>10</v>
      </c>
      <c r="AB11431" s="5" t="s">
        <v>43</v>
      </c>
      <c r="AC11431" s="5" t="s">
        <v>44</v>
      </c>
      <c r="AD11431" s="2" t="s">
        <v>33648</v>
      </c>
      <c r="AE11431" s="1"/>
    </row>
    <row r="11432" spans="1:31" ht="14.45">
      <c r="A11432" s="11"/>
      <c r="B11432" s="20"/>
      <c r="C11432" s="2" t="s">
        <v>35133</v>
      </c>
      <c r="D11432" s="14" t="s">
        <v>35134</v>
      </c>
      <c r="E11432" s="2" t="s">
        <v>35135</v>
      </c>
      <c r="F11432" s="2" t="s">
        <v>33652</v>
      </c>
      <c r="G11432" s="8">
        <v>240</v>
      </c>
      <c r="H11432" s="5">
        <v>5</v>
      </c>
      <c r="I11432" s="5" t="s">
        <v>69</v>
      </c>
      <c r="J11432" s="5" t="s">
        <v>27074</v>
      </c>
      <c r="K11432" s="2" t="s">
        <v>27075</v>
      </c>
      <c r="L11432" s="5" t="s">
        <v>27074</v>
      </c>
      <c r="M11432" s="2" t="s">
        <v>27075</v>
      </c>
      <c r="N11432" s="5" t="s">
        <v>24254</v>
      </c>
      <c r="O11432" s="5" t="s">
        <v>38</v>
      </c>
      <c r="P11432" s="5" t="s">
        <v>39</v>
      </c>
      <c r="Q11432" s="5" t="s">
        <v>40</v>
      </c>
      <c r="R11432" s="5" t="s">
        <v>24335</v>
      </c>
      <c r="S11432" s="5" t="s">
        <v>40</v>
      </c>
      <c r="T11432" s="5" t="s">
        <v>42</v>
      </c>
      <c r="U11432" s="2">
        <v>8.0730000000000004</v>
      </c>
      <c r="V11432" s="2">
        <v>5.2649999999999997</v>
      </c>
      <c r="W11432" s="2">
        <v>0.14899999999999999</v>
      </c>
      <c r="X11432" s="2">
        <v>12</v>
      </c>
      <c r="Y11432" s="2">
        <v>62</v>
      </c>
      <c r="Z11432" s="2">
        <v>199.7</v>
      </c>
      <c r="AA11432" s="5">
        <v>10</v>
      </c>
      <c r="AB11432" s="5" t="s">
        <v>43</v>
      </c>
      <c r="AC11432" s="5" t="s">
        <v>44</v>
      </c>
      <c r="AD11432" s="2" t="s">
        <v>33644</v>
      </c>
      <c r="AE11432" s="1"/>
    </row>
    <row r="11433" spans="1:31" ht="14.45">
      <c r="A11433" s="11"/>
      <c r="B11433" s="20"/>
      <c r="C11433" s="2" t="s">
        <v>35136</v>
      </c>
      <c r="D11433" s="14" t="s">
        <v>35137</v>
      </c>
      <c r="E11433" s="2" t="s">
        <v>35138</v>
      </c>
      <c r="F11433" s="2" t="s">
        <v>33652</v>
      </c>
      <c r="G11433" s="8">
        <v>240</v>
      </c>
      <c r="H11433" s="5">
        <v>5</v>
      </c>
      <c r="I11433" s="5" t="s">
        <v>69</v>
      </c>
      <c r="J11433" s="5" t="s">
        <v>27074</v>
      </c>
      <c r="K11433" s="2" t="s">
        <v>27075</v>
      </c>
      <c r="L11433" s="5" t="s">
        <v>27074</v>
      </c>
      <c r="M11433" s="2" t="s">
        <v>27075</v>
      </c>
      <c r="N11433" s="5" t="s">
        <v>24254</v>
      </c>
      <c r="O11433" s="5" t="s">
        <v>38</v>
      </c>
      <c r="P11433" s="5" t="s">
        <v>39</v>
      </c>
      <c r="Q11433" s="5" t="s">
        <v>40</v>
      </c>
      <c r="R11433" s="5" t="s">
        <v>24335</v>
      </c>
      <c r="S11433" s="5" t="s">
        <v>40</v>
      </c>
      <c r="T11433" s="5" t="s">
        <v>42</v>
      </c>
      <c r="U11433" s="2">
        <v>8.6199999999999992</v>
      </c>
      <c r="V11433" s="2">
        <v>5.766</v>
      </c>
      <c r="W11433" s="2">
        <v>0.14899999999999999</v>
      </c>
      <c r="X11433" s="2">
        <v>12</v>
      </c>
      <c r="Y11433" s="2">
        <v>62</v>
      </c>
      <c r="Z11433" s="2">
        <v>199.7</v>
      </c>
      <c r="AA11433" s="5">
        <v>10</v>
      </c>
      <c r="AB11433" s="5" t="s">
        <v>43</v>
      </c>
      <c r="AC11433" s="5" t="s">
        <v>44</v>
      </c>
      <c r="AD11433" s="2" t="s">
        <v>33648</v>
      </c>
      <c r="AE11433" s="1"/>
    </row>
    <row r="11434" spans="1:31" ht="14.45">
      <c r="A11434" s="11"/>
      <c r="B11434" s="20"/>
      <c r="C11434" s="2" t="s">
        <v>35139</v>
      </c>
      <c r="D11434" s="14" t="s">
        <v>35140</v>
      </c>
      <c r="E11434" s="2" t="s">
        <v>35141</v>
      </c>
      <c r="F11434" s="2" t="s">
        <v>33659</v>
      </c>
      <c r="G11434" s="8">
        <v>436</v>
      </c>
      <c r="H11434" s="5">
        <v>5</v>
      </c>
      <c r="I11434" s="5" t="s">
        <v>69</v>
      </c>
      <c r="J11434" s="5" t="s">
        <v>27074</v>
      </c>
      <c r="K11434" s="2" t="s">
        <v>27075</v>
      </c>
      <c r="L11434" s="5" t="s">
        <v>27074</v>
      </c>
      <c r="M11434" s="2" t="s">
        <v>27075</v>
      </c>
      <c r="N11434" s="5" t="s">
        <v>24254</v>
      </c>
      <c r="O11434" s="5" t="s">
        <v>38</v>
      </c>
      <c r="P11434" s="5" t="s">
        <v>39</v>
      </c>
      <c r="Q11434" s="5" t="s">
        <v>40</v>
      </c>
      <c r="R11434" s="5" t="s">
        <v>24335</v>
      </c>
      <c r="S11434" s="5" t="s">
        <v>40</v>
      </c>
      <c r="T11434" s="5" t="s">
        <v>42</v>
      </c>
      <c r="U11434" s="2">
        <v>22.376999999999999</v>
      </c>
      <c r="V11434" s="2">
        <v>19.61</v>
      </c>
      <c r="W11434" s="2">
        <v>0.24399999999999999</v>
      </c>
      <c r="X11434" s="2">
        <v>15</v>
      </c>
      <c r="Y11434" s="2">
        <v>77</v>
      </c>
      <c r="Z11434" s="2">
        <v>210.9</v>
      </c>
      <c r="AA11434" s="5">
        <v>8</v>
      </c>
      <c r="AB11434" s="5" t="s">
        <v>43</v>
      </c>
      <c r="AC11434" s="5" t="s">
        <v>44</v>
      </c>
      <c r="AD11434" s="2" t="s">
        <v>33660</v>
      </c>
      <c r="AE11434" s="1"/>
    </row>
    <row r="11435" spans="1:31" ht="14.45">
      <c r="A11435" s="11"/>
      <c r="B11435" s="20"/>
      <c r="C11435" s="2" t="s">
        <v>35142</v>
      </c>
      <c r="D11435" s="14" t="s">
        <v>35143</v>
      </c>
      <c r="E11435" s="2" t="s">
        <v>35144</v>
      </c>
      <c r="F11435" s="2" t="s">
        <v>33664</v>
      </c>
      <c r="G11435" s="8">
        <v>391</v>
      </c>
      <c r="H11435" s="5">
        <v>10</v>
      </c>
      <c r="I11435" s="5" t="s">
        <v>69</v>
      </c>
      <c r="J11435" s="5" t="s">
        <v>27074</v>
      </c>
      <c r="K11435" s="2" t="s">
        <v>27075</v>
      </c>
      <c r="L11435" s="5" t="s">
        <v>27074</v>
      </c>
      <c r="M11435" s="2" t="s">
        <v>27075</v>
      </c>
      <c r="N11435" s="5" t="s">
        <v>24254</v>
      </c>
      <c r="O11435" s="5" t="s">
        <v>38</v>
      </c>
      <c r="P11435" s="5" t="s">
        <v>39</v>
      </c>
      <c r="Q11435" s="5" t="s">
        <v>40</v>
      </c>
      <c r="R11435" s="5" t="s">
        <v>24340</v>
      </c>
      <c r="S11435" s="5" t="s">
        <v>40</v>
      </c>
      <c r="T11435" s="5" t="s">
        <v>42</v>
      </c>
      <c r="U11435" s="2">
        <v>21.356999999999999</v>
      </c>
      <c r="V11435" s="2">
        <v>18.606000000000002</v>
      </c>
      <c r="W11435" s="2">
        <v>0.23100000000000001</v>
      </c>
      <c r="X11435" s="2">
        <v>12</v>
      </c>
      <c r="Y11435" s="2">
        <v>62</v>
      </c>
      <c r="Z11435" s="2">
        <v>199.7</v>
      </c>
      <c r="AA11435" s="5">
        <v>8</v>
      </c>
      <c r="AB11435" s="5" t="s">
        <v>43</v>
      </c>
      <c r="AC11435" s="5" t="s">
        <v>44</v>
      </c>
      <c r="AD11435" s="2" t="s">
        <v>33665</v>
      </c>
      <c r="AE11435" s="1"/>
    </row>
    <row r="11436" spans="1:31" ht="14.45">
      <c r="A11436" s="11"/>
      <c r="B11436" s="20"/>
      <c r="C11436" s="2" t="s">
        <v>35145</v>
      </c>
      <c r="D11436" s="14" t="s">
        <v>35146</v>
      </c>
      <c r="E11436" s="2" t="s">
        <v>35147</v>
      </c>
      <c r="F11436" s="2" t="s">
        <v>33669</v>
      </c>
      <c r="G11436" s="8">
        <v>391</v>
      </c>
      <c r="H11436" s="5">
        <v>10</v>
      </c>
      <c r="I11436" s="5" t="s">
        <v>69</v>
      </c>
      <c r="J11436" s="5" t="s">
        <v>27074</v>
      </c>
      <c r="K11436" s="2" t="s">
        <v>27075</v>
      </c>
      <c r="L11436" s="5" t="s">
        <v>27074</v>
      </c>
      <c r="M11436" s="2" t="s">
        <v>27075</v>
      </c>
      <c r="N11436" s="5" t="s">
        <v>24254</v>
      </c>
      <c r="O11436" s="5" t="s">
        <v>38</v>
      </c>
      <c r="P11436" s="5" t="s">
        <v>39</v>
      </c>
      <c r="Q11436" s="5" t="s">
        <v>40</v>
      </c>
      <c r="R11436" s="5" t="s">
        <v>24340</v>
      </c>
      <c r="S11436" s="5" t="s">
        <v>40</v>
      </c>
      <c r="T11436" s="5" t="s">
        <v>42</v>
      </c>
      <c r="U11436" s="2">
        <v>18.074999999999999</v>
      </c>
      <c r="V11436" s="2">
        <v>15.324999999999999</v>
      </c>
      <c r="W11436" s="2">
        <v>0.186</v>
      </c>
      <c r="X11436" s="2">
        <v>12</v>
      </c>
      <c r="Y11436" s="2">
        <v>62</v>
      </c>
      <c r="Z11436" s="2">
        <v>199.7</v>
      </c>
      <c r="AA11436" s="5">
        <v>8</v>
      </c>
      <c r="AB11436" s="5" t="s">
        <v>43</v>
      </c>
      <c r="AC11436" s="5" t="s">
        <v>44</v>
      </c>
      <c r="AD11436" s="2" t="s">
        <v>33665</v>
      </c>
      <c r="AE11436" s="1"/>
    </row>
    <row r="11437" spans="1:31" ht="14.45">
      <c r="A11437" s="11"/>
      <c r="B11437" s="20"/>
      <c r="C11437" s="2" t="s">
        <v>35148</v>
      </c>
      <c r="D11437" s="14" t="s">
        <v>35149</v>
      </c>
      <c r="E11437" s="2" t="s">
        <v>35150</v>
      </c>
      <c r="F11437" s="2" t="s">
        <v>33673</v>
      </c>
      <c r="G11437" s="8">
        <v>391</v>
      </c>
      <c r="H11437" s="5">
        <v>10</v>
      </c>
      <c r="I11437" s="5" t="s">
        <v>69</v>
      </c>
      <c r="J11437" s="5" t="s">
        <v>27074</v>
      </c>
      <c r="K11437" s="2" t="s">
        <v>27075</v>
      </c>
      <c r="L11437" s="5" t="s">
        <v>27074</v>
      </c>
      <c r="M11437" s="2" t="s">
        <v>27075</v>
      </c>
      <c r="N11437" s="5" t="s">
        <v>24254</v>
      </c>
      <c r="O11437" s="5" t="s">
        <v>38</v>
      </c>
      <c r="P11437" s="5" t="s">
        <v>39</v>
      </c>
      <c r="Q11437" s="5" t="s">
        <v>40</v>
      </c>
      <c r="R11437" s="5" t="s">
        <v>24340</v>
      </c>
      <c r="S11437" s="5" t="s">
        <v>40</v>
      </c>
      <c r="T11437" s="5" t="s">
        <v>42</v>
      </c>
      <c r="U11437" s="2">
        <v>16.248999999999999</v>
      </c>
      <c r="V11437" s="2">
        <v>13.532</v>
      </c>
      <c r="W11437" s="2">
        <v>0.14899999999999999</v>
      </c>
      <c r="X11437" s="2">
        <v>12</v>
      </c>
      <c r="Y11437" s="2">
        <v>62</v>
      </c>
      <c r="Z11437" s="2">
        <v>199.7</v>
      </c>
      <c r="AA11437" s="5">
        <v>8</v>
      </c>
      <c r="AB11437" s="5" t="s">
        <v>43</v>
      </c>
      <c r="AC11437" s="5" t="s">
        <v>44</v>
      </c>
      <c r="AD11437" s="2" t="s">
        <v>33665</v>
      </c>
      <c r="AE11437" s="1"/>
    </row>
    <row r="11438" spans="1:31" ht="14.45">
      <c r="A11438" s="11"/>
      <c r="B11438" s="20"/>
      <c r="C11438" s="2" t="s">
        <v>35151</v>
      </c>
      <c r="D11438" s="14" t="s">
        <v>35152</v>
      </c>
      <c r="E11438" s="2" t="s">
        <v>35153</v>
      </c>
      <c r="F11438" s="2" t="s">
        <v>33677</v>
      </c>
      <c r="G11438" s="8">
        <v>391</v>
      </c>
      <c r="H11438" s="5">
        <v>10</v>
      </c>
      <c r="I11438" s="5" t="s">
        <v>69</v>
      </c>
      <c r="J11438" s="5" t="s">
        <v>27074</v>
      </c>
      <c r="K11438" s="2" t="s">
        <v>27075</v>
      </c>
      <c r="L11438" s="5" t="s">
        <v>27074</v>
      </c>
      <c r="M11438" s="2" t="s">
        <v>27075</v>
      </c>
      <c r="N11438" s="5" t="s">
        <v>24254</v>
      </c>
      <c r="O11438" s="5" t="s">
        <v>38</v>
      </c>
      <c r="P11438" s="5" t="s">
        <v>39</v>
      </c>
      <c r="Q11438" s="5" t="s">
        <v>40</v>
      </c>
      <c r="R11438" s="5" t="s">
        <v>24340</v>
      </c>
      <c r="S11438" s="5" t="s">
        <v>40</v>
      </c>
      <c r="T11438" s="5" t="s">
        <v>42</v>
      </c>
      <c r="U11438" s="2">
        <v>15.784000000000001</v>
      </c>
      <c r="V11438" s="2">
        <v>13.065</v>
      </c>
      <c r="W11438" s="2">
        <v>0.14899999999999999</v>
      </c>
      <c r="X11438" s="2">
        <v>12</v>
      </c>
      <c r="Y11438" s="2">
        <v>62</v>
      </c>
      <c r="Z11438" s="2">
        <v>199.7</v>
      </c>
      <c r="AA11438" s="5">
        <v>10</v>
      </c>
      <c r="AB11438" s="5" t="s">
        <v>43</v>
      </c>
      <c r="AC11438" s="5" t="s">
        <v>44</v>
      </c>
      <c r="AD11438" s="2" t="s">
        <v>33950</v>
      </c>
      <c r="AE11438" s="1"/>
    </row>
    <row r="11439" spans="1:31" ht="14.45">
      <c r="A11439" s="11"/>
      <c r="B11439" s="20"/>
      <c r="C11439" s="2" t="s">
        <v>35154</v>
      </c>
      <c r="D11439" s="14" t="s">
        <v>35155</v>
      </c>
      <c r="E11439" s="2" t="s">
        <v>35156</v>
      </c>
      <c r="F11439" s="2" t="s">
        <v>33682</v>
      </c>
      <c r="G11439" s="8">
        <v>391</v>
      </c>
      <c r="H11439" s="5">
        <v>10</v>
      </c>
      <c r="I11439" s="5" t="s">
        <v>69</v>
      </c>
      <c r="J11439" s="5" t="s">
        <v>27074</v>
      </c>
      <c r="K11439" s="2" t="s">
        <v>27075</v>
      </c>
      <c r="L11439" s="5" t="s">
        <v>27074</v>
      </c>
      <c r="M11439" s="2" t="s">
        <v>27075</v>
      </c>
      <c r="N11439" s="5" t="s">
        <v>24254</v>
      </c>
      <c r="O11439" s="5" t="s">
        <v>38</v>
      </c>
      <c r="P11439" s="5" t="s">
        <v>39</v>
      </c>
      <c r="Q11439" s="5" t="s">
        <v>40</v>
      </c>
      <c r="R11439" s="5" t="s">
        <v>24340</v>
      </c>
      <c r="S11439" s="5" t="s">
        <v>40</v>
      </c>
      <c r="T11439" s="5" t="s">
        <v>42</v>
      </c>
      <c r="U11439" s="2">
        <v>12.596</v>
      </c>
      <c r="V11439" s="2">
        <v>9.8770000000000007</v>
      </c>
      <c r="W11439" s="2">
        <v>0.14899999999999999</v>
      </c>
      <c r="X11439" s="2">
        <v>12</v>
      </c>
      <c r="Y11439" s="2">
        <v>62</v>
      </c>
      <c r="Z11439" s="2">
        <v>199.7</v>
      </c>
      <c r="AA11439" s="5">
        <v>10</v>
      </c>
      <c r="AB11439" s="5" t="s">
        <v>43</v>
      </c>
      <c r="AC11439" s="5" t="s">
        <v>44</v>
      </c>
      <c r="AD11439" s="2" t="s">
        <v>33688</v>
      </c>
      <c r="AE11439" s="1"/>
    </row>
    <row r="11440" spans="1:31" ht="14.45">
      <c r="A11440" s="11"/>
      <c r="B11440" s="20"/>
      <c r="C11440" s="2" t="s">
        <v>35157</v>
      </c>
      <c r="D11440" s="14" t="s">
        <v>35158</v>
      </c>
      <c r="E11440" s="2" t="s">
        <v>35159</v>
      </c>
      <c r="F11440" s="2" t="s">
        <v>33687</v>
      </c>
      <c r="G11440" s="8">
        <v>391</v>
      </c>
      <c r="H11440" s="5">
        <v>10</v>
      </c>
      <c r="I11440" s="5" t="s">
        <v>69</v>
      </c>
      <c r="J11440" s="5" t="s">
        <v>27074</v>
      </c>
      <c r="K11440" s="2" t="s">
        <v>27075</v>
      </c>
      <c r="L11440" s="5" t="s">
        <v>27074</v>
      </c>
      <c r="M11440" s="2" t="s">
        <v>27075</v>
      </c>
      <c r="N11440" s="5" t="s">
        <v>24254</v>
      </c>
      <c r="O11440" s="5" t="s">
        <v>38</v>
      </c>
      <c r="P11440" s="5" t="s">
        <v>39</v>
      </c>
      <c r="Q11440" s="5" t="s">
        <v>40</v>
      </c>
      <c r="R11440" s="5" t="s">
        <v>24340</v>
      </c>
      <c r="S11440" s="5" t="s">
        <v>40</v>
      </c>
      <c r="T11440" s="5" t="s">
        <v>42</v>
      </c>
      <c r="U11440" s="2">
        <v>12.567</v>
      </c>
      <c r="V11440" s="2">
        <v>9.7590000000000003</v>
      </c>
      <c r="W11440" s="2">
        <v>0.14899999999999999</v>
      </c>
      <c r="X11440" s="2">
        <v>12</v>
      </c>
      <c r="Y11440" s="2">
        <v>62</v>
      </c>
      <c r="Z11440" s="2">
        <v>199.7</v>
      </c>
      <c r="AA11440" s="5">
        <v>10</v>
      </c>
      <c r="AB11440" s="5" t="s">
        <v>43</v>
      </c>
      <c r="AC11440" s="5" t="s">
        <v>44</v>
      </c>
      <c r="AD11440" s="2" t="s">
        <v>33683</v>
      </c>
      <c r="AE11440" s="1"/>
    </row>
    <row r="11441" spans="1:31" ht="14.45">
      <c r="A11441" s="11"/>
      <c r="B11441" s="20"/>
      <c r="C11441" s="2" t="s">
        <v>35160</v>
      </c>
      <c r="D11441" s="14" t="s">
        <v>35161</v>
      </c>
      <c r="E11441" s="2" t="s">
        <v>35162</v>
      </c>
      <c r="F11441" s="2" t="s">
        <v>33687</v>
      </c>
      <c r="G11441" s="8">
        <v>391</v>
      </c>
      <c r="H11441" s="5">
        <v>10</v>
      </c>
      <c r="I11441" s="5" t="s">
        <v>69</v>
      </c>
      <c r="J11441" s="5" t="s">
        <v>27074</v>
      </c>
      <c r="K11441" s="2" t="s">
        <v>27075</v>
      </c>
      <c r="L11441" s="5" t="s">
        <v>27074</v>
      </c>
      <c r="M11441" s="2" t="s">
        <v>27075</v>
      </c>
      <c r="N11441" s="5" t="s">
        <v>24254</v>
      </c>
      <c r="O11441" s="5" t="s">
        <v>38</v>
      </c>
      <c r="P11441" s="5" t="s">
        <v>39</v>
      </c>
      <c r="Q11441" s="5" t="s">
        <v>40</v>
      </c>
      <c r="R11441" s="5" t="s">
        <v>24340</v>
      </c>
      <c r="S11441" s="5" t="s">
        <v>40</v>
      </c>
      <c r="T11441" s="5" t="s">
        <v>42</v>
      </c>
      <c r="U11441" s="2">
        <v>14.161</v>
      </c>
      <c r="V11441" s="2">
        <v>11.307</v>
      </c>
      <c r="W11441" s="2">
        <v>0.14899999999999999</v>
      </c>
      <c r="X11441" s="2">
        <v>12</v>
      </c>
      <c r="Y11441" s="2">
        <v>62</v>
      </c>
      <c r="Z11441" s="2">
        <v>199.7</v>
      </c>
      <c r="AA11441" s="5">
        <v>10</v>
      </c>
      <c r="AB11441" s="5" t="s">
        <v>43</v>
      </c>
      <c r="AC11441" s="5" t="s">
        <v>44</v>
      </c>
      <c r="AD11441" s="2" t="s">
        <v>33688</v>
      </c>
      <c r="AE11441" s="1"/>
    </row>
    <row r="11442" spans="1:31" ht="14.45">
      <c r="A11442" s="11"/>
      <c r="B11442" s="20"/>
      <c r="C11442" s="2" t="s">
        <v>35163</v>
      </c>
      <c r="D11442" s="14" t="s">
        <v>35164</v>
      </c>
      <c r="E11442" s="2" t="s">
        <v>35165</v>
      </c>
      <c r="F11442" s="2" t="s">
        <v>33692</v>
      </c>
      <c r="G11442" s="8">
        <v>738</v>
      </c>
      <c r="H11442" s="5">
        <v>10</v>
      </c>
      <c r="I11442" s="5" t="s">
        <v>69</v>
      </c>
      <c r="J11442" s="5" t="s">
        <v>27074</v>
      </c>
      <c r="K11442" s="2" t="s">
        <v>27075</v>
      </c>
      <c r="L11442" s="5" t="s">
        <v>27074</v>
      </c>
      <c r="M11442" s="2" t="s">
        <v>27075</v>
      </c>
      <c r="N11442" s="5" t="s">
        <v>24254</v>
      </c>
      <c r="O11442" s="5" t="s">
        <v>38</v>
      </c>
      <c r="P11442" s="5" t="s">
        <v>39</v>
      </c>
      <c r="Q11442" s="5" t="s">
        <v>40</v>
      </c>
      <c r="R11442" s="5" t="s">
        <v>24340</v>
      </c>
      <c r="S11442" s="5" t="s">
        <v>40</v>
      </c>
      <c r="T11442" s="5" t="s">
        <v>42</v>
      </c>
      <c r="U11442" s="2">
        <v>28.792999999999999</v>
      </c>
      <c r="V11442" s="2">
        <v>26.036999999999999</v>
      </c>
      <c r="W11442" s="2">
        <v>0.24399999999999999</v>
      </c>
      <c r="X11442" s="2">
        <v>15</v>
      </c>
      <c r="Y11442" s="2">
        <v>77</v>
      </c>
      <c r="Z11442" s="2">
        <v>210.9</v>
      </c>
      <c r="AA11442" s="5">
        <v>8</v>
      </c>
      <c r="AB11442" s="5" t="s">
        <v>43</v>
      </c>
      <c r="AC11442" s="5" t="s">
        <v>44</v>
      </c>
      <c r="AD11442" s="2" t="s">
        <v>33660</v>
      </c>
      <c r="AE11442" s="1"/>
    </row>
    <row r="11443" spans="1:31" ht="14.45">
      <c r="A11443" s="11"/>
      <c r="B11443" s="20"/>
      <c r="C11443" s="2" t="s">
        <v>35166</v>
      </c>
      <c r="D11443" s="14" t="s">
        <v>35167</v>
      </c>
      <c r="E11443" s="2" t="s">
        <v>35168</v>
      </c>
      <c r="F11443" s="2" t="s">
        <v>33696</v>
      </c>
      <c r="G11443" s="8">
        <v>391</v>
      </c>
      <c r="H11443" s="5">
        <v>10</v>
      </c>
      <c r="I11443" s="5" t="s">
        <v>69</v>
      </c>
      <c r="J11443" s="5" t="s">
        <v>27074</v>
      </c>
      <c r="K11443" s="2" t="s">
        <v>27075</v>
      </c>
      <c r="L11443" s="5" t="s">
        <v>27074</v>
      </c>
      <c r="M11443" s="2" t="s">
        <v>27075</v>
      </c>
      <c r="N11443" s="5" t="s">
        <v>24254</v>
      </c>
      <c r="O11443" s="5" t="s">
        <v>38</v>
      </c>
      <c r="P11443" s="5" t="s">
        <v>39</v>
      </c>
      <c r="Q11443" s="5" t="s">
        <v>40</v>
      </c>
      <c r="R11443" s="5" t="s">
        <v>25301</v>
      </c>
      <c r="S11443" s="5" t="s">
        <v>40</v>
      </c>
      <c r="T11443" s="5" t="s">
        <v>42</v>
      </c>
      <c r="U11443" s="2">
        <v>19.707000000000001</v>
      </c>
      <c r="V11443" s="2">
        <v>16.956</v>
      </c>
      <c r="W11443" s="2">
        <v>0.23100000000000001</v>
      </c>
      <c r="X11443" s="2">
        <v>12</v>
      </c>
      <c r="Y11443" s="2">
        <v>62</v>
      </c>
      <c r="Z11443" s="2">
        <v>199.7</v>
      </c>
      <c r="AA11443" s="5">
        <v>8</v>
      </c>
      <c r="AB11443" s="5" t="s">
        <v>43</v>
      </c>
      <c r="AC11443" s="5" t="s">
        <v>44</v>
      </c>
      <c r="AD11443" s="2" t="s">
        <v>33697</v>
      </c>
      <c r="AE11443" s="1"/>
    </row>
    <row r="11444" spans="1:31" ht="14.45">
      <c r="A11444" s="11"/>
      <c r="B11444" s="20"/>
      <c r="C11444" s="2" t="s">
        <v>35169</v>
      </c>
      <c r="D11444" s="14" t="s">
        <v>35170</v>
      </c>
      <c r="E11444" s="2" t="s">
        <v>35171</v>
      </c>
      <c r="F11444" s="2" t="s">
        <v>33701</v>
      </c>
      <c r="G11444" s="8">
        <v>391</v>
      </c>
      <c r="H11444" s="5">
        <v>10</v>
      </c>
      <c r="I11444" s="5" t="s">
        <v>69</v>
      </c>
      <c r="J11444" s="5" t="s">
        <v>27074</v>
      </c>
      <c r="K11444" s="2" t="s">
        <v>27075</v>
      </c>
      <c r="L11444" s="5" t="s">
        <v>27074</v>
      </c>
      <c r="M11444" s="2" t="s">
        <v>27075</v>
      </c>
      <c r="N11444" s="5" t="s">
        <v>24254</v>
      </c>
      <c r="O11444" s="5" t="s">
        <v>38</v>
      </c>
      <c r="P11444" s="5" t="s">
        <v>39</v>
      </c>
      <c r="Q11444" s="5" t="s">
        <v>40</v>
      </c>
      <c r="R11444" s="5" t="s">
        <v>25301</v>
      </c>
      <c r="S11444" s="5" t="s">
        <v>40</v>
      </c>
      <c r="T11444" s="5" t="s">
        <v>42</v>
      </c>
      <c r="U11444" s="2">
        <v>14.917</v>
      </c>
      <c r="V11444" s="2">
        <v>12.2</v>
      </c>
      <c r="W11444" s="2">
        <v>0.14899999999999999</v>
      </c>
      <c r="X11444" s="2">
        <v>12</v>
      </c>
      <c r="Y11444" s="2">
        <v>62</v>
      </c>
      <c r="Z11444" s="2">
        <v>199.7</v>
      </c>
      <c r="AA11444" s="5">
        <v>8</v>
      </c>
      <c r="AB11444" s="5" t="s">
        <v>43</v>
      </c>
      <c r="AC11444" s="5" t="s">
        <v>44</v>
      </c>
      <c r="AD11444" s="2" t="s">
        <v>33697</v>
      </c>
      <c r="AE11444" s="1"/>
    </row>
    <row r="11445" spans="1:31" ht="14.45">
      <c r="A11445" s="11"/>
      <c r="B11445" s="20"/>
      <c r="C11445" s="2" t="s">
        <v>35172</v>
      </c>
      <c r="D11445" s="14" t="s">
        <v>35173</v>
      </c>
      <c r="E11445" s="2" t="s">
        <v>35174</v>
      </c>
      <c r="F11445" s="2" t="s">
        <v>33805</v>
      </c>
      <c r="G11445" s="8">
        <v>391</v>
      </c>
      <c r="H11445" s="5">
        <v>10</v>
      </c>
      <c r="I11445" s="5" t="s">
        <v>69</v>
      </c>
      <c r="J11445" s="5" t="s">
        <v>27074</v>
      </c>
      <c r="K11445" s="2" t="s">
        <v>27075</v>
      </c>
      <c r="L11445" s="5" t="s">
        <v>27074</v>
      </c>
      <c r="M11445" s="2" t="s">
        <v>27075</v>
      </c>
      <c r="N11445" s="5" t="s">
        <v>24254</v>
      </c>
      <c r="O11445" s="5" t="s">
        <v>38</v>
      </c>
      <c r="P11445" s="5" t="s">
        <v>39</v>
      </c>
      <c r="Q11445" s="5" t="s">
        <v>40</v>
      </c>
      <c r="R11445" s="5" t="s">
        <v>25301</v>
      </c>
      <c r="S11445" s="5" t="s">
        <v>40</v>
      </c>
      <c r="T11445" s="5" t="s">
        <v>42</v>
      </c>
      <c r="U11445" s="2">
        <v>14.047000000000001</v>
      </c>
      <c r="V11445" s="2">
        <v>11.327999999999999</v>
      </c>
      <c r="W11445" s="2">
        <v>0.14899999999999999</v>
      </c>
      <c r="X11445" s="2">
        <v>12</v>
      </c>
      <c r="Y11445" s="2">
        <v>62</v>
      </c>
      <c r="Z11445" s="2">
        <v>199.7</v>
      </c>
      <c r="AA11445" s="5">
        <v>10</v>
      </c>
      <c r="AB11445" s="5" t="s">
        <v>43</v>
      </c>
      <c r="AC11445" s="5" t="s">
        <v>44</v>
      </c>
      <c r="AD11445" s="2" t="s">
        <v>34421</v>
      </c>
      <c r="AE11445" s="1"/>
    </row>
    <row r="11446" spans="1:31" ht="14.45">
      <c r="A11446" s="11"/>
      <c r="B11446" s="20"/>
      <c r="C11446" s="2" t="s">
        <v>35175</v>
      </c>
      <c r="D11446" s="14" t="s">
        <v>35176</v>
      </c>
      <c r="E11446" s="2" t="s">
        <v>35177</v>
      </c>
      <c r="F11446" s="2" t="s">
        <v>33810</v>
      </c>
      <c r="G11446" s="8">
        <v>391</v>
      </c>
      <c r="H11446" s="5">
        <v>10</v>
      </c>
      <c r="I11446" s="5" t="s">
        <v>69</v>
      </c>
      <c r="J11446" s="5" t="s">
        <v>27074</v>
      </c>
      <c r="K11446" s="2" t="s">
        <v>27075</v>
      </c>
      <c r="L11446" s="5" t="s">
        <v>27074</v>
      </c>
      <c r="M11446" s="2" t="s">
        <v>27075</v>
      </c>
      <c r="N11446" s="5" t="s">
        <v>24254</v>
      </c>
      <c r="O11446" s="5" t="s">
        <v>38</v>
      </c>
      <c r="P11446" s="5" t="s">
        <v>39</v>
      </c>
      <c r="Q11446" s="5" t="s">
        <v>40</v>
      </c>
      <c r="R11446" s="5" t="s">
        <v>25301</v>
      </c>
      <c r="S11446" s="5" t="s">
        <v>40</v>
      </c>
      <c r="T11446" s="5" t="s">
        <v>42</v>
      </c>
      <c r="U11446" s="2">
        <v>11.445</v>
      </c>
      <c r="V11446" s="2">
        <v>8.7260000000000009</v>
      </c>
      <c r="W11446" s="2">
        <v>0.14899999999999999</v>
      </c>
      <c r="X11446" s="2">
        <v>12</v>
      </c>
      <c r="Y11446" s="2">
        <v>62</v>
      </c>
      <c r="Z11446" s="2">
        <v>199.7</v>
      </c>
      <c r="AA11446" s="5">
        <v>10</v>
      </c>
      <c r="AB11446" s="5" t="s">
        <v>43</v>
      </c>
      <c r="AC11446" s="5" t="s">
        <v>44</v>
      </c>
      <c r="AD11446" s="2" t="s">
        <v>33814</v>
      </c>
      <c r="AE11446" s="1"/>
    </row>
    <row r="11447" spans="1:31" ht="14.45">
      <c r="A11447" s="11"/>
      <c r="B11447" s="20"/>
      <c r="C11447" s="2" t="s">
        <v>35178</v>
      </c>
      <c r="D11447" s="14" t="s">
        <v>35179</v>
      </c>
      <c r="E11447" s="2" t="s">
        <v>35180</v>
      </c>
      <c r="F11447" s="2" t="s">
        <v>33705</v>
      </c>
      <c r="G11447" s="8">
        <v>391</v>
      </c>
      <c r="H11447" s="5">
        <v>10</v>
      </c>
      <c r="I11447" s="5" t="s">
        <v>69</v>
      </c>
      <c r="J11447" s="5" t="s">
        <v>27074</v>
      </c>
      <c r="K11447" s="2" t="s">
        <v>27075</v>
      </c>
      <c r="L11447" s="5" t="s">
        <v>27074</v>
      </c>
      <c r="M11447" s="2" t="s">
        <v>27075</v>
      </c>
      <c r="N11447" s="5" t="s">
        <v>24254</v>
      </c>
      <c r="O11447" s="5" t="s">
        <v>38</v>
      </c>
      <c r="P11447" s="5" t="s">
        <v>39</v>
      </c>
      <c r="Q11447" s="5" t="s">
        <v>40</v>
      </c>
      <c r="R11447" s="5" t="s">
        <v>25301</v>
      </c>
      <c r="S11447" s="5" t="s">
        <v>40</v>
      </c>
      <c r="T11447" s="5" t="s">
        <v>42</v>
      </c>
      <c r="U11447" s="2">
        <v>12.785</v>
      </c>
      <c r="V11447" s="2">
        <v>9.9309999999999992</v>
      </c>
      <c r="W11447" s="2">
        <v>0.14899999999999999</v>
      </c>
      <c r="X11447" s="2">
        <v>12</v>
      </c>
      <c r="Y11447" s="2">
        <v>62</v>
      </c>
      <c r="Z11447" s="2">
        <v>199.7</v>
      </c>
      <c r="AA11447" s="5">
        <v>10</v>
      </c>
      <c r="AB11447" s="5" t="s">
        <v>43</v>
      </c>
      <c r="AC11447" s="5" t="s">
        <v>44</v>
      </c>
      <c r="AD11447" s="2" t="s">
        <v>33814</v>
      </c>
      <c r="AE11447" s="1"/>
    </row>
    <row r="11448" spans="1:31" ht="14.45">
      <c r="A11448" s="11"/>
      <c r="B11448" s="20"/>
      <c r="C11448" s="2" t="s">
        <v>35181</v>
      </c>
      <c r="D11448" s="14" t="s">
        <v>35182</v>
      </c>
      <c r="E11448" s="2" t="s">
        <v>35183</v>
      </c>
      <c r="F11448" s="2" t="s">
        <v>33710</v>
      </c>
      <c r="G11448" s="8">
        <v>845</v>
      </c>
      <c r="H11448" s="5">
        <v>5</v>
      </c>
      <c r="I11448" s="5" t="s">
        <v>69</v>
      </c>
      <c r="J11448" s="5" t="s">
        <v>27074</v>
      </c>
      <c r="K11448" s="2" t="s">
        <v>27075</v>
      </c>
      <c r="L11448" s="5" t="s">
        <v>27074</v>
      </c>
      <c r="M11448" s="2" t="s">
        <v>27075</v>
      </c>
      <c r="N11448" s="5" t="s">
        <v>24254</v>
      </c>
      <c r="O11448" s="5" t="s">
        <v>38</v>
      </c>
      <c r="P11448" s="5" t="s">
        <v>39</v>
      </c>
      <c r="Q11448" s="5" t="s">
        <v>40</v>
      </c>
      <c r="R11448" s="5" t="s">
        <v>1487</v>
      </c>
      <c r="S11448" s="5"/>
      <c r="T11448" s="5" t="s">
        <v>42</v>
      </c>
      <c r="U11448" s="2">
        <v>0</v>
      </c>
      <c r="V11448" s="2">
        <v>0</v>
      </c>
      <c r="W11448" s="2">
        <v>0</v>
      </c>
      <c r="X11448" s="2">
        <v>0</v>
      </c>
      <c r="Y11448" s="2">
        <v>0</v>
      </c>
      <c r="Z11448" s="2">
        <v>0</v>
      </c>
      <c r="AA11448" s="5"/>
      <c r="AB11448" s="5" t="s">
        <v>43</v>
      </c>
      <c r="AC11448" s="5" t="s">
        <v>44</v>
      </c>
      <c r="AD11448" s="2" t="s">
        <v>33711</v>
      </c>
      <c r="AE11448" s="1"/>
    </row>
    <row r="11449" spans="1:31" ht="14.45">
      <c r="A11449" s="11"/>
      <c r="B11449" s="20"/>
      <c r="C11449" s="2" t="s">
        <v>35184</v>
      </c>
      <c r="D11449" s="14" t="s">
        <v>35185</v>
      </c>
      <c r="E11449" s="2" t="s">
        <v>35186</v>
      </c>
      <c r="F11449" s="2" t="s">
        <v>33715</v>
      </c>
      <c r="G11449" s="8">
        <v>845</v>
      </c>
      <c r="H11449" s="5">
        <v>15</v>
      </c>
      <c r="I11449" s="5" t="s">
        <v>69</v>
      </c>
      <c r="J11449" s="5" t="s">
        <v>27074</v>
      </c>
      <c r="K11449" s="2" t="s">
        <v>27075</v>
      </c>
      <c r="L11449" s="5" t="s">
        <v>27074</v>
      </c>
      <c r="M11449" s="2" t="s">
        <v>27075</v>
      </c>
      <c r="N11449" s="5" t="s">
        <v>24254</v>
      </c>
      <c r="O11449" s="5" t="s">
        <v>38</v>
      </c>
      <c r="P11449" s="5" t="s">
        <v>39</v>
      </c>
      <c r="Q11449" s="5" t="s">
        <v>40</v>
      </c>
      <c r="R11449" s="5" t="s">
        <v>1487</v>
      </c>
      <c r="S11449" s="5"/>
      <c r="T11449" s="5" t="s">
        <v>42</v>
      </c>
      <c r="U11449" s="2">
        <v>0</v>
      </c>
      <c r="V11449" s="2">
        <v>0</v>
      </c>
      <c r="W11449" s="2">
        <v>0</v>
      </c>
      <c r="X11449" s="2">
        <v>0</v>
      </c>
      <c r="Y11449" s="2">
        <v>0</v>
      </c>
      <c r="Z11449" s="2">
        <v>0</v>
      </c>
      <c r="AA11449" s="5"/>
      <c r="AB11449" s="5" t="s">
        <v>43</v>
      </c>
      <c r="AC11449" s="5" t="s">
        <v>44</v>
      </c>
      <c r="AD11449" s="2" t="s">
        <v>33716</v>
      </c>
      <c r="AE11449" s="1"/>
    </row>
    <row r="11450" spans="1:31" ht="14.45">
      <c r="A11450" s="11"/>
      <c r="B11450" s="20"/>
      <c r="C11450" s="2" t="s">
        <v>35187</v>
      </c>
      <c r="D11450" s="14" t="s">
        <v>35188</v>
      </c>
      <c r="E11450" s="2" t="s">
        <v>35189</v>
      </c>
      <c r="F11450" s="2" t="s">
        <v>33730</v>
      </c>
      <c r="G11450" s="8">
        <v>1147</v>
      </c>
      <c r="H11450" s="5">
        <v>10</v>
      </c>
      <c r="I11450" s="5" t="s">
        <v>69</v>
      </c>
      <c r="J11450" s="5" t="s">
        <v>27074</v>
      </c>
      <c r="K11450" s="2" t="s">
        <v>27075</v>
      </c>
      <c r="L11450" s="5" t="s">
        <v>27074</v>
      </c>
      <c r="M11450" s="2" t="s">
        <v>27075</v>
      </c>
      <c r="N11450" s="5" t="s">
        <v>24254</v>
      </c>
      <c r="O11450" s="5" t="s">
        <v>38</v>
      </c>
      <c r="P11450" s="5" t="s">
        <v>39</v>
      </c>
      <c r="Q11450" s="5" t="s">
        <v>40</v>
      </c>
      <c r="R11450" s="5" t="s">
        <v>1487</v>
      </c>
      <c r="S11450" s="5"/>
      <c r="T11450" s="5" t="s">
        <v>42</v>
      </c>
      <c r="U11450" s="2">
        <v>0</v>
      </c>
      <c r="V11450" s="2">
        <v>0</v>
      </c>
      <c r="W11450" s="2">
        <v>0</v>
      </c>
      <c r="X11450" s="2">
        <v>0</v>
      </c>
      <c r="Y11450" s="2">
        <v>0</v>
      </c>
      <c r="Z11450" s="2">
        <v>0</v>
      </c>
      <c r="AA11450" s="5"/>
      <c r="AB11450" s="5" t="s">
        <v>43</v>
      </c>
      <c r="AC11450" s="5" t="s">
        <v>44</v>
      </c>
      <c r="AD11450" s="2"/>
      <c r="AE11450" s="1"/>
    </row>
    <row r="11451" spans="1:31" ht="14.45">
      <c r="A11451" s="11"/>
      <c r="B11451" s="20"/>
      <c r="C11451" s="2" t="s">
        <v>35190</v>
      </c>
      <c r="D11451" s="14" t="s">
        <v>35191</v>
      </c>
      <c r="E11451" s="2" t="s">
        <v>35192</v>
      </c>
      <c r="F11451" s="2" t="s">
        <v>33734</v>
      </c>
      <c r="G11451" s="8">
        <v>1147</v>
      </c>
      <c r="H11451" s="5">
        <v>15</v>
      </c>
      <c r="I11451" s="5" t="s">
        <v>69</v>
      </c>
      <c r="J11451" s="5" t="s">
        <v>27074</v>
      </c>
      <c r="K11451" s="2" t="s">
        <v>27075</v>
      </c>
      <c r="L11451" s="5" t="s">
        <v>27074</v>
      </c>
      <c r="M11451" s="2" t="s">
        <v>27075</v>
      </c>
      <c r="N11451" s="5" t="s">
        <v>24254</v>
      </c>
      <c r="O11451" s="5" t="s">
        <v>38</v>
      </c>
      <c r="P11451" s="5" t="s">
        <v>39</v>
      </c>
      <c r="Q11451" s="5" t="s">
        <v>40</v>
      </c>
      <c r="R11451" s="5" t="s">
        <v>1487</v>
      </c>
      <c r="S11451" s="5"/>
      <c r="T11451" s="5" t="s">
        <v>42</v>
      </c>
      <c r="U11451" s="2">
        <v>0</v>
      </c>
      <c r="V11451" s="2">
        <v>0</v>
      </c>
      <c r="W11451" s="2">
        <v>0</v>
      </c>
      <c r="X11451" s="2">
        <v>0</v>
      </c>
      <c r="Y11451" s="2">
        <v>0</v>
      </c>
      <c r="Z11451" s="2">
        <v>0</v>
      </c>
      <c r="AA11451" s="5"/>
      <c r="AB11451" s="5" t="s">
        <v>43</v>
      </c>
      <c r="AC11451" s="5" t="s">
        <v>44</v>
      </c>
      <c r="AD11451" s="2"/>
      <c r="AE11451" s="1"/>
    </row>
    <row r="11452" spans="1:31" ht="14.45">
      <c r="A11452" s="11"/>
      <c r="B11452" s="20"/>
      <c r="C11452" s="2" t="s">
        <v>35193</v>
      </c>
      <c r="D11452" s="14" t="s">
        <v>35194</v>
      </c>
      <c r="E11452" s="2" t="s">
        <v>35195</v>
      </c>
      <c r="F11452" s="2" t="s">
        <v>33621</v>
      </c>
      <c r="G11452" s="8">
        <v>268</v>
      </c>
      <c r="H11452" s="5">
        <v>10</v>
      </c>
      <c r="I11452" s="5" t="s">
        <v>69</v>
      </c>
      <c r="J11452" s="5" t="s">
        <v>27074</v>
      </c>
      <c r="K11452" s="2" t="s">
        <v>27075</v>
      </c>
      <c r="L11452" s="5" t="s">
        <v>27074</v>
      </c>
      <c r="M11452" s="2" t="s">
        <v>27075</v>
      </c>
      <c r="N11452" s="5" t="s">
        <v>24254</v>
      </c>
      <c r="O11452" s="5" t="s">
        <v>38</v>
      </c>
      <c r="P11452" s="5" t="s">
        <v>39</v>
      </c>
      <c r="Q11452" s="5" t="s">
        <v>40</v>
      </c>
      <c r="R11452" s="5" t="s">
        <v>24335</v>
      </c>
      <c r="S11452" s="5" t="s">
        <v>40</v>
      </c>
      <c r="T11452" s="5" t="s">
        <v>42</v>
      </c>
      <c r="U11452" s="2">
        <v>14.565</v>
      </c>
      <c r="V11452" s="2">
        <v>11.814</v>
      </c>
      <c r="W11452" s="2">
        <v>0.23100000000000001</v>
      </c>
      <c r="X11452" s="2">
        <v>12</v>
      </c>
      <c r="Y11452" s="2">
        <v>62</v>
      </c>
      <c r="Z11452" s="2">
        <v>199.7</v>
      </c>
      <c r="AA11452" s="5">
        <v>8</v>
      </c>
      <c r="AB11452" s="5" t="s">
        <v>43</v>
      </c>
      <c r="AC11452" s="5" t="s">
        <v>44</v>
      </c>
      <c r="AD11452" s="2" t="s">
        <v>33622</v>
      </c>
      <c r="AE11452" s="1"/>
    </row>
    <row r="11453" spans="1:31" ht="14.45">
      <c r="A11453" s="11"/>
      <c r="B11453" s="20"/>
      <c r="C11453" s="2" t="s">
        <v>35196</v>
      </c>
      <c r="D11453" s="14" t="s">
        <v>35197</v>
      </c>
      <c r="E11453" s="2" t="s">
        <v>35198</v>
      </c>
      <c r="F11453" s="2" t="s">
        <v>33626</v>
      </c>
      <c r="G11453" s="8">
        <v>268</v>
      </c>
      <c r="H11453" s="5">
        <v>5</v>
      </c>
      <c r="I11453" s="5" t="s">
        <v>69</v>
      </c>
      <c r="J11453" s="5" t="s">
        <v>27074</v>
      </c>
      <c r="K11453" s="2" t="s">
        <v>27075</v>
      </c>
      <c r="L11453" s="5" t="s">
        <v>27074</v>
      </c>
      <c r="M11453" s="2" t="s">
        <v>27075</v>
      </c>
      <c r="N11453" s="5" t="s">
        <v>24254</v>
      </c>
      <c r="O11453" s="5" t="s">
        <v>38</v>
      </c>
      <c r="P11453" s="5" t="s">
        <v>39</v>
      </c>
      <c r="Q11453" s="5" t="s">
        <v>40</v>
      </c>
      <c r="R11453" s="5" t="s">
        <v>24335</v>
      </c>
      <c r="S11453" s="5" t="s">
        <v>40</v>
      </c>
      <c r="T11453" s="5" t="s">
        <v>42</v>
      </c>
      <c r="U11453" s="2">
        <v>12.464</v>
      </c>
      <c r="V11453" s="2">
        <v>9.74</v>
      </c>
      <c r="W11453" s="2">
        <v>0.14899999999999999</v>
      </c>
      <c r="X11453" s="2">
        <v>12</v>
      </c>
      <c r="Y11453" s="2">
        <v>62</v>
      </c>
      <c r="Z11453" s="2">
        <v>199.7</v>
      </c>
      <c r="AA11453" s="5">
        <v>8</v>
      </c>
      <c r="AB11453" s="5" t="s">
        <v>43</v>
      </c>
      <c r="AC11453" s="5" t="s">
        <v>44</v>
      </c>
      <c r="AD11453" s="2" t="s">
        <v>33622</v>
      </c>
      <c r="AE11453" s="1"/>
    </row>
    <row r="11454" spans="1:31" ht="14.45">
      <c r="A11454" s="11"/>
      <c r="B11454" s="20"/>
      <c r="C11454" s="2" t="s">
        <v>35199</v>
      </c>
      <c r="D11454" s="14" t="s">
        <v>35200</v>
      </c>
      <c r="E11454" s="2" t="s">
        <v>35201</v>
      </c>
      <c r="F11454" s="2" t="s">
        <v>33630</v>
      </c>
      <c r="G11454" s="8">
        <v>268</v>
      </c>
      <c r="H11454" s="5">
        <v>10</v>
      </c>
      <c r="I11454" s="5" t="s">
        <v>69</v>
      </c>
      <c r="J11454" s="5" t="s">
        <v>27074</v>
      </c>
      <c r="K11454" s="2" t="s">
        <v>27075</v>
      </c>
      <c r="L11454" s="5" t="s">
        <v>27074</v>
      </c>
      <c r="M11454" s="2" t="s">
        <v>27075</v>
      </c>
      <c r="N11454" s="5" t="s">
        <v>24254</v>
      </c>
      <c r="O11454" s="5" t="s">
        <v>38</v>
      </c>
      <c r="P11454" s="5" t="s">
        <v>39</v>
      </c>
      <c r="Q11454" s="5" t="s">
        <v>40</v>
      </c>
      <c r="R11454" s="5" t="s">
        <v>24335</v>
      </c>
      <c r="S11454" s="5" t="s">
        <v>40</v>
      </c>
      <c r="T11454" s="5" t="s">
        <v>42</v>
      </c>
      <c r="U11454" s="2">
        <v>11.271000000000001</v>
      </c>
      <c r="V11454" s="2">
        <v>8.5540000000000003</v>
      </c>
      <c r="W11454" s="2">
        <v>0.14899999999999999</v>
      </c>
      <c r="X11454" s="2">
        <v>12</v>
      </c>
      <c r="Y11454" s="2">
        <v>62</v>
      </c>
      <c r="Z11454" s="2">
        <v>199.7</v>
      </c>
      <c r="AA11454" s="5">
        <v>8</v>
      </c>
      <c r="AB11454" s="5" t="s">
        <v>43</v>
      </c>
      <c r="AC11454" s="5" t="s">
        <v>44</v>
      </c>
      <c r="AD11454" s="2" t="s">
        <v>33622</v>
      </c>
      <c r="AE11454" s="1"/>
    </row>
    <row r="11455" spans="1:31" ht="14.45">
      <c r="A11455" s="11"/>
      <c r="B11455" s="20"/>
      <c r="C11455" s="2" t="s">
        <v>35202</v>
      </c>
      <c r="D11455" s="14" t="s">
        <v>35203</v>
      </c>
      <c r="E11455" s="2" t="s">
        <v>35204</v>
      </c>
      <c r="F11455" s="2" t="s">
        <v>33634</v>
      </c>
      <c r="G11455" s="8">
        <v>268</v>
      </c>
      <c r="H11455" s="5">
        <v>5</v>
      </c>
      <c r="I11455" s="5" t="s">
        <v>69</v>
      </c>
      <c r="J11455" s="5" t="s">
        <v>27074</v>
      </c>
      <c r="K11455" s="2" t="s">
        <v>27075</v>
      </c>
      <c r="L11455" s="5" t="s">
        <v>27074</v>
      </c>
      <c r="M11455" s="2" t="s">
        <v>27075</v>
      </c>
      <c r="N11455" s="5" t="s">
        <v>24254</v>
      </c>
      <c r="O11455" s="5" t="s">
        <v>38</v>
      </c>
      <c r="P11455" s="5" t="s">
        <v>39</v>
      </c>
      <c r="Q11455" s="5" t="s">
        <v>40</v>
      </c>
      <c r="R11455" s="5" t="s">
        <v>24335</v>
      </c>
      <c r="S11455" s="5" t="s">
        <v>40</v>
      </c>
      <c r="T11455" s="5" t="s">
        <v>42</v>
      </c>
      <c r="U11455" s="2">
        <v>9.0310000000000006</v>
      </c>
      <c r="V11455" s="2">
        <v>6.3579999999999997</v>
      </c>
      <c r="W11455" s="2">
        <v>0.14899999999999999</v>
      </c>
      <c r="X11455" s="2">
        <v>12</v>
      </c>
      <c r="Y11455" s="2">
        <v>62</v>
      </c>
      <c r="Z11455" s="2">
        <v>199.7</v>
      </c>
      <c r="AA11455" s="5">
        <v>10</v>
      </c>
      <c r="AB11455" s="5" t="s">
        <v>43</v>
      </c>
      <c r="AC11455" s="5" t="s">
        <v>44</v>
      </c>
      <c r="AD11455" s="2" t="s">
        <v>33635</v>
      </c>
      <c r="AE11455" s="1"/>
    </row>
    <row r="11456" spans="1:31" ht="14.45">
      <c r="A11456" s="11"/>
      <c r="B11456" s="20"/>
      <c r="C11456" s="2" t="s">
        <v>35205</v>
      </c>
      <c r="D11456" s="14" t="s">
        <v>35206</v>
      </c>
      <c r="E11456" s="2" t="s">
        <v>35207</v>
      </c>
      <c r="F11456" s="2" t="s">
        <v>33634</v>
      </c>
      <c r="G11456" s="8">
        <v>268</v>
      </c>
      <c r="H11456" s="5">
        <v>5</v>
      </c>
      <c r="I11456" s="5" t="s">
        <v>69</v>
      </c>
      <c r="J11456" s="5" t="s">
        <v>27074</v>
      </c>
      <c r="K11456" s="2" t="s">
        <v>27075</v>
      </c>
      <c r="L11456" s="5" t="s">
        <v>27074</v>
      </c>
      <c r="M11456" s="2" t="s">
        <v>27075</v>
      </c>
      <c r="N11456" s="5" t="s">
        <v>24254</v>
      </c>
      <c r="O11456" s="5" t="s">
        <v>38</v>
      </c>
      <c r="P11456" s="5" t="s">
        <v>39</v>
      </c>
      <c r="Q11456" s="5" t="s">
        <v>40</v>
      </c>
      <c r="R11456" s="5" t="s">
        <v>24335</v>
      </c>
      <c r="S11456" s="5" t="s">
        <v>40</v>
      </c>
      <c r="T11456" s="5" t="s">
        <v>42</v>
      </c>
      <c r="U11456" s="2">
        <v>9.5459999999999994</v>
      </c>
      <c r="V11456" s="2">
        <v>6.827</v>
      </c>
      <c r="W11456" s="2">
        <v>0.14899999999999999</v>
      </c>
      <c r="X11456" s="2">
        <v>12</v>
      </c>
      <c r="Y11456" s="2">
        <v>62</v>
      </c>
      <c r="Z11456" s="2">
        <v>199.7</v>
      </c>
      <c r="AA11456" s="5">
        <v>10</v>
      </c>
      <c r="AB11456" s="5" t="s">
        <v>43</v>
      </c>
      <c r="AC11456" s="5" t="s">
        <v>44</v>
      </c>
      <c r="AD11456" s="2" t="s">
        <v>33639</v>
      </c>
      <c r="AE11456" s="1"/>
    </row>
    <row r="11457" spans="1:31" ht="14.45">
      <c r="A11457" s="11"/>
      <c r="B11457" s="20"/>
      <c r="C11457" s="2" t="s">
        <v>35208</v>
      </c>
      <c r="D11457" s="14" t="s">
        <v>35209</v>
      </c>
      <c r="E11457" s="2" t="s">
        <v>35210</v>
      </c>
      <c r="F11457" s="2" t="s">
        <v>33643</v>
      </c>
      <c r="G11457" s="8">
        <v>268</v>
      </c>
      <c r="H11457" s="5">
        <v>5</v>
      </c>
      <c r="I11457" s="5" t="s">
        <v>69</v>
      </c>
      <c r="J11457" s="5" t="s">
        <v>27074</v>
      </c>
      <c r="K11457" s="2" t="s">
        <v>27075</v>
      </c>
      <c r="L11457" s="5" t="s">
        <v>27074</v>
      </c>
      <c r="M11457" s="2" t="s">
        <v>27075</v>
      </c>
      <c r="N11457" s="5" t="s">
        <v>24254</v>
      </c>
      <c r="O11457" s="5" t="s">
        <v>38</v>
      </c>
      <c r="P11457" s="5" t="s">
        <v>39</v>
      </c>
      <c r="Q11457" s="5" t="s">
        <v>40</v>
      </c>
      <c r="R11457" s="5" t="s">
        <v>24335</v>
      </c>
      <c r="S11457" s="5" t="s">
        <v>40</v>
      </c>
      <c r="T11457" s="5" t="s">
        <v>42</v>
      </c>
      <c r="U11457" s="2">
        <v>7.7069999999999999</v>
      </c>
      <c r="V11457" s="2">
        <v>5.08</v>
      </c>
      <c r="W11457" s="2">
        <v>0.14899999999999999</v>
      </c>
      <c r="X11457" s="2">
        <v>12</v>
      </c>
      <c r="Y11457" s="2">
        <v>62</v>
      </c>
      <c r="Z11457" s="2">
        <v>199.7</v>
      </c>
      <c r="AA11457" s="5">
        <v>10</v>
      </c>
      <c r="AB11457" s="5" t="s">
        <v>43</v>
      </c>
      <c r="AC11457" s="5" t="s">
        <v>44</v>
      </c>
      <c r="AD11457" s="2" t="s">
        <v>33644</v>
      </c>
      <c r="AE11457" s="1"/>
    </row>
    <row r="11458" spans="1:31" ht="14.45">
      <c r="A11458" s="11"/>
      <c r="B11458" s="20"/>
      <c r="C11458" s="2" t="s">
        <v>35211</v>
      </c>
      <c r="D11458" s="14" t="s">
        <v>35212</v>
      </c>
      <c r="E11458" s="2" t="s">
        <v>35213</v>
      </c>
      <c r="F11458" s="2" t="s">
        <v>33643</v>
      </c>
      <c r="G11458" s="8">
        <v>268</v>
      </c>
      <c r="H11458" s="5">
        <v>5</v>
      </c>
      <c r="I11458" s="5" t="s">
        <v>69</v>
      </c>
      <c r="J11458" s="5" t="s">
        <v>27074</v>
      </c>
      <c r="K11458" s="2" t="s">
        <v>27075</v>
      </c>
      <c r="L11458" s="5" t="s">
        <v>27074</v>
      </c>
      <c r="M11458" s="2" t="s">
        <v>27075</v>
      </c>
      <c r="N11458" s="5" t="s">
        <v>24254</v>
      </c>
      <c r="O11458" s="5" t="s">
        <v>38</v>
      </c>
      <c r="P11458" s="5" t="s">
        <v>39</v>
      </c>
      <c r="Q11458" s="5" t="s">
        <v>40</v>
      </c>
      <c r="R11458" s="5" t="s">
        <v>24335</v>
      </c>
      <c r="S11458" s="5" t="s">
        <v>40</v>
      </c>
      <c r="T11458" s="5" t="s">
        <v>42</v>
      </c>
      <c r="U11458" s="2">
        <v>8.3680000000000003</v>
      </c>
      <c r="V11458" s="2">
        <v>5.649</v>
      </c>
      <c r="W11458" s="2">
        <v>0.14899999999999999</v>
      </c>
      <c r="X11458" s="2">
        <v>12</v>
      </c>
      <c r="Y11458" s="2">
        <v>62</v>
      </c>
      <c r="Z11458" s="2">
        <v>199.7</v>
      </c>
      <c r="AA11458" s="5">
        <v>10</v>
      </c>
      <c r="AB11458" s="5" t="s">
        <v>43</v>
      </c>
      <c r="AC11458" s="5" t="s">
        <v>44</v>
      </c>
      <c r="AD11458" s="2" t="s">
        <v>33648</v>
      </c>
      <c r="AE11458" s="1"/>
    </row>
    <row r="11459" spans="1:31" ht="14.45">
      <c r="A11459" s="11"/>
      <c r="B11459" s="20"/>
      <c r="C11459" s="2" t="s">
        <v>35214</v>
      </c>
      <c r="D11459" s="14" t="s">
        <v>35215</v>
      </c>
      <c r="E11459" s="2" t="s">
        <v>35216</v>
      </c>
      <c r="F11459" s="2" t="s">
        <v>33652</v>
      </c>
      <c r="G11459" s="8">
        <v>268</v>
      </c>
      <c r="H11459" s="5">
        <v>5</v>
      </c>
      <c r="I11459" s="5" t="s">
        <v>69</v>
      </c>
      <c r="J11459" s="5" t="s">
        <v>27074</v>
      </c>
      <c r="K11459" s="2" t="s">
        <v>27075</v>
      </c>
      <c r="L11459" s="5" t="s">
        <v>27074</v>
      </c>
      <c r="M11459" s="2" t="s">
        <v>27075</v>
      </c>
      <c r="N11459" s="5" t="s">
        <v>24254</v>
      </c>
      <c r="O11459" s="5" t="s">
        <v>38</v>
      </c>
      <c r="P11459" s="5" t="s">
        <v>39</v>
      </c>
      <c r="Q11459" s="5" t="s">
        <v>40</v>
      </c>
      <c r="R11459" s="5" t="s">
        <v>24335</v>
      </c>
      <c r="S11459" s="5" t="s">
        <v>40</v>
      </c>
      <c r="T11459" s="5" t="s">
        <v>42</v>
      </c>
      <c r="U11459" s="2">
        <v>8.4659999999999993</v>
      </c>
      <c r="V11459" s="2">
        <v>5.6580000000000004</v>
      </c>
      <c r="W11459" s="2">
        <v>0.14899999999999999</v>
      </c>
      <c r="X11459" s="2">
        <v>12</v>
      </c>
      <c r="Y11459" s="2">
        <v>62</v>
      </c>
      <c r="Z11459" s="2">
        <v>199.7</v>
      </c>
      <c r="AA11459" s="5">
        <v>10</v>
      </c>
      <c r="AB11459" s="5" t="s">
        <v>43</v>
      </c>
      <c r="AC11459" s="5" t="s">
        <v>44</v>
      </c>
      <c r="AD11459" s="2" t="s">
        <v>33644</v>
      </c>
      <c r="AE11459" s="1"/>
    </row>
    <row r="11460" spans="1:31" ht="14.45">
      <c r="A11460" s="11"/>
      <c r="B11460" s="20"/>
      <c r="C11460" s="2" t="s">
        <v>35217</v>
      </c>
      <c r="D11460" s="14" t="s">
        <v>35218</v>
      </c>
      <c r="E11460" s="2" t="s">
        <v>35219</v>
      </c>
      <c r="F11460" s="2" t="s">
        <v>33652</v>
      </c>
      <c r="G11460" s="8">
        <v>268</v>
      </c>
      <c r="H11460" s="5">
        <v>5</v>
      </c>
      <c r="I11460" s="5" t="s">
        <v>69</v>
      </c>
      <c r="J11460" s="5" t="s">
        <v>27074</v>
      </c>
      <c r="K11460" s="2" t="s">
        <v>27075</v>
      </c>
      <c r="L11460" s="5" t="s">
        <v>27074</v>
      </c>
      <c r="M11460" s="2" t="s">
        <v>27075</v>
      </c>
      <c r="N11460" s="5" t="s">
        <v>24254</v>
      </c>
      <c r="O11460" s="5" t="s">
        <v>38</v>
      </c>
      <c r="P11460" s="5" t="s">
        <v>39</v>
      </c>
      <c r="Q11460" s="5" t="s">
        <v>40</v>
      </c>
      <c r="R11460" s="5" t="s">
        <v>24335</v>
      </c>
      <c r="S11460" s="5" t="s">
        <v>40</v>
      </c>
      <c r="T11460" s="5" t="s">
        <v>42</v>
      </c>
      <c r="U11460" s="2">
        <v>9.0129999999999999</v>
      </c>
      <c r="V11460" s="2">
        <v>6.1589999999999998</v>
      </c>
      <c r="W11460" s="2">
        <v>0.14899999999999999</v>
      </c>
      <c r="X11460" s="2">
        <v>12</v>
      </c>
      <c r="Y11460" s="2">
        <v>62</v>
      </c>
      <c r="Z11460" s="2">
        <v>199.7</v>
      </c>
      <c r="AA11460" s="5">
        <v>10</v>
      </c>
      <c r="AB11460" s="5" t="s">
        <v>43</v>
      </c>
      <c r="AC11460" s="5" t="s">
        <v>44</v>
      </c>
      <c r="AD11460" s="2" t="s">
        <v>33648</v>
      </c>
      <c r="AE11460" s="1"/>
    </row>
    <row r="11461" spans="1:31" ht="14.45">
      <c r="A11461" s="11"/>
      <c r="B11461" s="20"/>
      <c r="C11461" s="2" t="s">
        <v>35220</v>
      </c>
      <c r="D11461" s="14" t="s">
        <v>35221</v>
      </c>
      <c r="E11461" s="2" t="s">
        <v>35222</v>
      </c>
      <c r="F11461" s="2" t="s">
        <v>33659</v>
      </c>
      <c r="G11461" s="8">
        <v>486</v>
      </c>
      <c r="H11461" s="5">
        <v>5</v>
      </c>
      <c r="I11461" s="5" t="s">
        <v>69</v>
      </c>
      <c r="J11461" s="5" t="s">
        <v>27074</v>
      </c>
      <c r="K11461" s="2" t="s">
        <v>27075</v>
      </c>
      <c r="L11461" s="5" t="s">
        <v>27074</v>
      </c>
      <c r="M11461" s="2" t="s">
        <v>27075</v>
      </c>
      <c r="N11461" s="5" t="s">
        <v>24254</v>
      </c>
      <c r="O11461" s="5" t="s">
        <v>38</v>
      </c>
      <c r="P11461" s="5" t="s">
        <v>39</v>
      </c>
      <c r="Q11461" s="5" t="s">
        <v>40</v>
      </c>
      <c r="R11461" s="5" t="s">
        <v>24335</v>
      </c>
      <c r="S11461" s="5" t="s">
        <v>40</v>
      </c>
      <c r="T11461" s="5" t="s">
        <v>42</v>
      </c>
      <c r="U11461" s="2">
        <v>23.228000000000002</v>
      </c>
      <c r="V11461" s="2">
        <v>20.460999999999999</v>
      </c>
      <c r="W11461" s="2">
        <v>0.24399999999999999</v>
      </c>
      <c r="X11461" s="2">
        <v>15</v>
      </c>
      <c r="Y11461" s="2">
        <v>77</v>
      </c>
      <c r="Z11461" s="2">
        <v>210.9</v>
      </c>
      <c r="AA11461" s="5">
        <v>8</v>
      </c>
      <c r="AB11461" s="5" t="s">
        <v>43</v>
      </c>
      <c r="AC11461" s="5" t="s">
        <v>44</v>
      </c>
      <c r="AD11461" s="2" t="s">
        <v>33660</v>
      </c>
      <c r="AE11461" s="1"/>
    </row>
    <row r="11462" spans="1:31" ht="14.45">
      <c r="A11462" s="11"/>
      <c r="B11462" s="20"/>
      <c r="C11462" s="2" t="s">
        <v>35223</v>
      </c>
      <c r="D11462" s="14" t="s">
        <v>35224</v>
      </c>
      <c r="E11462" s="2" t="s">
        <v>35225</v>
      </c>
      <c r="F11462" s="2" t="s">
        <v>33669</v>
      </c>
      <c r="G11462" s="8">
        <v>419</v>
      </c>
      <c r="H11462" s="5">
        <v>10</v>
      </c>
      <c r="I11462" s="5" t="s">
        <v>69</v>
      </c>
      <c r="J11462" s="5" t="s">
        <v>27074</v>
      </c>
      <c r="K11462" s="2" t="s">
        <v>27075</v>
      </c>
      <c r="L11462" s="5" t="s">
        <v>27074</v>
      </c>
      <c r="M11462" s="2" t="s">
        <v>27075</v>
      </c>
      <c r="N11462" s="5" t="s">
        <v>24254</v>
      </c>
      <c r="O11462" s="5" t="s">
        <v>38</v>
      </c>
      <c r="P11462" s="5" t="s">
        <v>39</v>
      </c>
      <c r="Q11462" s="5" t="s">
        <v>40</v>
      </c>
      <c r="R11462" s="5" t="s">
        <v>24340</v>
      </c>
      <c r="S11462" s="5" t="s">
        <v>40</v>
      </c>
      <c r="T11462" s="5" t="s">
        <v>42</v>
      </c>
      <c r="U11462" s="2">
        <v>18.850999999999999</v>
      </c>
      <c r="V11462" s="2">
        <v>16.100999999999999</v>
      </c>
      <c r="W11462" s="2">
        <v>0.186</v>
      </c>
      <c r="X11462" s="2">
        <v>12</v>
      </c>
      <c r="Y11462" s="2">
        <v>62</v>
      </c>
      <c r="Z11462" s="2">
        <v>199.7</v>
      </c>
      <c r="AA11462" s="5">
        <v>8</v>
      </c>
      <c r="AB11462" s="5" t="s">
        <v>43</v>
      </c>
      <c r="AC11462" s="5" t="s">
        <v>44</v>
      </c>
      <c r="AD11462" s="2" t="s">
        <v>33665</v>
      </c>
      <c r="AE11462" s="1"/>
    </row>
    <row r="11463" spans="1:31" ht="14.45">
      <c r="A11463" s="11"/>
      <c r="B11463" s="20"/>
      <c r="C11463" s="2" t="s">
        <v>35226</v>
      </c>
      <c r="D11463" s="14" t="s">
        <v>35227</v>
      </c>
      <c r="E11463" s="2" t="s">
        <v>35228</v>
      </c>
      <c r="F11463" s="2" t="s">
        <v>33692</v>
      </c>
      <c r="G11463" s="8">
        <v>788</v>
      </c>
      <c r="H11463" s="5">
        <v>10</v>
      </c>
      <c r="I11463" s="5" t="s">
        <v>69</v>
      </c>
      <c r="J11463" s="5" t="s">
        <v>27074</v>
      </c>
      <c r="K11463" s="2" t="s">
        <v>27075</v>
      </c>
      <c r="L11463" s="5" t="s">
        <v>27074</v>
      </c>
      <c r="M11463" s="2" t="s">
        <v>27075</v>
      </c>
      <c r="N11463" s="5" t="s">
        <v>24254</v>
      </c>
      <c r="O11463" s="5" t="s">
        <v>38</v>
      </c>
      <c r="P11463" s="5" t="s">
        <v>39</v>
      </c>
      <c r="Q11463" s="5" t="s">
        <v>40</v>
      </c>
      <c r="R11463" s="5" t="s">
        <v>24340</v>
      </c>
      <c r="S11463" s="5" t="s">
        <v>40</v>
      </c>
      <c r="T11463" s="5" t="s">
        <v>42</v>
      </c>
      <c r="U11463" s="2">
        <v>30.396000000000001</v>
      </c>
      <c r="V11463" s="2">
        <v>27.64</v>
      </c>
      <c r="W11463" s="2">
        <v>0.24399999999999999</v>
      </c>
      <c r="X11463" s="2">
        <v>15</v>
      </c>
      <c r="Y11463" s="2">
        <v>77</v>
      </c>
      <c r="Z11463" s="2">
        <v>210.9</v>
      </c>
      <c r="AA11463" s="5">
        <v>8</v>
      </c>
      <c r="AB11463" s="5" t="s">
        <v>43</v>
      </c>
      <c r="AC11463" s="5" t="s">
        <v>44</v>
      </c>
      <c r="AD11463" s="2" t="s">
        <v>33660</v>
      </c>
      <c r="AE11463" s="1"/>
    </row>
    <row r="11464" spans="1:31" ht="14.45">
      <c r="A11464" s="11"/>
      <c r="B11464" s="20"/>
      <c r="C11464" s="2" t="s">
        <v>35229</v>
      </c>
      <c r="D11464" s="14" t="s">
        <v>35230</v>
      </c>
      <c r="E11464" s="2" t="s">
        <v>35231</v>
      </c>
      <c r="F11464" s="2" t="s">
        <v>33705</v>
      </c>
      <c r="G11464" s="8">
        <v>419</v>
      </c>
      <c r="H11464" s="5">
        <v>10</v>
      </c>
      <c r="I11464" s="5" t="s">
        <v>69</v>
      </c>
      <c r="J11464" s="5" t="s">
        <v>27074</v>
      </c>
      <c r="K11464" s="2" t="s">
        <v>27075</v>
      </c>
      <c r="L11464" s="5" t="s">
        <v>27074</v>
      </c>
      <c r="M11464" s="2" t="s">
        <v>27075</v>
      </c>
      <c r="N11464" s="5" t="s">
        <v>24254</v>
      </c>
      <c r="O11464" s="5" t="s">
        <v>38</v>
      </c>
      <c r="P11464" s="5" t="s">
        <v>39</v>
      </c>
      <c r="Q11464" s="5" t="s">
        <v>40</v>
      </c>
      <c r="R11464" s="5" t="s">
        <v>25301</v>
      </c>
      <c r="S11464" s="5" t="s">
        <v>40</v>
      </c>
      <c r="T11464" s="5" t="s">
        <v>42</v>
      </c>
      <c r="U11464" s="2">
        <v>12.27</v>
      </c>
      <c r="V11464" s="2">
        <v>9.4619999999999997</v>
      </c>
      <c r="W11464" s="2">
        <v>0.14899999999999999</v>
      </c>
      <c r="X11464" s="2">
        <v>12</v>
      </c>
      <c r="Y11464" s="2">
        <v>62</v>
      </c>
      <c r="Z11464" s="2">
        <v>199.7</v>
      </c>
      <c r="AA11464" s="5">
        <v>10</v>
      </c>
      <c r="AB11464" s="5" t="s">
        <v>43</v>
      </c>
      <c r="AC11464" s="5" t="s">
        <v>44</v>
      </c>
      <c r="AD11464" s="2" t="s">
        <v>33706</v>
      </c>
      <c r="AE11464" s="1"/>
    </row>
    <row r="11465" spans="1:31" ht="14.45">
      <c r="A11465" s="11"/>
      <c r="B11465" s="20"/>
      <c r="C11465" s="2" t="s">
        <v>35232</v>
      </c>
      <c r="D11465" s="14" t="s">
        <v>35233</v>
      </c>
      <c r="E11465" s="2" t="s">
        <v>35234</v>
      </c>
      <c r="F11465" s="2" t="s">
        <v>33705</v>
      </c>
      <c r="G11465" s="8">
        <v>419</v>
      </c>
      <c r="H11465" s="5">
        <v>10</v>
      </c>
      <c r="I11465" s="5" t="s">
        <v>69</v>
      </c>
      <c r="J11465" s="5" t="s">
        <v>27074</v>
      </c>
      <c r="K11465" s="2" t="s">
        <v>27075</v>
      </c>
      <c r="L11465" s="5" t="s">
        <v>27074</v>
      </c>
      <c r="M11465" s="2" t="s">
        <v>27075</v>
      </c>
      <c r="N11465" s="5" t="s">
        <v>24254</v>
      </c>
      <c r="O11465" s="5" t="s">
        <v>38</v>
      </c>
      <c r="P11465" s="5" t="s">
        <v>39</v>
      </c>
      <c r="Q11465" s="5" t="s">
        <v>40</v>
      </c>
      <c r="R11465" s="5" t="s">
        <v>25301</v>
      </c>
      <c r="S11465" s="5" t="s">
        <v>40</v>
      </c>
      <c r="T11465" s="5" t="s">
        <v>42</v>
      </c>
      <c r="U11465" s="2">
        <v>13.496</v>
      </c>
      <c r="V11465" s="2">
        <v>10.641999999999999</v>
      </c>
      <c r="W11465" s="2">
        <v>0.14899999999999999</v>
      </c>
      <c r="X11465" s="2">
        <v>12</v>
      </c>
      <c r="Y11465" s="2">
        <v>62</v>
      </c>
      <c r="Z11465" s="2">
        <v>199.7</v>
      </c>
      <c r="AA11465" s="5">
        <v>10</v>
      </c>
      <c r="AB11465" s="5" t="s">
        <v>43</v>
      </c>
      <c r="AC11465" s="5" t="s">
        <v>44</v>
      </c>
      <c r="AD11465" s="2" t="s">
        <v>33814</v>
      </c>
      <c r="AE11465" s="1"/>
    </row>
    <row r="11466" spans="1:31" ht="14.45">
      <c r="A11466" s="11"/>
      <c r="B11466" s="20"/>
      <c r="C11466" s="2" t="s">
        <v>35235</v>
      </c>
      <c r="D11466" s="14" t="s">
        <v>35236</v>
      </c>
      <c r="E11466" s="2" t="s">
        <v>35237</v>
      </c>
      <c r="F11466" s="2" t="s">
        <v>35238</v>
      </c>
      <c r="G11466" s="8">
        <v>214</v>
      </c>
      <c r="H11466" s="5">
        <v>15</v>
      </c>
      <c r="I11466" s="5" t="s">
        <v>69</v>
      </c>
      <c r="J11466" s="5" t="s">
        <v>27074</v>
      </c>
      <c r="K11466" s="2" t="s">
        <v>27075</v>
      </c>
      <c r="L11466" s="5" t="s">
        <v>27074</v>
      </c>
      <c r="M11466" s="2" t="s">
        <v>27075</v>
      </c>
      <c r="N11466" s="5" t="s">
        <v>24254</v>
      </c>
      <c r="O11466" s="5" t="s">
        <v>38</v>
      </c>
      <c r="P11466" s="5" t="s">
        <v>39</v>
      </c>
      <c r="Q11466" s="5" t="s">
        <v>40</v>
      </c>
      <c r="R11466" s="5" t="s">
        <v>24335</v>
      </c>
      <c r="S11466" s="5" t="s">
        <v>40</v>
      </c>
      <c r="T11466" s="5" t="s">
        <v>42</v>
      </c>
      <c r="U11466" s="2">
        <v>7.3</v>
      </c>
      <c r="V11466" s="2">
        <v>6.6219999999999999</v>
      </c>
      <c r="W11466" s="2">
        <v>3.3000000000000002E-2</v>
      </c>
      <c r="X11466" s="2">
        <v>11</v>
      </c>
      <c r="Y11466" s="2">
        <v>27</v>
      </c>
      <c r="Z11466" s="2">
        <v>112.2</v>
      </c>
      <c r="AA11466" s="5">
        <v>10</v>
      </c>
      <c r="AB11466" s="5" t="s">
        <v>43</v>
      </c>
      <c r="AC11466" s="5" t="s">
        <v>44</v>
      </c>
      <c r="AD11466" s="2" t="s">
        <v>35239</v>
      </c>
      <c r="AE11466" s="1"/>
    </row>
    <row r="11467" spans="1:31" ht="14.45">
      <c r="A11467" s="11"/>
      <c r="B11467" s="20"/>
      <c r="C11467" s="2" t="s">
        <v>35240</v>
      </c>
      <c r="D11467" s="14" t="s">
        <v>35241</v>
      </c>
      <c r="E11467" s="2" t="s">
        <v>35242</v>
      </c>
      <c r="F11467" s="2" t="s">
        <v>35243</v>
      </c>
      <c r="G11467" s="8">
        <v>149</v>
      </c>
      <c r="H11467" s="5">
        <v>5</v>
      </c>
      <c r="I11467" s="5" t="s">
        <v>69</v>
      </c>
      <c r="J11467" s="5" t="s">
        <v>27074</v>
      </c>
      <c r="K11467" s="2" t="s">
        <v>27075</v>
      </c>
      <c r="L11467" s="5" t="s">
        <v>27074</v>
      </c>
      <c r="M11467" s="2" t="s">
        <v>27075</v>
      </c>
      <c r="N11467" s="5" t="s">
        <v>24254</v>
      </c>
      <c r="O11467" s="5" t="s">
        <v>38</v>
      </c>
      <c r="P11467" s="5" t="s">
        <v>39</v>
      </c>
      <c r="Q11467" s="5" t="s">
        <v>40</v>
      </c>
      <c r="R11467" s="5" t="s">
        <v>24335</v>
      </c>
      <c r="S11467" s="5" t="s">
        <v>40</v>
      </c>
      <c r="T11467" s="5" t="s">
        <v>42</v>
      </c>
      <c r="U11467" s="2">
        <v>4.3449999999999998</v>
      </c>
      <c r="V11467" s="2">
        <v>2.7669999999999999</v>
      </c>
      <c r="W11467" s="2">
        <v>7.5999999999999998E-2</v>
      </c>
      <c r="X11467" s="2">
        <v>12</v>
      </c>
      <c r="Y11467" s="2">
        <v>50</v>
      </c>
      <c r="Z11467" s="2">
        <v>125.9</v>
      </c>
      <c r="AA11467" s="5">
        <v>10</v>
      </c>
      <c r="AB11467" s="5" t="s">
        <v>43</v>
      </c>
      <c r="AC11467" s="5" t="s">
        <v>44</v>
      </c>
      <c r="AD11467" s="2" t="s">
        <v>35244</v>
      </c>
      <c r="AE11467" s="1"/>
    </row>
    <row r="11468" spans="1:31" ht="14.45">
      <c r="A11468" s="11"/>
      <c r="B11468" s="20"/>
      <c r="C11468" s="2" t="s">
        <v>35245</v>
      </c>
      <c r="D11468" s="14" t="s">
        <v>35246</v>
      </c>
      <c r="E11468" s="2" t="s">
        <v>35247</v>
      </c>
      <c r="F11468" s="2" t="s">
        <v>35243</v>
      </c>
      <c r="G11468" s="8">
        <v>149</v>
      </c>
      <c r="H11468" s="5">
        <v>5</v>
      </c>
      <c r="I11468" s="5" t="s">
        <v>69</v>
      </c>
      <c r="J11468" s="5" t="s">
        <v>27074</v>
      </c>
      <c r="K11468" s="2" t="s">
        <v>27075</v>
      </c>
      <c r="L11468" s="5" t="s">
        <v>27074</v>
      </c>
      <c r="M11468" s="2" t="s">
        <v>27075</v>
      </c>
      <c r="N11468" s="5" t="s">
        <v>24254</v>
      </c>
      <c r="O11468" s="5" t="s">
        <v>38</v>
      </c>
      <c r="P11468" s="5" t="s">
        <v>39</v>
      </c>
      <c r="Q11468" s="5" t="s">
        <v>40</v>
      </c>
      <c r="R11468" s="5" t="s">
        <v>24335</v>
      </c>
      <c r="S11468" s="5" t="s">
        <v>40</v>
      </c>
      <c r="T11468" s="5" t="s">
        <v>42</v>
      </c>
      <c r="U11468" s="2">
        <v>4.6559999999999997</v>
      </c>
      <c r="V11468" s="2">
        <v>3.0779999999999998</v>
      </c>
      <c r="W11468" s="2">
        <v>7.5999999999999998E-2</v>
      </c>
      <c r="X11468" s="2">
        <v>12</v>
      </c>
      <c r="Y11468" s="2">
        <v>50</v>
      </c>
      <c r="Z11468" s="2">
        <v>125.9</v>
      </c>
      <c r="AA11468" s="5">
        <v>10</v>
      </c>
      <c r="AB11468" s="5" t="s">
        <v>43</v>
      </c>
      <c r="AC11468" s="5" t="s">
        <v>44</v>
      </c>
      <c r="AD11468" s="2" t="s">
        <v>35248</v>
      </c>
      <c r="AE11468" s="1"/>
    </row>
    <row r="11469" spans="1:31" ht="14.45">
      <c r="A11469" s="5"/>
      <c r="B11469" s="21"/>
      <c r="C11469" s="2" t="s">
        <v>35249</v>
      </c>
      <c r="D11469" s="14" t="s">
        <v>35250</v>
      </c>
      <c r="E11469" s="2" t="s">
        <v>35251</v>
      </c>
      <c r="F11469" s="2"/>
      <c r="G11469" s="8">
        <v>149</v>
      </c>
      <c r="H11469" s="5">
        <v>25</v>
      </c>
      <c r="I11469" s="5" t="s">
        <v>69</v>
      </c>
      <c r="J11469" s="5" t="s">
        <v>27074</v>
      </c>
      <c r="K11469" s="2" t="s">
        <v>27075</v>
      </c>
      <c r="L11469" s="5" t="s">
        <v>27074</v>
      </c>
      <c r="M11469" s="2" t="s">
        <v>27075</v>
      </c>
      <c r="N11469" s="5" t="s">
        <v>24254</v>
      </c>
      <c r="O11469" s="5" t="s">
        <v>38</v>
      </c>
      <c r="P11469" s="5" t="s">
        <v>39</v>
      </c>
      <c r="Q11469" s="5" t="s">
        <v>40</v>
      </c>
      <c r="R11469" s="5" t="s">
        <v>24335</v>
      </c>
      <c r="S11469" s="5" t="s">
        <v>40</v>
      </c>
      <c r="T11469" s="5" t="s">
        <v>42</v>
      </c>
      <c r="U11469" s="2">
        <v>6.1079999999999997</v>
      </c>
      <c r="V11469" s="2">
        <v>4.5149999999999997</v>
      </c>
      <c r="W11469" s="2">
        <v>0.129</v>
      </c>
      <c r="X11469" s="2">
        <v>12</v>
      </c>
      <c r="Y11469" s="2">
        <v>62</v>
      </c>
      <c r="Z11469" s="2">
        <v>172.9</v>
      </c>
      <c r="AA11469" s="5">
        <v>10</v>
      </c>
      <c r="AB11469" s="5" t="s">
        <v>43</v>
      </c>
      <c r="AC11469" s="5" t="s">
        <v>44</v>
      </c>
      <c r="AD11469" s="2" t="s">
        <v>35252</v>
      </c>
      <c r="AE11469" s="1"/>
    </row>
    <row r="11470" spans="1:31" ht="14.45">
      <c r="A11470" s="11"/>
      <c r="B11470" s="20"/>
      <c r="C11470" s="2" t="s">
        <v>35253</v>
      </c>
      <c r="D11470" s="14" t="s">
        <v>35254</v>
      </c>
      <c r="E11470" s="2" t="s">
        <v>35255</v>
      </c>
      <c r="F11470" s="2" t="s">
        <v>35256</v>
      </c>
      <c r="G11470" s="8">
        <v>300</v>
      </c>
      <c r="H11470" s="5">
        <v>10</v>
      </c>
      <c r="I11470" s="5" t="s">
        <v>69</v>
      </c>
      <c r="J11470" s="5" t="s">
        <v>27074</v>
      </c>
      <c r="K11470" s="2" t="s">
        <v>27075</v>
      </c>
      <c r="L11470" s="5" t="s">
        <v>27074</v>
      </c>
      <c r="M11470" s="2" t="s">
        <v>27075</v>
      </c>
      <c r="N11470" s="5" t="s">
        <v>24254</v>
      </c>
      <c r="O11470" s="5" t="s">
        <v>38</v>
      </c>
      <c r="P11470" s="5" t="s">
        <v>39</v>
      </c>
      <c r="Q11470" s="5" t="s">
        <v>40</v>
      </c>
      <c r="R11470" s="5" t="s">
        <v>24340</v>
      </c>
      <c r="S11470" s="5" t="s">
        <v>40</v>
      </c>
      <c r="T11470" s="5" t="s">
        <v>42</v>
      </c>
      <c r="U11470" s="2">
        <v>6.7679999999999998</v>
      </c>
      <c r="V11470" s="2">
        <v>5.3760000000000003</v>
      </c>
      <c r="W11470" s="2">
        <v>7.5999999999999998E-2</v>
      </c>
      <c r="X11470" s="2">
        <v>12</v>
      </c>
      <c r="Y11470" s="2">
        <v>50</v>
      </c>
      <c r="Z11470" s="2">
        <v>125.9</v>
      </c>
      <c r="AA11470" s="5">
        <v>10</v>
      </c>
      <c r="AB11470" s="5" t="s">
        <v>43</v>
      </c>
      <c r="AC11470" s="5" t="s">
        <v>44</v>
      </c>
      <c r="AD11470" s="2" t="s">
        <v>35257</v>
      </c>
      <c r="AE11470" s="1"/>
    </row>
    <row r="11471" spans="1:31" ht="14.45">
      <c r="A11471" s="11"/>
      <c r="B11471" s="20"/>
      <c r="C11471" s="2" t="s">
        <v>35258</v>
      </c>
      <c r="D11471" s="14" t="s">
        <v>35259</v>
      </c>
      <c r="E11471" s="2" t="s">
        <v>35260</v>
      </c>
      <c r="F11471" s="2" t="s">
        <v>35243</v>
      </c>
      <c r="G11471" s="8">
        <v>159</v>
      </c>
      <c r="H11471" s="5">
        <v>5</v>
      </c>
      <c r="I11471" s="5" t="s">
        <v>69</v>
      </c>
      <c r="J11471" s="5" t="s">
        <v>27074</v>
      </c>
      <c r="K11471" s="2" t="s">
        <v>27075</v>
      </c>
      <c r="L11471" s="5" t="s">
        <v>27074</v>
      </c>
      <c r="M11471" s="2" t="s">
        <v>27075</v>
      </c>
      <c r="N11471" s="5" t="s">
        <v>24254</v>
      </c>
      <c r="O11471" s="5" t="s">
        <v>38</v>
      </c>
      <c r="P11471" s="5" t="s">
        <v>39</v>
      </c>
      <c r="Q11471" s="5" t="s">
        <v>40</v>
      </c>
      <c r="R11471" s="5" t="s">
        <v>24335</v>
      </c>
      <c r="S11471" s="5" t="s">
        <v>40</v>
      </c>
      <c r="T11471" s="5" t="s">
        <v>42</v>
      </c>
      <c r="U11471" s="2">
        <v>4.7069999999999999</v>
      </c>
      <c r="V11471" s="2">
        <v>3.129</v>
      </c>
      <c r="W11471" s="2">
        <v>7.5999999999999998E-2</v>
      </c>
      <c r="X11471" s="2">
        <v>12</v>
      </c>
      <c r="Y11471" s="2">
        <v>50</v>
      </c>
      <c r="Z11471" s="2">
        <v>125.9</v>
      </c>
      <c r="AA11471" s="5">
        <v>10</v>
      </c>
      <c r="AB11471" s="5" t="s">
        <v>43</v>
      </c>
      <c r="AC11471" s="5" t="s">
        <v>44</v>
      </c>
      <c r="AD11471" s="2" t="s">
        <v>35244</v>
      </c>
      <c r="AE11471" s="1"/>
    </row>
    <row r="11472" spans="1:31" ht="14.45">
      <c r="A11472" s="11"/>
      <c r="B11472" s="20"/>
      <c r="C11472" s="2" t="s">
        <v>35261</v>
      </c>
      <c r="D11472" s="14" t="s">
        <v>35262</v>
      </c>
      <c r="E11472" s="2" t="s">
        <v>35263</v>
      </c>
      <c r="F11472" s="2" t="s">
        <v>35243</v>
      </c>
      <c r="G11472" s="8">
        <v>159</v>
      </c>
      <c r="H11472" s="5">
        <v>5</v>
      </c>
      <c r="I11472" s="5" t="s">
        <v>69</v>
      </c>
      <c r="J11472" s="5" t="s">
        <v>27074</v>
      </c>
      <c r="K11472" s="2" t="s">
        <v>27075</v>
      </c>
      <c r="L11472" s="5" t="s">
        <v>27074</v>
      </c>
      <c r="M11472" s="2" t="s">
        <v>27075</v>
      </c>
      <c r="N11472" s="5" t="s">
        <v>24254</v>
      </c>
      <c r="O11472" s="5" t="s">
        <v>38</v>
      </c>
      <c r="P11472" s="5" t="s">
        <v>39</v>
      </c>
      <c r="Q11472" s="5" t="s">
        <v>40</v>
      </c>
      <c r="R11472" s="5" t="s">
        <v>24335</v>
      </c>
      <c r="S11472" s="5" t="s">
        <v>40</v>
      </c>
      <c r="T11472" s="5" t="s">
        <v>42</v>
      </c>
      <c r="U11472" s="2">
        <v>5.0179999999999998</v>
      </c>
      <c r="V11472" s="2">
        <v>3.44</v>
      </c>
      <c r="W11472" s="2">
        <v>7.5999999999999998E-2</v>
      </c>
      <c r="X11472" s="2">
        <v>12</v>
      </c>
      <c r="Y11472" s="2">
        <v>50</v>
      </c>
      <c r="Z11472" s="2">
        <v>125.9</v>
      </c>
      <c r="AA11472" s="5">
        <v>10</v>
      </c>
      <c r="AB11472" s="5" t="s">
        <v>43</v>
      </c>
      <c r="AC11472" s="5" t="s">
        <v>44</v>
      </c>
      <c r="AD11472" s="2" t="s">
        <v>35248</v>
      </c>
      <c r="AE11472" s="1"/>
    </row>
    <row r="11473" spans="1:31" ht="14.45">
      <c r="A11473" s="11"/>
      <c r="B11473" s="20"/>
      <c r="C11473" s="2" t="s">
        <v>35264</v>
      </c>
      <c r="D11473" s="14" t="s">
        <v>35265</v>
      </c>
      <c r="E11473" s="2" t="s">
        <v>35266</v>
      </c>
      <c r="F11473" s="2" t="s">
        <v>35256</v>
      </c>
      <c r="G11473" s="8">
        <v>310</v>
      </c>
      <c r="H11473" s="5">
        <v>10</v>
      </c>
      <c r="I11473" s="5" t="s">
        <v>69</v>
      </c>
      <c r="J11473" s="5" t="s">
        <v>27074</v>
      </c>
      <c r="K11473" s="2" t="s">
        <v>27075</v>
      </c>
      <c r="L11473" s="5" t="s">
        <v>27074</v>
      </c>
      <c r="M11473" s="2" t="s">
        <v>27075</v>
      </c>
      <c r="N11473" s="5" t="s">
        <v>24254</v>
      </c>
      <c r="O11473" s="5" t="s">
        <v>38</v>
      </c>
      <c r="P11473" s="5" t="s">
        <v>39</v>
      </c>
      <c r="Q11473" s="5" t="s">
        <v>40</v>
      </c>
      <c r="R11473" s="5" t="s">
        <v>24340</v>
      </c>
      <c r="S11473" s="5" t="s">
        <v>40</v>
      </c>
      <c r="T11473" s="5" t="s">
        <v>42</v>
      </c>
      <c r="U11473" s="2">
        <v>7.5460000000000003</v>
      </c>
      <c r="V11473" s="2">
        <v>6.1539999999999999</v>
      </c>
      <c r="W11473" s="2">
        <v>7.5999999999999998E-2</v>
      </c>
      <c r="X11473" s="2">
        <v>12</v>
      </c>
      <c r="Y11473" s="2">
        <v>50</v>
      </c>
      <c r="Z11473" s="2">
        <v>125.9</v>
      </c>
      <c r="AA11473" s="5">
        <v>10</v>
      </c>
      <c r="AB11473" s="5" t="s">
        <v>43</v>
      </c>
      <c r="AC11473" s="5" t="s">
        <v>44</v>
      </c>
      <c r="AD11473" s="2" t="s">
        <v>35257</v>
      </c>
      <c r="AE11473" s="1"/>
    </row>
    <row r="11474" spans="1:31" ht="14.45">
      <c r="A11474" s="11"/>
      <c r="B11474" s="20"/>
      <c r="C11474" s="2" t="s">
        <v>35267</v>
      </c>
      <c r="D11474" s="14" t="s">
        <v>35268</v>
      </c>
      <c r="E11474" s="2" t="s">
        <v>35269</v>
      </c>
      <c r="F11474" s="2" t="s">
        <v>35243</v>
      </c>
      <c r="G11474" s="8">
        <v>164</v>
      </c>
      <c r="H11474" s="5">
        <v>5</v>
      </c>
      <c r="I11474" s="5" t="s">
        <v>69</v>
      </c>
      <c r="J11474" s="5" t="s">
        <v>27074</v>
      </c>
      <c r="K11474" s="2" t="s">
        <v>27075</v>
      </c>
      <c r="L11474" s="5" t="s">
        <v>27074</v>
      </c>
      <c r="M11474" s="2" t="s">
        <v>27075</v>
      </c>
      <c r="N11474" s="5" t="s">
        <v>24254</v>
      </c>
      <c r="O11474" s="5" t="s">
        <v>38</v>
      </c>
      <c r="P11474" s="5" t="s">
        <v>39</v>
      </c>
      <c r="Q11474" s="5" t="s">
        <v>40</v>
      </c>
      <c r="R11474" s="5" t="s">
        <v>24335</v>
      </c>
      <c r="S11474" s="5" t="s">
        <v>40</v>
      </c>
      <c r="T11474" s="5" t="s">
        <v>42</v>
      </c>
      <c r="U11474" s="2">
        <v>5.0720000000000001</v>
      </c>
      <c r="V11474" s="2">
        <v>3.4940000000000002</v>
      </c>
      <c r="W11474" s="2">
        <v>7.5999999999999998E-2</v>
      </c>
      <c r="X11474" s="2">
        <v>12</v>
      </c>
      <c r="Y11474" s="2">
        <v>50</v>
      </c>
      <c r="Z11474" s="2">
        <v>125.9</v>
      </c>
      <c r="AA11474" s="5">
        <v>10</v>
      </c>
      <c r="AB11474" s="5" t="s">
        <v>43</v>
      </c>
      <c r="AC11474" s="5" t="s">
        <v>44</v>
      </c>
      <c r="AD11474" s="2" t="s">
        <v>35244</v>
      </c>
      <c r="AE11474" s="1"/>
    </row>
    <row r="11475" spans="1:31" ht="14.45">
      <c r="A11475" s="11"/>
      <c r="B11475" s="20"/>
      <c r="C11475" s="2" t="s">
        <v>35270</v>
      </c>
      <c r="D11475" s="14" t="s">
        <v>35271</v>
      </c>
      <c r="E11475" s="2" t="s">
        <v>35272</v>
      </c>
      <c r="F11475" s="2" t="s">
        <v>35243</v>
      </c>
      <c r="G11475" s="8">
        <v>164</v>
      </c>
      <c r="H11475" s="5">
        <v>5</v>
      </c>
      <c r="I11475" s="5" t="s">
        <v>69</v>
      </c>
      <c r="J11475" s="5" t="s">
        <v>27074</v>
      </c>
      <c r="K11475" s="2" t="s">
        <v>27075</v>
      </c>
      <c r="L11475" s="5" t="s">
        <v>27074</v>
      </c>
      <c r="M11475" s="2" t="s">
        <v>27075</v>
      </c>
      <c r="N11475" s="5" t="s">
        <v>24254</v>
      </c>
      <c r="O11475" s="5" t="s">
        <v>38</v>
      </c>
      <c r="P11475" s="5" t="s">
        <v>39</v>
      </c>
      <c r="Q11475" s="5" t="s">
        <v>40</v>
      </c>
      <c r="R11475" s="5" t="s">
        <v>24335</v>
      </c>
      <c r="S11475" s="5" t="s">
        <v>40</v>
      </c>
      <c r="T11475" s="5" t="s">
        <v>42</v>
      </c>
      <c r="U11475" s="2">
        <v>5.383</v>
      </c>
      <c r="V11475" s="2">
        <v>3.8050000000000002</v>
      </c>
      <c r="W11475" s="2">
        <v>7.5999999999999998E-2</v>
      </c>
      <c r="X11475" s="2">
        <v>12</v>
      </c>
      <c r="Y11475" s="2">
        <v>50</v>
      </c>
      <c r="Z11475" s="2">
        <v>125.9</v>
      </c>
      <c r="AA11475" s="5">
        <v>10</v>
      </c>
      <c r="AB11475" s="5" t="s">
        <v>43</v>
      </c>
      <c r="AC11475" s="5" t="s">
        <v>44</v>
      </c>
      <c r="AD11475" s="2" t="s">
        <v>35248</v>
      </c>
      <c r="AE11475" s="1"/>
    </row>
    <row r="11476" spans="1:31" ht="14.45">
      <c r="A11476" s="11"/>
      <c r="B11476" s="20"/>
      <c r="C11476" s="2" t="s">
        <v>35273</v>
      </c>
      <c r="D11476" s="14" t="s">
        <v>35274</v>
      </c>
      <c r="E11476" s="2" t="s">
        <v>35275</v>
      </c>
      <c r="F11476" s="2" t="s">
        <v>35238</v>
      </c>
      <c r="G11476" s="8">
        <v>224</v>
      </c>
      <c r="H11476" s="5">
        <v>15</v>
      </c>
      <c r="I11476" s="5" t="s">
        <v>69</v>
      </c>
      <c r="J11476" s="5" t="s">
        <v>27074</v>
      </c>
      <c r="K11476" s="2" t="s">
        <v>27075</v>
      </c>
      <c r="L11476" s="5" t="s">
        <v>27074</v>
      </c>
      <c r="M11476" s="2" t="s">
        <v>27075</v>
      </c>
      <c r="N11476" s="5" t="s">
        <v>24254</v>
      </c>
      <c r="O11476" s="5" t="s">
        <v>38</v>
      </c>
      <c r="P11476" s="5" t="s">
        <v>39</v>
      </c>
      <c r="Q11476" s="5" t="s">
        <v>40</v>
      </c>
      <c r="R11476" s="5" t="s">
        <v>24335</v>
      </c>
      <c r="S11476" s="5" t="s">
        <v>40</v>
      </c>
      <c r="T11476" s="5" t="s">
        <v>42</v>
      </c>
      <c r="U11476" s="2">
        <v>7.3410000000000002</v>
      </c>
      <c r="V11476" s="2">
        <v>6.6630000000000003</v>
      </c>
      <c r="W11476" s="2">
        <v>3.3000000000000002E-2</v>
      </c>
      <c r="X11476" s="2">
        <v>11</v>
      </c>
      <c r="Y11476" s="2">
        <v>27</v>
      </c>
      <c r="Z11476" s="2">
        <v>112.2</v>
      </c>
      <c r="AA11476" s="5">
        <v>10</v>
      </c>
      <c r="AB11476" s="5" t="s">
        <v>43</v>
      </c>
      <c r="AC11476" s="5" t="s">
        <v>44</v>
      </c>
      <c r="AD11476" s="2" t="s">
        <v>35239</v>
      </c>
      <c r="AE11476" s="1"/>
    </row>
    <row r="11477" spans="1:31" ht="14.45">
      <c r="A11477" s="11"/>
      <c r="B11477" s="20"/>
      <c r="C11477" s="2" t="s">
        <v>35276</v>
      </c>
      <c r="D11477" s="14" t="s">
        <v>35277</v>
      </c>
      <c r="E11477" s="2" t="s">
        <v>35278</v>
      </c>
      <c r="F11477" s="2" t="s">
        <v>35243</v>
      </c>
      <c r="G11477" s="8">
        <v>164</v>
      </c>
      <c r="H11477" s="5">
        <v>5</v>
      </c>
      <c r="I11477" s="5" t="s">
        <v>69</v>
      </c>
      <c r="J11477" s="5" t="s">
        <v>27074</v>
      </c>
      <c r="K11477" s="2" t="s">
        <v>27075</v>
      </c>
      <c r="L11477" s="5" t="s">
        <v>27074</v>
      </c>
      <c r="M11477" s="2" t="s">
        <v>27075</v>
      </c>
      <c r="N11477" s="5" t="s">
        <v>24254</v>
      </c>
      <c r="O11477" s="5" t="s">
        <v>38</v>
      </c>
      <c r="P11477" s="5" t="s">
        <v>39</v>
      </c>
      <c r="Q11477" s="5" t="s">
        <v>40</v>
      </c>
      <c r="R11477" s="5" t="s">
        <v>24335</v>
      </c>
      <c r="S11477" s="5" t="s">
        <v>40</v>
      </c>
      <c r="T11477" s="5" t="s">
        <v>42</v>
      </c>
      <c r="U11477" s="2">
        <v>4.9740000000000002</v>
      </c>
      <c r="V11477" s="2">
        <v>3.2719999999999998</v>
      </c>
      <c r="W11477" s="2">
        <v>9.2999999999999999E-2</v>
      </c>
      <c r="X11477" s="2">
        <v>12</v>
      </c>
      <c r="Y11477" s="2">
        <v>50</v>
      </c>
      <c r="Z11477" s="2">
        <v>154.4</v>
      </c>
      <c r="AA11477" s="5">
        <v>10</v>
      </c>
      <c r="AB11477" s="5" t="s">
        <v>43</v>
      </c>
      <c r="AC11477" s="5" t="s">
        <v>44</v>
      </c>
      <c r="AD11477" s="2" t="s">
        <v>35244</v>
      </c>
      <c r="AE11477" s="1"/>
    </row>
    <row r="11478" spans="1:31" ht="14.45">
      <c r="A11478" s="11"/>
      <c r="B11478" s="20"/>
      <c r="C11478" s="2" t="s">
        <v>35279</v>
      </c>
      <c r="D11478" s="14" t="s">
        <v>35280</v>
      </c>
      <c r="E11478" s="2" t="s">
        <v>35281</v>
      </c>
      <c r="F11478" s="2" t="s">
        <v>35243</v>
      </c>
      <c r="G11478" s="8">
        <v>164</v>
      </c>
      <c r="H11478" s="5">
        <v>5</v>
      </c>
      <c r="I11478" s="5" t="s">
        <v>69</v>
      </c>
      <c r="J11478" s="5" t="s">
        <v>27074</v>
      </c>
      <c r="K11478" s="2" t="s">
        <v>27075</v>
      </c>
      <c r="L11478" s="5" t="s">
        <v>27074</v>
      </c>
      <c r="M11478" s="2" t="s">
        <v>27075</v>
      </c>
      <c r="N11478" s="5" t="s">
        <v>24254</v>
      </c>
      <c r="O11478" s="5" t="s">
        <v>38</v>
      </c>
      <c r="P11478" s="5" t="s">
        <v>39</v>
      </c>
      <c r="Q11478" s="5" t="s">
        <v>40</v>
      </c>
      <c r="R11478" s="5" t="s">
        <v>24335</v>
      </c>
      <c r="S11478" s="5" t="s">
        <v>40</v>
      </c>
      <c r="T11478" s="5" t="s">
        <v>42</v>
      </c>
      <c r="U11478" s="2">
        <v>5.3150000000000004</v>
      </c>
      <c r="V11478" s="2">
        <v>3.613</v>
      </c>
      <c r="W11478" s="2">
        <v>9.2999999999999999E-2</v>
      </c>
      <c r="X11478" s="2">
        <v>12</v>
      </c>
      <c r="Y11478" s="2">
        <v>50</v>
      </c>
      <c r="Z11478" s="2">
        <v>154.4</v>
      </c>
      <c r="AA11478" s="5">
        <v>10</v>
      </c>
      <c r="AB11478" s="5" t="s">
        <v>43</v>
      </c>
      <c r="AC11478" s="5" t="s">
        <v>44</v>
      </c>
      <c r="AD11478" s="2" t="s">
        <v>35248</v>
      </c>
      <c r="AE11478" s="1"/>
    </row>
    <row r="11479" spans="1:31" ht="14.45">
      <c r="A11479" s="11"/>
      <c r="B11479" s="20"/>
      <c r="C11479" s="2" t="s">
        <v>35282</v>
      </c>
      <c r="D11479" s="14" t="s">
        <v>35283</v>
      </c>
      <c r="E11479" s="2" t="s">
        <v>35284</v>
      </c>
      <c r="F11479" s="2" t="s">
        <v>35243</v>
      </c>
      <c r="G11479" s="8">
        <v>179</v>
      </c>
      <c r="H11479" s="5">
        <v>5</v>
      </c>
      <c r="I11479" s="5" t="s">
        <v>69</v>
      </c>
      <c r="J11479" s="5" t="s">
        <v>27074</v>
      </c>
      <c r="K11479" s="2" t="s">
        <v>27075</v>
      </c>
      <c r="L11479" s="5" t="s">
        <v>27074</v>
      </c>
      <c r="M11479" s="2" t="s">
        <v>27075</v>
      </c>
      <c r="N11479" s="5" t="s">
        <v>24254</v>
      </c>
      <c r="O11479" s="5" t="s">
        <v>38</v>
      </c>
      <c r="P11479" s="5" t="s">
        <v>39</v>
      </c>
      <c r="Q11479" s="5" t="s">
        <v>40</v>
      </c>
      <c r="R11479" s="5" t="s">
        <v>24335</v>
      </c>
      <c r="S11479" s="5" t="s">
        <v>40</v>
      </c>
      <c r="T11479" s="5" t="s">
        <v>42</v>
      </c>
      <c r="U11479" s="2">
        <v>5.34</v>
      </c>
      <c r="V11479" s="2">
        <v>3.6379999999999999</v>
      </c>
      <c r="W11479" s="2">
        <v>9.2999999999999999E-2</v>
      </c>
      <c r="X11479" s="2">
        <v>12</v>
      </c>
      <c r="Y11479" s="2">
        <v>50</v>
      </c>
      <c r="Z11479" s="2">
        <v>154.4</v>
      </c>
      <c r="AA11479" s="5">
        <v>10</v>
      </c>
      <c r="AB11479" s="5" t="s">
        <v>43</v>
      </c>
      <c r="AC11479" s="5" t="s">
        <v>44</v>
      </c>
      <c r="AD11479" s="2" t="s">
        <v>35244</v>
      </c>
      <c r="AE11479" s="1"/>
    </row>
    <row r="11480" spans="1:31" ht="14.45">
      <c r="A11480" s="11"/>
      <c r="B11480" s="20"/>
      <c r="C11480" s="2" t="s">
        <v>35285</v>
      </c>
      <c r="D11480" s="14" t="s">
        <v>35286</v>
      </c>
      <c r="E11480" s="2" t="s">
        <v>35287</v>
      </c>
      <c r="F11480" s="2" t="s">
        <v>35243</v>
      </c>
      <c r="G11480" s="8">
        <v>179</v>
      </c>
      <c r="H11480" s="5">
        <v>5</v>
      </c>
      <c r="I11480" s="5" t="s">
        <v>69</v>
      </c>
      <c r="J11480" s="5" t="s">
        <v>27074</v>
      </c>
      <c r="K11480" s="2" t="s">
        <v>27075</v>
      </c>
      <c r="L11480" s="5" t="s">
        <v>27074</v>
      </c>
      <c r="M11480" s="2" t="s">
        <v>27075</v>
      </c>
      <c r="N11480" s="5" t="s">
        <v>24254</v>
      </c>
      <c r="O11480" s="5" t="s">
        <v>38</v>
      </c>
      <c r="P11480" s="5" t="s">
        <v>39</v>
      </c>
      <c r="Q11480" s="5" t="s">
        <v>40</v>
      </c>
      <c r="R11480" s="5" t="s">
        <v>24335</v>
      </c>
      <c r="S11480" s="5" t="s">
        <v>40</v>
      </c>
      <c r="T11480" s="5" t="s">
        <v>42</v>
      </c>
      <c r="U11480" s="2">
        <v>5.681</v>
      </c>
      <c r="V11480" s="2">
        <v>3.9790000000000001</v>
      </c>
      <c r="W11480" s="2">
        <v>9.2999999999999999E-2</v>
      </c>
      <c r="X11480" s="2">
        <v>12</v>
      </c>
      <c r="Y11480" s="2">
        <v>50</v>
      </c>
      <c r="Z11480" s="2">
        <v>154.4</v>
      </c>
      <c r="AA11480" s="5">
        <v>10</v>
      </c>
      <c r="AB11480" s="5" t="s">
        <v>43</v>
      </c>
      <c r="AC11480" s="5" t="s">
        <v>44</v>
      </c>
      <c r="AD11480" s="2" t="s">
        <v>35248</v>
      </c>
      <c r="AE11480" s="1"/>
    </row>
    <row r="11481" spans="1:31" ht="14.45">
      <c r="A11481" s="11"/>
      <c r="B11481" s="20"/>
      <c r="C11481" s="2" t="s">
        <v>35288</v>
      </c>
      <c r="D11481" s="14" t="s">
        <v>35289</v>
      </c>
      <c r="E11481" s="2" t="s">
        <v>35290</v>
      </c>
      <c r="F11481" s="2" t="s">
        <v>35256</v>
      </c>
      <c r="G11481" s="8">
        <v>330</v>
      </c>
      <c r="H11481" s="5">
        <v>10</v>
      </c>
      <c r="I11481" s="5" t="s">
        <v>69</v>
      </c>
      <c r="J11481" s="5" t="s">
        <v>27074</v>
      </c>
      <c r="K11481" s="2" t="s">
        <v>27075</v>
      </c>
      <c r="L11481" s="5" t="s">
        <v>27074</v>
      </c>
      <c r="M11481" s="2" t="s">
        <v>27075</v>
      </c>
      <c r="N11481" s="5" t="s">
        <v>24254</v>
      </c>
      <c r="O11481" s="5" t="s">
        <v>38</v>
      </c>
      <c r="P11481" s="5" t="s">
        <v>39</v>
      </c>
      <c r="Q11481" s="5" t="s">
        <v>40</v>
      </c>
      <c r="R11481" s="5" t="s">
        <v>24340</v>
      </c>
      <c r="S11481" s="5" t="s">
        <v>40</v>
      </c>
      <c r="T11481" s="5" t="s">
        <v>42</v>
      </c>
      <c r="U11481" s="2">
        <v>8.7859999999999996</v>
      </c>
      <c r="V11481" s="2">
        <v>7.1619999999999999</v>
      </c>
      <c r="W11481" s="2">
        <v>9.2999999999999999E-2</v>
      </c>
      <c r="X11481" s="2">
        <v>12</v>
      </c>
      <c r="Y11481" s="2">
        <v>50</v>
      </c>
      <c r="Z11481" s="2">
        <v>154.4</v>
      </c>
      <c r="AA11481" s="5">
        <v>10</v>
      </c>
      <c r="AB11481" s="5" t="s">
        <v>43</v>
      </c>
      <c r="AC11481" s="5" t="s">
        <v>44</v>
      </c>
      <c r="AD11481" s="2" t="s">
        <v>35257</v>
      </c>
      <c r="AE11481" s="1"/>
    </row>
    <row r="11482" spans="1:31" ht="14.45">
      <c r="A11482" s="11"/>
      <c r="B11482" s="20"/>
      <c r="C11482" s="2" t="s">
        <v>35291</v>
      </c>
      <c r="D11482" s="14" t="s">
        <v>35292</v>
      </c>
      <c r="E11482" s="2" t="s">
        <v>35293</v>
      </c>
      <c r="F11482" s="2" t="s">
        <v>35256</v>
      </c>
      <c r="G11482" s="8">
        <v>330</v>
      </c>
      <c r="H11482" s="5">
        <v>10</v>
      </c>
      <c r="I11482" s="5" t="s">
        <v>69</v>
      </c>
      <c r="J11482" s="5" t="s">
        <v>27074</v>
      </c>
      <c r="K11482" s="2" t="s">
        <v>27075</v>
      </c>
      <c r="L11482" s="5" t="s">
        <v>27074</v>
      </c>
      <c r="M11482" s="2" t="s">
        <v>27075</v>
      </c>
      <c r="N11482" s="5" t="s">
        <v>24254</v>
      </c>
      <c r="O11482" s="5" t="s">
        <v>38</v>
      </c>
      <c r="P11482" s="5" t="s">
        <v>39</v>
      </c>
      <c r="Q11482" s="5" t="s">
        <v>40</v>
      </c>
      <c r="R11482" s="5" t="s">
        <v>24340</v>
      </c>
      <c r="S11482" s="5" t="s">
        <v>40</v>
      </c>
      <c r="T11482" s="5" t="s">
        <v>42</v>
      </c>
      <c r="U11482" s="2">
        <v>9.8940000000000001</v>
      </c>
      <c r="V11482" s="2">
        <v>8.27</v>
      </c>
      <c r="W11482" s="2">
        <v>9.2999999999999999E-2</v>
      </c>
      <c r="X11482" s="2">
        <v>12</v>
      </c>
      <c r="Y11482" s="2">
        <v>50</v>
      </c>
      <c r="Z11482" s="2">
        <v>154.4</v>
      </c>
      <c r="AA11482" s="5">
        <v>10</v>
      </c>
      <c r="AB11482" s="5" t="s">
        <v>43</v>
      </c>
      <c r="AC11482" s="5" t="s">
        <v>44</v>
      </c>
      <c r="AD11482" s="2" t="s">
        <v>35294</v>
      </c>
      <c r="AE11482" s="1"/>
    </row>
    <row r="11483" spans="1:31" ht="14.45">
      <c r="A11483" s="11"/>
      <c r="B11483" s="20"/>
      <c r="C11483" s="2" t="s">
        <v>35295</v>
      </c>
      <c r="D11483" s="14" t="s">
        <v>35296</v>
      </c>
      <c r="E11483" s="2" t="s">
        <v>35297</v>
      </c>
      <c r="F11483" s="2" t="s">
        <v>35298</v>
      </c>
      <c r="G11483" s="8">
        <v>330</v>
      </c>
      <c r="H11483" s="5">
        <v>10</v>
      </c>
      <c r="I11483" s="5" t="s">
        <v>69</v>
      </c>
      <c r="J11483" s="5" t="s">
        <v>27074</v>
      </c>
      <c r="K11483" s="2" t="s">
        <v>27075</v>
      </c>
      <c r="L11483" s="5" t="s">
        <v>27074</v>
      </c>
      <c r="M11483" s="2" t="s">
        <v>27075</v>
      </c>
      <c r="N11483" s="5" t="s">
        <v>24254</v>
      </c>
      <c r="O11483" s="5" t="s">
        <v>38</v>
      </c>
      <c r="P11483" s="5" t="s">
        <v>39</v>
      </c>
      <c r="Q11483" s="5" t="s">
        <v>40</v>
      </c>
      <c r="R11483" s="5" t="s">
        <v>25301</v>
      </c>
      <c r="S11483" s="5" t="s">
        <v>40</v>
      </c>
      <c r="T11483" s="5" t="s">
        <v>42</v>
      </c>
      <c r="U11483" s="2">
        <v>7.9260000000000002</v>
      </c>
      <c r="V11483" s="2">
        <v>6.3010000000000002</v>
      </c>
      <c r="W11483" s="2">
        <v>9.2999999999999999E-2</v>
      </c>
      <c r="X11483" s="2">
        <v>12</v>
      </c>
      <c r="Y11483" s="2">
        <v>50</v>
      </c>
      <c r="Z11483" s="2">
        <v>154.4</v>
      </c>
      <c r="AA11483" s="5">
        <v>10</v>
      </c>
      <c r="AB11483" s="5" t="s">
        <v>43</v>
      </c>
      <c r="AC11483" s="5" t="s">
        <v>44</v>
      </c>
      <c r="AD11483" s="2" t="s">
        <v>35299</v>
      </c>
      <c r="AE11483" s="1"/>
    </row>
    <row r="11484" spans="1:31" ht="14.45">
      <c r="A11484" s="11"/>
      <c r="B11484" s="20"/>
      <c r="C11484" s="2" t="s">
        <v>35300</v>
      </c>
      <c r="D11484" s="14" t="s">
        <v>35301</v>
      </c>
      <c r="E11484" s="2" t="s">
        <v>35302</v>
      </c>
      <c r="F11484" s="2" t="s">
        <v>35243</v>
      </c>
      <c r="G11484" s="8">
        <v>185</v>
      </c>
      <c r="H11484" s="5">
        <v>5</v>
      </c>
      <c r="I11484" s="5" t="s">
        <v>69</v>
      </c>
      <c r="J11484" s="5" t="s">
        <v>27074</v>
      </c>
      <c r="K11484" s="2" t="s">
        <v>27075</v>
      </c>
      <c r="L11484" s="5" t="s">
        <v>27074</v>
      </c>
      <c r="M11484" s="2" t="s">
        <v>27075</v>
      </c>
      <c r="N11484" s="5" t="s">
        <v>24254</v>
      </c>
      <c r="O11484" s="5" t="s">
        <v>38</v>
      </c>
      <c r="P11484" s="5" t="s">
        <v>39</v>
      </c>
      <c r="Q11484" s="5" t="s">
        <v>40</v>
      </c>
      <c r="R11484" s="5" t="s">
        <v>24335</v>
      </c>
      <c r="S11484" s="5" t="s">
        <v>40</v>
      </c>
      <c r="T11484" s="5" t="s">
        <v>42</v>
      </c>
      <c r="U11484" s="2">
        <v>5.7380000000000004</v>
      </c>
      <c r="V11484" s="2">
        <v>4.0359999999999996</v>
      </c>
      <c r="W11484" s="2">
        <v>0.104</v>
      </c>
      <c r="X11484" s="2">
        <v>12</v>
      </c>
      <c r="Y11484" s="2">
        <v>50</v>
      </c>
      <c r="Z11484" s="2">
        <v>173.9</v>
      </c>
      <c r="AA11484" s="5">
        <v>10</v>
      </c>
      <c r="AB11484" s="5" t="s">
        <v>43</v>
      </c>
      <c r="AC11484" s="5" t="s">
        <v>44</v>
      </c>
      <c r="AD11484" s="2" t="s">
        <v>35244</v>
      </c>
      <c r="AE11484" s="1"/>
    </row>
    <row r="11485" spans="1:31" ht="14.45">
      <c r="A11485" s="11"/>
      <c r="B11485" s="20"/>
      <c r="C11485" s="2" t="s">
        <v>35303</v>
      </c>
      <c r="D11485" s="14" t="s">
        <v>35304</v>
      </c>
      <c r="E11485" s="2" t="s">
        <v>35305</v>
      </c>
      <c r="F11485" s="2" t="s">
        <v>35243</v>
      </c>
      <c r="G11485" s="8">
        <v>185</v>
      </c>
      <c r="H11485" s="5">
        <v>5</v>
      </c>
      <c r="I11485" s="5" t="s">
        <v>69</v>
      </c>
      <c r="J11485" s="5" t="s">
        <v>27074</v>
      </c>
      <c r="K11485" s="2" t="s">
        <v>27075</v>
      </c>
      <c r="L11485" s="5" t="s">
        <v>27074</v>
      </c>
      <c r="M11485" s="2" t="s">
        <v>27075</v>
      </c>
      <c r="N11485" s="5" t="s">
        <v>24254</v>
      </c>
      <c r="O11485" s="5" t="s">
        <v>38</v>
      </c>
      <c r="P11485" s="5" t="s">
        <v>39</v>
      </c>
      <c r="Q11485" s="5" t="s">
        <v>40</v>
      </c>
      <c r="R11485" s="5" t="s">
        <v>24335</v>
      </c>
      <c r="S11485" s="5" t="s">
        <v>40</v>
      </c>
      <c r="T11485" s="5" t="s">
        <v>42</v>
      </c>
      <c r="U11485" s="2">
        <v>6.0789999999999997</v>
      </c>
      <c r="V11485" s="2">
        <v>4.3769999999999998</v>
      </c>
      <c r="W11485" s="2">
        <v>0.104</v>
      </c>
      <c r="X11485" s="2">
        <v>12</v>
      </c>
      <c r="Y11485" s="2">
        <v>50</v>
      </c>
      <c r="Z11485" s="2">
        <v>173.9</v>
      </c>
      <c r="AA11485" s="5">
        <v>10</v>
      </c>
      <c r="AB11485" s="5" t="s">
        <v>43</v>
      </c>
      <c r="AC11485" s="5" t="s">
        <v>44</v>
      </c>
      <c r="AD11485" s="2" t="s">
        <v>35248</v>
      </c>
      <c r="AE11485" s="1"/>
    </row>
    <row r="11486" spans="1:31" ht="14.45">
      <c r="A11486" s="11"/>
      <c r="B11486" s="20"/>
      <c r="C11486" s="2" t="s">
        <v>35306</v>
      </c>
      <c r="D11486" s="14" t="s">
        <v>35307</v>
      </c>
      <c r="E11486" s="2" t="s">
        <v>35308</v>
      </c>
      <c r="F11486" s="2" t="s">
        <v>35238</v>
      </c>
      <c r="G11486" s="8">
        <v>268</v>
      </c>
      <c r="H11486" s="5">
        <v>5</v>
      </c>
      <c r="I11486" s="5" t="s">
        <v>69</v>
      </c>
      <c r="J11486" s="5" t="s">
        <v>27074</v>
      </c>
      <c r="K11486" s="2" t="s">
        <v>27075</v>
      </c>
      <c r="L11486" s="5" t="s">
        <v>27074</v>
      </c>
      <c r="M11486" s="2" t="s">
        <v>27075</v>
      </c>
      <c r="N11486" s="5" t="s">
        <v>24254</v>
      </c>
      <c r="O11486" s="5" t="s">
        <v>38</v>
      </c>
      <c r="P11486" s="5" t="s">
        <v>39</v>
      </c>
      <c r="Q11486" s="5" t="s">
        <v>40</v>
      </c>
      <c r="R11486" s="5" t="s">
        <v>24335</v>
      </c>
      <c r="S11486" s="5" t="s">
        <v>40</v>
      </c>
      <c r="T11486" s="5" t="s">
        <v>42</v>
      </c>
      <c r="U11486" s="2">
        <v>7.3979999999999997</v>
      </c>
      <c r="V11486" s="2">
        <v>6.72</v>
      </c>
      <c r="W11486" s="2">
        <v>3.3000000000000002E-2</v>
      </c>
      <c r="X11486" s="2">
        <v>11</v>
      </c>
      <c r="Y11486" s="2">
        <v>27</v>
      </c>
      <c r="Z11486" s="2">
        <v>112.2</v>
      </c>
      <c r="AA11486" s="5">
        <v>10</v>
      </c>
      <c r="AB11486" s="5" t="s">
        <v>43</v>
      </c>
      <c r="AC11486" s="5" t="s">
        <v>44</v>
      </c>
      <c r="AD11486" s="2" t="s">
        <v>35239</v>
      </c>
      <c r="AE11486" s="1"/>
    </row>
    <row r="11487" spans="1:31" ht="14.45">
      <c r="A11487" s="11"/>
      <c r="B11487" s="20"/>
      <c r="C11487" s="2" t="s">
        <v>35309</v>
      </c>
      <c r="D11487" s="14" t="s">
        <v>35310</v>
      </c>
      <c r="E11487" s="2" t="s">
        <v>35311</v>
      </c>
      <c r="F11487" s="2" t="s">
        <v>35243</v>
      </c>
      <c r="G11487" s="8">
        <v>175</v>
      </c>
      <c r="H11487" s="5">
        <v>5</v>
      </c>
      <c r="I11487" s="5" t="s">
        <v>69</v>
      </c>
      <c r="J11487" s="5" t="s">
        <v>27074</v>
      </c>
      <c r="K11487" s="2" t="s">
        <v>27075</v>
      </c>
      <c r="L11487" s="5" t="s">
        <v>27074</v>
      </c>
      <c r="M11487" s="2" t="s">
        <v>27075</v>
      </c>
      <c r="N11487" s="5" t="s">
        <v>24254</v>
      </c>
      <c r="O11487" s="5" t="s">
        <v>38</v>
      </c>
      <c r="P11487" s="5" t="s">
        <v>39</v>
      </c>
      <c r="Q11487" s="5" t="s">
        <v>40</v>
      </c>
      <c r="R11487" s="5" t="s">
        <v>24335</v>
      </c>
      <c r="S11487" s="5" t="s">
        <v>40</v>
      </c>
      <c r="T11487" s="5" t="s">
        <v>42</v>
      </c>
      <c r="U11487" s="2">
        <v>5.3449999999999998</v>
      </c>
      <c r="V11487" s="2">
        <v>3.427</v>
      </c>
      <c r="W11487" s="2">
        <v>0.104</v>
      </c>
      <c r="X11487" s="2">
        <v>12</v>
      </c>
      <c r="Y11487" s="2">
        <v>50</v>
      </c>
      <c r="Z11487" s="2">
        <v>173.9</v>
      </c>
      <c r="AA11487" s="5">
        <v>10</v>
      </c>
      <c r="AB11487" s="5" t="s">
        <v>43</v>
      </c>
      <c r="AC11487" s="5" t="s">
        <v>44</v>
      </c>
      <c r="AD11487" s="2" t="s">
        <v>35244</v>
      </c>
      <c r="AE11487" s="1"/>
    </row>
    <row r="11488" spans="1:31" ht="14.45">
      <c r="A11488" s="5"/>
      <c r="B11488" s="21"/>
      <c r="C11488" s="2" t="s">
        <v>35312</v>
      </c>
      <c r="D11488" s="14" t="s">
        <v>35313</v>
      </c>
      <c r="E11488" s="2" t="s">
        <v>35314</v>
      </c>
      <c r="F11488" s="2"/>
      <c r="G11488" s="8">
        <v>175</v>
      </c>
      <c r="H11488" s="5">
        <v>25</v>
      </c>
      <c r="I11488" s="5" t="s">
        <v>69</v>
      </c>
      <c r="J11488" s="5" t="s">
        <v>27074</v>
      </c>
      <c r="K11488" s="2" t="s">
        <v>27075</v>
      </c>
      <c r="L11488" s="5" t="s">
        <v>27074</v>
      </c>
      <c r="M11488" s="2" t="s">
        <v>27075</v>
      </c>
      <c r="N11488" s="5" t="s">
        <v>24254</v>
      </c>
      <c r="O11488" s="5" t="s">
        <v>38</v>
      </c>
      <c r="P11488" s="5" t="s">
        <v>39</v>
      </c>
      <c r="Q11488" s="5" t="s">
        <v>40</v>
      </c>
      <c r="R11488" s="5" t="s">
        <v>24335</v>
      </c>
      <c r="S11488" s="5" t="s">
        <v>40</v>
      </c>
      <c r="T11488" s="5" t="s">
        <v>42</v>
      </c>
      <c r="U11488" s="2">
        <v>6.8140000000000001</v>
      </c>
      <c r="V11488" s="2">
        <v>5.01</v>
      </c>
      <c r="W11488" s="2">
        <v>0.17399999999999999</v>
      </c>
      <c r="X11488" s="2">
        <v>12</v>
      </c>
      <c r="Y11488" s="2">
        <v>62</v>
      </c>
      <c r="Z11488" s="2">
        <v>234.1</v>
      </c>
      <c r="AA11488" s="5">
        <v>10</v>
      </c>
      <c r="AB11488" s="5" t="s">
        <v>43</v>
      </c>
      <c r="AC11488" s="5" t="s">
        <v>44</v>
      </c>
      <c r="AD11488" s="2" t="s">
        <v>35252</v>
      </c>
      <c r="AE11488" s="1"/>
    </row>
    <row r="11489" spans="1:31" ht="14.45">
      <c r="A11489" s="11"/>
      <c r="B11489" s="20"/>
      <c r="C11489" s="2" t="s">
        <v>35315</v>
      </c>
      <c r="D11489" s="14" t="s">
        <v>35316</v>
      </c>
      <c r="E11489" s="2" t="s">
        <v>35317</v>
      </c>
      <c r="F11489" s="2" t="s">
        <v>35243</v>
      </c>
      <c r="G11489" s="8">
        <v>175</v>
      </c>
      <c r="H11489" s="5">
        <v>5</v>
      </c>
      <c r="I11489" s="5" t="s">
        <v>69</v>
      </c>
      <c r="J11489" s="5" t="s">
        <v>27074</v>
      </c>
      <c r="K11489" s="2" t="s">
        <v>27075</v>
      </c>
      <c r="L11489" s="5" t="s">
        <v>27074</v>
      </c>
      <c r="M11489" s="2" t="s">
        <v>27075</v>
      </c>
      <c r="N11489" s="5" t="s">
        <v>24254</v>
      </c>
      <c r="O11489" s="5" t="s">
        <v>38</v>
      </c>
      <c r="P11489" s="5" t="s">
        <v>39</v>
      </c>
      <c r="Q11489" s="5" t="s">
        <v>40</v>
      </c>
      <c r="R11489" s="5" t="s">
        <v>24335</v>
      </c>
      <c r="S11489" s="5" t="s">
        <v>40</v>
      </c>
      <c r="T11489" s="5" t="s">
        <v>42</v>
      </c>
      <c r="U11489" s="2">
        <v>5.72</v>
      </c>
      <c r="V11489" s="2">
        <v>3.802</v>
      </c>
      <c r="W11489" s="2">
        <v>0.104</v>
      </c>
      <c r="X11489" s="2">
        <v>12</v>
      </c>
      <c r="Y11489" s="2">
        <v>50</v>
      </c>
      <c r="Z11489" s="2">
        <v>173.9</v>
      </c>
      <c r="AA11489" s="5">
        <v>10</v>
      </c>
      <c r="AB11489" s="5" t="s">
        <v>43</v>
      </c>
      <c r="AC11489" s="5" t="s">
        <v>44</v>
      </c>
      <c r="AD11489" s="2" t="s">
        <v>35248</v>
      </c>
      <c r="AE11489" s="1"/>
    </row>
    <row r="11490" spans="1:31" ht="14.45">
      <c r="A11490" s="11"/>
      <c r="B11490" s="20"/>
      <c r="C11490" s="2" t="s">
        <v>35318</v>
      </c>
      <c r="D11490" s="14" t="s">
        <v>35319</v>
      </c>
      <c r="E11490" s="2" t="s">
        <v>35320</v>
      </c>
      <c r="F11490" s="2" t="s">
        <v>35256</v>
      </c>
      <c r="G11490" s="8">
        <v>326</v>
      </c>
      <c r="H11490" s="5">
        <v>10</v>
      </c>
      <c r="I11490" s="5" t="s">
        <v>69</v>
      </c>
      <c r="J11490" s="5" t="s">
        <v>27074</v>
      </c>
      <c r="K11490" s="2" t="s">
        <v>27075</v>
      </c>
      <c r="L11490" s="5" t="s">
        <v>27074</v>
      </c>
      <c r="M11490" s="2" t="s">
        <v>27075</v>
      </c>
      <c r="N11490" s="5" t="s">
        <v>24254</v>
      </c>
      <c r="O11490" s="5" t="s">
        <v>38</v>
      </c>
      <c r="P11490" s="5" t="s">
        <v>39</v>
      </c>
      <c r="Q11490" s="5" t="s">
        <v>40</v>
      </c>
      <c r="R11490" s="5" t="s">
        <v>24340</v>
      </c>
      <c r="S11490" s="5" t="s">
        <v>40</v>
      </c>
      <c r="T11490" s="5" t="s">
        <v>42</v>
      </c>
      <c r="U11490" s="2">
        <v>9.8130000000000006</v>
      </c>
      <c r="V11490" s="2">
        <v>7.8490000000000002</v>
      </c>
      <c r="W11490" s="2">
        <v>0.104</v>
      </c>
      <c r="X11490" s="2">
        <v>12</v>
      </c>
      <c r="Y11490" s="2">
        <v>50</v>
      </c>
      <c r="Z11490" s="2">
        <v>173.9</v>
      </c>
      <c r="AA11490" s="5">
        <v>10</v>
      </c>
      <c r="AB11490" s="5" t="s">
        <v>43</v>
      </c>
      <c r="AC11490" s="5" t="s">
        <v>44</v>
      </c>
      <c r="AD11490" s="2" t="s">
        <v>35294</v>
      </c>
      <c r="AE11490" s="1"/>
    </row>
    <row r="11491" spans="1:31" ht="14.45">
      <c r="A11491" s="11"/>
      <c r="B11491" s="20"/>
      <c r="C11491" s="2" t="s">
        <v>35321</v>
      </c>
      <c r="D11491" s="14" t="s">
        <v>35322</v>
      </c>
      <c r="E11491" s="2" t="s">
        <v>35323</v>
      </c>
      <c r="F11491" s="2" t="s">
        <v>35243</v>
      </c>
      <c r="G11491" s="8">
        <v>185</v>
      </c>
      <c r="H11491" s="5">
        <v>5</v>
      </c>
      <c r="I11491" s="5" t="s">
        <v>69</v>
      </c>
      <c r="J11491" s="5" t="s">
        <v>27074</v>
      </c>
      <c r="K11491" s="2" t="s">
        <v>27075</v>
      </c>
      <c r="L11491" s="5" t="s">
        <v>27074</v>
      </c>
      <c r="M11491" s="2" t="s">
        <v>27075</v>
      </c>
      <c r="N11491" s="5" t="s">
        <v>24254</v>
      </c>
      <c r="O11491" s="5" t="s">
        <v>38</v>
      </c>
      <c r="P11491" s="5" t="s">
        <v>39</v>
      </c>
      <c r="Q11491" s="5" t="s">
        <v>40</v>
      </c>
      <c r="R11491" s="5" t="s">
        <v>24335</v>
      </c>
      <c r="S11491" s="5" t="s">
        <v>40</v>
      </c>
      <c r="T11491" s="5" t="s">
        <v>42</v>
      </c>
      <c r="U11491" s="2">
        <v>5.7110000000000003</v>
      </c>
      <c r="V11491" s="2">
        <v>3.7930000000000001</v>
      </c>
      <c r="W11491" s="2">
        <v>0.104</v>
      </c>
      <c r="X11491" s="2">
        <v>12</v>
      </c>
      <c r="Y11491" s="2">
        <v>50</v>
      </c>
      <c r="Z11491" s="2">
        <v>173.9</v>
      </c>
      <c r="AA11491" s="5">
        <v>10</v>
      </c>
      <c r="AB11491" s="5" t="s">
        <v>43</v>
      </c>
      <c r="AC11491" s="5" t="s">
        <v>44</v>
      </c>
      <c r="AD11491" s="2" t="s">
        <v>35244</v>
      </c>
      <c r="AE11491" s="1"/>
    </row>
    <row r="11492" spans="1:31" ht="14.45">
      <c r="A11492" s="5"/>
      <c r="B11492" s="21"/>
      <c r="C11492" s="2" t="s">
        <v>35324</v>
      </c>
      <c r="D11492" s="14" t="s">
        <v>35325</v>
      </c>
      <c r="E11492" s="2" t="s">
        <v>35326</v>
      </c>
      <c r="F11492" s="2"/>
      <c r="G11492" s="8">
        <v>185</v>
      </c>
      <c r="H11492" s="5">
        <v>25</v>
      </c>
      <c r="I11492" s="5" t="s">
        <v>69</v>
      </c>
      <c r="J11492" s="5" t="s">
        <v>27074</v>
      </c>
      <c r="K11492" s="2" t="s">
        <v>27075</v>
      </c>
      <c r="L11492" s="5" t="s">
        <v>27074</v>
      </c>
      <c r="M11492" s="2" t="s">
        <v>27075</v>
      </c>
      <c r="N11492" s="5" t="s">
        <v>24254</v>
      </c>
      <c r="O11492" s="5" t="s">
        <v>38</v>
      </c>
      <c r="P11492" s="5" t="s">
        <v>39</v>
      </c>
      <c r="Q11492" s="5" t="s">
        <v>40</v>
      </c>
      <c r="R11492" s="5" t="s">
        <v>24335</v>
      </c>
      <c r="S11492" s="5" t="s">
        <v>40</v>
      </c>
      <c r="T11492" s="5" t="s">
        <v>42</v>
      </c>
      <c r="U11492" s="2">
        <v>7.3689999999999998</v>
      </c>
      <c r="V11492" s="2">
        <v>5.44</v>
      </c>
      <c r="W11492" s="2">
        <v>0.17399999999999999</v>
      </c>
      <c r="X11492" s="2">
        <v>12</v>
      </c>
      <c r="Y11492" s="2">
        <v>62</v>
      </c>
      <c r="Z11492" s="2">
        <v>234.1</v>
      </c>
      <c r="AA11492" s="5">
        <v>10</v>
      </c>
      <c r="AB11492" s="5" t="s">
        <v>43</v>
      </c>
      <c r="AC11492" s="5" t="s">
        <v>44</v>
      </c>
      <c r="AD11492" s="2" t="s">
        <v>35252</v>
      </c>
      <c r="AE11492" s="1"/>
    </row>
    <row r="11493" spans="1:31" ht="14.45">
      <c r="A11493" s="11"/>
      <c r="B11493" s="20"/>
      <c r="C11493" s="2" t="s">
        <v>35327</v>
      </c>
      <c r="D11493" s="14" t="s">
        <v>35328</v>
      </c>
      <c r="E11493" s="2" t="s">
        <v>35329</v>
      </c>
      <c r="F11493" s="2" t="s">
        <v>35243</v>
      </c>
      <c r="G11493" s="8">
        <v>185</v>
      </c>
      <c r="H11493" s="5">
        <v>5</v>
      </c>
      <c r="I11493" s="5" t="s">
        <v>69</v>
      </c>
      <c r="J11493" s="5" t="s">
        <v>27074</v>
      </c>
      <c r="K11493" s="2" t="s">
        <v>27075</v>
      </c>
      <c r="L11493" s="5" t="s">
        <v>27074</v>
      </c>
      <c r="M11493" s="2" t="s">
        <v>27075</v>
      </c>
      <c r="N11493" s="5" t="s">
        <v>24254</v>
      </c>
      <c r="O11493" s="5" t="s">
        <v>38</v>
      </c>
      <c r="P11493" s="5" t="s">
        <v>39</v>
      </c>
      <c r="Q11493" s="5" t="s">
        <v>40</v>
      </c>
      <c r="R11493" s="5" t="s">
        <v>24335</v>
      </c>
      <c r="S11493" s="5" t="s">
        <v>40</v>
      </c>
      <c r="T11493" s="5" t="s">
        <v>42</v>
      </c>
      <c r="U11493" s="2">
        <v>6.0860000000000003</v>
      </c>
      <c r="V11493" s="2">
        <v>4.1680000000000001</v>
      </c>
      <c r="W11493" s="2">
        <v>0.104</v>
      </c>
      <c r="X11493" s="2">
        <v>12</v>
      </c>
      <c r="Y11493" s="2">
        <v>50</v>
      </c>
      <c r="Z11493" s="2">
        <v>173.9</v>
      </c>
      <c r="AA11493" s="5">
        <v>10</v>
      </c>
      <c r="AB11493" s="5" t="s">
        <v>43</v>
      </c>
      <c r="AC11493" s="5" t="s">
        <v>44</v>
      </c>
      <c r="AD11493" s="2" t="s">
        <v>35248</v>
      </c>
      <c r="AE11493" s="1"/>
    </row>
    <row r="11494" spans="1:31" ht="14.45">
      <c r="A11494" s="5"/>
      <c r="B11494" s="21"/>
      <c r="C11494" s="2" t="s">
        <v>35330</v>
      </c>
      <c r="D11494" s="14" t="s">
        <v>35331</v>
      </c>
      <c r="E11494" s="2" t="s">
        <v>35332</v>
      </c>
      <c r="F11494" s="2"/>
      <c r="G11494" s="8">
        <v>185</v>
      </c>
      <c r="H11494" s="5">
        <v>25</v>
      </c>
      <c r="I11494" s="5" t="s">
        <v>69</v>
      </c>
      <c r="J11494" s="5" t="s">
        <v>27074</v>
      </c>
      <c r="K11494" s="2" t="s">
        <v>27075</v>
      </c>
      <c r="L11494" s="5" t="s">
        <v>27074</v>
      </c>
      <c r="M11494" s="2" t="s">
        <v>27075</v>
      </c>
      <c r="N11494" s="5" t="s">
        <v>24254</v>
      </c>
      <c r="O11494" s="5" t="s">
        <v>38</v>
      </c>
      <c r="P11494" s="5" t="s">
        <v>39</v>
      </c>
      <c r="Q11494" s="5" t="s">
        <v>40</v>
      </c>
      <c r="R11494" s="5" t="s">
        <v>24335</v>
      </c>
      <c r="S11494" s="5" t="s">
        <v>40</v>
      </c>
      <c r="T11494" s="5" t="s">
        <v>42</v>
      </c>
      <c r="U11494" s="2">
        <v>8.0129999999999999</v>
      </c>
      <c r="V11494" s="2">
        <v>6.0839999999999996</v>
      </c>
      <c r="W11494" s="2">
        <v>0.17399999999999999</v>
      </c>
      <c r="X11494" s="2">
        <v>12</v>
      </c>
      <c r="Y11494" s="2">
        <v>62</v>
      </c>
      <c r="Z11494" s="2">
        <v>234.1</v>
      </c>
      <c r="AA11494" s="5">
        <v>10</v>
      </c>
      <c r="AB11494" s="5" t="s">
        <v>43</v>
      </c>
      <c r="AC11494" s="5" t="s">
        <v>44</v>
      </c>
      <c r="AD11494" s="2" t="s">
        <v>35252</v>
      </c>
      <c r="AE11494" s="1"/>
    </row>
    <row r="11495" spans="1:31" ht="14.45">
      <c r="A11495" s="11"/>
      <c r="B11495" s="20"/>
      <c r="C11495" s="2" t="s">
        <v>35333</v>
      </c>
      <c r="D11495" s="14" t="s">
        <v>35334</v>
      </c>
      <c r="E11495" s="2" t="s">
        <v>35335</v>
      </c>
      <c r="F11495" s="2" t="s">
        <v>35256</v>
      </c>
      <c r="G11495" s="8">
        <v>336</v>
      </c>
      <c r="H11495" s="5">
        <v>10</v>
      </c>
      <c r="I11495" s="5" t="s">
        <v>69</v>
      </c>
      <c r="J11495" s="5" t="s">
        <v>27074</v>
      </c>
      <c r="K11495" s="2" t="s">
        <v>27075</v>
      </c>
      <c r="L11495" s="5" t="s">
        <v>27074</v>
      </c>
      <c r="M11495" s="2" t="s">
        <v>27075</v>
      </c>
      <c r="N11495" s="5" t="s">
        <v>24254</v>
      </c>
      <c r="O11495" s="5" t="s">
        <v>38</v>
      </c>
      <c r="P11495" s="5" t="s">
        <v>39</v>
      </c>
      <c r="Q11495" s="5" t="s">
        <v>40</v>
      </c>
      <c r="R11495" s="5" t="s">
        <v>24340</v>
      </c>
      <c r="S11495" s="5" t="s">
        <v>40</v>
      </c>
      <c r="T11495" s="5" t="s">
        <v>42</v>
      </c>
      <c r="U11495" s="2">
        <v>9.16</v>
      </c>
      <c r="V11495" s="2">
        <v>7.4119999999999999</v>
      </c>
      <c r="W11495" s="2">
        <v>0.104</v>
      </c>
      <c r="X11495" s="2">
        <v>12</v>
      </c>
      <c r="Y11495" s="2">
        <v>50</v>
      </c>
      <c r="Z11495" s="2">
        <v>173.9</v>
      </c>
      <c r="AA11495" s="5">
        <v>10</v>
      </c>
      <c r="AB11495" s="5" t="s">
        <v>43</v>
      </c>
      <c r="AC11495" s="5" t="s">
        <v>44</v>
      </c>
      <c r="AD11495" s="2" t="s">
        <v>35257</v>
      </c>
      <c r="AE11495" s="1"/>
    </row>
    <row r="11496" spans="1:31" ht="14.45">
      <c r="A11496" s="5"/>
      <c r="B11496" s="21"/>
      <c r="C11496" s="2" t="s">
        <v>35336</v>
      </c>
      <c r="D11496" s="14" t="s">
        <v>35337</v>
      </c>
      <c r="E11496" s="2" t="s">
        <v>35338</v>
      </c>
      <c r="F11496" s="2" t="s">
        <v>35339</v>
      </c>
      <c r="G11496" s="8">
        <v>336</v>
      </c>
      <c r="H11496" s="5">
        <v>25</v>
      </c>
      <c r="I11496" s="5" t="s">
        <v>69</v>
      </c>
      <c r="J11496" s="5" t="s">
        <v>27074</v>
      </c>
      <c r="K11496" s="2" t="s">
        <v>27075</v>
      </c>
      <c r="L11496" s="5" t="s">
        <v>27074</v>
      </c>
      <c r="M11496" s="2" t="s">
        <v>27075</v>
      </c>
      <c r="N11496" s="5" t="s">
        <v>24254</v>
      </c>
      <c r="O11496" s="5" t="s">
        <v>38</v>
      </c>
      <c r="P11496" s="5" t="s">
        <v>39</v>
      </c>
      <c r="Q11496" s="5" t="s">
        <v>40</v>
      </c>
      <c r="R11496" s="5" t="s">
        <v>24335</v>
      </c>
      <c r="S11496" s="5" t="s">
        <v>40</v>
      </c>
      <c r="T11496" s="5" t="s">
        <v>42</v>
      </c>
      <c r="U11496" s="2">
        <v>10.608000000000001</v>
      </c>
      <c r="V11496" s="2">
        <v>8.6790000000000003</v>
      </c>
      <c r="W11496" s="2">
        <v>0.129</v>
      </c>
      <c r="X11496" s="2">
        <v>12</v>
      </c>
      <c r="Y11496" s="2">
        <v>62</v>
      </c>
      <c r="Z11496" s="2">
        <v>172.9</v>
      </c>
      <c r="AA11496" s="5">
        <v>10</v>
      </c>
      <c r="AB11496" s="5" t="s">
        <v>43</v>
      </c>
      <c r="AC11496" s="5" t="s">
        <v>44</v>
      </c>
      <c r="AD11496" s="2" t="s">
        <v>35340</v>
      </c>
      <c r="AE11496" s="1"/>
    </row>
    <row r="11497" spans="1:31" ht="14.45">
      <c r="A11497" s="11"/>
      <c r="B11497" s="20"/>
      <c r="C11497" s="2" t="s">
        <v>35341</v>
      </c>
      <c r="D11497" s="14" t="s">
        <v>35342</v>
      </c>
      <c r="E11497" s="2" t="s">
        <v>35343</v>
      </c>
      <c r="F11497" s="2" t="s">
        <v>35243</v>
      </c>
      <c r="G11497" s="8">
        <v>194</v>
      </c>
      <c r="H11497" s="5">
        <v>5</v>
      </c>
      <c r="I11497" s="5" t="s">
        <v>69</v>
      </c>
      <c r="J11497" s="5" t="s">
        <v>27074</v>
      </c>
      <c r="K11497" s="2" t="s">
        <v>27075</v>
      </c>
      <c r="L11497" s="5" t="s">
        <v>27074</v>
      </c>
      <c r="M11497" s="2" t="s">
        <v>27075</v>
      </c>
      <c r="N11497" s="5" t="s">
        <v>24254</v>
      </c>
      <c r="O11497" s="5" t="s">
        <v>38</v>
      </c>
      <c r="P11497" s="5" t="s">
        <v>39</v>
      </c>
      <c r="Q11497" s="5" t="s">
        <v>40</v>
      </c>
      <c r="R11497" s="5" t="s">
        <v>24335</v>
      </c>
      <c r="S11497" s="5" t="s">
        <v>40</v>
      </c>
      <c r="T11497" s="5" t="s">
        <v>42</v>
      </c>
      <c r="U11497" s="2">
        <v>6.11</v>
      </c>
      <c r="V11497" s="2">
        <v>4.1920000000000002</v>
      </c>
      <c r="W11497" s="2">
        <v>0.104</v>
      </c>
      <c r="X11497" s="2">
        <v>12</v>
      </c>
      <c r="Y11497" s="2">
        <v>50</v>
      </c>
      <c r="Z11497" s="2">
        <v>173.9</v>
      </c>
      <c r="AA11497" s="5">
        <v>10</v>
      </c>
      <c r="AB11497" s="5" t="s">
        <v>43</v>
      </c>
      <c r="AC11497" s="5" t="s">
        <v>44</v>
      </c>
      <c r="AD11497" s="2" t="s">
        <v>35244</v>
      </c>
      <c r="AE11497" s="1"/>
    </row>
    <row r="11498" spans="1:31" ht="14.45">
      <c r="A11498" s="5"/>
      <c r="B11498" s="21"/>
      <c r="C11498" s="2" t="s">
        <v>35344</v>
      </c>
      <c r="D11498" s="14" t="s">
        <v>35345</v>
      </c>
      <c r="E11498" s="2" t="s">
        <v>35346</v>
      </c>
      <c r="F11498" s="2"/>
      <c r="G11498" s="8">
        <v>194</v>
      </c>
      <c r="H11498" s="5">
        <v>25</v>
      </c>
      <c r="I11498" s="5" t="s">
        <v>69</v>
      </c>
      <c r="J11498" s="5" t="s">
        <v>27074</v>
      </c>
      <c r="K11498" s="2" t="s">
        <v>27075</v>
      </c>
      <c r="L11498" s="5" t="s">
        <v>27074</v>
      </c>
      <c r="M11498" s="2" t="s">
        <v>27075</v>
      </c>
      <c r="N11498" s="5" t="s">
        <v>24254</v>
      </c>
      <c r="O11498" s="5" t="s">
        <v>38</v>
      </c>
      <c r="P11498" s="5" t="s">
        <v>39</v>
      </c>
      <c r="Q11498" s="5" t="s">
        <v>40</v>
      </c>
      <c r="R11498" s="5" t="s">
        <v>24335</v>
      </c>
      <c r="S11498" s="5" t="s">
        <v>40</v>
      </c>
      <c r="T11498" s="5" t="s">
        <v>42</v>
      </c>
      <c r="U11498" s="2">
        <v>8.6189999999999998</v>
      </c>
      <c r="V11498" s="2">
        <v>5.9130000000000003</v>
      </c>
      <c r="W11498" s="2">
        <v>0.17399999999999999</v>
      </c>
      <c r="X11498" s="2">
        <v>12</v>
      </c>
      <c r="Y11498" s="2">
        <v>62</v>
      </c>
      <c r="Z11498" s="2">
        <v>234.1</v>
      </c>
      <c r="AA11498" s="5">
        <v>10</v>
      </c>
      <c r="AB11498" s="5" t="s">
        <v>43</v>
      </c>
      <c r="AC11498" s="5" t="s">
        <v>44</v>
      </c>
      <c r="AD11498" s="2" t="s">
        <v>35252</v>
      </c>
      <c r="AE11498" s="1"/>
    </row>
    <row r="11499" spans="1:31" ht="14.45">
      <c r="A11499" s="11"/>
      <c r="B11499" s="20"/>
      <c r="C11499" s="2" t="s">
        <v>35347</v>
      </c>
      <c r="D11499" s="14" t="s">
        <v>35348</v>
      </c>
      <c r="E11499" s="2" t="s">
        <v>35349</v>
      </c>
      <c r="F11499" s="2" t="s">
        <v>35243</v>
      </c>
      <c r="G11499" s="8">
        <v>194</v>
      </c>
      <c r="H11499" s="5">
        <v>5</v>
      </c>
      <c r="I11499" s="5" t="s">
        <v>69</v>
      </c>
      <c r="J11499" s="5" t="s">
        <v>27074</v>
      </c>
      <c r="K11499" s="2" t="s">
        <v>27075</v>
      </c>
      <c r="L11499" s="5" t="s">
        <v>27074</v>
      </c>
      <c r="M11499" s="2" t="s">
        <v>27075</v>
      </c>
      <c r="N11499" s="5" t="s">
        <v>24254</v>
      </c>
      <c r="O11499" s="5" t="s">
        <v>38</v>
      </c>
      <c r="P11499" s="5" t="s">
        <v>39</v>
      </c>
      <c r="Q11499" s="5" t="s">
        <v>40</v>
      </c>
      <c r="R11499" s="5" t="s">
        <v>24335</v>
      </c>
      <c r="S11499" s="5" t="s">
        <v>40</v>
      </c>
      <c r="T11499" s="5" t="s">
        <v>42</v>
      </c>
      <c r="U11499" s="2">
        <v>6.4850000000000003</v>
      </c>
      <c r="V11499" s="2">
        <v>4.5670000000000002</v>
      </c>
      <c r="W11499" s="2">
        <v>0.104</v>
      </c>
      <c r="X11499" s="2">
        <v>12</v>
      </c>
      <c r="Y11499" s="2">
        <v>50</v>
      </c>
      <c r="Z11499" s="2">
        <v>173.9</v>
      </c>
      <c r="AA11499" s="5">
        <v>10</v>
      </c>
      <c r="AB11499" s="5" t="s">
        <v>43</v>
      </c>
      <c r="AC11499" s="5" t="s">
        <v>44</v>
      </c>
      <c r="AD11499" s="2" t="s">
        <v>35248</v>
      </c>
      <c r="AE11499" s="1"/>
    </row>
    <row r="11500" spans="1:31" ht="14.45">
      <c r="A11500" s="5"/>
      <c r="B11500" s="21"/>
      <c r="C11500" s="2" t="s">
        <v>35350</v>
      </c>
      <c r="D11500" s="14" t="s">
        <v>35351</v>
      </c>
      <c r="E11500" s="2" t="s">
        <v>35352</v>
      </c>
      <c r="F11500" s="2"/>
      <c r="G11500" s="8">
        <v>194</v>
      </c>
      <c r="H11500" s="5">
        <v>25</v>
      </c>
      <c r="I11500" s="5" t="s">
        <v>69</v>
      </c>
      <c r="J11500" s="5" t="s">
        <v>27074</v>
      </c>
      <c r="K11500" s="2" t="s">
        <v>27075</v>
      </c>
      <c r="L11500" s="5" t="s">
        <v>27074</v>
      </c>
      <c r="M11500" s="2" t="s">
        <v>27075</v>
      </c>
      <c r="N11500" s="5" t="s">
        <v>24254</v>
      </c>
      <c r="O11500" s="5" t="s">
        <v>38</v>
      </c>
      <c r="P11500" s="5" t="s">
        <v>39</v>
      </c>
      <c r="Q11500" s="5" t="s">
        <v>40</v>
      </c>
      <c r="R11500" s="5" t="s">
        <v>24335</v>
      </c>
      <c r="S11500" s="5" t="s">
        <v>40</v>
      </c>
      <c r="T11500" s="5" t="s">
        <v>42</v>
      </c>
      <c r="U11500" s="2">
        <v>9.2629999999999999</v>
      </c>
      <c r="V11500" s="2">
        <v>6.5570000000000004</v>
      </c>
      <c r="W11500" s="2">
        <v>0.17399999999999999</v>
      </c>
      <c r="X11500" s="2">
        <v>12</v>
      </c>
      <c r="Y11500" s="2">
        <v>62</v>
      </c>
      <c r="Z11500" s="2">
        <v>234.1</v>
      </c>
      <c r="AA11500" s="5">
        <v>10</v>
      </c>
      <c r="AB11500" s="5" t="s">
        <v>43</v>
      </c>
      <c r="AC11500" s="5" t="s">
        <v>44</v>
      </c>
      <c r="AD11500" s="2" t="s">
        <v>35252</v>
      </c>
      <c r="AE11500" s="1"/>
    </row>
    <row r="11501" spans="1:31" ht="14.45">
      <c r="A11501" s="11"/>
      <c r="B11501" s="20"/>
      <c r="C11501" s="2" t="s">
        <v>35353</v>
      </c>
      <c r="D11501" s="14" t="s">
        <v>35354</v>
      </c>
      <c r="E11501" s="2" t="s">
        <v>35355</v>
      </c>
      <c r="F11501" s="2" t="s">
        <v>35256</v>
      </c>
      <c r="G11501" s="8">
        <v>345</v>
      </c>
      <c r="H11501" s="5">
        <v>10</v>
      </c>
      <c r="I11501" s="5" t="s">
        <v>69</v>
      </c>
      <c r="J11501" s="5" t="s">
        <v>27074</v>
      </c>
      <c r="K11501" s="2" t="s">
        <v>27075</v>
      </c>
      <c r="L11501" s="5" t="s">
        <v>27074</v>
      </c>
      <c r="M11501" s="2" t="s">
        <v>27075</v>
      </c>
      <c r="N11501" s="5" t="s">
        <v>24254</v>
      </c>
      <c r="O11501" s="5" t="s">
        <v>38</v>
      </c>
      <c r="P11501" s="5" t="s">
        <v>39</v>
      </c>
      <c r="Q11501" s="5" t="s">
        <v>40</v>
      </c>
      <c r="R11501" s="5" t="s">
        <v>24340</v>
      </c>
      <c r="S11501" s="5" t="s">
        <v>40</v>
      </c>
      <c r="T11501" s="5" t="s">
        <v>42</v>
      </c>
      <c r="U11501" s="2">
        <v>10.016999999999999</v>
      </c>
      <c r="V11501" s="2">
        <v>8.2690000000000001</v>
      </c>
      <c r="W11501" s="2">
        <v>0.104</v>
      </c>
      <c r="X11501" s="2">
        <v>12</v>
      </c>
      <c r="Y11501" s="2">
        <v>50</v>
      </c>
      <c r="Z11501" s="2">
        <v>173.9</v>
      </c>
      <c r="AA11501" s="5">
        <v>10</v>
      </c>
      <c r="AB11501" s="5" t="s">
        <v>43</v>
      </c>
      <c r="AC11501" s="5" t="s">
        <v>44</v>
      </c>
      <c r="AD11501" s="2" t="s">
        <v>35257</v>
      </c>
      <c r="AE11501" s="1"/>
    </row>
    <row r="11502" spans="1:31" ht="14.45">
      <c r="A11502" s="11"/>
      <c r="B11502" s="20"/>
      <c r="C11502" s="2" t="s">
        <v>35356</v>
      </c>
      <c r="D11502" s="14" t="s">
        <v>35357</v>
      </c>
      <c r="E11502" s="2" t="s">
        <v>35358</v>
      </c>
      <c r="F11502" s="2" t="s">
        <v>35298</v>
      </c>
      <c r="G11502" s="8">
        <v>345</v>
      </c>
      <c r="H11502" s="5">
        <v>10</v>
      </c>
      <c r="I11502" s="5" t="s">
        <v>69</v>
      </c>
      <c r="J11502" s="5" t="s">
        <v>27074</v>
      </c>
      <c r="K11502" s="2" t="s">
        <v>27075</v>
      </c>
      <c r="L11502" s="5" t="s">
        <v>27074</v>
      </c>
      <c r="M11502" s="2" t="s">
        <v>27075</v>
      </c>
      <c r="N11502" s="5" t="s">
        <v>24254</v>
      </c>
      <c r="O11502" s="5" t="s">
        <v>38</v>
      </c>
      <c r="P11502" s="5" t="s">
        <v>39</v>
      </c>
      <c r="Q11502" s="5" t="s">
        <v>40</v>
      </c>
      <c r="R11502" s="5" t="s">
        <v>25301</v>
      </c>
      <c r="S11502" s="5" t="s">
        <v>40</v>
      </c>
      <c r="T11502" s="5" t="s">
        <v>42</v>
      </c>
      <c r="U11502" s="2">
        <v>9.0239999999999991</v>
      </c>
      <c r="V11502" s="2">
        <v>7.2750000000000004</v>
      </c>
      <c r="W11502" s="2">
        <v>0.104</v>
      </c>
      <c r="X11502" s="2">
        <v>12</v>
      </c>
      <c r="Y11502" s="2">
        <v>50</v>
      </c>
      <c r="Z11502" s="2">
        <v>173.9</v>
      </c>
      <c r="AA11502" s="5">
        <v>10</v>
      </c>
      <c r="AB11502" s="5" t="s">
        <v>43</v>
      </c>
      <c r="AC11502" s="5" t="s">
        <v>44</v>
      </c>
      <c r="AD11502" s="2" t="s">
        <v>35299</v>
      </c>
      <c r="AE11502" s="1"/>
    </row>
    <row r="11503" spans="1:31" ht="14.45">
      <c r="A11503" s="11"/>
      <c r="B11503" s="20"/>
      <c r="C11503" s="2" t="s">
        <v>35359</v>
      </c>
      <c r="D11503" s="14" t="s">
        <v>35360</v>
      </c>
      <c r="E11503" s="2" t="s">
        <v>35361</v>
      </c>
      <c r="F11503" s="2" t="s">
        <v>35243</v>
      </c>
      <c r="G11503" s="8">
        <v>221</v>
      </c>
      <c r="H11503" s="5">
        <v>5</v>
      </c>
      <c r="I11503" s="5" t="s">
        <v>69</v>
      </c>
      <c r="J11503" s="5" t="s">
        <v>27074</v>
      </c>
      <c r="K11503" s="2" t="s">
        <v>27075</v>
      </c>
      <c r="L11503" s="5" t="s">
        <v>27074</v>
      </c>
      <c r="M11503" s="2" t="s">
        <v>27075</v>
      </c>
      <c r="N11503" s="5" t="s">
        <v>24254</v>
      </c>
      <c r="O11503" s="5" t="s">
        <v>38</v>
      </c>
      <c r="P11503" s="5" t="s">
        <v>39</v>
      </c>
      <c r="Q11503" s="5" t="s">
        <v>40</v>
      </c>
      <c r="R11503" s="5" t="s">
        <v>24335</v>
      </c>
      <c r="S11503" s="5" t="s">
        <v>40</v>
      </c>
      <c r="T11503" s="5" t="s">
        <v>42</v>
      </c>
      <c r="U11503" s="2">
        <v>6.4820000000000002</v>
      </c>
      <c r="V11503" s="2">
        <v>4.5640000000000001</v>
      </c>
      <c r="W11503" s="2">
        <v>0.104</v>
      </c>
      <c r="X11503" s="2">
        <v>12</v>
      </c>
      <c r="Y11503" s="2">
        <v>50</v>
      </c>
      <c r="Z11503" s="2">
        <v>173.9</v>
      </c>
      <c r="AA11503" s="5">
        <v>10</v>
      </c>
      <c r="AB11503" s="5" t="s">
        <v>43</v>
      </c>
      <c r="AC11503" s="5" t="s">
        <v>44</v>
      </c>
      <c r="AD11503" s="2" t="s">
        <v>35244</v>
      </c>
      <c r="AE11503" s="1"/>
    </row>
    <row r="11504" spans="1:31" ht="14.45">
      <c r="A11504" s="5"/>
      <c r="B11504" s="21"/>
      <c r="C11504" s="2" t="s">
        <v>35362</v>
      </c>
      <c r="D11504" s="14" t="s">
        <v>35363</v>
      </c>
      <c r="E11504" s="2" t="s">
        <v>35364</v>
      </c>
      <c r="F11504" s="2"/>
      <c r="G11504" s="8">
        <v>221</v>
      </c>
      <c r="H11504" s="5">
        <v>25</v>
      </c>
      <c r="I11504" s="5" t="s">
        <v>69</v>
      </c>
      <c r="J11504" s="5" t="s">
        <v>27074</v>
      </c>
      <c r="K11504" s="2" t="s">
        <v>27075</v>
      </c>
      <c r="L11504" s="5" t="s">
        <v>27074</v>
      </c>
      <c r="M11504" s="2" t="s">
        <v>27075</v>
      </c>
      <c r="N11504" s="5" t="s">
        <v>24254</v>
      </c>
      <c r="O11504" s="5" t="s">
        <v>38</v>
      </c>
      <c r="P11504" s="5" t="s">
        <v>39</v>
      </c>
      <c r="Q11504" s="5" t="s">
        <v>40</v>
      </c>
      <c r="R11504" s="5" t="s">
        <v>24335</v>
      </c>
      <c r="S11504" s="5" t="s">
        <v>40</v>
      </c>
      <c r="T11504" s="5" t="s">
        <v>42</v>
      </c>
      <c r="U11504" s="2">
        <v>8.6850000000000005</v>
      </c>
      <c r="V11504" s="2">
        <v>8.5879999999999992</v>
      </c>
      <c r="W11504" s="2">
        <v>0.17399999999999999</v>
      </c>
      <c r="X11504" s="2">
        <v>12</v>
      </c>
      <c r="Y11504" s="2">
        <v>62</v>
      </c>
      <c r="Z11504" s="2">
        <v>234.1</v>
      </c>
      <c r="AA11504" s="5">
        <v>10</v>
      </c>
      <c r="AB11504" s="5" t="s">
        <v>43</v>
      </c>
      <c r="AC11504" s="5" t="s">
        <v>44</v>
      </c>
      <c r="AD11504" s="2" t="s">
        <v>35252</v>
      </c>
      <c r="AE11504" s="1"/>
    </row>
    <row r="11505" spans="1:31" ht="14.45">
      <c r="A11505" s="11"/>
      <c r="B11505" s="20"/>
      <c r="C11505" s="2" t="s">
        <v>35365</v>
      </c>
      <c r="D11505" s="14" t="s">
        <v>35366</v>
      </c>
      <c r="E11505" s="2" t="s">
        <v>35367</v>
      </c>
      <c r="F11505" s="2" t="s">
        <v>35243</v>
      </c>
      <c r="G11505" s="8">
        <v>221</v>
      </c>
      <c r="H11505" s="5">
        <v>5</v>
      </c>
      <c r="I11505" s="5" t="s">
        <v>69</v>
      </c>
      <c r="J11505" s="5" t="s">
        <v>27074</v>
      </c>
      <c r="K11505" s="2" t="s">
        <v>27075</v>
      </c>
      <c r="L11505" s="5" t="s">
        <v>27074</v>
      </c>
      <c r="M11505" s="2" t="s">
        <v>27075</v>
      </c>
      <c r="N11505" s="5" t="s">
        <v>24254</v>
      </c>
      <c r="O11505" s="5" t="s">
        <v>38</v>
      </c>
      <c r="P11505" s="5" t="s">
        <v>39</v>
      </c>
      <c r="Q11505" s="5" t="s">
        <v>40</v>
      </c>
      <c r="R11505" s="5" t="s">
        <v>24335</v>
      </c>
      <c r="S11505" s="5" t="s">
        <v>40</v>
      </c>
      <c r="T11505" s="5" t="s">
        <v>42</v>
      </c>
      <c r="U11505" s="2">
        <v>6.8570000000000002</v>
      </c>
      <c r="V11505" s="2">
        <v>4.9390000000000001</v>
      </c>
      <c r="W11505" s="2">
        <v>0.104</v>
      </c>
      <c r="X11505" s="2">
        <v>12</v>
      </c>
      <c r="Y11505" s="2">
        <v>50</v>
      </c>
      <c r="Z11505" s="2">
        <v>173.9</v>
      </c>
      <c r="AA11505" s="5">
        <v>10</v>
      </c>
      <c r="AB11505" s="5" t="s">
        <v>43</v>
      </c>
      <c r="AC11505" s="5" t="s">
        <v>44</v>
      </c>
      <c r="AD11505" s="2" t="s">
        <v>35248</v>
      </c>
      <c r="AE11505" s="1"/>
    </row>
    <row r="11506" spans="1:31" ht="14.45">
      <c r="A11506" s="5"/>
      <c r="B11506" s="21"/>
      <c r="C11506" s="2" t="s">
        <v>35368</v>
      </c>
      <c r="D11506" s="14" t="s">
        <v>35369</v>
      </c>
      <c r="E11506" s="2" t="s">
        <v>35370</v>
      </c>
      <c r="F11506" s="2"/>
      <c r="G11506" s="8">
        <v>221</v>
      </c>
      <c r="H11506" s="5">
        <v>25</v>
      </c>
      <c r="I11506" s="5" t="s">
        <v>69</v>
      </c>
      <c r="J11506" s="5" t="s">
        <v>27074</v>
      </c>
      <c r="K11506" s="2" t="s">
        <v>27075</v>
      </c>
      <c r="L11506" s="5" t="s">
        <v>27074</v>
      </c>
      <c r="M11506" s="2" t="s">
        <v>27075</v>
      </c>
      <c r="N11506" s="5" t="s">
        <v>24254</v>
      </c>
      <c r="O11506" s="5" t="s">
        <v>38</v>
      </c>
      <c r="P11506" s="5" t="s">
        <v>39</v>
      </c>
      <c r="Q11506" s="5" t="s">
        <v>40</v>
      </c>
      <c r="R11506" s="5" t="s">
        <v>24335</v>
      </c>
      <c r="S11506" s="5" t="s">
        <v>40</v>
      </c>
      <c r="T11506" s="5" t="s">
        <v>42</v>
      </c>
      <c r="U11506" s="2">
        <v>9.3290000000000006</v>
      </c>
      <c r="V11506" s="2">
        <v>9.2319999999999993</v>
      </c>
      <c r="W11506" s="2">
        <v>0.17399999999999999</v>
      </c>
      <c r="X11506" s="2">
        <v>12</v>
      </c>
      <c r="Y11506" s="2">
        <v>62</v>
      </c>
      <c r="Z11506" s="2">
        <v>234.1</v>
      </c>
      <c r="AA11506" s="5">
        <v>10</v>
      </c>
      <c r="AB11506" s="5" t="s">
        <v>43</v>
      </c>
      <c r="AC11506" s="5" t="s">
        <v>44</v>
      </c>
      <c r="AD11506" s="2" t="s">
        <v>35252</v>
      </c>
      <c r="AE11506" s="1"/>
    </row>
    <row r="11507" spans="1:31" ht="14.45">
      <c r="A11507" s="11"/>
      <c r="B11507" s="20"/>
      <c r="C11507" s="2" t="s">
        <v>35371</v>
      </c>
      <c r="D11507" s="14" t="s">
        <v>35372</v>
      </c>
      <c r="E11507" s="2" t="s">
        <v>35373</v>
      </c>
      <c r="F11507" s="2" t="s">
        <v>35256</v>
      </c>
      <c r="G11507" s="8">
        <v>372</v>
      </c>
      <c r="H11507" s="5">
        <v>10</v>
      </c>
      <c r="I11507" s="5" t="s">
        <v>69</v>
      </c>
      <c r="J11507" s="5" t="s">
        <v>27074</v>
      </c>
      <c r="K11507" s="2" t="s">
        <v>27075</v>
      </c>
      <c r="L11507" s="5" t="s">
        <v>27074</v>
      </c>
      <c r="M11507" s="2" t="s">
        <v>27075</v>
      </c>
      <c r="N11507" s="5" t="s">
        <v>24254</v>
      </c>
      <c r="O11507" s="5" t="s">
        <v>38</v>
      </c>
      <c r="P11507" s="5" t="s">
        <v>39</v>
      </c>
      <c r="Q11507" s="5" t="s">
        <v>40</v>
      </c>
      <c r="R11507" s="5" t="s">
        <v>24340</v>
      </c>
      <c r="S11507" s="5" t="s">
        <v>40</v>
      </c>
      <c r="T11507" s="5" t="s">
        <v>42</v>
      </c>
      <c r="U11507" s="2">
        <v>12.025</v>
      </c>
      <c r="V11507" s="2">
        <v>10.276999999999999</v>
      </c>
      <c r="W11507" s="2">
        <v>0.104</v>
      </c>
      <c r="X11507" s="2">
        <v>12</v>
      </c>
      <c r="Y11507" s="2">
        <v>50</v>
      </c>
      <c r="Z11507" s="2">
        <v>173.9</v>
      </c>
      <c r="AA11507" s="5">
        <v>10</v>
      </c>
      <c r="AB11507" s="5" t="s">
        <v>43</v>
      </c>
      <c r="AC11507" s="5" t="s">
        <v>44</v>
      </c>
      <c r="AD11507" s="2" t="s">
        <v>35294</v>
      </c>
      <c r="AE11507" s="1"/>
    </row>
    <row r="11508" spans="1:31" ht="14.45">
      <c r="A11508" s="11"/>
      <c r="B11508" s="20"/>
      <c r="C11508" s="2" t="s">
        <v>35374</v>
      </c>
      <c r="D11508" s="14" t="s">
        <v>35375</v>
      </c>
      <c r="E11508" s="2" t="s">
        <v>35376</v>
      </c>
      <c r="F11508" s="2" t="s">
        <v>35243</v>
      </c>
      <c r="G11508" s="8">
        <v>225</v>
      </c>
      <c r="H11508" s="5">
        <v>5</v>
      </c>
      <c r="I11508" s="5" t="s">
        <v>69</v>
      </c>
      <c r="J11508" s="5" t="s">
        <v>27074</v>
      </c>
      <c r="K11508" s="2" t="s">
        <v>27075</v>
      </c>
      <c r="L11508" s="5" t="s">
        <v>27074</v>
      </c>
      <c r="M11508" s="2" t="s">
        <v>27075</v>
      </c>
      <c r="N11508" s="5" t="s">
        <v>24254</v>
      </c>
      <c r="O11508" s="5" t="s">
        <v>38</v>
      </c>
      <c r="P11508" s="5" t="s">
        <v>39</v>
      </c>
      <c r="Q11508" s="5" t="s">
        <v>40</v>
      </c>
      <c r="R11508" s="5" t="s">
        <v>24335</v>
      </c>
      <c r="S11508" s="5" t="s">
        <v>40</v>
      </c>
      <c r="T11508" s="5" t="s">
        <v>42</v>
      </c>
      <c r="U11508" s="2">
        <v>6.6740000000000004</v>
      </c>
      <c r="V11508" s="2">
        <v>4.9260000000000002</v>
      </c>
      <c r="W11508" s="2">
        <v>0.11600000000000001</v>
      </c>
      <c r="X11508" s="2">
        <v>12</v>
      </c>
      <c r="Y11508" s="2">
        <v>50</v>
      </c>
      <c r="Z11508" s="2">
        <v>193.9</v>
      </c>
      <c r="AA11508" s="5">
        <v>10</v>
      </c>
      <c r="AB11508" s="5" t="s">
        <v>43</v>
      </c>
      <c r="AC11508" s="5" t="s">
        <v>44</v>
      </c>
      <c r="AD11508" s="2" t="s">
        <v>35244</v>
      </c>
      <c r="AE11508" s="1"/>
    </row>
    <row r="11509" spans="1:31" ht="14.45">
      <c r="A11509" s="11"/>
      <c r="B11509" s="20"/>
      <c r="C11509" s="2" t="s">
        <v>35377</v>
      </c>
      <c r="D11509" s="14" t="s">
        <v>35378</v>
      </c>
      <c r="E11509" s="2" t="s">
        <v>35379</v>
      </c>
      <c r="F11509" s="2" t="s">
        <v>35238</v>
      </c>
      <c r="G11509" s="8">
        <v>289</v>
      </c>
      <c r="H11509" s="5">
        <v>15</v>
      </c>
      <c r="I11509" s="5" t="s">
        <v>69</v>
      </c>
      <c r="J11509" s="5" t="s">
        <v>27074</v>
      </c>
      <c r="K11509" s="2" t="s">
        <v>27075</v>
      </c>
      <c r="L11509" s="5" t="s">
        <v>27074</v>
      </c>
      <c r="M11509" s="2" t="s">
        <v>27075</v>
      </c>
      <c r="N11509" s="5" t="s">
        <v>24254</v>
      </c>
      <c r="O11509" s="5" t="s">
        <v>38</v>
      </c>
      <c r="P11509" s="5" t="s">
        <v>39</v>
      </c>
      <c r="Q11509" s="5" t="s">
        <v>40</v>
      </c>
      <c r="R11509" s="5" t="s">
        <v>24335</v>
      </c>
      <c r="S11509" s="5" t="s">
        <v>40</v>
      </c>
      <c r="T11509" s="5" t="s">
        <v>42</v>
      </c>
      <c r="U11509" s="2">
        <v>7.5659999999999998</v>
      </c>
      <c r="V11509" s="2">
        <v>6.7830000000000004</v>
      </c>
      <c r="W11509" s="2">
        <v>3.9E-2</v>
      </c>
      <c r="X11509" s="2">
        <v>11</v>
      </c>
      <c r="Y11509" s="2">
        <v>27</v>
      </c>
      <c r="Z11509" s="2">
        <v>132.19999999999999</v>
      </c>
      <c r="AA11509" s="5">
        <v>10</v>
      </c>
      <c r="AB11509" s="5" t="s">
        <v>43</v>
      </c>
      <c r="AC11509" s="5" t="s">
        <v>44</v>
      </c>
      <c r="AD11509" s="2" t="s">
        <v>35239</v>
      </c>
      <c r="AE11509" s="1"/>
    </row>
    <row r="11510" spans="1:31" ht="14.45">
      <c r="A11510" s="11"/>
      <c r="B11510" s="20"/>
      <c r="C11510" s="2" t="s">
        <v>35380</v>
      </c>
      <c r="D11510" s="14" t="s">
        <v>35381</v>
      </c>
      <c r="E11510" s="2" t="s">
        <v>35382</v>
      </c>
      <c r="F11510" s="2" t="s">
        <v>35243</v>
      </c>
      <c r="G11510" s="8">
        <v>210</v>
      </c>
      <c r="H11510" s="5">
        <v>5</v>
      </c>
      <c r="I11510" s="5" t="s">
        <v>69</v>
      </c>
      <c r="J11510" s="5" t="s">
        <v>27074</v>
      </c>
      <c r="K11510" s="2" t="s">
        <v>27075</v>
      </c>
      <c r="L11510" s="5" t="s">
        <v>27074</v>
      </c>
      <c r="M11510" s="2" t="s">
        <v>27075</v>
      </c>
      <c r="N11510" s="5" t="s">
        <v>24254</v>
      </c>
      <c r="O11510" s="5" t="s">
        <v>38</v>
      </c>
      <c r="P11510" s="5" t="s">
        <v>39</v>
      </c>
      <c r="Q11510" s="5" t="s">
        <v>40</v>
      </c>
      <c r="R11510" s="5" t="s">
        <v>24335</v>
      </c>
      <c r="S11510" s="5" t="s">
        <v>40</v>
      </c>
      <c r="T11510" s="5" t="s">
        <v>42</v>
      </c>
      <c r="U11510" s="2">
        <v>5.915</v>
      </c>
      <c r="V11510" s="2">
        <v>3.9969999999999999</v>
      </c>
      <c r="W11510" s="2">
        <v>0.104</v>
      </c>
      <c r="X11510" s="2">
        <v>12</v>
      </c>
      <c r="Y11510" s="2">
        <v>50</v>
      </c>
      <c r="Z11510" s="2">
        <v>173.9</v>
      </c>
      <c r="AA11510" s="5">
        <v>10</v>
      </c>
      <c r="AB11510" s="5" t="s">
        <v>43</v>
      </c>
      <c r="AC11510" s="5" t="s">
        <v>44</v>
      </c>
      <c r="AD11510" s="2" t="s">
        <v>35244</v>
      </c>
      <c r="AE11510" s="1"/>
    </row>
    <row r="11511" spans="1:31" ht="14.45">
      <c r="A11511" s="5"/>
      <c r="B11511" s="21"/>
      <c r="C11511" s="2" t="s">
        <v>35383</v>
      </c>
      <c r="D11511" s="14" t="s">
        <v>35384</v>
      </c>
      <c r="E11511" s="2" t="s">
        <v>35385</v>
      </c>
      <c r="F11511" s="2"/>
      <c r="G11511" s="8">
        <v>210</v>
      </c>
      <c r="H11511" s="5">
        <v>25</v>
      </c>
      <c r="I11511" s="5" t="s">
        <v>69</v>
      </c>
      <c r="J11511" s="5" t="s">
        <v>27074</v>
      </c>
      <c r="K11511" s="2" t="s">
        <v>27075</v>
      </c>
      <c r="L11511" s="5" t="s">
        <v>27074</v>
      </c>
      <c r="M11511" s="2" t="s">
        <v>27075</v>
      </c>
      <c r="N11511" s="5" t="s">
        <v>24254</v>
      </c>
      <c r="O11511" s="5" t="s">
        <v>38</v>
      </c>
      <c r="P11511" s="5" t="s">
        <v>39</v>
      </c>
      <c r="Q11511" s="5" t="s">
        <v>40</v>
      </c>
      <c r="R11511" s="5" t="s">
        <v>24335</v>
      </c>
      <c r="S11511" s="5" t="s">
        <v>40</v>
      </c>
      <c r="T11511" s="5" t="s">
        <v>42</v>
      </c>
      <c r="U11511" s="2">
        <v>7.7619999999999996</v>
      </c>
      <c r="V11511" s="2">
        <v>5.8330000000000002</v>
      </c>
      <c r="W11511" s="2">
        <v>0.17399999999999999</v>
      </c>
      <c r="X11511" s="2">
        <v>12</v>
      </c>
      <c r="Y11511" s="2">
        <v>62</v>
      </c>
      <c r="Z11511" s="2">
        <v>234.1</v>
      </c>
      <c r="AA11511" s="5">
        <v>10</v>
      </c>
      <c r="AB11511" s="5" t="s">
        <v>43</v>
      </c>
      <c r="AC11511" s="5" t="s">
        <v>44</v>
      </c>
      <c r="AD11511" s="2" t="s">
        <v>35252</v>
      </c>
      <c r="AE11511" s="1"/>
    </row>
    <row r="11512" spans="1:31" ht="14.45">
      <c r="A11512" s="11"/>
      <c r="B11512" s="20"/>
      <c r="C11512" s="2" t="s">
        <v>35386</v>
      </c>
      <c r="D11512" s="14" t="s">
        <v>35387</v>
      </c>
      <c r="E11512" s="2" t="s">
        <v>35388</v>
      </c>
      <c r="F11512" s="2" t="s">
        <v>35243</v>
      </c>
      <c r="G11512" s="8">
        <v>210</v>
      </c>
      <c r="H11512" s="5">
        <v>5</v>
      </c>
      <c r="I11512" s="5" t="s">
        <v>69</v>
      </c>
      <c r="J11512" s="5" t="s">
        <v>27074</v>
      </c>
      <c r="K11512" s="2" t="s">
        <v>27075</v>
      </c>
      <c r="L11512" s="5" t="s">
        <v>27074</v>
      </c>
      <c r="M11512" s="2" t="s">
        <v>27075</v>
      </c>
      <c r="N11512" s="5" t="s">
        <v>24254</v>
      </c>
      <c r="O11512" s="5" t="s">
        <v>38</v>
      </c>
      <c r="P11512" s="5" t="s">
        <v>39</v>
      </c>
      <c r="Q11512" s="5" t="s">
        <v>40</v>
      </c>
      <c r="R11512" s="5" t="s">
        <v>24335</v>
      </c>
      <c r="S11512" s="5" t="s">
        <v>40</v>
      </c>
      <c r="T11512" s="5" t="s">
        <v>42</v>
      </c>
      <c r="U11512" s="2">
        <v>6.3360000000000003</v>
      </c>
      <c r="V11512" s="2">
        <v>4.4180000000000001</v>
      </c>
      <c r="W11512" s="2">
        <v>0.104</v>
      </c>
      <c r="X11512" s="2">
        <v>12</v>
      </c>
      <c r="Y11512" s="2">
        <v>50</v>
      </c>
      <c r="Z11512" s="2">
        <v>173.9</v>
      </c>
      <c r="AA11512" s="5">
        <v>10</v>
      </c>
      <c r="AB11512" s="5" t="s">
        <v>43</v>
      </c>
      <c r="AC11512" s="5" t="s">
        <v>44</v>
      </c>
      <c r="AD11512" s="2" t="s">
        <v>35248</v>
      </c>
      <c r="AE11512" s="1"/>
    </row>
    <row r="11513" spans="1:31" ht="14.45">
      <c r="A11513" s="11"/>
      <c r="B11513" s="20"/>
      <c r="C11513" s="2" t="s">
        <v>35389</v>
      </c>
      <c r="D11513" s="14" t="s">
        <v>35390</v>
      </c>
      <c r="E11513" s="2" t="s">
        <v>35391</v>
      </c>
      <c r="F11513" s="2" t="s">
        <v>35256</v>
      </c>
      <c r="G11513" s="8">
        <v>361</v>
      </c>
      <c r="H11513" s="5">
        <v>10</v>
      </c>
      <c r="I11513" s="5" t="s">
        <v>69</v>
      </c>
      <c r="J11513" s="5" t="s">
        <v>27074</v>
      </c>
      <c r="K11513" s="2" t="s">
        <v>27075</v>
      </c>
      <c r="L11513" s="5" t="s">
        <v>27074</v>
      </c>
      <c r="M11513" s="2" t="s">
        <v>27075</v>
      </c>
      <c r="N11513" s="5" t="s">
        <v>24254</v>
      </c>
      <c r="O11513" s="5" t="s">
        <v>38</v>
      </c>
      <c r="P11513" s="5" t="s">
        <v>39</v>
      </c>
      <c r="Q11513" s="5" t="s">
        <v>40</v>
      </c>
      <c r="R11513" s="5" t="s">
        <v>24340</v>
      </c>
      <c r="S11513" s="5" t="s">
        <v>40</v>
      </c>
      <c r="T11513" s="5" t="s">
        <v>42</v>
      </c>
      <c r="U11513" s="2">
        <v>9.1359999999999992</v>
      </c>
      <c r="V11513" s="2">
        <v>7.7439999999999998</v>
      </c>
      <c r="W11513" s="2">
        <v>0.104</v>
      </c>
      <c r="X11513" s="2">
        <v>12</v>
      </c>
      <c r="Y11513" s="2">
        <v>50</v>
      </c>
      <c r="Z11513" s="2">
        <v>173.9</v>
      </c>
      <c r="AA11513" s="5">
        <v>10</v>
      </c>
      <c r="AB11513" s="5" t="s">
        <v>43</v>
      </c>
      <c r="AC11513" s="5" t="s">
        <v>44</v>
      </c>
      <c r="AD11513" s="2" t="s">
        <v>35257</v>
      </c>
      <c r="AE11513" s="1"/>
    </row>
    <row r="11514" spans="1:31" ht="14.45">
      <c r="A11514" s="11"/>
      <c r="B11514" s="20"/>
      <c r="C11514" s="2" t="s">
        <v>35392</v>
      </c>
      <c r="D11514" s="14" t="s">
        <v>35393</v>
      </c>
      <c r="E11514" s="2" t="s">
        <v>35394</v>
      </c>
      <c r="F11514" s="2" t="s">
        <v>35298</v>
      </c>
      <c r="G11514" s="8">
        <v>361</v>
      </c>
      <c r="H11514" s="5">
        <v>10</v>
      </c>
      <c r="I11514" s="5" t="s">
        <v>69</v>
      </c>
      <c r="J11514" s="5" t="s">
        <v>27074</v>
      </c>
      <c r="K11514" s="2" t="s">
        <v>27075</v>
      </c>
      <c r="L11514" s="5" t="s">
        <v>27074</v>
      </c>
      <c r="M11514" s="2" t="s">
        <v>27075</v>
      </c>
      <c r="N11514" s="5" t="s">
        <v>24254</v>
      </c>
      <c r="O11514" s="5" t="s">
        <v>38</v>
      </c>
      <c r="P11514" s="5" t="s">
        <v>39</v>
      </c>
      <c r="Q11514" s="5" t="s">
        <v>40</v>
      </c>
      <c r="R11514" s="5" t="s">
        <v>25301</v>
      </c>
      <c r="S11514" s="5" t="s">
        <v>40</v>
      </c>
      <c r="T11514" s="5" t="s">
        <v>42</v>
      </c>
      <c r="U11514" s="2">
        <v>9.2560000000000002</v>
      </c>
      <c r="V11514" s="2">
        <v>7.8630000000000004</v>
      </c>
      <c r="W11514" s="2">
        <v>0.104</v>
      </c>
      <c r="X11514" s="2">
        <v>12</v>
      </c>
      <c r="Y11514" s="2">
        <v>50</v>
      </c>
      <c r="Z11514" s="2">
        <v>173.9</v>
      </c>
      <c r="AA11514" s="5">
        <v>10</v>
      </c>
      <c r="AB11514" s="5" t="s">
        <v>43</v>
      </c>
      <c r="AC11514" s="5" t="s">
        <v>44</v>
      </c>
      <c r="AD11514" s="2" t="s">
        <v>35395</v>
      </c>
      <c r="AE11514" s="1"/>
    </row>
    <row r="11515" spans="1:31" ht="14.45">
      <c r="A11515" s="11"/>
      <c r="B11515" s="20"/>
      <c r="C11515" s="2" t="s">
        <v>35396</v>
      </c>
      <c r="D11515" s="14" t="s">
        <v>35397</v>
      </c>
      <c r="E11515" s="2" t="s">
        <v>35398</v>
      </c>
      <c r="F11515" s="2" t="s">
        <v>35243</v>
      </c>
      <c r="G11515" s="8">
        <v>221</v>
      </c>
      <c r="H11515" s="5">
        <v>5</v>
      </c>
      <c r="I11515" s="5" t="s">
        <v>69</v>
      </c>
      <c r="J11515" s="5" t="s">
        <v>27074</v>
      </c>
      <c r="K11515" s="2" t="s">
        <v>27075</v>
      </c>
      <c r="L11515" s="5" t="s">
        <v>27074</v>
      </c>
      <c r="M11515" s="2" t="s">
        <v>27075</v>
      </c>
      <c r="N11515" s="5" t="s">
        <v>24254</v>
      </c>
      <c r="O11515" s="5" t="s">
        <v>38</v>
      </c>
      <c r="P11515" s="5" t="s">
        <v>39</v>
      </c>
      <c r="Q11515" s="5" t="s">
        <v>40</v>
      </c>
      <c r="R11515" s="5" t="s">
        <v>24335</v>
      </c>
      <c r="S11515" s="5" t="s">
        <v>40</v>
      </c>
      <c r="T11515" s="5" t="s">
        <v>42</v>
      </c>
      <c r="U11515" s="2">
        <v>6.3140000000000001</v>
      </c>
      <c r="V11515" s="2">
        <v>4.3959999999999999</v>
      </c>
      <c r="W11515" s="2">
        <v>0.104</v>
      </c>
      <c r="X11515" s="2">
        <v>12</v>
      </c>
      <c r="Y11515" s="2">
        <v>50</v>
      </c>
      <c r="Z11515" s="2">
        <v>173.9</v>
      </c>
      <c r="AA11515" s="5">
        <v>10</v>
      </c>
      <c r="AB11515" s="5" t="s">
        <v>43</v>
      </c>
      <c r="AC11515" s="5" t="s">
        <v>44</v>
      </c>
      <c r="AD11515" s="2" t="s">
        <v>35244</v>
      </c>
      <c r="AE11515" s="1"/>
    </row>
    <row r="11516" spans="1:31" ht="14.45">
      <c r="A11516" s="11"/>
      <c r="B11516" s="20"/>
      <c r="C11516" s="2" t="s">
        <v>35399</v>
      </c>
      <c r="D11516" s="14" t="s">
        <v>35400</v>
      </c>
      <c r="E11516" s="2" t="s">
        <v>35401</v>
      </c>
      <c r="F11516" s="2" t="s">
        <v>35243</v>
      </c>
      <c r="G11516" s="8">
        <v>221</v>
      </c>
      <c r="H11516" s="5">
        <v>5</v>
      </c>
      <c r="I11516" s="5" t="s">
        <v>69</v>
      </c>
      <c r="J11516" s="5" t="s">
        <v>27074</v>
      </c>
      <c r="K11516" s="2" t="s">
        <v>27075</v>
      </c>
      <c r="L11516" s="5" t="s">
        <v>27074</v>
      </c>
      <c r="M11516" s="2" t="s">
        <v>27075</v>
      </c>
      <c r="N11516" s="5" t="s">
        <v>24254</v>
      </c>
      <c r="O11516" s="5" t="s">
        <v>38</v>
      </c>
      <c r="P11516" s="5" t="s">
        <v>39</v>
      </c>
      <c r="Q11516" s="5" t="s">
        <v>40</v>
      </c>
      <c r="R11516" s="5" t="s">
        <v>24335</v>
      </c>
      <c r="S11516" s="5" t="s">
        <v>40</v>
      </c>
      <c r="T11516" s="5" t="s">
        <v>42</v>
      </c>
      <c r="U11516" s="2">
        <v>6.7350000000000003</v>
      </c>
      <c r="V11516" s="2">
        <v>4.8170000000000002</v>
      </c>
      <c r="W11516" s="2">
        <v>0.104</v>
      </c>
      <c r="X11516" s="2">
        <v>12</v>
      </c>
      <c r="Y11516" s="2">
        <v>50</v>
      </c>
      <c r="Z11516" s="2">
        <v>173.9</v>
      </c>
      <c r="AA11516" s="5">
        <v>10</v>
      </c>
      <c r="AB11516" s="5" t="s">
        <v>43</v>
      </c>
      <c r="AC11516" s="5" t="s">
        <v>44</v>
      </c>
      <c r="AD11516" s="2" t="s">
        <v>35248</v>
      </c>
      <c r="AE11516" s="1"/>
    </row>
    <row r="11517" spans="1:31" ht="14.45">
      <c r="A11517" s="11"/>
      <c r="B11517" s="20"/>
      <c r="C11517" s="2" t="s">
        <v>35402</v>
      </c>
      <c r="D11517" s="14" t="s">
        <v>35403</v>
      </c>
      <c r="E11517" s="2" t="s">
        <v>35404</v>
      </c>
      <c r="F11517" s="2" t="s">
        <v>35298</v>
      </c>
      <c r="G11517" s="8">
        <v>372</v>
      </c>
      <c r="H11517" s="5">
        <v>10</v>
      </c>
      <c r="I11517" s="5" t="s">
        <v>69</v>
      </c>
      <c r="J11517" s="5" t="s">
        <v>27074</v>
      </c>
      <c r="K11517" s="2" t="s">
        <v>27075</v>
      </c>
      <c r="L11517" s="5" t="s">
        <v>27074</v>
      </c>
      <c r="M11517" s="2" t="s">
        <v>27075</v>
      </c>
      <c r="N11517" s="5" t="s">
        <v>24254</v>
      </c>
      <c r="O11517" s="5" t="s">
        <v>38</v>
      </c>
      <c r="P11517" s="5" t="s">
        <v>39</v>
      </c>
      <c r="Q11517" s="5" t="s">
        <v>40</v>
      </c>
      <c r="R11517" s="5" t="s">
        <v>25301</v>
      </c>
      <c r="S11517" s="5" t="s">
        <v>40</v>
      </c>
      <c r="T11517" s="5" t="s">
        <v>42</v>
      </c>
      <c r="U11517" s="2">
        <v>8.9760000000000009</v>
      </c>
      <c r="V11517" s="2">
        <v>7.5830000000000002</v>
      </c>
      <c r="W11517" s="2">
        <v>0.104</v>
      </c>
      <c r="X11517" s="2">
        <v>12</v>
      </c>
      <c r="Y11517" s="2">
        <v>50</v>
      </c>
      <c r="Z11517" s="2">
        <v>173.9</v>
      </c>
      <c r="AA11517" s="5">
        <v>10</v>
      </c>
      <c r="AB11517" s="5" t="s">
        <v>43</v>
      </c>
      <c r="AC11517" s="5" t="s">
        <v>44</v>
      </c>
      <c r="AD11517" s="2" t="s">
        <v>35299</v>
      </c>
      <c r="AE11517" s="1"/>
    </row>
    <row r="11518" spans="1:31" ht="14.45">
      <c r="A11518" s="11"/>
      <c r="B11518" s="20"/>
      <c r="C11518" s="2" t="s">
        <v>35405</v>
      </c>
      <c r="D11518" s="14" t="s">
        <v>35406</v>
      </c>
      <c r="E11518" s="2" t="s">
        <v>35407</v>
      </c>
      <c r="F11518" s="2" t="s">
        <v>35243</v>
      </c>
      <c r="G11518" s="8">
        <v>234</v>
      </c>
      <c r="H11518" s="5">
        <v>5</v>
      </c>
      <c r="I11518" s="5" t="s">
        <v>69</v>
      </c>
      <c r="J11518" s="5" t="s">
        <v>27074</v>
      </c>
      <c r="K11518" s="2" t="s">
        <v>27075</v>
      </c>
      <c r="L11518" s="5" t="s">
        <v>27074</v>
      </c>
      <c r="M11518" s="2" t="s">
        <v>27075</v>
      </c>
      <c r="N11518" s="5" t="s">
        <v>24254</v>
      </c>
      <c r="O11518" s="5" t="s">
        <v>38</v>
      </c>
      <c r="P11518" s="5" t="s">
        <v>39</v>
      </c>
      <c r="Q11518" s="5" t="s">
        <v>40</v>
      </c>
      <c r="R11518" s="5" t="s">
        <v>24335</v>
      </c>
      <c r="S11518" s="5" t="s">
        <v>40</v>
      </c>
      <c r="T11518" s="5" t="s">
        <v>42</v>
      </c>
      <c r="U11518" s="2">
        <v>6.6849999999999996</v>
      </c>
      <c r="V11518" s="2">
        <v>4.7670000000000003</v>
      </c>
      <c r="W11518" s="2">
        <v>0.104</v>
      </c>
      <c r="X11518" s="2">
        <v>12</v>
      </c>
      <c r="Y11518" s="2">
        <v>50</v>
      </c>
      <c r="Z11518" s="2">
        <v>173.9</v>
      </c>
      <c r="AA11518" s="5">
        <v>10</v>
      </c>
      <c r="AB11518" s="5" t="s">
        <v>43</v>
      </c>
      <c r="AC11518" s="5" t="s">
        <v>44</v>
      </c>
      <c r="AD11518" s="2" t="s">
        <v>35244</v>
      </c>
      <c r="AE11518" s="1"/>
    </row>
    <row r="11519" spans="1:31" ht="14.45">
      <c r="A11519" s="11"/>
      <c r="B11519" s="20"/>
      <c r="C11519" s="2" t="s">
        <v>35408</v>
      </c>
      <c r="D11519" s="14" t="s">
        <v>35409</v>
      </c>
      <c r="E11519" s="2" t="s">
        <v>35410</v>
      </c>
      <c r="F11519" s="2" t="s">
        <v>35243</v>
      </c>
      <c r="G11519" s="8">
        <v>234</v>
      </c>
      <c r="H11519" s="5">
        <v>5</v>
      </c>
      <c r="I11519" s="5" t="s">
        <v>69</v>
      </c>
      <c r="J11519" s="5" t="s">
        <v>27074</v>
      </c>
      <c r="K11519" s="2" t="s">
        <v>27075</v>
      </c>
      <c r="L11519" s="5" t="s">
        <v>27074</v>
      </c>
      <c r="M11519" s="2" t="s">
        <v>27075</v>
      </c>
      <c r="N11519" s="5" t="s">
        <v>24254</v>
      </c>
      <c r="O11519" s="5" t="s">
        <v>38</v>
      </c>
      <c r="P11519" s="5" t="s">
        <v>39</v>
      </c>
      <c r="Q11519" s="5" t="s">
        <v>40</v>
      </c>
      <c r="R11519" s="5" t="s">
        <v>24335</v>
      </c>
      <c r="S11519" s="5" t="s">
        <v>40</v>
      </c>
      <c r="T11519" s="5" t="s">
        <v>42</v>
      </c>
      <c r="U11519" s="2">
        <v>7.1059999999999999</v>
      </c>
      <c r="V11519" s="2">
        <v>5.1879999999999997</v>
      </c>
      <c r="W11519" s="2">
        <v>0.104</v>
      </c>
      <c r="X11519" s="2">
        <v>12</v>
      </c>
      <c r="Y11519" s="2">
        <v>50</v>
      </c>
      <c r="Z11519" s="2">
        <v>173.9</v>
      </c>
      <c r="AA11519" s="5">
        <v>10</v>
      </c>
      <c r="AB11519" s="5" t="s">
        <v>43</v>
      </c>
      <c r="AC11519" s="5" t="s">
        <v>44</v>
      </c>
      <c r="AD11519" s="2" t="s">
        <v>35248</v>
      </c>
      <c r="AE11519" s="1"/>
    </row>
    <row r="11520" spans="1:31" ht="14.45">
      <c r="A11520" s="5"/>
      <c r="B11520" s="21"/>
      <c r="C11520" s="2" t="s">
        <v>35411</v>
      </c>
      <c r="D11520" s="14" t="s">
        <v>35412</v>
      </c>
      <c r="E11520" s="2" t="s">
        <v>35413</v>
      </c>
      <c r="F11520" s="2"/>
      <c r="G11520" s="8">
        <v>234</v>
      </c>
      <c r="H11520" s="5">
        <v>25</v>
      </c>
      <c r="I11520" s="5" t="s">
        <v>69</v>
      </c>
      <c r="J11520" s="5" t="s">
        <v>27074</v>
      </c>
      <c r="K11520" s="2" t="s">
        <v>27075</v>
      </c>
      <c r="L11520" s="5" t="s">
        <v>27074</v>
      </c>
      <c r="M11520" s="2" t="s">
        <v>27075</v>
      </c>
      <c r="N11520" s="5" t="s">
        <v>24254</v>
      </c>
      <c r="O11520" s="5" t="s">
        <v>38</v>
      </c>
      <c r="P11520" s="5" t="s">
        <v>39</v>
      </c>
      <c r="Q11520" s="5" t="s">
        <v>40</v>
      </c>
      <c r="R11520" s="5" t="s">
        <v>24335</v>
      </c>
      <c r="S11520" s="5" t="s">
        <v>40</v>
      </c>
      <c r="T11520" s="5" t="s">
        <v>42</v>
      </c>
      <c r="U11520" s="2">
        <v>9.8279999999999994</v>
      </c>
      <c r="V11520" s="2">
        <v>9.7309999999999999</v>
      </c>
      <c r="W11520" s="2">
        <v>0.17399999999999999</v>
      </c>
      <c r="X11520" s="2">
        <v>12</v>
      </c>
      <c r="Y11520" s="2">
        <v>62</v>
      </c>
      <c r="Z11520" s="2">
        <v>234.1</v>
      </c>
      <c r="AA11520" s="5">
        <v>10</v>
      </c>
      <c r="AB11520" s="5" t="s">
        <v>43</v>
      </c>
      <c r="AC11520" s="5" t="s">
        <v>44</v>
      </c>
      <c r="AD11520" s="2" t="s">
        <v>35252</v>
      </c>
      <c r="AE11520" s="1"/>
    </row>
    <row r="11521" spans="1:31" ht="14.45">
      <c r="A11521" s="11"/>
      <c r="B11521" s="20"/>
      <c r="C11521" s="2" t="s">
        <v>35414</v>
      </c>
      <c r="D11521" s="14" t="s">
        <v>35415</v>
      </c>
      <c r="E11521" s="2" t="s">
        <v>35416</v>
      </c>
      <c r="F11521" s="2" t="s">
        <v>35238</v>
      </c>
      <c r="G11521" s="8">
        <v>308</v>
      </c>
      <c r="H11521" s="5">
        <v>15</v>
      </c>
      <c r="I11521" s="5" t="s">
        <v>69</v>
      </c>
      <c r="J11521" s="5" t="s">
        <v>27074</v>
      </c>
      <c r="K11521" s="2" t="s">
        <v>27075</v>
      </c>
      <c r="L11521" s="5" t="s">
        <v>27074</v>
      </c>
      <c r="M11521" s="2" t="s">
        <v>27075</v>
      </c>
      <c r="N11521" s="5" t="s">
        <v>24254</v>
      </c>
      <c r="O11521" s="5" t="s">
        <v>38</v>
      </c>
      <c r="P11521" s="5" t="s">
        <v>39</v>
      </c>
      <c r="Q11521" s="5" t="s">
        <v>40</v>
      </c>
      <c r="R11521" s="5" t="s">
        <v>24335</v>
      </c>
      <c r="S11521" s="5" t="s">
        <v>40</v>
      </c>
      <c r="T11521" s="5" t="s">
        <v>42</v>
      </c>
      <c r="U11521" s="2">
        <v>7.7649999999999997</v>
      </c>
      <c r="V11521" s="2">
        <v>6.867</v>
      </c>
      <c r="W11521" s="2">
        <v>4.5999999999999999E-2</v>
      </c>
      <c r="X11521" s="2">
        <v>11</v>
      </c>
      <c r="Y11521" s="2">
        <v>27</v>
      </c>
      <c r="Z11521" s="2">
        <v>154.19999999999999</v>
      </c>
      <c r="AA11521" s="5">
        <v>10</v>
      </c>
      <c r="AB11521" s="5" t="s">
        <v>43</v>
      </c>
      <c r="AC11521" s="5" t="s">
        <v>44</v>
      </c>
      <c r="AD11521" s="2" t="s">
        <v>35239</v>
      </c>
      <c r="AE11521" s="1"/>
    </row>
    <row r="11522" spans="1:31" ht="14.45">
      <c r="A11522" s="11"/>
      <c r="B11522" s="20"/>
      <c r="C11522" s="2" t="s">
        <v>35417</v>
      </c>
      <c r="D11522" s="14" t="s">
        <v>35418</v>
      </c>
      <c r="E11522" s="2" t="s">
        <v>35419</v>
      </c>
      <c r="F11522" s="2" t="s">
        <v>35243</v>
      </c>
      <c r="G11522" s="8">
        <v>221</v>
      </c>
      <c r="H11522" s="5">
        <v>5</v>
      </c>
      <c r="I11522" s="5" t="s">
        <v>69</v>
      </c>
      <c r="J11522" s="5" t="s">
        <v>27074</v>
      </c>
      <c r="K11522" s="2" t="s">
        <v>27075</v>
      </c>
      <c r="L11522" s="5" t="s">
        <v>27074</v>
      </c>
      <c r="M11522" s="2" t="s">
        <v>27075</v>
      </c>
      <c r="N11522" s="5" t="s">
        <v>24254</v>
      </c>
      <c r="O11522" s="5" t="s">
        <v>38</v>
      </c>
      <c r="P11522" s="5" t="s">
        <v>39</v>
      </c>
      <c r="Q11522" s="5" t="s">
        <v>40</v>
      </c>
      <c r="R11522" s="5" t="s">
        <v>24335</v>
      </c>
      <c r="S11522" s="5" t="s">
        <v>40</v>
      </c>
      <c r="T11522" s="5" t="s">
        <v>42</v>
      </c>
      <c r="U11522" s="2">
        <v>6.17</v>
      </c>
      <c r="V11522" s="2">
        <v>4.2519999999999998</v>
      </c>
      <c r="W11522" s="2">
        <v>0.104</v>
      </c>
      <c r="X11522" s="2">
        <v>12</v>
      </c>
      <c r="Y11522" s="2">
        <v>50</v>
      </c>
      <c r="Z11522" s="2">
        <v>173.9</v>
      </c>
      <c r="AA11522" s="5">
        <v>10</v>
      </c>
      <c r="AB11522" s="5" t="s">
        <v>43</v>
      </c>
      <c r="AC11522" s="5" t="s">
        <v>44</v>
      </c>
      <c r="AD11522" s="2" t="s">
        <v>35244</v>
      </c>
      <c r="AE11522" s="1"/>
    </row>
    <row r="11523" spans="1:31" ht="14.45">
      <c r="A11523" s="11"/>
      <c r="B11523" s="20"/>
      <c r="C11523" s="2" t="s">
        <v>35420</v>
      </c>
      <c r="D11523" s="14" t="s">
        <v>35421</v>
      </c>
      <c r="E11523" s="2" t="s">
        <v>35422</v>
      </c>
      <c r="F11523" s="2" t="s">
        <v>35243</v>
      </c>
      <c r="G11523" s="8">
        <v>221</v>
      </c>
      <c r="H11523" s="5">
        <v>5</v>
      </c>
      <c r="I11523" s="5" t="s">
        <v>69</v>
      </c>
      <c r="J11523" s="5" t="s">
        <v>27074</v>
      </c>
      <c r="K11523" s="2" t="s">
        <v>27075</v>
      </c>
      <c r="L11523" s="5" t="s">
        <v>27074</v>
      </c>
      <c r="M11523" s="2" t="s">
        <v>27075</v>
      </c>
      <c r="N11523" s="5" t="s">
        <v>24254</v>
      </c>
      <c r="O11523" s="5" t="s">
        <v>38</v>
      </c>
      <c r="P11523" s="5" t="s">
        <v>39</v>
      </c>
      <c r="Q11523" s="5" t="s">
        <v>40</v>
      </c>
      <c r="R11523" s="5" t="s">
        <v>24335</v>
      </c>
      <c r="S11523" s="5" t="s">
        <v>40</v>
      </c>
      <c r="T11523" s="5" t="s">
        <v>42</v>
      </c>
      <c r="U11523" s="2">
        <v>6.6459999999999999</v>
      </c>
      <c r="V11523" s="2">
        <v>4.7279999999999998</v>
      </c>
      <c r="W11523" s="2">
        <v>0.104</v>
      </c>
      <c r="X11523" s="2">
        <v>12</v>
      </c>
      <c r="Y11523" s="2">
        <v>50</v>
      </c>
      <c r="Z11523" s="2">
        <v>173.9</v>
      </c>
      <c r="AA11523" s="5">
        <v>10</v>
      </c>
      <c r="AB11523" s="5" t="s">
        <v>43</v>
      </c>
      <c r="AC11523" s="5" t="s">
        <v>44</v>
      </c>
      <c r="AD11523" s="2" t="s">
        <v>35248</v>
      </c>
      <c r="AE11523" s="1"/>
    </row>
    <row r="11524" spans="1:31" ht="14.45">
      <c r="A11524" s="11"/>
      <c r="B11524" s="20"/>
      <c r="C11524" s="2" t="s">
        <v>35423</v>
      </c>
      <c r="D11524" s="14" t="s">
        <v>35424</v>
      </c>
      <c r="E11524" s="2" t="s">
        <v>35425</v>
      </c>
      <c r="F11524" s="2" t="s">
        <v>35256</v>
      </c>
      <c r="G11524" s="8">
        <v>372</v>
      </c>
      <c r="H11524" s="5">
        <v>10</v>
      </c>
      <c r="I11524" s="5" t="s">
        <v>69</v>
      </c>
      <c r="J11524" s="5" t="s">
        <v>27074</v>
      </c>
      <c r="K11524" s="2" t="s">
        <v>27075</v>
      </c>
      <c r="L11524" s="5" t="s">
        <v>27074</v>
      </c>
      <c r="M11524" s="2" t="s">
        <v>27075</v>
      </c>
      <c r="N11524" s="5" t="s">
        <v>24254</v>
      </c>
      <c r="O11524" s="5" t="s">
        <v>38</v>
      </c>
      <c r="P11524" s="5" t="s">
        <v>39</v>
      </c>
      <c r="Q11524" s="5" t="s">
        <v>40</v>
      </c>
      <c r="R11524" s="5" t="s">
        <v>24340</v>
      </c>
      <c r="S11524" s="5" t="s">
        <v>40</v>
      </c>
      <c r="T11524" s="5" t="s">
        <v>42</v>
      </c>
      <c r="U11524" s="2">
        <v>11.44</v>
      </c>
      <c r="V11524" s="2">
        <v>9.6920000000000002</v>
      </c>
      <c r="W11524" s="2">
        <v>0.104</v>
      </c>
      <c r="X11524" s="2">
        <v>12</v>
      </c>
      <c r="Y11524" s="2">
        <v>50</v>
      </c>
      <c r="Z11524" s="2">
        <v>173.9</v>
      </c>
      <c r="AA11524" s="5">
        <v>10</v>
      </c>
      <c r="AB11524" s="5" t="s">
        <v>43</v>
      </c>
      <c r="AC11524" s="5" t="s">
        <v>44</v>
      </c>
      <c r="AD11524" s="2" t="s">
        <v>35294</v>
      </c>
      <c r="AE11524" s="1"/>
    </row>
    <row r="11525" spans="1:31" ht="14.45">
      <c r="A11525" s="11"/>
      <c r="B11525" s="20"/>
      <c r="C11525" s="2" t="s">
        <v>35426</v>
      </c>
      <c r="D11525" s="14" t="s">
        <v>35427</v>
      </c>
      <c r="E11525" s="2" t="s">
        <v>35428</v>
      </c>
      <c r="F11525" s="2" t="s">
        <v>35243</v>
      </c>
      <c r="G11525" s="8">
        <v>227</v>
      </c>
      <c r="H11525" s="5">
        <v>5</v>
      </c>
      <c r="I11525" s="5" t="s">
        <v>69</v>
      </c>
      <c r="J11525" s="5" t="s">
        <v>27074</v>
      </c>
      <c r="K11525" s="2" t="s">
        <v>27075</v>
      </c>
      <c r="L11525" s="5" t="s">
        <v>27074</v>
      </c>
      <c r="M11525" s="2" t="s">
        <v>27075</v>
      </c>
      <c r="N11525" s="5" t="s">
        <v>24254</v>
      </c>
      <c r="O11525" s="5" t="s">
        <v>38</v>
      </c>
      <c r="P11525" s="5" t="s">
        <v>39</v>
      </c>
      <c r="Q11525" s="5" t="s">
        <v>40</v>
      </c>
      <c r="R11525" s="5" t="s">
        <v>24335</v>
      </c>
      <c r="S11525" s="5" t="s">
        <v>40</v>
      </c>
      <c r="T11525" s="5" t="s">
        <v>42</v>
      </c>
      <c r="U11525" s="2">
        <v>6.5670000000000002</v>
      </c>
      <c r="V11525" s="2">
        <v>4.649</v>
      </c>
      <c r="W11525" s="2">
        <v>0.104</v>
      </c>
      <c r="X11525" s="2">
        <v>12</v>
      </c>
      <c r="Y11525" s="2">
        <v>50</v>
      </c>
      <c r="Z11525" s="2">
        <v>173.9</v>
      </c>
      <c r="AA11525" s="5">
        <v>10</v>
      </c>
      <c r="AB11525" s="5" t="s">
        <v>43</v>
      </c>
      <c r="AC11525" s="5" t="s">
        <v>44</v>
      </c>
      <c r="AD11525" s="2" t="s">
        <v>35244</v>
      </c>
      <c r="AE11525" s="1"/>
    </row>
    <row r="11526" spans="1:31" ht="14.45">
      <c r="A11526" s="11"/>
      <c r="B11526" s="20"/>
      <c r="C11526" s="2" t="s">
        <v>35429</v>
      </c>
      <c r="D11526" s="14" t="s">
        <v>35430</v>
      </c>
      <c r="E11526" s="2" t="s">
        <v>35431</v>
      </c>
      <c r="F11526" s="2" t="s">
        <v>35243</v>
      </c>
      <c r="G11526" s="8">
        <v>227</v>
      </c>
      <c r="H11526" s="5">
        <v>5</v>
      </c>
      <c r="I11526" s="5" t="s">
        <v>69</v>
      </c>
      <c r="J11526" s="5" t="s">
        <v>27074</v>
      </c>
      <c r="K11526" s="2" t="s">
        <v>27075</v>
      </c>
      <c r="L11526" s="5" t="s">
        <v>27074</v>
      </c>
      <c r="M11526" s="2" t="s">
        <v>27075</v>
      </c>
      <c r="N11526" s="5" t="s">
        <v>24254</v>
      </c>
      <c r="O11526" s="5" t="s">
        <v>38</v>
      </c>
      <c r="P11526" s="5" t="s">
        <v>39</v>
      </c>
      <c r="Q11526" s="5" t="s">
        <v>40</v>
      </c>
      <c r="R11526" s="5" t="s">
        <v>24335</v>
      </c>
      <c r="S11526" s="5" t="s">
        <v>40</v>
      </c>
      <c r="T11526" s="5" t="s">
        <v>42</v>
      </c>
      <c r="U11526" s="2">
        <v>7.0430000000000001</v>
      </c>
      <c r="V11526" s="2">
        <v>5.125</v>
      </c>
      <c r="W11526" s="2">
        <v>0.104</v>
      </c>
      <c r="X11526" s="2">
        <v>12</v>
      </c>
      <c r="Y11526" s="2">
        <v>50</v>
      </c>
      <c r="Z11526" s="2">
        <v>173.9</v>
      </c>
      <c r="AA11526" s="5">
        <v>10</v>
      </c>
      <c r="AB11526" s="5" t="s">
        <v>43</v>
      </c>
      <c r="AC11526" s="5" t="s">
        <v>44</v>
      </c>
      <c r="AD11526" s="2" t="s">
        <v>35248</v>
      </c>
      <c r="AE11526" s="1"/>
    </row>
    <row r="11527" spans="1:31" ht="14.45">
      <c r="A11527" s="5"/>
      <c r="B11527" s="21"/>
      <c r="C11527" s="2" t="s">
        <v>35432</v>
      </c>
      <c r="D11527" s="14" t="s">
        <v>35433</v>
      </c>
      <c r="E11527" s="2" t="s">
        <v>35434</v>
      </c>
      <c r="F11527" s="2"/>
      <c r="G11527" s="8">
        <v>227</v>
      </c>
      <c r="H11527" s="5">
        <v>25</v>
      </c>
      <c r="I11527" s="5" t="s">
        <v>69</v>
      </c>
      <c r="J11527" s="5" t="s">
        <v>27074</v>
      </c>
      <c r="K11527" s="2" t="s">
        <v>27075</v>
      </c>
      <c r="L11527" s="5" t="s">
        <v>27074</v>
      </c>
      <c r="M11527" s="2" t="s">
        <v>27075</v>
      </c>
      <c r="N11527" s="5" t="s">
        <v>24254</v>
      </c>
      <c r="O11527" s="5" t="s">
        <v>38</v>
      </c>
      <c r="P11527" s="5" t="s">
        <v>39</v>
      </c>
      <c r="Q11527" s="5" t="s">
        <v>40</v>
      </c>
      <c r="R11527" s="5" t="s">
        <v>24335</v>
      </c>
      <c r="S11527" s="5" t="s">
        <v>40</v>
      </c>
      <c r="T11527" s="5" t="s">
        <v>42</v>
      </c>
      <c r="U11527" s="2">
        <v>10.378</v>
      </c>
      <c r="V11527" s="2">
        <v>7.6719999999999997</v>
      </c>
      <c r="W11527" s="2">
        <v>0.17399999999999999</v>
      </c>
      <c r="X11527" s="2">
        <v>12</v>
      </c>
      <c r="Y11527" s="2">
        <v>62</v>
      </c>
      <c r="Z11527" s="2">
        <v>234.1</v>
      </c>
      <c r="AA11527" s="5">
        <v>10</v>
      </c>
      <c r="AB11527" s="5" t="s">
        <v>43</v>
      </c>
      <c r="AC11527" s="5" t="s">
        <v>44</v>
      </c>
      <c r="AD11527" s="2" t="s">
        <v>35252</v>
      </c>
      <c r="AE11527" s="1"/>
    </row>
    <row r="11528" spans="1:31" ht="14.45">
      <c r="A11528" s="11"/>
      <c r="B11528" s="20"/>
      <c r="C11528" s="2" t="s">
        <v>35435</v>
      </c>
      <c r="D11528" s="14" t="s">
        <v>35436</v>
      </c>
      <c r="E11528" s="2" t="s">
        <v>35437</v>
      </c>
      <c r="F11528" s="2" t="s">
        <v>35243</v>
      </c>
      <c r="G11528" s="8">
        <v>251</v>
      </c>
      <c r="H11528" s="5">
        <v>5</v>
      </c>
      <c r="I11528" s="5" t="s">
        <v>69</v>
      </c>
      <c r="J11528" s="5" t="s">
        <v>27074</v>
      </c>
      <c r="K11528" s="2" t="s">
        <v>27075</v>
      </c>
      <c r="L11528" s="5" t="s">
        <v>27074</v>
      </c>
      <c r="M11528" s="2" t="s">
        <v>27075</v>
      </c>
      <c r="N11528" s="5" t="s">
        <v>24254</v>
      </c>
      <c r="O11528" s="5" t="s">
        <v>38</v>
      </c>
      <c r="P11528" s="5" t="s">
        <v>39</v>
      </c>
      <c r="Q11528" s="5" t="s">
        <v>40</v>
      </c>
      <c r="R11528" s="5" t="s">
        <v>24335</v>
      </c>
      <c r="S11528" s="5" t="s">
        <v>40</v>
      </c>
      <c r="T11528" s="5" t="s">
        <v>42</v>
      </c>
      <c r="U11528" s="2">
        <v>6.9379999999999997</v>
      </c>
      <c r="V11528" s="2">
        <v>5.0199999999999996</v>
      </c>
      <c r="W11528" s="2">
        <v>0.104</v>
      </c>
      <c r="X11528" s="2">
        <v>12</v>
      </c>
      <c r="Y11528" s="2">
        <v>50</v>
      </c>
      <c r="Z11528" s="2">
        <v>173.9</v>
      </c>
      <c r="AA11528" s="5">
        <v>10</v>
      </c>
      <c r="AB11528" s="5" t="s">
        <v>43</v>
      </c>
      <c r="AC11528" s="5" t="s">
        <v>44</v>
      </c>
      <c r="AD11528" s="2" t="s">
        <v>35244</v>
      </c>
      <c r="AE11528" s="1"/>
    </row>
    <row r="11529" spans="1:31" ht="14.45">
      <c r="A11529" s="11"/>
      <c r="B11529" s="20"/>
      <c r="C11529" s="2" t="s">
        <v>35438</v>
      </c>
      <c r="D11529" s="14" t="s">
        <v>35439</v>
      </c>
      <c r="E11529" s="2" t="s">
        <v>35440</v>
      </c>
      <c r="F11529" s="2" t="s">
        <v>35243</v>
      </c>
      <c r="G11529" s="8">
        <v>251</v>
      </c>
      <c r="H11529" s="5">
        <v>5</v>
      </c>
      <c r="I11529" s="5" t="s">
        <v>69</v>
      </c>
      <c r="J11529" s="5" t="s">
        <v>27074</v>
      </c>
      <c r="K11529" s="2" t="s">
        <v>27075</v>
      </c>
      <c r="L11529" s="5" t="s">
        <v>27074</v>
      </c>
      <c r="M11529" s="2" t="s">
        <v>27075</v>
      </c>
      <c r="N11529" s="5" t="s">
        <v>24254</v>
      </c>
      <c r="O11529" s="5" t="s">
        <v>38</v>
      </c>
      <c r="P11529" s="5" t="s">
        <v>39</v>
      </c>
      <c r="Q11529" s="5" t="s">
        <v>40</v>
      </c>
      <c r="R11529" s="5" t="s">
        <v>24335</v>
      </c>
      <c r="S11529" s="5" t="s">
        <v>40</v>
      </c>
      <c r="T11529" s="5" t="s">
        <v>42</v>
      </c>
      <c r="U11529" s="2">
        <v>7.4139999999999997</v>
      </c>
      <c r="V11529" s="2">
        <v>5.4960000000000004</v>
      </c>
      <c r="W11529" s="2">
        <v>0.104</v>
      </c>
      <c r="X11529" s="2">
        <v>12</v>
      </c>
      <c r="Y11529" s="2">
        <v>50</v>
      </c>
      <c r="Z11529" s="2">
        <v>173.9</v>
      </c>
      <c r="AA11529" s="5">
        <v>10</v>
      </c>
      <c r="AB11529" s="5" t="s">
        <v>43</v>
      </c>
      <c r="AC11529" s="5" t="s">
        <v>44</v>
      </c>
      <c r="AD11529" s="2" t="s">
        <v>35248</v>
      </c>
      <c r="AE11529" s="1"/>
    </row>
    <row r="11530" spans="1:31" ht="14.45">
      <c r="A11530" s="11"/>
      <c r="B11530" s="20"/>
      <c r="C11530" s="2" t="s">
        <v>35441</v>
      </c>
      <c r="D11530" s="14" t="s">
        <v>35442</v>
      </c>
      <c r="E11530" s="2" t="s">
        <v>35443</v>
      </c>
      <c r="F11530" s="2" t="s">
        <v>35238</v>
      </c>
      <c r="G11530" s="8">
        <v>329</v>
      </c>
      <c r="H11530" s="5">
        <v>15</v>
      </c>
      <c r="I11530" s="5" t="s">
        <v>69</v>
      </c>
      <c r="J11530" s="5" t="s">
        <v>27074</v>
      </c>
      <c r="K11530" s="2" t="s">
        <v>27075</v>
      </c>
      <c r="L11530" s="5" t="s">
        <v>27074</v>
      </c>
      <c r="M11530" s="2" t="s">
        <v>27075</v>
      </c>
      <c r="N11530" s="5" t="s">
        <v>24254</v>
      </c>
      <c r="O11530" s="5" t="s">
        <v>38</v>
      </c>
      <c r="P11530" s="5" t="s">
        <v>39</v>
      </c>
      <c r="Q11530" s="5" t="s">
        <v>40</v>
      </c>
      <c r="R11530" s="5" t="s">
        <v>24335</v>
      </c>
      <c r="S11530" s="5" t="s">
        <v>40</v>
      </c>
      <c r="T11530" s="5" t="s">
        <v>42</v>
      </c>
      <c r="U11530" s="2">
        <v>7.8339999999999996</v>
      </c>
      <c r="V11530" s="2">
        <v>6.8310000000000004</v>
      </c>
      <c r="W11530" s="2">
        <v>5.1999999999999998E-2</v>
      </c>
      <c r="X11530" s="2">
        <v>11</v>
      </c>
      <c r="Y11530" s="2">
        <v>27</v>
      </c>
      <c r="Z11530" s="2">
        <v>174.2</v>
      </c>
      <c r="AA11530" s="5">
        <v>10</v>
      </c>
      <c r="AB11530" s="5" t="s">
        <v>43</v>
      </c>
      <c r="AC11530" s="5" t="s">
        <v>44</v>
      </c>
      <c r="AD11530" s="2" t="s">
        <v>35239</v>
      </c>
      <c r="AE11530" s="1"/>
    </row>
    <row r="11531" spans="1:31" ht="14.45">
      <c r="A11531" s="11"/>
      <c r="B11531" s="20"/>
      <c r="C11531" s="2" t="s">
        <v>35444</v>
      </c>
      <c r="D11531" s="14" t="s">
        <v>35445</v>
      </c>
      <c r="E11531" s="2" t="s">
        <v>35446</v>
      </c>
      <c r="F11531" s="2" t="s">
        <v>35243</v>
      </c>
      <c r="G11531" s="8">
        <v>221</v>
      </c>
      <c r="H11531" s="5">
        <v>5</v>
      </c>
      <c r="I11531" s="5" t="s">
        <v>69</v>
      </c>
      <c r="J11531" s="5" t="s">
        <v>27074</v>
      </c>
      <c r="K11531" s="2" t="s">
        <v>27075</v>
      </c>
      <c r="L11531" s="5" t="s">
        <v>27074</v>
      </c>
      <c r="M11531" s="2" t="s">
        <v>27075</v>
      </c>
      <c r="N11531" s="5" t="s">
        <v>24254</v>
      </c>
      <c r="O11531" s="5" t="s">
        <v>38</v>
      </c>
      <c r="P11531" s="5" t="s">
        <v>39</v>
      </c>
      <c r="Q11531" s="5" t="s">
        <v>40</v>
      </c>
      <c r="R11531" s="5" t="s">
        <v>24335</v>
      </c>
      <c r="S11531" s="5" t="s">
        <v>40</v>
      </c>
      <c r="T11531" s="5" t="s">
        <v>42</v>
      </c>
      <c r="U11531" s="2">
        <v>6.0609999999999999</v>
      </c>
      <c r="V11531" s="2">
        <v>4.1429999999999998</v>
      </c>
      <c r="W11531" s="2">
        <v>0.104</v>
      </c>
      <c r="X11531" s="2">
        <v>12</v>
      </c>
      <c r="Y11531" s="2">
        <v>50</v>
      </c>
      <c r="Z11531" s="2">
        <v>173.9</v>
      </c>
      <c r="AA11531" s="5">
        <v>10</v>
      </c>
      <c r="AB11531" s="5" t="s">
        <v>43</v>
      </c>
      <c r="AC11531" s="5" t="s">
        <v>44</v>
      </c>
      <c r="AD11531" s="2" t="s">
        <v>35244</v>
      </c>
      <c r="AE11531" s="1"/>
    </row>
    <row r="11532" spans="1:31" ht="14.45">
      <c r="A11532" s="11"/>
      <c r="B11532" s="20"/>
      <c r="C11532" s="2" t="s">
        <v>35447</v>
      </c>
      <c r="D11532" s="14" t="s">
        <v>35448</v>
      </c>
      <c r="E11532" s="2" t="s">
        <v>35449</v>
      </c>
      <c r="F11532" s="2" t="s">
        <v>35243</v>
      </c>
      <c r="G11532" s="8">
        <v>221</v>
      </c>
      <c r="H11532" s="5">
        <v>5</v>
      </c>
      <c r="I11532" s="5" t="s">
        <v>69</v>
      </c>
      <c r="J11532" s="5" t="s">
        <v>27074</v>
      </c>
      <c r="K11532" s="2" t="s">
        <v>27075</v>
      </c>
      <c r="L11532" s="5" t="s">
        <v>27074</v>
      </c>
      <c r="M11532" s="2" t="s">
        <v>27075</v>
      </c>
      <c r="N11532" s="5" t="s">
        <v>24254</v>
      </c>
      <c r="O11532" s="5" t="s">
        <v>38</v>
      </c>
      <c r="P11532" s="5" t="s">
        <v>39</v>
      </c>
      <c r="Q11532" s="5" t="s">
        <v>40</v>
      </c>
      <c r="R11532" s="5" t="s">
        <v>24335</v>
      </c>
      <c r="S11532" s="5" t="s">
        <v>40</v>
      </c>
      <c r="T11532" s="5" t="s">
        <v>42</v>
      </c>
      <c r="U11532" s="2">
        <v>6.5919999999999996</v>
      </c>
      <c r="V11532" s="2">
        <v>4.6740000000000004</v>
      </c>
      <c r="W11532" s="2">
        <v>0.104</v>
      </c>
      <c r="X11532" s="2">
        <v>12</v>
      </c>
      <c r="Y11532" s="2">
        <v>50</v>
      </c>
      <c r="Z11532" s="2">
        <v>173.9</v>
      </c>
      <c r="AA11532" s="5">
        <v>10</v>
      </c>
      <c r="AB11532" s="5" t="s">
        <v>43</v>
      </c>
      <c r="AC11532" s="5" t="s">
        <v>44</v>
      </c>
      <c r="AD11532" s="2" t="s">
        <v>35248</v>
      </c>
      <c r="AE11532" s="1"/>
    </row>
    <row r="11533" spans="1:31" ht="14.45">
      <c r="A11533" s="5"/>
      <c r="B11533" s="21"/>
      <c r="C11533" s="2" t="s">
        <v>35450</v>
      </c>
      <c r="D11533" s="14" t="s">
        <v>35451</v>
      </c>
      <c r="E11533" s="2" t="s">
        <v>35452</v>
      </c>
      <c r="F11533" s="2"/>
      <c r="G11533" s="8">
        <v>221</v>
      </c>
      <c r="H11533" s="5">
        <v>25</v>
      </c>
      <c r="I11533" s="5" t="s">
        <v>69</v>
      </c>
      <c r="J11533" s="5" t="s">
        <v>27074</v>
      </c>
      <c r="K11533" s="2" t="s">
        <v>27075</v>
      </c>
      <c r="L11533" s="5" t="s">
        <v>27074</v>
      </c>
      <c r="M11533" s="2" t="s">
        <v>27075</v>
      </c>
      <c r="N11533" s="5" t="s">
        <v>24254</v>
      </c>
      <c r="O11533" s="5" t="s">
        <v>38</v>
      </c>
      <c r="P11533" s="5" t="s">
        <v>39</v>
      </c>
      <c r="Q11533" s="5" t="s">
        <v>40</v>
      </c>
      <c r="R11533" s="5" t="s">
        <v>24335</v>
      </c>
      <c r="S11533" s="5" t="s">
        <v>40</v>
      </c>
      <c r="T11533" s="5" t="s">
        <v>42</v>
      </c>
      <c r="U11533" s="2">
        <v>10.098000000000001</v>
      </c>
      <c r="V11533" s="2">
        <v>7.3920000000000003</v>
      </c>
      <c r="W11533" s="2">
        <v>0.17399999999999999</v>
      </c>
      <c r="X11533" s="2">
        <v>12</v>
      </c>
      <c r="Y11533" s="2">
        <v>62</v>
      </c>
      <c r="Z11533" s="2">
        <v>234.1</v>
      </c>
      <c r="AA11533" s="5">
        <v>10</v>
      </c>
      <c r="AB11533" s="5" t="s">
        <v>43</v>
      </c>
      <c r="AC11533" s="5" t="s">
        <v>44</v>
      </c>
      <c r="AD11533" s="2" t="s">
        <v>35252</v>
      </c>
      <c r="AE11533" s="1"/>
    </row>
    <row r="11534" spans="1:31" ht="14.45">
      <c r="A11534" s="11"/>
      <c r="B11534" s="20"/>
      <c r="C11534" s="2" t="s">
        <v>35453</v>
      </c>
      <c r="D11534" s="14" t="s">
        <v>35454</v>
      </c>
      <c r="E11534" s="2" t="s">
        <v>35455</v>
      </c>
      <c r="F11534" s="2" t="s">
        <v>35243</v>
      </c>
      <c r="G11534" s="8">
        <v>240</v>
      </c>
      <c r="H11534" s="5">
        <v>5</v>
      </c>
      <c r="I11534" s="5" t="s">
        <v>69</v>
      </c>
      <c r="J11534" s="5" t="s">
        <v>27074</v>
      </c>
      <c r="K11534" s="2" t="s">
        <v>27075</v>
      </c>
      <c r="L11534" s="5" t="s">
        <v>27074</v>
      </c>
      <c r="M11534" s="2" t="s">
        <v>27075</v>
      </c>
      <c r="N11534" s="5" t="s">
        <v>24254</v>
      </c>
      <c r="O11534" s="5" t="s">
        <v>38</v>
      </c>
      <c r="P11534" s="5" t="s">
        <v>39</v>
      </c>
      <c r="Q11534" s="5" t="s">
        <v>40</v>
      </c>
      <c r="R11534" s="5" t="s">
        <v>24335</v>
      </c>
      <c r="S11534" s="5" t="s">
        <v>40</v>
      </c>
      <c r="T11534" s="5" t="s">
        <v>42</v>
      </c>
      <c r="U11534" s="2">
        <v>6.8239999999999998</v>
      </c>
      <c r="V11534" s="2">
        <v>4.9059999999999997</v>
      </c>
      <c r="W11534" s="2">
        <v>0.104</v>
      </c>
      <c r="X11534" s="2">
        <v>12</v>
      </c>
      <c r="Y11534" s="2">
        <v>50</v>
      </c>
      <c r="Z11534" s="2">
        <v>173.9</v>
      </c>
      <c r="AA11534" s="5">
        <v>10</v>
      </c>
      <c r="AB11534" s="5" t="s">
        <v>43</v>
      </c>
      <c r="AC11534" s="5" t="s">
        <v>44</v>
      </c>
      <c r="AD11534" s="2" t="s">
        <v>35244</v>
      </c>
      <c r="AE11534" s="1"/>
    </row>
    <row r="11535" spans="1:31" ht="14.45">
      <c r="A11535" s="11"/>
      <c r="B11535" s="20"/>
      <c r="C11535" s="2" t="s">
        <v>35456</v>
      </c>
      <c r="D11535" s="14" t="s">
        <v>35457</v>
      </c>
      <c r="E11535" s="2" t="s">
        <v>35458</v>
      </c>
      <c r="F11535" s="2" t="s">
        <v>35243</v>
      </c>
      <c r="G11535" s="8">
        <v>240</v>
      </c>
      <c r="H11535" s="5">
        <v>5</v>
      </c>
      <c r="I11535" s="5" t="s">
        <v>69</v>
      </c>
      <c r="J11535" s="5" t="s">
        <v>27074</v>
      </c>
      <c r="K11535" s="2" t="s">
        <v>27075</v>
      </c>
      <c r="L11535" s="5" t="s">
        <v>27074</v>
      </c>
      <c r="M11535" s="2" t="s">
        <v>27075</v>
      </c>
      <c r="N11535" s="5" t="s">
        <v>24254</v>
      </c>
      <c r="O11535" s="5" t="s">
        <v>38</v>
      </c>
      <c r="P11535" s="5" t="s">
        <v>39</v>
      </c>
      <c r="Q11535" s="5" t="s">
        <v>40</v>
      </c>
      <c r="R11535" s="5" t="s">
        <v>24335</v>
      </c>
      <c r="S11535" s="5" t="s">
        <v>40</v>
      </c>
      <c r="T11535" s="5" t="s">
        <v>42</v>
      </c>
      <c r="U11535" s="2">
        <v>7.3550000000000004</v>
      </c>
      <c r="V11535" s="2">
        <v>5.4370000000000003</v>
      </c>
      <c r="W11535" s="2">
        <v>0.104</v>
      </c>
      <c r="X11535" s="2">
        <v>12</v>
      </c>
      <c r="Y11535" s="2">
        <v>50</v>
      </c>
      <c r="Z11535" s="2">
        <v>173.9</v>
      </c>
      <c r="AA11535" s="5">
        <v>10</v>
      </c>
      <c r="AB11535" s="5" t="s">
        <v>43</v>
      </c>
      <c r="AC11535" s="5" t="s">
        <v>44</v>
      </c>
      <c r="AD11535" s="2" t="s">
        <v>35248</v>
      </c>
      <c r="AE11535" s="1"/>
    </row>
    <row r="11536" spans="1:31" ht="14.45">
      <c r="A11536" s="5"/>
      <c r="B11536" s="21"/>
      <c r="C11536" s="2" t="s">
        <v>35459</v>
      </c>
      <c r="D11536" s="14" t="s">
        <v>35460</v>
      </c>
      <c r="E11536" s="2" t="s">
        <v>35461</v>
      </c>
      <c r="F11536" s="2"/>
      <c r="G11536" s="8">
        <v>240</v>
      </c>
      <c r="H11536" s="5">
        <v>25</v>
      </c>
      <c r="I11536" s="5" t="s">
        <v>69</v>
      </c>
      <c r="J11536" s="5" t="s">
        <v>27074</v>
      </c>
      <c r="K11536" s="2" t="s">
        <v>27075</v>
      </c>
      <c r="L11536" s="5" t="s">
        <v>27074</v>
      </c>
      <c r="M11536" s="2" t="s">
        <v>27075</v>
      </c>
      <c r="N11536" s="5" t="s">
        <v>24254</v>
      </c>
      <c r="O11536" s="5" t="s">
        <v>38</v>
      </c>
      <c r="P11536" s="5" t="s">
        <v>39</v>
      </c>
      <c r="Q11536" s="5" t="s">
        <v>40</v>
      </c>
      <c r="R11536" s="5" t="s">
        <v>24335</v>
      </c>
      <c r="S11536" s="5" t="s">
        <v>40</v>
      </c>
      <c r="T11536" s="5" t="s">
        <v>42</v>
      </c>
      <c r="U11536" s="2">
        <v>10.999000000000001</v>
      </c>
      <c r="V11536" s="2">
        <v>8.2929999999999993</v>
      </c>
      <c r="W11536" s="2">
        <v>0.17399999999999999</v>
      </c>
      <c r="X11536" s="2">
        <v>12</v>
      </c>
      <c r="Y11536" s="2">
        <v>62</v>
      </c>
      <c r="Z11536" s="2">
        <v>234.1</v>
      </c>
      <c r="AA11536" s="5">
        <v>10</v>
      </c>
      <c r="AB11536" s="5" t="s">
        <v>43</v>
      </c>
      <c r="AC11536" s="5" t="s">
        <v>44</v>
      </c>
      <c r="AD11536" s="2" t="s">
        <v>35252</v>
      </c>
      <c r="AE11536" s="1"/>
    </row>
    <row r="11537" spans="1:31" ht="14.45">
      <c r="A11537" s="11"/>
      <c r="B11537" s="20"/>
      <c r="C11537" s="2" t="s">
        <v>35462</v>
      </c>
      <c r="D11537" s="14" t="s">
        <v>35463</v>
      </c>
      <c r="E11537" s="2" t="s">
        <v>35464</v>
      </c>
      <c r="F11537" s="2" t="s">
        <v>35256</v>
      </c>
      <c r="G11537" s="8">
        <v>391</v>
      </c>
      <c r="H11537" s="5">
        <v>10</v>
      </c>
      <c r="I11537" s="5" t="s">
        <v>69</v>
      </c>
      <c r="J11537" s="5" t="s">
        <v>27074</v>
      </c>
      <c r="K11537" s="2" t="s">
        <v>27075</v>
      </c>
      <c r="L11537" s="5" t="s">
        <v>27074</v>
      </c>
      <c r="M11537" s="2" t="s">
        <v>27075</v>
      </c>
      <c r="N11537" s="5" t="s">
        <v>24254</v>
      </c>
      <c r="O11537" s="5" t="s">
        <v>38</v>
      </c>
      <c r="P11537" s="5" t="s">
        <v>39</v>
      </c>
      <c r="Q11537" s="5" t="s">
        <v>40</v>
      </c>
      <c r="R11537" s="5" t="s">
        <v>24340</v>
      </c>
      <c r="S11537" s="5" t="s">
        <v>40</v>
      </c>
      <c r="T11537" s="5" t="s">
        <v>42</v>
      </c>
      <c r="U11537" s="2">
        <v>12.888</v>
      </c>
      <c r="V11537" s="2">
        <v>11.14</v>
      </c>
      <c r="W11537" s="2">
        <v>0.104</v>
      </c>
      <c r="X11537" s="2">
        <v>12</v>
      </c>
      <c r="Y11537" s="2">
        <v>50</v>
      </c>
      <c r="Z11537" s="2">
        <v>173.9</v>
      </c>
      <c r="AA11537" s="5">
        <v>10</v>
      </c>
      <c r="AB11537" s="5" t="s">
        <v>43</v>
      </c>
      <c r="AC11537" s="5" t="s">
        <v>44</v>
      </c>
      <c r="AD11537" s="2" t="s">
        <v>35294</v>
      </c>
      <c r="AE11537" s="1"/>
    </row>
    <row r="11538" spans="1:31" ht="14.45">
      <c r="A11538" s="11"/>
      <c r="B11538" s="20"/>
      <c r="C11538" s="2" t="s">
        <v>35465</v>
      </c>
      <c r="D11538" s="14" t="s">
        <v>35466</v>
      </c>
      <c r="E11538" s="2" t="s">
        <v>35467</v>
      </c>
      <c r="F11538" s="2" t="s">
        <v>35243</v>
      </c>
      <c r="G11538" s="8">
        <v>268</v>
      </c>
      <c r="H11538" s="5">
        <v>5</v>
      </c>
      <c r="I11538" s="5" t="s">
        <v>69</v>
      </c>
      <c r="J11538" s="5" t="s">
        <v>27074</v>
      </c>
      <c r="K11538" s="2" t="s">
        <v>27075</v>
      </c>
      <c r="L11538" s="5" t="s">
        <v>27074</v>
      </c>
      <c r="M11538" s="2" t="s">
        <v>27075</v>
      </c>
      <c r="N11538" s="5" t="s">
        <v>24254</v>
      </c>
      <c r="O11538" s="5" t="s">
        <v>38</v>
      </c>
      <c r="P11538" s="5" t="s">
        <v>39</v>
      </c>
      <c r="Q11538" s="5" t="s">
        <v>40</v>
      </c>
      <c r="R11538" s="5" t="s">
        <v>24335</v>
      </c>
      <c r="S11538" s="5" t="s">
        <v>40</v>
      </c>
      <c r="T11538" s="5" t="s">
        <v>42</v>
      </c>
      <c r="U11538" s="2">
        <v>7.1959999999999997</v>
      </c>
      <c r="V11538" s="2">
        <v>5.2779999999999996</v>
      </c>
      <c r="W11538" s="2">
        <v>0.104</v>
      </c>
      <c r="X11538" s="2">
        <v>12</v>
      </c>
      <c r="Y11538" s="2">
        <v>50</v>
      </c>
      <c r="Z11538" s="2">
        <v>173.9</v>
      </c>
      <c r="AA11538" s="5">
        <v>10</v>
      </c>
      <c r="AB11538" s="5" t="s">
        <v>43</v>
      </c>
      <c r="AC11538" s="5" t="s">
        <v>44</v>
      </c>
      <c r="AD11538" s="2" t="s">
        <v>35244</v>
      </c>
      <c r="AE11538" s="1"/>
    </row>
    <row r="11539" spans="1:31" ht="14.45">
      <c r="A11539" s="11"/>
      <c r="B11539" s="20"/>
      <c r="C11539" s="2" t="s">
        <v>35468</v>
      </c>
      <c r="D11539" s="14" t="s">
        <v>35469</v>
      </c>
      <c r="E11539" s="2" t="s">
        <v>35470</v>
      </c>
      <c r="F11539" s="2" t="s">
        <v>35243</v>
      </c>
      <c r="G11539" s="8">
        <v>268</v>
      </c>
      <c r="H11539" s="5">
        <v>5</v>
      </c>
      <c r="I11539" s="5" t="s">
        <v>69</v>
      </c>
      <c r="J11539" s="5" t="s">
        <v>27074</v>
      </c>
      <c r="K11539" s="2" t="s">
        <v>27075</v>
      </c>
      <c r="L11539" s="5" t="s">
        <v>27074</v>
      </c>
      <c r="M11539" s="2" t="s">
        <v>27075</v>
      </c>
      <c r="N11539" s="5" t="s">
        <v>24254</v>
      </c>
      <c r="O11539" s="5" t="s">
        <v>38</v>
      </c>
      <c r="P11539" s="5" t="s">
        <v>39</v>
      </c>
      <c r="Q11539" s="5" t="s">
        <v>40</v>
      </c>
      <c r="R11539" s="5" t="s">
        <v>24335</v>
      </c>
      <c r="S11539" s="5" t="s">
        <v>40</v>
      </c>
      <c r="T11539" s="5" t="s">
        <v>42</v>
      </c>
      <c r="U11539" s="2">
        <v>7.7270000000000003</v>
      </c>
      <c r="V11539" s="2">
        <v>5.8090000000000002</v>
      </c>
      <c r="W11539" s="2">
        <v>0.104</v>
      </c>
      <c r="X11539" s="2">
        <v>12</v>
      </c>
      <c r="Y11539" s="2">
        <v>50</v>
      </c>
      <c r="Z11539" s="2">
        <v>173.9</v>
      </c>
      <c r="AA11539" s="5">
        <v>10</v>
      </c>
      <c r="AB11539" s="5" t="s">
        <v>43</v>
      </c>
      <c r="AC11539" s="5" t="s">
        <v>44</v>
      </c>
      <c r="AD11539" s="2" t="s">
        <v>35248</v>
      </c>
      <c r="AE11539" s="1"/>
    </row>
    <row r="11540" spans="1:31" ht="14.45">
      <c r="A11540" s="5"/>
      <c r="B11540" s="21"/>
      <c r="C11540" s="2" t="s">
        <v>35471</v>
      </c>
      <c r="D11540" s="14" t="s">
        <v>35472</v>
      </c>
      <c r="E11540" s="2" t="s">
        <v>35473</v>
      </c>
      <c r="F11540" s="2"/>
      <c r="G11540" s="8">
        <v>268</v>
      </c>
      <c r="H11540" s="5">
        <v>25</v>
      </c>
      <c r="I11540" s="5" t="s">
        <v>69</v>
      </c>
      <c r="J11540" s="5" t="s">
        <v>27074</v>
      </c>
      <c r="K11540" s="2" t="s">
        <v>27075</v>
      </c>
      <c r="L11540" s="5" t="s">
        <v>27074</v>
      </c>
      <c r="M11540" s="2" t="s">
        <v>27075</v>
      </c>
      <c r="N11540" s="5" t="s">
        <v>24254</v>
      </c>
      <c r="O11540" s="5" t="s">
        <v>38</v>
      </c>
      <c r="P11540" s="5" t="s">
        <v>39</v>
      </c>
      <c r="Q11540" s="5" t="s">
        <v>40</v>
      </c>
      <c r="R11540" s="5" t="s">
        <v>24335</v>
      </c>
      <c r="S11540" s="5" t="s">
        <v>40</v>
      </c>
      <c r="T11540" s="5" t="s">
        <v>42</v>
      </c>
      <c r="U11540" s="2">
        <v>11.066000000000001</v>
      </c>
      <c r="V11540" s="2">
        <v>10.968999999999999</v>
      </c>
      <c r="W11540" s="2">
        <v>0.17399999999999999</v>
      </c>
      <c r="X11540" s="2">
        <v>12</v>
      </c>
      <c r="Y11540" s="2">
        <v>62</v>
      </c>
      <c r="Z11540" s="2">
        <v>234.1</v>
      </c>
      <c r="AA11540" s="5">
        <v>10</v>
      </c>
      <c r="AB11540" s="5" t="s">
        <v>43</v>
      </c>
      <c r="AC11540" s="5" t="s">
        <v>44</v>
      </c>
      <c r="AD11540" s="2" t="s">
        <v>35252</v>
      </c>
      <c r="AE11540" s="1"/>
    </row>
    <row r="11541" spans="1:31" ht="14.45">
      <c r="A11541" s="11"/>
      <c r="B11541" s="20"/>
      <c r="C11541" s="2" t="s">
        <v>35474</v>
      </c>
      <c r="D11541" s="14" t="s">
        <v>35475</v>
      </c>
      <c r="E11541" s="2" t="s">
        <v>35476</v>
      </c>
      <c r="F11541" s="2" t="s">
        <v>35477</v>
      </c>
      <c r="G11541" s="8">
        <v>463</v>
      </c>
      <c r="H11541" s="5">
        <v>5</v>
      </c>
      <c r="I11541" s="5" t="s">
        <v>69</v>
      </c>
      <c r="J11541" s="5" t="s">
        <v>70</v>
      </c>
      <c r="K11541" s="2" t="s">
        <v>71</v>
      </c>
      <c r="L11541" s="5" t="s">
        <v>70</v>
      </c>
      <c r="M11541" s="2" t="s">
        <v>71</v>
      </c>
      <c r="N11541" s="5" t="s">
        <v>72</v>
      </c>
      <c r="O11541" s="5" t="s">
        <v>38</v>
      </c>
      <c r="P11541" s="5" t="s">
        <v>39</v>
      </c>
      <c r="Q11541" s="5" t="s">
        <v>40</v>
      </c>
      <c r="R11541" s="5" t="s">
        <v>28209</v>
      </c>
      <c r="S11541" s="5" t="s">
        <v>40</v>
      </c>
      <c r="T11541" s="5" t="s">
        <v>42</v>
      </c>
      <c r="U11541" s="2">
        <v>27.6</v>
      </c>
      <c r="V11541" s="2">
        <v>25.79</v>
      </c>
      <c r="W11541" s="2">
        <v>0.112</v>
      </c>
      <c r="X11541" s="2">
        <v>358</v>
      </c>
      <c r="Y11541" s="2">
        <v>19.5</v>
      </c>
      <c r="Z11541" s="2">
        <v>16</v>
      </c>
      <c r="AA11541" s="5">
        <v>20</v>
      </c>
      <c r="AB11541" s="5" t="s">
        <v>43</v>
      </c>
      <c r="AC11541" s="5" t="s">
        <v>44</v>
      </c>
      <c r="AD11541" s="2" t="s">
        <v>35478</v>
      </c>
      <c r="AE11541" s="1"/>
    </row>
    <row r="11542" spans="1:31" ht="14.45">
      <c r="A11542" s="11"/>
      <c r="B11542" s="20"/>
      <c r="C11542" s="2" t="s">
        <v>35479</v>
      </c>
      <c r="D11542" s="14" t="s">
        <v>35480</v>
      </c>
      <c r="E11542" s="2" t="s">
        <v>35481</v>
      </c>
      <c r="F11542" s="2"/>
      <c r="G11542" s="8">
        <v>130</v>
      </c>
      <c r="H11542" s="5">
        <v>5</v>
      </c>
      <c r="I11542" s="5" t="s">
        <v>69</v>
      </c>
      <c r="J11542" s="5" t="s">
        <v>24629</v>
      </c>
      <c r="K11542" s="2" t="s">
        <v>24630</v>
      </c>
      <c r="L11542" s="5" t="s">
        <v>24629</v>
      </c>
      <c r="M11542" s="2" t="s">
        <v>24630</v>
      </c>
      <c r="N11542" s="5" t="s">
        <v>24254</v>
      </c>
      <c r="O11542" s="5" t="s">
        <v>38</v>
      </c>
      <c r="P11542" s="5" t="s">
        <v>39</v>
      </c>
      <c r="Q11542" s="5" t="s">
        <v>40</v>
      </c>
      <c r="R11542" s="5" t="s">
        <v>24335</v>
      </c>
      <c r="S11542" s="5" t="s">
        <v>40</v>
      </c>
      <c r="T11542" s="5" t="s">
        <v>42</v>
      </c>
      <c r="U11542" s="2">
        <v>5.4210000000000003</v>
      </c>
      <c r="V11542" s="2">
        <v>4.0199999999999996</v>
      </c>
      <c r="W11542" s="2">
        <v>8.5999999999999993E-2</v>
      </c>
      <c r="X11542" s="2">
        <v>15</v>
      </c>
      <c r="Y11542" s="2">
        <v>50</v>
      </c>
      <c r="Z11542" s="2">
        <v>114.9</v>
      </c>
      <c r="AA11542" s="5">
        <v>16</v>
      </c>
      <c r="AB11542" s="5" t="s">
        <v>43</v>
      </c>
      <c r="AC11542" s="5" t="s">
        <v>44</v>
      </c>
      <c r="AD11542" s="2" t="s">
        <v>25897</v>
      </c>
      <c r="AE11542" s="1"/>
    </row>
    <row r="11543" spans="1:31" ht="14.45">
      <c r="A11543" s="11"/>
      <c r="B11543" s="20"/>
      <c r="C11543" s="2" t="s">
        <v>35482</v>
      </c>
      <c r="D11543" s="14" t="s">
        <v>35483</v>
      </c>
      <c r="E11543" s="2" t="s">
        <v>35484</v>
      </c>
      <c r="F11543" s="2"/>
      <c r="G11543" s="8">
        <v>281</v>
      </c>
      <c r="H11543" s="5">
        <v>5</v>
      </c>
      <c r="I11543" s="5" t="s">
        <v>69</v>
      </c>
      <c r="J11543" s="5" t="s">
        <v>24629</v>
      </c>
      <c r="K11543" s="2" t="s">
        <v>24630</v>
      </c>
      <c r="L11543" s="5" t="s">
        <v>24629</v>
      </c>
      <c r="M11543" s="2" t="s">
        <v>24630</v>
      </c>
      <c r="N11543" s="5" t="s">
        <v>24254</v>
      </c>
      <c r="O11543" s="5" t="s">
        <v>38</v>
      </c>
      <c r="P11543" s="5" t="s">
        <v>39</v>
      </c>
      <c r="Q11543" s="5" t="s">
        <v>40</v>
      </c>
      <c r="R11543" s="5" t="s">
        <v>24340</v>
      </c>
      <c r="S11543" s="5" t="s">
        <v>40</v>
      </c>
      <c r="T11543" s="5" t="s">
        <v>42</v>
      </c>
      <c r="U11543" s="2">
        <v>10.695</v>
      </c>
      <c r="V11543" s="2">
        <v>9.24</v>
      </c>
      <c r="W11543" s="2">
        <v>8.5999999999999993E-2</v>
      </c>
      <c r="X11543" s="2">
        <v>15</v>
      </c>
      <c r="Y11543" s="2">
        <v>50</v>
      </c>
      <c r="Z11543" s="2">
        <v>114.9</v>
      </c>
      <c r="AA11543" s="5">
        <v>16</v>
      </c>
      <c r="AB11543" s="5" t="s">
        <v>43</v>
      </c>
      <c r="AC11543" s="5" t="s">
        <v>44</v>
      </c>
      <c r="AD11543" s="2" t="s">
        <v>25901</v>
      </c>
      <c r="AE11543" s="1"/>
    </row>
    <row r="11544" spans="1:31" ht="14.45">
      <c r="A11544" s="11"/>
      <c r="B11544" s="20"/>
      <c r="C11544" s="2" t="s">
        <v>35485</v>
      </c>
      <c r="D11544" s="14" t="s">
        <v>35486</v>
      </c>
      <c r="E11544" s="2" t="s">
        <v>35487</v>
      </c>
      <c r="F11544" s="2"/>
      <c r="G11544" s="8">
        <v>285</v>
      </c>
      <c r="H11544" s="5">
        <v>15</v>
      </c>
      <c r="I11544" s="5" t="s">
        <v>69</v>
      </c>
      <c r="J11544" s="5" t="s">
        <v>24629</v>
      </c>
      <c r="K11544" s="2" t="s">
        <v>24630</v>
      </c>
      <c r="L11544" s="5" t="s">
        <v>24629</v>
      </c>
      <c r="M11544" s="2" t="s">
        <v>24630</v>
      </c>
      <c r="N11544" s="5" t="s">
        <v>24254</v>
      </c>
      <c r="O11544" s="5" t="s">
        <v>38</v>
      </c>
      <c r="P11544" s="5" t="s">
        <v>39</v>
      </c>
      <c r="Q11544" s="5" t="s">
        <v>40</v>
      </c>
      <c r="R11544" s="5" t="s">
        <v>25301</v>
      </c>
      <c r="S11544" s="5" t="s">
        <v>40</v>
      </c>
      <c r="T11544" s="5" t="s">
        <v>42</v>
      </c>
      <c r="U11544" s="2">
        <v>9.4700000000000006</v>
      </c>
      <c r="V11544" s="2">
        <v>8.0690000000000008</v>
      </c>
      <c r="W11544" s="2">
        <v>8.5999999999999993E-2</v>
      </c>
      <c r="X11544" s="2">
        <v>15</v>
      </c>
      <c r="Y11544" s="2">
        <v>50</v>
      </c>
      <c r="Z11544" s="2">
        <v>114.9</v>
      </c>
      <c r="AA11544" s="5">
        <v>16</v>
      </c>
      <c r="AB11544" s="5" t="s">
        <v>43</v>
      </c>
      <c r="AC11544" s="5" t="s">
        <v>44</v>
      </c>
      <c r="AD11544" s="2" t="s">
        <v>25905</v>
      </c>
      <c r="AE11544" s="1"/>
    </row>
    <row r="11545" spans="1:31" ht="14.45">
      <c r="A11545" s="11"/>
      <c r="B11545" s="20"/>
      <c r="C11545" s="2" t="s">
        <v>35488</v>
      </c>
      <c r="D11545" s="14" t="s">
        <v>35489</v>
      </c>
      <c r="E11545" s="2" t="s">
        <v>35490</v>
      </c>
      <c r="F11545" s="2"/>
      <c r="G11545" s="8">
        <v>228</v>
      </c>
      <c r="H11545" s="5">
        <v>10</v>
      </c>
      <c r="I11545" s="5" t="s">
        <v>69</v>
      </c>
      <c r="J11545" s="5" t="s">
        <v>24629</v>
      </c>
      <c r="K11545" s="2" t="s">
        <v>24630</v>
      </c>
      <c r="L11545" s="5" t="s">
        <v>24629</v>
      </c>
      <c r="M11545" s="2" t="s">
        <v>24630</v>
      </c>
      <c r="N11545" s="5" t="s">
        <v>24254</v>
      </c>
      <c r="O11545" s="5" t="s">
        <v>38</v>
      </c>
      <c r="P11545" s="5" t="s">
        <v>39</v>
      </c>
      <c r="Q11545" s="5" t="s">
        <v>40</v>
      </c>
      <c r="R11545" s="5" t="s">
        <v>24335</v>
      </c>
      <c r="S11545" s="5" t="s">
        <v>40</v>
      </c>
      <c r="T11545" s="5" t="s">
        <v>42</v>
      </c>
      <c r="U11545" s="2">
        <v>5.9359999999999999</v>
      </c>
      <c r="V11545" s="2">
        <v>4.5590000000000002</v>
      </c>
      <c r="W11545" s="2">
        <v>8.5999999999999993E-2</v>
      </c>
      <c r="X11545" s="2">
        <v>15</v>
      </c>
      <c r="Y11545" s="2">
        <v>50</v>
      </c>
      <c r="Z11545" s="2">
        <v>114.9</v>
      </c>
      <c r="AA11545" s="5">
        <v>16</v>
      </c>
      <c r="AB11545" s="5" t="s">
        <v>43</v>
      </c>
      <c r="AC11545" s="5" t="s">
        <v>44</v>
      </c>
      <c r="AD11545" s="2" t="s">
        <v>35491</v>
      </c>
      <c r="AE11545" s="1"/>
    </row>
    <row r="11546" spans="1:31" ht="14.45">
      <c r="A11546" s="11"/>
      <c r="B11546" s="20"/>
      <c r="C11546" s="2" t="s">
        <v>35492</v>
      </c>
      <c r="D11546" s="14" t="s">
        <v>35493</v>
      </c>
      <c r="E11546" s="2" t="s">
        <v>35494</v>
      </c>
      <c r="F11546" s="2"/>
      <c r="G11546" s="8">
        <v>135</v>
      </c>
      <c r="H11546" s="5">
        <v>5</v>
      </c>
      <c r="I11546" s="5" t="s">
        <v>69</v>
      </c>
      <c r="J11546" s="5" t="s">
        <v>24629</v>
      </c>
      <c r="K11546" s="2" t="s">
        <v>24630</v>
      </c>
      <c r="L11546" s="5" t="s">
        <v>24629</v>
      </c>
      <c r="M11546" s="2" t="s">
        <v>24630</v>
      </c>
      <c r="N11546" s="5" t="s">
        <v>24254</v>
      </c>
      <c r="O11546" s="5" t="s">
        <v>38</v>
      </c>
      <c r="P11546" s="5" t="s">
        <v>39</v>
      </c>
      <c r="Q11546" s="5" t="s">
        <v>40</v>
      </c>
      <c r="R11546" s="5" t="s">
        <v>24335</v>
      </c>
      <c r="S11546" s="5" t="s">
        <v>40</v>
      </c>
      <c r="T11546" s="5" t="s">
        <v>42</v>
      </c>
      <c r="U11546" s="2">
        <v>5.7160000000000002</v>
      </c>
      <c r="V11546" s="2">
        <v>4.3150000000000004</v>
      </c>
      <c r="W11546" s="2">
        <v>8.5999999999999993E-2</v>
      </c>
      <c r="X11546" s="2">
        <v>15</v>
      </c>
      <c r="Y11546" s="2">
        <v>50</v>
      </c>
      <c r="Z11546" s="2">
        <v>114.9</v>
      </c>
      <c r="AA11546" s="5">
        <v>16</v>
      </c>
      <c r="AB11546" s="5" t="s">
        <v>43</v>
      </c>
      <c r="AC11546" s="5" t="s">
        <v>44</v>
      </c>
      <c r="AD11546" s="2" t="s">
        <v>25897</v>
      </c>
      <c r="AE11546" s="1"/>
    </row>
    <row r="11547" spans="1:31" ht="14.45">
      <c r="A11547" s="11"/>
      <c r="B11547" s="20"/>
      <c r="C11547" s="2" t="s">
        <v>35495</v>
      </c>
      <c r="D11547" s="14" t="s">
        <v>35496</v>
      </c>
      <c r="E11547" s="2" t="s">
        <v>35497</v>
      </c>
      <c r="F11547" s="2"/>
      <c r="G11547" s="8">
        <v>286</v>
      </c>
      <c r="H11547" s="5">
        <v>5</v>
      </c>
      <c r="I11547" s="5" t="s">
        <v>69</v>
      </c>
      <c r="J11547" s="5" t="s">
        <v>24629</v>
      </c>
      <c r="K11547" s="2" t="s">
        <v>24630</v>
      </c>
      <c r="L11547" s="5" t="s">
        <v>24629</v>
      </c>
      <c r="M11547" s="2" t="s">
        <v>24630</v>
      </c>
      <c r="N11547" s="5" t="s">
        <v>24254</v>
      </c>
      <c r="O11547" s="5" t="s">
        <v>38</v>
      </c>
      <c r="P11547" s="5" t="s">
        <v>39</v>
      </c>
      <c r="Q11547" s="5" t="s">
        <v>40</v>
      </c>
      <c r="R11547" s="5" t="s">
        <v>24340</v>
      </c>
      <c r="S11547" s="5" t="s">
        <v>40</v>
      </c>
      <c r="T11547" s="5" t="s">
        <v>42</v>
      </c>
      <c r="U11547" s="2">
        <v>11.585000000000001</v>
      </c>
      <c r="V11547" s="2">
        <v>10.130000000000001</v>
      </c>
      <c r="W11547" s="2">
        <v>8.5999999999999993E-2</v>
      </c>
      <c r="X11547" s="2">
        <v>15</v>
      </c>
      <c r="Y11547" s="2">
        <v>50</v>
      </c>
      <c r="Z11547" s="2">
        <v>114.9</v>
      </c>
      <c r="AA11547" s="5">
        <v>16</v>
      </c>
      <c r="AB11547" s="5" t="s">
        <v>43</v>
      </c>
      <c r="AC11547" s="5" t="s">
        <v>44</v>
      </c>
      <c r="AD11547" s="2" t="s">
        <v>25901</v>
      </c>
      <c r="AE11547" s="1"/>
    </row>
    <row r="11548" spans="1:31" ht="14.45">
      <c r="A11548" s="11"/>
      <c r="B11548" s="20"/>
      <c r="C11548" s="2" t="s">
        <v>35498</v>
      </c>
      <c r="D11548" s="14" t="s">
        <v>35499</v>
      </c>
      <c r="E11548" s="2" t="s">
        <v>35500</v>
      </c>
      <c r="F11548" s="2"/>
      <c r="G11548" s="8">
        <v>293</v>
      </c>
      <c r="H11548" s="5">
        <v>15</v>
      </c>
      <c r="I11548" s="5" t="s">
        <v>69</v>
      </c>
      <c r="J11548" s="5" t="s">
        <v>24629</v>
      </c>
      <c r="K11548" s="2" t="s">
        <v>24630</v>
      </c>
      <c r="L11548" s="5" t="s">
        <v>24629</v>
      </c>
      <c r="M11548" s="2" t="s">
        <v>24630</v>
      </c>
      <c r="N11548" s="5" t="s">
        <v>24254</v>
      </c>
      <c r="O11548" s="5" t="s">
        <v>38</v>
      </c>
      <c r="P11548" s="5" t="s">
        <v>39</v>
      </c>
      <c r="Q11548" s="5" t="s">
        <v>40</v>
      </c>
      <c r="R11548" s="5" t="s">
        <v>25301</v>
      </c>
      <c r="S11548" s="5" t="s">
        <v>40</v>
      </c>
      <c r="T11548" s="5" t="s">
        <v>42</v>
      </c>
      <c r="U11548" s="2">
        <v>10.208</v>
      </c>
      <c r="V11548" s="2">
        <v>8.8070000000000004</v>
      </c>
      <c r="W11548" s="2">
        <v>8.5999999999999993E-2</v>
      </c>
      <c r="X11548" s="2">
        <v>15</v>
      </c>
      <c r="Y11548" s="2">
        <v>50</v>
      </c>
      <c r="Z11548" s="2">
        <v>114.9</v>
      </c>
      <c r="AA11548" s="5">
        <v>16</v>
      </c>
      <c r="AB11548" s="5" t="s">
        <v>43</v>
      </c>
      <c r="AC11548" s="5" t="s">
        <v>44</v>
      </c>
      <c r="AD11548" s="2" t="s">
        <v>25905</v>
      </c>
      <c r="AE11548" s="1"/>
    </row>
    <row r="11549" spans="1:31" ht="14.45">
      <c r="A11549" s="11"/>
      <c r="B11549" s="20"/>
      <c r="C11549" s="2" t="s">
        <v>35501</v>
      </c>
      <c r="D11549" s="14" t="s">
        <v>35502</v>
      </c>
      <c r="E11549" s="2" t="s">
        <v>35503</v>
      </c>
      <c r="F11549" s="2"/>
      <c r="G11549" s="8">
        <v>238</v>
      </c>
      <c r="H11549" s="5">
        <v>10</v>
      </c>
      <c r="I11549" s="5" t="s">
        <v>69</v>
      </c>
      <c r="J11549" s="5" t="s">
        <v>24629</v>
      </c>
      <c r="K11549" s="2" t="s">
        <v>24630</v>
      </c>
      <c r="L11549" s="5" t="s">
        <v>24629</v>
      </c>
      <c r="M11549" s="2" t="s">
        <v>24630</v>
      </c>
      <c r="N11549" s="5" t="s">
        <v>24254</v>
      </c>
      <c r="O11549" s="5" t="s">
        <v>38</v>
      </c>
      <c r="P11549" s="5" t="s">
        <v>39</v>
      </c>
      <c r="Q11549" s="5" t="s">
        <v>40</v>
      </c>
      <c r="R11549" s="5" t="s">
        <v>24335</v>
      </c>
      <c r="S11549" s="5" t="s">
        <v>40</v>
      </c>
      <c r="T11549" s="5" t="s">
        <v>42</v>
      </c>
      <c r="U11549" s="2">
        <v>6.2889999999999997</v>
      </c>
      <c r="V11549" s="2">
        <v>4.9119999999999999</v>
      </c>
      <c r="W11549" s="2">
        <v>8.5999999999999993E-2</v>
      </c>
      <c r="X11549" s="2">
        <v>15</v>
      </c>
      <c r="Y11549" s="2">
        <v>50</v>
      </c>
      <c r="Z11549" s="2">
        <v>114.9</v>
      </c>
      <c r="AA11549" s="5">
        <v>16</v>
      </c>
      <c r="AB11549" s="5" t="s">
        <v>43</v>
      </c>
      <c r="AC11549" s="5" t="s">
        <v>44</v>
      </c>
      <c r="AD11549" s="2" t="s">
        <v>35491</v>
      </c>
      <c r="AE11549" s="1"/>
    </row>
    <row r="11550" spans="1:31" ht="14.45">
      <c r="A11550" s="11"/>
      <c r="B11550" s="20"/>
      <c r="C11550" s="2" t="s">
        <v>35504</v>
      </c>
      <c r="D11550" s="14" t="s">
        <v>35505</v>
      </c>
      <c r="E11550" s="2" t="s">
        <v>35506</v>
      </c>
      <c r="F11550" s="2"/>
      <c r="G11550" s="8">
        <v>242</v>
      </c>
      <c r="H11550" s="5">
        <v>10</v>
      </c>
      <c r="I11550" s="5" t="s">
        <v>69</v>
      </c>
      <c r="J11550" s="5" t="s">
        <v>24629</v>
      </c>
      <c r="K11550" s="2" t="s">
        <v>24630</v>
      </c>
      <c r="L11550" s="5" t="s">
        <v>24629</v>
      </c>
      <c r="M11550" s="2" t="s">
        <v>24630</v>
      </c>
      <c r="N11550" s="5" t="s">
        <v>24254</v>
      </c>
      <c r="O11550" s="5" t="s">
        <v>38</v>
      </c>
      <c r="P11550" s="5" t="s">
        <v>39</v>
      </c>
      <c r="Q11550" s="5" t="s">
        <v>40</v>
      </c>
      <c r="R11550" s="5" t="s">
        <v>24335</v>
      </c>
      <c r="S11550" s="5" t="s">
        <v>40</v>
      </c>
      <c r="T11550" s="5" t="s">
        <v>42</v>
      </c>
      <c r="U11550" s="2">
        <v>6.8280000000000003</v>
      </c>
      <c r="V11550" s="2">
        <v>5.2610000000000001</v>
      </c>
      <c r="W11550" s="2">
        <v>0.10299999999999999</v>
      </c>
      <c r="X11550" s="2">
        <v>15</v>
      </c>
      <c r="Y11550" s="2">
        <v>50</v>
      </c>
      <c r="Z11550" s="2">
        <v>137.9</v>
      </c>
      <c r="AA11550" s="5">
        <v>16</v>
      </c>
      <c r="AB11550" s="5" t="s">
        <v>43</v>
      </c>
      <c r="AC11550" s="5" t="s">
        <v>44</v>
      </c>
      <c r="AD11550" s="2" t="s">
        <v>35491</v>
      </c>
      <c r="AE11550" s="1"/>
    </row>
    <row r="11551" spans="1:31" ht="14.45">
      <c r="A11551" s="11"/>
      <c r="B11551" s="20"/>
      <c r="C11551" s="2" t="s">
        <v>35507</v>
      </c>
      <c r="D11551" s="14" t="s">
        <v>35508</v>
      </c>
      <c r="E11551" s="2" t="s">
        <v>35509</v>
      </c>
      <c r="F11551" s="2"/>
      <c r="G11551" s="8">
        <v>140</v>
      </c>
      <c r="H11551" s="5">
        <v>10</v>
      </c>
      <c r="I11551" s="5" t="s">
        <v>69</v>
      </c>
      <c r="J11551" s="5" t="s">
        <v>24629</v>
      </c>
      <c r="K11551" s="2" t="s">
        <v>24630</v>
      </c>
      <c r="L11551" s="5" t="s">
        <v>24629</v>
      </c>
      <c r="M11551" s="2" t="s">
        <v>24630</v>
      </c>
      <c r="N11551" s="5" t="s">
        <v>24254</v>
      </c>
      <c r="O11551" s="5" t="s">
        <v>38</v>
      </c>
      <c r="P11551" s="5" t="s">
        <v>39</v>
      </c>
      <c r="Q11551" s="5" t="s">
        <v>40</v>
      </c>
      <c r="R11551" s="5" t="s">
        <v>24335</v>
      </c>
      <c r="S11551" s="5" t="s">
        <v>40</v>
      </c>
      <c r="T11551" s="5" t="s">
        <v>42</v>
      </c>
      <c r="U11551" s="2">
        <v>5.6890000000000001</v>
      </c>
      <c r="V11551" s="2">
        <v>4.3090000000000002</v>
      </c>
      <c r="W11551" s="2">
        <v>8.5999999999999993E-2</v>
      </c>
      <c r="X11551" s="2">
        <v>15</v>
      </c>
      <c r="Y11551" s="2">
        <v>50</v>
      </c>
      <c r="Z11551" s="2">
        <v>114.9</v>
      </c>
      <c r="AA11551" s="5">
        <v>16</v>
      </c>
      <c r="AB11551" s="5" t="s">
        <v>43</v>
      </c>
      <c r="AC11551" s="5" t="s">
        <v>44</v>
      </c>
      <c r="AD11551" s="2" t="s">
        <v>25897</v>
      </c>
      <c r="AE11551" s="1"/>
    </row>
    <row r="11552" spans="1:31" ht="14.45">
      <c r="A11552" s="11"/>
      <c r="B11552" s="20"/>
      <c r="C11552" s="2" t="s">
        <v>35510</v>
      </c>
      <c r="D11552" s="14" t="s">
        <v>35511</v>
      </c>
      <c r="E11552" s="2" t="s">
        <v>35512</v>
      </c>
      <c r="F11552" s="2"/>
      <c r="G11552" s="8">
        <v>246</v>
      </c>
      <c r="H11552" s="5">
        <v>10</v>
      </c>
      <c r="I11552" s="5" t="s">
        <v>69</v>
      </c>
      <c r="J11552" s="5" t="s">
        <v>24629</v>
      </c>
      <c r="K11552" s="2" t="s">
        <v>24630</v>
      </c>
      <c r="L11552" s="5" t="s">
        <v>24629</v>
      </c>
      <c r="M11552" s="2" t="s">
        <v>24630</v>
      </c>
      <c r="N11552" s="5" t="s">
        <v>24254</v>
      </c>
      <c r="O11552" s="5" t="s">
        <v>38</v>
      </c>
      <c r="P11552" s="5" t="s">
        <v>39</v>
      </c>
      <c r="Q11552" s="5" t="s">
        <v>40</v>
      </c>
      <c r="R11552" s="5" t="s">
        <v>24335</v>
      </c>
      <c r="S11552" s="5" t="s">
        <v>40</v>
      </c>
      <c r="T11552" s="5" t="s">
        <v>42</v>
      </c>
      <c r="U11552" s="2">
        <v>6.48</v>
      </c>
      <c r="V11552" s="2">
        <v>5.1029999999999998</v>
      </c>
      <c r="W11552" s="2">
        <v>8.5999999999999993E-2</v>
      </c>
      <c r="X11552" s="2">
        <v>15</v>
      </c>
      <c r="Y11552" s="2">
        <v>50</v>
      </c>
      <c r="Z11552" s="2">
        <v>114.9</v>
      </c>
      <c r="AA11552" s="5">
        <v>16</v>
      </c>
      <c r="AB11552" s="5" t="s">
        <v>43</v>
      </c>
      <c r="AC11552" s="5" t="s">
        <v>44</v>
      </c>
      <c r="AD11552" s="2" t="s">
        <v>35491</v>
      </c>
      <c r="AE11552" s="1"/>
    </row>
    <row r="11553" spans="1:31" ht="14.45">
      <c r="A11553" s="11"/>
      <c r="B11553" s="20"/>
      <c r="C11553" s="2" t="s">
        <v>35513</v>
      </c>
      <c r="D11553" s="14" t="s">
        <v>35514</v>
      </c>
      <c r="E11553" s="2" t="s">
        <v>35515</v>
      </c>
      <c r="F11553" s="2"/>
      <c r="G11553" s="8">
        <v>147</v>
      </c>
      <c r="H11553" s="5">
        <v>5</v>
      </c>
      <c r="I11553" s="5" t="s">
        <v>69</v>
      </c>
      <c r="J11553" s="5" t="s">
        <v>24629</v>
      </c>
      <c r="K11553" s="2" t="s">
        <v>24630</v>
      </c>
      <c r="L11553" s="5" t="s">
        <v>24629</v>
      </c>
      <c r="M11553" s="2" t="s">
        <v>24630</v>
      </c>
      <c r="N11553" s="5" t="s">
        <v>24254</v>
      </c>
      <c r="O11553" s="5" t="s">
        <v>38</v>
      </c>
      <c r="P11553" s="5" t="s">
        <v>39</v>
      </c>
      <c r="Q11553" s="5" t="s">
        <v>40</v>
      </c>
      <c r="R11553" s="5" t="s">
        <v>24335</v>
      </c>
      <c r="S11553" s="5" t="s">
        <v>40</v>
      </c>
      <c r="T11553" s="5" t="s">
        <v>42</v>
      </c>
      <c r="U11553" s="2">
        <v>6.3529999999999998</v>
      </c>
      <c r="V11553" s="2">
        <v>4.7619999999999996</v>
      </c>
      <c r="W11553" s="2">
        <v>0.10299999999999999</v>
      </c>
      <c r="X11553" s="2">
        <v>15</v>
      </c>
      <c r="Y11553" s="2">
        <v>50</v>
      </c>
      <c r="Z11553" s="2">
        <v>137.9</v>
      </c>
      <c r="AA11553" s="5">
        <v>16</v>
      </c>
      <c r="AB11553" s="5" t="s">
        <v>43</v>
      </c>
      <c r="AC11553" s="5" t="s">
        <v>44</v>
      </c>
      <c r="AD11553" s="2" t="s">
        <v>25897</v>
      </c>
      <c r="AE11553" s="1"/>
    </row>
    <row r="11554" spans="1:31" ht="14.45">
      <c r="A11554" s="11"/>
      <c r="B11554" s="20"/>
      <c r="C11554" s="2" t="s">
        <v>35516</v>
      </c>
      <c r="D11554" s="14" t="s">
        <v>35517</v>
      </c>
      <c r="E11554" s="2" t="s">
        <v>35518</v>
      </c>
      <c r="F11554" s="2"/>
      <c r="G11554" s="8">
        <v>298</v>
      </c>
      <c r="H11554" s="5">
        <v>5</v>
      </c>
      <c r="I11554" s="5" t="s">
        <v>69</v>
      </c>
      <c r="J11554" s="5" t="s">
        <v>24629</v>
      </c>
      <c r="K11554" s="2" t="s">
        <v>24630</v>
      </c>
      <c r="L11554" s="5" t="s">
        <v>24629</v>
      </c>
      <c r="M11554" s="2" t="s">
        <v>24630</v>
      </c>
      <c r="N11554" s="5" t="s">
        <v>24254</v>
      </c>
      <c r="O11554" s="5" t="s">
        <v>38</v>
      </c>
      <c r="P11554" s="5" t="s">
        <v>39</v>
      </c>
      <c r="Q11554" s="5" t="s">
        <v>40</v>
      </c>
      <c r="R11554" s="5" t="s">
        <v>24340</v>
      </c>
      <c r="S11554" s="5" t="s">
        <v>40</v>
      </c>
      <c r="T11554" s="5" t="s">
        <v>42</v>
      </c>
      <c r="U11554" s="2">
        <v>13.018000000000001</v>
      </c>
      <c r="V11554" s="2">
        <v>11.372999999999999</v>
      </c>
      <c r="W11554" s="2">
        <v>0.10299999999999999</v>
      </c>
      <c r="X11554" s="2">
        <v>15</v>
      </c>
      <c r="Y11554" s="2">
        <v>50</v>
      </c>
      <c r="Z11554" s="2">
        <v>137.9</v>
      </c>
      <c r="AA11554" s="5">
        <v>16</v>
      </c>
      <c r="AB11554" s="5" t="s">
        <v>43</v>
      </c>
      <c r="AC11554" s="5" t="s">
        <v>44</v>
      </c>
      <c r="AD11554" s="2" t="s">
        <v>25901</v>
      </c>
      <c r="AE11554" s="1"/>
    </row>
    <row r="11555" spans="1:31" ht="14.45">
      <c r="A11555" s="11"/>
      <c r="B11555" s="20"/>
      <c r="C11555" s="2" t="s">
        <v>35519</v>
      </c>
      <c r="D11555" s="14" t="s">
        <v>35520</v>
      </c>
      <c r="E11555" s="2" t="s">
        <v>35521</v>
      </c>
      <c r="F11555" s="2"/>
      <c r="G11555" s="8">
        <v>312</v>
      </c>
      <c r="H11555" s="5">
        <v>15</v>
      </c>
      <c r="I11555" s="5" t="s">
        <v>69</v>
      </c>
      <c r="J11555" s="5" t="s">
        <v>24629</v>
      </c>
      <c r="K11555" s="2" t="s">
        <v>24630</v>
      </c>
      <c r="L11555" s="5" t="s">
        <v>24629</v>
      </c>
      <c r="M11555" s="2" t="s">
        <v>24630</v>
      </c>
      <c r="N11555" s="5" t="s">
        <v>24254</v>
      </c>
      <c r="O11555" s="5" t="s">
        <v>38</v>
      </c>
      <c r="P11555" s="5" t="s">
        <v>39</v>
      </c>
      <c r="Q11555" s="5" t="s">
        <v>40</v>
      </c>
      <c r="R11555" s="5" t="s">
        <v>25301</v>
      </c>
      <c r="S11555" s="5" t="s">
        <v>40</v>
      </c>
      <c r="T11555" s="5" t="s">
        <v>42</v>
      </c>
      <c r="U11555" s="2">
        <v>11.449</v>
      </c>
      <c r="V11555" s="2">
        <v>9.8580000000000005</v>
      </c>
      <c r="W11555" s="2">
        <v>0.10299999999999999</v>
      </c>
      <c r="X11555" s="2">
        <v>15</v>
      </c>
      <c r="Y11555" s="2">
        <v>50</v>
      </c>
      <c r="Z11555" s="2">
        <v>137.9</v>
      </c>
      <c r="AA11555" s="5">
        <v>16</v>
      </c>
      <c r="AB11555" s="5" t="s">
        <v>43</v>
      </c>
      <c r="AC11555" s="5" t="s">
        <v>44</v>
      </c>
      <c r="AD11555" s="2" t="s">
        <v>25905</v>
      </c>
      <c r="AE11555" s="1"/>
    </row>
    <row r="11556" spans="1:31" ht="14.45">
      <c r="A11556" s="11"/>
      <c r="B11556" s="20"/>
      <c r="C11556" s="2" t="s">
        <v>35522</v>
      </c>
      <c r="D11556" s="14" t="s">
        <v>35523</v>
      </c>
      <c r="E11556" s="2" t="s">
        <v>35524</v>
      </c>
      <c r="F11556" s="2"/>
      <c r="G11556" s="8">
        <v>258</v>
      </c>
      <c r="H11556" s="5">
        <v>10</v>
      </c>
      <c r="I11556" s="5" t="s">
        <v>69</v>
      </c>
      <c r="J11556" s="5" t="s">
        <v>24629</v>
      </c>
      <c r="K11556" s="2" t="s">
        <v>24630</v>
      </c>
      <c r="L11556" s="5" t="s">
        <v>24629</v>
      </c>
      <c r="M11556" s="2" t="s">
        <v>24630</v>
      </c>
      <c r="N11556" s="5" t="s">
        <v>24254</v>
      </c>
      <c r="O11556" s="5" t="s">
        <v>38</v>
      </c>
      <c r="P11556" s="5" t="s">
        <v>39</v>
      </c>
      <c r="Q11556" s="5" t="s">
        <v>40</v>
      </c>
      <c r="R11556" s="5" t="s">
        <v>24335</v>
      </c>
      <c r="S11556" s="5" t="s">
        <v>40</v>
      </c>
      <c r="T11556" s="5" t="s">
        <v>42</v>
      </c>
      <c r="U11556" s="2">
        <v>7.0190000000000001</v>
      </c>
      <c r="V11556" s="2">
        <v>5.452</v>
      </c>
      <c r="W11556" s="2">
        <v>0.10299999999999999</v>
      </c>
      <c r="X11556" s="2">
        <v>15</v>
      </c>
      <c r="Y11556" s="2">
        <v>50</v>
      </c>
      <c r="Z11556" s="2">
        <v>137.9</v>
      </c>
      <c r="AA11556" s="5">
        <v>16</v>
      </c>
      <c r="AB11556" s="5" t="s">
        <v>43</v>
      </c>
      <c r="AC11556" s="5" t="s">
        <v>44</v>
      </c>
      <c r="AD11556" s="2" t="s">
        <v>35491</v>
      </c>
      <c r="AE11556" s="1"/>
    </row>
    <row r="11557" spans="1:31" ht="14.45">
      <c r="A11557" s="11"/>
      <c r="B11557" s="20"/>
      <c r="C11557" s="2" t="s">
        <v>35525</v>
      </c>
      <c r="D11557" s="14" t="s">
        <v>35526</v>
      </c>
      <c r="E11557" s="2" t="s">
        <v>35527</v>
      </c>
      <c r="F11557" s="2"/>
      <c r="G11557" s="8">
        <v>145</v>
      </c>
      <c r="H11557" s="5">
        <v>5</v>
      </c>
      <c r="I11557" s="5" t="s">
        <v>69</v>
      </c>
      <c r="J11557" s="5" t="s">
        <v>24629</v>
      </c>
      <c r="K11557" s="2" t="s">
        <v>24630</v>
      </c>
      <c r="L11557" s="5" t="s">
        <v>24629</v>
      </c>
      <c r="M11557" s="2" t="s">
        <v>24630</v>
      </c>
      <c r="N11557" s="5" t="s">
        <v>24254</v>
      </c>
      <c r="O11557" s="5" t="s">
        <v>38</v>
      </c>
      <c r="P11557" s="5" t="s">
        <v>39</v>
      </c>
      <c r="Q11557" s="5" t="s">
        <v>40</v>
      </c>
      <c r="R11557" s="5" t="s">
        <v>24335</v>
      </c>
      <c r="S11557" s="5" t="s">
        <v>40</v>
      </c>
      <c r="T11557" s="5" t="s">
        <v>42</v>
      </c>
      <c r="U11557" s="2">
        <v>6.2389999999999999</v>
      </c>
      <c r="V11557" s="2">
        <v>4.8479999999999999</v>
      </c>
      <c r="W11557" s="2">
        <v>8.5999999999999993E-2</v>
      </c>
      <c r="X11557" s="2">
        <v>15</v>
      </c>
      <c r="Y11557" s="2">
        <v>50</v>
      </c>
      <c r="Z11557" s="2">
        <v>114.9</v>
      </c>
      <c r="AA11557" s="5">
        <v>16</v>
      </c>
      <c r="AB11557" s="5" t="s">
        <v>43</v>
      </c>
      <c r="AC11557" s="5" t="s">
        <v>44</v>
      </c>
      <c r="AD11557" s="2" t="s">
        <v>25897</v>
      </c>
      <c r="AE11557" s="1"/>
    </row>
    <row r="11558" spans="1:31" ht="14.45">
      <c r="A11558" s="11"/>
      <c r="B11558" s="20"/>
      <c r="C11558" s="2" t="s">
        <v>35528</v>
      </c>
      <c r="D11558" s="14" t="s">
        <v>35529</v>
      </c>
      <c r="E11558" s="2" t="s">
        <v>35530</v>
      </c>
      <c r="F11558" s="2"/>
      <c r="G11558" s="8">
        <v>296</v>
      </c>
      <c r="H11558" s="5">
        <v>5</v>
      </c>
      <c r="I11558" s="5" t="s">
        <v>69</v>
      </c>
      <c r="J11558" s="5" t="s">
        <v>24629</v>
      </c>
      <c r="K11558" s="2" t="s">
        <v>24630</v>
      </c>
      <c r="L11558" s="5" t="s">
        <v>24629</v>
      </c>
      <c r="M11558" s="2" t="s">
        <v>24630</v>
      </c>
      <c r="N11558" s="5" t="s">
        <v>24254</v>
      </c>
      <c r="O11558" s="5" t="s">
        <v>38</v>
      </c>
      <c r="P11558" s="5" t="s">
        <v>39</v>
      </c>
      <c r="Q11558" s="5" t="s">
        <v>40</v>
      </c>
      <c r="R11558" s="5" t="s">
        <v>24340</v>
      </c>
      <c r="S11558" s="5" t="s">
        <v>40</v>
      </c>
      <c r="T11558" s="5" t="s">
        <v>42</v>
      </c>
      <c r="U11558" s="2">
        <v>12.542</v>
      </c>
      <c r="V11558" s="2">
        <v>11.097</v>
      </c>
      <c r="W11558" s="2">
        <v>8.5999999999999993E-2</v>
      </c>
      <c r="X11558" s="2">
        <v>15</v>
      </c>
      <c r="Y11558" s="2">
        <v>50</v>
      </c>
      <c r="Z11558" s="2">
        <v>114.9</v>
      </c>
      <c r="AA11558" s="5">
        <v>16</v>
      </c>
      <c r="AB11558" s="5" t="s">
        <v>43</v>
      </c>
      <c r="AC11558" s="5" t="s">
        <v>44</v>
      </c>
      <c r="AD11558" s="2" t="s">
        <v>25901</v>
      </c>
      <c r="AE11558" s="1"/>
    </row>
    <row r="11559" spans="1:31" ht="14.45">
      <c r="A11559" s="11"/>
      <c r="B11559" s="20"/>
      <c r="C11559" s="2" t="s">
        <v>35531</v>
      </c>
      <c r="D11559" s="14" t="s">
        <v>35532</v>
      </c>
      <c r="E11559" s="2" t="s">
        <v>35533</v>
      </c>
      <c r="F11559" s="2"/>
      <c r="G11559" s="8">
        <v>308</v>
      </c>
      <c r="H11559" s="5">
        <v>15</v>
      </c>
      <c r="I11559" s="5" t="s">
        <v>69</v>
      </c>
      <c r="J11559" s="5" t="s">
        <v>24629</v>
      </c>
      <c r="K11559" s="2" t="s">
        <v>24630</v>
      </c>
      <c r="L11559" s="5" t="s">
        <v>24629</v>
      </c>
      <c r="M11559" s="2" t="s">
        <v>24630</v>
      </c>
      <c r="N11559" s="5" t="s">
        <v>24254</v>
      </c>
      <c r="O11559" s="5" t="s">
        <v>38</v>
      </c>
      <c r="P11559" s="5" t="s">
        <v>39</v>
      </c>
      <c r="Q11559" s="5" t="s">
        <v>40</v>
      </c>
      <c r="R11559" s="5" t="s">
        <v>25301</v>
      </c>
      <c r="S11559" s="5" t="s">
        <v>40</v>
      </c>
      <c r="T11559" s="5" t="s">
        <v>42</v>
      </c>
      <c r="U11559" s="2">
        <v>11.077</v>
      </c>
      <c r="V11559" s="2">
        <v>9.6859999999999999</v>
      </c>
      <c r="W11559" s="2">
        <v>8.5999999999999993E-2</v>
      </c>
      <c r="X11559" s="2">
        <v>15</v>
      </c>
      <c r="Y11559" s="2">
        <v>50</v>
      </c>
      <c r="Z11559" s="2">
        <v>114.9</v>
      </c>
      <c r="AA11559" s="5">
        <v>16</v>
      </c>
      <c r="AB11559" s="5" t="s">
        <v>43</v>
      </c>
      <c r="AC11559" s="5" t="s">
        <v>44</v>
      </c>
      <c r="AD11559" s="2" t="s">
        <v>25905</v>
      </c>
      <c r="AE11559" s="1"/>
    </row>
    <row r="11560" spans="1:31" ht="14.45">
      <c r="A11560" s="11"/>
      <c r="B11560" s="20"/>
      <c r="C11560" s="2" t="s">
        <v>35534</v>
      </c>
      <c r="D11560" s="14" t="s">
        <v>35535</v>
      </c>
      <c r="E11560" s="2" t="s">
        <v>35536</v>
      </c>
      <c r="F11560" s="2"/>
      <c r="G11560" s="8">
        <v>256</v>
      </c>
      <c r="H11560" s="5">
        <v>10</v>
      </c>
      <c r="I11560" s="5" t="s">
        <v>69</v>
      </c>
      <c r="J11560" s="5" t="s">
        <v>24629</v>
      </c>
      <c r="K11560" s="2" t="s">
        <v>24630</v>
      </c>
      <c r="L11560" s="5" t="s">
        <v>24629</v>
      </c>
      <c r="M11560" s="2" t="s">
        <v>24630</v>
      </c>
      <c r="N11560" s="5" t="s">
        <v>24254</v>
      </c>
      <c r="O11560" s="5" t="s">
        <v>38</v>
      </c>
      <c r="P11560" s="5" t="s">
        <v>39</v>
      </c>
      <c r="Q11560" s="5" t="s">
        <v>40</v>
      </c>
      <c r="R11560" s="5" t="s">
        <v>24335</v>
      </c>
      <c r="S11560" s="5" t="s">
        <v>40</v>
      </c>
      <c r="T11560" s="5" t="s">
        <v>42</v>
      </c>
      <c r="U11560" s="2">
        <v>7.1130000000000004</v>
      </c>
      <c r="V11560" s="2">
        <v>5.5460000000000003</v>
      </c>
      <c r="W11560" s="2">
        <v>0.10299999999999999</v>
      </c>
      <c r="X11560" s="2">
        <v>15</v>
      </c>
      <c r="Y11560" s="2">
        <v>50</v>
      </c>
      <c r="Z11560" s="2">
        <v>137.9</v>
      </c>
      <c r="AA11560" s="5">
        <v>16</v>
      </c>
      <c r="AB11560" s="5" t="s">
        <v>43</v>
      </c>
      <c r="AC11560" s="5" t="s">
        <v>44</v>
      </c>
      <c r="AD11560" s="2" t="s">
        <v>35491</v>
      </c>
      <c r="AE11560" s="1"/>
    </row>
    <row r="11561" spans="1:31" ht="14.45">
      <c r="A11561" s="11"/>
      <c r="B11561" s="20"/>
      <c r="C11561" s="2" t="s">
        <v>35537</v>
      </c>
      <c r="D11561" s="14" t="s">
        <v>35538</v>
      </c>
      <c r="E11561" s="2" t="s">
        <v>35539</v>
      </c>
      <c r="F11561" s="2"/>
      <c r="G11561" s="8">
        <v>151</v>
      </c>
      <c r="H11561" s="5">
        <v>5</v>
      </c>
      <c r="I11561" s="5" t="s">
        <v>69</v>
      </c>
      <c r="J11561" s="5" t="s">
        <v>24629</v>
      </c>
      <c r="K11561" s="2" t="s">
        <v>24630</v>
      </c>
      <c r="L11561" s="5" t="s">
        <v>24629</v>
      </c>
      <c r="M11561" s="2" t="s">
        <v>24630</v>
      </c>
      <c r="N11561" s="5" t="s">
        <v>24254</v>
      </c>
      <c r="O11561" s="5" t="s">
        <v>38</v>
      </c>
      <c r="P11561" s="5" t="s">
        <v>39</v>
      </c>
      <c r="Q11561" s="5" t="s">
        <v>40</v>
      </c>
      <c r="R11561" s="5" t="s">
        <v>24335</v>
      </c>
      <c r="S11561" s="5" t="s">
        <v>40</v>
      </c>
      <c r="T11561" s="5" t="s">
        <v>42</v>
      </c>
      <c r="U11561" s="2">
        <v>6.7249999999999996</v>
      </c>
      <c r="V11561" s="2">
        <v>5.1440000000000001</v>
      </c>
      <c r="W11561" s="2">
        <v>0.10299999999999999</v>
      </c>
      <c r="X11561" s="2">
        <v>15</v>
      </c>
      <c r="Y11561" s="2">
        <v>50</v>
      </c>
      <c r="Z11561" s="2">
        <v>137.9</v>
      </c>
      <c r="AA11561" s="5">
        <v>16</v>
      </c>
      <c r="AB11561" s="5" t="s">
        <v>43</v>
      </c>
      <c r="AC11561" s="5" t="s">
        <v>44</v>
      </c>
      <c r="AD11561" s="2" t="s">
        <v>25897</v>
      </c>
      <c r="AE11561" s="1"/>
    </row>
    <row r="11562" spans="1:31" ht="14.45">
      <c r="A11562" s="11"/>
      <c r="B11562" s="20"/>
      <c r="C11562" s="2" t="s">
        <v>35540</v>
      </c>
      <c r="D11562" s="14" t="s">
        <v>35541</v>
      </c>
      <c r="E11562" s="2" t="s">
        <v>35542</v>
      </c>
      <c r="F11562" s="2"/>
      <c r="G11562" s="8">
        <v>302</v>
      </c>
      <c r="H11562" s="5">
        <v>5</v>
      </c>
      <c r="I11562" s="5" t="s">
        <v>69</v>
      </c>
      <c r="J11562" s="5" t="s">
        <v>24629</v>
      </c>
      <c r="K11562" s="2" t="s">
        <v>24630</v>
      </c>
      <c r="L11562" s="5" t="s">
        <v>24629</v>
      </c>
      <c r="M11562" s="2" t="s">
        <v>24630</v>
      </c>
      <c r="N11562" s="5" t="s">
        <v>24254</v>
      </c>
      <c r="O11562" s="5" t="s">
        <v>38</v>
      </c>
      <c r="P11562" s="5" t="s">
        <v>39</v>
      </c>
      <c r="Q11562" s="5" t="s">
        <v>40</v>
      </c>
      <c r="R11562" s="5" t="s">
        <v>24340</v>
      </c>
      <c r="S11562" s="5" t="s">
        <v>40</v>
      </c>
      <c r="T11562" s="5" t="s">
        <v>42</v>
      </c>
      <c r="U11562" s="2">
        <v>13.616</v>
      </c>
      <c r="V11562" s="2">
        <v>11.981</v>
      </c>
      <c r="W11562" s="2">
        <v>0.10299999999999999</v>
      </c>
      <c r="X11562" s="2">
        <v>15</v>
      </c>
      <c r="Y11562" s="2">
        <v>50</v>
      </c>
      <c r="Z11562" s="2">
        <v>137.9</v>
      </c>
      <c r="AA11562" s="5">
        <v>16</v>
      </c>
      <c r="AB11562" s="5" t="s">
        <v>43</v>
      </c>
      <c r="AC11562" s="5" t="s">
        <v>44</v>
      </c>
      <c r="AD11562" s="2" t="s">
        <v>25901</v>
      </c>
      <c r="AE11562" s="1"/>
    </row>
    <row r="11563" spans="1:31" ht="14.45">
      <c r="A11563" s="11"/>
      <c r="B11563" s="20"/>
      <c r="C11563" s="2" t="s">
        <v>35543</v>
      </c>
      <c r="D11563" s="14" t="s">
        <v>35544</v>
      </c>
      <c r="E11563" s="2" t="s">
        <v>35545</v>
      </c>
      <c r="F11563" s="2"/>
      <c r="G11563" s="8">
        <v>316</v>
      </c>
      <c r="H11563" s="5">
        <v>15</v>
      </c>
      <c r="I11563" s="5" t="s">
        <v>69</v>
      </c>
      <c r="J11563" s="5" t="s">
        <v>24629</v>
      </c>
      <c r="K11563" s="2" t="s">
        <v>24630</v>
      </c>
      <c r="L11563" s="5" t="s">
        <v>24629</v>
      </c>
      <c r="M11563" s="2" t="s">
        <v>24630</v>
      </c>
      <c r="N11563" s="5" t="s">
        <v>24254</v>
      </c>
      <c r="O11563" s="5" t="s">
        <v>38</v>
      </c>
      <c r="P11563" s="5" t="s">
        <v>39</v>
      </c>
      <c r="Q11563" s="5" t="s">
        <v>40</v>
      </c>
      <c r="R11563" s="5" t="s">
        <v>25301</v>
      </c>
      <c r="S11563" s="5" t="s">
        <v>40</v>
      </c>
      <c r="T11563" s="5" t="s">
        <v>42</v>
      </c>
      <c r="U11563" s="2">
        <v>12.000999999999999</v>
      </c>
      <c r="V11563" s="2">
        <v>10.42</v>
      </c>
      <c r="W11563" s="2">
        <v>0.10299999999999999</v>
      </c>
      <c r="X11563" s="2">
        <v>15</v>
      </c>
      <c r="Y11563" s="2">
        <v>50</v>
      </c>
      <c r="Z11563" s="2">
        <v>137.9</v>
      </c>
      <c r="AA11563" s="5">
        <v>16</v>
      </c>
      <c r="AB11563" s="5" t="s">
        <v>43</v>
      </c>
      <c r="AC11563" s="5" t="s">
        <v>44</v>
      </c>
      <c r="AD11563" s="2" t="s">
        <v>25905</v>
      </c>
      <c r="AE11563" s="1"/>
    </row>
    <row r="11564" spans="1:31" ht="14.45">
      <c r="A11564" s="11"/>
      <c r="B11564" s="20"/>
      <c r="C11564" s="2" t="s">
        <v>35546</v>
      </c>
      <c r="D11564" s="14" t="s">
        <v>35547</v>
      </c>
      <c r="E11564" s="2" t="s">
        <v>35548</v>
      </c>
      <c r="F11564" s="2"/>
      <c r="G11564" s="8">
        <v>266</v>
      </c>
      <c r="H11564" s="5">
        <v>10</v>
      </c>
      <c r="I11564" s="5" t="s">
        <v>69</v>
      </c>
      <c r="J11564" s="5" t="s">
        <v>24629</v>
      </c>
      <c r="K11564" s="2" t="s">
        <v>24630</v>
      </c>
      <c r="L11564" s="5" t="s">
        <v>24629</v>
      </c>
      <c r="M11564" s="2" t="s">
        <v>24630</v>
      </c>
      <c r="N11564" s="5" t="s">
        <v>24254</v>
      </c>
      <c r="O11564" s="5" t="s">
        <v>38</v>
      </c>
      <c r="P11564" s="5" t="s">
        <v>39</v>
      </c>
      <c r="Q11564" s="5" t="s">
        <v>40</v>
      </c>
      <c r="R11564" s="5" t="s">
        <v>24335</v>
      </c>
      <c r="S11564" s="5" t="s">
        <v>40</v>
      </c>
      <c r="T11564" s="5" t="s">
        <v>42</v>
      </c>
      <c r="U11564" s="2">
        <v>7.4630000000000001</v>
      </c>
      <c r="V11564" s="2">
        <v>5.8959999999999999</v>
      </c>
      <c r="W11564" s="2">
        <v>0.10299999999999999</v>
      </c>
      <c r="X11564" s="2">
        <v>15</v>
      </c>
      <c r="Y11564" s="2">
        <v>50</v>
      </c>
      <c r="Z11564" s="2">
        <v>137.9</v>
      </c>
      <c r="AA11564" s="5">
        <v>16</v>
      </c>
      <c r="AB11564" s="5" t="s">
        <v>43</v>
      </c>
      <c r="AC11564" s="5" t="s">
        <v>44</v>
      </c>
      <c r="AD11564" s="2" t="s">
        <v>35491</v>
      </c>
      <c r="AE11564" s="1"/>
    </row>
    <row r="11565" spans="1:31" ht="14.45">
      <c r="A11565" s="11"/>
      <c r="B11565" s="20"/>
      <c r="C11565" s="2" t="s">
        <v>35549</v>
      </c>
      <c r="D11565" s="14" t="s">
        <v>35550</v>
      </c>
      <c r="E11565" s="2" t="s">
        <v>35551</v>
      </c>
      <c r="F11565" s="2"/>
      <c r="G11565" s="8">
        <v>155</v>
      </c>
      <c r="H11565" s="5">
        <v>5</v>
      </c>
      <c r="I11565" s="5" t="s">
        <v>69</v>
      </c>
      <c r="J11565" s="5" t="s">
        <v>24629</v>
      </c>
      <c r="K11565" s="2" t="s">
        <v>24630</v>
      </c>
      <c r="L11565" s="5" t="s">
        <v>24629</v>
      </c>
      <c r="M11565" s="2" t="s">
        <v>24630</v>
      </c>
      <c r="N11565" s="5" t="s">
        <v>24254</v>
      </c>
      <c r="O11565" s="5" t="s">
        <v>38</v>
      </c>
      <c r="P11565" s="5" t="s">
        <v>39</v>
      </c>
      <c r="Q11565" s="5" t="s">
        <v>40</v>
      </c>
      <c r="R11565" s="5" t="s">
        <v>24335</v>
      </c>
      <c r="S11565" s="5" t="s">
        <v>40</v>
      </c>
      <c r="T11565" s="5" t="s">
        <v>42</v>
      </c>
      <c r="U11565" s="2">
        <v>7.3869999999999996</v>
      </c>
      <c r="V11565" s="2">
        <v>5.6760000000000002</v>
      </c>
      <c r="W11565" s="2">
        <v>0.11600000000000001</v>
      </c>
      <c r="X11565" s="2">
        <v>15</v>
      </c>
      <c r="Y11565" s="2">
        <v>50</v>
      </c>
      <c r="Z11565" s="2">
        <v>154.1</v>
      </c>
      <c r="AA11565" s="5">
        <v>16</v>
      </c>
      <c r="AB11565" s="5" t="s">
        <v>43</v>
      </c>
      <c r="AC11565" s="5" t="s">
        <v>44</v>
      </c>
      <c r="AD11565" s="2" t="s">
        <v>25897</v>
      </c>
      <c r="AE11565" s="1"/>
    </row>
    <row r="11566" spans="1:31" ht="14.45">
      <c r="A11566" s="11"/>
      <c r="B11566" s="20"/>
      <c r="C11566" s="2" t="s">
        <v>35552</v>
      </c>
      <c r="D11566" s="14" t="s">
        <v>35553</v>
      </c>
      <c r="E11566" s="2" t="s">
        <v>35554</v>
      </c>
      <c r="F11566" s="2"/>
      <c r="G11566" s="8">
        <v>306</v>
      </c>
      <c r="H11566" s="5">
        <v>5</v>
      </c>
      <c r="I11566" s="5" t="s">
        <v>69</v>
      </c>
      <c r="J11566" s="5" t="s">
        <v>24629</v>
      </c>
      <c r="K11566" s="2" t="s">
        <v>24630</v>
      </c>
      <c r="L11566" s="5" t="s">
        <v>24629</v>
      </c>
      <c r="M11566" s="2" t="s">
        <v>24630</v>
      </c>
      <c r="N11566" s="5" t="s">
        <v>24254</v>
      </c>
      <c r="O11566" s="5" t="s">
        <v>38</v>
      </c>
      <c r="P11566" s="5" t="s">
        <v>39</v>
      </c>
      <c r="Q11566" s="5" t="s">
        <v>40</v>
      </c>
      <c r="R11566" s="5" t="s">
        <v>24340</v>
      </c>
      <c r="S11566" s="5" t="s">
        <v>40</v>
      </c>
      <c r="T11566" s="5" t="s">
        <v>42</v>
      </c>
      <c r="U11566" s="2">
        <v>14.882999999999999</v>
      </c>
      <c r="V11566" s="2">
        <v>13.118</v>
      </c>
      <c r="W11566" s="2">
        <v>0.11600000000000001</v>
      </c>
      <c r="X11566" s="2">
        <v>15</v>
      </c>
      <c r="Y11566" s="2">
        <v>50</v>
      </c>
      <c r="Z11566" s="2">
        <v>154.1</v>
      </c>
      <c r="AA11566" s="5">
        <v>16</v>
      </c>
      <c r="AB11566" s="5" t="s">
        <v>43</v>
      </c>
      <c r="AC11566" s="5" t="s">
        <v>44</v>
      </c>
      <c r="AD11566" s="2" t="s">
        <v>25901</v>
      </c>
      <c r="AE11566" s="1"/>
    </row>
    <row r="11567" spans="1:31" ht="14.45">
      <c r="A11567" s="11"/>
      <c r="B11567" s="20"/>
      <c r="C11567" s="2" t="s">
        <v>35555</v>
      </c>
      <c r="D11567" s="14" t="s">
        <v>35556</v>
      </c>
      <c r="E11567" s="2" t="s">
        <v>35557</v>
      </c>
      <c r="F11567" s="2"/>
      <c r="G11567" s="8">
        <v>324</v>
      </c>
      <c r="H11567" s="5">
        <v>15</v>
      </c>
      <c r="I11567" s="5" t="s">
        <v>69</v>
      </c>
      <c r="J11567" s="5" t="s">
        <v>24629</v>
      </c>
      <c r="K11567" s="2" t="s">
        <v>24630</v>
      </c>
      <c r="L11567" s="5" t="s">
        <v>24629</v>
      </c>
      <c r="M11567" s="2" t="s">
        <v>24630</v>
      </c>
      <c r="N11567" s="5" t="s">
        <v>24254</v>
      </c>
      <c r="O11567" s="5" t="s">
        <v>38</v>
      </c>
      <c r="P11567" s="5" t="s">
        <v>39</v>
      </c>
      <c r="Q11567" s="5" t="s">
        <v>40</v>
      </c>
      <c r="R11567" s="5" t="s">
        <v>25301</v>
      </c>
      <c r="S11567" s="5" t="s">
        <v>40</v>
      </c>
      <c r="T11567" s="5" t="s">
        <v>42</v>
      </c>
      <c r="U11567" s="2">
        <v>13.116</v>
      </c>
      <c r="V11567" s="2">
        <v>11.404999999999999</v>
      </c>
      <c r="W11567" s="2">
        <v>0.11600000000000001</v>
      </c>
      <c r="X11567" s="2">
        <v>15</v>
      </c>
      <c r="Y11567" s="2">
        <v>50</v>
      </c>
      <c r="Z11567" s="2">
        <v>154.1</v>
      </c>
      <c r="AA11567" s="5">
        <v>16</v>
      </c>
      <c r="AB11567" s="5" t="s">
        <v>43</v>
      </c>
      <c r="AC11567" s="5" t="s">
        <v>44</v>
      </c>
      <c r="AD11567" s="2" t="s">
        <v>25905</v>
      </c>
      <c r="AE11567" s="1"/>
    </row>
    <row r="11568" spans="1:31" ht="14.45">
      <c r="A11568" s="11"/>
      <c r="B11568" s="20"/>
      <c r="C11568" s="2" t="s">
        <v>35558</v>
      </c>
      <c r="D11568" s="14" t="s">
        <v>35559</v>
      </c>
      <c r="E11568" s="2" t="s">
        <v>35560</v>
      </c>
      <c r="F11568" s="2"/>
      <c r="G11568" s="8">
        <v>273</v>
      </c>
      <c r="H11568" s="5">
        <v>10</v>
      </c>
      <c r="I11568" s="5" t="s">
        <v>69</v>
      </c>
      <c r="J11568" s="5" t="s">
        <v>24629</v>
      </c>
      <c r="K11568" s="2" t="s">
        <v>24630</v>
      </c>
      <c r="L11568" s="5" t="s">
        <v>24629</v>
      </c>
      <c r="M11568" s="2" t="s">
        <v>24630</v>
      </c>
      <c r="N11568" s="5" t="s">
        <v>24254</v>
      </c>
      <c r="O11568" s="5" t="s">
        <v>38</v>
      </c>
      <c r="P11568" s="5" t="s">
        <v>39</v>
      </c>
      <c r="Q11568" s="5" t="s">
        <v>40</v>
      </c>
      <c r="R11568" s="5" t="s">
        <v>24335</v>
      </c>
      <c r="S11568" s="5" t="s">
        <v>40</v>
      </c>
      <c r="T11568" s="5" t="s">
        <v>42</v>
      </c>
      <c r="U11568" s="2">
        <v>8.1859999999999999</v>
      </c>
      <c r="V11568" s="2">
        <v>6.4889999999999999</v>
      </c>
      <c r="W11568" s="2">
        <v>0.11600000000000001</v>
      </c>
      <c r="X11568" s="2">
        <v>15</v>
      </c>
      <c r="Y11568" s="2">
        <v>50</v>
      </c>
      <c r="Z11568" s="2">
        <v>154.1</v>
      </c>
      <c r="AA11568" s="5">
        <v>16</v>
      </c>
      <c r="AB11568" s="5" t="s">
        <v>43</v>
      </c>
      <c r="AC11568" s="5" t="s">
        <v>44</v>
      </c>
      <c r="AD11568" s="2" t="s">
        <v>35491</v>
      </c>
      <c r="AE11568" s="1"/>
    </row>
    <row r="11569" spans="1:31" ht="14.45">
      <c r="A11569" s="11"/>
      <c r="B11569" s="20"/>
      <c r="C11569" s="2" t="s">
        <v>35561</v>
      </c>
      <c r="D11569" s="14" t="s">
        <v>35562</v>
      </c>
      <c r="E11569" s="2" t="s">
        <v>35563</v>
      </c>
      <c r="F11569" s="2"/>
      <c r="G11569" s="8">
        <v>172</v>
      </c>
      <c r="H11569" s="5">
        <v>10</v>
      </c>
      <c r="I11569" s="5" t="s">
        <v>69</v>
      </c>
      <c r="J11569" s="5" t="s">
        <v>24629</v>
      </c>
      <c r="K11569" s="2" t="s">
        <v>24630</v>
      </c>
      <c r="L11569" s="5" t="s">
        <v>24629</v>
      </c>
      <c r="M11569" s="2" t="s">
        <v>24630</v>
      </c>
      <c r="N11569" s="5" t="s">
        <v>24254</v>
      </c>
      <c r="O11569" s="5" t="s">
        <v>38</v>
      </c>
      <c r="P11569" s="5" t="s">
        <v>39</v>
      </c>
      <c r="Q11569" s="5" t="s">
        <v>40</v>
      </c>
      <c r="R11569" s="5" t="s">
        <v>24335</v>
      </c>
      <c r="S11569" s="5" t="s">
        <v>40</v>
      </c>
      <c r="T11569" s="5" t="s">
        <v>42</v>
      </c>
      <c r="U11569" s="2">
        <v>7.6689999999999996</v>
      </c>
      <c r="V11569" s="2">
        <v>5.8090000000000002</v>
      </c>
      <c r="W11569" s="2">
        <v>0.13</v>
      </c>
      <c r="X11569" s="2">
        <v>15</v>
      </c>
      <c r="Y11569" s="2">
        <v>50</v>
      </c>
      <c r="Z11569" s="2">
        <v>173.9</v>
      </c>
      <c r="AA11569" s="5">
        <v>16</v>
      </c>
      <c r="AB11569" s="5" t="s">
        <v>43</v>
      </c>
      <c r="AC11569" s="5" t="s">
        <v>44</v>
      </c>
      <c r="AD11569" s="2" t="s">
        <v>25897</v>
      </c>
      <c r="AE11569" s="1"/>
    </row>
    <row r="11570" spans="1:31" ht="14.45">
      <c r="A11570" s="11"/>
      <c r="B11570" s="20"/>
      <c r="C11570" s="2" t="s">
        <v>35564</v>
      </c>
      <c r="D11570" s="14" t="s">
        <v>35565</v>
      </c>
      <c r="E11570" s="2" t="s">
        <v>35566</v>
      </c>
      <c r="F11570" s="2"/>
      <c r="G11570" s="8">
        <v>303</v>
      </c>
      <c r="H11570" s="5">
        <v>10</v>
      </c>
      <c r="I11570" s="5" t="s">
        <v>69</v>
      </c>
      <c r="J11570" s="5" t="s">
        <v>24629</v>
      </c>
      <c r="K11570" s="2" t="s">
        <v>24630</v>
      </c>
      <c r="L11570" s="5" t="s">
        <v>24629</v>
      </c>
      <c r="M11570" s="2" t="s">
        <v>24630</v>
      </c>
      <c r="N11570" s="5" t="s">
        <v>24254</v>
      </c>
      <c r="O11570" s="5" t="s">
        <v>38</v>
      </c>
      <c r="P11570" s="5" t="s">
        <v>39</v>
      </c>
      <c r="Q11570" s="5" t="s">
        <v>40</v>
      </c>
      <c r="R11570" s="5" t="s">
        <v>24335</v>
      </c>
      <c r="S11570" s="5" t="s">
        <v>40</v>
      </c>
      <c r="T11570" s="5" t="s">
        <v>42</v>
      </c>
      <c r="U11570" s="2">
        <v>8.6999999999999993</v>
      </c>
      <c r="V11570" s="2">
        <v>6.843</v>
      </c>
      <c r="W11570" s="2">
        <v>0.13</v>
      </c>
      <c r="X11570" s="2">
        <v>15</v>
      </c>
      <c r="Y11570" s="2">
        <v>50</v>
      </c>
      <c r="Z11570" s="2">
        <v>173.9</v>
      </c>
      <c r="AA11570" s="5">
        <v>16</v>
      </c>
      <c r="AB11570" s="5" t="s">
        <v>43</v>
      </c>
      <c r="AC11570" s="5" t="s">
        <v>44</v>
      </c>
      <c r="AD11570" s="2" t="s">
        <v>35491</v>
      </c>
      <c r="AE11570" s="1"/>
    </row>
    <row r="11571" spans="1:31" ht="14.45">
      <c r="A11571" s="11"/>
      <c r="B11571" s="20"/>
      <c r="C11571" s="2" t="s">
        <v>35567</v>
      </c>
      <c r="D11571" s="14" t="s">
        <v>35568</v>
      </c>
      <c r="E11571" s="2" t="s">
        <v>35569</v>
      </c>
      <c r="F11571" s="2"/>
      <c r="G11571" s="8">
        <v>167</v>
      </c>
      <c r="H11571" s="5">
        <v>10</v>
      </c>
      <c r="I11571" s="5" t="s">
        <v>69</v>
      </c>
      <c r="J11571" s="5" t="s">
        <v>24629</v>
      </c>
      <c r="K11571" s="2" t="s">
        <v>24630</v>
      </c>
      <c r="L11571" s="5" t="s">
        <v>24629</v>
      </c>
      <c r="M11571" s="2" t="s">
        <v>24630</v>
      </c>
      <c r="N11571" s="5" t="s">
        <v>24254</v>
      </c>
      <c r="O11571" s="5" t="s">
        <v>38</v>
      </c>
      <c r="P11571" s="5" t="s">
        <v>39</v>
      </c>
      <c r="Q11571" s="5" t="s">
        <v>40</v>
      </c>
      <c r="R11571" s="5" t="s">
        <v>24335</v>
      </c>
      <c r="S11571" s="5" t="s">
        <v>40</v>
      </c>
      <c r="T11571" s="5" t="s">
        <v>42</v>
      </c>
      <c r="U11571" s="2">
        <v>6.7510000000000003</v>
      </c>
      <c r="V11571" s="2">
        <v>5.181</v>
      </c>
      <c r="W11571" s="2">
        <v>0.10299999999999999</v>
      </c>
      <c r="X11571" s="2">
        <v>15</v>
      </c>
      <c r="Y11571" s="2">
        <v>50</v>
      </c>
      <c r="Z11571" s="2">
        <v>137.9</v>
      </c>
      <c r="AA11571" s="5">
        <v>16</v>
      </c>
      <c r="AB11571" s="5" t="s">
        <v>43</v>
      </c>
      <c r="AC11571" s="5" t="s">
        <v>44</v>
      </c>
      <c r="AD11571" s="2" t="s">
        <v>25897</v>
      </c>
      <c r="AE11571" s="1"/>
    </row>
    <row r="11572" spans="1:31" ht="14.45">
      <c r="A11572" s="11"/>
      <c r="B11572" s="20"/>
      <c r="C11572" s="2" t="s">
        <v>35570</v>
      </c>
      <c r="D11572" s="14" t="s">
        <v>35571</v>
      </c>
      <c r="E11572" s="2" t="s">
        <v>35572</v>
      </c>
      <c r="F11572" s="2"/>
      <c r="G11572" s="8">
        <v>293</v>
      </c>
      <c r="H11572" s="5">
        <v>10</v>
      </c>
      <c r="I11572" s="5" t="s">
        <v>69</v>
      </c>
      <c r="J11572" s="5" t="s">
        <v>24629</v>
      </c>
      <c r="K11572" s="2" t="s">
        <v>24630</v>
      </c>
      <c r="L11572" s="5" t="s">
        <v>24629</v>
      </c>
      <c r="M11572" s="2" t="s">
        <v>24630</v>
      </c>
      <c r="N11572" s="5" t="s">
        <v>24254</v>
      </c>
      <c r="O11572" s="5" t="s">
        <v>38</v>
      </c>
      <c r="P11572" s="5" t="s">
        <v>39</v>
      </c>
      <c r="Q11572" s="5" t="s">
        <v>40</v>
      </c>
      <c r="R11572" s="5" t="s">
        <v>24335</v>
      </c>
      <c r="S11572" s="5" t="s">
        <v>40</v>
      </c>
      <c r="T11572" s="5" t="s">
        <v>42</v>
      </c>
      <c r="U11572" s="2">
        <v>7.742</v>
      </c>
      <c r="V11572" s="2">
        <v>6.1749999999999998</v>
      </c>
      <c r="W11572" s="2">
        <v>0.10299999999999999</v>
      </c>
      <c r="X11572" s="2">
        <v>15</v>
      </c>
      <c r="Y11572" s="2">
        <v>50</v>
      </c>
      <c r="Z11572" s="2">
        <v>137.9</v>
      </c>
      <c r="AA11572" s="5">
        <v>16</v>
      </c>
      <c r="AB11572" s="5" t="s">
        <v>43</v>
      </c>
      <c r="AC11572" s="5" t="s">
        <v>44</v>
      </c>
      <c r="AD11572" s="2" t="s">
        <v>35491</v>
      </c>
      <c r="AE11572" s="1"/>
    </row>
    <row r="11573" spans="1:31" ht="14.45">
      <c r="A11573" s="11"/>
      <c r="B11573" s="20"/>
      <c r="C11573" s="2" t="s">
        <v>35573</v>
      </c>
      <c r="D11573" s="14" t="s">
        <v>35574</v>
      </c>
      <c r="E11573" s="2" t="s">
        <v>35575</v>
      </c>
      <c r="F11573" s="2"/>
      <c r="G11573" s="8">
        <v>172</v>
      </c>
      <c r="H11573" s="5">
        <v>10</v>
      </c>
      <c r="I11573" s="5" t="s">
        <v>69</v>
      </c>
      <c r="J11573" s="5" t="s">
        <v>24629</v>
      </c>
      <c r="K11573" s="2" t="s">
        <v>24630</v>
      </c>
      <c r="L11573" s="5" t="s">
        <v>24629</v>
      </c>
      <c r="M11573" s="2" t="s">
        <v>24630</v>
      </c>
      <c r="N11573" s="5" t="s">
        <v>24254</v>
      </c>
      <c r="O11573" s="5" t="s">
        <v>38</v>
      </c>
      <c r="P11573" s="5" t="s">
        <v>39</v>
      </c>
      <c r="Q11573" s="5" t="s">
        <v>40</v>
      </c>
      <c r="R11573" s="5" t="s">
        <v>24335</v>
      </c>
      <c r="S11573" s="5" t="s">
        <v>40</v>
      </c>
      <c r="T11573" s="5" t="s">
        <v>42</v>
      </c>
      <c r="U11573" s="2">
        <v>7.41</v>
      </c>
      <c r="V11573" s="2">
        <v>5.71</v>
      </c>
      <c r="W11573" s="2">
        <v>0.11600000000000001</v>
      </c>
      <c r="X11573" s="2">
        <v>15</v>
      </c>
      <c r="Y11573" s="2">
        <v>50</v>
      </c>
      <c r="Z11573" s="2">
        <v>154.1</v>
      </c>
      <c r="AA11573" s="5">
        <v>16</v>
      </c>
      <c r="AB11573" s="5" t="s">
        <v>43</v>
      </c>
      <c r="AC11573" s="5" t="s">
        <v>44</v>
      </c>
      <c r="AD11573" s="2" t="s">
        <v>25897</v>
      </c>
      <c r="AE11573" s="1"/>
    </row>
    <row r="11574" spans="1:31" ht="14.45">
      <c r="A11574" s="11"/>
      <c r="B11574" s="20"/>
      <c r="C11574" s="2" t="s">
        <v>35576</v>
      </c>
      <c r="D11574" s="14" t="s">
        <v>35577</v>
      </c>
      <c r="E11574" s="2" t="s">
        <v>35578</v>
      </c>
      <c r="F11574" s="2"/>
      <c r="G11574" s="8">
        <v>303</v>
      </c>
      <c r="H11574" s="5">
        <v>10</v>
      </c>
      <c r="I11574" s="5" t="s">
        <v>69</v>
      </c>
      <c r="J11574" s="5" t="s">
        <v>24629</v>
      </c>
      <c r="K11574" s="2" t="s">
        <v>24630</v>
      </c>
      <c r="L11574" s="5" t="s">
        <v>24629</v>
      </c>
      <c r="M11574" s="2" t="s">
        <v>24630</v>
      </c>
      <c r="N11574" s="5" t="s">
        <v>24254</v>
      </c>
      <c r="O11574" s="5" t="s">
        <v>38</v>
      </c>
      <c r="P11574" s="5" t="s">
        <v>39</v>
      </c>
      <c r="Q11574" s="5" t="s">
        <v>40</v>
      </c>
      <c r="R11574" s="5" t="s">
        <v>24335</v>
      </c>
      <c r="S11574" s="5" t="s">
        <v>40</v>
      </c>
      <c r="T11574" s="5" t="s">
        <v>42</v>
      </c>
      <c r="U11574" s="2">
        <v>8.4640000000000004</v>
      </c>
      <c r="V11574" s="2">
        <v>6.7670000000000003</v>
      </c>
      <c r="W11574" s="2">
        <v>0.11600000000000001</v>
      </c>
      <c r="X11574" s="2">
        <v>15</v>
      </c>
      <c r="Y11574" s="2">
        <v>50</v>
      </c>
      <c r="Z11574" s="2">
        <v>154.1</v>
      </c>
      <c r="AA11574" s="5">
        <v>16</v>
      </c>
      <c r="AB11574" s="5" t="s">
        <v>43</v>
      </c>
      <c r="AC11574" s="5" t="s">
        <v>44</v>
      </c>
      <c r="AD11574" s="2" t="s">
        <v>35491</v>
      </c>
      <c r="AE11574" s="1"/>
    </row>
    <row r="11575" spans="1:31" ht="14.45">
      <c r="A11575" s="11"/>
      <c r="B11575" s="20"/>
      <c r="C11575" s="2" t="s">
        <v>35579</v>
      </c>
      <c r="D11575" s="14" t="s">
        <v>35580</v>
      </c>
      <c r="E11575" s="2" t="s">
        <v>35581</v>
      </c>
      <c r="F11575" s="2"/>
      <c r="G11575" s="8">
        <v>181</v>
      </c>
      <c r="H11575" s="5">
        <v>5</v>
      </c>
      <c r="I11575" s="5" t="s">
        <v>69</v>
      </c>
      <c r="J11575" s="5" t="s">
        <v>24629</v>
      </c>
      <c r="K11575" s="2" t="s">
        <v>24630</v>
      </c>
      <c r="L11575" s="5" t="s">
        <v>24629</v>
      </c>
      <c r="M11575" s="2" t="s">
        <v>24630</v>
      </c>
      <c r="N11575" s="5" t="s">
        <v>24254</v>
      </c>
      <c r="O11575" s="5" t="s">
        <v>38</v>
      </c>
      <c r="P11575" s="5" t="s">
        <v>39</v>
      </c>
      <c r="Q11575" s="5" t="s">
        <v>40</v>
      </c>
      <c r="R11575" s="5" t="s">
        <v>24335</v>
      </c>
      <c r="S11575" s="5" t="s">
        <v>40</v>
      </c>
      <c r="T11575" s="5" t="s">
        <v>42</v>
      </c>
      <c r="U11575" s="2">
        <v>8.06</v>
      </c>
      <c r="V11575" s="2">
        <v>6.1890000000000001</v>
      </c>
      <c r="W11575" s="2">
        <v>0.13</v>
      </c>
      <c r="X11575" s="2">
        <v>15</v>
      </c>
      <c r="Y11575" s="2">
        <v>50</v>
      </c>
      <c r="Z11575" s="2">
        <v>173.9</v>
      </c>
      <c r="AA11575" s="5">
        <v>16</v>
      </c>
      <c r="AB11575" s="5" t="s">
        <v>43</v>
      </c>
      <c r="AC11575" s="5" t="s">
        <v>44</v>
      </c>
      <c r="AD11575" s="2" t="s">
        <v>25897</v>
      </c>
      <c r="AE11575" s="1"/>
    </row>
    <row r="11576" spans="1:31" ht="14.45">
      <c r="A11576" s="11"/>
      <c r="B11576" s="20"/>
      <c r="C11576" s="2" t="s">
        <v>35582</v>
      </c>
      <c r="D11576" s="14" t="s">
        <v>35583</v>
      </c>
      <c r="E11576" s="2" t="s">
        <v>35584</v>
      </c>
      <c r="F11576" s="2"/>
      <c r="G11576" s="8">
        <v>332</v>
      </c>
      <c r="H11576" s="5">
        <v>5</v>
      </c>
      <c r="I11576" s="5" t="s">
        <v>69</v>
      </c>
      <c r="J11576" s="5" t="s">
        <v>24629</v>
      </c>
      <c r="K11576" s="2" t="s">
        <v>24630</v>
      </c>
      <c r="L11576" s="5" t="s">
        <v>24629</v>
      </c>
      <c r="M11576" s="2" t="s">
        <v>24630</v>
      </c>
      <c r="N11576" s="5" t="s">
        <v>24254</v>
      </c>
      <c r="O11576" s="5" t="s">
        <v>38</v>
      </c>
      <c r="P11576" s="5" t="s">
        <v>39</v>
      </c>
      <c r="Q11576" s="5" t="s">
        <v>40</v>
      </c>
      <c r="R11576" s="5" t="s">
        <v>24340</v>
      </c>
      <c r="S11576" s="5" t="s">
        <v>40</v>
      </c>
      <c r="T11576" s="5" t="s">
        <v>42</v>
      </c>
      <c r="U11576" s="2">
        <v>16.463999999999999</v>
      </c>
      <c r="V11576" s="2">
        <v>14.539</v>
      </c>
      <c r="W11576" s="2">
        <v>0.13</v>
      </c>
      <c r="X11576" s="2">
        <v>15</v>
      </c>
      <c r="Y11576" s="2">
        <v>50</v>
      </c>
      <c r="Z11576" s="2">
        <v>173.9</v>
      </c>
      <c r="AA11576" s="5">
        <v>16</v>
      </c>
      <c r="AB11576" s="5" t="s">
        <v>43</v>
      </c>
      <c r="AC11576" s="5" t="s">
        <v>44</v>
      </c>
      <c r="AD11576" s="2" t="s">
        <v>25901</v>
      </c>
      <c r="AE11576" s="1"/>
    </row>
    <row r="11577" spans="1:31" ht="14.45">
      <c r="A11577" s="11"/>
      <c r="B11577" s="20"/>
      <c r="C11577" s="2" t="s">
        <v>35585</v>
      </c>
      <c r="D11577" s="14" t="s">
        <v>35586</v>
      </c>
      <c r="E11577" s="2" t="s">
        <v>35587</v>
      </c>
      <c r="F11577" s="2"/>
      <c r="G11577" s="8">
        <v>360</v>
      </c>
      <c r="H11577" s="5">
        <v>15</v>
      </c>
      <c r="I11577" s="5" t="s">
        <v>69</v>
      </c>
      <c r="J11577" s="5" t="s">
        <v>24629</v>
      </c>
      <c r="K11577" s="2" t="s">
        <v>24630</v>
      </c>
      <c r="L11577" s="5" t="s">
        <v>24629</v>
      </c>
      <c r="M11577" s="2" t="s">
        <v>24630</v>
      </c>
      <c r="N11577" s="5" t="s">
        <v>24254</v>
      </c>
      <c r="O11577" s="5" t="s">
        <v>38</v>
      </c>
      <c r="P11577" s="5" t="s">
        <v>39</v>
      </c>
      <c r="Q11577" s="5" t="s">
        <v>40</v>
      </c>
      <c r="R11577" s="5" t="s">
        <v>25301</v>
      </c>
      <c r="S11577" s="5" t="s">
        <v>40</v>
      </c>
      <c r="T11577" s="5" t="s">
        <v>42</v>
      </c>
      <c r="U11577" s="2">
        <v>14.483000000000001</v>
      </c>
      <c r="V11577" s="2">
        <v>12.612</v>
      </c>
      <c r="W11577" s="2">
        <v>0.13</v>
      </c>
      <c r="X11577" s="2">
        <v>15</v>
      </c>
      <c r="Y11577" s="2">
        <v>50</v>
      </c>
      <c r="Z11577" s="2">
        <v>173.9</v>
      </c>
      <c r="AA11577" s="5">
        <v>16</v>
      </c>
      <c r="AB11577" s="5" t="s">
        <v>43</v>
      </c>
      <c r="AC11577" s="5" t="s">
        <v>44</v>
      </c>
      <c r="AD11577" s="2" t="s">
        <v>25905</v>
      </c>
      <c r="AE11577" s="1"/>
    </row>
    <row r="11578" spans="1:31" ht="14.45">
      <c r="A11578" s="11"/>
      <c r="B11578" s="20"/>
      <c r="C11578" s="2" t="s">
        <v>35588</v>
      </c>
      <c r="D11578" s="14" t="s">
        <v>35589</v>
      </c>
      <c r="E11578" s="2" t="s">
        <v>35590</v>
      </c>
      <c r="F11578" s="2"/>
      <c r="G11578" s="8">
        <v>318</v>
      </c>
      <c r="H11578" s="5">
        <v>10</v>
      </c>
      <c r="I11578" s="5" t="s">
        <v>69</v>
      </c>
      <c r="J11578" s="5" t="s">
        <v>24629</v>
      </c>
      <c r="K11578" s="2" t="s">
        <v>24630</v>
      </c>
      <c r="L11578" s="5" t="s">
        <v>24629</v>
      </c>
      <c r="M11578" s="2" t="s">
        <v>24630</v>
      </c>
      <c r="N11578" s="5" t="s">
        <v>24254</v>
      </c>
      <c r="O11578" s="5" t="s">
        <v>38</v>
      </c>
      <c r="P11578" s="5" t="s">
        <v>39</v>
      </c>
      <c r="Q11578" s="5" t="s">
        <v>40</v>
      </c>
      <c r="R11578" s="5" t="s">
        <v>24335</v>
      </c>
      <c r="S11578" s="5" t="s">
        <v>40</v>
      </c>
      <c r="T11578" s="5" t="s">
        <v>42</v>
      </c>
      <c r="U11578" s="2">
        <v>8.9789999999999992</v>
      </c>
      <c r="V11578" s="2">
        <v>7.1219999999999999</v>
      </c>
      <c r="W11578" s="2">
        <v>0.13</v>
      </c>
      <c r="X11578" s="2">
        <v>15</v>
      </c>
      <c r="Y11578" s="2">
        <v>50</v>
      </c>
      <c r="Z11578" s="2">
        <v>173.9</v>
      </c>
      <c r="AA11578" s="5">
        <v>16</v>
      </c>
      <c r="AB11578" s="5" t="s">
        <v>43</v>
      </c>
      <c r="AC11578" s="5" t="s">
        <v>44</v>
      </c>
      <c r="AD11578" s="2" t="s">
        <v>35491</v>
      </c>
      <c r="AE11578" s="1"/>
    </row>
    <row r="11579" spans="1:31" ht="14.45">
      <c r="A11579" s="11"/>
      <c r="B11579" s="20"/>
      <c r="C11579" s="2" t="s">
        <v>35591</v>
      </c>
      <c r="D11579" s="14" t="s">
        <v>35592</v>
      </c>
      <c r="E11579" s="2" t="s">
        <v>35593</v>
      </c>
      <c r="F11579" s="2"/>
      <c r="G11579" s="8">
        <v>172</v>
      </c>
      <c r="H11579" s="5">
        <v>5</v>
      </c>
      <c r="I11579" s="5" t="s">
        <v>69</v>
      </c>
      <c r="J11579" s="5" t="s">
        <v>24629</v>
      </c>
      <c r="K11579" s="2" t="s">
        <v>24630</v>
      </c>
      <c r="L11579" s="5" t="s">
        <v>24629</v>
      </c>
      <c r="M11579" s="2" t="s">
        <v>24630</v>
      </c>
      <c r="N11579" s="5" t="s">
        <v>24254</v>
      </c>
      <c r="O11579" s="5" t="s">
        <v>38</v>
      </c>
      <c r="P11579" s="5" t="s">
        <v>39</v>
      </c>
      <c r="Q11579" s="5" t="s">
        <v>40</v>
      </c>
      <c r="R11579" s="5" t="s">
        <v>24335</v>
      </c>
      <c r="S11579" s="5" t="s">
        <v>40</v>
      </c>
      <c r="T11579" s="5" t="s">
        <v>42</v>
      </c>
      <c r="U11579" s="2">
        <v>7.4829999999999997</v>
      </c>
      <c r="V11579" s="2">
        <v>5.7720000000000002</v>
      </c>
      <c r="W11579" s="2">
        <v>0.11600000000000001</v>
      </c>
      <c r="X11579" s="2">
        <v>15</v>
      </c>
      <c r="Y11579" s="2">
        <v>50</v>
      </c>
      <c r="Z11579" s="2">
        <v>154.1</v>
      </c>
      <c r="AA11579" s="5">
        <v>16</v>
      </c>
      <c r="AB11579" s="5" t="s">
        <v>43</v>
      </c>
      <c r="AC11579" s="5" t="s">
        <v>44</v>
      </c>
      <c r="AD11579" s="2" t="s">
        <v>25897</v>
      </c>
      <c r="AE11579" s="1"/>
    </row>
    <row r="11580" spans="1:31" ht="14.45">
      <c r="A11580" s="11"/>
      <c r="B11580" s="20"/>
      <c r="C11580" s="2" t="s">
        <v>35594</v>
      </c>
      <c r="D11580" s="14" t="s">
        <v>35595</v>
      </c>
      <c r="E11580" s="2" t="s">
        <v>35596</v>
      </c>
      <c r="F11580" s="2"/>
      <c r="G11580" s="8">
        <v>323</v>
      </c>
      <c r="H11580" s="5">
        <v>5</v>
      </c>
      <c r="I11580" s="5" t="s">
        <v>69</v>
      </c>
      <c r="J11580" s="5" t="s">
        <v>24629</v>
      </c>
      <c r="K11580" s="2" t="s">
        <v>24630</v>
      </c>
      <c r="L11580" s="5" t="s">
        <v>24629</v>
      </c>
      <c r="M11580" s="2" t="s">
        <v>24630</v>
      </c>
      <c r="N11580" s="5" t="s">
        <v>24254</v>
      </c>
      <c r="O11580" s="5" t="s">
        <v>38</v>
      </c>
      <c r="P11580" s="5" t="s">
        <v>39</v>
      </c>
      <c r="Q11580" s="5" t="s">
        <v>40</v>
      </c>
      <c r="R11580" s="5" t="s">
        <v>24340</v>
      </c>
      <c r="S11580" s="5" t="s">
        <v>40</v>
      </c>
      <c r="T11580" s="5" t="s">
        <v>42</v>
      </c>
      <c r="U11580" s="2">
        <v>15.061999999999999</v>
      </c>
      <c r="V11580" s="2">
        <v>13.297000000000001</v>
      </c>
      <c r="W11580" s="2">
        <v>0.11600000000000001</v>
      </c>
      <c r="X11580" s="2">
        <v>15</v>
      </c>
      <c r="Y11580" s="2">
        <v>50</v>
      </c>
      <c r="Z11580" s="2">
        <v>154.1</v>
      </c>
      <c r="AA11580" s="5">
        <v>16</v>
      </c>
      <c r="AB11580" s="5" t="s">
        <v>43</v>
      </c>
      <c r="AC11580" s="5" t="s">
        <v>44</v>
      </c>
      <c r="AD11580" s="2" t="s">
        <v>25901</v>
      </c>
      <c r="AE11580" s="1"/>
    </row>
    <row r="11581" spans="1:31" ht="14.45">
      <c r="A11581" s="11"/>
      <c r="B11581" s="20"/>
      <c r="C11581" s="2" t="s">
        <v>35597</v>
      </c>
      <c r="D11581" s="14" t="s">
        <v>35598</v>
      </c>
      <c r="E11581" s="2" t="s">
        <v>35599</v>
      </c>
      <c r="F11581" s="2"/>
      <c r="G11581" s="8">
        <v>349</v>
      </c>
      <c r="H11581" s="5">
        <v>15</v>
      </c>
      <c r="I11581" s="5" t="s">
        <v>69</v>
      </c>
      <c r="J11581" s="5" t="s">
        <v>24629</v>
      </c>
      <c r="K11581" s="2" t="s">
        <v>24630</v>
      </c>
      <c r="L11581" s="5" t="s">
        <v>24629</v>
      </c>
      <c r="M11581" s="2" t="s">
        <v>24630</v>
      </c>
      <c r="N11581" s="5" t="s">
        <v>24254</v>
      </c>
      <c r="O11581" s="5" t="s">
        <v>38</v>
      </c>
      <c r="P11581" s="5" t="s">
        <v>39</v>
      </c>
      <c r="Q11581" s="5" t="s">
        <v>40</v>
      </c>
      <c r="R11581" s="5" t="s">
        <v>25301</v>
      </c>
      <c r="S11581" s="5" t="s">
        <v>40</v>
      </c>
      <c r="T11581" s="5" t="s">
        <v>42</v>
      </c>
      <c r="U11581" s="2">
        <v>13.311</v>
      </c>
      <c r="V11581" s="2">
        <v>11.6</v>
      </c>
      <c r="W11581" s="2">
        <v>0.11600000000000001</v>
      </c>
      <c r="X11581" s="2">
        <v>15</v>
      </c>
      <c r="Y11581" s="2">
        <v>50</v>
      </c>
      <c r="Z11581" s="2">
        <v>154.1</v>
      </c>
      <c r="AA11581" s="5">
        <v>16</v>
      </c>
      <c r="AB11581" s="5" t="s">
        <v>43</v>
      </c>
      <c r="AC11581" s="5" t="s">
        <v>44</v>
      </c>
      <c r="AD11581" s="2" t="s">
        <v>25905</v>
      </c>
      <c r="AE11581" s="1"/>
    </row>
    <row r="11582" spans="1:31" ht="14.45">
      <c r="A11582" s="11"/>
      <c r="B11582" s="20"/>
      <c r="C11582" s="2" t="s">
        <v>35600</v>
      </c>
      <c r="D11582" s="14" t="s">
        <v>35601</v>
      </c>
      <c r="E11582" s="2" t="s">
        <v>35602</v>
      </c>
      <c r="F11582" s="2"/>
      <c r="G11582" s="8">
        <v>303</v>
      </c>
      <c r="H11582" s="5">
        <v>10</v>
      </c>
      <c r="I11582" s="5" t="s">
        <v>69</v>
      </c>
      <c r="J11582" s="5" t="s">
        <v>24629</v>
      </c>
      <c r="K11582" s="2" t="s">
        <v>24630</v>
      </c>
      <c r="L11582" s="5" t="s">
        <v>24629</v>
      </c>
      <c r="M11582" s="2" t="s">
        <v>24630</v>
      </c>
      <c r="N11582" s="5" t="s">
        <v>24254</v>
      </c>
      <c r="O11582" s="5" t="s">
        <v>38</v>
      </c>
      <c r="P11582" s="5" t="s">
        <v>39</v>
      </c>
      <c r="Q11582" s="5" t="s">
        <v>40</v>
      </c>
      <c r="R11582" s="5" t="s">
        <v>24335</v>
      </c>
      <c r="S11582" s="5" t="s">
        <v>40</v>
      </c>
      <c r="T11582" s="5" t="s">
        <v>42</v>
      </c>
      <c r="U11582" s="2">
        <v>8.5120000000000005</v>
      </c>
      <c r="V11582" s="2">
        <v>6.6550000000000002</v>
      </c>
      <c r="W11582" s="2">
        <v>0.13</v>
      </c>
      <c r="X11582" s="2">
        <v>15</v>
      </c>
      <c r="Y11582" s="2">
        <v>50</v>
      </c>
      <c r="Z11582" s="2">
        <v>173.9</v>
      </c>
      <c r="AA11582" s="5">
        <v>16</v>
      </c>
      <c r="AB11582" s="5" t="s">
        <v>43</v>
      </c>
      <c r="AC11582" s="5" t="s">
        <v>44</v>
      </c>
      <c r="AD11582" s="2" t="s">
        <v>35491</v>
      </c>
      <c r="AE11582" s="1"/>
    </row>
    <row r="11583" spans="1:31" ht="14.45">
      <c r="A11583" s="11"/>
      <c r="B11583" s="20"/>
      <c r="C11583" s="2" t="s">
        <v>35603</v>
      </c>
      <c r="D11583" s="14" t="s">
        <v>35604</v>
      </c>
      <c r="E11583" s="2" t="s">
        <v>35605</v>
      </c>
      <c r="F11583" s="2"/>
      <c r="G11583" s="8">
        <v>175</v>
      </c>
      <c r="H11583" s="5">
        <v>5</v>
      </c>
      <c r="I11583" s="5" t="s">
        <v>69</v>
      </c>
      <c r="J11583" s="5" t="s">
        <v>24629</v>
      </c>
      <c r="K11583" s="2" t="s">
        <v>24630</v>
      </c>
      <c r="L11583" s="5" t="s">
        <v>24629</v>
      </c>
      <c r="M11583" s="2" t="s">
        <v>24630</v>
      </c>
      <c r="N11583" s="5" t="s">
        <v>24254</v>
      </c>
      <c r="O11583" s="5" t="s">
        <v>38</v>
      </c>
      <c r="P11583" s="5" t="s">
        <v>39</v>
      </c>
      <c r="Q11583" s="5" t="s">
        <v>40</v>
      </c>
      <c r="R11583" s="5" t="s">
        <v>24335</v>
      </c>
      <c r="S11583" s="5" t="s">
        <v>40</v>
      </c>
      <c r="T11583" s="5" t="s">
        <v>42</v>
      </c>
      <c r="U11583" s="2">
        <v>8.0139999999999993</v>
      </c>
      <c r="V11583" s="2">
        <v>6.3029999999999999</v>
      </c>
      <c r="W11583" s="2">
        <v>0.11600000000000001</v>
      </c>
      <c r="X11583" s="2">
        <v>15</v>
      </c>
      <c r="Y11583" s="2">
        <v>50</v>
      </c>
      <c r="Z11583" s="2">
        <v>154.1</v>
      </c>
      <c r="AA11583" s="5">
        <v>16</v>
      </c>
      <c r="AB11583" s="5" t="s">
        <v>43</v>
      </c>
      <c r="AC11583" s="5" t="s">
        <v>44</v>
      </c>
      <c r="AD11583" s="2" t="s">
        <v>25897</v>
      </c>
      <c r="AE11583" s="1"/>
    </row>
    <row r="11584" spans="1:31" ht="14.45">
      <c r="A11584" s="11"/>
      <c r="B11584" s="20"/>
      <c r="C11584" s="2" t="s">
        <v>35606</v>
      </c>
      <c r="D11584" s="14" t="s">
        <v>35607</v>
      </c>
      <c r="E11584" s="2" t="s">
        <v>35608</v>
      </c>
      <c r="F11584" s="2"/>
      <c r="G11584" s="8">
        <v>308</v>
      </c>
      <c r="H11584" s="5">
        <v>10</v>
      </c>
      <c r="I11584" s="5" t="s">
        <v>69</v>
      </c>
      <c r="J11584" s="5" t="s">
        <v>24629</v>
      </c>
      <c r="K11584" s="2" t="s">
        <v>24630</v>
      </c>
      <c r="L11584" s="5" t="s">
        <v>24629</v>
      </c>
      <c r="M11584" s="2" t="s">
        <v>24630</v>
      </c>
      <c r="N11584" s="5" t="s">
        <v>24254</v>
      </c>
      <c r="O11584" s="5" t="s">
        <v>38</v>
      </c>
      <c r="P11584" s="5" t="s">
        <v>39</v>
      </c>
      <c r="Q11584" s="5" t="s">
        <v>40</v>
      </c>
      <c r="R11584" s="5" t="s">
        <v>24335</v>
      </c>
      <c r="S11584" s="5" t="s">
        <v>40</v>
      </c>
      <c r="T11584" s="5" t="s">
        <v>42</v>
      </c>
      <c r="U11584" s="2">
        <v>9.0830000000000002</v>
      </c>
      <c r="V11584" s="2">
        <v>7.226</v>
      </c>
      <c r="W11584" s="2">
        <v>0.13</v>
      </c>
      <c r="X11584" s="2">
        <v>15</v>
      </c>
      <c r="Y11584" s="2">
        <v>50</v>
      </c>
      <c r="Z11584" s="2">
        <v>173.9</v>
      </c>
      <c r="AA11584" s="5">
        <v>16</v>
      </c>
      <c r="AB11584" s="5" t="s">
        <v>43</v>
      </c>
      <c r="AC11584" s="5" t="s">
        <v>44</v>
      </c>
      <c r="AD11584" s="2" t="s">
        <v>35491</v>
      </c>
      <c r="AE11584" s="1"/>
    </row>
    <row r="11585" spans="1:31" ht="14.45">
      <c r="A11585" s="11"/>
      <c r="B11585" s="20"/>
      <c r="C11585" s="2" t="s">
        <v>35609</v>
      </c>
      <c r="D11585" s="14" t="s">
        <v>35610</v>
      </c>
      <c r="E11585" s="2" t="s">
        <v>35611</v>
      </c>
      <c r="F11585" s="2"/>
      <c r="G11585" s="8">
        <v>190</v>
      </c>
      <c r="H11585" s="5">
        <v>10</v>
      </c>
      <c r="I11585" s="5" t="s">
        <v>69</v>
      </c>
      <c r="J11585" s="5" t="s">
        <v>24629</v>
      </c>
      <c r="K11585" s="2" t="s">
        <v>24630</v>
      </c>
      <c r="L11585" s="5" t="s">
        <v>24629</v>
      </c>
      <c r="M11585" s="2" t="s">
        <v>24630</v>
      </c>
      <c r="N11585" s="5" t="s">
        <v>24254</v>
      </c>
      <c r="O11585" s="5" t="s">
        <v>38</v>
      </c>
      <c r="P11585" s="5" t="s">
        <v>39</v>
      </c>
      <c r="Q11585" s="5" t="s">
        <v>40</v>
      </c>
      <c r="R11585" s="5" t="s">
        <v>24335</v>
      </c>
      <c r="S11585" s="5" t="s">
        <v>40</v>
      </c>
      <c r="T11585" s="5" t="s">
        <v>42</v>
      </c>
      <c r="U11585" s="2">
        <v>8.2390000000000008</v>
      </c>
      <c r="V11585" s="2">
        <v>6.3789999999999996</v>
      </c>
      <c r="W11585" s="2">
        <v>0.13</v>
      </c>
      <c r="X11585" s="2">
        <v>15</v>
      </c>
      <c r="Y11585" s="2">
        <v>50</v>
      </c>
      <c r="Z11585" s="2">
        <v>173.9</v>
      </c>
      <c r="AA11585" s="5">
        <v>16</v>
      </c>
      <c r="AB11585" s="5" t="s">
        <v>43</v>
      </c>
      <c r="AC11585" s="5" t="s">
        <v>44</v>
      </c>
      <c r="AD11585" s="2" t="s">
        <v>25897</v>
      </c>
      <c r="AE11585" s="1"/>
    </row>
    <row r="11586" spans="1:31" ht="14.45">
      <c r="A11586" s="11"/>
      <c r="B11586" s="20"/>
      <c r="C11586" s="2" t="s">
        <v>35612</v>
      </c>
      <c r="D11586" s="14" t="s">
        <v>35613</v>
      </c>
      <c r="E11586" s="2" t="s">
        <v>35614</v>
      </c>
      <c r="F11586" s="2"/>
      <c r="G11586" s="8">
        <v>334</v>
      </c>
      <c r="H11586" s="5">
        <v>10</v>
      </c>
      <c r="I11586" s="5" t="s">
        <v>69</v>
      </c>
      <c r="J11586" s="5" t="s">
        <v>24629</v>
      </c>
      <c r="K11586" s="2" t="s">
        <v>24630</v>
      </c>
      <c r="L11586" s="5" t="s">
        <v>24629</v>
      </c>
      <c r="M11586" s="2" t="s">
        <v>24630</v>
      </c>
      <c r="N11586" s="5" t="s">
        <v>24254</v>
      </c>
      <c r="O11586" s="5" t="s">
        <v>38</v>
      </c>
      <c r="P11586" s="5" t="s">
        <v>39</v>
      </c>
      <c r="Q11586" s="5" t="s">
        <v>40</v>
      </c>
      <c r="R11586" s="5" t="s">
        <v>24335</v>
      </c>
      <c r="S11586" s="5" t="s">
        <v>40</v>
      </c>
      <c r="T11586" s="5" t="s">
        <v>42</v>
      </c>
      <c r="U11586" s="2">
        <v>9.4570000000000007</v>
      </c>
      <c r="V11586" s="2">
        <v>7.6</v>
      </c>
      <c r="W11586" s="2">
        <v>0.13</v>
      </c>
      <c r="X11586" s="2">
        <v>15</v>
      </c>
      <c r="Y11586" s="2">
        <v>50</v>
      </c>
      <c r="Z11586" s="2">
        <v>173.9</v>
      </c>
      <c r="AA11586" s="5">
        <v>16</v>
      </c>
      <c r="AB11586" s="5" t="s">
        <v>43</v>
      </c>
      <c r="AC11586" s="5" t="s">
        <v>44</v>
      </c>
      <c r="AD11586" s="2" t="s">
        <v>35491</v>
      </c>
      <c r="AE11586" s="1"/>
    </row>
    <row r="11587" spans="1:31" ht="14.45">
      <c r="A11587" s="11"/>
      <c r="B11587" s="20"/>
      <c r="C11587" s="2" t="s">
        <v>35615</v>
      </c>
      <c r="D11587" s="14" t="s">
        <v>35616</v>
      </c>
      <c r="E11587" s="2" t="s">
        <v>35617</v>
      </c>
      <c r="F11587" s="2"/>
      <c r="G11587" s="8">
        <v>181</v>
      </c>
      <c r="H11587" s="5">
        <v>5</v>
      </c>
      <c r="I11587" s="5" t="s">
        <v>69</v>
      </c>
      <c r="J11587" s="5" t="s">
        <v>24629</v>
      </c>
      <c r="K11587" s="2" t="s">
        <v>24630</v>
      </c>
      <c r="L11587" s="5" t="s">
        <v>24629</v>
      </c>
      <c r="M11587" s="2" t="s">
        <v>24630</v>
      </c>
      <c r="N11587" s="5" t="s">
        <v>24254</v>
      </c>
      <c r="O11587" s="5" t="s">
        <v>38</v>
      </c>
      <c r="P11587" s="5" t="s">
        <v>39</v>
      </c>
      <c r="Q11587" s="5" t="s">
        <v>40</v>
      </c>
      <c r="R11587" s="5" t="s">
        <v>24335</v>
      </c>
      <c r="S11587" s="5" t="s">
        <v>40</v>
      </c>
      <c r="T11587" s="5" t="s">
        <v>42</v>
      </c>
      <c r="U11587" s="2">
        <v>7.6219999999999999</v>
      </c>
      <c r="V11587" s="2">
        <v>5.7510000000000003</v>
      </c>
      <c r="W11587" s="2">
        <v>0.13</v>
      </c>
      <c r="X11587" s="2">
        <v>15</v>
      </c>
      <c r="Y11587" s="2">
        <v>50</v>
      </c>
      <c r="Z11587" s="2">
        <v>173.9</v>
      </c>
      <c r="AA11587" s="5">
        <v>16</v>
      </c>
      <c r="AB11587" s="5" t="s">
        <v>43</v>
      </c>
      <c r="AC11587" s="5" t="s">
        <v>44</v>
      </c>
      <c r="AD11587" s="2" t="s">
        <v>25897</v>
      </c>
      <c r="AE11587" s="1"/>
    </row>
    <row r="11588" spans="1:31" ht="14.45">
      <c r="A11588" s="11"/>
      <c r="B11588" s="20"/>
      <c r="C11588" s="2" t="s">
        <v>35618</v>
      </c>
      <c r="D11588" s="14" t="s">
        <v>35619</v>
      </c>
      <c r="E11588" s="2" t="s">
        <v>35620</v>
      </c>
      <c r="F11588" s="2"/>
      <c r="G11588" s="8">
        <v>332</v>
      </c>
      <c r="H11588" s="5">
        <v>5</v>
      </c>
      <c r="I11588" s="5" t="s">
        <v>69</v>
      </c>
      <c r="J11588" s="5" t="s">
        <v>24629</v>
      </c>
      <c r="K11588" s="2" t="s">
        <v>24630</v>
      </c>
      <c r="L11588" s="5" t="s">
        <v>24629</v>
      </c>
      <c r="M11588" s="2" t="s">
        <v>24630</v>
      </c>
      <c r="N11588" s="5" t="s">
        <v>24254</v>
      </c>
      <c r="O11588" s="5" t="s">
        <v>38</v>
      </c>
      <c r="P11588" s="5" t="s">
        <v>39</v>
      </c>
      <c r="Q11588" s="5" t="s">
        <v>40</v>
      </c>
      <c r="R11588" s="5" t="s">
        <v>24340</v>
      </c>
      <c r="S11588" s="5" t="s">
        <v>40</v>
      </c>
      <c r="T11588" s="5" t="s">
        <v>42</v>
      </c>
      <c r="U11588" s="2">
        <v>14.993</v>
      </c>
      <c r="V11588" s="2">
        <v>13.068</v>
      </c>
      <c r="W11588" s="2">
        <v>0.13</v>
      </c>
      <c r="X11588" s="2">
        <v>15</v>
      </c>
      <c r="Y11588" s="2">
        <v>50</v>
      </c>
      <c r="Z11588" s="2">
        <v>173.9</v>
      </c>
      <c r="AA11588" s="5">
        <v>16</v>
      </c>
      <c r="AB11588" s="5" t="s">
        <v>43</v>
      </c>
      <c r="AC11588" s="5" t="s">
        <v>44</v>
      </c>
      <c r="AD11588" s="2" t="s">
        <v>25901</v>
      </c>
      <c r="AE11588" s="1"/>
    </row>
    <row r="11589" spans="1:31" ht="14.45">
      <c r="A11589" s="11"/>
      <c r="B11589" s="20"/>
      <c r="C11589" s="2" t="s">
        <v>35621</v>
      </c>
      <c r="D11589" s="14" t="s">
        <v>35622</v>
      </c>
      <c r="E11589" s="2" t="s">
        <v>35623</v>
      </c>
      <c r="F11589" s="2"/>
      <c r="G11589" s="8">
        <v>318</v>
      </c>
      <c r="H11589" s="5">
        <v>10</v>
      </c>
      <c r="I11589" s="5" t="s">
        <v>69</v>
      </c>
      <c r="J11589" s="5" t="s">
        <v>24629</v>
      </c>
      <c r="K11589" s="2" t="s">
        <v>24630</v>
      </c>
      <c r="L11589" s="5" t="s">
        <v>24629</v>
      </c>
      <c r="M11589" s="2" t="s">
        <v>24630</v>
      </c>
      <c r="N11589" s="5" t="s">
        <v>24254</v>
      </c>
      <c r="O11589" s="5" t="s">
        <v>38</v>
      </c>
      <c r="P11589" s="5" t="s">
        <v>39</v>
      </c>
      <c r="Q11589" s="5" t="s">
        <v>40</v>
      </c>
      <c r="R11589" s="5" t="s">
        <v>24335</v>
      </c>
      <c r="S11589" s="5" t="s">
        <v>40</v>
      </c>
      <c r="T11589" s="5" t="s">
        <v>42</v>
      </c>
      <c r="U11589" s="2">
        <v>8.6750000000000007</v>
      </c>
      <c r="V11589" s="2">
        <v>6.6580000000000004</v>
      </c>
      <c r="W11589" s="2">
        <v>0.13</v>
      </c>
      <c r="X11589" s="2">
        <v>15</v>
      </c>
      <c r="Y11589" s="2">
        <v>50</v>
      </c>
      <c r="Z11589" s="2">
        <v>173.9</v>
      </c>
      <c r="AA11589" s="5">
        <v>16</v>
      </c>
      <c r="AB11589" s="5" t="s">
        <v>43</v>
      </c>
      <c r="AC11589" s="5" t="s">
        <v>44</v>
      </c>
      <c r="AD11589" s="2" t="s">
        <v>35491</v>
      </c>
      <c r="AE11589" s="1"/>
    </row>
    <row r="11590" spans="1:31" ht="14.45">
      <c r="A11590" s="11"/>
      <c r="B11590" s="20"/>
      <c r="C11590" s="2" t="s">
        <v>35624</v>
      </c>
      <c r="D11590" s="14" t="s">
        <v>35625</v>
      </c>
      <c r="E11590" s="2" t="s">
        <v>35626</v>
      </c>
      <c r="F11590" s="2"/>
      <c r="G11590" s="8">
        <v>184</v>
      </c>
      <c r="H11590" s="5">
        <v>5</v>
      </c>
      <c r="I11590" s="5" t="s">
        <v>69</v>
      </c>
      <c r="J11590" s="5" t="s">
        <v>24629</v>
      </c>
      <c r="K11590" s="2" t="s">
        <v>24630</v>
      </c>
      <c r="L11590" s="5" t="s">
        <v>24629</v>
      </c>
      <c r="M11590" s="2" t="s">
        <v>24630</v>
      </c>
      <c r="N11590" s="5" t="s">
        <v>24254</v>
      </c>
      <c r="O11590" s="5" t="s">
        <v>38</v>
      </c>
      <c r="P11590" s="5" t="s">
        <v>39</v>
      </c>
      <c r="Q11590" s="5" t="s">
        <v>40</v>
      </c>
      <c r="R11590" s="5" t="s">
        <v>24335</v>
      </c>
      <c r="S11590" s="5" t="s">
        <v>40</v>
      </c>
      <c r="T11590" s="5" t="s">
        <v>42</v>
      </c>
      <c r="U11590" s="2">
        <v>8.4480000000000004</v>
      </c>
      <c r="V11590" s="2">
        <v>6.577</v>
      </c>
      <c r="W11590" s="2">
        <v>0.13</v>
      </c>
      <c r="X11590" s="2">
        <v>15</v>
      </c>
      <c r="Y11590" s="2">
        <v>50</v>
      </c>
      <c r="Z11590" s="2">
        <v>173.9</v>
      </c>
      <c r="AA11590" s="5">
        <v>16</v>
      </c>
      <c r="AB11590" s="5" t="s">
        <v>43</v>
      </c>
      <c r="AC11590" s="5" t="s">
        <v>44</v>
      </c>
      <c r="AD11590" s="2" t="s">
        <v>25897</v>
      </c>
      <c r="AE11590" s="1"/>
    </row>
    <row r="11591" spans="1:31" ht="14.45">
      <c r="A11591" s="11"/>
      <c r="B11591" s="20"/>
      <c r="C11591" s="2" t="s">
        <v>35627</v>
      </c>
      <c r="D11591" s="14" t="s">
        <v>35628</v>
      </c>
      <c r="E11591" s="2" t="s">
        <v>35629</v>
      </c>
      <c r="F11591" s="2"/>
      <c r="G11591" s="8">
        <v>335</v>
      </c>
      <c r="H11591" s="5">
        <v>5</v>
      </c>
      <c r="I11591" s="5" t="s">
        <v>69</v>
      </c>
      <c r="J11591" s="5" t="s">
        <v>24629</v>
      </c>
      <c r="K11591" s="2" t="s">
        <v>24630</v>
      </c>
      <c r="L11591" s="5" t="s">
        <v>24629</v>
      </c>
      <c r="M11591" s="2" t="s">
        <v>24630</v>
      </c>
      <c r="N11591" s="5" t="s">
        <v>24254</v>
      </c>
      <c r="O11591" s="5" t="s">
        <v>38</v>
      </c>
      <c r="P11591" s="5" t="s">
        <v>39</v>
      </c>
      <c r="Q11591" s="5" t="s">
        <v>40</v>
      </c>
      <c r="R11591" s="5" t="s">
        <v>24340</v>
      </c>
      <c r="S11591" s="5" t="s">
        <v>40</v>
      </c>
      <c r="T11591" s="5" t="s">
        <v>42</v>
      </c>
      <c r="U11591" s="2">
        <v>17.012</v>
      </c>
      <c r="V11591" s="2">
        <v>15.087</v>
      </c>
      <c r="W11591" s="2">
        <v>0.13</v>
      </c>
      <c r="X11591" s="2">
        <v>15</v>
      </c>
      <c r="Y11591" s="2">
        <v>50</v>
      </c>
      <c r="Z11591" s="2">
        <v>173.9</v>
      </c>
      <c r="AA11591" s="5">
        <v>16</v>
      </c>
      <c r="AB11591" s="5" t="s">
        <v>43</v>
      </c>
      <c r="AC11591" s="5" t="s">
        <v>44</v>
      </c>
      <c r="AD11591" s="2" t="s">
        <v>25901</v>
      </c>
      <c r="AE11591" s="1"/>
    </row>
    <row r="11592" spans="1:31" ht="14.45">
      <c r="A11592" s="11"/>
      <c r="B11592" s="20"/>
      <c r="C11592" s="2" t="s">
        <v>35630</v>
      </c>
      <c r="D11592" s="14" t="s">
        <v>35631</v>
      </c>
      <c r="E11592" s="2" t="s">
        <v>35632</v>
      </c>
      <c r="F11592" s="2"/>
      <c r="G11592" s="8">
        <v>366</v>
      </c>
      <c r="H11592" s="5">
        <v>15</v>
      </c>
      <c r="I11592" s="5" t="s">
        <v>69</v>
      </c>
      <c r="J11592" s="5" t="s">
        <v>24629</v>
      </c>
      <c r="K11592" s="2" t="s">
        <v>24630</v>
      </c>
      <c r="L11592" s="5" t="s">
        <v>24629</v>
      </c>
      <c r="M11592" s="2" t="s">
        <v>24630</v>
      </c>
      <c r="N11592" s="5" t="s">
        <v>24254</v>
      </c>
      <c r="O11592" s="5" t="s">
        <v>38</v>
      </c>
      <c r="P11592" s="5" t="s">
        <v>39</v>
      </c>
      <c r="Q11592" s="5" t="s">
        <v>40</v>
      </c>
      <c r="R11592" s="5" t="s">
        <v>25301</v>
      </c>
      <c r="S11592" s="5" t="s">
        <v>40</v>
      </c>
      <c r="T11592" s="5" t="s">
        <v>42</v>
      </c>
      <c r="U11592" s="2">
        <v>15.034000000000001</v>
      </c>
      <c r="V11592" s="2">
        <v>13.163</v>
      </c>
      <c r="W11592" s="2">
        <v>0.13</v>
      </c>
      <c r="X11592" s="2">
        <v>15</v>
      </c>
      <c r="Y11592" s="2">
        <v>50</v>
      </c>
      <c r="Z11592" s="2">
        <v>173.9</v>
      </c>
      <c r="AA11592" s="5">
        <v>16</v>
      </c>
      <c r="AB11592" s="5" t="s">
        <v>43</v>
      </c>
      <c r="AC11592" s="5" t="s">
        <v>44</v>
      </c>
      <c r="AD11592" s="2" t="s">
        <v>25905</v>
      </c>
      <c r="AE11592" s="1"/>
    </row>
    <row r="11593" spans="1:31" ht="14.45">
      <c r="A11593" s="11"/>
      <c r="B11593" s="20"/>
      <c r="C11593" s="2" t="s">
        <v>35633</v>
      </c>
      <c r="D11593" s="14" t="s">
        <v>35634</v>
      </c>
      <c r="E11593" s="2" t="s">
        <v>35635</v>
      </c>
      <c r="F11593" s="2"/>
      <c r="G11593" s="8">
        <v>323</v>
      </c>
      <c r="H11593" s="5">
        <v>10</v>
      </c>
      <c r="I11593" s="5" t="s">
        <v>69</v>
      </c>
      <c r="J11593" s="5" t="s">
        <v>24629</v>
      </c>
      <c r="K11593" s="2" t="s">
        <v>24630</v>
      </c>
      <c r="L11593" s="5" t="s">
        <v>24629</v>
      </c>
      <c r="M11593" s="2" t="s">
        <v>24630</v>
      </c>
      <c r="N11593" s="5" t="s">
        <v>24254</v>
      </c>
      <c r="O11593" s="5" t="s">
        <v>38</v>
      </c>
      <c r="P11593" s="5" t="s">
        <v>39</v>
      </c>
      <c r="Q11593" s="5" t="s">
        <v>40</v>
      </c>
      <c r="R11593" s="5" t="s">
        <v>24335</v>
      </c>
      <c r="S11593" s="5" t="s">
        <v>40</v>
      </c>
      <c r="T11593" s="5" t="s">
        <v>42</v>
      </c>
      <c r="U11593" s="2">
        <v>9.6010000000000009</v>
      </c>
      <c r="V11593" s="2">
        <v>7.5839999999999996</v>
      </c>
      <c r="W11593" s="2">
        <v>0.14499999999999999</v>
      </c>
      <c r="X11593" s="2">
        <v>15</v>
      </c>
      <c r="Y11593" s="2">
        <v>50</v>
      </c>
      <c r="Z11593" s="2">
        <v>193.9</v>
      </c>
      <c r="AA11593" s="5">
        <v>16</v>
      </c>
      <c r="AB11593" s="5" t="s">
        <v>43</v>
      </c>
      <c r="AC11593" s="5" t="s">
        <v>44</v>
      </c>
      <c r="AD11593" s="2" t="s">
        <v>35491</v>
      </c>
      <c r="AE11593" s="1"/>
    </row>
    <row r="11594" spans="1:31" ht="14.45">
      <c r="A11594" s="11"/>
      <c r="B11594" s="20"/>
      <c r="C11594" s="2" t="s">
        <v>35636</v>
      </c>
      <c r="D11594" s="14" t="s">
        <v>35637</v>
      </c>
      <c r="E11594" s="2" t="s">
        <v>35638</v>
      </c>
      <c r="F11594" s="2"/>
      <c r="G11594" s="8">
        <v>201</v>
      </c>
      <c r="H11594" s="5">
        <v>10</v>
      </c>
      <c r="I11594" s="5" t="s">
        <v>69</v>
      </c>
      <c r="J11594" s="5" t="s">
        <v>24629</v>
      </c>
      <c r="K11594" s="2" t="s">
        <v>24630</v>
      </c>
      <c r="L11594" s="5" t="s">
        <v>24629</v>
      </c>
      <c r="M11594" s="2" t="s">
        <v>24630</v>
      </c>
      <c r="N11594" s="5" t="s">
        <v>24254</v>
      </c>
      <c r="O11594" s="5" t="s">
        <v>38</v>
      </c>
      <c r="P11594" s="5" t="s">
        <v>39</v>
      </c>
      <c r="Q11594" s="5" t="s">
        <v>40</v>
      </c>
      <c r="R11594" s="5" t="s">
        <v>24335</v>
      </c>
      <c r="S11594" s="5" t="s">
        <v>40</v>
      </c>
      <c r="T11594" s="5" t="s">
        <v>42</v>
      </c>
      <c r="U11594" s="2">
        <v>8.4809999999999999</v>
      </c>
      <c r="V11594" s="2">
        <v>6.6210000000000004</v>
      </c>
      <c r="W11594" s="2">
        <v>0.13</v>
      </c>
      <c r="X11594" s="2">
        <v>15</v>
      </c>
      <c r="Y11594" s="2">
        <v>50</v>
      </c>
      <c r="Z11594" s="2">
        <v>173.9</v>
      </c>
      <c r="AA11594" s="5">
        <v>16</v>
      </c>
      <c r="AB11594" s="5" t="s">
        <v>43</v>
      </c>
      <c r="AC11594" s="5" t="s">
        <v>44</v>
      </c>
      <c r="AD11594" s="2" t="s">
        <v>25897</v>
      </c>
      <c r="AE11594" s="1"/>
    </row>
    <row r="11595" spans="1:31" ht="14.45">
      <c r="A11595" s="11"/>
      <c r="B11595" s="20"/>
      <c r="C11595" s="2" t="s">
        <v>35639</v>
      </c>
      <c r="D11595" s="14" t="s">
        <v>35640</v>
      </c>
      <c r="E11595" s="2" t="s">
        <v>35641</v>
      </c>
      <c r="F11595" s="2"/>
      <c r="G11595" s="8">
        <v>353</v>
      </c>
      <c r="H11595" s="5">
        <v>10</v>
      </c>
      <c r="I11595" s="5" t="s">
        <v>69</v>
      </c>
      <c r="J11595" s="5" t="s">
        <v>24629</v>
      </c>
      <c r="K11595" s="2" t="s">
        <v>24630</v>
      </c>
      <c r="L11595" s="5" t="s">
        <v>24629</v>
      </c>
      <c r="M11595" s="2" t="s">
        <v>24630</v>
      </c>
      <c r="N11595" s="5" t="s">
        <v>24254</v>
      </c>
      <c r="O11595" s="5" t="s">
        <v>38</v>
      </c>
      <c r="P11595" s="5" t="s">
        <v>39</v>
      </c>
      <c r="Q11595" s="5" t="s">
        <v>40</v>
      </c>
      <c r="R11595" s="5" t="s">
        <v>24335</v>
      </c>
      <c r="S11595" s="5" t="s">
        <v>40</v>
      </c>
      <c r="T11595" s="5" t="s">
        <v>42</v>
      </c>
      <c r="U11595" s="2">
        <v>9.9719999999999995</v>
      </c>
      <c r="V11595" s="2">
        <v>7.9550000000000001</v>
      </c>
      <c r="W11595" s="2">
        <v>0.14499999999999999</v>
      </c>
      <c r="X11595" s="2">
        <v>15</v>
      </c>
      <c r="Y11595" s="2">
        <v>50</v>
      </c>
      <c r="Z11595" s="2">
        <v>193.9</v>
      </c>
      <c r="AA11595" s="5">
        <v>16</v>
      </c>
      <c r="AB11595" s="5" t="s">
        <v>43</v>
      </c>
      <c r="AC11595" s="5" t="s">
        <v>44</v>
      </c>
      <c r="AD11595" s="2" t="s">
        <v>35491</v>
      </c>
      <c r="AE11595" s="1"/>
    </row>
    <row r="11596" spans="1:31" ht="14.45">
      <c r="A11596" s="11"/>
      <c r="B11596" s="20"/>
      <c r="C11596" s="2" t="s">
        <v>35642</v>
      </c>
      <c r="D11596" s="14" t="s">
        <v>35643</v>
      </c>
      <c r="E11596" s="2" t="s">
        <v>35644</v>
      </c>
      <c r="F11596" s="2" t="s">
        <v>35645</v>
      </c>
      <c r="G11596" s="8">
        <v>74</v>
      </c>
      <c r="H11596" s="5">
        <v>15</v>
      </c>
      <c r="I11596" s="5" t="s">
        <v>69</v>
      </c>
      <c r="J11596" s="5" t="s">
        <v>35646</v>
      </c>
      <c r="K11596" s="2" t="s">
        <v>35647</v>
      </c>
      <c r="L11596" s="5" t="s">
        <v>35646</v>
      </c>
      <c r="M11596" s="2" t="s">
        <v>35647</v>
      </c>
      <c r="N11596" s="5" t="s">
        <v>24254</v>
      </c>
      <c r="O11596" s="5" t="s">
        <v>38</v>
      </c>
      <c r="P11596" s="5" t="s">
        <v>39</v>
      </c>
      <c r="Q11596" s="5" t="s">
        <v>40</v>
      </c>
      <c r="R11596" s="5" t="s">
        <v>24335</v>
      </c>
      <c r="S11596" s="5" t="s">
        <v>40</v>
      </c>
      <c r="T11596" s="5" t="s">
        <v>42</v>
      </c>
      <c r="U11596" s="2">
        <v>1.984</v>
      </c>
      <c r="V11596" s="2">
        <v>1.4239999999999999</v>
      </c>
      <c r="W11596" s="2">
        <v>2.4E-2</v>
      </c>
      <c r="X11596" s="2">
        <v>10.7</v>
      </c>
      <c r="Y11596" s="2">
        <v>17</v>
      </c>
      <c r="Z11596" s="2">
        <v>129.4</v>
      </c>
      <c r="AA11596" s="5">
        <v>70</v>
      </c>
      <c r="AB11596" s="5" t="s">
        <v>43</v>
      </c>
      <c r="AC11596" s="5" t="s">
        <v>44</v>
      </c>
      <c r="AD11596" s="2" t="s">
        <v>35648</v>
      </c>
      <c r="AE11596" s="1"/>
    </row>
    <row r="11597" spans="1:31" ht="14.45">
      <c r="A11597" s="11"/>
      <c r="B11597" s="20"/>
      <c r="C11597" s="2" t="s">
        <v>35649</v>
      </c>
      <c r="D11597" s="14" t="s">
        <v>35650</v>
      </c>
      <c r="E11597" s="2" t="s">
        <v>35651</v>
      </c>
      <c r="F11597" s="2" t="s">
        <v>35645</v>
      </c>
      <c r="G11597" s="8">
        <v>81</v>
      </c>
      <c r="H11597" s="5">
        <v>15</v>
      </c>
      <c r="I11597" s="5" t="s">
        <v>69</v>
      </c>
      <c r="J11597" s="5" t="s">
        <v>35646</v>
      </c>
      <c r="K11597" s="2" t="s">
        <v>35647</v>
      </c>
      <c r="L11597" s="5" t="s">
        <v>35646</v>
      </c>
      <c r="M11597" s="2" t="s">
        <v>35647</v>
      </c>
      <c r="N11597" s="5" t="s">
        <v>24254</v>
      </c>
      <c r="O11597" s="5" t="s">
        <v>38</v>
      </c>
      <c r="P11597" s="5" t="s">
        <v>39</v>
      </c>
      <c r="Q11597" s="5" t="s">
        <v>40</v>
      </c>
      <c r="R11597" s="5" t="s">
        <v>24335</v>
      </c>
      <c r="S11597" s="5" t="s">
        <v>40</v>
      </c>
      <c r="T11597" s="5" t="s">
        <v>42</v>
      </c>
      <c r="U11597" s="2">
        <v>2.1579999999999999</v>
      </c>
      <c r="V11597" s="2">
        <v>1.512</v>
      </c>
      <c r="W11597" s="2">
        <v>2.8000000000000001E-2</v>
      </c>
      <c r="X11597" s="2">
        <v>10.7</v>
      </c>
      <c r="Y11597" s="2">
        <v>17</v>
      </c>
      <c r="Z11597" s="2">
        <v>151.4</v>
      </c>
      <c r="AA11597" s="5">
        <v>70</v>
      </c>
      <c r="AB11597" s="5" t="s">
        <v>43</v>
      </c>
      <c r="AC11597" s="5" t="s">
        <v>44</v>
      </c>
      <c r="AD11597" s="2" t="s">
        <v>35648</v>
      </c>
      <c r="AE11597" s="1"/>
    </row>
    <row r="11598" spans="1:31" ht="14.45">
      <c r="A11598" s="11"/>
      <c r="B11598" s="20"/>
      <c r="C11598" s="2" t="s">
        <v>35652</v>
      </c>
      <c r="D11598" s="14" t="s">
        <v>35653</v>
      </c>
      <c r="E11598" s="2" t="s">
        <v>35654</v>
      </c>
      <c r="F11598" s="2" t="s">
        <v>35645</v>
      </c>
      <c r="G11598" s="8">
        <v>95</v>
      </c>
      <c r="H11598" s="5">
        <v>15</v>
      </c>
      <c r="I11598" s="5" t="s">
        <v>69</v>
      </c>
      <c r="J11598" s="5" t="s">
        <v>35646</v>
      </c>
      <c r="K11598" s="2" t="s">
        <v>35647</v>
      </c>
      <c r="L11598" s="5" t="s">
        <v>35646</v>
      </c>
      <c r="M11598" s="2" t="s">
        <v>35647</v>
      </c>
      <c r="N11598" s="5" t="s">
        <v>24254</v>
      </c>
      <c r="O11598" s="5" t="s">
        <v>38</v>
      </c>
      <c r="P11598" s="5" t="s">
        <v>39</v>
      </c>
      <c r="Q11598" s="5" t="s">
        <v>40</v>
      </c>
      <c r="R11598" s="5" t="s">
        <v>24335</v>
      </c>
      <c r="S11598" s="5" t="s">
        <v>40</v>
      </c>
      <c r="T11598" s="5" t="s">
        <v>42</v>
      </c>
      <c r="U11598" s="2">
        <v>2.266</v>
      </c>
      <c r="V11598" s="2">
        <v>1.62</v>
      </c>
      <c r="W11598" s="2">
        <v>2.8000000000000001E-2</v>
      </c>
      <c r="X11598" s="2">
        <v>10.7</v>
      </c>
      <c r="Y11598" s="2">
        <v>17</v>
      </c>
      <c r="Z11598" s="2">
        <v>151.4</v>
      </c>
      <c r="AA11598" s="5">
        <v>70</v>
      </c>
      <c r="AB11598" s="5" t="s">
        <v>43</v>
      </c>
      <c r="AC11598" s="5" t="s">
        <v>44</v>
      </c>
      <c r="AD11598" s="2" t="s">
        <v>35648</v>
      </c>
      <c r="AE11598" s="1"/>
    </row>
    <row r="11599" spans="1:31" ht="14.45">
      <c r="A11599" s="11"/>
      <c r="B11599" s="20"/>
      <c r="C11599" s="2" t="s">
        <v>35655</v>
      </c>
      <c r="D11599" s="14" t="s">
        <v>35656</v>
      </c>
      <c r="E11599" s="2" t="s">
        <v>35657</v>
      </c>
      <c r="F11599" s="2" t="s">
        <v>35658</v>
      </c>
      <c r="G11599" s="8">
        <v>77</v>
      </c>
      <c r="H11599" s="5">
        <v>5</v>
      </c>
      <c r="I11599" s="5" t="s">
        <v>69</v>
      </c>
      <c r="J11599" s="5" t="s">
        <v>35646</v>
      </c>
      <c r="K11599" s="2" t="s">
        <v>35647</v>
      </c>
      <c r="L11599" s="5" t="s">
        <v>35646</v>
      </c>
      <c r="M11599" s="2" t="s">
        <v>35647</v>
      </c>
      <c r="N11599" s="5" t="s">
        <v>24254</v>
      </c>
      <c r="O11599" s="5" t="s">
        <v>38</v>
      </c>
      <c r="P11599" s="5" t="s">
        <v>39</v>
      </c>
      <c r="Q11599" s="5" t="s">
        <v>40</v>
      </c>
      <c r="R11599" s="5" t="s">
        <v>24335</v>
      </c>
      <c r="S11599" s="5" t="s">
        <v>40</v>
      </c>
      <c r="T11599" s="5" t="s">
        <v>42</v>
      </c>
      <c r="U11599" s="2">
        <v>1.704</v>
      </c>
      <c r="V11599" s="2">
        <v>1.208</v>
      </c>
      <c r="W11599" s="2">
        <v>0.02</v>
      </c>
      <c r="X11599" s="2">
        <v>10.7</v>
      </c>
      <c r="Y11599" s="2">
        <v>17</v>
      </c>
      <c r="Z11599" s="2">
        <v>109.4</v>
      </c>
      <c r="AA11599" s="5">
        <v>20</v>
      </c>
      <c r="AB11599" s="5" t="s">
        <v>43</v>
      </c>
      <c r="AC11599" s="5" t="s">
        <v>44</v>
      </c>
      <c r="AD11599" s="2" t="s">
        <v>35659</v>
      </c>
      <c r="AE11599" s="1"/>
    </row>
    <row r="11600" spans="1:31" ht="14.45">
      <c r="A11600" s="11"/>
      <c r="B11600" s="20"/>
      <c r="C11600" s="2" t="s">
        <v>35660</v>
      </c>
      <c r="D11600" s="14" t="s">
        <v>35661</v>
      </c>
      <c r="E11600" s="2" t="s">
        <v>35662</v>
      </c>
      <c r="F11600" s="2" t="s">
        <v>35658</v>
      </c>
      <c r="G11600" s="8">
        <v>78</v>
      </c>
      <c r="H11600" s="5">
        <v>5</v>
      </c>
      <c r="I11600" s="5" t="s">
        <v>69</v>
      </c>
      <c r="J11600" s="5" t="s">
        <v>35646</v>
      </c>
      <c r="K11600" s="2" t="s">
        <v>35647</v>
      </c>
      <c r="L11600" s="5" t="s">
        <v>35646</v>
      </c>
      <c r="M11600" s="2" t="s">
        <v>35647</v>
      </c>
      <c r="N11600" s="5" t="s">
        <v>24254</v>
      </c>
      <c r="O11600" s="5" t="s">
        <v>38</v>
      </c>
      <c r="P11600" s="5" t="s">
        <v>39</v>
      </c>
      <c r="Q11600" s="5" t="s">
        <v>40</v>
      </c>
      <c r="R11600" s="5" t="s">
        <v>24335</v>
      </c>
      <c r="S11600" s="5" t="s">
        <v>40</v>
      </c>
      <c r="T11600" s="5" t="s">
        <v>42</v>
      </c>
      <c r="U11600" s="2">
        <v>1.85</v>
      </c>
      <c r="V11600" s="2">
        <v>1.2749999999999999</v>
      </c>
      <c r="W11600" s="2">
        <v>2.3E-2</v>
      </c>
      <c r="X11600" s="2">
        <v>10.7</v>
      </c>
      <c r="Y11600" s="2">
        <v>17</v>
      </c>
      <c r="Z11600" s="2">
        <v>129.4</v>
      </c>
      <c r="AA11600" s="5">
        <v>20</v>
      </c>
      <c r="AB11600" s="5" t="s">
        <v>43</v>
      </c>
      <c r="AC11600" s="5" t="s">
        <v>44</v>
      </c>
      <c r="AD11600" s="2" t="s">
        <v>35659</v>
      </c>
      <c r="AE11600" s="1"/>
    </row>
    <row r="11601" spans="1:31" ht="14.45">
      <c r="A11601" s="11"/>
      <c r="B11601" s="20"/>
      <c r="C11601" s="2" t="s">
        <v>35663</v>
      </c>
      <c r="D11601" s="14" t="s">
        <v>35664</v>
      </c>
      <c r="E11601" s="2" t="s">
        <v>35665</v>
      </c>
      <c r="F11601" s="2" t="s">
        <v>35658</v>
      </c>
      <c r="G11601" s="8">
        <v>79</v>
      </c>
      <c r="H11601" s="5">
        <v>5</v>
      </c>
      <c r="I11601" s="5" t="s">
        <v>69</v>
      </c>
      <c r="J11601" s="5" t="s">
        <v>35646</v>
      </c>
      <c r="K11601" s="2" t="s">
        <v>35647</v>
      </c>
      <c r="L11601" s="5" t="s">
        <v>35646</v>
      </c>
      <c r="M11601" s="2" t="s">
        <v>35647</v>
      </c>
      <c r="N11601" s="5" t="s">
        <v>24254</v>
      </c>
      <c r="O11601" s="5" t="s">
        <v>38</v>
      </c>
      <c r="P11601" s="5" t="s">
        <v>39</v>
      </c>
      <c r="Q11601" s="5" t="s">
        <v>40</v>
      </c>
      <c r="R11601" s="5" t="s">
        <v>24335</v>
      </c>
      <c r="S11601" s="5" t="s">
        <v>40</v>
      </c>
      <c r="T11601" s="5" t="s">
        <v>42</v>
      </c>
      <c r="U11601" s="2">
        <v>1.905</v>
      </c>
      <c r="V11601" s="2">
        <v>1.33</v>
      </c>
      <c r="W11601" s="2">
        <v>2.3E-2</v>
      </c>
      <c r="X11601" s="2">
        <v>10.7</v>
      </c>
      <c r="Y11601" s="2">
        <v>17</v>
      </c>
      <c r="Z11601" s="2">
        <v>129.4</v>
      </c>
      <c r="AA11601" s="5">
        <v>20</v>
      </c>
      <c r="AB11601" s="5" t="s">
        <v>43</v>
      </c>
      <c r="AC11601" s="5" t="s">
        <v>44</v>
      </c>
      <c r="AD11601" s="2" t="s">
        <v>35659</v>
      </c>
      <c r="AE11601" s="1"/>
    </row>
    <row r="11602" spans="1:31" ht="14.45">
      <c r="A11602" s="11"/>
      <c r="B11602" s="20"/>
      <c r="C11602" s="2" t="s">
        <v>35666</v>
      </c>
      <c r="D11602" s="14" t="s">
        <v>35667</v>
      </c>
      <c r="E11602" s="2" t="s">
        <v>35668</v>
      </c>
      <c r="F11602" s="2" t="s">
        <v>35658</v>
      </c>
      <c r="G11602" s="8">
        <v>82</v>
      </c>
      <c r="H11602" s="5">
        <v>5</v>
      </c>
      <c r="I11602" s="5" t="s">
        <v>69</v>
      </c>
      <c r="J11602" s="5" t="s">
        <v>35646</v>
      </c>
      <c r="K11602" s="2" t="s">
        <v>35647</v>
      </c>
      <c r="L11602" s="5" t="s">
        <v>35646</v>
      </c>
      <c r="M11602" s="2" t="s">
        <v>35647</v>
      </c>
      <c r="N11602" s="5" t="s">
        <v>24254</v>
      </c>
      <c r="O11602" s="5" t="s">
        <v>38</v>
      </c>
      <c r="P11602" s="5" t="s">
        <v>39</v>
      </c>
      <c r="Q11602" s="5" t="s">
        <v>40</v>
      </c>
      <c r="R11602" s="5" t="s">
        <v>24335</v>
      </c>
      <c r="S11602" s="5" t="s">
        <v>40</v>
      </c>
      <c r="T11602" s="5" t="s">
        <v>42</v>
      </c>
      <c r="U11602" s="2">
        <v>2.0579999999999998</v>
      </c>
      <c r="V11602" s="2">
        <v>1.397</v>
      </c>
      <c r="W11602" s="2">
        <v>2.7E-2</v>
      </c>
      <c r="X11602" s="2">
        <v>10.7</v>
      </c>
      <c r="Y11602" s="2">
        <v>17</v>
      </c>
      <c r="Z11602" s="2">
        <v>151.4</v>
      </c>
      <c r="AA11602" s="5">
        <v>20</v>
      </c>
      <c r="AB11602" s="5" t="s">
        <v>43</v>
      </c>
      <c r="AC11602" s="5" t="s">
        <v>44</v>
      </c>
      <c r="AD11602" s="2" t="s">
        <v>35659</v>
      </c>
      <c r="AE11602" s="1"/>
    </row>
    <row r="11603" spans="1:31" ht="14.45">
      <c r="A11603" s="11"/>
      <c r="B11603" s="20"/>
      <c r="C11603" s="2" t="s">
        <v>35669</v>
      </c>
      <c r="D11603" s="14" t="s">
        <v>35670</v>
      </c>
      <c r="E11603" s="2" t="s">
        <v>35671</v>
      </c>
      <c r="F11603" s="2" t="s">
        <v>35658</v>
      </c>
      <c r="G11603" s="8">
        <v>80</v>
      </c>
      <c r="H11603" s="5">
        <v>5</v>
      </c>
      <c r="I11603" s="5" t="s">
        <v>69</v>
      </c>
      <c r="J11603" s="5" t="s">
        <v>35646</v>
      </c>
      <c r="K11603" s="2" t="s">
        <v>35647</v>
      </c>
      <c r="L11603" s="5" t="s">
        <v>35646</v>
      </c>
      <c r="M11603" s="2" t="s">
        <v>35647</v>
      </c>
      <c r="N11603" s="5" t="s">
        <v>24254</v>
      </c>
      <c r="O11603" s="5" t="s">
        <v>38</v>
      </c>
      <c r="P11603" s="5" t="s">
        <v>39</v>
      </c>
      <c r="Q11603" s="5" t="s">
        <v>40</v>
      </c>
      <c r="R11603" s="5" t="s">
        <v>24335</v>
      </c>
      <c r="S11603" s="5" t="s">
        <v>40</v>
      </c>
      <c r="T11603" s="5" t="s">
        <v>42</v>
      </c>
      <c r="U11603" s="2">
        <v>1.9339999999999999</v>
      </c>
      <c r="V11603" s="2">
        <v>1.369</v>
      </c>
      <c r="W11603" s="2">
        <v>2.3E-2</v>
      </c>
      <c r="X11603" s="2">
        <v>10.7</v>
      </c>
      <c r="Y11603" s="2">
        <v>17</v>
      </c>
      <c r="Z11603" s="2">
        <v>129.4</v>
      </c>
      <c r="AA11603" s="5">
        <v>20</v>
      </c>
      <c r="AB11603" s="5" t="s">
        <v>43</v>
      </c>
      <c r="AC11603" s="5" t="s">
        <v>44</v>
      </c>
      <c r="AD11603" s="2" t="s">
        <v>35659</v>
      </c>
      <c r="AE11603" s="1"/>
    </row>
    <row r="11604" spans="1:31" ht="14.45">
      <c r="A11604" s="11"/>
      <c r="B11604" s="20"/>
      <c r="C11604" s="2" t="s">
        <v>35672</v>
      </c>
      <c r="D11604" s="14" t="s">
        <v>35673</v>
      </c>
      <c r="E11604" s="2" t="s">
        <v>35674</v>
      </c>
      <c r="F11604" s="2" t="s">
        <v>35658</v>
      </c>
      <c r="G11604" s="8">
        <v>84</v>
      </c>
      <c r="H11604" s="5">
        <v>5</v>
      </c>
      <c r="I11604" s="5" t="s">
        <v>69</v>
      </c>
      <c r="J11604" s="5" t="s">
        <v>35646</v>
      </c>
      <c r="K11604" s="2" t="s">
        <v>35647</v>
      </c>
      <c r="L11604" s="5" t="s">
        <v>35646</v>
      </c>
      <c r="M11604" s="2" t="s">
        <v>35647</v>
      </c>
      <c r="N11604" s="5" t="s">
        <v>24254</v>
      </c>
      <c r="O11604" s="5" t="s">
        <v>38</v>
      </c>
      <c r="P11604" s="5" t="s">
        <v>39</v>
      </c>
      <c r="Q11604" s="5" t="s">
        <v>40</v>
      </c>
      <c r="R11604" s="5" t="s">
        <v>24335</v>
      </c>
      <c r="S11604" s="5" t="s">
        <v>40</v>
      </c>
      <c r="T11604" s="5" t="s">
        <v>42</v>
      </c>
      <c r="U11604" s="2">
        <v>2.0870000000000002</v>
      </c>
      <c r="V11604" s="2">
        <v>1.4359999999999999</v>
      </c>
      <c r="W11604" s="2">
        <v>2.7E-2</v>
      </c>
      <c r="X11604" s="2">
        <v>10.7</v>
      </c>
      <c r="Y11604" s="2">
        <v>17</v>
      </c>
      <c r="Z11604" s="2">
        <v>151.4</v>
      </c>
      <c r="AA11604" s="5">
        <v>20</v>
      </c>
      <c r="AB11604" s="5" t="s">
        <v>43</v>
      </c>
      <c r="AC11604" s="5" t="s">
        <v>44</v>
      </c>
      <c r="AD11604" s="2" t="s">
        <v>35659</v>
      </c>
      <c r="AE11604" s="1"/>
    </row>
    <row r="11605" spans="1:31" ht="14.45">
      <c r="A11605" s="11"/>
      <c r="B11605" s="20"/>
      <c r="C11605" s="2" t="s">
        <v>35675</v>
      </c>
      <c r="D11605" s="14" t="s">
        <v>35676</v>
      </c>
      <c r="E11605" s="2" t="s">
        <v>35677</v>
      </c>
      <c r="F11605" s="2" t="s">
        <v>35658</v>
      </c>
      <c r="G11605" s="8">
        <v>87</v>
      </c>
      <c r="H11605" s="5">
        <v>5</v>
      </c>
      <c r="I11605" s="5" t="s">
        <v>69</v>
      </c>
      <c r="J11605" s="5" t="s">
        <v>35646</v>
      </c>
      <c r="K11605" s="2" t="s">
        <v>35647</v>
      </c>
      <c r="L11605" s="5" t="s">
        <v>35646</v>
      </c>
      <c r="M11605" s="2" t="s">
        <v>35647</v>
      </c>
      <c r="N11605" s="5" t="s">
        <v>24254</v>
      </c>
      <c r="O11605" s="5" t="s">
        <v>38</v>
      </c>
      <c r="P11605" s="5" t="s">
        <v>39</v>
      </c>
      <c r="Q11605" s="5" t="s">
        <v>40</v>
      </c>
      <c r="R11605" s="5" t="s">
        <v>24335</v>
      </c>
      <c r="S11605" s="5" t="s">
        <v>40</v>
      </c>
      <c r="T11605" s="5" t="s">
        <v>42</v>
      </c>
      <c r="U11605" s="2">
        <v>2.238</v>
      </c>
      <c r="V11605" s="2">
        <v>1.508</v>
      </c>
      <c r="W11605" s="2">
        <v>3.1E-2</v>
      </c>
      <c r="X11605" s="2">
        <v>10.7</v>
      </c>
      <c r="Y11605" s="2">
        <v>17</v>
      </c>
      <c r="Z11605" s="2">
        <v>171.6</v>
      </c>
      <c r="AA11605" s="5">
        <v>20</v>
      </c>
      <c r="AB11605" s="5" t="s">
        <v>43</v>
      </c>
      <c r="AC11605" s="5" t="s">
        <v>44</v>
      </c>
      <c r="AD11605" s="2" t="s">
        <v>35659</v>
      </c>
      <c r="AE11605" s="1"/>
    </row>
    <row r="11606" spans="1:31" ht="14.45">
      <c r="A11606" s="11"/>
      <c r="B11606" s="20"/>
      <c r="C11606" s="2" t="s">
        <v>35678</v>
      </c>
      <c r="D11606" s="14" t="s">
        <v>35679</v>
      </c>
      <c r="E11606" s="2" t="s">
        <v>35680</v>
      </c>
      <c r="F11606" s="2" t="s">
        <v>35658</v>
      </c>
      <c r="G11606" s="8">
        <v>100</v>
      </c>
      <c r="H11606" s="5">
        <v>5</v>
      </c>
      <c r="I11606" s="5" t="s">
        <v>69</v>
      </c>
      <c r="J11606" s="5" t="s">
        <v>35646</v>
      </c>
      <c r="K11606" s="2" t="s">
        <v>35647</v>
      </c>
      <c r="L11606" s="5" t="s">
        <v>35646</v>
      </c>
      <c r="M11606" s="2" t="s">
        <v>35647</v>
      </c>
      <c r="N11606" s="5" t="s">
        <v>24254</v>
      </c>
      <c r="O11606" s="5" t="s">
        <v>38</v>
      </c>
      <c r="P11606" s="5" t="s">
        <v>39</v>
      </c>
      <c r="Q11606" s="5" t="s">
        <v>40</v>
      </c>
      <c r="R11606" s="5" t="s">
        <v>24335</v>
      </c>
      <c r="S11606" s="5" t="s">
        <v>40</v>
      </c>
      <c r="T11606" s="5" t="s">
        <v>42</v>
      </c>
      <c r="U11606" s="2">
        <v>2.383</v>
      </c>
      <c r="V11606" s="2">
        <v>1.575</v>
      </c>
      <c r="W11606" s="2">
        <v>3.4000000000000002E-2</v>
      </c>
      <c r="X11606" s="2">
        <v>10.7</v>
      </c>
      <c r="Y11606" s="2">
        <v>17</v>
      </c>
      <c r="Z11606" s="2">
        <v>191.6</v>
      </c>
      <c r="AA11606" s="5">
        <v>70</v>
      </c>
      <c r="AB11606" s="5" t="s">
        <v>43</v>
      </c>
      <c r="AC11606" s="5" t="s">
        <v>44</v>
      </c>
      <c r="AD11606" s="2" t="s">
        <v>35659</v>
      </c>
      <c r="AE11606" s="1"/>
    </row>
    <row r="11607" spans="1:31" ht="14.45">
      <c r="A11607" s="11"/>
      <c r="B11607" s="20"/>
      <c r="C11607" s="2" t="s">
        <v>35681</v>
      </c>
      <c r="D11607" s="14" t="s">
        <v>35682</v>
      </c>
      <c r="E11607" s="2" t="s">
        <v>35683</v>
      </c>
      <c r="F11607" s="2" t="s">
        <v>35658</v>
      </c>
      <c r="G11607" s="8">
        <v>103</v>
      </c>
      <c r="H11607" s="5">
        <v>15</v>
      </c>
      <c r="I11607" s="5" t="s">
        <v>69</v>
      </c>
      <c r="J11607" s="5" t="s">
        <v>35646</v>
      </c>
      <c r="K11607" s="2" t="s">
        <v>35647</v>
      </c>
      <c r="L11607" s="5" t="s">
        <v>35646</v>
      </c>
      <c r="M11607" s="2" t="s">
        <v>35647</v>
      </c>
      <c r="N11607" s="5" t="s">
        <v>24254</v>
      </c>
      <c r="O11607" s="5" t="s">
        <v>38</v>
      </c>
      <c r="P11607" s="5" t="s">
        <v>39</v>
      </c>
      <c r="Q11607" s="5" t="s">
        <v>40</v>
      </c>
      <c r="R11607" s="5" t="s">
        <v>24335</v>
      </c>
      <c r="S11607" s="5" t="s">
        <v>40</v>
      </c>
      <c r="T11607" s="5" t="s">
        <v>42</v>
      </c>
      <c r="U11607" s="2">
        <v>2.4489999999999998</v>
      </c>
      <c r="V11607" s="2">
        <v>1.641</v>
      </c>
      <c r="W11607" s="2">
        <v>3.4000000000000002E-2</v>
      </c>
      <c r="X11607" s="2">
        <v>10.7</v>
      </c>
      <c r="Y11607" s="2">
        <v>17</v>
      </c>
      <c r="Z11607" s="2">
        <v>191.6</v>
      </c>
      <c r="AA11607" s="5">
        <v>70</v>
      </c>
      <c r="AB11607" s="5" t="s">
        <v>43</v>
      </c>
      <c r="AC11607" s="5" t="s">
        <v>44</v>
      </c>
      <c r="AD11607" s="2" t="s">
        <v>35659</v>
      </c>
      <c r="AE11607" s="1"/>
    </row>
    <row r="11608" spans="1:31" ht="14.45">
      <c r="A11608" s="11"/>
      <c r="B11608" s="20"/>
      <c r="C11608" s="2" t="s">
        <v>35684</v>
      </c>
      <c r="D11608" s="14" t="s">
        <v>35685</v>
      </c>
      <c r="E11608" s="2" t="s">
        <v>35686</v>
      </c>
      <c r="F11608" s="2" t="s">
        <v>35658</v>
      </c>
      <c r="G11608" s="8">
        <v>95</v>
      </c>
      <c r="H11608" s="5">
        <v>5</v>
      </c>
      <c r="I11608" s="5" t="s">
        <v>69</v>
      </c>
      <c r="J11608" s="5" t="s">
        <v>35646</v>
      </c>
      <c r="K11608" s="2" t="s">
        <v>35647</v>
      </c>
      <c r="L11608" s="5" t="s">
        <v>35646</v>
      </c>
      <c r="M11608" s="2" t="s">
        <v>35647</v>
      </c>
      <c r="N11608" s="5" t="s">
        <v>24254</v>
      </c>
      <c r="O11608" s="5" t="s">
        <v>38</v>
      </c>
      <c r="P11608" s="5" t="s">
        <v>39</v>
      </c>
      <c r="Q11608" s="5" t="s">
        <v>40</v>
      </c>
      <c r="R11608" s="5" t="s">
        <v>24335</v>
      </c>
      <c r="S11608" s="5" t="s">
        <v>40</v>
      </c>
      <c r="T11608" s="5" t="s">
        <v>42</v>
      </c>
      <c r="U11608" s="2">
        <v>2.1659999999999999</v>
      </c>
      <c r="V11608" s="2">
        <v>1.5149999999999999</v>
      </c>
      <c r="W11608" s="2">
        <v>2.7E-2</v>
      </c>
      <c r="X11608" s="2">
        <v>10.7</v>
      </c>
      <c r="Y11608" s="2">
        <v>17</v>
      </c>
      <c r="Z11608" s="2">
        <v>151.4</v>
      </c>
      <c r="AA11608" s="5">
        <v>20</v>
      </c>
      <c r="AB11608" s="5" t="s">
        <v>43</v>
      </c>
      <c r="AC11608" s="5" t="s">
        <v>44</v>
      </c>
      <c r="AD11608" s="2" t="s">
        <v>35659</v>
      </c>
      <c r="AE11608" s="1"/>
    </row>
    <row r="11609" spans="1:31" ht="14.45">
      <c r="A11609" s="11"/>
      <c r="B11609" s="20"/>
      <c r="C11609" s="2" t="s">
        <v>35687</v>
      </c>
      <c r="D11609" s="14" t="s">
        <v>35688</v>
      </c>
      <c r="E11609" s="2" t="s">
        <v>35689</v>
      </c>
      <c r="F11609" s="2" t="s">
        <v>35658</v>
      </c>
      <c r="G11609" s="8">
        <v>100</v>
      </c>
      <c r="H11609" s="5">
        <v>5</v>
      </c>
      <c r="I11609" s="5" t="s">
        <v>69</v>
      </c>
      <c r="J11609" s="5" t="s">
        <v>35646</v>
      </c>
      <c r="K11609" s="2" t="s">
        <v>35647</v>
      </c>
      <c r="L11609" s="5" t="s">
        <v>35646</v>
      </c>
      <c r="M11609" s="2" t="s">
        <v>35647</v>
      </c>
      <c r="N11609" s="5" t="s">
        <v>24254</v>
      </c>
      <c r="O11609" s="5" t="s">
        <v>38</v>
      </c>
      <c r="P11609" s="5" t="s">
        <v>39</v>
      </c>
      <c r="Q11609" s="5" t="s">
        <v>40</v>
      </c>
      <c r="R11609" s="5" t="s">
        <v>24335</v>
      </c>
      <c r="S11609" s="5" t="s">
        <v>40</v>
      </c>
      <c r="T11609" s="5" t="s">
        <v>42</v>
      </c>
      <c r="U11609" s="2">
        <v>2.3170000000000002</v>
      </c>
      <c r="V11609" s="2">
        <v>1.587</v>
      </c>
      <c r="W11609" s="2">
        <v>3.1E-2</v>
      </c>
      <c r="X11609" s="2">
        <v>10.7</v>
      </c>
      <c r="Y11609" s="2">
        <v>17</v>
      </c>
      <c r="Z11609" s="2">
        <v>171.6</v>
      </c>
      <c r="AA11609" s="5">
        <v>20</v>
      </c>
      <c r="AB11609" s="5" t="s">
        <v>43</v>
      </c>
      <c r="AC11609" s="5" t="s">
        <v>44</v>
      </c>
      <c r="AD11609" s="2" t="s">
        <v>35659</v>
      </c>
      <c r="AE11609" s="1"/>
    </row>
    <row r="11610" spans="1:31" ht="14.45">
      <c r="A11610" s="11"/>
      <c r="B11610" s="20"/>
      <c r="C11610" s="2" t="s">
        <v>35690</v>
      </c>
      <c r="D11610" s="14" t="s">
        <v>35691</v>
      </c>
      <c r="E11610" s="2" t="s">
        <v>35692</v>
      </c>
      <c r="F11610" s="2" t="s">
        <v>35658</v>
      </c>
      <c r="G11610" s="8">
        <v>106</v>
      </c>
      <c r="H11610" s="5">
        <v>5</v>
      </c>
      <c r="I11610" s="5" t="s">
        <v>69</v>
      </c>
      <c r="J11610" s="5" t="s">
        <v>35646</v>
      </c>
      <c r="K11610" s="2" t="s">
        <v>35647</v>
      </c>
      <c r="L11610" s="5" t="s">
        <v>35646</v>
      </c>
      <c r="M11610" s="2" t="s">
        <v>35647</v>
      </c>
      <c r="N11610" s="5" t="s">
        <v>24254</v>
      </c>
      <c r="O11610" s="5" t="s">
        <v>38</v>
      </c>
      <c r="P11610" s="5" t="s">
        <v>39</v>
      </c>
      <c r="Q11610" s="5" t="s">
        <v>40</v>
      </c>
      <c r="R11610" s="5" t="s">
        <v>24335</v>
      </c>
      <c r="S11610" s="5" t="s">
        <v>40</v>
      </c>
      <c r="T11610" s="5" t="s">
        <v>42</v>
      </c>
      <c r="U11610" s="2">
        <v>2.4620000000000002</v>
      </c>
      <c r="V11610" s="2">
        <v>1.6539999999999999</v>
      </c>
      <c r="W11610" s="2">
        <v>3.4000000000000002E-2</v>
      </c>
      <c r="X11610" s="2">
        <v>10.7</v>
      </c>
      <c r="Y11610" s="2">
        <v>17</v>
      </c>
      <c r="Z11610" s="2">
        <v>191.6</v>
      </c>
      <c r="AA11610" s="5">
        <v>70</v>
      </c>
      <c r="AB11610" s="5" t="s">
        <v>43</v>
      </c>
      <c r="AC11610" s="5" t="s">
        <v>44</v>
      </c>
      <c r="AD11610" s="2" t="s">
        <v>35659</v>
      </c>
      <c r="AE11610" s="1"/>
    </row>
    <row r="11611" spans="1:31" ht="14.45">
      <c r="A11611" s="11"/>
      <c r="B11611" s="20"/>
      <c r="C11611" s="2" t="s">
        <v>35693</v>
      </c>
      <c r="D11611" s="14" t="s">
        <v>35694</v>
      </c>
      <c r="E11611" s="2" t="s">
        <v>35695</v>
      </c>
      <c r="F11611" s="2" t="s">
        <v>35658</v>
      </c>
      <c r="G11611" s="8">
        <v>100</v>
      </c>
      <c r="H11611" s="5">
        <v>5</v>
      </c>
      <c r="I11611" s="5" t="s">
        <v>69</v>
      </c>
      <c r="J11611" s="5" t="s">
        <v>35646</v>
      </c>
      <c r="K11611" s="2" t="s">
        <v>35647</v>
      </c>
      <c r="L11611" s="5" t="s">
        <v>35646</v>
      </c>
      <c r="M11611" s="2" t="s">
        <v>35647</v>
      </c>
      <c r="N11611" s="5" t="s">
        <v>24254</v>
      </c>
      <c r="O11611" s="5" t="s">
        <v>38</v>
      </c>
      <c r="P11611" s="5" t="s">
        <v>39</v>
      </c>
      <c r="Q11611" s="5" t="s">
        <v>40</v>
      </c>
      <c r="R11611" s="5" t="s">
        <v>24335</v>
      </c>
      <c r="S11611" s="5" t="s">
        <v>40</v>
      </c>
      <c r="T11611" s="5" t="s">
        <v>42</v>
      </c>
      <c r="U11611" s="2">
        <v>2.3410000000000002</v>
      </c>
      <c r="V11611" s="2">
        <v>1.611</v>
      </c>
      <c r="W11611" s="2">
        <v>3.1E-2</v>
      </c>
      <c r="X11611" s="2">
        <v>10.7</v>
      </c>
      <c r="Y11611" s="2">
        <v>17</v>
      </c>
      <c r="Z11611" s="2">
        <v>171.6</v>
      </c>
      <c r="AA11611" s="5">
        <v>20</v>
      </c>
      <c r="AB11611" s="5" t="s">
        <v>43</v>
      </c>
      <c r="AC11611" s="5" t="s">
        <v>44</v>
      </c>
      <c r="AD11611" s="2" t="s">
        <v>35659</v>
      </c>
      <c r="AE11611" s="1"/>
    </row>
    <row r="11612" spans="1:31" ht="14.45">
      <c r="A11612" s="11"/>
      <c r="B11612" s="20"/>
      <c r="C11612" s="2" t="s">
        <v>35696</v>
      </c>
      <c r="D11612" s="14" t="s">
        <v>35697</v>
      </c>
      <c r="E11612" s="2" t="s">
        <v>35698</v>
      </c>
      <c r="F11612" s="2" t="s">
        <v>35658</v>
      </c>
      <c r="G11612" s="8">
        <v>103</v>
      </c>
      <c r="H11612" s="5">
        <v>5</v>
      </c>
      <c r="I11612" s="5" t="s">
        <v>69</v>
      </c>
      <c r="J11612" s="5" t="s">
        <v>35646</v>
      </c>
      <c r="K11612" s="2" t="s">
        <v>35647</v>
      </c>
      <c r="L11612" s="5" t="s">
        <v>35646</v>
      </c>
      <c r="M11612" s="2" t="s">
        <v>35647</v>
      </c>
      <c r="N11612" s="5" t="s">
        <v>24254</v>
      </c>
      <c r="O11612" s="5" t="s">
        <v>38</v>
      </c>
      <c r="P11612" s="5" t="s">
        <v>39</v>
      </c>
      <c r="Q11612" s="5" t="s">
        <v>40</v>
      </c>
      <c r="R11612" s="5" t="s">
        <v>24335</v>
      </c>
      <c r="S11612" s="5" t="s">
        <v>40</v>
      </c>
      <c r="T11612" s="5" t="s">
        <v>42</v>
      </c>
      <c r="U11612" s="2">
        <v>2.4129999999999998</v>
      </c>
      <c r="V11612" s="2">
        <v>1.6830000000000001</v>
      </c>
      <c r="W11612" s="2">
        <v>3.1E-2</v>
      </c>
      <c r="X11612" s="2">
        <v>10.7</v>
      </c>
      <c r="Y11612" s="2">
        <v>17</v>
      </c>
      <c r="Z11612" s="2">
        <v>171.6</v>
      </c>
      <c r="AA11612" s="5">
        <v>20</v>
      </c>
      <c r="AB11612" s="5" t="s">
        <v>43</v>
      </c>
      <c r="AC11612" s="5" t="s">
        <v>44</v>
      </c>
      <c r="AD11612" s="2" t="s">
        <v>35659</v>
      </c>
      <c r="AE11612" s="1"/>
    </row>
    <row r="11613" spans="1:31" ht="14.45">
      <c r="A11613" s="11"/>
      <c r="B11613" s="20"/>
      <c r="C11613" s="2" t="s">
        <v>35699</v>
      </c>
      <c r="D11613" s="14" t="s">
        <v>35700</v>
      </c>
      <c r="E11613" s="2" t="s">
        <v>35701</v>
      </c>
      <c r="F11613" s="2" t="s">
        <v>35658</v>
      </c>
      <c r="G11613" s="8">
        <v>114</v>
      </c>
      <c r="H11613" s="5">
        <v>5</v>
      </c>
      <c r="I11613" s="5" t="s">
        <v>69</v>
      </c>
      <c r="J11613" s="5" t="s">
        <v>35646</v>
      </c>
      <c r="K11613" s="2" t="s">
        <v>35647</v>
      </c>
      <c r="L11613" s="5" t="s">
        <v>35646</v>
      </c>
      <c r="M11613" s="2" t="s">
        <v>35647</v>
      </c>
      <c r="N11613" s="5" t="s">
        <v>24254</v>
      </c>
      <c r="O11613" s="5" t="s">
        <v>38</v>
      </c>
      <c r="P11613" s="5" t="s">
        <v>39</v>
      </c>
      <c r="Q11613" s="5" t="s">
        <v>40</v>
      </c>
      <c r="R11613" s="5" t="s">
        <v>24335</v>
      </c>
      <c r="S11613" s="5" t="s">
        <v>40</v>
      </c>
      <c r="T11613" s="5" t="s">
        <v>42</v>
      </c>
      <c r="U11613" s="2">
        <v>2.5579999999999998</v>
      </c>
      <c r="V11613" s="2">
        <v>1.75</v>
      </c>
      <c r="W11613" s="2">
        <v>3.4000000000000002E-2</v>
      </c>
      <c r="X11613" s="2">
        <v>10.7</v>
      </c>
      <c r="Y11613" s="2">
        <v>17</v>
      </c>
      <c r="Z11613" s="2">
        <v>191.6</v>
      </c>
      <c r="AA11613" s="5">
        <v>70</v>
      </c>
      <c r="AB11613" s="5" t="s">
        <v>43</v>
      </c>
      <c r="AC11613" s="5" t="s">
        <v>44</v>
      </c>
      <c r="AD11613" s="2" t="s">
        <v>35659</v>
      </c>
      <c r="AE11613" s="1"/>
    </row>
    <row r="11614" spans="1:31" ht="14.45">
      <c r="A11614" s="5"/>
      <c r="B11614" s="21"/>
      <c r="C11614" s="2" t="s">
        <v>35702</v>
      </c>
      <c r="D11614" s="14" t="s">
        <v>35703</v>
      </c>
      <c r="E11614" s="2" t="s">
        <v>35704</v>
      </c>
      <c r="F11614" s="2" t="s">
        <v>35658</v>
      </c>
      <c r="G11614" s="8">
        <v>100</v>
      </c>
      <c r="H11614" s="5">
        <v>5</v>
      </c>
      <c r="I11614" s="5" t="s">
        <v>69</v>
      </c>
      <c r="J11614" s="5" t="s">
        <v>35646</v>
      </c>
      <c r="K11614" s="2" t="s">
        <v>35647</v>
      </c>
      <c r="L11614" s="5" t="s">
        <v>35646</v>
      </c>
      <c r="M11614" s="2" t="s">
        <v>35647</v>
      </c>
      <c r="N11614" s="5" t="s">
        <v>24254</v>
      </c>
      <c r="O11614" s="5" t="s">
        <v>38</v>
      </c>
      <c r="P11614" s="5" t="s">
        <v>39</v>
      </c>
      <c r="Q11614" s="5" t="s">
        <v>40</v>
      </c>
      <c r="R11614" s="5" t="s">
        <v>24335</v>
      </c>
      <c r="S11614" s="5" t="s">
        <v>40</v>
      </c>
      <c r="T11614" s="5" t="s">
        <v>42</v>
      </c>
      <c r="U11614" s="2">
        <v>2.4590000000000001</v>
      </c>
      <c r="V11614" s="2">
        <v>1.651</v>
      </c>
      <c r="W11614" s="2">
        <v>3.4000000000000002E-2</v>
      </c>
      <c r="X11614" s="2">
        <v>10.7</v>
      </c>
      <c r="Y11614" s="2">
        <v>17</v>
      </c>
      <c r="Z11614" s="2">
        <v>191.6</v>
      </c>
      <c r="AA11614" s="5">
        <v>20</v>
      </c>
      <c r="AB11614" s="5" t="s">
        <v>43</v>
      </c>
      <c r="AC11614" s="5" t="s">
        <v>44</v>
      </c>
      <c r="AD11614" s="2"/>
      <c r="AE11614" s="1"/>
    </row>
    <row r="11615" spans="1:31" ht="14.45">
      <c r="A11615" s="11"/>
      <c r="B11615" s="20"/>
      <c r="C11615" s="2" t="s">
        <v>35705</v>
      </c>
      <c r="D11615" s="14" t="s">
        <v>35706</v>
      </c>
      <c r="E11615" s="2" t="s">
        <v>35707</v>
      </c>
      <c r="F11615" s="2" t="s">
        <v>35658</v>
      </c>
      <c r="G11615" s="8">
        <v>109</v>
      </c>
      <c r="H11615" s="5">
        <v>5</v>
      </c>
      <c r="I11615" s="5" t="s">
        <v>69</v>
      </c>
      <c r="J11615" s="5" t="s">
        <v>35646</v>
      </c>
      <c r="K11615" s="2" t="s">
        <v>35647</v>
      </c>
      <c r="L11615" s="5" t="s">
        <v>35646</v>
      </c>
      <c r="M11615" s="2" t="s">
        <v>35647</v>
      </c>
      <c r="N11615" s="5" t="s">
        <v>24254</v>
      </c>
      <c r="O11615" s="5" t="s">
        <v>38</v>
      </c>
      <c r="P11615" s="5" t="s">
        <v>39</v>
      </c>
      <c r="Q11615" s="5" t="s">
        <v>40</v>
      </c>
      <c r="R11615" s="5" t="s">
        <v>24335</v>
      </c>
      <c r="S11615" s="5" t="s">
        <v>40</v>
      </c>
      <c r="T11615" s="5" t="s">
        <v>42</v>
      </c>
      <c r="U11615" s="2">
        <v>2.597</v>
      </c>
      <c r="V11615" s="2">
        <v>1.7889999999999999</v>
      </c>
      <c r="W11615" s="2">
        <v>3.4000000000000002E-2</v>
      </c>
      <c r="X11615" s="2">
        <v>10.7</v>
      </c>
      <c r="Y11615" s="2">
        <v>17</v>
      </c>
      <c r="Z11615" s="2">
        <v>191.6</v>
      </c>
      <c r="AA11615" s="5">
        <v>20</v>
      </c>
      <c r="AB11615" s="5" t="s">
        <v>43</v>
      </c>
      <c r="AC11615" s="5" t="s">
        <v>44</v>
      </c>
      <c r="AD11615" s="2" t="s">
        <v>35659</v>
      </c>
      <c r="AE11615" s="1"/>
    </row>
    <row r="11616" spans="1:31" ht="14.45">
      <c r="A11616" s="11"/>
      <c r="B11616" s="20"/>
      <c r="C11616" s="2" t="s">
        <v>35708</v>
      </c>
      <c r="D11616" s="14" t="s">
        <v>35709</v>
      </c>
      <c r="E11616" s="2" t="s">
        <v>35710</v>
      </c>
      <c r="F11616" s="2" t="s">
        <v>35658</v>
      </c>
      <c r="G11616" s="8">
        <v>121</v>
      </c>
      <c r="H11616" s="5">
        <v>5</v>
      </c>
      <c r="I11616" s="5" t="s">
        <v>69</v>
      </c>
      <c r="J11616" s="5" t="s">
        <v>35646</v>
      </c>
      <c r="K11616" s="2" t="s">
        <v>35647</v>
      </c>
      <c r="L11616" s="5" t="s">
        <v>35646</v>
      </c>
      <c r="M11616" s="2" t="s">
        <v>35647</v>
      </c>
      <c r="N11616" s="5" t="s">
        <v>24254</v>
      </c>
      <c r="O11616" s="5" t="s">
        <v>38</v>
      </c>
      <c r="P11616" s="5" t="s">
        <v>39</v>
      </c>
      <c r="Q11616" s="5" t="s">
        <v>40</v>
      </c>
      <c r="R11616" s="5" t="s">
        <v>24335</v>
      </c>
      <c r="S11616" s="5" t="s">
        <v>40</v>
      </c>
      <c r="T11616" s="5" t="s">
        <v>42</v>
      </c>
      <c r="U11616" s="2">
        <v>2.6629999999999998</v>
      </c>
      <c r="V11616" s="2">
        <v>1.855</v>
      </c>
      <c r="W11616" s="2">
        <v>3.4000000000000002E-2</v>
      </c>
      <c r="X11616" s="2">
        <v>10.7</v>
      </c>
      <c r="Y11616" s="2">
        <v>17</v>
      </c>
      <c r="Z11616" s="2">
        <v>191.6</v>
      </c>
      <c r="AA11616" s="5">
        <v>70</v>
      </c>
      <c r="AB11616" s="5" t="s">
        <v>43</v>
      </c>
      <c r="AC11616" s="5" t="s">
        <v>44</v>
      </c>
      <c r="AD11616" s="2" t="s">
        <v>35659</v>
      </c>
      <c r="AE11616" s="1"/>
    </row>
    <row r="11617" spans="1:31" ht="14.45">
      <c r="A11617" s="11"/>
      <c r="B11617" s="20"/>
      <c r="C11617" s="2" t="s">
        <v>35711</v>
      </c>
      <c r="D11617" s="14" t="s">
        <v>35712</v>
      </c>
      <c r="E11617" s="2" t="s">
        <v>35713</v>
      </c>
      <c r="F11617" s="2" t="s">
        <v>35645</v>
      </c>
      <c r="G11617" s="8">
        <v>63</v>
      </c>
      <c r="H11617" s="5">
        <v>5</v>
      </c>
      <c r="I11617" s="5" t="s">
        <v>69</v>
      </c>
      <c r="J11617" s="5" t="s">
        <v>35646</v>
      </c>
      <c r="K11617" s="2" t="s">
        <v>35647</v>
      </c>
      <c r="L11617" s="5" t="s">
        <v>35646</v>
      </c>
      <c r="M11617" s="2" t="s">
        <v>35647</v>
      </c>
      <c r="N11617" s="5" t="s">
        <v>24254</v>
      </c>
      <c r="O11617" s="5" t="s">
        <v>38</v>
      </c>
      <c r="P11617" s="5" t="s">
        <v>39</v>
      </c>
      <c r="Q11617" s="5" t="s">
        <v>40</v>
      </c>
      <c r="R11617" s="5" t="s">
        <v>24335</v>
      </c>
      <c r="S11617" s="5" t="s">
        <v>40</v>
      </c>
      <c r="T11617" s="5" t="s">
        <v>42</v>
      </c>
      <c r="U11617" s="2">
        <v>1.679</v>
      </c>
      <c r="V11617" s="2">
        <v>1.1950000000000001</v>
      </c>
      <c r="W11617" s="2">
        <v>0.02</v>
      </c>
      <c r="X11617" s="2">
        <v>10.7</v>
      </c>
      <c r="Y11617" s="2">
        <v>17</v>
      </c>
      <c r="Z11617" s="2">
        <v>109.4</v>
      </c>
      <c r="AA11617" s="5">
        <v>20</v>
      </c>
      <c r="AB11617" s="5" t="s">
        <v>43</v>
      </c>
      <c r="AC11617" s="5" t="s">
        <v>44</v>
      </c>
      <c r="AD11617" s="2" t="s">
        <v>35714</v>
      </c>
      <c r="AE11617" s="1"/>
    </row>
    <row r="11618" spans="1:31" ht="14.45">
      <c r="A11618" s="11"/>
      <c r="B11618" s="20"/>
      <c r="C11618" s="2" t="s">
        <v>35715</v>
      </c>
      <c r="D11618" s="14" t="s">
        <v>35716</v>
      </c>
      <c r="E11618" s="2" t="s">
        <v>35717</v>
      </c>
      <c r="F11618" s="2" t="s">
        <v>35645</v>
      </c>
      <c r="G11618" s="8">
        <v>67</v>
      </c>
      <c r="H11618" s="5">
        <v>5</v>
      </c>
      <c r="I11618" s="5" t="s">
        <v>69</v>
      </c>
      <c r="J11618" s="5" t="s">
        <v>35646</v>
      </c>
      <c r="K11618" s="2" t="s">
        <v>35647</v>
      </c>
      <c r="L11618" s="5" t="s">
        <v>35646</v>
      </c>
      <c r="M11618" s="2" t="s">
        <v>35647</v>
      </c>
      <c r="N11618" s="5" t="s">
        <v>24254</v>
      </c>
      <c r="O11618" s="5" t="s">
        <v>38</v>
      </c>
      <c r="P11618" s="5" t="s">
        <v>39</v>
      </c>
      <c r="Q11618" s="5" t="s">
        <v>40</v>
      </c>
      <c r="R11618" s="5" t="s">
        <v>24335</v>
      </c>
      <c r="S11618" s="5" t="s">
        <v>40</v>
      </c>
      <c r="T11618" s="5" t="s">
        <v>42</v>
      </c>
      <c r="U11618" s="2">
        <v>1.7450000000000001</v>
      </c>
      <c r="V11618" s="2">
        <v>1.2609999999999999</v>
      </c>
      <c r="W11618" s="2">
        <v>0.02</v>
      </c>
      <c r="X11618" s="2">
        <v>10.7</v>
      </c>
      <c r="Y11618" s="2">
        <v>17</v>
      </c>
      <c r="Z11618" s="2">
        <v>109.4</v>
      </c>
      <c r="AA11618" s="5">
        <v>20</v>
      </c>
      <c r="AB11618" s="5" t="s">
        <v>43</v>
      </c>
      <c r="AC11618" s="5" t="s">
        <v>44</v>
      </c>
      <c r="AD11618" s="2" t="s">
        <v>35714</v>
      </c>
      <c r="AE11618" s="1"/>
    </row>
    <row r="11619" spans="1:31" ht="14.45">
      <c r="A11619" s="11"/>
      <c r="B11619" s="20"/>
      <c r="C11619" s="2" t="s">
        <v>35718</v>
      </c>
      <c r="D11619" s="14" t="s">
        <v>35719</v>
      </c>
      <c r="E11619" s="2" t="s">
        <v>35720</v>
      </c>
      <c r="F11619" s="2" t="s">
        <v>35645</v>
      </c>
      <c r="G11619" s="8">
        <v>70</v>
      </c>
      <c r="H11619" s="5">
        <v>5</v>
      </c>
      <c r="I11619" s="5" t="s">
        <v>69</v>
      </c>
      <c r="J11619" s="5" t="s">
        <v>35646</v>
      </c>
      <c r="K11619" s="2" t="s">
        <v>35647</v>
      </c>
      <c r="L11619" s="5" t="s">
        <v>35646</v>
      </c>
      <c r="M11619" s="2" t="s">
        <v>35647</v>
      </c>
      <c r="N11619" s="5" t="s">
        <v>24254</v>
      </c>
      <c r="O11619" s="5" t="s">
        <v>38</v>
      </c>
      <c r="P11619" s="5" t="s">
        <v>39</v>
      </c>
      <c r="Q11619" s="5" t="s">
        <v>40</v>
      </c>
      <c r="R11619" s="5" t="s">
        <v>24335</v>
      </c>
      <c r="S11619" s="5" t="s">
        <v>40</v>
      </c>
      <c r="T11619" s="5" t="s">
        <v>42</v>
      </c>
      <c r="U11619" s="2">
        <v>1.788</v>
      </c>
      <c r="V11619" s="2">
        <v>1.304</v>
      </c>
      <c r="W11619" s="2">
        <v>0.02</v>
      </c>
      <c r="X11619" s="2">
        <v>10.7</v>
      </c>
      <c r="Y11619" s="2">
        <v>17</v>
      </c>
      <c r="Z11619" s="2">
        <v>109.4</v>
      </c>
      <c r="AA11619" s="5">
        <v>20</v>
      </c>
      <c r="AB11619" s="5" t="s">
        <v>43</v>
      </c>
      <c r="AC11619" s="5" t="s">
        <v>44</v>
      </c>
      <c r="AD11619" s="2" t="s">
        <v>35714</v>
      </c>
      <c r="AE11619" s="1"/>
    </row>
    <row r="11620" spans="1:31" ht="14.45">
      <c r="A11620" s="11"/>
      <c r="B11620" s="20"/>
      <c r="C11620" s="2" t="s">
        <v>35721</v>
      </c>
      <c r="D11620" s="14" t="s">
        <v>35722</v>
      </c>
      <c r="E11620" s="2" t="s">
        <v>35723</v>
      </c>
      <c r="F11620" s="2" t="s">
        <v>35645</v>
      </c>
      <c r="G11620" s="8">
        <v>76</v>
      </c>
      <c r="H11620" s="5">
        <v>5</v>
      </c>
      <c r="I11620" s="5" t="s">
        <v>69</v>
      </c>
      <c r="J11620" s="5" t="s">
        <v>35646</v>
      </c>
      <c r="K11620" s="2" t="s">
        <v>35647</v>
      </c>
      <c r="L11620" s="5" t="s">
        <v>35646</v>
      </c>
      <c r="M11620" s="2" t="s">
        <v>35647</v>
      </c>
      <c r="N11620" s="5" t="s">
        <v>24254</v>
      </c>
      <c r="O11620" s="5" t="s">
        <v>38</v>
      </c>
      <c r="P11620" s="5" t="s">
        <v>39</v>
      </c>
      <c r="Q11620" s="5" t="s">
        <v>40</v>
      </c>
      <c r="R11620" s="5" t="s">
        <v>24335</v>
      </c>
      <c r="S11620" s="5" t="s">
        <v>40</v>
      </c>
      <c r="T11620" s="5" t="s">
        <v>42</v>
      </c>
      <c r="U11620" s="2">
        <v>1.9359999999999999</v>
      </c>
      <c r="V11620" s="2">
        <v>1.373</v>
      </c>
      <c r="W11620" s="2">
        <v>2.4E-2</v>
      </c>
      <c r="X11620" s="2">
        <v>10.7</v>
      </c>
      <c r="Y11620" s="2">
        <v>17</v>
      </c>
      <c r="Z11620" s="2">
        <v>129.4</v>
      </c>
      <c r="AA11620" s="5">
        <v>20</v>
      </c>
      <c r="AB11620" s="5" t="s">
        <v>43</v>
      </c>
      <c r="AC11620" s="5" t="s">
        <v>44</v>
      </c>
      <c r="AD11620" s="2" t="s">
        <v>35714</v>
      </c>
      <c r="AE11620" s="1"/>
    </row>
    <row r="11621" spans="1:31" ht="14.45">
      <c r="A11621" s="11"/>
      <c r="B11621" s="20"/>
      <c r="C11621" s="2" t="s">
        <v>35724</v>
      </c>
      <c r="D11621" s="14" t="s">
        <v>35725</v>
      </c>
      <c r="E11621" s="2" t="s">
        <v>35726</v>
      </c>
      <c r="F11621" s="2" t="s">
        <v>35645</v>
      </c>
      <c r="G11621" s="8">
        <v>74</v>
      </c>
      <c r="H11621" s="5">
        <v>5</v>
      </c>
      <c r="I11621" s="5" t="s">
        <v>69</v>
      </c>
      <c r="J11621" s="5" t="s">
        <v>35646</v>
      </c>
      <c r="K11621" s="2" t="s">
        <v>35647</v>
      </c>
      <c r="L11621" s="5" t="s">
        <v>35646</v>
      </c>
      <c r="M11621" s="2" t="s">
        <v>35647</v>
      </c>
      <c r="N11621" s="5" t="s">
        <v>24254</v>
      </c>
      <c r="O11621" s="5" t="s">
        <v>38</v>
      </c>
      <c r="P11621" s="5" t="s">
        <v>39</v>
      </c>
      <c r="Q11621" s="5" t="s">
        <v>40</v>
      </c>
      <c r="R11621" s="5" t="s">
        <v>24335</v>
      </c>
      <c r="S11621" s="5" t="s">
        <v>40</v>
      </c>
      <c r="T11621" s="5" t="s">
        <v>42</v>
      </c>
      <c r="U11621" s="2">
        <v>1.9119999999999999</v>
      </c>
      <c r="V11621" s="2">
        <v>1.349</v>
      </c>
      <c r="W11621" s="2">
        <v>2.4E-2</v>
      </c>
      <c r="X11621" s="2">
        <v>10.7</v>
      </c>
      <c r="Y11621" s="2">
        <v>17</v>
      </c>
      <c r="Z11621" s="2">
        <v>129.4</v>
      </c>
      <c r="AA11621" s="5">
        <v>20</v>
      </c>
      <c r="AB11621" s="5" t="s">
        <v>43</v>
      </c>
      <c r="AC11621" s="5" t="s">
        <v>44</v>
      </c>
      <c r="AD11621" s="2" t="s">
        <v>35714</v>
      </c>
      <c r="AE11621" s="1"/>
    </row>
    <row r="11622" spans="1:31" ht="14.45">
      <c r="A11622" s="11"/>
      <c r="B11622" s="20"/>
      <c r="C11622" s="2" t="s">
        <v>35727</v>
      </c>
      <c r="D11622" s="14" t="s">
        <v>35728</v>
      </c>
      <c r="E11622" s="2" t="s">
        <v>35729</v>
      </c>
      <c r="F11622" s="2" t="s">
        <v>35645</v>
      </c>
      <c r="G11622" s="8">
        <v>78</v>
      </c>
      <c r="H11622" s="5">
        <v>5</v>
      </c>
      <c r="I11622" s="5" t="s">
        <v>69</v>
      </c>
      <c r="J11622" s="5" t="s">
        <v>35646</v>
      </c>
      <c r="K11622" s="2" t="s">
        <v>35647</v>
      </c>
      <c r="L11622" s="5" t="s">
        <v>35646</v>
      </c>
      <c r="M11622" s="2" t="s">
        <v>35647</v>
      </c>
      <c r="N11622" s="5" t="s">
        <v>24254</v>
      </c>
      <c r="O11622" s="5" t="s">
        <v>38</v>
      </c>
      <c r="P11622" s="5" t="s">
        <v>39</v>
      </c>
      <c r="Q11622" s="5" t="s">
        <v>40</v>
      </c>
      <c r="R11622" s="5" t="s">
        <v>24335</v>
      </c>
      <c r="S11622" s="5" t="s">
        <v>40</v>
      </c>
      <c r="T11622" s="5" t="s">
        <v>42</v>
      </c>
      <c r="U11622" s="2">
        <v>1.98</v>
      </c>
      <c r="V11622" s="2">
        <v>1.417</v>
      </c>
      <c r="W11622" s="2">
        <v>2.4E-2</v>
      </c>
      <c r="X11622" s="2">
        <v>10.7</v>
      </c>
      <c r="Y11622" s="2">
        <v>17</v>
      </c>
      <c r="Z11622" s="2">
        <v>129.4</v>
      </c>
      <c r="AA11622" s="5">
        <v>20</v>
      </c>
      <c r="AB11622" s="5" t="s">
        <v>43</v>
      </c>
      <c r="AC11622" s="5" t="s">
        <v>44</v>
      </c>
      <c r="AD11622" s="2" t="s">
        <v>35714</v>
      </c>
      <c r="AE11622" s="1"/>
    </row>
    <row r="11623" spans="1:31" ht="14.45">
      <c r="A11623" s="11"/>
      <c r="B11623" s="20"/>
      <c r="C11623" s="2" t="s">
        <v>35730</v>
      </c>
      <c r="D11623" s="14" t="s">
        <v>35731</v>
      </c>
      <c r="E11623" s="2" t="s">
        <v>35732</v>
      </c>
      <c r="F11623" s="2" t="s">
        <v>35645</v>
      </c>
      <c r="G11623" s="8">
        <v>82</v>
      </c>
      <c r="H11623" s="5">
        <v>5</v>
      </c>
      <c r="I11623" s="5" t="s">
        <v>69</v>
      </c>
      <c r="J11623" s="5" t="s">
        <v>35646</v>
      </c>
      <c r="K11623" s="2" t="s">
        <v>35647</v>
      </c>
      <c r="L11623" s="5" t="s">
        <v>35646</v>
      </c>
      <c r="M11623" s="2" t="s">
        <v>35647</v>
      </c>
      <c r="N11623" s="5" t="s">
        <v>24254</v>
      </c>
      <c r="O11623" s="5" t="s">
        <v>38</v>
      </c>
      <c r="P11623" s="5" t="s">
        <v>39</v>
      </c>
      <c r="Q11623" s="5" t="s">
        <v>40</v>
      </c>
      <c r="R11623" s="5" t="s">
        <v>24335</v>
      </c>
      <c r="S11623" s="5" t="s">
        <v>40</v>
      </c>
      <c r="T11623" s="5" t="s">
        <v>42</v>
      </c>
      <c r="U11623" s="2">
        <v>2.133</v>
      </c>
      <c r="V11623" s="2">
        <v>1.484</v>
      </c>
      <c r="W11623" s="2">
        <v>2.8000000000000001E-2</v>
      </c>
      <c r="X11623" s="2">
        <v>10.7</v>
      </c>
      <c r="Y11623" s="2">
        <v>17</v>
      </c>
      <c r="Z11623" s="2">
        <v>151.4</v>
      </c>
      <c r="AA11623" s="5">
        <v>20</v>
      </c>
      <c r="AB11623" s="5" t="s">
        <v>43</v>
      </c>
      <c r="AC11623" s="5" t="s">
        <v>44</v>
      </c>
      <c r="AD11623" s="2" t="s">
        <v>35714</v>
      </c>
      <c r="AE11623" s="1"/>
    </row>
    <row r="11624" spans="1:31" ht="14.45">
      <c r="A11624" s="11"/>
      <c r="B11624" s="20"/>
      <c r="C11624" s="2" t="s">
        <v>35733</v>
      </c>
      <c r="D11624" s="14" t="s">
        <v>35734</v>
      </c>
      <c r="E11624" s="2" t="s">
        <v>35735</v>
      </c>
      <c r="F11624" s="2" t="s">
        <v>35645</v>
      </c>
      <c r="G11624" s="8">
        <v>89</v>
      </c>
      <c r="H11624" s="5">
        <v>5</v>
      </c>
      <c r="I11624" s="5" t="s">
        <v>69</v>
      </c>
      <c r="J11624" s="5" t="s">
        <v>35646</v>
      </c>
      <c r="K11624" s="2" t="s">
        <v>35647</v>
      </c>
      <c r="L11624" s="5" t="s">
        <v>35646</v>
      </c>
      <c r="M11624" s="2" t="s">
        <v>35647</v>
      </c>
      <c r="N11624" s="5" t="s">
        <v>24254</v>
      </c>
      <c r="O11624" s="5" t="s">
        <v>38</v>
      </c>
      <c r="P11624" s="5" t="s">
        <v>39</v>
      </c>
      <c r="Q11624" s="5" t="s">
        <v>40</v>
      </c>
      <c r="R11624" s="5" t="s">
        <v>24335</v>
      </c>
      <c r="S11624" s="5" t="s">
        <v>40</v>
      </c>
      <c r="T11624" s="5" t="s">
        <v>42</v>
      </c>
      <c r="U11624" s="2">
        <v>2.145</v>
      </c>
      <c r="V11624" s="2">
        <v>1.496</v>
      </c>
      <c r="W11624" s="2">
        <v>2.8000000000000001E-2</v>
      </c>
      <c r="X11624" s="2">
        <v>10.7</v>
      </c>
      <c r="Y11624" s="2">
        <v>17</v>
      </c>
      <c r="Z11624" s="2">
        <v>151.4</v>
      </c>
      <c r="AA11624" s="5">
        <v>20</v>
      </c>
      <c r="AB11624" s="5" t="s">
        <v>43</v>
      </c>
      <c r="AC11624" s="5" t="s">
        <v>44</v>
      </c>
      <c r="AD11624" s="2" t="s">
        <v>35714</v>
      </c>
      <c r="AE11624" s="1"/>
    </row>
    <row r="11625" spans="1:31" ht="14.45">
      <c r="A11625" s="11"/>
      <c r="B11625" s="20"/>
      <c r="C11625" s="2" t="s">
        <v>35736</v>
      </c>
      <c r="D11625" s="14" t="s">
        <v>35737</v>
      </c>
      <c r="E11625" s="2" t="s">
        <v>35738</v>
      </c>
      <c r="F11625" s="2" t="s">
        <v>35645</v>
      </c>
      <c r="G11625" s="8">
        <v>93</v>
      </c>
      <c r="H11625" s="5">
        <v>10</v>
      </c>
      <c r="I11625" s="5" t="s">
        <v>69</v>
      </c>
      <c r="J11625" s="5" t="s">
        <v>35646</v>
      </c>
      <c r="K11625" s="2" t="s">
        <v>35647</v>
      </c>
      <c r="L11625" s="5" t="s">
        <v>35646</v>
      </c>
      <c r="M11625" s="2" t="s">
        <v>35647</v>
      </c>
      <c r="N11625" s="5" t="s">
        <v>24254</v>
      </c>
      <c r="O11625" s="5" t="s">
        <v>38</v>
      </c>
      <c r="P11625" s="5" t="s">
        <v>39</v>
      </c>
      <c r="Q11625" s="5" t="s">
        <v>40</v>
      </c>
      <c r="R11625" s="5" t="s">
        <v>24335</v>
      </c>
      <c r="S11625" s="5" t="s">
        <v>40</v>
      </c>
      <c r="T11625" s="5" t="s">
        <v>42</v>
      </c>
      <c r="U11625" s="2">
        <v>2.2109999999999999</v>
      </c>
      <c r="V11625" s="2">
        <v>1.5620000000000001</v>
      </c>
      <c r="W11625" s="2">
        <v>2.8000000000000001E-2</v>
      </c>
      <c r="X11625" s="2">
        <v>10.7</v>
      </c>
      <c r="Y11625" s="2">
        <v>17</v>
      </c>
      <c r="Z11625" s="2">
        <v>151.4</v>
      </c>
      <c r="AA11625" s="5">
        <v>20</v>
      </c>
      <c r="AB11625" s="5" t="s">
        <v>43</v>
      </c>
      <c r="AC11625" s="5" t="s">
        <v>44</v>
      </c>
      <c r="AD11625" s="2" t="s">
        <v>35714</v>
      </c>
      <c r="AE11625" s="1"/>
    </row>
    <row r="11626" spans="1:31" ht="14.45">
      <c r="A11626" s="11"/>
      <c r="B11626" s="20"/>
      <c r="C11626" s="2" t="s">
        <v>35739</v>
      </c>
      <c r="D11626" s="14" t="s">
        <v>35740</v>
      </c>
      <c r="E11626" s="2" t="s">
        <v>35741</v>
      </c>
      <c r="F11626" s="2" t="s">
        <v>35645</v>
      </c>
      <c r="G11626" s="8">
        <v>93</v>
      </c>
      <c r="H11626" s="5">
        <v>5</v>
      </c>
      <c r="I11626" s="5" t="s">
        <v>69</v>
      </c>
      <c r="J11626" s="5" t="s">
        <v>35646</v>
      </c>
      <c r="K11626" s="2" t="s">
        <v>35647</v>
      </c>
      <c r="L11626" s="5" t="s">
        <v>35646</v>
      </c>
      <c r="M11626" s="2" t="s">
        <v>35647</v>
      </c>
      <c r="N11626" s="5" t="s">
        <v>24254</v>
      </c>
      <c r="O11626" s="5" t="s">
        <v>38</v>
      </c>
      <c r="P11626" s="5" t="s">
        <v>39</v>
      </c>
      <c r="Q11626" s="5" t="s">
        <v>40</v>
      </c>
      <c r="R11626" s="5" t="s">
        <v>24335</v>
      </c>
      <c r="S11626" s="5" t="s">
        <v>40</v>
      </c>
      <c r="T11626" s="5" t="s">
        <v>42</v>
      </c>
      <c r="U11626" s="2">
        <v>2.3210000000000002</v>
      </c>
      <c r="V11626" s="2">
        <v>1.593</v>
      </c>
      <c r="W11626" s="2">
        <v>3.1E-2</v>
      </c>
      <c r="X11626" s="2">
        <v>10.7</v>
      </c>
      <c r="Y11626" s="2">
        <v>17</v>
      </c>
      <c r="Z11626" s="2">
        <v>171.6</v>
      </c>
      <c r="AA11626" s="5">
        <v>20</v>
      </c>
      <c r="AB11626" s="5" t="s">
        <v>43</v>
      </c>
      <c r="AC11626" s="5" t="s">
        <v>44</v>
      </c>
      <c r="AD11626" s="2" t="s">
        <v>35714</v>
      </c>
      <c r="AE11626" s="1"/>
    </row>
    <row r="11627" spans="1:31" ht="14.45">
      <c r="A11627" s="11"/>
      <c r="B11627" s="20"/>
      <c r="C11627" s="2" t="s">
        <v>35742</v>
      </c>
      <c r="D11627" s="14" t="s">
        <v>35743</v>
      </c>
      <c r="E11627" s="2" t="s">
        <v>35744</v>
      </c>
      <c r="F11627" s="2" t="s">
        <v>35645</v>
      </c>
      <c r="G11627" s="8">
        <v>96</v>
      </c>
      <c r="H11627" s="5">
        <v>5</v>
      </c>
      <c r="I11627" s="5" t="s">
        <v>69</v>
      </c>
      <c r="J11627" s="5" t="s">
        <v>35646</v>
      </c>
      <c r="K11627" s="2" t="s">
        <v>35647</v>
      </c>
      <c r="L11627" s="5" t="s">
        <v>35646</v>
      </c>
      <c r="M11627" s="2" t="s">
        <v>35647</v>
      </c>
      <c r="N11627" s="5" t="s">
        <v>24254</v>
      </c>
      <c r="O11627" s="5" t="s">
        <v>38</v>
      </c>
      <c r="P11627" s="5" t="s">
        <v>39</v>
      </c>
      <c r="Q11627" s="5" t="s">
        <v>40</v>
      </c>
      <c r="R11627" s="5" t="s">
        <v>24335</v>
      </c>
      <c r="S11627" s="5" t="s">
        <v>40</v>
      </c>
      <c r="T11627" s="5" t="s">
        <v>42</v>
      </c>
      <c r="U11627" s="2">
        <v>2.387</v>
      </c>
      <c r="V11627" s="2">
        <v>1.659</v>
      </c>
      <c r="W11627" s="2">
        <v>3.1E-2</v>
      </c>
      <c r="X11627" s="2">
        <v>10.7</v>
      </c>
      <c r="Y11627" s="2">
        <v>17</v>
      </c>
      <c r="Z11627" s="2">
        <v>171.6</v>
      </c>
      <c r="AA11627" s="5">
        <v>20</v>
      </c>
      <c r="AB11627" s="5" t="s">
        <v>43</v>
      </c>
      <c r="AC11627" s="5" t="s">
        <v>44</v>
      </c>
      <c r="AD11627" s="2" t="s">
        <v>35714</v>
      </c>
      <c r="AE11627" s="1"/>
    </row>
    <row r="11628" spans="1:31" ht="14.45">
      <c r="A11628" s="11"/>
      <c r="B11628" s="20"/>
      <c r="C11628" s="2" t="s">
        <v>35745</v>
      </c>
      <c r="D11628" s="14" t="s">
        <v>35746</v>
      </c>
      <c r="E11628" s="2" t="s">
        <v>35747</v>
      </c>
      <c r="F11628" s="2" t="s">
        <v>35645</v>
      </c>
      <c r="G11628" s="8">
        <v>106</v>
      </c>
      <c r="H11628" s="5">
        <v>15</v>
      </c>
      <c r="I11628" s="5" t="s">
        <v>69</v>
      </c>
      <c r="J11628" s="5" t="s">
        <v>35646</v>
      </c>
      <c r="K11628" s="2" t="s">
        <v>35647</v>
      </c>
      <c r="L11628" s="5" t="s">
        <v>35646</v>
      </c>
      <c r="M11628" s="2" t="s">
        <v>35647</v>
      </c>
      <c r="N11628" s="5" t="s">
        <v>24254</v>
      </c>
      <c r="O11628" s="5" t="s">
        <v>38</v>
      </c>
      <c r="P11628" s="5" t="s">
        <v>39</v>
      </c>
      <c r="Q11628" s="5" t="s">
        <v>40</v>
      </c>
      <c r="R11628" s="5" t="s">
        <v>24335</v>
      </c>
      <c r="S11628" s="5" t="s">
        <v>40</v>
      </c>
      <c r="T11628" s="5" t="s">
        <v>42</v>
      </c>
      <c r="U11628" s="2">
        <v>2.4529999999999998</v>
      </c>
      <c r="V11628" s="2">
        <v>1.7250000000000001</v>
      </c>
      <c r="W11628" s="2">
        <v>3.1E-2</v>
      </c>
      <c r="X11628" s="2">
        <v>10.7</v>
      </c>
      <c r="Y11628" s="2">
        <v>17</v>
      </c>
      <c r="Z11628" s="2">
        <v>171.6</v>
      </c>
      <c r="AA11628" s="5">
        <v>20</v>
      </c>
      <c r="AB11628" s="5" t="s">
        <v>43</v>
      </c>
      <c r="AC11628" s="5" t="s">
        <v>44</v>
      </c>
      <c r="AD11628" s="2" t="s">
        <v>35714</v>
      </c>
      <c r="AE11628" s="1"/>
    </row>
    <row r="11629" spans="1:31" ht="14.45">
      <c r="A11629" s="11"/>
      <c r="B11629" s="20"/>
      <c r="C11629" s="2" t="s">
        <v>35748</v>
      </c>
      <c r="D11629" s="14" t="s">
        <v>35749</v>
      </c>
      <c r="E11629" s="2" t="s">
        <v>35750</v>
      </c>
      <c r="F11629" s="2" t="s">
        <v>35645</v>
      </c>
      <c r="G11629" s="8">
        <v>101</v>
      </c>
      <c r="H11629" s="5">
        <v>5</v>
      </c>
      <c r="I11629" s="5" t="s">
        <v>69</v>
      </c>
      <c r="J11629" s="5" t="s">
        <v>35646</v>
      </c>
      <c r="K11629" s="2" t="s">
        <v>35647</v>
      </c>
      <c r="L11629" s="5" t="s">
        <v>35646</v>
      </c>
      <c r="M11629" s="2" t="s">
        <v>35647</v>
      </c>
      <c r="N11629" s="5" t="s">
        <v>24254</v>
      </c>
      <c r="O11629" s="5" t="s">
        <v>38</v>
      </c>
      <c r="P11629" s="5" t="s">
        <v>39</v>
      </c>
      <c r="Q11629" s="5" t="s">
        <v>40</v>
      </c>
      <c r="R11629" s="5" t="s">
        <v>24335</v>
      </c>
      <c r="S11629" s="5" t="s">
        <v>40</v>
      </c>
      <c r="T11629" s="5" t="s">
        <v>42</v>
      </c>
      <c r="U11629" s="2">
        <v>2.5529999999999999</v>
      </c>
      <c r="V11629" s="2">
        <v>1.7470000000000001</v>
      </c>
      <c r="W11629" s="2">
        <v>3.5000000000000003E-2</v>
      </c>
      <c r="X11629" s="2">
        <v>10.7</v>
      </c>
      <c r="Y11629" s="2">
        <v>17</v>
      </c>
      <c r="Z11629" s="2">
        <v>191.6</v>
      </c>
      <c r="AA11629" s="5">
        <v>20</v>
      </c>
      <c r="AB11629" s="5" t="s">
        <v>43</v>
      </c>
      <c r="AC11629" s="5" t="s">
        <v>44</v>
      </c>
      <c r="AD11629" s="2" t="s">
        <v>35714</v>
      </c>
      <c r="AE11629" s="1"/>
    </row>
    <row r="11630" spans="1:31" ht="14.45">
      <c r="A11630" s="11"/>
      <c r="B11630" s="20"/>
      <c r="C11630" s="2" t="s">
        <v>35751</v>
      </c>
      <c r="D11630" s="14" t="s">
        <v>35752</v>
      </c>
      <c r="E11630" s="2" t="s">
        <v>35753</v>
      </c>
      <c r="F11630" s="2" t="s">
        <v>35645</v>
      </c>
      <c r="G11630" s="8">
        <v>113</v>
      </c>
      <c r="H11630" s="5">
        <v>15</v>
      </c>
      <c r="I11630" s="5" t="s">
        <v>69</v>
      </c>
      <c r="J11630" s="5" t="s">
        <v>35646</v>
      </c>
      <c r="K11630" s="2" t="s">
        <v>35647</v>
      </c>
      <c r="L11630" s="5" t="s">
        <v>35646</v>
      </c>
      <c r="M11630" s="2" t="s">
        <v>35647</v>
      </c>
      <c r="N11630" s="5" t="s">
        <v>24254</v>
      </c>
      <c r="O11630" s="5" t="s">
        <v>38</v>
      </c>
      <c r="P11630" s="5" t="s">
        <v>39</v>
      </c>
      <c r="Q11630" s="5" t="s">
        <v>40</v>
      </c>
      <c r="R11630" s="5" t="s">
        <v>24335</v>
      </c>
      <c r="S11630" s="5" t="s">
        <v>40</v>
      </c>
      <c r="T11630" s="5" t="s">
        <v>42</v>
      </c>
      <c r="U11630" s="2">
        <v>2.6190000000000002</v>
      </c>
      <c r="V11630" s="2">
        <v>1.8129999999999999</v>
      </c>
      <c r="W11630" s="2">
        <v>3.5000000000000003E-2</v>
      </c>
      <c r="X11630" s="2">
        <v>10.7</v>
      </c>
      <c r="Y11630" s="2">
        <v>17</v>
      </c>
      <c r="Z11630" s="2">
        <v>191.6</v>
      </c>
      <c r="AA11630" s="5">
        <v>20</v>
      </c>
      <c r="AB11630" s="5" t="s">
        <v>43</v>
      </c>
      <c r="AC11630" s="5" t="s">
        <v>44</v>
      </c>
      <c r="AD11630" s="2" t="s">
        <v>35714</v>
      </c>
      <c r="AE11630" s="1"/>
    </row>
    <row r="11631" spans="1:31" ht="14.45">
      <c r="A11631" s="11"/>
      <c r="B11631" s="20"/>
      <c r="C11631" s="2" t="s">
        <v>35754</v>
      </c>
      <c r="D11631" s="14" t="s">
        <v>35755</v>
      </c>
      <c r="E11631" s="2" t="s">
        <v>35756</v>
      </c>
      <c r="F11631" s="2" t="s">
        <v>35757</v>
      </c>
      <c r="G11631" s="8">
        <v>96</v>
      </c>
      <c r="H11631" s="5">
        <v>15</v>
      </c>
      <c r="I11631" s="5" t="s">
        <v>69</v>
      </c>
      <c r="J11631" s="5" t="s">
        <v>24629</v>
      </c>
      <c r="K11631" s="2" t="s">
        <v>24630</v>
      </c>
      <c r="L11631" s="5" t="s">
        <v>24629</v>
      </c>
      <c r="M11631" s="2" t="s">
        <v>24630</v>
      </c>
      <c r="N11631" s="5" t="s">
        <v>24254</v>
      </c>
      <c r="O11631" s="5" t="s">
        <v>38</v>
      </c>
      <c r="P11631" s="5" t="s">
        <v>39</v>
      </c>
      <c r="Q11631" s="5" t="s">
        <v>40</v>
      </c>
      <c r="R11631" s="5" t="s">
        <v>24335</v>
      </c>
      <c r="S11631" s="5" t="s">
        <v>40</v>
      </c>
      <c r="T11631" s="5" t="s">
        <v>35758</v>
      </c>
      <c r="U11631" s="2">
        <v>4.9279999999999999</v>
      </c>
      <c r="V11631" s="2">
        <v>3.9910000000000001</v>
      </c>
      <c r="W11631" s="2">
        <v>6.4000000000000001E-2</v>
      </c>
      <c r="X11631" s="2">
        <v>12</v>
      </c>
      <c r="Y11631" s="2">
        <v>40.5</v>
      </c>
      <c r="Z11631" s="2">
        <v>132.6</v>
      </c>
      <c r="AA11631" s="5"/>
      <c r="AB11631" s="5" t="s">
        <v>43</v>
      </c>
      <c r="AC11631" s="5" t="s">
        <v>44</v>
      </c>
      <c r="AD11631" s="2" t="s">
        <v>35759</v>
      </c>
      <c r="AE11631" s="1"/>
    </row>
    <row r="11632" spans="1:31" ht="14.45">
      <c r="A11632" s="11"/>
      <c r="B11632" s="20"/>
      <c r="C11632" s="2" t="s">
        <v>35760</v>
      </c>
      <c r="D11632" s="14" t="s">
        <v>35761</v>
      </c>
      <c r="E11632" s="2" t="s">
        <v>35762</v>
      </c>
      <c r="F11632" s="2" t="s">
        <v>35757</v>
      </c>
      <c r="G11632" s="8">
        <v>103</v>
      </c>
      <c r="H11632" s="5">
        <v>15</v>
      </c>
      <c r="I11632" s="5" t="s">
        <v>69</v>
      </c>
      <c r="J11632" s="5" t="s">
        <v>24629</v>
      </c>
      <c r="K11632" s="2" t="s">
        <v>24630</v>
      </c>
      <c r="L11632" s="5" t="s">
        <v>24629</v>
      </c>
      <c r="M11632" s="2" t="s">
        <v>24630</v>
      </c>
      <c r="N11632" s="5" t="s">
        <v>24254</v>
      </c>
      <c r="O11632" s="5" t="s">
        <v>38</v>
      </c>
      <c r="P11632" s="5" t="s">
        <v>39</v>
      </c>
      <c r="Q11632" s="5" t="s">
        <v>40</v>
      </c>
      <c r="R11632" s="5" t="s">
        <v>24335</v>
      </c>
      <c r="S11632" s="5" t="s">
        <v>40</v>
      </c>
      <c r="T11632" s="5" t="s">
        <v>35758</v>
      </c>
      <c r="U11632" s="2">
        <v>5.56</v>
      </c>
      <c r="V11632" s="2">
        <v>4.3970000000000002</v>
      </c>
      <c r="W11632" s="2">
        <v>7.3999999999999996E-2</v>
      </c>
      <c r="X11632" s="2">
        <v>12</v>
      </c>
      <c r="Y11632" s="2">
        <v>40.5</v>
      </c>
      <c r="Z11632" s="2">
        <v>151.30000000000001</v>
      </c>
      <c r="AA11632" s="5"/>
      <c r="AB11632" s="5" t="s">
        <v>43</v>
      </c>
      <c r="AC11632" s="5" t="s">
        <v>44</v>
      </c>
      <c r="AD11632" s="2" t="s">
        <v>35759</v>
      </c>
      <c r="AE11632" s="1"/>
    </row>
    <row r="11633" spans="1:31" ht="14.45">
      <c r="A11633" s="11"/>
      <c r="B11633" s="20"/>
      <c r="C11633" s="2" t="s">
        <v>35763</v>
      </c>
      <c r="D11633" s="14" t="s">
        <v>35764</v>
      </c>
      <c r="E11633" s="2" t="s">
        <v>35765</v>
      </c>
      <c r="F11633" s="2" t="s">
        <v>35757</v>
      </c>
      <c r="G11633" s="8">
        <v>102</v>
      </c>
      <c r="H11633" s="5">
        <v>15</v>
      </c>
      <c r="I11633" s="5" t="s">
        <v>69</v>
      </c>
      <c r="J11633" s="5" t="s">
        <v>24629</v>
      </c>
      <c r="K11633" s="2" t="s">
        <v>24630</v>
      </c>
      <c r="L11633" s="5" t="s">
        <v>24629</v>
      </c>
      <c r="M11633" s="2" t="s">
        <v>24630</v>
      </c>
      <c r="N11633" s="5" t="s">
        <v>24254</v>
      </c>
      <c r="O11633" s="5" t="s">
        <v>38</v>
      </c>
      <c r="P11633" s="5" t="s">
        <v>39</v>
      </c>
      <c r="Q11633" s="5" t="s">
        <v>40</v>
      </c>
      <c r="R11633" s="5" t="s">
        <v>24335</v>
      </c>
      <c r="S11633" s="5" t="s">
        <v>40</v>
      </c>
      <c r="T11633" s="5" t="s">
        <v>35758</v>
      </c>
      <c r="U11633" s="2">
        <v>5.8710000000000004</v>
      </c>
      <c r="V11633" s="2">
        <v>4.7080000000000002</v>
      </c>
      <c r="W11633" s="2">
        <v>7.3999999999999996E-2</v>
      </c>
      <c r="X11633" s="2">
        <v>12</v>
      </c>
      <c r="Y11633" s="2">
        <v>40.5</v>
      </c>
      <c r="Z11633" s="2">
        <v>151.30000000000001</v>
      </c>
      <c r="AA11633" s="5"/>
      <c r="AB11633" s="5" t="s">
        <v>43</v>
      </c>
      <c r="AC11633" s="5" t="s">
        <v>44</v>
      </c>
      <c r="AD11633" s="2" t="s">
        <v>35759</v>
      </c>
      <c r="AE11633" s="1"/>
    </row>
    <row r="11634" spans="1:31" ht="14.45">
      <c r="A11634" s="11"/>
      <c r="B11634" s="20"/>
      <c r="C11634" s="2" t="s">
        <v>35766</v>
      </c>
      <c r="D11634" s="14" t="s">
        <v>35767</v>
      </c>
      <c r="E11634" s="2" t="s">
        <v>35768</v>
      </c>
      <c r="F11634" s="2" t="s">
        <v>35757</v>
      </c>
      <c r="G11634" s="8">
        <v>124</v>
      </c>
      <c r="H11634" s="5">
        <v>5</v>
      </c>
      <c r="I11634" s="5" t="s">
        <v>69</v>
      </c>
      <c r="J11634" s="5" t="s">
        <v>24629</v>
      </c>
      <c r="K11634" s="2" t="s">
        <v>24630</v>
      </c>
      <c r="L11634" s="5" t="s">
        <v>24629</v>
      </c>
      <c r="M11634" s="2" t="s">
        <v>24630</v>
      </c>
      <c r="N11634" s="5" t="s">
        <v>24254</v>
      </c>
      <c r="O11634" s="5" t="s">
        <v>38</v>
      </c>
      <c r="P11634" s="5" t="s">
        <v>39</v>
      </c>
      <c r="Q11634" s="5" t="s">
        <v>40</v>
      </c>
      <c r="R11634" s="5" t="s">
        <v>24335</v>
      </c>
      <c r="S11634" s="5" t="s">
        <v>40</v>
      </c>
      <c r="T11634" s="5" t="s">
        <v>42</v>
      </c>
      <c r="U11634" s="2">
        <v>3.4990000000000001</v>
      </c>
      <c r="V11634" s="2">
        <v>2.5790000000000002</v>
      </c>
      <c r="W11634" s="2">
        <v>6.4000000000000001E-2</v>
      </c>
      <c r="X11634" s="2">
        <v>12</v>
      </c>
      <c r="Y11634" s="2">
        <v>40.5</v>
      </c>
      <c r="Z11634" s="2">
        <v>132.6</v>
      </c>
      <c r="AA11634" s="5">
        <v>20</v>
      </c>
      <c r="AB11634" s="5" t="s">
        <v>43</v>
      </c>
      <c r="AC11634" s="5" t="s">
        <v>44</v>
      </c>
      <c r="AD11634" s="2" t="s">
        <v>35759</v>
      </c>
      <c r="AE11634" s="1"/>
    </row>
    <row r="11635" spans="1:31" ht="14.45">
      <c r="A11635" s="11"/>
      <c r="B11635" s="20"/>
      <c r="C11635" s="2" t="s">
        <v>35769</v>
      </c>
      <c r="D11635" s="14" t="s">
        <v>35770</v>
      </c>
      <c r="E11635" s="2" t="s">
        <v>35771</v>
      </c>
      <c r="F11635" s="2" t="s">
        <v>35757</v>
      </c>
      <c r="G11635" s="8">
        <v>130</v>
      </c>
      <c r="H11635" s="5">
        <v>5</v>
      </c>
      <c r="I11635" s="5" t="s">
        <v>69</v>
      </c>
      <c r="J11635" s="5" t="s">
        <v>24629</v>
      </c>
      <c r="K11635" s="2" t="s">
        <v>24630</v>
      </c>
      <c r="L11635" s="5" t="s">
        <v>24629</v>
      </c>
      <c r="M11635" s="2" t="s">
        <v>24630</v>
      </c>
      <c r="N11635" s="5" t="s">
        <v>24254</v>
      </c>
      <c r="O11635" s="5" t="s">
        <v>38</v>
      </c>
      <c r="P11635" s="5" t="s">
        <v>39</v>
      </c>
      <c r="Q11635" s="5" t="s">
        <v>40</v>
      </c>
      <c r="R11635" s="5" t="s">
        <v>24335</v>
      </c>
      <c r="S11635" s="5" t="s">
        <v>40</v>
      </c>
      <c r="T11635" s="5" t="s">
        <v>42</v>
      </c>
      <c r="U11635" s="2">
        <v>3.698</v>
      </c>
      <c r="V11635" s="2">
        <v>2.698</v>
      </c>
      <c r="W11635" s="2">
        <v>6.4000000000000001E-2</v>
      </c>
      <c r="X11635" s="2">
        <v>12</v>
      </c>
      <c r="Y11635" s="2">
        <v>40.5</v>
      </c>
      <c r="Z11635" s="2">
        <v>132.6</v>
      </c>
      <c r="AA11635" s="5">
        <v>20</v>
      </c>
      <c r="AB11635" s="5" t="s">
        <v>43</v>
      </c>
      <c r="AC11635" s="5" t="s">
        <v>44</v>
      </c>
      <c r="AD11635" s="2" t="s">
        <v>35759</v>
      </c>
      <c r="AE11635" s="1"/>
    </row>
    <row r="11636" spans="1:31" ht="14.45">
      <c r="A11636" s="11"/>
      <c r="B11636" s="20"/>
      <c r="C11636" s="2" t="s">
        <v>35772</v>
      </c>
      <c r="D11636" s="14" t="s">
        <v>35773</v>
      </c>
      <c r="E11636" s="2" t="s">
        <v>35774</v>
      </c>
      <c r="F11636" s="2" t="s">
        <v>35757</v>
      </c>
      <c r="G11636" s="8">
        <v>134</v>
      </c>
      <c r="H11636" s="5">
        <v>5</v>
      </c>
      <c r="I11636" s="5" t="s">
        <v>69</v>
      </c>
      <c r="J11636" s="5" t="s">
        <v>24629</v>
      </c>
      <c r="K11636" s="2" t="s">
        <v>24630</v>
      </c>
      <c r="L11636" s="5" t="s">
        <v>24629</v>
      </c>
      <c r="M11636" s="2" t="s">
        <v>24630</v>
      </c>
      <c r="N11636" s="5" t="s">
        <v>24254</v>
      </c>
      <c r="O11636" s="5" t="s">
        <v>38</v>
      </c>
      <c r="P11636" s="5" t="s">
        <v>39</v>
      </c>
      <c r="Q11636" s="5" t="s">
        <v>40</v>
      </c>
      <c r="R11636" s="5" t="s">
        <v>24335</v>
      </c>
      <c r="S11636" s="5" t="s">
        <v>40</v>
      </c>
      <c r="T11636" s="5" t="s">
        <v>42</v>
      </c>
      <c r="U11636" s="2">
        <v>3.85</v>
      </c>
      <c r="V11636" s="2">
        <v>2.85</v>
      </c>
      <c r="W11636" s="2">
        <v>6.4000000000000001E-2</v>
      </c>
      <c r="X11636" s="2">
        <v>12</v>
      </c>
      <c r="Y11636" s="2">
        <v>40.5</v>
      </c>
      <c r="Z11636" s="2">
        <v>132.6</v>
      </c>
      <c r="AA11636" s="5">
        <v>20</v>
      </c>
      <c r="AB11636" s="5" t="s">
        <v>43</v>
      </c>
      <c r="AC11636" s="5" t="s">
        <v>44</v>
      </c>
      <c r="AD11636" s="2" t="s">
        <v>35759</v>
      </c>
      <c r="AE11636" s="1"/>
    </row>
    <row r="11637" spans="1:31" ht="14.45">
      <c r="A11637" s="11"/>
      <c r="B11637" s="20"/>
      <c r="C11637" s="2" t="s">
        <v>35775</v>
      </c>
      <c r="D11637" s="14" t="s">
        <v>35776</v>
      </c>
      <c r="E11637" s="2" t="s">
        <v>35777</v>
      </c>
      <c r="F11637" s="2" t="s">
        <v>35757</v>
      </c>
      <c r="G11637" s="8">
        <v>141</v>
      </c>
      <c r="H11637" s="5">
        <v>15</v>
      </c>
      <c r="I11637" s="5" t="s">
        <v>69</v>
      </c>
      <c r="J11637" s="5" t="s">
        <v>24629</v>
      </c>
      <c r="K11637" s="2" t="s">
        <v>24630</v>
      </c>
      <c r="L11637" s="5" t="s">
        <v>24629</v>
      </c>
      <c r="M11637" s="2" t="s">
        <v>24630</v>
      </c>
      <c r="N11637" s="5" t="s">
        <v>24254</v>
      </c>
      <c r="O11637" s="5" t="s">
        <v>38</v>
      </c>
      <c r="P11637" s="5" t="s">
        <v>39</v>
      </c>
      <c r="Q11637" s="5" t="s">
        <v>40</v>
      </c>
      <c r="R11637" s="5" t="s">
        <v>24335</v>
      </c>
      <c r="S11637" s="5" t="s">
        <v>40</v>
      </c>
      <c r="T11637" s="5" t="s">
        <v>42</v>
      </c>
      <c r="U11637" s="2">
        <v>4.2110000000000003</v>
      </c>
      <c r="V11637" s="2">
        <v>3.105</v>
      </c>
      <c r="W11637" s="2">
        <v>6.4000000000000001E-2</v>
      </c>
      <c r="X11637" s="2">
        <v>12</v>
      </c>
      <c r="Y11637" s="2">
        <v>40.5</v>
      </c>
      <c r="Z11637" s="2">
        <v>132.6</v>
      </c>
      <c r="AA11637" s="5">
        <v>20</v>
      </c>
      <c r="AB11637" s="5" t="s">
        <v>43</v>
      </c>
      <c r="AC11637" s="5" t="s">
        <v>44</v>
      </c>
      <c r="AD11637" s="2" t="s">
        <v>35759</v>
      </c>
      <c r="AE11637" s="1"/>
    </row>
    <row r="11638" spans="1:31" ht="14.45">
      <c r="A11638" s="11"/>
      <c r="B11638" s="20"/>
      <c r="C11638" s="2" t="s">
        <v>35778</v>
      </c>
      <c r="D11638" s="14" t="s">
        <v>35779</v>
      </c>
      <c r="E11638" s="2" t="s">
        <v>35780</v>
      </c>
      <c r="F11638" s="2" t="s">
        <v>35757</v>
      </c>
      <c r="G11638" s="8">
        <v>139</v>
      </c>
      <c r="H11638" s="5">
        <v>5</v>
      </c>
      <c r="I11638" s="5" t="s">
        <v>69</v>
      </c>
      <c r="J11638" s="5" t="s">
        <v>24629</v>
      </c>
      <c r="K11638" s="2" t="s">
        <v>24630</v>
      </c>
      <c r="L11638" s="5" t="s">
        <v>24629</v>
      </c>
      <c r="M11638" s="2" t="s">
        <v>24630</v>
      </c>
      <c r="N11638" s="5" t="s">
        <v>24254</v>
      </c>
      <c r="O11638" s="5" t="s">
        <v>38</v>
      </c>
      <c r="P11638" s="5" t="s">
        <v>39</v>
      </c>
      <c r="Q11638" s="5" t="s">
        <v>40</v>
      </c>
      <c r="R11638" s="5" t="s">
        <v>24335</v>
      </c>
      <c r="S11638" s="5" t="s">
        <v>40</v>
      </c>
      <c r="T11638" s="5" t="s">
        <v>42</v>
      </c>
      <c r="U11638" s="2">
        <v>4.0149999999999997</v>
      </c>
      <c r="V11638" s="2">
        <v>3.093</v>
      </c>
      <c r="W11638" s="2">
        <v>6.4000000000000001E-2</v>
      </c>
      <c r="X11638" s="2">
        <v>12</v>
      </c>
      <c r="Y11638" s="2">
        <v>40.5</v>
      </c>
      <c r="Z11638" s="2">
        <v>132.6</v>
      </c>
      <c r="AA11638" s="5">
        <v>20</v>
      </c>
      <c r="AB11638" s="5" t="s">
        <v>43</v>
      </c>
      <c r="AC11638" s="5" t="s">
        <v>44</v>
      </c>
      <c r="AD11638" s="2" t="s">
        <v>35759</v>
      </c>
      <c r="AE11638" s="1"/>
    </row>
    <row r="11639" spans="1:31" ht="14.45">
      <c r="A11639" s="11"/>
      <c r="B11639" s="20"/>
      <c r="C11639" s="2" t="s">
        <v>35781</v>
      </c>
      <c r="D11639" s="14" t="s">
        <v>35782</v>
      </c>
      <c r="E11639" s="2" t="s">
        <v>35783</v>
      </c>
      <c r="F11639" s="2" t="s">
        <v>35757</v>
      </c>
      <c r="G11639" s="8">
        <v>145</v>
      </c>
      <c r="H11639" s="5">
        <v>5</v>
      </c>
      <c r="I11639" s="5" t="s">
        <v>69</v>
      </c>
      <c r="J11639" s="5" t="s">
        <v>24629</v>
      </c>
      <c r="K11639" s="2" t="s">
        <v>24630</v>
      </c>
      <c r="L11639" s="5" t="s">
        <v>24629</v>
      </c>
      <c r="M11639" s="2" t="s">
        <v>24630</v>
      </c>
      <c r="N11639" s="5" t="s">
        <v>24254</v>
      </c>
      <c r="O11639" s="5" t="s">
        <v>38</v>
      </c>
      <c r="P11639" s="5" t="s">
        <v>39</v>
      </c>
      <c r="Q11639" s="5" t="s">
        <v>40</v>
      </c>
      <c r="R11639" s="5" t="s">
        <v>24335</v>
      </c>
      <c r="S11639" s="5" t="s">
        <v>40</v>
      </c>
      <c r="T11639" s="5" t="s">
        <v>42</v>
      </c>
      <c r="U11639" s="2">
        <v>4.4039999999999999</v>
      </c>
      <c r="V11639" s="2">
        <v>3.2160000000000002</v>
      </c>
      <c r="W11639" s="2">
        <v>6.4000000000000001E-2</v>
      </c>
      <c r="X11639" s="2">
        <v>12</v>
      </c>
      <c r="Y11639" s="2">
        <v>40.5</v>
      </c>
      <c r="Z11639" s="2">
        <v>132.6</v>
      </c>
      <c r="AA11639" s="5">
        <v>20</v>
      </c>
      <c r="AB11639" s="5" t="s">
        <v>43</v>
      </c>
      <c r="AC11639" s="5" t="s">
        <v>44</v>
      </c>
      <c r="AD11639" s="2" t="s">
        <v>35759</v>
      </c>
      <c r="AE11639" s="1"/>
    </row>
    <row r="11640" spans="1:31" ht="14.45">
      <c r="A11640" s="11"/>
      <c r="B11640" s="20"/>
      <c r="C11640" s="2" t="s">
        <v>35784</v>
      </c>
      <c r="D11640" s="14" t="s">
        <v>35785</v>
      </c>
      <c r="E11640" s="2" t="s">
        <v>35786</v>
      </c>
      <c r="F11640" s="2" t="s">
        <v>35757</v>
      </c>
      <c r="G11640" s="8">
        <v>149</v>
      </c>
      <c r="H11640" s="5">
        <v>5</v>
      </c>
      <c r="I11640" s="5" t="s">
        <v>69</v>
      </c>
      <c r="J11640" s="5" t="s">
        <v>24629</v>
      </c>
      <c r="K11640" s="2" t="s">
        <v>24630</v>
      </c>
      <c r="L11640" s="5" t="s">
        <v>24629</v>
      </c>
      <c r="M11640" s="2" t="s">
        <v>24630</v>
      </c>
      <c r="N11640" s="5" t="s">
        <v>24254</v>
      </c>
      <c r="O11640" s="5" t="s">
        <v>38</v>
      </c>
      <c r="P11640" s="5" t="s">
        <v>39</v>
      </c>
      <c r="Q11640" s="5" t="s">
        <v>40</v>
      </c>
      <c r="R11640" s="5" t="s">
        <v>24335</v>
      </c>
      <c r="S11640" s="5" t="s">
        <v>40</v>
      </c>
      <c r="T11640" s="5" t="s">
        <v>42</v>
      </c>
      <c r="U11640" s="2">
        <v>4.649</v>
      </c>
      <c r="V11640" s="2">
        <v>3.488</v>
      </c>
      <c r="W11640" s="2">
        <v>7.3999999999999996E-2</v>
      </c>
      <c r="X11640" s="2">
        <v>12</v>
      </c>
      <c r="Y11640" s="2">
        <v>40.5</v>
      </c>
      <c r="Z11640" s="2">
        <v>151.30000000000001</v>
      </c>
      <c r="AA11640" s="5">
        <v>20</v>
      </c>
      <c r="AB11640" s="5" t="s">
        <v>43</v>
      </c>
      <c r="AC11640" s="5" t="s">
        <v>44</v>
      </c>
      <c r="AD11640" s="2" t="s">
        <v>35759</v>
      </c>
      <c r="AE11640" s="1"/>
    </row>
    <row r="11641" spans="1:31" ht="14.45">
      <c r="A11641" s="11"/>
      <c r="B11641" s="20"/>
      <c r="C11641" s="2" t="s">
        <v>35787</v>
      </c>
      <c r="D11641" s="14" t="s">
        <v>35788</v>
      </c>
      <c r="E11641" s="2" t="s">
        <v>35789</v>
      </c>
      <c r="F11641" s="2" t="s">
        <v>35757</v>
      </c>
      <c r="G11641" s="8">
        <v>160</v>
      </c>
      <c r="H11641" s="5">
        <v>15</v>
      </c>
      <c r="I11641" s="5" t="s">
        <v>69</v>
      </c>
      <c r="J11641" s="5" t="s">
        <v>24629</v>
      </c>
      <c r="K11641" s="2" t="s">
        <v>24630</v>
      </c>
      <c r="L11641" s="5" t="s">
        <v>24629</v>
      </c>
      <c r="M11641" s="2" t="s">
        <v>24630</v>
      </c>
      <c r="N11641" s="5" t="s">
        <v>24254</v>
      </c>
      <c r="O11641" s="5" t="s">
        <v>38</v>
      </c>
      <c r="P11641" s="5" t="s">
        <v>39</v>
      </c>
      <c r="Q11641" s="5" t="s">
        <v>40</v>
      </c>
      <c r="R11641" s="5" t="s">
        <v>24335</v>
      </c>
      <c r="S11641" s="5" t="s">
        <v>40</v>
      </c>
      <c r="T11641" s="5" t="s">
        <v>42</v>
      </c>
      <c r="U11641" s="2">
        <v>4.6429999999999998</v>
      </c>
      <c r="V11641" s="2">
        <v>3.5350000000000001</v>
      </c>
      <c r="W11641" s="2">
        <v>7.3999999999999996E-2</v>
      </c>
      <c r="X11641" s="2">
        <v>12</v>
      </c>
      <c r="Y11641" s="2">
        <v>40.5</v>
      </c>
      <c r="Z11641" s="2">
        <v>151.30000000000001</v>
      </c>
      <c r="AA11641" s="5">
        <v>20</v>
      </c>
      <c r="AB11641" s="5" t="s">
        <v>43</v>
      </c>
      <c r="AC11641" s="5" t="s">
        <v>44</v>
      </c>
      <c r="AD11641" s="2" t="s">
        <v>35759</v>
      </c>
      <c r="AE11641" s="1"/>
    </row>
    <row r="11642" spans="1:31" ht="14.45">
      <c r="A11642" s="11"/>
      <c r="B11642" s="20"/>
      <c r="C11642" s="2" t="s">
        <v>35790</v>
      </c>
      <c r="D11642" s="14" t="s">
        <v>35791</v>
      </c>
      <c r="E11642" s="2" t="s">
        <v>35792</v>
      </c>
      <c r="F11642" s="2" t="s">
        <v>35757</v>
      </c>
      <c r="G11642" s="8">
        <v>166</v>
      </c>
      <c r="H11642" s="5">
        <v>15</v>
      </c>
      <c r="I11642" s="5" t="s">
        <v>69</v>
      </c>
      <c r="J11642" s="5" t="s">
        <v>24629</v>
      </c>
      <c r="K11642" s="2" t="s">
        <v>24630</v>
      </c>
      <c r="L11642" s="5" t="s">
        <v>24629</v>
      </c>
      <c r="M11642" s="2" t="s">
        <v>24630</v>
      </c>
      <c r="N11642" s="5" t="s">
        <v>24254</v>
      </c>
      <c r="O11642" s="5" t="s">
        <v>38</v>
      </c>
      <c r="P11642" s="5" t="s">
        <v>39</v>
      </c>
      <c r="Q11642" s="5" t="s">
        <v>40</v>
      </c>
      <c r="R11642" s="5" t="s">
        <v>24335</v>
      </c>
      <c r="S11642" s="5" t="s">
        <v>40</v>
      </c>
      <c r="T11642" s="5" t="s">
        <v>42</v>
      </c>
      <c r="U11642" s="2">
        <v>4.8979999999999997</v>
      </c>
      <c r="V11642" s="2">
        <v>3.657</v>
      </c>
      <c r="W11642" s="2">
        <v>7.3999999999999996E-2</v>
      </c>
      <c r="X11642" s="2">
        <v>12</v>
      </c>
      <c r="Y11642" s="2">
        <v>40.5</v>
      </c>
      <c r="Z11642" s="2">
        <v>151.30000000000001</v>
      </c>
      <c r="AA11642" s="5">
        <v>20</v>
      </c>
      <c r="AB11642" s="5" t="s">
        <v>43</v>
      </c>
      <c r="AC11642" s="5" t="s">
        <v>44</v>
      </c>
      <c r="AD11642" s="2" t="s">
        <v>35759</v>
      </c>
      <c r="AE11642" s="1"/>
    </row>
    <row r="11643" spans="1:31" ht="14.45">
      <c r="A11643" s="11"/>
      <c r="B11643" s="20"/>
      <c r="C11643" s="2" t="s">
        <v>35793</v>
      </c>
      <c r="D11643" s="14" t="s">
        <v>35794</v>
      </c>
      <c r="E11643" s="2" t="s">
        <v>35795</v>
      </c>
      <c r="F11643" s="2" t="s">
        <v>35757</v>
      </c>
      <c r="G11643" s="8">
        <v>166</v>
      </c>
      <c r="H11643" s="5">
        <v>5</v>
      </c>
      <c r="I11643" s="5" t="s">
        <v>69</v>
      </c>
      <c r="J11643" s="5" t="s">
        <v>24629</v>
      </c>
      <c r="K11643" s="2" t="s">
        <v>24630</v>
      </c>
      <c r="L11643" s="5" t="s">
        <v>24629</v>
      </c>
      <c r="M11643" s="2" t="s">
        <v>24630</v>
      </c>
      <c r="N11643" s="5" t="s">
        <v>24254</v>
      </c>
      <c r="O11643" s="5" t="s">
        <v>38</v>
      </c>
      <c r="P11643" s="5" t="s">
        <v>39</v>
      </c>
      <c r="Q11643" s="5" t="s">
        <v>40</v>
      </c>
      <c r="R11643" s="5" t="s">
        <v>24335</v>
      </c>
      <c r="S11643" s="5" t="s">
        <v>40</v>
      </c>
      <c r="T11643" s="5" t="s">
        <v>42</v>
      </c>
      <c r="U11643" s="2">
        <v>4.8730000000000002</v>
      </c>
      <c r="V11643" s="2">
        <v>3.7109999999999999</v>
      </c>
      <c r="W11643" s="2">
        <v>8.3000000000000004E-2</v>
      </c>
      <c r="X11643" s="2">
        <v>12</v>
      </c>
      <c r="Y11643" s="2">
        <v>40.5</v>
      </c>
      <c r="Z11643" s="2">
        <v>171.3</v>
      </c>
      <c r="AA11643" s="5">
        <v>20</v>
      </c>
      <c r="AB11643" s="5" t="s">
        <v>43</v>
      </c>
      <c r="AC11643" s="5" t="s">
        <v>44</v>
      </c>
      <c r="AD11643" s="2" t="s">
        <v>35759</v>
      </c>
      <c r="AE11643" s="1"/>
    </row>
    <row r="11644" spans="1:31" ht="14.45">
      <c r="A11644" s="11"/>
      <c r="B11644" s="20"/>
      <c r="C11644" s="2" t="s">
        <v>35796</v>
      </c>
      <c r="D11644" s="14" t="s">
        <v>35797</v>
      </c>
      <c r="E11644" s="2" t="s">
        <v>35798</v>
      </c>
      <c r="F11644" s="2" t="s">
        <v>35757</v>
      </c>
      <c r="G11644" s="8">
        <v>168</v>
      </c>
      <c r="H11644" s="5">
        <v>5</v>
      </c>
      <c r="I11644" s="5" t="s">
        <v>69</v>
      </c>
      <c r="J11644" s="5" t="s">
        <v>24629</v>
      </c>
      <c r="K11644" s="2" t="s">
        <v>24630</v>
      </c>
      <c r="L11644" s="5" t="s">
        <v>24629</v>
      </c>
      <c r="M11644" s="2" t="s">
        <v>24630</v>
      </c>
      <c r="N11644" s="5" t="s">
        <v>24254</v>
      </c>
      <c r="O11644" s="5" t="s">
        <v>38</v>
      </c>
      <c r="P11644" s="5" t="s">
        <v>39</v>
      </c>
      <c r="Q11644" s="5" t="s">
        <v>40</v>
      </c>
      <c r="R11644" s="5" t="s">
        <v>24335</v>
      </c>
      <c r="S11644" s="5" t="s">
        <v>40</v>
      </c>
      <c r="T11644" s="5" t="s">
        <v>42</v>
      </c>
      <c r="U11644" s="2">
        <v>5.0540000000000003</v>
      </c>
      <c r="V11644" s="2">
        <v>3.8919999999999999</v>
      </c>
      <c r="W11644" s="2">
        <v>8.3000000000000004E-2</v>
      </c>
      <c r="X11644" s="2">
        <v>12</v>
      </c>
      <c r="Y11644" s="2">
        <v>40.5</v>
      </c>
      <c r="Z11644" s="2">
        <v>171.3</v>
      </c>
      <c r="AA11644" s="5">
        <v>20</v>
      </c>
      <c r="AB11644" s="5" t="s">
        <v>43</v>
      </c>
      <c r="AC11644" s="5" t="s">
        <v>44</v>
      </c>
      <c r="AD11644" s="2" t="s">
        <v>35759</v>
      </c>
      <c r="AE11644" s="1"/>
    </row>
    <row r="11645" spans="1:31" ht="14.45">
      <c r="A11645" s="11"/>
      <c r="B11645" s="20"/>
      <c r="C11645" s="2" t="s">
        <v>35799</v>
      </c>
      <c r="D11645" s="14" t="s">
        <v>35800</v>
      </c>
      <c r="E11645" s="2" t="s">
        <v>35801</v>
      </c>
      <c r="F11645" s="2" t="s">
        <v>35757</v>
      </c>
      <c r="G11645" s="8">
        <v>182</v>
      </c>
      <c r="H11645" s="5">
        <v>15</v>
      </c>
      <c r="I11645" s="5" t="s">
        <v>69</v>
      </c>
      <c r="J11645" s="5" t="s">
        <v>24629</v>
      </c>
      <c r="K11645" s="2" t="s">
        <v>24630</v>
      </c>
      <c r="L11645" s="5" t="s">
        <v>24629</v>
      </c>
      <c r="M11645" s="2" t="s">
        <v>24630</v>
      </c>
      <c r="N11645" s="5" t="s">
        <v>24254</v>
      </c>
      <c r="O11645" s="5" t="s">
        <v>38</v>
      </c>
      <c r="P11645" s="5" t="s">
        <v>39</v>
      </c>
      <c r="Q11645" s="5" t="s">
        <v>40</v>
      </c>
      <c r="R11645" s="5" t="s">
        <v>24335</v>
      </c>
      <c r="S11645" s="5" t="s">
        <v>40</v>
      </c>
      <c r="T11645" s="5" t="s">
        <v>42</v>
      </c>
      <c r="U11645" s="2">
        <v>5.4779999999999998</v>
      </c>
      <c r="V11645" s="2">
        <v>3.9929999999999999</v>
      </c>
      <c r="W11645" s="2">
        <v>9.1999999999999998E-2</v>
      </c>
      <c r="X11645" s="2">
        <v>12</v>
      </c>
      <c r="Y11645" s="2">
        <v>40.5</v>
      </c>
      <c r="Z11645" s="2">
        <v>188.6</v>
      </c>
      <c r="AA11645" s="5">
        <v>20</v>
      </c>
      <c r="AB11645" s="5" t="s">
        <v>43</v>
      </c>
      <c r="AC11645" s="5" t="s">
        <v>44</v>
      </c>
      <c r="AD11645" s="2" t="s">
        <v>35759</v>
      </c>
      <c r="AE11645" s="1"/>
    </row>
    <row r="11646" spans="1:31" ht="14.45">
      <c r="A11646" s="11"/>
      <c r="B11646" s="20"/>
      <c r="C11646" s="2" t="s">
        <v>35802</v>
      </c>
      <c r="D11646" s="14" t="s">
        <v>35803</v>
      </c>
      <c r="E11646" s="2" t="s">
        <v>35804</v>
      </c>
      <c r="F11646" s="2" t="s">
        <v>35757</v>
      </c>
      <c r="G11646" s="8">
        <v>176</v>
      </c>
      <c r="H11646" s="5">
        <v>5</v>
      </c>
      <c r="I11646" s="5" t="s">
        <v>69</v>
      </c>
      <c r="J11646" s="5" t="s">
        <v>24629</v>
      </c>
      <c r="K11646" s="2" t="s">
        <v>24630</v>
      </c>
      <c r="L11646" s="5" t="s">
        <v>24629</v>
      </c>
      <c r="M11646" s="2" t="s">
        <v>24630</v>
      </c>
      <c r="N11646" s="5" t="s">
        <v>24254</v>
      </c>
      <c r="O11646" s="5" t="s">
        <v>38</v>
      </c>
      <c r="P11646" s="5" t="s">
        <v>39</v>
      </c>
      <c r="Q11646" s="5" t="s">
        <v>40</v>
      </c>
      <c r="R11646" s="5" t="s">
        <v>24335</v>
      </c>
      <c r="S11646" s="5" t="s">
        <v>40</v>
      </c>
      <c r="T11646" s="5" t="s">
        <v>42</v>
      </c>
      <c r="U11646" s="2">
        <v>5.7469999999999999</v>
      </c>
      <c r="V11646" s="2">
        <v>4.3419999999999996</v>
      </c>
      <c r="W11646" s="2">
        <v>9.1999999999999998E-2</v>
      </c>
      <c r="X11646" s="2">
        <v>12</v>
      </c>
      <c r="Y11646" s="2">
        <v>40.5</v>
      </c>
      <c r="Z11646" s="2">
        <v>188.6</v>
      </c>
      <c r="AA11646" s="5">
        <v>20</v>
      </c>
      <c r="AB11646" s="5" t="s">
        <v>43</v>
      </c>
      <c r="AC11646" s="5" t="s">
        <v>44</v>
      </c>
      <c r="AD11646" s="2" t="s">
        <v>35759</v>
      </c>
      <c r="AE11646" s="1"/>
    </row>
    <row r="11647" spans="1:31" ht="14.45">
      <c r="A11647" s="11"/>
      <c r="B11647" s="20"/>
      <c r="C11647" s="2" t="s">
        <v>35805</v>
      </c>
      <c r="D11647" s="14" t="s">
        <v>35806</v>
      </c>
      <c r="E11647" s="2" t="s">
        <v>35807</v>
      </c>
      <c r="F11647" s="2" t="s">
        <v>35757</v>
      </c>
      <c r="G11647" s="8">
        <v>193</v>
      </c>
      <c r="H11647" s="5">
        <v>15</v>
      </c>
      <c r="I11647" s="5" t="s">
        <v>69</v>
      </c>
      <c r="J11647" s="5" t="s">
        <v>24629</v>
      </c>
      <c r="K11647" s="2" t="s">
        <v>24630</v>
      </c>
      <c r="L11647" s="5" t="s">
        <v>24629</v>
      </c>
      <c r="M11647" s="2" t="s">
        <v>24630</v>
      </c>
      <c r="N11647" s="5" t="s">
        <v>24254</v>
      </c>
      <c r="O11647" s="5" t="s">
        <v>38</v>
      </c>
      <c r="P11647" s="5" t="s">
        <v>39</v>
      </c>
      <c r="Q11647" s="5" t="s">
        <v>40</v>
      </c>
      <c r="R11647" s="5" t="s">
        <v>24335</v>
      </c>
      <c r="S11647" s="5" t="s">
        <v>40</v>
      </c>
      <c r="T11647" s="5" t="s">
        <v>42</v>
      </c>
      <c r="U11647" s="2">
        <v>5.9249999999999998</v>
      </c>
      <c r="V11647" s="2">
        <v>4.5199999999999996</v>
      </c>
      <c r="W11647" s="2">
        <v>9.1999999999999998E-2</v>
      </c>
      <c r="X11647" s="2">
        <v>12</v>
      </c>
      <c r="Y11647" s="2">
        <v>40.5</v>
      </c>
      <c r="Z11647" s="2">
        <v>188.6</v>
      </c>
      <c r="AA11647" s="5">
        <v>20</v>
      </c>
      <c r="AB11647" s="5" t="s">
        <v>43</v>
      </c>
      <c r="AC11647" s="5" t="s">
        <v>44</v>
      </c>
      <c r="AD11647" s="2" t="s">
        <v>35759</v>
      </c>
      <c r="AE11647" s="1"/>
    </row>
    <row r="11648" spans="1:31" ht="14.45">
      <c r="A11648" s="11"/>
      <c r="B11648" s="20"/>
      <c r="C11648" s="2" t="s">
        <v>35808</v>
      </c>
      <c r="D11648" s="14" t="s">
        <v>35809</v>
      </c>
      <c r="E11648" s="2" t="s">
        <v>35810</v>
      </c>
      <c r="F11648" s="2"/>
      <c r="G11648" s="8">
        <v>320</v>
      </c>
      <c r="H11648" s="5">
        <v>25</v>
      </c>
      <c r="I11648" s="5" t="s">
        <v>69</v>
      </c>
      <c r="J11648" s="5" t="s">
        <v>35646</v>
      </c>
      <c r="K11648" s="2" t="s">
        <v>35647</v>
      </c>
      <c r="L11648" s="5" t="s">
        <v>35646</v>
      </c>
      <c r="M11648" s="2" t="s">
        <v>35647</v>
      </c>
      <c r="N11648" s="5" t="s">
        <v>24254</v>
      </c>
      <c r="O11648" s="5" t="s">
        <v>38</v>
      </c>
      <c r="P11648" s="5" t="s">
        <v>39</v>
      </c>
      <c r="Q11648" s="5" t="s">
        <v>40</v>
      </c>
      <c r="R11648" s="5" t="s">
        <v>25301</v>
      </c>
      <c r="S11648" s="5" t="s">
        <v>40</v>
      </c>
      <c r="T11648" s="5" t="s">
        <v>42</v>
      </c>
      <c r="U11648" s="2">
        <v>6.6219999999999999</v>
      </c>
      <c r="V11648" s="2">
        <v>6.1319999999999997</v>
      </c>
      <c r="W11648" s="2">
        <v>0.02</v>
      </c>
      <c r="X11648" s="2">
        <v>10.7</v>
      </c>
      <c r="Y11648" s="2">
        <v>17</v>
      </c>
      <c r="Z11648" s="2">
        <v>109.4</v>
      </c>
      <c r="AA11648" s="5">
        <v>50</v>
      </c>
      <c r="AB11648" s="5" t="s">
        <v>43</v>
      </c>
      <c r="AC11648" s="5" t="s">
        <v>44</v>
      </c>
      <c r="AD11648" s="2" t="s">
        <v>35811</v>
      </c>
      <c r="AE11648" s="1"/>
    </row>
    <row r="11649" spans="1:31" ht="14.45">
      <c r="A11649" s="11"/>
      <c r="B11649" s="20"/>
      <c r="C11649" s="2" t="s">
        <v>35812</v>
      </c>
      <c r="D11649" s="14" t="s">
        <v>35813</v>
      </c>
      <c r="E11649" s="2" t="s">
        <v>35814</v>
      </c>
      <c r="F11649" s="2" t="s">
        <v>35815</v>
      </c>
      <c r="G11649" s="8">
        <v>445</v>
      </c>
      <c r="H11649" s="5">
        <v>15</v>
      </c>
      <c r="I11649" s="5" t="s">
        <v>69</v>
      </c>
      <c r="J11649" s="5" t="s">
        <v>35646</v>
      </c>
      <c r="K11649" s="2" t="s">
        <v>35647</v>
      </c>
      <c r="L11649" s="5" t="s">
        <v>35646</v>
      </c>
      <c r="M11649" s="2" t="s">
        <v>35647</v>
      </c>
      <c r="N11649" s="5" t="s">
        <v>24254</v>
      </c>
      <c r="O11649" s="5" t="s">
        <v>38</v>
      </c>
      <c r="P11649" s="5" t="s">
        <v>39</v>
      </c>
      <c r="Q11649" s="5" t="s">
        <v>40</v>
      </c>
      <c r="R11649" s="5" t="s">
        <v>24340</v>
      </c>
      <c r="S11649" s="5" t="s">
        <v>40</v>
      </c>
      <c r="T11649" s="5" t="s">
        <v>42</v>
      </c>
      <c r="U11649" s="2">
        <v>6.1870000000000003</v>
      </c>
      <c r="V11649" s="2">
        <v>5.6159999999999997</v>
      </c>
      <c r="W11649" s="2">
        <v>3.7999999999999999E-2</v>
      </c>
      <c r="X11649" s="2">
        <v>26.5</v>
      </c>
      <c r="Y11649" s="2">
        <v>11</v>
      </c>
      <c r="Z11649" s="2">
        <v>130.9</v>
      </c>
      <c r="AA11649" s="5">
        <v>10</v>
      </c>
      <c r="AB11649" s="5" t="s">
        <v>43</v>
      </c>
      <c r="AC11649" s="5" t="s">
        <v>44</v>
      </c>
      <c r="AD11649" s="2" t="s">
        <v>35816</v>
      </c>
      <c r="AE11649" s="1"/>
    </row>
    <row r="11650" spans="1:31" ht="14.45">
      <c r="A11650" s="11"/>
      <c r="B11650" s="20"/>
      <c r="C11650" s="2" t="s">
        <v>35817</v>
      </c>
      <c r="D11650" s="14" t="s">
        <v>35818</v>
      </c>
      <c r="E11650" s="2" t="s">
        <v>35819</v>
      </c>
      <c r="F11650" s="2" t="s">
        <v>35820</v>
      </c>
      <c r="G11650" s="8">
        <v>348</v>
      </c>
      <c r="H11650" s="5">
        <v>25</v>
      </c>
      <c r="I11650" s="5" t="s">
        <v>69</v>
      </c>
      <c r="J11650" s="5" t="s">
        <v>35646</v>
      </c>
      <c r="K11650" s="2" t="s">
        <v>35647</v>
      </c>
      <c r="L11650" s="5" t="s">
        <v>35646</v>
      </c>
      <c r="M11650" s="2" t="s">
        <v>35647</v>
      </c>
      <c r="N11650" s="5" t="s">
        <v>24254</v>
      </c>
      <c r="O11650" s="5" t="s">
        <v>38</v>
      </c>
      <c r="P11650" s="5" t="s">
        <v>39</v>
      </c>
      <c r="Q11650" s="5" t="s">
        <v>40</v>
      </c>
      <c r="R11650" s="5" t="s">
        <v>25301</v>
      </c>
      <c r="S11650" s="5" t="s">
        <v>40</v>
      </c>
      <c r="T11650" s="5" t="s">
        <v>42</v>
      </c>
      <c r="U11650" s="2">
        <v>7.843</v>
      </c>
      <c r="V11650" s="2">
        <v>7.1559999999999997</v>
      </c>
      <c r="W11650" s="2">
        <v>3.5000000000000003E-2</v>
      </c>
      <c r="X11650" s="2">
        <v>11</v>
      </c>
      <c r="Y11650" s="2">
        <v>24</v>
      </c>
      <c r="Z11650" s="2">
        <v>130.69999999999999</v>
      </c>
      <c r="AA11650" s="5">
        <v>10</v>
      </c>
      <c r="AB11650" s="5" t="s">
        <v>43</v>
      </c>
      <c r="AC11650" s="5" t="s">
        <v>44</v>
      </c>
      <c r="AD11650" s="2" t="s">
        <v>35821</v>
      </c>
      <c r="AE11650" s="1"/>
    </row>
    <row r="11651" spans="1:31" ht="14.45">
      <c r="A11651" s="11"/>
      <c r="B11651" s="20"/>
      <c r="C11651" s="2" t="s">
        <v>35822</v>
      </c>
      <c r="D11651" s="14" t="s">
        <v>35823</v>
      </c>
      <c r="E11651" s="2" t="s">
        <v>35824</v>
      </c>
      <c r="F11651" s="2" t="s">
        <v>35825</v>
      </c>
      <c r="G11651" s="8">
        <v>445</v>
      </c>
      <c r="H11651" s="5">
        <v>15</v>
      </c>
      <c r="I11651" s="5" t="s">
        <v>69</v>
      </c>
      <c r="J11651" s="5" t="s">
        <v>35646</v>
      </c>
      <c r="K11651" s="2" t="s">
        <v>35647</v>
      </c>
      <c r="L11651" s="5" t="s">
        <v>35646</v>
      </c>
      <c r="M11651" s="2" t="s">
        <v>35647</v>
      </c>
      <c r="N11651" s="5" t="s">
        <v>24254</v>
      </c>
      <c r="O11651" s="5" t="s">
        <v>38</v>
      </c>
      <c r="P11651" s="5" t="s">
        <v>39</v>
      </c>
      <c r="Q11651" s="5" t="s">
        <v>40</v>
      </c>
      <c r="R11651" s="5" t="s">
        <v>25301</v>
      </c>
      <c r="S11651" s="5" t="s">
        <v>40</v>
      </c>
      <c r="T11651" s="5" t="s">
        <v>42</v>
      </c>
      <c r="U11651" s="2">
        <v>5.4180000000000001</v>
      </c>
      <c r="V11651" s="2">
        <v>4.8470000000000004</v>
      </c>
      <c r="W11651" s="2">
        <v>3.7999999999999999E-2</v>
      </c>
      <c r="X11651" s="2">
        <v>26.5</v>
      </c>
      <c r="Y11651" s="2">
        <v>11</v>
      </c>
      <c r="Z11651" s="2">
        <v>130.9</v>
      </c>
      <c r="AA11651" s="5">
        <v>10</v>
      </c>
      <c r="AB11651" s="5" t="s">
        <v>43</v>
      </c>
      <c r="AC11651" s="5" t="s">
        <v>44</v>
      </c>
      <c r="AD11651" s="2" t="s">
        <v>35826</v>
      </c>
      <c r="AE11651" s="1"/>
    </row>
    <row r="11652" spans="1:31" ht="14.45">
      <c r="A11652" s="5"/>
      <c r="B11652" s="21"/>
      <c r="C11652" s="2" t="s">
        <v>35827</v>
      </c>
      <c r="D11652" s="14" t="s">
        <v>35828</v>
      </c>
      <c r="E11652" s="2" t="s">
        <v>35829</v>
      </c>
      <c r="F11652" s="2"/>
      <c r="G11652" s="8">
        <v>96</v>
      </c>
      <c r="H11652" s="5">
        <v>5</v>
      </c>
      <c r="I11652" s="5" t="s">
        <v>69</v>
      </c>
      <c r="J11652" s="5" t="s">
        <v>27074</v>
      </c>
      <c r="K11652" s="2" t="s">
        <v>27075</v>
      </c>
      <c r="L11652" s="5" t="s">
        <v>27074</v>
      </c>
      <c r="M11652" s="2" t="s">
        <v>27075</v>
      </c>
      <c r="N11652" s="5" t="s">
        <v>24254</v>
      </c>
      <c r="O11652" s="5" t="s">
        <v>38</v>
      </c>
      <c r="P11652" s="5" t="s">
        <v>39</v>
      </c>
      <c r="Q11652" s="5" t="s">
        <v>40</v>
      </c>
      <c r="R11652" s="5" t="s">
        <v>24335</v>
      </c>
      <c r="S11652" s="5" t="s">
        <v>40</v>
      </c>
      <c r="T11652" s="5" t="s">
        <v>42</v>
      </c>
      <c r="U11652" s="2">
        <v>2.4950000000000001</v>
      </c>
      <c r="V11652" s="2">
        <v>1.919</v>
      </c>
      <c r="W11652" s="2">
        <v>2.4E-2</v>
      </c>
      <c r="X11652" s="2">
        <v>10.7</v>
      </c>
      <c r="Y11652" s="2">
        <v>17</v>
      </c>
      <c r="Z11652" s="2">
        <v>129.4</v>
      </c>
      <c r="AA11652" s="5">
        <v>50</v>
      </c>
      <c r="AB11652" s="5" t="s">
        <v>43</v>
      </c>
      <c r="AC11652" s="5" t="s">
        <v>44</v>
      </c>
      <c r="AD11652" s="2" t="s">
        <v>35830</v>
      </c>
      <c r="AE11652" s="1"/>
    </row>
    <row r="11653" spans="1:31" ht="14.45">
      <c r="A11653" s="5"/>
      <c r="B11653" s="21"/>
      <c r="C11653" s="2" t="s">
        <v>35831</v>
      </c>
      <c r="D11653" s="14" t="s">
        <v>35832</v>
      </c>
      <c r="E11653" s="2" t="s">
        <v>35833</v>
      </c>
      <c r="F11653" s="2"/>
      <c r="G11653" s="8">
        <v>249</v>
      </c>
      <c r="H11653" s="5">
        <v>10</v>
      </c>
      <c r="I11653" s="5" t="s">
        <v>69</v>
      </c>
      <c r="J11653" s="5" t="s">
        <v>27074</v>
      </c>
      <c r="K11653" s="2" t="s">
        <v>27075</v>
      </c>
      <c r="L11653" s="5" t="s">
        <v>27074</v>
      </c>
      <c r="M11653" s="2" t="s">
        <v>27075</v>
      </c>
      <c r="N11653" s="5" t="s">
        <v>24254</v>
      </c>
      <c r="O11653" s="5" t="s">
        <v>38</v>
      </c>
      <c r="P11653" s="5" t="s">
        <v>39</v>
      </c>
      <c r="Q11653" s="5" t="s">
        <v>40</v>
      </c>
      <c r="R11653" s="5" t="s">
        <v>24340</v>
      </c>
      <c r="S11653" s="5" t="s">
        <v>40</v>
      </c>
      <c r="T11653" s="5" t="s">
        <v>42</v>
      </c>
      <c r="U11653" s="2">
        <v>4.3490000000000002</v>
      </c>
      <c r="V11653" s="2">
        <v>3.7730000000000001</v>
      </c>
      <c r="W11653" s="2">
        <v>2.4E-2</v>
      </c>
      <c r="X11653" s="2">
        <v>10.7</v>
      </c>
      <c r="Y11653" s="2">
        <v>17</v>
      </c>
      <c r="Z11653" s="2">
        <v>129.4</v>
      </c>
      <c r="AA11653" s="5">
        <v>50</v>
      </c>
      <c r="AB11653" s="5" t="s">
        <v>43</v>
      </c>
      <c r="AC11653" s="5" t="s">
        <v>44</v>
      </c>
      <c r="AD11653" s="2" t="s">
        <v>35834</v>
      </c>
      <c r="AE11653" s="1"/>
    </row>
    <row r="11654" spans="1:31" ht="14.45">
      <c r="A11654" s="5"/>
      <c r="B11654" s="21"/>
      <c r="C11654" s="2" t="s">
        <v>35835</v>
      </c>
      <c r="D11654" s="14" t="s">
        <v>35836</v>
      </c>
      <c r="E11654" s="2" t="s">
        <v>35837</v>
      </c>
      <c r="F11654" s="2"/>
      <c r="G11654" s="8">
        <v>249</v>
      </c>
      <c r="H11654" s="5">
        <v>10</v>
      </c>
      <c r="I11654" s="5" t="s">
        <v>69</v>
      </c>
      <c r="J11654" s="5" t="s">
        <v>27074</v>
      </c>
      <c r="K11654" s="2" t="s">
        <v>27075</v>
      </c>
      <c r="L11654" s="5" t="s">
        <v>27074</v>
      </c>
      <c r="M11654" s="2" t="s">
        <v>27075</v>
      </c>
      <c r="N11654" s="5" t="s">
        <v>24254</v>
      </c>
      <c r="O11654" s="5" t="s">
        <v>38</v>
      </c>
      <c r="P11654" s="5" t="s">
        <v>39</v>
      </c>
      <c r="Q11654" s="5" t="s">
        <v>40</v>
      </c>
      <c r="R11654" s="5" t="s">
        <v>25301</v>
      </c>
      <c r="S11654" s="5" t="s">
        <v>40</v>
      </c>
      <c r="T11654" s="5" t="s">
        <v>42</v>
      </c>
      <c r="U11654" s="2">
        <v>4.4829999999999997</v>
      </c>
      <c r="V11654" s="2">
        <v>3.9129999999999998</v>
      </c>
      <c r="W11654" s="2">
        <v>2.4E-2</v>
      </c>
      <c r="X11654" s="2">
        <v>10.7</v>
      </c>
      <c r="Y11654" s="2">
        <v>17</v>
      </c>
      <c r="Z11654" s="2">
        <v>129.4</v>
      </c>
      <c r="AA11654" s="5">
        <v>50</v>
      </c>
      <c r="AB11654" s="5" t="s">
        <v>43</v>
      </c>
      <c r="AC11654" s="5" t="s">
        <v>44</v>
      </c>
      <c r="AD11654" s="2" t="s">
        <v>35811</v>
      </c>
      <c r="AE11654" s="1"/>
    </row>
    <row r="11655" spans="1:31" ht="14.45">
      <c r="A11655" s="5"/>
      <c r="B11655" s="21"/>
      <c r="C11655" s="2" t="s">
        <v>35838</v>
      </c>
      <c r="D11655" s="14" t="s">
        <v>35839</v>
      </c>
      <c r="E11655" s="2" t="s">
        <v>35840</v>
      </c>
      <c r="F11655" s="2"/>
      <c r="G11655" s="8">
        <v>112</v>
      </c>
      <c r="H11655" s="5">
        <v>5</v>
      </c>
      <c r="I11655" s="5" t="s">
        <v>69</v>
      </c>
      <c r="J11655" s="5" t="s">
        <v>27074</v>
      </c>
      <c r="K11655" s="2" t="s">
        <v>27075</v>
      </c>
      <c r="L11655" s="5" t="s">
        <v>27074</v>
      </c>
      <c r="M11655" s="2" t="s">
        <v>27075</v>
      </c>
      <c r="N11655" s="5" t="s">
        <v>24254</v>
      </c>
      <c r="O11655" s="5" t="s">
        <v>38</v>
      </c>
      <c r="P11655" s="5" t="s">
        <v>39</v>
      </c>
      <c r="Q11655" s="5" t="s">
        <v>40</v>
      </c>
      <c r="R11655" s="5" t="s">
        <v>24335</v>
      </c>
      <c r="S11655" s="5" t="s">
        <v>40</v>
      </c>
      <c r="T11655" s="5" t="s">
        <v>42</v>
      </c>
      <c r="U11655" s="2">
        <v>3.9129999999999998</v>
      </c>
      <c r="V11655" s="2">
        <v>3.2189999999999999</v>
      </c>
      <c r="W11655" s="2">
        <v>3.2000000000000001E-2</v>
      </c>
      <c r="X11655" s="2">
        <v>11</v>
      </c>
      <c r="Y11655" s="2">
        <v>27</v>
      </c>
      <c r="Z11655" s="2">
        <v>114.4</v>
      </c>
      <c r="AA11655" s="5">
        <v>10</v>
      </c>
      <c r="AB11655" s="5" t="s">
        <v>43</v>
      </c>
      <c r="AC11655" s="5" t="s">
        <v>44</v>
      </c>
      <c r="AD11655" s="2" t="s">
        <v>35841</v>
      </c>
      <c r="AE11655" s="1"/>
    </row>
    <row r="11656" spans="1:31" ht="14.45">
      <c r="A11656" s="5"/>
      <c r="B11656" s="21"/>
      <c r="C11656" s="2" t="s">
        <v>35842</v>
      </c>
      <c r="D11656" s="14" t="s">
        <v>35843</v>
      </c>
      <c r="E11656" s="2" t="s">
        <v>35844</v>
      </c>
      <c r="F11656" s="2"/>
      <c r="G11656" s="8">
        <v>168</v>
      </c>
      <c r="H11656" s="5">
        <v>5</v>
      </c>
      <c r="I11656" s="5" t="s">
        <v>69</v>
      </c>
      <c r="J11656" s="5" t="s">
        <v>27074</v>
      </c>
      <c r="K11656" s="2" t="s">
        <v>27075</v>
      </c>
      <c r="L11656" s="5" t="s">
        <v>27074</v>
      </c>
      <c r="M11656" s="2" t="s">
        <v>27075</v>
      </c>
      <c r="N11656" s="5" t="s">
        <v>24254</v>
      </c>
      <c r="O11656" s="5" t="s">
        <v>38</v>
      </c>
      <c r="P11656" s="5" t="s">
        <v>39</v>
      </c>
      <c r="Q11656" s="5" t="s">
        <v>40</v>
      </c>
      <c r="R11656" s="5" t="s">
        <v>24335</v>
      </c>
      <c r="S11656" s="5" t="s">
        <v>40</v>
      </c>
      <c r="T11656" s="5" t="s">
        <v>42</v>
      </c>
      <c r="U11656" s="2">
        <v>3.3610000000000002</v>
      </c>
      <c r="V11656" s="2">
        <v>2.786</v>
      </c>
      <c r="W11656" s="2">
        <v>2.4E-2</v>
      </c>
      <c r="X11656" s="2">
        <v>10.7</v>
      </c>
      <c r="Y11656" s="2">
        <v>17</v>
      </c>
      <c r="Z11656" s="2">
        <v>129.4</v>
      </c>
      <c r="AA11656" s="5">
        <v>10</v>
      </c>
      <c r="AB11656" s="5" t="s">
        <v>43</v>
      </c>
      <c r="AC11656" s="5" t="s">
        <v>44</v>
      </c>
      <c r="AD11656" s="2" t="s">
        <v>35845</v>
      </c>
      <c r="AE11656" s="1"/>
    </row>
    <row r="11657" spans="1:31" ht="14.45">
      <c r="A11657" s="5"/>
      <c r="B11657" s="21"/>
      <c r="C11657" s="2" t="s">
        <v>35846</v>
      </c>
      <c r="D11657" s="14" t="s">
        <v>35847</v>
      </c>
      <c r="E11657" s="2" t="s">
        <v>35848</v>
      </c>
      <c r="F11657" s="2"/>
      <c r="G11657" s="8">
        <v>265</v>
      </c>
      <c r="H11657" s="5">
        <v>10</v>
      </c>
      <c r="I11657" s="5" t="s">
        <v>69</v>
      </c>
      <c r="J11657" s="5" t="s">
        <v>27074</v>
      </c>
      <c r="K11657" s="2" t="s">
        <v>27075</v>
      </c>
      <c r="L11657" s="5" t="s">
        <v>27074</v>
      </c>
      <c r="M11657" s="2" t="s">
        <v>27075</v>
      </c>
      <c r="N11657" s="5" t="s">
        <v>24254</v>
      </c>
      <c r="O11657" s="5" t="s">
        <v>38</v>
      </c>
      <c r="P11657" s="5" t="s">
        <v>39</v>
      </c>
      <c r="Q11657" s="5" t="s">
        <v>40</v>
      </c>
      <c r="R11657" s="5" t="s">
        <v>24340</v>
      </c>
      <c r="S11657" s="5" t="s">
        <v>40</v>
      </c>
      <c r="T11657" s="5" t="s">
        <v>42</v>
      </c>
      <c r="U11657" s="2">
        <v>5.7670000000000003</v>
      </c>
      <c r="V11657" s="2">
        <v>5.0730000000000004</v>
      </c>
      <c r="W11657" s="2">
        <v>3.4000000000000002E-2</v>
      </c>
      <c r="X11657" s="2">
        <v>11</v>
      </c>
      <c r="Y11657" s="2">
        <v>27</v>
      </c>
      <c r="Z11657" s="2">
        <v>114.4</v>
      </c>
      <c r="AA11657" s="5">
        <v>10</v>
      </c>
      <c r="AB11657" s="5" t="s">
        <v>43</v>
      </c>
      <c r="AC11657" s="5" t="s">
        <v>44</v>
      </c>
      <c r="AD11657" s="2" t="s">
        <v>35849</v>
      </c>
      <c r="AE11657" s="1"/>
    </row>
    <row r="11658" spans="1:31" ht="14.45">
      <c r="A11658" s="5"/>
      <c r="B11658" s="21"/>
      <c r="C11658" s="2" t="s">
        <v>35850</v>
      </c>
      <c r="D11658" s="14" t="s">
        <v>35851</v>
      </c>
      <c r="E11658" s="2" t="s">
        <v>35852</v>
      </c>
      <c r="F11658" s="2"/>
      <c r="G11658" s="8">
        <v>265</v>
      </c>
      <c r="H11658" s="5">
        <v>10</v>
      </c>
      <c r="I11658" s="5" t="s">
        <v>69</v>
      </c>
      <c r="J11658" s="5" t="s">
        <v>27074</v>
      </c>
      <c r="K11658" s="2" t="s">
        <v>27075</v>
      </c>
      <c r="L11658" s="5" t="s">
        <v>27074</v>
      </c>
      <c r="M11658" s="2" t="s">
        <v>27075</v>
      </c>
      <c r="N11658" s="5" t="s">
        <v>24254</v>
      </c>
      <c r="O11658" s="5" t="s">
        <v>38</v>
      </c>
      <c r="P11658" s="5" t="s">
        <v>39</v>
      </c>
      <c r="Q11658" s="5" t="s">
        <v>40</v>
      </c>
      <c r="R11658" s="5" t="s">
        <v>25301</v>
      </c>
      <c r="S11658" s="5" t="s">
        <v>40</v>
      </c>
      <c r="T11658" s="5" t="s">
        <v>42</v>
      </c>
      <c r="U11658" s="2">
        <v>5.9009999999999998</v>
      </c>
      <c r="V11658" s="2">
        <v>5.2130000000000001</v>
      </c>
      <c r="W11658" s="2">
        <v>3.4000000000000002E-2</v>
      </c>
      <c r="X11658" s="2">
        <v>11</v>
      </c>
      <c r="Y11658" s="2">
        <v>27</v>
      </c>
      <c r="Z11658" s="2">
        <v>114.4</v>
      </c>
      <c r="AA11658" s="5">
        <v>10</v>
      </c>
      <c r="AB11658" s="5" t="s">
        <v>43</v>
      </c>
      <c r="AC11658" s="5" t="s">
        <v>44</v>
      </c>
      <c r="AD11658" s="2" t="s">
        <v>35821</v>
      </c>
      <c r="AE11658" s="1"/>
    </row>
    <row r="11659" spans="1:31" ht="14.45">
      <c r="A11659" s="11"/>
      <c r="B11659" s="20"/>
      <c r="C11659" s="2" t="s">
        <v>35853</v>
      </c>
      <c r="D11659" s="14" t="s">
        <v>35854</v>
      </c>
      <c r="E11659" s="2" t="s">
        <v>35855</v>
      </c>
      <c r="F11659" s="2" t="s">
        <v>35856</v>
      </c>
      <c r="G11659" s="8">
        <v>77</v>
      </c>
      <c r="H11659" s="5">
        <v>5</v>
      </c>
      <c r="I11659" s="5" t="s">
        <v>69</v>
      </c>
      <c r="J11659" s="5" t="s">
        <v>35646</v>
      </c>
      <c r="K11659" s="2" t="s">
        <v>35647</v>
      </c>
      <c r="L11659" s="5" t="s">
        <v>35646</v>
      </c>
      <c r="M11659" s="2" t="s">
        <v>35647</v>
      </c>
      <c r="N11659" s="5" t="s">
        <v>24254</v>
      </c>
      <c r="O11659" s="5" t="s">
        <v>38</v>
      </c>
      <c r="P11659" s="5" t="s">
        <v>39</v>
      </c>
      <c r="Q11659" s="5" t="s">
        <v>40</v>
      </c>
      <c r="R11659" s="5" t="s">
        <v>24335</v>
      </c>
      <c r="S11659" s="5" t="s">
        <v>40</v>
      </c>
      <c r="T11659" s="5" t="s">
        <v>42</v>
      </c>
      <c r="U11659" s="2">
        <v>2.6059999999999999</v>
      </c>
      <c r="V11659" s="2">
        <v>2.1110000000000002</v>
      </c>
      <c r="W11659" s="2">
        <v>0.02</v>
      </c>
      <c r="X11659" s="2">
        <v>10.7</v>
      </c>
      <c r="Y11659" s="2">
        <v>17</v>
      </c>
      <c r="Z11659" s="2">
        <v>110.6</v>
      </c>
      <c r="AA11659" s="5">
        <v>50</v>
      </c>
      <c r="AB11659" s="5" t="s">
        <v>43</v>
      </c>
      <c r="AC11659" s="5" t="s">
        <v>44</v>
      </c>
      <c r="AD11659" s="2" t="s">
        <v>35830</v>
      </c>
      <c r="AE11659" s="1"/>
    </row>
    <row r="11660" spans="1:31" ht="14.45">
      <c r="A11660" s="11"/>
      <c r="B11660" s="20"/>
      <c r="C11660" s="2" t="s">
        <v>35857</v>
      </c>
      <c r="D11660" s="14" t="s">
        <v>35858</v>
      </c>
      <c r="E11660" s="2" t="s">
        <v>35859</v>
      </c>
      <c r="F11660" s="2" t="s">
        <v>35860</v>
      </c>
      <c r="G11660" s="8">
        <v>230</v>
      </c>
      <c r="H11660" s="5">
        <v>15</v>
      </c>
      <c r="I11660" s="5" t="s">
        <v>69</v>
      </c>
      <c r="J11660" s="5" t="s">
        <v>35646</v>
      </c>
      <c r="K11660" s="2" t="s">
        <v>35647</v>
      </c>
      <c r="L11660" s="5" t="s">
        <v>35646</v>
      </c>
      <c r="M11660" s="2" t="s">
        <v>35647</v>
      </c>
      <c r="N11660" s="5" t="s">
        <v>24254</v>
      </c>
      <c r="O11660" s="5" t="s">
        <v>38</v>
      </c>
      <c r="P11660" s="5" t="s">
        <v>39</v>
      </c>
      <c r="Q11660" s="5" t="s">
        <v>40</v>
      </c>
      <c r="R11660" s="5" t="s">
        <v>24340</v>
      </c>
      <c r="S11660" s="5" t="s">
        <v>40</v>
      </c>
      <c r="T11660" s="5" t="s">
        <v>42</v>
      </c>
      <c r="U11660" s="2">
        <v>5.9649999999999999</v>
      </c>
      <c r="V11660" s="2">
        <v>5.4749999999999996</v>
      </c>
      <c r="W11660" s="2">
        <v>0.02</v>
      </c>
      <c r="X11660" s="2">
        <v>10.7</v>
      </c>
      <c r="Y11660" s="2">
        <v>17</v>
      </c>
      <c r="Z11660" s="2">
        <v>110.6</v>
      </c>
      <c r="AA11660" s="5">
        <v>50</v>
      </c>
      <c r="AB11660" s="5" t="s">
        <v>43</v>
      </c>
      <c r="AC11660" s="5" t="s">
        <v>44</v>
      </c>
      <c r="AD11660" s="2" t="s">
        <v>35834</v>
      </c>
      <c r="AE11660" s="1"/>
    </row>
    <row r="11661" spans="1:31" ht="14.45">
      <c r="A11661" s="11"/>
      <c r="B11661" s="20"/>
      <c r="C11661" s="2" t="s">
        <v>35861</v>
      </c>
      <c r="D11661" s="14" t="s">
        <v>35862</v>
      </c>
      <c r="E11661" s="2" t="s">
        <v>35863</v>
      </c>
      <c r="F11661" s="2" t="s">
        <v>35864</v>
      </c>
      <c r="G11661" s="8">
        <v>230</v>
      </c>
      <c r="H11661" s="5">
        <v>15</v>
      </c>
      <c r="I11661" s="5" t="s">
        <v>69</v>
      </c>
      <c r="J11661" s="5" t="s">
        <v>35646</v>
      </c>
      <c r="K11661" s="2" t="s">
        <v>35647</v>
      </c>
      <c r="L11661" s="5" t="s">
        <v>35646</v>
      </c>
      <c r="M11661" s="2" t="s">
        <v>35647</v>
      </c>
      <c r="N11661" s="5" t="s">
        <v>24254</v>
      </c>
      <c r="O11661" s="5" t="s">
        <v>38</v>
      </c>
      <c r="P11661" s="5" t="s">
        <v>39</v>
      </c>
      <c r="Q11661" s="5" t="s">
        <v>40</v>
      </c>
      <c r="R11661" s="5" t="s">
        <v>25301</v>
      </c>
      <c r="S11661" s="5" t="s">
        <v>40</v>
      </c>
      <c r="T11661" s="5" t="s">
        <v>42</v>
      </c>
      <c r="U11661" s="2">
        <v>5.0810000000000004</v>
      </c>
      <c r="V11661" s="2">
        <v>4.5910000000000002</v>
      </c>
      <c r="W11661" s="2">
        <v>0.02</v>
      </c>
      <c r="X11661" s="2">
        <v>10.7</v>
      </c>
      <c r="Y11661" s="2">
        <v>17</v>
      </c>
      <c r="Z11661" s="2">
        <v>110.6</v>
      </c>
      <c r="AA11661" s="5">
        <v>50</v>
      </c>
      <c r="AB11661" s="5" t="s">
        <v>43</v>
      </c>
      <c r="AC11661" s="5" t="s">
        <v>44</v>
      </c>
      <c r="AD11661" s="2" t="s">
        <v>35811</v>
      </c>
      <c r="AE11661" s="1"/>
    </row>
    <row r="11662" spans="1:31" ht="14.45">
      <c r="A11662" s="11"/>
      <c r="B11662" s="20"/>
      <c r="C11662" s="2" t="s">
        <v>35865</v>
      </c>
      <c r="D11662" s="14" t="s">
        <v>35866</v>
      </c>
      <c r="E11662" s="2" t="s">
        <v>35867</v>
      </c>
      <c r="F11662" s="2" t="s">
        <v>35856</v>
      </c>
      <c r="G11662" s="8">
        <v>90</v>
      </c>
      <c r="H11662" s="5">
        <v>5</v>
      </c>
      <c r="I11662" s="5" t="s">
        <v>69</v>
      </c>
      <c r="J11662" s="5" t="s">
        <v>35646</v>
      </c>
      <c r="K11662" s="2" t="s">
        <v>35647</v>
      </c>
      <c r="L11662" s="5" t="s">
        <v>35646</v>
      </c>
      <c r="M11662" s="2" t="s">
        <v>35647</v>
      </c>
      <c r="N11662" s="5" t="s">
        <v>24254</v>
      </c>
      <c r="O11662" s="5" t="s">
        <v>38</v>
      </c>
      <c r="P11662" s="5" t="s">
        <v>39</v>
      </c>
      <c r="Q11662" s="5" t="s">
        <v>40</v>
      </c>
      <c r="R11662" s="5" t="s">
        <v>24335</v>
      </c>
      <c r="S11662" s="5" t="s">
        <v>40</v>
      </c>
      <c r="T11662" s="5" t="s">
        <v>42</v>
      </c>
      <c r="U11662" s="2">
        <v>3.83</v>
      </c>
      <c r="V11662" s="2">
        <v>3.0630000000000002</v>
      </c>
      <c r="W11662" s="2">
        <v>3.4000000000000002E-2</v>
      </c>
      <c r="X11662" s="2">
        <v>11</v>
      </c>
      <c r="Y11662" s="2">
        <v>27</v>
      </c>
      <c r="Z11662" s="2">
        <v>114.4</v>
      </c>
      <c r="AA11662" s="5">
        <v>10</v>
      </c>
      <c r="AB11662" s="5" t="s">
        <v>43</v>
      </c>
      <c r="AC11662" s="5" t="s">
        <v>44</v>
      </c>
      <c r="AD11662" s="2" t="s">
        <v>35841</v>
      </c>
      <c r="AE11662" s="1"/>
    </row>
    <row r="11663" spans="1:31" ht="14.45">
      <c r="A11663" s="11"/>
      <c r="B11663" s="20"/>
      <c r="C11663" s="2" t="s">
        <v>35868</v>
      </c>
      <c r="D11663" s="14" t="s">
        <v>35869</v>
      </c>
      <c r="E11663" s="2" t="s">
        <v>35870</v>
      </c>
      <c r="F11663" s="2" t="s">
        <v>35856</v>
      </c>
      <c r="G11663" s="8">
        <v>135</v>
      </c>
      <c r="H11663" s="5">
        <v>5</v>
      </c>
      <c r="I11663" s="5" t="s">
        <v>69</v>
      </c>
      <c r="J11663" s="5" t="s">
        <v>35646</v>
      </c>
      <c r="K11663" s="2" t="s">
        <v>35647</v>
      </c>
      <c r="L11663" s="5" t="s">
        <v>35646</v>
      </c>
      <c r="M11663" s="2" t="s">
        <v>35647</v>
      </c>
      <c r="N11663" s="5" t="s">
        <v>24254</v>
      </c>
      <c r="O11663" s="5" t="s">
        <v>38</v>
      </c>
      <c r="P11663" s="5" t="s">
        <v>39</v>
      </c>
      <c r="Q11663" s="5" t="s">
        <v>40</v>
      </c>
      <c r="R11663" s="5" t="s">
        <v>24335</v>
      </c>
      <c r="S11663" s="5" t="s">
        <v>40</v>
      </c>
      <c r="T11663" s="5" t="s">
        <v>42</v>
      </c>
      <c r="U11663" s="2">
        <v>3.1280000000000001</v>
      </c>
      <c r="V11663" s="2">
        <v>2.552</v>
      </c>
      <c r="W11663" s="2">
        <v>3.7999999999999999E-2</v>
      </c>
      <c r="X11663" s="2">
        <v>26.5</v>
      </c>
      <c r="Y11663" s="2">
        <v>11</v>
      </c>
      <c r="Z11663" s="2">
        <v>130.9</v>
      </c>
      <c r="AA11663" s="5">
        <v>10</v>
      </c>
      <c r="AB11663" s="5" t="s">
        <v>43</v>
      </c>
      <c r="AC11663" s="5" t="s">
        <v>44</v>
      </c>
      <c r="AD11663" s="2" t="s">
        <v>35845</v>
      </c>
      <c r="AE11663" s="1"/>
    </row>
    <row r="11664" spans="1:31" ht="14.45">
      <c r="A11664" s="11"/>
      <c r="B11664" s="20"/>
      <c r="C11664" s="2" t="s">
        <v>35871</v>
      </c>
      <c r="D11664" s="14" t="s">
        <v>35872</v>
      </c>
      <c r="E11664" s="2" t="s">
        <v>35873</v>
      </c>
      <c r="F11664" s="2" t="s">
        <v>35860</v>
      </c>
      <c r="G11664" s="8">
        <v>243</v>
      </c>
      <c r="H11664" s="5">
        <v>15</v>
      </c>
      <c r="I11664" s="5" t="s">
        <v>69</v>
      </c>
      <c r="J11664" s="5" t="s">
        <v>35646</v>
      </c>
      <c r="K11664" s="2" t="s">
        <v>35647</v>
      </c>
      <c r="L11664" s="5" t="s">
        <v>35646</v>
      </c>
      <c r="M11664" s="2" t="s">
        <v>35647</v>
      </c>
      <c r="N11664" s="5" t="s">
        <v>24254</v>
      </c>
      <c r="O11664" s="5" t="s">
        <v>38</v>
      </c>
      <c r="P11664" s="5" t="s">
        <v>39</v>
      </c>
      <c r="Q11664" s="5" t="s">
        <v>40</v>
      </c>
      <c r="R11664" s="5" t="s">
        <v>24340</v>
      </c>
      <c r="S11664" s="5" t="s">
        <v>40</v>
      </c>
      <c r="T11664" s="5" t="s">
        <v>42</v>
      </c>
      <c r="U11664" s="2">
        <v>7.1890000000000001</v>
      </c>
      <c r="V11664" s="2">
        <v>6.4269999999999996</v>
      </c>
      <c r="W11664" s="2">
        <v>3.4000000000000002E-2</v>
      </c>
      <c r="X11664" s="2">
        <v>11</v>
      </c>
      <c r="Y11664" s="2">
        <v>27</v>
      </c>
      <c r="Z11664" s="2">
        <v>114.4</v>
      </c>
      <c r="AA11664" s="5">
        <v>10</v>
      </c>
      <c r="AB11664" s="5" t="s">
        <v>43</v>
      </c>
      <c r="AC11664" s="5" t="s">
        <v>44</v>
      </c>
      <c r="AD11664" s="2" t="s">
        <v>35849</v>
      </c>
      <c r="AE11664" s="1"/>
    </row>
    <row r="11665" spans="1:31" ht="14.45">
      <c r="A11665" s="11"/>
      <c r="B11665" s="20"/>
      <c r="C11665" s="2" t="s">
        <v>35874</v>
      </c>
      <c r="D11665" s="14" t="s">
        <v>35875</v>
      </c>
      <c r="E11665" s="2" t="s">
        <v>35876</v>
      </c>
      <c r="F11665" s="2" t="s">
        <v>35860</v>
      </c>
      <c r="G11665" s="8">
        <v>288</v>
      </c>
      <c r="H11665" s="5">
        <v>15</v>
      </c>
      <c r="I11665" s="5" t="s">
        <v>69</v>
      </c>
      <c r="J11665" s="5" t="s">
        <v>35646</v>
      </c>
      <c r="K11665" s="2" t="s">
        <v>35647</v>
      </c>
      <c r="L11665" s="5" t="s">
        <v>35646</v>
      </c>
      <c r="M11665" s="2" t="s">
        <v>35647</v>
      </c>
      <c r="N11665" s="5" t="s">
        <v>24254</v>
      </c>
      <c r="O11665" s="5" t="s">
        <v>38</v>
      </c>
      <c r="P11665" s="5" t="s">
        <v>39</v>
      </c>
      <c r="Q11665" s="5" t="s">
        <v>40</v>
      </c>
      <c r="R11665" s="5" t="s">
        <v>24340</v>
      </c>
      <c r="S11665" s="5" t="s">
        <v>40</v>
      </c>
      <c r="T11665" s="5" t="s">
        <v>42</v>
      </c>
      <c r="U11665" s="2">
        <v>5.3869999999999996</v>
      </c>
      <c r="V11665" s="2">
        <v>4.8159999999999998</v>
      </c>
      <c r="W11665" s="2">
        <v>3.7999999999999999E-2</v>
      </c>
      <c r="X11665" s="2">
        <v>26.5</v>
      </c>
      <c r="Y11665" s="2">
        <v>11</v>
      </c>
      <c r="Z11665" s="2">
        <v>130.9</v>
      </c>
      <c r="AA11665" s="5">
        <v>10</v>
      </c>
      <c r="AB11665" s="5" t="s">
        <v>43</v>
      </c>
      <c r="AC11665" s="5" t="s">
        <v>44</v>
      </c>
      <c r="AD11665" s="2" t="s">
        <v>35816</v>
      </c>
      <c r="AE11665" s="1"/>
    </row>
    <row r="11666" spans="1:31" ht="14.45">
      <c r="A11666" s="11"/>
      <c r="B11666" s="20"/>
      <c r="C11666" s="2" t="s">
        <v>35877</v>
      </c>
      <c r="D11666" s="14" t="s">
        <v>35878</v>
      </c>
      <c r="E11666" s="2" t="s">
        <v>35879</v>
      </c>
      <c r="F11666" s="2" t="s">
        <v>35864</v>
      </c>
      <c r="G11666" s="8">
        <v>243</v>
      </c>
      <c r="H11666" s="5">
        <v>15</v>
      </c>
      <c r="I11666" s="5" t="s">
        <v>69</v>
      </c>
      <c r="J11666" s="5" t="s">
        <v>35646</v>
      </c>
      <c r="K11666" s="2" t="s">
        <v>35647</v>
      </c>
      <c r="L11666" s="5" t="s">
        <v>35646</v>
      </c>
      <c r="M11666" s="2" t="s">
        <v>35647</v>
      </c>
      <c r="N11666" s="5" t="s">
        <v>24254</v>
      </c>
      <c r="O11666" s="5" t="s">
        <v>38</v>
      </c>
      <c r="P11666" s="5" t="s">
        <v>39</v>
      </c>
      <c r="Q11666" s="5" t="s">
        <v>40</v>
      </c>
      <c r="R11666" s="5" t="s">
        <v>25301</v>
      </c>
      <c r="S11666" s="5" t="s">
        <v>40</v>
      </c>
      <c r="T11666" s="5" t="s">
        <v>42</v>
      </c>
      <c r="U11666" s="2">
        <v>6.3049999999999997</v>
      </c>
      <c r="V11666" s="2">
        <v>5.5430000000000001</v>
      </c>
      <c r="W11666" s="2">
        <v>3.4000000000000002E-2</v>
      </c>
      <c r="X11666" s="2">
        <v>11</v>
      </c>
      <c r="Y11666" s="2">
        <v>27</v>
      </c>
      <c r="Z11666" s="2">
        <v>114.4</v>
      </c>
      <c r="AA11666" s="5">
        <v>10</v>
      </c>
      <c r="AB11666" s="5" t="s">
        <v>43</v>
      </c>
      <c r="AC11666" s="5" t="s">
        <v>44</v>
      </c>
      <c r="AD11666" s="2" t="s">
        <v>35821</v>
      </c>
      <c r="AE11666" s="1"/>
    </row>
    <row r="11667" spans="1:31" ht="14.45">
      <c r="A11667" s="11"/>
      <c r="B11667" s="20"/>
      <c r="C11667" s="2" t="s">
        <v>35880</v>
      </c>
      <c r="D11667" s="14" t="s">
        <v>35881</v>
      </c>
      <c r="E11667" s="2" t="s">
        <v>35882</v>
      </c>
      <c r="F11667" s="2" t="s">
        <v>35864</v>
      </c>
      <c r="G11667" s="8">
        <v>288</v>
      </c>
      <c r="H11667" s="5">
        <v>15</v>
      </c>
      <c r="I11667" s="5" t="s">
        <v>69</v>
      </c>
      <c r="J11667" s="5" t="s">
        <v>35646</v>
      </c>
      <c r="K11667" s="2" t="s">
        <v>35647</v>
      </c>
      <c r="L11667" s="5" t="s">
        <v>35646</v>
      </c>
      <c r="M11667" s="2" t="s">
        <v>35647</v>
      </c>
      <c r="N11667" s="5" t="s">
        <v>24254</v>
      </c>
      <c r="O11667" s="5" t="s">
        <v>38</v>
      </c>
      <c r="P11667" s="5" t="s">
        <v>39</v>
      </c>
      <c r="Q11667" s="5" t="s">
        <v>40</v>
      </c>
      <c r="R11667" s="5" t="s">
        <v>25301</v>
      </c>
      <c r="S11667" s="5" t="s">
        <v>40</v>
      </c>
      <c r="T11667" s="5" t="s">
        <v>42</v>
      </c>
      <c r="U11667" s="2">
        <v>4.84</v>
      </c>
      <c r="V11667" s="2">
        <v>4.2690000000000001</v>
      </c>
      <c r="W11667" s="2">
        <v>3.7999999999999999E-2</v>
      </c>
      <c r="X11667" s="2">
        <v>26.5</v>
      </c>
      <c r="Y11667" s="2">
        <v>11</v>
      </c>
      <c r="Z11667" s="2">
        <v>130.9</v>
      </c>
      <c r="AA11667" s="5">
        <v>10</v>
      </c>
      <c r="AB11667" s="5" t="s">
        <v>43</v>
      </c>
      <c r="AC11667" s="5" t="s">
        <v>44</v>
      </c>
      <c r="AD11667" s="2" t="s">
        <v>35826</v>
      </c>
      <c r="AE11667" s="1"/>
    </row>
    <row r="11668" spans="1:31" ht="14.45">
      <c r="A11668" s="5"/>
      <c r="B11668" s="21"/>
      <c r="C11668" s="2" t="s">
        <v>35883</v>
      </c>
      <c r="D11668" s="14" t="s">
        <v>35884</v>
      </c>
      <c r="E11668" s="2" t="s">
        <v>35885</v>
      </c>
      <c r="F11668" s="2" t="s">
        <v>35886</v>
      </c>
      <c r="G11668" s="8">
        <v>96</v>
      </c>
      <c r="H11668" s="5">
        <v>5</v>
      </c>
      <c r="I11668" s="5" t="s">
        <v>69</v>
      </c>
      <c r="J11668" s="5" t="s">
        <v>27074</v>
      </c>
      <c r="K11668" s="2" t="s">
        <v>27075</v>
      </c>
      <c r="L11668" s="5" t="s">
        <v>27074</v>
      </c>
      <c r="M11668" s="2" t="s">
        <v>27075</v>
      </c>
      <c r="N11668" s="5" t="s">
        <v>24254</v>
      </c>
      <c r="O11668" s="5" t="s">
        <v>38</v>
      </c>
      <c r="P11668" s="5" t="s">
        <v>39</v>
      </c>
      <c r="Q11668" s="5" t="s">
        <v>40</v>
      </c>
      <c r="R11668" s="5" t="s">
        <v>24335</v>
      </c>
      <c r="S11668" s="5" t="s">
        <v>40</v>
      </c>
      <c r="T11668" s="5" t="s">
        <v>42</v>
      </c>
      <c r="U11668" s="2">
        <v>2.4620000000000002</v>
      </c>
      <c r="V11668" s="2">
        <v>1.847</v>
      </c>
      <c r="W11668" s="2">
        <v>2.4E-2</v>
      </c>
      <c r="X11668" s="2">
        <v>10.7</v>
      </c>
      <c r="Y11668" s="2">
        <v>17</v>
      </c>
      <c r="Z11668" s="2">
        <v>129.4</v>
      </c>
      <c r="AA11668" s="5">
        <v>50</v>
      </c>
      <c r="AB11668" s="5" t="s">
        <v>43</v>
      </c>
      <c r="AC11668" s="5" t="s">
        <v>44</v>
      </c>
      <c r="AD11668" s="2" t="s">
        <v>35830</v>
      </c>
      <c r="AE11668" s="1"/>
    </row>
    <row r="11669" spans="1:31" ht="14.45">
      <c r="A11669" s="5"/>
      <c r="B11669" s="21"/>
      <c r="C11669" s="2" t="s">
        <v>35887</v>
      </c>
      <c r="D11669" s="14" t="s">
        <v>35888</v>
      </c>
      <c r="E11669" s="2" t="s">
        <v>35889</v>
      </c>
      <c r="F11669" s="2"/>
      <c r="G11669" s="8">
        <v>112</v>
      </c>
      <c r="H11669" s="5">
        <v>5</v>
      </c>
      <c r="I11669" s="5" t="s">
        <v>69</v>
      </c>
      <c r="J11669" s="5" t="s">
        <v>27074</v>
      </c>
      <c r="K11669" s="2" t="s">
        <v>27075</v>
      </c>
      <c r="L11669" s="5" t="s">
        <v>27074</v>
      </c>
      <c r="M11669" s="2" t="s">
        <v>27075</v>
      </c>
      <c r="N11669" s="5" t="s">
        <v>24254</v>
      </c>
      <c r="O11669" s="5" t="s">
        <v>38</v>
      </c>
      <c r="P11669" s="5" t="s">
        <v>39</v>
      </c>
      <c r="Q11669" s="5" t="s">
        <v>40</v>
      </c>
      <c r="R11669" s="5" t="s">
        <v>24335</v>
      </c>
      <c r="S11669" s="5" t="s">
        <v>40</v>
      </c>
      <c r="T11669" s="5" t="s">
        <v>42</v>
      </c>
      <c r="U11669" s="2">
        <v>3.8490000000000002</v>
      </c>
      <c r="V11669" s="2">
        <v>3.1469999999999998</v>
      </c>
      <c r="W11669" s="2">
        <v>3.5000000000000003E-2</v>
      </c>
      <c r="X11669" s="2">
        <v>11</v>
      </c>
      <c r="Y11669" s="2">
        <v>24</v>
      </c>
      <c r="Z11669" s="2">
        <v>130.69999999999999</v>
      </c>
      <c r="AA11669" s="5">
        <v>10</v>
      </c>
      <c r="AB11669" s="5" t="s">
        <v>43</v>
      </c>
      <c r="AC11669" s="5" t="s">
        <v>44</v>
      </c>
      <c r="AD11669" s="2" t="s">
        <v>35841</v>
      </c>
      <c r="AE11669" s="1"/>
    </row>
    <row r="11670" spans="1:31" ht="14.45">
      <c r="A11670" s="5"/>
      <c r="B11670" s="21"/>
      <c r="C11670" s="2" t="s">
        <v>35890</v>
      </c>
      <c r="D11670" s="14" t="s">
        <v>35891</v>
      </c>
      <c r="E11670" s="2" t="s">
        <v>35892</v>
      </c>
      <c r="F11670" s="2" t="s">
        <v>35886</v>
      </c>
      <c r="G11670" s="8">
        <v>168</v>
      </c>
      <c r="H11670" s="5">
        <v>15</v>
      </c>
      <c r="I11670" s="5" t="s">
        <v>69</v>
      </c>
      <c r="J11670" s="5" t="s">
        <v>27074</v>
      </c>
      <c r="K11670" s="2" t="s">
        <v>27075</v>
      </c>
      <c r="L11670" s="5" t="s">
        <v>27074</v>
      </c>
      <c r="M11670" s="2" t="s">
        <v>27075</v>
      </c>
      <c r="N11670" s="5" t="s">
        <v>24254</v>
      </c>
      <c r="O11670" s="5" t="s">
        <v>38</v>
      </c>
      <c r="P11670" s="5" t="s">
        <v>39</v>
      </c>
      <c r="Q11670" s="5" t="s">
        <v>40</v>
      </c>
      <c r="R11670" s="5" t="s">
        <v>24335</v>
      </c>
      <c r="S11670" s="5" t="s">
        <v>40</v>
      </c>
      <c r="T11670" s="5" t="s">
        <v>42</v>
      </c>
      <c r="U11670" s="2">
        <v>3.4239999999999999</v>
      </c>
      <c r="V11670" s="2">
        <v>2.8490000000000002</v>
      </c>
      <c r="W11670" s="2">
        <v>2.4E-2</v>
      </c>
      <c r="X11670" s="2">
        <v>10.7</v>
      </c>
      <c r="Y11670" s="2">
        <v>17</v>
      </c>
      <c r="Z11670" s="2">
        <v>129.4</v>
      </c>
      <c r="AA11670" s="5">
        <v>10</v>
      </c>
      <c r="AB11670" s="5" t="s">
        <v>43</v>
      </c>
      <c r="AC11670" s="5" t="s">
        <v>44</v>
      </c>
      <c r="AD11670" s="2" t="s">
        <v>35845</v>
      </c>
      <c r="AE11670" s="1"/>
    </row>
    <row r="11671" spans="1:31" ht="14.45">
      <c r="A11671" s="11"/>
      <c r="B11671" s="20"/>
      <c r="C11671" s="2" t="s">
        <v>35893</v>
      </c>
      <c r="D11671" s="14" t="s">
        <v>35894</v>
      </c>
      <c r="E11671" s="2" t="s">
        <v>35895</v>
      </c>
      <c r="F11671" s="2" t="s">
        <v>35896</v>
      </c>
      <c r="G11671" s="8">
        <v>77</v>
      </c>
      <c r="H11671" s="5">
        <v>15</v>
      </c>
      <c r="I11671" s="5" t="s">
        <v>69</v>
      </c>
      <c r="J11671" s="5" t="s">
        <v>35646</v>
      </c>
      <c r="K11671" s="2" t="s">
        <v>35647</v>
      </c>
      <c r="L11671" s="5" t="s">
        <v>35646</v>
      </c>
      <c r="M11671" s="2" t="s">
        <v>35647</v>
      </c>
      <c r="N11671" s="5" t="s">
        <v>24254</v>
      </c>
      <c r="O11671" s="5" t="s">
        <v>38</v>
      </c>
      <c r="P11671" s="5" t="s">
        <v>39</v>
      </c>
      <c r="Q11671" s="5" t="s">
        <v>40</v>
      </c>
      <c r="R11671" s="5" t="s">
        <v>24335</v>
      </c>
      <c r="S11671" s="5" t="s">
        <v>40</v>
      </c>
      <c r="T11671" s="5" t="s">
        <v>42</v>
      </c>
      <c r="U11671" s="2">
        <v>1.982</v>
      </c>
      <c r="V11671" s="2">
        <v>1.4059999999999999</v>
      </c>
      <c r="W11671" s="2">
        <v>2.4E-2</v>
      </c>
      <c r="X11671" s="2">
        <v>10.7</v>
      </c>
      <c r="Y11671" s="2">
        <v>17</v>
      </c>
      <c r="Z11671" s="2">
        <v>129.4</v>
      </c>
      <c r="AA11671" s="5">
        <v>50</v>
      </c>
      <c r="AB11671" s="5" t="s">
        <v>43</v>
      </c>
      <c r="AC11671" s="5" t="s">
        <v>44</v>
      </c>
      <c r="AD11671" s="2"/>
      <c r="AE11671" s="1"/>
    </row>
    <row r="11672" spans="1:31" ht="14.45">
      <c r="A11672" s="11"/>
      <c r="B11672" s="20"/>
      <c r="C11672" s="2" t="s">
        <v>35897</v>
      </c>
      <c r="D11672" s="14" t="s">
        <v>35898</v>
      </c>
      <c r="E11672" s="2" t="s">
        <v>35899</v>
      </c>
      <c r="F11672" s="2" t="s">
        <v>35900</v>
      </c>
      <c r="G11672" s="8">
        <v>90</v>
      </c>
      <c r="H11672" s="5">
        <v>15</v>
      </c>
      <c r="I11672" s="5" t="s">
        <v>69</v>
      </c>
      <c r="J11672" s="5" t="s">
        <v>35646</v>
      </c>
      <c r="K11672" s="2" t="s">
        <v>35647</v>
      </c>
      <c r="L11672" s="5" t="s">
        <v>35646</v>
      </c>
      <c r="M11672" s="2" t="s">
        <v>35647</v>
      </c>
      <c r="N11672" s="5" t="s">
        <v>24254</v>
      </c>
      <c r="O11672" s="5" t="s">
        <v>38</v>
      </c>
      <c r="P11672" s="5" t="s">
        <v>39</v>
      </c>
      <c r="Q11672" s="5" t="s">
        <v>40</v>
      </c>
      <c r="R11672" s="5" t="s">
        <v>24335</v>
      </c>
      <c r="S11672" s="5" t="s">
        <v>40</v>
      </c>
      <c r="T11672" s="5" t="s">
        <v>42</v>
      </c>
      <c r="U11672" s="2">
        <v>3.0059999999999998</v>
      </c>
      <c r="V11672" s="2">
        <v>2.4300000000000002</v>
      </c>
      <c r="W11672" s="2">
        <v>2.4E-2</v>
      </c>
      <c r="X11672" s="2">
        <v>10.7</v>
      </c>
      <c r="Y11672" s="2">
        <v>17</v>
      </c>
      <c r="Z11672" s="2">
        <v>129.4</v>
      </c>
      <c r="AA11672" s="5">
        <v>10</v>
      </c>
      <c r="AB11672" s="5" t="s">
        <v>43</v>
      </c>
      <c r="AC11672" s="5" t="s">
        <v>44</v>
      </c>
      <c r="AD11672" s="2"/>
      <c r="AE11672" s="1"/>
    </row>
    <row r="11673" spans="1:31" ht="14.45">
      <c r="A11673" s="11"/>
      <c r="B11673" s="20"/>
      <c r="C11673" s="2" t="s">
        <v>35901</v>
      </c>
      <c r="D11673" s="14" t="s">
        <v>35902</v>
      </c>
      <c r="E11673" s="2" t="s">
        <v>35903</v>
      </c>
      <c r="F11673" s="2" t="s">
        <v>35900</v>
      </c>
      <c r="G11673" s="8">
        <v>135</v>
      </c>
      <c r="H11673" s="5">
        <v>10</v>
      </c>
      <c r="I11673" s="5" t="s">
        <v>69</v>
      </c>
      <c r="J11673" s="5" t="s">
        <v>35646</v>
      </c>
      <c r="K11673" s="2" t="s">
        <v>35647</v>
      </c>
      <c r="L11673" s="5" t="s">
        <v>35646</v>
      </c>
      <c r="M11673" s="2" t="s">
        <v>35647</v>
      </c>
      <c r="N11673" s="5" t="s">
        <v>24254</v>
      </c>
      <c r="O11673" s="5" t="s">
        <v>38</v>
      </c>
      <c r="P11673" s="5" t="s">
        <v>39</v>
      </c>
      <c r="Q11673" s="5" t="s">
        <v>40</v>
      </c>
      <c r="R11673" s="5" t="s">
        <v>24335</v>
      </c>
      <c r="S11673" s="5" t="s">
        <v>40</v>
      </c>
      <c r="T11673" s="5" t="s">
        <v>42</v>
      </c>
      <c r="U11673" s="2">
        <v>3.0880000000000001</v>
      </c>
      <c r="V11673" s="2">
        <v>2.512</v>
      </c>
      <c r="W11673" s="2">
        <v>3.7999999999999999E-2</v>
      </c>
      <c r="X11673" s="2">
        <v>26.5</v>
      </c>
      <c r="Y11673" s="2">
        <v>11</v>
      </c>
      <c r="Z11673" s="2">
        <v>130.9</v>
      </c>
      <c r="AA11673" s="5">
        <v>10</v>
      </c>
      <c r="AB11673" s="5" t="s">
        <v>43</v>
      </c>
      <c r="AC11673" s="5" t="s">
        <v>44</v>
      </c>
      <c r="AD11673" s="2"/>
      <c r="AE11673" s="1"/>
    </row>
    <row r="11674" spans="1:31" ht="14.45">
      <c r="A11674" s="11"/>
      <c r="B11674" s="20"/>
      <c r="C11674" s="2" t="s">
        <v>35904</v>
      </c>
      <c r="D11674" s="14" t="s">
        <v>35905</v>
      </c>
      <c r="E11674" s="2" t="s">
        <v>35906</v>
      </c>
      <c r="F11674" s="2" t="s">
        <v>24251</v>
      </c>
      <c r="G11674" s="8">
        <v>77</v>
      </c>
      <c r="H11674" s="5">
        <v>5</v>
      </c>
      <c r="I11674" s="5" t="s">
        <v>69</v>
      </c>
      <c r="J11674" s="5" t="s">
        <v>35646</v>
      </c>
      <c r="K11674" s="2" t="s">
        <v>35647</v>
      </c>
      <c r="L11674" s="5" t="s">
        <v>35646</v>
      </c>
      <c r="M11674" s="2" t="s">
        <v>35647</v>
      </c>
      <c r="N11674" s="5" t="s">
        <v>24254</v>
      </c>
      <c r="O11674" s="5" t="s">
        <v>38</v>
      </c>
      <c r="P11674" s="5" t="s">
        <v>39</v>
      </c>
      <c r="Q11674" s="5" t="s">
        <v>40</v>
      </c>
      <c r="R11674" s="5" t="s">
        <v>24335</v>
      </c>
      <c r="S11674" s="5" t="s">
        <v>40</v>
      </c>
      <c r="T11674" s="5" t="s">
        <v>42</v>
      </c>
      <c r="U11674" s="2">
        <v>2.0630000000000002</v>
      </c>
      <c r="V11674" s="2">
        <v>1.5660000000000001</v>
      </c>
      <c r="W11674" s="2">
        <v>0.02</v>
      </c>
      <c r="X11674" s="2">
        <v>10.7</v>
      </c>
      <c r="Y11674" s="2">
        <v>17</v>
      </c>
      <c r="Z11674" s="2">
        <v>110.6</v>
      </c>
      <c r="AA11674" s="5">
        <v>50</v>
      </c>
      <c r="AB11674" s="5" t="s">
        <v>43</v>
      </c>
      <c r="AC11674" s="5" t="s">
        <v>44</v>
      </c>
      <c r="AD11674" s="2" t="s">
        <v>35830</v>
      </c>
      <c r="AE11674" s="1"/>
    </row>
    <row r="11675" spans="1:31" ht="14.45">
      <c r="A11675" s="11"/>
      <c r="B11675" s="20"/>
      <c r="C11675" s="2" t="s">
        <v>35907</v>
      </c>
      <c r="D11675" s="14" t="s">
        <v>35908</v>
      </c>
      <c r="E11675" s="2" t="s">
        <v>35909</v>
      </c>
      <c r="F11675" s="2" t="s">
        <v>24251</v>
      </c>
      <c r="G11675" s="8">
        <v>90</v>
      </c>
      <c r="H11675" s="5">
        <v>5</v>
      </c>
      <c r="I11675" s="5" t="s">
        <v>69</v>
      </c>
      <c r="J11675" s="5" t="s">
        <v>35646</v>
      </c>
      <c r="K11675" s="2" t="s">
        <v>35647</v>
      </c>
      <c r="L11675" s="5" t="s">
        <v>35646</v>
      </c>
      <c r="M11675" s="2" t="s">
        <v>35647</v>
      </c>
      <c r="N11675" s="5" t="s">
        <v>24254</v>
      </c>
      <c r="O11675" s="5" t="s">
        <v>38</v>
      </c>
      <c r="P11675" s="5" t="s">
        <v>39</v>
      </c>
      <c r="Q11675" s="5" t="s">
        <v>40</v>
      </c>
      <c r="R11675" s="5" t="s">
        <v>24335</v>
      </c>
      <c r="S11675" s="5" t="s">
        <v>40</v>
      </c>
      <c r="T11675" s="5" t="s">
        <v>42</v>
      </c>
      <c r="U11675" s="2">
        <v>3.2530000000000001</v>
      </c>
      <c r="V11675" s="2">
        <v>2.59</v>
      </c>
      <c r="W11675" s="2">
        <v>3.5000000000000003E-2</v>
      </c>
      <c r="X11675" s="2">
        <v>11</v>
      </c>
      <c r="Y11675" s="2">
        <v>24</v>
      </c>
      <c r="Z11675" s="2">
        <v>130.69999999999999</v>
      </c>
      <c r="AA11675" s="5">
        <v>10</v>
      </c>
      <c r="AB11675" s="5" t="s">
        <v>43</v>
      </c>
      <c r="AC11675" s="5" t="s">
        <v>44</v>
      </c>
      <c r="AD11675" s="2" t="s">
        <v>35841</v>
      </c>
      <c r="AE11675" s="1"/>
    </row>
    <row r="11676" spans="1:31" ht="14.45">
      <c r="A11676" s="11"/>
      <c r="B11676" s="20"/>
      <c r="C11676" s="2" t="s">
        <v>35910</v>
      </c>
      <c r="D11676" s="14" t="s">
        <v>35911</v>
      </c>
      <c r="E11676" s="2" t="s">
        <v>35912</v>
      </c>
      <c r="F11676" s="2" t="s">
        <v>24251</v>
      </c>
      <c r="G11676" s="8">
        <v>135</v>
      </c>
      <c r="H11676" s="5">
        <v>10</v>
      </c>
      <c r="I11676" s="5" t="s">
        <v>69</v>
      </c>
      <c r="J11676" s="5" t="s">
        <v>35646</v>
      </c>
      <c r="K11676" s="2" t="s">
        <v>35647</v>
      </c>
      <c r="L11676" s="5" t="s">
        <v>35646</v>
      </c>
      <c r="M11676" s="2" t="s">
        <v>35647</v>
      </c>
      <c r="N11676" s="5" t="s">
        <v>24254</v>
      </c>
      <c r="O11676" s="5" t="s">
        <v>38</v>
      </c>
      <c r="P11676" s="5" t="s">
        <v>39</v>
      </c>
      <c r="Q11676" s="5" t="s">
        <v>40</v>
      </c>
      <c r="R11676" s="5" t="s">
        <v>24335</v>
      </c>
      <c r="S11676" s="5" t="s">
        <v>40</v>
      </c>
      <c r="T11676" s="5" t="s">
        <v>42</v>
      </c>
      <c r="U11676" s="2">
        <v>3.1269999999999998</v>
      </c>
      <c r="V11676" s="2">
        <v>2.5510000000000002</v>
      </c>
      <c r="W11676" s="2">
        <v>3.7999999999999999E-2</v>
      </c>
      <c r="X11676" s="2">
        <v>26.5</v>
      </c>
      <c r="Y11676" s="2">
        <v>11</v>
      </c>
      <c r="Z11676" s="2">
        <v>130.9</v>
      </c>
      <c r="AA11676" s="5">
        <v>10</v>
      </c>
      <c r="AB11676" s="5" t="s">
        <v>43</v>
      </c>
      <c r="AC11676" s="5" t="s">
        <v>44</v>
      </c>
      <c r="AD11676" s="2" t="s">
        <v>35845</v>
      </c>
      <c r="AE11676" s="1"/>
    </row>
    <row r="11677" spans="1:31" ht="14.45">
      <c r="A11677" s="11"/>
      <c r="B11677" s="20"/>
      <c r="C11677" s="2" t="s">
        <v>35913</v>
      </c>
      <c r="D11677" s="14" t="s">
        <v>35914</v>
      </c>
      <c r="E11677" s="2" t="s">
        <v>35915</v>
      </c>
      <c r="F11677" s="2" t="s">
        <v>24414</v>
      </c>
      <c r="G11677" s="8">
        <v>77</v>
      </c>
      <c r="H11677" s="5">
        <v>5</v>
      </c>
      <c r="I11677" s="5" t="s">
        <v>69</v>
      </c>
      <c r="J11677" s="5" t="s">
        <v>35646</v>
      </c>
      <c r="K11677" s="2" t="s">
        <v>35647</v>
      </c>
      <c r="L11677" s="5" t="s">
        <v>35646</v>
      </c>
      <c r="M11677" s="2" t="s">
        <v>35647</v>
      </c>
      <c r="N11677" s="5" t="s">
        <v>24254</v>
      </c>
      <c r="O11677" s="5" t="s">
        <v>38</v>
      </c>
      <c r="P11677" s="5" t="s">
        <v>39</v>
      </c>
      <c r="Q11677" s="5" t="s">
        <v>40</v>
      </c>
      <c r="R11677" s="5" t="s">
        <v>24335</v>
      </c>
      <c r="S11677" s="5" t="s">
        <v>40</v>
      </c>
      <c r="T11677" s="5" t="s">
        <v>42</v>
      </c>
      <c r="U11677" s="2">
        <v>1.9510000000000001</v>
      </c>
      <c r="V11677" s="2">
        <v>1.454</v>
      </c>
      <c r="W11677" s="2">
        <v>0.02</v>
      </c>
      <c r="X11677" s="2">
        <v>10.7</v>
      </c>
      <c r="Y11677" s="2">
        <v>17</v>
      </c>
      <c r="Z11677" s="2">
        <v>110.6</v>
      </c>
      <c r="AA11677" s="5">
        <v>50</v>
      </c>
      <c r="AB11677" s="5" t="s">
        <v>43</v>
      </c>
      <c r="AC11677" s="5" t="s">
        <v>44</v>
      </c>
      <c r="AD11677" s="2" t="s">
        <v>35830</v>
      </c>
      <c r="AE11677" s="1"/>
    </row>
    <row r="11678" spans="1:31" ht="14.45">
      <c r="A11678" s="11"/>
      <c r="B11678" s="20"/>
      <c r="C11678" s="2" t="s">
        <v>35916</v>
      </c>
      <c r="D11678" s="14" t="s">
        <v>35917</v>
      </c>
      <c r="E11678" s="2" t="s">
        <v>35918</v>
      </c>
      <c r="F11678" s="2" t="s">
        <v>35919</v>
      </c>
      <c r="G11678" s="8">
        <v>230</v>
      </c>
      <c r="H11678" s="5">
        <v>15</v>
      </c>
      <c r="I11678" s="5" t="s">
        <v>69</v>
      </c>
      <c r="J11678" s="5" t="s">
        <v>35646</v>
      </c>
      <c r="K11678" s="2" t="s">
        <v>35647</v>
      </c>
      <c r="L11678" s="5" t="s">
        <v>35646</v>
      </c>
      <c r="M11678" s="2" t="s">
        <v>35647</v>
      </c>
      <c r="N11678" s="5" t="s">
        <v>24254</v>
      </c>
      <c r="O11678" s="5" t="s">
        <v>38</v>
      </c>
      <c r="P11678" s="5" t="s">
        <v>39</v>
      </c>
      <c r="Q11678" s="5" t="s">
        <v>40</v>
      </c>
      <c r="R11678" s="5" t="s">
        <v>24340</v>
      </c>
      <c r="S11678" s="5" t="s">
        <v>40</v>
      </c>
      <c r="T11678" s="5" t="s">
        <v>42</v>
      </c>
      <c r="U11678" s="2">
        <v>3.988</v>
      </c>
      <c r="V11678" s="2">
        <v>3.496</v>
      </c>
      <c r="W11678" s="2">
        <v>0.02</v>
      </c>
      <c r="X11678" s="2">
        <v>10.7</v>
      </c>
      <c r="Y11678" s="2">
        <v>17</v>
      </c>
      <c r="Z11678" s="2">
        <v>110.6</v>
      </c>
      <c r="AA11678" s="5">
        <v>50</v>
      </c>
      <c r="AB11678" s="5" t="s">
        <v>43</v>
      </c>
      <c r="AC11678" s="5" t="s">
        <v>44</v>
      </c>
      <c r="AD11678" s="2" t="s">
        <v>35834</v>
      </c>
      <c r="AE11678" s="1"/>
    </row>
    <row r="11679" spans="1:31" ht="14.45">
      <c r="A11679" s="11"/>
      <c r="B11679" s="20"/>
      <c r="C11679" s="2" t="s">
        <v>35920</v>
      </c>
      <c r="D11679" s="14" t="s">
        <v>35921</v>
      </c>
      <c r="E11679" s="2" t="s">
        <v>35922</v>
      </c>
      <c r="F11679" s="2" t="s">
        <v>35923</v>
      </c>
      <c r="G11679" s="8">
        <v>230</v>
      </c>
      <c r="H11679" s="5">
        <v>15</v>
      </c>
      <c r="I11679" s="5" t="s">
        <v>69</v>
      </c>
      <c r="J11679" s="5" t="s">
        <v>35646</v>
      </c>
      <c r="K11679" s="2" t="s">
        <v>35647</v>
      </c>
      <c r="L11679" s="5" t="s">
        <v>35646</v>
      </c>
      <c r="M11679" s="2" t="s">
        <v>35647</v>
      </c>
      <c r="N11679" s="5" t="s">
        <v>24254</v>
      </c>
      <c r="O11679" s="5" t="s">
        <v>38</v>
      </c>
      <c r="P11679" s="5" t="s">
        <v>39</v>
      </c>
      <c r="Q11679" s="5" t="s">
        <v>40</v>
      </c>
      <c r="R11679" s="5" t="s">
        <v>25301</v>
      </c>
      <c r="S11679" s="5" t="s">
        <v>40</v>
      </c>
      <c r="T11679" s="5" t="s">
        <v>42</v>
      </c>
      <c r="U11679" s="2">
        <v>3.4550000000000001</v>
      </c>
      <c r="V11679" s="2">
        <v>2.9630000000000001</v>
      </c>
      <c r="W11679" s="2">
        <v>0.02</v>
      </c>
      <c r="X11679" s="2">
        <v>10.7</v>
      </c>
      <c r="Y11679" s="2">
        <v>17</v>
      </c>
      <c r="Z11679" s="2">
        <v>110.6</v>
      </c>
      <c r="AA11679" s="5">
        <v>50</v>
      </c>
      <c r="AB11679" s="5" t="s">
        <v>43</v>
      </c>
      <c r="AC11679" s="5" t="s">
        <v>44</v>
      </c>
      <c r="AD11679" s="2" t="s">
        <v>35811</v>
      </c>
      <c r="AE11679" s="1"/>
    </row>
    <row r="11680" spans="1:31" ht="14.45">
      <c r="A11680" s="11"/>
      <c r="B11680" s="20"/>
      <c r="C11680" s="2" t="s">
        <v>35924</v>
      </c>
      <c r="D11680" s="14" t="s">
        <v>35925</v>
      </c>
      <c r="E11680" s="2" t="s">
        <v>35926</v>
      </c>
      <c r="F11680" s="2" t="s">
        <v>35927</v>
      </c>
      <c r="G11680" s="8">
        <v>90</v>
      </c>
      <c r="H11680" s="5">
        <v>5</v>
      </c>
      <c r="I11680" s="5" t="s">
        <v>69</v>
      </c>
      <c r="J11680" s="5" t="s">
        <v>35646</v>
      </c>
      <c r="K11680" s="2" t="s">
        <v>35647</v>
      </c>
      <c r="L11680" s="5" t="s">
        <v>35646</v>
      </c>
      <c r="M11680" s="2" t="s">
        <v>35647</v>
      </c>
      <c r="N11680" s="5" t="s">
        <v>24254</v>
      </c>
      <c r="O11680" s="5" t="s">
        <v>38</v>
      </c>
      <c r="P11680" s="5" t="s">
        <v>39</v>
      </c>
      <c r="Q11680" s="5" t="s">
        <v>40</v>
      </c>
      <c r="R11680" s="5" t="s">
        <v>24335</v>
      </c>
      <c r="S11680" s="5" t="s">
        <v>40</v>
      </c>
      <c r="T11680" s="5" t="s">
        <v>42</v>
      </c>
      <c r="U11680" s="2">
        <v>3.1720000000000002</v>
      </c>
      <c r="V11680" s="2">
        <v>2.4780000000000002</v>
      </c>
      <c r="W11680" s="2">
        <v>2.1000000000000001E-2</v>
      </c>
      <c r="X11680" s="2">
        <v>10.7</v>
      </c>
      <c r="Y11680" s="2">
        <v>17</v>
      </c>
      <c r="Z11680" s="2">
        <v>114.4</v>
      </c>
      <c r="AA11680" s="5">
        <v>10</v>
      </c>
      <c r="AB11680" s="5" t="s">
        <v>43</v>
      </c>
      <c r="AC11680" s="5" t="s">
        <v>44</v>
      </c>
      <c r="AD11680" s="2" t="s">
        <v>35841</v>
      </c>
      <c r="AE11680" s="1"/>
    </row>
    <row r="11681" spans="1:31" ht="14.45">
      <c r="A11681" s="11"/>
      <c r="B11681" s="20"/>
      <c r="C11681" s="2" t="s">
        <v>35928</v>
      </c>
      <c r="D11681" s="14" t="s">
        <v>35929</v>
      </c>
      <c r="E11681" s="2" t="s">
        <v>35930</v>
      </c>
      <c r="F11681" s="2" t="s">
        <v>24414</v>
      </c>
      <c r="G11681" s="8">
        <v>135</v>
      </c>
      <c r="H11681" s="5">
        <v>5</v>
      </c>
      <c r="I11681" s="5" t="s">
        <v>69</v>
      </c>
      <c r="J11681" s="5" t="s">
        <v>35646</v>
      </c>
      <c r="K11681" s="2" t="s">
        <v>35647</v>
      </c>
      <c r="L11681" s="5" t="s">
        <v>35646</v>
      </c>
      <c r="M11681" s="2" t="s">
        <v>35647</v>
      </c>
      <c r="N11681" s="5" t="s">
        <v>24254</v>
      </c>
      <c r="O11681" s="5" t="s">
        <v>38</v>
      </c>
      <c r="P11681" s="5" t="s">
        <v>39</v>
      </c>
      <c r="Q11681" s="5" t="s">
        <v>40</v>
      </c>
      <c r="R11681" s="5" t="s">
        <v>24335</v>
      </c>
      <c r="S11681" s="5" t="s">
        <v>40</v>
      </c>
      <c r="T11681" s="5" t="s">
        <v>42</v>
      </c>
      <c r="U11681" s="2">
        <v>3.052</v>
      </c>
      <c r="V11681" s="2">
        <v>2.4780000000000002</v>
      </c>
      <c r="W11681" s="2">
        <v>3.7999999999999999E-2</v>
      </c>
      <c r="X11681" s="2">
        <v>26.5</v>
      </c>
      <c r="Y11681" s="2">
        <v>11</v>
      </c>
      <c r="Z11681" s="2">
        <v>130.9</v>
      </c>
      <c r="AA11681" s="5">
        <v>10</v>
      </c>
      <c r="AB11681" s="5" t="s">
        <v>43</v>
      </c>
      <c r="AC11681" s="5" t="s">
        <v>44</v>
      </c>
      <c r="AD11681" s="2" t="s">
        <v>35845</v>
      </c>
      <c r="AE11681" s="1"/>
    </row>
    <row r="11682" spans="1:31" ht="14.45">
      <c r="A11682" s="11"/>
      <c r="B11682" s="20"/>
      <c r="C11682" s="2" t="s">
        <v>35931</v>
      </c>
      <c r="D11682" s="14" t="s">
        <v>35932</v>
      </c>
      <c r="E11682" s="2" t="s">
        <v>35933</v>
      </c>
      <c r="F11682" s="2" t="s">
        <v>35919</v>
      </c>
      <c r="G11682" s="8">
        <v>243</v>
      </c>
      <c r="H11682" s="5">
        <v>15</v>
      </c>
      <c r="I11682" s="5" t="s">
        <v>69</v>
      </c>
      <c r="J11682" s="5" t="s">
        <v>35646</v>
      </c>
      <c r="K11682" s="2" t="s">
        <v>35647</v>
      </c>
      <c r="L11682" s="5" t="s">
        <v>35646</v>
      </c>
      <c r="M11682" s="2" t="s">
        <v>35647</v>
      </c>
      <c r="N11682" s="5" t="s">
        <v>24254</v>
      </c>
      <c r="O11682" s="5" t="s">
        <v>38</v>
      </c>
      <c r="P11682" s="5" t="s">
        <v>39</v>
      </c>
      <c r="Q11682" s="5" t="s">
        <v>40</v>
      </c>
      <c r="R11682" s="5" t="s">
        <v>24340</v>
      </c>
      <c r="S11682" s="5" t="s">
        <v>40</v>
      </c>
      <c r="T11682" s="5" t="s">
        <v>42</v>
      </c>
      <c r="U11682" s="2">
        <v>5.2089999999999996</v>
      </c>
      <c r="V11682" s="2">
        <v>4.5199999999999996</v>
      </c>
      <c r="W11682" s="2">
        <v>3.5000000000000003E-2</v>
      </c>
      <c r="X11682" s="2">
        <v>11</v>
      </c>
      <c r="Y11682" s="2">
        <v>24</v>
      </c>
      <c r="Z11682" s="2">
        <v>130.69999999999999</v>
      </c>
      <c r="AA11682" s="5">
        <v>10</v>
      </c>
      <c r="AB11682" s="5" t="s">
        <v>43</v>
      </c>
      <c r="AC11682" s="5" t="s">
        <v>44</v>
      </c>
      <c r="AD11682" s="2" t="s">
        <v>35849</v>
      </c>
      <c r="AE11682" s="1"/>
    </row>
    <row r="11683" spans="1:31" ht="14.45">
      <c r="A11683" s="11"/>
      <c r="B11683" s="20"/>
      <c r="C11683" s="2" t="s">
        <v>35934</v>
      </c>
      <c r="D11683" s="14" t="s">
        <v>35935</v>
      </c>
      <c r="E11683" s="2" t="s">
        <v>35936</v>
      </c>
      <c r="F11683" s="2" t="s">
        <v>35919</v>
      </c>
      <c r="G11683" s="8">
        <v>288</v>
      </c>
      <c r="H11683" s="5">
        <v>15</v>
      </c>
      <c r="I11683" s="5" t="s">
        <v>69</v>
      </c>
      <c r="J11683" s="5" t="s">
        <v>35646</v>
      </c>
      <c r="K11683" s="2" t="s">
        <v>35647</v>
      </c>
      <c r="L11683" s="5" t="s">
        <v>35646</v>
      </c>
      <c r="M11683" s="2" t="s">
        <v>35647</v>
      </c>
      <c r="N11683" s="5" t="s">
        <v>24254</v>
      </c>
      <c r="O11683" s="5" t="s">
        <v>38</v>
      </c>
      <c r="P11683" s="5" t="s">
        <v>39</v>
      </c>
      <c r="Q11683" s="5" t="s">
        <v>40</v>
      </c>
      <c r="R11683" s="5" t="s">
        <v>24340</v>
      </c>
      <c r="S11683" s="5" t="s">
        <v>40</v>
      </c>
      <c r="T11683" s="5" t="s">
        <v>42</v>
      </c>
      <c r="U11683" s="2">
        <v>5.1689999999999996</v>
      </c>
      <c r="V11683" s="2">
        <v>4.5999999999999996</v>
      </c>
      <c r="W11683" s="2">
        <v>3.7999999999999999E-2</v>
      </c>
      <c r="X11683" s="2">
        <v>26.5</v>
      </c>
      <c r="Y11683" s="2">
        <v>11</v>
      </c>
      <c r="Z11683" s="2">
        <v>130.9</v>
      </c>
      <c r="AA11683" s="5">
        <v>10</v>
      </c>
      <c r="AB11683" s="5" t="s">
        <v>43</v>
      </c>
      <c r="AC11683" s="5" t="s">
        <v>44</v>
      </c>
      <c r="AD11683" s="2" t="s">
        <v>35816</v>
      </c>
      <c r="AE11683" s="1"/>
    </row>
    <row r="11684" spans="1:31" ht="14.45">
      <c r="A11684" s="11"/>
      <c r="B11684" s="20"/>
      <c r="C11684" s="2" t="s">
        <v>35937</v>
      </c>
      <c r="D11684" s="14" t="s">
        <v>35938</v>
      </c>
      <c r="E11684" s="2" t="s">
        <v>35939</v>
      </c>
      <c r="F11684" s="2" t="s">
        <v>35923</v>
      </c>
      <c r="G11684" s="8">
        <v>243</v>
      </c>
      <c r="H11684" s="5">
        <v>15</v>
      </c>
      <c r="I11684" s="5" t="s">
        <v>69</v>
      </c>
      <c r="J11684" s="5" t="s">
        <v>35646</v>
      </c>
      <c r="K11684" s="2" t="s">
        <v>35647</v>
      </c>
      <c r="L11684" s="5" t="s">
        <v>35646</v>
      </c>
      <c r="M11684" s="2" t="s">
        <v>35647</v>
      </c>
      <c r="N11684" s="5" t="s">
        <v>24254</v>
      </c>
      <c r="O11684" s="5" t="s">
        <v>38</v>
      </c>
      <c r="P11684" s="5" t="s">
        <v>39</v>
      </c>
      <c r="Q11684" s="5" t="s">
        <v>40</v>
      </c>
      <c r="R11684" s="5" t="s">
        <v>25301</v>
      </c>
      <c r="S11684" s="5" t="s">
        <v>40</v>
      </c>
      <c r="T11684" s="5" t="s">
        <v>42</v>
      </c>
      <c r="U11684" s="2">
        <v>4.6760000000000002</v>
      </c>
      <c r="V11684" s="2">
        <v>3.9870000000000001</v>
      </c>
      <c r="W11684" s="2">
        <v>3.5000000000000003E-2</v>
      </c>
      <c r="X11684" s="2">
        <v>11</v>
      </c>
      <c r="Y11684" s="2">
        <v>24</v>
      </c>
      <c r="Z11684" s="2">
        <v>130.69999999999999</v>
      </c>
      <c r="AA11684" s="5">
        <v>10</v>
      </c>
      <c r="AB11684" s="5" t="s">
        <v>43</v>
      </c>
      <c r="AC11684" s="5" t="s">
        <v>44</v>
      </c>
      <c r="AD11684" s="2" t="s">
        <v>35821</v>
      </c>
      <c r="AE11684" s="1"/>
    </row>
    <row r="11685" spans="1:31" ht="14.45">
      <c r="A11685" s="11"/>
      <c r="B11685" s="20"/>
      <c r="C11685" s="2" t="s">
        <v>35940</v>
      </c>
      <c r="D11685" s="14" t="s">
        <v>35941</v>
      </c>
      <c r="E11685" s="2" t="s">
        <v>35942</v>
      </c>
      <c r="F11685" s="2" t="s">
        <v>35923</v>
      </c>
      <c r="G11685" s="8">
        <v>288</v>
      </c>
      <c r="H11685" s="5">
        <v>15</v>
      </c>
      <c r="I11685" s="5" t="s">
        <v>69</v>
      </c>
      <c r="J11685" s="5" t="s">
        <v>35646</v>
      </c>
      <c r="K11685" s="2" t="s">
        <v>35647</v>
      </c>
      <c r="L11685" s="5" t="s">
        <v>35646</v>
      </c>
      <c r="M11685" s="2" t="s">
        <v>35647</v>
      </c>
      <c r="N11685" s="5" t="s">
        <v>24254</v>
      </c>
      <c r="O11685" s="5" t="s">
        <v>38</v>
      </c>
      <c r="P11685" s="5" t="s">
        <v>39</v>
      </c>
      <c r="Q11685" s="5" t="s">
        <v>40</v>
      </c>
      <c r="R11685" s="5" t="s">
        <v>25301</v>
      </c>
      <c r="S11685" s="5" t="s">
        <v>40</v>
      </c>
      <c r="T11685" s="5" t="s">
        <v>42</v>
      </c>
      <c r="U11685" s="2">
        <v>4.67</v>
      </c>
      <c r="V11685" s="2">
        <v>4.101</v>
      </c>
      <c r="W11685" s="2">
        <v>3.7999999999999999E-2</v>
      </c>
      <c r="X11685" s="2">
        <v>26.5</v>
      </c>
      <c r="Y11685" s="2">
        <v>11</v>
      </c>
      <c r="Z11685" s="2">
        <v>130.9</v>
      </c>
      <c r="AA11685" s="5">
        <v>10</v>
      </c>
      <c r="AB11685" s="5" t="s">
        <v>43</v>
      </c>
      <c r="AC11685" s="5" t="s">
        <v>44</v>
      </c>
      <c r="AD11685" s="2" t="s">
        <v>35826</v>
      </c>
      <c r="AE11685" s="1"/>
    </row>
    <row r="11686" spans="1:31" ht="14.45">
      <c r="A11686" s="11"/>
      <c r="B11686" s="20"/>
      <c r="C11686" s="2" t="s">
        <v>35943</v>
      </c>
      <c r="D11686" s="14" t="s">
        <v>35944</v>
      </c>
      <c r="E11686" s="2" t="s">
        <v>35945</v>
      </c>
      <c r="F11686" s="2"/>
      <c r="G11686" s="8">
        <v>130</v>
      </c>
      <c r="H11686" s="5">
        <v>5</v>
      </c>
      <c r="I11686" s="5" t="s">
        <v>69</v>
      </c>
      <c r="J11686" s="5" t="s">
        <v>24629</v>
      </c>
      <c r="K11686" s="2" t="s">
        <v>24630</v>
      </c>
      <c r="L11686" s="5" t="s">
        <v>24629</v>
      </c>
      <c r="M11686" s="2" t="s">
        <v>24630</v>
      </c>
      <c r="N11686" s="5" t="s">
        <v>24254</v>
      </c>
      <c r="O11686" s="5" t="s">
        <v>38</v>
      </c>
      <c r="P11686" s="5" t="s">
        <v>39</v>
      </c>
      <c r="Q11686" s="5" t="s">
        <v>40</v>
      </c>
      <c r="R11686" s="5" t="s">
        <v>24335</v>
      </c>
      <c r="S11686" s="5" t="s">
        <v>40</v>
      </c>
      <c r="T11686" s="5" t="s">
        <v>42</v>
      </c>
      <c r="U11686" s="2">
        <v>6.5970000000000004</v>
      </c>
      <c r="V11686" s="2">
        <v>5.2949999999999999</v>
      </c>
      <c r="W11686" s="2">
        <v>8.5999999999999993E-2</v>
      </c>
      <c r="X11686" s="2">
        <v>15</v>
      </c>
      <c r="Y11686" s="2">
        <v>50</v>
      </c>
      <c r="Z11686" s="2">
        <v>114.9</v>
      </c>
      <c r="AA11686" s="5">
        <v>16</v>
      </c>
      <c r="AB11686" s="5" t="s">
        <v>43</v>
      </c>
      <c r="AC11686" s="5" t="s">
        <v>44</v>
      </c>
      <c r="AD11686" s="2" t="s">
        <v>26753</v>
      </c>
      <c r="AE11686" s="1"/>
    </row>
    <row r="11687" spans="1:31" ht="14.45">
      <c r="A11687" s="11"/>
      <c r="B11687" s="20"/>
      <c r="C11687" s="2" t="s">
        <v>35946</v>
      </c>
      <c r="D11687" s="14" t="s">
        <v>35947</v>
      </c>
      <c r="E11687" s="2" t="s">
        <v>35948</v>
      </c>
      <c r="F11687" s="2"/>
      <c r="G11687" s="8">
        <v>281</v>
      </c>
      <c r="H11687" s="5">
        <v>5</v>
      </c>
      <c r="I11687" s="5" t="s">
        <v>69</v>
      </c>
      <c r="J11687" s="5" t="s">
        <v>24629</v>
      </c>
      <c r="K11687" s="2" t="s">
        <v>24630</v>
      </c>
      <c r="L11687" s="5" t="s">
        <v>24629</v>
      </c>
      <c r="M11687" s="2" t="s">
        <v>24630</v>
      </c>
      <c r="N11687" s="5" t="s">
        <v>24254</v>
      </c>
      <c r="O11687" s="5" t="s">
        <v>38</v>
      </c>
      <c r="P11687" s="5" t="s">
        <v>39</v>
      </c>
      <c r="Q11687" s="5" t="s">
        <v>40</v>
      </c>
      <c r="R11687" s="5" t="s">
        <v>24340</v>
      </c>
      <c r="S11687" s="5" t="s">
        <v>40</v>
      </c>
      <c r="T11687" s="5" t="s">
        <v>42</v>
      </c>
      <c r="U11687" s="2">
        <v>10.614000000000001</v>
      </c>
      <c r="V11687" s="2">
        <v>9.3119999999999994</v>
      </c>
      <c r="W11687" s="2">
        <v>8.5999999999999993E-2</v>
      </c>
      <c r="X11687" s="2">
        <v>15</v>
      </c>
      <c r="Y11687" s="2">
        <v>50</v>
      </c>
      <c r="Z11687" s="2">
        <v>114.9</v>
      </c>
      <c r="AA11687" s="5">
        <v>16</v>
      </c>
      <c r="AB11687" s="5" t="s">
        <v>43</v>
      </c>
      <c r="AC11687" s="5" t="s">
        <v>44</v>
      </c>
      <c r="AD11687" s="2" t="s">
        <v>26757</v>
      </c>
      <c r="AE11687" s="1"/>
    </row>
    <row r="11688" spans="1:31" ht="14.45">
      <c r="A11688" s="11"/>
      <c r="B11688" s="20"/>
      <c r="C11688" s="2" t="s">
        <v>35949</v>
      </c>
      <c r="D11688" s="14" t="s">
        <v>35950</v>
      </c>
      <c r="E11688" s="2" t="s">
        <v>35951</v>
      </c>
      <c r="F11688" s="2"/>
      <c r="G11688" s="8">
        <v>307</v>
      </c>
      <c r="H11688" s="5">
        <v>15</v>
      </c>
      <c r="I11688" s="5" t="s">
        <v>69</v>
      </c>
      <c r="J11688" s="5" t="s">
        <v>24629</v>
      </c>
      <c r="K11688" s="2" t="s">
        <v>24630</v>
      </c>
      <c r="L11688" s="5" t="s">
        <v>24629</v>
      </c>
      <c r="M11688" s="2" t="s">
        <v>24630</v>
      </c>
      <c r="N11688" s="5" t="s">
        <v>24254</v>
      </c>
      <c r="O11688" s="5" t="s">
        <v>38</v>
      </c>
      <c r="P11688" s="5" t="s">
        <v>39</v>
      </c>
      <c r="Q11688" s="5" t="s">
        <v>40</v>
      </c>
      <c r="R11688" s="5" t="s">
        <v>25301</v>
      </c>
      <c r="S11688" s="5" t="s">
        <v>40</v>
      </c>
      <c r="T11688" s="5" t="s">
        <v>42</v>
      </c>
      <c r="U11688" s="2">
        <v>9.7690000000000001</v>
      </c>
      <c r="V11688" s="2">
        <v>8.4670000000000005</v>
      </c>
      <c r="W11688" s="2">
        <v>8.5999999999999993E-2</v>
      </c>
      <c r="X11688" s="2">
        <v>15</v>
      </c>
      <c r="Y11688" s="2">
        <v>50</v>
      </c>
      <c r="Z11688" s="2">
        <v>114.9</v>
      </c>
      <c r="AA11688" s="5">
        <v>16</v>
      </c>
      <c r="AB11688" s="5" t="s">
        <v>43</v>
      </c>
      <c r="AC11688" s="5" t="s">
        <v>44</v>
      </c>
      <c r="AD11688" s="2" t="s">
        <v>26761</v>
      </c>
      <c r="AE11688" s="1"/>
    </row>
    <row r="11689" spans="1:31" ht="14.45">
      <c r="A11689" s="11"/>
      <c r="B11689" s="20"/>
      <c r="C11689" s="2" t="s">
        <v>35952</v>
      </c>
      <c r="D11689" s="14" t="s">
        <v>35953</v>
      </c>
      <c r="E11689" s="2" t="s">
        <v>35954</v>
      </c>
      <c r="F11689" s="2"/>
      <c r="G11689" s="8">
        <v>228</v>
      </c>
      <c r="H11689" s="5">
        <v>10</v>
      </c>
      <c r="I11689" s="5" t="s">
        <v>69</v>
      </c>
      <c r="J11689" s="5" t="s">
        <v>24629</v>
      </c>
      <c r="K11689" s="2" t="s">
        <v>24630</v>
      </c>
      <c r="L11689" s="5" t="s">
        <v>24629</v>
      </c>
      <c r="M11689" s="2" t="s">
        <v>24630</v>
      </c>
      <c r="N11689" s="5" t="s">
        <v>24254</v>
      </c>
      <c r="O11689" s="5" t="s">
        <v>38</v>
      </c>
      <c r="P11689" s="5" t="s">
        <v>39</v>
      </c>
      <c r="Q11689" s="5" t="s">
        <v>40</v>
      </c>
      <c r="R11689" s="5" t="s">
        <v>24335</v>
      </c>
      <c r="S11689" s="5" t="s">
        <v>40</v>
      </c>
      <c r="T11689" s="5" t="s">
        <v>42</v>
      </c>
      <c r="U11689" s="2">
        <v>7.22</v>
      </c>
      <c r="V11689" s="2">
        <v>5.9009999999999998</v>
      </c>
      <c r="W11689" s="2">
        <v>8.5999999999999993E-2</v>
      </c>
      <c r="X11689" s="2">
        <v>15</v>
      </c>
      <c r="Y11689" s="2">
        <v>50</v>
      </c>
      <c r="Z11689" s="2">
        <v>114.9</v>
      </c>
      <c r="AA11689" s="5">
        <v>16</v>
      </c>
      <c r="AB11689" s="5" t="s">
        <v>43</v>
      </c>
      <c r="AC11689" s="5" t="s">
        <v>44</v>
      </c>
      <c r="AD11689" s="2" t="s">
        <v>35955</v>
      </c>
      <c r="AE11689" s="1"/>
    </row>
    <row r="11690" spans="1:31" ht="14.45">
      <c r="A11690" s="11"/>
      <c r="B11690" s="20"/>
      <c r="C11690" s="2" t="s">
        <v>35956</v>
      </c>
      <c r="D11690" s="14" t="s">
        <v>35957</v>
      </c>
      <c r="E11690" s="2" t="s">
        <v>35958</v>
      </c>
      <c r="F11690" s="2"/>
      <c r="G11690" s="8">
        <v>135</v>
      </c>
      <c r="H11690" s="5">
        <v>5</v>
      </c>
      <c r="I11690" s="5" t="s">
        <v>69</v>
      </c>
      <c r="J11690" s="5" t="s">
        <v>24629</v>
      </c>
      <c r="K11690" s="2" t="s">
        <v>24630</v>
      </c>
      <c r="L11690" s="5" t="s">
        <v>24629</v>
      </c>
      <c r="M11690" s="2" t="s">
        <v>24630</v>
      </c>
      <c r="N11690" s="5" t="s">
        <v>24254</v>
      </c>
      <c r="O11690" s="5" t="s">
        <v>38</v>
      </c>
      <c r="P11690" s="5" t="s">
        <v>39</v>
      </c>
      <c r="Q11690" s="5" t="s">
        <v>40</v>
      </c>
      <c r="R11690" s="5" t="s">
        <v>24335</v>
      </c>
      <c r="S11690" s="5" t="s">
        <v>40</v>
      </c>
      <c r="T11690" s="5" t="s">
        <v>42</v>
      </c>
      <c r="U11690" s="2">
        <v>6.782</v>
      </c>
      <c r="V11690" s="2">
        <v>5.48</v>
      </c>
      <c r="W11690" s="2">
        <v>8.5999999999999993E-2</v>
      </c>
      <c r="X11690" s="2">
        <v>15</v>
      </c>
      <c r="Y11690" s="2">
        <v>50</v>
      </c>
      <c r="Z11690" s="2">
        <v>114.9</v>
      </c>
      <c r="AA11690" s="5">
        <v>16</v>
      </c>
      <c r="AB11690" s="5" t="s">
        <v>43</v>
      </c>
      <c r="AC11690" s="5" t="s">
        <v>44</v>
      </c>
      <c r="AD11690" s="2" t="s">
        <v>26753</v>
      </c>
      <c r="AE11690" s="1"/>
    </row>
    <row r="11691" spans="1:31" ht="14.45">
      <c r="A11691" s="11"/>
      <c r="B11691" s="20"/>
      <c r="C11691" s="2" t="s">
        <v>35959</v>
      </c>
      <c r="D11691" s="14" t="s">
        <v>35960</v>
      </c>
      <c r="E11691" s="2" t="s">
        <v>35961</v>
      </c>
      <c r="F11691" s="2"/>
      <c r="G11691" s="8">
        <v>286</v>
      </c>
      <c r="H11691" s="5">
        <v>5</v>
      </c>
      <c r="I11691" s="5" t="s">
        <v>69</v>
      </c>
      <c r="J11691" s="5" t="s">
        <v>24629</v>
      </c>
      <c r="K11691" s="2" t="s">
        <v>24630</v>
      </c>
      <c r="L11691" s="5" t="s">
        <v>24629</v>
      </c>
      <c r="M11691" s="2" t="s">
        <v>24630</v>
      </c>
      <c r="N11691" s="5" t="s">
        <v>24254</v>
      </c>
      <c r="O11691" s="5" t="s">
        <v>38</v>
      </c>
      <c r="P11691" s="5" t="s">
        <v>39</v>
      </c>
      <c r="Q11691" s="5" t="s">
        <v>40</v>
      </c>
      <c r="R11691" s="5" t="s">
        <v>24340</v>
      </c>
      <c r="S11691" s="5" t="s">
        <v>40</v>
      </c>
      <c r="T11691" s="5" t="s">
        <v>42</v>
      </c>
      <c r="U11691" s="2">
        <v>11.31</v>
      </c>
      <c r="V11691" s="2">
        <v>10.007999999999999</v>
      </c>
      <c r="W11691" s="2">
        <v>8.5999999999999993E-2</v>
      </c>
      <c r="X11691" s="2">
        <v>15</v>
      </c>
      <c r="Y11691" s="2">
        <v>50</v>
      </c>
      <c r="Z11691" s="2">
        <v>114.9</v>
      </c>
      <c r="AA11691" s="5">
        <v>16</v>
      </c>
      <c r="AB11691" s="5" t="s">
        <v>43</v>
      </c>
      <c r="AC11691" s="5" t="s">
        <v>44</v>
      </c>
      <c r="AD11691" s="2" t="s">
        <v>26757</v>
      </c>
      <c r="AE11691" s="1"/>
    </row>
    <row r="11692" spans="1:31" ht="14.45">
      <c r="A11692" s="11"/>
      <c r="B11692" s="20"/>
      <c r="C11692" s="2" t="s">
        <v>35962</v>
      </c>
      <c r="D11692" s="14" t="s">
        <v>35963</v>
      </c>
      <c r="E11692" s="2" t="s">
        <v>35964</v>
      </c>
      <c r="F11692" s="2"/>
      <c r="G11692" s="8">
        <v>316</v>
      </c>
      <c r="H11692" s="5">
        <v>15</v>
      </c>
      <c r="I11692" s="5" t="s">
        <v>69</v>
      </c>
      <c r="J11692" s="5" t="s">
        <v>24629</v>
      </c>
      <c r="K11692" s="2" t="s">
        <v>24630</v>
      </c>
      <c r="L11692" s="5" t="s">
        <v>24629</v>
      </c>
      <c r="M11692" s="2" t="s">
        <v>24630</v>
      </c>
      <c r="N11692" s="5" t="s">
        <v>24254</v>
      </c>
      <c r="O11692" s="5" t="s">
        <v>38</v>
      </c>
      <c r="P11692" s="5" t="s">
        <v>39</v>
      </c>
      <c r="Q11692" s="5" t="s">
        <v>40</v>
      </c>
      <c r="R11692" s="5" t="s">
        <v>25301</v>
      </c>
      <c r="S11692" s="5" t="s">
        <v>40</v>
      </c>
      <c r="T11692" s="5" t="s">
        <v>42</v>
      </c>
      <c r="U11692" s="2">
        <v>10.351000000000001</v>
      </c>
      <c r="V11692" s="2">
        <v>9.0489999999999995</v>
      </c>
      <c r="W11692" s="2">
        <v>8.5999999999999993E-2</v>
      </c>
      <c r="X11692" s="2">
        <v>15</v>
      </c>
      <c r="Y11692" s="2">
        <v>50</v>
      </c>
      <c r="Z11692" s="2">
        <v>114.9</v>
      </c>
      <c r="AA11692" s="5">
        <v>16</v>
      </c>
      <c r="AB11692" s="5" t="s">
        <v>43</v>
      </c>
      <c r="AC11692" s="5" t="s">
        <v>44</v>
      </c>
      <c r="AD11692" s="2" t="s">
        <v>26761</v>
      </c>
      <c r="AE11692" s="1"/>
    </row>
    <row r="11693" spans="1:31" ht="14.45">
      <c r="A11693" s="11"/>
      <c r="B11693" s="20"/>
      <c r="C11693" s="2" t="s">
        <v>35965</v>
      </c>
      <c r="D11693" s="14" t="s">
        <v>35966</v>
      </c>
      <c r="E11693" s="2" t="s">
        <v>35967</v>
      </c>
      <c r="F11693" s="2"/>
      <c r="G11693" s="8">
        <v>238</v>
      </c>
      <c r="H11693" s="5">
        <v>10</v>
      </c>
      <c r="I11693" s="5" t="s">
        <v>69</v>
      </c>
      <c r="J11693" s="5" t="s">
        <v>24629</v>
      </c>
      <c r="K11693" s="2" t="s">
        <v>24630</v>
      </c>
      <c r="L11693" s="5" t="s">
        <v>24629</v>
      </c>
      <c r="M11693" s="2" t="s">
        <v>24630</v>
      </c>
      <c r="N11693" s="5" t="s">
        <v>24254</v>
      </c>
      <c r="O11693" s="5" t="s">
        <v>38</v>
      </c>
      <c r="P11693" s="5" t="s">
        <v>39</v>
      </c>
      <c r="Q11693" s="5" t="s">
        <v>40</v>
      </c>
      <c r="R11693" s="5" t="s">
        <v>24335</v>
      </c>
      <c r="S11693" s="5" t="s">
        <v>40</v>
      </c>
      <c r="T11693" s="5" t="s">
        <v>42</v>
      </c>
      <c r="U11693" s="2">
        <v>7.52</v>
      </c>
      <c r="V11693" s="2">
        <v>6.2009999999999996</v>
      </c>
      <c r="W11693" s="2">
        <v>8.5999999999999993E-2</v>
      </c>
      <c r="X11693" s="2">
        <v>15</v>
      </c>
      <c r="Y11693" s="2">
        <v>50</v>
      </c>
      <c r="Z11693" s="2">
        <v>114.9</v>
      </c>
      <c r="AA11693" s="5">
        <v>16</v>
      </c>
      <c r="AB11693" s="5" t="s">
        <v>43</v>
      </c>
      <c r="AC11693" s="5" t="s">
        <v>44</v>
      </c>
      <c r="AD11693" s="2" t="s">
        <v>35955</v>
      </c>
      <c r="AE11693" s="1"/>
    </row>
    <row r="11694" spans="1:31" ht="14.45">
      <c r="A11694" s="11"/>
      <c r="B11694" s="20"/>
      <c r="C11694" s="2" t="s">
        <v>35968</v>
      </c>
      <c r="D11694" s="14" t="s">
        <v>35969</v>
      </c>
      <c r="E11694" s="2" t="s">
        <v>35970</v>
      </c>
      <c r="F11694" s="2"/>
      <c r="G11694" s="8">
        <v>242</v>
      </c>
      <c r="H11694" s="5">
        <v>10</v>
      </c>
      <c r="I11694" s="5" t="s">
        <v>69</v>
      </c>
      <c r="J11694" s="5" t="s">
        <v>24629</v>
      </c>
      <c r="K11694" s="2" t="s">
        <v>24630</v>
      </c>
      <c r="L11694" s="5" t="s">
        <v>24629</v>
      </c>
      <c r="M11694" s="2" t="s">
        <v>24630</v>
      </c>
      <c r="N11694" s="5" t="s">
        <v>24254</v>
      </c>
      <c r="O11694" s="5" t="s">
        <v>38</v>
      </c>
      <c r="P11694" s="5" t="s">
        <v>39</v>
      </c>
      <c r="Q11694" s="5" t="s">
        <v>40</v>
      </c>
      <c r="R11694" s="5" t="s">
        <v>24335</v>
      </c>
      <c r="S11694" s="5" t="s">
        <v>40</v>
      </c>
      <c r="T11694" s="5" t="s">
        <v>42</v>
      </c>
      <c r="U11694" s="2">
        <v>8.0039999999999996</v>
      </c>
      <c r="V11694" s="2">
        <v>6.4950000000000001</v>
      </c>
      <c r="W11694" s="2">
        <v>0.10299999999999999</v>
      </c>
      <c r="X11694" s="2">
        <v>15</v>
      </c>
      <c r="Y11694" s="2">
        <v>50</v>
      </c>
      <c r="Z11694" s="2">
        <v>137.9</v>
      </c>
      <c r="AA11694" s="5">
        <v>16</v>
      </c>
      <c r="AB11694" s="5" t="s">
        <v>43</v>
      </c>
      <c r="AC11694" s="5" t="s">
        <v>44</v>
      </c>
      <c r="AD11694" s="2" t="s">
        <v>35955</v>
      </c>
      <c r="AE11694" s="1"/>
    </row>
    <row r="11695" spans="1:31" ht="14.45">
      <c r="A11695" s="11"/>
      <c r="B11695" s="20"/>
      <c r="C11695" s="2" t="s">
        <v>35971</v>
      </c>
      <c r="D11695" s="14" t="s">
        <v>35972</v>
      </c>
      <c r="E11695" s="2" t="s">
        <v>35973</v>
      </c>
      <c r="F11695" s="2"/>
      <c r="G11695" s="8">
        <v>140</v>
      </c>
      <c r="H11695" s="5">
        <v>10</v>
      </c>
      <c r="I11695" s="5" t="s">
        <v>69</v>
      </c>
      <c r="J11695" s="5" t="s">
        <v>24629</v>
      </c>
      <c r="K11695" s="2" t="s">
        <v>24630</v>
      </c>
      <c r="L11695" s="5" t="s">
        <v>24629</v>
      </c>
      <c r="M11695" s="2" t="s">
        <v>24630</v>
      </c>
      <c r="N11695" s="5" t="s">
        <v>24254</v>
      </c>
      <c r="O11695" s="5" t="s">
        <v>38</v>
      </c>
      <c r="P11695" s="5" t="s">
        <v>39</v>
      </c>
      <c r="Q11695" s="5" t="s">
        <v>40</v>
      </c>
      <c r="R11695" s="5" t="s">
        <v>24335</v>
      </c>
      <c r="S11695" s="5" t="s">
        <v>40</v>
      </c>
      <c r="T11695" s="5" t="s">
        <v>42</v>
      </c>
      <c r="U11695" s="2">
        <v>6.9160000000000004</v>
      </c>
      <c r="V11695" s="2">
        <v>5.4630000000000001</v>
      </c>
      <c r="W11695" s="2">
        <v>0.10299999999999999</v>
      </c>
      <c r="X11695" s="2">
        <v>15</v>
      </c>
      <c r="Y11695" s="2">
        <v>50</v>
      </c>
      <c r="Z11695" s="2">
        <v>137.9</v>
      </c>
      <c r="AA11695" s="5">
        <v>16</v>
      </c>
      <c r="AB11695" s="5" t="s">
        <v>43</v>
      </c>
      <c r="AC11695" s="5" t="s">
        <v>44</v>
      </c>
      <c r="AD11695" s="2" t="s">
        <v>26753</v>
      </c>
      <c r="AE11695" s="1"/>
    </row>
    <row r="11696" spans="1:31" ht="14.45">
      <c r="A11696" s="11"/>
      <c r="B11696" s="20"/>
      <c r="C11696" s="2" t="s">
        <v>35974</v>
      </c>
      <c r="D11696" s="14" t="s">
        <v>35975</v>
      </c>
      <c r="E11696" s="2" t="s">
        <v>35976</v>
      </c>
      <c r="F11696" s="2"/>
      <c r="G11696" s="8">
        <v>246</v>
      </c>
      <c r="H11696" s="5">
        <v>10</v>
      </c>
      <c r="I11696" s="5" t="s">
        <v>69</v>
      </c>
      <c r="J11696" s="5" t="s">
        <v>24629</v>
      </c>
      <c r="K11696" s="2" t="s">
        <v>24630</v>
      </c>
      <c r="L11696" s="5" t="s">
        <v>24629</v>
      </c>
      <c r="M11696" s="2" t="s">
        <v>24630</v>
      </c>
      <c r="N11696" s="5" t="s">
        <v>24254</v>
      </c>
      <c r="O11696" s="5" t="s">
        <v>38</v>
      </c>
      <c r="P11696" s="5" t="s">
        <v>39</v>
      </c>
      <c r="Q11696" s="5" t="s">
        <v>40</v>
      </c>
      <c r="R11696" s="5" t="s">
        <v>24335</v>
      </c>
      <c r="S11696" s="5" t="s">
        <v>40</v>
      </c>
      <c r="T11696" s="5" t="s">
        <v>42</v>
      </c>
      <c r="U11696" s="2">
        <v>8.1669999999999998</v>
      </c>
      <c r="V11696" s="2">
        <v>6.6580000000000004</v>
      </c>
      <c r="W11696" s="2">
        <v>0.10299999999999999</v>
      </c>
      <c r="X11696" s="2">
        <v>15</v>
      </c>
      <c r="Y11696" s="2">
        <v>50</v>
      </c>
      <c r="Z11696" s="2">
        <v>137.9</v>
      </c>
      <c r="AA11696" s="5">
        <v>16</v>
      </c>
      <c r="AB11696" s="5" t="s">
        <v>43</v>
      </c>
      <c r="AC11696" s="5" t="s">
        <v>44</v>
      </c>
      <c r="AD11696" s="2" t="s">
        <v>35955</v>
      </c>
      <c r="AE11696" s="1"/>
    </row>
    <row r="11697" spans="1:31" ht="14.45">
      <c r="A11697" s="11"/>
      <c r="B11697" s="20"/>
      <c r="C11697" s="2" t="s">
        <v>35977</v>
      </c>
      <c r="D11697" s="14" t="s">
        <v>35978</v>
      </c>
      <c r="E11697" s="2" t="s">
        <v>35979</v>
      </c>
      <c r="F11697" s="2"/>
      <c r="G11697" s="8">
        <v>147</v>
      </c>
      <c r="H11697" s="5">
        <v>5</v>
      </c>
      <c r="I11697" s="5" t="s">
        <v>69</v>
      </c>
      <c r="J11697" s="5" t="s">
        <v>24629</v>
      </c>
      <c r="K11697" s="2" t="s">
        <v>24630</v>
      </c>
      <c r="L11697" s="5" t="s">
        <v>24629</v>
      </c>
      <c r="M11697" s="2" t="s">
        <v>24630</v>
      </c>
      <c r="N11697" s="5" t="s">
        <v>24254</v>
      </c>
      <c r="O11697" s="5" t="s">
        <v>38</v>
      </c>
      <c r="P11697" s="5" t="s">
        <v>39</v>
      </c>
      <c r="Q11697" s="5" t="s">
        <v>40</v>
      </c>
      <c r="R11697" s="5" t="s">
        <v>24335</v>
      </c>
      <c r="S11697" s="5" t="s">
        <v>40</v>
      </c>
      <c r="T11697" s="5" t="s">
        <v>42</v>
      </c>
      <c r="U11697" s="2">
        <v>7.46</v>
      </c>
      <c r="V11697" s="2">
        <v>5.968</v>
      </c>
      <c r="W11697" s="2">
        <v>0.10299999999999999</v>
      </c>
      <c r="X11697" s="2">
        <v>15</v>
      </c>
      <c r="Y11697" s="2">
        <v>50</v>
      </c>
      <c r="Z11697" s="2">
        <v>137.9</v>
      </c>
      <c r="AA11697" s="5">
        <v>16</v>
      </c>
      <c r="AB11697" s="5" t="s">
        <v>43</v>
      </c>
      <c r="AC11697" s="5" t="s">
        <v>44</v>
      </c>
      <c r="AD11697" s="2" t="s">
        <v>26753</v>
      </c>
      <c r="AE11697" s="1"/>
    </row>
    <row r="11698" spans="1:31" ht="14.45">
      <c r="A11698" s="11"/>
      <c r="B11698" s="20"/>
      <c r="C11698" s="2" t="s">
        <v>35980</v>
      </c>
      <c r="D11698" s="14" t="s">
        <v>35981</v>
      </c>
      <c r="E11698" s="2" t="s">
        <v>35982</v>
      </c>
      <c r="F11698" s="2"/>
      <c r="G11698" s="8">
        <v>298</v>
      </c>
      <c r="H11698" s="5">
        <v>5</v>
      </c>
      <c r="I11698" s="5" t="s">
        <v>69</v>
      </c>
      <c r="J11698" s="5" t="s">
        <v>24629</v>
      </c>
      <c r="K11698" s="2" t="s">
        <v>24630</v>
      </c>
      <c r="L11698" s="5" t="s">
        <v>24629</v>
      </c>
      <c r="M11698" s="2" t="s">
        <v>24630</v>
      </c>
      <c r="N11698" s="5" t="s">
        <v>24254</v>
      </c>
      <c r="O11698" s="5" t="s">
        <v>38</v>
      </c>
      <c r="P11698" s="5" t="s">
        <v>39</v>
      </c>
      <c r="Q11698" s="5" t="s">
        <v>40</v>
      </c>
      <c r="R11698" s="5" t="s">
        <v>24340</v>
      </c>
      <c r="S11698" s="5" t="s">
        <v>40</v>
      </c>
      <c r="T11698" s="5" t="s">
        <v>42</v>
      </c>
      <c r="U11698" s="2">
        <v>12.653</v>
      </c>
      <c r="V11698" s="2">
        <v>11.161</v>
      </c>
      <c r="W11698" s="2">
        <v>0.10299999999999999</v>
      </c>
      <c r="X11698" s="2">
        <v>15</v>
      </c>
      <c r="Y11698" s="2">
        <v>50</v>
      </c>
      <c r="Z11698" s="2">
        <v>137.9</v>
      </c>
      <c r="AA11698" s="5">
        <v>16</v>
      </c>
      <c r="AB11698" s="5" t="s">
        <v>43</v>
      </c>
      <c r="AC11698" s="5" t="s">
        <v>44</v>
      </c>
      <c r="AD11698" s="2" t="s">
        <v>26757</v>
      </c>
      <c r="AE11698" s="1"/>
    </row>
    <row r="11699" spans="1:31" ht="14.45">
      <c r="A11699" s="11"/>
      <c r="B11699" s="20"/>
      <c r="C11699" s="2" t="s">
        <v>35983</v>
      </c>
      <c r="D11699" s="14" t="s">
        <v>35984</v>
      </c>
      <c r="E11699" s="2" t="s">
        <v>35985</v>
      </c>
      <c r="F11699" s="2"/>
      <c r="G11699" s="8">
        <v>339</v>
      </c>
      <c r="H11699" s="5">
        <v>15</v>
      </c>
      <c r="I11699" s="5" t="s">
        <v>69</v>
      </c>
      <c r="J11699" s="5" t="s">
        <v>24629</v>
      </c>
      <c r="K11699" s="2" t="s">
        <v>24630</v>
      </c>
      <c r="L11699" s="5" t="s">
        <v>24629</v>
      </c>
      <c r="M11699" s="2" t="s">
        <v>24630</v>
      </c>
      <c r="N11699" s="5" t="s">
        <v>24254</v>
      </c>
      <c r="O11699" s="5" t="s">
        <v>38</v>
      </c>
      <c r="P11699" s="5" t="s">
        <v>39</v>
      </c>
      <c r="Q11699" s="5" t="s">
        <v>40</v>
      </c>
      <c r="R11699" s="5" t="s">
        <v>25301</v>
      </c>
      <c r="S11699" s="5" t="s">
        <v>40</v>
      </c>
      <c r="T11699" s="5" t="s">
        <v>42</v>
      </c>
      <c r="U11699" s="2">
        <v>11.548</v>
      </c>
      <c r="V11699" s="2">
        <v>10.055999999999999</v>
      </c>
      <c r="W11699" s="2">
        <v>0.10299999999999999</v>
      </c>
      <c r="X11699" s="2">
        <v>15</v>
      </c>
      <c r="Y11699" s="2">
        <v>50</v>
      </c>
      <c r="Z11699" s="2">
        <v>137.9</v>
      </c>
      <c r="AA11699" s="5">
        <v>16</v>
      </c>
      <c r="AB11699" s="5" t="s">
        <v>43</v>
      </c>
      <c r="AC11699" s="5" t="s">
        <v>44</v>
      </c>
      <c r="AD11699" s="2" t="s">
        <v>26761</v>
      </c>
      <c r="AE11699" s="1"/>
    </row>
    <row r="11700" spans="1:31" ht="14.45">
      <c r="A11700" s="11"/>
      <c r="B11700" s="20"/>
      <c r="C11700" s="2" t="s">
        <v>35986</v>
      </c>
      <c r="D11700" s="14" t="s">
        <v>35987</v>
      </c>
      <c r="E11700" s="2" t="s">
        <v>35988</v>
      </c>
      <c r="F11700" s="2"/>
      <c r="G11700" s="8">
        <v>258</v>
      </c>
      <c r="H11700" s="5">
        <v>10</v>
      </c>
      <c r="I11700" s="5" t="s">
        <v>69</v>
      </c>
      <c r="J11700" s="5" t="s">
        <v>24629</v>
      </c>
      <c r="K11700" s="2" t="s">
        <v>24630</v>
      </c>
      <c r="L11700" s="5" t="s">
        <v>24629</v>
      </c>
      <c r="M11700" s="2" t="s">
        <v>24630</v>
      </c>
      <c r="N11700" s="5" t="s">
        <v>24254</v>
      </c>
      <c r="O11700" s="5" t="s">
        <v>38</v>
      </c>
      <c r="P11700" s="5" t="s">
        <v>39</v>
      </c>
      <c r="Q11700" s="5" t="s">
        <v>40</v>
      </c>
      <c r="R11700" s="5" t="s">
        <v>24335</v>
      </c>
      <c r="S11700" s="5" t="s">
        <v>40</v>
      </c>
      <c r="T11700" s="5" t="s">
        <v>42</v>
      </c>
      <c r="U11700" s="2">
        <v>8.4610000000000003</v>
      </c>
      <c r="V11700" s="2">
        <v>6.952</v>
      </c>
      <c r="W11700" s="2">
        <v>0.10299999999999999</v>
      </c>
      <c r="X11700" s="2">
        <v>15</v>
      </c>
      <c r="Y11700" s="2">
        <v>50</v>
      </c>
      <c r="Z11700" s="2">
        <v>137.9</v>
      </c>
      <c r="AA11700" s="5">
        <v>16</v>
      </c>
      <c r="AB11700" s="5" t="s">
        <v>43</v>
      </c>
      <c r="AC11700" s="5" t="s">
        <v>44</v>
      </c>
      <c r="AD11700" s="2" t="s">
        <v>35955</v>
      </c>
      <c r="AE11700" s="1"/>
    </row>
    <row r="11701" spans="1:31" ht="14.45">
      <c r="A11701" s="11"/>
      <c r="B11701" s="20"/>
      <c r="C11701" s="2" t="s">
        <v>35989</v>
      </c>
      <c r="D11701" s="14" t="s">
        <v>35990</v>
      </c>
      <c r="E11701" s="2" t="s">
        <v>35991</v>
      </c>
      <c r="F11701" s="2"/>
      <c r="G11701" s="8">
        <v>145</v>
      </c>
      <c r="H11701" s="5">
        <v>5</v>
      </c>
      <c r="I11701" s="5" t="s">
        <v>69</v>
      </c>
      <c r="J11701" s="5" t="s">
        <v>24629</v>
      </c>
      <c r="K11701" s="2" t="s">
        <v>24630</v>
      </c>
      <c r="L11701" s="5" t="s">
        <v>24629</v>
      </c>
      <c r="M11701" s="2" t="s">
        <v>24630</v>
      </c>
      <c r="N11701" s="5" t="s">
        <v>24254</v>
      </c>
      <c r="O11701" s="5" t="s">
        <v>38</v>
      </c>
      <c r="P11701" s="5" t="s">
        <v>39</v>
      </c>
      <c r="Q11701" s="5" t="s">
        <v>40</v>
      </c>
      <c r="R11701" s="5" t="s">
        <v>24335</v>
      </c>
      <c r="S11701" s="5" t="s">
        <v>40</v>
      </c>
      <c r="T11701" s="5" t="s">
        <v>42</v>
      </c>
      <c r="U11701" s="2">
        <v>7.8319999999999999</v>
      </c>
      <c r="V11701" s="2">
        <v>6.35</v>
      </c>
      <c r="W11701" s="2">
        <v>0.10299999999999999</v>
      </c>
      <c r="X11701" s="2">
        <v>15</v>
      </c>
      <c r="Y11701" s="2">
        <v>50</v>
      </c>
      <c r="Z11701" s="2">
        <v>137.9</v>
      </c>
      <c r="AA11701" s="5">
        <v>16</v>
      </c>
      <c r="AB11701" s="5" t="s">
        <v>43</v>
      </c>
      <c r="AC11701" s="5" t="s">
        <v>44</v>
      </c>
      <c r="AD11701" s="2" t="s">
        <v>26753</v>
      </c>
      <c r="AE11701" s="1"/>
    </row>
    <row r="11702" spans="1:31" ht="14.45">
      <c r="A11702" s="11"/>
      <c r="B11702" s="20"/>
      <c r="C11702" s="2" t="s">
        <v>35992</v>
      </c>
      <c r="D11702" s="14" t="s">
        <v>35993</v>
      </c>
      <c r="E11702" s="2" t="s">
        <v>35994</v>
      </c>
      <c r="F11702" s="2"/>
      <c r="G11702" s="8">
        <v>296</v>
      </c>
      <c r="H11702" s="5">
        <v>5</v>
      </c>
      <c r="I11702" s="5" t="s">
        <v>69</v>
      </c>
      <c r="J11702" s="5" t="s">
        <v>24629</v>
      </c>
      <c r="K11702" s="2" t="s">
        <v>24630</v>
      </c>
      <c r="L11702" s="5" t="s">
        <v>24629</v>
      </c>
      <c r="M11702" s="2" t="s">
        <v>24630</v>
      </c>
      <c r="N11702" s="5" t="s">
        <v>24254</v>
      </c>
      <c r="O11702" s="5" t="s">
        <v>38</v>
      </c>
      <c r="P11702" s="5" t="s">
        <v>39</v>
      </c>
      <c r="Q11702" s="5" t="s">
        <v>40</v>
      </c>
      <c r="R11702" s="5" t="s">
        <v>24340</v>
      </c>
      <c r="S11702" s="5" t="s">
        <v>40</v>
      </c>
      <c r="T11702" s="5" t="s">
        <v>42</v>
      </c>
      <c r="U11702" s="2">
        <v>12.724</v>
      </c>
      <c r="V11702" s="2">
        <v>11.242000000000001</v>
      </c>
      <c r="W11702" s="2">
        <v>0.10299999999999999</v>
      </c>
      <c r="X11702" s="2">
        <v>15</v>
      </c>
      <c r="Y11702" s="2">
        <v>50</v>
      </c>
      <c r="Z11702" s="2">
        <v>137.9</v>
      </c>
      <c r="AA11702" s="5">
        <v>16</v>
      </c>
      <c r="AB11702" s="5" t="s">
        <v>43</v>
      </c>
      <c r="AC11702" s="5" t="s">
        <v>44</v>
      </c>
      <c r="AD11702" s="2" t="s">
        <v>26757</v>
      </c>
      <c r="AE11702" s="1"/>
    </row>
    <row r="11703" spans="1:31" ht="14.45">
      <c r="A11703" s="11"/>
      <c r="B11703" s="20"/>
      <c r="C11703" s="2" t="s">
        <v>35995</v>
      </c>
      <c r="D11703" s="14" t="s">
        <v>35996</v>
      </c>
      <c r="E11703" s="2" t="s">
        <v>35997</v>
      </c>
      <c r="F11703" s="2"/>
      <c r="G11703" s="8">
        <v>334</v>
      </c>
      <c r="H11703" s="5">
        <v>15</v>
      </c>
      <c r="I11703" s="5" t="s">
        <v>69</v>
      </c>
      <c r="J11703" s="5" t="s">
        <v>24629</v>
      </c>
      <c r="K11703" s="2" t="s">
        <v>24630</v>
      </c>
      <c r="L11703" s="5" t="s">
        <v>24629</v>
      </c>
      <c r="M11703" s="2" t="s">
        <v>24630</v>
      </c>
      <c r="N11703" s="5" t="s">
        <v>24254</v>
      </c>
      <c r="O11703" s="5" t="s">
        <v>38</v>
      </c>
      <c r="P11703" s="5" t="s">
        <v>39</v>
      </c>
      <c r="Q11703" s="5" t="s">
        <v>40</v>
      </c>
      <c r="R11703" s="5" t="s">
        <v>25301</v>
      </c>
      <c r="S11703" s="5" t="s">
        <v>40</v>
      </c>
      <c r="T11703" s="5" t="s">
        <v>42</v>
      </c>
      <c r="U11703" s="2">
        <v>11.686999999999999</v>
      </c>
      <c r="V11703" s="2">
        <v>10.205</v>
      </c>
      <c r="W11703" s="2">
        <v>0.10299999999999999</v>
      </c>
      <c r="X11703" s="2">
        <v>15</v>
      </c>
      <c r="Y11703" s="2">
        <v>50</v>
      </c>
      <c r="Z11703" s="2">
        <v>137.9</v>
      </c>
      <c r="AA11703" s="5">
        <v>16</v>
      </c>
      <c r="AB11703" s="5" t="s">
        <v>43</v>
      </c>
      <c r="AC11703" s="5" t="s">
        <v>44</v>
      </c>
      <c r="AD11703" s="2" t="s">
        <v>26761</v>
      </c>
      <c r="AE11703" s="1"/>
    </row>
    <row r="11704" spans="1:31" ht="14.45">
      <c r="A11704" s="11"/>
      <c r="B11704" s="20"/>
      <c r="C11704" s="2" t="s">
        <v>35998</v>
      </c>
      <c r="D11704" s="14" t="s">
        <v>35999</v>
      </c>
      <c r="E11704" s="2" t="s">
        <v>36000</v>
      </c>
      <c r="F11704" s="2"/>
      <c r="G11704" s="8">
        <v>256</v>
      </c>
      <c r="H11704" s="5">
        <v>5</v>
      </c>
      <c r="I11704" s="5" t="s">
        <v>69</v>
      </c>
      <c r="J11704" s="5" t="s">
        <v>24629</v>
      </c>
      <c r="K11704" s="2" t="s">
        <v>24630</v>
      </c>
      <c r="L11704" s="5" t="s">
        <v>24629</v>
      </c>
      <c r="M11704" s="2" t="s">
        <v>24630</v>
      </c>
      <c r="N11704" s="5" t="s">
        <v>24254</v>
      </c>
      <c r="O11704" s="5" t="s">
        <v>38</v>
      </c>
      <c r="P11704" s="5" t="s">
        <v>39</v>
      </c>
      <c r="Q11704" s="5" t="s">
        <v>40</v>
      </c>
      <c r="R11704" s="5" t="s">
        <v>24335</v>
      </c>
      <c r="S11704" s="5" t="s">
        <v>40</v>
      </c>
      <c r="T11704" s="5" t="s">
        <v>42</v>
      </c>
      <c r="U11704" s="2">
        <v>8.9369999999999994</v>
      </c>
      <c r="V11704" s="2">
        <v>7.4580000000000002</v>
      </c>
      <c r="W11704" s="2">
        <v>0.10299999999999999</v>
      </c>
      <c r="X11704" s="2">
        <v>15</v>
      </c>
      <c r="Y11704" s="2">
        <v>50</v>
      </c>
      <c r="Z11704" s="2">
        <v>137.9</v>
      </c>
      <c r="AA11704" s="5">
        <v>16</v>
      </c>
      <c r="AB11704" s="5" t="s">
        <v>43</v>
      </c>
      <c r="AC11704" s="5" t="s">
        <v>44</v>
      </c>
      <c r="AD11704" s="2" t="s">
        <v>35955</v>
      </c>
      <c r="AE11704" s="1"/>
    </row>
    <row r="11705" spans="1:31" ht="14.45">
      <c r="A11705" s="11"/>
      <c r="B11705" s="20"/>
      <c r="C11705" s="2" t="s">
        <v>36001</v>
      </c>
      <c r="D11705" s="14" t="s">
        <v>36002</v>
      </c>
      <c r="E11705" s="2" t="s">
        <v>36003</v>
      </c>
      <c r="F11705" s="2"/>
      <c r="G11705" s="8">
        <v>151</v>
      </c>
      <c r="H11705" s="5">
        <v>5</v>
      </c>
      <c r="I11705" s="5" t="s">
        <v>69</v>
      </c>
      <c r="J11705" s="5" t="s">
        <v>24629</v>
      </c>
      <c r="K11705" s="2" t="s">
        <v>24630</v>
      </c>
      <c r="L11705" s="5" t="s">
        <v>24629</v>
      </c>
      <c r="M11705" s="2" t="s">
        <v>24630</v>
      </c>
      <c r="N11705" s="5" t="s">
        <v>24254</v>
      </c>
      <c r="O11705" s="5" t="s">
        <v>38</v>
      </c>
      <c r="P11705" s="5" t="s">
        <v>39</v>
      </c>
      <c r="Q11705" s="5" t="s">
        <v>40</v>
      </c>
      <c r="R11705" s="5" t="s">
        <v>24335</v>
      </c>
      <c r="S11705" s="5" t="s">
        <v>40</v>
      </c>
      <c r="T11705" s="5" t="s">
        <v>42</v>
      </c>
      <c r="U11705" s="2">
        <v>8.0180000000000007</v>
      </c>
      <c r="V11705" s="2">
        <v>6.5359999999999996</v>
      </c>
      <c r="W11705" s="2">
        <v>0.10299999999999999</v>
      </c>
      <c r="X11705" s="2">
        <v>15</v>
      </c>
      <c r="Y11705" s="2">
        <v>50</v>
      </c>
      <c r="Z11705" s="2">
        <v>137.9</v>
      </c>
      <c r="AA11705" s="5">
        <v>16</v>
      </c>
      <c r="AB11705" s="5" t="s">
        <v>43</v>
      </c>
      <c r="AC11705" s="5" t="s">
        <v>44</v>
      </c>
      <c r="AD11705" s="2" t="s">
        <v>26753</v>
      </c>
      <c r="AE11705" s="1"/>
    </row>
    <row r="11706" spans="1:31" ht="14.45">
      <c r="A11706" s="11"/>
      <c r="B11706" s="20"/>
      <c r="C11706" s="2" t="s">
        <v>36004</v>
      </c>
      <c r="D11706" s="14" t="s">
        <v>36005</v>
      </c>
      <c r="E11706" s="2" t="s">
        <v>36006</v>
      </c>
      <c r="F11706" s="2"/>
      <c r="G11706" s="8">
        <v>302</v>
      </c>
      <c r="H11706" s="5">
        <v>15</v>
      </c>
      <c r="I11706" s="5" t="s">
        <v>69</v>
      </c>
      <c r="J11706" s="5" t="s">
        <v>24629</v>
      </c>
      <c r="K11706" s="2" t="s">
        <v>24630</v>
      </c>
      <c r="L11706" s="5" t="s">
        <v>24629</v>
      </c>
      <c r="M11706" s="2" t="s">
        <v>24630</v>
      </c>
      <c r="N11706" s="5" t="s">
        <v>24254</v>
      </c>
      <c r="O11706" s="5" t="s">
        <v>38</v>
      </c>
      <c r="P11706" s="5" t="s">
        <v>39</v>
      </c>
      <c r="Q11706" s="5" t="s">
        <v>40</v>
      </c>
      <c r="R11706" s="5" t="s">
        <v>24340</v>
      </c>
      <c r="S11706" s="5" t="s">
        <v>40</v>
      </c>
      <c r="T11706" s="5" t="s">
        <v>42</v>
      </c>
      <c r="U11706" s="2">
        <v>13.36</v>
      </c>
      <c r="V11706" s="2">
        <v>11.878</v>
      </c>
      <c r="W11706" s="2">
        <v>0.10299999999999999</v>
      </c>
      <c r="X11706" s="2">
        <v>15</v>
      </c>
      <c r="Y11706" s="2">
        <v>50</v>
      </c>
      <c r="Z11706" s="2">
        <v>137.9</v>
      </c>
      <c r="AA11706" s="5">
        <v>16</v>
      </c>
      <c r="AB11706" s="5" t="s">
        <v>43</v>
      </c>
      <c r="AC11706" s="5" t="s">
        <v>44</v>
      </c>
      <c r="AD11706" s="2" t="s">
        <v>26757</v>
      </c>
      <c r="AE11706" s="1"/>
    </row>
    <row r="11707" spans="1:31" ht="14.45">
      <c r="A11707" s="11"/>
      <c r="B11707" s="20"/>
      <c r="C11707" s="2" t="s">
        <v>36007</v>
      </c>
      <c r="D11707" s="14" t="s">
        <v>36008</v>
      </c>
      <c r="E11707" s="2" t="s">
        <v>36009</v>
      </c>
      <c r="F11707" s="2"/>
      <c r="G11707" s="8">
        <v>343</v>
      </c>
      <c r="H11707" s="5">
        <v>15</v>
      </c>
      <c r="I11707" s="5" t="s">
        <v>69</v>
      </c>
      <c r="J11707" s="5" t="s">
        <v>24629</v>
      </c>
      <c r="K11707" s="2" t="s">
        <v>24630</v>
      </c>
      <c r="L11707" s="5" t="s">
        <v>24629</v>
      </c>
      <c r="M11707" s="2" t="s">
        <v>24630</v>
      </c>
      <c r="N11707" s="5" t="s">
        <v>24254</v>
      </c>
      <c r="O11707" s="5" t="s">
        <v>38</v>
      </c>
      <c r="P11707" s="5" t="s">
        <v>39</v>
      </c>
      <c r="Q11707" s="5" t="s">
        <v>40</v>
      </c>
      <c r="R11707" s="5" t="s">
        <v>25301</v>
      </c>
      <c r="S11707" s="5" t="s">
        <v>40</v>
      </c>
      <c r="T11707" s="5" t="s">
        <v>42</v>
      </c>
      <c r="U11707" s="2">
        <v>12.269</v>
      </c>
      <c r="V11707" s="2">
        <v>10.787000000000001</v>
      </c>
      <c r="W11707" s="2">
        <v>0.10299999999999999</v>
      </c>
      <c r="X11707" s="2">
        <v>15</v>
      </c>
      <c r="Y11707" s="2">
        <v>50</v>
      </c>
      <c r="Z11707" s="2">
        <v>137.9</v>
      </c>
      <c r="AA11707" s="5">
        <v>16</v>
      </c>
      <c r="AB11707" s="5" t="s">
        <v>43</v>
      </c>
      <c r="AC11707" s="5" t="s">
        <v>44</v>
      </c>
      <c r="AD11707" s="2" t="s">
        <v>26761</v>
      </c>
      <c r="AE11707" s="1"/>
    </row>
    <row r="11708" spans="1:31" ht="14.45">
      <c r="A11708" s="11"/>
      <c r="B11708" s="20"/>
      <c r="C11708" s="2" t="s">
        <v>36010</v>
      </c>
      <c r="D11708" s="14" t="s">
        <v>36011</v>
      </c>
      <c r="E11708" s="2" t="s">
        <v>36012</v>
      </c>
      <c r="F11708" s="2"/>
      <c r="G11708" s="8">
        <v>266</v>
      </c>
      <c r="H11708" s="5">
        <v>5</v>
      </c>
      <c r="I11708" s="5" t="s">
        <v>69</v>
      </c>
      <c r="J11708" s="5" t="s">
        <v>24629</v>
      </c>
      <c r="K11708" s="2" t="s">
        <v>24630</v>
      </c>
      <c r="L11708" s="5" t="s">
        <v>24629</v>
      </c>
      <c r="M11708" s="2" t="s">
        <v>24630</v>
      </c>
      <c r="N11708" s="5" t="s">
        <v>24254</v>
      </c>
      <c r="O11708" s="5" t="s">
        <v>38</v>
      </c>
      <c r="P11708" s="5" t="s">
        <v>39</v>
      </c>
      <c r="Q11708" s="5" t="s">
        <v>40</v>
      </c>
      <c r="R11708" s="5" t="s">
        <v>24335</v>
      </c>
      <c r="S11708" s="5" t="s">
        <v>40</v>
      </c>
      <c r="T11708" s="5" t="s">
        <v>42</v>
      </c>
      <c r="U11708" s="2">
        <v>9.2289999999999992</v>
      </c>
      <c r="V11708" s="2">
        <v>7.75</v>
      </c>
      <c r="W11708" s="2">
        <v>0.10299999999999999</v>
      </c>
      <c r="X11708" s="2">
        <v>15</v>
      </c>
      <c r="Y11708" s="2">
        <v>50</v>
      </c>
      <c r="Z11708" s="2">
        <v>137.9</v>
      </c>
      <c r="AA11708" s="5">
        <v>16</v>
      </c>
      <c r="AB11708" s="5" t="s">
        <v>43</v>
      </c>
      <c r="AC11708" s="5" t="s">
        <v>44</v>
      </c>
      <c r="AD11708" s="2" t="s">
        <v>35955</v>
      </c>
      <c r="AE11708" s="1"/>
    </row>
    <row r="11709" spans="1:31" ht="14.45">
      <c r="A11709" s="11"/>
      <c r="B11709" s="20"/>
      <c r="C11709" s="2" t="s">
        <v>36013</v>
      </c>
      <c r="D11709" s="14" t="s">
        <v>36014</v>
      </c>
      <c r="E11709" s="2" t="s">
        <v>36015</v>
      </c>
      <c r="F11709" s="2"/>
      <c r="G11709" s="8">
        <v>155</v>
      </c>
      <c r="H11709" s="5">
        <v>5</v>
      </c>
      <c r="I11709" s="5" t="s">
        <v>69</v>
      </c>
      <c r="J11709" s="5" t="s">
        <v>24629</v>
      </c>
      <c r="K11709" s="2" t="s">
        <v>24630</v>
      </c>
      <c r="L11709" s="5" t="s">
        <v>24629</v>
      </c>
      <c r="M11709" s="2" t="s">
        <v>24630</v>
      </c>
      <c r="N11709" s="5" t="s">
        <v>24254</v>
      </c>
      <c r="O11709" s="5" t="s">
        <v>38</v>
      </c>
      <c r="P11709" s="5" t="s">
        <v>39</v>
      </c>
      <c r="Q11709" s="5" t="s">
        <v>40</v>
      </c>
      <c r="R11709" s="5" t="s">
        <v>24335</v>
      </c>
      <c r="S11709" s="5" t="s">
        <v>40</v>
      </c>
      <c r="T11709" s="5" t="s">
        <v>42</v>
      </c>
      <c r="U11709" s="2">
        <v>8.5779999999999994</v>
      </c>
      <c r="V11709" s="2">
        <v>6.9660000000000002</v>
      </c>
      <c r="W11709" s="2">
        <v>0.115</v>
      </c>
      <c r="X11709" s="2">
        <v>15</v>
      </c>
      <c r="Y11709" s="2">
        <v>50</v>
      </c>
      <c r="Z11709" s="2">
        <v>153.9</v>
      </c>
      <c r="AA11709" s="5">
        <v>16</v>
      </c>
      <c r="AB11709" s="5" t="s">
        <v>43</v>
      </c>
      <c r="AC11709" s="5" t="s">
        <v>44</v>
      </c>
      <c r="AD11709" s="2" t="s">
        <v>26753</v>
      </c>
      <c r="AE11709" s="1"/>
    </row>
    <row r="11710" spans="1:31" ht="14.45">
      <c r="A11710" s="11"/>
      <c r="B11710" s="20"/>
      <c r="C11710" s="2" t="s">
        <v>36016</v>
      </c>
      <c r="D11710" s="14" t="s">
        <v>36017</v>
      </c>
      <c r="E11710" s="2" t="s">
        <v>36018</v>
      </c>
      <c r="F11710" s="2"/>
      <c r="G11710" s="8">
        <v>306</v>
      </c>
      <c r="H11710" s="5">
        <v>5</v>
      </c>
      <c r="I11710" s="5" t="s">
        <v>69</v>
      </c>
      <c r="J11710" s="5" t="s">
        <v>24629</v>
      </c>
      <c r="K11710" s="2" t="s">
        <v>24630</v>
      </c>
      <c r="L11710" s="5" t="s">
        <v>24629</v>
      </c>
      <c r="M11710" s="2" t="s">
        <v>24630</v>
      </c>
      <c r="N11710" s="5" t="s">
        <v>24254</v>
      </c>
      <c r="O11710" s="5" t="s">
        <v>38</v>
      </c>
      <c r="P11710" s="5" t="s">
        <v>39</v>
      </c>
      <c r="Q11710" s="5" t="s">
        <v>40</v>
      </c>
      <c r="R11710" s="5" t="s">
        <v>24340</v>
      </c>
      <c r="S11710" s="5" t="s">
        <v>40</v>
      </c>
      <c r="T11710" s="5" t="s">
        <v>42</v>
      </c>
      <c r="U11710" s="2">
        <v>14.538</v>
      </c>
      <c r="V11710" s="2">
        <v>12.926</v>
      </c>
      <c r="W11710" s="2">
        <v>0.11600000000000001</v>
      </c>
      <c r="X11710" s="2">
        <v>15</v>
      </c>
      <c r="Y11710" s="2">
        <v>50</v>
      </c>
      <c r="Z11710" s="2">
        <v>154.1</v>
      </c>
      <c r="AA11710" s="5">
        <v>16</v>
      </c>
      <c r="AB11710" s="5" t="s">
        <v>43</v>
      </c>
      <c r="AC11710" s="5" t="s">
        <v>44</v>
      </c>
      <c r="AD11710" s="2" t="s">
        <v>26757</v>
      </c>
      <c r="AE11710" s="1"/>
    </row>
    <row r="11711" spans="1:31" ht="14.45">
      <c r="A11711" s="11"/>
      <c r="B11711" s="20"/>
      <c r="C11711" s="2" t="s">
        <v>36019</v>
      </c>
      <c r="D11711" s="14" t="s">
        <v>36020</v>
      </c>
      <c r="E11711" s="2" t="s">
        <v>36021</v>
      </c>
      <c r="F11711" s="2"/>
      <c r="G11711" s="8">
        <v>352</v>
      </c>
      <c r="H11711" s="5">
        <v>15</v>
      </c>
      <c r="I11711" s="5" t="s">
        <v>69</v>
      </c>
      <c r="J11711" s="5" t="s">
        <v>24629</v>
      </c>
      <c r="K11711" s="2" t="s">
        <v>24630</v>
      </c>
      <c r="L11711" s="5" t="s">
        <v>24629</v>
      </c>
      <c r="M11711" s="2" t="s">
        <v>24630</v>
      </c>
      <c r="N11711" s="5" t="s">
        <v>24254</v>
      </c>
      <c r="O11711" s="5" t="s">
        <v>38</v>
      </c>
      <c r="P11711" s="5" t="s">
        <v>39</v>
      </c>
      <c r="Q11711" s="5" t="s">
        <v>40</v>
      </c>
      <c r="R11711" s="5" t="s">
        <v>25301</v>
      </c>
      <c r="S11711" s="5" t="s">
        <v>40</v>
      </c>
      <c r="T11711" s="5" t="s">
        <v>42</v>
      </c>
      <c r="U11711" s="2">
        <v>13.266999999999999</v>
      </c>
      <c r="V11711" s="2">
        <v>11.654999999999999</v>
      </c>
      <c r="W11711" s="2">
        <v>0.11600000000000001</v>
      </c>
      <c r="X11711" s="2">
        <v>15</v>
      </c>
      <c r="Y11711" s="2">
        <v>50</v>
      </c>
      <c r="Z11711" s="2">
        <v>154.1</v>
      </c>
      <c r="AA11711" s="5">
        <v>16</v>
      </c>
      <c r="AB11711" s="5" t="s">
        <v>43</v>
      </c>
      <c r="AC11711" s="5" t="s">
        <v>44</v>
      </c>
      <c r="AD11711" s="2" t="s">
        <v>26761</v>
      </c>
      <c r="AE11711" s="1"/>
    </row>
    <row r="11712" spans="1:31" ht="14.45">
      <c r="A11712" s="11"/>
      <c r="B11712" s="20"/>
      <c r="C11712" s="2" t="s">
        <v>36022</v>
      </c>
      <c r="D11712" s="14" t="s">
        <v>36023</v>
      </c>
      <c r="E11712" s="2" t="s">
        <v>36024</v>
      </c>
      <c r="F11712" s="2"/>
      <c r="G11712" s="8">
        <v>273</v>
      </c>
      <c r="H11712" s="5">
        <v>5</v>
      </c>
      <c r="I11712" s="5" t="s">
        <v>69</v>
      </c>
      <c r="J11712" s="5" t="s">
        <v>24629</v>
      </c>
      <c r="K11712" s="2" t="s">
        <v>24630</v>
      </c>
      <c r="L11712" s="5" t="s">
        <v>24629</v>
      </c>
      <c r="M11712" s="2" t="s">
        <v>24630</v>
      </c>
      <c r="N11712" s="5" t="s">
        <v>24254</v>
      </c>
      <c r="O11712" s="5" t="s">
        <v>38</v>
      </c>
      <c r="P11712" s="5" t="s">
        <v>39</v>
      </c>
      <c r="Q11712" s="5" t="s">
        <v>40</v>
      </c>
      <c r="R11712" s="5" t="s">
        <v>24335</v>
      </c>
      <c r="S11712" s="5" t="s">
        <v>40</v>
      </c>
      <c r="T11712" s="5" t="s">
        <v>42</v>
      </c>
      <c r="U11712" s="2">
        <v>9.9049999999999994</v>
      </c>
      <c r="V11712" s="2">
        <v>8.2959999999999994</v>
      </c>
      <c r="W11712" s="2">
        <v>0.11600000000000001</v>
      </c>
      <c r="X11712" s="2">
        <v>15</v>
      </c>
      <c r="Y11712" s="2">
        <v>50</v>
      </c>
      <c r="Z11712" s="2">
        <v>154.1</v>
      </c>
      <c r="AA11712" s="5">
        <v>16</v>
      </c>
      <c r="AB11712" s="5" t="s">
        <v>43</v>
      </c>
      <c r="AC11712" s="5" t="s">
        <v>44</v>
      </c>
      <c r="AD11712" s="2" t="s">
        <v>35955</v>
      </c>
      <c r="AE11712" s="1"/>
    </row>
    <row r="11713" spans="1:31" ht="14.45">
      <c r="A11713" s="11"/>
      <c r="B11713" s="20"/>
      <c r="C11713" s="2" t="s">
        <v>36025</v>
      </c>
      <c r="D11713" s="14" t="s">
        <v>36026</v>
      </c>
      <c r="E11713" s="2" t="s">
        <v>36027</v>
      </c>
      <c r="F11713" s="2"/>
      <c r="G11713" s="8">
        <v>172</v>
      </c>
      <c r="H11713" s="5">
        <v>5</v>
      </c>
      <c r="I11713" s="5" t="s">
        <v>69</v>
      </c>
      <c r="J11713" s="5" t="s">
        <v>24629</v>
      </c>
      <c r="K11713" s="2" t="s">
        <v>24630</v>
      </c>
      <c r="L11713" s="5" t="s">
        <v>24629</v>
      </c>
      <c r="M11713" s="2" t="s">
        <v>24630</v>
      </c>
      <c r="N11713" s="5" t="s">
        <v>24254</v>
      </c>
      <c r="O11713" s="5" t="s">
        <v>38</v>
      </c>
      <c r="P11713" s="5" t="s">
        <v>39</v>
      </c>
      <c r="Q11713" s="5" t="s">
        <v>40</v>
      </c>
      <c r="R11713" s="5" t="s">
        <v>24335</v>
      </c>
      <c r="S11713" s="5" t="s">
        <v>40</v>
      </c>
      <c r="T11713" s="5" t="s">
        <v>42</v>
      </c>
      <c r="U11713" s="2">
        <v>8.9269999999999996</v>
      </c>
      <c r="V11713" s="2">
        <v>7.1550000000000002</v>
      </c>
      <c r="W11713" s="2">
        <v>0.13</v>
      </c>
      <c r="X11713" s="2">
        <v>15</v>
      </c>
      <c r="Y11713" s="2">
        <v>50</v>
      </c>
      <c r="Z11713" s="2">
        <v>173.9</v>
      </c>
      <c r="AA11713" s="5">
        <v>16</v>
      </c>
      <c r="AB11713" s="5" t="s">
        <v>43</v>
      </c>
      <c r="AC11713" s="5" t="s">
        <v>44</v>
      </c>
      <c r="AD11713" s="2" t="s">
        <v>26753</v>
      </c>
      <c r="AE11713" s="1"/>
    </row>
    <row r="11714" spans="1:31" ht="14.45">
      <c r="A11714" s="11"/>
      <c r="B11714" s="20"/>
      <c r="C11714" s="2" t="s">
        <v>36028</v>
      </c>
      <c r="D11714" s="14" t="s">
        <v>36029</v>
      </c>
      <c r="E11714" s="2" t="s">
        <v>36030</v>
      </c>
      <c r="F11714" s="2"/>
      <c r="G11714" s="8">
        <v>303</v>
      </c>
      <c r="H11714" s="5">
        <v>10</v>
      </c>
      <c r="I11714" s="5" t="s">
        <v>69</v>
      </c>
      <c r="J11714" s="5" t="s">
        <v>24629</v>
      </c>
      <c r="K11714" s="2" t="s">
        <v>24630</v>
      </c>
      <c r="L11714" s="5" t="s">
        <v>24629</v>
      </c>
      <c r="M11714" s="2" t="s">
        <v>24630</v>
      </c>
      <c r="N11714" s="5" t="s">
        <v>24254</v>
      </c>
      <c r="O11714" s="5" t="s">
        <v>38</v>
      </c>
      <c r="P11714" s="5" t="s">
        <v>39</v>
      </c>
      <c r="Q11714" s="5" t="s">
        <v>40</v>
      </c>
      <c r="R11714" s="5" t="s">
        <v>24335</v>
      </c>
      <c r="S11714" s="5" t="s">
        <v>40</v>
      </c>
      <c r="T11714" s="5" t="s">
        <v>42</v>
      </c>
      <c r="U11714" s="2">
        <v>10.831</v>
      </c>
      <c r="V11714" s="2">
        <v>9.032</v>
      </c>
      <c r="W11714" s="2">
        <v>0.13</v>
      </c>
      <c r="X11714" s="2">
        <v>15</v>
      </c>
      <c r="Y11714" s="2">
        <v>50</v>
      </c>
      <c r="Z11714" s="2">
        <v>173.9</v>
      </c>
      <c r="AA11714" s="5">
        <v>16</v>
      </c>
      <c r="AB11714" s="5" t="s">
        <v>43</v>
      </c>
      <c r="AC11714" s="5" t="s">
        <v>44</v>
      </c>
      <c r="AD11714" s="2" t="s">
        <v>35955</v>
      </c>
      <c r="AE11714" s="1"/>
    </row>
    <row r="11715" spans="1:31" ht="14.45">
      <c r="A11715" s="11"/>
      <c r="B11715" s="20"/>
      <c r="C11715" s="2" t="s">
        <v>36031</v>
      </c>
      <c r="D11715" s="14" t="s">
        <v>36032</v>
      </c>
      <c r="E11715" s="2" t="s">
        <v>36033</v>
      </c>
      <c r="F11715" s="2"/>
      <c r="G11715" s="8">
        <v>167</v>
      </c>
      <c r="H11715" s="5">
        <v>5</v>
      </c>
      <c r="I11715" s="5" t="s">
        <v>69</v>
      </c>
      <c r="J11715" s="5" t="s">
        <v>24629</v>
      </c>
      <c r="K11715" s="2" t="s">
        <v>24630</v>
      </c>
      <c r="L11715" s="5" t="s">
        <v>24629</v>
      </c>
      <c r="M11715" s="2" t="s">
        <v>24630</v>
      </c>
      <c r="N11715" s="5" t="s">
        <v>24254</v>
      </c>
      <c r="O11715" s="5" t="s">
        <v>38</v>
      </c>
      <c r="P11715" s="5" t="s">
        <v>39</v>
      </c>
      <c r="Q11715" s="5" t="s">
        <v>40</v>
      </c>
      <c r="R11715" s="5" t="s">
        <v>24335</v>
      </c>
      <c r="S11715" s="5" t="s">
        <v>40</v>
      </c>
      <c r="T11715" s="5" t="s">
        <v>42</v>
      </c>
      <c r="U11715" s="2">
        <v>8.6210000000000004</v>
      </c>
      <c r="V11715" s="2">
        <v>7.0090000000000003</v>
      </c>
      <c r="W11715" s="2">
        <v>0.115</v>
      </c>
      <c r="X11715" s="2">
        <v>15</v>
      </c>
      <c r="Y11715" s="2">
        <v>50</v>
      </c>
      <c r="Z11715" s="2">
        <v>153.9</v>
      </c>
      <c r="AA11715" s="5">
        <v>16</v>
      </c>
      <c r="AB11715" s="5" t="s">
        <v>43</v>
      </c>
      <c r="AC11715" s="5" t="s">
        <v>44</v>
      </c>
      <c r="AD11715" s="2" t="s">
        <v>26753</v>
      </c>
      <c r="AE11715" s="1"/>
    </row>
    <row r="11716" spans="1:31" ht="14.45">
      <c r="A11716" s="11"/>
      <c r="B11716" s="20"/>
      <c r="C11716" s="2" t="s">
        <v>36034</v>
      </c>
      <c r="D11716" s="14" t="s">
        <v>36035</v>
      </c>
      <c r="E11716" s="2" t="s">
        <v>36036</v>
      </c>
      <c r="F11716" s="2"/>
      <c r="G11716" s="8">
        <v>293</v>
      </c>
      <c r="H11716" s="5">
        <v>10</v>
      </c>
      <c r="I11716" s="5" t="s">
        <v>69</v>
      </c>
      <c r="J11716" s="5" t="s">
        <v>24629</v>
      </c>
      <c r="K11716" s="2" t="s">
        <v>24630</v>
      </c>
      <c r="L11716" s="5" t="s">
        <v>24629</v>
      </c>
      <c r="M11716" s="2" t="s">
        <v>24630</v>
      </c>
      <c r="N11716" s="5" t="s">
        <v>24254</v>
      </c>
      <c r="O11716" s="5" t="s">
        <v>38</v>
      </c>
      <c r="P11716" s="5" t="s">
        <v>39</v>
      </c>
      <c r="Q11716" s="5" t="s">
        <v>40</v>
      </c>
      <c r="R11716" s="5" t="s">
        <v>24335</v>
      </c>
      <c r="S11716" s="5" t="s">
        <v>40</v>
      </c>
      <c r="T11716" s="5" t="s">
        <v>42</v>
      </c>
      <c r="U11716" s="2">
        <v>9.7690000000000001</v>
      </c>
      <c r="V11716" s="2">
        <v>8.1300000000000008</v>
      </c>
      <c r="W11716" s="2">
        <v>0.11600000000000001</v>
      </c>
      <c r="X11716" s="2">
        <v>15</v>
      </c>
      <c r="Y11716" s="2">
        <v>50</v>
      </c>
      <c r="Z11716" s="2">
        <v>154.1</v>
      </c>
      <c r="AA11716" s="5">
        <v>16</v>
      </c>
      <c r="AB11716" s="5" t="s">
        <v>43</v>
      </c>
      <c r="AC11716" s="5" t="s">
        <v>44</v>
      </c>
      <c r="AD11716" s="2" t="s">
        <v>35955</v>
      </c>
      <c r="AE11716" s="1"/>
    </row>
    <row r="11717" spans="1:31" ht="14.45">
      <c r="A11717" s="11"/>
      <c r="B11717" s="20"/>
      <c r="C11717" s="2" t="s">
        <v>36037</v>
      </c>
      <c r="D11717" s="14" t="s">
        <v>36038</v>
      </c>
      <c r="E11717" s="2" t="s">
        <v>36039</v>
      </c>
      <c r="F11717" s="2"/>
      <c r="G11717" s="8">
        <v>172</v>
      </c>
      <c r="H11717" s="5">
        <v>5</v>
      </c>
      <c r="I11717" s="5" t="s">
        <v>69</v>
      </c>
      <c r="J11717" s="5" t="s">
        <v>24629</v>
      </c>
      <c r="K11717" s="2" t="s">
        <v>24630</v>
      </c>
      <c r="L11717" s="5" t="s">
        <v>24629</v>
      </c>
      <c r="M11717" s="2" t="s">
        <v>24630</v>
      </c>
      <c r="N11717" s="5" t="s">
        <v>24254</v>
      </c>
      <c r="O11717" s="5" t="s">
        <v>38</v>
      </c>
      <c r="P11717" s="5" t="s">
        <v>39</v>
      </c>
      <c r="Q11717" s="5" t="s">
        <v>40</v>
      </c>
      <c r="R11717" s="5" t="s">
        <v>24335</v>
      </c>
      <c r="S11717" s="5" t="s">
        <v>40</v>
      </c>
      <c r="T11717" s="5" t="s">
        <v>42</v>
      </c>
      <c r="U11717" s="2">
        <v>9.0510000000000002</v>
      </c>
      <c r="V11717" s="2">
        <v>7.4390000000000001</v>
      </c>
      <c r="W11717" s="2">
        <v>0.115</v>
      </c>
      <c r="X11717" s="2">
        <v>15</v>
      </c>
      <c r="Y11717" s="2">
        <v>50</v>
      </c>
      <c r="Z11717" s="2">
        <v>153.9</v>
      </c>
      <c r="AA11717" s="5">
        <v>16</v>
      </c>
      <c r="AB11717" s="5" t="s">
        <v>43</v>
      </c>
      <c r="AC11717" s="5" t="s">
        <v>44</v>
      </c>
      <c r="AD11717" s="2" t="s">
        <v>26753</v>
      </c>
      <c r="AE11717" s="1"/>
    </row>
    <row r="11718" spans="1:31" ht="14.45">
      <c r="A11718" s="11"/>
      <c r="B11718" s="20"/>
      <c r="C11718" s="2" t="s">
        <v>36040</v>
      </c>
      <c r="D11718" s="14" t="s">
        <v>36041</v>
      </c>
      <c r="E11718" s="2" t="s">
        <v>36042</v>
      </c>
      <c r="F11718" s="2"/>
      <c r="G11718" s="8">
        <v>303</v>
      </c>
      <c r="H11718" s="5">
        <v>10</v>
      </c>
      <c r="I11718" s="5" t="s">
        <v>69</v>
      </c>
      <c r="J11718" s="5" t="s">
        <v>24629</v>
      </c>
      <c r="K11718" s="2" t="s">
        <v>24630</v>
      </c>
      <c r="L11718" s="5" t="s">
        <v>24629</v>
      </c>
      <c r="M11718" s="2" t="s">
        <v>24630</v>
      </c>
      <c r="N11718" s="5" t="s">
        <v>24254</v>
      </c>
      <c r="O11718" s="5" t="s">
        <v>38</v>
      </c>
      <c r="P11718" s="5" t="s">
        <v>39</v>
      </c>
      <c r="Q11718" s="5" t="s">
        <v>40</v>
      </c>
      <c r="R11718" s="5" t="s">
        <v>24335</v>
      </c>
      <c r="S11718" s="5" t="s">
        <v>40</v>
      </c>
      <c r="T11718" s="5" t="s">
        <v>42</v>
      </c>
      <c r="U11718" s="2">
        <v>10.315</v>
      </c>
      <c r="V11718" s="2">
        <v>8.6760000000000002</v>
      </c>
      <c r="W11718" s="2">
        <v>0.11600000000000001</v>
      </c>
      <c r="X11718" s="2">
        <v>15</v>
      </c>
      <c r="Y11718" s="2">
        <v>50</v>
      </c>
      <c r="Z11718" s="2">
        <v>154.1</v>
      </c>
      <c r="AA11718" s="5">
        <v>16</v>
      </c>
      <c r="AB11718" s="5" t="s">
        <v>43</v>
      </c>
      <c r="AC11718" s="5" t="s">
        <v>44</v>
      </c>
      <c r="AD11718" s="2" t="s">
        <v>35955</v>
      </c>
      <c r="AE11718" s="1"/>
    </row>
    <row r="11719" spans="1:31" ht="14.45">
      <c r="A11719" s="11"/>
      <c r="B11719" s="20"/>
      <c r="C11719" s="2" t="s">
        <v>36043</v>
      </c>
      <c r="D11719" s="14" t="s">
        <v>36044</v>
      </c>
      <c r="E11719" s="2" t="s">
        <v>36045</v>
      </c>
      <c r="F11719" s="2"/>
      <c r="G11719" s="8">
        <v>181</v>
      </c>
      <c r="H11719" s="5">
        <v>5</v>
      </c>
      <c r="I11719" s="5" t="s">
        <v>69</v>
      </c>
      <c r="J11719" s="5" t="s">
        <v>24629</v>
      </c>
      <c r="K11719" s="2" t="s">
        <v>24630</v>
      </c>
      <c r="L11719" s="5" t="s">
        <v>24629</v>
      </c>
      <c r="M11719" s="2" t="s">
        <v>24630</v>
      </c>
      <c r="N11719" s="5" t="s">
        <v>24254</v>
      </c>
      <c r="O11719" s="5" t="s">
        <v>38</v>
      </c>
      <c r="P11719" s="5" t="s">
        <v>39</v>
      </c>
      <c r="Q11719" s="5" t="s">
        <v>40</v>
      </c>
      <c r="R11719" s="5" t="s">
        <v>24335</v>
      </c>
      <c r="S11719" s="5" t="s">
        <v>40</v>
      </c>
      <c r="T11719" s="5" t="s">
        <v>42</v>
      </c>
      <c r="U11719" s="2">
        <v>9.3979999999999997</v>
      </c>
      <c r="V11719" s="2">
        <v>7.6260000000000003</v>
      </c>
      <c r="W11719" s="2">
        <v>0.13</v>
      </c>
      <c r="X11719" s="2">
        <v>15</v>
      </c>
      <c r="Y11719" s="2">
        <v>50</v>
      </c>
      <c r="Z11719" s="2">
        <v>173.9</v>
      </c>
      <c r="AA11719" s="5">
        <v>16</v>
      </c>
      <c r="AB11719" s="5" t="s">
        <v>43</v>
      </c>
      <c r="AC11719" s="5" t="s">
        <v>44</v>
      </c>
      <c r="AD11719" s="2" t="s">
        <v>26753</v>
      </c>
      <c r="AE11719" s="1"/>
    </row>
    <row r="11720" spans="1:31" ht="14.45">
      <c r="A11720" s="11"/>
      <c r="B11720" s="20"/>
      <c r="C11720" s="2" t="s">
        <v>36046</v>
      </c>
      <c r="D11720" s="14" t="s">
        <v>36047</v>
      </c>
      <c r="E11720" s="2" t="s">
        <v>36048</v>
      </c>
      <c r="F11720" s="2"/>
      <c r="G11720" s="8">
        <v>332</v>
      </c>
      <c r="H11720" s="5">
        <v>15</v>
      </c>
      <c r="I11720" s="5" t="s">
        <v>69</v>
      </c>
      <c r="J11720" s="5" t="s">
        <v>24629</v>
      </c>
      <c r="K11720" s="2" t="s">
        <v>24630</v>
      </c>
      <c r="L11720" s="5" t="s">
        <v>24629</v>
      </c>
      <c r="M11720" s="2" t="s">
        <v>24630</v>
      </c>
      <c r="N11720" s="5" t="s">
        <v>24254</v>
      </c>
      <c r="O11720" s="5" t="s">
        <v>38</v>
      </c>
      <c r="P11720" s="5" t="s">
        <v>39</v>
      </c>
      <c r="Q11720" s="5" t="s">
        <v>40</v>
      </c>
      <c r="R11720" s="5" t="s">
        <v>24340</v>
      </c>
      <c r="S11720" s="5" t="s">
        <v>40</v>
      </c>
      <c r="T11720" s="5" t="s">
        <v>42</v>
      </c>
      <c r="U11720" s="2">
        <v>16.097999999999999</v>
      </c>
      <c r="V11720" s="2">
        <v>14.326000000000001</v>
      </c>
      <c r="W11720" s="2">
        <v>0.13</v>
      </c>
      <c r="X11720" s="2">
        <v>15</v>
      </c>
      <c r="Y11720" s="2">
        <v>50</v>
      </c>
      <c r="Z11720" s="2">
        <v>173.9</v>
      </c>
      <c r="AA11720" s="5">
        <v>16</v>
      </c>
      <c r="AB11720" s="5" t="s">
        <v>43</v>
      </c>
      <c r="AC11720" s="5" t="s">
        <v>44</v>
      </c>
      <c r="AD11720" s="2" t="s">
        <v>26757</v>
      </c>
      <c r="AE11720" s="1"/>
    </row>
    <row r="11721" spans="1:31" ht="14.45">
      <c r="A11721" s="11"/>
      <c r="B11721" s="20"/>
      <c r="C11721" s="2" t="s">
        <v>36049</v>
      </c>
      <c r="D11721" s="14" t="s">
        <v>36050</v>
      </c>
      <c r="E11721" s="2" t="s">
        <v>36051</v>
      </c>
      <c r="F11721" s="2"/>
      <c r="G11721" s="8">
        <v>394</v>
      </c>
      <c r="H11721" s="5">
        <v>15</v>
      </c>
      <c r="I11721" s="5" t="s">
        <v>69</v>
      </c>
      <c r="J11721" s="5" t="s">
        <v>24629</v>
      </c>
      <c r="K11721" s="2" t="s">
        <v>24630</v>
      </c>
      <c r="L11721" s="5" t="s">
        <v>24629</v>
      </c>
      <c r="M11721" s="2" t="s">
        <v>24630</v>
      </c>
      <c r="N11721" s="5" t="s">
        <v>24254</v>
      </c>
      <c r="O11721" s="5" t="s">
        <v>38</v>
      </c>
      <c r="P11721" s="5" t="s">
        <v>39</v>
      </c>
      <c r="Q11721" s="5" t="s">
        <v>40</v>
      </c>
      <c r="R11721" s="5" t="s">
        <v>25301</v>
      </c>
      <c r="S11721" s="5" t="s">
        <v>40</v>
      </c>
      <c r="T11721" s="5" t="s">
        <v>42</v>
      </c>
      <c r="U11721" s="2">
        <v>14.714</v>
      </c>
      <c r="V11721" s="2">
        <v>12.942</v>
      </c>
      <c r="W11721" s="2">
        <v>0.13</v>
      </c>
      <c r="X11721" s="2">
        <v>15</v>
      </c>
      <c r="Y11721" s="2">
        <v>50</v>
      </c>
      <c r="Z11721" s="2">
        <v>173.9</v>
      </c>
      <c r="AA11721" s="5">
        <v>16</v>
      </c>
      <c r="AB11721" s="5" t="s">
        <v>43</v>
      </c>
      <c r="AC11721" s="5" t="s">
        <v>44</v>
      </c>
      <c r="AD11721" s="2" t="s">
        <v>26761</v>
      </c>
      <c r="AE11721" s="1"/>
    </row>
    <row r="11722" spans="1:31" ht="14.45">
      <c r="A11722" s="11"/>
      <c r="B11722" s="20"/>
      <c r="C11722" s="2" t="s">
        <v>36052</v>
      </c>
      <c r="D11722" s="14" t="s">
        <v>36053</v>
      </c>
      <c r="E11722" s="2" t="s">
        <v>36054</v>
      </c>
      <c r="F11722" s="2"/>
      <c r="G11722" s="8">
        <v>318</v>
      </c>
      <c r="H11722" s="5">
        <v>10</v>
      </c>
      <c r="I11722" s="5" t="s">
        <v>69</v>
      </c>
      <c r="J11722" s="5" t="s">
        <v>24629</v>
      </c>
      <c r="K11722" s="2" t="s">
        <v>24630</v>
      </c>
      <c r="L11722" s="5" t="s">
        <v>24629</v>
      </c>
      <c r="M11722" s="2" t="s">
        <v>24630</v>
      </c>
      <c r="N11722" s="5" t="s">
        <v>24254</v>
      </c>
      <c r="O11722" s="5" t="s">
        <v>38</v>
      </c>
      <c r="P11722" s="5" t="s">
        <v>39</v>
      </c>
      <c r="Q11722" s="5" t="s">
        <v>40</v>
      </c>
      <c r="R11722" s="5" t="s">
        <v>24335</v>
      </c>
      <c r="S11722" s="5" t="s">
        <v>40</v>
      </c>
      <c r="T11722" s="5" t="s">
        <v>42</v>
      </c>
      <c r="U11722" s="2">
        <v>10.782</v>
      </c>
      <c r="V11722" s="2">
        <v>8.9830000000000005</v>
      </c>
      <c r="W11722" s="2">
        <v>0.13</v>
      </c>
      <c r="X11722" s="2">
        <v>15</v>
      </c>
      <c r="Y11722" s="2">
        <v>50</v>
      </c>
      <c r="Z11722" s="2">
        <v>173.9</v>
      </c>
      <c r="AA11722" s="5">
        <v>16</v>
      </c>
      <c r="AB11722" s="5" t="s">
        <v>43</v>
      </c>
      <c r="AC11722" s="5" t="s">
        <v>44</v>
      </c>
      <c r="AD11722" s="2" t="s">
        <v>35955</v>
      </c>
      <c r="AE11722" s="1"/>
    </row>
    <row r="11723" spans="1:31" ht="14.45">
      <c r="A11723" s="11"/>
      <c r="B11723" s="20"/>
      <c r="C11723" s="2" t="s">
        <v>36055</v>
      </c>
      <c r="D11723" s="14" t="s">
        <v>36056</v>
      </c>
      <c r="E11723" s="2" t="s">
        <v>36057</v>
      </c>
      <c r="F11723" s="2"/>
      <c r="G11723" s="8">
        <v>172</v>
      </c>
      <c r="H11723" s="5">
        <v>5</v>
      </c>
      <c r="I11723" s="5" t="s">
        <v>69</v>
      </c>
      <c r="J11723" s="5" t="s">
        <v>24629</v>
      </c>
      <c r="K11723" s="2" t="s">
        <v>24630</v>
      </c>
      <c r="L11723" s="5" t="s">
        <v>24629</v>
      </c>
      <c r="M11723" s="2" t="s">
        <v>24630</v>
      </c>
      <c r="N11723" s="5" t="s">
        <v>24254</v>
      </c>
      <c r="O11723" s="5" t="s">
        <v>38</v>
      </c>
      <c r="P11723" s="5" t="s">
        <v>39</v>
      </c>
      <c r="Q11723" s="5" t="s">
        <v>40</v>
      </c>
      <c r="R11723" s="5" t="s">
        <v>24335</v>
      </c>
      <c r="S11723" s="5" t="s">
        <v>40</v>
      </c>
      <c r="T11723" s="5" t="s">
        <v>42</v>
      </c>
      <c r="U11723" s="2">
        <v>9.5</v>
      </c>
      <c r="V11723" s="2">
        <v>7.7279999999999998</v>
      </c>
      <c r="W11723" s="2">
        <v>0.13</v>
      </c>
      <c r="X11723" s="2">
        <v>15</v>
      </c>
      <c r="Y11723" s="2">
        <v>50</v>
      </c>
      <c r="Z11723" s="2">
        <v>173.9</v>
      </c>
      <c r="AA11723" s="5">
        <v>16</v>
      </c>
      <c r="AB11723" s="5" t="s">
        <v>43</v>
      </c>
      <c r="AC11723" s="5" t="s">
        <v>44</v>
      </c>
      <c r="AD11723" s="2" t="s">
        <v>26753</v>
      </c>
      <c r="AE11723" s="1"/>
    </row>
    <row r="11724" spans="1:31" ht="14.45">
      <c r="A11724" s="11"/>
      <c r="B11724" s="20"/>
      <c r="C11724" s="2" t="s">
        <v>36058</v>
      </c>
      <c r="D11724" s="14" t="s">
        <v>36059</v>
      </c>
      <c r="E11724" s="2" t="s">
        <v>36060</v>
      </c>
      <c r="F11724" s="2"/>
      <c r="G11724" s="8">
        <v>323</v>
      </c>
      <c r="H11724" s="5">
        <v>5</v>
      </c>
      <c r="I11724" s="5" t="s">
        <v>69</v>
      </c>
      <c r="J11724" s="5" t="s">
        <v>24629</v>
      </c>
      <c r="K11724" s="2" t="s">
        <v>24630</v>
      </c>
      <c r="L11724" s="5" t="s">
        <v>24629</v>
      </c>
      <c r="M11724" s="2" t="s">
        <v>24630</v>
      </c>
      <c r="N11724" s="5" t="s">
        <v>24254</v>
      </c>
      <c r="O11724" s="5" t="s">
        <v>38</v>
      </c>
      <c r="P11724" s="5" t="s">
        <v>39</v>
      </c>
      <c r="Q11724" s="5" t="s">
        <v>40</v>
      </c>
      <c r="R11724" s="5" t="s">
        <v>24340</v>
      </c>
      <c r="S11724" s="5" t="s">
        <v>40</v>
      </c>
      <c r="T11724" s="5" t="s">
        <v>42</v>
      </c>
      <c r="U11724" s="2">
        <v>15.526</v>
      </c>
      <c r="V11724" s="2">
        <v>13.754</v>
      </c>
      <c r="W11724" s="2">
        <v>0.13</v>
      </c>
      <c r="X11724" s="2">
        <v>15</v>
      </c>
      <c r="Y11724" s="2">
        <v>50</v>
      </c>
      <c r="Z11724" s="2">
        <v>173.9</v>
      </c>
      <c r="AA11724" s="5">
        <v>16</v>
      </c>
      <c r="AB11724" s="5" t="s">
        <v>43</v>
      </c>
      <c r="AC11724" s="5" t="s">
        <v>44</v>
      </c>
      <c r="AD11724" s="2" t="s">
        <v>26757</v>
      </c>
      <c r="AE11724" s="1"/>
    </row>
    <row r="11725" spans="1:31" ht="14.45">
      <c r="A11725" s="11"/>
      <c r="B11725" s="20"/>
      <c r="C11725" s="2" t="s">
        <v>36061</v>
      </c>
      <c r="D11725" s="14" t="s">
        <v>36062</v>
      </c>
      <c r="E11725" s="2" t="s">
        <v>36063</v>
      </c>
      <c r="F11725" s="2"/>
      <c r="G11725" s="8">
        <v>381</v>
      </c>
      <c r="H11725" s="5">
        <v>15</v>
      </c>
      <c r="I11725" s="5" t="s">
        <v>69</v>
      </c>
      <c r="J11725" s="5" t="s">
        <v>24629</v>
      </c>
      <c r="K11725" s="2" t="s">
        <v>24630</v>
      </c>
      <c r="L11725" s="5" t="s">
        <v>24629</v>
      </c>
      <c r="M11725" s="2" t="s">
        <v>24630</v>
      </c>
      <c r="N11725" s="5" t="s">
        <v>24254</v>
      </c>
      <c r="O11725" s="5" t="s">
        <v>38</v>
      </c>
      <c r="P11725" s="5" t="s">
        <v>39</v>
      </c>
      <c r="Q11725" s="5" t="s">
        <v>40</v>
      </c>
      <c r="R11725" s="5" t="s">
        <v>25301</v>
      </c>
      <c r="S11725" s="5" t="s">
        <v>40</v>
      </c>
      <c r="T11725" s="5" t="s">
        <v>42</v>
      </c>
      <c r="U11725" s="2">
        <v>14.284000000000001</v>
      </c>
      <c r="V11725" s="2">
        <v>12.512</v>
      </c>
      <c r="W11725" s="2">
        <v>0.13</v>
      </c>
      <c r="X11725" s="2">
        <v>15</v>
      </c>
      <c r="Y11725" s="2">
        <v>50</v>
      </c>
      <c r="Z11725" s="2">
        <v>173.9</v>
      </c>
      <c r="AA11725" s="5">
        <v>16</v>
      </c>
      <c r="AB11725" s="5" t="s">
        <v>43</v>
      </c>
      <c r="AC11725" s="5" t="s">
        <v>44</v>
      </c>
      <c r="AD11725" s="2" t="s">
        <v>26761</v>
      </c>
      <c r="AE11725" s="1"/>
    </row>
    <row r="11726" spans="1:31" ht="14.45">
      <c r="A11726" s="11"/>
      <c r="B11726" s="20"/>
      <c r="C11726" s="2" t="s">
        <v>36064</v>
      </c>
      <c r="D11726" s="14" t="s">
        <v>36065</v>
      </c>
      <c r="E11726" s="2" t="s">
        <v>36066</v>
      </c>
      <c r="F11726" s="2"/>
      <c r="G11726" s="8">
        <v>303</v>
      </c>
      <c r="H11726" s="5">
        <v>5</v>
      </c>
      <c r="I11726" s="5" t="s">
        <v>69</v>
      </c>
      <c r="J11726" s="5" t="s">
        <v>24629</v>
      </c>
      <c r="K11726" s="2" t="s">
        <v>24630</v>
      </c>
      <c r="L11726" s="5" t="s">
        <v>24629</v>
      </c>
      <c r="M11726" s="2" t="s">
        <v>24630</v>
      </c>
      <c r="N11726" s="5" t="s">
        <v>24254</v>
      </c>
      <c r="O11726" s="5" t="s">
        <v>38</v>
      </c>
      <c r="P11726" s="5" t="s">
        <v>39</v>
      </c>
      <c r="Q11726" s="5" t="s">
        <v>40</v>
      </c>
      <c r="R11726" s="5" t="s">
        <v>24335</v>
      </c>
      <c r="S11726" s="5" t="s">
        <v>40</v>
      </c>
      <c r="T11726" s="5" t="s">
        <v>42</v>
      </c>
      <c r="U11726" s="2">
        <v>10.877000000000001</v>
      </c>
      <c r="V11726" s="2">
        <v>9.1080000000000005</v>
      </c>
      <c r="W11726" s="2">
        <v>0.13</v>
      </c>
      <c r="X11726" s="2">
        <v>15</v>
      </c>
      <c r="Y11726" s="2">
        <v>50</v>
      </c>
      <c r="Z11726" s="2">
        <v>173.9</v>
      </c>
      <c r="AA11726" s="5">
        <v>16</v>
      </c>
      <c r="AB11726" s="5" t="s">
        <v>43</v>
      </c>
      <c r="AC11726" s="5" t="s">
        <v>44</v>
      </c>
      <c r="AD11726" s="2" t="s">
        <v>35955</v>
      </c>
      <c r="AE11726" s="1"/>
    </row>
    <row r="11727" spans="1:31" ht="14.45">
      <c r="A11727" s="11"/>
      <c r="B11727" s="20"/>
      <c r="C11727" s="2" t="s">
        <v>36067</v>
      </c>
      <c r="D11727" s="14" t="s">
        <v>36068</v>
      </c>
      <c r="E11727" s="2" t="s">
        <v>36069</v>
      </c>
      <c r="F11727" s="2"/>
      <c r="G11727" s="8">
        <v>175</v>
      </c>
      <c r="H11727" s="5">
        <v>5</v>
      </c>
      <c r="I11727" s="5" t="s">
        <v>69</v>
      </c>
      <c r="J11727" s="5" t="s">
        <v>24629</v>
      </c>
      <c r="K11727" s="2" t="s">
        <v>24630</v>
      </c>
      <c r="L11727" s="5" t="s">
        <v>24629</v>
      </c>
      <c r="M11727" s="2" t="s">
        <v>24630</v>
      </c>
      <c r="N11727" s="5" t="s">
        <v>24254</v>
      </c>
      <c r="O11727" s="5" t="s">
        <v>38</v>
      </c>
      <c r="P11727" s="5" t="s">
        <v>39</v>
      </c>
      <c r="Q11727" s="5" t="s">
        <v>40</v>
      </c>
      <c r="R11727" s="5" t="s">
        <v>24335</v>
      </c>
      <c r="S11727" s="5" t="s">
        <v>40</v>
      </c>
      <c r="T11727" s="5" t="s">
        <v>42</v>
      </c>
      <c r="U11727" s="2">
        <v>9.9290000000000003</v>
      </c>
      <c r="V11727" s="2">
        <v>8.157</v>
      </c>
      <c r="W11727" s="2">
        <v>0.13</v>
      </c>
      <c r="X11727" s="2">
        <v>15</v>
      </c>
      <c r="Y11727" s="2">
        <v>50</v>
      </c>
      <c r="Z11727" s="2">
        <v>173.9</v>
      </c>
      <c r="AA11727" s="5">
        <v>16</v>
      </c>
      <c r="AB11727" s="5" t="s">
        <v>43</v>
      </c>
      <c r="AC11727" s="5" t="s">
        <v>44</v>
      </c>
      <c r="AD11727" s="2" t="s">
        <v>26753</v>
      </c>
      <c r="AE11727" s="1"/>
    </row>
    <row r="11728" spans="1:31" ht="14.45">
      <c r="A11728" s="11"/>
      <c r="B11728" s="20"/>
      <c r="C11728" s="2" t="s">
        <v>36070</v>
      </c>
      <c r="D11728" s="14" t="s">
        <v>36071</v>
      </c>
      <c r="E11728" s="2" t="s">
        <v>36072</v>
      </c>
      <c r="F11728" s="2"/>
      <c r="G11728" s="8">
        <v>308</v>
      </c>
      <c r="H11728" s="5">
        <v>10</v>
      </c>
      <c r="I11728" s="5" t="s">
        <v>69</v>
      </c>
      <c r="J11728" s="5" t="s">
        <v>24629</v>
      </c>
      <c r="K11728" s="2" t="s">
        <v>24630</v>
      </c>
      <c r="L11728" s="5" t="s">
        <v>24629</v>
      </c>
      <c r="M11728" s="2" t="s">
        <v>24630</v>
      </c>
      <c r="N11728" s="5" t="s">
        <v>24254</v>
      </c>
      <c r="O11728" s="5" t="s">
        <v>38</v>
      </c>
      <c r="P11728" s="5" t="s">
        <v>39</v>
      </c>
      <c r="Q11728" s="5" t="s">
        <v>40</v>
      </c>
      <c r="R11728" s="5" t="s">
        <v>24335</v>
      </c>
      <c r="S11728" s="5" t="s">
        <v>40</v>
      </c>
      <c r="T11728" s="5" t="s">
        <v>42</v>
      </c>
      <c r="U11728" s="2">
        <v>11.715999999999999</v>
      </c>
      <c r="V11728" s="2">
        <v>10.077</v>
      </c>
      <c r="W11728" s="2">
        <v>0.13</v>
      </c>
      <c r="X11728" s="2">
        <v>15</v>
      </c>
      <c r="Y11728" s="2">
        <v>50</v>
      </c>
      <c r="Z11728" s="2">
        <v>173.9</v>
      </c>
      <c r="AA11728" s="5">
        <v>16</v>
      </c>
      <c r="AB11728" s="5" t="s">
        <v>43</v>
      </c>
      <c r="AC11728" s="5" t="s">
        <v>44</v>
      </c>
      <c r="AD11728" s="2" t="s">
        <v>35955</v>
      </c>
      <c r="AE11728" s="1"/>
    </row>
    <row r="11729" spans="1:31" ht="14.45">
      <c r="A11729" s="11"/>
      <c r="B11729" s="20"/>
      <c r="C11729" s="2" t="s">
        <v>36073</v>
      </c>
      <c r="D11729" s="14" t="s">
        <v>36074</v>
      </c>
      <c r="E11729" s="2" t="s">
        <v>36075</v>
      </c>
      <c r="F11729" s="2"/>
      <c r="G11729" s="8">
        <v>190</v>
      </c>
      <c r="H11729" s="5">
        <v>10</v>
      </c>
      <c r="I11729" s="5" t="s">
        <v>69</v>
      </c>
      <c r="J11729" s="5" t="s">
        <v>24629</v>
      </c>
      <c r="K11729" s="2" t="s">
        <v>24630</v>
      </c>
      <c r="L11729" s="5" t="s">
        <v>24629</v>
      </c>
      <c r="M11729" s="2" t="s">
        <v>24630</v>
      </c>
      <c r="N11729" s="5" t="s">
        <v>24254</v>
      </c>
      <c r="O11729" s="5" t="s">
        <v>38</v>
      </c>
      <c r="P11729" s="5" t="s">
        <v>39</v>
      </c>
      <c r="Q11729" s="5" t="s">
        <v>40</v>
      </c>
      <c r="R11729" s="5" t="s">
        <v>24335</v>
      </c>
      <c r="S11729" s="5" t="s">
        <v>40</v>
      </c>
      <c r="T11729" s="5" t="s">
        <v>42</v>
      </c>
      <c r="U11729" s="2">
        <v>9.6809999999999992</v>
      </c>
      <c r="V11729" s="2">
        <v>7.9379999999999997</v>
      </c>
      <c r="W11729" s="2">
        <v>0.13</v>
      </c>
      <c r="X11729" s="2">
        <v>15</v>
      </c>
      <c r="Y11729" s="2">
        <v>50</v>
      </c>
      <c r="Z11729" s="2">
        <v>173.9</v>
      </c>
      <c r="AA11729" s="5">
        <v>16</v>
      </c>
      <c r="AB11729" s="5" t="s">
        <v>43</v>
      </c>
      <c r="AC11729" s="5" t="s">
        <v>44</v>
      </c>
      <c r="AD11729" s="2" t="s">
        <v>26753</v>
      </c>
      <c r="AE11729" s="1"/>
    </row>
    <row r="11730" spans="1:31" ht="14.45">
      <c r="A11730" s="11"/>
      <c r="B11730" s="20"/>
      <c r="C11730" s="2" t="s">
        <v>36076</v>
      </c>
      <c r="D11730" s="14" t="s">
        <v>36077</v>
      </c>
      <c r="E11730" s="2" t="s">
        <v>36078</v>
      </c>
      <c r="F11730" s="2"/>
      <c r="G11730" s="8">
        <v>334</v>
      </c>
      <c r="H11730" s="5">
        <v>10</v>
      </c>
      <c r="I11730" s="5" t="s">
        <v>69</v>
      </c>
      <c r="J11730" s="5" t="s">
        <v>24629</v>
      </c>
      <c r="K11730" s="2" t="s">
        <v>24630</v>
      </c>
      <c r="L11730" s="5" t="s">
        <v>24629</v>
      </c>
      <c r="M11730" s="2" t="s">
        <v>24630</v>
      </c>
      <c r="N11730" s="5" t="s">
        <v>24254</v>
      </c>
      <c r="O11730" s="5" t="s">
        <v>38</v>
      </c>
      <c r="P11730" s="5" t="s">
        <v>39</v>
      </c>
      <c r="Q11730" s="5" t="s">
        <v>40</v>
      </c>
      <c r="R11730" s="5" t="s">
        <v>24335</v>
      </c>
      <c r="S11730" s="5" t="s">
        <v>40</v>
      </c>
      <c r="T11730" s="5" t="s">
        <v>42</v>
      </c>
      <c r="U11730" s="2">
        <v>12.202</v>
      </c>
      <c r="V11730" s="2">
        <v>10.403</v>
      </c>
      <c r="W11730" s="2">
        <v>0.13</v>
      </c>
      <c r="X11730" s="2">
        <v>15</v>
      </c>
      <c r="Y11730" s="2">
        <v>50</v>
      </c>
      <c r="Z11730" s="2">
        <v>173.9</v>
      </c>
      <c r="AA11730" s="5">
        <v>16</v>
      </c>
      <c r="AB11730" s="5" t="s">
        <v>43</v>
      </c>
      <c r="AC11730" s="5" t="s">
        <v>44</v>
      </c>
      <c r="AD11730" s="2" t="s">
        <v>35955</v>
      </c>
      <c r="AE11730" s="1"/>
    </row>
    <row r="11731" spans="1:31" ht="14.45">
      <c r="A11731" s="11"/>
      <c r="B11731" s="20"/>
      <c r="C11731" s="2" t="s">
        <v>36079</v>
      </c>
      <c r="D11731" s="14" t="s">
        <v>36080</v>
      </c>
      <c r="E11731" s="2" t="s">
        <v>36081</v>
      </c>
      <c r="F11731" s="2"/>
      <c r="G11731" s="8">
        <v>181</v>
      </c>
      <c r="H11731" s="5">
        <v>5</v>
      </c>
      <c r="I11731" s="5" t="s">
        <v>69</v>
      </c>
      <c r="J11731" s="5" t="s">
        <v>24629</v>
      </c>
      <c r="K11731" s="2" t="s">
        <v>24630</v>
      </c>
      <c r="L11731" s="5" t="s">
        <v>24629</v>
      </c>
      <c r="M11731" s="2" t="s">
        <v>24630</v>
      </c>
      <c r="N11731" s="5" t="s">
        <v>24254</v>
      </c>
      <c r="O11731" s="5" t="s">
        <v>38</v>
      </c>
      <c r="P11731" s="5" t="s">
        <v>39</v>
      </c>
      <c r="Q11731" s="5" t="s">
        <v>40</v>
      </c>
      <c r="R11731" s="5" t="s">
        <v>24335</v>
      </c>
      <c r="S11731" s="5" t="s">
        <v>40</v>
      </c>
      <c r="T11731" s="5" t="s">
        <v>42</v>
      </c>
      <c r="U11731" s="2">
        <v>10.058999999999999</v>
      </c>
      <c r="V11731" s="2">
        <v>8.1270000000000007</v>
      </c>
      <c r="W11731" s="2">
        <v>0.14499999999999999</v>
      </c>
      <c r="X11731" s="2">
        <v>15</v>
      </c>
      <c r="Y11731" s="2">
        <v>50</v>
      </c>
      <c r="Z11731" s="2">
        <v>193.9</v>
      </c>
      <c r="AA11731" s="5">
        <v>16</v>
      </c>
      <c r="AB11731" s="5" t="s">
        <v>43</v>
      </c>
      <c r="AC11731" s="5" t="s">
        <v>44</v>
      </c>
      <c r="AD11731" s="2" t="s">
        <v>26753</v>
      </c>
      <c r="AE11731" s="1"/>
    </row>
    <row r="11732" spans="1:31" ht="14.45">
      <c r="A11732" s="11"/>
      <c r="B11732" s="20"/>
      <c r="C11732" s="2" t="s">
        <v>36082</v>
      </c>
      <c r="D11732" s="14" t="s">
        <v>36083</v>
      </c>
      <c r="E11732" s="2" t="s">
        <v>36084</v>
      </c>
      <c r="F11732" s="2"/>
      <c r="G11732" s="8">
        <v>332</v>
      </c>
      <c r="H11732" s="5">
        <v>15</v>
      </c>
      <c r="I11732" s="5" t="s">
        <v>69</v>
      </c>
      <c r="J11732" s="5" t="s">
        <v>24629</v>
      </c>
      <c r="K11732" s="2" t="s">
        <v>24630</v>
      </c>
      <c r="L11732" s="5" t="s">
        <v>24629</v>
      </c>
      <c r="M11732" s="2" t="s">
        <v>24630</v>
      </c>
      <c r="N11732" s="5" t="s">
        <v>24254</v>
      </c>
      <c r="O11732" s="5" t="s">
        <v>38</v>
      </c>
      <c r="P11732" s="5" t="s">
        <v>39</v>
      </c>
      <c r="Q11732" s="5" t="s">
        <v>40</v>
      </c>
      <c r="R11732" s="5" t="s">
        <v>24340</v>
      </c>
      <c r="S11732" s="5" t="s">
        <v>40</v>
      </c>
      <c r="T11732" s="5" t="s">
        <v>42</v>
      </c>
      <c r="U11732" s="2">
        <v>15.896000000000001</v>
      </c>
      <c r="V11732" s="2">
        <v>13.964</v>
      </c>
      <c r="W11732" s="2">
        <v>0.14499999999999999</v>
      </c>
      <c r="X11732" s="2">
        <v>15</v>
      </c>
      <c r="Y11732" s="2">
        <v>50</v>
      </c>
      <c r="Z11732" s="2">
        <v>193.9</v>
      </c>
      <c r="AA11732" s="5">
        <v>16</v>
      </c>
      <c r="AB11732" s="5" t="s">
        <v>43</v>
      </c>
      <c r="AC11732" s="5" t="s">
        <v>44</v>
      </c>
      <c r="AD11732" s="2" t="s">
        <v>26757</v>
      </c>
      <c r="AE11732" s="1"/>
    </row>
    <row r="11733" spans="1:31" ht="14.45">
      <c r="A11733" s="11"/>
      <c r="B11733" s="20"/>
      <c r="C11733" s="2" t="s">
        <v>36085</v>
      </c>
      <c r="D11733" s="14" t="s">
        <v>36086</v>
      </c>
      <c r="E11733" s="2" t="s">
        <v>36087</v>
      </c>
      <c r="F11733" s="2"/>
      <c r="G11733" s="8">
        <v>381</v>
      </c>
      <c r="H11733" s="5">
        <v>15</v>
      </c>
      <c r="I11733" s="5" t="s">
        <v>69</v>
      </c>
      <c r="J11733" s="5" t="s">
        <v>24629</v>
      </c>
      <c r="K11733" s="2" t="s">
        <v>24630</v>
      </c>
      <c r="L11733" s="5" t="s">
        <v>24629</v>
      </c>
      <c r="M11733" s="2" t="s">
        <v>24630</v>
      </c>
      <c r="N11733" s="5" t="s">
        <v>24254</v>
      </c>
      <c r="O11733" s="5" t="s">
        <v>38</v>
      </c>
      <c r="P11733" s="5" t="s">
        <v>39</v>
      </c>
      <c r="Q11733" s="5" t="s">
        <v>40</v>
      </c>
      <c r="R11733" s="5" t="s">
        <v>25301</v>
      </c>
      <c r="S11733" s="5" t="s">
        <v>40</v>
      </c>
      <c r="T11733" s="5" t="s">
        <v>42</v>
      </c>
      <c r="U11733" s="2">
        <v>14.725</v>
      </c>
      <c r="V11733" s="2">
        <v>12.792999999999999</v>
      </c>
      <c r="W11733" s="2">
        <v>0.14499999999999999</v>
      </c>
      <c r="X11733" s="2">
        <v>15</v>
      </c>
      <c r="Y11733" s="2">
        <v>50</v>
      </c>
      <c r="Z11733" s="2">
        <v>193.9</v>
      </c>
      <c r="AA11733" s="5">
        <v>16</v>
      </c>
      <c r="AB11733" s="5" t="s">
        <v>43</v>
      </c>
      <c r="AC11733" s="5" t="s">
        <v>44</v>
      </c>
      <c r="AD11733" s="2" t="s">
        <v>26761</v>
      </c>
      <c r="AE11733" s="1"/>
    </row>
    <row r="11734" spans="1:31" ht="14.45">
      <c r="A11734" s="11"/>
      <c r="B11734" s="20"/>
      <c r="C11734" s="2" t="s">
        <v>36088</v>
      </c>
      <c r="D11734" s="14" t="s">
        <v>36089</v>
      </c>
      <c r="E11734" s="2" t="s">
        <v>36090</v>
      </c>
      <c r="F11734" s="2"/>
      <c r="G11734" s="8">
        <v>318</v>
      </c>
      <c r="H11734" s="5">
        <v>10</v>
      </c>
      <c r="I11734" s="5" t="s">
        <v>69</v>
      </c>
      <c r="J11734" s="5" t="s">
        <v>24629</v>
      </c>
      <c r="K11734" s="2" t="s">
        <v>24630</v>
      </c>
      <c r="L11734" s="5" t="s">
        <v>24629</v>
      </c>
      <c r="M11734" s="2" t="s">
        <v>24630</v>
      </c>
      <c r="N11734" s="5" t="s">
        <v>24254</v>
      </c>
      <c r="O11734" s="5" t="s">
        <v>38</v>
      </c>
      <c r="P11734" s="5" t="s">
        <v>39</v>
      </c>
      <c r="Q11734" s="5" t="s">
        <v>40</v>
      </c>
      <c r="R11734" s="5" t="s">
        <v>24335</v>
      </c>
      <c r="S11734" s="5" t="s">
        <v>40</v>
      </c>
      <c r="T11734" s="5" t="s">
        <v>42</v>
      </c>
      <c r="U11734" s="2">
        <v>10.632999999999999</v>
      </c>
      <c r="V11734" s="2">
        <v>8.8339999999999996</v>
      </c>
      <c r="W11734" s="2">
        <v>0.14499999999999999</v>
      </c>
      <c r="X11734" s="2">
        <v>15</v>
      </c>
      <c r="Y11734" s="2">
        <v>50</v>
      </c>
      <c r="Z11734" s="2">
        <v>193.9</v>
      </c>
      <c r="AA11734" s="5">
        <v>16</v>
      </c>
      <c r="AB11734" s="5" t="s">
        <v>43</v>
      </c>
      <c r="AC11734" s="5" t="s">
        <v>44</v>
      </c>
      <c r="AD11734" s="2" t="s">
        <v>35955</v>
      </c>
      <c r="AE11734" s="1"/>
    </row>
    <row r="11735" spans="1:31" ht="14.45">
      <c r="A11735" s="11"/>
      <c r="B11735" s="20"/>
      <c r="C11735" s="2" t="s">
        <v>36091</v>
      </c>
      <c r="D11735" s="14" t="s">
        <v>36092</v>
      </c>
      <c r="E11735" s="2" t="s">
        <v>36093</v>
      </c>
      <c r="F11735" s="2"/>
      <c r="G11735" s="8">
        <v>184</v>
      </c>
      <c r="H11735" s="5">
        <v>5</v>
      </c>
      <c r="I11735" s="5" t="s">
        <v>69</v>
      </c>
      <c r="J11735" s="5" t="s">
        <v>24629</v>
      </c>
      <c r="K11735" s="2" t="s">
        <v>24630</v>
      </c>
      <c r="L11735" s="5" t="s">
        <v>24629</v>
      </c>
      <c r="M11735" s="2" t="s">
        <v>24630</v>
      </c>
      <c r="N11735" s="5" t="s">
        <v>24254</v>
      </c>
      <c r="O11735" s="5" t="s">
        <v>38</v>
      </c>
      <c r="P11735" s="5" t="s">
        <v>39</v>
      </c>
      <c r="Q11735" s="5" t="s">
        <v>40</v>
      </c>
      <c r="R11735" s="5" t="s">
        <v>24335</v>
      </c>
      <c r="S11735" s="5" t="s">
        <v>40</v>
      </c>
      <c r="T11735" s="5" t="s">
        <v>42</v>
      </c>
      <c r="U11735" s="2">
        <v>10.673999999999999</v>
      </c>
      <c r="V11735" s="2">
        <v>8.7420000000000009</v>
      </c>
      <c r="W11735" s="2">
        <v>0.14499999999999999</v>
      </c>
      <c r="X11735" s="2">
        <v>15</v>
      </c>
      <c r="Y11735" s="2">
        <v>50</v>
      </c>
      <c r="Z11735" s="2">
        <v>193.9</v>
      </c>
      <c r="AA11735" s="5">
        <v>16</v>
      </c>
      <c r="AB11735" s="5" t="s">
        <v>43</v>
      </c>
      <c r="AC11735" s="5" t="s">
        <v>44</v>
      </c>
      <c r="AD11735" s="2" t="s">
        <v>26753</v>
      </c>
      <c r="AE11735" s="1"/>
    </row>
    <row r="11736" spans="1:31" ht="14.45">
      <c r="A11736" s="11"/>
      <c r="B11736" s="20"/>
      <c r="C11736" s="2" t="s">
        <v>36094</v>
      </c>
      <c r="D11736" s="14" t="s">
        <v>36095</v>
      </c>
      <c r="E11736" s="2" t="s">
        <v>36096</v>
      </c>
      <c r="F11736" s="2"/>
      <c r="G11736" s="8">
        <v>335</v>
      </c>
      <c r="H11736" s="5">
        <v>5</v>
      </c>
      <c r="I11736" s="5" t="s">
        <v>69</v>
      </c>
      <c r="J11736" s="5" t="s">
        <v>24629</v>
      </c>
      <c r="K11736" s="2" t="s">
        <v>24630</v>
      </c>
      <c r="L11736" s="5" t="s">
        <v>24629</v>
      </c>
      <c r="M11736" s="2" t="s">
        <v>24630</v>
      </c>
      <c r="N11736" s="5" t="s">
        <v>24254</v>
      </c>
      <c r="O11736" s="5" t="s">
        <v>38</v>
      </c>
      <c r="P11736" s="5" t="s">
        <v>39</v>
      </c>
      <c r="Q11736" s="5" t="s">
        <v>40</v>
      </c>
      <c r="R11736" s="5" t="s">
        <v>24340</v>
      </c>
      <c r="S11736" s="5" t="s">
        <v>40</v>
      </c>
      <c r="T11736" s="5" t="s">
        <v>42</v>
      </c>
      <c r="U11736" s="2">
        <v>17.609000000000002</v>
      </c>
      <c r="V11736" s="2">
        <v>15.677</v>
      </c>
      <c r="W11736" s="2">
        <v>0.14499999999999999</v>
      </c>
      <c r="X11736" s="2">
        <v>15</v>
      </c>
      <c r="Y11736" s="2">
        <v>50</v>
      </c>
      <c r="Z11736" s="2">
        <v>193.9</v>
      </c>
      <c r="AA11736" s="5">
        <v>16</v>
      </c>
      <c r="AB11736" s="5" t="s">
        <v>43</v>
      </c>
      <c r="AC11736" s="5" t="s">
        <v>44</v>
      </c>
      <c r="AD11736" s="2" t="s">
        <v>26757</v>
      </c>
      <c r="AE11736" s="1"/>
    </row>
    <row r="11737" spans="1:31" ht="14.45">
      <c r="A11737" s="11"/>
      <c r="B11737" s="20"/>
      <c r="C11737" s="2" t="s">
        <v>36097</v>
      </c>
      <c r="D11737" s="14" t="s">
        <v>36098</v>
      </c>
      <c r="E11737" s="2" t="s">
        <v>36099</v>
      </c>
      <c r="F11737" s="2"/>
      <c r="G11737" s="8">
        <v>401</v>
      </c>
      <c r="H11737" s="5">
        <v>15</v>
      </c>
      <c r="I11737" s="5" t="s">
        <v>69</v>
      </c>
      <c r="J11737" s="5" t="s">
        <v>24629</v>
      </c>
      <c r="K11737" s="2" t="s">
        <v>24630</v>
      </c>
      <c r="L11737" s="5" t="s">
        <v>24629</v>
      </c>
      <c r="M11737" s="2" t="s">
        <v>24630</v>
      </c>
      <c r="N11737" s="5" t="s">
        <v>24254</v>
      </c>
      <c r="O11737" s="5" t="s">
        <v>38</v>
      </c>
      <c r="P11737" s="5" t="s">
        <v>39</v>
      </c>
      <c r="Q11737" s="5" t="s">
        <v>40</v>
      </c>
      <c r="R11737" s="5" t="s">
        <v>25301</v>
      </c>
      <c r="S11737" s="5" t="s">
        <v>40</v>
      </c>
      <c r="T11737" s="5" t="s">
        <v>42</v>
      </c>
      <c r="U11737" s="2">
        <v>16.172999999999998</v>
      </c>
      <c r="V11737" s="2">
        <v>14.241</v>
      </c>
      <c r="W11737" s="2">
        <v>0.14499999999999999</v>
      </c>
      <c r="X11737" s="2">
        <v>15</v>
      </c>
      <c r="Y11737" s="2">
        <v>50</v>
      </c>
      <c r="Z11737" s="2">
        <v>193.9</v>
      </c>
      <c r="AA11737" s="5">
        <v>16</v>
      </c>
      <c r="AB11737" s="5" t="s">
        <v>43</v>
      </c>
      <c r="AC11737" s="5" t="s">
        <v>44</v>
      </c>
      <c r="AD11737" s="2" t="s">
        <v>26761</v>
      </c>
      <c r="AE11737" s="1"/>
    </row>
    <row r="11738" spans="1:31" ht="14.45">
      <c r="A11738" s="11"/>
      <c r="B11738" s="20"/>
      <c r="C11738" s="2" t="s">
        <v>36100</v>
      </c>
      <c r="D11738" s="14" t="s">
        <v>36101</v>
      </c>
      <c r="E11738" s="2" t="s">
        <v>36102</v>
      </c>
      <c r="F11738" s="2"/>
      <c r="G11738" s="8">
        <v>323</v>
      </c>
      <c r="H11738" s="5">
        <v>10</v>
      </c>
      <c r="I11738" s="5" t="s">
        <v>69</v>
      </c>
      <c r="J11738" s="5" t="s">
        <v>24629</v>
      </c>
      <c r="K11738" s="2" t="s">
        <v>24630</v>
      </c>
      <c r="L11738" s="5" t="s">
        <v>24629</v>
      </c>
      <c r="M11738" s="2" t="s">
        <v>24630</v>
      </c>
      <c r="N11738" s="5" t="s">
        <v>24254</v>
      </c>
      <c r="O11738" s="5" t="s">
        <v>38</v>
      </c>
      <c r="P11738" s="5" t="s">
        <v>39</v>
      </c>
      <c r="Q11738" s="5" t="s">
        <v>40</v>
      </c>
      <c r="R11738" s="5" t="s">
        <v>24335</v>
      </c>
      <c r="S11738" s="5" t="s">
        <v>40</v>
      </c>
      <c r="T11738" s="5" t="s">
        <v>42</v>
      </c>
      <c r="U11738" s="2">
        <v>11.457000000000001</v>
      </c>
      <c r="V11738" s="2">
        <v>9.6579999999999995</v>
      </c>
      <c r="W11738" s="2">
        <v>0.14499999999999999</v>
      </c>
      <c r="X11738" s="2">
        <v>15</v>
      </c>
      <c r="Y11738" s="2">
        <v>50</v>
      </c>
      <c r="Z11738" s="2">
        <v>193.9</v>
      </c>
      <c r="AA11738" s="5">
        <v>16</v>
      </c>
      <c r="AB11738" s="5" t="s">
        <v>43</v>
      </c>
      <c r="AC11738" s="5" t="s">
        <v>44</v>
      </c>
      <c r="AD11738" s="2" t="s">
        <v>35955</v>
      </c>
      <c r="AE11738" s="1"/>
    </row>
    <row r="11739" spans="1:31" ht="14.45">
      <c r="A11739" s="11"/>
      <c r="B11739" s="20"/>
      <c r="C11739" s="2" t="s">
        <v>36103</v>
      </c>
      <c r="D11739" s="14" t="s">
        <v>36104</v>
      </c>
      <c r="E11739" s="2" t="s">
        <v>36105</v>
      </c>
      <c r="F11739" s="2"/>
      <c r="G11739" s="8">
        <v>201</v>
      </c>
      <c r="H11739" s="5">
        <v>10</v>
      </c>
      <c r="I11739" s="5" t="s">
        <v>69</v>
      </c>
      <c r="J11739" s="5" t="s">
        <v>24629</v>
      </c>
      <c r="K11739" s="2" t="s">
        <v>24630</v>
      </c>
      <c r="L11739" s="5" t="s">
        <v>24629</v>
      </c>
      <c r="M11739" s="2" t="s">
        <v>24630</v>
      </c>
      <c r="N11739" s="5" t="s">
        <v>24254</v>
      </c>
      <c r="O11739" s="5" t="s">
        <v>38</v>
      </c>
      <c r="P11739" s="5" t="s">
        <v>39</v>
      </c>
      <c r="Q11739" s="5" t="s">
        <v>40</v>
      </c>
      <c r="R11739" s="5" t="s">
        <v>24335</v>
      </c>
      <c r="S11739" s="5" t="s">
        <v>40</v>
      </c>
      <c r="T11739" s="5" t="s">
        <v>42</v>
      </c>
      <c r="U11739" s="2">
        <v>8.9930000000000003</v>
      </c>
      <c r="V11739" s="2">
        <v>7.09</v>
      </c>
      <c r="W11739" s="2">
        <v>0.14499999999999999</v>
      </c>
      <c r="X11739" s="2">
        <v>15</v>
      </c>
      <c r="Y11739" s="2">
        <v>50</v>
      </c>
      <c r="Z11739" s="2">
        <v>193.9</v>
      </c>
      <c r="AA11739" s="5">
        <v>16</v>
      </c>
      <c r="AB11739" s="5" t="s">
        <v>43</v>
      </c>
      <c r="AC11739" s="5" t="s">
        <v>44</v>
      </c>
      <c r="AD11739" s="2" t="s">
        <v>26753</v>
      </c>
      <c r="AE11739" s="1"/>
    </row>
    <row r="11740" spans="1:31" ht="14.45">
      <c r="A11740" s="11"/>
      <c r="B11740" s="20"/>
      <c r="C11740" s="2" t="s">
        <v>36106</v>
      </c>
      <c r="D11740" s="14" t="s">
        <v>36107</v>
      </c>
      <c r="E11740" s="2" t="s">
        <v>36108</v>
      </c>
      <c r="F11740" s="2"/>
      <c r="G11740" s="8">
        <v>353</v>
      </c>
      <c r="H11740" s="5">
        <v>10</v>
      </c>
      <c r="I11740" s="5" t="s">
        <v>69</v>
      </c>
      <c r="J11740" s="5" t="s">
        <v>24629</v>
      </c>
      <c r="K11740" s="2" t="s">
        <v>24630</v>
      </c>
      <c r="L11740" s="5" t="s">
        <v>24629</v>
      </c>
      <c r="M11740" s="2" t="s">
        <v>24630</v>
      </c>
      <c r="N11740" s="5" t="s">
        <v>24254</v>
      </c>
      <c r="O11740" s="5" t="s">
        <v>38</v>
      </c>
      <c r="P11740" s="5" t="s">
        <v>39</v>
      </c>
      <c r="Q11740" s="5" t="s">
        <v>40</v>
      </c>
      <c r="R11740" s="5" t="s">
        <v>24335</v>
      </c>
      <c r="S11740" s="5" t="s">
        <v>40</v>
      </c>
      <c r="T11740" s="5" t="s">
        <v>42</v>
      </c>
      <c r="U11740" s="2">
        <v>11.94</v>
      </c>
      <c r="V11740" s="2">
        <v>9.9809999999999999</v>
      </c>
      <c r="W11740" s="2">
        <v>0.14499999999999999</v>
      </c>
      <c r="X11740" s="2">
        <v>15</v>
      </c>
      <c r="Y11740" s="2">
        <v>50</v>
      </c>
      <c r="Z11740" s="2">
        <v>193.9</v>
      </c>
      <c r="AA11740" s="5">
        <v>16</v>
      </c>
      <c r="AB11740" s="5" t="s">
        <v>43</v>
      </c>
      <c r="AC11740" s="5" t="s">
        <v>44</v>
      </c>
      <c r="AD11740" s="2" t="s">
        <v>35955</v>
      </c>
      <c r="AE11740" s="1"/>
    </row>
    <row r="11741" spans="1:31" ht="14.45">
      <c r="A11741" s="11"/>
      <c r="B11741" s="20"/>
      <c r="C11741" s="2" t="s">
        <v>36109</v>
      </c>
      <c r="D11741" s="14" t="s">
        <v>36110</v>
      </c>
      <c r="E11741" s="2" t="s">
        <v>36111</v>
      </c>
      <c r="F11741" s="2" t="s">
        <v>36112</v>
      </c>
      <c r="G11741" s="8">
        <v>122</v>
      </c>
      <c r="H11741" s="5">
        <v>5</v>
      </c>
      <c r="I11741" s="5" t="s">
        <v>69</v>
      </c>
      <c r="J11741" s="5" t="s">
        <v>24629</v>
      </c>
      <c r="K11741" s="2" t="s">
        <v>24630</v>
      </c>
      <c r="L11741" s="5" t="s">
        <v>24629</v>
      </c>
      <c r="M11741" s="2" t="s">
        <v>24630</v>
      </c>
      <c r="N11741" s="5" t="s">
        <v>24254</v>
      </c>
      <c r="O11741" s="5" t="s">
        <v>38</v>
      </c>
      <c r="P11741" s="5" t="s">
        <v>39</v>
      </c>
      <c r="Q11741" s="5" t="s">
        <v>40</v>
      </c>
      <c r="R11741" s="5" t="s">
        <v>24335</v>
      </c>
      <c r="S11741" s="5" t="s">
        <v>40</v>
      </c>
      <c r="T11741" s="5" t="s">
        <v>42</v>
      </c>
      <c r="U11741" s="2">
        <v>6.0659999999999998</v>
      </c>
      <c r="V11741" s="2">
        <v>5.1289999999999996</v>
      </c>
      <c r="W11741" s="2">
        <v>6.4000000000000001E-2</v>
      </c>
      <c r="X11741" s="2">
        <v>12</v>
      </c>
      <c r="Y11741" s="2">
        <v>40.5</v>
      </c>
      <c r="Z11741" s="2">
        <v>132.6</v>
      </c>
      <c r="AA11741" s="5"/>
      <c r="AB11741" s="5" t="s">
        <v>43</v>
      </c>
      <c r="AC11741" s="5" t="s">
        <v>44</v>
      </c>
      <c r="AD11741" s="2" t="s">
        <v>36113</v>
      </c>
      <c r="AE11741" s="1"/>
    </row>
    <row r="11742" spans="1:31" ht="14.45">
      <c r="A11742" s="11"/>
      <c r="B11742" s="20"/>
      <c r="C11742" s="2" t="s">
        <v>36114</v>
      </c>
      <c r="D11742" s="14" t="s">
        <v>36115</v>
      </c>
      <c r="E11742" s="2" t="s">
        <v>36116</v>
      </c>
      <c r="F11742" s="2" t="s">
        <v>36112</v>
      </c>
      <c r="G11742" s="8">
        <v>131</v>
      </c>
      <c r="H11742" s="5">
        <v>5</v>
      </c>
      <c r="I11742" s="5" t="s">
        <v>69</v>
      </c>
      <c r="J11742" s="5" t="s">
        <v>24629</v>
      </c>
      <c r="K11742" s="2" t="s">
        <v>24630</v>
      </c>
      <c r="L11742" s="5" t="s">
        <v>24629</v>
      </c>
      <c r="M11742" s="2" t="s">
        <v>24630</v>
      </c>
      <c r="N11742" s="5" t="s">
        <v>24254</v>
      </c>
      <c r="O11742" s="5" t="s">
        <v>38</v>
      </c>
      <c r="P11742" s="5" t="s">
        <v>39</v>
      </c>
      <c r="Q11742" s="5" t="s">
        <v>40</v>
      </c>
      <c r="R11742" s="5" t="s">
        <v>24335</v>
      </c>
      <c r="S11742" s="5" t="s">
        <v>40</v>
      </c>
      <c r="T11742" s="5" t="s">
        <v>42</v>
      </c>
      <c r="U11742" s="2">
        <v>6.9589999999999996</v>
      </c>
      <c r="V11742" s="2">
        <v>5.7960000000000003</v>
      </c>
      <c r="W11742" s="2">
        <v>7.3999999999999996E-2</v>
      </c>
      <c r="X11742" s="2">
        <v>12</v>
      </c>
      <c r="Y11742" s="2">
        <v>40.5</v>
      </c>
      <c r="Z11742" s="2">
        <v>151.30000000000001</v>
      </c>
      <c r="AA11742" s="5"/>
      <c r="AB11742" s="5" t="s">
        <v>43</v>
      </c>
      <c r="AC11742" s="5" t="s">
        <v>44</v>
      </c>
      <c r="AD11742" s="2" t="s">
        <v>36113</v>
      </c>
      <c r="AE11742" s="1"/>
    </row>
    <row r="11743" spans="1:31" ht="14.45">
      <c r="A11743" s="11"/>
      <c r="B11743" s="20"/>
      <c r="C11743" s="2" t="s">
        <v>36117</v>
      </c>
      <c r="D11743" s="14" t="s">
        <v>36118</v>
      </c>
      <c r="E11743" s="2" t="s">
        <v>36119</v>
      </c>
      <c r="F11743" s="2" t="s">
        <v>36112</v>
      </c>
      <c r="G11743" s="8">
        <v>136</v>
      </c>
      <c r="H11743" s="5">
        <v>5</v>
      </c>
      <c r="I11743" s="5" t="s">
        <v>69</v>
      </c>
      <c r="J11743" s="5" t="s">
        <v>24629</v>
      </c>
      <c r="K11743" s="2" t="s">
        <v>24630</v>
      </c>
      <c r="L11743" s="5" t="s">
        <v>24629</v>
      </c>
      <c r="M11743" s="2" t="s">
        <v>24630</v>
      </c>
      <c r="N11743" s="5" t="s">
        <v>24254</v>
      </c>
      <c r="O11743" s="5" t="s">
        <v>38</v>
      </c>
      <c r="P11743" s="5" t="s">
        <v>39</v>
      </c>
      <c r="Q11743" s="5" t="s">
        <v>40</v>
      </c>
      <c r="R11743" s="5" t="s">
        <v>24335</v>
      </c>
      <c r="S11743" s="5" t="s">
        <v>40</v>
      </c>
      <c r="T11743" s="5" t="s">
        <v>42</v>
      </c>
      <c r="U11743" s="2">
        <v>7.27</v>
      </c>
      <c r="V11743" s="2">
        <v>6.1070000000000002</v>
      </c>
      <c r="W11743" s="2">
        <v>7.3999999999999996E-2</v>
      </c>
      <c r="X11743" s="2">
        <v>12</v>
      </c>
      <c r="Y11743" s="2">
        <v>40.5</v>
      </c>
      <c r="Z11743" s="2">
        <v>151.30000000000001</v>
      </c>
      <c r="AA11743" s="5"/>
      <c r="AB11743" s="5" t="s">
        <v>43</v>
      </c>
      <c r="AC11743" s="5" t="s">
        <v>44</v>
      </c>
      <c r="AD11743" s="2" t="s">
        <v>36113</v>
      </c>
      <c r="AE11743" s="1"/>
    </row>
    <row r="11744" spans="1:31" ht="14.45">
      <c r="A11744" s="11"/>
      <c r="B11744" s="20"/>
      <c r="C11744" s="2" t="s">
        <v>36120</v>
      </c>
      <c r="D11744" s="14" t="s">
        <v>36121</v>
      </c>
      <c r="E11744" s="2" t="s">
        <v>36122</v>
      </c>
      <c r="F11744" s="2" t="s">
        <v>36112</v>
      </c>
      <c r="G11744" s="8">
        <v>130</v>
      </c>
      <c r="H11744" s="5">
        <v>5</v>
      </c>
      <c r="I11744" s="5" t="s">
        <v>69</v>
      </c>
      <c r="J11744" s="5" t="s">
        <v>24629</v>
      </c>
      <c r="K11744" s="2" t="s">
        <v>24630</v>
      </c>
      <c r="L11744" s="5" t="s">
        <v>24629</v>
      </c>
      <c r="M11744" s="2" t="s">
        <v>24630</v>
      </c>
      <c r="N11744" s="5" t="s">
        <v>24254</v>
      </c>
      <c r="O11744" s="5" t="s">
        <v>38</v>
      </c>
      <c r="P11744" s="5" t="s">
        <v>39</v>
      </c>
      <c r="Q11744" s="5" t="s">
        <v>40</v>
      </c>
      <c r="R11744" s="5" t="s">
        <v>24335</v>
      </c>
      <c r="S11744" s="5" t="s">
        <v>40</v>
      </c>
      <c r="T11744" s="5" t="s">
        <v>42</v>
      </c>
      <c r="U11744" s="2">
        <v>5.6769999999999996</v>
      </c>
      <c r="V11744" s="2">
        <v>4.1779999999999999</v>
      </c>
      <c r="W11744" s="2">
        <v>0.10299999999999999</v>
      </c>
      <c r="X11744" s="2">
        <v>15</v>
      </c>
      <c r="Y11744" s="2">
        <v>50</v>
      </c>
      <c r="Z11744" s="2">
        <v>137.9</v>
      </c>
      <c r="AA11744" s="5">
        <v>16</v>
      </c>
      <c r="AB11744" s="5" t="s">
        <v>43</v>
      </c>
      <c r="AC11744" s="5" t="s">
        <v>44</v>
      </c>
      <c r="AD11744" s="2" t="s">
        <v>36113</v>
      </c>
      <c r="AE11744" s="1"/>
    </row>
    <row r="11745" spans="1:31" ht="14.45">
      <c r="A11745" s="11"/>
      <c r="B11745" s="20"/>
      <c r="C11745" s="2" t="s">
        <v>36123</v>
      </c>
      <c r="D11745" s="14" t="s">
        <v>36124</v>
      </c>
      <c r="E11745" s="2" t="s">
        <v>36125</v>
      </c>
      <c r="F11745" s="2" t="s">
        <v>36126</v>
      </c>
      <c r="G11745" s="8">
        <v>228</v>
      </c>
      <c r="H11745" s="5">
        <v>5</v>
      </c>
      <c r="I11745" s="5" t="s">
        <v>69</v>
      </c>
      <c r="J11745" s="5" t="s">
        <v>24629</v>
      </c>
      <c r="K11745" s="2" t="s">
        <v>24630</v>
      </c>
      <c r="L11745" s="5" t="s">
        <v>24629</v>
      </c>
      <c r="M11745" s="2" t="s">
        <v>24630</v>
      </c>
      <c r="N11745" s="5" t="s">
        <v>24254</v>
      </c>
      <c r="O11745" s="5" t="s">
        <v>38</v>
      </c>
      <c r="P11745" s="5" t="s">
        <v>39</v>
      </c>
      <c r="Q11745" s="5" t="s">
        <v>40</v>
      </c>
      <c r="R11745" s="5" t="s">
        <v>24335</v>
      </c>
      <c r="S11745" s="5" t="s">
        <v>40</v>
      </c>
      <c r="T11745" s="5" t="s">
        <v>42</v>
      </c>
      <c r="U11745" s="2">
        <v>6.6210000000000004</v>
      </c>
      <c r="V11745" s="2">
        <v>4.8019999999999996</v>
      </c>
      <c r="W11745" s="2">
        <v>0.10299999999999999</v>
      </c>
      <c r="X11745" s="2">
        <v>15</v>
      </c>
      <c r="Y11745" s="2">
        <v>50</v>
      </c>
      <c r="Z11745" s="2">
        <v>137.9</v>
      </c>
      <c r="AA11745" s="5">
        <v>16</v>
      </c>
      <c r="AB11745" s="5" t="s">
        <v>43</v>
      </c>
      <c r="AC11745" s="5" t="s">
        <v>44</v>
      </c>
      <c r="AD11745" s="2" t="s">
        <v>36127</v>
      </c>
      <c r="AE11745" s="1"/>
    </row>
    <row r="11746" spans="1:31" ht="14.45">
      <c r="A11746" s="11"/>
      <c r="B11746" s="20"/>
      <c r="C11746" s="2" t="s">
        <v>36128</v>
      </c>
      <c r="D11746" s="14" t="s">
        <v>36129</v>
      </c>
      <c r="E11746" s="2" t="s">
        <v>36130</v>
      </c>
      <c r="F11746" s="2" t="s">
        <v>36112</v>
      </c>
      <c r="G11746" s="8">
        <v>135</v>
      </c>
      <c r="H11746" s="5">
        <v>5</v>
      </c>
      <c r="I11746" s="5" t="s">
        <v>69</v>
      </c>
      <c r="J11746" s="5" t="s">
        <v>24629</v>
      </c>
      <c r="K11746" s="2" t="s">
        <v>24630</v>
      </c>
      <c r="L11746" s="5" t="s">
        <v>24629</v>
      </c>
      <c r="M11746" s="2" t="s">
        <v>24630</v>
      </c>
      <c r="N11746" s="5" t="s">
        <v>24254</v>
      </c>
      <c r="O11746" s="5" t="s">
        <v>38</v>
      </c>
      <c r="P11746" s="5" t="s">
        <v>39</v>
      </c>
      <c r="Q11746" s="5" t="s">
        <v>40</v>
      </c>
      <c r="R11746" s="5" t="s">
        <v>24335</v>
      </c>
      <c r="S11746" s="5" t="s">
        <v>40</v>
      </c>
      <c r="T11746" s="5" t="s">
        <v>42</v>
      </c>
      <c r="U11746" s="2">
        <v>5.9290000000000003</v>
      </c>
      <c r="V11746" s="2">
        <v>4.43</v>
      </c>
      <c r="W11746" s="2">
        <v>0.10299999999999999</v>
      </c>
      <c r="X11746" s="2">
        <v>15</v>
      </c>
      <c r="Y11746" s="2">
        <v>50</v>
      </c>
      <c r="Z11746" s="2">
        <v>137.9</v>
      </c>
      <c r="AA11746" s="5">
        <v>16</v>
      </c>
      <c r="AB11746" s="5" t="s">
        <v>43</v>
      </c>
      <c r="AC11746" s="5" t="s">
        <v>44</v>
      </c>
      <c r="AD11746" s="2" t="s">
        <v>36113</v>
      </c>
      <c r="AE11746" s="1"/>
    </row>
    <row r="11747" spans="1:31" ht="14.45">
      <c r="A11747" s="11"/>
      <c r="B11747" s="20"/>
      <c r="C11747" s="2" t="s">
        <v>36131</v>
      </c>
      <c r="D11747" s="14" t="s">
        <v>36132</v>
      </c>
      <c r="E11747" s="2" t="s">
        <v>36133</v>
      </c>
      <c r="F11747" s="2" t="s">
        <v>36126</v>
      </c>
      <c r="G11747" s="8">
        <v>238</v>
      </c>
      <c r="H11747" s="5">
        <v>5</v>
      </c>
      <c r="I11747" s="5" t="s">
        <v>69</v>
      </c>
      <c r="J11747" s="5" t="s">
        <v>24629</v>
      </c>
      <c r="K11747" s="2" t="s">
        <v>24630</v>
      </c>
      <c r="L11747" s="5" t="s">
        <v>24629</v>
      </c>
      <c r="M11747" s="2" t="s">
        <v>24630</v>
      </c>
      <c r="N11747" s="5" t="s">
        <v>24254</v>
      </c>
      <c r="O11747" s="5" t="s">
        <v>38</v>
      </c>
      <c r="P11747" s="5" t="s">
        <v>39</v>
      </c>
      <c r="Q11747" s="5" t="s">
        <v>40</v>
      </c>
      <c r="R11747" s="5" t="s">
        <v>24335</v>
      </c>
      <c r="S11747" s="5" t="s">
        <v>40</v>
      </c>
      <c r="T11747" s="5" t="s">
        <v>42</v>
      </c>
      <c r="U11747" s="2">
        <v>6.9290000000000003</v>
      </c>
      <c r="V11747" s="2">
        <v>5.1100000000000003</v>
      </c>
      <c r="W11747" s="2">
        <v>0.10299999999999999</v>
      </c>
      <c r="X11747" s="2">
        <v>15</v>
      </c>
      <c r="Y11747" s="2">
        <v>50</v>
      </c>
      <c r="Z11747" s="2">
        <v>137.9</v>
      </c>
      <c r="AA11747" s="5">
        <v>16</v>
      </c>
      <c r="AB11747" s="5" t="s">
        <v>43</v>
      </c>
      <c r="AC11747" s="5" t="s">
        <v>44</v>
      </c>
      <c r="AD11747" s="2" t="s">
        <v>36127</v>
      </c>
      <c r="AE11747" s="1"/>
    </row>
    <row r="11748" spans="1:31" ht="14.45">
      <c r="A11748" s="11"/>
      <c r="B11748" s="20"/>
      <c r="C11748" s="2" t="s">
        <v>36134</v>
      </c>
      <c r="D11748" s="14" t="s">
        <v>36135</v>
      </c>
      <c r="E11748" s="2" t="s">
        <v>36136</v>
      </c>
      <c r="F11748" s="2" t="s">
        <v>36112</v>
      </c>
      <c r="G11748" s="8">
        <v>140</v>
      </c>
      <c r="H11748" s="5">
        <v>5</v>
      </c>
      <c r="I11748" s="5" t="s">
        <v>69</v>
      </c>
      <c r="J11748" s="5" t="s">
        <v>24629</v>
      </c>
      <c r="K11748" s="2" t="s">
        <v>24630</v>
      </c>
      <c r="L11748" s="5" t="s">
        <v>24629</v>
      </c>
      <c r="M11748" s="2" t="s">
        <v>24630</v>
      </c>
      <c r="N11748" s="5" t="s">
        <v>24254</v>
      </c>
      <c r="O11748" s="5" t="s">
        <v>38</v>
      </c>
      <c r="P11748" s="5" t="s">
        <v>39</v>
      </c>
      <c r="Q11748" s="5" t="s">
        <v>40</v>
      </c>
      <c r="R11748" s="5" t="s">
        <v>24335</v>
      </c>
      <c r="S11748" s="5" t="s">
        <v>40</v>
      </c>
      <c r="T11748" s="5" t="s">
        <v>42</v>
      </c>
      <c r="U11748" s="2">
        <v>6.1219999999999999</v>
      </c>
      <c r="V11748" s="2">
        <v>4.6230000000000002</v>
      </c>
      <c r="W11748" s="2">
        <v>0.10299999999999999</v>
      </c>
      <c r="X11748" s="2">
        <v>15</v>
      </c>
      <c r="Y11748" s="2">
        <v>50</v>
      </c>
      <c r="Z11748" s="2">
        <v>137.9</v>
      </c>
      <c r="AA11748" s="5">
        <v>16</v>
      </c>
      <c r="AB11748" s="5" t="s">
        <v>43</v>
      </c>
      <c r="AC11748" s="5" t="s">
        <v>44</v>
      </c>
      <c r="AD11748" s="2" t="s">
        <v>36113</v>
      </c>
      <c r="AE11748" s="1"/>
    </row>
    <row r="11749" spans="1:31" ht="14.45">
      <c r="A11749" s="11"/>
      <c r="B11749" s="20"/>
      <c r="C11749" s="2" t="s">
        <v>36137</v>
      </c>
      <c r="D11749" s="14" t="s">
        <v>36138</v>
      </c>
      <c r="E11749" s="2" t="s">
        <v>36139</v>
      </c>
      <c r="F11749" s="2" t="s">
        <v>36126</v>
      </c>
      <c r="G11749" s="8">
        <v>246</v>
      </c>
      <c r="H11749" s="5">
        <v>5</v>
      </c>
      <c r="I11749" s="5" t="s">
        <v>69</v>
      </c>
      <c r="J11749" s="5" t="s">
        <v>24629</v>
      </c>
      <c r="K11749" s="2" t="s">
        <v>24630</v>
      </c>
      <c r="L11749" s="5" t="s">
        <v>24629</v>
      </c>
      <c r="M11749" s="2" t="s">
        <v>24630</v>
      </c>
      <c r="N11749" s="5" t="s">
        <v>24254</v>
      </c>
      <c r="O11749" s="5" t="s">
        <v>38</v>
      </c>
      <c r="P11749" s="5" t="s">
        <v>39</v>
      </c>
      <c r="Q11749" s="5" t="s">
        <v>40</v>
      </c>
      <c r="R11749" s="5" t="s">
        <v>24335</v>
      </c>
      <c r="S11749" s="5" t="s">
        <v>40</v>
      </c>
      <c r="T11749" s="5" t="s">
        <v>42</v>
      </c>
      <c r="U11749" s="2">
        <v>7.16</v>
      </c>
      <c r="V11749" s="2">
        <v>5.3410000000000002</v>
      </c>
      <c r="W11749" s="2">
        <v>0.10299999999999999</v>
      </c>
      <c r="X11749" s="2">
        <v>15</v>
      </c>
      <c r="Y11749" s="2">
        <v>50</v>
      </c>
      <c r="Z11749" s="2">
        <v>137.9</v>
      </c>
      <c r="AA11749" s="5">
        <v>16</v>
      </c>
      <c r="AB11749" s="5" t="s">
        <v>43</v>
      </c>
      <c r="AC11749" s="5" t="s">
        <v>44</v>
      </c>
      <c r="AD11749" s="2" t="s">
        <v>36127</v>
      </c>
      <c r="AE11749" s="1"/>
    </row>
    <row r="11750" spans="1:31" ht="14.45">
      <c r="A11750" s="11"/>
      <c r="B11750" s="20"/>
      <c r="C11750" s="2" t="s">
        <v>36140</v>
      </c>
      <c r="D11750" s="14" t="s">
        <v>36141</v>
      </c>
      <c r="E11750" s="2" t="s">
        <v>36142</v>
      </c>
      <c r="F11750" s="2" t="s">
        <v>36112</v>
      </c>
      <c r="G11750" s="8">
        <v>147</v>
      </c>
      <c r="H11750" s="5">
        <v>5</v>
      </c>
      <c r="I11750" s="5" t="s">
        <v>69</v>
      </c>
      <c r="J11750" s="5" t="s">
        <v>24629</v>
      </c>
      <c r="K11750" s="2" t="s">
        <v>24630</v>
      </c>
      <c r="L11750" s="5" t="s">
        <v>24629</v>
      </c>
      <c r="M11750" s="2" t="s">
        <v>24630</v>
      </c>
      <c r="N11750" s="5" t="s">
        <v>24254</v>
      </c>
      <c r="O11750" s="5" t="s">
        <v>38</v>
      </c>
      <c r="P11750" s="5" t="s">
        <v>39</v>
      </c>
      <c r="Q11750" s="5" t="s">
        <v>40</v>
      </c>
      <c r="R11750" s="5" t="s">
        <v>24335</v>
      </c>
      <c r="S11750" s="5" t="s">
        <v>40</v>
      </c>
      <c r="T11750" s="5" t="s">
        <v>42</v>
      </c>
      <c r="U11750" s="2">
        <v>6.3780000000000001</v>
      </c>
      <c r="V11750" s="2">
        <v>4.8789999999999996</v>
      </c>
      <c r="W11750" s="2">
        <v>0.10299999999999999</v>
      </c>
      <c r="X11750" s="2">
        <v>15</v>
      </c>
      <c r="Y11750" s="2">
        <v>50</v>
      </c>
      <c r="Z11750" s="2">
        <v>137.9</v>
      </c>
      <c r="AA11750" s="5">
        <v>16</v>
      </c>
      <c r="AB11750" s="5" t="s">
        <v>43</v>
      </c>
      <c r="AC11750" s="5" t="s">
        <v>44</v>
      </c>
      <c r="AD11750" s="2" t="s">
        <v>36113</v>
      </c>
      <c r="AE11750" s="1"/>
    </row>
    <row r="11751" spans="1:31" ht="14.45">
      <c r="A11751" s="11"/>
      <c r="B11751" s="20"/>
      <c r="C11751" s="2" t="s">
        <v>36143</v>
      </c>
      <c r="D11751" s="14" t="s">
        <v>36144</v>
      </c>
      <c r="E11751" s="2" t="s">
        <v>36145</v>
      </c>
      <c r="F11751" s="2" t="s">
        <v>36126</v>
      </c>
      <c r="G11751" s="8">
        <v>258</v>
      </c>
      <c r="H11751" s="5">
        <v>5</v>
      </c>
      <c r="I11751" s="5" t="s">
        <v>69</v>
      </c>
      <c r="J11751" s="5" t="s">
        <v>24629</v>
      </c>
      <c r="K11751" s="2" t="s">
        <v>24630</v>
      </c>
      <c r="L11751" s="5" t="s">
        <v>24629</v>
      </c>
      <c r="M11751" s="2" t="s">
        <v>24630</v>
      </c>
      <c r="N11751" s="5" t="s">
        <v>24254</v>
      </c>
      <c r="O11751" s="5" t="s">
        <v>38</v>
      </c>
      <c r="P11751" s="5" t="s">
        <v>39</v>
      </c>
      <c r="Q11751" s="5" t="s">
        <v>40</v>
      </c>
      <c r="R11751" s="5" t="s">
        <v>24335</v>
      </c>
      <c r="S11751" s="5" t="s">
        <v>40</v>
      </c>
      <c r="T11751" s="5" t="s">
        <v>42</v>
      </c>
      <c r="U11751" s="2">
        <v>7.4720000000000004</v>
      </c>
      <c r="V11751" s="2">
        <v>5.6529999999999996</v>
      </c>
      <c r="W11751" s="2">
        <v>0.10299999999999999</v>
      </c>
      <c r="X11751" s="2">
        <v>15</v>
      </c>
      <c r="Y11751" s="2">
        <v>50</v>
      </c>
      <c r="Z11751" s="2">
        <v>137.9</v>
      </c>
      <c r="AA11751" s="5">
        <v>16</v>
      </c>
      <c r="AB11751" s="5" t="s">
        <v>43</v>
      </c>
      <c r="AC11751" s="5" t="s">
        <v>44</v>
      </c>
      <c r="AD11751" s="2" t="s">
        <v>36127</v>
      </c>
      <c r="AE11751" s="1"/>
    </row>
    <row r="11752" spans="1:31" ht="14.45">
      <c r="A11752" s="11"/>
      <c r="B11752" s="20"/>
      <c r="C11752" s="2" t="s">
        <v>36146</v>
      </c>
      <c r="D11752" s="14" t="s">
        <v>36147</v>
      </c>
      <c r="E11752" s="2" t="s">
        <v>36148</v>
      </c>
      <c r="F11752" s="2" t="s">
        <v>36112</v>
      </c>
      <c r="G11752" s="8">
        <v>145</v>
      </c>
      <c r="H11752" s="5">
        <v>5</v>
      </c>
      <c r="I11752" s="5" t="s">
        <v>69</v>
      </c>
      <c r="J11752" s="5" t="s">
        <v>24629</v>
      </c>
      <c r="K11752" s="2" t="s">
        <v>24630</v>
      </c>
      <c r="L11752" s="5" t="s">
        <v>24629</v>
      </c>
      <c r="M11752" s="2" t="s">
        <v>24630</v>
      </c>
      <c r="N11752" s="5" t="s">
        <v>24254</v>
      </c>
      <c r="O11752" s="5" t="s">
        <v>38</v>
      </c>
      <c r="P11752" s="5" t="s">
        <v>39</v>
      </c>
      <c r="Q11752" s="5" t="s">
        <v>40</v>
      </c>
      <c r="R11752" s="5" t="s">
        <v>24335</v>
      </c>
      <c r="S11752" s="5" t="s">
        <v>40</v>
      </c>
      <c r="T11752" s="5" t="s">
        <v>42</v>
      </c>
      <c r="U11752" s="2">
        <v>6.5389999999999997</v>
      </c>
      <c r="V11752" s="2">
        <v>5.05</v>
      </c>
      <c r="W11752" s="2">
        <v>0.10299999999999999</v>
      </c>
      <c r="X11752" s="2">
        <v>15</v>
      </c>
      <c r="Y11752" s="2">
        <v>50</v>
      </c>
      <c r="Z11752" s="2">
        <v>137.9</v>
      </c>
      <c r="AA11752" s="5">
        <v>16</v>
      </c>
      <c r="AB11752" s="5" t="s">
        <v>43</v>
      </c>
      <c r="AC11752" s="5" t="s">
        <v>44</v>
      </c>
      <c r="AD11752" s="2" t="s">
        <v>36113</v>
      </c>
      <c r="AE11752" s="1"/>
    </row>
    <row r="11753" spans="1:31" ht="14.45">
      <c r="A11753" s="11"/>
      <c r="B11753" s="20"/>
      <c r="C11753" s="2" t="s">
        <v>36149</v>
      </c>
      <c r="D11753" s="14" t="s">
        <v>36150</v>
      </c>
      <c r="E11753" s="2" t="s">
        <v>36151</v>
      </c>
      <c r="F11753" s="2" t="s">
        <v>36126</v>
      </c>
      <c r="G11753" s="8">
        <v>256</v>
      </c>
      <c r="H11753" s="5">
        <v>5</v>
      </c>
      <c r="I11753" s="5" t="s">
        <v>69</v>
      </c>
      <c r="J11753" s="5" t="s">
        <v>24629</v>
      </c>
      <c r="K11753" s="2" t="s">
        <v>24630</v>
      </c>
      <c r="L11753" s="5" t="s">
        <v>24629</v>
      </c>
      <c r="M11753" s="2" t="s">
        <v>24630</v>
      </c>
      <c r="N11753" s="5" t="s">
        <v>24254</v>
      </c>
      <c r="O11753" s="5" t="s">
        <v>38</v>
      </c>
      <c r="P11753" s="5" t="s">
        <v>39</v>
      </c>
      <c r="Q11753" s="5" t="s">
        <v>40</v>
      </c>
      <c r="R11753" s="5" t="s">
        <v>24335</v>
      </c>
      <c r="S11753" s="5" t="s">
        <v>40</v>
      </c>
      <c r="T11753" s="5" t="s">
        <v>42</v>
      </c>
      <c r="U11753" s="2">
        <v>7.6310000000000002</v>
      </c>
      <c r="V11753" s="2">
        <v>5.82</v>
      </c>
      <c r="W11753" s="2">
        <v>0.10299999999999999</v>
      </c>
      <c r="X11753" s="2">
        <v>15</v>
      </c>
      <c r="Y11753" s="2">
        <v>50</v>
      </c>
      <c r="Z11753" s="2">
        <v>137.9</v>
      </c>
      <c r="AA11753" s="5">
        <v>16</v>
      </c>
      <c r="AB11753" s="5" t="s">
        <v>43</v>
      </c>
      <c r="AC11753" s="5" t="s">
        <v>44</v>
      </c>
      <c r="AD11753" s="2" t="s">
        <v>36127</v>
      </c>
      <c r="AE11753" s="1"/>
    </row>
    <row r="11754" spans="1:31" ht="14.45">
      <c r="A11754" s="11"/>
      <c r="B11754" s="20"/>
      <c r="C11754" s="2" t="s">
        <v>36152</v>
      </c>
      <c r="D11754" s="14" t="s">
        <v>36153</v>
      </c>
      <c r="E11754" s="2" t="s">
        <v>36154</v>
      </c>
      <c r="F11754" s="2" t="s">
        <v>36112</v>
      </c>
      <c r="G11754" s="8">
        <v>151</v>
      </c>
      <c r="H11754" s="5">
        <v>5</v>
      </c>
      <c r="I11754" s="5" t="s">
        <v>69</v>
      </c>
      <c r="J11754" s="5" t="s">
        <v>24629</v>
      </c>
      <c r="K11754" s="2" t="s">
        <v>24630</v>
      </c>
      <c r="L11754" s="5" t="s">
        <v>24629</v>
      </c>
      <c r="M11754" s="2" t="s">
        <v>24630</v>
      </c>
      <c r="N11754" s="5" t="s">
        <v>24254</v>
      </c>
      <c r="O11754" s="5" t="s">
        <v>38</v>
      </c>
      <c r="P11754" s="5" t="s">
        <v>39</v>
      </c>
      <c r="Q11754" s="5" t="s">
        <v>40</v>
      </c>
      <c r="R11754" s="5" t="s">
        <v>24335</v>
      </c>
      <c r="S11754" s="5" t="s">
        <v>40</v>
      </c>
      <c r="T11754" s="5" t="s">
        <v>42</v>
      </c>
      <c r="U11754" s="2">
        <v>6.8</v>
      </c>
      <c r="V11754" s="2">
        <v>5.3109999999999999</v>
      </c>
      <c r="W11754" s="2">
        <v>0.10299999999999999</v>
      </c>
      <c r="X11754" s="2">
        <v>15</v>
      </c>
      <c r="Y11754" s="2">
        <v>50</v>
      </c>
      <c r="Z11754" s="2">
        <v>137.9</v>
      </c>
      <c r="AA11754" s="5">
        <v>16</v>
      </c>
      <c r="AB11754" s="5" t="s">
        <v>43</v>
      </c>
      <c r="AC11754" s="5" t="s">
        <v>44</v>
      </c>
      <c r="AD11754" s="2" t="s">
        <v>36113</v>
      </c>
      <c r="AE11754" s="1"/>
    </row>
    <row r="11755" spans="1:31" ht="14.45">
      <c r="A11755" s="11"/>
      <c r="B11755" s="20"/>
      <c r="C11755" s="2" t="s">
        <v>36155</v>
      </c>
      <c r="D11755" s="14" t="s">
        <v>36156</v>
      </c>
      <c r="E11755" s="2" t="s">
        <v>36157</v>
      </c>
      <c r="F11755" s="2" t="s">
        <v>36126</v>
      </c>
      <c r="G11755" s="8">
        <v>266</v>
      </c>
      <c r="H11755" s="5">
        <v>5</v>
      </c>
      <c r="I11755" s="5" t="s">
        <v>69</v>
      </c>
      <c r="J11755" s="5" t="s">
        <v>24629</v>
      </c>
      <c r="K11755" s="2" t="s">
        <v>24630</v>
      </c>
      <c r="L11755" s="5" t="s">
        <v>24629</v>
      </c>
      <c r="M11755" s="2" t="s">
        <v>24630</v>
      </c>
      <c r="N11755" s="5" t="s">
        <v>24254</v>
      </c>
      <c r="O11755" s="5" t="s">
        <v>38</v>
      </c>
      <c r="P11755" s="5" t="s">
        <v>39</v>
      </c>
      <c r="Q11755" s="5" t="s">
        <v>40</v>
      </c>
      <c r="R11755" s="5" t="s">
        <v>24335</v>
      </c>
      <c r="S11755" s="5" t="s">
        <v>40</v>
      </c>
      <c r="T11755" s="5" t="s">
        <v>42</v>
      </c>
      <c r="U11755" s="2">
        <v>7.944</v>
      </c>
      <c r="V11755" s="2">
        <v>6.133</v>
      </c>
      <c r="W11755" s="2">
        <v>0.10299999999999999</v>
      </c>
      <c r="X11755" s="2">
        <v>15</v>
      </c>
      <c r="Y11755" s="2">
        <v>50</v>
      </c>
      <c r="Z11755" s="2">
        <v>137.9</v>
      </c>
      <c r="AA11755" s="5">
        <v>16</v>
      </c>
      <c r="AB11755" s="5" t="s">
        <v>43</v>
      </c>
      <c r="AC11755" s="5" t="s">
        <v>44</v>
      </c>
      <c r="AD11755" s="2" t="s">
        <v>36127</v>
      </c>
      <c r="AE11755" s="1"/>
    </row>
    <row r="11756" spans="1:31" ht="14.45">
      <c r="A11756" s="11"/>
      <c r="B11756" s="20"/>
      <c r="C11756" s="2" t="s">
        <v>36158</v>
      </c>
      <c r="D11756" s="14" t="s">
        <v>36159</v>
      </c>
      <c r="E11756" s="2" t="s">
        <v>36160</v>
      </c>
      <c r="F11756" s="2" t="s">
        <v>36112</v>
      </c>
      <c r="G11756" s="8">
        <v>155</v>
      </c>
      <c r="H11756" s="5">
        <v>5</v>
      </c>
      <c r="I11756" s="5" t="s">
        <v>69</v>
      </c>
      <c r="J11756" s="5" t="s">
        <v>24629</v>
      </c>
      <c r="K11756" s="2" t="s">
        <v>24630</v>
      </c>
      <c r="L11756" s="5" t="s">
        <v>24629</v>
      </c>
      <c r="M11756" s="2" t="s">
        <v>24630</v>
      </c>
      <c r="N11756" s="5" t="s">
        <v>24254</v>
      </c>
      <c r="O11756" s="5" t="s">
        <v>38</v>
      </c>
      <c r="P11756" s="5" t="s">
        <v>39</v>
      </c>
      <c r="Q11756" s="5" t="s">
        <v>40</v>
      </c>
      <c r="R11756" s="5" t="s">
        <v>24335</v>
      </c>
      <c r="S11756" s="5" t="s">
        <v>40</v>
      </c>
      <c r="T11756" s="5" t="s">
        <v>42</v>
      </c>
      <c r="U11756" s="2">
        <v>7.4240000000000004</v>
      </c>
      <c r="V11756" s="2">
        <v>5.8049999999999997</v>
      </c>
      <c r="W11756" s="2">
        <v>0.115</v>
      </c>
      <c r="X11756" s="2">
        <v>15</v>
      </c>
      <c r="Y11756" s="2">
        <v>50</v>
      </c>
      <c r="Z11756" s="2">
        <v>153.9</v>
      </c>
      <c r="AA11756" s="5">
        <v>16</v>
      </c>
      <c r="AB11756" s="5" t="s">
        <v>43</v>
      </c>
      <c r="AC11756" s="5" t="s">
        <v>44</v>
      </c>
      <c r="AD11756" s="2" t="s">
        <v>36113</v>
      </c>
      <c r="AE11756" s="1"/>
    </row>
    <row r="11757" spans="1:31" ht="14.45">
      <c r="A11757" s="11"/>
      <c r="B11757" s="20"/>
      <c r="C11757" s="2" t="s">
        <v>36161</v>
      </c>
      <c r="D11757" s="14" t="s">
        <v>36162</v>
      </c>
      <c r="E11757" s="2" t="s">
        <v>36163</v>
      </c>
      <c r="F11757" s="2" t="s">
        <v>36126</v>
      </c>
      <c r="G11757" s="8">
        <v>273</v>
      </c>
      <c r="H11757" s="5">
        <v>5</v>
      </c>
      <c r="I11757" s="5" t="s">
        <v>69</v>
      </c>
      <c r="J11757" s="5" t="s">
        <v>24629</v>
      </c>
      <c r="K11757" s="2" t="s">
        <v>24630</v>
      </c>
      <c r="L11757" s="5" t="s">
        <v>24629</v>
      </c>
      <c r="M11757" s="2" t="s">
        <v>24630</v>
      </c>
      <c r="N11757" s="5" t="s">
        <v>24254</v>
      </c>
      <c r="O11757" s="5" t="s">
        <v>38</v>
      </c>
      <c r="P11757" s="5" t="s">
        <v>39</v>
      </c>
      <c r="Q11757" s="5" t="s">
        <v>40</v>
      </c>
      <c r="R11757" s="5" t="s">
        <v>24335</v>
      </c>
      <c r="S11757" s="5" t="s">
        <v>40</v>
      </c>
      <c r="T11757" s="5" t="s">
        <v>42</v>
      </c>
      <c r="U11757" s="2">
        <v>8.6349999999999998</v>
      </c>
      <c r="V11757" s="2">
        <v>6.694</v>
      </c>
      <c r="W11757" s="2">
        <v>0.115</v>
      </c>
      <c r="X11757" s="2">
        <v>15</v>
      </c>
      <c r="Y11757" s="2">
        <v>50</v>
      </c>
      <c r="Z11757" s="2">
        <v>153.9</v>
      </c>
      <c r="AA11757" s="5">
        <v>16</v>
      </c>
      <c r="AB11757" s="5" t="s">
        <v>43</v>
      </c>
      <c r="AC11757" s="5" t="s">
        <v>44</v>
      </c>
      <c r="AD11757" s="2" t="s">
        <v>36127</v>
      </c>
      <c r="AE11757" s="1"/>
    </row>
    <row r="11758" spans="1:31" ht="14.45">
      <c r="A11758" s="11"/>
      <c r="B11758" s="20"/>
      <c r="C11758" s="2" t="s">
        <v>36164</v>
      </c>
      <c r="D11758" s="14" t="s">
        <v>36165</v>
      </c>
      <c r="E11758" s="2" t="s">
        <v>36166</v>
      </c>
      <c r="F11758" s="2" t="s">
        <v>36112</v>
      </c>
      <c r="G11758" s="8">
        <v>172</v>
      </c>
      <c r="H11758" s="5">
        <v>5</v>
      </c>
      <c r="I11758" s="5" t="s">
        <v>69</v>
      </c>
      <c r="J11758" s="5" t="s">
        <v>24629</v>
      </c>
      <c r="K11758" s="2" t="s">
        <v>24630</v>
      </c>
      <c r="L11758" s="5" t="s">
        <v>24629</v>
      </c>
      <c r="M11758" s="2" t="s">
        <v>24630</v>
      </c>
      <c r="N11758" s="5" t="s">
        <v>24254</v>
      </c>
      <c r="O11758" s="5" t="s">
        <v>38</v>
      </c>
      <c r="P11758" s="5" t="s">
        <v>39</v>
      </c>
      <c r="Q11758" s="5" t="s">
        <v>40</v>
      </c>
      <c r="R11758" s="5" t="s">
        <v>24335</v>
      </c>
      <c r="S11758" s="5" t="s">
        <v>40</v>
      </c>
      <c r="T11758" s="5" t="s">
        <v>42</v>
      </c>
      <c r="U11758" s="2">
        <v>7.84</v>
      </c>
      <c r="V11758" s="2">
        <v>6.0609999999999999</v>
      </c>
      <c r="W11758" s="2">
        <v>0.13</v>
      </c>
      <c r="X11758" s="2">
        <v>15</v>
      </c>
      <c r="Y11758" s="2">
        <v>50</v>
      </c>
      <c r="Z11758" s="2">
        <v>173.9</v>
      </c>
      <c r="AA11758" s="5">
        <v>16</v>
      </c>
      <c r="AB11758" s="5" t="s">
        <v>43</v>
      </c>
      <c r="AC11758" s="5" t="s">
        <v>44</v>
      </c>
      <c r="AD11758" s="2" t="s">
        <v>36113</v>
      </c>
      <c r="AE11758" s="1"/>
    </row>
    <row r="11759" spans="1:31" ht="14.45">
      <c r="A11759" s="11"/>
      <c r="B11759" s="20"/>
      <c r="C11759" s="2" t="s">
        <v>36167</v>
      </c>
      <c r="D11759" s="14" t="s">
        <v>36168</v>
      </c>
      <c r="E11759" s="2" t="s">
        <v>36169</v>
      </c>
      <c r="F11759" s="2" t="s">
        <v>36126</v>
      </c>
      <c r="G11759" s="8">
        <v>303</v>
      </c>
      <c r="H11759" s="5">
        <v>10</v>
      </c>
      <c r="I11759" s="5" t="s">
        <v>69</v>
      </c>
      <c r="J11759" s="5" t="s">
        <v>24629</v>
      </c>
      <c r="K11759" s="2" t="s">
        <v>24630</v>
      </c>
      <c r="L11759" s="5" t="s">
        <v>24629</v>
      </c>
      <c r="M11759" s="2" t="s">
        <v>24630</v>
      </c>
      <c r="N11759" s="5" t="s">
        <v>24254</v>
      </c>
      <c r="O11759" s="5" t="s">
        <v>38</v>
      </c>
      <c r="P11759" s="5" t="s">
        <v>39</v>
      </c>
      <c r="Q11759" s="5" t="s">
        <v>40</v>
      </c>
      <c r="R11759" s="5" t="s">
        <v>24335</v>
      </c>
      <c r="S11759" s="5" t="s">
        <v>40</v>
      </c>
      <c r="T11759" s="5" t="s">
        <v>42</v>
      </c>
      <c r="U11759" s="2">
        <v>9.0860000000000003</v>
      </c>
      <c r="V11759" s="2">
        <v>6.9850000000000003</v>
      </c>
      <c r="W11759" s="2">
        <v>0.13</v>
      </c>
      <c r="X11759" s="2">
        <v>15</v>
      </c>
      <c r="Y11759" s="2">
        <v>50</v>
      </c>
      <c r="Z11759" s="2">
        <v>173.9</v>
      </c>
      <c r="AA11759" s="5">
        <v>16</v>
      </c>
      <c r="AB11759" s="5" t="s">
        <v>43</v>
      </c>
      <c r="AC11759" s="5" t="s">
        <v>44</v>
      </c>
      <c r="AD11759" s="2" t="s">
        <v>36127</v>
      </c>
      <c r="AE11759" s="1"/>
    </row>
    <row r="11760" spans="1:31" ht="14.45">
      <c r="A11760" s="11"/>
      <c r="B11760" s="20"/>
      <c r="C11760" s="2" t="s">
        <v>36170</v>
      </c>
      <c r="D11760" s="14" t="s">
        <v>36171</v>
      </c>
      <c r="E11760" s="2" t="s">
        <v>36172</v>
      </c>
      <c r="F11760" s="2" t="s">
        <v>36112</v>
      </c>
      <c r="G11760" s="8">
        <v>167</v>
      </c>
      <c r="H11760" s="5">
        <v>5</v>
      </c>
      <c r="I11760" s="5" t="s">
        <v>69</v>
      </c>
      <c r="J11760" s="5" t="s">
        <v>24629</v>
      </c>
      <c r="K11760" s="2" t="s">
        <v>24630</v>
      </c>
      <c r="L11760" s="5" t="s">
        <v>24629</v>
      </c>
      <c r="M11760" s="2" t="s">
        <v>24630</v>
      </c>
      <c r="N11760" s="5" t="s">
        <v>24254</v>
      </c>
      <c r="O11760" s="5" t="s">
        <v>38</v>
      </c>
      <c r="P11760" s="5" t="s">
        <v>39</v>
      </c>
      <c r="Q11760" s="5" t="s">
        <v>40</v>
      </c>
      <c r="R11760" s="5" t="s">
        <v>24335</v>
      </c>
      <c r="S11760" s="5" t="s">
        <v>40</v>
      </c>
      <c r="T11760" s="5" t="s">
        <v>42</v>
      </c>
      <c r="U11760" s="2">
        <v>7.2240000000000002</v>
      </c>
      <c r="V11760" s="2">
        <v>5.6050000000000004</v>
      </c>
      <c r="W11760" s="2">
        <v>0.115</v>
      </c>
      <c r="X11760" s="2">
        <v>15</v>
      </c>
      <c r="Y11760" s="2">
        <v>50</v>
      </c>
      <c r="Z11760" s="2">
        <v>153.9</v>
      </c>
      <c r="AA11760" s="5">
        <v>16</v>
      </c>
      <c r="AB11760" s="5" t="s">
        <v>43</v>
      </c>
      <c r="AC11760" s="5" t="s">
        <v>44</v>
      </c>
      <c r="AD11760" s="2" t="s">
        <v>36113</v>
      </c>
      <c r="AE11760" s="1"/>
    </row>
    <row r="11761" spans="1:31" ht="14.45">
      <c r="A11761" s="11"/>
      <c r="B11761" s="20"/>
      <c r="C11761" s="2" t="s">
        <v>36173</v>
      </c>
      <c r="D11761" s="14" t="s">
        <v>36174</v>
      </c>
      <c r="E11761" s="2" t="s">
        <v>36175</v>
      </c>
      <c r="F11761" s="2" t="s">
        <v>36126</v>
      </c>
      <c r="G11761" s="8">
        <v>293</v>
      </c>
      <c r="H11761" s="5">
        <v>5</v>
      </c>
      <c r="I11761" s="5" t="s">
        <v>69</v>
      </c>
      <c r="J11761" s="5" t="s">
        <v>24629</v>
      </c>
      <c r="K11761" s="2" t="s">
        <v>24630</v>
      </c>
      <c r="L11761" s="5" t="s">
        <v>24629</v>
      </c>
      <c r="M11761" s="2" t="s">
        <v>24630</v>
      </c>
      <c r="N11761" s="5" t="s">
        <v>24254</v>
      </c>
      <c r="O11761" s="5" t="s">
        <v>38</v>
      </c>
      <c r="P11761" s="5" t="s">
        <v>39</v>
      </c>
      <c r="Q11761" s="5" t="s">
        <v>40</v>
      </c>
      <c r="R11761" s="5" t="s">
        <v>24335</v>
      </c>
      <c r="S11761" s="5" t="s">
        <v>40</v>
      </c>
      <c r="T11761" s="5" t="s">
        <v>42</v>
      </c>
      <c r="U11761" s="2">
        <v>8.4290000000000003</v>
      </c>
      <c r="V11761" s="2">
        <v>6.4880000000000004</v>
      </c>
      <c r="W11761" s="2">
        <v>0.115</v>
      </c>
      <c r="X11761" s="2">
        <v>15</v>
      </c>
      <c r="Y11761" s="2">
        <v>50</v>
      </c>
      <c r="Z11761" s="2">
        <v>153.9</v>
      </c>
      <c r="AA11761" s="5">
        <v>16</v>
      </c>
      <c r="AB11761" s="5" t="s">
        <v>43</v>
      </c>
      <c r="AC11761" s="5" t="s">
        <v>44</v>
      </c>
      <c r="AD11761" s="2" t="s">
        <v>36127</v>
      </c>
      <c r="AE11761" s="1"/>
    </row>
    <row r="11762" spans="1:31" ht="14.45">
      <c r="A11762" s="11"/>
      <c r="B11762" s="20"/>
      <c r="C11762" s="2" t="s">
        <v>36176</v>
      </c>
      <c r="D11762" s="14" t="s">
        <v>36177</v>
      </c>
      <c r="E11762" s="2" t="s">
        <v>36178</v>
      </c>
      <c r="F11762" s="2" t="s">
        <v>36112</v>
      </c>
      <c r="G11762" s="8">
        <v>172</v>
      </c>
      <c r="H11762" s="5">
        <v>5</v>
      </c>
      <c r="I11762" s="5" t="s">
        <v>69</v>
      </c>
      <c r="J11762" s="5" t="s">
        <v>24629</v>
      </c>
      <c r="K11762" s="2" t="s">
        <v>24630</v>
      </c>
      <c r="L11762" s="5" t="s">
        <v>24629</v>
      </c>
      <c r="M11762" s="2" t="s">
        <v>24630</v>
      </c>
      <c r="N11762" s="5" t="s">
        <v>24254</v>
      </c>
      <c r="O11762" s="5" t="s">
        <v>38</v>
      </c>
      <c r="P11762" s="5" t="s">
        <v>39</v>
      </c>
      <c r="Q11762" s="5" t="s">
        <v>40</v>
      </c>
      <c r="R11762" s="5" t="s">
        <v>24335</v>
      </c>
      <c r="S11762" s="5" t="s">
        <v>40</v>
      </c>
      <c r="T11762" s="5" t="s">
        <v>42</v>
      </c>
      <c r="U11762" s="2">
        <v>7.7220000000000004</v>
      </c>
      <c r="V11762" s="2">
        <v>6.1029999999999998</v>
      </c>
      <c r="W11762" s="2">
        <v>0.115</v>
      </c>
      <c r="X11762" s="2">
        <v>15</v>
      </c>
      <c r="Y11762" s="2">
        <v>50</v>
      </c>
      <c r="Z11762" s="2">
        <v>153.9</v>
      </c>
      <c r="AA11762" s="5">
        <v>16</v>
      </c>
      <c r="AB11762" s="5" t="s">
        <v>43</v>
      </c>
      <c r="AC11762" s="5" t="s">
        <v>44</v>
      </c>
      <c r="AD11762" s="2" t="s">
        <v>36113</v>
      </c>
      <c r="AE11762" s="1"/>
    </row>
    <row r="11763" spans="1:31" ht="14.45">
      <c r="A11763" s="11"/>
      <c r="B11763" s="20"/>
      <c r="C11763" s="2" t="s">
        <v>36179</v>
      </c>
      <c r="D11763" s="14" t="s">
        <v>36180</v>
      </c>
      <c r="E11763" s="2" t="s">
        <v>36181</v>
      </c>
      <c r="F11763" s="2" t="s">
        <v>36126</v>
      </c>
      <c r="G11763" s="8">
        <v>303</v>
      </c>
      <c r="H11763" s="5">
        <v>5</v>
      </c>
      <c r="I11763" s="5" t="s">
        <v>69</v>
      </c>
      <c r="J11763" s="5" t="s">
        <v>24629</v>
      </c>
      <c r="K11763" s="2" t="s">
        <v>24630</v>
      </c>
      <c r="L11763" s="5" t="s">
        <v>24629</v>
      </c>
      <c r="M11763" s="2" t="s">
        <v>24630</v>
      </c>
      <c r="N11763" s="5" t="s">
        <v>24254</v>
      </c>
      <c r="O11763" s="5" t="s">
        <v>38</v>
      </c>
      <c r="P11763" s="5" t="s">
        <v>39</v>
      </c>
      <c r="Q11763" s="5" t="s">
        <v>40</v>
      </c>
      <c r="R11763" s="5" t="s">
        <v>24335</v>
      </c>
      <c r="S11763" s="5" t="s">
        <v>40</v>
      </c>
      <c r="T11763" s="5" t="s">
        <v>42</v>
      </c>
      <c r="U11763" s="2">
        <v>8.9890000000000008</v>
      </c>
      <c r="V11763" s="2">
        <v>7.048</v>
      </c>
      <c r="W11763" s="2">
        <v>0.115</v>
      </c>
      <c r="X11763" s="2">
        <v>15</v>
      </c>
      <c r="Y11763" s="2">
        <v>50</v>
      </c>
      <c r="Z11763" s="2">
        <v>153.9</v>
      </c>
      <c r="AA11763" s="5">
        <v>16</v>
      </c>
      <c r="AB11763" s="5" t="s">
        <v>43</v>
      </c>
      <c r="AC11763" s="5" t="s">
        <v>44</v>
      </c>
      <c r="AD11763" s="2" t="s">
        <v>36127</v>
      </c>
      <c r="AE11763" s="1"/>
    </row>
    <row r="11764" spans="1:31" ht="14.45">
      <c r="A11764" s="11"/>
      <c r="B11764" s="20"/>
      <c r="C11764" s="2" t="s">
        <v>36182</v>
      </c>
      <c r="D11764" s="14" t="s">
        <v>36183</v>
      </c>
      <c r="E11764" s="2" t="s">
        <v>36184</v>
      </c>
      <c r="F11764" s="2" t="s">
        <v>36112</v>
      </c>
      <c r="G11764" s="8">
        <v>181</v>
      </c>
      <c r="H11764" s="5">
        <v>5</v>
      </c>
      <c r="I11764" s="5" t="s">
        <v>69</v>
      </c>
      <c r="J11764" s="5" t="s">
        <v>24629</v>
      </c>
      <c r="K11764" s="2" t="s">
        <v>24630</v>
      </c>
      <c r="L11764" s="5" t="s">
        <v>24629</v>
      </c>
      <c r="M11764" s="2" t="s">
        <v>24630</v>
      </c>
      <c r="N11764" s="5" t="s">
        <v>24254</v>
      </c>
      <c r="O11764" s="5" t="s">
        <v>38</v>
      </c>
      <c r="P11764" s="5" t="s">
        <v>39</v>
      </c>
      <c r="Q11764" s="5" t="s">
        <v>40</v>
      </c>
      <c r="R11764" s="5" t="s">
        <v>24335</v>
      </c>
      <c r="S11764" s="5" t="s">
        <v>40</v>
      </c>
      <c r="T11764" s="5" t="s">
        <v>42</v>
      </c>
      <c r="U11764" s="2">
        <v>8.1370000000000005</v>
      </c>
      <c r="V11764" s="2">
        <v>6.3579999999999997</v>
      </c>
      <c r="W11764" s="2">
        <v>0.13</v>
      </c>
      <c r="X11764" s="2">
        <v>15</v>
      </c>
      <c r="Y11764" s="2">
        <v>50</v>
      </c>
      <c r="Z11764" s="2">
        <v>173.9</v>
      </c>
      <c r="AA11764" s="5">
        <v>16</v>
      </c>
      <c r="AB11764" s="5" t="s">
        <v>43</v>
      </c>
      <c r="AC11764" s="5" t="s">
        <v>44</v>
      </c>
      <c r="AD11764" s="2" t="s">
        <v>36113</v>
      </c>
      <c r="AE11764" s="1"/>
    </row>
    <row r="11765" spans="1:31" ht="14.45">
      <c r="A11765" s="11"/>
      <c r="B11765" s="20"/>
      <c r="C11765" s="2" t="s">
        <v>36185</v>
      </c>
      <c r="D11765" s="14" t="s">
        <v>36186</v>
      </c>
      <c r="E11765" s="2" t="s">
        <v>36187</v>
      </c>
      <c r="F11765" s="2" t="s">
        <v>36126</v>
      </c>
      <c r="G11765" s="8">
        <v>318</v>
      </c>
      <c r="H11765" s="5">
        <v>5</v>
      </c>
      <c r="I11765" s="5" t="s">
        <v>69</v>
      </c>
      <c r="J11765" s="5" t="s">
        <v>24629</v>
      </c>
      <c r="K11765" s="2" t="s">
        <v>24630</v>
      </c>
      <c r="L11765" s="5" t="s">
        <v>24629</v>
      </c>
      <c r="M11765" s="2" t="s">
        <v>24630</v>
      </c>
      <c r="N11765" s="5" t="s">
        <v>24254</v>
      </c>
      <c r="O11765" s="5" t="s">
        <v>38</v>
      </c>
      <c r="P11765" s="5" t="s">
        <v>39</v>
      </c>
      <c r="Q11765" s="5" t="s">
        <v>40</v>
      </c>
      <c r="R11765" s="5" t="s">
        <v>24335</v>
      </c>
      <c r="S11765" s="5" t="s">
        <v>40</v>
      </c>
      <c r="T11765" s="5" t="s">
        <v>42</v>
      </c>
      <c r="U11765" s="2">
        <v>9.468</v>
      </c>
      <c r="V11765" s="2">
        <v>7.367</v>
      </c>
      <c r="W11765" s="2">
        <v>0.13</v>
      </c>
      <c r="X11765" s="2">
        <v>15</v>
      </c>
      <c r="Y11765" s="2">
        <v>50</v>
      </c>
      <c r="Z11765" s="2">
        <v>173.9</v>
      </c>
      <c r="AA11765" s="5">
        <v>16</v>
      </c>
      <c r="AB11765" s="5" t="s">
        <v>43</v>
      </c>
      <c r="AC11765" s="5" t="s">
        <v>44</v>
      </c>
      <c r="AD11765" s="2" t="s">
        <v>36127</v>
      </c>
      <c r="AE11765" s="1"/>
    </row>
    <row r="11766" spans="1:31" ht="14.45">
      <c r="A11766" s="11"/>
      <c r="B11766" s="20"/>
      <c r="C11766" s="2" t="s">
        <v>36188</v>
      </c>
      <c r="D11766" s="14" t="s">
        <v>36189</v>
      </c>
      <c r="E11766" s="2" t="s">
        <v>36190</v>
      </c>
      <c r="F11766" s="2" t="s">
        <v>36112</v>
      </c>
      <c r="G11766" s="8">
        <v>172</v>
      </c>
      <c r="H11766" s="5">
        <v>5</v>
      </c>
      <c r="I11766" s="5" t="s">
        <v>69</v>
      </c>
      <c r="J11766" s="5" t="s">
        <v>24629</v>
      </c>
      <c r="K11766" s="2" t="s">
        <v>24630</v>
      </c>
      <c r="L11766" s="5" t="s">
        <v>24629</v>
      </c>
      <c r="M11766" s="2" t="s">
        <v>24630</v>
      </c>
      <c r="N11766" s="5" t="s">
        <v>24254</v>
      </c>
      <c r="O11766" s="5" t="s">
        <v>38</v>
      </c>
      <c r="P11766" s="5" t="s">
        <v>39</v>
      </c>
      <c r="Q11766" s="5" t="s">
        <v>40</v>
      </c>
      <c r="R11766" s="5" t="s">
        <v>24335</v>
      </c>
      <c r="S11766" s="5" t="s">
        <v>40</v>
      </c>
      <c r="T11766" s="5" t="s">
        <v>42</v>
      </c>
      <c r="U11766" s="2">
        <v>7.86</v>
      </c>
      <c r="V11766" s="2">
        <v>6.0810000000000004</v>
      </c>
      <c r="W11766" s="2">
        <v>0.13</v>
      </c>
      <c r="X11766" s="2">
        <v>15</v>
      </c>
      <c r="Y11766" s="2">
        <v>50</v>
      </c>
      <c r="Z11766" s="2">
        <v>173.9</v>
      </c>
      <c r="AA11766" s="5">
        <v>16</v>
      </c>
      <c r="AB11766" s="5" t="s">
        <v>43</v>
      </c>
      <c r="AC11766" s="5" t="s">
        <v>44</v>
      </c>
      <c r="AD11766" s="2" t="s">
        <v>36113</v>
      </c>
      <c r="AE11766" s="1"/>
    </row>
    <row r="11767" spans="1:31" ht="14.45">
      <c r="A11767" s="11"/>
      <c r="B11767" s="20"/>
      <c r="C11767" s="2" t="s">
        <v>36191</v>
      </c>
      <c r="D11767" s="14" t="s">
        <v>36192</v>
      </c>
      <c r="E11767" s="2" t="s">
        <v>36193</v>
      </c>
      <c r="F11767" s="2" t="s">
        <v>36126</v>
      </c>
      <c r="G11767" s="8">
        <v>303</v>
      </c>
      <c r="H11767" s="5">
        <v>5</v>
      </c>
      <c r="I11767" s="5" t="s">
        <v>69</v>
      </c>
      <c r="J11767" s="5" t="s">
        <v>24629</v>
      </c>
      <c r="K11767" s="2" t="s">
        <v>24630</v>
      </c>
      <c r="L11767" s="5" t="s">
        <v>24629</v>
      </c>
      <c r="M11767" s="2" t="s">
        <v>24630</v>
      </c>
      <c r="N11767" s="5" t="s">
        <v>24254</v>
      </c>
      <c r="O11767" s="5" t="s">
        <v>38</v>
      </c>
      <c r="P11767" s="5" t="s">
        <v>39</v>
      </c>
      <c r="Q11767" s="5" t="s">
        <v>40</v>
      </c>
      <c r="R11767" s="5" t="s">
        <v>24335</v>
      </c>
      <c r="S11767" s="5" t="s">
        <v>40</v>
      </c>
      <c r="T11767" s="5" t="s">
        <v>42</v>
      </c>
      <c r="U11767" s="2">
        <v>9.1370000000000005</v>
      </c>
      <c r="V11767" s="2">
        <v>7.0350000000000001</v>
      </c>
      <c r="W11767" s="2">
        <v>0.13</v>
      </c>
      <c r="X11767" s="2">
        <v>15</v>
      </c>
      <c r="Y11767" s="2">
        <v>50</v>
      </c>
      <c r="Z11767" s="2">
        <v>173.9</v>
      </c>
      <c r="AA11767" s="5">
        <v>16</v>
      </c>
      <c r="AB11767" s="5" t="s">
        <v>43</v>
      </c>
      <c r="AC11767" s="5" t="s">
        <v>44</v>
      </c>
      <c r="AD11767" s="2" t="s">
        <v>36127</v>
      </c>
      <c r="AE11767" s="1"/>
    </row>
    <row r="11768" spans="1:31" ht="14.45">
      <c r="A11768" s="11"/>
      <c r="B11768" s="20"/>
      <c r="C11768" s="2" t="s">
        <v>36194</v>
      </c>
      <c r="D11768" s="14" t="s">
        <v>36195</v>
      </c>
      <c r="E11768" s="2" t="s">
        <v>36196</v>
      </c>
      <c r="F11768" s="2" t="s">
        <v>36112</v>
      </c>
      <c r="G11768" s="8">
        <v>175</v>
      </c>
      <c r="H11768" s="5">
        <v>5</v>
      </c>
      <c r="I11768" s="5" t="s">
        <v>69</v>
      </c>
      <c r="J11768" s="5" t="s">
        <v>24629</v>
      </c>
      <c r="K11768" s="2" t="s">
        <v>24630</v>
      </c>
      <c r="L11768" s="5" t="s">
        <v>24629</v>
      </c>
      <c r="M11768" s="2" t="s">
        <v>24630</v>
      </c>
      <c r="N11768" s="5" t="s">
        <v>24254</v>
      </c>
      <c r="O11768" s="5" t="s">
        <v>38</v>
      </c>
      <c r="P11768" s="5" t="s">
        <v>39</v>
      </c>
      <c r="Q11768" s="5" t="s">
        <v>40</v>
      </c>
      <c r="R11768" s="5" t="s">
        <v>24335</v>
      </c>
      <c r="S11768" s="5" t="s">
        <v>40</v>
      </c>
      <c r="T11768" s="5" t="s">
        <v>42</v>
      </c>
      <c r="U11768" s="2">
        <v>8.3569999999999993</v>
      </c>
      <c r="V11768" s="2">
        <v>6.5780000000000003</v>
      </c>
      <c r="W11768" s="2">
        <v>0.13</v>
      </c>
      <c r="X11768" s="2">
        <v>15</v>
      </c>
      <c r="Y11768" s="2">
        <v>50</v>
      </c>
      <c r="Z11768" s="2">
        <v>173.9</v>
      </c>
      <c r="AA11768" s="5">
        <v>16</v>
      </c>
      <c r="AB11768" s="5" t="s">
        <v>43</v>
      </c>
      <c r="AC11768" s="5" t="s">
        <v>44</v>
      </c>
      <c r="AD11768" s="2" t="s">
        <v>36113</v>
      </c>
      <c r="AE11768" s="1"/>
    </row>
    <row r="11769" spans="1:31" ht="14.45">
      <c r="A11769" s="11"/>
      <c r="B11769" s="20"/>
      <c r="C11769" s="2" t="s">
        <v>36197</v>
      </c>
      <c r="D11769" s="14" t="s">
        <v>36198</v>
      </c>
      <c r="E11769" s="2" t="s">
        <v>36199</v>
      </c>
      <c r="F11769" s="2" t="s">
        <v>36126</v>
      </c>
      <c r="G11769" s="8">
        <v>308</v>
      </c>
      <c r="H11769" s="5">
        <v>5</v>
      </c>
      <c r="I11769" s="5" t="s">
        <v>69</v>
      </c>
      <c r="J11769" s="5" t="s">
        <v>24629</v>
      </c>
      <c r="K11769" s="2" t="s">
        <v>24630</v>
      </c>
      <c r="L11769" s="5" t="s">
        <v>24629</v>
      </c>
      <c r="M11769" s="2" t="s">
        <v>24630</v>
      </c>
      <c r="N11769" s="5" t="s">
        <v>24254</v>
      </c>
      <c r="O11769" s="5" t="s">
        <v>38</v>
      </c>
      <c r="P11769" s="5" t="s">
        <v>39</v>
      </c>
      <c r="Q11769" s="5" t="s">
        <v>40</v>
      </c>
      <c r="R11769" s="5" t="s">
        <v>24335</v>
      </c>
      <c r="S11769" s="5" t="s">
        <v>40</v>
      </c>
      <c r="T11769" s="5" t="s">
        <v>42</v>
      </c>
      <c r="U11769" s="2">
        <v>9.6980000000000004</v>
      </c>
      <c r="V11769" s="2">
        <v>7.5960000000000001</v>
      </c>
      <c r="W11769" s="2">
        <v>0.13</v>
      </c>
      <c r="X11769" s="2">
        <v>15</v>
      </c>
      <c r="Y11769" s="2">
        <v>50</v>
      </c>
      <c r="Z11769" s="2">
        <v>173.9</v>
      </c>
      <c r="AA11769" s="5">
        <v>16</v>
      </c>
      <c r="AB11769" s="5" t="s">
        <v>43</v>
      </c>
      <c r="AC11769" s="5" t="s">
        <v>44</v>
      </c>
      <c r="AD11769" s="2" t="s">
        <v>36127</v>
      </c>
      <c r="AE11769" s="1"/>
    </row>
    <row r="11770" spans="1:31" ht="14.45">
      <c r="A11770" s="11"/>
      <c r="B11770" s="20"/>
      <c r="C11770" s="2" t="s">
        <v>36200</v>
      </c>
      <c r="D11770" s="14" t="s">
        <v>36201</v>
      </c>
      <c r="E11770" s="2" t="s">
        <v>36202</v>
      </c>
      <c r="F11770" s="2" t="s">
        <v>36112</v>
      </c>
      <c r="G11770" s="8">
        <v>190</v>
      </c>
      <c r="H11770" s="5">
        <v>5</v>
      </c>
      <c r="I11770" s="5" t="s">
        <v>69</v>
      </c>
      <c r="J11770" s="5" t="s">
        <v>24629</v>
      </c>
      <c r="K11770" s="2" t="s">
        <v>24630</v>
      </c>
      <c r="L11770" s="5" t="s">
        <v>24629</v>
      </c>
      <c r="M11770" s="2" t="s">
        <v>24630</v>
      </c>
      <c r="N11770" s="5" t="s">
        <v>24254</v>
      </c>
      <c r="O11770" s="5" t="s">
        <v>38</v>
      </c>
      <c r="P11770" s="5" t="s">
        <v>39</v>
      </c>
      <c r="Q11770" s="5" t="s">
        <v>40</v>
      </c>
      <c r="R11770" s="5" t="s">
        <v>24335</v>
      </c>
      <c r="S11770" s="5" t="s">
        <v>40</v>
      </c>
      <c r="T11770" s="5" t="s">
        <v>42</v>
      </c>
      <c r="U11770" s="2">
        <v>8.6110000000000007</v>
      </c>
      <c r="V11770" s="2">
        <v>6.8319999999999999</v>
      </c>
      <c r="W11770" s="2">
        <v>0.13</v>
      </c>
      <c r="X11770" s="2">
        <v>15</v>
      </c>
      <c r="Y11770" s="2">
        <v>50</v>
      </c>
      <c r="Z11770" s="2">
        <v>173.9</v>
      </c>
      <c r="AA11770" s="5">
        <v>16</v>
      </c>
      <c r="AB11770" s="5" t="s">
        <v>43</v>
      </c>
      <c r="AC11770" s="5" t="s">
        <v>44</v>
      </c>
      <c r="AD11770" s="2" t="s">
        <v>36113</v>
      </c>
      <c r="AE11770" s="1"/>
    </row>
    <row r="11771" spans="1:31" ht="14.45">
      <c r="A11771" s="11"/>
      <c r="B11771" s="20"/>
      <c r="C11771" s="2" t="s">
        <v>36203</v>
      </c>
      <c r="D11771" s="14" t="s">
        <v>36204</v>
      </c>
      <c r="E11771" s="2" t="s">
        <v>36205</v>
      </c>
      <c r="F11771" s="2" t="s">
        <v>36126</v>
      </c>
      <c r="G11771" s="8">
        <v>334</v>
      </c>
      <c r="H11771" s="5">
        <v>5</v>
      </c>
      <c r="I11771" s="5" t="s">
        <v>69</v>
      </c>
      <c r="J11771" s="5" t="s">
        <v>24629</v>
      </c>
      <c r="K11771" s="2" t="s">
        <v>24630</v>
      </c>
      <c r="L11771" s="5" t="s">
        <v>24629</v>
      </c>
      <c r="M11771" s="2" t="s">
        <v>24630</v>
      </c>
      <c r="N11771" s="5" t="s">
        <v>24254</v>
      </c>
      <c r="O11771" s="5" t="s">
        <v>38</v>
      </c>
      <c r="P11771" s="5" t="s">
        <v>39</v>
      </c>
      <c r="Q11771" s="5" t="s">
        <v>40</v>
      </c>
      <c r="R11771" s="5" t="s">
        <v>24335</v>
      </c>
      <c r="S11771" s="5" t="s">
        <v>40</v>
      </c>
      <c r="T11771" s="5" t="s">
        <v>42</v>
      </c>
      <c r="U11771" s="2">
        <v>10.013</v>
      </c>
      <c r="V11771" s="2">
        <v>7.9109999999999996</v>
      </c>
      <c r="W11771" s="2">
        <v>0.13</v>
      </c>
      <c r="X11771" s="2">
        <v>15</v>
      </c>
      <c r="Y11771" s="2">
        <v>50</v>
      </c>
      <c r="Z11771" s="2">
        <v>173.9</v>
      </c>
      <c r="AA11771" s="5">
        <v>16</v>
      </c>
      <c r="AB11771" s="5" t="s">
        <v>43</v>
      </c>
      <c r="AC11771" s="5" t="s">
        <v>44</v>
      </c>
      <c r="AD11771" s="2" t="s">
        <v>36127</v>
      </c>
      <c r="AE11771" s="1"/>
    </row>
    <row r="11772" spans="1:31" ht="14.45">
      <c r="A11772" s="11"/>
      <c r="B11772" s="20"/>
      <c r="C11772" s="2" t="s">
        <v>36206</v>
      </c>
      <c r="D11772" s="14" t="s">
        <v>36207</v>
      </c>
      <c r="E11772" s="2" t="s">
        <v>36208</v>
      </c>
      <c r="F11772" s="2" t="s">
        <v>36112</v>
      </c>
      <c r="G11772" s="8">
        <v>184</v>
      </c>
      <c r="H11772" s="5">
        <v>5</v>
      </c>
      <c r="I11772" s="5" t="s">
        <v>69</v>
      </c>
      <c r="J11772" s="5" t="s">
        <v>24629</v>
      </c>
      <c r="K11772" s="2" t="s">
        <v>24630</v>
      </c>
      <c r="L11772" s="5" t="s">
        <v>24629</v>
      </c>
      <c r="M11772" s="2" t="s">
        <v>24630</v>
      </c>
      <c r="N11772" s="5" t="s">
        <v>24254</v>
      </c>
      <c r="O11772" s="5" t="s">
        <v>38</v>
      </c>
      <c r="P11772" s="5" t="s">
        <v>39</v>
      </c>
      <c r="Q11772" s="5" t="s">
        <v>40</v>
      </c>
      <c r="R11772" s="5" t="s">
        <v>24335</v>
      </c>
      <c r="S11772" s="5" t="s">
        <v>40</v>
      </c>
      <c r="T11772" s="5" t="s">
        <v>42</v>
      </c>
      <c r="U11772" s="2">
        <v>8.8740000000000006</v>
      </c>
      <c r="V11772" s="2">
        <v>6.9349999999999996</v>
      </c>
      <c r="W11772" s="2">
        <v>0.14499999999999999</v>
      </c>
      <c r="X11772" s="2">
        <v>15</v>
      </c>
      <c r="Y11772" s="2">
        <v>50</v>
      </c>
      <c r="Z11772" s="2">
        <v>193.9</v>
      </c>
      <c r="AA11772" s="5">
        <v>16</v>
      </c>
      <c r="AB11772" s="5" t="s">
        <v>43</v>
      </c>
      <c r="AC11772" s="5" t="s">
        <v>44</v>
      </c>
      <c r="AD11772" s="2" t="s">
        <v>36113</v>
      </c>
      <c r="AE11772" s="1"/>
    </row>
    <row r="11773" spans="1:31" ht="14.45">
      <c r="A11773" s="11"/>
      <c r="B11773" s="20"/>
      <c r="C11773" s="2" t="s">
        <v>36209</v>
      </c>
      <c r="D11773" s="14" t="s">
        <v>36210</v>
      </c>
      <c r="E11773" s="2" t="s">
        <v>36211</v>
      </c>
      <c r="F11773" s="2" t="s">
        <v>36126</v>
      </c>
      <c r="G11773" s="8">
        <v>323</v>
      </c>
      <c r="H11773" s="5">
        <v>10</v>
      </c>
      <c r="I11773" s="5" t="s">
        <v>69</v>
      </c>
      <c r="J11773" s="5" t="s">
        <v>24629</v>
      </c>
      <c r="K11773" s="2" t="s">
        <v>24630</v>
      </c>
      <c r="L11773" s="5" t="s">
        <v>24629</v>
      </c>
      <c r="M11773" s="2" t="s">
        <v>24630</v>
      </c>
      <c r="N11773" s="5" t="s">
        <v>24254</v>
      </c>
      <c r="O11773" s="5" t="s">
        <v>38</v>
      </c>
      <c r="P11773" s="5" t="s">
        <v>39</v>
      </c>
      <c r="Q11773" s="5" t="s">
        <v>40</v>
      </c>
      <c r="R11773" s="5" t="s">
        <v>24335</v>
      </c>
      <c r="S11773" s="5" t="s">
        <v>40</v>
      </c>
      <c r="T11773" s="5" t="s">
        <v>42</v>
      </c>
      <c r="U11773" s="2">
        <v>10.292999999999999</v>
      </c>
      <c r="V11773" s="2">
        <v>8.0310000000000006</v>
      </c>
      <c r="W11773" s="2">
        <v>0.14499999999999999</v>
      </c>
      <c r="X11773" s="2">
        <v>15</v>
      </c>
      <c r="Y11773" s="2">
        <v>50</v>
      </c>
      <c r="Z11773" s="2">
        <v>193.9</v>
      </c>
      <c r="AA11773" s="5">
        <v>16</v>
      </c>
      <c r="AB11773" s="5" t="s">
        <v>43</v>
      </c>
      <c r="AC11773" s="5" t="s">
        <v>44</v>
      </c>
      <c r="AD11773" s="2" t="s">
        <v>36127</v>
      </c>
      <c r="AE11773" s="1"/>
    </row>
    <row r="11774" spans="1:31" ht="14.45">
      <c r="A11774" s="11"/>
      <c r="B11774" s="20"/>
      <c r="C11774" s="2" t="s">
        <v>36212</v>
      </c>
      <c r="D11774" s="14" t="s">
        <v>36213</v>
      </c>
      <c r="E11774" s="2" t="s">
        <v>36214</v>
      </c>
      <c r="F11774" s="2" t="s">
        <v>36112</v>
      </c>
      <c r="G11774" s="8">
        <v>201</v>
      </c>
      <c r="H11774" s="5">
        <v>5</v>
      </c>
      <c r="I11774" s="5" t="s">
        <v>69</v>
      </c>
      <c r="J11774" s="5" t="s">
        <v>24629</v>
      </c>
      <c r="K11774" s="2" t="s">
        <v>24630</v>
      </c>
      <c r="L11774" s="5" t="s">
        <v>24629</v>
      </c>
      <c r="M11774" s="2" t="s">
        <v>24630</v>
      </c>
      <c r="N11774" s="5" t="s">
        <v>24254</v>
      </c>
      <c r="O11774" s="5" t="s">
        <v>38</v>
      </c>
      <c r="P11774" s="5" t="s">
        <v>39</v>
      </c>
      <c r="Q11774" s="5" t="s">
        <v>40</v>
      </c>
      <c r="R11774" s="5" t="s">
        <v>24335</v>
      </c>
      <c r="S11774" s="5" t="s">
        <v>40</v>
      </c>
      <c r="T11774" s="5" t="s">
        <v>42</v>
      </c>
      <c r="U11774" s="2">
        <v>9.1280000000000001</v>
      </c>
      <c r="V11774" s="2">
        <v>7.1890000000000001</v>
      </c>
      <c r="W11774" s="2">
        <v>0.14499999999999999</v>
      </c>
      <c r="X11774" s="2">
        <v>15</v>
      </c>
      <c r="Y11774" s="2">
        <v>50</v>
      </c>
      <c r="Z11774" s="2">
        <v>193.9</v>
      </c>
      <c r="AA11774" s="5">
        <v>16</v>
      </c>
      <c r="AB11774" s="5" t="s">
        <v>43</v>
      </c>
      <c r="AC11774" s="5" t="s">
        <v>44</v>
      </c>
      <c r="AD11774" s="2" t="s">
        <v>36113</v>
      </c>
      <c r="AE11774" s="1"/>
    </row>
    <row r="11775" spans="1:31" ht="14.45">
      <c r="A11775" s="11"/>
      <c r="B11775" s="20"/>
      <c r="C11775" s="2" t="s">
        <v>36215</v>
      </c>
      <c r="D11775" s="14" t="s">
        <v>36216</v>
      </c>
      <c r="E11775" s="2" t="s">
        <v>36217</v>
      </c>
      <c r="F11775" s="2" t="s">
        <v>36126</v>
      </c>
      <c r="G11775" s="8">
        <v>353</v>
      </c>
      <c r="H11775" s="5">
        <v>5</v>
      </c>
      <c r="I11775" s="5" t="s">
        <v>69</v>
      </c>
      <c r="J11775" s="5" t="s">
        <v>24629</v>
      </c>
      <c r="K11775" s="2" t="s">
        <v>24630</v>
      </c>
      <c r="L11775" s="5" t="s">
        <v>24629</v>
      </c>
      <c r="M11775" s="2" t="s">
        <v>24630</v>
      </c>
      <c r="N11775" s="5" t="s">
        <v>24254</v>
      </c>
      <c r="O11775" s="5" t="s">
        <v>38</v>
      </c>
      <c r="P11775" s="5" t="s">
        <v>39</v>
      </c>
      <c r="Q11775" s="5" t="s">
        <v>40</v>
      </c>
      <c r="R11775" s="5" t="s">
        <v>24335</v>
      </c>
      <c r="S11775" s="5" t="s">
        <v>40</v>
      </c>
      <c r="T11775" s="5" t="s">
        <v>42</v>
      </c>
      <c r="U11775" s="2">
        <v>10.615</v>
      </c>
      <c r="V11775" s="2">
        <v>8.3529999999999998</v>
      </c>
      <c r="W11775" s="2">
        <v>0.14499999999999999</v>
      </c>
      <c r="X11775" s="2">
        <v>15</v>
      </c>
      <c r="Y11775" s="2">
        <v>50</v>
      </c>
      <c r="Z11775" s="2">
        <v>193.9</v>
      </c>
      <c r="AA11775" s="5">
        <v>16</v>
      </c>
      <c r="AB11775" s="5" t="s">
        <v>43</v>
      </c>
      <c r="AC11775" s="5" t="s">
        <v>44</v>
      </c>
      <c r="AD11775" s="2" t="s">
        <v>36127</v>
      </c>
      <c r="AE11775" s="1"/>
    </row>
    <row r="11776" spans="1:31" ht="14.45">
      <c r="A11776" s="11"/>
      <c r="B11776" s="20"/>
      <c r="C11776" s="2" t="s">
        <v>36218</v>
      </c>
      <c r="D11776" s="14" t="s">
        <v>36219</v>
      </c>
      <c r="E11776" s="2" t="s">
        <v>36220</v>
      </c>
      <c r="F11776" s="2" t="s">
        <v>36112</v>
      </c>
      <c r="G11776" s="8">
        <v>124</v>
      </c>
      <c r="H11776" s="5">
        <v>5</v>
      </c>
      <c r="I11776" s="5" t="s">
        <v>69</v>
      </c>
      <c r="J11776" s="5" t="s">
        <v>24629</v>
      </c>
      <c r="K11776" s="2" t="s">
        <v>24630</v>
      </c>
      <c r="L11776" s="5" t="s">
        <v>24629</v>
      </c>
      <c r="M11776" s="2" t="s">
        <v>24630</v>
      </c>
      <c r="N11776" s="5" t="s">
        <v>24254</v>
      </c>
      <c r="O11776" s="5" t="s">
        <v>38</v>
      </c>
      <c r="P11776" s="5" t="s">
        <v>39</v>
      </c>
      <c r="Q11776" s="5" t="s">
        <v>40</v>
      </c>
      <c r="R11776" s="5" t="s">
        <v>24335</v>
      </c>
      <c r="S11776" s="5" t="s">
        <v>40</v>
      </c>
      <c r="T11776" s="5" t="s">
        <v>42</v>
      </c>
      <c r="U11776" s="2">
        <v>5.01</v>
      </c>
      <c r="V11776" s="2">
        <v>4.0490000000000004</v>
      </c>
      <c r="W11776" s="2">
        <v>5.8999999999999997E-2</v>
      </c>
      <c r="X11776" s="2">
        <v>12</v>
      </c>
      <c r="Y11776" s="2">
        <v>42.5</v>
      </c>
      <c r="Z11776" s="2">
        <v>116.4</v>
      </c>
      <c r="AA11776" s="5">
        <v>20</v>
      </c>
      <c r="AB11776" s="5" t="s">
        <v>43</v>
      </c>
      <c r="AC11776" s="5" t="s">
        <v>44</v>
      </c>
      <c r="AD11776" s="2" t="s">
        <v>36221</v>
      </c>
      <c r="AE11776" s="1"/>
    </row>
    <row r="11777" spans="1:31" ht="14.45">
      <c r="A11777" s="11"/>
      <c r="B11777" s="20"/>
      <c r="C11777" s="2" t="s">
        <v>36222</v>
      </c>
      <c r="D11777" s="14" t="s">
        <v>36223</v>
      </c>
      <c r="E11777" s="2" t="s">
        <v>36224</v>
      </c>
      <c r="F11777" s="2" t="s">
        <v>36112</v>
      </c>
      <c r="G11777" s="8">
        <v>130</v>
      </c>
      <c r="H11777" s="5">
        <v>5</v>
      </c>
      <c r="I11777" s="5" t="s">
        <v>69</v>
      </c>
      <c r="J11777" s="5" t="s">
        <v>24629</v>
      </c>
      <c r="K11777" s="2" t="s">
        <v>24630</v>
      </c>
      <c r="L11777" s="5" t="s">
        <v>24629</v>
      </c>
      <c r="M11777" s="2" t="s">
        <v>24630</v>
      </c>
      <c r="N11777" s="5" t="s">
        <v>24254</v>
      </c>
      <c r="O11777" s="5" t="s">
        <v>38</v>
      </c>
      <c r="P11777" s="5" t="s">
        <v>39</v>
      </c>
      <c r="Q11777" s="5" t="s">
        <v>40</v>
      </c>
      <c r="R11777" s="5" t="s">
        <v>24335</v>
      </c>
      <c r="S11777" s="5" t="s">
        <v>40</v>
      </c>
      <c r="T11777" s="5" t="s">
        <v>42</v>
      </c>
      <c r="U11777" s="2">
        <v>5.1909999999999998</v>
      </c>
      <c r="V11777" s="2">
        <v>4.2300000000000004</v>
      </c>
      <c r="W11777" s="2">
        <v>5.8999999999999997E-2</v>
      </c>
      <c r="X11777" s="2">
        <v>12</v>
      </c>
      <c r="Y11777" s="2">
        <v>42.5</v>
      </c>
      <c r="Z11777" s="2">
        <v>116.4</v>
      </c>
      <c r="AA11777" s="5">
        <v>20</v>
      </c>
      <c r="AB11777" s="5" t="s">
        <v>43</v>
      </c>
      <c r="AC11777" s="5" t="s">
        <v>44</v>
      </c>
      <c r="AD11777" s="2" t="s">
        <v>36221</v>
      </c>
      <c r="AE11777" s="1"/>
    </row>
    <row r="11778" spans="1:31" ht="14.45">
      <c r="A11778" s="11"/>
      <c r="B11778" s="20"/>
      <c r="C11778" s="2" t="s">
        <v>36225</v>
      </c>
      <c r="D11778" s="14" t="s">
        <v>36226</v>
      </c>
      <c r="E11778" s="2" t="s">
        <v>36227</v>
      </c>
      <c r="F11778" s="2" t="s">
        <v>36112</v>
      </c>
      <c r="G11778" s="8">
        <v>134</v>
      </c>
      <c r="H11778" s="5">
        <v>5</v>
      </c>
      <c r="I11778" s="5" t="s">
        <v>69</v>
      </c>
      <c r="J11778" s="5" t="s">
        <v>24629</v>
      </c>
      <c r="K11778" s="2" t="s">
        <v>24630</v>
      </c>
      <c r="L11778" s="5" t="s">
        <v>24629</v>
      </c>
      <c r="M11778" s="2" t="s">
        <v>24630</v>
      </c>
      <c r="N11778" s="5" t="s">
        <v>24254</v>
      </c>
      <c r="O11778" s="5" t="s">
        <v>38</v>
      </c>
      <c r="P11778" s="5" t="s">
        <v>39</v>
      </c>
      <c r="Q11778" s="5" t="s">
        <v>40</v>
      </c>
      <c r="R11778" s="5" t="s">
        <v>24335</v>
      </c>
      <c r="S11778" s="5" t="s">
        <v>40</v>
      </c>
      <c r="T11778" s="5" t="s">
        <v>42</v>
      </c>
      <c r="U11778" s="2">
        <v>5.4240000000000004</v>
      </c>
      <c r="V11778" s="2">
        <v>4.4630000000000001</v>
      </c>
      <c r="W11778" s="2">
        <v>5.8999999999999997E-2</v>
      </c>
      <c r="X11778" s="2">
        <v>12</v>
      </c>
      <c r="Y11778" s="2">
        <v>42.5</v>
      </c>
      <c r="Z11778" s="2">
        <v>116.4</v>
      </c>
      <c r="AA11778" s="5">
        <v>20</v>
      </c>
      <c r="AB11778" s="5" t="s">
        <v>43</v>
      </c>
      <c r="AC11778" s="5" t="s">
        <v>44</v>
      </c>
      <c r="AD11778" s="2" t="s">
        <v>36221</v>
      </c>
      <c r="AE11778" s="1"/>
    </row>
    <row r="11779" spans="1:31" ht="14.45">
      <c r="A11779" s="11"/>
      <c r="B11779" s="20"/>
      <c r="C11779" s="2" t="s">
        <v>36228</v>
      </c>
      <c r="D11779" s="14" t="s">
        <v>36229</v>
      </c>
      <c r="E11779" s="2" t="s">
        <v>36230</v>
      </c>
      <c r="F11779" s="2" t="s">
        <v>36112</v>
      </c>
      <c r="G11779" s="8">
        <v>141</v>
      </c>
      <c r="H11779" s="5">
        <v>5</v>
      </c>
      <c r="I11779" s="5" t="s">
        <v>69</v>
      </c>
      <c r="J11779" s="5" t="s">
        <v>24629</v>
      </c>
      <c r="K11779" s="2" t="s">
        <v>24630</v>
      </c>
      <c r="L11779" s="5" t="s">
        <v>24629</v>
      </c>
      <c r="M11779" s="2" t="s">
        <v>24630</v>
      </c>
      <c r="N11779" s="5" t="s">
        <v>24254</v>
      </c>
      <c r="O11779" s="5" t="s">
        <v>38</v>
      </c>
      <c r="P11779" s="5" t="s">
        <v>39</v>
      </c>
      <c r="Q11779" s="5" t="s">
        <v>40</v>
      </c>
      <c r="R11779" s="5" t="s">
        <v>24335</v>
      </c>
      <c r="S11779" s="5" t="s">
        <v>40</v>
      </c>
      <c r="T11779" s="5" t="s">
        <v>42</v>
      </c>
      <c r="U11779" s="2">
        <v>5.7930000000000001</v>
      </c>
      <c r="V11779" s="2">
        <v>4.6459999999999999</v>
      </c>
      <c r="W11779" s="2">
        <v>7.3999999999999996E-2</v>
      </c>
      <c r="X11779" s="2">
        <v>12</v>
      </c>
      <c r="Y11779" s="2">
        <v>42.5</v>
      </c>
      <c r="Z11779" s="2">
        <v>144.4</v>
      </c>
      <c r="AA11779" s="5">
        <v>20</v>
      </c>
      <c r="AB11779" s="5" t="s">
        <v>43</v>
      </c>
      <c r="AC11779" s="5" t="s">
        <v>44</v>
      </c>
      <c r="AD11779" s="2" t="s">
        <v>36221</v>
      </c>
      <c r="AE11779" s="1"/>
    </row>
    <row r="11780" spans="1:31" ht="14.45">
      <c r="A11780" s="11"/>
      <c r="B11780" s="20"/>
      <c r="C11780" s="2" t="s">
        <v>36231</v>
      </c>
      <c r="D11780" s="14" t="s">
        <v>36232</v>
      </c>
      <c r="E11780" s="2" t="s">
        <v>36233</v>
      </c>
      <c r="F11780" s="2" t="s">
        <v>36112</v>
      </c>
      <c r="G11780" s="8">
        <v>139</v>
      </c>
      <c r="H11780" s="5">
        <v>5</v>
      </c>
      <c r="I11780" s="5" t="s">
        <v>69</v>
      </c>
      <c r="J11780" s="5" t="s">
        <v>24629</v>
      </c>
      <c r="K11780" s="2" t="s">
        <v>24630</v>
      </c>
      <c r="L11780" s="5" t="s">
        <v>24629</v>
      </c>
      <c r="M11780" s="2" t="s">
        <v>24630</v>
      </c>
      <c r="N11780" s="5" t="s">
        <v>24254</v>
      </c>
      <c r="O11780" s="5" t="s">
        <v>38</v>
      </c>
      <c r="P11780" s="5" t="s">
        <v>39</v>
      </c>
      <c r="Q11780" s="5" t="s">
        <v>40</v>
      </c>
      <c r="R11780" s="5" t="s">
        <v>24335</v>
      </c>
      <c r="S11780" s="5" t="s">
        <v>40</v>
      </c>
      <c r="T11780" s="5" t="s">
        <v>42</v>
      </c>
      <c r="U11780" s="2">
        <v>5.9029999999999996</v>
      </c>
      <c r="V11780" s="2">
        <v>4.9420000000000002</v>
      </c>
      <c r="W11780" s="2">
        <v>5.8999999999999997E-2</v>
      </c>
      <c r="X11780" s="2">
        <v>12</v>
      </c>
      <c r="Y11780" s="2">
        <v>42.5</v>
      </c>
      <c r="Z11780" s="2">
        <v>116.4</v>
      </c>
      <c r="AA11780" s="5">
        <v>20</v>
      </c>
      <c r="AB11780" s="5" t="s">
        <v>43</v>
      </c>
      <c r="AC11780" s="5" t="s">
        <v>44</v>
      </c>
      <c r="AD11780" s="2" t="s">
        <v>36221</v>
      </c>
      <c r="AE11780" s="1"/>
    </row>
    <row r="11781" spans="1:31" ht="14.45">
      <c r="A11781" s="11"/>
      <c r="B11781" s="20"/>
      <c r="C11781" s="2" t="s">
        <v>36234</v>
      </c>
      <c r="D11781" s="14" t="s">
        <v>36235</v>
      </c>
      <c r="E11781" s="2" t="s">
        <v>36236</v>
      </c>
      <c r="F11781" s="2" t="s">
        <v>36112</v>
      </c>
      <c r="G11781" s="8">
        <v>145</v>
      </c>
      <c r="H11781" s="5">
        <v>5</v>
      </c>
      <c r="I11781" s="5" t="s">
        <v>69</v>
      </c>
      <c r="J11781" s="5" t="s">
        <v>24629</v>
      </c>
      <c r="K11781" s="2" t="s">
        <v>24630</v>
      </c>
      <c r="L11781" s="5" t="s">
        <v>24629</v>
      </c>
      <c r="M11781" s="2" t="s">
        <v>24630</v>
      </c>
      <c r="N11781" s="5" t="s">
        <v>24254</v>
      </c>
      <c r="O11781" s="5" t="s">
        <v>38</v>
      </c>
      <c r="P11781" s="5" t="s">
        <v>39</v>
      </c>
      <c r="Q11781" s="5" t="s">
        <v>40</v>
      </c>
      <c r="R11781" s="5" t="s">
        <v>24335</v>
      </c>
      <c r="S11781" s="5" t="s">
        <v>40</v>
      </c>
      <c r="T11781" s="5" t="s">
        <v>42</v>
      </c>
      <c r="U11781" s="2">
        <v>6.2720000000000002</v>
      </c>
      <c r="V11781" s="2">
        <v>5.125</v>
      </c>
      <c r="W11781" s="2">
        <v>7.3999999999999996E-2</v>
      </c>
      <c r="X11781" s="2">
        <v>12</v>
      </c>
      <c r="Y11781" s="2">
        <v>42.5</v>
      </c>
      <c r="Z11781" s="2">
        <v>144.4</v>
      </c>
      <c r="AA11781" s="5">
        <v>20</v>
      </c>
      <c r="AB11781" s="5" t="s">
        <v>43</v>
      </c>
      <c r="AC11781" s="5" t="s">
        <v>44</v>
      </c>
      <c r="AD11781" s="2" t="s">
        <v>36221</v>
      </c>
      <c r="AE11781" s="1"/>
    </row>
    <row r="11782" spans="1:31" ht="14.45">
      <c r="A11782" s="11"/>
      <c r="B11782" s="20"/>
      <c r="C11782" s="2" t="s">
        <v>36237</v>
      </c>
      <c r="D11782" s="14" t="s">
        <v>36238</v>
      </c>
      <c r="E11782" s="2" t="s">
        <v>36239</v>
      </c>
      <c r="F11782" s="2" t="s">
        <v>36112</v>
      </c>
      <c r="G11782" s="8">
        <v>149</v>
      </c>
      <c r="H11782" s="5">
        <v>5</v>
      </c>
      <c r="I11782" s="5" t="s">
        <v>69</v>
      </c>
      <c r="J11782" s="5" t="s">
        <v>24629</v>
      </c>
      <c r="K11782" s="2" t="s">
        <v>24630</v>
      </c>
      <c r="L11782" s="5" t="s">
        <v>24629</v>
      </c>
      <c r="M11782" s="2" t="s">
        <v>24630</v>
      </c>
      <c r="N11782" s="5" t="s">
        <v>24254</v>
      </c>
      <c r="O11782" s="5" t="s">
        <v>38</v>
      </c>
      <c r="P11782" s="5" t="s">
        <v>39</v>
      </c>
      <c r="Q11782" s="5" t="s">
        <v>40</v>
      </c>
      <c r="R11782" s="5" t="s">
        <v>24335</v>
      </c>
      <c r="S11782" s="5" t="s">
        <v>40</v>
      </c>
      <c r="T11782" s="5" t="s">
        <v>42</v>
      </c>
      <c r="U11782" s="2">
        <v>6.5069999999999997</v>
      </c>
      <c r="V11782" s="2">
        <v>5.3070000000000004</v>
      </c>
      <c r="W11782" s="2">
        <v>7.8E-2</v>
      </c>
      <c r="X11782" s="2">
        <v>12</v>
      </c>
      <c r="Y11782" s="2">
        <v>42.5</v>
      </c>
      <c r="Z11782" s="2">
        <v>152.4</v>
      </c>
      <c r="AA11782" s="5">
        <v>20</v>
      </c>
      <c r="AB11782" s="5" t="s">
        <v>43</v>
      </c>
      <c r="AC11782" s="5" t="s">
        <v>44</v>
      </c>
      <c r="AD11782" s="2" t="s">
        <v>36221</v>
      </c>
      <c r="AE11782" s="1"/>
    </row>
    <row r="11783" spans="1:31" ht="14.45">
      <c r="A11783" s="11"/>
      <c r="B11783" s="20"/>
      <c r="C11783" s="2" t="s">
        <v>36240</v>
      </c>
      <c r="D11783" s="14" t="s">
        <v>36241</v>
      </c>
      <c r="E11783" s="2" t="s">
        <v>36242</v>
      </c>
      <c r="F11783" s="2" t="s">
        <v>36112</v>
      </c>
      <c r="G11783" s="8">
        <v>160</v>
      </c>
      <c r="H11783" s="5">
        <v>5</v>
      </c>
      <c r="I11783" s="5" t="s">
        <v>69</v>
      </c>
      <c r="J11783" s="5" t="s">
        <v>24629</v>
      </c>
      <c r="K11783" s="2" t="s">
        <v>24630</v>
      </c>
      <c r="L11783" s="5" t="s">
        <v>24629</v>
      </c>
      <c r="M11783" s="2" t="s">
        <v>24630</v>
      </c>
      <c r="N11783" s="5" t="s">
        <v>24254</v>
      </c>
      <c r="O11783" s="5" t="s">
        <v>38</v>
      </c>
      <c r="P11783" s="5" t="s">
        <v>39</v>
      </c>
      <c r="Q11783" s="5" t="s">
        <v>40</v>
      </c>
      <c r="R11783" s="5" t="s">
        <v>24335</v>
      </c>
      <c r="S11783" s="5" t="s">
        <v>40</v>
      </c>
      <c r="T11783" s="5" t="s">
        <v>42</v>
      </c>
      <c r="U11783" s="2">
        <v>6.6230000000000002</v>
      </c>
      <c r="V11783" s="2">
        <v>5.476</v>
      </c>
      <c r="W11783" s="2">
        <v>7.3999999999999996E-2</v>
      </c>
      <c r="X11783" s="2">
        <v>12</v>
      </c>
      <c r="Y11783" s="2">
        <v>42.5</v>
      </c>
      <c r="Z11783" s="2">
        <v>144.4</v>
      </c>
      <c r="AA11783" s="5">
        <v>20</v>
      </c>
      <c r="AB11783" s="5" t="s">
        <v>43</v>
      </c>
      <c r="AC11783" s="5" t="s">
        <v>44</v>
      </c>
      <c r="AD11783" s="2" t="s">
        <v>36221</v>
      </c>
      <c r="AE11783" s="1"/>
    </row>
    <row r="11784" spans="1:31" ht="14.45">
      <c r="A11784" s="11"/>
      <c r="B11784" s="20"/>
      <c r="C11784" s="2" t="s">
        <v>36243</v>
      </c>
      <c r="D11784" s="14" t="s">
        <v>36244</v>
      </c>
      <c r="E11784" s="2" t="s">
        <v>36245</v>
      </c>
      <c r="F11784" s="2" t="s">
        <v>36112</v>
      </c>
      <c r="G11784" s="8">
        <v>166</v>
      </c>
      <c r="H11784" s="5">
        <v>5</v>
      </c>
      <c r="I11784" s="5" t="s">
        <v>69</v>
      </c>
      <c r="J11784" s="5" t="s">
        <v>24629</v>
      </c>
      <c r="K11784" s="2" t="s">
        <v>24630</v>
      </c>
      <c r="L11784" s="5" t="s">
        <v>24629</v>
      </c>
      <c r="M11784" s="2" t="s">
        <v>24630</v>
      </c>
      <c r="N11784" s="5" t="s">
        <v>24254</v>
      </c>
      <c r="O11784" s="5" t="s">
        <v>38</v>
      </c>
      <c r="P11784" s="5" t="s">
        <v>39</v>
      </c>
      <c r="Q11784" s="5" t="s">
        <v>40</v>
      </c>
      <c r="R11784" s="5" t="s">
        <v>24335</v>
      </c>
      <c r="S11784" s="5" t="s">
        <v>40</v>
      </c>
      <c r="T11784" s="5" t="s">
        <v>42</v>
      </c>
      <c r="U11784" s="2">
        <v>6.8579999999999997</v>
      </c>
      <c r="V11784" s="2">
        <v>5.6580000000000004</v>
      </c>
      <c r="W11784" s="2">
        <v>7.8E-2</v>
      </c>
      <c r="X11784" s="2">
        <v>12</v>
      </c>
      <c r="Y11784" s="2">
        <v>42.5</v>
      </c>
      <c r="Z11784" s="2">
        <v>152.4</v>
      </c>
      <c r="AA11784" s="5">
        <v>20</v>
      </c>
      <c r="AB11784" s="5" t="s">
        <v>43</v>
      </c>
      <c r="AC11784" s="5" t="s">
        <v>44</v>
      </c>
      <c r="AD11784" s="2" t="s">
        <v>36221</v>
      </c>
      <c r="AE11784" s="1"/>
    </row>
    <row r="11785" spans="1:31" ht="14.45">
      <c r="A11785" s="11"/>
      <c r="B11785" s="20"/>
      <c r="C11785" s="2" t="s">
        <v>36246</v>
      </c>
      <c r="D11785" s="14" t="s">
        <v>36247</v>
      </c>
      <c r="E11785" s="2" t="s">
        <v>36248</v>
      </c>
      <c r="F11785" s="2" t="s">
        <v>36112</v>
      </c>
      <c r="G11785" s="8">
        <v>166</v>
      </c>
      <c r="H11785" s="5">
        <v>5</v>
      </c>
      <c r="I11785" s="5" t="s">
        <v>69</v>
      </c>
      <c r="J11785" s="5" t="s">
        <v>24629</v>
      </c>
      <c r="K11785" s="2" t="s">
        <v>24630</v>
      </c>
      <c r="L11785" s="5" t="s">
        <v>24629</v>
      </c>
      <c r="M11785" s="2" t="s">
        <v>24630</v>
      </c>
      <c r="N11785" s="5" t="s">
        <v>24254</v>
      </c>
      <c r="O11785" s="5" t="s">
        <v>38</v>
      </c>
      <c r="P11785" s="5" t="s">
        <v>39</v>
      </c>
      <c r="Q11785" s="5" t="s">
        <v>40</v>
      </c>
      <c r="R11785" s="5" t="s">
        <v>24335</v>
      </c>
      <c r="S11785" s="5" t="s">
        <v>40</v>
      </c>
      <c r="T11785" s="5" t="s">
        <v>42</v>
      </c>
      <c r="U11785" s="2">
        <v>7.2469999999999999</v>
      </c>
      <c r="V11785" s="2">
        <v>6.0469999999999997</v>
      </c>
      <c r="W11785" s="2">
        <v>7.8E-2</v>
      </c>
      <c r="X11785" s="2">
        <v>12</v>
      </c>
      <c r="Y11785" s="2">
        <v>42.5</v>
      </c>
      <c r="Z11785" s="2">
        <v>152.4</v>
      </c>
      <c r="AA11785" s="5">
        <v>20</v>
      </c>
      <c r="AB11785" s="5" t="s">
        <v>43</v>
      </c>
      <c r="AC11785" s="5" t="s">
        <v>44</v>
      </c>
      <c r="AD11785" s="2" t="s">
        <v>36221</v>
      </c>
      <c r="AE11785" s="1"/>
    </row>
    <row r="11786" spans="1:31" ht="14.45">
      <c r="A11786" s="11"/>
      <c r="B11786" s="20"/>
      <c r="C11786" s="2" t="s">
        <v>36249</v>
      </c>
      <c r="D11786" s="14" t="s">
        <v>36250</v>
      </c>
      <c r="E11786" s="2" t="s">
        <v>36251</v>
      </c>
      <c r="F11786" s="2" t="s">
        <v>36112</v>
      </c>
      <c r="G11786" s="8">
        <v>168</v>
      </c>
      <c r="H11786" s="5">
        <v>5</v>
      </c>
      <c r="I11786" s="5" t="s">
        <v>69</v>
      </c>
      <c r="J11786" s="5" t="s">
        <v>24629</v>
      </c>
      <c r="K11786" s="2" t="s">
        <v>24630</v>
      </c>
      <c r="L11786" s="5" t="s">
        <v>24629</v>
      </c>
      <c r="M11786" s="2" t="s">
        <v>24630</v>
      </c>
      <c r="N11786" s="5" t="s">
        <v>24254</v>
      </c>
      <c r="O11786" s="5" t="s">
        <v>38</v>
      </c>
      <c r="P11786" s="5" t="s">
        <v>39</v>
      </c>
      <c r="Q11786" s="5" t="s">
        <v>40</v>
      </c>
      <c r="R11786" s="5" t="s">
        <v>24335</v>
      </c>
      <c r="S11786" s="5" t="s">
        <v>40</v>
      </c>
      <c r="T11786" s="5" t="s">
        <v>42</v>
      </c>
      <c r="U11786" s="2">
        <v>7.4279999999999999</v>
      </c>
      <c r="V11786" s="2">
        <v>6.2279999999999998</v>
      </c>
      <c r="W11786" s="2">
        <v>7.8E-2</v>
      </c>
      <c r="X11786" s="2">
        <v>12</v>
      </c>
      <c r="Y11786" s="2">
        <v>42.5</v>
      </c>
      <c r="Z11786" s="2">
        <v>152.4</v>
      </c>
      <c r="AA11786" s="5">
        <v>20</v>
      </c>
      <c r="AB11786" s="5" t="s">
        <v>43</v>
      </c>
      <c r="AC11786" s="5" t="s">
        <v>44</v>
      </c>
      <c r="AD11786" s="2" t="s">
        <v>36221</v>
      </c>
      <c r="AE11786" s="1"/>
    </row>
    <row r="11787" spans="1:31" ht="14.45">
      <c r="A11787" s="11"/>
      <c r="B11787" s="20"/>
      <c r="C11787" s="2" t="s">
        <v>36252</v>
      </c>
      <c r="D11787" s="14" t="s">
        <v>36253</v>
      </c>
      <c r="E11787" s="2" t="s">
        <v>36254</v>
      </c>
      <c r="F11787" s="2" t="s">
        <v>36112</v>
      </c>
      <c r="G11787" s="8">
        <v>182</v>
      </c>
      <c r="H11787" s="5">
        <v>5</v>
      </c>
      <c r="I11787" s="5" t="s">
        <v>69</v>
      </c>
      <c r="J11787" s="5" t="s">
        <v>24629</v>
      </c>
      <c r="K11787" s="2" t="s">
        <v>24630</v>
      </c>
      <c r="L11787" s="5" t="s">
        <v>24629</v>
      </c>
      <c r="M11787" s="2" t="s">
        <v>24630</v>
      </c>
      <c r="N11787" s="5" t="s">
        <v>24254</v>
      </c>
      <c r="O11787" s="5" t="s">
        <v>38</v>
      </c>
      <c r="P11787" s="5" t="s">
        <v>39</v>
      </c>
      <c r="Q11787" s="5" t="s">
        <v>40</v>
      </c>
      <c r="R11787" s="5" t="s">
        <v>24335</v>
      </c>
      <c r="S11787" s="5" t="s">
        <v>40</v>
      </c>
      <c r="T11787" s="5" t="s">
        <v>42</v>
      </c>
      <c r="U11787" s="2">
        <v>7.8520000000000003</v>
      </c>
      <c r="V11787" s="2">
        <v>6.4089999999999998</v>
      </c>
      <c r="W11787" s="2">
        <v>9.6000000000000002E-2</v>
      </c>
      <c r="X11787" s="2">
        <v>12</v>
      </c>
      <c r="Y11787" s="2">
        <v>42.5</v>
      </c>
      <c r="Z11787" s="2">
        <v>188.9</v>
      </c>
      <c r="AA11787" s="5">
        <v>20</v>
      </c>
      <c r="AB11787" s="5" t="s">
        <v>43</v>
      </c>
      <c r="AC11787" s="5" t="s">
        <v>44</v>
      </c>
      <c r="AD11787" s="2" t="s">
        <v>36221</v>
      </c>
      <c r="AE11787" s="1"/>
    </row>
    <row r="11788" spans="1:31" ht="14.45">
      <c r="A11788" s="11"/>
      <c r="B11788" s="20"/>
      <c r="C11788" s="2" t="s">
        <v>36255</v>
      </c>
      <c r="D11788" s="14" t="s">
        <v>36256</v>
      </c>
      <c r="E11788" s="2" t="s">
        <v>36257</v>
      </c>
      <c r="F11788" s="2" t="s">
        <v>36112</v>
      </c>
      <c r="G11788" s="8">
        <v>176</v>
      </c>
      <c r="H11788" s="5">
        <v>5</v>
      </c>
      <c r="I11788" s="5" t="s">
        <v>69</v>
      </c>
      <c r="J11788" s="5" t="s">
        <v>24629</v>
      </c>
      <c r="K11788" s="2" t="s">
        <v>24630</v>
      </c>
      <c r="L11788" s="5" t="s">
        <v>24629</v>
      </c>
      <c r="M11788" s="2" t="s">
        <v>24630</v>
      </c>
      <c r="N11788" s="5" t="s">
        <v>24254</v>
      </c>
      <c r="O11788" s="5" t="s">
        <v>38</v>
      </c>
      <c r="P11788" s="5" t="s">
        <v>39</v>
      </c>
      <c r="Q11788" s="5" t="s">
        <v>40</v>
      </c>
      <c r="R11788" s="5" t="s">
        <v>24335</v>
      </c>
      <c r="S11788" s="5" t="s">
        <v>40</v>
      </c>
      <c r="T11788" s="5" t="s">
        <v>42</v>
      </c>
      <c r="U11788" s="2">
        <v>8.0579999999999998</v>
      </c>
      <c r="V11788" s="2">
        <v>6.6150000000000002</v>
      </c>
      <c r="W11788" s="2">
        <v>9.6000000000000002E-2</v>
      </c>
      <c r="X11788" s="2">
        <v>12</v>
      </c>
      <c r="Y11788" s="2">
        <v>42.5</v>
      </c>
      <c r="Z11788" s="2">
        <v>188.9</v>
      </c>
      <c r="AA11788" s="5">
        <v>20</v>
      </c>
      <c r="AB11788" s="5" t="s">
        <v>43</v>
      </c>
      <c r="AC11788" s="5" t="s">
        <v>44</v>
      </c>
      <c r="AD11788" s="2" t="s">
        <v>36221</v>
      </c>
      <c r="AE11788" s="1"/>
    </row>
    <row r="11789" spans="1:31" ht="14.45">
      <c r="A11789" s="11"/>
      <c r="B11789" s="20"/>
      <c r="C11789" s="2" t="s">
        <v>36258</v>
      </c>
      <c r="D11789" s="14" t="s">
        <v>36259</v>
      </c>
      <c r="E11789" s="2" t="s">
        <v>36260</v>
      </c>
      <c r="F11789" s="2" t="s">
        <v>36112</v>
      </c>
      <c r="G11789" s="8">
        <v>193</v>
      </c>
      <c r="H11789" s="5">
        <v>5</v>
      </c>
      <c r="I11789" s="5" t="s">
        <v>69</v>
      </c>
      <c r="J11789" s="5" t="s">
        <v>24629</v>
      </c>
      <c r="K11789" s="2" t="s">
        <v>24630</v>
      </c>
      <c r="L11789" s="5" t="s">
        <v>24629</v>
      </c>
      <c r="M11789" s="2" t="s">
        <v>24630</v>
      </c>
      <c r="N11789" s="5" t="s">
        <v>24254</v>
      </c>
      <c r="O11789" s="5" t="s">
        <v>38</v>
      </c>
      <c r="P11789" s="5" t="s">
        <v>39</v>
      </c>
      <c r="Q11789" s="5" t="s">
        <v>40</v>
      </c>
      <c r="R11789" s="5" t="s">
        <v>24335</v>
      </c>
      <c r="S11789" s="5" t="s">
        <v>40</v>
      </c>
      <c r="T11789" s="5" t="s">
        <v>42</v>
      </c>
      <c r="U11789" s="2">
        <v>8.2379999999999995</v>
      </c>
      <c r="V11789" s="2">
        <v>6.7949999999999999</v>
      </c>
      <c r="W11789" s="2">
        <v>9.6000000000000002E-2</v>
      </c>
      <c r="X11789" s="2">
        <v>12</v>
      </c>
      <c r="Y11789" s="2">
        <v>42.5</v>
      </c>
      <c r="Z11789" s="2">
        <v>188.9</v>
      </c>
      <c r="AA11789" s="5">
        <v>20</v>
      </c>
      <c r="AB11789" s="5" t="s">
        <v>43</v>
      </c>
      <c r="AC11789" s="5" t="s">
        <v>44</v>
      </c>
      <c r="AD11789" s="2" t="s">
        <v>36221</v>
      </c>
      <c r="AE11789" s="1"/>
    </row>
    <row r="11790" spans="1:31" ht="14.45">
      <c r="A11790" s="11"/>
      <c r="B11790" s="20"/>
      <c r="C11790" s="2" t="s">
        <v>36261</v>
      </c>
      <c r="D11790" s="14" t="s">
        <v>36262</v>
      </c>
      <c r="E11790" s="2" t="s">
        <v>36263</v>
      </c>
      <c r="F11790" s="2" t="s">
        <v>7204</v>
      </c>
      <c r="G11790" s="8">
        <v>104</v>
      </c>
      <c r="H11790" s="5">
        <v>6</v>
      </c>
      <c r="I11790" s="5" t="s">
        <v>1518</v>
      </c>
      <c r="J11790" s="5" t="s">
        <v>36264</v>
      </c>
      <c r="K11790" s="2" t="s">
        <v>36265</v>
      </c>
      <c r="L11790" s="5" t="s">
        <v>36264</v>
      </c>
      <c r="M11790" s="2" t="s">
        <v>36265</v>
      </c>
      <c r="N11790" s="5" t="s">
        <v>36266</v>
      </c>
      <c r="O11790" s="5" t="s">
        <v>38</v>
      </c>
      <c r="P11790" s="5" t="s">
        <v>39</v>
      </c>
      <c r="Q11790" s="5" t="s">
        <v>40</v>
      </c>
      <c r="R11790" s="5" t="s">
        <v>1522</v>
      </c>
      <c r="S11790" s="5" t="s">
        <v>1523</v>
      </c>
      <c r="T11790" s="5" t="s">
        <v>42</v>
      </c>
      <c r="U11790" s="2">
        <v>0.96</v>
      </c>
      <c r="V11790" s="2">
        <v>0.54100000000000004</v>
      </c>
      <c r="W11790" s="2">
        <v>0.01</v>
      </c>
      <c r="X11790" s="2">
        <v>76.900000000000006</v>
      </c>
      <c r="Y11790" s="2">
        <v>7.6</v>
      </c>
      <c r="Z11790" s="2">
        <v>16.7</v>
      </c>
      <c r="AA11790" s="5"/>
      <c r="AB11790" s="5" t="s">
        <v>43</v>
      </c>
      <c r="AC11790" s="5" t="s">
        <v>44</v>
      </c>
      <c r="AD11790" s="2"/>
      <c r="AE11790" s="1"/>
    </row>
    <row r="11791" spans="1:31" ht="14.45">
      <c r="A11791" s="11"/>
      <c r="B11791" s="20"/>
      <c r="C11791" s="2" t="s">
        <v>36267</v>
      </c>
      <c r="D11791" s="14" t="s">
        <v>36268</v>
      </c>
      <c r="E11791" s="2" t="s">
        <v>36269</v>
      </c>
      <c r="F11791" s="2" t="s">
        <v>7514</v>
      </c>
      <c r="G11791" s="8">
        <v>104</v>
      </c>
      <c r="H11791" s="5">
        <v>6</v>
      </c>
      <c r="I11791" s="5" t="s">
        <v>1518</v>
      </c>
      <c r="J11791" s="5" t="s">
        <v>36264</v>
      </c>
      <c r="K11791" s="2" t="s">
        <v>36265</v>
      </c>
      <c r="L11791" s="5" t="s">
        <v>36264</v>
      </c>
      <c r="M11791" s="2" t="s">
        <v>36265</v>
      </c>
      <c r="N11791" s="5" t="s">
        <v>36266</v>
      </c>
      <c r="O11791" s="5" t="s">
        <v>38</v>
      </c>
      <c r="P11791" s="5" t="s">
        <v>39</v>
      </c>
      <c r="Q11791" s="5" t="s">
        <v>40</v>
      </c>
      <c r="R11791" s="5" t="s">
        <v>1522</v>
      </c>
      <c r="S11791" s="5" t="s">
        <v>1523</v>
      </c>
      <c r="T11791" s="5" t="s">
        <v>42</v>
      </c>
      <c r="U11791" s="2">
        <v>0.97399999999999998</v>
      </c>
      <c r="V11791" s="2">
        <v>0.55500000000000005</v>
      </c>
      <c r="W11791" s="2">
        <v>0.01</v>
      </c>
      <c r="X11791" s="2">
        <v>76.900000000000006</v>
      </c>
      <c r="Y11791" s="2">
        <v>7.6</v>
      </c>
      <c r="Z11791" s="2">
        <v>16.7</v>
      </c>
      <c r="AA11791" s="5"/>
      <c r="AB11791" s="5" t="s">
        <v>43</v>
      </c>
      <c r="AC11791" s="5" t="s">
        <v>44</v>
      </c>
      <c r="AD11791" s="2"/>
      <c r="AE11791" s="1"/>
    </row>
    <row r="11792" spans="1:31" ht="14.45">
      <c r="A11792" s="11"/>
      <c r="B11792" s="20"/>
      <c r="C11792" s="2" t="s">
        <v>36270</v>
      </c>
      <c r="D11792" s="14" t="s">
        <v>36271</v>
      </c>
      <c r="E11792" s="2" t="s">
        <v>36272</v>
      </c>
      <c r="F11792" s="2" t="s">
        <v>36273</v>
      </c>
      <c r="G11792" s="8">
        <v>104</v>
      </c>
      <c r="H11792" s="5">
        <v>6</v>
      </c>
      <c r="I11792" s="5" t="s">
        <v>1518</v>
      </c>
      <c r="J11792" s="5" t="s">
        <v>36264</v>
      </c>
      <c r="K11792" s="2" t="s">
        <v>36265</v>
      </c>
      <c r="L11792" s="5" t="s">
        <v>36264</v>
      </c>
      <c r="M11792" s="2" t="s">
        <v>36265</v>
      </c>
      <c r="N11792" s="5" t="s">
        <v>36266</v>
      </c>
      <c r="O11792" s="5" t="s">
        <v>38</v>
      </c>
      <c r="P11792" s="5" t="s">
        <v>39</v>
      </c>
      <c r="Q11792" s="5" t="s">
        <v>40</v>
      </c>
      <c r="R11792" s="5" t="s">
        <v>1522</v>
      </c>
      <c r="S11792" s="5" t="s">
        <v>1523</v>
      </c>
      <c r="T11792" s="5" t="s">
        <v>42</v>
      </c>
      <c r="U11792" s="2">
        <v>0.96</v>
      </c>
      <c r="V11792" s="2">
        <v>0.54100000000000004</v>
      </c>
      <c r="W11792" s="2">
        <v>0.01</v>
      </c>
      <c r="X11792" s="2">
        <v>76.900000000000006</v>
      </c>
      <c r="Y11792" s="2">
        <v>7.6</v>
      </c>
      <c r="Z11792" s="2">
        <v>16.7</v>
      </c>
      <c r="AA11792" s="5"/>
      <c r="AB11792" s="5" t="s">
        <v>43</v>
      </c>
      <c r="AC11792" s="5" t="s">
        <v>44</v>
      </c>
      <c r="AD11792" s="2"/>
      <c r="AE11792" s="1"/>
    </row>
    <row r="11793" spans="1:31" ht="14.45">
      <c r="A11793" s="11"/>
      <c r="B11793" s="20"/>
      <c r="C11793" s="2" t="s">
        <v>36274</v>
      </c>
      <c r="D11793" s="14" t="s">
        <v>36275</v>
      </c>
      <c r="E11793" s="2" t="s">
        <v>36276</v>
      </c>
      <c r="F11793" s="2" t="s">
        <v>36277</v>
      </c>
      <c r="G11793" s="8">
        <v>104</v>
      </c>
      <c r="H11793" s="5">
        <v>6</v>
      </c>
      <c r="I11793" s="5" t="s">
        <v>1518</v>
      </c>
      <c r="J11793" s="5" t="s">
        <v>36264</v>
      </c>
      <c r="K11793" s="2" t="s">
        <v>36265</v>
      </c>
      <c r="L11793" s="5" t="s">
        <v>36264</v>
      </c>
      <c r="M11793" s="2" t="s">
        <v>36265</v>
      </c>
      <c r="N11793" s="5" t="s">
        <v>36266</v>
      </c>
      <c r="O11793" s="5" t="s">
        <v>38</v>
      </c>
      <c r="P11793" s="5" t="s">
        <v>39</v>
      </c>
      <c r="Q11793" s="5" t="s">
        <v>40</v>
      </c>
      <c r="R11793" s="5" t="s">
        <v>1522</v>
      </c>
      <c r="S11793" s="5" t="s">
        <v>1523</v>
      </c>
      <c r="T11793" s="5" t="s">
        <v>42</v>
      </c>
      <c r="U11793" s="2">
        <v>0.97399999999999998</v>
      </c>
      <c r="V11793" s="2">
        <v>0.55500000000000005</v>
      </c>
      <c r="W11793" s="2">
        <v>0.01</v>
      </c>
      <c r="X11793" s="2">
        <v>76.900000000000006</v>
      </c>
      <c r="Y11793" s="2">
        <v>7.6</v>
      </c>
      <c r="Z11793" s="2">
        <v>16.7</v>
      </c>
      <c r="AA11793" s="5"/>
      <c r="AB11793" s="5" t="s">
        <v>43</v>
      </c>
      <c r="AC11793" s="5" t="s">
        <v>44</v>
      </c>
      <c r="AD11793" s="2"/>
      <c r="AE11793" s="1"/>
    </row>
    <row r="11794" spans="1:31" ht="14.45">
      <c r="A11794" s="11"/>
      <c r="B11794" s="20"/>
      <c r="C11794" s="2" t="s">
        <v>36278</v>
      </c>
      <c r="D11794" s="14" t="s">
        <v>36279</v>
      </c>
      <c r="E11794" s="2" t="s">
        <v>36280</v>
      </c>
      <c r="F11794" s="2" t="s">
        <v>36281</v>
      </c>
      <c r="G11794" s="8">
        <v>119</v>
      </c>
      <c r="H11794" s="5">
        <v>6</v>
      </c>
      <c r="I11794" s="5" t="s">
        <v>1518</v>
      </c>
      <c r="J11794" s="5" t="s">
        <v>36264</v>
      </c>
      <c r="K11794" s="2" t="s">
        <v>36265</v>
      </c>
      <c r="L11794" s="5" t="s">
        <v>36264</v>
      </c>
      <c r="M11794" s="2" t="s">
        <v>36265</v>
      </c>
      <c r="N11794" s="5" t="s">
        <v>36266</v>
      </c>
      <c r="O11794" s="5" t="s">
        <v>38</v>
      </c>
      <c r="P11794" s="5" t="s">
        <v>39</v>
      </c>
      <c r="Q11794" s="5" t="s">
        <v>40</v>
      </c>
      <c r="R11794" s="5" t="s">
        <v>1522</v>
      </c>
      <c r="S11794" s="5" t="s">
        <v>1523</v>
      </c>
      <c r="T11794" s="5" t="s">
        <v>42</v>
      </c>
      <c r="U11794" s="2">
        <v>0.96</v>
      </c>
      <c r="V11794" s="2">
        <v>0.54100000000000004</v>
      </c>
      <c r="W11794" s="2">
        <v>0.01</v>
      </c>
      <c r="X11794" s="2">
        <v>76.900000000000006</v>
      </c>
      <c r="Y11794" s="2">
        <v>7.6</v>
      </c>
      <c r="Z11794" s="2">
        <v>16.7</v>
      </c>
      <c r="AA11794" s="5"/>
      <c r="AB11794" s="5" t="s">
        <v>43</v>
      </c>
      <c r="AC11794" s="5" t="s">
        <v>44</v>
      </c>
      <c r="AD11794" s="2"/>
      <c r="AE11794" s="1"/>
    </row>
    <row r="11795" spans="1:31" ht="14.45">
      <c r="A11795" s="11"/>
      <c r="B11795" s="20"/>
      <c r="C11795" s="2" t="s">
        <v>36282</v>
      </c>
      <c r="D11795" s="14" t="s">
        <v>36283</v>
      </c>
      <c r="E11795" s="2" t="s">
        <v>36284</v>
      </c>
      <c r="F11795" s="2" t="s">
        <v>36285</v>
      </c>
      <c r="G11795" s="8">
        <v>119</v>
      </c>
      <c r="H11795" s="5">
        <v>6</v>
      </c>
      <c r="I11795" s="5" t="s">
        <v>1518</v>
      </c>
      <c r="J11795" s="5" t="s">
        <v>36264</v>
      </c>
      <c r="K11795" s="2" t="s">
        <v>36265</v>
      </c>
      <c r="L11795" s="5" t="s">
        <v>36264</v>
      </c>
      <c r="M11795" s="2" t="s">
        <v>36265</v>
      </c>
      <c r="N11795" s="5" t="s">
        <v>36266</v>
      </c>
      <c r="O11795" s="5" t="s">
        <v>38</v>
      </c>
      <c r="P11795" s="5" t="s">
        <v>39</v>
      </c>
      <c r="Q11795" s="5" t="s">
        <v>40</v>
      </c>
      <c r="R11795" s="5" t="s">
        <v>1522</v>
      </c>
      <c r="S11795" s="5" t="s">
        <v>1523</v>
      </c>
      <c r="T11795" s="5" t="s">
        <v>42</v>
      </c>
      <c r="U11795" s="2">
        <v>0.97399999999999998</v>
      </c>
      <c r="V11795" s="2">
        <v>0.55500000000000005</v>
      </c>
      <c r="W11795" s="2">
        <v>0.01</v>
      </c>
      <c r="X11795" s="2">
        <v>76.900000000000006</v>
      </c>
      <c r="Y11795" s="2">
        <v>7.6</v>
      </c>
      <c r="Z11795" s="2">
        <v>16.7</v>
      </c>
      <c r="AA11795" s="5"/>
      <c r="AB11795" s="5" t="s">
        <v>43</v>
      </c>
      <c r="AC11795" s="5" t="s">
        <v>44</v>
      </c>
      <c r="AD11795" s="2"/>
      <c r="AE11795" s="1"/>
    </row>
    <row r="11796" spans="1:31" ht="14.45">
      <c r="A11796" s="11"/>
      <c r="B11796" s="20"/>
      <c r="C11796" s="2" t="s">
        <v>36286</v>
      </c>
      <c r="D11796" s="14" t="s">
        <v>36287</v>
      </c>
      <c r="E11796" s="2" t="s">
        <v>36288</v>
      </c>
      <c r="F11796" s="2" t="s">
        <v>36289</v>
      </c>
      <c r="G11796" s="8">
        <v>119</v>
      </c>
      <c r="H11796" s="5">
        <v>6</v>
      </c>
      <c r="I11796" s="5" t="s">
        <v>1518</v>
      </c>
      <c r="J11796" s="5" t="s">
        <v>36264</v>
      </c>
      <c r="K11796" s="2" t="s">
        <v>36265</v>
      </c>
      <c r="L11796" s="5" t="s">
        <v>36264</v>
      </c>
      <c r="M11796" s="2" t="s">
        <v>36265</v>
      </c>
      <c r="N11796" s="5" t="s">
        <v>36266</v>
      </c>
      <c r="O11796" s="5" t="s">
        <v>38</v>
      </c>
      <c r="P11796" s="5" t="s">
        <v>39</v>
      </c>
      <c r="Q11796" s="5" t="s">
        <v>40</v>
      </c>
      <c r="R11796" s="5" t="s">
        <v>1522</v>
      </c>
      <c r="S11796" s="5" t="s">
        <v>1523</v>
      </c>
      <c r="T11796" s="5" t="s">
        <v>42</v>
      </c>
      <c r="U11796" s="2">
        <v>0.96</v>
      </c>
      <c r="V11796" s="2">
        <v>0.54100000000000004</v>
      </c>
      <c r="W11796" s="2">
        <v>0.01</v>
      </c>
      <c r="X11796" s="2">
        <v>76.900000000000006</v>
      </c>
      <c r="Y11796" s="2">
        <v>7.6</v>
      </c>
      <c r="Z11796" s="2">
        <v>16.7</v>
      </c>
      <c r="AA11796" s="5"/>
      <c r="AB11796" s="5" t="s">
        <v>43</v>
      </c>
      <c r="AC11796" s="5" t="s">
        <v>44</v>
      </c>
      <c r="AD11796" s="2"/>
      <c r="AE11796" s="1"/>
    </row>
    <row r="11797" spans="1:31" ht="14.45">
      <c r="A11797" s="11"/>
      <c r="B11797" s="20"/>
      <c r="C11797" s="2" t="s">
        <v>36290</v>
      </c>
      <c r="D11797" s="14" t="s">
        <v>36291</v>
      </c>
      <c r="E11797" s="2" t="s">
        <v>36292</v>
      </c>
      <c r="F11797" s="2" t="s">
        <v>36293</v>
      </c>
      <c r="G11797" s="8">
        <v>119</v>
      </c>
      <c r="H11797" s="5">
        <v>6</v>
      </c>
      <c r="I11797" s="5" t="s">
        <v>1518</v>
      </c>
      <c r="J11797" s="5" t="s">
        <v>36264</v>
      </c>
      <c r="K11797" s="2" t="s">
        <v>36265</v>
      </c>
      <c r="L11797" s="5" t="s">
        <v>36264</v>
      </c>
      <c r="M11797" s="2" t="s">
        <v>36265</v>
      </c>
      <c r="N11797" s="5" t="s">
        <v>36266</v>
      </c>
      <c r="O11797" s="5" t="s">
        <v>38</v>
      </c>
      <c r="P11797" s="5" t="s">
        <v>39</v>
      </c>
      <c r="Q11797" s="5" t="s">
        <v>40</v>
      </c>
      <c r="R11797" s="5" t="s">
        <v>1522</v>
      </c>
      <c r="S11797" s="5" t="s">
        <v>1523</v>
      </c>
      <c r="T11797" s="5" t="s">
        <v>42</v>
      </c>
      <c r="U11797" s="2">
        <v>0.97399999999999998</v>
      </c>
      <c r="V11797" s="2">
        <v>0.55500000000000005</v>
      </c>
      <c r="W11797" s="2">
        <v>0.01</v>
      </c>
      <c r="X11797" s="2">
        <v>76.900000000000006</v>
      </c>
      <c r="Y11797" s="2">
        <v>7.6</v>
      </c>
      <c r="Z11797" s="2">
        <v>16.7</v>
      </c>
      <c r="AA11797" s="5"/>
      <c r="AB11797" s="5" t="s">
        <v>43</v>
      </c>
      <c r="AC11797" s="5" t="s">
        <v>44</v>
      </c>
      <c r="AD11797" s="2"/>
      <c r="AE11797" s="1"/>
    </row>
    <row r="11798" spans="1:31" ht="14.45">
      <c r="A11798" s="11"/>
      <c r="B11798" s="20"/>
      <c r="C11798" s="2" t="s">
        <v>36294</v>
      </c>
      <c r="D11798" s="14" t="s">
        <v>36295</v>
      </c>
      <c r="E11798" s="2" t="s">
        <v>36296</v>
      </c>
      <c r="F11798" s="2" t="s">
        <v>36297</v>
      </c>
      <c r="G11798" s="8">
        <v>104</v>
      </c>
      <c r="H11798" s="5">
        <v>6</v>
      </c>
      <c r="I11798" s="5" t="s">
        <v>1518</v>
      </c>
      <c r="J11798" s="5" t="s">
        <v>36264</v>
      </c>
      <c r="K11798" s="2" t="s">
        <v>36265</v>
      </c>
      <c r="L11798" s="5" t="s">
        <v>36264</v>
      </c>
      <c r="M11798" s="2" t="s">
        <v>36265</v>
      </c>
      <c r="N11798" s="5" t="s">
        <v>36266</v>
      </c>
      <c r="O11798" s="5" t="s">
        <v>38</v>
      </c>
      <c r="P11798" s="5" t="s">
        <v>39</v>
      </c>
      <c r="Q11798" s="5" t="s">
        <v>40</v>
      </c>
      <c r="R11798" s="5" t="s">
        <v>1522</v>
      </c>
      <c r="S11798" s="5" t="s">
        <v>1523</v>
      </c>
      <c r="T11798" s="5" t="s">
        <v>42</v>
      </c>
      <c r="U11798" s="2">
        <v>0.96</v>
      </c>
      <c r="V11798" s="2">
        <v>0.54100000000000004</v>
      </c>
      <c r="W11798" s="2">
        <v>0.01</v>
      </c>
      <c r="X11798" s="2">
        <v>76.900000000000006</v>
      </c>
      <c r="Y11798" s="2">
        <v>7.6</v>
      </c>
      <c r="Z11798" s="2">
        <v>16.7</v>
      </c>
      <c r="AA11798" s="5"/>
      <c r="AB11798" s="5" t="s">
        <v>43</v>
      </c>
      <c r="AC11798" s="5" t="s">
        <v>44</v>
      </c>
      <c r="AD11798" s="2"/>
      <c r="AE11798" s="1"/>
    </row>
    <row r="11799" spans="1:31" ht="14.45">
      <c r="A11799" s="11"/>
      <c r="B11799" s="20"/>
      <c r="C11799" s="2" t="s">
        <v>36298</v>
      </c>
      <c r="D11799" s="14" t="s">
        <v>36299</v>
      </c>
      <c r="E11799" s="2" t="s">
        <v>36300</v>
      </c>
      <c r="F11799" s="2" t="s">
        <v>36301</v>
      </c>
      <c r="G11799" s="8">
        <v>104</v>
      </c>
      <c r="H11799" s="5">
        <v>6</v>
      </c>
      <c r="I11799" s="5" t="s">
        <v>1518</v>
      </c>
      <c r="J11799" s="5" t="s">
        <v>36264</v>
      </c>
      <c r="K11799" s="2" t="s">
        <v>36265</v>
      </c>
      <c r="L11799" s="5" t="s">
        <v>36264</v>
      </c>
      <c r="M11799" s="2" t="s">
        <v>36265</v>
      </c>
      <c r="N11799" s="5" t="s">
        <v>36266</v>
      </c>
      <c r="O11799" s="5" t="s">
        <v>38</v>
      </c>
      <c r="P11799" s="5" t="s">
        <v>39</v>
      </c>
      <c r="Q11799" s="5" t="s">
        <v>40</v>
      </c>
      <c r="R11799" s="5" t="s">
        <v>1522</v>
      </c>
      <c r="S11799" s="5" t="s">
        <v>1523</v>
      </c>
      <c r="T11799" s="5" t="s">
        <v>42</v>
      </c>
      <c r="U11799" s="2">
        <v>0.97399999999999998</v>
      </c>
      <c r="V11799" s="2">
        <v>0.55500000000000005</v>
      </c>
      <c r="W11799" s="2">
        <v>0.01</v>
      </c>
      <c r="X11799" s="2">
        <v>76.900000000000006</v>
      </c>
      <c r="Y11799" s="2">
        <v>7.6</v>
      </c>
      <c r="Z11799" s="2">
        <v>16.7</v>
      </c>
      <c r="AA11799" s="5"/>
      <c r="AB11799" s="5" t="s">
        <v>43</v>
      </c>
      <c r="AC11799" s="5" t="s">
        <v>44</v>
      </c>
      <c r="AD11799" s="2"/>
      <c r="AE11799" s="1"/>
    </row>
    <row r="11800" spans="1:31" ht="14.45">
      <c r="A11800" s="11"/>
      <c r="B11800" s="20"/>
      <c r="C11800" s="2" t="s">
        <v>36302</v>
      </c>
      <c r="D11800" s="14" t="s">
        <v>36303</v>
      </c>
      <c r="E11800" s="2" t="s">
        <v>36304</v>
      </c>
      <c r="F11800" s="2" t="s">
        <v>36305</v>
      </c>
      <c r="G11800" s="8">
        <v>104</v>
      </c>
      <c r="H11800" s="5">
        <v>6</v>
      </c>
      <c r="I11800" s="5" t="s">
        <v>1518</v>
      </c>
      <c r="J11800" s="5" t="s">
        <v>36264</v>
      </c>
      <c r="K11800" s="2" t="s">
        <v>36265</v>
      </c>
      <c r="L11800" s="5" t="s">
        <v>36264</v>
      </c>
      <c r="M11800" s="2" t="s">
        <v>36265</v>
      </c>
      <c r="N11800" s="5" t="s">
        <v>36266</v>
      </c>
      <c r="O11800" s="5" t="s">
        <v>38</v>
      </c>
      <c r="P11800" s="5" t="s">
        <v>39</v>
      </c>
      <c r="Q11800" s="5" t="s">
        <v>40</v>
      </c>
      <c r="R11800" s="5" t="s">
        <v>1522</v>
      </c>
      <c r="S11800" s="5" t="s">
        <v>1523</v>
      </c>
      <c r="T11800" s="5" t="s">
        <v>42</v>
      </c>
      <c r="U11800" s="2">
        <v>0.96</v>
      </c>
      <c r="V11800" s="2">
        <v>0.54100000000000004</v>
      </c>
      <c r="W11800" s="2">
        <v>0.01</v>
      </c>
      <c r="X11800" s="2">
        <v>76.900000000000006</v>
      </c>
      <c r="Y11800" s="2">
        <v>7.6</v>
      </c>
      <c r="Z11800" s="2">
        <v>16.7</v>
      </c>
      <c r="AA11800" s="5"/>
      <c r="AB11800" s="5" t="s">
        <v>43</v>
      </c>
      <c r="AC11800" s="5" t="s">
        <v>44</v>
      </c>
      <c r="AD11800" s="2"/>
      <c r="AE11800" s="1"/>
    </row>
    <row r="11801" spans="1:31" ht="14.45">
      <c r="A11801" s="11"/>
      <c r="B11801" s="20"/>
      <c r="C11801" s="2" t="s">
        <v>36306</v>
      </c>
      <c r="D11801" s="14" t="s">
        <v>36307</v>
      </c>
      <c r="E11801" s="2" t="s">
        <v>36308</v>
      </c>
      <c r="F11801" s="2" t="s">
        <v>36309</v>
      </c>
      <c r="G11801" s="8">
        <v>104</v>
      </c>
      <c r="H11801" s="5">
        <v>6</v>
      </c>
      <c r="I11801" s="5" t="s">
        <v>1518</v>
      </c>
      <c r="J11801" s="5" t="s">
        <v>36264</v>
      </c>
      <c r="K11801" s="2" t="s">
        <v>36265</v>
      </c>
      <c r="L11801" s="5" t="s">
        <v>36264</v>
      </c>
      <c r="M11801" s="2" t="s">
        <v>36265</v>
      </c>
      <c r="N11801" s="5" t="s">
        <v>36266</v>
      </c>
      <c r="O11801" s="5" t="s">
        <v>38</v>
      </c>
      <c r="P11801" s="5" t="s">
        <v>39</v>
      </c>
      <c r="Q11801" s="5" t="s">
        <v>40</v>
      </c>
      <c r="R11801" s="5" t="s">
        <v>1522</v>
      </c>
      <c r="S11801" s="5" t="s">
        <v>1523</v>
      </c>
      <c r="T11801" s="5" t="s">
        <v>42</v>
      </c>
      <c r="U11801" s="2">
        <v>0.97399999999999998</v>
      </c>
      <c r="V11801" s="2">
        <v>0.55500000000000005</v>
      </c>
      <c r="W11801" s="2">
        <v>0.01</v>
      </c>
      <c r="X11801" s="2">
        <v>76.900000000000006</v>
      </c>
      <c r="Y11801" s="2">
        <v>7.6</v>
      </c>
      <c r="Z11801" s="2">
        <v>16.7</v>
      </c>
      <c r="AA11801" s="5"/>
      <c r="AB11801" s="5" t="s">
        <v>43</v>
      </c>
      <c r="AC11801" s="5" t="s">
        <v>44</v>
      </c>
      <c r="AD11801" s="2"/>
      <c r="AE11801" s="1"/>
    </row>
    <row r="11802" spans="1:31" ht="14.45">
      <c r="A11802" s="11"/>
      <c r="B11802" s="20"/>
      <c r="C11802" s="2" t="s">
        <v>36310</v>
      </c>
      <c r="D11802" s="14" t="s">
        <v>36311</v>
      </c>
      <c r="E11802" s="2" t="s">
        <v>36312</v>
      </c>
      <c r="F11802" s="2" t="s">
        <v>36313</v>
      </c>
      <c r="G11802" s="8">
        <v>119</v>
      </c>
      <c r="H11802" s="5">
        <v>6</v>
      </c>
      <c r="I11802" s="5" t="s">
        <v>1518</v>
      </c>
      <c r="J11802" s="5" t="s">
        <v>36264</v>
      </c>
      <c r="K11802" s="2" t="s">
        <v>36265</v>
      </c>
      <c r="L11802" s="5" t="s">
        <v>36264</v>
      </c>
      <c r="M11802" s="2" t="s">
        <v>36265</v>
      </c>
      <c r="N11802" s="5" t="s">
        <v>36266</v>
      </c>
      <c r="O11802" s="5" t="s">
        <v>38</v>
      </c>
      <c r="P11802" s="5" t="s">
        <v>39</v>
      </c>
      <c r="Q11802" s="5" t="s">
        <v>40</v>
      </c>
      <c r="R11802" s="5" t="s">
        <v>1522</v>
      </c>
      <c r="S11802" s="5" t="s">
        <v>1523</v>
      </c>
      <c r="T11802" s="5" t="s">
        <v>42</v>
      </c>
      <c r="U11802" s="2">
        <v>0.96</v>
      </c>
      <c r="V11802" s="2">
        <v>0.54100000000000004</v>
      </c>
      <c r="W11802" s="2">
        <v>0.01</v>
      </c>
      <c r="X11802" s="2">
        <v>76.900000000000006</v>
      </c>
      <c r="Y11802" s="2">
        <v>7.6</v>
      </c>
      <c r="Z11802" s="2">
        <v>16.7</v>
      </c>
      <c r="AA11802" s="5"/>
      <c r="AB11802" s="5" t="s">
        <v>43</v>
      </c>
      <c r="AC11802" s="5" t="s">
        <v>44</v>
      </c>
      <c r="AD11802" s="2"/>
      <c r="AE11802" s="1"/>
    </row>
    <row r="11803" spans="1:31" ht="14.45">
      <c r="A11803" s="11"/>
      <c r="B11803" s="20"/>
      <c r="C11803" s="2" t="s">
        <v>36314</v>
      </c>
      <c r="D11803" s="14" t="s">
        <v>36315</v>
      </c>
      <c r="E11803" s="2" t="s">
        <v>36316</v>
      </c>
      <c r="F11803" s="2" t="s">
        <v>36317</v>
      </c>
      <c r="G11803" s="8">
        <v>119</v>
      </c>
      <c r="H11803" s="5">
        <v>6</v>
      </c>
      <c r="I11803" s="5" t="s">
        <v>1518</v>
      </c>
      <c r="J11803" s="5" t="s">
        <v>36264</v>
      </c>
      <c r="K11803" s="2" t="s">
        <v>36265</v>
      </c>
      <c r="L11803" s="5" t="s">
        <v>36264</v>
      </c>
      <c r="M11803" s="2" t="s">
        <v>36265</v>
      </c>
      <c r="N11803" s="5" t="s">
        <v>36266</v>
      </c>
      <c r="O11803" s="5" t="s">
        <v>38</v>
      </c>
      <c r="P11803" s="5" t="s">
        <v>39</v>
      </c>
      <c r="Q11803" s="5" t="s">
        <v>40</v>
      </c>
      <c r="R11803" s="5" t="s">
        <v>1522</v>
      </c>
      <c r="S11803" s="5" t="s">
        <v>1523</v>
      </c>
      <c r="T11803" s="5" t="s">
        <v>42</v>
      </c>
      <c r="U11803" s="2">
        <v>0.97399999999999998</v>
      </c>
      <c r="V11803" s="2">
        <v>0.55500000000000005</v>
      </c>
      <c r="W11803" s="2">
        <v>0.01</v>
      </c>
      <c r="X11803" s="2">
        <v>76.900000000000006</v>
      </c>
      <c r="Y11803" s="2">
        <v>7.6</v>
      </c>
      <c r="Z11803" s="2">
        <v>16.7</v>
      </c>
      <c r="AA11803" s="5"/>
      <c r="AB11803" s="5" t="s">
        <v>43</v>
      </c>
      <c r="AC11803" s="5" t="s">
        <v>44</v>
      </c>
      <c r="AD11803" s="2"/>
      <c r="AE11803" s="1"/>
    </row>
    <row r="11804" spans="1:31" ht="14.45">
      <c r="A11804" s="11"/>
      <c r="B11804" s="20"/>
      <c r="C11804" s="2" t="s">
        <v>36318</v>
      </c>
      <c r="D11804" s="14" t="s">
        <v>36319</v>
      </c>
      <c r="E11804" s="2" t="s">
        <v>36320</v>
      </c>
      <c r="F11804" s="2" t="s">
        <v>36321</v>
      </c>
      <c r="G11804" s="8">
        <v>119</v>
      </c>
      <c r="H11804" s="5">
        <v>6</v>
      </c>
      <c r="I11804" s="5" t="s">
        <v>1518</v>
      </c>
      <c r="J11804" s="5" t="s">
        <v>36264</v>
      </c>
      <c r="K11804" s="2" t="s">
        <v>36265</v>
      </c>
      <c r="L11804" s="5" t="s">
        <v>36264</v>
      </c>
      <c r="M11804" s="2" t="s">
        <v>36265</v>
      </c>
      <c r="N11804" s="5" t="s">
        <v>36266</v>
      </c>
      <c r="O11804" s="5" t="s">
        <v>38</v>
      </c>
      <c r="P11804" s="5" t="s">
        <v>39</v>
      </c>
      <c r="Q11804" s="5" t="s">
        <v>40</v>
      </c>
      <c r="R11804" s="5" t="s">
        <v>1522</v>
      </c>
      <c r="S11804" s="5" t="s">
        <v>1523</v>
      </c>
      <c r="T11804" s="5" t="s">
        <v>42</v>
      </c>
      <c r="U11804" s="2">
        <v>0.96</v>
      </c>
      <c r="V11804" s="2">
        <v>0.54100000000000004</v>
      </c>
      <c r="W11804" s="2">
        <v>0.01</v>
      </c>
      <c r="X11804" s="2">
        <v>76.900000000000006</v>
      </c>
      <c r="Y11804" s="2">
        <v>7.6</v>
      </c>
      <c r="Z11804" s="2">
        <v>16.7</v>
      </c>
      <c r="AA11804" s="5"/>
      <c r="AB11804" s="5" t="s">
        <v>43</v>
      </c>
      <c r="AC11804" s="5" t="s">
        <v>44</v>
      </c>
      <c r="AD11804" s="2"/>
      <c r="AE11804" s="1"/>
    </row>
    <row r="11805" spans="1:31" ht="14.45">
      <c r="A11805" s="11"/>
      <c r="B11805" s="20"/>
      <c r="C11805" s="2" t="s">
        <v>36322</v>
      </c>
      <c r="D11805" s="14" t="s">
        <v>36323</v>
      </c>
      <c r="E11805" s="2" t="s">
        <v>36324</v>
      </c>
      <c r="F11805" s="2" t="s">
        <v>36325</v>
      </c>
      <c r="G11805" s="8">
        <v>119</v>
      </c>
      <c r="H11805" s="5">
        <v>6</v>
      </c>
      <c r="I11805" s="5" t="s">
        <v>1518</v>
      </c>
      <c r="J11805" s="5" t="s">
        <v>36264</v>
      </c>
      <c r="K11805" s="2" t="s">
        <v>36265</v>
      </c>
      <c r="L11805" s="5" t="s">
        <v>36264</v>
      </c>
      <c r="M11805" s="2" t="s">
        <v>36265</v>
      </c>
      <c r="N11805" s="5" t="s">
        <v>36266</v>
      </c>
      <c r="O11805" s="5" t="s">
        <v>38</v>
      </c>
      <c r="P11805" s="5" t="s">
        <v>39</v>
      </c>
      <c r="Q11805" s="5" t="s">
        <v>40</v>
      </c>
      <c r="R11805" s="5" t="s">
        <v>1522</v>
      </c>
      <c r="S11805" s="5" t="s">
        <v>1523</v>
      </c>
      <c r="T11805" s="5" t="s">
        <v>42</v>
      </c>
      <c r="U11805" s="2">
        <v>0.97399999999999998</v>
      </c>
      <c r="V11805" s="2">
        <v>0.55500000000000005</v>
      </c>
      <c r="W11805" s="2">
        <v>0.01</v>
      </c>
      <c r="X11805" s="2">
        <v>76.900000000000006</v>
      </c>
      <c r="Y11805" s="2">
        <v>7.6</v>
      </c>
      <c r="Z11805" s="2">
        <v>16.7</v>
      </c>
      <c r="AA11805" s="5"/>
      <c r="AB11805" s="5" t="s">
        <v>43</v>
      </c>
      <c r="AC11805" s="5" t="s">
        <v>44</v>
      </c>
      <c r="AD11805" s="2"/>
      <c r="AE11805" s="1"/>
    </row>
    <row r="11806" spans="1:31" ht="14.45">
      <c r="A11806" s="11"/>
      <c r="B11806" s="20"/>
      <c r="C11806" s="2" t="s">
        <v>36326</v>
      </c>
      <c r="D11806" s="14" t="s">
        <v>36327</v>
      </c>
      <c r="E11806" s="2" t="s">
        <v>36328</v>
      </c>
      <c r="F11806" s="2" t="s">
        <v>36329</v>
      </c>
      <c r="G11806" s="8">
        <v>119</v>
      </c>
      <c r="H11806" s="5">
        <v>6</v>
      </c>
      <c r="I11806" s="5" t="s">
        <v>1518</v>
      </c>
      <c r="J11806" s="5" t="s">
        <v>36264</v>
      </c>
      <c r="K11806" s="2" t="s">
        <v>36265</v>
      </c>
      <c r="L11806" s="5" t="s">
        <v>36264</v>
      </c>
      <c r="M11806" s="2" t="s">
        <v>36265</v>
      </c>
      <c r="N11806" s="5" t="s">
        <v>36266</v>
      </c>
      <c r="O11806" s="5" t="s">
        <v>38</v>
      </c>
      <c r="P11806" s="5" t="s">
        <v>39</v>
      </c>
      <c r="Q11806" s="5" t="s">
        <v>40</v>
      </c>
      <c r="R11806" s="5" t="s">
        <v>1522</v>
      </c>
      <c r="S11806" s="5" t="s">
        <v>1523</v>
      </c>
      <c r="T11806" s="5" t="s">
        <v>42</v>
      </c>
      <c r="U11806" s="2">
        <v>0.96</v>
      </c>
      <c r="V11806" s="2">
        <v>0.54100000000000004</v>
      </c>
      <c r="W11806" s="2">
        <v>0.01</v>
      </c>
      <c r="X11806" s="2">
        <v>76.900000000000006</v>
      </c>
      <c r="Y11806" s="2">
        <v>7.6</v>
      </c>
      <c r="Z11806" s="2">
        <v>16.7</v>
      </c>
      <c r="AA11806" s="5"/>
      <c r="AB11806" s="5" t="s">
        <v>43</v>
      </c>
      <c r="AC11806" s="5" t="s">
        <v>44</v>
      </c>
      <c r="AD11806" s="2"/>
      <c r="AE11806" s="1"/>
    </row>
    <row r="11807" spans="1:31" ht="14.45">
      <c r="A11807" s="11"/>
      <c r="B11807" s="20"/>
      <c r="C11807" s="2" t="s">
        <v>36330</v>
      </c>
      <c r="D11807" s="14" t="s">
        <v>36331</v>
      </c>
      <c r="E11807" s="2" t="s">
        <v>36332</v>
      </c>
      <c r="F11807" s="2" t="s">
        <v>36333</v>
      </c>
      <c r="G11807" s="8">
        <v>119</v>
      </c>
      <c r="H11807" s="5">
        <v>6</v>
      </c>
      <c r="I11807" s="5" t="s">
        <v>1518</v>
      </c>
      <c r="J11807" s="5" t="s">
        <v>36264</v>
      </c>
      <c r="K11807" s="2" t="s">
        <v>36265</v>
      </c>
      <c r="L11807" s="5" t="s">
        <v>36264</v>
      </c>
      <c r="M11807" s="2" t="s">
        <v>36265</v>
      </c>
      <c r="N11807" s="5" t="s">
        <v>36266</v>
      </c>
      <c r="O11807" s="5" t="s">
        <v>38</v>
      </c>
      <c r="P11807" s="5" t="s">
        <v>39</v>
      </c>
      <c r="Q11807" s="5" t="s">
        <v>40</v>
      </c>
      <c r="R11807" s="5" t="s">
        <v>1522</v>
      </c>
      <c r="S11807" s="5" t="s">
        <v>1523</v>
      </c>
      <c r="T11807" s="5" t="s">
        <v>42</v>
      </c>
      <c r="U11807" s="2">
        <v>0.97399999999999998</v>
      </c>
      <c r="V11807" s="2">
        <v>0.55500000000000005</v>
      </c>
      <c r="W11807" s="2">
        <v>0.01</v>
      </c>
      <c r="X11807" s="2">
        <v>76.900000000000006</v>
      </c>
      <c r="Y11807" s="2">
        <v>7.6</v>
      </c>
      <c r="Z11807" s="2">
        <v>16.7</v>
      </c>
      <c r="AA11807" s="5"/>
      <c r="AB11807" s="5" t="s">
        <v>43</v>
      </c>
      <c r="AC11807" s="5" t="s">
        <v>44</v>
      </c>
      <c r="AD11807" s="2"/>
      <c r="AE11807" s="1"/>
    </row>
    <row r="11808" spans="1:31" ht="14.45">
      <c r="A11808" s="11"/>
      <c r="B11808" s="20"/>
      <c r="C11808" s="2" t="s">
        <v>36334</v>
      </c>
      <c r="D11808" s="14" t="s">
        <v>36335</v>
      </c>
      <c r="E11808" s="2" t="s">
        <v>36336</v>
      </c>
      <c r="F11808" s="2" t="s">
        <v>36337</v>
      </c>
      <c r="G11808" s="8">
        <v>119</v>
      </c>
      <c r="H11808" s="5">
        <v>6</v>
      </c>
      <c r="I11808" s="5" t="s">
        <v>1518</v>
      </c>
      <c r="J11808" s="5" t="s">
        <v>36264</v>
      </c>
      <c r="K11808" s="2" t="s">
        <v>36265</v>
      </c>
      <c r="L11808" s="5" t="s">
        <v>36264</v>
      </c>
      <c r="M11808" s="2" t="s">
        <v>36265</v>
      </c>
      <c r="N11808" s="5" t="s">
        <v>36266</v>
      </c>
      <c r="O11808" s="5" t="s">
        <v>38</v>
      </c>
      <c r="P11808" s="5" t="s">
        <v>39</v>
      </c>
      <c r="Q11808" s="5" t="s">
        <v>40</v>
      </c>
      <c r="R11808" s="5" t="s">
        <v>1522</v>
      </c>
      <c r="S11808" s="5" t="s">
        <v>1523</v>
      </c>
      <c r="T11808" s="5" t="s">
        <v>42</v>
      </c>
      <c r="U11808" s="2">
        <v>0.96</v>
      </c>
      <c r="V11808" s="2">
        <v>0.54100000000000004</v>
      </c>
      <c r="W11808" s="2">
        <v>0.01</v>
      </c>
      <c r="X11808" s="2">
        <v>76.900000000000006</v>
      </c>
      <c r="Y11808" s="2">
        <v>7.6</v>
      </c>
      <c r="Z11808" s="2">
        <v>16.7</v>
      </c>
      <c r="AA11808" s="5"/>
      <c r="AB11808" s="5" t="s">
        <v>43</v>
      </c>
      <c r="AC11808" s="5" t="s">
        <v>44</v>
      </c>
      <c r="AD11808" s="2"/>
      <c r="AE11808" s="1"/>
    </row>
    <row r="11809" spans="1:31" ht="14.45">
      <c r="A11809" s="11"/>
      <c r="B11809" s="20"/>
      <c r="C11809" s="2" t="s">
        <v>36338</v>
      </c>
      <c r="D11809" s="14" t="s">
        <v>36339</v>
      </c>
      <c r="E11809" s="2" t="s">
        <v>36340</v>
      </c>
      <c r="F11809" s="2" t="s">
        <v>36341</v>
      </c>
      <c r="G11809" s="8">
        <v>119</v>
      </c>
      <c r="H11809" s="5">
        <v>6</v>
      </c>
      <c r="I11809" s="5" t="s">
        <v>1518</v>
      </c>
      <c r="J11809" s="5" t="s">
        <v>36264</v>
      </c>
      <c r="K11809" s="2" t="s">
        <v>36265</v>
      </c>
      <c r="L11809" s="5" t="s">
        <v>36264</v>
      </c>
      <c r="M11809" s="2" t="s">
        <v>36265</v>
      </c>
      <c r="N11809" s="5" t="s">
        <v>36266</v>
      </c>
      <c r="O11809" s="5" t="s">
        <v>38</v>
      </c>
      <c r="P11809" s="5" t="s">
        <v>39</v>
      </c>
      <c r="Q11809" s="5" t="s">
        <v>40</v>
      </c>
      <c r="R11809" s="5" t="s">
        <v>1522</v>
      </c>
      <c r="S11809" s="5" t="s">
        <v>1523</v>
      </c>
      <c r="T11809" s="5" t="s">
        <v>42</v>
      </c>
      <c r="U11809" s="2">
        <v>0.97399999999999998</v>
      </c>
      <c r="V11809" s="2">
        <v>0.55500000000000005</v>
      </c>
      <c r="W11809" s="2">
        <v>0.01</v>
      </c>
      <c r="X11809" s="2">
        <v>76.900000000000006</v>
      </c>
      <c r="Y11809" s="2">
        <v>7.6</v>
      </c>
      <c r="Z11809" s="2">
        <v>16.7</v>
      </c>
      <c r="AA11809" s="5"/>
      <c r="AB11809" s="5" t="s">
        <v>43</v>
      </c>
      <c r="AC11809" s="5" t="s">
        <v>44</v>
      </c>
      <c r="AD11809" s="2"/>
      <c r="AE11809" s="1"/>
    </row>
    <row r="11810" spans="1:31" ht="14.45">
      <c r="A11810" s="11"/>
      <c r="B11810" s="20"/>
      <c r="C11810" s="2" t="s">
        <v>36342</v>
      </c>
      <c r="D11810" s="14" t="s">
        <v>36343</v>
      </c>
      <c r="E11810" s="2" t="s">
        <v>36344</v>
      </c>
      <c r="F11810" s="2" t="s">
        <v>36345</v>
      </c>
      <c r="G11810" s="8">
        <v>119</v>
      </c>
      <c r="H11810" s="5">
        <v>6</v>
      </c>
      <c r="I11810" s="5" t="s">
        <v>1518</v>
      </c>
      <c r="J11810" s="5" t="s">
        <v>36264</v>
      </c>
      <c r="K11810" s="2" t="s">
        <v>36265</v>
      </c>
      <c r="L11810" s="5" t="s">
        <v>36264</v>
      </c>
      <c r="M11810" s="2" t="s">
        <v>36265</v>
      </c>
      <c r="N11810" s="5" t="s">
        <v>36266</v>
      </c>
      <c r="O11810" s="5" t="s">
        <v>38</v>
      </c>
      <c r="P11810" s="5" t="s">
        <v>39</v>
      </c>
      <c r="Q11810" s="5" t="s">
        <v>40</v>
      </c>
      <c r="R11810" s="5" t="s">
        <v>1522</v>
      </c>
      <c r="S11810" s="5" t="s">
        <v>1523</v>
      </c>
      <c r="T11810" s="5" t="s">
        <v>42</v>
      </c>
      <c r="U11810" s="2">
        <v>0.96</v>
      </c>
      <c r="V11810" s="2">
        <v>0.54100000000000004</v>
      </c>
      <c r="W11810" s="2">
        <v>0.01</v>
      </c>
      <c r="X11810" s="2">
        <v>76.900000000000006</v>
      </c>
      <c r="Y11810" s="2">
        <v>7.6</v>
      </c>
      <c r="Z11810" s="2">
        <v>16.7</v>
      </c>
      <c r="AA11810" s="5"/>
      <c r="AB11810" s="5" t="s">
        <v>43</v>
      </c>
      <c r="AC11810" s="5" t="s">
        <v>44</v>
      </c>
      <c r="AD11810" s="2"/>
      <c r="AE11810" s="1"/>
    </row>
    <row r="11811" spans="1:31" ht="14.45">
      <c r="A11811" s="11"/>
      <c r="B11811" s="20"/>
      <c r="C11811" s="2" t="s">
        <v>36346</v>
      </c>
      <c r="D11811" s="14" t="s">
        <v>36347</v>
      </c>
      <c r="E11811" s="2" t="s">
        <v>36348</v>
      </c>
      <c r="F11811" s="2" t="s">
        <v>36349</v>
      </c>
      <c r="G11811" s="8">
        <v>119</v>
      </c>
      <c r="H11811" s="5">
        <v>6</v>
      </c>
      <c r="I11811" s="5" t="s">
        <v>1518</v>
      </c>
      <c r="J11811" s="5" t="s">
        <v>36264</v>
      </c>
      <c r="K11811" s="2" t="s">
        <v>36265</v>
      </c>
      <c r="L11811" s="5" t="s">
        <v>36264</v>
      </c>
      <c r="M11811" s="2" t="s">
        <v>36265</v>
      </c>
      <c r="N11811" s="5" t="s">
        <v>36266</v>
      </c>
      <c r="O11811" s="5" t="s">
        <v>38</v>
      </c>
      <c r="P11811" s="5" t="s">
        <v>39</v>
      </c>
      <c r="Q11811" s="5" t="s">
        <v>40</v>
      </c>
      <c r="R11811" s="5" t="s">
        <v>1522</v>
      </c>
      <c r="S11811" s="5" t="s">
        <v>1523</v>
      </c>
      <c r="T11811" s="5" t="s">
        <v>42</v>
      </c>
      <c r="U11811" s="2">
        <v>0.97399999999999998</v>
      </c>
      <c r="V11811" s="2">
        <v>0.55500000000000005</v>
      </c>
      <c r="W11811" s="2">
        <v>0.01</v>
      </c>
      <c r="X11811" s="2">
        <v>76.900000000000006</v>
      </c>
      <c r="Y11811" s="2">
        <v>7.6</v>
      </c>
      <c r="Z11811" s="2">
        <v>16.7</v>
      </c>
      <c r="AA11811" s="5"/>
      <c r="AB11811" s="5" t="s">
        <v>43</v>
      </c>
      <c r="AC11811" s="5" t="s">
        <v>44</v>
      </c>
      <c r="AD11811" s="2"/>
      <c r="AE11811" s="1"/>
    </row>
    <row r="11812" spans="1:31" ht="14.45">
      <c r="A11812" s="11"/>
      <c r="B11812" s="20"/>
      <c r="C11812" s="2" t="s">
        <v>36350</v>
      </c>
      <c r="D11812" s="14" t="s">
        <v>36351</v>
      </c>
      <c r="E11812" s="2" t="s">
        <v>36352</v>
      </c>
      <c r="F11812" s="2" t="s">
        <v>36353</v>
      </c>
      <c r="G11812" s="8">
        <v>119</v>
      </c>
      <c r="H11812" s="5">
        <v>6</v>
      </c>
      <c r="I11812" s="5" t="s">
        <v>1518</v>
      </c>
      <c r="J11812" s="5" t="s">
        <v>36264</v>
      </c>
      <c r="K11812" s="2" t="s">
        <v>36265</v>
      </c>
      <c r="L11812" s="5" t="s">
        <v>36264</v>
      </c>
      <c r="M11812" s="2" t="s">
        <v>36265</v>
      </c>
      <c r="N11812" s="5" t="s">
        <v>36266</v>
      </c>
      <c r="O11812" s="5" t="s">
        <v>38</v>
      </c>
      <c r="P11812" s="5" t="s">
        <v>39</v>
      </c>
      <c r="Q11812" s="5" t="s">
        <v>40</v>
      </c>
      <c r="R11812" s="5" t="s">
        <v>1522</v>
      </c>
      <c r="S11812" s="5" t="s">
        <v>1523</v>
      </c>
      <c r="T11812" s="5" t="s">
        <v>42</v>
      </c>
      <c r="U11812" s="2">
        <v>0.96</v>
      </c>
      <c r="V11812" s="2">
        <v>0.54100000000000004</v>
      </c>
      <c r="W11812" s="2">
        <v>0.01</v>
      </c>
      <c r="X11812" s="2">
        <v>76.900000000000006</v>
      </c>
      <c r="Y11812" s="2">
        <v>7.6</v>
      </c>
      <c r="Z11812" s="2">
        <v>16.7</v>
      </c>
      <c r="AA11812" s="5"/>
      <c r="AB11812" s="5" t="s">
        <v>43</v>
      </c>
      <c r="AC11812" s="5" t="s">
        <v>44</v>
      </c>
      <c r="AD11812" s="2"/>
      <c r="AE11812" s="1"/>
    </row>
    <row r="11813" spans="1:31" ht="14.45">
      <c r="A11813" s="11"/>
      <c r="B11813" s="20"/>
      <c r="C11813" s="2" t="s">
        <v>36354</v>
      </c>
      <c r="D11813" s="14" t="s">
        <v>36355</v>
      </c>
      <c r="E11813" s="2" t="s">
        <v>36356</v>
      </c>
      <c r="F11813" s="2" t="s">
        <v>36357</v>
      </c>
      <c r="G11813" s="8">
        <v>119</v>
      </c>
      <c r="H11813" s="5">
        <v>6</v>
      </c>
      <c r="I11813" s="5" t="s">
        <v>1518</v>
      </c>
      <c r="J11813" s="5" t="s">
        <v>36264</v>
      </c>
      <c r="K11813" s="2" t="s">
        <v>36265</v>
      </c>
      <c r="L11813" s="5" t="s">
        <v>36264</v>
      </c>
      <c r="M11813" s="2" t="s">
        <v>36265</v>
      </c>
      <c r="N11813" s="5" t="s">
        <v>36266</v>
      </c>
      <c r="O11813" s="5" t="s">
        <v>38</v>
      </c>
      <c r="P11813" s="5" t="s">
        <v>39</v>
      </c>
      <c r="Q11813" s="5" t="s">
        <v>40</v>
      </c>
      <c r="R11813" s="5" t="s">
        <v>1522</v>
      </c>
      <c r="S11813" s="5" t="s">
        <v>1523</v>
      </c>
      <c r="T11813" s="5" t="s">
        <v>42</v>
      </c>
      <c r="U11813" s="2">
        <v>0.97399999999999998</v>
      </c>
      <c r="V11813" s="2">
        <v>0.55500000000000005</v>
      </c>
      <c r="W11813" s="2">
        <v>0.01</v>
      </c>
      <c r="X11813" s="2">
        <v>76.900000000000006</v>
      </c>
      <c r="Y11813" s="2">
        <v>7.6</v>
      </c>
      <c r="Z11813" s="2">
        <v>16.7</v>
      </c>
      <c r="AA11813" s="5"/>
      <c r="AB11813" s="5" t="s">
        <v>43</v>
      </c>
      <c r="AC11813" s="5" t="s">
        <v>44</v>
      </c>
      <c r="AD11813" s="2"/>
      <c r="AE11813" s="1"/>
    </row>
    <row r="11814" spans="1:31" ht="14.45">
      <c r="A11814" s="11"/>
      <c r="B11814" s="20"/>
      <c r="C11814" s="2" t="s">
        <v>36358</v>
      </c>
      <c r="D11814" s="14" t="s">
        <v>36359</v>
      </c>
      <c r="E11814" s="2" t="s">
        <v>36360</v>
      </c>
      <c r="F11814" s="2" t="s">
        <v>36361</v>
      </c>
      <c r="G11814" s="8">
        <v>119</v>
      </c>
      <c r="H11814" s="5">
        <v>6</v>
      </c>
      <c r="I11814" s="5" t="s">
        <v>1518</v>
      </c>
      <c r="J11814" s="5" t="s">
        <v>36264</v>
      </c>
      <c r="K11814" s="2" t="s">
        <v>36265</v>
      </c>
      <c r="L11814" s="5" t="s">
        <v>36264</v>
      </c>
      <c r="M11814" s="2" t="s">
        <v>36265</v>
      </c>
      <c r="N11814" s="5" t="s">
        <v>36266</v>
      </c>
      <c r="O11814" s="5" t="s">
        <v>38</v>
      </c>
      <c r="P11814" s="5" t="s">
        <v>39</v>
      </c>
      <c r="Q11814" s="5" t="s">
        <v>40</v>
      </c>
      <c r="R11814" s="5" t="s">
        <v>1522</v>
      </c>
      <c r="S11814" s="5" t="s">
        <v>1523</v>
      </c>
      <c r="T11814" s="5" t="s">
        <v>42</v>
      </c>
      <c r="U11814" s="2">
        <v>0.96</v>
      </c>
      <c r="V11814" s="2">
        <v>0.54100000000000004</v>
      </c>
      <c r="W11814" s="2">
        <v>0.01</v>
      </c>
      <c r="X11814" s="2">
        <v>76.900000000000006</v>
      </c>
      <c r="Y11814" s="2">
        <v>7.6</v>
      </c>
      <c r="Z11814" s="2">
        <v>16.7</v>
      </c>
      <c r="AA11814" s="5"/>
      <c r="AB11814" s="5" t="s">
        <v>43</v>
      </c>
      <c r="AC11814" s="5" t="s">
        <v>44</v>
      </c>
      <c r="AD11814" s="2"/>
      <c r="AE11814" s="1"/>
    </row>
    <row r="11815" spans="1:31" ht="14.45">
      <c r="A11815" s="11"/>
      <c r="B11815" s="20"/>
      <c r="C11815" s="2" t="s">
        <v>36362</v>
      </c>
      <c r="D11815" s="14" t="s">
        <v>36363</v>
      </c>
      <c r="E11815" s="2" t="s">
        <v>36364</v>
      </c>
      <c r="F11815" s="2" t="s">
        <v>36365</v>
      </c>
      <c r="G11815" s="8">
        <v>119</v>
      </c>
      <c r="H11815" s="5">
        <v>6</v>
      </c>
      <c r="I11815" s="5" t="s">
        <v>1518</v>
      </c>
      <c r="J11815" s="5" t="s">
        <v>36264</v>
      </c>
      <c r="K11815" s="2" t="s">
        <v>36265</v>
      </c>
      <c r="L11815" s="5" t="s">
        <v>36264</v>
      </c>
      <c r="M11815" s="2" t="s">
        <v>36265</v>
      </c>
      <c r="N11815" s="5" t="s">
        <v>36266</v>
      </c>
      <c r="O11815" s="5" t="s">
        <v>38</v>
      </c>
      <c r="P11815" s="5" t="s">
        <v>39</v>
      </c>
      <c r="Q11815" s="5" t="s">
        <v>40</v>
      </c>
      <c r="R11815" s="5" t="s">
        <v>1522</v>
      </c>
      <c r="S11815" s="5" t="s">
        <v>1523</v>
      </c>
      <c r="T11815" s="5" t="s">
        <v>42</v>
      </c>
      <c r="U11815" s="2">
        <v>0.97399999999999998</v>
      </c>
      <c r="V11815" s="2">
        <v>0.55500000000000005</v>
      </c>
      <c r="W11815" s="2">
        <v>0.01</v>
      </c>
      <c r="X11815" s="2">
        <v>76.900000000000006</v>
      </c>
      <c r="Y11815" s="2">
        <v>7.6</v>
      </c>
      <c r="Z11815" s="2">
        <v>16.7</v>
      </c>
      <c r="AA11815" s="5"/>
      <c r="AB11815" s="5" t="s">
        <v>43</v>
      </c>
      <c r="AC11815" s="5" t="s">
        <v>44</v>
      </c>
      <c r="AD11815" s="2"/>
      <c r="AE11815" s="1"/>
    </row>
    <row r="11816" spans="1:31" ht="14.45">
      <c r="A11816" s="11"/>
      <c r="B11816" s="20"/>
      <c r="C11816" s="2" t="s">
        <v>36366</v>
      </c>
      <c r="D11816" s="14" t="s">
        <v>36367</v>
      </c>
      <c r="E11816" s="2" t="s">
        <v>36368</v>
      </c>
      <c r="F11816" s="2" t="s">
        <v>36369</v>
      </c>
      <c r="G11816" s="8">
        <v>119</v>
      </c>
      <c r="H11816" s="5">
        <v>6</v>
      </c>
      <c r="I11816" s="5" t="s">
        <v>1518</v>
      </c>
      <c r="J11816" s="5" t="s">
        <v>36264</v>
      </c>
      <c r="K11816" s="2" t="s">
        <v>36265</v>
      </c>
      <c r="L11816" s="5" t="s">
        <v>36264</v>
      </c>
      <c r="M11816" s="2" t="s">
        <v>36265</v>
      </c>
      <c r="N11816" s="5" t="s">
        <v>36266</v>
      </c>
      <c r="O11816" s="5" t="s">
        <v>38</v>
      </c>
      <c r="P11816" s="5" t="s">
        <v>39</v>
      </c>
      <c r="Q11816" s="5" t="s">
        <v>40</v>
      </c>
      <c r="R11816" s="5" t="s">
        <v>1522</v>
      </c>
      <c r="S11816" s="5" t="s">
        <v>1523</v>
      </c>
      <c r="T11816" s="5" t="s">
        <v>42</v>
      </c>
      <c r="U11816" s="2">
        <v>0.96</v>
      </c>
      <c r="V11816" s="2">
        <v>0.54100000000000004</v>
      </c>
      <c r="W11816" s="2">
        <v>0.01</v>
      </c>
      <c r="X11816" s="2">
        <v>76.900000000000006</v>
      </c>
      <c r="Y11816" s="2">
        <v>7.6</v>
      </c>
      <c r="Z11816" s="2">
        <v>16.7</v>
      </c>
      <c r="AA11816" s="5"/>
      <c r="AB11816" s="5" t="s">
        <v>43</v>
      </c>
      <c r="AC11816" s="5" t="s">
        <v>44</v>
      </c>
      <c r="AD11816" s="2"/>
      <c r="AE11816" s="1"/>
    </row>
    <row r="11817" spans="1:31" ht="14.45">
      <c r="A11817" s="11"/>
      <c r="B11817" s="20"/>
      <c r="C11817" s="2" t="s">
        <v>36370</v>
      </c>
      <c r="D11817" s="14" t="s">
        <v>36371</v>
      </c>
      <c r="E11817" s="2" t="s">
        <v>36372</v>
      </c>
      <c r="F11817" s="2" t="s">
        <v>36373</v>
      </c>
      <c r="G11817" s="8">
        <v>119</v>
      </c>
      <c r="H11817" s="5">
        <v>6</v>
      </c>
      <c r="I11817" s="5" t="s">
        <v>1518</v>
      </c>
      <c r="J11817" s="5" t="s">
        <v>36264</v>
      </c>
      <c r="K11817" s="2" t="s">
        <v>36265</v>
      </c>
      <c r="L11817" s="5" t="s">
        <v>36264</v>
      </c>
      <c r="M11817" s="2" t="s">
        <v>36265</v>
      </c>
      <c r="N11817" s="5" t="s">
        <v>36266</v>
      </c>
      <c r="O11817" s="5" t="s">
        <v>38</v>
      </c>
      <c r="P11817" s="5" t="s">
        <v>39</v>
      </c>
      <c r="Q11817" s="5" t="s">
        <v>40</v>
      </c>
      <c r="R11817" s="5" t="s">
        <v>1522</v>
      </c>
      <c r="S11817" s="5" t="s">
        <v>1523</v>
      </c>
      <c r="T11817" s="5" t="s">
        <v>42</v>
      </c>
      <c r="U11817" s="2">
        <v>0.97399999999999998</v>
      </c>
      <c r="V11817" s="2">
        <v>0.55500000000000005</v>
      </c>
      <c r="W11817" s="2">
        <v>0.01</v>
      </c>
      <c r="X11817" s="2">
        <v>76.900000000000006</v>
      </c>
      <c r="Y11817" s="2">
        <v>7.6</v>
      </c>
      <c r="Z11817" s="2">
        <v>16.7</v>
      </c>
      <c r="AA11817" s="5"/>
      <c r="AB11817" s="5" t="s">
        <v>43</v>
      </c>
      <c r="AC11817" s="5" t="s">
        <v>44</v>
      </c>
      <c r="AD11817" s="2"/>
      <c r="AE11817" s="1"/>
    </row>
    <row r="11818" spans="1:31" ht="14.45">
      <c r="A11818" s="11"/>
      <c r="B11818" s="20"/>
      <c r="C11818" s="2" t="s">
        <v>36374</v>
      </c>
      <c r="D11818" s="14" t="s">
        <v>36375</v>
      </c>
      <c r="E11818" s="2" t="s">
        <v>36376</v>
      </c>
      <c r="F11818" s="2" t="s">
        <v>36377</v>
      </c>
      <c r="G11818" s="8">
        <v>119</v>
      </c>
      <c r="H11818" s="5">
        <v>6</v>
      </c>
      <c r="I11818" s="5" t="s">
        <v>1518</v>
      </c>
      <c r="J11818" s="5" t="s">
        <v>36264</v>
      </c>
      <c r="K11818" s="2" t="s">
        <v>36265</v>
      </c>
      <c r="L11818" s="5" t="s">
        <v>36264</v>
      </c>
      <c r="M11818" s="2" t="s">
        <v>36265</v>
      </c>
      <c r="N11818" s="5" t="s">
        <v>36266</v>
      </c>
      <c r="O11818" s="5" t="s">
        <v>38</v>
      </c>
      <c r="P11818" s="5" t="s">
        <v>39</v>
      </c>
      <c r="Q11818" s="5" t="s">
        <v>40</v>
      </c>
      <c r="R11818" s="5" t="s">
        <v>1522</v>
      </c>
      <c r="S11818" s="5" t="s">
        <v>1523</v>
      </c>
      <c r="T11818" s="5" t="s">
        <v>42</v>
      </c>
      <c r="U11818" s="2">
        <v>0.96</v>
      </c>
      <c r="V11818" s="2">
        <v>0.54100000000000004</v>
      </c>
      <c r="W11818" s="2">
        <v>0.01</v>
      </c>
      <c r="X11818" s="2">
        <v>76.900000000000006</v>
      </c>
      <c r="Y11818" s="2">
        <v>7.6</v>
      </c>
      <c r="Z11818" s="2">
        <v>16.7</v>
      </c>
      <c r="AA11818" s="5"/>
      <c r="AB11818" s="5" t="s">
        <v>43</v>
      </c>
      <c r="AC11818" s="5" t="s">
        <v>44</v>
      </c>
      <c r="AD11818" s="2"/>
      <c r="AE11818" s="1"/>
    </row>
    <row r="11819" spans="1:31" ht="14.45">
      <c r="A11819" s="11"/>
      <c r="B11819" s="20"/>
      <c r="C11819" s="2" t="s">
        <v>36378</v>
      </c>
      <c r="D11819" s="14" t="s">
        <v>36379</v>
      </c>
      <c r="E11819" s="2" t="s">
        <v>36380</v>
      </c>
      <c r="F11819" s="2" t="s">
        <v>36381</v>
      </c>
      <c r="G11819" s="8">
        <v>119</v>
      </c>
      <c r="H11819" s="5">
        <v>6</v>
      </c>
      <c r="I11819" s="5" t="s">
        <v>1518</v>
      </c>
      <c r="J11819" s="5" t="s">
        <v>36264</v>
      </c>
      <c r="K11819" s="2" t="s">
        <v>36265</v>
      </c>
      <c r="L11819" s="5" t="s">
        <v>36264</v>
      </c>
      <c r="M11819" s="2" t="s">
        <v>36265</v>
      </c>
      <c r="N11819" s="5" t="s">
        <v>36266</v>
      </c>
      <c r="O11819" s="5" t="s">
        <v>38</v>
      </c>
      <c r="P11819" s="5" t="s">
        <v>39</v>
      </c>
      <c r="Q11819" s="5" t="s">
        <v>40</v>
      </c>
      <c r="R11819" s="5" t="s">
        <v>1522</v>
      </c>
      <c r="S11819" s="5" t="s">
        <v>1523</v>
      </c>
      <c r="T11819" s="5" t="s">
        <v>42</v>
      </c>
      <c r="U11819" s="2">
        <v>0.97399999999999998</v>
      </c>
      <c r="V11819" s="2">
        <v>0.55500000000000005</v>
      </c>
      <c r="W11819" s="2">
        <v>0.01</v>
      </c>
      <c r="X11819" s="2">
        <v>76.900000000000006</v>
      </c>
      <c r="Y11819" s="2">
        <v>7.6</v>
      </c>
      <c r="Z11819" s="2">
        <v>16.7</v>
      </c>
      <c r="AA11819" s="5"/>
      <c r="AB11819" s="5" t="s">
        <v>43</v>
      </c>
      <c r="AC11819" s="5" t="s">
        <v>44</v>
      </c>
      <c r="AD11819" s="2"/>
      <c r="AE11819" s="1"/>
    </row>
    <row r="11820" spans="1:31" ht="14.45">
      <c r="A11820" s="11"/>
      <c r="B11820" s="20"/>
      <c r="C11820" s="2" t="s">
        <v>36382</v>
      </c>
      <c r="D11820" s="14" t="s">
        <v>36383</v>
      </c>
      <c r="E11820" s="2" t="s">
        <v>36384</v>
      </c>
      <c r="F11820" s="2" t="s">
        <v>36385</v>
      </c>
      <c r="G11820" s="8">
        <v>119</v>
      </c>
      <c r="H11820" s="5">
        <v>6</v>
      </c>
      <c r="I11820" s="5" t="s">
        <v>1518</v>
      </c>
      <c r="J11820" s="5" t="s">
        <v>36264</v>
      </c>
      <c r="K11820" s="2" t="s">
        <v>36265</v>
      </c>
      <c r="L11820" s="5" t="s">
        <v>36264</v>
      </c>
      <c r="M11820" s="2" t="s">
        <v>36265</v>
      </c>
      <c r="N11820" s="5" t="s">
        <v>36266</v>
      </c>
      <c r="O11820" s="5" t="s">
        <v>38</v>
      </c>
      <c r="P11820" s="5" t="s">
        <v>39</v>
      </c>
      <c r="Q11820" s="5" t="s">
        <v>40</v>
      </c>
      <c r="R11820" s="5" t="s">
        <v>1522</v>
      </c>
      <c r="S11820" s="5" t="s">
        <v>1523</v>
      </c>
      <c r="T11820" s="5" t="s">
        <v>42</v>
      </c>
      <c r="U11820" s="2">
        <v>0.96</v>
      </c>
      <c r="V11820" s="2">
        <v>0.54100000000000004</v>
      </c>
      <c r="W11820" s="2">
        <v>0.01</v>
      </c>
      <c r="X11820" s="2">
        <v>76.900000000000006</v>
      </c>
      <c r="Y11820" s="2">
        <v>7.6</v>
      </c>
      <c r="Z11820" s="2">
        <v>16.7</v>
      </c>
      <c r="AA11820" s="5"/>
      <c r="AB11820" s="5" t="s">
        <v>43</v>
      </c>
      <c r="AC11820" s="5" t="s">
        <v>44</v>
      </c>
      <c r="AD11820" s="2"/>
      <c r="AE11820" s="1"/>
    </row>
    <row r="11821" spans="1:31" ht="14.45">
      <c r="A11821" s="11"/>
      <c r="B11821" s="20"/>
      <c r="C11821" s="2" t="s">
        <v>36386</v>
      </c>
      <c r="D11821" s="14" t="s">
        <v>36387</v>
      </c>
      <c r="E11821" s="2" t="s">
        <v>36388</v>
      </c>
      <c r="F11821" s="2" t="s">
        <v>36389</v>
      </c>
      <c r="G11821" s="8">
        <v>119</v>
      </c>
      <c r="H11821" s="5">
        <v>6</v>
      </c>
      <c r="I11821" s="5" t="s">
        <v>1518</v>
      </c>
      <c r="J11821" s="5" t="s">
        <v>36264</v>
      </c>
      <c r="K11821" s="2" t="s">
        <v>36265</v>
      </c>
      <c r="L11821" s="5" t="s">
        <v>36264</v>
      </c>
      <c r="M11821" s="2" t="s">
        <v>36265</v>
      </c>
      <c r="N11821" s="5" t="s">
        <v>36266</v>
      </c>
      <c r="O11821" s="5" t="s">
        <v>38</v>
      </c>
      <c r="P11821" s="5" t="s">
        <v>39</v>
      </c>
      <c r="Q11821" s="5" t="s">
        <v>40</v>
      </c>
      <c r="R11821" s="5" t="s">
        <v>1522</v>
      </c>
      <c r="S11821" s="5" t="s">
        <v>1523</v>
      </c>
      <c r="T11821" s="5" t="s">
        <v>42</v>
      </c>
      <c r="U11821" s="2">
        <v>0.97399999999999998</v>
      </c>
      <c r="V11821" s="2">
        <v>0.55500000000000005</v>
      </c>
      <c r="W11821" s="2">
        <v>0.01</v>
      </c>
      <c r="X11821" s="2">
        <v>76.900000000000006</v>
      </c>
      <c r="Y11821" s="2">
        <v>7.6</v>
      </c>
      <c r="Z11821" s="2">
        <v>16.7</v>
      </c>
      <c r="AA11821" s="5"/>
      <c r="AB11821" s="5" t="s">
        <v>43</v>
      </c>
      <c r="AC11821" s="5" t="s">
        <v>44</v>
      </c>
      <c r="AD11821" s="2"/>
      <c r="AE11821" s="1"/>
    </row>
    <row r="11822" spans="1:31" ht="14.45">
      <c r="A11822" s="11"/>
      <c r="B11822" s="20"/>
      <c r="C11822" s="2" t="s">
        <v>36390</v>
      </c>
      <c r="D11822" s="14" t="s">
        <v>36391</v>
      </c>
      <c r="E11822" s="2" t="s">
        <v>36392</v>
      </c>
      <c r="F11822" s="2" t="s">
        <v>7204</v>
      </c>
      <c r="G11822" s="8">
        <v>119</v>
      </c>
      <c r="H11822" s="5">
        <v>6</v>
      </c>
      <c r="I11822" s="5" t="s">
        <v>1518</v>
      </c>
      <c r="J11822" s="5" t="s">
        <v>36264</v>
      </c>
      <c r="K11822" s="2" t="s">
        <v>36265</v>
      </c>
      <c r="L11822" s="5" t="s">
        <v>36264</v>
      </c>
      <c r="M11822" s="2" t="s">
        <v>36265</v>
      </c>
      <c r="N11822" s="5" t="s">
        <v>36266</v>
      </c>
      <c r="O11822" s="5" t="s">
        <v>38</v>
      </c>
      <c r="P11822" s="5" t="s">
        <v>39</v>
      </c>
      <c r="Q11822" s="5" t="s">
        <v>40</v>
      </c>
      <c r="R11822" s="5" t="s">
        <v>1522</v>
      </c>
      <c r="S11822" s="5" t="s">
        <v>1523</v>
      </c>
      <c r="T11822" s="5" t="s">
        <v>42</v>
      </c>
      <c r="U11822" s="2">
        <v>1.0720000000000001</v>
      </c>
      <c r="V11822" s="2">
        <v>0.627</v>
      </c>
      <c r="W11822" s="2">
        <v>1.0999999999999999E-2</v>
      </c>
      <c r="X11822" s="2">
        <v>82.9</v>
      </c>
      <c r="Y11822" s="2">
        <v>7.6</v>
      </c>
      <c r="Z11822" s="2">
        <v>16.7</v>
      </c>
      <c r="AA11822" s="5"/>
      <c r="AB11822" s="5" t="s">
        <v>43</v>
      </c>
      <c r="AC11822" s="5" t="s">
        <v>44</v>
      </c>
      <c r="AD11822" s="2"/>
      <c r="AE11822" s="1"/>
    </row>
    <row r="11823" spans="1:31" ht="14.45">
      <c r="A11823" s="11"/>
      <c r="B11823" s="20"/>
      <c r="C11823" s="2" t="s">
        <v>36393</v>
      </c>
      <c r="D11823" s="14" t="s">
        <v>36394</v>
      </c>
      <c r="E11823" s="2" t="s">
        <v>36395</v>
      </c>
      <c r="F11823" s="2" t="s">
        <v>7514</v>
      </c>
      <c r="G11823" s="8">
        <v>119</v>
      </c>
      <c r="H11823" s="5">
        <v>6</v>
      </c>
      <c r="I11823" s="5" t="s">
        <v>1518</v>
      </c>
      <c r="J11823" s="5" t="s">
        <v>36264</v>
      </c>
      <c r="K11823" s="2" t="s">
        <v>36265</v>
      </c>
      <c r="L11823" s="5" t="s">
        <v>36264</v>
      </c>
      <c r="M11823" s="2" t="s">
        <v>36265</v>
      </c>
      <c r="N11823" s="5" t="s">
        <v>36266</v>
      </c>
      <c r="O11823" s="5" t="s">
        <v>38</v>
      </c>
      <c r="P11823" s="5" t="s">
        <v>39</v>
      </c>
      <c r="Q11823" s="5" t="s">
        <v>40</v>
      </c>
      <c r="R11823" s="5" t="s">
        <v>1522</v>
      </c>
      <c r="S11823" s="5" t="s">
        <v>1523</v>
      </c>
      <c r="T11823" s="5" t="s">
        <v>42</v>
      </c>
      <c r="U11823" s="2">
        <v>1.0860000000000001</v>
      </c>
      <c r="V11823" s="2">
        <v>0.64100000000000001</v>
      </c>
      <c r="W11823" s="2">
        <v>1.0999999999999999E-2</v>
      </c>
      <c r="X11823" s="2">
        <v>82.9</v>
      </c>
      <c r="Y11823" s="2">
        <v>7.6</v>
      </c>
      <c r="Z11823" s="2">
        <v>16.7</v>
      </c>
      <c r="AA11823" s="5"/>
      <c r="AB11823" s="5" t="s">
        <v>43</v>
      </c>
      <c r="AC11823" s="5" t="s">
        <v>44</v>
      </c>
      <c r="AD11823" s="2"/>
      <c r="AE11823" s="1"/>
    </row>
    <row r="11824" spans="1:31" ht="14.45">
      <c r="A11824" s="11"/>
      <c r="B11824" s="20"/>
      <c r="C11824" s="2" t="s">
        <v>36396</v>
      </c>
      <c r="D11824" s="14" t="s">
        <v>36397</v>
      </c>
      <c r="E11824" s="2" t="s">
        <v>36398</v>
      </c>
      <c r="F11824" s="2" t="s">
        <v>36273</v>
      </c>
      <c r="G11824" s="8">
        <v>119</v>
      </c>
      <c r="H11824" s="5">
        <v>6</v>
      </c>
      <c r="I11824" s="5" t="s">
        <v>1518</v>
      </c>
      <c r="J11824" s="5" t="s">
        <v>36264</v>
      </c>
      <c r="K11824" s="2" t="s">
        <v>36265</v>
      </c>
      <c r="L11824" s="5" t="s">
        <v>36264</v>
      </c>
      <c r="M11824" s="2" t="s">
        <v>36265</v>
      </c>
      <c r="N11824" s="5" t="s">
        <v>36266</v>
      </c>
      <c r="O11824" s="5" t="s">
        <v>38</v>
      </c>
      <c r="P11824" s="5" t="s">
        <v>39</v>
      </c>
      <c r="Q11824" s="5" t="s">
        <v>40</v>
      </c>
      <c r="R11824" s="5" t="s">
        <v>1522</v>
      </c>
      <c r="S11824" s="5" t="s">
        <v>1523</v>
      </c>
      <c r="T11824" s="5" t="s">
        <v>42</v>
      </c>
      <c r="U11824" s="2">
        <v>1.0720000000000001</v>
      </c>
      <c r="V11824" s="2">
        <v>0.627</v>
      </c>
      <c r="W11824" s="2">
        <v>1.0999999999999999E-2</v>
      </c>
      <c r="X11824" s="2">
        <v>82.9</v>
      </c>
      <c r="Y11824" s="2">
        <v>7.6</v>
      </c>
      <c r="Z11824" s="2">
        <v>16.7</v>
      </c>
      <c r="AA11824" s="5"/>
      <c r="AB11824" s="5" t="s">
        <v>43</v>
      </c>
      <c r="AC11824" s="5" t="s">
        <v>44</v>
      </c>
      <c r="AD11824" s="2"/>
      <c r="AE11824" s="1"/>
    </row>
    <row r="11825" spans="1:31" ht="14.45">
      <c r="A11825" s="11"/>
      <c r="B11825" s="20"/>
      <c r="C11825" s="2" t="s">
        <v>36399</v>
      </c>
      <c r="D11825" s="14" t="s">
        <v>36400</v>
      </c>
      <c r="E11825" s="2" t="s">
        <v>36401</v>
      </c>
      <c r="F11825" s="2" t="s">
        <v>36277</v>
      </c>
      <c r="G11825" s="8">
        <v>119</v>
      </c>
      <c r="H11825" s="5">
        <v>6</v>
      </c>
      <c r="I11825" s="5" t="s">
        <v>1518</v>
      </c>
      <c r="J11825" s="5" t="s">
        <v>36264</v>
      </c>
      <c r="K11825" s="2" t="s">
        <v>36265</v>
      </c>
      <c r="L11825" s="5" t="s">
        <v>36264</v>
      </c>
      <c r="M11825" s="2" t="s">
        <v>36265</v>
      </c>
      <c r="N11825" s="5" t="s">
        <v>36266</v>
      </c>
      <c r="O11825" s="5" t="s">
        <v>38</v>
      </c>
      <c r="P11825" s="5" t="s">
        <v>39</v>
      </c>
      <c r="Q11825" s="5" t="s">
        <v>40</v>
      </c>
      <c r="R11825" s="5" t="s">
        <v>1522</v>
      </c>
      <c r="S11825" s="5" t="s">
        <v>1523</v>
      </c>
      <c r="T11825" s="5" t="s">
        <v>42</v>
      </c>
      <c r="U11825" s="2">
        <v>1.0860000000000001</v>
      </c>
      <c r="V11825" s="2">
        <v>0.64100000000000001</v>
      </c>
      <c r="W11825" s="2">
        <v>1.0999999999999999E-2</v>
      </c>
      <c r="X11825" s="2">
        <v>82.9</v>
      </c>
      <c r="Y11825" s="2">
        <v>7.6</v>
      </c>
      <c r="Z11825" s="2">
        <v>16.7</v>
      </c>
      <c r="AA11825" s="5"/>
      <c r="AB11825" s="5" t="s">
        <v>43</v>
      </c>
      <c r="AC11825" s="5" t="s">
        <v>44</v>
      </c>
      <c r="AD11825" s="2"/>
      <c r="AE11825" s="1"/>
    </row>
    <row r="11826" spans="1:31" ht="14.45">
      <c r="A11826" s="11"/>
      <c r="B11826" s="20"/>
      <c r="C11826" s="2" t="s">
        <v>36402</v>
      </c>
      <c r="D11826" s="14" t="s">
        <v>36403</v>
      </c>
      <c r="E11826" s="2" t="s">
        <v>36404</v>
      </c>
      <c r="F11826" s="2" t="s">
        <v>36281</v>
      </c>
      <c r="G11826" s="8">
        <v>136</v>
      </c>
      <c r="H11826" s="5">
        <v>6</v>
      </c>
      <c r="I11826" s="5" t="s">
        <v>1518</v>
      </c>
      <c r="J11826" s="5" t="s">
        <v>36264</v>
      </c>
      <c r="K11826" s="2" t="s">
        <v>36265</v>
      </c>
      <c r="L11826" s="5" t="s">
        <v>36264</v>
      </c>
      <c r="M11826" s="2" t="s">
        <v>36265</v>
      </c>
      <c r="N11826" s="5" t="s">
        <v>36266</v>
      </c>
      <c r="O11826" s="5" t="s">
        <v>38</v>
      </c>
      <c r="P11826" s="5" t="s">
        <v>39</v>
      </c>
      <c r="Q11826" s="5" t="s">
        <v>40</v>
      </c>
      <c r="R11826" s="5" t="s">
        <v>1522</v>
      </c>
      <c r="S11826" s="5" t="s">
        <v>1523</v>
      </c>
      <c r="T11826" s="5" t="s">
        <v>42</v>
      </c>
      <c r="U11826" s="2">
        <v>1.0720000000000001</v>
      </c>
      <c r="V11826" s="2">
        <v>0.627</v>
      </c>
      <c r="W11826" s="2">
        <v>1.0999999999999999E-2</v>
      </c>
      <c r="X11826" s="2">
        <v>82.9</v>
      </c>
      <c r="Y11826" s="2">
        <v>7.6</v>
      </c>
      <c r="Z11826" s="2">
        <v>16.7</v>
      </c>
      <c r="AA11826" s="5"/>
      <c r="AB11826" s="5" t="s">
        <v>43</v>
      </c>
      <c r="AC11826" s="5" t="s">
        <v>44</v>
      </c>
      <c r="AD11826" s="2"/>
      <c r="AE11826" s="1"/>
    </row>
    <row r="11827" spans="1:31" ht="14.45">
      <c r="A11827" s="11"/>
      <c r="B11827" s="20"/>
      <c r="C11827" s="2" t="s">
        <v>36405</v>
      </c>
      <c r="D11827" s="14" t="s">
        <v>36406</v>
      </c>
      <c r="E11827" s="2" t="s">
        <v>36407</v>
      </c>
      <c r="F11827" s="2" t="s">
        <v>36285</v>
      </c>
      <c r="G11827" s="8">
        <v>136</v>
      </c>
      <c r="H11827" s="5">
        <v>6</v>
      </c>
      <c r="I11827" s="5" t="s">
        <v>1518</v>
      </c>
      <c r="J11827" s="5" t="s">
        <v>36264</v>
      </c>
      <c r="K11827" s="2" t="s">
        <v>36265</v>
      </c>
      <c r="L11827" s="5" t="s">
        <v>36264</v>
      </c>
      <c r="M11827" s="2" t="s">
        <v>36265</v>
      </c>
      <c r="N11827" s="5" t="s">
        <v>36266</v>
      </c>
      <c r="O11827" s="5" t="s">
        <v>38</v>
      </c>
      <c r="P11827" s="5" t="s">
        <v>39</v>
      </c>
      <c r="Q11827" s="5" t="s">
        <v>40</v>
      </c>
      <c r="R11827" s="5" t="s">
        <v>1522</v>
      </c>
      <c r="S11827" s="5" t="s">
        <v>1523</v>
      </c>
      <c r="T11827" s="5" t="s">
        <v>42</v>
      </c>
      <c r="U11827" s="2">
        <v>1.0860000000000001</v>
      </c>
      <c r="V11827" s="2">
        <v>0.64100000000000001</v>
      </c>
      <c r="W11827" s="2">
        <v>1.0999999999999999E-2</v>
      </c>
      <c r="X11827" s="2">
        <v>82.9</v>
      </c>
      <c r="Y11827" s="2">
        <v>7.6</v>
      </c>
      <c r="Z11827" s="2">
        <v>16.7</v>
      </c>
      <c r="AA11827" s="5"/>
      <c r="AB11827" s="5" t="s">
        <v>43</v>
      </c>
      <c r="AC11827" s="5" t="s">
        <v>44</v>
      </c>
      <c r="AD11827" s="2"/>
      <c r="AE11827" s="1"/>
    </row>
    <row r="11828" spans="1:31" ht="14.45">
      <c r="A11828" s="11"/>
      <c r="B11828" s="20"/>
      <c r="C11828" s="2" t="s">
        <v>36408</v>
      </c>
      <c r="D11828" s="14" t="s">
        <v>36409</v>
      </c>
      <c r="E11828" s="2" t="s">
        <v>36410</v>
      </c>
      <c r="F11828" s="2" t="s">
        <v>36289</v>
      </c>
      <c r="G11828" s="8">
        <v>136</v>
      </c>
      <c r="H11828" s="5">
        <v>6</v>
      </c>
      <c r="I11828" s="5" t="s">
        <v>1518</v>
      </c>
      <c r="J11828" s="5" t="s">
        <v>36264</v>
      </c>
      <c r="K11828" s="2" t="s">
        <v>36265</v>
      </c>
      <c r="L11828" s="5" t="s">
        <v>36264</v>
      </c>
      <c r="M11828" s="2" t="s">
        <v>36265</v>
      </c>
      <c r="N11828" s="5" t="s">
        <v>36266</v>
      </c>
      <c r="O11828" s="5" t="s">
        <v>38</v>
      </c>
      <c r="P11828" s="5" t="s">
        <v>39</v>
      </c>
      <c r="Q11828" s="5" t="s">
        <v>40</v>
      </c>
      <c r="R11828" s="5" t="s">
        <v>1522</v>
      </c>
      <c r="S11828" s="5" t="s">
        <v>1523</v>
      </c>
      <c r="T11828" s="5" t="s">
        <v>42</v>
      </c>
      <c r="U11828" s="2">
        <v>1.0720000000000001</v>
      </c>
      <c r="V11828" s="2">
        <v>0.627</v>
      </c>
      <c r="W11828" s="2">
        <v>1.0999999999999999E-2</v>
      </c>
      <c r="X11828" s="2">
        <v>82.9</v>
      </c>
      <c r="Y11828" s="2">
        <v>7.6</v>
      </c>
      <c r="Z11828" s="2">
        <v>16.7</v>
      </c>
      <c r="AA11828" s="5"/>
      <c r="AB11828" s="5" t="s">
        <v>43</v>
      </c>
      <c r="AC11828" s="5" t="s">
        <v>44</v>
      </c>
      <c r="AD11828" s="2"/>
      <c r="AE11828" s="1"/>
    </row>
    <row r="11829" spans="1:31" ht="14.45">
      <c r="A11829" s="11"/>
      <c r="B11829" s="20"/>
      <c r="C11829" s="2" t="s">
        <v>36411</v>
      </c>
      <c r="D11829" s="14" t="s">
        <v>36412</v>
      </c>
      <c r="E11829" s="2" t="s">
        <v>36413</v>
      </c>
      <c r="F11829" s="2" t="s">
        <v>36293</v>
      </c>
      <c r="G11829" s="8">
        <v>136</v>
      </c>
      <c r="H11829" s="5">
        <v>6</v>
      </c>
      <c r="I11829" s="5" t="s">
        <v>1518</v>
      </c>
      <c r="J11829" s="5" t="s">
        <v>36264</v>
      </c>
      <c r="K11829" s="2" t="s">
        <v>36265</v>
      </c>
      <c r="L11829" s="5" t="s">
        <v>36264</v>
      </c>
      <c r="M11829" s="2" t="s">
        <v>36265</v>
      </c>
      <c r="N11829" s="5" t="s">
        <v>36266</v>
      </c>
      <c r="O11829" s="5" t="s">
        <v>38</v>
      </c>
      <c r="P11829" s="5" t="s">
        <v>39</v>
      </c>
      <c r="Q11829" s="5" t="s">
        <v>40</v>
      </c>
      <c r="R11829" s="5" t="s">
        <v>1522</v>
      </c>
      <c r="S11829" s="5" t="s">
        <v>1523</v>
      </c>
      <c r="T11829" s="5" t="s">
        <v>42</v>
      </c>
      <c r="U11829" s="2">
        <v>1.0860000000000001</v>
      </c>
      <c r="V11829" s="2">
        <v>0.64100000000000001</v>
      </c>
      <c r="W11829" s="2">
        <v>1.0999999999999999E-2</v>
      </c>
      <c r="X11829" s="2">
        <v>82.9</v>
      </c>
      <c r="Y11829" s="2">
        <v>7.6</v>
      </c>
      <c r="Z11829" s="2">
        <v>16.7</v>
      </c>
      <c r="AA11829" s="5"/>
      <c r="AB11829" s="5" t="s">
        <v>43</v>
      </c>
      <c r="AC11829" s="5" t="s">
        <v>44</v>
      </c>
      <c r="AD11829" s="2"/>
      <c r="AE11829" s="1"/>
    </row>
    <row r="11830" spans="1:31" ht="14.45">
      <c r="A11830" s="11"/>
      <c r="B11830" s="20"/>
      <c r="C11830" s="2" t="s">
        <v>36414</v>
      </c>
      <c r="D11830" s="14" t="s">
        <v>36415</v>
      </c>
      <c r="E11830" s="2" t="s">
        <v>36416</v>
      </c>
      <c r="F11830" s="2" t="s">
        <v>36297</v>
      </c>
      <c r="G11830" s="8">
        <v>119</v>
      </c>
      <c r="H11830" s="5">
        <v>6</v>
      </c>
      <c r="I11830" s="5" t="s">
        <v>1518</v>
      </c>
      <c r="J11830" s="5" t="s">
        <v>36264</v>
      </c>
      <c r="K11830" s="2" t="s">
        <v>36265</v>
      </c>
      <c r="L11830" s="5" t="s">
        <v>36264</v>
      </c>
      <c r="M11830" s="2" t="s">
        <v>36265</v>
      </c>
      <c r="N11830" s="5" t="s">
        <v>36266</v>
      </c>
      <c r="O11830" s="5" t="s">
        <v>38</v>
      </c>
      <c r="P11830" s="5" t="s">
        <v>39</v>
      </c>
      <c r="Q11830" s="5" t="s">
        <v>40</v>
      </c>
      <c r="R11830" s="5" t="s">
        <v>1522</v>
      </c>
      <c r="S11830" s="5" t="s">
        <v>1523</v>
      </c>
      <c r="T11830" s="5" t="s">
        <v>42</v>
      </c>
      <c r="U11830" s="2">
        <v>1.0720000000000001</v>
      </c>
      <c r="V11830" s="2">
        <v>0.627</v>
      </c>
      <c r="W11830" s="2">
        <v>1.0999999999999999E-2</v>
      </c>
      <c r="X11830" s="2">
        <v>82.9</v>
      </c>
      <c r="Y11830" s="2">
        <v>7.6</v>
      </c>
      <c r="Z11830" s="2">
        <v>16.7</v>
      </c>
      <c r="AA11830" s="5"/>
      <c r="AB11830" s="5" t="s">
        <v>43</v>
      </c>
      <c r="AC11830" s="5" t="s">
        <v>44</v>
      </c>
      <c r="AD11830" s="2"/>
      <c r="AE11830" s="1"/>
    </row>
    <row r="11831" spans="1:31" ht="14.45">
      <c r="A11831" s="11"/>
      <c r="B11831" s="20"/>
      <c r="C11831" s="2" t="s">
        <v>36417</v>
      </c>
      <c r="D11831" s="14" t="s">
        <v>36418</v>
      </c>
      <c r="E11831" s="2" t="s">
        <v>36419</v>
      </c>
      <c r="F11831" s="2" t="s">
        <v>36301</v>
      </c>
      <c r="G11831" s="8">
        <v>119</v>
      </c>
      <c r="H11831" s="5">
        <v>6</v>
      </c>
      <c r="I11831" s="5" t="s">
        <v>1518</v>
      </c>
      <c r="J11831" s="5" t="s">
        <v>36264</v>
      </c>
      <c r="K11831" s="2" t="s">
        <v>36265</v>
      </c>
      <c r="L11831" s="5" t="s">
        <v>36264</v>
      </c>
      <c r="M11831" s="2" t="s">
        <v>36265</v>
      </c>
      <c r="N11831" s="5" t="s">
        <v>36266</v>
      </c>
      <c r="O11831" s="5" t="s">
        <v>38</v>
      </c>
      <c r="P11831" s="5" t="s">
        <v>39</v>
      </c>
      <c r="Q11831" s="5" t="s">
        <v>40</v>
      </c>
      <c r="R11831" s="5" t="s">
        <v>1522</v>
      </c>
      <c r="S11831" s="5" t="s">
        <v>1523</v>
      </c>
      <c r="T11831" s="5" t="s">
        <v>42</v>
      </c>
      <c r="U11831" s="2">
        <v>1.0860000000000001</v>
      </c>
      <c r="V11831" s="2">
        <v>0.64100000000000001</v>
      </c>
      <c r="W11831" s="2">
        <v>1.0999999999999999E-2</v>
      </c>
      <c r="X11831" s="2">
        <v>82.9</v>
      </c>
      <c r="Y11831" s="2">
        <v>7.6</v>
      </c>
      <c r="Z11831" s="2">
        <v>16.7</v>
      </c>
      <c r="AA11831" s="5"/>
      <c r="AB11831" s="5" t="s">
        <v>43</v>
      </c>
      <c r="AC11831" s="5" t="s">
        <v>44</v>
      </c>
      <c r="AD11831" s="2"/>
      <c r="AE11831" s="1"/>
    </row>
    <row r="11832" spans="1:31" ht="14.45">
      <c r="A11832" s="11"/>
      <c r="B11832" s="20"/>
      <c r="C11832" s="2" t="s">
        <v>36420</v>
      </c>
      <c r="D11832" s="14" t="s">
        <v>36421</v>
      </c>
      <c r="E11832" s="2" t="s">
        <v>36422</v>
      </c>
      <c r="F11832" s="2" t="s">
        <v>36305</v>
      </c>
      <c r="G11832" s="8">
        <v>119</v>
      </c>
      <c r="H11832" s="5">
        <v>6</v>
      </c>
      <c r="I11832" s="5" t="s">
        <v>1518</v>
      </c>
      <c r="J11832" s="5" t="s">
        <v>36264</v>
      </c>
      <c r="K11832" s="2" t="s">
        <v>36265</v>
      </c>
      <c r="L11832" s="5" t="s">
        <v>36264</v>
      </c>
      <c r="M11832" s="2" t="s">
        <v>36265</v>
      </c>
      <c r="N11832" s="5" t="s">
        <v>36266</v>
      </c>
      <c r="O11832" s="5" t="s">
        <v>38</v>
      </c>
      <c r="P11832" s="5" t="s">
        <v>39</v>
      </c>
      <c r="Q11832" s="5" t="s">
        <v>40</v>
      </c>
      <c r="R11832" s="5" t="s">
        <v>1522</v>
      </c>
      <c r="S11832" s="5" t="s">
        <v>1523</v>
      </c>
      <c r="T11832" s="5" t="s">
        <v>42</v>
      </c>
      <c r="U11832" s="2">
        <v>1.0720000000000001</v>
      </c>
      <c r="V11832" s="2">
        <v>0.627</v>
      </c>
      <c r="W11832" s="2">
        <v>1.0999999999999999E-2</v>
      </c>
      <c r="X11832" s="2">
        <v>82.9</v>
      </c>
      <c r="Y11832" s="2">
        <v>7.6</v>
      </c>
      <c r="Z11832" s="2">
        <v>16.7</v>
      </c>
      <c r="AA11832" s="5"/>
      <c r="AB11832" s="5" t="s">
        <v>43</v>
      </c>
      <c r="AC11832" s="5" t="s">
        <v>44</v>
      </c>
      <c r="AD11832" s="2"/>
      <c r="AE11832" s="1"/>
    </row>
    <row r="11833" spans="1:31" ht="14.45">
      <c r="A11833" s="11"/>
      <c r="B11833" s="20"/>
      <c r="C11833" s="2" t="s">
        <v>36423</v>
      </c>
      <c r="D11833" s="14" t="s">
        <v>36424</v>
      </c>
      <c r="E11833" s="2" t="s">
        <v>36425</v>
      </c>
      <c r="F11833" s="2" t="s">
        <v>36309</v>
      </c>
      <c r="G11833" s="8">
        <v>119</v>
      </c>
      <c r="H11833" s="5">
        <v>6</v>
      </c>
      <c r="I11833" s="5" t="s">
        <v>1518</v>
      </c>
      <c r="J11833" s="5" t="s">
        <v>36264</v>
      </c>
      <c r="K11833" s="2" t="s">
        <v>36265</v>
      </c>
      <c r="L11833" s="5" t="s">
        <v>36264</v>
      </c>
      <c r="M11833" s="2" t="s">
        <v>36265</v>
      </c>
      <c r="N11833" s="5" t="s">
        <v>36266</v>
      </c>
      <c r="O11833" s="5" t="s">
        <v>38</v>
      </c>
      <c r="P11833" s="5" t="s">
        <v>39</v>
      </c>
      <c r="Q11833" s="5" t="s">
        <v>40</v>
      </c>
      <c r="R11833" s="5" t="s">
        <v>1522</v>
      </c>
      <c r="S11833" s="5" t="s">
        <v>1523</v>
      </c>
      <c r="T11833" s="5" t="s">
        <v>42</v>
      </c>
      <c r="U11833" s="2">
        <v>1.0860000000000001</v>
      </c>
      <c r="V11833" s="2">
        <v>0.64100000000000001</v>
      </c>
      <c r="W11833" s="2">
        <v>1.0999999999999999E-2</v>
      </c>
      <c r="X11833" s="2">
        <v>82.9</v>
      </c>
      <c r="Y11833" s="2">
        <v>7.6</v>
      </c>
      <c r="Z11833" s="2">
        <v>16.7</v>
      </c>
      <c r="AA11833" s="5"/>
      <c r="AB11833" s="5" t="s">
        <v>43</v>
      </c>
      <c r="AC11833" s="5" t="s">
        <v>44</v>
      </c>
      <c r="AD11833" s="2"/>
      <c r="AE11833" s="1"/>
    </row>
    <row r="11834" spans="1:31" ht="14.45">
      <c r="A11834" s="11"/>
      <c r="B11834" s="20"/>
      <c r="C11834" s="2" t="s">
        <v>36426</v>
      </c>
      <c r="D11834" s="14" t="s">
        <v>36427</v>
      </c>
      <c r="E11834" s="2" t="s">
        <v>36428</v>
      </c>
      <c r="F11834" s="2" t="s">
        <v>36313</v>
      </c>
      <c r="G11834" s="8">
        <v>136</v>
      </c>
      <c r="H11834" s="5">
        <v>6</v>
      </c>
      <c r="I11834" s="5" t="s">
        <v>1518</v>
      </c>
      <c r="J11834" s="5" t="s">
        <v>36264</v>
      </c>
      <c r="K11834" s="2" t="s">
        <v>36265</v>
      </c>
      <c r="L11834" s="5" t="s">
        <v>36264</v>
      </c>
      <c r="M11834" s="2" t="s">
        <v>36265</v>
      </c>
      <c r="N11834" s="5" t="s">
        <v>36266</v>
      </c>
      <c r="O11834" s="5" t="s">
        <v>38</v>
      </c>
      <c r="P11834" s="5" t="s">
        <v>39</v>
      </c>
      <c r="Q11834" s="5" t="s">
        <v>40</v>
      </c>
      <c r="R11834" s="5" t="s">
        <v>1522</v>
      </c>
      <c r="S11834" s="5" t="s">
        <v>1523</v>
      </c>
      <c r="T11834" s="5" t="s">
        <v>42</v>
      </c>
      <c r="U11834" s="2">
        <v>1.0720000000000001</v>
      </c>
      <c r="V11834" s="2">
        <v>0.627</v>
      </c>
      <c r="W11834" s="2">
        <v>1.0999999999999999E-2</v>
      </c>
      <c r="X11834" s="2">
        <v>82.9</v>
      </c>
      <c r="Y11834" s="2">
        <v>7.6</v>
      </c>
      <c r="Z11834" s="2">
        <v>16.7</v>
      </c>
      <c r="AA11834" s="5"/>
      <c r="AB11834" s="5" t="s">
        <v>43</v>
      </c>
      <c r="AC11834" s="5" t="s">
        <v>44</v>
      </c>
      <c r="AD11834" s="2"/>
      <c r="AE11834" s="1"/>
    </row>
    <row r="11835" spans="1:31" ht="14.45">
      <c r="A11835" s="11"/>
      <c r="B11835" s="20"/>
      <c r="C11835" s="2" t="s">
        <v>36429</v>
      </c>
      <c r="D11835" s="14" t="s">
        <v>36430</v>
      </c>
      <c r="E11835" s="2" t="s">
        <v>36431</v>
      </c>
      <c r="F11835" s="2" t="s">
        <v>36317</v>
      </c>
      <c r="G11835" s="8">
        <v>136</v>
      </c>
      <c r="H11835" s="5">
        <v>6</v>
      </c>
      <c r="I11835" s="5" t="s">
        <v>1518</v>
      </c>
      <c r="J11835" s="5" t="s">
        <v>36264</v>
      </c>
      <c r="K11835" s="2" t="s">
        <v>36265</v>
      </c>
      <c r="L11835" s="5" t="s">
        <v>36264</v>
      </c>
      <c r="M11835" s="2" t="s">
        <v>36265</v>
      </c>
      <c r="N11835" s="5" t="s">
        <v>36266</v>
      </c>
      <c r="O11835" s="5" t="s">
        <v>38</v>
      </c>
      <c r="P11835" s="5" t="s">
        <v>39</v>
      </c>
      <c r="Q11835" s="5" t="s">
        <v>40</v>
      </c>
      <c r="R11835" s="5" t="s">
        <v>1522</v>
      </c>
      <c r="S11835" s="5" t="s">
        <v>1523</v>
      </c>
      <c r="T11835" s="5" t="s">
        <v>42</v>
      </c>
      <c r="U11835" s="2">
        <v>1.0860000000000001</v>
      </c>
      <c r="V11835" s="2">
        <v>0.64100000000000001</v>
      </c>
      <c r="W11835" s="2">
        <v>1.0999999999999999E-2</v>
      </c>
      <c r="X11835" s="2">
        <v>82.9</v>
      </c>
      <c r="Y11835" s="2">
        <v>7.6</v>
      </c>
      <c r="Z11835" s="2">
        <v>16.7</v>
      </c>
      <c r="AA11835" s="5"/>
      <c r="AB11835" s="5" t="s">
        <v>43</v>
      </c>
      <c r="AC11835" s="5" t="s">
        <v>44</v>
      </c>
      <c r="AD11835" s="2"/>
      <c r="AE11835" s="1"/>
    </row>
    <row r="11836" spans="1:31" ht="14.45">
      <c r="A11836" s="11"/>
      <c r="B11836" s="20"/>
      <c r="C11836" s="2" t="s">
        <v>36432</v>
      </c>
      <c r="D11836" s="14" t="s">
        <v>36433</v>
      </c>
      <c r="E11836" s="2" t="s">
        <v>36434</v>
      </c>
      <c r="F11836" s="2" t="s">
        <v>36321</v>
      </c>
      <c r="G11836" s="8">
        <v>136</v>
      </c>
      <c r="H11836" s="5">
        <v>6</v>
      </c>
      <c r="I11836" s="5" t="s">
        <v>1518</v>
      </c>
      <c r="J11836" s="5" t="s">
        <v>36264</v>
      </c>
      <c r="K11836" s="2" t="s">
        <v>36265</v>
      </c>
      <c r="L11836" s="5" t="s">
        <v>36264</v>
      </c>
      <c r="M11836" s="2" t="s">
        <v>36265</v>
      </c>
      <c r="N11836" s="5" t="s">
        <v>36266</v>
      </c>
      <c r="O11836" s="5" t="s">
        <v>38</v>
      </c>
      <c r="P11836" s="5" t="s">
        <v>39</v>
      </c>
      <c r="Q11836" s="5" t="s">
        <v>40</v>
      </c>
      <c r="R11836" s="5" t="s">
        <v>1522</v>
      </c>
      <c r="S11836" s="5" t="s">
        <v>1523</v>
      </c>
      <c r="T11836" s="5" t="s">
        <v>42</v>
      </c>
      <c r="U11836" s="2">
        <v>1.0720000000000001</v>
      </c>
      <c r="V11836" s="2">
        <v>0.627</v>
      </c>
      <c r="W11836" s="2">
        <v>1.0999999999999999E-2</v>
      </c>
      <c r="X11836" s="2">
        <v>82.9</v>
      </c>
      <c r="Y11836" s="2">
        <v>7.6</v>
      </c>
      <c r="Z11836" s="2">
        <v>16.7</v>
      </c>
      <c r="AA11836" s="5"/>
      <c r="AB11836" s="5" t="s">
        <v>43</v>
      </c>
      <c r="AC11836" s="5" t="s">
        <v>44</v>
      </c>
      <c r="AD11836" s="2"/>
      <c r="AE11836" s="1"/>
    </row>
    <row r="11837" spans="1:31" ht="14.45">
      <c r="A11837" s="11"/>
      <c r="B11837" s="20"/>
      <c r="C11837" s="2" t="s">
        <v>36435</v>
      </c>
      <c r="D11837" s="14" t="s">
        <v>36436</v>
      </c>
      <c r="E11837" s="2" t="s">
        <v>36437</v>
      </c>
      <c r="F11837" s="2" t="s">
        <v>36325</v>
      </c>
      <c r="G11837" s="8">
        <v>136</v>
      </c>
      <c r="H11837" s="5">
        <v>6</v>
      </c>
      <c r="I11837" s="5" t="s">
        <v>1518</v>
      </c>
      <c r="J11837" s="5" t="s">
        <v>36264</v>
      </c>
      <c r="K11837" s="2" t="s">
        <v>36265</v>
      </c>
      <c r="L11837" s="5" t="s">
        <v>36264</v>
      </c>
      <c r="M11837" s="2" t="s">
        <v>36265</v>
      </c>
      <c r="N11837" s="5" t="s">
        <v>36266</v>
      </c>
      <c r="O11837" s="5" t="s">
        <v>38</v>
      </c>
      <c r="P11837" s="5" t="s">
        <v>39</v>
      </c>
      <c r="Q11837" s="5" t="s">
        <v>40</v>
      </c>
      <c r="R11837" s="5" t="s">
        <v>1522</v>
      </c>
      <c r="S11837" s="5" t="s">
        <v>1523</v>
      </c>
      <c r="T11837" s="5" t="s">
        <v>42</v>
      </c>
      <c r="U11837" s="2">
        <v>1.0860000000000001</v>
      </c>
      <c r="V11837" s="2">
        <v>0.64100000000000001</v>
      </c>
      <c r="W11837" s="2">
        <v>1.0999999999999999E-2</v>
      </c>
      <c r="X11837" s="2">
        <v>82.9</v>
      </c>
      <c r="Y11837" s="2">
        <v>7.6</v>
      </c>
      <c r="Z11837" s="2">
        <v>16.7</v>
      </c>
      <c r="AA11837" s="5"/>
      <c r="AB11837" s="5" t="s">
        <v>43</v>
      </c>
      <c r="AC11837" s="5" t="s">
        <v>44</v>
      </c>
      <c r="AD11837" s="2"/>
      <c r="AE11837" s="1"/>
    </row>
    <row r="11838" spans="1:31" ht="14.45">
      <c r="A11838" s="11"/>
      <c r="B11838" s="20"/>
      <c r="C11838" s="2" t="s">
        <v>36438</v>
      </c>
      <c r="D11838" s="14" t="s">
        <v>36439</v>
      </c>
      <c r="E11838" s="2" t="s">
        <v>36440</v>
      </c>
      <c r="F11838" s="2" t="s">
        <v>36329</v>
      </c>
      <c r="G11838" s="8">
        <v>136</v>
      </c>
      <c r="H11838" s="5">
        <v>6</v>
      </c>
      <c r="I11838" s="5" t="s">
        <v>1518</v>
      </c>
      <c r="J11838" s="5" t="s">
        <v>36264</v>
      </c>
      <c r="K11838" s="2" t="s">
        <v>36265</v>
      </c>
      <c r="L11838" s="5" t="s">
        <v>36264</v>
      </c>
      <c r="M11838" s="2" t="s">
        <v>36265</v>
      </c>
      <c r="N11838" s="5" t="s">
        <v>36266</v>
      </c>
      <c r="O11838" s="5" t="s">
        <v>38</v>
      </c>
      <c r="P11838" s="5" t="s">
        <v>39</v>
      </c>
      <c r="Q11838" s="5" t="s">
        <v>40</v>
      </c>
      <c r="R11838" s="5" t="s">
        <v>1522</v>
      </c>
      <c r="S11838" s="5" t="s">
        <v>1523</v>
      </c>
      <c r="T11838" s="5" t="s">
        <v>42</v>
      </c>
      <c r="U11838" s="2">
        <v>1.0720000000000001</v>
      </c>
      <c r="V11838" s="2">
        <v>0.627</v>
      </c>
      <c r="W11838" s="2">
        <v>1.0999999999999999E-2</v>
      </c>
      <c r="X11838" s="2">
        <v>82.9</v>
      </c>
      <c r="Y11838" s="2">
        <v>7.6</v>
      </c>
      <c r="Z11838" s="2">
        <v>16.7</v>
      </c>
      <c r="AA11838" s="5"/>
      <c r="AB11838" s="5" t="s">
        <v>43</v>
      </c>
      <c r="AC11838" s="5" t="s">
        <v>44</v>
      </c>
      <c r="AD11838" s="2"/>
      <c r="AE11838" s="1"/>
    </row>
    <row r="11839" spans="1:31" ht="14.45">
      <c r="A11839" s="11"/>
      <c r="B11839" s="20"/>
      <c r="C11839" s="2" t="s">
        <v>36441</v>
      </c>
      <c r="D11839" s="14" t="s">
        <v>36442</v>
      </c>
      <c r="E11839" s="2" t="s">
        <v>36443</v>
      </c>
      <c r="F11839" s="2" t="s">
        <v>36333</v>
      </c>
      <c r="G11839" s="8">
        <v>136</v>
      </c>
      <c r="H11839" s="5">
        <v>6</v>
      </c>
      <c r="I11839" s="5" t="s">
        <v>1518</v>
      </c>
      <c r="J11839" s="5" t="s">
        <v>36264</v>
      </c>
      <c r="K11839" s="2" t="s">
        <v>36265</v>
      </c>
      <c r="L11839" s="5" t="s">
        <v>36264</v>
      </c>
      <c r="M11839" s="2" t="s">
        <v>36265</v>
      </c>
      <c r="N11839" s="5" t="s">
        <v>36266</v>
      </c>
      <c r="O11839" s="5" t="s">
        <v>38</v>
      </c>
      <c r="P11839" s="5" t="s">
        <v>39</v>
      </c>
      <c r="Q11839" s="5" t="s">
        <v>40</v>
      </c>
      <c r="R11839" s="5" t="s">
        <v>1522</v>
      </c>
      <c r="S11839" s="5" t="s">
        <v>1523</v>
      </c>
      <c r="T11839" s="5" t="s">
        <v>42</v>
      </c>
      <c r="U11839" s="2">
        <v>1.0860000000000001</v>
      </c>
      <c r="V11839" s="2">
        <v>0.64100000000000001</v>
      </c>
      <c r="W11839" s="2">
        <v>1.0999999999999999E-2</v>
      </c>
      <c r="X11839" s="2">
        <v>82.9</v>
      </c>
      <c r="Y11839" s="2">
        <v>7.6</v>
      </c>
      <c r="Z11839" s="2">
        <v>16.7</v>
      </c>
      <c r="AA11839" s="5"/>
      <c r="AB11839" s="5" t="s">
        <v>43</v>
      </c>
      <c r="AC11839" s="5" t="s">
        <v>44</v>
      </c>
      <c r="AD11839" s="2"/>
      <c r="AE11839" s="1"/>
    </row>
    <row r="11840" spans="1:31" ht="14.45">
      <c r="A11840" s="11"/>
      <c r="B11840" s="20"/>
      <c r="C11840" s="2" t="s">
        <v>36444</v>
      </c>
      <c r="D11840" s="14" t="s">
        <v>36445</v>
      </c>
      <c r="E11840" s="2" t="s">
        <v>36446</v>
      </c>
      <c r="F11840" s="2" t="s">
        <v>36337</v>
      </c>
      <c r="G11840" s="8">
        <v>136</v>
      </c>
      <c r="H11840" s="5">
        <v>6</v>
      </c>
      <c r="I11840" s="5" t="s">
        <v>1518</v>
      </c>
      <c r="J11840" s="5" t="s">
        <v>36264</v>
      </c>
      <c r="K11840" s="2" t="s">
        <v>36265</v>
      </c>
      <c r="L11840" s="5" t="s">
        <v>36264</v>
      </c>
      <c r="M11840" s="2" t="s">
        <v>36265</v>
      </c>
      <c r="N11840" s="5" t="s">
        <v>36266</v>
      </c>
      <c r="O11840" s="5" t="s">
        <v>38</v>
      </c>
      <c r="P11840" s="5" t="s">
        <v>39</v>
      </c>
      <c r="Q11840" s="5" t="s">
        <v>40</v>
      </c>
      <c r="R11840" s="5" t="s">
        <v>1522</v>
      </c>
      <c r="S11840" s="5" t="s">
        <v>1523</v>
      </c>
      <c r="T11840" s="5" t="s">
        <v>42</v>
      </c>
      <c r="U11840" s="2">
        <v>1.0720000000000001</v>
      </c>
      <c r="V11840" s="2">
        <v>0.627</v>
      </c>
      <c r="W11840" s="2">
        <v>1.0999999999999999E-2</v>
      </c>
      <c r="X11840" s="2">
        <v>82.9</v>
      </c>
      <c r="Y11840" s="2">
        <v>7.6</v>
      </c>
      <c r="Z11840" s="2">
        <v>16.7</v>
      </c>
      <c r="AA11840" s="5"/>
      <c r="AB11840" s="5" t="s">
        <v>43</v>
      </c>
      <c r="AC11840" s="5" t="s">
        <v>44</v>
      </c>
      <c r="AD11840" s="2"/>
      <c r="AE11840" s="1"/>
    </row>
    <row r="11841" spans="1:31" ht="14.45">
      <c r="A11841" s="11"/>
      <c r="B11841" s="20"/>
      <c r="C11841" s="2" t="s">
        <v>36447</v>
      </c>
      <c r="D11841" s="14" t="s">
        <v>36448</v>
      </c>
      <c r="E11841" s="2" t="s">
        <v>36449</v>
      </c>
      <c r="F11841" s="2" t="s">
        <v>36341</v>
      </c>
      <c r="G11841" s="8">
        <v>136</v>
      </c>
      <c r="H11841" s="5">
        <v>6</v>
      </c>
      <c r="I11841" s="5" t="s">
        <v>1518</v>
      </c>
      <c r="J11841" s="5" t="s">
        <v>36264</v>
      </c>
      <c r="K11841" s="2" t="s">
        <v>36265</v>
      </c>
      <c r="L11841" s="5" t="s">
        <v>36264</v>
      </c>
      <c r="M11841" s="2" t="s">
        <v>36265</v>
      </c>
      <c r="N11841" s="5" t="s">
        <v>36266</v>
      </c>
      <c r="O11841" s="5" t="s">
        <v>38</v>
      </c>
      <c r="P11841" s="5" t="s">
        <v>39</v>
      </c>
      <c r="Q11841" s="5" t="s">
        <v>40</v>
      </c>
      <c r="R11841" s="5" t="s">
        <v>1522</v>
      </c>
      <c r="S11841" s="5" t="s">
        <v>1523</v>
      </c>
      <c r="T11841" s="5" t="s">
        <v>42</v>
      </c>
      <c r="U11841" s="2">
        <v>1.0860000000000001</v>
      </c>
      <c r="V11841" s="2">
        <v>0.64100000000000001</v>
      </c>
      <c r="W11841" s="2">
        <v>1.0999999999999999E-2</v>
      </c>
      <c r="X11841" s="2">
        <v>82.9</v>
      </c>
      <c r="Y11841" s="2">
        <v>7.6</v>
      </c>
      <c r="Z11841" s="2">
        <v>16.7</v>
      </c>
      <c r="AA11841" s="5"/>
      <c r="AB11841" s="5" t="s">
        <v>43</v>
      </c>
      <c r="AC11841" s="5" t="s">
        <v>44</v>
      </c>
      <c r="AD11841" s="2"/>
      <c r="AE11841" s="1"/>
    </row>
    <row r="11842" spans="1:31" ht="14.45">
      <c r="A11842" s="11"/>
      <c r="B11842" s="20"/>
      <c r="C11842" s="2" t="s">
        <v>36450</v>
      </c>
      <c r="D11842" s="14" t="s">
        <v>36451</v>
      </c>
      <c r="E11842" s="2" t="s">
        <v>36452</v>
      </c>
      <c r="F11842" s="2" t="s">
        <v>36345</v>
      </c>
      <c r="G11842" s="8">
        <v>136</v>
      </c>
      <c r="H11842" s="5">
        <v>6</v>
      </c>
      <c r="I11842" s="5" t="s">
        <v>1518</v>
      </c>
      <c r="J11842" s="5" t="s">
        <v>36264</v>
      </c>
      <c r="K11842" s="2" t="s">
        <v>36265</v>
      </c>
      <c r="L11842" s="5" t="s">
        <v>36264</v>
      </c>
      <c r="M11842" s="2" t="s">
        <v>36265</v>
      </c>
      <c r="N11842" s="5" t="s">
        <v>36266</v>
      </c>
      <c r="O11842" s="5" t="s">
        <v>38</v>
      </c>
      <c r="P11842" s="5" t="s">
        <v>39</v>
      </c>
      <c r="Q11842" s="5" t="s">
        <v>40</v>
      </c>
      <c r="R11842" s="5" t="s">
        <v>1522</v>
      </c>
      <c r="S11842" s="5" t="s">
        <v>1523</v>
      </c>
      <c r="T11842" s="5" t="s">
        <v>42</v>
      </c>
      <c r="U11842" s="2">
        <v>1.0720000000000001</v>
      </c>
      <c r="V11842" s="2">
        <v>0.627</v>
      </c>
      <c r="W11842" s="2">
        <v>1.0999999999999999E-2</v>
      </c>
      <c r="X11842" s="2">
        <v>82.9</v>
      </c>
      <c r="Y11842" s="2">
        <v>7.6</v>
      </c>
      <c r="Z11842" s="2">
        <v>16.7</v>
      </c>
      <c r="AA11842" s="5"/>
      <c r="AB11842" s="5" t="s">
        <v>43</v>
      </c>
      <c r="AC11842" s="5" t="s">
        <v>44</v>
      </c>
      <c r="AD11842" s="2"/>
      <c r="AE11842" s="1"/>
    </row>
    <row r="11843" spans="1:31" ht="14.45">
      <c r="A11843" s="11"/>
      <c r="B11843" s="20"/>
      <c r="C11843" s="2" t="s">
        <v>36453</v>
      </c>
      <c r="D11843" s="14" t="s">
        <v>36454</v>
      </c>
      <c r="E11843" s="2" t="s">
        <v>36455</v>
      </c>
      <c r="F11843" s="2" t="s">
        <v>36349</v>
      </c>
      <c r="G11843" s="8">
        <v>136</v>
      </c>
      <c r="H11843" s="5">
        <v>6</v>
      </c>
      <c r="I11843" s="5" t="s">
        <v>1518</v>
      </c>
      <c r="J11843" s="5" t="s">
        <v>36264</v>
      </c>
      <c r="K11843" s="2" t="s">
        <v>36265</v>
      </c>
      <c r="L11843" s="5" t="s">
        <v>36264</v>
      </c>
      <c r="M11843" s="2" t="s">
        <v>36265</v>
      </c>
      <c r="N11843" s="5" t="s">
        <v>36266</v>
      </c>
      <c r="O11843" s="5" t="s">
        <v>38</v>
      </c>
      <c r="P11843" s="5" t="s">
        <v>39</v>
      </c>
      <c r="Q11843" s="5" t="s">
        <v>40</v>
      </c>
      <c r="R11843" s="5" t="s">
        <v>1522</v>
      </c>
      <c r="S11843" s="5" t="s">
        <v>1523</v>
      </c>
      <c r="T11843" s="5" t="s">
        <v>42</v>
      </c>
      <c r="U11843" s="2">
        <v>1.0860000000000001</v>
      </c>
      <c r="V11843" s="2">
        <v>0.64100000000000001</v>
      </c>
      <c r="W11843" s="2">
        <v>1.0999999999999999E-2</v>
      </c>
      <c r="X11843" s="2">
        <v>82.9</v>
      </c>
      <c r="Y11843" s="2">
        <v>7.6</v>
      </c>
      <c r="Z11843" s="2">
        <v>16.7</v>
      </c>
      <c r="AA11843" s="5"/>
      <c r="AB11843" s="5" t="s">
        <v>43</v>
      </c>
      <c r="AC11843" s="5" t="s">
        <v>44</v>
      </c>
      <c r="AD11843" s="2"/>
      <c r="AE11843" s="1"/>
    </row>
    <row r="11844" spans="1:31" ht="14.45">
      <c r="A11844" s="11"/>
      <c r="B11844" s="20"/>
      <c r="C11844" s="2" t="s">
        <v>36456</v>
      </c>
      <c r="D11844" s="14" t="s">
        <v>36457</v>
      </c>
      <c r="E11844" s="2" t="s">
        <v>36458</v>
      </c>
      <c r="F11844" s="2" t="s">
        <v>36353</v>
      </c>
      <c r="G11844" s="8">
        <v>136</v>
      </c>
      <c r="H11844" s="5">
        <v>6</v>
      </c>
      <c r="I11844" s="5" t="s">
        <v>1518</v>
      </c>
      <c r="J11844" s="5" t="s">
        <v>36264</v>
      </c>
      <c r="K11844" s="2" t="s">
        <v>36265</v>
      </c>
      <c r="L11844" s="5" t="s">
        <v>36264</v>
      </c>
      <c r="M11844" s="2" t="s">
        <v>36265</v>
      </c>
      <c r="N11844" s="5" t="s">
        <v>36266</v>
      </c>
      <c r="O11844" s="5" t="s">
        <v>38</v>
      </c>
      <c r="P11844" s="5" t="s">
        <v>39</v>
      </c>
      <c r="Q11844" s="5" t="s">
        <v>40</v>
      </c>
      <c r="R11844" s="5" t="s">
        <v>1522</v>
      </c>
      <c r="S11844" s="5" t="s">
        <v>1523</v>
      </c>
      <c r="T11844" s="5" t="s">
        <v>42</v>
      </c>
      <c r="U11844" s="2">
        <v>1.0720000000000001</v>
      </c>
      <c r="V11844" s="2">
        <v>0.627</v>
      </c>
      <c r="W11844" s="2">
        <v>1.0999999999999999E-2</v>
      </c>
      <c r="X11844" s="2">
        <v>82.9</v>
      </c>
      <c r="Y11844" s="2">
        <v>7.6</v>
      </c>
      <c r="Z11844" s="2">
        <v>16.7</v>
      </c>
      <c r="AA11844" s="5"/>
      <c r="AB11844" s="5" t="s">
        <v>43</v>
      </c>
      <c r="AC11844" s="5" t="s">
        <v>44</v>
      </c>
      <c r="AD11844" s="2"/>
      <c r="AE11844" s="1"/>
    </row>
    <row r="11845" spans="1:31" ht="14.45">
      <c r="A11845" s="11"/>
      <c r="B11845" s="20"/>
      <c r="C11845" s="2" t="s">
        <v>36459</v>
      </c>
      <c r="D11845" s="14" t="s">
        <v>36460</v>
      </c>
      <c r="E11845" s="2" t="s">
        <v>36461</v>
      </c>
      <c r="F11845" s="2" t="s">
        <v>36357</v>
      </c>
      <c r="G11845" s="8">
        <v>136</v>
      </c>
      <c r="H11845" s="5">
        <v>6</v>
      </c>
      <c r="I11845" s="5" t="s">
        <v>1518</v>
      </c>
      <c r="J11845" s="5" t="s">
        <v>36264</v>
      </c>
      <c r="K11845" s="2" t="s">
        <v>36265</v>
      </c>
      <c r="L11845" s="5" t="s">
        <v>36264</v>
      </c>
      <c r="M11845" s="2" t="s">
        <v>36265</v>
      </c>
      <c r="N11845" s="5" t="s">
        <v>36266</v>
      </c>
      <c r="O11845" s="5" t="s">
        <v>38</v>
      </c>
      <c r="P11845" s="5" t="s">
        <v>39</v>
      </c>
      <c r="Q11845" s="5" t="s">
        <v>40</v>
      </c>
      <c r="R11845" s="5" t="s">
        <v>1522</v>
      </c>
      <c r="S11845" s="5" t="s">
        <v>1523</v>
      </c>
      <c r="T11845" s="5" t="s">
        <v>42</v>
      </c>
      <c r="U11845" s="2">
        <v>1.0860000000000001</v>
      </c>
      <c r="V11845" s="2">
        <v>0.64100000000000001</v>
      </c>
      <c r="W11845" s="2">
        <v>1.0999999999999999E-2</v>
      </c>
      <c r="X11845" s="2">
        <v>82.9</v>
      </c>
      <c r="Y11845" s="2">
        <v>7.6</v>
      </c>
      <c r="Z11845" s="2">
        <v>16.7</v>
      </c>
      <c r="AA11845" s="5"/>
      <c r="AB11845" s="5" t="s">
        <v>43</v>
      </c>
      <c r="AC11845" s="5" t="s">
        <v>44</v>
      </c>
      <c r="AD11845" s="2"/>
      <c r="AE11845" s="1"/>
    </row>
    <row r="11846" spans="1:31" ht="14.45">
      <c r="A11846" s="11"/>
      <c r="B11846" s="20"/>
      <c r="C11846" s="2" t="s">
        <v>36462</v>
      </c>
      <c r="D11846" s="14" t="s">
        <v>36463</v>
      </c>
      <c r="E11846" s="2" t="s">
        <v>36464</v>
      </c>
      <c r="F11846" s="2" t="s">
        <v>36361</v>
      </c>
      <c r="G11846" s="8">
        <v>136</v>
      </c>
      <c r="H11846" s="5">
        <v>6</v>
      </c>
      <c r="I11846" s="5" t="s">
        <v>1518</v>
      </c>
      <c r="J11846" s="5" t="s">
        <v>36264</v>
      </c>
      <c r="K11846" s="2" t="s">
        <v>36265</v>
      </c>
      <c r="L11846" s="5" t="s">
        <v>36264</v>
      </c>
      <c r="M11846" s="2" t="s">
        <v>36265</v>
      </c>
      <c r="N11846" s="5" t="s">
        <v>36266</v>
      </c>
      <c r="O11846" s="5" t="s">
        <v>38</v>
      </c>
      <c r="P11846" s="5" t="s">
        <v>39</v>
      </c>
      <c r="Q11846" s="5" t="s">
        <v>40</v>
      </c>
      <c r="R11846" s="5" t="s">
        <v>1522</v>
      </c>
      <c r="S11846" s="5" t="s">
        <v>1523</v>
      </c>
      <c r="T11846" s="5" t="s">
        <v>42</v>
      </c>
      <c r="U11846" s="2">
        <v>1.0720000000000001</v>
      </c>
      <c r="V11846" s="2">
        <v>0.627</v>
      </c>
      <c r="W11846" s="2">
        <v>1.0999999999999999E-2</v>
      </c>
      <c r="X11846" s="2">
        <v>82.9</v>
      </c>
      <c r="Y11846" s="2">
        <v>7.6</v>
      </c>
      <c r="Z11846" s="2">
        <v>16.7</v>
      </c>
      <c r="AA11846" s="5"/>
      <c r="AB11846" s="5" t="s">
        <v>43</v>
      </c>
      <c r="AC11846" s="5" t="s">
        <v>44</v>
      </c>
      <c r="AD11846" s="2"/>
      <c r="AE11846" s="1"/>
    </row>
    <row r="11847" spans="1:31" ht="14.45">
      <c r="A11847" s="11"/>
      <c r="B11847" s="20"/>
      <c r="C11847" s="2" t="s">
        <v>36465</v>
      </c>
      <c r="D11847" s="14" t="s">
        <v>36466</v>
      </c>
      <c r="E11847" s="2" t="s">
        <v>36467</v>
      </c>
      <c r="F11847" s="2" t="s">
        <v>36365</v>
      </c>
      <c r="G11847" s="8">
        <v>136</v>
      </c>
      <c r="H11847" s="5">
        <v>6</v>
      </c>
      <c r="I11847" s="5" t="s">
        <v>1518</v>
      </c>
      <c r="J11847" s="5" t="s">
        <v>36264</v>
      </c>
      <c r="K11847" s="2" t="s">
        <v>36265</v>
      </c>
      <c r="L11847" s="5" t="s">
        <v>36264</v>
      </c>
      <c r="M11847" s="2" t="s">
        <v>36265</v>
      </c>
      <c r="N11847" s="5" t="s">
        <v>36266</v>
      </c>
      <c r="O11847" s="5" t="s">
        <v>38</v>
      </c>
      <c r="P11847" s="5" t="s">
        <v>39</v>
      </c>
      <c r="Q11847" s="5" t="s">
        <v>40</v>
      </c>
      <c r="R11847" s="5" t="s">
        <v>1522</v>
      </c>
      <c r="S11847" s="5" t="s">
        <v>1523</v>
      </c>
      <c r="T11847" s="5" t="s">
        <v>42</v>
      </c>
      <c r="U11847" s="2">
        <v>1.0860000000000001</v>
      </c>
      <c r="V11847" s="2">
        <v>0.64100000000000001</v>
      </c>
      <c r="W11847" s="2">
        <v>1.0999999999999999E-2</v>
      </c>
      <c r="X11847" s="2">
        <v>82.9</v>
      </c>
      <c r="Y11847" s="2">
        <v>7.6</v>
      </c>
      <c r="Z11847" s="2">
        <v>16.7</v>
      </c>
      <c r="AA11847" s="5"/>
      <c r="AB11847" s="5" t="s">
        <v>43</v>
      </c>
      <c r="AC11847" s="5" t="s">
        <v>44</v>
      </c>
      <c r="AD11847" s="2"/>
      <c r="AE11847" s="1"/>
    </row>
    <row r="11848" spans="1:31" ht="14.45">
      <c r="A11848" s="11"/>
      <c r="B11848" s="20"/>
      <c r="C11848" s="2" t="s">
        <v>36468</v>
      </c>
      <c r="D11848" s="14" t="s">
        <v>36469</v>
      </c>
      <c r="E11848" s="2" t="s">
        <v>36470</v>
      </c>
      <c r="F11848" s="2" t="s">
        <v>36369</v>
      </c>
      <c r="G11848" s="8">
        <v>136</v>
      </c>
      <c r="H11848" s="5">
        <v>6</v>
      </c>
      <c r="I11848" s="5" t="s">
        <v>1518</v>
      </c>
      <c r="J11848" s="5" t="s">
        <v>36264</v>
      </c>
      <c r="K11848" s="2" t="s">
        <v>36265</v>
      </c>
      <c r="L11848" s="5" t="s">
        <v>36264</v>
      </c>
      <c r="M11848" s="2" t="s">
        <v>36265</v>
      </c>
      <c r="N11848" s="5" t="s">
        <v>36266</v>
      </c>
      <c r="O11848" s="5" t="s">
        <v>38</v>
      </c>
      <c r="P11848" s="5" t="s">
        <v>39</v>
      </c>
      <c r="Q11848" s="5" t="s">
        <v>40</v>
      </c>
      <c r="R11848" s="5" t="s">
        <v>1522</v>
      </c>
      <c r="S11848" s="5" t="s">
        <v>1523</v>
      </c>
      <c r="T11848" s="5" t="s">
        <v>42</v>
      </c>
      <c r="U11848" s="2">
        <v>1.0720000000000001</v>
      </c>
      <c r="V11848" s="2">
        <v>0.627</v>
      </c>
      <c r="W11848" s="2">
        <v>1.0999999999999999E-2</v>
      </c>
      <c r="X11848" s="2">
        <v>82.9</v>
      </c>
      <c r="Y11848" s="2">
        <v>7.6</v>
      </c>
      <c r="Z11848" s="2">
        <v>16.7</v>
      </c>
      <c r="AA11848" s="5"/>
      <c r="AB11848" s="5" t="s">
        <v>43</v>
      </c>
      <c r="AC11848" s="5" t="s">
        <v>44</v>
      </c>
      <c r="AD11848" s="2"/>
      <c r="AE11848" s="1"/>
    </row>
    <row r="11849" spans="1:31" ht="14.45">
      <c r="A11849" s="11"/>
      <c r="B11849" s="20"/>
      <c r="C11849" s="2" t="s">
        <v>36471</v>
      </c>
      <c r="D11849" s="14" t="s">
        <v>36472</v>
      </c>
      <c r="E11849" s="2" t="s">
        <v>36473</v>
      </c>
      <c r="F11849" s="2" t="s">
        <v>36373</v>
      </c>
      <c r="G11849" s="8">
        <v>136</v>
      </c>
      <c r="H11849" s="5">
        <v>6</v>
      </c>
      <c r="I11849" s="5" t="s">
        <v>1518</v>
      </c>
      <c r="J11849" s="5" t="s">
        <v>36264</v>
      </c>
      <c r="K11849" s="2" t="s">
        <v>36265</v>
      </c>
      <c r="L11849" s="5" t="s">
        <v>36264</v>
      </c>
      <c r="M11849" s="2" t="s">
        <v>36265</v>
      </c>
      <c r="N11849" s="5" t="s">
        <v>36266</v>
      </c>
      <c r="O11849" s="5" t="s">
        <v>38</v>
      </c>
      <c r="P11849" s="5" t="s">
        <v>39</v>
      </c>
      <c r="Q11849" s="5" t="s">
        <v>40</v>
      </c>
      <c r="R11849" s="5" t="s">
        <v>1522</v>
      </c>
      <c r="S11849" s="5" t="s">
        <v>1523</v>
      </c>
      <c r="T11849" s="5" t="s">
        <v>42</v>
      </c>
      <c r="U11849" s="2">
        <v>1.0860000000000001</v>
      </c>
      <c r="V11849" s="2">
        <v>0.64100000000000001</v>
      </c>
      <c r="W11849" s="2">
        <v>1.0999999999999999E-2</v>
      </c>
      <c r="X11849" s="2">
        <v>82.9</v>
      </c>
      <c r="Y11849" s="2">
        <v>7.6</v>
      </c>
      <c r="Z11849" s="2">
        <v>16.7</v>
      </c>
      <c r="AA11849" s="5"/>
      <c r="AB11849" s="5" t="s">
        <v>43</v>
      </c>
      <c r="AC11849" s="5" t="s">
        <v>44</v>
      </c>
      <c r="AD11849" s="2"/>
      <c r="AE11849" s="1"/>
    </row>
    <row r="11850" spans="1:31" ht="14.45">
      <c r="A11850" s="11"/>
      <c r="B11850" s="20"/>
      <c r="C11850" s="2" t="s">
        <v>36474</v>
      </c>
      <c r="D11850" s="14" t="s">
        <v>36475</v>
      </c>
      <c r="E11850" s="2" t="s">
        <v>36476</v>
      </c>
      <c r="F11850" s="2" t="s">
        <v>36377</v>
      </c>
      <c r="G11850" s="8">
        <v>136</v>
      </c>
      <c r="H11850" s="5">
        <v>6</v>
      </c>
      <c r="I11850" s="5" t="s">
        <v>1518</v>
      </c>
      <c r="J11850" s="5" t="s">
        <v>36264</v>
      </c>
      <c r="K11850" s="2" t="s">
        <v>36265</v>
      </c>
      <c r="L11850" s="5" t="s">
        <v>36264</v>
      </c>
      <c r="M11850" s="2" t="s">
        <v>36265</v>
      </c>
      <c r="N11850" s="5" t="s">
        <v>36266</v>
      </c>
      <c r="O11850" s="5" t="s">
        <v>38</v>
      </c>
      <c r="P11850" s="5" t="s">
        <v>39</v>
      </c>
      <c r="Q11850" s="5" t="s">
        <v>40</v>
      </c>
      <c r="R11850" s="5" t="s">
        <v>1522</v>
      </c>
      <c r="S11850" s="5" t="s">
        <v>1523</v>
      </c>
      <c r="T11850" s="5" t="s">
        <v>42</v>
      </c>
      <c r="U11850" s="2">
        <v>1.0720000000000001</v>
      </c>
      <c r="V11850" s="2">
        <v>0.627</v>
      </c>
      <c r="W11850" s="2">
        <v>1.0999999999999999E-2</v>
      </c>
      <c r="X11850" s="2">
        <v>82.9</v>
      </c>
      <c r="Y11850" s="2">
        <v>7.6</v>
      </c>
      <c r="Z11850" s="2">
        <v>16.7</v>
      </c>
      <c r="AA11850" s="5"/>
      <c r="AB11850" s="5" t="s">
        <v>43</v>
      </c>
      <c r="AC11850" s="5" t="s">
        <v>44</v>
      </c>
      <c r="AD11850" s="2"/>
      <c r="AE11850" s="1"/>
    </row>
    <row r="11851" spans="1:31" ht="14.45">
      <c r="A11851" s="11"/>
      <c r="B11851" s="20"/>
      <c r="C11851" s="2" t="s">
        <v>36477</v>
      </c>
      <c r="D11851" s="14" t="s">
        <v>36478</v>
      </c>
      <c r="E11851" s="2" t="s">
        <v>36479</v>
      </c>
      <c r="F11851" s="2" t="s">
        <v>36381</v>
      </c>
      <c r="G11851" s="8">
        <v>136</v>
      </c>
      <c r="H11851" s="5">
        <v>6</v>
      </c>
      <c r="I11851" s="5" t="s">
        <v>1518</v>
      </c>
      <c r="J11851" s="5" t="s">
        <v>36264</v>
      </c>
      <c r="K11851" s="2" t="s">
        <v>36265</v>
      </c>
      <c r="L11851" s="5" t="s">
        <v>36264</v>
      </c>
      <c r="M11851" s="2" t="s">
        <v>36265</v>
      </c>
      <c r="N11851" s="5" t="s">
        <v>36266</v>
      </c>
      <c r="O11851" s="5" t="s">
        <v>38</v>
      </c>
      <c r="P11851" s="5" t="s">
        <v>39</v>
      </c>
      <c r="Q11851" s="5" t="s">
        <v>40</v>
      </c>
      <c r="R11851" s="5" t="s">
        <v>1522</v>
      </c>
      <c r="S11851" s="5" t="s">
        <v>1523</v>
      </c>
      <c r="T11851" s="5" t="s">
        <v>42</v>
      </c>
      <c r="U11851" s="2">
        <v>1.0860000000000001</v>
      </c>
      <c r="V11851" s="2">
        <v>0.64100000000000001</v>
      </c>
      <c r="W11851" s="2">
        <v>1.0999999999999999E-2</v>
      </c>
      <c r="X11851" s="2">
        <v>82.9</v>
      </c>
      <c r="Y11851" s="2">
        <v>7.6</v>
      </c>
      <c r="Z11851" s="2">
        <v>16.7</v>
      </c>
      <c r="AA11851" s="5"/>
      <c r="AB11851" s="5" t="s">
        <v>43</v>
      </c>
      <c r="AC11851" s="5" t="s">
        <v>44</v>
      </c>
      <c r="AD11851" s="2"/>
      <c r="AE11851" s="1"/>
    </row>
    <row r="11852" spans="1:31" ht="14.45">
      <c r="A11852" s="11"/>
      <c r="B11852" s="20"/>
      <c r="C11852" s="2" t="s">
        <v>36480</v>
      </c>
      <c r="D11852" s="14" t="s">
        <v>36481</v>
      </c>
      <c r="E11852" s="2" t="s">
        <v>36482</v>
      </c>
      <c r="F11852" s="2" t="s">
        <v>36385</v>
      </c>
      <c r="G11852" s="8">
        <v>136</v>
      </c>
      <c r="H11852" s="5">
        <v>6</v>
      </c>
      <c r="I11852" s="5" t="s">
        <v>1518</v>
      </c>
      <c r="J11852" s="5" t="s">
        <v>36264</v>
      </c>
      <c r="K11852" s="2" t="s">
        <v>36265</v>
      </c>
      <c r="L11852" s="5" t="s">
        <v>36264</v>
      </c>
      <c r="M11852" s="2" t="s">
        <v>36265</v>
      </c>
      <c r="N11852" s="5" t="s">
        <v>36266</v>
      </c>
      <c r="O11852" s="5" t="s">
        <v>38</v>
      </c>
      <c r="P11852" s="5" t="s">
        <v>39</v>
      </c>
      <c r="Q11852" s="5" t="s">
        <v>40</v>
      </c>
      <c r="R11852" s="5" t="s">
        <v>1522</v>
      </c>
      <c r="S11852" s="5" t="s">
        <v>1523</v>
      </c>
      <c r="T11852" s="5" t="s">
        <v>42</v>
      </c>
      <c r="U11852" s="2">
        <v>1.0720000000000001</v>
      </c>
      <c r="V11852" s="2">
        <v>0.627</v>
      </c>
      <c r="W11852" s="2">
        <v>1.0999999999999999E-2</v>
      </c>
      <c r="X11852" s="2">
        <v>82.9</v>
      </c>
      <c r="Y11852" s="2">
        <v>7.6</v>
      </c>
      <c r="Z11852" s="2">
        <v>16.7</v>
      </c>
      <c r="AA11852" s="5"/>
      <c r="AB11852" s="5" t="s">
        <v>43</v>
      </c>
      <c r="AC11852" s="5" t="s">
        <v>44</v>
      </c>
      <c r="AD11852" s="2"/>
      <c r="AE11852" s="1"/>
    </row>
    <row r="11853" spans="1:31" ht="14.45">
      <c r="A11853" s="11"/>
      <c r="B11853" s="20"/>
      <c r="C11853" s="2" t="s">
        <v>36483</v>
      </c>
      <c r="D11853" s="14" t="s">
        <v>36484</v>
      </c>
      <c r="E11853" s="2" t="s">
        <v>36485</v>
      </c>
      <c r="F11853" s="2" t="s">
        <v>36389</v>
      </c>
      <c r="G11853" s="8">
        <v>136</v>
      </c>
      <c r="H11853" s="5">
        <v>6</v>
      </c>
      <c r="I11853" s="5" t="s">
        <v>1518</v>
      </c>
      <c r="J11853" s="5" t="s">
        <v>36264</v>
      </c>
      <c r="K11853" s="2" t="s">
        <v>36265</v>
      </c>
      <c r="L11853" s="5" t="s">
        <v>36264</v>
      </c>
      <c r="M11853" s="2" t="s">
        <v>36265</v>
      </c>
      <c r="N11853" s="5" t="s">
        <v>36266</v>
      </c>
      <c r="O11853" s="5" t="s">
        <v>38</v>
      </c>
      <c r="P11853" s="5" t="s">
        <v>39</v>
      </c>
      <c r="Q11853" s="5" t="s">
        <v>40</v>
      </c>
      <c r="R11853" s="5" t="s">
        <v>1522</v>
      </c>
      <c r="S11853" s="5" t="s">
        <v>1523</v>
      </c>
      <c r="T11853" s="5" t="s">
        <v>42</v>
      </c>
      <c r="U11853" s="2">
        <v>1.0860000000000001</v>
      </c>
      <c r="V11853" s="2">
        <v>0.64100000000000001</v>
      </c>
      <c r="W11853" s="2">
        <v>1.0999999999999999E-2</v>
      </c>
      <c r="X11853" s="2">
        <v>82.9</v>
      </c>
      <c r="Y11853" s="2">
        <v>7.6</v>
      </c>
      <c r="Z11853" s="2">
        <v>16.7</v>
      </c>
      <c r="AA11853" s="5"/>
      <c r="AB11853" s="5" t="s">
        <v>43</v>
      </c>
      <c r="AC11853" s="5" t="s">
        <v>44</v>
      </c>
      <c r="AD11853" s="2"/>
      <c r="AE11853" s="1"/>
    </row>
    <row r="11854" spans="1:31" ht="14.45">
      <c r="A11854" s="11"/>
      <c r="B11854" s="20"/>
      <c r="C11854" s="2" t="s">
        <v>36486</v>
      </c>
      <c r="D11854" s="14" t="s">
        <v>36487</v>
      </c>
      <c r="E11854" s="2" t="s">
        <v>36488</v>
      </c>
      <c r="F11854" s="2" t="s">
        <v>7204</v>
      </c>
      <c r="G11854" s="8">
        <v>132</v>
      </c>
      <c r="H11854" s="5">
        <v>6</v>
      </c>
      <c r="I11854" s="5" t="s">
        <v>1518</v>
      </c>
      <c r="J11854" s="5" t="s">
        <v>36264</v>
      </c>
      <c r="K11854" s="2" t="s">
        <v>36265</v>
      </c>
      <c r="L11854" s="5" t="s">
        <v>36264</v>
      </c>
      <c r="M11854" s="2" t="s">
        <v>36265</v>
      </c>
      <c r="N11854" s="5" t="s">
        <v>36266</v>
      </c>
      <c r="O11854" s="5" t="s">
        <v>38</v>
      </c>
      <c r="P11854" s="5" t="s">
        <v>39</v>
      </c>
      <c r="Q11854" s="5" t="s">
        <v>40</v>
      </c>
      <c r="R11854" s="5" t="s">
        <v>1522</v>
      </c>
      <c r="S11854" s="5" t="s">
        <v>1523</v>
      </c>
      <c r="T11854" s="5" t="s">
        <v>42</v>
      </c>
      <c r="U11854" s="2">
        <v>1.238</v>
      </c>
      <c r="V11854" s="2">
        <v>0.71199999999999997</v>
      </c>
      <c r="W11854" s="2">
        <v>1.4999999999999999E-2</v>
      </c>
      <c r="X11854" s="2">
        <v>118.9</v>
      </c>
      <c r="Y11854" s="2">
        <v>7.6</v>
      </c>
      <c r="Z11854" s="2">
        <v>16.7</v>
      </c>
      <c r="AA11854" s="5"/>
      <c r="AB11854" s="5" t="s">
        <v>43</v>
      </c>
      <c r="AC11854" s="5" t="s">
        <v>44</v>
      </c>
      <c r="AD11854" s="2"/>
      <c r="AE11854" s="1"/>
    </row>
    <row r="11855" spans="1:31" ht="14.45">
      <c r="A11855" s="11"/>
      <c r="B11855" s="20"/>
      <c r="C11855" s="2" t="s">
        <v>36489</v>
      </c>
      <c r="D11855" s="14" t="s">
        <v>36490</v>
      </c>
      <c r="E11855" s="2" t="s">
        <v>36491</v>
      </c>
      <c r="F11855" s="2" t="s">
        <v>7514</v>
      </c>
      <c r="G11855" s="8">
        <v>132</v>
      </c>
      <c r="H11855" s="5">
        <v>6</v>
      </c>
      <c r="I11855" s="5" t="s">
        <v>1518</v>
      </c>
      <c r="J11855" s="5" t="s">
        <v>36264</v>
      </c>
      <c r="K11855" s="2" t="s">
        <v>36265</v>
      </c>
      <c r="L11855" s="5" t="s">
        <v>36264</v>
      </c>
      <c r="M11855" s="2" t="s">
        <v>36265</v>
      </c>
      <c r="N11855" s="5" t="s">
        <v>36266</v>
      </c>
      <c r="O11855" s="5" t="s">
        <v>38</v>
      </c>
      <c r="P11855" s="5" t="s">
        <v>39</v>
      </c>
      <c r="Q11855" s="5" t="s">
        <v>40</v>
      </c>
      <c r="R11855" s="5" t="s">
        <v>1522</v>
      </c>
      <c r="S11855" s="5" t="s">
        <v>1523</v>
      </c>
      <c r="T11855" s="5" t="s">
        <v>42</v>
      </c>
      <c r="U11855" s="2">
        <v>1.252</v>
      </c>
      <c r="V11855" s="2">
        <v>0.72599999999999998</v>
      </c>
      <c r="W11855" s="2">
        <v>1.4999999999999999E-2</v>
      </c>
      <c r="X11855" s="2">
        <v>118.9</v>
      </c>
      <c r="Y11855" s="2">
        <v>7.6</v>
      </c>
      <c r="Z11855" s="2">
        <v>16.7</v>
      </c>
      <c r="AA11855" s="5"/>
      <c r="AB11855" s="5" t="s">
        <v>43</v>
      </c>
      <c r="AC11855" s="5" t="s">
        <v>44</v>
      </c>
      <c r="AD11855" s="2"/>
      <c r="AE11855" s="1"/>
    </row>
    <row r="11856" spans="1:31" ht="14.45">
      <c r="A11856" s="11"/>
      <c r="B11856" s="20"/>
      <c r="C11856" s="2" t="s">
        <v>36492</v>
      </c>
      <c r="D11856" s="14" t="s">
        <v>36493</v>
      </c>
      <c r="E11856" s="2" t="s">
        <v>36494</v>
      </c>
      <c r="F11856" s="2" t="s">
        <v>36273</v>
      </c>
      <c r="G11856" s="8">
        <v>132</v>
      </c>
      <c r="H11856" s="5">
        <v>6</v>
      </c>
      <c r="I11856" s="5" t="s">
        <v>1518</v>
      </c>
      <c r="J11856" s="5" t="s">
        <v>36264</v>
      </c>
      <c r="K11856" s="2" t="s">
        <v>36265</v>
      </c>
      <c r="L11856" s="5" t="s">
        <v>36264</v>
      </c>
      <c r="M11856" s="2" t="s">
        <v>36265</v>
      </c>
      <c r="N11856" s="5" t="s">
        <v>36266</v>
      </c>
      <c r="O11856" s="5" t="s">
        <v>38</v>
      </c>
      <c r="P11856" s="5" t="s">
        <v>39</v>
      </c>
      <c r="Q11856" s="5" t="s">
        <v>40</v>
      </c>
      <c r="R11856" s="5" t="s">
        <v>1522</v>
      </c>
      <c r="S11856" s="5" t="s">
        <v>1523</v>
      </c>
      <c r="T11856" s="5" t="s">
        <v>42</v>
      </c>
      <c r="U11856" s="2">
        <v>1.238</v>
      </c>
      <c r="V11856" s="2">
        <v>0.71199999999999997</v>
      </c>
      <c r="W11856" s="2">
        <v>1.4999999999999999E-2</v>
      </c>
      <c r="X11856" s="2">
        <v>118.9</v>
      </c>
      <c r="Y11856" s="2">
        <v>7.6</v>
      </c>
      <c r="Z11856" s="2">
        <v>16.7</v>
      </c>
      <c r="AA11856" s="5"/>
      <c r="AB11856" s="5" t="s">
        <v>43</v>
      </c>
      <c r="AC11856" s="5" t="s">
        <v>44</v>
      </c>
      <c r="AD11856" s="2"/>
      <c r="AE11856" s="1"/>
    </row>
    <row r="11857" spans="1:31" ht="14.45">
      <c r="A11857" s="11"/>
      <c r="B11857" s="20"/>
      <c r="C11857" s="2" t="s">
        <v>36495</v>
      </c>
      <c r="D11857" s="14" t="s">
        <v>36496</v>
      </c>
      <c r="E11857" s="2" t="s">
        <v>36497</v>
      </c>
      <c r="F11857" s="2" t="s">
        <v>36277</v>
      </c>
      <c r="G11857" s="8">
        <v>132</v>
      </c>
      <c r="H11857" s="5">
        <v>6</v>
      </c>
      <c r="I11857" s="5" t="s">
        <v>1518</v>
      </c>
      <c r="J11857" s="5" t="s">
        <v>36264</v>
      </c>
      <c r="K11857" s="2" t="s">
        <v>36265</v>
      </c>
      <c r="L11857" s="5" t="s">
        <v>36264</v>
      </c>
      <c r="M11857" s="2" t="s">
        <v>36265</v>
      </c>
      <c r="N11857" s="5" t="s">
        <v>36266</v>
      </c>
      <c r="O11857" s="5" t="s">
        <v>38</v>
      </c>
      <c r="P11857" s="5" t="s">
        <v>39</v>
      </c>
      <c r="Q11857" s="5" t="s">
        <v>40</v>
      </c>
      <c r="R11857" s="5" t="s">
        <v>1522</v>
      </c>
      <c r="S11857" s="5" t="s">
        <v>1523</v>
      </c>
      <c r="T11857" s="5" t="s">
        <v>42</v>
      </c>
      <c r="U11857" s="2">
        <v>1.252</v>
      </c>
      <c r="V11857" s="2">
        <v>0.72599999999999998</v>
      </c>
      <c r="W11857" s="2">
        <v>1.4999999999999999E-2</v>
      </c>
      <c r="X11857" s="2">
        <v>118.9</v>
      </c>
      <c r="Y11857" s="2">
        <v>7.6</v>
      </c>
      <c r="Z11857" s="2">
        <v>16.7</v>
      </c>
      <c r="AA11857" s="5"/>
      <c r="AB11857" s="5" t="s">
        <v>43</v>
      </c>
      <c r="AC11857" s="5" t="s">
        <v>44</v>
      </c>
      <c r="AD11857" s="2"/>
      <c r="AE11857" s="1"/>
    </row>
    <row r="11858" spans="1:31" ht="14.45">
      <c r="A11858" s="11"/>
      <c r="B11858" s="20"/>
      <c r="C11858" s="2" t="s">
        <v>36498</v>
      </c>
      <c r="D11858" s="14" t="s">
        <v>36499</v>
      </c>
      <c r="E11858" s="2" t="s">
        <v>36500</v>
      </c>
      <c r="F11858" s="2" t="s">
        <v>36281</v>
      </c>
      <c r="G11858" s="8">
        <v>152</v>
      </c>
      <c r="H11858" s="5">
        <v>6</v>
      </c>
      <c r="I11858" s="5" t="s">
        <v>1518</v>
      </c>
      <c r="J11858" s="5" t="s">
        <v>36264</v>
      </c>
      <c r="K11858" s="2" t="s">
        <v>36265</v>
      </c>
      <c r="L11858" s="5" t="s">
        <v>36264</v>
      </c>
      <c r="M11858" s="2" t="s">
        <v>36265</v>
      </c>
      <c r="N11858" s="5" t="s">
        <v>36266</v>
      </c>
      <c r="O11858" s="5" t="s">
        <v>38</v>
      </c>
      <c r="P11858" s="5" t="s">
        <v>39</v>
      </c>
      <c r="Q11858" s="5" t="s">
        <v>40</v>
      </c>
      <c r="R11858" s="5" t="s">
        <v>1522</v>
      </c>
      <c r="S11858" s="5" t="s">
        <v>1523</v>
      </c>
      <c r="T11858" s="5" t="s">
        <v>42</v>
      </c>
      <c r="U11858" s="2">
        <v>1.238</v>
      </c>
      <c r="V11858" s="2">
        <v>0.71199999999999997</v>
      </c>
      <c r="W11858" s="2">
        <v>1.4999999999999999E-2</v>
      </c>
      <c r="X11858" s="2">
        <v>118.9</v>
      </c>
      <c r="Y11858" s="2">
        <v>7.6</v>
      </c>
      <c r="Z11858" s="2">
        <v>16.7</v>
      </c>
      <c r="AA11858" s="5"/>
      <c r="AB11858" s="5" t="s">
        <v>43</v>
      </c>
      <c r="AC11858" s="5" t="s">
        <v>44</v>
      </c>
      <c r="AD11858" s="2"/>
      <c r="AE11858" s="1"/>
    </row>
    <row r="11859" spans="1:31" ht="14.45">
      <c r="A11859" s="11"/>
      <c r="B11859" s="20"/>
      <c r="C11859" s="2" t="s">
        <v>36501</v>
      </c>
      <c r="D11859" s="14" t="s">
        <v>36502</v>
      </c>
      <c r="E11859" s="2" t="s">
        <v>36503</v>
      </c>
      <c r="F11859" s="2" t="s">
        <v>36293</v>
      </c>
      <c r="G11859" s="8">
        <v>152</v>
      </c>
      <c r="H11859" s="5">
        <v>6</v>
      </c>
      <c r="I11859" s="5" t="s">
        <v>1518</v>
      </c>
      <c r="J11859" s="5" t="s">
        <v>36264</v>
      </c>
      <c r="K11859" s="2" t="s">
        <v>36265</v>
      </c>
      <c r="L11859" s="5" t="s">
        <v>36264</v>
      </c>
      <c r="M11859" s="2" t="s">
        <v>36265</v>
      </c>
      <c r="N11859" s="5" t="s">
        <v>36266</v>
      </c>
      <c r="O11859" s="5" t="s">
        <v>38</v>
      </c>
      <c r="P11859" s="5" t="s">
        <v>39</v>
      </c>
      <c r="Q11859" s="5" t="s">
        <v>40</v>
      </c>
      <c r="R11859" s="5" t="s">
        <v>1522</v>
      </c>
      <c r="S11859" s="5" t="s">
        <v>1523</v>
      </c>
      <c r="T11859" s="5" t="s">
        <v>42</v>
      </c>
      <c r="U11859" s="2">
        <v>1.252</v>
      </c>
      <c r="V11859" s="2">
        <v>0.72599999999999998</v>
      </c>
      <c r="W11859" s="2">
        <v>1.4999999999999999E-2</v>
      </c>
      <c r="X11859" s="2">
        <v>118.9</v>
      </c>
      <c r="Y11859" s="2">
        <v>7.6</v>
      </c>
      <c r="Z11859" s="2">
        <v>16.7</v>
      </c>
      <c r="AA11859" s="5"/>
      <c r="AB11859" s="5" t="s">
        <v>43</v>
      </c>
      <c r="AC11859" s="5" t="s">
        <v>44</v>
      </c>
      <c r="AD11859" s="2"/>
      <c r="AE11859" s="1"/>
    </row>
    <row r="11860" spans="1:31" ht="14.45">
      <c r="A11860" s="11"/>
      <c r="B11860" s="20"/>
      <c r="C11860" s="2" t="s">
        <v>36504</v>
      </c>
      <c r="D11860" s="14" t="s">
        <v>36505</v>
      </c>
      <c r="E11860" s="2" t="s">
        <v>36506</v>
      </c>
      <c r="F11860" s="2" t="s">
        <v>36297</v>
      </c>
      <c r="G11860" s="8">
        <v>132</v>
      </c>
      <c r="H11860" s="5">
        <v>6</v>
      </c>
      <c r="I11860" s="5" t="s">
        <v>1518</v>
      </c>
      <c r="J11860" s="5" t="s">
        <v>36264</v>
      </c>
      <c r="K11860" s="2" t="s">
        <v>36265</v>
      </c>
      <c r="L11860" s="5" t="s">
        <v>36264</v>
      </c>
      <c r="M11860" s="2" t="s">
        <v>36265</v>
      </c>
      <c r="N11860" s="5" t="s">
        <v>36266</v>
      </c>
      <c r="O11860" s="5" t="s">
        <v>38</v>
      </c>
      <c r="P11860" s="5" t="s">
        <v>39</v>
      </c>
      <c r="Q11860" s="5" t="s">
        <v>40</v>
      </c>
      <c r="R11860" s="5" t="s">
        <v>1522</v>
      </c>
      <c r="S11860" s="5" t="s">
        <v>1523</v>
      </c>
      <c r="T11860" s="5" t="s">
        <v>42</v>
      </c>
      <c r="U11860" s="2">
        <v>1.238</v>
      </c>
      <c r="V11860" s="2">
        <v>0.71199999999999997</v>
      </c>
      <c r="W11860" s="2">
        <v>1.4999999999999999E-2</v>
      </c>
      <c r="X11860" s="2">
        <v>118.9</v>
      </c>
      <c r="Y11860" s="2">
        <v>7.6</v>
      </c>
      <c r="Z11860" s="2">
        <v>16.7</v>
      </c>
      <c r="AA11860" s="5"/>
      <c r="AB11860" s="5" t="s">
        <v>43</v>
      </c>
      <c r="AC11860" s="5" t="s">
        <v>44</v>
      </c>
      <c r="AD11860" s="2"/>
      <c r="AE11860" s="1"/>
    </row>
    <row r="11861" spans="1:31" ht="14.45">
      <c r="A11861" s="11"/>
      <c r="B11861" s="20"/>
      <c r="C11861" s="2" t="s">
        <v>36507</v>
      </c>
      <c r="D11861" s="14" t="s">
        <v>36508</v>
      </c>
      <c r="E11861" s="2" t="s">
        <v>36509</v>
      </c>
      <c r="F11861" s="2" t="s">
        <v>36301</v>
      </c>
      <c r="G11861" s="8">
        <v>132</v>
      </c>
      <c r="H11861" s="5">
        <v>6</v>
      </c>
      <c r="I11861" s="5" t="s">
        <v>1518</v>
      </c>
      <c r="J11861" s="5" t="s">
        <v>36264</v>
      </c>
      <c r="K11861" s="2" t="s">
        <v>36265</v>
      </c>
      <c r="L11861" s="5" t="s">
        <v>36264</v>
      </c>
      <c r="M11861" s="2" t="s">
        <v>36265</v>
      </c>
      <c r="N11861" s="5" t="s">
        <v>36266</v>
      </c>
      <c r="O11861" s="5" t="s">
        <v>38</v>
      </c>
      <c r="P11861" s="5" t="s">
        <v>39</v>
      </c>
      <c r="Q11861" s="5" t="s">
        <v>40</v>
      </c>
      <c r="R11861" s="5" t="s">
        <v>1522</v>
      </c>
      <c r="S11861" s="5" t="s">
        <v>1523</v>
      </c>
      <c r="T11861" s="5" t="s">
        <v>42</v>
      </c>
      <c r="U11861" s="2">
        <v>1.252</v>
      </c>
      <c r="V11861" s="2">
        <v>0.72599999999999998</v>
      </c>
      <c r="W11861" s="2">
        <v>1.4999999999999999E-2</v>
      </c>
      <c r="X11861" s="2">
        <v>118.9</v>
      </c>
      <c r="Y11861" s="2">
        <v>7.6</v>
      </c>
      <c r="Z11861" s="2">
        <v>16.7</v>
      </c>
      <c r="AA11861" s="5"/>
      <c r="AB11861" s="5" t="s">
        <v>43</v>
      </c>
      <c r="AC11861" s="5" t="s">
        <v>44</v>
      </c>
      <c r="AD11861" s="2"/>
      <c r="AE11861" s="1"/>
    </row>
    <row r="11862" spans="1:31" ht="14.45">
      <c r="A11862" s="11"/>
      <c r="B11862" s="20"/>
      <c r="C11862" s="2" t="s">
        <v>36510</v>
      </c>
      <c r="D11862" s="14" t="s">
        <v>36511</v>
      </c>
      <c r="E11862" s="2" t="s">
        <v>36512</v>
      </c>
      <c r="F11862" s="2" t="s">
        <v>36305</v>
      </c>
      <c r="G11862" s="8">
        <v>132</v>
      </c>
      <c r="H11862" s="5">
        <v>6</v>
      </c>
      <c r="I11862" s="5" t="s">
        <v>1518</v>
      </c>
      <c r="J11862" s="5" t="s">
        <v>36264</v>
      </c>
      <c r="K11862" s="2" t="s">
        <v>36265</v>
      </c>
      <c r="L11862" s="5" t="s">
        <v>36264</v>
      </c>
      <c r="M11862" s="2" t="s">
        <v>36265</v>
      </c>
      <c r="N11862" s="5" t="s">
        <v>36266</v>
      </c>
      <c r="O11862" s="5" t="s">
        <v>38</v>
      </c>
      <c r="P11862" s="5" t="s">
        <v>39</v>
      </c>
      <c r="Q11862" s="5" t="s">
        <v>40</v>
      </c>
      <c r="R11862" s="5" t="s">
        <v>1522</v>
      </c>
      <c r="S11862" s="5" t="s">
        <v>1523</v>
      </c>
      <c r="T11862" s="5" t="s">
        <v>42</v>
      </c>
      <c r="U11862" s="2">
        <v>1.238</v>
      </c>
      <c r="V11862" s="2">
        <v>0.71199999999999997</v>
      </c>
      <c r="W11862" s="2">
        <v>1.4999999999999999E-2</v>
      </c>
      <c r="X11862" s="2">
        <v>118.9</v>
      </c>
      <c r="Y11862" s="2">
        <v>7.6</v>
      </c>
      <c r="Z11862" s="2">
        <v>16.7</v>
      </c>
      <c r="AA11862" s="5"/>
      <c r="AB11862" s="5" t="s">
        <v>43</v>
      </c>
      <c r="AC11862" s="5" t="s">
        <v>44</v>
      </c>
      <c r="AD11862" s="2"/>
      <c r="AE11862" s="1"/>
    </row>
    <row r="11863" spans="1:31" ht="14.45">
      <c r="A11863" s="11"/>
      <c r="B11863" s="20"/>
      <c r="C11863" s="2" t="s">
        <v>36513</v>
      </c>
      <c r="D11863" s="14" t="s">
        <v>36514</v>
      </c>
      <c r="E11863" s="2" t="s">
        <v>36515</v>
      </c>
      <c r="F11863" s="2" t="s">
        <v>36309</v>
      </c>
      <c r="G11863" s="8">
        <v>132</v>
      </c>
      <c r="H11863" s="5">
        <v>6</v>
      </c>
      <c r="I11863" s="5" t="s">
        <v>1518</v>
      </c>
      <c r="J11863" s="5" t="s">
        <v>36264</v>
      </c>
      <c r="K11863" s="2" t="s">
        <v>36265</v>
      </c>
      <c r="L11863" s="5" t="s">
        <v>36264</v>
      </c>
      <c r="M11863" s="2" t="s">
        <v>36265</v>
      </c>
      <c r="N11863" s="5" t="s">
        <v>36266</v>
      </c>
      <c r="O11863" s="5" t="s">
        <v>38</v>
      </c>
      <c r="P11863" s="5" t="s">
        <v>39</v>
      </c>
      <c r="Q11863" s="5" t="s">
        <v>40</v>
      </c>
      <c r="R11863" s="5" t="s">
        <v>1522</v>
      </c>
      <c r="S11863" s="5" t="s">
        <v>1523</v>
      </c>
      <c r="T11863" s="5" t="s">
        <v>42</v>
      </c>
      <c r="U11863" s="2">
        <v>1.252</v>
      </c>
      <c r="V11863" s="2">
        <v>0.72599999999999998</v>
      </c>
      <c r="W11863" s="2">
        <v>1.4999999999999999E-2</v>
      </c>
      <c r="X11863" s="2">
        <v>118.9</v>
      </c>
      <c r="Y11863" s="2">
        <v>7.6</v>
      </c>
      <c r="Z11863" s="2">
        <v>16.7</v>
      </c>
      <c r="AA11863" s="5"/>
      <c r="AB11863" s="5" t="s">
        <v>43</v>
      </c>
      <c r="AC11863" s="5" t="s">
        <v>44</v>
      </c>
      <c r="AD11863" s="2"/>
      <c r="AE11863" s="1"/>
    </row>
    <row r="11864" spans="1:31" ht="14.45">
      <c r="A11864" s="11"/>
      <c r="B11864" s="20"/>
      <c r="C11864" s="2" t="s">
        <v>36516</v>
      </c>
      <c r="D11864" s="14" t="s">
        <v>36517</v>
      </c>
      <c r="E11864" s="2" t="s">
        <v>36518</v>
      </c>
      <c r="F11864" s="2" t="s">
        <v>36317</v>
      </c>
      <c r="G11864" s="8">
        <v>152</v>
      </c>
      <c r="H11864" s="5">
        <v>6</v>
      </c>
      <c r="I11864" s="5" t="s">
        <v>1518</v>
      </c>
      <c r="J11864" s="5" t="s">
        <v>36264</v>
      </c>
      <c r="K11864" s="2" t="s">
        <v>36265</v>
      </c>
      <c r="L11864" s="5" t="s">
        <v>36264</v>
      </c>
      <c r="M11864" s="2" t="s">
        <v>36265</v>
      </c>
      <c r="N11864" s="5" t="s">
        <v>36266</v>
      </c>
      <c r="O11864" s="5" t="s">
        <v>38</v>
      </c>
      <c r="P11864" s="5" t="s">
        <v>39</v>
      </c>
      <c r="Q11864" s="5" t="s">
        <v>40</v>
      </c>
      <c r="R11864" s="5" t="s">
        <v>1522</v>
      </c>
      <c r="S11864" s="5" t="s">
        <v>1523</v>
      </c>
      <c r="T11864" s="5" t="s">
        <v>42</v>
      </c>
      <c r="U11864" s="2">
        <v>1.252</v>
      </c>
      <c r="V11864" s="2">
        <v>0.72599999999999998</v>
      </c>
      <c r="W11864" s="2">
        <v>1.4999999999999999E-2</v>
      </c>
      <c r="X11864" s="2">
        <v>118.9</v>
      </c>
      <c r="Y11864" s="2">
        <v>7.6</v>
      </c>
      <c r="Z11864" s="2">
        <v>16.7</v>
      </c>
      <c r="AA11864" s="5"/>
      <c r="AB11864" s="5" t="s">
        <v>43</v>
      </c>
      <c r="AC11864" s="5" t="s">
        <v>44</v>
      </c>
      <c r="AD11864" s="2"/>
      <c r="AE11864" s="1"/>
    </row>
    <row r="11865" spans="1:31" ht="14.45">
      <c r="A11865" s="11"/>
      <c r="B11865" s="20"/>
      <c r="C11865" s="2" t="s">
        <v>36519</v>
      </c>
      <c r="D11865" s="14" t="s">
        <v>36520</v>
      </c>
      <c r="E11865" s="2" t="s">
        <v>36521</v>
      </c>
      <c r="F11865" s="2" t="s">
        <v>36325</v>
      </c>
      <c r="G11865" s="8">
        <v>152</v>
      </c>
      <c r="H11865" s="5">
        <v>6</v>
      </c>
      <c r="I11865" s="5" t="s">
        <v>1518</v>
      </c>
      <c r="J11865" s="5" t="s">
        <v>36264</v>
      </c>
      <c r="K11865" s="2" t="s">
        <v>36265</v>
      </c>
      <c r="L11865" s="5" t="s">
        <v>36264</v>
      </c>
      <c r="M11865" s="2" t="s">
        <v>36265</v>
      </c>
      <c r="N11865" s="5" t="s">
        <v>36266</v>
      </c>
      <c r="O11865" s="5" t="s">
        <v>38</v>
      </c>
      <c r="P11865" s="5" t="s">
        <v>39</v>
      </c>
      <c r="Q11865" s="5" t="s">
        <v>40</v>
      </c>
      <c r="R11865" s="5" t="s">
        <v>1522</v>
      </c>
      <c r="S11865" s="5" t="s">
        <v>1523</v>
      </c>
      <c r="T11865" s="5" t="s">
        <v>42</v>
      </c>
      <c r="U11865" s="2">
        <v>1.252</v>
      </c>
      <c r="V11865" s="2">
        <v>0.72599999999999998</v>
      </c>
      <c r="W11865" s="2">
        <v>1.4999999999999999E-2</v>
      </c>
      <c r="X11865" s="2">
        <v>118.9</v>
      </c>
      <c r="Y11865" s="2">
        <v>7.6</v>
      </c>
      <c r="Z11865" s="2">
        <v>16.7</v>
      </c>
      <c r="AA11865" s="5"/>
      <c r="AB11865" s="5" t="s">
        <v>43</v>
      </c>
      <c r="AC11865" s="5" t="s">
        <v>44</v>
      </c>
      <c r="AD11865" s="2"/>
      <c r="AE11865" s="1"/>
    </row>
    <row r="11866" spans="1:31" ht="14.45">
      <c r="A11866" s="11"/>
      <c r="B11866" s="20"/>
      <c r="C11866" s="2" t="s">
        <v>36522</v>
      </c>
      <c r="D11866" s="14" t="s">
        <v>36523</v>
      </c>
      <c r="E11866" s="2" t="s">
        <v>36524</v>
      </c>
      <c r="F11866" s="2" t="s">
        <v>36329</v>
      </c>
      <c r="G11866" s="8">
        <v>152</v>
      </c>
      <c r="H11866" s="5">
        <v>6</v>
      </c>
      <c r="I11866" s="5" t="s">
        <v>1518</v>
      </c>
      <c r="J11866" s="5" t="s">
        <v>36264</v>
      </c>
      <c r="K11866" s="2" t="s">
        <v>36265</v>
      </c>
      <c r="L11866" s="5" t="s">
        <v>36264</v>
      </c>
      <c r="M11866" s="2" t="s">
        <v>36265</v>
      </c>
      <c r="N11866" s="5" t="s">
        <v>36266</v>
      </c>
      <c r="O11866" s="5" t="s">
        <v>38</v>
      </c>
      <c r="P11866" s="5" t="s">
        <v>39</v>
      </c>
      <c r="Q11866" s="5" t="s">
        <v>40</v>
      </c>
      <c r="R11866" s="5" t="s">
        <v>1522</v>
      </c>
      <c r="S11866" s="5" t="s">
        <v>1523</v>
      </c>
      <c r="T11866" s="5" t="s">
        <v>42</v>
      </c>
      <c r="U11866" s="2">
        <v>1.238</v>
      </c>
      <c r="V11866" s="2">
        <v>0.71199999999999997</v>
      </c>
      <c r="W11866" s="2">
        <v>1.4999999999999999E-2</v>
      </c>
      <c r="X11866" s="2">
        <v>118.9</v>
      </c>
      <c r="Y11866" s="2">
        <v>7.6</v>
      </c>
      <c r="Z11866" s="2">
        <v>16.7</v>
      </c>
      <c r="AA11866" s="5"/>
      <c r="AB11866" s="5" t="s">
        <v>43</v>
      </c>
      <c r="AC11866" s="5" t="s">
        <v>44</v>
      </c>
      <c r="AD11866" s="2"/>
      <c r="AE11866" s="1"/>
    </row>
    <row r="11867" spans="1:31" ht="14.45">
      <c r="A11867" s="11"/>
      <c r="B11867" s="20"/>
      <c r="C11867" s="2" t="s">
        <v>36525</v>
      </c>
      <c r="D11867" s="14" t="s">
        <v>36526</v>
      </c>
      <c r="E11867" s="2" t="s">
        <v>36527</v>
      </c>
      <c r="F11867" s="2" t="s">
        <v>36333</v>
      </c>
      <c r="G11867" s="8">
        <v>152</v>
      </c>
      <c r="H11867" s="5">
        <v>6</v>
      </c>
      <c r="I11867" s="5" t="s">
        <v>1518</v>
      </c>
      <c r="J11867" s="5" t="s">
        <v>36264</v>
      </c>
      <c r="K11867" s="2" t="s">
        <v>36265</v>
      </c>
      <c r="L11867" s="5" t="s">
        <v>36264</v>
      </c>
      <c r="M11867" s="2" t="s">
        <v>36265</v>
      </c>
      <c r="N11867" s="5" t="s">
        <v>36266</v>
      </c>
      <c r="O11867" s="5" t="s">
        <v>38</v>
      </c>
      <c r="P11867" s="5" t="s">
        <v>39</v>
      </c>
      <c r="Q11867" s="5" t="s">
        <v>40</v>
      </c>
      <c r="R11867" s="5" t="s">
        <v>1522</v>
      </c>
      <c r="S11867" s="5" t="s">
        <v>1523</v>
      </c>
      <c r="T11867" s="5" t="s">
        <v>42</v>
      </c>
      <c r="U11867" s="2">
        <v>1.252</v>
      </c>
      <c r="V11867" s="2">
        <v>0.72599999999999998</v>
      </c>
      <c r="W11867" s="2">
        <v>1.4999999999999999E-2</v>
      </c>
      <c r="X11867" s="2">
        <v>118.9</v>
      </c>
      <c r="Y11867" s="2">
        <v>7.6</v>
      </c>
      <c r="Z11867" s="2">
        <v>16.7</v>
      </c>
      <c r="AA11867" s="5"/>
      <c r="AB11867" s="5" t="s">
        <v>43</v>
      </c>
      <c r="AC11867" s="5" t="s">
        <v>44</v>
      </c>
      <c r="AD11867" s="2"/>
      <c r="AE11867" s="1"/>
    </row>
    <row r="11868" spans="1:31" ht="14.45">
      <c r="A11868" s="11"/>
      <c r="B11868" s="20"/>
      <c r="C11868" s="2" t="s">
        <v>36528</v>
      </c>
      <c r="D11868" s="14" t="s">
        <v>36529</v>
      </c>
      <c r="E11868" s="2" t="s">
        <v>36530</v>
      </c>
      <c r="F11868" s="2" t="s">
        <v>36341</v>
      </c>
      <c r="G11868" s="8">
        <v>152</v>
      </c>
      <c r="H11868" s="5">
        <v>6</v>
      </c>
      <c r="I11868" s="5" t="s">
        <v>1518</v>
      </c>
      <c r="J11868" s="5" t="s">
        <v>36264</v>
      </c>
      <c r="K11868" s="2" t="s">
        <v>36265</v>
      </c>
      <c r="L11868" s="5" t="s">
        <v>36264</v>
      </c>
      <c r="M11868" s="2" t="s">
        <v>36265</v>
      </c>
      <c r="N11868" s="5" t="s">
        <v>36266</v>
      </c>
      <c r="O11868" s="5" t="s">
        <v>38</v>
      </c>
      <c r="P11868" s="5" t="s">
        <v>39</v>
      </c>
      <c r="Q11868" s="5" t="s">
        <v>40</v>
      </c>
      <c r="R11868" s="5" t="s">
        <v>1522</v>
      </c>
      <c r="S11868" s="5" t="s">
        <v>1523</v>
      </c>
      <c r="T11868" s="5" t="s">
        <v>42</v>
      </c>
      <c r="U11868" s="2">
        <v>1.252</v>
      </c>
      <c r="V11868" s="2">
        <v>0.72599999999999998</v>
      </c>
      <c r="W11868" s="2">
        <v>1.4999999999999999E-2</v>
      </c>
      <c r="X11868" s="2">
        <v>118.9</v>
      </c>
      <c r="Y11868" s="2">
        <v>7.6</v>
      </c>
      <c r="Z11868" s="2">
        <v>16.7</v>
      </c>
      <c r="AA11868" s="5"/>
      <c r="AB11868" s="5" t="s">
        <v>43</v>
      </c>
      <c r="AC11868" s="5" t="s">
        <v>44</v>
      </c>
      <c r="AD11868" s="2"/>
      <c r="AE11868" s="1"/>
    </row>
    <row r="11869" spans="1:31" ht="14.45">
      <c r="A11869" s="11"/>
      <c r="B11869" s="20"/>
      <c r="C11869" s="2" t="s">
        <v>36531</v>
      </c>
      <c r="D11869" s="14" t="s">
        <v>36532</v>
      </c>
      <c r="E11869" s="2" t="s">
        <v>36533</v>
      </c>
      <c r="F11869" s="2" t="s">
        <v>36349</v>
      </c>
      <c r="G11869" s="8">
        <v>152</v>
      </c>
      <c r="H11869" s="5">
        <v>6</v>
      </c>
      <c r="I11869" s="5" t="s">
        <v>1518</v>
      </c>
      <c r="J11869" s="5" t="s">
        <v>36264</v>
      </c>
      <c r="K11869" s="2" t="s">
        <v>36265</v>
      </c>
      <c r="L11869" s="5" t="s">
        <v>36264</v>
      </c>
      <c r="M11869" s="2" t="s">
        <v>36265</v>
      </c>
      <c r="N11869" s="5" t="s">
        <v>36266</v>
      </c>
      <c r="O11869" s="5" t="s">
        <v>38</v>
      </c>
      <c r="P11869" s="5" t="s">
        <v>39</v>
      </c>
      <c r="Q11869" s="5" t="s">
        <v>40</v>
      </c>
      <c r="R11869" s="5" t="s">
        <v>1522</v>
      </c>
      <c r="S11869" s="5" t="s">
        <v>1523</v>
      </c>
      <c r="T11869" s="5" t="s">
        <v>42</v>
      </c>
      <c r="U11869" s="2">
        <v>1.252</v>
      </c>
      <c r="V11869" s="2">
        <v>0.72599999999999998</v>
      </c>
      <c r="W11869" s="2">
        <v>1.4999999999999999E-2</v>
      </c>
      <c r="X11869" s="2">
        <v>118.9</v>
      </c>
      <c r="Y11869" s="2">
        <v>7.6</v>
      </c>
      <c r="Z11869" s="2">
        <v>16.7</v>
      </c>
      <c r="AA11869" s="5"/>
      <c r="AB11869" s="5" t="s">
        <v>43</v>
      </c>
      <c r="AC11869" s="5" t="s">
        <v>44</v>
      </c>
      <c r="AD11869" s="2"/>
      <c r="AE11869" s="1"/>
    </row>
    <row r="11870" spans="1:31" ht="14.45">
      <c r="A11870" s="11"/>
      <c r="B11870" s="20"/>
      <c r="C11870" s="2" t="s">
        <v>36534</v>
      </c>
      <c r="D11870" s="14" t="s">
        <v>36535</v>
      </c>
      <c r="E11870" s="2" t="s">
        <v>36536</v>
      </c>
      <c r="F11870" s="2" t="s">
        <v>36353</v>
      </c>
      <c r="G11870" s="8">
        <v>152</v>
      </c>
      <c r="H11870" s="5">
        <v>6</v>
      </c>
      <c r="I11870" s="5" t="s">
        <v>1518</v>
      </c>
      <c r="J11870" s="5" t="s">
        <v>36264</v>
      </c>
      <c r="K11870" s="2" t="s">
        <v>36265</v>
      </c>
      <c r="L11870" s="5" t="s">
        <v>36264</v>
      </c>
      <c r="M11870" s="2" t="s">
        <v>36265</v>
      </c>
      <c r="N11870" s="5" t="s">
        <v>36266</v>
      </c>
      <c r="O11870" s="5" t="s">
        <v>38</v>
      </c>
      <c r="P11870" s="5" t="s">
        <v>39</v>
      </c>
      <c r="Q11870" s="5" t="s">
        <v>40</v>
      </c>
      <c r="R11870" s="5" t="s">
        <v>1522</v>
      </c>
      <c r="S11870" s="5" t="s">
        <v>1523</v>
      </c>
      <c r="T11870" s="5" t="s">
        <v>42</v>
      </c>
      <c r="U11870" s="2">
        <v>1.238</v>
      </c>
      <c r="V11870" s="2">
        <v>0.71199999999999997</v>
      </c>
      <c r="W11870" s="2">
        <v>1.4999999999999999E-2</v>
      </c>
      <c r="X11870" s="2">
        <v>118.9</v>
      </c>
      <c r="Y11870" s="2">
        <v>7.6</v>
      </c>
      <c r="Z11870" s="2">
        <v>16.7</v>
      </c>
      <c r="AA11870" s="5"/>
      <c r="AB11870" s="5" t="s">
        <v>43</v>
      </c>
      <c r="AC11870" s="5" t="s">
        <v>44</v>
      </c>
      <c r="AD11870" s="2"/>
      <c r="AE11870" s="1"/>
    </row>
    <row r="11871" spans="1:31" ht="14.45">
      <c r="A11871" s="11"/>
      <c r="B11871" s="20"/>
      <c r="C11871" s="2" t="s">
        <v>36537</v>
      </c>
      <c r="D11871" s="14" t="s">
        <v>36538</v>
      </c>
      <c r="E11871" s="2" t="s">
        <v>36539</v>
      </c>
      <c r="F11871" s="2" t="s">
        <v>36357</v>
      </c>
      <c r="G11871" s="8">
        <v>152</v>
      </c>
      <c r="H11871" s="5">
        <v>6</v>
      </c>
      <c r="I11871" s="5" t="s">
        <v>1518</v>
      </c>
      <c r="J11871" s="5" t="s">
        <v>36264</v>
      </c>
      <c r="K11871" s="2" t="s">
        <v>36265</v>
      </c>
      <c r="L11871" s="5" t="s">
        <v>36264</v>
      </c>
      <c r="M11871" s="2" t="s">
        <v>36265</v>
      </c>
      <c r="N11871" s="5" t="s">
        <v>36266</v>
      </c>
      <c r="O11871" s="5" t="s">
        <v>38</v>
      </c>
      <c r="P11871" s="5" t="s">
        <v>39</v>
      </c>
      <c r="Q11871" s="5" t="s">
        <v>40</v>
      </c>
      <c r="R11871" s="5" t="s">
        <v>1522</v>
      </c>
      <c r="S11871" s="5" t="s">
        <v>1523</v>
      </c>
      <c r="T11871" s="5" t="s">
        <v>42</v>
      </c>
      <c r="U11871" s="2">
        <v>1.252</v>
      </c>
      <c r="V11871" s="2">
        <v>0.72599999999999998</v>
      </c>
      <c r="W11871" s="2">
        <v>1.4999999999999999E-2</v>
      </c>
      <c r="X11871" s="2">
        <v>118.9</v>
      </c>
      <c r="Y11871" s="2">
        <v>7.6</v>
      </c>
      <c r="Z11871" s="2">
        <v>16.7</v>
      </c>
      <c r="AA11871" s="5"/>
      <c r="AB11871" s="5" t="s">
        <v>43</v>
      </c>
      <c r="AC11871" s="5" t="s">
        <v>44</v>
      </c>
      <c r="AD11871" s="2"/>
      <c r="AE11871" s="1"/>
    </row>
    <row r="11872" spans="1:31" ht="14.45">
      <c r="A11872" s="11"/>
      <c r="B11872" s="20"/>
      <c r="C11872" s="2" t="s">
        <v>36540</v>
      </c>
      <c r="D11872" s="14" t="s">
        <v>36541</v>
      </c>
      <c r="E11872" s="2" t="s">
        <v>36542</v>
      </c>
      <c r="F11872" s="2" t="s">
        <v>36361</v>
      </c>
      <c r="G11872" s="8">
        <v>152</v>
      </c>
      <c r="H11872" s="5">
        <v>6</v>
      </c>
      <c r="I11872" s="5" t="s">
        <v>1518</v>
      </c>
      <c r="J11872" s="5" t="s">
        <v>36264</v>
      </c>
      <c r="K11872" s="2" t="s">
        <v>36265</v>
      </c>
      <c r="L11872" s="5" t="s">
        <v>36264</v>
      </c>
      <c r="M11872" s="2" t="s">
        <v>36265</v>
      </c>
      <c r="N11872" s="5" t="s">
        <v>36266</v>
      </c>
      <c r="O11872" s="5" t="s">
        <v>38</v>
      </c>
      <c r="P11872" s="5" t="s">
        <v>39</v>
      </c>
      <c r="Q11872" s="5" t="s">
        <v>40</v>
      </c>
      <c r="R11872" s="5" t="s">
        <v>1522</v>
      </c>
      <c r="S11872" s="5" t="s">
        <v>1523</v>
      </c>
      <c r="T11872" s="5" t="s">
        <v>42</v>
      </c>
      <c r="U11872" s="2">
        <v>1.238</v>
      </c>
      <c r="V11872" s="2">
        <v>0.71199999999999997</v>
      </c>
      <c r="W11872" s="2">
        <v>1.4999999999999999E-2</v>
      </c>
      <c r="X11872" s="2">
        <v>118.9</v>
      </c>
      <c r="Y11872" s="2">
        <v>7.6</v>
      </c>
      <c r="Z11872" s="2">
        <v>16.7</v>
      </c>
      <c r="AA11872" s="5"/>
      <c r="AB11872" s="5" t="s">
        <v>43</v>
      </c>
      <c r="AC11872" s="5" t="s">
        <v>44</v>
      </c>
      <c r="AD11872" s="2"/>
      <c r="AE11872" s="1"/>
    </row>
    <row r="11873" spans="1:31" ht="14.45">
      <c r="A11873" s="11"/>
      <c r="B11873" s="20"/>
      <c r="C11873" s="2" t="s">
        <v>36543</v>
      </c>
      <c r="D11873" s="14" t="s">
        <v>36544</v>
      </c>
      <c r="E11873" s="2" t="s">
        <v>36545</v>
      </c>
      <c r="F11873" s="2" t="s">
        <v>36365</v>
      </c>
      <c r="G11873" s="8">
        <v>152</v>
      </c>
      <c r="H11873" s="5">
        <v>6</v>
      </c>
      <c r="I11873" s="5" t="s">
        <v>1518</v>
      </c>
      <c r="J11873" s="5" t="s">
        <v>36264</v>
      </c>
      <c r="K11873" s="2" t="s">
        <v>36265</v>
      </c>
      <c r="L11873" s="5" t="s">
        <v>36264</v>
      </c>
      <c r="M11873" s="2" t="s">
        <v>36265</v>
      </c>
      <c r="N11873" s="5" t="s">
        <v>36266</v>
      </c>
      <c r="O11873" s="5" t="s">
        <v>38</v>
      </c>
      <c r="P11873" s="5" t="s">
        <v>39</v>
      </c>
      <c r="Q11873" s="5" t="s">
        <v>40</v>
      </c>
      <c r="R11873" s="5" t="s">
        <v>1522</v>
      </c>
      <c r="S11873" s="5" t="s">
        <v>1523</v>
      </c>
      <c r="T11873" s="5" t="s">
        <v>42</v>
      </c>
      <c r="U11873" s="2">
        <v>1.252</v>
      </c>
      <c r="V11873" s="2">
        <v>0.72599999999999998</v>
      </c>
      <c r="W11873" s="2">
        <v>1.4999999999999999E-2</v>
      </c>
      <c r="X11873" s="2">
        <v>118.9</v>
      </c>
      <c r="Y11873" s="2">
        <v>7.6</v>
      </c>
      <c r="Z11873" s="2">
        <v>16.7</v>
      </c>
      <c r="AA11873" s="5"/>
      <c r="AB11873" s="5" t="s">
        <v>43</v>
      </c>
      <c r="AC11873" s="5" t="s">
        <v>44</v>
      </c>
      <c r="AD11873" s="2"/>
      <c r="AE11873" s="1"/>
    </row>
    <row r="11874" spans="1:31" ht="14.45">
      <c r="A11874" s="11"/>
      <c r="B11874" s="20"/>
      <c r="C11874" s="2" t="s">
        <v>36546</v>
      </c>
      <c r="D11874" s="14" t="s">
        <v>36547</v>
      </c>
      <c r="E11874" s="2" t="s">
        <v>36548</v>
      </c>
      <c r="F11874" s="2" t="s">
        <v>36369</v>
      </c>
      <c r="G11874" s="8">
        <v>152</v>
      </c>
      <c r="H11874" s="5">
        <v>6</v>
      </c>
      <c r="I11874" s="5" t="s">
        <v>1518</v>
      </c>
      <c r="J11874" s="5" t="s">
        <v>36264</v>
      </c>
      <c r="K11874" s="2" t="s">
        <v>36265</v>
      </c>
      <c r="L11874" s="5" t="s">
        <v>36264</v>
      </c>
      <c r="M11874" s="2" t="s">
        <v>36265</v>
      </c>
      <c r="N11874" s="5" t="s">
        <v>36266</v>
      </c>
      <c r="O11874" s="5" t="s">
        <v>38</v>
      </c>
      <c r="P11874" s="5" t="s">
        <v>39</v>
      </c>
      <c r="Q11874" s="5" t="s">
        <v>40</v>
      </c>
      <c r="R11874" s="5" t="s">
        <v>1522</v>
      </c>
      <c r="S11874" s="5" t="s">
        <v>1523</v>
      </c>
      <c r="T11874" s="5" t="s">
        <v>42</v>
      </c>
      <c r="U11874" s="2">
        <v>1.238</v>
      </c>
      <c r="V11874" s="2">
        <v>0.71199999999999997</v>
      </c>
      <c r="W11874" s="2">
        <v>1.4999999999999999E-2</v>
      </c>
      <c r="X11874" s="2">
        <v>118.9</v>
      </c>
      <c r="Y11874" s="2">
        <v>7.6</v>
      </c>
      <c r="Z11874" s="2">
        <v>16.7</v>
      </c>
      <c r="AA11874" s="5"/>
      <c r="AB11874" s="5" t="s">
        <v>43</v>
      </c>
      <c r="AC11874" s="5" t="s">
        <v>44</v>
      </c>
      <c r="AD11874" s="2"/>
      <c r="AE11874" s="1"/>
    </row>
    <row r="11875" spans="1:31" ht="14.45">
      <c r="A11875" s="11"/>
      <c r="B11875" s="20"/>
      <c r="C11875" s="2" t="s">
        <v>36549</v>
      </c>
      <c r="D11875" s="14" t="s">
        <v>36550</v>
      </c>
      <c r="E11875" s="2" t="s">
        <v>36551</v>
      </c>
      <c r="F11875" s="2" t="s">
        <v>36373</v>
      </c>
      <c r="G11875" s="8">
        <v>152</v>
      </c>
      <c r="H11875" s="5">
        <v>6</v>
      </c>
      <c r="I11875" s="5" t="s">
        <v>1518</v>
      </c>
      <c r="J11875" s="5" t="s">
        <v>36264</v>
      </c>
      <c r="K11875" s="2" t="s">
        <v>36265</v>
      </c>
      <c r="L11875" s="5" t="s">
        <v>36264</v>
      </c>
      <c r="M11875" s="2" t="s">
        <v>36265</v>
      </c>
      <c r="N11875" s="5" t="s">
        <v>36266</v>
      </c>
      <c r="O11875" s="5" t="s">
        <v>38</v>
      </c>
      <c r="P11875" s="5" t="s">
        <v>39</v>
      </c>
      <c r="Q11875" s="5" t="s">
        <v>40</v>
      </c>
      <c r="R11875" s="5" t="s">
        <v>1522</v>
      </c>
      <c r="S11875" s="5" t="s">
        <v>1523</v>
      </c>
      <c r="T11875" s="5" t="s">
        <v>42</v>
      </c>
      <c r="U11875" s="2">
        <v>1.252</v>
      </c>
      <c r="V11875" s="2">
        <v>0.72599999999999998</v>
      </c>
      <c r="W11875" s="2">
        <v>1.4999999999999999E-2</v>
      </c>
      <c r="X11875" s="2">
        <v>118.9</v>
      </c>
      <c r="Y11875" s="2">
        <v>7.6</v>
      </c>
      <c r="Z11875" s="2">
        <v>16.7</v>
      </c>
      <c r="AA11875" s="5"/>
      <c r="AB11875" s="5" t="s">
        <v>43</v>
      </c>
      <c r="AC11875" s="5" t="s">
        <v>44</v>
      </c>
      <c r="AD11875" s="2"/>
      <c r="AE11875" s="1"/>
    </row>
    <row r="11876" spans="1:31" ht="14.45">
      <c r="A11876" s="11"/>
      <c r="B11876" s="20"/>
      <c r="C11876" s="2" t="s">
        <v>36552</v>
      </c>
      <c r="D11876" s="14" t="s">
        <v>36553</v>
      </c>
      <c r="E11876" s="2" t="s">
        <v>36554</v>
      </c>
      <c r="F11876" s="2" t="s">
        <v>36377</v>
      </c>
      <c r="G11876" s="8">
        <v>152</v>
      </c>
      <c r="H11876" s="5">
        <v>6</v>
      </c>
      <c r="I11876" s="5" t="s">
        <v>1518</v>
      </c>
      <c r="J11876" s="5" t="s">
        <v>36264</v>
      </c>
      <c r="K11876" s="2" t="s">
        <v>36265</v>
      </c>
      <c r="L11876" s="5" t="s">
        <v>36264</v>
      </c>
      <c r="M11876" s="2" t="s">
        <v>36265</v>
      </c>
      <c r="N11876" s="5" t="s">
        <v>36266</v>
      </c>
      <c r="O11876" s="5" t="s">
        <v>38</v>
      </c>
      <c r="P11876" s="5" t="s">
        <v>39</v>
      </c>
      <c r="Q11876" s="5" t="s">
        <v>40</v>
      </c>
      <c r="R11876" s="5" t="s">
        <v>1522</v>
      </c>
      <c r="S11876" s="5" t="s">
        <v>1523</v>
      </c>
      <c r="T11876" s="5" t="s">
        <v>42</v>
      </c>
      <c r="U11876" s="2">
        <v>1.238</v>
      </c>
      <c r="V11876" s="2">
        <v>0.71199999999999997</v>
      </c>
      <c r="W11876" s="2">
        <v>1.4999999999999999E-2</v>
      </c>
      <c r="X11876" s="2">
        <v>118.9</v>
      </c>
      <c r="Y11876" s="2">
        <v>7.6</v>
      </c>
      <c r="Z11876" s="2">
        <v>16.7</v>
      </c>
      <c r="AA11876" s="5"/>
      <c r="AB11876" s="5" t="s">
        <v>43</v>
      </c>
      <c r="AC11876" s="5" t="s">
        <v>44</v>
      </c>
      <c r="AD11876" s="2"/>
      <c r="AE11876" s="1"/>
    </row>
    <row r="11877" spans="1:31" ht="14.45">
      <c r="A11877" s="11"/>
      <c r="B11877" s="20"/>
      <c r="C11877" s="2" t="s">
        <v>36555</v>
      </c>
      <c r="D11877" s="14" t="s">
        <v>36556</v>
      </c>
      <c r="E11877" s="2" t="s">
        <v>36557</v>
      </c>
      <c r="F11877" s="2" t="s">
        <v>36381</v>
      </c>
      <c r="G11877" s="8">
        <v>152</v>
      </c>
      <c r="H11877" s="5">
        <v>6</v>
      </c>
      <c r="I11877" s="5" t="s">
        <v>1518</v>
      </c>
      <c r="J11877" s="5" t="s">
        <v>36264</v>
      </c>
      <c r="K11877" s="2" t="s">
        <v>36265</v>
      </c>
      <c r="L11877" s="5" t="s">
        <v>36264</v>
      </c>
      <c r="M11877" s="2" t="s">
        <v>36265</v>
      </c>
      <c r="N11877" s="5" t="s">
        <v>36266</v>
      </c>
      <c r="O11877" s="5" t="s">
        <v>38</v>
      </c>
      <c r="P11877" s="5" t="s">
        <v>39</v>
      </c>
      <c r="Q11877" s="5" t="s">
        <v>40</v>
      </c>
      <c r="R11877" s="5" t="s">
        <v>1522</v>
      </c>
      <c r="S11877" s="5" t="s">
        <v>1523</v>
      </c>
      <c r="T11877" s="5" t="s">
        <v>42</v>
      </c>
      <c r="U11877" s="2">
        <v>1.252</v>
      </c>
      <c r="V11877" s="2">
        <v>0.72599999999999998</v>
      </c>
      <c r="W11877" s="2">
        <v>1.4999999999999999E-2</v>
      </c>
      <c r="X11877" s="2">
        <v>118.9</v>
      </c>
      <c r="Y11877" s="2">
        <v>7.6</v>
      </c>
      <c r="Z11877" s="2">
        <v>16.7</v>
      </c>
      <c r="AA11877" s="5"/>
      <c r="AB11877" s="5" t="s">
        <v>43</v>
      </c>
      <c r="AC11877" s="5" t="s">
        <v>44</v>
      </c>
      <c r="AD11877" s="2"/>
      <c r="AE11877" s="1"/>
    </row>
    <row r="11878" spans="1:31" ht="14.45">
      <c r="A11878" s="11"/>
      <c r="B11878" s="20"/>
      <c r="C11878" s="2" t="s">
        <v>36558</v>
      </c>
      <c r="D11878" s="14" t="s">
        <v>36559</v>
      </c>
      <c r="E11878" s="2" t="s">
        <v>36560</v>
      </c>
      <c r="F11878" s="2" t="s">
        <v>36389</v>
      </c>
      <c r="G11878" s="8">
        <v>152</v>
      </c>
      <c r="H11878" s="5">
        <v>6</v>
      </c>
      <c r="I11878" s="5" t="s">
        <v>1518</v>
      </c>
      <c r="J11878" s="5" t="s">
        <v>36264</v>
      </c>
      <c r="K11878" s="2" t="s">
        <v>36265</v>
      </c>
      <c r="L11878" s="5" t="s">
        <v>36264</v>
      </c>
      <c r="M11878" s="2" t="s">
        <v>36265</v>
      </c>
      <c r="N11878" s="5" t="s">
        <v>36266</v>
      </c>
      <c r="O11878" s="5" t="s">
        <v>38</v>
      </c>
      <c r="P11878" s="5" t="s">
        <v>39</v>
      </c>
      <c r="Q11878" s="5" t="s">
        <v>40</v>
      </c>
      <c r="R11878" s="5" t="s">
        <v>1522</v>
      </c>
      <c r="S11878" s="5" t="s">
        <v>1523</v>
      </c>
      <c r="T11878" s="5" t="s">
        <v>42</v>
      </c>
      <c r="U11878" s="2">
        <v>1.252</v>
      </c>
      <c r="V11878" s="2">
        <v>0.72599999999999998</v>
      </c>
      <c r="W11878" s="2">
        <v>1.4999999999999999E-2</v>
      </c>
      <c r="X11878" s="2">
        <v>118.9</v>
      </c>
      <c r="Y11878" s="2">
        <v>7.6</v>
      </c>
      <c r="Z11878" s="2">
        <v>16.7</v>
      </c>
      <c r="AA11878" s="5"/>
      <c r="AB11878" s="5" t="s">
        <v>43</v>
      </c>
      <c r="AC11878" s="5" t="s">
        <v>44</v>
      </c>
      <c r="AD11878" s="2"/>
      <c r="AE11878" s="1"/>
    </row>
    <row r="11879" spans="1:31" ht="14.45">
      <c r="A11879" s="11"/>
      <c r="B11879" s="20"/>
      <c r="C11879" s="2" t="s">
        <v>36561</v>
      </c>
      <c r="D11879" s="14" t="s">
        <v>36562</v>
      </c>
      <c r="E11879" s="2" t="s">
        <v>36563</v>
      </c>
      <c r="F11879" s="2" t="s">
        <v>7204</v>
      </c>
      <c r="G11879" s="8">
        <v>104</v>
      </c>
      <c r="H11879" s="5">
        <v>6</v>
      </c>
      <c r="I11879" s="5" t="s">
        <v>1518</v>
      </c>
      <c r="J11879" s="5" t="s">
        <v>36264</v>
      </c>
      <c r="K11879" s="2" t="s">
        <v>36265</v>
      </c>
      <c r="L11879" s="5" t="s">
        <v>36264</v>
      </c>
      <c r="M11879" s="2" t="s">
        <v>36265</v>
      </c>
      <c r="N11879" s="5" t="s">
        <v>36266</v>
      </c>
      <c r="O11879" s="5" t="s">
        <v>38</v>
      </c>
      <c r="P11879" s="5" t="s">
        <v>39</v>
      </c>
      <c r="Q11879" s="5" t="s">
        <v>40</v>
      </c>
      <c r="R11879" s="5" t="s">
        <v>1522</v>
      </c>
      <c r="S11879" s="5" t="s">
        <v>1523</v>
      </c>
      <c r="T11879" s="5" t="s">
        <v>42</v>
      </c>
      <c r="U11879" s="2">
        <v>0.98399999999999999</v>
      </c>
      <c r="V11879" s="2">
        <v>0.56499999999999995</v>
      </c>
      <c r="W11879" s="2">
        <v>0.01</v>
      </c>
      <c r="X11879" s="2">
        <v>76.900000000000006</v>
      </c>
      <c r="Y11879" s="2">
        <v>7.6</v>
      </c>
      <c r="Z11879" s="2">
        <v>16.7</v>
      </c>
      <c r="AA11879" s="5"/>
      <c r="AB11879" s="5" t="s">
        <v>43</v>
      </c>
      <c r="AC11879" s="5" t="s">
        <v>44</v>
      </c>
      <c r="AD11879" s="2"/>
      <c r="AE11879" s="1"/>
    </row>
    <row r="11880" spans="1:31" ht="14.45">
      <c r="A11880" s="11"/>
      <c r="B11880" s="20"/>
      <c r="C11880" s="2" t="s">
        <v>36564</v>
      </c>
      <c r="D11880" s="14" t="s">
        <v>36565</v>
      </c>
      <c r="E11880" s="2" t="s">
        <v>36566</v>
      </c>
      <c r="F11880" s="2" t="s">
        <v>7514</v>
      </c>
      <c r="G11880" s="8">
        <v>104</v>
      </c>
      <c r="H11880" s="5">
        <v>6</v>
      </c>
      <c r="I11880" s="5" t="s">
        <v>1518</v>
      </c>
      <c r="J11880" s="5" t="s">
        <v>36264</v>
      </c>
      <c r="K11880" s="2" t="s">
        <v>36265</v>
      </c>
      <c r="L11880" s="5" t="s">
        <v>36264</v>
      </c>
      <c r="M11880" s="2" t="s">
        <v>36265</v>
      </c>
      <c r="N11880" s="5" t="s">
        <v>36266</v>
      </c>
      <c r="O11880" s="5" t="s">
        <v>38</v>
      </c>
      <c r="P11880" s="5" t="s">
        <v>39</v>
      </c>
      <c r="Q11880" s="5" t="s">
        <v>40</v>
      </c>
      <c r="R11880" s="5" t="s">
        <v>1522</v>
      </c>
      <c r="S11880" s="5" t="s">
        <v>1523</v>
      </c>
      <c r="T11880" s="5" t="s">
        <v>42</v>
      </c>
      <c r="U11880" s="2">
        <v>0.998</v>
      </c>
      <c r="V11880" s="2">
        <v>0.57899999999999996</v>
      </c>
      <c r="W11880" s="2">
        <v>0.01</v>
      </c>
      <c r="X11880" s="2">
        <v>76.900000000000006</v>
      </c>
      <c r="Y11880" s="2">
        <v>7.6</v>
      </c>
      <c r="Z11880" s="2">
        <v>16.7</v>
      </c>
      <c r="AA11880" s="5"/>
      <c r="AB11880" s="5" t="s">
        <v>43</v>
      </c>
      <c r="AC11880" s="5" t="s">
        <v>44</v>
      </c>
      <c r="AD11880" s="2"/>
      <c r="AE11880" s="1"/>
    </row>
    <row r="11881" spans="1:31" ht="14.45">
      <c r="A11881" s="11"/>
      <c r="B11881" s="20"/>
      <c r="C11881" s="2" t="s">
        <v>36567</v>
      </c>
      <c r="D11881" s="14" t="s">
        <v>36568</v>
      </c>
      <c r="E11881" s="2" t="s">
        <v>36569</v>
      </c>
      <c r="F11881" s="2" t="s">
        <v>36273</v>
      </c>
      <c r="G11881" s="8">
        <v>104</v>
      </c>
      <c r="H11881" s="5">
        <v>6</v>
      </c>
      <c r="I11881" s="5" t="s">
        <v>1518</v>
      </c>
      <c r="J11881" s="5" t="s">
        <v>36264</v>
      </c>
      <c r="K11881" s="2" t="s">
        <v>36265</v>
      </c>
      <c r="L11881" s="5" t="s">
        <v>36264</v>
      </c>
      <c r="M11881" s="2" t="s">
        <v>36265</v>
      </c>
      <c r="N11881" s="5" t="s">
        <v>36266</v>
      </c>
      <c r="O11881" s="5" t="s">
        <v>38</v>
      </c>
      <c r="P11881" s="5" t="s">
        <v>39</v>
      </c>
      <c r="Q11881" s="5" t="s">
        <v>40</v>
      </c>
      <c r="R11881" s="5" t="s">
        <v>1522</v>
      </c>
      <c r="S11881" s="5" t="s">
        <v>1523</v>
      </c>
      <c r="T11881" s="5" t="s">
        <v>42</v>
      </c>
      <c r="U11881" s="2">
        <v>0.98399999999999999</v>
      </c>
      <c r="V11881" s="2">
        <v>0.56499999999999995</v>
      </c>
      <c r="W11881" s="2">
        <v>0.01</v>
      </c>
      <c r="X11881" s="2">
        <v>76.900000000000006</v>
      </c>
      <c r="Y11881" s="2">
        <v>7.6</v>
      </c>
      <c r="Z11881" s="2">
        <v>16.7</v>
      </c>
      <c r="AA11881" s="5"/>
      <c r="AB11881" s="5" t="s">
        <v>43</v>
      </c>
      <c r="AC11881" s="5" t="s">
        <v>44</v>
      </c>
      <c r="AD11881" s="2"/>
      <c r="AE11881" s="1"/>
    </row>
    <row r="11882" spans="1:31" ht="14.45">
      <c r="A11882" s="11"/>
      <c r="B11882" s="20"/>
      <c r="C11882" s="2" t="s">
        <v>36570</v>
      </c>
      <c r="D11882" s="14" t="s">
        <v>36571</v>
      </c>
      <c r="E11882" s="2" t="s">
        <v>36572</v>
      </c>
      <c r="F11882" s="2" t="s">
        <v>36277</v>
      </c>
      <c r="G11882" s="8">
        <v>104</v>
      </c>
      <c r="H11882" s="5">
        <v>6</v>
      </c>
      <c r="I11882" s="5" t="s">
        <v>1518</v>
      </c>
      <c r="J11882" s="5" t="s">
        <v>36264</v>
      </c>
      <c r="K11882" s="2" t="s">
        <v>36265</v>
      </c>
      <c r="L11882" s="5" t="s">
        <v>36264</v>
      </c>
      <c r="M11882" s="2" t="s">
        <v>36265</v>
      </c>
      <c r="N11882" s="5" t="s">
        <v>36266</v>
      </c>
      <c r="O11882" s="5" t="s">
        <v>38</v>
      </c>
      <c r="P11882" s="5" t="s">
        <v>39</v>
      </c>
      <c r="Q11882" s="5" t="s">
        <v>40</v>
      </c>
      <c r="R11882" s="5" t="s">
        <v>1522</v>
      </c>
      <c r="S11882" s="5" t="s">
        <v>1523</v>
      </c>
      <c r="T11882" s="5" t="s">
        <v>42</v>
      </c>
      <c r="U11882" s="2">
        <v>0.998</v>
      </c>
      <c r="V11882" s="2">
        <v>0.57899999999999996</v>
      </c>
      <c r="W11882" s="2">
        <v>0.01</v>
      </c>
      <c r="X11882" s="2">
        <v>76.900000000000006</v>
      </c>
      <c r="Y11882" s="2">
        <v>7.6</v>
      </c>
      <c r="Z11882" s="2">
        <v>16.7</v>
      </c>
      <c r="AA11882" s="5"/>
      <c r="AB11882" s="5" t="s">
        <v>43</v>
      </c>
      <c r="AC11882" s="5" t="s">
        <v>44</v>
      </c>
      <c r="AD11882" s="2"/>
      <c r="AE11882" s="1"/>
    </row>
    <row r="11883" spans="1:31" ht="14.45">
      <c r="A11883" s="11"/>
      <c r="B11883" s="20"/>
      <c r="C11883" s="2" t="s">
        <v>36573</v>
      </c>
      <c r="D11883" s="14" t="s">
        <v>36574</v>
      </c>
      <c r="E11883" s="2" t="s">
        <v>36575</v>
      </c>
      <c r="F11883" s="2" t="s">
        <v>36281</v>
      </c>
      <c r="G11883" s="8">
        <v>119</v>
      </c>
      <c r="H11883" s="5">
        <v>6</v>
      </c>
      <c r="I11883" s="5" t="s">
        <v>1518</v>
      </c>
      <c r="J11883" s="5" t="s">
        <v>36264</v>
      </c>
      <c r="K11883" s="2" t="s">
        <v>36265</v>
      </c>
      <c r="L11883" s="5" t="s">
        <v>36264</v>
      </c>
      <c r="M11883" s="2" t="s">
        <v>36265</v>
      </c>
      <c r="N11883" s="5" t="s">
        <v>36266</v>
      </c>
      <c r="O11883" s="5" t="s">
        <v>38</v>
      </c>
      <c r="P11883" s="5" t="s">
        <v>39</v>
      </c>
      <c r="Q11883" s="5" t="s">
        <v>40</v>
      </c>
      <c r="R11883" s="5" t="s">
        <v>1522</v>
      </c>
      <c r="S11883" s="5" t="s">
        <v>1523</v>
      </c>
      <c r="T11883" s="5" t="s">
        <v>42</v>
      </c>
      <c r="U11883" s="2">
        <v>0.98399999999999999</v>
      </c>
      <c r="V11883" s="2">
        <v>0.56499999999999995</v>
      </c>
      <c r="W11883" s="2">
        <v>0.01</v>
      </c>
      <c r="X11883" s="2">
        <v>76.900000000000006</v>
      </c>
      <c r="Y11883" s="2">
        <v>7.6</v>
      </c>
      <c r="Z11883" s="2">
        <v>16.7</v>
      </c>
      <c r="AA11883" s="5"/>
      <c r="AB11883" s="5" t="s">
        <v>43</v>
      </c>
      <c r="AC11883" s="5" t="s">
        <v>44</v>
      </c>
      <c r="AD11883" s="2"/>
      <c r="AE11883" s="1"/>
    </row>
    <row r="11884" spans="1:31" ht="14.45">
      <c r="A11884" s="11"/>
      <c r="B11884" s="20"/>
      <c r="C11884" s="2" t="s">
        <v>36576</v>
      </c>
      <c r="D11884" s="14" t="s">
        <v>36577</v>
      </c>
      <c r="E11884" s="2" t="s">
        <v>36578</v>
      </c>
      <c r="F11884" s="2" t="s">
        <v>36285</v>
      </c>
      <c r="G11884" s="8">
        <v>119</v>
      </c>
      <c r="H11884" s="5">
        <v>6</v>
      </c>
      <c r="I11884" s="5" t="s">
        <v>1518</v>
      </c>
      <c r="J11884" s="5" t="s">
        <v>36264</v>
      </c>
      <c r="K11884" s="2" t="s">
        <v>36265</v>
      </c>
      <c r="L11884" s="5" t="s">
        <v>36264</v>
      </c>
      <c r="M11884" s="2" t="s">
        <v>36265</v>
      </c>
      <c r="N11884" s="5" t="s">
        <v>36266</v>
      </c>
      <c r="O11884" s="5" t="s">
        <v>38</v>
      </c>
      <c r="P11884" s="5" t="s">
        <v>39</v>
      </c>
      <c r="Q11884" s="5" t="s">
        <v>40</v>
      </c>
      <c r="R11884" s="5" t="s">
        <v>1522</v>
      </c>
      <c r="S11884" s="5" t="s">
        <v>1523</v>
      </c>
      <c r="T11884" s="5" t="s">
        <v>42</v>
      </c>
      <c r="U11884" s="2">
        <v>0.998</v>
      </c>
      <c r="V11884" s="2">
        <v>0.57899999999999996</v>
      </c>
      <c r="W11884" s="2">
        <v>0.01</v>
      </c>
      <c r="X11884" s="2">
        <v>76.900000000000006</v>
      </c>
      <c r="Y11884" s="2">
        <v>7.6</v>
      </c>
      <c r="Z11884" s="2">
        <v>16.7</v>
      </c>
      <c r="AA11884" s="5"/>
      <c r="AB11884" s="5" t="s">
        <v>43</v>
      </c>
      <c r="AC11884" s="5" t="s">
        <v>44</v>
      </c>
      <c r="AD11884" s="2"/>
      <c r="AE11884" s="1"/>
    </row>
    <row r="11885" spans="1:31" ht="14.45">
      <c r="A11885" s="11"/>
      <c r="B11885" s="20"/>
      <c r="C11885" s="2" t="s">
        <v>36579</v>
      </c>
      <c r="D11885" s="14" t="s">
        <v>36580</v>
      </c>
      <c r="E11885" s="2" t="s">
        <v>36581</v>
      </c>
      <c r="F11885" s="2" t="s">
        <v>36289</v>
      </c>
      <c r="G11885" s="8">
        <v>119</v>
      </c>
      <c r="H11885" s="5">
        <v>6</v>
      </c>
      <c r="I11885" s="5" t="s">
        <v>1518</v>
      </c>
      <c r="J11885" s="5" t="s">
        <v>36264</v>
      </c>
      <c r="K11885" s="2" t="s">
        <v>36265</v>
      </c>
      <c r="L11885" s="5" t="s">
        <v>36264</v>
      </c>
      <c r="M11885" s="2" t="s">
        <v>36265</v>
      </c>
      <c r="N11885" s="5" t="s">
        <v>36266</v>
      </c>
      <c r="O11885" s="5" t="s">
        <v>38</v>
      </c>
      <c r="P11885" s="5" t="s">
        <v>39</v>
      </c>
      <c r="Q11885" s="5" t="s">
        <v>40</v>
      </c>
      <c r="R11885" s="5" t="s">
        <v>1522</v>
      </c>
      <c r="S11885" s="5" t="s">
        <v>1523</v>
      </c>
      <c r="T11885" s="5" t="s">
        <v>42</v>
      </c>
      <c r="U11885" s="2">
        <v>0.98399999999999999</v>
      </c>
      <c r="V11885" s="2">
        <v>0.56499999999999995</v>
      </c>
      <c r="W11885" s="2">
        <v>0.01</v>
      </c>
      <c r="X11885" s="2">
        <v>76.900000000000006</v>
      </c>
      <c r="Y11885" s="2">
        <v>7.6</v>
      </c>
      <c r="Z11885" s="2">
        <v>16.7</v>
      </c>
      <c r="AA11885" s="5"/>
      <c r="AB11885" s="5" t="s">
        <v>43</v>
      </c>
      <c r="AC11885" s="5" t="s">
        <v>44</v>
      </c>
      <c r="AD11885" s="2"/>
      <c r="AE11885" s="1"/>
    </row>
    <row r="11886" spans="1:31" ht="14.45">
      <c r="A11886" s="11"/>
      <c r="B11886" s="20"/>
      <c r="C11886" s="2" t="s">
        <v>36582</v>
      </c>
      <c r="D11886" s="14" t="s">
        <v>36583</v>
      </c>
      <c r="E11886" s="2" t="s">
        <v>36584</v>
      </c>
      <c r="F11886" s="2" t="s">
        <v>36293</v>
      </c>
      <c r="G11886" s="8">
        <v>119</v>
      </c>
      <c r="H11886" s="5">
        <v>6</v>
      </c>
      <c r="I11886" s="5" t="s">
        <v>1518</v>
      </c>
      <c r="J11886" s="5" t="s">
        <v>36264</v>
      </c>
      <c r="K11886" s="2" t="s">
        <v>36265</v>
      </c>
      <c r="L11886" s="5" t="s">
        <v>36264</v>
      </c>
      <c r="M11886" s="2" t="s">
        <v>36265</v>
      </c>
      <c r="N11886" s="5" t="s">
        <v>36266</v>
      </c>
      <c r="O11886" s="5" t="s">
        <v>38</v>
      </c>
      <c r="P11886" s="5" t="s">
        <v>39</v>
      </c>
      <c r="Q11886" s="5" t="s">
        <v>40</v>
      </c>
      <c r="R11886" s="5" t="s">
        <v>1522</v>
      </c>
      <c r="S11886" s="5" t="s">
        <v>1523</v>
      </c>
      <c r="T11886" s="5" t="s">
        <v>42</v>
      </c>
      <c r="U11886" s="2">
        <v>0.998</v>
      </c>
      <c r="V11886" s="2">
        <v>0.57899999999999996</v>
      </c>
      <c r="W11886" s="2">
        <v>0.01</v>
      </c>
      <c r="X11886" s="2">
        <v>76.900000000000006</v>
      </c>
      <c r="Y11886" s="2">
        <v>7.6</v>
      </c>
      <c r="Z11886" s="2">
        <v>16.7</v>
      </c>
      <c r="AA11886" s="5"/>
      <c r="AB11886" s="5" t="s">
        <v>43</v>
      </c>
      <c r="AC11886" s="5" t="s">
        <v>44</v>
      </c>
      <c r="AD11886" s="2"/>
      <c r="AE11886" s="1"/>
    </row>
    <row r="11887" spans="1:31" ht="14.45">
      <c r="A11887" s="11"/>
      <c r="B11887" s="20"/>
      <c r="C11887" s="2" t="s">
        <v>36585</v>
      </c>
      <c r="D11887" s="14" t="s">
        <v>36586</v>
      </c>
      <c r="E11887" s="2" t="s">
        <v>36587</v>
      </c>
      <c r="F11887" s="2" t="s">
        <v>36588</v>
      </c>
      <c r="G11887" s="8">
        <v>104</v>
      </c>
      <c r="H11887" s="5">
        <v>6</v>
      </c>
      <c r="I11887" s="5" t="s">
        <v>1518</v>
      </c>
      <c r="J11887" s="5" t="s">
        <v>36264</v>
      </c>
      <c r="K11887" s="2" t="s">
        <v>36265</v>
      </c>
      <c r="L11887" s="5" t="s">
        <v>36264</v>
      </c>
      <c r="M11887" s="2" t="s">
        <v>36265</v>
      </c>
      <c r="N11887" s="5" t="s">
        <v>36266</v>
      </c>
      <c r="O11887" s="5" t="s">
        <v>38</v>
      </c>
      <c r="P11887" s="5" t="s">
        <v>39</v>
      </c>
      <c r="Q11887" s="5" t="s">
        <v>40</v>
      </c>
      <c r="R11887" s="5" t="s">
        <v>1522</v>
      </c>
      <c r="S11887" s="5" t="s">
        <v>1523</v>
      </c>
      <c r="T11887" s="5" t="s">
        <v>42</v>
      </c>
      <c r="U11887" s="2">
        <v>0.98399999999999999</v>
      </c>
      <c r="V11887" s="2">
        <v>0.56499999999999995</v>
      </c>
      <c r="W11887" s="2">
        <v>0.01</v>
      </c>
      <c r="X11887" s="2">
        <v>76.900000000000006</v>
      </c>
      <c r="Y11887" s="2">
        <v>7.6</v>
      </c>
      <c r="Z11887" s="2">
        <v>16.7</v>
      </c>
      <c r="AA11887" s="5"/>
      <c r="AB11887" s="5" t="s">
        <v>43</v>
      </c>
      <c r="AC11887" s="5" t="s">
        <v>44</v>
      </c>
      <c r="AD11887" s="2"/>
      <c r="AE11887" s="1"/>
    </row>
    <row r="11888" spans="1:31" ht="14.45">
      <c r="A11888" s="11"/>
      <c r="B11888" s="20"/>
      <c r="C11888" s="2" t="s">
        <v>36589</v>
      </c>
      <c r="D11888" s="14" t="s">
        <v>36590</v>
      </c>
      <c r="E11888" s="2" t="s">
        <v>36591</v>
      </c>
      <c r="F11888" s="2" t="s">
        <v>36592</v>
      </c>
      <c r="G11888" s="8">
        <v>104</v>
      </c>
      <c r="H11888" s="5">
        <v>6</v>
      </c>
      <c r="I11888" s="5" t="s">
        <v>1518</v>
      </c>
      <c r="J11888" s="5" t="s">
        <v>36264</v>
      </c>
      <c r="K11888" s="2" t="s">
        <v>36265</v>
      </c>
      <c r="L11888" s="5" t="s">
        <v>36264</v>
      </c>
      <c r="M11888" s="2" t="s">
        <v>36265</v>
      </c>
      <c r="N11888" s="5" t="s">
        <v>36266</v>
      </c>
      <c r="O11888" s="5" t="s">
        <v>38</v>
      </c>
      <c r="P11888" s="5" t="s">
        <v>39</v>
      </c>
      <c r="Q11888" s="5" t="s">
        <v>40</v>
      </c>
      <c r="R11888" s="5" t="s">
        <v>1522</v>
      </c>
      <c r="S11888" s="5" t="s">
        <v>1523</v>
      </c>
      <c r="T11888" s="5" t="s">
        <v>42</v>
      </c>
      <c r="U11888" s="2">
        <v>0.998</v>
      </c>
      <c r="V11888" s="2">
        <v>0.57899999999999996</v>
      </c>
      <c r="W11888" s="2">
        <v>0.01</v>
      </c>
      <c r="X11888" s="2">
        <v>76.900000000000006</v>
      </c>
      <c r="Y11888" s="2">
        <v>7.6</v>
      </c>
      <c r="Z11888" s="2">
        <v>16.7</v>
      </c>
      <c r="AA11888" s="5"/>
      <c r="AB11888" s="5" t="s">
        <v>43</v>
      </c>
      <c r="AC11888" s="5" t="s">
        <v>44</v>
      </c>
      <c r="AD11888" s="2"/>
      <c r="AE11888" s="1"/>
    </row>
    <row r="11889" spans="1:31" ht="14.45">
      <c r="A11889" s="11"/>
      <c r="B11889" s="20"/>
      <c r="C11889" s="2" t="s">
        <v>36593</v>
      </c>
      <c r="D11889" s="14" t="s">
        <v>36594</v>
      </c>
      <c r="E11889" s="2" t="s">
        <v>36595</v>
      </c>
      <c r="F11889" s="2" t="s">
        <v>36305</v>
      </c>
      <c r="G11889" s="8">
        <v>104</v>
      </c>
      <c r="H11889" s="5">
        <v>6</v>
      </c>
      <c r="I11889" s="5" t="s">
        <v>1518</v>
      </c>
      <c r="J11889" s="5" t="s">
        <v>36264</v>
      </c>
      <c r="K11889" s="2" t="s">
        <v>36265</v>
      </c>
      <c r="L11889" s="5" t="s">
        <v>36264</v>
      </c>
      <c r="M11889" s="2" t="s">
        <v>36265</v>
      </c>
      <c r="N11889" s="5" t="s">
        <v>36266</v>
      </c>
      <c r="O11889" s="5" t="s">
        <v>38</v>
      </c>
      <c r="P11889" s="5" t="s">
        <v>39</v>
      </c>
      <c r="Q11889" s="5" t="s">
        <v>40</v>
      </c>
      <c r="R11889" s="5" t="s">
        <v>1522</v>
      </c>
      <c r="S11889" s="5" t="s">
        <v>1523</v>
      </c>
      <c r="T11889" s="5" t="s">
        <v>42</v>
      </c>
      <c r="U11889" s="2">
        <v>0.98399999999999999</v>
      </c>
      <c r="V11889" s="2">
        <v>0.56499999999999995</v>
      </c>
      <c r="W11889" s="2">
        <v>0.01</v>
      </c>
      <c r="X11889" s="2">
        <v>76.900000000000006</v>
      </c>
      <c r="Y11889" s="2">
        <v>7.6</v>
      </c>
      <c r="Z11889" s="2">
        <v>16.7</v>
      </c>
      <c r="AA11889" s="5"/>
      <c r="AB11889" s="5" t="s">
        <v>43</v>
      </c>
      <c r="AC11889" s="5" t="s">
        <v>44</v>
      </c>
      <c r="AD11889" s="2"/>
      <c r="AE11889" s="1"/>
    </row>
    <row r="11890" spans="1:31" ht="14.45">
      <c r="A11890" s="11"/>
      <c r="B11890" s="20"/>
      <c r="C11890" s="2" t="s">
        <v>36596</v>
      </c>
      <c r="D11890" s="14" t="s">
        <v>36597</v>
      </c>
      <c r="E11890" s="2" t="s">
        <v>36598</v>
      </c>
      <c r="F11890" s="2" t="s">
        <v>36309</v>
      </c>
      <c r="G11890" s="8">
        <v>104</v>
      </c>
      <c r="H11890" s="5">
        <v>6</v>
      </c>
      <c r="I11890" s="5" t="s">
        <v>1518</v>
      </c>
      <c r="J11890" s="5" t="s">
        <v>36264</v>
      </c>
      <c r="K11890" s="2" t="s">
        <v>36265</v>
      </c>
      <c r="L11890" s="5" t="s">
        <v>36264</v>
      </c>
      <c r="M11890" s="2" t="s">
        <v>36265</v>
      </c>
      <c r="N11890" s="5" t="s">
        <v>36266</v>
      </c>
      <c r="O11890" s="5" t="s">
        <v>38</v>
      </c>
      <c r="P11890" s="5" t="s">
        <v>39</v>
      </c>
      <c r="Q11890" s="5" t="s">
        <v>40</v>
      </c>
      <c r="R11890" s="5" t="s">
        <v>1522</v>
      </c>
      <c r="S11890" s="5" t="s">
        <v>1523</v>
      </c>
      <c r="T11890" s="5" t="s">
        <v>42</v>
      </c>
      <c r="U11890" s="2">
        <v>0.998</v>
      </c>
      <c r="V11890" s="2">
        <v>0.57899999999999996</v>
      </c>
      <c r="W11890" s="2">
        <v>0.01</v>
      </c>
      <c r="X11890" s="2">
        <v>76.900000000000006</v>
      </c>
      <c r="Y11890" s="2">
        <v>7.6</v>
      </c>
      <c r="Z11890" s="2">
        <v>16.7</v>
      </c>
      <c r="AA11890" s="5"/>
      <c r="AB11890" s="5" t="s">
        <v>43</v>
      </c>
      <c r="AC11890" s="5" t="s">
        <v>44</v>
      </c>
      <c r="AD11890" s="2"/>
      <c r="AE11890" s="1"/>
    </row>
    <row r="11891" spans="1:31" ht="14.45">
      <c r="A11891" s="11"/>
      <c r="B11891" s="20"/>
      <c r="C11891" s="2" t="s">
        <v>36599</v>
      </c>
      <c r="D11891" s="14" t="s">
        <v>36600</v>
      </c>
      <c r="E11891" s="2" t="s">
        <v>36601</v>
      </c>
      <c r="F11891" s="2" t="s">
        <v>36313</v>
      </c>
      <c r="G11891" s="8">
        <v>119</v>
      </c>
      <c r="H11891" s="5">
        <v>6</v>
      </c>
      <c r="I11891" s="5" t="s">
        <v>1518</v>
      </c>
      <c r="J11891" s="5" t="s">
        <v>36264</v>
      </c>
      <c r="K11891" s="2" t="s">
        <v>36265</v>
      </c>
      <c r="L11891" s="5" t="s">
        <v>36264</v>
      </c>
      <c r="M11891" s="2" t="s">
        <v>36265</v>
      </c>
      <c r="N11891" s="5" t="s">
        <v>36266</v>
      </c>
      <c r="O11891" s="5" t="s">
        <v>38</v>
      </c>
      <c r="P11891" s="5" t="s">
        <v>39</v>
      </c>
      <c r="Q11891" s="5" t="s">
        <v>40</v>
      </c>
      <c r="R11891" s="5" t="s">
        <v>1522</v>
      </c>
      <c r="S11891" s="5" t="s">
        <v>1523</v>
      </c>
      <c r="T11891" s="5" t="s">
        <v>42</v>
      </c>
      <c r="U11891" s="2">
        <v>0.98399999999999999</v>
      </c>
      <c r="V11891" s="2">
        <v>0.56499999999999995</v>
      </c>
      <c r="W11891" s="2">
        <v>0.01</v>
      </c>
      <c r="X11891" s="2">
        <v>76.900000000000006</v>
      </c>
      <c r="Y11891" s="2">
        <v>7.6</v>
      </c>
      <c r="Z11891" s="2">
        <v>16.7</v>
      </c>
      <c r="AA11891" s="5"/>
      <c r="AB11891" s="5" t="s">
        <v>43</v>
      </c>
      <c r="AC11891" s="5" t="s">
        <v>44</v>
      </c>
      <c r="AD11891" s="2"/>
      <c r="AE11891" s="1"/>
    </row>
    <row r="11892" spans="1:31" ht="14.45">
      <c r="A11892" s="11"/>
      <c r="B11892" s="20"/>
      <c r="C11892" s="2" t="s">
        <v>36602</v>
      </c>
      <c r="D11892" s="14" t="s">
        <v>36603</v>
      </c>
      <c r="E11892" s="2" t="s">
        <v>36604</v>
      </c>
      <c r="F11892" s="2" t="s">
        <v>36317</v>
      </c>
      <c r="G11892" s="8">
        <v>119</v>
      </c>
      <c r="H11892" s="5">
        <v>6</v>
      </c>
      <c r="I11892" s="5" t="s">
        <v>1518</v>
      </c>
      <c r="J11892" s="5" t="s">
        <v>36264</v>
      </c>
      <c r="K11892" s="2" t="s">
        <v>36265</v>
      </c>
      <c r="L11892" s="5" t="s">
        <v>36264</v>
      </c>
      <c r="M11892" s="2" t="s">
        <v>36265</v>
      </c>
      <c r="N11892" s="5" t="s">
        <v>36266</v>
      </c>
      <c r="O11892" s="5" t="s">
        <v>38</v>
      </c>
      <c r="P11892" s="5" t="s">
        <v>39</v>
      </c>
      <c r="Q11892" s="5" t="s">
        <v>40</v>
      </c>
      <c r="R11892" s="5" t="s">
        <v>1522</v>
      </c>
      <c r="S11892" s="5" t="s">
        <v>1523</v>
      </c>
      <c r="T11892" s="5" t="s">
        <v>42</v>
      </c>
      <c r="U11892" s="2">
        <v>0.998</v>
      </c>
      <c r="V11892" s="2">
        <v>0.57899999999999996</v>
      </c>
      <c r="W11892" s="2">
        <v>0.01</v>
      </c>
      <c r="X11892" s="2">
        <v>76.900000000000006</v>
      </c>
      <c r="Y11892" s="2">
        <v>7.6</v>
      </c>
      <c r="Z11892" s="2">
        <v>16.7</v>
      </c>
      <c r="AA11892" s="5"/>
      <c r="AB11892" s="5" t="s">
        <v>43</v>
      </c>
      <c r="AC11892" s="5" t="s">
        <v>44</v>
      </c>
      <c r="AD11892" s="2"/>
      <c r="AE11892" s="1"/>
    </row>
    <row r="11893" spans="1:31" ht="14.45">
      <c r="A11893" s="11"/>
      <c r="B11893" s="20"/>
      <c r="C11893" s="2" t="s">
        <v>36605</v>
      </c>
      <c r="D11893" s="14" t="s">
        <v>36606</v>
      </c>
      <c r="E11893" s="2" t="s">
        <v>36607</v>
      </c>
      <c r="F11893" s="2" t="s">
        <v>36321</v>
      </c>
      <c r="G11893" s="8">
        <v>119</v>
      </c>
      <c r="H11893" s="5">
        <v>6</v>
      </c>
      <c r="I11893" s="5" t="s">
        <v>1518</v>
      </c>
      <c r="J11893" s="5" t="s">
        <v>36264</v>
      </c>
      <c r="K11893" s="2" t="s">
        <v>36265</v>
      </c>
      <c r="L11893" s="5" t="s">
        <v>36264</v>
      </c>
      <c r="M11893" s="2" t="s">
        <v>36265</v>
      </c>
      <c r="N11893" s="5" t="s">
        <v>36266</v>
      </c>
      <c r="O11893" s="5" t="s">
        <v>38</v>
      </c>
      <c r="P11893" s="5" t="s">
        <v>39</v>
      </c>
      <c r="Q11893" s="5" t="s">
        <v>40</v>
      </c>
      <c r="R11893" s="5" t="s">
        <v>1522</v>
      </c>
      <c r="S11893" s="5" t="s">
        <v>1523</v>
      </c>
      <c r="T11893" s="5" t="s">
        <v>42</v>
      </c>
      <c r="U11893" s="2">
        <v>0.98399999999999999</v>
      </c>
      <c r="V11893" s="2">
        <v>0.56499999999999995</v>
      </c>
      <c r="W11893" s="2">
        <v>0.01</v>
      </c>
      <c r="X11893" s="2">
        <v>76.900000000000006</v>
      </c>
      <c r="Y11893" s="2">
        <v>7.6</v>
      </c>
      <c r="Z11893" s="2">
        <v>16.7</v>
      </c>
      <c r="AA11893" s="5"/>
      <c r="AB11893" s="5" t="s">
        <v>43</v>
      </c>
      <c r="AC11893" s="5" t="s">
        <v>44</v>
      </c>
      <c r="AD11893" s="2"/>
      <c r="AE11893" s="1"/>
    </row>
    <row r="11894" spans="1:31" ht="14.45">
      <c r="A11894" s="11"/>
      <c r="B11894" s="20"/>
      <c r="C11894" s="2" t="s">
        <v>36608</v>
      </c>
      <c r="D11894" s="14" t="s">
        <v>36609</v>
      </c>
      <c r="E11894" s="2" t="s">
        <v>36610</v>
      </c>
      <c r="F11894" s="2" t="s">
        <v>36325</v>
      </c>
      <c r="G11894" s="8">
        <v>119</v>
      </c>
      <c r="H11894" s="5">
        <v>6</v>
      </c>
      <c r="I11894" s="5" t="s">
        <v>1518</v>
      </c>
      <c r="J11894" s="5" t="s">
        <v>36264</v>
      </c>
      <c r="K11894" s="2" t="s">
        <v>36265</v>
      </c>
      <c r="L11894" s="5" t="s">
        <v>36264</v>
      </c>
      <c r="M11894" s="2" t="s">
        <v>36265</v>
      </c>
      <c r="N11894" s="5" t="s">
        <v>36266</v>
      </c>
      <c r="O11894" s="5" t="s">
        <v>38</v>
      </c>
      <c r="P11894" s="5" t="s">
        <v>39</v>
      </c>
      <c r="Q11894" s="5" t="s">
        <v>40</v>
      </c>
      <c r="R11894" s="5" t="s">
        <v>1522</v>
      </c>
      <c r="S11894" s="5" t="s">
        <v>1523</v>
      </c>
      <c r="T11894" s="5" t="s">
        <v>42</v>
      </c>
      <c r="U11894" s="2">
        <v>0.998</v>
      </c>
      <c r="V11894" s="2">
        <v>0.57899999999999996</v>
      </c>
      <c r="W11894" s="2">
        <v>0.01</v>
      </c>
      <c r="X11894" s="2">
        <v>76.900000000000006</v>
      </c>
      <c r="Y11894" s="2">
        <v>7.6</v>
      </c>
      <c r="Z11894" s="2">
        <v>16.7</v>
      </c>
      <c r="AA11894" s="5"/>
      <c r="AB11894" s="5" t="s">
        <v>43</v>
      </c>
      <c r="AC11894" s="5" t="s">
        <v>44</v>
      </c>
      <c r="AD11894" s="2"/>
      <c r="AE11894" s="1"/>
    </row>
    <row r="11895" spans="1:31" ht="14.45">
      <c r="A11895" s="11"/>
      <c r="B11895" s="20"/>
      <c r="C11895" s="2" t="s">
        <v>36611</v>
      </c>
      <c r="D11895" s="14" t="s">
        <v>36612</v>
      </c>
      <c r="E11895" s="2" t="s">
        <v>36613</v>
      </c>
      <c r="F11895" s="2" t="s">
        <v>36329</v>
      </c>
      <c r="G11895" s="8">
        <v>119</v>
      </c>
      <c r="H11895" s="5">
        <v>6</v>
      </c>
      <c r="I11895" s="5" t="s">
        <v>1518</v>
      </c>
      <c r="J11895" s="5" t="s">
        <v>36264</v>
      </c>
      <c r="K11895" s="2" t="s">
        <v>36265</v>
      </c>
      <c r="L11895" s="5" t="s">
        <v>36264</v>
      </c>
      <c r="M11895" s="2" t="s">
        <v>36265</v>
      </c>
      <c r="N11895" s="5" t="s">
        <v>36266</v>
      </c>
      <c r="O11895" s="5" t="s">
        <v>38</v>
      </c>
      <c r="P11895" s="5" t="s">
        <v>39</v>
      </c>
      <c r="Q11895" s="5" t="s">
        <v>40</v>
      </c>
      <c r="R11895" s="5" t="s">
        <v>1522</v>
      </c>
      <c r="S11895" s="5" t="s">
        <v>1523</v>
      </c>
      <c r="T11895" s="5" t="s">
        <v>42</v>
      </c>
      <c r="U11895" s="2">
        <v>0.98399999999999999</v>
      </c>
      <c r="V11895" s="2">
        <v>0.56499999999999995</v>
      </c>
      <c r="W11895" s="2">
        <v>0.01</v>
      </c>
      <c r="X11895" s="2">
        <v>76.900000000000006</v>
      </c>
      <c r="Y11895" s="2">
        <v>7.6</v>
      </c>
      <c r="Z11895" s="2">
        <v>16.7</v>
      </c>
      <c r="AA11895" s="5"/>
      <c r="AB11895" s="5" t="s">
        <v>43</v>
      </c>
      <c r="AC11895" s="5" t="s">
        <v>44</v>
      </c>
      <c r="AD11895" s="2"/>
      <c r="AE11895" s="1"/>
    </row>
    <row r="11896" spans="1:31" ht="14.45">
      <c r="A11896" s="11"/>
      <c r="B11896" s="20"/>
      <c r="C11896" s="2" t="s">
        <v>36614</v>
      </c>
      <c r="D11896" s="14" t="s">
        <v>36615</v>
      </c>
      <c r="E11896" s="2" t="s">
        <v>36616</v>
      </c>
      <c r="F11896" s="2" t="s">
        <v>36333</v>
      </c>
      <c r="G11896" s="8">
        <v>119</v>
      </c>
      <c r="H11896" s="5">
        <v>6</v>
      </c>
      <c r="I11896" s="5" t="s">
        <v>1518</v>
      </c>
      <c r="J11896" s="5" t="s">
        <v>36264</v>
      </c>
      <c r="K11896" s="2" t="s">
        <v>36265</v>
      </c>
      <c r="L11896" s="5" t="s">
        <v>36264</v>
      </c>
      <c r="M11896" s="2" t="s">
        <v>36265</v>
      </c>
      <c r="N11896" s="5" t="s">
        <v>36266</v>
      </c>
      <c r="O11896" s="5" t="s">
        <v>38</v>
      </c>
      <c r="P11896" s="5" t="s">
        <v>39</v>
      </c>
      <c r="Q11896" s="5" t="s">
        <v>40</v>
      </c>
      <c r="R11896" s="5" t="s">
        <v>1522</v>
      </c>
      <c r="S11896" s="5" t="s">
        <v>1523</v>
      </c>
      <c r="T11896" s="5" t="s">
        <v>42</v>
      </c>
      <c r="U11896" s="2">
        <v>0.998</v>
      </c>
      <c r="V11896" s="2">
        <v>0.57899999999999996</v>
      </c>
      <c r="W11896" s="2">
        <v>0.01</v>
      </c>
      <c r="X11896" s="2">
        <v>76.900000000000006</v>
      </c>
      <c r="Y11896" s="2">
        <v>7.6</v>
      </c>
      <c r="Z11896" s="2">
        <v>16.7</v>
      </c>
      <c r="AA11896" s="5"/>
      <c r="AB11896" s="5" t="s">
        <v>43</v>
      </c>
      <c r="AC11896" s="5" t="s">
        <v>44</v>
      </c>
      <c r="AD11896" s="2"/>
      <c r="AE11896" s="1"/>
    </row>
    <row r="11897" spans="1:31" ht="14.45">
      <c r="A11897" s="11"/>
      <c r="B11897" s="20"/>
      <c r="C11897" s="2" t="s">
        <v>36617</v>
      </c>
      <c r="D11897" s="14" t="s">
        <v>36618</v>
      </c>
      <c r="E11897" s="2" t="s">
        <v>36619</v>
      </c>
      <c r="F11897" s="2" t="s">
        <v>36337</v>
      </c>
      <c r="G11897" s="8">
        <v>119</v>
      </c>
      <c r="H11897" s="5">
        <v>6</v>
      </c>
      <c r="I11897" s="5" t="s">
        <v>1518</v>
      </c>
      <c r="J11897" s="5" t="s">
        <v>36264</v>
      </c>
      <c r="K11897" s="2" t="s">
        <v>36265</v>
      </c>
      <c r="L11897" s="5" t="s">
        <v>36264</v>
      </c>
      <c r="M11897" s="2" t="s">
        <v>36265</v>
      </c>
      <c r="N11897" s="5" t="s">
        <v>36266</v>
      </c>
      <c r="O11897" s="5" t="s">
        <v>38</v>
      </c>
      <c r="P11897" s="5" t="s">
        <v>39</v>
      </c>
      <c r="Q11897" s="5" t="s">
        <v>40</v>
      </c>
      <c r="R11897" s="5" t="s">
        <v>1522</v>
      </c>
      <c r="S11897" s="5" t="s">
        <v>1523</v>
      </c>
      <c r="T11897" s="5" t="s">
        <v>42</v>
      </c>
      <c r="U11897" s="2">
        <v>0.98399999999999999</v>
      </c>
      <c r="V11897" s="2">
        <v>0.56499999999999995</v>
      </c>
      <c r="W11897" s="2">
        <v>0.01</v>
      </c>
      <c r="X11897" s="2">
        <v>76.900000000000006</v>
      </c>
      <c r="Y11897" s="2">
        <v>7.6</v>
      </c>
      <c r="Z11897" s="2">
        <v>16.7</v>
      </c>
      <c r="AA11897" s="5"/>
      <c r="AB11897" s="5" t="s">
        <v>43</v>
      </c>
      <c r="AC11897" s="5" t="s">
        <v>44</v>
      </c>
      <c r="AD11897" s="2"/>
      <c r="AE11897" s="1"/>
    </row>
    <row r="11898" spans="1:31" ht="14.45">
      <c r="A11898" s="11"/>
      <c r="B11898" s="20"/>
      <c r="C11898" s="2" t="s">
        <v>36620</v>
      </c>
      <c r="D11898" s="14" t="s">
        <v>36621</v>
      </c>
      <c r="E11898" s="2" t="s">
        <v>36622</v>
      </c>
      <c r="F11898" s="2" t="s">
        <v>36341</v>
      </c>
      <c r="G11898" s="8">
        <v>119</v>
      </c>
      <c r="H11898" s="5">
        <v>6</v>
      </c>
      <c r="I11898" s="5" t="s">
        <v>1518</v>
      </c>
      <c r="J11898" s="5" t="s">
        <v>36264</v>
      </c>
      <c r="K11898" s="2" t="s">
        <v>36265</v>
      </c>
      <c r="L11898" s="5" t="s">
        <v>36264</v>
      </c>
      <c r="M11898" s="2" t="s">
        <v>36265</v>
      </c>
      <c r="N11898" s="5" t="s">
        <v>36266</v>
      </c>
      <c r="O11898" s="5" t="s">
        <v>38</v>
      </c>
      <c r="P11898" s="5" t="s">
        <v>39</v>
      </c>
      <c r="Q11898" s="5" t="s">
        <v>40</v>
      </c>
      <c r="R11898" s="5" t="s">
        <v>1522</v>
      </c>
      <c r="S11898" s="5" t="s">
        <v>1523</v>
      </c>
      <c r="T11898" s="5" t="s">
        <v>42</v>
      </c>
      <c r="U11898" s="2">
        <v>0.998</v>
      </c>
      <c r="V11898" s="2">
        <v>0.57899999999999996</v>
      </c>
      <c r="W11898" s="2">
        <v>0.01</v>
      </c>
      <c r="X11898" s="2">
        <v>76.900000000000006</v>
      </c>
      <c r="Y11898" s="2">
        <v>7.6</v>
      </c>
      <c r="Z11898" s="2">
        <v>16.7</v>
      </c>
      <c r="AA11898" s="5"/>
      <c r="AB11898" s="5" t="s">
        <v>43</v>
      </c>
      <c r="AC11898" s="5" t="s">
        <v>44</v>
      </c>
      <c r="AD11898" s="2"/>
      <c r="AE11898" s="1"/>
    </row>
    <row r="11899" spans="1:31" ht="14.45">
      <c r="A11899" s="11"/>
      <c r="B11899" s="20"/>
      <c r="C11899" s="2" t="s">
        <v>36623</v>
      </c>
      <c r="D11899" s="14" t="s">
        <v>36624</v>
      </c>
      <c r="E11899" s="2" t="s">
        <v>36625</v>
      </c>
      <c r="F11899" s="2" t="s">
        <v>36345</v>
      </c>
      <c r="G11899" s="8">
        <v>119</v>
      </c>
      <c r="H11899" s="5">
        <v>6</v>
      </c>
      <c r="I11899" s="5" t="s">
        <v>1518</v>
      </c>
      <c r="J11899" s="5" t="s">
        <v>36264</v>
      </c>
      <c r="K11899" s="2" t="s">
        <v>36265</v>
      </c>
      <c r="L11899" s="5" t="s">
        <v>36264</v>
      </c>
      <c r="M11899" s="2" t="s">
        <v>36265</v>
      </c>
      <c r="N11899" s="5" t="s">
        <v>36266</v>
      </c>
      <c r="O11899" s="5" t="s">
        <v>38</v>
      </c>
      <c r="P11899" s="5" t="s">
        <v>39</v>
      </c>
      <c r="Q11899" s="5" t="s">
        <v>40</v>
      </c>
      <c r="R11899" s="5" t="s">
        <v>1522</v>
      </c>
      <c r="S11899" s="5" t="s">
        <v>1523</v>
      </c>
      <c r="T11899" s="5" t="s">
        <v>42</v>
      </c>
      <c r="U11899" s="2">
        <v>0.98399999999999999</v>
      </c>
      <c r="V11899" s="2">
        <v>0.56499999999999995</v>
      </c>
      <c r="W11899" s="2">
        <v>0.01</v>
      </c>
      <c r="X11899" s="2">
        <v>76.900000000000006</v>
      </c>
      <c r="Y11899" s="2">
        <v>7.6</v>
      </c>
      <c r="Z11899" s="2">
        <v>16.7</v>
      </c>
      <c r="AA11899" s="5"/>
      <c r="AB11899" s="5" t="s">
        <v>43</v>
      </c>
      <c r="AC11899" s="5" t="s">
        <v>44</v>
      </c>
      <c r="AD11899" s="2"/>
      <c r="AE11899" s="1"/>
    </row>
    <row r="11900" spans="1:31" ht="14.45">
      <c r="A11900" s="11"/>
      <c r="B11900" s="20"/>
      <c r="C11900" s="2" t="s">
        <v>36626</v>
      </c>
      <c r="D11900" s="14" t="s">
        <v>36627</v>
      </c>
      <c r="E11900" s="2" t="s">
        <v>36628</v>
      </c>
      <c r="F11900" s="2" t="s">
        <v>36349</v>
      </c>
      <c r="G11900" s="8">
        <v>119</v>
      </c>
      <c r="H11900" s="5">
        <v>6</v>
      </c>
      <c r="I11900" s="5" t="s">
        <v>1518</v>
      </c>
      <c r="J11900" s="5" t="s">
        <v>36264</v>
      </c>
      <c r="K11900" s="2" t="s">
        <v>36265</v>
      </c>
      <c r="L11900" s="5" t="s">
        <v>36264</v>
      </c>
      <c r="M11900" s="2" t="s">
        <v>36265</v>
      </c>
      <c r="N11900" s="5" t="s">
        <v>36266</v>
      </c>
      <c r="O11900" s="5" t="s">
        <v>38</v>
      </c>
      <c r="P11900" s="5" t="s">
        <v>39</v>
      </c>
      <c r="Q11900" s="5" t="s">
        <v>40</v>
      </c>
      <c r="R11900" s="5" t="s">
        <v>1522</v>
      </c>
      <c r="S11900" s="5" t="s">
        <v>1523</v>
      </c>
      <c r="T11900" s="5" t="s">
        <v>42</v>
      </c>
      <c r="U11900" s="2">
        <v>0.998</v>
      </c>
      <c r="V11900" s="2">
        <v>0.57899999999999996</v>
      </c>
      <c r="W11900" s="2">
        <v>0.01</v>
      </c>
      <c r="X11900" s="2">
        <v>76.900000000000006</v>
      </c>
      <c r="Y11900" s="2">
        <v>7.6</v>
      </c>
      <c r="Z11900" s="2">
        <v>16.7</v>
      </c>
      <c r="AA11900" s="5"/>
      <c r="AB11900" s="5" t="s">
        <v>43</v>
      </c>
      <c r="AC11900" s="5" t="s">
        <v>44</v>
      </c>
      <c r="AD11900" s="2"/>
      <c r="AE11900" s="1"/>
    </row>
    <row r="11901" spans="1:31" ht="14.45">
      <c r="A11901" s="11"/>
      <c r="B11901" s="20"/>
      <c r="C11901" s="2" t="s">
        <v>36629</v>
      </c>
      <c r="D11901" s="14" t="s">
        <v>36630</v>
      </c>
      <c r="E11901" s="2" t="s">
        <v>36631</v>
      </c>
      <c r="F11901" s="2" t="s">
        <v>36353</v>
      </c>
      <c r="G11901" s="8">
        <v>119</v>
      </c>
      <c r="H11901" s="5">
        <v>6</v>
      </c>
      <c r="I11901" s="5" t="s">
        <v>1518</v>
      </c>
      <c r="J11901" s="5" t="s">
        <v>36264</v>
      </c>
      <c r="K11901" s="2" t="s">
        <v>36265</v>
      </c>
      <c r="L11901" s="5" t="s">
        <v>36264</v>
      </c>
      <c r="M11901" s="2" t="s">
        <v>36265</v>
      </c>
      <c r="N11901" s="5" t="s">
        <v>36266</v>
      </c>
      <c r="O11901" s="5" t="s">
        <v>38</v>
      </c>
      <c r="P11901" s="5" t="s">
        <v>39</v>
      </c>
      <c r="Q11901" s="5" t="s">
        <v>40</v>
      </c>
      <c r="R11901" s="5" t="s">
        <v>1522</v>
      </c>
      <c r="S11901" s="5" t="s">
        <v>1523</v>
      </c>
      <c r="T11901" s="5" t="s">
        <v>42</v>
      </c>
      <c r="U11901" s="2">
        <v>0.98399999999999999</v>
      </c>
      <c r="V11901" s="2">
        <v>0.56499999999999995</v>
      </c>
      <c r="W11901" s="2">
        <v>0.01</v>
      </c>
      <c r="X11901" s="2">
        <v>76.900000000000006</v>
      </c>
      <c r="Y11901" s="2">
        <v>7.6</v>
      </c>
      <c r="Z11901" s="2">
        <v>16.7</v>
      </c>
      <c r="AA11901" s="5"/>
      <c r="AB11901" s="5" t="s">
        <v>43</v>
      </c>
      <c r="AC11901" s="5" t="s">
        <v>44</v>
      </c>
      <c r="AD11901" s="2"/>
      <c r="AE11901" s="1"/>
    </row>
    <row r="11902" spans="1:31" ht="14.45">
      <c r="A11902" s="11"/>
      <c r="B11902" s="20"/>
      <c r="C11902" s="2" t="s">
        <v>36632</v>
      </c>
      <c r="D11902" s="14" t="s">
        <v>36633</v>
      </c>
      <c r="E11902" s="2" t="s">
        <v>36634</v>
      </c>
      <c r="F11902" s="2" t="s">
        <v>36357</v>
      </c>
      <c r="G11902" s="8">
        <v>119</v>
      </c>
      <c r="H11902" s="5">
        <v>6</v>
      </c>
      <c r="I11902" s="5" t="s">
        <v>1518</v>
      </c>
      <c r="J11902" s="5" t="s">
        <v>36264</v>
      </c>
      <c r="K11902" s="2" t="s">
        <v>36265</v>
      </c>
      <c r="L11902" s="5" t="s">
        <v>36264</v>
      </c>
      <c r="M11902" s="2" t="s">
        <v>36265</v>
      </c>
      <c r="N11902" s="5" t="s">
        <v>36266</v>
      </c>
      <c r="O11902" s="5" t="s">
        <v>38</v>
      </c>
      <c r="P11902" s="5" t="s">
        <v>39</v>
      </c>
      <c r="Q11902" s="5" t="s">
        <v>40</v>
      </c>
      <c r="R11902" s="5" t="s">
        <v>1522</v>
      </c>
      <c r="S11902" s="5" t="s">
        <v>1523</v>
      </c>
      <c r="T11902" s="5" t="s">
        <v>42</v>
      </c>
      <c r="U11902" s="2">
        <v>0.998</v>
      </c>
      <c r="V11902" s="2">
        <v>0.57899999999999996</v>
      </c>
      <c r="W11902" s="2">
        <v>0.01</v>
      </c>
      <c r="X11902" s="2">
        <v>76.900000000000006</v>
      </c>
      <c r="Y11902" s="2">
        <v>7.6</v>
      </c>
      <c r="Z11902" s="2">
        <v>16.7</v>
      </c>
      <c r="AA11902" s="5"/>
      <c r="AB11902" s="5" t="s">
        <v>43</v>
      </c>
      <c r="AC11902" s="5" t="s">
        <v>44</v>
      </c>
      <c r="AD11902" s="2"/>
      <c r="AE11902" s="1"/>
    </row>
    <row r="11903" spans="1:31" ht="14.45">
      <c r="A11903" s="11"/>
      <c r="B11903" s="20"/>
      <c r="C11903" s="2" t="s">
        <v>36635</v>
      </c>
      <c r="D11903" s="14" t="s">
        <v>36636</v>
      </c>
      <c r="E11903" s="2" t="s">
        <v>36637</v>
      </c>
      <c r="F11903" s="2" t="s">
        <v>36361</v>
      </c>
      <c r="G11903" s="8">
        <v>119</v>
      </c>
      <c r="H11903" s="5">
        <v>6</v>
      </c>
      <c r="I11903" s="5" t="s">
        <v>1518</v>
      </c>
      <c r="J11903" s="5" t="s">
        <v>36264</v>
      </c>
      <c r="K11903" s="2" t="s">
        <v>36265</v>
      </c>
      <c r="L11903" s="5" t="s">
        <v>36264</v>
      </c>
      <c r="M11903" s="2" t="s">
        <v>36265</v>
      </c>
      <c r="N11903" s="5" t="s">
        <v>36266</v>
      </c>
      <c r="O11903" s="5" t="s">
        <v>38</v>
      </c>
      <c r="P11903" s="5" t="s">
        <v>39</v>
      </c>
      <c r="Q11903" s="5" t="s">
        <v>40</v>
      </c>
      <c r="R11903" s="5" t="s">
        <v>1522</v>
      </c>
      <c r="S11903" s="5" t="s">
        <v>1523</v>
      </c>
      <c r="T11903" s="5" t="s">
        <v>42</v>
      </c>
      <c r="U11903" s="2">
        <v>0.98399999999999999</v>
      </c>
      <c r="V11903" s="2">
        <v>0.56499999999999995</v>
      </c>
      <c r="W11903" s="2">
        <v>0.01</v>
      </c>
      <c r="X11903" s="2">
        <v>76.900000000000006</v>
      </c>
      <c r="Y11903" s="2">
        <v>7.6</v>
      </c>
      <c r="Z11903" s="2">
        <v>16.7</v>
      </c>
      <c r="AA11903" s="5"/>
      <c r="AB11903" s="5" t="s">
        <v>43</v>
      </c>
      <c r="AC11903" s="5" t="s">
        <v>44</v>
      </c>
      <c r="AD11903" s="2"/>
      <c r="AE11903" s="1"/>
    </row>
    <row r="11904" spans="1:31" ht="14.45">
      <c r="A11904" s="11"/>
      <c r="B11904" s="20"/>
      <c r="C11904" s="2" t="s">
        <v>36638</v>
      </c>
      <c r="D11904" s="14" t="s">
        <v>36639</v>
      </c>
      <c r="E11904" s="2" t="s">
        <v>36640</v>
      </c>
      <c r="F11904" s="2" t="s">
        <v>36365</v>
      </c>
      <c r="G11904" s="8">
        <v>119</v>
      </c>
      <c r="H11904" s="5">
        <v>6</v>
      </c>
      <c r="I11904" s="5" t="s">
        <v>1518</v>
      </c>
      <c r="J11904" s="5" t="s">
        <v>36264</v>
      </c>
      <c r="K11904" s="2" t="s">
        <v>36265</v>
      </c>
      <c r="L11904" s="5" t="s">
        <v>36264</v>
      </c>
      <c r="M11904" s="2" t="s">
        <v>36265</v>
      </c>
      <c r="N11904" s="5" t="s">
        <v>36266</v>
      </c>
      <c r="O11904" s="5" t="s">
        <v>38</v>
      </c>
      <c r="P11904" s="5" t="s">
        <v>39</v>
      </c>
      <c r="Q11904" s="5" t="s">
        <v>40</v>
      </c>
      <c r="R11904" s="5" t="s">
        <v>1522</v>
      </c>
      <c r="S11904" s="5" t="s">
        <v>1523</v>
      </c>
      <c r="T11904" s="5" t="s">
        <v>42</v>
      </c>
      <c r="U11904" s="2">
        <v>0.998</v>
      </c>
      <c r="V11904" s="2">
        <v>0.57899999999999996</v>
      </c>
      <c r="W11904" s="2">
        <v>0.01</v>
      </c>
      <c r="X11904" s="2">
        <v>76.900000000000006</v>
      </c>
      <c r="Y11904" s="2">
        <v>7.6</v>
      </c>
      <c r="Z11904" s="2">
        <v>16.7</v>
      </c>
      <c r="AA11904" s="5"/>
      <c r="AB11904" s="5" t="s">
        <v>43</v>
      </c>
      <c r="AC11904" s="5" t="s">
        <v>44</v>
      </c>
      <c r="AD11904" s="2"/>
      <c r="AE11904" s="1"/>
    </row>
    <row r="11905" spans="1:31" ht="14.45">
      <c r="A11905" s="11"/>
      <c r="B11905" s="20"/>
      <c r="C11905" s="2" t="s">
        <v>36641</v>
      </c>
      <c r="D11905" s="14" t="s">
        <v>36642</v>
      </c>
      <c r="E11905" s="2" t="s">
        <v>36643</v>
      </c>
      <c r="F11905" s="2" t="s">
        <v>36644</v>
      </c>
      <c r="G11905" s="8">
        <v>119</v>
      </c>
      <c r="H11905" s="5">
        <v>6</v>
      </c>
      <c r="I11905" s="5" t="s">
        <v>1518</v>
      </c>
      <c r="J11905" s="5" t="s">
        <v>36264</v>
      </c>
      <c r="K11905" s="2" t="s">
        <v>36265</v>
      </c>
      <c r="L11905" s="5" t="s">
        <v>36264</v>
      </c>
      <c r="M11905" s="2" t="s">
        <v>36265</v>
      </c>
      <c r="N11905" s="5" t="s">
        <v>36266</v>
      </c>
      <c r="O11905" s="5" t="s">
        <v>38</v>
      </c>
      <c r="P11905" s="5" t="s">
        <v>39</v>
      </c>
      <c r="Q11905" s="5" t="s">
        <v>40</v>
      </c>
      <c r="R11905" s="5" t="s">
        <v>1522</v>
      </c>
      <c r="S11905" s="5" t="s">
        <v>1523</v>
      </c>
      <c r="T11905" s="5" t="s">
        <v>42</v>
      </c>
      <c r="U11905" s="2">
        <v>0.98399999999999999</v>
      </c>
      <c r="V11905" s="2">
        <v>0.56499999999999995</v>
      </c>
      <c r="W11905" s="2">
        <v>0.01</v>
      </c>
      <c r="X11905" s="2">
        <v>76.900000000000006</v>
      </c>
      <c r="Y11905" s="2">
        <v>7.6</v>
      </c>
      <c r="Z11905" s="2">
        <v>16.7</v>
      </c>
      <c r="AA11905" s="5"/>
      <c r="AB11905" s="5" t="s">
        <v>43</v>
      </c>
      <c r="AC11905" s="5" t="s">
        <v>44</v>
      </c>
      <c r="AD11905" s="2"/>
      <c r="AE11905" s="1"/>
    </row>
    <row r="11906" spans="1:31" ht="14.45">
      <c r="A11906" s="11"/>
      <c r="B11906" s="20"/>
      <c r="C11906" s="2" t="s">
        <v>36645</v>
      </c>
      <c r="D11906" s="14" t="s">
        <v>36646</v>
      </c>
      <c r="E11906" s="2" t="s">
        <v>36647</v>
      </c>
      <c r="F11906" s="2" t="s">
        <v>36648</v>
      </c>
      <c r="G11906" s="8">
        <v>119</v>
      </c>
      <c r="H11906" s="5">
        <v>6</v>
      </c>
      <c r="I11906" s="5" t="s">
        <v>1518</v>
      </c>
      <c r="J11906" s="5" t="s">
        <v>36264</v>
      </c>
      <c r="K11906" s="2" t="s">
        <v>36265</v>
      </c>
      <c r="L11906" s="5" t="s">
        <v>36264</v>
      </c>
      <c r="M11906" s="2" t="s">
        <v>36265</v>
      </c>
      <c r="N11906" s="5" t="s">
        <v>36266</v>
      </c>
      <c r="O11906" s="5" t="s">
        <v>38</v>
      </c>
      <c r="P11906" s="5" t="s">
        <v>39</v>
      </c>
      <c r="Q11906" s="5" t="s">
        <v>40</v>
      </c>
      <c r="R11906" s="5" t="s">
        <v>1522</v>
      </c>
      <c r="S11906" s="5" t="s">
        <v>1523</v>
      </c>
      <c r="T11906" s="5" t="s">
        <v>42</v>
      </c>
      <c r="U11906" s="2">
        <v>0.998</v>
      </c>
      <c r="V11906" s="2">
        <v>0.57899999999999996</v>
      </c>
      <c r="W11906" s="2">
        <v>0.01</v>
      </c>
      <c r="X11906" s="2">
        <v>76.900000000000006</v>
      </c>
      <c r="Y11906" s="2">
        <v>7.6</v>
      </c>
      <c r="Z11906" s="2">
        <v>16.7</v>
      </c>
      <c r="AA11906" s="5"/>
      <c r="AB11906" s="5" t="s">
        <v>43</v>
      </c>
      <c r="AC11906" s="5" t="s">
        <v>44</v>
      </c>
      <c r="AD11906" s="2"/>
      <c r="AE11906" s="1"/>
    </row>
    <row r="11907" spans="1:31" ht="14.45">
      <c r="A11907" s="11"/>
      <c r="B11907" s="20"/>
      <c r="C11907" s="2" t="s">
        <v>36649</v>
      </c>
      <c r="D11907" s="14" t="s">
        <v>36650</v>
      </c>
      <c r="E11907" s="2" t="s">
        <v>36651</v>
      </c>
      <c r="F11907" s="2" t="s">
        <v>36377</v>
      </c>
      <c r="G11907" s="8">
        <v>119</v>
      </c>
      <c r="H11907" s="5">
        <v>6</v>
      </c>
      <c r="I11907" s="5" t="s">
        <v>1518</v>
      </c>
      <c r="J11907" s="5" t="s">
        <v>36264</v>
      </c>
      <c r="K11907" s="2" t="s">
        <v>36265</v>
      </c>
      <c r="L11907" s="5" t="s">
        <v>36264</v>
      </c>
      <c r="M11907" s="2" t="s">
        <v>36265</v>
      </c>
      <c r="N11907" s="5" t="s">
        <v>36266</v>
      </c>
      <c r="O11907" s="5" t="s">
        <v>38</v>
      </c>
      <c r="P11907" s="5" t="s">
        <v>39</v>
      </c>
      <c r="Q11907" s="5" t="s">
        <v>40</v>
      </c>
      <c r="R11907" s="5" t="s">
        <v>1522</v>
      </c>
      <c r="S11907" s="5" t="s">
        <v>1523</v>
      </c>
      <c r="T11907" s="5" t="s">
        <v>42</v>
      </c>
      <c r="U11907" s="2">
        <v>0.98399999999999999</v>
      </c>
      <c r="V11907" s="2">
        <v>0.56499999999999995</v>
      </c>
      <c r="W11907" s="2">
        <v>0.01</v>
      </c>
      <c r="X11907" s="2">
        <v>76.900000000000006</v>
      </c>
      <c r="Y11907" s="2">
        <v>7.6</v>
      </c>
      <c r="Z11907" s="2">
        <v>16.7</v>
      </c>
      <c r="AA11907" s="5"/>
      <c r="AB11907" s="5" t="s">
        <v>43</v>
      </c>
      <c r="AC11907" s="5" t="s">
        <v>44</v>
      </c>
      <c r="AD11907" s="2"/>
      <c r="AE11907" s="1"/>
    </row>
    <row r="11908" spans="1:31" ht="14.45">
      <c r="A11908" s="11"/>
      <c r="B11908" s="20"/>
      <c r="C11908" s="2" t="s">
        <v>36652</v>
      </c>
      <c r="D11908" s="14" t="s">
        <v>36653</v>
      </c>
      <c r="E11908" s="2" t="s">
        <v>36654</v>
      </c>
      <c r="F11908" s="2" t="s">
        <v>36381</v>
      </c>
      <c r="G11908" s="8">
        <v>119</v>
      </c>
      <c r="H11908" s="5">
        <v>6</v>
      </c>
      <c r="I11908" s="5" t="s">
        <v>1518</v>
      </c>
      <c r="J11908" s="5" t="s">
        <v>36264</v>
      </c>
      <c r="K11908" s="2" t="s">
        <v>36265</v>
      </c>
      <c r="L11908" s="5" t="s">
        <v>36264</v>
      </c>
      <c r="M11908" s="2" t="s">
        <v>36265</v>
      </c>
      <c r="N11908" s="5" t="s">
        <v>36266</v>
      </c>
      <c r="O11908" s="5" t="s">
        <v>38</v>
      </c>
      <c r="P11908" s="5" t="s">
        <v>39</v>
      </c>
      <c r="Q11908" s="5" t="s">
        <v>40</v>
      </c>
      <c r="R11908" s="5" t="s">
        <v>1522</v>
      </c>
      <c r="S11908" s="5" t="s">
        <v>1523</v>
      </c>
      <c r="T11908" s="5" t="s">
        <v>42</v>
      </c>
      <c r="U11908" s="2">
        <v>0.998</v>
      </c>
      <c r="V11908" s="2">
        <v>0.57899999999999996</v>
      </c>
      <c r="W11908" s="2">
        <v>0.01</v>
      </c>
      <c r="X11908" s="2">
        <v>76.900000000000006</v>
      </c>
      <c r="Y11908" s="2">
        <v>7.6</v>
      </c>
      <c r="Z11908" s="2">
        <v>16.7</v>
      </c>
      <c r="AA11908" s="5"/>
      <c r="AB11908" s="5" t="s">
        <v>43</v>
      </c>
      <c r="AC11908" s="5" t="s">
        <v>44</v>
      </c>
      <c r="AD11908" s="2"/>
      <c r="AE11908" s="1"/>
    </row>
    <row r="11909" spans="1:31" ht="14.45">
      <c r="A11909" s="11"/>
      <c r="B11909" s="20"/>
      <c r="C11909" s="2" t="s">
        <v>36655</v>
      </c>
      <c r="D11909" s="14" t="s">
        <v>36656</v>
      </c>
      <c r="E11909" s="2" t="s">
        <v>36657</v>
      </c>
      <c r="F11909" s="2" t="s">
        <v>36385</v>
      </c>
      <c r="G11909" s="8">
        <v>119</v>
      </c>
      <c r="H11909" s="5">
        <v>6</v>
      </c>
      <c r="I11909" s="5" t="s">
        <v>1518</v>
      </c>
      <c r="J11909" s="5" t="s">
        <v>36264</v>
      </c>
      <c r="K11909" s="2" t="s">
        <v>36265</v>
      </c>
      <c r="L11909" s="5" t="s">
        <v>36264</v>
      </c>
      <c r="M11909" s="2" t="s">
        <v>36265</v>
      </c>
      <c r="N11909" s="5" t="s">
        <v>36266</v>
      </c>
      <c r="O11909" s="5" t="s">
        <v>38</v>
      </c>
      <c r="P11909" s="5" t="s">
        <v>39</v>
      </c>
      <c r="Q11909" s="5" t="s">
        <v>40</v>
      </c>
      <c r="R11909" s="5" t="s">
        <v>1522</v>
      </c>
      <c r="S11909" s="5" t="s">
        <v>1523</v>
      </c>
      <c r="T11909" s="5" t="s">
        <v>42</v>
      </c>
      <c r="U11909" s="2">
        <v>0.98399999999999999</v>
      </c>
      <c r="V11909" s="2">
        <v>0.56499999999999995</v>
      </c>
      <c r="W11909" s="2">
        <v>0.01</v>
      </c>
      <c r="X11909" s="2">
        <v>76.900000000000006</v>
      </c>
      <c r="Y11909" s="2">
        <v>7.6</v>
      </c>
      <c r="Z11909" s="2">
        <v>16.7</v>
      </c>
      <c r="AA11909" s="5"/>
      <c r="AB11909" s="5" t="s">
        <v>43</v>
      </c>
      <c r="AC11909" s="5" t="s">
        <v>44</v>
      </c>
      <c r="AD11909" s="2"/>
      <c r="AE11909" s="1"/>
    </row>
    <row r="11910" spans="1:31" ht="14.45">
      <c r="A11910" s="11"/>
      <c r="B11910" s="20"/>
      <c r="C11910" s="2" t="s">
        <v>36658</v>
      </c>
      <c r="D11910" s="14" t="s">
        <v>36659</v>
      </c>
      <c r="E11910" s="2" t="s">
        <v>36660</v>
      </c>
      <c r="F11910" s="2" t="s">
        <v>36389</v>
      </c>
      <c r="G11910" s="8">
        <v>119</v>
      </c>
      <c r="H11910" s="5">
        <v>6</v>
      </c>
      <c r="I11910" s="5" t="s">
        <v>1518</v>
      </c>
      <c r="J11910" s="5" t="s">
        <v>36264</v>
      </c>
      <c r="K11910" s="2" t="s">
        <v>36265</v>
      </c>
      <c r="L11910" s="5" t="s">
        <v>36264</v>
      </c>
      <c r="M11910" s="2" t="s">
        <v>36265</v>
      </c>
      <c r="N11910" s="5" t="s">
        <v>36266</v>
      </c>
      <c r="O11910" s="5" t="s">
        <v>38</v>
      </c>
      <c r="P11910" s="5" t="s">
        <v>39</v>
      </c>
      <c r="Q11910" s="5" t="s">
        <v>40</v>
      </c>
      <c r="R11910" s="5" t="s">
        <v>1522</v>
      </c>
      <c r="S11910" s="5" t="s">
        <v>1523</v>
      </c>
      <c r="T11910" s="5" t="s">
        <v>42</v>
      </c>
      <c r="U11910" s="2">
        <v>0.998</v>
      </c>
      <c r="V11910" s="2">
        <v>0.57899999999999996</v>
      </c>
      <c r="W11910" s="2">
        <v>0.01</v>
      </c>
      <c r="X11910" s="2">
        <v>76.900000000000006</v>
      </c>
      <c r="Y11910" s="2">
        <v>7.6</v>
      </c>
      <c r="Z11910" s="2">
        <v>16.7</v>
      </c>
      <c r="AA11910" s="5"/>
      <c r="AB11910" s="5" t="s">
        <v>43</v>
      </c>
      <c r="AC11910" s="5" t="s">
        <v>44</v>
      </c>
      <c r="AD11910" s="2"/>
      <c r="AE11910" s="1"/>
    </row>
    <row r="11911" spans="1:31" ht="14.45">
      <c r="A11911" s="11"/>
      <c r="B11911" s="20"/>
      <c r="C11911" s="2" t="s">
        <v>36661</v>
      </c>
      <c r="D11911" s="14" t="s">
        <v>36662</v>
      </c>
      <c r="E11911" s="2" t="s">
        <v>36663</v>
      </c>
      <c r="F11911" s="2" t="s">
        <v>7204</v>
      </c>
      <c r="G11911" s="8">
        <v>119</v>
      </c>
      <c r="H11911" s="5">
        <v>6</v>
      </c>
      <c r="I11911" s="5" t="s">
        <v>1518</v>
      </c>
      <c r="J11911" s="5" t="s">
        <v>36264</v>
      </c>
      <c r="K11911" s="2" t="s">
        <v>36265</v>
      </c>
      <c r="L11911" s="5" t="s">
        <v>36264</v>
      </c>
      <c r="M11911" s="2" t="s">
        <v>36265</v>
      </c>
      <c r="N11911" s="5" t="s">
        <v>36266</v>
      </c>
      <c r="O11911" s="5" t="s">
        <v>38</v>
      </c>
      <c r="P11911" s="5" t="s">
        <v>39</v>
      </c>
      <c r="Q11911" s="5" t="s">
        <v>40</v>
      </c>
      <c r="R11911" s="5" t="s">
        <v>1522</v>
      </c>
      <c r="S11911" s="5" t="s">
        <v>1523</v>
      </c>
      <c r="T11911" s="5" t="s">
        <v>42</v>
      </c>
      <c r="U11911" s="2">
        <v>1.177</v>
      </c>
      <c r="V11911" s="2">
        <v>0.65</v>
      </c>
      <c r="W11911" s="2">
        <v>1.2999999999999999E-2</v>
      </c>
      <c r="X11911" s="2">
        <v>99.1</v>
      </c>
      <c r="Y11911" s="2">
        <v>7.6</v>
      </c>
      <c r="Z11911" s="2">
        <v>16.7</v>
      </c>
      <c r="AA11911" s="5"/>
      <c r="AB11911" s="5" t="s">
        <v>43</v>
      </c>
      <c r="AC11911" s="5" t="s">
        <v>44</v>
      </c>
      <c r="AD11911" s="2"/>
      <c r="AE11911" s="1"/>
    </row>
    <row r="11912" spans="1:31" ht="14.45">
      <c r="A11912" s="11"/>
      <c r="B11912" s="20"/>
      <c r="C11912" s="2" t="s">
        <v>36664</v>
      </c>
      <c r="D11912" s="14" t="s">
        <v>36665</v>
      </c>
      <c r="E11912" s="2" t="s">
        <v>36666</v>
      </c>
      <c r="F11912" s="2" t="s">
        <v>7514</v>
      </c>
      <c r="G11912" s="8">
        <v>119</v>
      </c>
      <c r="H11912" s="5">
        <v>6</v>
      </c>
      <c r="I11912" s="5" t="s">
        <v>1518</v>
      </c>
      <c r="J11912" s="5" t="s">
        <v>36264</v>
      </c>
      <c r="K11912" s="2" t="s">
        <v>36265</v>
      </c>
      <c r="L11912" s="5" t="s">
        <v>36264</v>
      </c>
      <c r="M11912" s="2" t="s">
        <v>36265</v>
      </c>
      <c r="N11912" s="5" t="s">
        <v>36266</v>
      </c>
      <c r="O11912" s="5" t="s">
        <v>38</v>
      </c>
      <c r="P11912" s="5" t="s">
        <v>39</v>
      </c>
      <c r="Q11912" s="5" t="s">
        <v>40</v>
      </c>
      <c r="R11912" s="5" t="s">
        <v>1522</v>
      </c>
      <c r="S11912" s="5" t="s">
        <v>1523</v>
      </c>
      <c r="T11912" s="5" t="s">
        <v>42</v>
      </c>
      <c r="U11912" s="2">
        <v>1.1910000000000001</v>
      </c>
      <c r="V11912" s="2">
        <v>0.66400000000000003</v>
      </c>
      <c r="W11912" s="2">
        <v>1.2999999999999999E-2</v>
      </c>
      <c r="X11912" s="2">
        <v>99.1</v>
      </c>
      <c r="Y11912" s="2">
        <v>7.6</v>
      </c>
      <c r="Z11912" s="2">
        <v>16.7</v>
      </c>
      <c r="AA11912" s="5"/>
      <c r="AB11912" s="5" t="s">
        <v>43</v>
      </c>
      <c r="AC11912" s="5" t="s">
        <v>44</v>
      </c>
      <c r="AD11912" s="2"/>
      <c r="AE11912" s="1"/>
    </row>
    <row r="11913" spans="1:31" ht="14.45">
      <c r="A11913" s="11"/>
      <c r="B11913" s="20"/>
      <c r="C11913" s="2" t="s">
        <v>36667</v>
      </c>
      <c r="D11913" s="14" t="s">
        <v>36668</v>
      </c>
      <c r="E11913" s="2" t="s">
        <v>36669</v>
      </c>
      <c r="F11913" s="2" t="s">
        <v>36273</v>
      </c>
      <c r="G11913" s="8">
        <v>119</v>
      </c>
      <c r="H11913" s="5">
        <v>6</v>
      </c>
      <c r="I11913" s="5" t="s">
        <v>1518</v>
      </c>
      <c r="J11913" s="5" t="s">
        <v>36264</v>
      </c>
      <c r="K11913" s="2" t="s">
        <v>36265</v>
      </c>
      <c r="L11913" s="5" t="s">
        <v>36264</v>
      </c>
      <c r="M11913" s="2" t="s">
        <v>36265</v>
      </c>
      <c r="N11913" s="5" t="s">
        <v>36266</v>
      </c>
      <c r="O11913" s="5" t="s">
        <v>38</v>
      </c>
      <c r="P11913" s="5" t="s">
        <v>39</v>
      </c>
      <c r="Q11913" s="5" t="s">
        <v>40</v>
      </c>
      <c r="R11913" s="5" t="s">
        <v>1522</v>
      </c>
      <c r="S11913" s="5" t="s">
        <v>1523</v>
      </c>
      <c r="T11913" s="5" t="s">
        <v>42</v>
      </c>
      <c r="U11913" s="2">
        <v>1.177</v>
      </c>
      <c r="V11913" s="2">
        <v>0.65</v>
      </c>
      <c r="W11913" s="2">
        <v>1.2999999999999999E-2</v>
      </c>
      <c r="X11913" s="2">
        <v>99.1</v>
      </c>
      <c r="Y11913" s="2">
        <v>7.6</v>
      </c>
      <c r="Z11913" s="2">
        <v>16.7</v>
      </c>
      <c r="AA11913" s="5"/>
      <c r="AB11913" s="5" t="s">
        <v>43</v>
      </c>
      <c r="AC11913" s="5" t="s">
        <v>44</v>
      </c>
      <c r="AD11913" s="2"/>
      <c r="AE11913" s="1"/>
    </row>
    <row r="11914" spans="1:31" ht="14.45">
      <c r="A11914" s="11"/>
      <c r="B11914" s="20"/>
      <c r="C11914" s="2" t="s">
        <v>36670</v>
      </c>
      <c r="D11914" s="14" t="s">
        <v>36671</v>
      </c>
      <c r="E11914" s="2" t="s">
        <v>36672</v>
      </c>
      <c r="F11914" s="2" t="s">
        <v>36277</v>
      </c>
      <c r="G11914" s="8">
        <v>119</v>
      </c>
      <c r="H11914" s="5">
        <v>6</v>
      </c>
      <c r="I11914" s="5" t="s">
        <v>1518</v>
      </c>
      <c r="J11914" s="5" t="s">
        <v>36264</v>
      </c>
      <c r="K11914" s="2" t="s">
        <v>36265</v>
      </c>
      <c r="L11914" s="5" t="s">
        <v>36264</v>
      </c>
      <c r="M11914" s="2" t="s">
        <v>36265</v>
      </c>
      <c r="N11914" s="5" t="s">
        <v>36266</v>
      </c>
      <c r="O11914" s="5" t="s">
        <v>38</v>
      </c>
      <c r="P11914" s="5" t="s">
        <v>39</v>
      </c>
      <c r="Q11914" s="5" t="s">
        <v>40</v>
      </c>
      <c r="R11914" s="5" t="s">
        <v>1522</v>
      </c>
      <c r="S11914" s="5" t="s">
        <v>1523</v>
      </c>
      <c r="T11914" s="5" t="s">
        <v>42</v>
      </c>
      <c r="U11914" s="2">
        <v>1.1910000000000001</v>
      </c>
      <c r="V11914" s="2">
        <v>0.66400000000000003</v>
      </c>
      <c r="W11914" s="2">
        <v>1.2999999999999999E-2</v>
      </c>
      <c r="X11914" s="2">
        <v>99.1</v>
      </c>
      <c r="Y11914" s="2">
        <v>7.6</v>
      </c>
      <c r="Z11914" s="2">
        <v>16.7</v>
      </c>
      <c r="AA11914" s="5"/>
      <c r="AB11914" s="5" t="s">
        <v>43</v>
      </c>
      <c r="AC11914" s="5" t="s">
        <v>44</v>
      </c>
      <c r="AD11914" s="2"/>
      <c r="AE11914" s="1"/>
    </row>
    <row r="11915" spans="1:31" ht="14.45">
      <c r="A11915" s="11"/>
      <c r="B11915" s="20"/>
      <c r="C11915" s="2" t="s">
        <v>36673</v>
      </c>
      <c r="D11915" s="14" t="s">
        <v>36674</v>
      </c>
      <c r="E11915" s="2" t="s">
        <v>36675</v>
      </c>
      <c r="F11915" s="2" t="s">
        <v>36281</v>
      </c>
      <c r="G11915" s="8">
        <v>136</v>
      </c>
      <c r="H11915" s="5">
        <v>6</v>
      </c>
      <c r="I11915" s="5" t="s">
        <v>1518</v>
      </c>
      <c r="J11915" s="5" t="s">
        <v>36264</v>
      </c>
      <c r="K11915" s="2" t="s">
        <v>36265</v>
      </c>
      <c r="L11915" s="5" t="s">
        <v>36264</v>
      </c>
      <c r="M11915" s="2" t="s">
        <v>36265</v>
      </c>
      <c r="N11915" s="5" t="s">
        <v>36266</v>
      </c>
      <c r="O11915" s="5" t="s">
        <v>38</v>
      </c>
      <c r="P11915" s="5" t="s">
        <v>39</v>
      </c>
      <c r="Q11915" s="5" t="s">
        <v>40</v>
      </c>
      <c r="R11915" s="5" t="s">
        <v>1522</v>
      </c>
      <c r="S11915" s="5" t="s">
        <v>1523</v>
      </c>
      <c r="T11915" s="5" t="s">
        <v>42</v>
      </c>
      <c r="U11915" s="2">
        <v>1.177</v>
      </c>
      <c r="V11915" s="2">
        <v>0.65</v>
      </c>
      <c r="W11915" s="2">
        <v>1.2999999999999999E-2</v>
      </c>
      <c r="X11915" s="2">
        <v>99.1</v>
      </c>
      <c r="Y11915" s="2">
        <v>7.6</v>
      </c>
      <c r="Z11915" s="2">
        <v>16.7</v>
      </c>
      <c r="AA11915" s="5"/>
      <c r="AB11915" s="5" t="s">
        <v>43</v>
      </c>
      <c r="AC11915" s="5" t="s">
        <v>44</v>
      </c>
      <c r="AD11915" s="2"/>
      <c r="AE11915" s="1"/>
    </row>
    <row r="11916" spans="1:31" ht="14.45">
      <c r="A11916" s="11"/>
      <c r="B11916" s="20"/>
      <c r="C11916" s="2" t="s">
        <v>36676</v>
      </c>
      <c r="D11916" s="14" t="s">
        <v>36677</v>
      </c>
      <c r="E11916" s="2" t="s">
        <v>36678</v>
      </c>
      <c r="F11916" s="2" t="s">
        <v>36285</v>
      </c>
      <c r="G11916" s="8">
        <v>136</v>
      </c>
      <c r="H11916" s="5">
        <v>6</v>
      </c>
      <c r="I11916" s="5" t="s">
        <v>1518</v>
      </c>
      <c r="J11916" s="5" t="s">
        <v>36264</v>
      </c>
      <c r="K11916" s="2" t="s">
        <v>36265</v>
      </c>
      <c r="L11916" s="5" t="s">
        <v>36264</v>
      </c>
      <c r="M11916" s="2" t="s">
        <v>36265</v>
      </c>
      <c r="N11916" s="5" t="s">
        <v>36266</v>
      </c>
      <c r="O11916" s="5" t="s">
        <v>38</v>
      </c>
      <c r="P11916" s="5" t="s">
        <v>39</v>
      </c>
      <c r="Q11916" s="5" t="s">
        <v>40</v>
      </c>
      <c r="R11916" s="5" t="s">
        <v>1522</v>
      </c>
      <c r="S11916" s="5" t="s">
        <v>1523</v>
      </c>
      <c r="T11916" s="5" t="s">
        <v>42</v>
      </c>
      <c r="U11916" s="2">
        <v>1.1910000000000001</v>
      </c>
      <c r="V11916" s="2">
        <v>0.66400000000000003</v>
      </c>
      <c r="W11916" s="2">
        <v>1.2999999999999999E-2</v>
      </c>
      <c r="X11916" s="2">
        <v>99.1</v>
      </c>
      <c r="Y11916" s="2">
        <v>7.6</v>
      </c>
      <c r="Z11916" s="2">
        <v>16.7</v>
      </c>
      <c r="AA11916" s="5"/>
      <c r="AB11916" s="5" t="s">
        <v>43</v>
      </c>
      <c r="AC11916" s="5" t="s">
        <v>44</v>
      </c>
      <c r="AD11916" s="2"/>
      <c r="AE11916" s="1"/>
    </row>
    <row r="11917" spans="1:31" ht="14.45">
      <c r="A11917" s="11"/>
      <c r="B11917" s="20"/>
      <c r="C11917" s="2" t="s">
        <v>36679</v>
      </c>
      <c r="D11917" s="14" t="s">
        <v>36680</v>
      </c>
      <c r="E11917" s="2" t="s">
        <v>36681</v>
      </c>
      <c r="F11917" s="2" t="s">
        <v>36289</v>
      </c>
      <c r="G11917" s="8">
        <v>136</v>
      </c>
      <c r="H11917" s="5">
        <v>6</v>
      </c>
      <c r="I11917" s="5" t="s">
        <v>1518</v>
      </c>
      <c r="J11917" s="5" t="s">
        <v>36264</v>
      </c>
      <c r="K11917" s="2" t="s">
        <v>36265</v>
      </c>
      <c r="L11917" s="5" t="s">
        <v>36264</v>
      </c>
      <c r="M11917" s="2" t="s">
        <v>36265</v>
      </c>
      <c r="N11917" s="5" t="s">
        <v>36266</v>
      </c>
      <c r="O11917" s="5" t="s">
        <v>38</v>
      </c>
      <c r="P11917" s="5" t="s">
        <v>39</v>
      </c>
      <c r="Q11917" s="5" t="s">
        <v>40</v>
      </c>
      <c r="R11917" s="5" t="s">
        <v>1522</v>
      </c>
      <c r="S11917" s="5" t="s">
        <v>1523</v>
      </c>
      <c r="T11917" s="5" t="s">
        <v>42</v>
      </c>
      <c r="U11917" s="2">
        <v>1.177</v>
      </c>
      <c r="V11917" s="2">
        <v>0.65</v>
      </c>
      <c r="W11917" s="2">
        <v>1.2999999999999999E-2</v>
      </c>
      <c r="X11917" s="2">
        <v>99.1</v>
      </c>
      <c r="Y11917" s="2">
        <v>7.6</v>
      </c>
      <c r="Z11917" s="2">
        <v>16.7</v>
      </c>
      <c r="AA11917" s="5"/>
      <c r="AB11917" s="5" t="s">
        <v>43</v>
      </c>
      <c r="AC11917" s="5" t="s">
        <v>44</v>
      </c>
      <c r="AD11917" s="2"/>
      <c r="AE11917" s="1"/>
    </row>
    <row r="11918" spans="1:31" ht="14.45">
      <c r="A11918" s="11"/>
      <c r="B11918" s="20"/>
      <c r="C11918" s="2" t="s">
        <v>36682</v>
      </c>
      <c r="D11918" s="14" t="s">
        <v>36683</v>
      </c>
      <c r="E11918" s="2" t="s">
        <v>36684</v>
      </c>
      <c r="F11918" s="2" t="s">
        <v>36293</v>
      </c>
      <c r="G11918" s="8">
        <v>136</v>
      </c>
      <c r="H11918" s="5">
        <v>6</v>
      </c>
      <c r="I11918" s="5" t="s">
        <v>1518</v>
      </c>
      <c r="J11918" s="5" t="s">
        <v>36264</v>
      </c>
      <c r="K11918" s="2" t="s">
        <v>36265</v>
      </c>
      <c r="L11918" s="5" t="s">
        <v>36264</v>
      </c>
      <c r="M11918" s="2" t="s">
        <v>36265</v>
      </c>
      <c r="N11918" s="5" t="s">
        <v>36266</v>
      </c>
      <c r="O11918" s="5" t="s">
        <v>38</v>
      </c>
      <c r="P11918" s="5" t="s">
        <v>39</v>
      </c>
      <c r="Q11918" s="5" t="s">
        <v>40</v>
      </c>
      <c r="R11918" s="5" t="s">
        <v>1522</v>
      </c>
      <c r="S11918" s="5" t="s">
        <v>1523</v>
      </c>
      <c r="T11918" s="5" t="s">
        <v>42</v>
      </c>
      <c r="U11918" s="2">
        <v>1.1910000000000001</v>
      </c>
      <c r="V11918" s="2">
        <v>0.66400000000000003</v>
      </c>
      <c r="W11918" s="2">
        <v>1.2999999999999999E-2</v>
      </c>
      <c r="X11918" s="2">
        <v>99.1</v>
      </c>
      <c r="Y11918" s="2">
        <v>7.6</v>
      </c>
      <c r="Z11918" s="2">
        <v>16.7</v>
      </c>
      <c r="AA11918" s="5"/>
      <c r="AB11918" s="5" t="s">
        <v>43</v>
      </c>
      <c r="AC11918" s="5" t="s">
        <v>44</v>
      </c>
      <c r="AD11918" s="2"/>
      <c r="AE11918" s="1"/>
    </row>
    <row r="11919" spans="1:31" ht="14.45">
      <c r="A11919" s="11"/>
      <c r="B11919" s="20"/>
      <c r="C11919" s="2" t="s">
        <v>36685</v>
      </c>
      <c r="D11919" s="14" t="s">
        <v>36686</v>
      </c>
      <c r="E11919" s="2" t="s">
        <v>36687</v>
      </c>
      <c r="F11919" s="2" t="s">
        <v>36588</v>
      </c>
      <c r="G11919" s="8">
        <v>119</v>
      </c>
      <c r="H11919" s="5">
        <v>6</v>
      </c>
      <c r="I11919" s="5" t="s">
        <v>1518</v>
      </c>
      <c r="J11919" s="5" t="s">
        <v>36264</v>
      </c>
      <c r="K11919" s="2" t="s">
        <v>36265</v>
      </c>
      <c r="L11919" s="5" t="s">
        <v>36264</v>
      </c>
      <c r="M11919" s="2" t="s">
        <v>36265</v>
      </c>
      <c r="N11919" s="5" t="s">
        <v>36266</v>
      </c>
      <c r="O11919" s="5" t="s">
        <v>38</v>
      </c>
      <c r="P11919" s="5" t="s">
        <v>39</v>
      </c>
      <c r="Q11919" s="5" t="s">
        <v>40</v>
      </c>
      <c r="R11919" s="5" t="s">
        <v>1522</v>
      </c>
      <c r="S11919" s="5" t="s">
        <v>1523</v>
      </c>
      <c r="T11919" s="5" t="s">
        <v>42</v>
      </c>
      <c r="U11919" s="2">
        <v>1.177</v>
      </c>
      <c r="V11919" s="2">
        <v>0.65</v>
      </c>
      <c r="W11919" s="2">
        <v>1.2999999999999999E-2</v>
      </c>
      <c r="X11919" s="2">
        <v>99.1</v>
      </c>
      <c r="Y11919" s="2">
        <v>7.6</v>
      </c>
      <c r="Z11919" s="2">
        <v>16.7</v>
      </c>
      <c r="AA11919" s="5"/>
      <c r="AB11919" s="5" t="s">
        <v>43</v>
      </c>
      <c r="AC11919" s="5" t="s">
        <v>44</v>
      </c>
      <c r="AD11919" s="2"/>
      <c r="AE11919" s="1"/>
    </row>
    <row r="11920" spans="1:31" ht="14.45">
      <c r="A11920" s="11"/>
      <c r="B11920" s="20"/>
      <c r="C11920" s="2" t="s">
        <v>36688</v>
      </c>
      <c r="D11920" s="14" t="s">
        <v>36689</v>
      </c>
      <c r="E11920" s="2" t="s">
        <v>36690</v>
      </c>
      <c r="F11920" s="2" t="s">
        <v>36592</v>
      </c>
      <c r="G11920" s="8">
        <v>119</v>
      </c>
      <c r="H11920" s="5">
        <v>6</v>
      </c>
      <c r="I11920" s="5" t="s">
        <v>1518</v>
      </c>
      <c r="J11920" s="5" t="s">
        <v>36264</v>
      </c>
      <c r="K11920" s="2" t="s">
        <v>36265</v>
      </c>
      <c r="L11920" s="5" t="s">
        <v>36264</v>
      </c>
      <c r="M11920" s="2" t="s">
        <v>36265</v>
      </c>
      <c r="N11920" s="5" t="s">
        <v>36266</v>
      </c>
      <c r="O11920" s="5" t="s">
        <v>38</v>
      </c>
      <c r="P11920" s="5" t="s">
        <v>39</v>
      </c>
      <c r="Q11920" s="5" t="s">
        <v>40</v>
      </c>
      <c r="R11920" s="5" t="s">
        <v>1522</v>
      </c>
      <c r="S11920" s="5" t="s">
        <v>1523</v>
      </c>
      <c r="T11920" s="5" t="s">
        <v>42</v>
      </c>
      <c r="U11920" s="2">
        <v>1.1910000000000001</v>
      </c>
      <c r="V11920" s="2">
        <v>0.66400000000000003</v>
      </c>
      <c r="W11920" s="2">
        <v>1.2999999999999999E-2</v>
      </c>
      <c r="X11920" s="2">
        <v>99.1</v>
      </c>
      <c r="Y11920" s="2">
        <v>7.6</v>
      </c>
      <c r="Z11920" s="2">
        <v>16.7</v>
      </c>
      <c r="AA11920" s="5"/>
      <c r="AB11920" s="5" t="s">
        <v>43</v>
      </c>
      <c r="AC11920" s="5" t="s">
        <v>44</v>
      </c>
      <c r="AD11920" s="2"/>
      <c r="AE11920" s="1"/>
    </row>
    <row r="11921" spans="1:31" ht="14.45">
      <c r="A11921" s="11"/>
      <c r="B11921" s="20"/>
      <c r="C11921" s="2" t="s">
        <v>36691</v>
      </c>
      <c r="D11921" s="14" t="s">
        <v>36692</v>
      </c>
      <c r="E11921" s="2" t="s">
        <v>36693</v>
      </c>
      <c r="F11921" s="2" t="s">
        <v>36305</v>
      </c>
      <c r="G11921" s="8">
        <v>119</v>
      </c>
      <c r="H11921" s="5">
        <v>6</v>
      </c>
      <c r="I11921" s="5" t="s">
        <v>1518</v>
      </c>
      <c r="J11921" s="5" t="s">
        <v>36264</v>
      </c>
      <c r="K11921" s="2" t="s">
        <v>36265</v>
      </c>
      <c r="L11921" s="5" t="s">
        <v>36264</v>
      </c>
      <c r="M11921" s="2" t="s">
        <v>36265</v>
      </c>
      <c r="N11921" s="5" t="s">
        <v>36266</v>
      </c>
      <c r="O11921" s="5" t="s">
        <v>38</v>
      </c>
      <c r="P11921" s="5" t="s">
        <v>39</v>
      </c>
      <c r="Q11921" s="5" t="s">
        <v>40</v>
      </c>
      <c r="R11921" s="5" t="s">
        <v>1522</v>
      </c>
      <c r="S11921" s="5" t="s">
        <v>1523</v>
      </c>
      <c r="T11921" s="5" t="s">
        <v>42</v>
      </c>
      <c r="U11921" s="2">
        <v>1.177</v>
      </c>
      <c r="V11921" s="2">
        <v>0.65</v>
      </c>
      <c r="W11921" s="2">
        <v>1.2999999999999999E-2</v>
      </c>
      <c r="X11921" s="2">
        <v>99.1</v>
      </c>
      <c r="Y11921" s="2">
        <v>7.6</v>
      </c>
      <c r="Z11921" s="2">
        <v>16.7</v>
      </c>
      <c r="AA11921" s="5"/>
      <c r="AB11921" s="5" t="s">
        <v>43</v>
      </c>
      <c r="AC11921" s="5" t="s">
        <v>44</v>
      </c>
      <c r="AD11921" s="2"/>
      <c r="AE11921" s="1"/>
    </row>
    <row r="11922" spans="1:31" ht="14.45">
      <c r="A11922" s="11"/>
      <c r="B11922" s="20"/>
      <c r="C11922" s="2" t="s">
        <v>36694</v>
      </c>
      <c r="D11922" s="14" t="s">
        <v>36695</v>
      </c>
      <c r="E11922" s="2" t="s">
        <v>36696</v>
      </c>
      <c r="F11922" s="2" t="s">
        <v>36309</v>
      </c>
      <c r="G11922" s="8">
        <v>119</v>
      </c>
      <c r="H11922" s="5">
        <v>6</v>
      </c>
      <c r="I11922" s="5" t="s">
        <v>1518</v>
      </c>
      <c r="J11922" s="5" t="s">
        <v>36264</v>
      </c>
      <c r="K11922" s="2" t="s">
        <v>36265</v>
      </c>
      <c r="L11922" s="5" t="s">
        <v>36264</v>
      </c>
      <c r="M11922" s="2" t="s">
        <v>36265</v>
      </c>
      <c r="N11922" s="5" t="s">
        <v>36266</v>
      </c>
      <c r="O11922" s="5" t="s">
        <v>38</v>
      </c>
      <c r="P11922" s="5" t="s">
        <v>39</v>
      </c>
      <c r="Q11922" s="5" t="s">
        <v>40</v>
      </c>
      <c r="R11922" s="5" t="s">
        <v>1522</v>
      </c>
      <c r="S11922" s="5" t="s">
        <v>1523</v>
      </c>
      <c r="T11922" s="5" t="s">
        <v>42</v>
      </c>
      <c r="U11922" s="2">
        <v>1.1910000000000001</v>
      </c>
      <c r="V11922" s="2">
        <v>0.66400000000000003</v>
      </c>
      <c r="W11922" s="2">
        <v>1.2999999999999999E-2</v>
      </c>
      <c r="X11922" s="2">
        <v>99.1</v>
      </c>
      <c r="Y11922" s="2">
        <v>7.6</v>
      </c>
      <c r="Z11922" s="2">
        <v>16.7</v>
      </c>
      <c r="AA11922" s="5"/>
      <c r="AB11922" s="5" t="s">
        <v>43</v>
      </c>
      <c r="AC11922" s="5" t="s">
        <v>44</v>
      </c>
      <c r="AD11922" s="2"/>
      <c r="AE11922" s="1"/>
    </row>
    <row r="11923" spans="1:31" ht="14.45">
      <c r="A11923" s="11"/>
      <c r="B11923" s="20"/>
      <c r="C11923" s="2" t="s">
        <v>36697</v>
      </c>
      <c r="D11923" s="14" t="s">
        <v>36698</v>
      </c>
      <c r="E11923" s="2" t="s">
        <v>36699</v>
      </c>
      <c r="F11923" s="2" t="s">
        <v>36313</v>
      </c>
      <c r="G11923" s="8">
        <v>136</v>
      </c>
      <c r="H11923" s="5">
        <v>6</v>
      </c>
      <c r="I11923" s="5" t="s">
        <v>1518</v>
      </c>
      <c r="J11923" s="5" t="s">
        <v>36264</v>
      </c>
      <c r="K11923" s="2" t="s">
        <v>36265</v>
      </c>
      <c r="L11923" s="5" t="s">
        <v>36264</v>
      </c>
      <c r="M11923" s="2" t="s">
        <v>36265</v>
      </c>
      <c r="N11923" s="5" t="s">
        <v>36266</v>
      </c>
      <c r="O11923" s="5" t="s">
        <v>38</v>
      </c>
      <c r="P11923" s="5" t="s">
        <v>39</v>
      </c>
      <c r="Q11923" s="5" t="s">
        <v>40</v>
      </c>
      <c r="R11923" s="5" t="s">
        <v>1522</v>
      </c>
      <c r="S11923" s="5" t="s">
        <v>1523</v>
      </c>
      <c r="T11923" s="5" t="s">
        <v>42</v>
      </c>
      <c r="U11923" s="2">
        <v>1.177</v>
      </c>
      <c r="V11923" s="2">
        <v>0.65</v>
      </c>
      <c r="W11923" s="2">
        <v>1.2999999999999999E-2</v>
      </c>
      <c r="X11923" s="2">
        <v>99.1</v>
      </c>
      <c r="Y11923" s="2">
        <v>7.6</v>
      </c>
      <c r="Z11923" s="2">
        <v>16.7</v>
      </c>
      <c r="AA11923" s="5"/>
      <c r="AB11923" s="5" t="s">
        <v>43</v>
      </c>
      <c r="AC11923" s="5" t="s">
        <v>44</v>
      </c>
      <c r="AD11923" s="2"/>
      <c r="AE11923" s="1"/>
    </row>
    <row r="11924" spans="1:31" ht="14.45">
      <c r="A11924" s="11"/>
      <c r="B11924" s="20"/>
      <c r="C11924" s="2" t="s">
        <v>36700</v>
      </c>
      <c r="D11924" s="14" t="s">
        <v>36701</v>
      </c>
      <c r="E11924" s="2" t="s">
        <v>36702</v>
      </c>
      <c r="F11924" s="2" t="s">
        <v>36317</v>
      </c>
      <c r="G11924" s="8">
        <v>136</v>
      </c>
      <c r="H11924" s="5">
        <v>6</v>
      </c>
      <c r="I11924" s="5" t="s">
        <v>1518</v>
      </c>
      <c r="J11924" s="5" t="s">
        <v>36264</v>
      </c>
      <c r="K11924" s="2" t="s">
        <v>36265</v>
      </c>
      <c r="L11924" s="5" t="s">
        <v>36264</v>
      </c>
      <c r="M11924" s="2" t="s">
        <v>36265</v>
      </c>
      <c r="N11924" s="5" t="s">
        <v>36266</v>
      </c>
      <c r="O11924" s="5" t="s">
        <v>38</v>
      </c>
      <c r="P11924" s="5" t="s">
        <v>39</v>
      </c>
      <c r="Q11924" s="5" t="s">
        <v>40</v>
      </c>
      <c r="R11924" s="5" t="s">
        <v>1522</v>
      </c>
      <c r="S11924" s="5" t="s">
        <v>1523</v>
      </c>
      <c r="T11924" s="5" t="s">
        <v>42</v>
      </c>
      <c r="U11924" s="2">
        <v>1.1910000000000001</v>
      </c>
      <c r="V11924" s="2">
        <v>0.66400000000000003</v>
      </c>
      <c r="W11924" s="2">
        <v>1.2999999999999999E-2</v>
      </c>
      <c r="X11924" s="2">
        <v>99.1</v>
      </c>
      <c r="Y11924" s="2">
        <v>7.6</v>
      </c>
      <c r="Z11924" s="2">
        <v>16.7</v>
      </c>
      <c r="AA11924" s="5"/>
      <c r="AB11924" s="5" t="s">
        <v>43</v>
      </c>
      <c r="AC11924" s="5" t="s">
        <v>44</v>
      </c>
      <c r="AD11924" s="2"/>
      <c r="AE11924" s="1"/>
    </row>
    <row r="11925" spans="1:31" ht="14.45">
      <c r="A11925" s="11"/>
      <c r="B11925" s="20"/>
      <c r="C11925" s="2" t="s">
        <v>36703</v>
      </c>
      <c r="D11925" s="14" t="s">
        <v>36704</v>
      </c>
      <c r="E11925" s="2" t="s">
        <v>36705</v>
      </c>
      <c r="F11925" s="2" t="s">
        <v>36321</v>
      </c>
      <c r="G11925" s="8">
        <v>136</v>
      </c>
      <c r="H11925" s="5">
        <v>6</v>
      </c>
      <c r="I11925" s="5" t="s">
        <v>1518</v>
      </c>
      <c r="J11925" s="5" t="s">
        <v>36264</v>
      </c>
      <c r="K11925" s="2" t="s">
        <v>36265</v>
      </c>
      <c r="L11925" s="5" t="s">
        <v>36264</v>
      </c>
      <c r="M11925" s="2" t="s">
        <v>36265</v>
      </c>
      <c r="N11925" s="5" t="s">
        <v>36266</v>
      </c>
      <c r="O11925" s="5" t="s">
        <v>38</v>
      </c>
      <c r="P11925" s="5" t="s">
        <v>39</v>
      </c>
      <c r="Q11925" s="5" t="s">
        <v>40</v>
      </c>
      <c r="R11925" s="5" t="s">
        <v>1522</v>
      </c>
      <c r="S11925" s="5" t="s">
        <v>1523</v>
      </c>
      <c r="T11925" s="5" t="s">
        <v>42</v>
      </c>
      <c r="U11925" s="2">
        <v>1.177</v>
      </c>
      <c r="V11925" s="2">
        <v>0.65</v>
      </c>
      <c r="W11925" s="2">
        <v>1.2999999999999999E-2</v>
      </c>
      <c r="X11925" s="2">
        <v>99.1</v>
      </c>
      <c r="Y11925" s="2">
        <v>7.6</v>
      </c>
      <c r="Z11925" s="2">
        <v>16.7</v>
      </c>
      <c r="AA11925" s="5"/>
      <c r="AB11925" s="5" t="s">
        <v>43</v>
      </c>
      <c r="AC11925" s="5" t="s">
        <v>44</v>
      </c>
      <c r="AD11925" s="2"/>
      <c r="AE11925" s="1"/>
    </row>
    <row r="11926" spans="1:31" ht="14.45">
      <c r="A11926" s="11"/>
      <c r="B11926" s="20"/>
      <c r="C11926" s="2" t="s">
        <v>36706</v>
      </c>
      <c r="D11926" s="14" t="s">
        <v>36707</v>
      </c>
      <c r="E11926" s="2" t="s">
        <v>36708</v>
      </c>
      <c r="F11926" s="2" t="s">
        <v>36325</v>
      </c>
      <c r="G11926" s="8">
        <v>136</v>
      </c>
      <c r="H11926" s="5">
        <v>6</v>
      </c>
      <c r="I11926" s="5" t="s">
        <v>1518</v>
      </c>
      <c r="J11926" s="5" t="s">
        <v>36264</v>
      </c>
      <c r="K11926" s="2" t="s">
        <v>36265</v>
      </c>
      <c r="L11926" s="5" t="s">
        <v>36264</v>
      </c>
      <c r="M11926" s="2" t="s">
        <v>36265</v>
      </c>
      <c r="N11926" s="5" t="s">
        <v>36266</v>
      </c>
      <c r="O11926" s="5" t="s">
        <v>38</v>
      </c>
      <c r="P11926" s="5" t="s">
        <v>39</v>
      </c>
      <c r="Q11926" s="5" t="s">
        <v>40</v>
      </c>
      <c r="R11926" s="5" t="s">
        <v>1522</v>
      </c>
      <c r="S11926" s="5" t="s">
        <v>1523</v>
      </c>
      <c r="T11926" s="5" t="s">
        <v>42</v>
      </c>
      <c r="U11926" s="2">
        <v>1.1910000000000001</v>
      </c>
      <c r="V11926" s="2">
        <v>0.66400000000000003</v>
      </c>
      <c r="W11926" s="2">
        <v>1.2999999999999999E-2</v>
      </c>
      <c r="X11926" s="2">
        <v>99.1</v>
      </c>
      <c r="Y11926" s="2">
        <v>7.6</v>
      </c>
      <c r="Z11926" s="2">
        <v>16.7</v>
      </c>
      <c r="AA11926" s="5"/>
      <c r="AB11926" s="5" t="s">
        <v>43</v>
      </c>
      <c r="AC11926" s="5" t="s">
        <v>44</v>
      </c>
      <c r="AD11926" s="2"/>
      <c r="AE11926" s="1"/>
    </row>
    <row r="11927" spans="1:31" ht="14.45">
      <c r="A11927" s="11"/>
      <c r="B11927" s="20"/>
      <c r="C11927" s="2" t="s">
        <v>36709</v>
      </c>
      <c r="D11927" s="14" t="s">
        <v>36710</v>
      </c>
      <c r="E11927" s="2" t="s">
        <v>36711</v>
      </c>
      <c r="F11927" s="2" t="s">
        <v>36329</v>
      </c>
      <c r="G11927" s="8">
        <v>136</v>
      </c>
      <c r="H11927" s="5">
        <v>6</v>
      </c>
      <c r="I11927" s="5" t="s">
        <v>1518</v>
      </c>
      <c r="J11927" s="5" t="s">
        <v>36264</v>
      </c>
      <c r="K11927" s="2" t="s">
        <v>36265</v>
      </c>
      <c r="L11927" s="5" t="s">
        <v>36264</v>
      </c>
      <c r="M11927" s="2" t="s">
        <v>36265</v>
      </c>
      <c r="N11927" s="5" t="s">
        <v>36266</v>
      </c>
      <c r="O11927" s="5" t="s">
        <v>38</v>
      </c>
      <c r="P11927" s="5" t="s">
        <v>39</v>
      </c>
      <c r="Q11927" s="5" t="s">
        <v>40</v>
      </c>
      <c r="R11927" s="5" t="s">
        <v>1522</v>
      </c>
      <c r="S11927" s="5" t="s">
        <v>1523</v>
      </c>
      <c r="T11927" s="5" t="s">
        <v>42</v>
      </c>
      <c r="U11927" s="2">
        <v>1.177</v>
      </c>
      <c r="V11927" s="2">
        <v>0.65</v>
      </c>
      <c r="W11927" s="2">
        <v>1.2999999999999999E-2</v>
      </c>
      <c r="X11927" s="2">
        <v>99.1</v>
      </c>
      <c r="Y11927" s="2">
        <v>7.6</v>
      </c>
      <c r="Z11927" s="2">
        <v>16.7</v>
      </c>
      <c r="AA11927" s="5"/>
      <c r="AB11927" s="5" t="s">
        <v>43</v>
      </c>
      <c r="AC11927" s="5" t="s">
        <v>44</v>
      </c>
      <c r="AD11927" s="2"/>
      <c r="AE11927" s="1"/>
    </row>
    <row r="11928" spans="1:31" ht="14.45">
      <c r="A11928" s="11"/>
      <c r="B11928" s="20"/>
      <c r="C11928" s="2" t="s">
        <v>36712</v>
      </c>
      <c r="D11928" s="14" t="s">
        <v>36713</v>
      </c>
      <c r="E11928" s="2" t="s">
        <v>36714</v>
      </c>
      <c r="F11928" s="2" t="s">
        <v>36333</v>
      </c>
      <c r="G11928" s="8">
        <v>136</v>
      </c>
      <c r="H11928" s="5">
        <v>6</v>
      </c>
      <c r="I11928" s="5" t="s">
        <v>1518</v>
      </c>
      <c r="J11928" s="5" t="s">
        <v>36264</v>
      </c>
      <c r="K11928" s="2" t="s">
        <v>36265</v>
      </c>
      <c r="L11928" s="5" t="s">
        <v>36264</v>
      </c>
      <c r="M11928" s="2" t="s">
        <v>36265</v>
      </c>
      <c r="N11928" s="5" t="s">
        <v>36266</v>
      </c>
      <c r="O11928" s="5" t="s">
        <v>38</v>
      </c>
      <c r="P11928" s="5" t="s">
        <v>39</v>
      </c>
      <c r="Q11928" s="5" t="s">
        <v>40</v>
      </c>
      <c r="R11928" s="5" t="s">
        <v>1522</v>
      </c>
      <c r="S11928" s="5" t="s">
        <v>1523</v>
      </c>
      <c r="T11928" s="5" t="s">
        <v>42</v>
      </c>
      <c r="U11928" s="2">
        <v>1.1910000000000001</v>
      </c>
      <c r="V11928" s="2">
        <v>0.66400000000000003</v>
      </c>
      <c r="W11928" s="2">
        <v>1.2999999999999999E-2</v>
      </c>
      <c r="X11928" s="2">
        <v>99.1</v>
      </c>
      <c r="Y11928" s="2">
        <v>7.6</v>
      </c>
      <c r="Z11928" s="2">
        <v>16.7</v>
      </c>
      <c r="AA11928" s="5"/>
      <c r="AB11928" s="5" t="s">
        <v>43</v>
      </c>
      <c r="AC11928" s="5" t="s">
        <v>44</v>
      </c>
      <c r="AD11928" s="2"/>
      <c r="AE11928" s="1"/>
    </row>
    <row r="11929" spans="1:31" ht="14.45">
      <c r="A11929" s="11"/>
      <c r="B11929" s="20"/>
      <c r="C11929" s="2" t="s">
        <v>36715</v>
      </c>
      <c r="D11929" s="14" t="s">
        <v>36716</v>
      </c>
      <c r="E11929" s="2" t="s">
        <v>36717</v>
      </c>
      <c r="F11929" s="2" t="s">
        <v>36337</v>
      </c>
      <c r="G11929" s="8">
        <v>136</v>
      </c>
      <c r="H11929" s="5">
        <v>6</v>
      </c>
      <c r="I11929" s="5" t="s">
        <v>1518</v>
      </c>
      <c r="J11929" s="5" t="s">
        <v>36264</v>
      </c>
      <c r="K11929" s="2" t="s">
        <v>36265</v>
      </c>
      <c r="L11929" s="5" t="s">
        <v>36264</v>
      </c>
      <c r="M11929" s="2" t="s">
        <v>36265</v>
      </c>
      <c r="N11929" s="5" t="s">
        <v>36266</v>
      </c>
      <c r="O11929" s="5" t="s">
        <v>38</v>
      </c>
      <c r="P11929" s="5" t="s">
        <v>39</v>
      </c>
      <c r="Q11929" s="5" t="s">
        <v>40</v>
      </c>
      <c r="R11929" s="5" t="s">
        <v>1522</v>
      </c>
      <c r="S11929" s="5" t="s">
        <v>1523</v>
      </c>
      <c r="T11929" s="5" t="s">
        <v>42</v>
      </c>
      <c r="U11929" s="2">
        <v>1.177</v>
      </c>
      <c r="V11929" s="2">
        <v>0.65</v>
      </c>
      <c r="W11929" s="2">
        <v>1.2999999999999999E-2</v>
      </c>
      <c r="X11929" s="2">
        <v>99.1</v>
      </c>
      <c r="Y11929" s="2">
        <v>7.6</v>
      </c>
      <c r="Z11929" s="2">
        <v>16.7</v>
      </c>
      <c r="AA11929" s="5"/>
      <c r="AB11929" s="5" t="s">
        <v>43</v>
      </c>
      <c r="AC11929" s="5" t="s">
        <v>44</v>
      </c>
      <c r="AD11929" s="2"/>
      <c r="AE11929" s="1"/>
    </row>
    <row r="11930" spans="1:31" ht="14.45">
      <c r="A11930" s="11"/>
      <c r="B11930" s="20"/>
      <c r="C11930" s="2" t="s">
        <v>36718</v>
      </c>
      <c r="D11930" s="14" t="s">
        <v>36719</v>
      </c>
      <c r="E11930" s="2" t="s">
        <v>36720</v>
      </c>
      <c r="F11930" s="2" t="s">
        <v>36341</v>
      </c>
      <c r="G11930" s="8">
        <v>136</v>
      </c>
      <c r="H11930" s="5">
        <v>6</v>
      </c>
      <c r="I11930" s="5" t="s">
        <v>1518</v>
      </c>
      <c r="J11930" s="5" t="s">
        <v>36264</v>
      </c>
      <c r="K11930" s="2" t="s">
        <v>36265</v>
      </c>
      <c r="L11930" s="5" t="s">
        <v>36264</v>
      </c>
      <c r="M11930" s="2" t="s">
        <v>36265</v>
      </c>
      <c r="N11930" s="5" t="s">
        <v>36266</v>
      </c>
      <c r="O11930" s="5" t="s">
        <v>38</v>
      </c>
      <c r="P11930" s="5" t="s">
        <v>39</v>
      </c>
      <c r="Q11930" s="5" t="s">
        <v>40</v>
      </c>
      <c r="R11930" s="5" t="s">
        <v>1522</v>
      </c>
      <c r="S11930" s="5" t="s">
        <v>1523</v>
      </c>
      <c r="T11930" s="5" t="s">
        <v>42</v>
      </c>
      <c r="U11930" s="2">
        <v>1.1910000000000001</v>
      </c>
      <c r="V11930" s="2">
        <v>0.66400000000000003</v>
      </c>
      <c r="W11930" s="2">
        <v>1.2999999999999999E-2</v>
      </c>
      <c r="X11930" s="2">
        <v>99.1</v>
      </c>
      <c r="Y11930" s="2">
        <v>7.6</v>
      </c>
      <c r="Z11930" s="2">
        <v>16.7</v>
      </c>
      <c r="AA11930" s="5"/>
      <c r="AB11930" s="5" t="s">
        <v>43</v>
      </c>
      <c r="AC11930" s="5" t="s">
        <v>44</v>
      </c>
      <c r="AD11930" s="2"/>
      <c r="AE11930" s="1"/>
    </row>
    <row r="11931" spans="1:31" ht="14.45">
      <c r="A11931" s="11"/>
      <c r="B11931" s="20"/>
      <c r="C11931" s="2" t="s">
        <v>36721</v>
      </c>
      <c r="D11931" s="14" t="s">
        <v>36722</v>
      </c>
      <c r="E11931" s="2" t="s">
        <v>36723</v>
      </c>
      <c r="F11931" s="2" t="s">
        <v>36345</v>
      </c>
      <c r="G11931" s="8">
        <v>136</v>
      </c>
      <c r="H11931" s="5">
        <v>6</v>
      </c>
      <c r="I11931" s="5" t="s">
        <v>1518</v>
      </c>
      <c r="J11931" s="5" t="s">
        <v>36264</v>
      </c>
      <c r="K11931" s="2" t="s">
        <v>36265</v>
      </c>
      <c r="L11931" s="5" t="s">
        <v>36264</v>
      </c>
      <c r="M11931" s="2" t="s">
        <v>36265</v>
      </c>
      <c r="N11931" s="5" t="s">
        <v>36266</v>
      </c>
      <c r="O11931" s="5" t="s">
        <v>38</v>
      </c>
      <c r="P11931" s="5" t="s">
        <v>39</v>
      </c>
      <c r="Q11931" s="5" t="s">
        <v>40</v>
      </c>
      <c r="R11931" s="5" t="s">
        <v>1522</v>
      </c>
      <c r="S11931" s="5" t="s">
        <v>1523</v>
      </c>
      <c r="T11931" s="5" t="s">
        <v>42</v>
      </c>
      <c r="U11931" s="2">
        <v>1.177</v>
      </c>
      <c r="V11931" s="2">
        <v>0.65</v>
      </c>
      <c r="W11931" s="2">
        <v>1.2999999999999999E-2</v>
      </c>
      <c r="X11931" s="2">
        <v>99.1</v>
      </c>
      <c r="Y11931" s="2">
        <v>7.6</v>
      </c>
      <c r="Z11931" s="2">
        <v>16.7</v>
      </c>
      <c r="AA11931" s="5"/>
      <c r="AB11931" s="5" t="s">
        <v>43</v>
      </c>
      <c r="AC11931" s="5" t="s">
        <v>44</v>
      </c>
      <c r="AD11931" s="2"/>
      <c r="AE11931" s="1"/>
    </row>
    <row r="11932" spans="1:31" ht="14.45">
      <c r="A11932" s="11"/>
      <c r="B11932" s="20"/>
      <c r="C11932" s="2" t="s">
        <v>36724</v>
      </c>
      <c r="D11932" s="14" t="s">
        <v>36725</v>
      </c>
      <c r="E11932" s="2" t="s">
        <v>36726</v>
      </c>
      <c r="F11932" s="2" t="s">
        <v>36349</v>
      </c>
      <c r="G11932" s="8">
        <v>136</v>
      </c>
      <c r="H11932" s="5">
        <v>6</v>
      </c>
      <c r="I11932" s="5" t="s">
        <v>1518</v>
      </c>
      <c r="J11932" s="5" t="s">
        <v>36264</v>
      </c>
      <c r="K11932" s="2" t="s">
        <v>36265</v>
      </c>
      <c r="L11932" s="5" t="s">
        <v>36264</v>
      </c>
      <c r="M11932" s="2" t="s">
        <v>36265</v>
      </c>
      <c r="N11932" s="5" t="s">
        <v>36266</v>
      </c>
      <c r="O11932" s="5" t="s">
        <v>38</v>
      </c>
      <c r="P11932" s="5" t="s">
        <v>39</v>
      </c>
      <c r="Q11932" s="5" t="s">
        <v>40</v>
      </c>
      <c r="R11932" s="5" t="s">
        <v>1522</v>
      </c>
      <c r="S11932" s="5" t="s">
        <v>1523</v>
      </c>
      <c r="T11932" s="5" t="s">
        <v>42</v>
      </c>
      <c r="U11932" s="2">
        <v>1.1910000000000001</v>
      </c>
      <c r="V11932" s="2">
        <v>0.66400000000000003</v>
      </c>
      <c r="W11932" s="2">
        <v>1.2999999999999999E-2</v>
      </c>
      <c r="X11932" s="2">
        <v>99.1</v>
      </c>
      <c r="Y11932" s="2">
        <v>7.6</v>
      </c>
      <c r="Z11932" s="2">
        <v>16.7</v>
      </c>
      <c r="AA11932" s="5"/>
      <c r="AB11932" s="5" t="s">
        <v>43</v>
      </c>
      <c r="AC11932" s="5" t="s">
        <v>44</v>
      </c>
      <c r="AD11932" s="2"/>
      <c r="AE11932" s="1"/>
    </row>
    <row r="11933" spans="1:31" ht="14.45">
      <c r="A11933" s="11"/>
      <c r="B11933" s="20"/>
      <c r="C11933" s="2" t="s">
        <v>36727</v>
      </c>
      <c r="D11933" s="14" t="s">
        <v>36728</v>
      </c>
      <c r="E11933" s="2" t="s">
        <v>36729</v>
      </c>
      <c r="F11933" s="2" t="s">
        <v>36353</v>
      </c>
      <c r="G11933" s="8">
        <v>136</v>
      </c>
      <c r="H11933" s="5">
        <v>6</v>
      </c>
      <c r="I11933" s="5" t="s">
        <v>1518</v>
      </c>
      <c r="J11933" s="5" t="s">
        <v>36264</v>
      </c>
      <c r="K11933" s="2" t="s">
        <v>36265</v>
      </c>
      <c r="L11933" s="5" t="s">
        <v>36264</v>
      </c>
      <c r="M11933" s="2" t="s">
        <v>36265</v>
      </c>
      <c r="N11933" s="5" t="s">
        <v>36266</v>
      </c>
      <c r="O11933" s="5" t="s">
        <v>38</v>
      </c>
      <c r="P11933" s="5" t="s">
        <v>39</v>
      </c>
      <c r="Q11933" s="5" t="s">
        <v>40</v>
      </c>
      <c r="R11933" s="5" t="s">
        <v>1522</v>
      </c>
      <c r="S11933" s="5" t="s">
        <v>1523</v>
      </c>
      <c r="T11933" s="5" t="s">
        <v>42</v>
      </c>
      <c r="U11933" s="2">
        <v>1.177</v>
      </c>
      <c r="V11933" s="2">
        <v>0.65</v>
      </c>
      <c r="W11933" s="2">
        <v>1.2999999999999999E-2</v>
      </c>
      <c r="X11933" s="2">
        <v>99.1</v>
      </c>
      <c r="Y11933" s="2">
        <v>7.6</v>
      </c>
      <c r="Z11933" s="2">
        <v>16.7</v>
      </c>
      <c r="AA11933" s="5"/>
      <c r="AB11933" s="5" t="s">
        <v>43</v>
      </c>
      <c r="AC11933" s="5" t="s">
        <v>44</v>
      </c>
      <c r="AD11933" s="2"/>
      <c r="AE11933" s="1"/>
    </row>
    <row r="11934" spans="1:31" ht="14.45">
      <c r="A11934" s="11"/>
      <c r="B11934" s="20"/>
      <c r="C11934" s="2" t="s">
        <v>36730</v>
      </c>
      <c r="D11934" s="14" t="s">
        <v>36731</v>
      </c>
      <c r="E11934" s="2" t="s">
        <v>36732</v>
      </c>
      <c r="F11934" s="2" t="s">
        <v>36357</v>
      </c>
      <c r="G11934" s="8">
        <v>136</v>
      </c>
      <c r="H11934" s="5">
        <v>6</v>
      </c>
      <c r="I11934" s="5" t="s">
        <v>1518</v>
      </c>
      <c r="J11934" s="5" t="s">
        <v>36264</v>
      </c>
      <c r="K11934" s="2" t="s">
        <v>36265</v>
      </c>
      <c r="L11934" s="5" t="s">
        <v>36264</v>
      </c>
      <c r="M11934" s="2" t="s">
        <v>36265</v>
      </c>
      <c r="N11934" s="5" t="s">
        <v>36266</v>
      </c>
      <c r="O11934" s="5" t="s">
        <v>38</v>
      </c>
      <c r="P11934" s="5" t="s">
        <v>39</v>
      </c>
      <c r="Q11934" s="5" t="s">
        <v>40</v>
      </c>
      <c r="R11934" s="5" t="s">
        <v>1522</v>
      </c>
      <c r="S11934" s="5" t="s">
        <v>1523</v>
      </c>
      <c r="T11934" s="5" t="s">
        <v>42</v>
      </c>
      <c r="U11934" s="2">
        <v>1.1910000000000001</v>
      </c>
      <c r="V11934" s="2">
        <v>0.66400000000000003</v>
      </c>
      <c r="W11934" s="2">
        <v>1.2999999999999999E-2</v>
      </c>
      <c r="X11934" s="2">
        <v>99.1</v>
      </c>
      <c r="Y11934" s="2">
        <v>7.6</v>
      </c>
      <c r="Z11934" s="2">
        <v>16.7</v>
      </c>
      <c r="AA11934" s="5"/>
      <c r="AB11934" s="5" t="s">
        <v>43</v>
      </c>
      <c r="AC11934" s="5" t="s">
        <v>44</v>
      </c>
      <c r="AD11934" s="2"/>
      <c r="AE11934" s="1"/>
    </row>
    <row r="11935" spans="1:31" ht="14.45">
      <c r="A11935" s="11"/>
      <c r="B11935" s="20"/>
      <c r="C11935" s="2" t="s">
        <v>36733</v>
      </c>
      <c r="D11935" s="14" t="s">
        <v>36734</v>
      </c>
      <c r="E11935" s="2" t="s">
        <v>36735</v>
      </c>
      <c r="F11935" s="2" t="s">
        <v>36361</v>
      </c>
      <c r="G11935" s="8">
        <v>136</v>
      </c>
      <c r="H11935" s="5">
        <v>6</v>
      </c>
      <c r="I11935" s="5" t="s">
        <v>1518</v>
      </c>
      <c r="J11935" s="5" t="s">
        <v>36264</v>
      </c>
      <c r="K11935" s="2" t="s">
        <v>36265</v>
      </c>
      <c r="L11935" s="5" t="s">
        <v>36264</v>
      </c>
      <c r="M11935" s="2" t="s">
        <v>36265</v>
      </c>
      <c r="N11935" s="5" t="s">
        <v>36266</v>
      </c>
      <c r="O11935" s="5" t="s">
        <v>38</v>
      </c>
      <c r="P11935" s="5" t="s">
        <v>39</v>
      </c>
      <c r="Q11935" s="5" t="s">
        <v>40</v>
      </c>
      <c r="R11935" s="5" t="s">
        <v>1522</v>
      </c>
      <c r="S11935" s="5" t="s">
        <v>1523</v>
      </c>
      <c r="T11935" s="5" t="s">
        <v>42</v>
      </c>
      <c r="U11935" s="2">
        <v>1.177</v>
      </c>
      <c r="V11935" s="2">
        <v>0.65</v>
      </c>
      <c r="W11935" s="2">
        <v>1.2999999999999999E-2</v>
      </c>
      <c r="X11935" s="2">
        <v>99.1</v>
      </c>
      <c r="Y11935" s="2">
        <v>7.6</v>
      </c>
      <c r="Z11935" s="2">
        <v>16.7</v>
      </c>
      <c r="AA11935" s="5"/>
      <c r="AB11935" s="5" t="s">
        <v>43</v>
      </c>
      <c r="AC11935" s="5" t="s">
        <v>44</v>
      </c>
      <c r="AD11935" s="2"/>
      <c r="AE11935" s="1"/>
    </row>
    <row r="11936" spans="1:31" ht="14.45">
      <c r="A11936" s="11"/>
      <c r="B11936" s="20"/>
      <c r="C11936" s="2" t="s">
        <v>36736</v>
      </c>
      <c r="D11936" s="14" t="s">
        <v>36737</v>
      </c>
      <c r="E11936" s="2" t="s">
        <v>36738</v>
      </c>
      <c r="F11936" s="2" t="s">
        <v>36365</v>
      </c>
      <c r="G11936" s="8">
        <v>136</v>
      </c>
      <c r="H11936" s="5">
        <v>6</v>
      </c>
      <c r="I11936" s="5" t="s">
        <v>1518</v>
      </c>
      <c r="J11936" s="5" t="s">
        <v>36264</v>
      </c>
      <c r="K11936" s="2" t="s">
        <v>36265</v>
      </c>
      <c r="L11936" s="5" t="s">
        <v>36264</v>
      </c>
      <c r="M11936" s="2" t="s">
        <v>36265</v>
      </c>
      <c r="N11936" s="5" t="s">
        <v>36266</v>
      </c>
      <c r="O11936" s="5" t="s">
        <v>38</v>
      </c>
      <c r="P11936" s="5" t="s">
        <v>39</v>
      </c>
      <c r="Q11936" s="5" t="s">
        <v>40</v>
      </c>
      <c r="R11936" s="5" t="s">
        <v>1522</v>
      </c>
      <c r="S11936" s="5" t="s">
        <v>1523</v>
      </c>
      <c r="T11936" s="5" t="s">
        <v>42</v>
      </c>
      <c r="U11936" s="2">
        <v>1.1910000000000001</v>
      </c>
      <c r="V11936" s="2">
        <v>0.66400000000000003</v>
      </c>
      <c r="W11936" s="2">
        <v>1.2999999999999999E-2</v>
      </c>
      <c r="X11936" s="2">
        <v>99.1</v>
      </c>
      <c r="Y11936" s="2">
        <v>7.6</v>
      </c>
      <c r="Z11936" s="2">
        <v>16.7</v>
      </c>
      <c r="AA11936" s="5"/>
      <c r="AB11936" s="5" t="s">
        <v>43</v>
      </c>
      <c r="AC11936" s="5" t="s">
        <v>44</v>
      </c>
      <c r="AD11936" s="2"/>
      <c r="AE11936" s="1"/>
    </row>
    <row r="11937" spans="1:31" ht="14.45">
      <c r="A11937" s="11"/>
      <c r="B11937" s="20"/>
      <c r="C11937" s="2" t="s">
        <v>36739</v>
      </c>
      <c r="D11937" s="14" t="s">
        <v>36740</v>
      </c>
      <c r="E11937" s="2" t="s">
        <v>36741</v>
      </c>
      <c r="F11937" s="2" t="s">
        <v>36644</v>
      </c>
      <c r="G11937" s="8">
        <v>136</v>
      </c>
      <c r="H11937" s="5">
        <v>6</v>
      </c>
      <c r="I11937" s="5" t="s">
        <v>1518</v>
      </c>
      <c r="J11937" s="5" t="s">
        <v>36264</v>
      </c>
      <c r="K11937" s="2" t="s">
        <v>36265</v>
      </c>
      <c r="L11937" s="5" t="s">
        <v>36264</v>
      </c>
      <c r="M11937" s="2" t="s">
        <v>36265</v>
      </c>
      <c r="N11937" s="5" t="s">
        <v>36266</v>
      </c>
      <c r="O11937" s="5" t="s">
        <v>38</v>
      </c>
      <c r="P11937" s="5" t="s">
        <v>39</v>
      </c>
      <c r="Q11937" s="5" t="s">
        <v>40</v>
      </c>
      <c r="R11937" s="5" t="s">
        <v>1522</v>
      </c>
      <c r="S11937" s="5" t="s">
        <v>1523</v>
      </c>
      <c r="T11937" s="5" t="s">
        <v>42</v>
      </c>
      <c r="U11937" s="2">
        <v>1.177</v>
      </c>
      <c r="V11937" s="2">
        <v>0.65</v>
      </c>
      <c r="W11937" s="2">
        <v>1.2999999999999999E-2</v>
      </c>
      <c r="X11937" s="2">
        <v>99.1</v>
      </c>
      <c r="Y11937" s="2">
        <v>7.6</v>
      </c>
      <c r="Z11937" s="2">
        <v>16.7</v>
      </c>
      <c r="AA11937" s="5"/>
      <c r="AB11937" s="5" t="s">
        <v>43</v>
      </c>
      <c r="AC11937" s="5" t="s">
        <v>44</v>
      </c>
      <c r="AD11937" s="2"/>
      <c r="AE11937" s="1"/>
    </row>
    <row r="11938" spans="1:31" ht="14.45">
      <c r="A11938" s="11"/>
      <c r="B11938" s="20"/>
      <c r="C11938" s="2" t="s">
        <v>36742</v>
      </c>
      <c r="D11938" s="14" t="s">
        <v>36743</v>
      </c>
      <c r="E11938" s="2" t="s">
        <v>36744</v>
      </c>
      <c r="F11938" s="2" t="s">
        <v>36648</v>
      </c>
      <c r="G11938" s="8">
        <v>136</v>
      </c>
      <c r="H11938" s="5">
        <v>6</v>
      </c>
      <c r="I11938" s="5" t="s">
        <v>1518</v>
      </c>
      <c r="J11938" s="5" t="s">
        <v>36264</v>
      </c>
      <c r="K11938" s="2" t="s">
        <v>36265</v>
      </c>
      <c r="L11938" s="5" t="s">
        <v>36264</v>
      </c>
      <c r="M11938" s="2" t="s">
        <v>36265</v>
      </c>
      <c r="N11938" s="5" t="s">
        <v>36266</v>
      </c>
      <c r="O11938" s="5" t="s">
        <v>38</v>
      </c>
      <c r="P11938" s="5" t="s">
        <v>39</v>
      </c>
      <c r="Q11938" s="5" t="s">
        <v>40</v>
      </c>
      <c r="R11938" s="5" t="s">
        <v>1522</v>
      </c>
      <c r="S11938" s="5" t="s">
        <v>1523</v>
      </c>
      <c r="T11938" s="5" t="s">
        <v>42</v>
      </c>
      <c r="U11938" s="2">
        <v>1.1910000000000001</v>
      </c>
      <c r="V11938" s="2">
        <v>0.66400000000000003</v>
      </c>
      <c r="W11938" s="2">
        <v>1.2999999999999999E-2</v>
      </c>
      <c r="X11938" s="2">
        <v>99.1</v>
      </c>
      <c r="Y11938" s="2">
        <v>7.6</v>
      </c>
      <c r="Z11938" s="2">
        <v>16.7</v>
      </c>
      <c r="AA11938" s="5"/>
      <c r="AB11938" s="5" t="s">
        <v>43</v>
      </c>
      <c r="AC11938" s="5" t="s">
        <v>44</v>
      </c>
      <c r="AD11938" s="2"/>
      <c r="AE11938" s="1"/>
    </row>
    <row r="11939" spans="1:31" ht="14.45">
      <c r="A11939" s="11"/>
      <c r="B11939" s="20"/>
      <c r="C11939" s="2" t="s">
        <v>36745</v>
      </c>
      <c r="D11939" s="14" t="s">
        <v>36746</v>
      </c>
      <c r="E11939" s="2" t="s">
        <v>36747</v>
      </c>
      <c r="F11939" s="2" t="s">
        <v>36377</v>
      </c>
      <c r="G11939" s="8">
        <v>136</v>
      </c>
      <c r="H11939" s="5">
        <v>6</v>
      </c>
      <c r="I11939" s="5" t="s">
        <v>1518</v>
      </c>
      <c r="J11939" s="5" t="s">
        <v>36264</v>
      </c>
      <c r="K11939" s="2" t="s">
        <v>36265</v>
      </c>
      <c r="L11939" s="5" t="s">
        <v>36264</v>
      </c>
      <c r="M11939" s="2" t="s">
        <v>36265</v>
      </c>
      <c r="N11939" s="5" t="s">
        <v>36266</v>
      </c>
      <c r="O11939" s="5" t="s">
        <v>38</v>
      </c>
      <c r="P11939" s="5" t="s">
        <v>39</v>
      </c>
      <c r="Q11939" s="5" t="s">
        <v>40</v>
      </c>
      <c r="R11939" s="5" t="s">
        <v>1522</v>
      </c>
      <c r="S11939" s="5" t="s">
        <v>1523</v>
      </c>
      <c r="T11939" s="5" t="s">
        <v>42</v>
      </c>
      <c r="U11939" s="2">
        <v>1.177</v>
      </c>
      <c r="V11939" s="2">
        <v>0.65</v>
      </c>
      <c r="W11939" s="2">
        <v>1.2999999999999999E-2</v>
      </c>
      <c r="X11939" s="2">
        <v>99.1</v>
      </c>
      <c r="Y11939" s="2">
        <v>7.6</v>
      </c>
      <c r="Z11939" s="2">
        <v>16.7</v>
      </c>
      <c r="AA11939" s="5"/>
      <c r="AB11939" s="5" t="s">
        <v>43</v>
      </c>
      <c r="AC11939" s="5" t="s">
        <v>44</v>
      </c>
      <c r="AD11939" s="2"/>
      <c r="AE11939" s="1"/>
    </row>
    <row r="11940" spans="1:31" ht="14.45">
      <c r="A11940" s="11"/>
      <c r="B11940" s="20"/>
      <c r="C11940" s="2" t="s">
        <v>36748</v>
      </c>
      <c r="D11940" s="14" t="s">
        <v>36749</v>
      </c>
      <c r="E11940" s="2" t="s">
        <v>36750</v>
      </c>
      <c r="F11940" s="2" t="s">
        <v>36381</v>
      </c>
      <c r="G11940" s="8">
        <v>136</v>
      </c>
      <c r="H11940" s="5">
        <v>6</v>
      </c>
      <c r="I11940" s="5" t="s">
        <v>1518</v>
      </c>
      <c r="J11940" s="5" t="s">
        <v>36264</v>
      </c>
      <c r="K11940" s="2" t="s">
        <v>36265</v>
      </c>
      <c r="L11940" s="5" t="s">
        <v>36264</v>
      </c>
      <c r="M11940" s="2" t="s">
        <v>36265</v>
      </c>
      <c r="N11940" s="5" t="s">
        <v>36266</v>
      </c>
      <c r="O11940" s="5" t="s">
        <v>38</v>
      </c>
      <c r="P11940" s="5" t="s">
        <v>39</v>
      </c>
      <c r="Q11940" s="5" t="s">
        <v>40</v>
      </c>
      <c r="R11940" s="5" t="s">
        <v>1522</v>
      </c>
      <c r="S11940" s="5" t="s">
        <v>1523</v>
      </c>
      <c r="T11940" s="5" t="s">
        <v>42</v>
      </c>
      <c r="U11940" s="2">
        <v>1.1910000000000001</v>
      </c>
      <c r="V11940" s="2">
        <v>0.66400000000000003</v>
      </c>
      <c r="W11940" s="2">
        <v>1.2999999999999999E-2</v>
      </c>
      <c r="X11940" s="2">
        <v>99.1</v>
      </c>
      <c r="Y11940" s="2">
        <v>7.6</v>
      </c>
      <c r="Z11940" s="2">
        <v>16.7</v>
      </c>
      <c r="AA11940" s="5"/>
      <c r="AB11940" s="5" t="s">
        <v>43</v>
      </c>
      <c r="AC11940" s="5" t="s">
        <v>44</v>
      </c>
      <c r="AD11940" s="2"/>
      <c r="AE11940" s="1"/>
    </row>
    <row r="11941" spans="1:31" ht="14.45">
      <c r="A11941" s="11"/>
      <c r="B11941" s="20"/>
      <c r="C11941" s="2" t="s">
        <v>36751</v>
      </c>
      <c r="D11941" s="14" t="s">
        <v>36752</v>
      </c>
      <c r="E11941" s="2" t="s">
        <v>36753</v>
      </c>
      <c r="F11941" s="2" t="s">
        <v>36385</v>
      </c>
      <c r="G11941" s="8">
        <v>136</v>
      </c>
      <c r="H11941" s="5">
        <v>6</v>
      </c>
      <c r="I11941" s="5" t="s">
        <v>1518</v>
      </c>
      <c r="J11941" s="5" t="s">
        <v>36264</v>
      </c>
      <c r="K11941" s="2" t="s">
        <v>36265</v>
      </c>
      <c r="L11941" s="5" t="s">
        <v>36264</v>
      </c>
      <c r="M11941" s="2" t="s">
        <v>36265</v>
      </c>
      <c r="N11941" s="5" t="s">
        <v>36266</v>
      </c>
      <c r="O11941" s="5" t="s">
        <v>38</v>
      </c>
      <c r="P11941" s="5" t="s">
        <v>39</v>
      </c>
      <c r="Q11941" s="5" t="s">
        <v>40</v>
      </c>
      <c r="R11941" s="5" t="s">
        <v>1522</v>
      </c>
      <c r="S11941" s="5" t="s">
        <v>1523</v>
      </c>
      <c r="T11941" s="5" t="s">
        <v>42</v>
      </c>
      <c r="U11941" s="2">
        <v>1.177</v>
      </c>
      <c r="V11941" s="2">
        <v>0.65</v>
      </c>
      <c r="W11941" s="2">
        <v>1.2999999999999999E-2</v>
      </c>
      <c r="X11941" s="2">
        <v>99.1</v>
      </c>
      <c r="Y11941" s="2">
        <v>7.6</v>
      </c>
      <c r="Z11941" s="2">
        <v>16.7</v>
      </c>
      <c r="AA11941" s="5"/>
      <c r="AB11941" s="5" t="s">
        <v>43</v>
      </c>
      <c r="AC11941" s="5" t="s">
        <v>44</v>
      </c>
      <c r="AD11941" s="2"/>
      <c r="AE11941" s="1"/>
    </row>
    <row r="11942" spans="1:31" ht="14.45">
      <c r="A11942" s="11"/>
      <c r="B11942" s="20"/>
      <c r="C11942" s="2" t="s">
        <v>36754</v>
      </c>
      <c r="D11942" s="14" t="s">
        <v>36755</v>
      </c>
      <c r="E11942" s="2" t="s">
        <v>36756</v>
      </c>
      <c r="F11942" s="2" t="s">
        <v>36389</v>
      </c>
      <c r="G11942" s="8">
        <v>136</v>
      </c>
      <c r="H11942" s="5">
        <v>6</v>
      </c>
      <c r="I11942" s="5" t="s">
        <v>1518</v>
      </c>
      <c r="J11942" s="5" t="s">
        <v>36264</v>
      </c>
      <c r="K11942" s="2" t="s">
        <v>36265</v>
      </c>
      <c r="L11942" s="5" t="s">
        <v>36264</v>
      </c>
      <c r="M11942" s="2" t="s">
        <v>36265</v>
      </c>
      <c r="N11942" s="5" t="s">
        <v>36266</v>
      </c>
      <c r="O11942" s="5" t="s">
        <v>38</v>
      </c>
      <c r="P11942" s="5" t="s">
        <v>39</v>
      </c>
      <c r="Q11942" s="5" t="s">
        <v>40</v>
      </c>
      <c r="R11942" s="5" t="s">
        <v>1522</v>
      </c>
      <c r="S11942" s="5" t="s">
        <v>1523</v>
      </c>
      <c r="T11942" s="5" t="s">
        <v>42</v>
      </c>
      <c r="U11942" s="2">
        <v>1.1910000000000001</v>
      </c>
      <c r="V11942" s="2">
        <v>0.66400000000000003</v>
      </c>
      <c r="W11942" s="2">
        <v>1.2999999999999999E-2</v>
      </c>
      <c r="X11942" s="2">
        <v>99.1</v>
      </c>
      <c r="Y11942" s="2">
        <v>7.6</v>
      </c>
      <c r="Z11942" s="2">
        <v>16.7</v>
      </c>
      <c r="AA11942" s="5"/>
      <c r="AB11942" s="5" t="s">
        <v>43</v>
      </c>
      <c r="AC11942" s="5" t="s">
        <v>44</v>
      </c>
      <c r="AD11942" s="2"/>
      <c r="AE11942" s="1"/>
    </row>
    <row r="11943" spans="1:31" ht="14.45">
      <c r="A11943" s="11"/>
      <c r="B11943" s="20"/>
      <c r="C11943" s="2" t="s">
        <v>36757</v>
      </c>
      <c r="D11943" s="14" t="s">
        <v>36758</v>
      </c>
      <c r="E11943" s="2" t="s">
        <v>36759</v>
      </c>
      <c r="F11943" s="2" t="s">
        <v>7204</v>
      </c>
      <c r="G11943" s="8">
        <v>132</v>
      </c>
      <c r="H11943" s="5">
        <v>6</v>
      </c>
      <c r="I11943" s="5" t="s">
        <v>1518</v>
      </c>
      <c r="J11943" s="5" t="s">
        <v>36264</v>
      </c>
      <c r="K11943" s="2" t="s">
        <v>36265</v>
      </c>
      <c r="L11943" s="5" t="s">
        <v>36264</v>
      </c>
      <c r="M11943" s="2" t="s">
        <v>36265</v>
      </c>
      <c r="N11943" s="5" t="s">
        <v>36266</v>
      </c>
      <c r="O11943" s="5" t="s">
        <v>38</v>
      </c>
      <c r="P11943" s="5" t="s">
        <v>39</v>
      </c>
      <c r="Q11943" s="5" t="s">
        <v>40</v>
      </c>
      <c r="R11943" s="5" t="s">
        <v>1522</v>
      </c>
      <c r="S11943" s="5" t="s">
        <v>1523</v>
      </c>
      <c r="T11943" s="5" t="s">
        <v>42</v>
      </c>
      <c r="U11943" s="2">
        <v>1.2609999999999999</v>
      </c>
      <c r="V11943" s="2">
        <v>0.73499999999999999</v>
      </c>
      <c r="W11943" s="2">
        <v>1.4999999999999999E-2</v>
      </c>
      <c r="X11943" s="2">
        <v>118.9</v>
      </c>
      <c r="Y11943" s="2">
        <v>7.6</v>
      </c>
      <c r="Z11943" s="2">
        <v>16.7</v>
      </c>
      <c r="AA11943" s="5"/>
      <c r="AB11943" s="5" t="s">
        <v>43</v>
      </c>
      <c r="AC11943" s="5" t="s">
        <v>44</v>
      </c>
      <c r="AD11943" s="2"/>
      <c r="AE11943" s="1"/>
    </row>
    <row r="11944" spans="1:31" ht="14.45">
      <c r="A11944" s="11"/>
      <c r="B11944" s="20"/>
      <c r="C11944" s="2" t="s">
        <v>36760</v>
      </c>
      <c r="D11944" s="14" t="s">
        <v>36761</v>
      </c>
      <c r="E11944" s="2" t="s">
        <v>36762</v>
      </c>
      <c r="F11944" s="2" t="s">
        <v>7514</v>
      </c>
      <c r="G11944" s="8">
        <v>132</v>
      </c>
      <c r="H11944" s="5">
        <v>6</v>
      </c>
      <c r="I11944" s="5" t="s">
        <v>1518</v>
      </c>
      <c r="J11944" s="5" t="s">
        <v>36264</v>
      </c>
      <c r="K11944" s="2" t="s">
        <v>36265</v>
      </c>
      <c r="L11944" s="5" t="s">
        <v>36264</v>
      </c>
      <c r="M11944" s="2" t="s">
        <v>36265</v>
      </c>
      <c r="N11944" s="5" t="s">
        <v>36266</v>
      </c>
      <c r="O11944" s="5" t="s">
        <v>38</v>
      </c>
      <c r="P11944" s="5" t="s">
        <v>39</v>
      </c>
      <c r="Q11944" s="5" t="s">
        <v>40</v>
      </c>
      <c r="R11944" s="5" t="s">
        <v>1522</v>
      </c>
      <c r="S11944" s="5" t="s">
        <v>1523</v>
      </c>
      <c r="T11944" s="5" t="s">
        <v>42</v>
      </c>
      <c r="U11944" s="2">
        <v>1.2749999999999999</v>
      </c>
      <c r="V11944" s="2">
        <v>0.749</v>
      </c>
      <c r="W11944" s="2">
        <v>1.4999999999999999E-2</v>
      </c>
      <c r="X11944" s="2">
        <v>118.9</v>
      </c>
      <c r="Y11944" s="2">
        <v>7.6</v>
      </c>
      <c r="Z11944" s="2">
        <v>16.7</v>
      </c>
      <c r="AA11944" s="5"/>
      <c r="AB11944" s="5" t="s">
        <v>43</v>
      </c>
      <c r="AC11944" s="5" t="s">
        <v>44</v>
      </c>
      <c r="AD11944" s="2"/>
      <c r="AE11944" s="1"/>
    </row>
    <row r="11945" spans="1:31" ht="14.45">
      <c r="A11945" s="11"/>
      <c r="B11945" s="20"/>
      <c r="C11945" s="2" t="s">
        <v>36763</v>
      </c>
      <c r="D11945" s="14" t="s">
        <v>36764</v>
      </c>
      <c r="E11945" s="2" t="s">
        <v>36765</v>
      </c>
      <c r="F11945" s="2" t="s">
        <v>36273</v>
      </c>
      <c r="G11945" s="8">
        <v>132</v>
      </c>
      <c r="H11945" s="5">
        <v>6</v>
      </c>
      <c r="I11945" s="5" t="s">
        <v>1518</v>
      </c>
      <c r="J11945" s="5" t="s">
        <v>36264</v>
      </c>
      <c r="K11945" s="2" t="s">
        <v>36265</v>
      </c>
      <c r="L11945" s="5" t="s">
        <v>36264</v>
      </c>
      <c r="M11945" s="2" t="s">
        <v>36265</v>
      </c>
      <c r="N11945" s="5" t="s">
        <v>36266</v>
      </c>
      <c r="O11945" s="5" t="s">
        <v>38</v>
      </c>
      <c r="P11945" s="5" t="s">
        <v>39</v>
      </c>
      <c r="Q11945" s="5" t="s">
        <v>40</v>
      </c>
      <c r="R11945" s="5" t="s">
        <v>1522</v>
      </c>
      <c r="S11945" s="5" t="s">
        <v>1523</v>
      </c>
      <c r="T11945" s="5" t="s">
        <v>42</v>
      </c>
      <c r="U11945" s="2">
        <v>1.2609999999999999</v>
      </c>
      <c r="V11945" s="2">
        <v>0.73499999999999999</v>
      </c>
      <c r="W11945" s="2">
        <v>1.4999999999999999E-2</v>
      </c>
      <c r="X11945" s="2">
        <v>118.9</v>
      </c>
      <c r="Y11945" s="2">
        <v>7.6</v>
      </c>
      <c r="Z11945" s="2">
        <v>16.7</v>
      </c>
      <c r="AA11945" s="5"/>
      <c r="AB11945" s="5" t="s">
        <v>43</v>
      </c>
      <c r="AC11945" s="5" t="s">
        <v>44</v>
      </c>
      <c r="AD11945" s="2"/>
      <c r="AE11945" s="1"/>
    </row>
    <row r="11946" spans="1:31" ht="14.45">
      <c r="A11946" s="11"/>
      <c r="B11946" s="20"/>
      <c r="C11946" s="2" t="s">
        <v>36766</v>
      </c>
      <c r="D11946" s="14" t="s">
        <v>36767</v>
      </c>
      <c r="E11946" s="2" t="s">
        <v>36768</v>
      </c>
      <c r="F11946" s="2" t="s">
        <v>36277</v>
      </c>
      <c r="G11946" s="8">
        <v>132</v>
      </c>
      <c r="H11946" s="5">
        <v>6</v>
      </c>
      <c r="I11946" s="5" t="s">
        <v>1518</v>
      </c>
      <c r="J11946" s="5" t="s">
        <v>36264</v>
      </c>
      <c r="K11946" s="2" t="s">
        <v>36265</v>
      </c>
      <c r="L11946" s="5" t="s">
        <v>36264</v>
      </c>
      <c r="M11946" s="2" t="s">
        <v>36265</v>
      </c>
      <c r="N11946" s="5" t="s">
        <v>36266</v>
      </c>
      <c r="O11946" s="5" t="s">
        <v>38</v>
      </c>
      <c r="P11946" s="5" t="s">
        <v>39</v>
      </c>
      <c r="Q11946" s="5" t="s">
        <v>40</v>
      </c>
      <c r="R11946" s="5" t="s">
        <v>1522</v>
      </c>
      <c r="S11946" s="5" t="s">
        <v>1523</v>
      </c>
      <c r="T11946" s="5" t="s">
        <v>42</v>
      </c>
      <c r="U11946" s="2">
        <v>1.2749999999999999</v>
      </c>
      <c r="V11946" s="2">
        <v>0.749</v>
      </c>
      <c r="W11946" s="2">
        <v>1.4999999999999999E-2</v>
      </c>
      <c r="X11946" s="2">
        <v>118.9</v>
      </c>
      <c r="Y11946" s="2">
        <v>7.6</v>
      </c>
      <c r="Z11946" s="2">
        <v>16.7</v>
      </c>
      <c r="AA11946" s="5"/>
      <c r="AB11946" s="5" t="s">
        <v>43</v>
      </c>
      <c r="AC11946" s="5" t="s">
        <v>44</v>
      </c>
      <c r="AD11946" s="2"/>
      <c r="AE11946" s="1"/>
    </row>
    <row r="11947" spans="1:31" ht="14.45">
      <c r="A11947" s="11"/>
      <c r="B11947" s="20"/>
      <c r="C11947" s="2" t="s">
        <v>36769</v>
      </c>
      <c r="D11947" s="14" t="s">
        <v>36770</v>
      </c>
      <c r="E11947" s="2" t="s">
        <v>36771</v>
      </c>
      <c r="F11947" s="2" t="s">
        <v>36281</v>
      </c>
      <c r="G11947" s="8">
        <v>152</v>
      </c>
      <c r="H11947" s="5">
        <v>6</v>
      </c>
      <c r="I11947" s="5" t="s">
        <v>1518</v>
      </c>
      <c r="J11947" s="5" t="s">
        <v>36264</v>
      </c>
      <c r="K11947" s="2" t="s">
        <v>36265</v>
      </c>
      <c r="L11947" s="5" t="s">
        <v>36264</v>
      </c>
      <c r="M11947" s="2" t="s">
        <v>36265</v>
      </c>
      <c r="N11947" s="5" t="s">
        <v>36266</v>
      </c>
      <c r="O11947" s="5" t="s">
        <v>38</v>
      </c>
      <c r="P11947" s="5" t="s">
        <v>39</v>
      </c>
      <c r="Q11947" s="5" t="s">
        <v>40</v>
      </c>
      <c r="R11947" s="5" t="s">
        <v>1522</v>
      </c>
      <c r="S11947" s="5" t="s">
        <v>1523</v>
      </c>
      <c r="T11947" s="5" t="s">
        <v>42</v>
      </c>
      <c r="U11947" s="2">
        <v>1.2609999999999999</v>
      </c>
      <c r="V11947" s="2">
        <v>0.73499999999999999</v>
      </c>
      <c r="W11947" s="2">
        <v>1.4999999999999999E-2</v>
      </c>
      <c r="X11947" s="2">
        <v>118.9</v>
      </c>
      <c r="Y11947" s="2">
        <v>7.6</v>
      </c>
      <c r="Z11947" s="2">
        <v>16.7</v>
      </c>
      <c r="AA11947" s="5"/>
      <c r="AB11947" s="5" t="s">
        <v>43</v>
      </c>
      <c r="AC11947" s="5" t="s">
        <v>44</v>
      </c>
      <c r="AD11947" s="2"/>
      <c r="AE11947" s="1"/>
    </row>
    <row r="11948" spans="1:31" ht="14.45">
      <c r="A11948" s="11"/>
      <c r="B11948" s="20"/>
      <c r="C11948" s="2" t="s">
        <v>36772</v>
      </c>
      <c r="D11948" s="14" t="s">
        <v>36773</v>
      </c>
      <c r="E11948" s="2" t="s">
        <v>36774</v>
      </c>
      <c r="F11948" s="2" t="s">
        <v>36285</v>
      </c>
      <c r="G11948" s="8">
        <v>152</v>
      </c>
      <c r="H11948" s="5">
        <v>6</v>
      </c>
      <c r="I11948" s="5" t="s">
        <v>1518</v>
      </c>
      <c r="J11948" s="5" t="s">
        <v>36264</v>
      </c>
      <c r="K11948" s="2" t="s">
        <v>36265</v>
      </c>
      <c r="L11948" s="5" t="s">
        <v>36264</v>
      </c>
      <c r="M11948" s="2" t="s">
        <v>36265</v>
      </c>
      <c r="N11948" s="5" t="s">
        <v>36266</v>
      </c>
      <c r="O11948" s="5" t="s">
        <v>38</v>
      </c>
      <c r="P11948" s="5" t="s">
        <v>39</v>
      </c>
      <c r="Q11948" s="5" t="s">
        <v>40</v>
      </c>
      <c r="R11948" s="5" t="s">
        <v>1522</v>
      </c>
      <c r="S11948" s="5" t="s">
        <v>1523</v>
      </c>
      <c r="T11948" s="5" t="s">
        <v>42</v>
      </c>
      <c r="U11948" s="2">
        <v>1.2749999999999999</v>
      </c>
      <c r="V11948" s="2">
        <v>0.749</v>
      </c>
      <c r="W11948" s="2">
        <v>1.4999999999999999E-2</v>
      </c>
      <c r="X11948" s="2">
        <v>118.9</v>
      </c>
      <c r="Y11948" s="2">
        <v>7.6</v>
      </c>
      <c r="Z11948" s="2">
        <v>16.7</v>
      </c>
      <c r="AA11948" s="5"/>
      <c r="AB11948" s="5" t="s">
        <v>43</v>
      </c>
      <c r="AC11948" s="5" t="s">
        <v>44</v>
      </c>
      <c r="AD11948" s="2"/>
      <c r="AE11948" s="1"/>
    </row>
    <row r="11949" spans="1:31" ht="14.45">
      <c r="A11949" s="11"/>
      <c r="B11949" s="20"/>
      <c r="C11949" s="2" t="s">
        <v>36775</v>
      </c>
      <c r="D11949" s="14" t="s">
        <v>36776</v>
      </c>
      <c r="E11949" s="2" t="s">
        <v>36777</v>
      </c>
      <c r="F11949" s="2" t="s">
        <v>36289</v>
      </c>
      <c r="G11949" s="8">
        <v>152</v>
      </c>
      <c r="H11949" s="5">
        <v>6</v>
      </c>
      <c r="I11949" s="5" t="s">
        <v>1518</v>
      </c>
      <c r="J11949" s="5" t="s">
        <v>36264</v>
      </c>
      <c r="K11949" s="2" t="s">
        <v>36265</v>
      </c>
      <c r="L11949" s="5" t="s">
        <v>36264</v>
      </c>
      <c r="M11949" s="2" t="s">
        <v>36265</v>
      </c>
      <c r="N11949" s="5" t="s">
        <v>36266</v>
      </c>
      <c r="O11949" s="5" t="s">
        <v>38</v>
      </c>
      <c r="P11949" s="5" t="s">
        <v>39</v>
      </c>
      <c r="Q11949" s="5" t="s">
        <v>40</v>
      </c>
      <c r="R11949" s="5" t="s">
        <v>1522</v>
      </c>
      <c r="S11949" s="5" t="s">
        <v>1523</v>
      </c>
      <c r="T11949" s="5" t="s">
        <v>42</v>
      </c>
      <c r="U11949" s="2">
        <v>1.2609999999999999</v>
      </c>
      <c r="V11949" s="2">
        <v>0.73499999999999999</v>
      </c>
      <c r="W11949" s="2">
        <v>1.4999999999999999E-2</v>
      </c>
      <c r="X11949" s="2">
        <v>118.9</v>
      </c>
      <c r="Y11949" s="2">
        <v>7.6</v>
      </c>
      <c r="Z11949" s="2">
        <v>16.7</v>
      </c>
      <c r="AA11949" s="5"/>
      <c r="AB11949" s="5" t="s">
        <v>43</v>
      </c>
      <c r="AC11949" s="5" t="s">
        <v>44</v>
      </c>
      <c r="AD11949" s="2"/>
      <c r="AE11949" s="1"/>
    </row>
    <row r="11950" spans="1:31" ht="14.45">
      <c r="A11950" s="11"/>
      <c r="B11950" s="20"/>
      <c r="C11950" s="2" t="s">
        <v>36778</v>
      </c>
      <c r="D11950" s="14" t="s">
        <v>36779</v>
      </c>
      <c r="E11950" s="2" t="s">
        <v>36780</v>
      </c>
      <c r="F11950" s="2" t="s">
        <v>36293</v>
      </c>
      <c r="G11950" s="8">
        <v>152</v>
      </c>
      <c r="H11950" s="5">
        <v>6</v>
      </c>
      <c r="I11950" s="5" t="s">
        <v>1518</v>
      </c>
      <c r="J11950" s="5" t="s">
        <v>36264</v>
      </c>
      <c r="K11950" s="2" t="s">
        <v>36265</v>
      </c>
      <c r="L11950" s="5" t="s">
        <v>36264</v>
      </c>
      <c r="M11950" s="2" t="s">
        <v>36265</v>
      </c>
      <c r="N11950" s="5" t="s">
        <v>36266</v>
      </c>
      <c r="O11950" s="5" t="s">
        <v>38</v>
      </c>
      <c r="P11950" s="5" t="s">
        <v>39</v>
      </c>
      <c r="Q11950" s="5" t="s">
        <v>40</v>
      </c>
      <c r="R11950" s="5" t="s">
        <v>1522</v>
      </c>
      <c r="S11950" s="5" t="s">
        <v>1523</v>
      </c>
      <c r="T11950" s="5" t="s">
        <v>42</v>
      </c>
      <c r="U11950" s="2">
        <v>1.2749999999999999</v>
      </c>
      <c r="V11950" s="2">
        <v>0.749</v>
      </c>
      <c r="W11950" s="2">
        <v>1.4999999999999999E-2</v>
      </c>
      <c r="X11950" s="2">
        <v>118.9</v>
      </c>
      <c r="Y11950" s="2">
        <v>7.6</v>
      </c>
      <c r="Z11950" s="2">
        <v>16.7</v>
      </c>
      <c r="AA11950" s="5"/>
      <c r="AB11950" s="5" t="s">
        <v>43</v>
      </c>
      <c r="AC11950" s="5" t="s">
        <v>44</v>
      </c>
      <c r="AD11950" s="2"/>
      <c r="AE11950" s="1"/>
    </row>
    <row r="11951" spans="1:31" ht="14.45">
      <c r="A11951" s="11"/>
      <c r="B11951" s="20"/>
      <c r="C11951" s="2" t="s">
        <v>36781</v>
      </c>
      <c r="D11951" s="14" t="s">
        <v>36782</v>
      </c>
      <c r="E11951" s="2" t="s">
        <v>36783</v>
      </c>
      <c r="F11951" s="2" t="s">
        <v>36588</v>
      </c>
      <c r="G11951" s="8">
        <v>132</v>
      </c>
      <c r="H11951" s="5">
        <v>6</v>
      </c>
      <c r="I11951" s="5" t="s">
        <v>1518</v>
      </c>
      <c r="J11951" s="5" t="s">
        <v>36264</v>
      </c>
      <c r="K11951" s="2" t="s">
        <v>36265</v>
      </c>
      <c r="L11951" s="5" t="s">
        <v>36264</v>
      </c>
      <c r="M11951" s="2" t="s">
        <v>36265</v>
      </c>
      <c r="N11951" s="5" t="s">
        <v>36266</v>
      </c>
      <c r="O11951" s="5" t="s">
        <v>38</v>
      </c>
      <c r="P11951" s="5" t="s">
        <v>39</v>
      </c>
      <c r="Q11951" s="5" t="s">
        <v>40</v>
      </c>
      <c r="R11951" s="5" t="s">
        <v>1522</v>
      </c>
      <c r="S11951" s="5" t="s">
        <v>1523</v>
      </c>
      <c r="T11951" s="5" t="s">
        <v>42</v>
      </c>
      <c r="U11951" s="2">
        <v>1.2609999999999999</v>
      </c>
      <c r="V11951" s="2">
        <v>0.73499999999999999</v>
      </c>
      <c r="W11951" s="2">
        <v>1.4999999999999999E-2</v>
      </c>
      <c r="X11951" s="2">
        <v>118.9</v>
      </c>
      <c r="Y11951" s="2">
        <v>7.6</v>
      </c>
      <c r="Z11951" s="2">
        <v>16.7</v>
      </c>
      <c r="AA11951" s="5"/>
      <c r="AB11951" s="5" t="s">
        <v>43</v>
      </c>
      <c r="AC11951" s="5" t="s">
        <v>44</v>
      </c>
      <c r="AD11951" s="2"/>
      <c r="AE11951" s="1"/>
    </row>
    <row r="11952" spans="1:31" ht="14.45">
      <c r="A11952" s="11"/>
      <c r="B11952" s="20"/>
      <c r="C11952" s="2" t="s">
        <v>36784</v>
      </c>
      <c r="D11952" s="14" t="s">
        <v>36785</v>
      </c>
      <c r="E11952" s="2" t="s">
        <v>36786</v>
      </c>
      <c r="F11952" s="2" t="s">
        <v>36592</v>
      </c>
      <c r="G11952" s="8">
        <v>132</v>
      </c>
      <c r="H11952" s="5">
        <v>6</v>
      </c>
      <c r="I11952" s="5" t="s">
        <v>1518</v>
      </c>
      <c r="J11952" s="5" t="s">
        <v>36264</v>
      </c>
      <c r="K11952" s="2" t="s">
        <v>36265</v>
      </c>
      <c r="L11952" s="5" t="s">
        <v>36264</v>
      </c>
      <c r="M11952" s="2" t="s">
        <v>36265</v>
      </c>
      <c r="N11952" s="5" t="s">
        <v>36266</v>
      </c>
      <c r="O11952" s="5" t="s">
        <v>38</v>
      </c>
      <c r="P11952" s="5" t="s">
        <v>39</v>
      </c>
      <c r="Q11952" s="5" t="s">
        <v>40</v>
      </c>
      <c r="R11952" s="5" t="s">
        <v>1522</v>
      </c>
      <c r="S11952" s="5" t="s">
        <v>1523</v>
      </c>
      <c r="T11952" s="5" t="s">
        <v>42</v>
      </c>
      <c r="U11952" s="2">
        <v>1.2749999999999999</v>
      </c>
      <c r="V11952" s="2">
        <v>0.749</v>
      </c>
      <c r="W11952" s="2">
        <v>1.4999999999999999E-2</v>
      </c>
      <c r="X11952" s="2">
        <v>118.9</v>
      </c>
      <c r="Y11952" s="2">
        <v>7.6</v>
      </c>
      <c r="Z11952" s="2">
        <v>16.7</v>
      </c>
      <c r="AA11952" s="5"/>
      <c r="AB11952" s="5" t="s">
        <v>43</v>
      </c>
      <c r="AC11952" s="5" t="s">
        <v>44</v>
      </c>
      <c r="AD11952" s="2"/>
      <c r="AE11952" s="1"/>
    </row>
    <row r="11953" spans="1:31" ht="14.45">
      <c r="A11953" s="11"/>
      <c r="B11953" s="20"/>
      <c r="C11953" s="2" t="s">
        <v>36787</v>
      </c>
      <c r="D11953" s="14" t="s">
        <v>36788</v>
      </c>
      <c r="E11953" s="2" t="s">
        <v>36789</v>
      </c>
      <c r="F11953" s="2" t="s">
        <v>36305</v>
      </c>
      <c r="G11953" s="8">
        <v>132</v>
      </c>
      <c r="H11953" s="5">
        <v>6</v>
      </c>
      <c r="I11953" s="5" t="s">
        <v>1518</v>
      </c>
      <c r="J11953" s="5" t="s">
        <v>36264</v>
      </c>
      <c r="K11953" s="2" t="s">
        <v>36265</v>
      </c>
      <c r="L11953" s="5" t="s">
        <v>36264</v>
      </c>
      <c r="M11953" s="2" t="s">
        <v>36265</v>
      </c>
      <c r="N11953" s="5" t="s">
        <v>36266</v>
      </c>
      <c r="O11953" s="5" t="s">
        <v>38</v>
      </c>
      <c r="P11953" s="5" t="s">
        <v>39</v>
      </c>
      <c r="Q11953" s="5" t="s">
        <v>40</v>
      </c>
      <c r="R11953" s="5" t="s">
        <v>1522</v>
      </c>
      <c r="S11953" s="5" t="s">
        <v>1523</v>
      </c>
      <c r="T11953" s="5" t="s">
        <v>42</v>
      </c>
      <c r="U11953" s="2">
        <v>1.2609999999999999</v>
      </c>
      <c r="V11953" s="2">
        <v>0.73499999999999999</v>
      </c>
      <c r="W11953" s="2">
        <v>1.4999999999999999E-2</v>
      </c>
      <c r="X11953" s="2">
        <v>118.9</v>
      </c>
      <c r="Y11953" s="2">
        <v>7.6</v>
      </c>
      <c r="Z11953" s="2">
        <v>16.7</v>
      </c>
      <c r="AA11953" s="5"/>
      <c r="AB11953" s="5" t="s">
        <v>43</v>
      </c>
      <c r="AC11953" s="5" t="s">
        <v>44</v>
      </c>
      <c r="AD11953" s="2"/>
      <c r="AE11953" s="1"/>
    </row>
    <row r="11954" spans="1:31" ht="14.45">
      <c r="A11954" s="11"/>
      <c r="B11954" s="20"/>
      <c r="C11954" s="2" t="s">
        <v>36790</v>
      </c>
      <c r="D11954" s="14" t="s">
        <v>36791</v>
      </c>
      <c r="E11954" s="2" t="s">
        <v>36792</v>
      </c>
      <c r="F11954" s="2" t="s">
        <v>36309</v>
      </c>
      <c r="G11954" s="8">
        <v>132</v>
      </c>
      <c r="H11954" s="5">
        <v>6</v>
      </c>
      <c r="I11954" s="5" t="s">
        <v>1518</v>
      </c>
      <c r="J11954" s="5" t="s">
        <v>36264</v>
      </c>
      <c r="K11954" s="2" t="s">
        <v>36265</v>
      </c>
      <c r="L11954" s="5" t="s">
        <v>36264</v>
      </c>
      <c r="M11954" s="2" t="s">
        <v>36265</v>
      </c>
      <c r="N11954" s="5" t="s">
        <v>36266</v>
      </c>
      <c r="O11954" s="5" t="s">
        <v>38</v>
      </c>
      <c r="P11954" s="5" t="s">
        <v>39</v>
      </c>
      <c r="Q11954" s="5" t="s">
        <v>40</v>
      </c>
      <c r="R11954" s="5" t="s">
        <v>1522</v>
      </c>
      <c r="S11954" s="5" t="s">
        <v>1523</v>
      </c>
      <c r="T11954" s="5" t="s">
        <v>42</v>
      </c>
      <c r="U11954" s="2">
        <v>1.2749999999999999</v>
      </c>
      <c r="V11954" s="2">
        <v>0.749</v>
      </c>
      <c r="W11954" s="2">
        <v>1.4999999999999999E-2</v>
      </c>
      <c r="X11954" s="2">
        <v>118.9</v>
      </c>
      <c r="Y11954" s="2">
        <v>7.6</v>
      </c>
      <c r="Z11954" s="2">
        <v>16.7</v>
      </c>
      <c r="AA11954" s="5"/>
      <c r="AB11954" s="5" t="s">
        <v>43</v>
      </c>
      <c r="AC11954" s="5" t="s">
        <v>44</v>
      </c>
      <c r="AD11954" s="2"/>
      <c r="AE11954" s="1"/>
    </row>
    <row r="11955" spans="1:31" ht="14.45">
      <c r="A11955" s="11"/>
      <c r="B11955" s="20"/>
      <c r="C11955" s="2" t="s">
        <v>36793</v>
      </c>
      <c r="D11955" s="14" t="s">
        <v>36794</v>
      </c>
      <c r="E11955" s="2" t="s">
        <v>36795</v>
      </c>
      <c r="F11955" s="2" t="s">
        <v>36313</v>
      </c>
      <c r="G11955" s="8">
        <v>152</v>
      </c>
      <c r="H11955" s="5">
        <v>6</v>
      </c>
      <c r="I11955" s="5" t="s">
        <v>1518</v>
      </c>
      <c r="J11955" s="5" t="s">
        <v>36264</v>
      </c>
      <c r="K11955" s="2" t="s">
        <v>36265</v>
      </c>
      <c r="L11955" s="5" t="s">
        <v>36264</v>
      </c>
      <c r="M11955" s="2" t="s">
        <v>36265</v>
      </c>
      <c r="N11955" s="5" t="s">
        <v>36266</v>
      </c>
      <c r="O11955" s="5" t="s">
        <v>38</v>
      </c>
      <c r="P11955" s="5" t="s">
        <v>39</v>
      </c>
      <c r="Q11955" s="5" t="s">
        <v>40</v>
      </c>
      <c r="R11955" s="5" t="s">
        <v>1522</v>
      </c>
      <c r="S11955" s="5" t="s">
        <v>1523</v>
      </c>
      <c r="T11955" s="5" t="s">
        <v>42</v>
      </c>
      <c r="U11955" s="2">
        <v>1.2609999999999999</v>
      </c>
      <c r="V11955" s="2">
        <v>0.73499999999999999</v>
      </c>
      <c r="W11955" s="2">
        <v>1.4999999999999999E-2</v>
      </c>
      <c r="X11955" s="2">
        <v>118.9</v>
      </c>
      <c r="Y11955" s="2">
        <v>7.6</v>
      </c>
      <c r="Z11955" s="2">
        <v>16.7</v>
      </c>
      <c r="AA11955" s="5"/>
      <c r="AB11955" s="5" t="s">
        <v>43</v>
      </c>
      <c r="AC11955" s="5" t="s">
        <v>44</v>
      </c>
      <c r="AD11955" s="2"/>
      <c r="AE11955" s="1"/>
    </row>
    <row r="11956" spans="1:31" ht="14.45">
      <c r="A11956" s="11"/>
      <c r="B11956" s="20"/>
      <c r="C11956" s="2" t="s">
        <v>36796</v>
      </c>
      <c r="D11956" s="14" t="s">
        <v>36797</v>
      </c>
      <c r="E11956" s="2" t="s">
        <v>36798</v>
      </c>
      <c r="F11956" s="2" t="s">
        <v>36317</v>
      </c>
      <c r="G11956" s="8">
        <v>152</v>
      </c>
      <c r="H11956" s="5">
        <v>6</v>
      </c>
      <c r="I11956" s="5" t="s">
        <v>1518</v>
      </c>
      <c r="J11956" s="5" t="s">
        <v>36264</v>
      </c>
      <c r="K11956" s="2" t="s">
        <v>36265</v>
      </c>
      <c r="L11956" s="5" t="s">
        <v>36264</v>
      </c>
      <c r="M11956" s="2" t="s">
        <v>36265</v>
      </c>
      <c r="N11956" s="5" t="s">
        <v>36266</v>
      </c>
      <c r="O11956" s="5" t="s">
        <v>38</v>
      </c>
      <c r="P11956" s="5" t="s">
        <v>39</v>
      </c>
      <c r="Q11956" s="5" t="s">
        <v>40</v>
      </c>
      <c r="R11956" s="5" t="s">
        <v>1522</v>
      </c>
      <c r="S11956" s="5" t="s">
        <v>1523</v>
      </c>
      <c r="T11956" s="5" t="s">
        <v>42</v>
      </c>
      <c r="U11956" s="2">
        <v>1.2749999999999999</v>
      </c>
      <c r="V11956" s="2">
        <v>0.749</v>
      </c>
      <c r="W11956" s="2">
        <v>1.4999999999999999E-2</v>
      </c>
      <c r="X11956" s="2">
        <v>118.9</v>
      </c>
      <c r="Y11956" s="2">
        <v>7.6</v>
      </c>
      <c r="Z11956" s="2">
        <v>16.7</v>
      </c>
      <c r="AA11956" s="5"/>
      <c r="AB11956" s="5" t="s">
        <v>43</v>
      </c>
      <c r="AC11956" s="5" t="s">
        <v>44</v>
      </c>
      <c r="AD11956" s="2"/>
      <c r="AE11956" s="1"/>
    </row>
    <row r="11957" spans="1:31" ht="14.45">
      <c r="A11957" s="11"/>
      <c r="B11957" s="20"/>
      <c r="C11957" s="2" t="s">
        <v>36799</v>
      </c>
      <c r="D11957" s="14" t="s">
        <v>36800</v>
      </c>
      <c r="E11957" s="2" t="s">
        <v>36801</v>
      </c>
      <c r="F11957" s="2" t="s">
        <v>36321</v>
      </c>
      <c r="G11957" s="8">
        <v>152</v>
      </c>
      <c r="H11957" s="5">
        <v>6</v>
      </c>
      <c r="I11957" s="5" t="s">
        <v>1518</v>
      </c>
      <c r="J11957" s="5" t="s">
        <v>36264</v>
      </c>
      <c r="K11957" s="2" t="s">
        <v>36265</v>
      </c>
      <c r="L11957" s="5" t="s">
        <v>36264</v>
      </c>
      <c r="M11957" s="2" t="s">
        <v>36265</v>
      </c>
      <c r="N11957" s="5" t="s">
        <v>36266</v>
      </c>
      <c r="O11957" s="5" t="s">
        <v>38</v>
      </c>
      <c r="P11957" s="5" t="s">
        <v>39</v>
      </c>
      <c r="Q11957" s="5" t="s">
        <v>40</v>
      </c>
      <c r="R11957" s="5" t="s">
        <v>1522</v>
      </c>
      <c r="S11957" s="5" t="s">
        <v>1523</v>
      </c>
      <c r="T11957" s="5" t="s">
        <v>42</v>
      </c>
      <c r="U11957" s="2">
        <v>1.2609999999999999</v>
      </c>
      <c r="V11957" s="2">
        <v>0.73499999999999999</v>
      </c>
      <c r="W11957" s="2">
        <v>1.4999999999999999E-2</v>
      </c>
      <c r="X11957" s="2">
        <v>118.9</v>
      </c>
      <c r="Y11957" s="2">
        <v>7.6</v>
      </c>
      <c r="Z11957" s="2">
        <v>16.7</v>
      </c>
      <c r="AA11957" s="5"/>
      <c r="AB11957" s="5" t="s">
        <v>43</v>
      </c>
      <c r="AC11957" s="5" t="s">
        <v>44</v>
      </c>
      <c r="AD11957" s="2"/>
      <c r="AE11957" s="1"/>
    </row>
    <row r="11958" spans="1:31" ht="14.45">
      <c r="A11958" s="11"/>
      <c r="B11958" s="20"/>
      <c r="C11958" s="2" t="s">
        <v>36802</v>
      </c>
      <c r="D11958" s="14" t="s">
        <v>36803</v>
      </c>
      <c r="E11958" s="2" t="s">
        <v>36804</v>
      </c>
      <c r="F11958" s="2" t="s">
        <v>36325</v>
      </c>
      <c r="G11958" s="8">
        <v>152</v>
      </c>
      <c r="H11958" s="5">
        <v>6</v>
      </c>
      <c r="I11958" s="5" t="s">
        <v>1518</v>
      </c>
      <c r="J11958" s="5" t="s">
        <v>36264</v>
      </c>
      <c r="K11958" s="2" t="s">
        <v>36265</v>
      </c>
      <c r="L11958" s="5" t="s">
        <v>36264</v>
      </c>
      <c r="M11958" s="2" t="s">
        <v>36265</v>
      </c>
      <c r="N11958" s="5" t="s">
        <v>36266</v>
      </c>
      <c r="O11958" s="5" t="s">
        <v>38</v>
      </c>
      <c r="P11958" s="5" t="s">
        <v>39</v>
      </c>
      <c r="Q11958" s="5" t="s">
        <v>40</v>
      </c>
      <c r="R11958" s="5" t="s">
        <v>1522</v>
      </c>
      <c r="S11958" s="5" t="s">
        <v>1523</v>
      </c>
      <c r="T11958" s="5" t="s">
        <v>42</v>
      </c>
      <c r="U11958" s="2">
        <v>1.2749999999999999</v>
      </c>
      <c r="V11958" s="2">
        <v>0.749</v>
      </c>
      <c r="W11958" s="2">
        <v>1.4999999999999999E-2</v>
      </c>
      <c r="X11958" s="2">
        <v>118.9</v>
      </c>
      <c r="Y11958" s="2">
        <v>7.6</v>
      </c>
      <c r="Z11958" s="2">
        <v>16.7</v>
      </c>
      <c r="AA11958" s="5"/>
      <c r="AB11958" s="5" t="s">
        <v>43</v>
      </c>
      <c r="AC11958" s="5" t="s">
        <v>44</v>
      </c>
      <c r="AD11958" s="2"/>
      <c r="AE11958" s="1"/>
    </row>
    <row r="11959" spans="1:31" ht="14.45">
      <c r="A11959" s="11"/>
      <c r="B11959" s="20"/>
      <c r="C11959" s="2" t="s">
        <v>36805</v>
      </c>
      <c r="D11959" s="14" t="s">
        <v>36806</v>
      </c>
      <c r="E11959" s="2" t="s">
        <v>36807</v>
      </c>
      <c r="F11959" s="2" t="s">
        <v>36329</v>
      </c>
      <c r="G11959" s="8">
        <v>152</v>
      </c>
      <c r="H11959" s="5">
        <v>6</v>
      </c>
      <c r="I11959" s="5" t="s">
        <v>1518</v>
      </c>
      <c r="J11959" s="5" t="s">
        <v>36264</v>
      </c>
      <c r="K11959" s="2" t="s">
        <v>36265</v>
      </c>
      <c r="L11959" s="5" t="s">
        <v>36264</v>
      </c>
      <c r="M11959" s="2" t="s">
        <v>36265</v>
      </c>
      <c r="N11959" s="5" t="s">
        <v>36266</v>
      </c>
      <c r="O11959" s="5" t="s">
        <v>38</v>
      </c>
      <c r="P11959" s="5" t="s">
        <v>39</v>
      </c>
      <c r="Q11959" s="5" t="s">
        <v>40</v>
      </c>
      <c r="R11959" s="5" t="s">
        <v>1522</v>
      </c>
      <c r="S11959" s="5" t="s">
        <v>1523</v>
      </c>
      <c r="T11959" s="5" t="s">
        <v>42</v>
      </c>
      <c r="U11959" s="2">
        <v>1.2609999999999999</v>
      </c>
      <c r="V11959" s="2">
        <v>0.73499999999999999</v>
      </c>
      <c r="W11959" s="2">
        <v>1.4999999999999999E-2</v>
      </c>
      <c r="X11959" s="2">
        <v>118.9</v>
      </c>
      <c r="Y11959" s="2">
        <v>7.6</v>
      </c>
      <c r="Z11959" s="2">
        <v>16.7</v>
      </c>
      <c r="AA11959" s="5"/>
      <c r="AB11959" s="5" t="s">
        <v>43</v>
      </c>
      <c r="AC11959" s="5" t="s">
        <v>44</v>
      </c>
      <c r="AD11959" s="2"/>
      <c r="AE11959" s="1"/>
    </row>
    <row r="11960" spans="1:31" ht="14.45">
      <c r="A11960" s="11"/>
      <c r="B11960" s="20"/>
      <c r="C11960" s="2" t="s">
        <v>36808</v>
      </c>
      <c r="D11960" s="14" t="s">
        <v>36809</v>
      </c>
      <c r="E11960" s="2" t="s">
        <v>36810</v>
      </c>
      <c r="F11960" s="2" t="s">
        <v>36333</v>
      </c>
      <c r="G11960" s="8">
        <v>152</v>
      </c>
      <c r="H11960" s="5">
        <v>6</v>
      </c>
      <c r="I11960" s="5" t="s">
        <v>1518</v>
      </c>
      <c r="J11960" s="5" t="s">
        <v>36264</v>
      </c>
      <c r="K11960" s="2" t="s">
        <v>36265</v>
      </c>
      <c r="L11960" s="5" t="s">
        <v>36264</v>
      </c>
      <c r="M11960" s="2" t="s">
        <v>36265</v>
      </c>
      <c r="N11960" s="5" t="s">
        <v>36266</v>
      </c>
      <c r="O11960" s="5" t="s">
        <v>38</v>
      </c>
      <c r="P11960" s="5" t="s">
        <v>39</v>
      </c>
      <c r="Q11960" s="5" t="s">
        <v>40</v>
      </c>
      <c r="R11960" s="5" t="s">
        <v>1522</v>
      </c>
      <c r="S11960" s="5" t="s">
        <v>1523</v>
      </c>
      <c r="T11960" s="5" t="s">
        <v>42</v>
      </c>
      <c r="U11960" s="2">
        <v>1.2749999999999999</v>
      </c>
      <c r="V11960" s="2">
        <v>0.749</v>
      </c>
      <c r="W11960" s="2">
        <v>1.4999999999999999E-2</v>
      </c>
      <c r="X11960" s="2">
        <v>118.9</v>
      </c>
      <c r="Y11960" s="2">
        <v>7.6</v>
      </c>
      <c r="Z11960" s="2">
        <v>16.7</v>
      </c>
      <c r="AA11960" s="5"/>
      <c r="AB11960" s="5" t="s">
        <v>43</v>
      </c>
      <c r="AC11960" s="5" t="s">
        <v>44</v>
      </c>
      <c r="AD11960" s="2"/>
      <c r="AE11960" s="1"/>
    </row>
    <row r="11961" spans="1:31" ht="14.45">
      <c r="A11961" s="11"/>
      <c r="B11961" s="20"/>
      <c r="C11961" s="2" t="s">
        <v>36811</v>
      </c>
      <c r="D11961" s="14" t="s">
        <v>36812</v>
      </c>
      <c r="E11961" s="2" t="s">
        <v>36813</v>
      </c>
      <c r="F11961" s="2" t="s">
        <v>36337</v>
      </c>
      <c r="G11961" s="8">
        <v>152</v>
      </c>
      <c r="H11961" s="5">
        <v>6</v>
      </c>
      <c r="I11961" s="5" t="s">
        <v>1518</v>
      </c>
      <c r="J11961" s="5" t="s">
        <v>36264</v>
      </c>
      <c r="K11961" s="2" t="s">
        <v>36265</v>
      </c>
      <c r="L11961" s="5" t="s">
        <v>36264</v>
      </c>
      <c r="M11961" s="2" t="s">
        <v>36265</v>
      </c>
      <c r="N11961" s="5" t="s">
        <v>36266</v>
      </c>
      <c r="O11961" s="5" t="s">
        <v>38</v>
      </c>
      <c r="P11961" s="5" t="s">
        <v>39</v>
      </c>
      <c r="Q11961" s="5" t="s">
        <v>40</v>
      </c>
      <c r="R11961" s="5" t="s">
        <v>1522</v>
      </c>
      <c r="S11961" s="5" t="s">
        <v>1523</v>
      </c>
      <c r="T11961" s="5" t="s">
        <v>42</v>
      </c>
      <c r="U11961" s="2">
        <v>1.2609999999999999</v>
      </c>
      <c r="V11961" s="2">
        <v>0.73499999999999999</v>
      </c>
      <c r="W11961" s="2">
        <v>1.4999999999999999E-2</v>
      </c>
      <c r="X11961" s="2">
        <v>118.9</v>
      </c>
      <c r="Y11961" s="2">
        <v>7.6</v>
      </c>
      <c r="Z11961" s="2">
        <v>16.7</v>
      </c>
      <c r="AA11961" s="5"/>
      <c r="AB11961" s="5" t="s">
        <v>43</v>
      </c>
      <c r="AC11961" s="5" t="s">
        <v>44</v>
      </c>
      <c r="AD11961" s="2"/>
      <c r="AE11961" s="1"/>
    </row>
    <row r="11962" spans="1:31" ht="14.45">
      <c r="A11962" s="11"/>
      <c r="B11962" s="20"/>
      <c r="C11962" s="2" t="s">
        <v>36814</v>
      </c>
      <c r="D11962" s="14" t="s">
        <v>36815</v>
      </c>
      <c r="E11962" s="2" t="s">
        <v>36816</v>
      </c>
      <c r="F11962" s="2" t="s">
        <v>36341</v>
      </c>
      <c r="G11962" s="8">
        <v>152</v>
      </c>
      <c r="H11962" s="5">
        <v>6</v>
      </c>
      <c r="I11962" s="5" t="s">
        <v>1518</v>
      </c>
      <c r="J11962" s="5" t="s">
        <v>36264</v>
      </c>
      <c r="K11962" s="2" t="s">
        <v>36265</v>
      </c>
      <c r="L11962" s="5" t="s">
        <v>36264</v>
      </c>
      <c r="M11962" s="2" t="s">
        <v>36265</v>
      </c>
      <c r="N11962" s="5" t="s">
        <v>36266</v>
      </c>
      <c r="O11962" s="5" t="s">
        <v>38</v>
      </c>
      <c r="P11962" s="5" t="s">
        <v>39</v>
      </c>
      <c r="Q11962" s="5" t="s">
        <v>40</v>
      </c>
      <c r="R11962" s="5" t="s">
        <v>1522</v>
      </c>
      <c r="S11962" s="5" t="s">
        <v>1523</v>
      </c>
      <c r="T11962" s="5" t="s">
        <v>42</v>
      </c>
      <c r="U11962" s="2">
        <v>1.2749999999999999</v>
      </c>
      <c r="V11962" s="2">
        <v>0.749</v>
      </c>
      <c r="W11962" s="2">
        <v>1.4999999999999999E-2</v>
      </c>
      <c r="X11962" s="2">
        <v>118.9</v>
      </c>
      <c r="Y11962" s="2">
        <v>7.6</v>
      </c>
      <c r="Z11962" s="2">
        <v>16.7</v>
      </c>
      <c r="AA11962" s="5"/>
      <c r="AB11962" s="5" t="s">
        <v>43</v>
      </c>
      <c r="AC11962" s="5" t="s">
        <v>44</v>
      </c>
      <c r="AD11962" s="2"/>
      <c r="AE11962" s="1"/>
    </row>
    <row r="11963" spans="1:31" ht="14.45">
      <c r="A11963" s="11"/>
      <c r="B11963" s="20"/>
      <c r="C11963" s="2" t="s">
        <v>36817</v>
      </c>
      <c r="D11963" s="14" t="s">
        <v>36818</v>
      </c>
      <c r="E11963" s="2" t="s">
        <v>36819</v>
      </c>
      <c r="F11963" s="2" t="s">
        <v>36345</v>
      </c>
      <c r="G11963" s="8">
        <v>152</v>
      </c>
      <c r="H11963" s="5">
        <v>6</v>
      </c>
      <c r="I11963" s="5" t="s">
        <v>1518</v>
      </c>
      <c r="J11963" s="5" t="s">
        <v>36264</v>
      </c>
      <c r="K11963" s="2" t="s">
        <v>36265</v>
      </c>
      <c r="L11963" s="5" t="s">
        <v>36264</v>
      </c>
      <c r="M11963" s="2" t="s">
        <v>36265</v>
      </c>
      <c r="N11963" s="5" t="s">
        <v>36266</v>
      </c>
      <c r="O11963" s="5" t="s">
        <v>38</v>
      </c>
      <c r="P11963" s="5" t="s">
        <v>39</v>
      </c>
      <c r="Q11963" s="5" t="s">
        <v>40</v>
      </c>
      <c r="R11963" s="5" t="s">
        <v>1522</v>
      </c>
      <c r="S11963" s="5" t="s">
        <v>1523</v>
      </c>
      <c r="T11963" s="5" t="s">
        <v>42</v>
      </c>
      <c r="U11963" s="2">
        <v>1.2609999999999999</v>
      </c>
      <c r="V11963" s="2">
        <v>0.73499999999999999</v>
      </c>
      <c r="W11963" s="2">
        <v>1.4999999999999999E-2</v>
      </c>
      <c r="X11963" s="2">
        <v>118.9</v>
      </c>
      <c r="Y11963" s="2">
        <v>7.6</v>
      </c>
      <c r="Z11963" s="2">
        <v>16.7</v>
      </c>
      <c r="AA11963" s="5"/>
      <c r="AB11963" s="5" t="s">
        <v>43</v>
      </c>
      <c r="AC11963" s="5" t="s">
        <v>44</v>
      </c>
      <c r="AD11963" s="2"/>
      <c r="AE11963" s="1"/>
    </row>
    <row r="11964" spans="1:31" ht="14.45">
      <c r="A11964" s="11"/>
      <c r="B11964" s="20"/>
      <c r="C11964" s="2" t="s">
        <v>36820</v>
      </c>
      <c r="D11964" s="14" t="s">
        <v>36821</v>
      </c>
      <c r="E11964" s="2" t="s">
        <v>36822</v>
      </c>
      <c r="F11964" s="2" t="s">
        <v>36349</v>
      </c>
      <c r="G11964" s="8">
        <v>152</v>
      </c>
      <c r="H11964" s="5">
        <v>6</v>
      </c>
      <c r="I11964" s="5" t="s">
        <v>1518</v>
      </c>
      <c r="J11964" s="5" t="s">
        <v>36264</v>
      </c>
      <c r="K11964" s="2" t="s">
        <v>36265</v>
      </c>
      <c r="L11964" s="5" t="s">
        <v>36264</v>
      </c>
      <c r="M11964" s="2" t="s">
        <v>36265</v>
      </c>
      <c r="N11964" s="5" t="s">
        <v>36266</v>
      </c>
      <c r="O11964" s="5" t="s">
        <v>38</v>
      </c>
      <c r="P11964" s="5" t="s">
        <v>39</v>
      </c>
      <c r="Q11964" s="5" t="s">
        <v>40</v>
      </c>
      <c r="R11964" s="5" t="s">
        <v>1522</v>
      </c>
      <c r="S11964" s="5" t="s">
        <v>1523</v>
      </c>
      <c r="T11964" s="5" t="s">
        <v>42</v>
      </c>
      <c r="U11964" s="2">
        <v>1.2749999999999999</v>
      </c>
      <c r="V11964" s="2">
        <v>0.749</v>
      </c>
      <c r="W11964" s="2">
        <v>1.4999999999999999E-2</v>
      </c>
      <c r="X11964" s="2">
        <v>118.9</v>
      </c>
      <c r="Y11964" s="2">
        <v>7.6</v>
      </c>
      <c r="Z11964" s="2">
        <v>16.7</v>
      </c>
      <c r="AA11964" s="5"/>
      <c r="AB11964" s="5" t="s">
        <v>43</v>
      </c>
      <c r="AC11964" s="5" t="s">
        <v>44</v>
      </c>
      <c r="AD11964" s="2"/>
      <c r="AE11964" s="1"/>
    </row>
    <row r="11965" spans="1:31" ht="14.45">
      <c r="A11965" s="11"/>
      <c r="B11965" s="20"/>
      <c r="C11965" s="2" t="s">
        <v>36823</v>
      </c>
      <c r="D11965" s="14" t="s">
        <v>36824</v>
      </c>
      <c r="E11965" s="2" t="s">
        <v>36825</v>
      </c>
      <c r="F11965" s="2" t="s">
        <v>36353</v>
      </c>
      <c r="G11965" s="8">
        <v>152</v>
      </c>
      <c r="H11965" s="5">
        <v>6</v>
      </c>
      <c r="I11965" s="5" t="s">
        <v>1518</v>
      </c>
      <c r="J11965" s="5" t="s">
        <v>36264</v>
      </c>
      <c r="K11965" s="2" t="s">
        <v>36265</v>
      </c>
      <c r="L11965" s="5" t="s">
        <v>36264</v>
      </c>
      <c r="M11965" s="2" t="s">
        <v>36265</v>
      </c>
      <c r="N11965" s="5" t="s">
        <v>36266</v>
      </c>
      <c r="O11965" s="5" t="s">
        <v>38</v>
      </c>
      <c r="P11965" s="5" t="s">
        <v>39</v>
      </c>
      <c r="Q11965" s="5" t="s">
        <v>40</v>
      </c>
      <c r="R11965" s="5" t="s">
        <v>1522</v>
      </c>
      <c r="S11965" s="5" t="s">
        <v>1523</v>
      </c>
      <c r="T11965" s="5" t="s">
        <v>42</v>
      </c>
      <c r="U11965" s="2">
        <v>1.2609999999999999</v>
      </c>
      <c r="V11965" s="2">
        <v>0.73499999999999999</v>
      </c>
      <c r="W11965" s="2">
        <v>1.4999999999999999E-2</v>
      </c>
      <c r="X11965" s="2">
        <v>118.9</v>
      </c>
      <c r="Y11965" s="2">
        <v>7.6</v>
      </c>
      <c r="Z11965" s="2">
        <v>16.7</v>
      </c>
      <c r="AA11965" s="5"/>
      <c r="AB11965" s="5" t="s">
        <v>43</v>
      </c>
      <c r="AC11965" s="5" t="s">
        <v>44</v>
      </c>
      <c r="AD11965" s="2"/>
      <c r="AE11965" s="1"/>
    </row>
    <row r="11966" spans="1:31" ht="14.45">
      <c r="A11966" s="11"/>
      <c r="B11966" s="20"/>
      <c r="C11966" s="2" t="s">
        <v>36826</v>
      </c>
      <c r="D11966" s="14" t="s">
        <v>36827</v>
      </c>
      <c r="E11966" s="2" t="s">
        <v>36828</v>
      </c>
      <c r="F11966" s="2" t="s">
        <v>36357</v>
      </c>
      <c r="G11966" s="8">
        <v>152</v>
      </c>
      <c r="H11966" s="5">
        <v>6</v>
      </c>
      <c r="I11966" s="5" t="s">
        <v>1518</v>
      </c>
      <c r="J11966" s="5" t="s">
        <v>36264</v>
      </c>
      <c r="K11966" s="2" t="s">
        <v>36265</v>
      </c>
      <c r="L11966" s="5" t="s">
        <v>36264</v>
      </c>
      <c r="M11966" s="2" t="s">
        <v>36265</v>
      </c>
      <c r="N11966" s="5" t="s">
        <v>36266</v>
      </c>
      <c r="O11966" s="5" t="s">
        <v>38</v>
      </c>
      <c r="P11966" s="5" t="s">
        <v>39</v>
      </c>
      <c r="Q11966" s="5" t="s">
        <v>40</v>
      </c>
      <c r="R11966" s="5" t="s">
        <v>1522</v>
      </c>
      <c r="S11966" s="5" t="s">
        <v>1523</v>
      </c>
      <c r="T11966" s="5" t="s">
        <v>42</v>
      </c>
      <c r="U11966" s="2">
        <v>1.2749999999999999</v>
      </c>
      <c r="V11966" s="2">
        <v>0.749</v>
      </c>
      <c r="W11966" s="2">
        <v>1.4999999999999999E-2</v>
      </c>
      <c r="X11966" s="2">
        <v>118.9</v>
      </c>
      <c r="Y11966" s="2">
        <v>7.6</v>
      </c>
      <c r="Z11966" s="2">
        <v>16.7</v>
      </c>
      <c r="AA11966" s="5"/>
      <c r="AB11966" s="5" t="s">
        <v>43</v>
      </c>
      <c r="AC11966" s="5" t="s">
        <v>44</v>
      </c>
      <c r="AD11966" s="2"/>
      <c r="AE11966" s="1"/>
    </row>
    <row r="11967" spans="1:31" ht="14.45">
      <c r="A11967" s="11"/>
      <c r="B11967" s="20"/>
      <c r="C11967" s="2" t="s">
        <v>36829</v>
      </c>
      <c r="D11967" s="14" t="s">
        <v>36830</v>
      </c>
      <c r="E11967" s="2" t="s">
        <v>36831</v>
      </c>
      <c r="F11967" s="2" t="s">
        <v>36361</v>
      </c>
      <c r="G11967" s="8">
        <v>152</v>
      </c>
      <c r="H11967" s="5">
        <v>6</v>
      </c>
      <c r="I11967" s="5" t="s">
        <v>1518</v>
      </c>
      <c r="J11967" s="5" t="s">
        <v>36264</v>
      </c>
      <c r="K11967" s="2" t="s">
        <v>36265</v>
      </c>
      <c r="L11967" s="5" t="s">
        <v>36264</v>
      </c>
      <c r="M11967" s="2" t="s">
        <v>36265</v>
      </c>
      <c r="N11967" s="5" t="s">
        <v>36266</v>
      </c>
      <c r="O11967" s="5" t="s">
        <v>38</v>
      </c>
      <c r="P11967" s="5" t="s">
        <v>39</v>
      </c>
      <c r="Q11967" s="5" t="s">
        <v>40</v>
      </c>
      <c r="R11967" s="5" t="s">
        <v>1522</v>
      </c>
      <c r="S11967" s="5" t="s">
        <v>1523</v>
      </c>
      <c r="T11967" s="5" t="s">
        <v>42</v>
      </c>
      <c r="U11967" s="2">
        <v>1.2609999999999999</v>
      </c>
      <c r="V11967" s="2">
        <v>0.73499999999999999</v>
      </c>
      <c r="W11967" s="2">
        <v>1.4999999999999999E-2</v>
      </c>
      <c r="X11967" s="2">
        <v>118.9</v>
      </c>
      <c r="Y11967" s="2">
        <v>7.6</v>
      </c>
      <c r="Z11967" s="2">
        <v>16.7</v>
      </c>
      <c r="AA11967" s="5"/>
      <c r="AB11967" s="5" t="s">
        <v>43</v>
      </c>
      <c r="AC11967" s="5" t="s">
        <v>44</v>
      </c>
      <c r="AD11967" s="2"/>
      <c r="AE11967" s="1"/>
    </row>
    <row r="11968" spans="1:31" ht="14.45">
      <c r="A11968" s="11"/>
      <c r="B11968" s="20"/>
      <c r="C11968" s="2" t="s">
        <v>36832</v>
      </c>
      <c r="D11968" s="14" t="s">
        <v>36833</v>
      </c>
      <c r="E11968" s="2" t="s">
        <v>36834</v>
      </c>
      <c r="F11968" s="2" t="s">
        <v>36365</v>
      </c>
      <c r="G11968" s="8">
        <v>152</v>
      </c>
      <c r="H11968" s="5">
        <v>6</v>
      </c>
      <c r="I11968" s="5" t="s">
        <v>1518</v>
      </c>
      <c r="J11968" s="5" t="s">
        <v>36264</v>
      </c>
      <c r="K11968" s="2" t="s">
        <v>36265</v>
      </c>
      <c r="L11968" s="5" t="s">
        <v>36264</v>
      </c>
      <c r="M11968" s="2" t="s">
        <v>36265</v>
      </c>
      <c r="N11968" s="5" t="s">
        <v>36266</v>
      </c>
      <c r="O11968" s="5" t="s">
        <v>38</v>
      </c>
      <c r="P11968" s="5" t="s">
        <v>39</v>
      </c>
      <c r="Q11968" s="5" t="s">
        <v>40</v>
      </c>
      <c r="R11968" s="5" t="s">
        <v>1522</v>
      </c>
      <c r="S11968" s="5" t="s">
        <v>1523</v>
      </c>
      <c r="T11968" s="5" t="s">
        <v>42</v>
      </c>
      <c r="U11968" s="2">
        <v>1.2749999999999999</v>
      </c>
      <c r="V11968" s="2">
        <v>0.749</v>
      </c>
      <c r="W11968" s="2">
        <v>1.4999999999999999E-2</v>
      </c>
      <c r="X11968" s="2">
        <v>118.9</v>
      </c>
      <c r="Y11968" s="2">
        <v>7.6</v>
      </c>
      <c r="Z11968" s="2">
        <v>16.7</v>
      </c>
      <c r="AA11968" s="5"/>
      <c r="AB11968" s="5" t="s">
        <v>43</v>
      </c>
      <c r="AC11968" s="5" t="s">
        <v>44</v>
      </c>
      <c r="AD11968" s="2"/>
      <c r="AE11968" s="1"/>
    </row>
    <row r="11969" spans="1:31" ht="14.45">
      <c r="A11969" s="11"/>
      <c r="B11969" s="20"/>
      <c r="C11969" s="2" t="s">
        <v>36835</v>
      </c>
      <c r="D11969" s="14" t="s">
        <v>36836</v>
      </c>
      <c r="E11969" s="2" t="s">
        <v>36837</v>
      </c>
      <c r="F11969" s="2" t="s">
        <v>36644</v>
      </c>
      <c r="G11969" s="8">
        <v>152</v>
      </c>
      <c r="H11969" s="5">
        <v>6</v>
      </c>
      <c r="I11969" s="5" t="s">
        <v>1518</v>
      </c>
      <c r="J11969" s="5" t="s">
        <v>36264</v>
      </c>
      <c r="K11969" s="2" t="s">
        <v>36265</v>
      </c>
      <c r="L11969" s="5" t="s">
        <v>36264</v>
      </c>
      <c r="M11969" s="2" t="s">
        <v>36265</v>
      </c>
      <c r="N11969" s="5" t="s">
        <v>36266</v>
      </c>
      <c r="O11969" s="5" t="s">
        <v>38</v>
      </c>
      <c r="P11969" s="5" t="s">
        <v>39</v>
      </c>
      <c r="Q11969" s="5" t="s">
        <v>40</v>
      </c>
      <c r="R11969" s="5" t="s">
        <v>1522</v>
      </c>
      <c r="S11969" s="5" t="s">
        <v>1523</v>
      </c>
      <c r="T11969" s="5" t="s">
        <v>42</v>
      </c>
      <c r="U11969" s="2">
        <v>1.2609999999999999</v>
      </c>
      <c r="V11969" s="2">
        <v>0.73499999999999999</v>
      </c>
      <c r="W11969" s="2">
        <v>1.4999999999999999E-2</v>
      </c>
      <c r="X11969" s="2">
        <v>118.9</v>
      </c>
      <c r="Y11969" s="2">
        <v>7.6</v>
      </c>
      <c r="Z11969" s="2">
        <v>16.7</v>
      </c>
      <c r="AA11969" s="5"/>
      <c r="AB11969" s="5" t="s">
        <v>43</v>
      </c>
      <c r="AC11969" s="5" t="s">
        <v>44</v>
      </c>
      <c r="AD11969" s="2"/>
      <c r="AE11969" s="1"/>
    </row>
    <row r="11970" spans="1:31" ht="14.45">
      <c r="A11970" s="11"/>
      <c r="B11970" s="20"/>
      <c r="C11970" s="2" t="s">
        <v>36838</v>
      </c>
      <c r="D11970" s="14" t="s">
        <v>36839</v>
      </c>
      <c r="E11970" s="2" t="s">
        <v>36840</v>
      </c>
      <c r="F11970" s="2" t="s">
        <v>36648</v>
      </c>
      <c r="G11970" s="8">
        <v>152</v>
      </c>
      <c r="H11970" s="5">
        <v>6</v>
      </c>
      <c r="I11970" s="5" t="s">
        <v>1518</v>
      </c>
      <c r="J11970" s="5" t="s">
        <v>36264</v>
      </c>
      <c r="K11970" s="2" t="s">
        <v>36265</v>
      </c>
      <c r="L11970" s="5" t="s">
        <v>36264</v>
      </c>
      <c r="M11970" s="2" t="s">
        <v>36265</v>
      </c>
      <c r="N11970" s="5" t="s">
        <v>36266</v>
      </c>
      <c r="O11970" s="5" t="s">
        <v>38</v>
      </c>
      <c r="P11970" s="5" t="s">
        <v>39</v>
      </c>
      <c r="Q11970" s="5" t="s">
        <v>40</v>
      </c>
      <c r="R11970" s="5" t="s">
        <v>1522</v>
      </c>
      <c r="S11970" s="5" t="s">
        <v>1523</v>
      </c>
      <c r="T11970" s="5" t="s">
        <v>42</v>
      </c>
      <c r="U11970" s="2">
        <v>1.2749999999999999</v>
      </c>
      <c r="V11970" s="2">
        <v>0.749</v>
      </c>
      <c r="W11970" s="2">
        <v>1.4999999999999999E-2</v>
      </c>
      <c r="X11970" s="2">
        <v>118.9</v>
      </c>
      <c r="Y11970" s="2">
        <v>7.6</v>
      </c>
      <c r="Z11970" s="2">
        <v>16.7</v>
      </c>
      <c r="AA11970" s="5"/>
      <c r="AB11970" s="5" t="s">
        <v>43</v>
      </c>
      <c r="AC11970" s="5" t="s">
        <v>44</v>
      </c>
      <c r="AD11970" s="2"/>
      <c r="AE11970" s="1"/>
    </row>
    <row r="11971" spans="1:31" ht="14.45">
      <c r="A11971" s="11"/>
      <c r="B11971" s="20"/>
      <c r="C11971" s="2" t="s">
        <v>36841</v>
      </c>
      <c r="D11971" s="14" t="s">
        <v>36842</v>
      </c>
      <c r="E11971" s="2" t="s">
        <v>36843</v>
      </c>
      <c r="F11971" s="2" t="s">
        <v>36377</v>
      </c>
      <c r="G11971" s="8">
        <v>152</v>
      </c>
      <c r="H11971" s="5">
        <v>6</v>
      </c>
      <c r="I11971" s="5" t="s">
        <v>1518</v>
      </c>
      <c r="J11971" s="5" t="s">
        <v>36264</v>
      </c>
      <c r="K11971" s="2" t="s">
        <v>36265</v>
      </c>
      <c r="L11971" s="5" t="s">
        <v>36264</v>
      </c>
      <c r="M11971" s="2" t="s">
        <v>36265</v>
      </c>
      <c r="N11971" s="5" t="s">
        <v>36266</v>
      </c>
      <c r="O11971" s="5" t="s">
        <v>38</v>
      </c>
      <c r="P11971" s="5" t="s">
        <v>39</v>
      </c>
      <c r="Q11971" s="5" t="s">
        <v>40</v>
      </c>
      <c r="R11971" s="5" t="s">
        <v>1522</v>
      </c>
      <c r="S11971" s="5" t="s">
        <v>1523</v>
      </c>
      <c r="T11971" s="5" t="s">
        <v>42</v>
      </c>
      <c r="U11971" s="2">
        <v>1.2609999999999999</v>
      </c>
      <c r="V11971" s="2">
        <v>0.73499999999999999</v>
      </c>
      <c r="W11971" s="2">
        <v>1.4999999999999999E-2</v>
      </c>
      <c r="X11971" s="2">
        <v>118.9</v>
      </c>
      <c r="Y11971" s="2">
        <v>7.6</v>
      </c>
      <c r="Z11971" s="2">
        <v>16.7</v>
      </c>
      <c r="AA11971" s="5"/>
      <c r="AB11971" s="5" t="s">
        <v>43</v>
      </c>
      <c r="AC11971" s="5" t="s">
        <v>44</v>
      </c>
      <c r="AD11971" s="2"/>
      <c r="AE11971" s="1"/>
    </row>
    <row r="11972" spans="1:31" ht="14.45">
      <c r="A11972" s="11"/>
      <c r="B11972" s="20"/>
      <c r="C11972" s="2" t="s">
        <v>36844</v>
      </c>
      <c r="D11972" s="14" t="s">
        <v>36845</v>
      </c>
      <c r="E11972" s="2" t="s">
        <v>36846</v>
      </c>
      <c r="F11972" s="2" t="s">
        <v>36381</v>
      </c>
      <c r="G11972" s="8">
        <v>152</v>
      </c>
      <c r="H11972" s="5">
        <v>6</v>
      </c>
      <c r="I11972" s="5" t="s">
        <v>1518</v>
      </c>
      <c r="J11972" s="5" t="s">
        <v>36264</v>
      </c>
      <c r="K11972" s="2" t="s">
        <v>36265</v>
      </c>
      <c r="L11972" s="5" t="s">
        <v>36264</v>
      </c>
      <c r="M11972" s="2" t="s">
        <v>36265</v>
      </c>
      <c r="N11972" s="5" t="s">
        <v>36266</v>
      </c>
      <c r="O11972" s="5" t="s">
        <v>38</v>
      </c>
      <c r="P11972" s="5" t="s">
        <v>39</v>
      </c>
      <c r="Q11972" s="5" t="s">
        <v>40</v>
      </c>
      <c r="R11972" s="5" t="s">
        <v>1522</v>
      </c>
      <c r="S11972" s="5" t="s">
        <v>1523</v>
      </c>
      <c r="T11972" s="5" t="s">
        <v>42</v>
      </c>
      <c r="U11972" s="2">
        <v>1.2749999999999999</v>
      </c>
      <c r="V11972" s="2">
        <v>0.749</v>
      </c>
      <c r="W11972" s="2">
        <v>1.4999999999999999E-2</v>
      </c>
      <c r="X11972" s="2">
        <v>118.9</v>
      </c>
      <c r="Y11972" s="2">
        <v>7.6</v>
      </c>
      <c r="Z11972" s="2">
        <v>16.7</v>
      </c>
      <c r="AA11972" s="5"/>
      <c r="AB11972" s="5" t="s">
        <v>43</v>
      </c>
      <c r="AC11972" s="5" t="s">
        <v>44</v>
      </c>
      <c r="AD11972" s="2"/>
      <c r="AE11972" s="1"/>
    </row>
    <row r="11973" spans="1:31" ht="14.45">
      <c r="A11973" s="11"/>
      <c r="B11973" s="20"/>
      <c r="C11973" s="2" t="s">
        <v>36847</v>
      </c>
      <c r="D11973" s="14" t="s">
        <v>36848</v>
      </c>
      <c r="E11973" s="2" t="s">
        <v>36849</v>
      </c>
      <c r="F11973" s="2" t="s">
        <v>36385</v>
      </c>
      <c r="G11973" s="8">
        <v>152</v>
      </c>
      <c r="H11973" s="5">
        <v>6</v>
      </c>
      <c r="I11973" s="5" t="s">
        <v>1518</v>
      </c>
      <c r="J11973" s="5" t="s">
        <v>36264</v>
      </c>
      <c r="K11973" s="2" t="s">
        <v>36265</v>
      </c>
      <c r="L11973" s="5" t="s">
        <v>36264</v>
      </c>
      <c r="M11973" s="2" t="s">
        <v>36265</v>
      </c>
      <c r="N11973" s="5" t="s">
        <v>36266</v>
      </c>
      <c r="O11973" s="5" t="s">
        <v>38</v>
      </c>
      <c r="P11973" s="5" t="s">
        <v>39</v>
      </c>
      <c r="Q11973" s="5" t="s">
        <v>40</v>
      </c>
      <c r="R11973" s="5" t="s">
        <v>1522</v>
      </c>
      <c r="S11973" s="5" t="s">
        <v>1523</v>
      </c>
      <c r="T11973" s="5" t="s">
        <v>42</v>
      </c>
      <c r="U11973" s="2">
        <v>1.2609999999999999</v>
      </c>
      <c r="V11973" s="2">
        <v>0.73499999999999999</v>
      </c>
      <c r="W11973" s="2">
        <v>1.4999999999999999E-2</v>
      </c>
      <c r="X11973" s="2">
        <v>118.9</v>
      </c>
      <c r="Y11973" s="2">
        <v>7.6</v>
      </c>
      <c r="Z11973" s="2">
        <v>16.7</v>
      </c>
      <c r="AA11973" s="5"/>
      <c r="AB11973" s="5" t="s">
        <v>43</v>
      </c>
      <c r="AC11973" s="5" t="s">
        <v>44</v>
      </c>
      <c r="AD11973" s="2"/>
      <c r="AE11973" s="1"/>
    </row>
    <row r="11974" spans="1:31" ht="14.45">
      <c r="A11974" s="11"/>
      <c r="B11974" s="20"/>
      <c r="C11974" s="2" t="s">
        <v>36850</v>
      </c>
      <c r="D11974" s="14" t="s">
        <v>36851</v>
      </c>
      <c r="E11974" s="2" t="s">
        <v>36852</v>
      </c>
      <c r="F11974" s="2" t="s">
        <v>36389</v>
      </c>
      <c r="G11974" s="8">
        <v>152</v>
      </c>
      <c r="H11974" s="5">
        <v>6</v>
      </c>
      <c r="I11974" s="5" t="s">
        <v>1518</v>
      </c>
      <c r="J11974" s="5" t="s">
        <v>36264</v>
      </c>
      <c r="K11974" s="2" t="s">
        <v>36265</v>
      </c>
      <c r="L11974" s="5" t="s">
        <v>36264</v>
      </c>
      <c r="M11974" s="2" t="s">
        <v>36265</v>
      </c>
      <c r="N11974" s="5" t="s">
        <v>36266</v>
      </c>
      <c r="O11974" s="5" t="s">
        <v>38</v>
      </c>
      <c r="P11974" s="5" t="s">
        <v>39</v>
      </c>
      <c r="Q11974" s="5" t="s">
        <v>40</v>
      </c>
      <c r="R11974" s="5" t="s">
        <v>1522</v>
      </c>
      <c r="S11974" s="5" t="s">
        <v>1523</v>
      </c>
      <c r="T11974" s="5" t="s">
        <v>42</v>
      </c>
      <c r="U11974" s="2">
        <v>1.2749999999999999</v>
      </c>
      <c r="V11974" s="2">
        <v>0.749</v>
      </c>
      <c r="W11974" s="2">
        <v>1.4999999999999999E-2</v>
      </c>
      <c r="X11974" s="2">
        <v>118.9</v>
      </c>
      <c r="Y11974" s="2">
        <v>7.6</v>
      </c>
      <c r="Z11974" s="2">
        <v>16.7</v>
      </c>
      <c r="AA11974" s="5"/>
      <c r="AB11974" s="5" t="s">
        <v>43</v>
      </c>
      <c r="AC11974" s="5" t="s">
        <v>44</v>
      </c>
      <c r="AD11974" s="2"/>
      <c r="AE11974" s="1"/>
    </row>
    <row r="11975" spans="1:31" ht="14.45">
      <c r="A11975" s="11"/>
      <c r="B11975" s="20"/>
      <c r="C11975" s="2" t="s">
        <v>36853</v>
      </c>
      <c r="D11975" s="14" t="s">
        <v>36854</v>
      </c>
      <c r="E11975" s="2" t="s">
        <v>36855</v>
      </c>
      <c r="F11975" s="2" t="s">
        <v>7204</v>
      </c>
      <c r="G11975" s="8">
        <v>130</v>
      </c>
      <c r="H11975" s="5">
        <v>6</v>
      </c>
      <c r="I11975" s="5" t="s">
        <v>1518</v>
      </c>
      <c r="J11975" s="5" t="s">
        <v>36264</v>
      </c>
      <c r="K11975" s="2" t="s">
        <v>36265</v>
      </c>
      <c r="L11975" s="5" t="s">
        <v>36264</v>
      </c>
      <c r="M11975" s="2" t="s">
        <v>36265</v>
      </c>
      <c r="N11975" s="5" t="s">
        <v>36266</v>
      </c>
      <c r="O11975" s="5" t="s">
        <v>38</v>
      </c>
      <c r="P11975" s="5" t="s">
        <v>39</v>
      </c>
      <c r="Q11975" s="5" t="s">
        <v>40</v>
      </c>
      <c r="R11975" s="5" t="s">
        <v>1522</v>
      </c>
      <c r="S11975" s="5" t="s">
        <v>1523</v>
      </c>
      <c r="T11975" s="5" t="s">
        <v>42</v>
      </c>
      <c r="U11975" s="2">
        <v>1.141</v>
      </c>
      <c r="V11975" s="2">
        <v>0.70899999999999996</v>
      </c>
      <c r="W11975" s="2">
        <v>1.0999999999999999E-2</v>
      </c>
      <c r="X11975" s="2">
        <v>82.9</v>
      </c>
      <c r="Y11975" s="2">
        <v>7.6</v>
      </c>
      <c r="Z11975" s="2">
        <v>16.7</v>
      </c>
      <c r="AA11975" s="5"/>
      <c r="AB11975" s="5" t="s">
        <v>43</v>
      </c>
      <c r="AC11975" s="5" t="s">
        <v>44</v>
      </c>
      <c r="AD11975" s="2"/>
      <c r="AE11975" s="1"/>
    </row>
    <row r="11976" spans="1:31" ht="14.45">
      <c r="A11976" s="11"/>
      <c r="B11976" s="20"/>
      <c r="C11976" s="2" t="s">
        <v>36856</v>
      </c>
      <c r="D11976" s="14" t="s">
        <v>36857</v>
      </c>
      <c r="E11976" s="2" t="s">
        <v>36858</v>
      </c>
      <c r="F11976" s="2" t="s">
        <v>7514</v>
      </c>
      <c r="G11976" s="8">
        <v>130</v>
      </c>
      <c r="H11976" s="5">
        <v>6</v>
      </c>
      <c r="I11976" s="5" t="s">
        <v>1518</v>
      </c>
      <c r="J11976" s="5" t="s">
        <v>36264</v>
      </c>
      <c r="K11976" s="2" t="s">
        <v>36265</v>
      </c>
      <c r="L11976" s="5" t="s">
        <v>36264</v>
      </c>
      <c r="M11976" s="2" t="s">
        <v>36265</v>
      </c>
      <c r="N11976" s="5" t="s">
        <v>36266</v>
      </c>
      <c r="O11976" s="5" t="s">
        <v>38</v>
      </c>
      <c r="P11976" s="5" t="s">
        <v>39</v>
      </c>
      <c r="Q11976" s="5" t="s">
        <v>40</v>
      </c>
      <c r="R11976" s="5" t="s">
        <v>1522</v>
      </c>
      <c r="S11976" s="5" t="s">
        <v>1523</v>
      </c>
      <c r="T11976" s="5" t="s">
        <v>42</v>
      </c>
      <c r="U11976" s="2">
        <v>1.161</v>
      </c>
      <c r="V11976" s="2">
        <v>0.72899999999999998</v>
      </c>
      <c r="W11976" s="2">
        <v>1.0999999999999999E-2</v>
      </c>
      <c r="X11976" s="2">
        <v>82.9</v>
      </c>
      <c r="Y11976" s="2">
        <v>7.6</v>
      </c>
      <c r="Z11976" s="2">
        <v>16.7</v>
      </c>
      <c r="AA11976" s="5"/>
      <c r="AB11976" s="5" t="s">
        <v>43</v>
      </c>
      <c r="AC11976" s="5" t="s">
        <v>44</v>
      </c>
      <c r="AD11976" s="2"/>
      <c r="AE11976" s="1"/>
    </row>
    <row r="11977" spans="1:31" ht="14.45">
      <c r="A11977" s="11"/>
      <c r="B11977" s="20"/>
      <c r="C11977" s="2" t="s">
        <v>36859</v>
      </c>
      <c r="D11977" s="14" t="s">
        <v>36860</v>
      </c>
      <c r="E11977" s="2" t="s">
        <v>36861</v>
      </c>
      <c r="F11977" s="2" t="s">
        <v>36273</v>
      </c>
      <c r="G11977" s="8">
        <v>130</v>
      </c>
      <c r="H11977" s="5">
        <v>6</v>
      </c>
      <c r="I11977" s="5" t="s">
        <v>1518</v>
      </c>
      <c r="J11977" s="5" t="s">
        <v>36264</v>
      </c>
      <c r="K11977" s="2" t="s">
        <v>36265</v>
      </c>
      <c r="L11977" s="5" t="s">
        <v>36264</v>
      </c>
      <c r="M11977" s="2" t="s">
        <v>36265</v>
      </c>
      <c r="N11977" s="5" t="s">
        <v>36266</v>
      </c>
      <c r="O11977" s="5" t="s">
        <v>38</v>
      </c>
      <c r="P11977" s="5" t="s">
        <v>39</v>
      </c>
      <c r="Q11977" s="5" t="s">
        <v>40</v>
      </c>
      <c r="R11977" s="5" t="s">
        <v>1522</v>
      </c>
      <c r="S11977" s="5" t="s">
        <v>1523</v>
      </c>
      <c r="T11977" s="5" t="s">
        <v>42</v>
      </c>
      <c r="U11977" s="2">
        <v>1.141</v>
      </c>
      <c r="V11977" s="2">
        <v>0.70899999999999996</v>
      </c>
      <c r="W11977" s="2">
        <v>1.0999999999999999E-2</v>
      </c>
      <c r="X11977" s="2">
        <v>82.9</v>
      </c>
      <c r="Y11977" s="2">
        <v>7.6</v>
      </c>
      <c r="Z11977" s="2">
        <v>16.7</v>
      </c>
      <c r="AA11977" s="5"/>
      <c r="AB11977" s="5" t="s">
        <v>43</v>
      </c>
      <c r="AC11977" s="5" t="s">
        <v>44</v>
      </c>
      <c r="AD11977" s="2"/>
      <c r="AE11977" s="1"/>
    </row>
    <row r="11978" spans="1:31" ht="14.45">
      <c r="A11978" s="11"/>
      <c r="B11978" s="20"/>
      <c r="C11978" s="2" t="s">
        <v>36862</v>
      </c>
      <c r="D11978" s="14" t="s">
        <v>36863</v>
      </c>
      <c r="E11978" s="2" t="s">
        <v>36864</v>
      </c>
      <c r="F11978" s="2" t="s">
        <v>36277</v>
      </c>
      <c r="G11978" s="8">
        <v>130</v>
      </c>
      <c r="H11978" s="5">
        <v>6</v>
      </c>
      <c r="I11978" s="5" t="s">
        <v>1518</v>
      </c>
      <c r="J11978" s="5" t="s">
        <v>36264</v>
      </c>
      <c r="K11978" s="2" t="s">
        <v>36265</v>
      </c>
      <c r="L11978" s="5" t="s">
        <v>36264</v>
      </c>
      <c r="M11978" s="2" t="s">
        <v>36265</v>
      </c>
      <c r="N11978" s="5" t="s">
        <v>36266</v>
      </c>
      <c r="O11978" s="5" t="s">
        <v>38</v>
      </c>
      <c r="P11978" s="5" t="s">
        <v>39</v>
      </c>
      <c r="Q11978" s="5" t="s">
        <v>40</v>
      </c>
      <c r="R11978" s="5" t="s">
        <v>1522</v>
      </c>
      <c r="S11978" s="5" t="s">
        <v>1523</v>
      </c>
      <c r="T11978" s="5" t="s">
        <v>42</v>
      </c>
      <c r="U11978" s="2">
        <v>1.161</v>
      </c>
      <c r="V11978" s="2">
        <v>0.72899999999999998</v>
      </c>
      <c r="W11978" s="2">
        <v>1.0999999999999999E-2</v>
      </c>
      <c r="X11978" s="2">
        <v>82.9</v>
      </c>
      <c r="Y11978" s="2">
        <v>7.6</v>
      </c>
      <c r="Z11978" s="2">
        <v>16.7</v>
      </c>
      <c r="AA11978" s="5"/>
      <c r="AB11978" s="5" t="s">
        <v>43</v>
      </c>
      <c r="AC11978" s="5" t="s">
        <v>44</v>
      </c>
      <c r="AD11978" s="2"/>
      <c r="AE11978" s="1"/>
    </row>
    <row r="11979" spans="1:31" ht="14.45">
      <c r="A11979" s="11"/>
      <c r="B11979" s="20"/>
      <c r="C11979" s="2" t="s">
        <v>36865</v>
      </c>
      <c r="D11979" s="14" t="s">
        <v>36866</v>
      </c>
      <c r="E11979" s="2" t="s">
        <v>36867</v>
      </c>
      <c r="F11979" s="2" t="s">
        <v>36281</v>
      </c>
      <c r="G11979" s="8">
        <v>150</v>
      </c>
      <c r="H11979" s="5">
        <v>6</v>
      </c>
      <c r="I11979" s="5" t="s">
        <v>1518</v>
      </c>
      <c r="J11979" s="5" t="s">
        <v>36264</v>
      </c>
      <c r="K11979" s="2" t="s">
        <v>36265</v>
      </c>
      <c r="L11979" s="5" t="s">
        <v>36264</v>
      </c>
      <c r="M11979" s="2" t="s">
        <v>36265</v>
      </c>
      <c r="N11979" s="5" t="s">
        <v>36266</v>
      </c>
      <c r="O11979" s="5" t="s">
        <v>38</v>
      </c>
      <c r="P11979" s="5" t="s">
        <v>39</v>
      </c>
      <c r="Q11979" s="5" t="s">
        <v>40</v>
      </c>
      <c r="R11979" s="5" t="s">
        <v>1522</v>
      </c>
      <c r="S11979" s="5" t="s">
        <v>1523</v>
      </c>
      <c r="T11979" s="5" t="s">
        <v>42</v>
      </c>
      <c r="U11979" s="2">
        <v>1.141</v>
      </c>
      <c r="V11979" s="2">
        <v>0.70899999999999996</v>
      </c>
      <c r="W11979" s="2">
        <v>1.0999999999999999E-2</v>
      </c>
      <c r="X11979" s="2">
        <v>82.9</v>
      </c>
      <c r="Y11979" s="2">
        <v>7.6</v>
      </c>
      <c r="Z11979" s="2">
        <v>16.7</v>
      </c>
      <c r="AA11979" s="5"/>
      <c r="AB11979" s="5" t="s">
        <v>43</v>
      </c>
      <c r="AC11979" s="5" t="s">
        <v>44</v>
      </c>
      <c r="AD11979" s="2"/>
      <c r="AE11979" s="1"/>
    </row>
    <row r="11980" spans="1:31" ht="14.45">
      <c r="A11980" s="11"/>
      <c r="B11980" s="20"/>
      <c r="C11980" s="2" t="s">
        <v>36868</v>
      </c>
      <c r="D11980" s="14" t="s">
        <v>36869</v>
      </c>
      <c r="E11980" s="2" t="s">
        <v>36870</v>
      </c>
      <c r="F11980" s="2" t="s">
        <v>36285</v>
      </c>
      <c r="G11980" s="8">
        <v>150</v>
      </c>
      <c r="H11980" s="5">
        <v>6</v>
      </c>
      <c r="I11980" s="5" t="s">
        <v>1518</v>
      </c>
      <c r="J11980" s="5" t="s">
        <v>36264</v>
      </c>
      <c r="K11980" s="2" t="s">
        <v>36265</v>
      </c>
      <c r="L11980" s="5" t="s">
        <v>36264</v>
      </c>
      <c r="M11980" s="2" t="s">
        <v>36265</v>
      </c>
      <c r="N11980" s="5" t="s">
        <v>36266</v>
      </c>
      <c r="O11980" s="5" t="s">
        <v>38</v>
      </c>
      <c r="P11980" s="5" t="s">
        <v>39</v>
      </c>
      <c r="Q11980" s="5" t="s">
        <v>40</v>
      </c>
      <c r="R11980" s="5" t="s">
        <v>1522</v>
      </c>
      <c r="S11980" s="5" t="s">
        <v>1523</v>
      </c>
      <c r="T11980" s="5" t="s">
        <v>42</v>
      </c>
      <c r="U11980" s="2">
        <v>1.161</v>
      </c>
      <c r="V11980" s="2">
        <v>0.72899999999999998</v>
      </c>
      <c r="W11980" s="2">
        <v>1.0999999999999999E-2</v>
      </c>
      <c r="X11980" s="2">
        <v>82.9</v>
      </c>
      <c r="Y11980" s="2">
        <v>7.6</v>
      </c>
      <c r="Z11980" s="2">
        <v>16.7</v>
      </c>
      <c r="AA11980" s="5"/>
      <c r="AB11980" s="5" t="s">
        <v>43</v>
      </c>
      <c r="AC11980" s="5" t="s">
        <v>44</v>
      </c>
      <c r="AD11980" s="2"/>
      <c r="AE11980" s="1"/>
    </row>
    <row r="11981" spans="1:31" ht="14.45">
      <c r="A11981" s="11"/>
      <c r="B11981" s="20"/>
      <c r="C11981" s="2" t="s">
        <v>36871</v>
      </c>
      <c r="D11981" s="14" t="s">
        <v>36872</v>
      </c>
      <c r="E11981" s="2" t="s">
        <v>36873</v>
      </c>
      <c r="F11981" s="2" t="s">
        <v>36289</v>
      </c>
      <c r="G11981" s="8">
        <v>150</v>
      </c>
      <c r="H11981" s="5">
        <v>6</v>
      </c>
      <c r="I11981" s="5" t="s">
        <v>1518</v>
      </c>
      <c r="J11981" s="5" t="s">
        <v>36264</v>
      </c>
      <c r="K11981" s="2" t="s">
        <v>36265</v>
      </c>
      <c r="L11981" s="5" t="s">
        <v>36264</v>
      </c>
      <c r="M11981" s="2" t="s">
        <v>36265</v>
      </c>
      <c r="N11981" s="5" t="s">
        <v>36266</v>
      </c>
      <c r="O11981" s="5" t="s">
        <v>38</v>
      </c>
      <c r="P11981" s="5" t="s">
        <v>39</v>
      </c>
      <c r="Q11981" s="5" t="s">
        <v>40</v>
      </c>
      <c r="R11981" s="5" t="s">
        <v>1522</v>
      </c>
      <c r="S11981" s="5" t="s">
        <v>1523</v>
      </c>
      <c r="T11981" s="5" t="s">
        <v>42</v>
      </c>
      <c r="U11981" s="2">
        <v>1.141</v>
      </c>
      <c r="V11981" s="2">
        <v>0.70899999999999996</v>
      </c>
      <c r="W11981" s="2">
        <v>1.0999999999999999E-2</v>
      </c>
      <c r="X11981" s="2">
        <v>82.9</v>
      </c>
      <c r="Y11981" s="2">
        <v>7.6</v>
      </c>
      <c r="Z11981" s="2">
        <v>16.7</v>
      </c>
      <c r="AA11981" s="5"/>
      <c r="AB11981" s="5" t="s">
        <v>43</v>
      </c>
      <c r="AC11981" s="5" t="s">
        <v>44</v>
      </c>
      <c r="AD11981" s="2"/>
      <c r="AE11981" s="1"/>
    </row>
    <row r="11982" spans="1:31" ht="14.45">
      <c r="A11982" s="11"/>
      <c r="B11982" s="20"/>
      <c r="C11982" s="2" t="s">
        <v>36874</v>
      </c>
      <c r="D11982" s="14" t="s">
        <v>36875</v>
      </c>
      <c r="E11982" s="2" t="s">
        <v>36876</v>
      </c>
      <c r="F11982" s="2" t="s">
        <v>36293</v>
      </c>
      <c r="G11982" s="8">
        <v>150</v>
      </c>
      <c r="H11982" s="5">
        <v>6</v>
      </c>
      <c r="I11982" s="5" t="s">
        <v>1518</v>
      </c>
      <c r="J11982" s="5" t="s">
        <v>36264</v>
      </c>
      <c r="K11982" s="2" t="s">
        <v>36265</v>
      </c>
      <c r="L11982" s="5" t="s">
        <v>36264</v>
      </c>
      <c r="M11982" s="2" t="s">
        <v>36265</v>
      </c>
      <c r="N11982" s="5" t="s">
        <v>36266</v>
      </c>
      <c r="O11982" s="5" t="s">
        <v>38</v>
      </c>
      <c r="P11982" s="5" t="s">
        <v>39</v>
      </c>
      <c r="Q11982" s="5" t="s">
        <v>40</v>
      </c>
      <c r="R11982" s="5" t="s">
        <v>1522</v>
      </c>
      <c r="S11982" s="5" t="s">
        <v>1523</v>
      </c>
      <c r="T11982" s="5" t="s">
        <v>42</v>
      </c>
      <c r="U11982" s="2">
        <v>1.161</v>
      </c>
      <c r="V11982" s="2">
        <v>0.72899999999999998</v>
      </c>
      <c r="W11982" s="2">
        <v>1.0999999999999999E-2</v>
      </c>
      <c r="X11982" s="2">
        <v>82.9</v>
      </c>
      <c r="Y11982" s="2">
        <v>7.6</v>
      </c>
      <c r="Z11982" s="2">
        <v>16.7</v>
      </c>
      <c r="AA11982" s="5"/>
      <c r="AB11982" s="5" t="s">
        <v>43</v>
      </c>
      <c r="AC11982" s="5" t="s">
        <v>44</v>
      </c>
      <c r="AD11982" s="2"/>
      <c r="AE11982" s="1"/>
    </row>
    <row r="11983" spans="1:31" ht="14.45">
      <c r="A11983" s="11"/>
      <c r="B11983" s="20"/>
      <c r="C11983" s="2" t="s">
        <v>36877</v>
      </c>
      <c r="D11983" s="14" t="s">
        <v>36878</v>
      </c>
      <c r="E11983" s="2" t="s">
        <v>36879</v>
      </c>
      <c r="F11983" s="2" t="s">
        <v>36297</v>
      </c>
      <c r="G11983" s="8">
        <v>130</v>
      </c>
      <c r="H11983" s="5">
        <v>6</v>
      </c>
      <c r="I11983" s="5" t="s">
        <v>1518</v>
      </c>
      <c r="J11983" s="5" t="s">
        <v>36264</v>
      </c>
      <c r="K11983" s="2" t="s">
        <v>36265</v>
      </c>
      <c r="L11983" s="5" t="s">
        <v>36264</v>
      </c>
      <c r="M11983" s="2" t="s">
        <v>36265</v>
      </c>
      <c r="N11983" s="5" t="s">
        <v>36266</v>
      </c>
      <c r="O11983" s="5" t="s">
        <v>38</v>
      </c>
      <c r="P11983" s="5" t="s">
        <v>39</v>
      </c>
      <c r="Q11983" s="5" t="s">
        <v>40</v>
      </c>
      <c r="R11983" s="5" t="s">
        <v>1522</v>
      </c>
      <c r="S11983" s="5" t="s">
        <v>1523</v>
      </c>
      <c r="T11983" s="5" t="s">
        <v>42</v>
      </c>
      <c r="U11983" s="2">
        <v>1.141</v>
      </c>
      <c r="V11983" s="2">
        <v>0.70899999999999996</v>
      </c>
      <c r="W11983" s="2">
        <v>1.0999999999999999E-2</v>
      </c>
      <c r="X11983" s="2">
        <v>82.9</v>
      </c>
      <c r="Y11983" s="2">
        <v>7.6</v>
      </c>
      <c r="Z11983" s="2">
        <v>16.7</v>
      </c>
      <c r="AA11983" s="5"/>
      <c r="AB11983" s="5" t="s">
        <v>43</v>
      </c>
      <c r="AC11983" s="5" t="s">
        <v>44</v>
      </c>
      <c r="AD11983" s="2"/>
      <c r="AE11983" s="1"/>
    </row>
    <row r="11984" spans="1:31" ht="14.45">
      <c r="A11984" s="11"/>
      <c r="B11984" s="20"/>
      <c r="C11984" s="2" t="s">
        <v>36880</v>
      </c>
      <c r="D11984" s="14" t="s">
        <v>36881</v>
      </c>
      <c r="E11984" s="2" t="s">
        <v>36882</v>
      </c>
      <c r="F11984" s="2" t="s">
        <v>36301</v>
      </c>
      <c r="G11984" s="8">
        <v>130</v>
      </c>
      <c r="H11984" s="5">
        <v>6</v>
      </c>
      <c r="I11984" s="5" t="s">
        <v>1518</v>
      </c>
      <c r="J11984" s="5" t="s">
        <v>36264</v>
      </c>
      <c r="K11984" s="2" t="s">
        <v>36265</v>
      </c>
      <c r="L11984" s="5" t="s">
        <v>36264</v>
      </c>
      <c r="M11984" s="2" t="s">
        <v>36265</v>
      </c>
      <c r="N11984" s="5" t="s">
        <v>36266</v>
      </c>
      <c r="O11984" s="5" t="s">
        <v>38</v>
      </c>
      <c r="P11984" s="5" t="s">
        <v>39</v>
      </c>
      <c r="Q11984" s="5" t="s">
        <v>40</v>
      </c>
      <c r="R11984" s="5" t="s">
        <v>1522</v>
      </c>
      <c r="S11984" s="5" t="s">
        <v>1523</v>
      </c>
      <c r="T11984" s="5" t="s">
        <v>42</v>
      </c>
      <c r="U11984" s="2">
        <v>1.161</v>
      </c>
      <c r="V11984" s="2">
        <v>0.72899999999999998</v>
      </c>
      <c r="W11984" s="2">
        <v>1.0999999999999999E-2</v>
      </c>
      <c r="X11984" s="2">
        <v>82.9</v>
      </c>
      <c r="Y11984" s="2">
        <v>7.6</v>
      </c>
      <c r="Z11984" s="2">
        <v>16.7</v>
      </c>
      <c r="AA11984" s="5"/>
      <c r="AB11984" s="5" t="s">
        <v>43</v>
      </c>
      <c r="AC11984" s="5" t="s">
        <v>44</v>
      </c>
      <c r="AD11984" s="2"/>
      <c r="AE11984" s="1"/>
    </row>
    <row r="11985" spans="1:31" ht="14.45">
      <c r="A11985" s="11"/>
      <c r="B11985" s="20"/>
      <c r="C11985" s="2" t="s">
        <v>36883</v>
      </c>
      <c r="D11985" s="14" t="s">
        <v>36884</v>
      </c>
      <c r="E11985" s="2" t="s">
        <v>36885</v>
      </c>
      <c r="F11985" s="2" t="s">
        <v>36305</v>
      </c>
      <c r="G11985" s="8">
        <v>130</v>
      </c>
      <c r="H11985" s="5">
        <v>6</v>
      </c>
      <c r="I11985" s="5" t="s">
        <v>1518</v>
      </c>
      <c r="J11985" s="5" t="s">
        <v>36264</v>
      </c>
      <c r="K11985" s="2" t="s">
        <v>36265</v>
      </c>
      <c r="L11985" s="5" t="s">
        <v>36264</v>
      </c>
      <c r="M11985" s="2" t="s">
        <v>36265</v>
      </c>
      <c r="N11985" s="5" t="s">
        <v>36266</v>
      </c>
      <c r="O11985" s="5" t="s">
        <v>38</v>
      </c>
      <c r="P11985" s="5" t="s">
        <v>39</v>
      </c>
      <c r="Q11985" s="5" t="s">
        <v>40</v>
      </c>
      <c r="R11985" s="5" t="s">
        <v>1522</v>
      </c>
      <c r="S11985" s="5" t="s">
        <v>1523</v>
      </c>
      <c r="T11985" s="5" t="s">
        <v>42</v>
      </c>
      <c r="U11985" s="2">
        <v>1.141</v>
      </c>
      <c r="V11985" s="2">
        <v>0.70899999999999996</v>
      </c>
      <c r="W11985" s="2">
        <v>1.0999999999999999E-2</v>
      </c>
      <c r="X11985" s="2">
        <v>82.9</v>
      </c>
      <c r="Y11985" s="2">
        <v>7.6</v>
      </c>
      <c r="Z11985" s="2">
        <v>16.7</v>
      </c>
      <c r="AA11985" s="5"/>
      <c r="AB11985" s="5" t="s">
        <v>43</v>
      </c>
      <c r="AC11985" s="5" t="s">
        <v>44</v>
      </c>
      <c r="AD11985" s="2"/>
      <c r="AE11985" s="1"/>
    </row>
    <row r="11986" spans="1:31" ht="14.45">
      <c r="A11986" s="11"/>
      <c r="B11986" s="20"/>
      <c r="C11986" s="2" t="s">
        <v>36886</v>
      </c>
      <c r="D11986" s="14" t="s">
        <v>36887</v>
      </c>
      <c r="E11986" s="2" t="s">
        <v>36888</v>
      </c>
      <c r="F11986" s="2" t="s">
        <v>36309</v>
      </c>
      <c r="G11986" s="8">
        <v>130</v>
      </c>
      <c r="H11986" s="5">
        <v>6</v>
      </c>
      <c r="I11986" s="5" t="s">
        <v>1518</v>
      </c>
      <c r="J11986" s="5" t="s">
        <v>36264</v>
      </c>
      <c r="K11986" s="2" t="s">
        <v>36265</v>
      </c>
      <c r="L11986" s="5" t="s">
        <v>36264</v>
      </c>
      <c r="M11986" s="2" t="s">
        <v>36265</v>
      </c>
      <c r="N11986" s="5" t="s">
        <v>36266</v>
      </c>
      <c r="O11986" s="5" t="s">
        <v>38</v>
      </c>
      <c r="P11986" s="5" t="s">
        <v>39</v>
      </c>
      <c r="Q11986" s="5" t="s">
        <v>40</v>
      </c>
      <c r="R11986" s="5" t="s">
        <v>1522</v>
      </c>
      <c r="S11986" s="5" t="s">
        <v>1523</v>
      </c>
      <c r="T11986" s="5" t="s">
        <v>42</v>
      </c>
      <c r="U11986" s="2">
        <v>1.161</v>
      </c>
      <c r="V11986" s="2">
        <v>0.72899999999999998</v>
      </c>
      <c r="W11986" s="2">
        <v>1.0999999999999999E-2</v>
      </c>
      <c r="X11986" s="2">
        <v>82.9</v>
      </c>
      <c r="Y11986" s="2">
        <v>7.6</v>
      </c>
      <c r="Z11986" s="2">
        <v>16.7</v>
      </c>
      <c r="AA11986" s="5"/>
      <c r="AB11986" s="5" t="s">
        <v>43</v>
      </c>
      <c r="AC11986" s="5" t="s">
        <v>44</v>
      </c>
      <c r="AD11986" s="2"/>
      <c r="AE11986" s="1"/>
    </row>
    <row r="11987" spans="1:31" ht="14.45">
      <c r="A11987" s="11"/>
      <c r="B11987" s="20"/>
      <c r="C11987" s="2" t="s">
        <v>36889</v>
      </c>
      <c r="D11987" s="14" t="s">
        <v>36890</v>
      </c>
      <c r="E11987" s="2" t="s">
        <v>36891</v>
      </c>
      <c r="F11987" s="2" t="s">
        <v>36317</v>
      </c>
      <c r="G11987" s="8">
        <v>150</v>
      </c>
      <c r="H11987" s="5">
        <v>6</v>
      </c>
      <c r="I11987" s="5" t="s">
        <v>1518</v>
      </c>
      <c r="J11987" s="5" t="s">
        <v>36264</v>
      </c>
      <c r="K11987" s="2" t="s">
        <v>36265</v>
      </c>
      <c r="L11987" s="5" t="s">
        <v>36264</v>
      </c>
      <c r="M11987" s="2" t="s">
        <v>36265</v>
      </c>
      <c r="N11987" s="5" t="s">
        <v>36266</v>
      </c>
      <c r="O11987" s="5" t="s">
        <v>38</v>
      </c>
      <c r="P11987" s="5" t="s">
        <v>39</v>
      </c>
      <c r="Q11987" s="5" t="s">
        <v>40</v>
      </c>
      <c r="R11987" s="5" t="s">
        <v>1522</v>
      </c>
      <c r="S11987" s="5" t="s">
        <v>1523</v>
      </c>
      <c r="T11987" s="5" t="s">
        <v>42</v>
      </c>
      <c r="U11987" s="2">
        <v>1.161</v>
      </c>
      <c r="V11987" s="2">
        <v>0.72899999999999998</v>
      </c>
      <c r="W11987" s="2">
        <v>1.0999999999999999E-2</v>
      </c>
      <c r="X11987" s="2">
        <v>82.9</v>
      </c>
      <c r="Y11987" s="2">
        <v>7.6</v>
      </c>
      <c r="Z11987" s="2">
        <v>16.7</v>
      </c>
      <c r="AA11987" s="5"/>
      <c r="AB11987" s="5" t="s">
        <v>43</v>
      </c>
      <c r="AC11987" s="5" t="s">
        <v>44</v>
      </c>
      <c r="AD11987" s="2"/>
      <c r="AE11987" s="1"/>
    </row>
    <row r="11988" spans="1:31" ht="14.45">
      <c r="A11988" s="11"/>
      <c r="B11988" s="20"/>
      <c r="C11988" s="2" t="s">
        <v>36892</v>
      </c>
      <c r="D11988" s="14" t="s">
        <v>36893</v>
      </c>
      <c r="E11988" s="2" t="s">
        <v>36894</v>
      </c>
      <c r="F11988" s="2" t="s">
        <v>36321</v>
      </c>
      <c r="G11988" s="8">
        <v>150</v>
      </c>
      <c r="H11988" s="5">
        <v>6</v>
      </c>
      <c r="I11988" s="5" t="s">
        <v>1518</v>
      </c>
      <c r="J11988" s="5" t="s">
        <v>36264</v>
      </c>
      <c r="K11988" s="2" t="s">
        <v>36265</v>
      </c>
      <c r="L11988" s="5" t="s">
        <v>36264</v>
      </c>
      <c r="M11988" s="2" t="s">
        <v>36265</v>
      </c>
      <c r="N11988" s="5" t="s">
        <v>36266</v>
      </c>
      <c r="O11988" s="5" t="s">
        <v>38</v>
      </c>
      <c r="P11988" s="5" t="s">
        <v>39</v>
      </c>
      <c r="Q11988" s="5" t="s">
        <v>40</v>
      </c>
      <c r="R11988" s="5" t="s">
        <v>1522</v>
      </c>
      <c r="S11988" s="5" t="s">
        <v>1523</v>
      </c>
      <c r="T11988" s="5" t="s">
        <v>42</v>
      </c>
      <c r="U11988" s="2">
        <v>1.141</v>
      </c>
      <c r="V11988" s="2">
        <v>0.70899999999999996</v>
      </c>
      <c r="W11988" s="2">
        <v>1.0999999999999999E-2</v>
      </c>
      <c r="X11988" s="2">
        <v>82.9</v>
      </c>
      <c r="Y11988" s="2">
        <v>7.6</v>
      </c>
      <c r="Z11988" s="2">
        <v>16.7</v>
      </c>
      <c r="AA11988" s="5"/>
      <c r="AB11988" s="5" t="s">
        <v>43</v>
      </c>
      <c r="AC11988" s="5" t="s">
        <v>44</v>
      </c>
      <c r="AD11988" s="2"/>
      <c r="AE11988" s="1"/>
    </row>
    <row r="11989" spans="1:31" ht="14.45">
      <c r="A11989" s="11"/>
      <c r="B11989" s="20"/>
      <c r="C11989" s="2" t="s">
        <v>36895</v>
      </c>
      <c r="D11989" s="14" t="s">
        <v>36896</v>
      </c>
      <c r="E11989" s="2" t="s">
        <v>36897</v>
      </c>
      <c r="F11989" s="2" t="s">
        <v>36329</v>
      </c>
      <c r="G11989" s="8">
        <v>150</v>
      </c>
      <c r="H11989" s="5">
        <v>6</v>
      </c>
      <c r="I11989" s="5" t="s">
        <v>1518</v>
      </c>
      <c r="J11989" s="5" t="s">
        <v>36264</v>
      </c>
      <c r="K11989" s="2" t="s">
        <v>36265</v>
      </c>
      <c r="L11989" s="5" t="s">
        <v>36264</v>
      </c>
      <c r="M11989" s="2" t="s">
        <v>36265</v>
      </c>
      <c r="N11989" s="5" t="s">
        <v>36266</v>
      </c>
      <c r="O11989" s="5" t="s">
        <v>38</v>
      </c>
      <c r="P11989" s="5" t="s">
        <v>39</v>
      </c>
      <c r="Q11989" s="5" t="s">
        <v>40</v>
      </c>
      <c r="R11989" s="5" t="s">
        <v>1522</v>
      </c>
      <c r="S11989" s="5" t="s">
        <v>1523</v>
      </c>
      <c r="T11989" s="5" t="s">
        <v>42</v>
      </c>
      <c r="U11989" s="2">
        <v>1.141</v>
      </c>
      <c r="V11989" s="2">
        <v>0.70899999999999996</v>
      </c>
      <c r="W11989" s="2">
        <v>1.0999999999999999E-2</v>
      </c>
      <c r="X11989" s="2">
        <v>82.9</v>
      </c>
      <c r="Y11989" s="2">
        <v>7.6</v>
      </c>
      <c r="Z11989" s="2">
        <v>16.7</v>
      </c>
      <c r="AA11989" s="5"/>
      <c r="AB11989" s="5" t="s">
        <v>43</v>
      </c>
      <c r="AC11989" s="5" t="s">
        <v>44</v>
      </c>
      <c r="AD11989" s="2"/>
      <c r="AE11989" s="1"/>
    </row>
    <row r="11990" spans="1:31" ht="14.45">
      <c r="A11990" s="11"/>
      <c r="B11990" s="20"/>
      <c r="C11990" s="2" t="s">
        <v>36898</v>
      </c>
      <c r="D11990" s="14" t="s">
        <v>36899</v>
      </c>
      <c r="E11990" s="2" t="s">
        <v>36900</v>
      </c>
      <c r="F11990" s="2" t="s">
        <v>36333</v>
      </c>
      <c r="G11990" s="8">
        <v>150</v>
      </c>
      <c r="H11990" s="5">
        <v>6</v>
      </c>
      <c r="I11990" s="5" t="s">
        <v>1518</v>
      </c>
      <c r="J11990" s="5" t="s">
        <v>36264</v>
      </c>
      <c r="K11990" s="2" t="s">
        <v>36265</v>
      </c>
      <c r="L11990" s="5" t="s">
        <v>36264</v>
      </c>
      <c r="M11990" s="2" t="s">
        <v>36265</v>
      </c>
      <c r="N11990" s="5" t="s">
        <v>36266</v>
      </c>
      <c r="O11990" s="5" t="s">
        <v>38</v>
      </c>
      <c r="P11990" s="5" t="s">
        <v>39</v>
      </c>
      <c r="Q11990" s="5" t="s">
        <v>40</v>
      </c>
      <c r="R11990" s="5" t="s">
        <v>1522</v>
      </c>
      <c r="S11990" s="5" t="s">
        <v>1523</v>
      </c>
      <c r="T11990" s="5" t="s">
        <v>42</v>
      </c>
      <c r="U11990" s="2">
        <v>1.161</v>
      </c>
      <c r="V11990" s="2">
        <v>0.72899999999999998</v>
      </c>
      <c r="W11990" s="2">
        <v>1.0999999999999999E-2</v>
      </c>
      <c r="X11990" s="2">
        <v>82.9</v>
      </c>
      <c r="Y11990" s="2">
        <v>7.6</v>
      </c>
      <c r="Z11990" s="2">
        <v>16.7</v>
      </c>
      <c r="AA11990" s="5"/>
      <c r="AB11990" s="5" t="s">
        <v>43</v>
      </c>
      <c r="AC11990" s="5" t="s">
        <v>44</v>
      </c>
      <c r="AD11990" s="2"/>
      <c r="AE11990" s="1"/>
    </row>
    <row r="11991" spans="1:31" ht="14.45">
      <c r="A11991" s="11"/>
      <c r="B11991" s="20"/>
      <c r="C11991" s="2" t="s">
        <v>36901</v>
      </c>
      <c r="D11991" s="14" t="s">
        <v>36902</v>
      </c>
      <c r="E11991" s="2" t="s">
        <v>36903</v>
      </c>
      <c r="F11991" s="2" t="s">
        <v>36337</v>
      </c>
      <c r="G11991" s="8">
        <v>150</v>
      </c>
      <c r="H11991" s="5">
        <v>6</v>
      </c>
      <c r="I11991" s="5" t="s">
        <v>1518</v>
      </c>
      <c r="J11991" s="5" t="s">
        <v>36264</v>
      </c>
      <c r="K11991" s="2" t="s">
        <v>36265</v>
      </c>
      <c r="L11991" s="5" t="s">
        <v>36264</v>
      </c>
      <c r="M11991" s="2" t="s">
        <v>36265</v>
      </c>
      <c r="N11991" s="5" t="s">
        <v>36266</v>
      </c>
      <c r="O11991" s="5" t="s">
        <v>38</v>
      </c>
      <c r="P11991" s="5" t="s">
        <v>39</v>
      </c>
      <c r="Q11991" s="5" t="s">
        <v>40</v>
      </c>
      <c r="R11991" s="5" t="s">
        <v>1522</v>
      </c>
      <c r="S11991" s="5" t="s">
        <v>1523</v>
      </c>
      <c r="T11991" s="5" t="s">
        <v>42</v>
      </c>
      <c r="U11991" s="2">
        <v>1.141</v>
      </c>
      <c r="V11991" s="2">
        <v>0.70899999999999996</v>
      </c>
      <c r="W11991" s="2">
        <v>1.0999999999999999E-2</v>
      </c>
      <c r="X11991" s="2">
        <v>82.9</v>
      </c>
      <c r="Y11991" s="2">
        <v>7.6</v>
      </c>
      <c r="Z11991" s="2">
        <v>16.7</v>
      </c>
      <c r="AA11991" s="5"/>
      <c r="AB11991" s="5" t="s">
        <v>43</v>
      </c>
      <c r="AC11991" s="5" t="s">
        <v>44</v>
      </c>
      <c r="AD11991" s="2"/>
      <c r="AE11991" s="1"/>
    </row>
    <row r="11992" spans="1:31" ht="14.45">
      <c r="A11992" s="11"/>
      <c r="B11992" s="20"/>
      <c r="C11992" s="2" t="s">
        <v>36904</v>
      </c>
      <c r="D11992" s="14" t="s">
        <v>36905</v>
      </c>
      <c r="E11992" s="2" t="s">
        <v>36906</v>
      </c>
      <c r="F11992" s="2" t="s">
        <v>36341</v>
      </c>
      <c r="G11992" s="8">
        <v>150</v>
      </c>
      <c r="H11992" s="5">
        <v>6</v>
      </c>
      <c r="I11992" s="5" t="s">
        <v>1518</v>
      </c>
      <c r="J11992" s="5" t="s">
        <v>36264</v>
      </c>
      <c r="K11992" s="2" t="s">
        <v>36265</v>
      </c>
      <c r="L11992" s="5" t="s">
        <v>36264</v>
      </c>
      <c r="M11992" s="2" t="s">
        <v>36265</v>
      </c>
      <c r="N11992" s="5" t="s">
        <v>36266</v>
      </c>
      <c r="O11992" s="5" t="s">
        <v>38</v>
      </c>
      <c r="P11992" s="5" t="s">
        <v>39</v>
      </c>
      <c r="Q11992" s="5" t="s">
        <v>40</v>
      </c>
      <c r="R11992" s="5" t="s">
        <v>1522</v>
      </c>
      <c r="S11992" s="5" t="s">
        <v>1523</v>
      </c>
      <c r="T11992" s="5" t="s">
        <v>42</v>
      </c>
      <c r="U11992" s="2">
        <v>1.161</v>
      </c>
      <c r="V11992" s="2">
        <v>0.72899999999999998</v>
      </c>
      <c r="W11992" s="2">
        <v>1.0999999999999999E-2</v>
      </c>
      <c r="X11992" s="2">
        <v>82.9</v>
      </c>
      <c r="Y11992" s="2">
        <v>7.6</v>
      </c>
      <c r="Z11992" s="2">
        <v>16.7</v>
      </c>
      <c r="AA11992" s="5"/>
      <c r="AB11992" s="5" t="s">
        <v>43</v>
      </c>
      <c r="AC11992" s="5" t="s">
        <v>44</v>
      </c>
      <c r="AD11992" s="2"/>
      <c r="AE11992" s="1"/>
    </row>
    <row r="11993" spans="1:31" ht="14.45">
      <c r="A11993" s="11"/>
      <c r="B11993" s="20"/>
      <c r="C11993" s="2" t="s">
        <v>36907</v>
      </c>
      <c r="D11993" s="14" t="s">
        <v>36908</v>
      </c>
      <c r="E11993" s="2" t="s">
        <v>36909</v>
      </c>
      <c r="F11993" s="2" t="s">
        <v>36349</v>
      </c>
      <c r="G11993" s="8">
        <v>150</v>
      </c>
      <c r="H11993" s="5">
        <v>6</v>
      </c>
      <c r="I11993" s="5" t="s">
        <v>1518</v>
      </c>
      <c r="J11993" s="5" t="s">
        <v>36264</v>
      </c>
      <c r="K11993" s="2" t="s">
        <v>36265</v>
      </c>
      <c r="L11993" s="5" t="s">
        <v>36264</v>
      </c>
      <c r="M11993" s="2" t="s">
        <v>36265</v>
      </c>
      <c r="N11993" s="5" t="s">
        <v>36266</v>
      </c>
      <c r="O11993" s="5" t="s">
        <v>38</v>
      </c>
      <c r="P11993" s="5" t="s">
        <v>39</v>
      </c>
      <c r="Q11993" s="5" t="s">
        <v>40</v>
      </c>
      <c r="R11993" s="5" t="s">
        <v>1522</v>
      </c>
      <c r="S11993" s="5" t="s">
        <v>1523</v>
      </c>
      <c r="T11993" s="5" t="s">
        <v>42</v>
      </c>
      <c r="U11993" s="2">
        <v>1.161</v>
      </c>
      <c r="V11993" s="2">
        <v>0.72899999999999998</v>
      </c>
      <c r="W11993" s="2">
        <v>1.0999999999999999E-2</v>
      </c>
      <c r="X11993" s="2">
        <v>82.9</v>
      </c>
      <c r="Y11993" s="2">
        <v>7.6</v>
      </c>
      <c r="Z11993" s="2">
        <v>16.7</v>
      </c>
      <c r="AA11993" s="5"/>
      <c r="AB11993" s="5" t="s">
        <v>43</v>
      </c>
      <c r="AC11993" s="5" t="s">
        <v>44</v>
      </c>
      <c r="AD11993" s="2"/>
      <c r="AE11993" s="1"/>
    </row>
    <row r="11994" spans="1:31" ht="14.45">
      <c r="A11994" s="11"/>
      <c r="B11994" s="20"/>
      <c r="C11994" s="2" t="s">
        <v>36910</v>
      </c>
      <c r="D11994" s="14" t="s">
        <v>36911</v>
      </c>
      <c r="E11994" s="2" t="s">
        <v>36912</v>
      </c>
      <c r="F11994" s="2" t="s">
        <v>36353</v>
      </c>
      <c r="G11994" s="8">
        <v>150</v>
      </c>
      <c r="H11994" s="5">
        <v>6</v>
      </c>
      <c r="I11994" s="5" t="s">
        <v>1518</v>
      </c>
      <c r="J11994" s="5" t="s">
        <v>36264</v>
      </c>
      <c r="K11994" s="2" t="s">
        <v>36265</v>
      </c>
      <c r="L11994" s="5" t="s">
        <v>36264</v>
      </c>
      <c r="M11994" s="2" t="s">
        <v>36265</v>
      </c>
      <c r="N11994" s="5" t="s">
        <v>36266</v>
      </c>
      <c r="O11994" s="5" t="s">
        <v>38</v>
      </c>
      <c r="P11994" s="5" t="s">
        <v>39</v>
      </c>
      <c r="Q11994" s="5" t="s">
        <v>40</v>
      </c>
      <c r="R11994" s="5" t="s">
        <v>1522</v>
      </c>
      <c r="S11994" s="5" t="s">
        <v>1523</v>
      </c>
      <c r="T11994" s="5" t="s">
        <v>42</v>
      </c>
      <c r="U11994" s="2">
        <v>1.141</v>
      </c>
      <c r="V11994" s="2">
        <v>0.70899999999999996</v>
      </c>
      <c r="W11994" s="2">
        <v>1.0999999999999999E-2</v>
      </c>
      <c r="X11994" s="2">
        <v>82.9</v>
      </c>
      <c r="Y11994" s="2">
        <v>7.6</v>
      </c>
      <c r="Z11994" s="2">
        <v>16.7</v>
      </c>
      <c r="AA11994" s="5"/>
      <c r="AB11994" s="5" t="s">
        <v>43</v>
      </c>
      <c r="AC11994" s="5" t="s">
        <v>44</v>
      </c>
      <c r="AD11994" s="2"/>
      <c r="AE11994" s="1"/>
    </row>
    <row r="11995" spans="1:31" ht="14.45">
      <c r="A11995" s="11"/>
      <c r="B11995" s="20"/>
      <c r="C11995" s="2" t="s">
        <v>36913</v>
      </c>
      <c r="D11995" s="14" t="s">
        <v>36914</v>
      </c>
      <c r="E11995" s="2" t="s">
        <v>36915</v>
      </c>
      <c r="F11995" s="2" t="s">
        <v>36357</v>
      </c>
      <c r="G11995" s="8">
        <v>150</v>
      </c>
      <c r="H11995" s="5">
        <v>6</v>
      </c>
      <c r="I11995" s="5" t="s">
        <v>1518</v>
      </c>
      <c r="J11995" s="5" t="s">
        <v>36264</v>
      </c>
      <c r="K11995" s="2" t="s">
        <v>36265</v>
      </c>
      <c r="L11995" s="5" t="s">
        <v>36264</v>
      </c>
      <c r="M11995" s="2" t="s">
        <v>36265</v>
      </c>
      <c r="N11995" s="5" t="s">
        <v>36266</v>
      </c>
      <c r="O11995" s="5" t="s">
        <v>38</v>
      </c>
      <c r="P11995" s="5" t="s">
        <v>39</v>
      </c>
      <c r="Q11995" s="5" t="s">
        <v>40</v>
      </c>
      <c r="R11995" s="5" t="s">
        <v>1522</v>
      </c>
      <c r="S11995" s="5" t="s">
        <v>1523</v>
      </c>
      <c r="T11995" s="5" t="s">
        <v>42</v>
      </c>
      <c r="U11995" s="2">
        <v>1.161</v>
      </c>
      <c r="V11995" s="2">
        <v>0.72899999999999998</v>
      </c>
      <c r="W11995" s="2">
        <v>1.0999999999999999E-2</v>
      </c>
      <c r="X11995" s="2">
        <v>82.9</v>
      </c>
      <c r="Y11995" s="2">
        <v>7.6</v>
      </c>
      <c r="Z11995" s="2">
        <v>16.7</v>
      </c>
      <c r="AA11995" s="5"/>
      <c r="AB11995" s="5" t="s">
        <v>43</v>
      </c>
      <c r="AC11995" s="5" t="s">
        <v>44</v>
      </c>
      <c r="AD11995" s="2"/>
      <c r="AE11995" s="1"/>
    </row>
    <row r="11996" spans="1:31" ht="14.45">
      <c r="A11996" s="11"/>
      <c r="B11996" s="20"/>
      <c r="C11996" s="2" t="s">
        <v>36916</v>
      </c>
      <c r="D11996" s="14" t="s">
        <v>36917</v>
      </c>
      <c r="E11996" s="2" t="s">
        <v>36918</v>
      </c>
      <c r="F11996" s="2" t="s">
        <v>36365</v>
      </c>
      <c r="G11996" s="8">
        <v>150</v>
      </c>
      <c r="H11996" s="5">
        <v>6</v>
      </c>
      <c r="I11996" s="5" t="s">
        <v>1518</v>
      </c>
      <c r="J11996" s="5" t="s">
        <v>36264</v>
      </c>
      <c r="K11996" s="2" t="s">
        <v>36265</v>
      </c>
      <c r="L11996" s="5" t="s">
        <v>36264</v>
      </c>
      <c r="M11996" s="2" t="s">
        <v>36265</v>
      </c>
      <c r="N11996" s="5" t="s">
        <v>36266</v>
      </c>
      <c r="O11996" s="5" t="s">
        <v>38</v>
      </c>
      <c r="P11996" s="5" t="s">
        <v>39</v>
      </c>
      <c r="Q11996" s="5" t="s">
        <v>40</v>
      </c>
      <c r="R11996" s="5" t="s">
        <v>1522</v>
      </c>
      <c r="S11996" s="5" t="s">
        <v>1523</v>
      </c>
      <c r="T11996" s="5" t="s">
        <v>42</v>
      </c>
      <c r="U11996" s="2">
        <v>1.161</v>
      </c>
      <c r="V11996" s="2">
        <v>0.72899999999999998</v>
      </c>
      <c r="W11996" s="2">
        <v>1.0999999999999999E-2</v>
      </c>
      <c r="X11996" s="2">
        <v>82.9</v>
      </c>
      <c r="Y11996" s="2">
        <v>7.6</v>
      </c>
      <c r="Z11996" s="2">
        <v>16.7</v>
      </c>
      <c r="AA11996" s="5"/>
      <c r="AB11996" s="5" t="s">
        <v>43</v>
      </c>
      <c r="AC11996" s="5" t="s">
        <v>44</v>
      </c>
      <c r="AD11996" s="2"/>
      <c r="AE11996" s="1"/>
    </row>
    <row r="11997" spans="1:31" ht="14.45">
      <c r="A11997" s="11"/>
      <c r="B11997" s="20"/>
      <c r="C11997" s="2" t="s">
        <v>36919</v>
      </c>
      <c r="D11997" s="14" t="s">
        <v>36920</v>
      </c>
      <c r="E11997" s="2" t="s">
        <v>36921</v>
      </c>
      <c r="F11997" s="2" t="s">
        <v>36369</v>
      </c>
      <c r="G11997" s="8">
        <v>150</v>
      </c>
      <c r="H11997" s="5">
        <v>6</v>
      </c>
      <c r="I11997" s="5" t="s">
        <v>1518</v>
      </c>
      <c r="J11997" s="5" t="s">
        <v>36264</v>
      </c>
      <c r="K11997" s="2" t="s">
        <v>36265</v>
      </c>
      <c r="L11997" s="5" t="s">
        <v>36264</v>
      </c>
      <c r="M11997" s="2" t="s">
        <v>36265</v>
      </c>
      <c r="N11997" s="5" t="s">
        <v>36266</v>
      </c>
      <c r="O11997" s="5" t="s">
        <v>38</v>
      </c>
      <c r="P11997" s="5" t="s">
        <v>39</v>
      </c>
      <c r="Q11997" s="5" t="s">
        <v>40</v>
      </c>
      <c r="R11997" s="5" t="s">
        <v>1522</v>
      </c>
      <c r="S11997" s="5" t="s">
        <v>1523</v>
      </c>
      <c r="T11997" s="5" t="s">
        <v>42</v>
      </c>
      <c r="U11997" s="2">
        <v>1.141</v>
      </c>
      <c r="V11997" s="2">
        <v>0.70899999999999996</v>
      </c>
      <c r="W11997" s="2">
        <v>1.0999999999999999E-2</v>
      </c>
      <c r="X11997" s="2">
        <v>82.9</v>
      </c>
      <c r="Y11997" s="2">
        <v>7.6</v>
      </c>
      <c r="Z11997" s="2">
        <v>16.7</v>
      </c>
      <c r="AA11997" s="5"/>
      <c r="AB11997" s="5" t="s">
        <v>43</v>
      </c>
      <c r="AC11997" s="5" t="s">
        <v>44</v>
      </c>
      <c r="AD11997" s="2"/>
      <c r="AE11997" s="1"/>
    </row>
    <row r="11998" spans="1:31" ht="14.45">
      <c r="A11998" s="11"/>
      <c r="B11998" s="20"/>
      <c r="C11998" s="2" t="s">
        <v>36922</v>
      </c>
      <c r="D11998" s="14" t="s">
        <v>36923</v>
      </c>
      <c r="E11998" s="2" t="s">
        <v>36924</v>
      </c>
      <c r="F11998" s="2" t="s">
        <v>36373</v>
      </c>
      <c r="G11998" s="8">
        <v>150</v>
      </c>
      <c r="H11998" s="5">
        <v>6</v>
      </c>
      <c r="I11998" s="5" t="s">
        <v>1518</v>
      </c>
      <c r="J11998" s="5" t="s">
        <v>36264</v>
      </c>
      <c r="K11998" s="2" t="s">
        <v>36265</v>
      </c>
      <c r="L11998" s="5" t="s">
        <v>36264</v>
      </c>
      <c r="M11998" s="2" t="s">
        <v>36265</v>
      </c>
      <c r="N11998" s="5" t="s">
        <v>36266</v>
      </c>
      <c r="O11998" s="5" t="s">
        <v>38</v>
      </c>
      <c r="P11998" s="5" t="s">
        <v>39</v>
      </c>
      <c r="Q11998" s="5" t="s">
        <v>40</v>
      </c>
      <c r="R11998" s="5" t="s">
        <v>1522</v>
      </c>
      <c r="S11998" s="5" t="s">
        <v>1523</v>
      </c>
      <c r="T11998" s="5" t="s">
        <v>42</v>
      </c>
      <c r="U11998" s="2">
        <v>1.161</v>
      </c>
      <c r="V11998" s="2">
        <v>0.72899999999999998</v>
      </c>
      <c r="W11998" s="2">
        <v>1.0999999999999999E-2</v>
      </c>
      <c r="X11998" s="2">
        <v>82.9</v>
      </c>
      <c r="Y11998" s="2">
        <v>7.6</v>
      </c>
      <c r="Z11998" s="2">
        <v>16.7</v>
      </c>
      <c r="AA11998" s="5"/>
      <c r="AB11998" s="5" t="s">
        <v>43</v>
      </c>
      <c r="AC11998" s="5" t="s">
        <v>44</v>
      </c>
      <c r="AD11998" s="2"/>
      <c r="AE11998" s="1"/>
    </row>
    <row r="11999" spans="1:31" ht="14.45">
      <c r="A11999" s="11"/>
      <c r="B11999" s="20"/>
      <c r="C11999" s="2" t="s">
        <v>36925</v>
      </c>
      <c r="D11999" s="14" t="s">
        <v>36926</v>
      </c>
      <c r="E11999" s="2" t="s">
        <v>36927</v>
      </c>
      <c r="F11999" s="2" t="s">
        <v>36377</v>
      </c>
      <c r="G11999" s="8">
        <v>150</v>
      </c>
      <c r="H11999" s="5">
        <v>6</v>
      </c>
      <c r="I11999" s="5" t="s">
        <v>1518</v>
      </c>
      <c r="J11999" s="5" t="s">
        <v>36264</v>
      </c>
      <c r="K11999" s="2" t="s">
        <v>36265</v>
      </c>
      <c r="L11999" s="5" t="s">
        <v>36264</v>
      </c>
      <c r="M11999" s="2" t="s">
        <v>36265</v>
      </c>
      <c r="N11999" s="5" t="s">
        <v>36266</v>
      </c>
      <c r="O11999" s="5" t="s">
        <v>38</v>
      </c>
      <c r="P11999" s="5" t="s">
        <v>39</v>
      </c>
      <c r="Q11999" s="5" t="s">
        <v>40</v>
      </c>
      <c r="R11999" s="5" t="s">
        <v>1522</v>
      </c>
      <c r="S11999" s="5" t="s">
        <v>1523</v>
      </c>
      <c r="T11999" s="5" t="s">
        <v>42</v>
      </c>
      <c r="U11999" s="2">
        <v>1.141</v>
      </c>
      <c r="V11999" s="2">
        <v>0.70899999999999996</v>
      </c>
      <c r="W11999" s="2">
        <v>1.0999999999999999E-2</v>
      </c>
      <c r="X11999" s="2">
        <v>82.9</v>
      </c>
      <c r="Y11999" s="2">
        <v>7.6</v>
      </c>
      <c r="Z11999" s="2">
        <v>16.7</v>
      </c>
      <c r="AA11999" s="5"/>
      <c r="AB11999" s="5" t="s">
        <v>43</v>
      </c>
      <c r="AC11999" s="5" t="s">
        <v>44</v>
      </c>
      <c r="AD11999" s="2"/>
      <c r="AE11999" s="1"/>
    </row>
    <row r="12000" spans="1:31" ht="14.45">
      <c r="A12000" s="11"/>
      <c r="B12000" s="20"/>
      <c r="C12000" s="2" t="s">
        <v>36928</v>
      </c>
      <c r="D12000" s="14" t="s">
        <v>36929</v>
      </c>
      <c r="E12000" s="2" t="s">
        <v>36930</v>
      </c>
      <c r="F12000" s="2" t="s">
        <v>36381</v>
      </c>
      <c r="G12000" s="8">
        <v>150</v>
      </c>
      <c r="H12000" s="5">
        <v>6</v>
      </c>
      <c r="I12000" s="5" t="s">
        <v>1518</v>
      </c>
      <c r="J12000" s="5" t="s">
        <v>36264</v>
      </c>
      <c r="K12000" s="2" t="s">
        <v>36265</v>
      </c>
      <c r="L12000" s="5" t="s">
        <v>36264</v>
      </c>
      <c r="M12000" s="2" t="s">
        <v>36265</v>
      </c>
      <c r="N12000" s="5" t="s">
        <v>36266</v>
      </c>
      <c r="O12000" s="5" t="s">
        <v>38</v>
      </c>
      <c r="P12000" s="5" t="s">
        <v>39</v>
      </c>
      <c r="Q12000" s="5" t="s">
        <v>40</v>
      </c>
      <c r="R12000" s="5" t="s">
        <v>1522</v>
      </c>
      <c r="S12000" s="5" t="s">
        <v>1523</v>
      </c>
      <c r="T12000" s="5" t="s">
        <v>42</v>
      </c>
      <c r="U12000" s="2">
        <v>1.161</v>
      </c>
      <c r="V12000" s="2">
        <v>0.72899999999999998</v>
      </c>
      <c r="W12000" s="2">
        <v>1.0999999999999999E-2</v>
      </c>
      <c r="X12000" s="2">
        <v>82.9</v>
      </c>
      <c r="Y12000" s="2">
        <v>7.6</v>
      </c>
      <c r="Z12000" s="2">
        <v>16.7</v>
      </c>
      <c r="AA12000" s="5"/>
      <c r="AB12000" s="5" t="s">
        <v>43</v>
      </c>
      <c r="AC12000" s="5" t="s">
        <v>44</v>
      </c>
      <c r="AD12000" s="2"/>
      <c r="AE12000" s="1"/>
    </row>
    <row r="12001" spans="1:31" ht="14.45">
      <c r="A12001" s="11"/>
      <c r="B12001" s="20"/>
      <c r="C12001" s="2" t="s">
        <v>36931</v>
      </c>
      <c r="D12001" s="14" t="s">
        <v>36932</v>
      </c>
      <c r="E12001" s="2" t="s">
        <v>36933</v>
      </c>
      <c r="F12001" s="2" t="s">
        <v>36385</v>
      </c>
      <c r="G12001" s="8">
        <v>150</v>
      </c>
      <c r="H12001" s="5">
        <v>6</v>
      </c>
      <c r="I12001" s="5" t="s">
        <v>1518</v>
      </c>
      <c r="J12001" s="5" t="s">
        <v>36264</v>
      </c>
      <c r="K12001" s="2" t="s">
        <v>36265</v>
      </c>
      <c r="L12001" s="5" t="s">
        <v>36264</v>
      </c>
      <c r="M12001" s="2" t="s">
        <v>36265</v>
      </c>
      <c r="N12001" s="5" t="s">
        <v>36266</v>
      </c>
      <c r="O12001" s="5" t="s">
        <v>38</v>
      </c>
      <c r="P12001" s="5" t="s">
        <v>39</v>
      </c>
      <c r="Q12001" s="5" t="s">
        <v>40</v>
      </c>
      <c r="R12001" s="5" t="s">
        <v>1522</v>
      </c>
      <c r="S12001" s="5" t="s">
        <v>1523</v>
      </c>
      <c r="T12001" s="5" t="s">
        <v>42</v>
      </c>
      <c r="U12001" s="2">
        <v>1.141</v>
      </c>
      <c r="V12001" s="2">
        <v>0.70899999999999996</v>
      </c>
      <c r="W12001" s="2">
        <v>1.0999999999999999E-2</v>
      </c>
      <c r="X12001" s="2">
        <v>82.9</v>
      </c>
      <c r="Y12001" s="2">
        <v>7.6</v>
      </c>
      <c r="Z12001" s="2">
        <v>16.7</v>
      </c>
      <c r="AA12001" s="5"/>
      <c r="AB12001" s="5" t="s">
        <v>43</v>
      </c>
      <c r="AC12001" s="5" t="s">
        <v>44</v>
      </c>
      <c r="AD12001" s="2"/>
      <c r="AE12001" s="1"/>
    </row>
    <row r="12002" spans="1:31" ht="14.45">
      <c r="A12002" s="11"/>
      <c r="B12002" s="20"/>
      <c r="C12002" s="2" t="s">
        <v>36934</v>
      </c>
      <c r="D12002" s="14" t="s">
        <v>36935</v>
      </c>
      <c r="E12002" s="2" t="s">
        <v>36936</v>
      </c>
      <c r="F12002" s="2" t="s">
        <v>36389</v>
      </c>
      <c r="G12002" s="8">
        <v>150</v>
      </c>
      <c r="H12002" s="5">
        <v>6</v>
      </c>
      <c r="I12002" s="5" t="s">
        <v>1518</v>
      </c>
      <c r="J12002" s="5" t="s">
        <v>36264</v>
      </c>
      <c r="K12002" s="2" t="s">
        <v>36265</v>
      </c>
      <c r="L12002" s="5" t="s">
        <v>36264</v>
      </c>
      <c r="M12002" s="2" t="s">
        <v>36265</v>
      </c>
      <c r="N12002" s="5" t="s">
        <v>36266</v>
      </c>
      <c r="O12002" s="5" t="s">
        <v>38</v>
      </c>
      <c r="P12002" s="5" t="s">
        <v>39</v>
      </c>
      <c r="Q12002" s="5" t="s">
        <v>40</v>
      </c>
      <c r="R12002" s="5" t="s">
        <v>1522</v>
      </c>
      <c r="S12002" s="5" t="s">
        <v>1523</v>
      </c>
      <c r="T12002" s="5" t="s">
        <v>42</v>
      </c>
      <c r="U12002" s="2">
        <v>1.161</v>
      </c>
      <c r="V12002" s="2">
        <v>0.72899999999999998</v>
      </c>
      <c r="W12002" s="2">
        <v>1.0999999999999999E-2</v>
      </c>
      <c r="X12002" s="2">
        <v>82.9</v>
      </c>
      <c r="Y12002" s="2">
        <v>7.6</v>
      </c>
      <c r="Z12002" s="2">
        <v>16.7</v>
      </c>
      <c r="AA12002" s="5"/>
      <c r="AB12002" s="5" t="s">
        <v>43</v>
      </c>
      <c r="AC12002" s="5" t="s">
        <v>44</v>
      </c>
      <c r="AD12002" s="2"/>
      <c r="AE12002" s="1"/>
    </row>
    <row r="12003" spans="1:31" ht="14.45">
      <c r="A12003" s="11"/>
      <c r="B12003" s="20"/>
      <c r="C12003" s="2" t="s">
        <v>36937</v>
      </c>
      <c r="D12003" s="14" t="s">
        <v>36938</v>
      </c>
      <c r="E12003" s="2" t="s">
        <v>36939</v>
      </c>
      <c r="F12003" s="2" t="s">
        <v>7204</v>
      </c>
      <c r="G12003" s="8">
        <v>144</v>
      </c>
      <c r="H12003" s="5">
        <v>6</v>
      </c>
      <c r="I12003" s="5" t="s">
        <v>1518</v>
      </c>
      <c r="J12003" s="5" t="s">
        <v>36264</v>
      </c>
      <c r="K12003" s="2" t="s">
        <v>36265</v>
      </c>
      <c r="L12003" s="5" t="s">
        <v>36264</v>
      </c>
      <c r="M12003" s="2" t="s">
        <v>36265</v>
      </c>
      <c r="N12003" s="5" t="s">
        <v>36266</v>
      </c>
      <c r="O12003" s="5" t="s">
        <v>38</v>
      </c>
      <c r="P12003" s="5" t="s">
        <v>39</v>
      </c>
      <c r="Q12003" s="5" t="s">
        <v>40</v>
      </c>
      <c r="R12003" s="5" t="s">
        <v>1522</v>
      </c>
      <c r="S12003" s="5" t="s">
        <v>1523</v>
      </c>
      <c r="T12003" s="5" t="s">
        <v>42</v>
      </c>
      <c r="U12003" s="2">
        <v>1.3120000000000001</v>
      </c>
      <c r="V12003" s="2">
        <v>0.79900000000000004</v>
      </c>
      <c r="W12003" s="2">
        <v>1.4999999999999999E-2</v>
      </c>
      <c r="X12003" s="2">
        <v>118.9</v>
      </c>
      <c r="Y12003" s="2">
        <v>7.6</v>
      </c>
      <c r="Z12003" s="2">
        <v>16.7</v>
      </c>
      <c r="AA12003" s="5"/>
      <c r="AB12003" s="5" t="s">
        <v>43</v>
      </c>
      <c r="AC12003" s="5" t="s">
        <v>44</v>
      </c>
      <c r="AD12003" s="2"/>
      <c r="AE12003" s="1"/>
    </row>
    <row r="12004" spans="1:31" ht="14.45">
      <c r="A12004" s="11"/>
      <c r="B12004" s="20"/>
      <c r="C12004" s="2" t="s">
        <v>36940</v>
      </c>
      <c r="D12004" s="14" t="s">
        <v>36941</v>
      </c>
      <c r="E12004" s="2" t="s">
        <v>36942</v>
      </c>
      <c r="F12004" s="2" t="s">
        <v>7514</v>
      </c>
      <c r="G12004" s="8">
        <v>144</v>
      </c>
      <c r="H12004" s="5">
        <v>6</v>
      </c>
      <c r="I12004" s="5" t="s">
        <v>1518</v>
      </c>
      <c r="J12004" s="5" t="s">
        <v>36264</v>
      </c>
      <c r="K12004" s="2" t="s">
        <v>36265</v>
      </c>
      <c r="L12004" s="5" t="s">
        <v>36264</v>
      </c>
      <c r="M12004" s="2" t="s">
        <v>36265</v>
      </c>
      <c r="N12004" s="5" t="s">
        <v>36266</v>
      </c>
      <c r="O12004" s="5" t="s">
        <v>38</v>
      </c>
      <c r="P12004" s="5" t="s">
        <v>39</v>
      </c>
      <c r="Q12004" s="5" t="s">
        <v>40</v>
      </c>
      <c r="R12004" s="5" t="s">
        <v>1522</v>
      </c>
      <c r="S12004" s="5" t="s">
        <v>1523</v>
      </c>
      <c r="T12004" s="5" t="s">
        <v>42</v>
      </c>
      <c r="U12004" s="2">
        <v>1.3320000000000001</v>
      </c>
      <c r="V12004" s="2">
        <v>0.81899999999999995</v>
      </c>
      <c r="W12004" s="2">
        <v>1.4999999999999999E-2</v>
      </c>
      <c r="X12004" s="2">
        <v>118.9</v>
      </c>
      <c r="Y12004" s="2">
        <v>7.6</v>
      </c>
      <c r="Z12004" s="2">
        <v>16.7</v>
      </c>
      <c r="AA12004" s="5"/>
      <c r="AB12004" s="5" t="s">
        <v>43</v>
      </c>
      <c r="AC12004" s="5" t="s">
        <v>44</v>
      </c>
      <c r="AD12004" s="2"/>
      <c r="AE12004" s="1"/>
    </row>
    <row r="12005" spans="1:31" ht="14.45">
      <c r="A12005" s="11"/>
      <c r="B12005" s="20"/>
      <c r="C12005" s="2" t="s">
        <v>36943</v>
      </c>
      <c r="D12005" s="14" t="s">
        <v>36944</v>
      </c>
      <c r="E12005" s="2" t="s">
        <v>36945</v>
      </c>
      <c r="F12005" s="2" t="s">
        <v>36273</v>
      </c>
      <c r="G12005" s="8">
        <v>144</v>
      </c>
      <c r="H12005" s="5">
        <v>6</v>
      </c>
      <c r="I12005" s="5" t="s">
        <v>1518</v>
      </c>
      <c r="J12005" s="5" t="s">
        <v>36264</v>
      </c>
      <c r="K12005" s="2" t="s">
        <v>36265</v>
      </c>
      <c r="L12005" s="5" t="s">
        <v>36264</v>
      </c>
      <c r="M12005" s="2" t="s">
        <v>36265</v>
      </c>
      <c r="N12005" s="5" t="s">
        <v>36266</v>
      </c>
      <c r="O12005" s="5" t="s">
        <v>38</v>
      </c>
      <c r="P12005" s="5" t="s">
        <v>39</v>
      </c>
      <c r="Q12005" s="5" t="s">
        <v>40</v>
      </c>
      <c r="R12005" s="5" t="s">
        <v>1522</v>
      </c>
      <c r="S12005" s="5" t="s">
        <v>1523</v>
      </c>
      <c r="T12005" s="5" t="s">
        <v>42</v>
      </c>
      <c r="U12005" s="2">
        <v>1.3120000000000001</v>
      </c>
      <c r="V12005" s="2">
        <v>0.79900000000000004</v>
      </c>
      <c r="W12005" s="2">
        <v>1.4999999999999999E-2</v>
      </c>
      <c r="X12005" s="2">
        <v>118.9</v>
      </c>
      <c r="Y12005" s="2">
        <v>7.6</v>
      </c>
      <c r="Z12005" s="2">
        <v>16.7</v>
      </c>
      <c r="AA12005" s="5"/>
      <c r="AB12005" s="5" t="s">
        <v>43</v>
      </c>
      <c r="AC12005" s="5" t="s">
        <v>44</v>
      </c>
      <c r="AD12005" s="2"/>
      <c r="AE12005" s="1"/>
    </row>
    <row r="12006" spans="1:31" ht="14.45">
      <c r="A12006" s="11"/>
      <c r="B12006" s="20"/>
      <c r="C12006" s="2" t="s">
        <v>36946</v>
      </c>
      <c r="D12006" s="14" t="s">
        <v>36947</v>
      </c>
      <c r="E12006" s="2" t="s">
        <v>36948</v>
      </c>
      <c r="F12006" s="2" t="s">
        <v>36277</v>
      </c>
      <c r="G12006" s="8">
        <v>144</v>
      </c>
      <c r="H12006" s="5">
        <v>6</v>
      </c>
      <c r="I12006" s="5" t="s">
        <v>1518</v>
      </c>
      <c r="J12006" s="5" t="s">
        <v>36264</v>
      </c>
      <c r="K12006" s="2" t="s">
        <v>36265</v>
      </c>
      <c r="L12006" s="5" t="s">
        <v>36264</v>
      </c>
      <c r="M12006" s="2" t="s">
        <v>36265</v>
      </c>
      <c r="N12006" s="5" t="s">
        <v>36266</v>
      </c>
      <c r="O12006" s="5" t="s">
        <v>38</v>
      </c>
      <c r="P12006" s="5" t="s">
        <v>39</v>
      </c>
      <c r="Q12006" s="5" t="s">
        <v>40</v>
      </c>
      <c r="R12006" s="5" t="s">
        <v>1522</v>
      </c>
      <c r="S12006" s="5" t="s">
        <v>1523</v>
      </c>
      <c r="T12006" s="5" t="s">
        <v>42</v>
      </c>
      <c r="U12006" s="2">
        <v>1.3320000000000001</v>
      </c>
      <c r="V12006" s="2">
        <v>0.81899999999999995</v>
      </c>
      <c r="W12006" s="2">
        <v>1.4999999999999999E-2</v>
      </c>
      <c r="X12006" s="2">
        <v>118.9</v>
      </c>
      <c r="Y12006" s="2">
        <v>7.6</v>
      </c>
      <c r="Z12006" s="2">
        <v>16.7</v>
      </c>
      <c r="AA12006" s="5"/>
      <c r="AB12006" s="5" t="s">
        <v>43</v>
      </c>
      <c r="AC12006" s="5" t="s">
        <v>44</v>
      </c>
      <c r="AD12006" s="2"/>
      <c r="AE12006" s="1"/>
    </row>
    <row r="12007" spans="1:31" ht="14.45">
      <c r="A12007" s="11"/>
      <c r="B12007" s="20"/>
      <c r="C12007" s="2" t="s">
        <v>36949</v>
      </c>
      <c r="D12007" s="14" t="s">
        <v>36950</v>
      </c>
      <c r="E12007" s="2" t="s">
        <v>36951</v>
      </c>
      <c r="F12007" s="2" t="s">
        <v>36281</v>
      </c>
      <c r="G12007" s="8">
        <v>165</v>
      </c>
      <c r="H12007" s="5">
        <v>6</v>
      </c>
      <c r="I12007" s="5" t="s">
        <v>1518</v>
      </c>
      <c r="J12007" s="5" t="s">
        <v>36264</v>
      </c>
      <c r="K12007" s="2" t="s">
        <v>36265</v>
      </c>
      <c r="L12007" s="5" t="s">
        <v>36264</v>
      </c>
      <c r="M12007" s="2" t="s">
        <v>36265</v>
      </c>
      <c r="N12007" s="5" t="s">
        <v>36266</v>
      </c>
      <c r="O12007" s="5" t="s">
        <v>38</v>
      </c>
      <c r="P12007" s="5" t="s">
        <v>39</v>
      </c>
      <c r="Q12007" s="5" t="s">
        <v>40</v>
      </c>
      <c r="R12007" s="5" t="s">
        <v>1522</v>
      </c>
      <c r="S12007" s="5" t="s">
        <v>1523</v>
      </c>
      <c r="T12007" s="5" t="s">
        <v>42</v>
      </c>
      <c r="U12007" s="2">
        <v>1.3120000000000001</v>
      </c>
      <c r="V12007" s="2">
        <v>0.79900000000000004</v>
      </c>
      <c r="W12007" s="2">
        <v>1.4999999999999999E-2</v>
      </c>
      <c r="X12007" s="2">
        <v>118.9</v>
      </c>
      <c r="Y12007" s="2">
        <v>7.6</v>
      </c>
      <c r="Z12007" s="2">
        <v>16.7</v>
      </c>
      <c r="AA12007" s="5"/>
      <c r="AB12007" s="5" t="s">
        <v>43</v>
      </c>
      <c r="AC12007" s="5" t="s">
        <v>44</v>
      </c>
      <c r="AD12007" s="2"/>
      <c r="AE12007" s="1"/>
    </row>
    <row r="12008" spans="1:31" ht="14.45">
      <c r="A12008" s="11"/>
      <c r="B12008" s="20"/>
      <c r="C12008" s="2" t="s">
        <v>36952</v>
      </c>
      <c r="D12008" s="14" t="s">
        <v>36953</v>
      </c>
      <c r="E12008" s="2" t="s">
        <v>36954</v>
      </c>
      <c r="F12008" s="2" t="s">
        <v>36285</v>
      </c>
      <c r="G12008" s="8">
        <v>165</v>
      </c>
      <c r="H12008" s="5">
        <v>6</v>
      </c>
      <c r="I12008" s="5" t="s">
        <v>1518</v>
      </c>
      <c r="J12008" s="5" t="s">
        <v>36264</v>
      </c>
      <c r="K12008" s="2" t="s">
        <v>36265</v>
      </c>
      <c r="L12008" s="5" t="s">
        <v>36264</v>
      </c>
      <c r="M12008" s="2" t="s">
        <v>36265</v>
      </c>
      <c r="N12008" s="5" t="s">
        <v>36266</v>
      </c>
      <c r="O12008" s="5" t="s">
        <v>38</v>
      </c>
      <c r="P12008" s="5" t="s">
        <v>39</v>
      </c>
      <c r="Q12008" s="5" t="s">
        <v>40</v>
      </c>
      <c r="R12008" s="5" t="s">
        <v>1522</v>
      </c>
      <c r="S12008" s="5" t="s">
        <v>1523</v>
      </c>
      <c r="T12008" s="5" t="s">
        <v>42</v>
      </c>
      <c r="U12008" s="2">
        <v>1.3320000000000001</v>
      </c>
      <c r="V12008" s="2">
        <v>0.81899999999999995</v>
      </c>
      <c r="W12008" s="2">
        <v>1.4999999999999999E-2</v>
      </c>
      <c r="X12008" s="2">
        <v>118.9</v>
      </c>
      <c r="Y12008" s="2">
        <v>7.6</v>
      </c>
      <c r="Z12008" s="2">
        <v>16.7</v>
      </c>
      <c r="AA12008" s="5"/>
      <c r="AB12008" s="5" t="s">
        <v>43</v>
      </c>
      <c r="AC12008" s="5" t="s">
        <v>44</v>
      </c>
      <c r="AD12008" s="2"/>
      <c r="AE12008" s="1"/>
    </row>
    <row r="12009" spans="1:31" ht="14.45">
      <c r="A12009" s="11"/>
      <c r="B12009" s="20"/>
      <c r="C12009" s="2" t="s">
        <v>36955</v>
      </c>
      <c r="D12009" s="14" t="s">
        <v>36956</v>
      </c>
      <c r="E12009" s="2" t="s">
        <v>36957</v>
      </c>
      <c r="F12009" s="2" t="s">
        <v>36289</v>
      </c>
      <c r="G12009" s="8">
        <v>165</v>
      </c>
      <c r="H12009" s="5">
        <v>6</v>
      </c>
      <c r="I12009" s="5" t="s">
        <v>1518</v>
      </c>
      <c r="J12009" s="5" t="s">
        <v>36264</v>
      </c>
      <c r="K12009" s="2" t="s">
        <v>36265</v>
      </c>
      <c r="L12009" s="5" t="s">
        <v>36264</v>
      </c>
      <c r="M12009" s="2" t="s">
        <v>36265</v>
      </c>
      <c r="N12009" s="5" t="s">
        <v>36266</v>
      </c>
      <c r="O12009" s="5" t="s">
        <v>38</v>
      </c>
      <c r="P12009" s="5" t="s">
        <v>39</v>
      </c>
      <c r="Q12009" s="5" t="s">
        <v>40</v>
      </c>
      <c r="R12009" s="5" t="s">
        <v>1522</v>
      </c>
      <c r="S12009" s="5" t="s">
        <v>1523</v>
      </c>
      <c r="T12009" s="5" t="s">
        <v>42</v>
      </c>
      <c r="U12009" s="2">
        <v>1.3120000000000001</v>
      </c>
      <c r="V12009" s="2">
        <v>0.79900000000000004</v>
      </c>
      <c r="W12009" s="2">
        <v>1.4999999999999999E-2</v>
      </c>
      <c r="X12009" s="2">
        <v>118.9</v>
      </c>
      <c r="Y12009" s="2">
        <v>7.6</v>
      </c>
      <c r="Z12009" s="2">
        <v>16.7</v>
      </c>
      <c r="AA12009" s="5"/>
      <c r="AB12009" s="5" t="s">
        <v>43</v>
      </c>
      <c r="AC12009" s="5" t="s">
        <v>44</v>
      </c>
      <c r="AD12009" s="2"/>
      <c r="AE12009" s="1"/>
    </row>
    <row r="12010" spans="1:31" ht="14.45">
      <c r="A12010" s="11"/>
      <c r="B12010" s="20"/>
      <c r="C12010" s="2" t="s">
        <v>36958</v>
      </c>
      <c r="D12010" s="14" t="s">
        <v>36959</v>
      </c>
      <c r="E12010" s="2" t="s">
        <v>36960</v>
      </c>
      <c r="F12010" s="2" t="s">
        <v>36293</v>
      </c>
      <c r="G12010" s="8">
        <v>165</v>
      </c>
      <c r="H12010" s="5">
        <v>6</v>
      </c>
      <c r="I12010" s="5" t="s">
        <v>1518</v>
      </c>
      <c r="J12010" s="5" t="s">
        <v>36264</v>
      </c>
      <c r="K12010" s="2" t="s">
        <v>36265</v>
      </c>
      <c r="L12010" s="5" t="s">
        <v>36264</v>
      </c>
      <c r="M12010" s="2" t="s">
        <v>36265</v>
      </c>
      <c r="N12010" s="5" t="s">
        <v>36266</v>
      </c>
      <c r="O12010" s="5" t="s">
        <v>38</v>
      </c>
      <c r="P12010" s="5" t="s">
        <v>39</v>
      </c>
      <c r="Q12010" s="5" t="s">
        <v>40</v>
      </c>
      <c r="R12010" s="5" t="s">
        <v>1522</v>
      </c>
      <c r="S12010" s="5" t="s">
        <v>1523</v>
      </c>
      <c r="T12010" s="5" t="s">
        <v>42</v>
      </c>
      <c r="U12010" s="2">
        <v>1.3320000000000001</v>
      </c>
      <c r="V12010" s="2">
        <v>0.81899999999999995</v>
      </c>
      <c r="W12010" s="2">
        <v>1.4999999999999999E-2</v>
      </c>
      <c r="X12010" s="2">
        <v>118.9</v>
      </c>
      <c r="Y12010" s="2">
        <v>7.6</v>
      </c>
      <c r="Z12010" s="2">
        <v>16.7</v>
      </c>
      <c r="AA12010" s="5"/>
      <c r="AB12010" s="5" t="s">
        <v>43</v>
      </c>
      <c r="AC12010" s="5" t="s">
        <v>44</v>
      </c>
      <c r="AD12010" s="2"/>
      <c r="AE12010" s="1"/>
    </row>
    <row r="12011" spans="1:31" ht="14.45">
      <c r="A12011" s="11"/>
      <c r="B12011" s="20"/>
      <c r="C12011" s="2" t="s">
        <v>36961</v>
      </c>
      <c r="D12011" s="14" t="s">
        <v>36962</v>
      </c>
      <c r="E12011" s="2" t="s">
        <v>36963</v>
      </c>
      <c r="F12011" s="2" t="s">
        <v>36297</v>
      </c>
      <c r="G12011" s="8">
        <v>144</v>
      </c>
      <c r="H12011" s="5">
        <v>6</v>
      </c>
      <c r="I12011" s="5" t="s">
        <v>1518</v>
      </c>
      <c r="J12011" s="5" t="s">
        <v>36264</v>
      </c>
      <c r="K12011" s="2" t="s">
        <v>36265</v>
      </c>
      <c r="L12011" s="5" t="s">
        <v>36264</v>
      </c>
      <c r="M12011" s="2" t="s">
        <v>36265</v>
      </c>
      <c r="N12011" s="5" t="s">
        <v>36266</v>
      </c>
      <c r="O12011" s="5" t="s">
        <v>38</v>
      </c>
      <c r="P12011" s="5" t="s">
        <v>39</v>
      </c>
      <c r="Q12011" s="5" t="s">
        <v>40</v>
      </c>
      <c r="R12011" s="5" t="s">
        <v>1522</v>
      </c>
      <c r="S12011" s="5" t="s">
        <v>1523</v>
      </c>
      <c r="T12011" s="5" t="s">
        <v>42</v>
      </c>
      <c r="U12011" s="2">
        <v>1.3120000000000001</v>
      </c>
      <c r="V12011" s="2">
        <v>0.79900000000000004</v>
      </c>
      <c r="W12011" s="2">
        <v>1.4999999999999999E-2</v>
      </c>
      <c r="X12011" s="2">
        <v>118.9</v>
      </c>
      <c r="Y12011" s="2">
        <v>7.6</v>
      </c>
      <c r="Z12011" s="2">
        <v>16.7</v>
      </c>
      <c r="AA12011" s="5"/>
      <c r="AB12011" s="5" t="s">
        <v>43</v>
      </c>
      <c r="AC12011" s="5" t="s">
        <v>44</v>
      </c>
      <c r="AD12011" s="2"/>
      <c r="AE12011" s="1"/>
    </row>
    <row r="12012" spans="1:31" ht="14.45">
      <c r="A12012" s="11"/>
      <c r="B12012" s="20"/>
      <c r="C12012" s="2" t="s">
        <v>36964</v>
      </c>
      <c r="D12012" s="14" t="s">
        <v>36965</v>
      </c>
      <c r="E12012" s="2" t="s">
        <v>36966</v>
      </c>
      <c r="F12012" s="2" t="s">
        <v>36301</v>
      </c>
      <c r="G12012" s="8">
        <v>144</v>
      </c>
      <c r="H12012" s="5">
        <v>6</v>
      </c>
      <c r="I12012" s="5" t="s">
        <v>1518</v>
      </c>
      <c r="J12012" s="5" t="s">
        <v>36264</v>
      </c>
      <c r="K12012" s="2" t="s">
        <v>36265</v>
      </c>
      <c r="L12012" s="5" t="s">
        <v>36264</v>
      </c>
      <c r="M12012" s="2" t="s">
        <v>36265</v>
      </c>
      <c r="N12012" s="5" t="s">
        <v>36266</v>
      </c>
      <c r="O12012" s="5" t="s">
        <v>38</v>
      </c>
      <c r="P12012" s="5" t="s">
        <v>39</v>
      </c>
      <c r="Q12012" s="5" t="s">
        <v>40</v>
      </c>
      <c r="R12012" s="5" t="s">
        <v>1522</v>
      </c>
      <c r="S12012" s="5" t="s">
        <v>1523</v>
      </c>
      <c r="T12012" s="5" t="s">
        <v>42</v>
      </c>
      <c r="U12012" s="2">
        <v>1.3320000000000001</v>
      </c>
      <c r="V12012" s="2">
        <v>0.81899999999999995</v>
      </c>
      <c r="W12012" s="2">
        <v>1.4999999999999999E-2</v>
      </c>
      <c r="X12012" s="2">
        <v>118.9</v>
      </c>
      <c r="Y12012" s="2">
        <v>7.6</v>
      </c>
      <c r="Z12012" s="2">
        <v>16.7</v>
      </c>
      <c r="AA12012" s="5"/>
      <c r="AB12012" s="5" t="s">
        <v>43</v>
      </c>
      <c r="AC12012" s="5" t="s">
        <v>44</v>
      </c>
      <c r="AD12012" s="2"/>
      <c r="AE12012" s="1"/>
    </row>
    <row r="12013" spans="1:31" ht="14.45">
      <c r="A12013" s="11"/>
      <c r="B12013" s="20"/>
      <c r="C12013" s="2" t="s">
        <v>36967</v>
      </c>
      <c r="D12013" s="14" t="s">
        <v>36968</v>
      </c>
      <c r="E12013" s="2" t="s">
        <v>36969</v>
      </c>
      <c r="F12013" s="2" t="s">
        <v>36305</v>
      </c>
      <c r="G12013" s="8">
        <v>144</v>
      </c>
      <c r="H12013" s="5">
        <v>6</v>
      </c>
      <c r="I12013" s="5" t="s">
        <v>1518</v>
      </c>
      <c r="J12013" s="5" t="s">
        <v>36264</v>
      </c>
      <c r="K12013" s="2" t="s">
        <v>36265</v>
      </c>
      <c r="L12013" s="5" t="s">
        <v>36264</v>
      </c>
      <c r="M12013" s="2" t="s">
        <v>36265</v>
      </c>
      <c r="N12013" s="5" t="s">
        <v>36266</v>
      </c>
      <c r="O12013" s="5" t="s">
        <v>38</v>
      </c>
      <c r="P12013" s="5" t="s">
        <v>39</v>
      </c>
      <c r="Q12013" s="5" t="s">
        <v>40</v>
      </c>
      <c r="R12013" s="5" t="s">
        <v>1522</v>
      </c>
      <c r="S12013" s="5" t="s">
        <v>1523</v>
      </c>
      <c r="T12013" s="5" t="s">
        <v>42</v>
      </c>
      <c r="U12013" s="2">
        <v>1.3120000000000001</v>
      </c>
      <c r="V12013" s="2">
        <v>0.79900000000000004</v>
      </c>
      <c r="W12013" s="2">
        <v>1.4999999999999999E-2</v>
      </c>
      <c r="X12013" s="2">
        <v>118.9</v>
      </c>
      <c r="Y12013" s="2">
        <v>7.6</v>
      </c>
      <c r="Z12013" s="2">
        <v>16.7</v>
      </c>
      <c r="AA12013" s="5"/>
      <c r="AB12013" s="5" t="s">
        <v>43</v>
      </c>
      <c r="AC12013" s="5" t="s">
        <v>44</v>
      </c>
      <c r="AD12013" s="2"/>
      <c r="AE12013" s="1"/>
    </row>
    <row r="12014" spans="1:31" ht="14.45">
      <c r="A12014" s="11"/>
      <c r="B12014" s="20"/>
      <c r="C12014" s="2" t="s">
        <v>36970</v>
      </c>
      <c r="D12014" s="14" t="s">
        <v>36971</v>
      </c>
      <c r="E12014" s="2" t="s">
        <v>36972</v>
      </c>
      <c r="F12014" s="2" t="s">
        <v>36309</v>
      </c>
      <c r="G12014" s="8">
        <v>144</v>
      </c>
      <c r="H12014" s="5">
        <v>6</v>
      </c>
      <c r="I12014" s="5" t="s">
        <v>1518</v>
      </c>
      <c r="J12014" s="5" t="s">
        <v>36264</v>
      </c>
      <c r="K12014" s="2" t="s">
        <v>36265</v>
      </c>
      <c r="L12014" s="5" t="s">
        <v>36264</v>
      </c>
      <c r="M12014" s="2" t="s">
        <v>36265</v>
      </c>
      <c r="N12014" s="5" t="s">
        <v>36266</v>
      </c>
      <c r="O12014" s="5" t="s">
        <v>38</v>
      </c>
      <c r="P12014" s="5" t="s">
        <v>39</v>
      </c>
      <c r="Q12014" s="5" t="s">
        <v>40</v>
      </c>
      <c r="R12014" s="5" t="s">
        <v>1522</v>
      </c>
      <c r="S12014" s="5" t="s">
        <v>1523</v>
      </c>
      <c r="T12014" s="5" t="s">
        <v>42</v>
      </c>
      <c r="U12014" s="2">
        <v>1.3320000000000001</v>
      </c>
      <c r="V12014" s="2">
        <v>0.81899999999999995</v>
      </c>
      <c r="W12014" s="2">
        <v>1.4999999999999999E-2</v>
      </c>
      <c r="X12014" s="2">
        <v>118.9</v>
      </c>
      <c r="Y12014" s="2">
        <v>7.6</v>
      </c>
      <c r="Z12014" s="2">
        <v>16.7</v>
      </c>
      <c r="AA12014" s="5"/>
      <c r="AB12014" s="5" t="s">
        <v>43</v>
      </c>
      <c r="AC12014" s="5" t="s">
        <v>44</v>
      </c>
      <c r="AD12014" s="2"/>
      <c r="AE12014" s="1"/>
    </row>
    <row r="12015" spans="1:31" ht="14.45">
      <c r="A12015" s="11"/>
      <c r="B12015" s="20"/>
      <c r="C12015" s="2" t="s">
        <v>36973</v>
      </c>
      <c r="D12015" s="14" t="s">
        <v>36974</v>
      </c>
      <c r="E12015" s="2" t="s">
        <v>36975</v>
      </c>
      <c r="F12015" s="2" t="s">
        <v>36313</v>
      </c>
      <c r="G12015" s="8">
        <v>165</v>
      </c>
      <c r="H12015" s="5">
        <v>6</v>
      </c>
      <c r="I12015" s="5" t="s">
        <v>1518</v>
      </c>
      <c r="J12015" s="5" t="s">
        <v>36264</v>
      </c>
      <c r="K12015" s="2" t="s">
        <v>36265</v>
      </c>
      <c r="L12015" s="5" t="s">
        <v>36264</v>
      </c>
      <c r="M12015" s="2" t="s">
        <v>36265</v>
      </c>
      <c r="N12015" s="5" t="s">
        <v>36266</v>
      </c>
      <c r="O12015" s="5" t="s">
        <v>38</v>
      </c>
      <c r="P12015" s="5" t="s">
        <v>39</v>
      </c>
      <c r="Q12015" s="5" t="s">
        <v>40</v>
      </c>
      <c r="R12015" s="5" t="s">
        <v>1522</v>
      </c>
      <c r="S12015" s="5" t="s">
        <v>1523</v>
      </c>
      <c r="T12015" s="5" t="s">
        <v>42</v>
      </c>
      <c r="U12015" s="2">
        <v>1.3120000000000001</v>
      </c>
      <c r="V12015" s="2">
        <v>0.79900000000000004</v>
      </c>
      <c r="W12015" s="2">
        <v>1.4999999999999999E-2</v>
      </c>
      <c r="X12015" s="2">
        <v>118.9</v>
      </c>
      <c r="Y12015" s="2">
        <v>7.6</v>
      </c>
      <c r="Z12015" s="2">
        <v>16.7</v>
      </c>
      <c r="AA12015" s="5"/>
      <c r="AB12015" s="5" t="s">
        <v>43</v>
      </c>
      <c r="AC12015" s="5" t="s">
        <v>44</v>
      </c>
      <c r="AD12015" s="2"/>
      <c r="AE12015" s="1"/>
    </row>
    <row r="12016" spans="1:31" ht="14.45">
      <c r="A12016" s="11"/>
      <c r="B12016" s="20"/>
      <c r="C12016" s="2" t="s">
        <v>36976</v>
      </c>
      <c r="D12016" s="14" t="s">
        <v>36977</v>
      </c>
      <c r="E12016" s="2" t="s">
        <v>36978</v>
      </c>
      <c r="F12016" s="2" t="s">
        <v>36317</v>
      </c>
      <c r="G12016" s="8">
        <v>165</v>
      </c>
      <c r="H12016" s="5">
        <v>6</v>
      </c>
      <c r="I12016" s="5" t="s">
        <v>1518</v>
      </c>
      <c r="J12016" s="5" t="s">
        <v>36264</v>
      </c>
      <c r="K12016" s="2" t="s">
        <v>36265</v>
      </c>
      <c r="L12016" s="5" t="s">
        <v>36264</v>
      </c>
      <c r="M12016" s="2" t="s">
        <v>36265</v>
      </c>
      <c r="N12016" s="5" t="s">
        <v>36266</v>
      </c>
      <c r="O12016" s="5" t="s">
        <v>38</v>
      </c>
      <c r="P12016" s="5" t="s">
        <v>39</v>
      </c>
      <c r="Q12016" s="5" t="s">
        <v>40</v>
      </c>
      <c r="R12016" s="5" t="s">
        <v>1522</v>
      </c>
      <c r="S12016" s="5" t="s">
        <v>1523</v>
      </c>
      <c r="T12016" s="5" t="s">
        <v>42</v>
      </c>
      <c r="U12016" s="2">
        <v>1.3320000000000001</v>
      </c>
      <c r="V12016" s="2">
        <v>0.81899999999999995</v>
      </c>
      <c r="W12016" s="2">
        <v>1.4999999999999999E-2</v>
      </c>
      <c r="X12016" s="2">
        <v>118.9</v>
      </c>
      <c r="Y12016" s="2">
        <v>7.6</v>
      </c>
      <c r="Z12016" s="2">
        <v>16.7</v>
      </c>
      <c r="AA12016" s="5"/>
      <c r="AB12016" s="5" t="s">
        <v>43</v>
      </c>
      <c r="AC12016" s="5" t="s">
        <v>44</v>
      </c>
      <c r="AD12016" s="2"/>
      <c r="AE12016" s="1"/>
    </row>
    <row r="12017" spans="1:31" ht="14.45">
      <c r="A12017" s="11"/>
      <c r="B12017" s="20"/>
      <c r="C12017" s="2" t="s">
        <v>36979</v>
      </c>
      <c r="D12017" s="14" t="s">
        <v>36980</v>
      </c>
      <c r="E12017" s="2" t="s">
        <v>36981</v>
      </c>
      <c r="F12017" s="2" t="s">
        <v>36321</v>
      </c>
      <c r="G12017" s="8">
        <v>165</v>
      </c>
      <c r="H12017" s="5">
        <v>6</v>
      </c>
      <c r="I12017" s="5" t="s">
        <v>1518</v>
      </c>
      <c r="J12017" s="5" t="s">
        <v>36264</v>
      </c>
      <c r="K12017" s="2" t="s">
        <v>36265</v>
      </c>
      <c r="L12017" s="5" t="s">
        <v>36264</v>
      </c>
      <c r="M12017" s="2" t="s">
        <v>36265</v>
      </c>
      <c r="N12017" s="5" t="s">
        <v>36266</v>
      </c>
      <c r="O12017" s="5" t="s">
        <v>38</v>
      </c>
      <c r="P12017" s="5" t="s">
        <v>39</v>
      </c>
      <c r="Q12017" s="5" t="s">
        <v>40</v>
      </c>
      <c r="R12017" s="5" t="s">
        <v>1522</v>
      </c>
      <c r="S12017" s="5" t="s">
        <v>1523</v>
      </c>
      <c r="T12017" s="5" t="s">
        <v>42</v>
      </c>
      <c r="U12017" s="2">
        <v>1.3120000000000001</v>
      </c>
      <c r="V12017" s="2">
        <v>0.79900000000000004</v>
      </c>
      <c r="W12017" s="2">
        <v>1.4999999999999999E-2</v>
      </c>
      <c r="X12017" s="2">
        <v>118.9</v>
      </c>
      <c r="Y12017" s="2">
        <v>7.6</v>
      </c>
      <c r="Z12017" s="2">
        <v>16.7</v>
      </c>
      <c r="AA12017" s="5"/>
      <c r="AB12017" s="5" t="s">
        <v>43</v>
      </c>
      <c r="AC12017" s="5" t="s">
        <v>44</v>
      </c>
      <c r="AD12017" s="2"/>
      <c r="AE12017" s="1"/>
    </row>
    <row r="12018" spans="1:31" ht="14.45">
      <c r="A12018" s="11"/>
      <c r="B12018" s="20"/>
      <c r="C12018" s="2" t="s">
        <v>36982</v>
      </c>
      <c r="D12018" s="14" t="s">
        <v>36983</v>
      </c>
      <c r="E12018" s="2" t="s">
        <v>36984</v>
      </c>
      <c r="F12018" s="2" t="s">
        <v>36325</v>
      </c>
      <c r="G12018" s="8">
        <v>165</v>
      </c>
      <c r="H12018" s="5">
        <v>6</v>
      </c>
      <c r="I12018" s="5" t="s">
        <v>1518</v>
      </c>
      <c r="J12018" s="5" t="s">
        <v>36264</v>
      </c>
      <c r="K12018" s="2" t="s">
        <v>36265</v>
      </c>
      <c r="L12018" s="5" t="s">
        <v>36264</v>
      </c>
      <c r="M12018" s="2" t="s">
        <v>36265</v>
      </c>
      <c r="N12018" s="5" t="s">
        <v>36266</v>
      </c>
      <c r="O12018" s="5" t="s">
        <v>38</v>
      </c>
      <c r="P12018" s="5" t="s">
        <v>39</v>
      </c>
      <c r="Q12018" s="5" t="s">
        <v>40</v>
      </c>
      <c r="R12018" s="5" t="s">
        <v>1522</v>
      </c>
      <c r="S12018" s="5" t="s">
        <v>1523</v>
      </c>
      <c r="T12018" s="5" t="s">
        <v>42</v>
      </c>
      <c r="U12018" s="2">
        <v>1.3320000000000001</v>
      </c>
      <c r="V12018" s="2">
        <v>0.81899999999999995</v>
      </c>
      <c r="W12018" s="2">
        <v>1.4999999999999999E-2</v>
      </c>
      <c r="X12018" s="2">
        <v>118.9</v>
      </c>
      <c r="Y12018" s="2">
        <v>7.6</v>
      </c>
      <c r="Z12018" s="2">
        <v>16.7</v>
      </c>
      <c r="AA12018" s="5"/>
      <c r="AB12018" s="5" t="s">
        <v>43</v>
      </c>
      <c r="AC12018" s="5" t="s">
        <v>44</v>
      </c>
      <c r="AD12018" s="2"/>
      <c r="AE12018" s="1"/>
    </row>
    <row r="12019" spans="1:31" ht="14.45">
      <c r="A12019" s="11"/>
      <c r="B12019" s="20"/>
      <c r="C12019" s="2" t="s">
        <v>36985</v>
      </c>
      <c r="D12019" s="14" t="s">
        <v>36986</v>
      </c>
      <c r="E12019" s="2" t="s">
        <v>36987</v>
      </c>
      <c r="F12019" s="2" t="s">
        <v>36329</v>
      </c>
      <c r="G12019" s="8">
        <v>165</v>
      </c>
      <c r="H12019" s="5">
        <v>6</v>
      </c>
      <c r="I12019" s="5" t="s">
        <v>1518</v>
      </c>
      <c r="J12019" s="5" t="s">
        <v>36264</v>
      </c>
      <c r="K12019" s="2" t="s">
        <v>36265</v>
      </c>
      <c r="L12019" s="5" t="s">
        <v>36264</v>
      </c>
      <c r="M12019" s="2" t="s">
        <v>36265</v>
      </c>
      <c r="N12019" s="5" t="s">
        <v>36266</v>
      </c>
      <c r="O12019" s="5" t="s">
        <v>38</v>
      </c>
      <c r="P12019" s="5" t="s">
        <v>39</v>
      </c>
      <c r="Q12019" s="5" t="s">
        <v>40</v>
      </c>
      <c r="R12019" s="5" t="s">
        <v>1522</v>
      </c>
      <c r="S12019" s="5" t="s">
        <v>1523</v>
      </c>
      <c r="T12019" s="5" t="s">
        <v>42</v>
      </c>
      <c r="U12019" s="2">
        <v>1.3120000000000001</v>
      </c>
      <c r="V12019" s="2">
        <v>0.79900000000000004</v>
      </c>
      <c r="W12019" s="2">
        <v>1.4999999999999999E-2</v>
      </c>
      <c r="X12019" s="2">
        <v>118.9</v>
      </c>
      <c r="Y12019" s="2">
        <v>7.6</v>
      </c>
      <c r="Z12019" s="2">
        <v>16.7</v>
      </c>
      <c r="AA12019" s="5"/>
      <c r="AB12019" s="5" t="s">
        <v>43</v>
      </c>
      <c r="AC12019" s="5" t="s">
        <v>44</v>
      </c>
      <c r="AD12019" s="2"/>
      <c r="AE12019" s="1"/>
    </row>
    <row r="12020" spans="1:31" ht="14.45">
      <c r="A12020" s="11"/>
      <c r="B12020" s="20"/>
      <c r="C12020" s="2" t="s">
        <v>36988</v>
      </c>
      <c r="D12020" s="14" t="s">
        <v>36989</v>
      </c>
      <c r="E12020" s="2" t="s">
        <v>36990</v>
      </c>
      <c r="F12020" s="2" t="s">
        <v>36333</v>
      </c>
      <c r="G12020" s="8">
        <v>165</v>
      </c>
      <c r="H12020" s="5">
        <v>6</v>
      </c>
      <c r="I12020" s="5" t="s">
        <v>1518</v>
      </c>
      <c r="J12020" s="5" t="s">
        <v>36264</v>
      </c>
      <c r="K12020" s="2" t="s">
        <v>36265</v>
      </c>
      <c r="L12020" s="5" t="s">
        <v>36264</v>
      </c>
      <c r="M12020" s="2" t="s">
        <v>36265</v>
      </c>
      <c r="N12020" s="5" t="s">
        <v>36266</v>
      </c>
      <c r="O12020" s="5" t="s">
        <v>38</v>
      </c>
      <c r="P12020" s="5" t="s">
        <v>39</v>
      </c>
      <c r="Q12020" s="5" t="s">
        <v>40</v>
      </c>
      <c r="R12020" s="5" t="s">
        <v>1522</v>
      </c>
      <c r="S12020" s="5" t="s">
        <v>1523</v>
      </c>
      <c r="T12020" s="5" t="s">
        <v>42</v>
      </c>
      <c r="U12020" s="2">
        <v>1.3320000000000001</v>
      </c>
      <c r="V12020" s="2">
        <v>0.81899999999999995</v>
      </c>
      <c r="W12020" s="2">
        <v>1.4999999999999999E-2</v>
      </c>
      <c r="X12020" s="2">
        <v>118.9</v>
      </c>
      <c r="Y12020" s="2">
        <v>7.6</v>
      </c>
      <c r="Z12020" s="2">
        <v>16.7</v>
      </c>
      <c r="AA12020" s="5"/>
      <c r="AB12020" s="5" t="s">
        <v>43</v>
      </c>
      <c r="AC12020" s="5" t="s">
        <v>44</v>
      </c>
      <c r="AD12020" s="2"/>
      <c r="AE12020" s="1"/>
    </row>
    <row r="12021" spans="1:31" ht="14.45">
      <c r="A12021" s="11"/>
      <c r="B12021" s="20"/>
      <c r="C12021" s="2" t="s">
        <v>36991</v>
      </c>
      <c r="D12021" s="14" t="s">
        <v>36992</v>
      </c>
      <c r="E12021" s="2" t="s">
        <v>36993</v>
      </c>
      <c r="F12021" s="2" t="s">
        <v>36337</v>
      </c>
      <c r="G12021" s="8">
        <v>165</v>
      </c>
      <c r="H12021" s="5">
        <v>6</v>
      </c>
      <c r="I12021" s="5" t="s">
        <v>1518</v>
      </c>
      <c r="J12021" s="5" t="s">
        <v>36264</v>
      </c>
      <c r="K12021" s="2" t="s">
        <v>36265</v>
      </c>
      <c r="L12021" s="5" t="s">
        <v>36264</v>
      </c>
      <c r="M12021" s="2" t="s">
        <v>36265</v>
      </c>
      <c r="N12021" s="5" t="s">
        <v>36266</v>
      </c>
      <c r="O12021" s="5" t="s">
        <v>38</v>
      </c>
      <c r="P12021" s="5" t="s">
        <v>39</v>
      </c>
      <c r="Q12021" s="5" t="s">
        <v>40</v>
      </c>
      <c r="R12021" s="5" t="s">
        <v>1522</v>
      </c>
      <c r="S12021" s="5" t="s">
        <v>1523</v>
      </c>
      <c r="T12021" s="5" t="s">
        <v>42</v>
      </c>
      <c r="U12021" s="2">
        <v>1.3120000000000001</v>
      </c>
      <c r="V12021" s="2">
        <v>0.79900000000000004</v>
      </c>
      <c r="W12021" s="2">
        <v>1.4999999999999999E-2</v>
      </c>
      <c r="X12021" s="2">
        <v>118.9</v>
      </c>
      <c r="Y12021" s="2">
        <v>7.6</v>
      </c>
      <c r="Z12021" s="2">
        <v>16.7</v>
      </c>
      <c r="AA12021" s="5"/>
      <c r="AB12021" s="5" t="s">
        <v>43</v>
      </c>
      <c r="AC12021" s="5" t="s">
        <v>44</v>
      </c>
      <c r="AD12021" s="2"/>
      <c r="AE12021" s="1"/>
    </row>
    <row r="12022" spans="1:31" ht="14.45">
      <c r="A12022" s="11"/>
      <c r="B12022" s="20"/>
      <c r="C12022" s="2" t="s">
        <v>36994</v>
      </c>
      <c r="D12022" s="14" t="s">
        <v>36995</v>
      </c>
      <c r="E12022" s="2" t="s">
        <v>36996</v>
      </c>
      <c r="F12022" s="2" t="s">
        <v>36341</v>
      </c>
      <c r="G12022" s="8">
        <v>165</v>
      </c>
      <c r="H12022" s="5">
        <v>6</v>
      </c>
      <c r="I12022" s="5" t="s">
        <v>1518</v>
      </c>
      <c r="J12022" s="5" t="s">
        <v>36264</v>
      </c>
      <c r="K12022" s="2" t="s">
        <v>36265</v>
      </c>
      <c r="L12022" s="5" t="s">
        <v>36264</v>
      </c>
      <c r="M12022" s="2" t="s">
        <v>36265</v>
      </c>
      <c r="N12022" s="5" t="s">
        <v>36266</v>
      </c>
      <c r="O12022" s="5" t="s">
        <v>38</v>
      </c>
      <c r="P12022" s="5" t="s">
        <v>39</v>
      </c>
      <c r="Q12022" s="5" t="s">
        <v>40</v>
      </c>
      <c r="R12022" s="5" t="s">
        <v>1522</v>
      </c>
      <c r="S12022" s="5" t="s">
        <v>1523</v>
      </c>
      <c r="T12022" s="5" t="s">
        <v>42</v>
      </c>
      <c r="U12022" s="2">
        <v>1.3320000000000001</v>
      </c>
      <c r="V12022" s="2">
        <v>0.81899999999999995</v>
      </c>
      <c r="W12022" s="2">
        <v>1.4999999999999999E-2</v>
      </c>
      <c r="X12022" s="2">
        <v>118.9</v>
      </c>
      <c r="Y12022" s="2">
        <v>7.6</v>
      </c>
      <c r="Z12022" s="2">
        <v>16.7</v>
      </c>
      <c r="AA12022" s="5"/>
      <c r="AB12022" s="5" t="s">
        <v>43</v>
      </c>
      <c r="AC12022" s="5" t="s">
        <v>44</v>
      </c>
      <c r="AD12022" s="2"/>
      <c r="AE12022" s="1"/>
    </row>
    <row r="12023" spans="1:31" ht="14.45">
      <c r="A12023" s="11"/>
      <c r="B12023" s="20"/>
      <c r="C12023" s="2" t="s">
        <v>36997</v>
      </c>
      <c r="D12023" s="14" t="s">
        <v>36998</v>
      </c>
      <c r="E12023" s="2" t="s">
        <v>36999</v>
      </c>
      <c r="F12023" s="2" t="s">
        <v>36345</v>
      </c>
      <c r="G12023" s="8">
        <v>165</v>
      </c>
      <c r="H12023" s="5">
        <v>6</v>
      </c>
      <c r="I12023" s="5" t="s">
        <v>1518</v>
      </c>
      <c r="J12023" s="5" t="s">
        <v>36264</v>
      </c>
      <c r="K12023" s="2" t="s">
        <v>36265</v>
      </c>
      <c r="L12023" s="5" t="s">
        <v>36264</v>
      </c>
      <c r="M12023" s="2" t="s">
        <v>36265</v>
      </c>
      <c r="N12023" s="5" t="s">
        <v>36266</v>
      </c>
      <c r="O12023" s="5" t="s">
        <v>38</v>
      </c>
      <c r="P12023" s="5" t="s">
        <v>39</v>
      </c>
      <c r="Q12023" s="5" t="s">
        <v>40</v>
      </c>
      <c r="R12023" s="5" t="s">
        <v>1522</v>
      </c>
      <c r="S12023" s="5" t="s">
        <v>1523</v>
      </c>
      <c r="T12023" s="5" t="s">
        <v>42</v>
      </c>
      <c r="U12023" s="2">
        <v>1.3120000000000001</v>
      </c>
      <c r="V12023" s="2">
        <v>0.79900000000000004</v>
      </c>
      <c r="W12023" s="2">
        <v>1.4999999999999999E-2</v>
      </c>
      <c r="X12023" s="2">
        <v>118.9</v>
      </c>
      <c r="Y12023" s="2">
        <v>7.6</v>
      </c>
      <c r="Z12023" s="2">
        <v>16.7</v>
      </c>
      <c r="AA12023" s="5"/>
      <c r="AB12023" s="5" t="s">
        <v>43</v>
      </c>
      <c r="AC12023" s="5" t="s">
        <v>44</v>
      </c>
      <c r="AD12023" s="2"/>
      <c r="AE12023" s="1"/>
    </row>
    <row r="12024" spans="1:31" ht="14.45">
      <c r="A12024" s="11"/>
      <c r="B12024" s="20"/>
      <c r="C12024" s="2" t="s">
        <v>37000</v>
      </c>
      <c r="D12024" s="14" t="s">
        <v>37001</v>
      </c>
      <c r="E12024" s="2" t="s">
        <v>37002</v>
      </c>
      <c r="F12024" s="2" t="s">
        <v>36349</v>
      </c>
      <c r="G12024" s="8">
        <v>165</v>
      </c>
      <c r="H12024" s="5">
        <v>6</v>
      </c>
      <c r="I12024" s="5" t="s">
        <v>1518</v>
      </c>
      <c r="J12024" s="5" t="s">
        <v>36264</v>
      </c>
      <c r="K12024" s="2" t="s">
        <v>36265</v>
      </c>
      <c r="L12024" s="5" t="s">
        <v>36264</v>
      </c>
      <c r="M12024" s="2" t="s">
        <v>36265</v>
      </c>
      <c r="N12024" s="5" t="s">
        <v>36266</v>
      </c>
      <c r="O12024" s="5" t="s">
        <v>38</v>
      </c>
      <c r="P12024" s="5" t="s">
        <v>39</v>
      </c>
      <c r="Q12024" s="5" t="s">
        <v>40</v>
      </c>
      <c r="R12024" s="5" t="s">
        <v>1522</v>
      </c>
      <c r="S12024" s="5" t="s">
        <v>1523</v>
      </c>
      <c r="T12024" s="5" t="s">
        <v>42</v>
      </c>
      <c r="U12024" s="2">
        <v>1.3320000000000001</v>
      </c>
      <c r="V12024" s="2">
        <v>0.81899999999999995</v>
      </c>
      <c r="W12024" s="2">
        <v>1.4999999999999999E-2</v>
      </c>
      <c r="X12024" s="2">
        <v>118.9</v>
      </c>
      <c r="Y12024" s="2">
        <v>7.6</v>
      </c>
      <c r="Z12024" s="2">
        <v>16.7</v>
      </c>
      <c r="AA12024" s="5"/>
      <c r="AB12024" s="5" t="s">
        <v>43</v>
      </c>
      <c r="AC12024" s="5" t="s">
        <v>44</v>
      </c>
      <c r="AD12024" s="2"/>
      <c r="AE12024" s="1"/>
    </row>
    <row r="12025" spans="1:31" ht="14.45">
      <c r="A12025" s="11"/>
      <c r="B12025" s="20"/>
      <c r="C12025" s="2" t="s">
        <v>37003</v>
      </c>
      <c r="D12025" s="14" t="s">
        <v>37004</v>
      </c>
      <c r="E12025" s="2" t="s">
        <v>37005</v>
      </c>
      <c r="F12025" s="2" t="s">
        <v>36353</v>
      </c>
      <c r="G12025" s="8">
        <v>165</v>
      </c>
      <c r="H12025" s="5">
        <v>6</v>
      </c>
      <c r="I12025" s="5" t="s">
        <v>1518</v>
      </c>
      <c r="J12025" s="5" t="s">
        <v>36264</v>
      </c>
      <c r="K12025" s="2" t="s">
        <v>36265</v>
      </c>
      <c r="L12025" s="5" t="s">
        <v>36264</v>
      </c>
      <c r="M12025" s="2" t="s">
        <v>36265</v>
      </c>
      <c r="N12025" s="5" t="s">
        <v>36266</v>
      </c>
      <c r="O12025" s="5" t="s">
        <v>38</v>
      </c>
      <c r="P12025" s="5" t="s">
        <v>39</v>
      </c>
      <c r="Q12025" s="5" t="s">
        <v>40</v>
      </c>
      <c r="R12025" s="5" t="s">
        <v>1522</v>
      </c>
      <c r="S12025" s="5" t="s">
        <v>1523</v>
      </c>
      <c r="T12025" s="5" t="s">
        <v>42</v>
      </c>
      <c r="U12025" s="2">
        <v>1.3120000000000001</v>
      </c>
      <c r="V12025" s="2">
        <v>0.79900000000000004</v>
      </c>
      <c r="W12025" s="2">
        <v>1.4999999999999999E-2</v>
      </c>
      <c r="X12025" s="2">
        <v>118.9</v>
      </c>
      <c r="Y12025" s="2">
        <v>7.6</v>
      </c>
      <c r="Z12025" s="2">
        <v>16.7</v>
      </c>
      <c r="AA12025" s="5"/>
      <c r="AB12025" s="5" t="s">
        <v>43</v>
      </c>
      <c r="AC12025" s="5" t="s">
        <v>44</v>
      </c>
      <c r="AD12025" s="2"/>
      <c r="AE12025" s="1"/>
    </row>
    <row r="12026" spans="1:31" ht="14.45">
      <c r="A12026" s="11"/>
      <c r="B12026" s="20"/>
      <c r="C12026" s="2" t="s">
        <v>37006</v>
      </c>
      <c r="D12026" s="14" t="s">
        <v>37007</v>
      </c>
      <c r="E12026" s="2" t="s">
        <v>37008</v>
      </c>
      <c r="F12026" s="2" t="s">
        <v>36357</v>
      </c>
      <c r="G12026" s="8">
        <v>165</v>
      </c>
      <c r="H12026" s="5">
        <v>6</v>
      </c>
      <c r="I12026" s="5" t="s">
        <v>1518</v>
      </c>
      <c r="J12026" s="5" t="s">
        <v>36264</v>
      </c>
      <c r="K12026" s="2" t="s">
        <v>36265</v>
      </c>
      <c r="L12026" s="5" t="s">
        <v>36264</v>
      </c>
      <c r="M12026" s="2" t="s">
        <v>36265</v>
      </c>
      <c r="N12026" s="5" t="s">
        <v>36266</v>
      </c>
      <c r="O12026" s="5" t="s">
        <v>38</v>
      </c>
      <c r="P12026" s="5" t="s">
        <v>39</v>
      </c>
      <c r="Q12026" s="5" t="s">
        <v>40</v>
      </c>
      <c r="R12026" s="5" t="s">
        <v>1522</v>
      </c>
      <c r="S12026" s="5" t="s">
        <v>1523</v>
      </c>
      <c r="T12026" s="5" t="s">
        <v>42</v>
      </c>
      <c r="U12026" s="2">
        <v>1.3320000000000001</v>
      </c>
      <c r="V12026" s="2">
        <v>0.81899999999999995</v>
      </c>
      <c r="W12026" s="2">
        <v>1.4999999999999999E-2</v>
      </c>
      <c r="X12026" s="2">
        <v>118.9</v>
      </c>
      <c r="Y12026" s="2">
        <v>7.6</v>
      </c>
      <c r="Z12026" s="2">
        <v>16.7</v>
      </c>
      <c r="AA12026" s="5"/>
      <c r="AB12026" s="5" t="s">
        <v>43</v>
      </c>
      <c r="AC12026" s="5" t="s">
        <v>44</v>
      </c>
      <c r="AD12026" s="2"/>
      <c r="AE12026" s="1"/>
    </row>
    <row r="12027" spans="1:31" ht="14.45">
      <c r="A12027" s="11"/>
      <c r="B12027" s="20"/>
      <c r="C12027" s="2" t="s">
        <v>37009</v>
      </c>
      <c r="D12027" s="14" t="s">
        <v>37010</v>
      </c>
      <c r="E12027" s="2" t="s">
        <v>37011</v>
      </c>
      <c r="F12027" s="2" t="s">
        <v>36361</v>
      </c>
      <c r="G12027" s="8">
        <v>165</v>
      </c>
      <c r="H12027" s="5">
        <v>6</v>
      </c>
      <c r="I12027" s="5" t="s">
        <v>1518</v>
      </c>
      <c r="J12027" s="5" t="s">
        <v>36264</v>
      </c>
      <c r="K12027" s="2" t="s">
        <v>36265</v>
      </c>
      <c r="L12027" s="5" t="s">
        <v>36264</v>
      </c>
      <c r="M12027" s="2" t="s">
        <v>36265</v>
      </c>
      <c r="N12027" s="5" t="s">
        <v>36266</v>
      </c>
      <c r="O12027" s="5" t="s">
        <v>38</v>
      </c>
      <c r="P12027" s="5" t="s">
        <v>39</v>
      </c>
      <c r="Q12027" s="5" t="s">
        <v>40</v>
      </c>
      <c r="R12027" s="5" t="s">
        <v>1522</v>
      </c>
      <c r="S12027" s="5" t="s">
        <v>1523</v>
      </c>
      <c r="T12027" s="5" t="s">
        <v>42</v>
      </c>
      <c r="U12027" s="2">
        <v>1.3120000000000001</v>
      </c>
      <c r="V12027" s="2">
        <v>0.79900000000000004</v>
      </c>
      <c r="W12027" s="2">
        <v>1.4999999999999999E-2</v>
      </c>
      <c r="X12027" s="2">
        <v>118.9</v>
      </c>
      <c r="Y12027" s="2">
        <v>7.6</v>
      </c>
      <c r="Z12027" s="2">
        <v>16.7</v>
      </c>
      <c r="AA12027" s="5"/>
      <c r="AB12027" s="5" t="s">
        <v>43</v>
      </c>
      <c r="AC12027" s="5" t="s">
        <v>44</v>
      </c>
      <c r="AD12027" s="2"/>
      <c r="AE12027" s="1"/>
    </row>
    <row r="12028" spans="1:31" ht="14.45">
      <c r="A12028" s="11"/>
      <c r="B12028" s="20"/>
      <c r="C12028" s="2" t="s">
        <v>37012</v>
      </c>
      <c r="D12028" s="14" t="s">
        <v>37013</v>
      </c>
      <c r="E12028" s="2" t="s">
        <v>37014</v>
      </c>
      <c r="F12028" s="2" t="s">
        <v>36365</v>
      </c>
      <c r="G12028" s="8">
        <v>165</v>
      </c>
      <c r="H12028" s="5">
        <v>6</v>
      </c>
      <c r="I12028" s="5" t="s">
        <v>1518</v>
      </c>
      <c r="J12028" s="5" t="s">
        <v>36264</v>
      </c>
      <c r="K12028" s="2" t="s">
        <v>36265</v>
      </c>
      <c r="L12028" s="5" t="s">
        <v>36264</v>
      </c>
      <c r="M12028" s="2" t="s">
        <v>36265</v>
      </c>
      <c r="N12028" s="5" t="s">
        <v>36266</v>
      </c>
      <c r="O12028" s="5" t="s">
        <v>38</v>
      </c>
      <c r="P12028" s="5" t="s">
        <v>39</v>
      </c>
      <c r="Q12028" s="5" t="s">
        <v>40</v>
      </c>
      <c r="R12028" s="5" t="s">
        <v>1522</v>
      </c>
      <c r="S12028" s="5" t="s">
        <v>1523</v>
      </c>
      <c r="T12028" s="5" t="s">
        <v>42</v>
      </c>
      <c r="U12028" s="2">
        <v>1.3320000000000001</v>
      </c>
      <c r="V12028" s="2">
        <v>0.81899999999999995</v>
      </c>
      <c r="W12028" s="2">
        <v>1.4999999999999999E-2</v>
      </c>
      <c r="X12028" s="2">
        <v>118.9</v>
      </c>
      <c r="Y12028" s="2">
        <v>7.6</v>
      </c>
      <c r="Z12028" s="2">
        <v>16.7</v>
      </c>
      <c r="AA12028" s="5"/>
      <c r="AB12028" s="5" t="s">
        <v>43</v>
      </c>
      <c r="AC12028" s="5" t="s">
        <v>44</v>
      </c>
      <c r="AD12028" s="2"/>
      <c r="AE12028" s="1"/>
    </row>
    <row r="12029" spans="1:31" ht="14.45">
      <c r="A12029" s="11"/>
      <c r="B12029" s="20"/>
      <c r="C12029" s="2" t="s">
        <v>37015</v>
      </c>
      <c r="D12029" s="14" t="s">
        <v>37016</v>
      </c>
      <c r="E12029" s="2" t="s">
        <v>37017</v>
      </c>
      <c r="F12029" s="2" t="s">
        <v>36369</v>
      </c>
      <c r="G12029" s="8">
        <v>165</v>
      </c>
      <c r="H12029" s="5">
        <v>6</v>
      </c>
      <c r="I12029" s="5" t="s">
        <v>1518</v>
      </c>
      <c r="J12029" s="5" t="s">
        <v>36264</v>
      </c>
      <c r="K12029" s="2" t="s">
        <v>36265</v>
      </c>
      <c r="L12029" s="5" t="s">
        <v>36264</v>
      </c>
      <c r="M12029" s="2" t="s">
        <v>36265</v>
      </c>
      <c r="N12029" s="5" t="s">
        <v>36266</v>
      </c>
      <c r="O12029" s="5" t="s">
        <v>38</v>
      </c>
      <c r="P12029" s="5" t="s">
        <v>39</v>
      </c>
      <c r="Q12029" s="5" t="s">
        <v>40</v>
      </c>
      <c r="R12029" s="5" t="s">
        <v>1522</v>
      </c>
      <c r="S12029" s="5" t="s">
        <v>1523</v>
      </c>
      <c r="T12029" s="5" t="s">
        <v>42</v>
      </c>
      <c r="U12029" s="2">
        <v>1.3120000000000001</v>
      </c>
      <c r="V12029" s="2">
        <v>0.79900000000000004</v>
      </c>
      <c r="W12029" s="2">
        <v>1.4999999999999999E-2</v>
      </c>
      <c r="X12029" s="2">
        <v>118.9</v>
      </c>
      <c r="Y12029" s="2">
        <v>7.6</v>
      </c>
      <c r="Z12029" s="2">
        <v>16.7</v>
      </c>
      <c r="AA12029" s="5"/>
      <c r="AB12029" s="5" t="s">
        <v>43</v>
      </c>
      <c r="AC12029" s="5" t="s">
        <v>44</v>
      </c>
      <c r="AD12029" s="2"/>
      <c r="AE12029" s="1"/>
    </row>
    <row r="12030" spans="1:31" ht="14.45">
      <c r="A12030" s="11"/>
      <c r="B12030" s="20"/>
      <c r="C12030" s="2" t="s">
        <v>37018</v>
      </c>
      <c r="D12030" s="14" t="s">
        <v>37019</v>
      </c>
      <c r="E12030" s="2" t="s">
        <v>37020</v>
      </c>
      <c r="F12030" s="2" t="s">
        <v>36373</v>
      </c>
      <c r="G12030" s="8">
        <v>165</v>
      </c>
      <c r="H12030" s="5">
        <v>6</v>
      </c>
      <c r="I12030" s="5" t="s">
        <v>1518</v>
      </c>
      <c r="J12030" s="5" t="s">
        <v>36264</v>
      </c>
      <c r="K12030" s="2" t="s">
        <v>36265</v>
      </c>
      <c r="L12030" s="5" t="s">
        <v>36264</v>
      </c>
      <c r="M12030" s="2" t="s">
        <v>36265</v>
      </c>
      <c r="N12030" s="5" t="s">
        <v>36266</v>
      </c>
      <c r="O12030" s="5" t="s">
        <v>38</v>
      </c>
      <c r="P12030" s="5" t="s">
        <v>39</v>
      </c>
      <c r="Q12030" s="5" t="s">
        <v>40</v>
      </c>
      <c r="R12030" s="5" t="s">
        <v>1522</v>
      </c>
      <c r="S12030" s="5" t="s">
        <v>1523</v>
      </c>
      <c r="T12030" s="5" t="s">
        <v>42</v>
      </c>
      <c r="U12030" s="2">
        <v>1.3320000000000001</v>
      </c>
      <c r="V12030" s="2">
        <v>0.81899999999999995</v>
      </c>
      <c r="W12030" s="2">
        <v>1.4999999999999999E-2</v>
      </c>
      <c r="X12030" s="2">
        <v>118.9</v>
      </c>
      <c r="Y12030" s="2">
        <v>7.6</v>
      </c>
      <c r="Z12030" s="2">
        <v>16.7</v>
      </c>
      <c r="AA12030" s="5"/>
      <c r="AB12030" s="5" t="s">
        <v>43</v>
      </c>
      <c r="AC12030" s="5" t="s">
        <v>44</v>
      </c>
      <c r="AD12030" s="2"/>
      <c r="AE12030" s="1"/>
    </row>
    <row r="12031" spans="1:31" ht="14.45">
      <c r="A12031" s="11"/>
      <c r="B12031" s="20"/>
      <c r="C12031" s="2" t="s">
        <v>37021</v>
      </c>
      <c r="D12031" s="14" t="s">
        <v>37022</v>
      </c>
      <c r="E12031" s="2" t="s">
        <v>37023</v>
      </c>
      <c r="F12031" s="2" t="s">
        <v>36377</v>
      </c>
      <c r="G12031" s="8">
        <v>165</v>
      </c>
      <c r="H12031" s="5">
        <v>6</v>
      </c>
      <c r="I12031" s="5" t="s">
        <v>1518</v>
      </c>
      <c r="J12031" s="5" t="s">
        <v>36264</v>
      </c>
      <c r="K12031" s="2" t="s">
        <v>36265</v>
      </c>
      <c r="L12031" s="5" t="s">
        <v>36264</v>
      </c>
      <c r="M12031" s="2" t="s">
        <v>36265</v>
      </c>
      <c r="N12031" s="5" t="s">
        <v>36266</v>
      </c>
      <c r="O12031" s="5" t="s">
        <v>38</v>
      </c>
      <c r="P12031" s="5" t="s">
        <v>39</v>
      </c>
      <c r="Q12031" s="5" t="s">
        <v>40</v>
      </c>
      <c r="R12031" s="5" t="s">
        <v>1522</v>
      </c>
      <c r="S12031" s="5" t="s">
        <v>1523</v>
      </c>
      <c r="T12031" s="5" t="s">
        <v>42</v>
      </c>
      <c r="U12031" s="2">
        <v>1.3120000000000001</v>
      </c>
      <c r="V12031" s="2">
        <v>0.79900000000000004</v>
      </c>
      <c r="W12031" s="2">
        <v>1.4999999999999999E-2</v>
      </c>
      <c r="X12031" s="2">
        <v>118.9</v>
      </c>
      <c r="Y12031" s="2">
        <v>7.6</v>
      </c>
      <c r="Z12031" s="2">
        <v>16.7</v>
      </c>
      <c r="AA12031" s="5"/>
      <c r="AB12031" s="5" t="s">
        <v>43</v>
      </c>
      <c r="AC12031" s="5" t="s">
        <v>44</v>
      </c>
      <c r="AD12031" s="2"/>
      <c r="AE12031" s="1"/>
    </row>
    <row r="12032" spans="1:31" ht="14.45">
      <c r="A12032" s="11"/>
      <c r="B12032" s="20"/>
      <c r="C12032" s="2" t="s">
        <v>37024</v>
      </c>
      <c r="D12032" s="14" t="s">
        <v>37025</v>
      </c>
      <c r="E12032" s="2" t="s">
        <v>37026</v>
      </c>
      <c r="F12032" s="2" t="s">
        <v>36381</v>
      </c>
      <c r="G12032" s="8">
        <v>165</v>
      </c>
      <c r="H12032" s="5">
        <v>6</v>
      </c>
      <c r="I12032" s="5" t="s">
        <v>1518</v>
      </c>
      <c r="J12032" s="5" t="s">
        <v>36264</v>
      </c>
      <c r="K12032" s="2" t="s">
        <v>36265</v>
      </c>
      <c r="L12032" s="5" t="s">
        <v>36264</v>
      </c>
      <c r="M12032" s="2" t="s">
        <v>36265</v>
      </c>
      <c r="N12032" s="5" t="s">
        <v>36266</v>
      </c>
      <c r="O12032" s="5" t="s">
        <v>38</v>
      </c>
      <c r="P12032" s="5" t="s">
        <v>39</v>
      </c>
      <c r="Q12032" s="5" t="s">
        <v>40</v>
      </c>
      <c r="R12032" s="5" t="s">
        <v>1522</v>
      </c>
      <c r="S12032" s="5" t="s">
        <v>1523</v>
      </c>
      <c r="T12032" s="5" t="s">
        <v>42</v>
      </c>
      <c r="U12032" s="2">
        <v>1.3320000000000001</v>
      </c>
      <c r="V12032" s="2">
        <v>0.81899999999999995</v>
      </c>
      <c r="W12032" s="2">
        <v>1.4999999999999999E-2</v>
      </c>
      <c r="X12032" s="2">
        <v>118.9</v>
      </c>
      <c r="Y12032" s="2">
        <v>7.6</v>
      </c>
      <c r="Z12032" s="2">
        <v>16.7</v>
      </c>
      <c r="AA12032" s="5"/>
      <c r="AB12032" s="5" t="s">
        <v>43</v>
      </c>
      <c r="AC12032" s="5" t="s">
        <v>44</v>
      </c>
      <c r="AD12032" s="2"/>
      <c r="AE12032" s="1"/>
    </row>
    <row r="12033" spans="1:31" ht="14.45">
      <c r="A12033" s="11"/>
      <c r="B12033" s="20"/>
      <c r="C12033" s="2" t="s">
        <v>37027</v>
      </c>
      <c r="D12033" s="14" t="s">
        <v>37028</v>
      </c>
      <c r="E12033" s="2" t="s">
        <v>37029</v>
      </c>
      <c r="F12033" s="2" t="s">
        <v>36385</v>
      </c>
      <c r="G12033" s="8">
        <v>165</v>
      </c>
      <c r="H12033" s="5">
        <v>6</v>
      </c>
      <c r="I12033" s="5" t="s">
        <v>1518</v>
      </c>
      <c r="J12033" s="5" t="s">
        <v>36264</v>
      </c>
      <c r="K12033" s="2" t="s">
        <v>36265</v>
      </c>
      <c r="L12033" s="5" t="s">
        <v>36264</v>
      </c>
      <c r="M12033" s="2" t="s">
        <v>36265</v>
      </c>
      <c r="N12033" s="5" t="s">
        <v>36266</v>
      </c>
      <c r="O12033" s="5" t="s">
        <v>38</v>
      </c>
      <c r="P12033" s="5" t="s">
        <v>39</v>
      </c>
      <c r="Q12033" s="5" t="s">
        <v>40</v>
      </c>
      <c r="R12033" s="5" t="s">
        <v>1522</v>
      </c>
      <c r="S12033" s="5" t="s">
        <v>1523</v>
      </c>
      <c r="T12033" s="5" t="s">
        <v>42</v>
      </c>
      <c r="U12033" s="2">
        <v>1.3120000000000001</v>
      </c>
      <c r="V12033" s="2">
        <v>0.79900000000000004</v>
      </c>
      <c r="W12033" s="2">
        <v>1.4999999999999999E-2</v>
      </c>
      <c r="X12033" s="2">
        <v>118.9</v>
      </c>
      <c r="Y12033" s="2">
        <v>7.6</v>
      </c>
      <c r="Z12033" s="2">
        <v>16.7</v>
      </c>
      <c r="AA12033" s="5"/>
      <c r="AB12033" s="5" t="s">
        <v>43</v>
      </c>
      <c r="AC12033" s="5" t="s">
        <v>44</v>
      </c>
      <c r="AD12033" s="2"/>
      <c r="AE12033" s="1"/>
    </row>
    <row r="12034" spans="1:31" ht="14.45">
      <c r="A12034" s="11"/>
      <c r="B12034" s="20"/>
      <c r="C12034" s="2" t="s">
        <v>37030</v>
      </c>
      <c r="D12034" s="14" t="s">
        <v>37031</v>
      </c>
      <c r="E12034" s="2" t="s">
        <v>37032</v>
      </c>
      <c r="F12034" s="2" t="s">
        <v>36389</v>
      </c>
      <c r="G12034" s="8">
        <v>165</v>
      </c>
      <c r="H12034" s="5">
        <v>6</v>
      </c>
      <c r="I12034" s="5" t="s">
        <v>1518</v>
      </c>
      <c r="J12034" s="5" t="s">
        <v>36264</v>
      </c>
      <c r="K12034" s="2" t="s">
        <v>36265</v>
      </c>
      <c r="L12034" s="5" t="s">
        <v>36264</v>
      </c>
      <c r="M12034" s="2" t="s">
        <v>36265</v>
      </c>
      <c r="N12034" s="5" t="s">
        <v>36266</v>
      </c>
      <c r="O12034" s="5" t="s">
        <v>38</v>
      </c>
      <c r="P12034" s="5" t="s">
        <v>39</v>
      </c>
      <c r="Q12034" s="5" t="s">
        <v>40</v>
      </c>
      <c r="R12034" s="5" t="s">
        <v>1522</v>
      </c>
      <c r="S12034" s="5" t="s">
        <v>1523</v>
      </c>
      <c r="T12034" s="5" t="s">
        <v>42</v>
      </c>
      <c r="U12034" s="2">
        <v>1.3320000000000001</v>
      </c>
      <c r="V12034" s="2">
        <v>0.81899999999999995</v>
      </c>
      <c r="W12034" s="2">
        <v>1.4999999999999999E-2</v>
      </c>
      <c r="X12034" s="2">
        <v>118.9</v>
      </c>
      <c r="Y12034" s="2">
        <v>7.6</v>
      </c>
      <c r="Z12034" s="2">
        <v>16.7</v>
      </c>
      <c r="AA12034" s="5"/>
      <c r="AB12034" s="5" t="s">
        <v>43</v>
      </c>
      <c r="AC12034" s="5" t="s">
        <v>44</v>
      </c>
      <c r="AD12034" s="2"/>
      <c r="AE12034" s="1"/>
    </row>
    <row r="12035" spans="1:31" ht="14.45">
      <c r="A12035" s="11"/>
      <c r="B12035" s="20"/>
      <c r="C12035" s="2" t="s">
        <v>37033</v>
      </c>
      <c r="D12035" s="14" t="s">
        <v>37034</v>
      </c>
      <c r="E12035" s="2" t="s">
        <v>37035</v>
      </c>
      <c r="F12035" s="2" t="s">
        <v>7204</v>
      </c>
      <c r="G12035" s="8">
        <v>148</v>
      </c>
      <c r="H12035" s="5">
        <v>6</v>
      </c>
      <c r="I12035" s="5" t="s">
        <v>1518</v>
      </c>
      <c r="J12035" s="5" t="s">
        <v>36264</v>
      </c>
      <c r="K12035" s="2" t="s">
        <v>36265</v>
      </c>
      <c r="L12035" s="5" t="s">
        <v>36264</v>
      </c>
      <c r="M12035" s="2" t="s">
        <v>36265</v>
      </c>
      <c r="N12035" s="5" t="s">
        <v>36266</v>
      </c>
      <c r="O12035" s="5" t="s">
        <v>38</v>
      </c>
      <c r="P12035" s="5" t="s">
        <v>39</v>
      </c>
      <c r="Q12035" s="5" t="s">
        <v>40</v>
      </c>
      <c r="R12035" s="5" t="s">
        <v>1522</v>
      </c>
      <c r="S12035" s="5" t="s">
        <v>1523</v>
      </c>
      <c r="T12035" s="5" t="s">
        <v>42</v>
      </c>
      <c r="U12035" s="2">
        <v>1.49</v>
      </c>
      <c r="V12035" s="2">
        <v>0.9</v>
      </c>
      <c r="W12035" s="2">
        <v>1.7999999999999999E-2</v>
      </c>
      <c r="X12035" s="2">
        <v>139.1</v>
      </c>
      <c r="Y12035" s="2">
        <v>7.6</v>
      </c>
      <c r="Z12035" s="2">
        <v>16.7</v>
      </c>
      <c r="AA12035" s="5"/>
      <c r="AB12035" s="5" t="s">
        <v>43</v>
      </c>
      <c r="AC12035" s="5" t="s">
        <v>44</v>
      </c>
      <c r="AD12035" s="2"/>
      <c r="AE12035" s="1"/>
    </row>
    <row r="12036" spans="1:31" ht="14.45">
      <c r="A12036" s="11"/>
      <c r="B12036" s="20"/>
      <c r="C12036" s="2" t="s">
        <v>37036</v>
      </c>
      <c r="D12036" s="14" t="s">
        <v>37037</v>
      </c>
      <c r="E12036" s="2" t="s">
        <v>37038</v>
      </c>
      <c r="F12036" s="2" t="s">
        <v>7514</v>
      </c>
      <c r="G12036" s="8">
        <v>148</v>
      </c>
      <c r="H12036" s="5">
        <v>6</v>
      </c>
      <c r="I12036" s="5" t="s">
        <v>1518</v>
      </c>
      <c r="J12036" s="5" t="s">
        <v>36264</v>
      </c>
      <c r="K12036" s="2" t="s">
        <v>36265</v>
      </c>
      <c r="L12036" s="5" t="s">
        <v>36264</v>
      </c>
      <c r="M12036" s="2" t="s">
        <v>36265</v>
      </c>
      <c r="N12036" s="5" t="s">
        <v>36266</v>
      </c>
      <c r="O12036" s="5" t="s">
        <v>38</v>
      </c>
      <c r="P12036" s="5" t="s">
        <v>39</v>
      </c>
      <c r="Q12036" s="5" t="s">
        <v>40</v>
      </c>
      <c r="R12036" s="5" t="s">
        <v>1522</v>
      </c>
      <c r="S12036" s="5" t="s">
        <v>1523</v>
      </c>
      <c r="T12036" s="5" t="s">
        <v>42</v>
      </c>
      <c r="U12036" s="2">
        <v>1.51</v>
      </c>
      <c r="V12036" s="2">
        <v>0.92</v>
      </c>
      <c r="W12036" s="2">
        <v>1.7999999999999999E-2</v>
      </c>
      <c r="X12036" s="2">
        <v>139.1</v>
      </c>
      <c r="Y12036" s="2">
        <v>7.6</v>
      </c>
      <c r="Z12036" s="2">
        <v>16.7</v>
      </c>
      <c r="AA12036" s="5"/>
      <c r="AB12036" s="5" t="s">
        <v>43</v>
      </c>
      <c r="AC12036" s="5" t="s">
        <v>44</v>
      </c>
      <c r="AD12036" s="2"/>
      <c r="AE12036" s="1"/>
    </row>
    <row r="12037" spans="1:31" ht="14.45">
      <c r="A12037" s="11"/>
      <c r="B12037" s="20"/>
      <c r="C12037" s="2" t="s">
        <v>37039</v>
      </c>
      <c r="D12037" s="14" t="s">
        <v>37040</v>
      </c>
      <c r="E12037" s="2" t="s">
        <v>37041</v>
      </c>
      <c r="F12037" s="2" t="s">
        <v>36273</v>
      </c>
      <c r="G12037" s="8">
        <v>148</v>
      </c>
      <c r="H12037" s="5">
        <v>6</v>
      </c>
      <c r="I12037" s="5" t="s">
        <v>1518</v>
      </c>
      <c r="J12037" s="5" t="s">
        <v>36264</v>
      </c>
      <c r="K12037" s="2" t="s">
        <v>36265</v>
      </c>
      <c r="L12037" s="5" t="s">
        <v>36264</v>
      </c>
      <c r="M12037" s="2" t="s">
        <v>36265</v>
      </c>
      <c r="N12037" s="5" t="s">
        <v>36266</v>
      </c>
      <c r="O12037" s="5" t="s">
        <v>38</v>
      </c>
      <c r="P12037" s="5" t="s">
        <v>39</v>
      </c>
      <c r="Q12037" s="5" t="s">
        <v>40</v>
      </c>
      <c r="R12037" s="5" t="s">
        <v>1522</v>
      </c>
      <c r="S12037" s="5" t="s">
        <v>1523</v>
      </c>
      <c r="T12037" s="5" t="s">
        <v>42</v>
      </c>
      <c r="U12037" s="2">
        <v>1.49</v>
      </c>
      <c r="V12037" s="2">
        <v>0.9</v>
      </c>
      <c r="W12037" s="2">
        <v>1.7999999999999999E-2</v>
      </c>
      <c r="X12037" s="2">
        <v>139.1</v>
      </c>
      <c r="Y12037" s="2">
        <v>7.6</v>
      </c>
      <c r="Z12037" s="2">
        <v>16.7</v>
      </c>
      <c r="AA12037" s="5"/>
      <c r="AB12037" s="5" t="s">
        <v>43</v>
      </c>
      <c r="AC12037" s="5" t="s">
        <v>44</v>
      </c>
      <c r="AD12037" s="2"/>
      <c r="AE12037" s="1"/>
    </row>
    <row r="12038" spans="1:31" ht="14.45">
      <c r="A12038" s="11"/>
      <c r="B12038" s="20"/>
      <c r="C12038" s="2" t="s">
        <v>37042</v>
      </c>
      <c r="D12038" s="14" t="s">
        <v>37043</v>
      </c>
      <c r="E12038" s="2" t="s">
        <v>37044</v>
      </c>
      <c r="F12038" s="2" t="s">
        <v>36277</v>
      </c>
      <c r="G12038" s="8">
        <v>148</v>
      </c>
      <c r="H12038" s="5">
        <v>6</v>
      </c>
      <c r="I12038" s="5" t="s">
        <v>1518</v>
      </c>
      <c r="J12038" s="5" t="s">
        <v>36264</v>
      </c>
      <c r="K12038" s="2" t="s">
        <v>36265</v>
      </c>
      <c r="L12038" s="5" t="s">
        <v>36264</v>
      </c>
      <c r="M12038" s="2" t="s">
        <v>36265</v>
      </c>
      <c r="N12038" s="5" t="s">
        <v>36266</v>
      </c>
      <c r="O12038" s="5" t="s">
        <v>38</v>
      </c>
      <c r="P12038" s="5" t="s">
        <v>39</v>
      </c>
      <c r="Q12038" s="5" t="s">
        <v>40</v>
      </c>
      <c r="R12038" s="5" t="s">
        <v>1522</v>
      </c>
      <c r="S12038" s="5" t="s">
        <v>1523</v>
      </c>
      <c r="T12038" s="5" t="s">
        <v>42</v>
      </c>
      <c r="U12038" s="2">
        <v>1.51</v>
      </c>
      <c r="V12038" s="2">
        <v>0.92</v>
      </c>
      <c r="W12038" s="2">
        <v>1.7999999999999999E-2</v>
      </c>
      <c r="X12038" s="2">
        <v>139.1</v>
      </c>
      <c r="Y12038" s="2">
        <v>7.6</v>
      </c>
      <c r="Z12038" s="2">
        <v>16.7</v>
      </c>
      <c r="AA12038" s="5"/>
      <c r="AB12038" s="5" t="s">
        <v>43</v>
      </c>
      <c r="AC12038" s="5" t="s">
        <v>44</v>
      </c>
      <c r="AD12038" s="2"/>
      <c r="AE12038" s="1"/>
    </row>
    <row r="12039" spans="1:31" ht="14.45">
      <c r="A12039" s="11"/>
      <c r="B12039" s="20"/>
      <c r="C12039" s="2" t="s">
        <v>37045</v>
      </c>
      <c r="D12039" s="14" t="s">
        <v>37046</v>
      </c>
      <c r="E12039" s="2" t="s">
        <v>37047</v>
      </c>
      <c r="F12039" s="2" t="s">
        <v>36281</v>
      </c>
      <c r="G12039" s="8">
        <v>170</v>
      </c>
      <c r="H12039" s="5">
        <v>6</v>
      </c>
      <c r="I12039" s="5" t="s">
        <v>1518</v>
      </c>
      <c r="J12039" s="5" t="s">
        <v>36264</v>
      </c>
      <c r="K12039" s="2" t="s">
        <v>36265</v>
      </c>
      <c r="L12039" s="5" t="s">
        <v>36264</v>
      </c>
      <c r="M12039" s="2" t="s">
        <v>36265</v>
      </c>
      <c r="N12039" s="5" t="s">
        <v>36266</v>
      </c>
      <c r="O12039" s="5" t="s">
        <v>38</v>
      </c>
      <c r="P12039" s="5" t="s">
        <v>39</v>
      </c>
      <c r="Q12039" s="5" t="s">
        <v>40</v>
      </c>
      <c r="R12039" s="5" t="s">
        <v>1522</v>
      </c>
      <c r="S12039" s="5" t="s">
        <v>1523</v>
      </c>
      <c r="T12039" s="5" t="s">
        <v>42</v>
      </c>
      <c r="U12039" s="2">
        <v>1.49</v>
      </c>
      <c r="V12039" s="2">
        <v>0.9</v>
      </c>
      <c r="W12039" s="2">
        <v>1.7999999999999999E-2</v>
      </c>
      <c r="X12039" s="2">
        <v>139.1</v>
      </c>
      <c r="Y12039" s="2">
        <v>7.6</v>
      </c>
      <c r="Z12039" s="2">
        <v>16.7</v>
      </c>
      <c r="AA12039" s="5"/>
      <c r="AB12039" s="5" t="s">
        <v>43</v>
      </c>
      <c r="AC12039" s="5" t="s">
        <v>44</v>
      </c>
      <c r="AD12039" s="2"/>
      <c r="AE12039" s="1"/>
    </row>
    <row r="12040" spans="1:31" ht="14.45">
      <c r="A12040" s="11"/>
      <c r="B12040" s="20"/>
      <c r="C12040" s="2" t="s">
        <v>37048</v>
      </c>
      <c r="D12040" s="14" t="s">
        <v>37049</v>
      </c>
      <c r="E12040" s="2" t="s">
        <v>37050</v>
      </c>
      <c r="F12040" s="2" t="s">
        <v>36285</v>
      </c>
      <c r="G12040" s="8">
        <v>170</v>
      </c>
      <c r="H12040" s="5">
        <v>6</v>
      </c>
      <c r="I12040" s="5" t="s">
        <v>1518</v>
      </c>
      <c r="J12040" s="5" t="s">
        <v>36264</v>
      </c>
      <c r="K12040" s="2" t="s">
        <v>36265</v>
      </c>
      <c r="L12040" s="5" t="s">
        <v>36264</v>
      </c>
      <c r="M12040" s="2" t="s">
        <v>36265</v>
      </c>
      <c r="N12040" s="5" t="s">
        <v>36266</v>
      </c>
      <c r="O12040" s="5" t="s">
        <v>38</v>
      </c>
      <c r="P12040" s="5" t="s">
        <v>39</v>
      </c>
      <c r="Q12040" s="5" t="s">
        <v>40</v>
      </c>
      <c r="R12040" s="5" t="s">
        <v>1522</v>
      </c>
      <c r="S12040" s="5" t="s">
        <v>1523</v>
      </c>
      <c r="T12040" s="5" t="s">
        <v>42</v>
      </c>
      <c r="U12040" s="2">
        <v>1.51</v>
      </c>
      <c r="V12040" s="2">
        <v>0.92</v>
      </c>
      <c r="W12040" s="2">
        <v>1.7999999999999999E-2</v>
      </c>
      <c r="X12040" s="2">
        <v>139.1</v>
      </c>
      <c r="Y12040" s="2">
        <v>7.6</v>
      </c>
      <c r="Z12040" s="2">
        <v>16.7</v>
      </c>
      <c r="AA12040" s="5"/>
      <c r="AB12040" s="5" t="s">
        <v>43</v>
      </c>
      <c r="AC12040" s="5" t="s">
        <v>44</v>
      </c>
      <c r="AD12040" s="2"/>
      <c r="AE12040" s="1"/>
    </row>
    <row r="12041" spans="1:31" ht="14.45">
      <c r="A12041" s="11"/>
      <c r="B12041" s="20"/>
      <c r="C12041" s="2" t="s">
        <v>37051</v>
      </c>
      <c r="D12041" s="14" t="s">
        <v>37052</v>
      </c>
      <c r="E12041" s="2" t="s">
        <v>37053</v>
      </c>
      <c r="F12041" s="2" t="s">
        <v>36289</v>
      </c>
      <c r="G12041" s="8">
        <v>170</v>
      </c>
      <c r="H12041" s="5">
        <v>6</v>
      </c>
      <c r="I12041" s="5" t="s">
        <v>1518</v>
      </c>
      <c r="J12041" s="5" t="s">
        <v>36264</v>
      </c>
      <c r="K12041" s="2" t="s">
        <v>36265</v>
      </c>
      <c r="L12041" s="5" t="s">
        <v>36264</v>
      </c>
      <c r="M12041" s="2" t="s">
        <v>36265</v>
      </c>
      <c r="N12041" s="5" t="s">
        <v>36266</v>
      </c>
      <c r="O12041" s="5" t="s">
        <v>38</v>
      </c>
      <c r="P12041" s="5" t="s">
        <v>39</v>
      </c>
      <c r="Q12041" s="5" t="s">
        <v>40</v>
      </c>
      <c r="R12041" s="5" t="s">
        <v>1522</v>
      </c>
      <c r="S12041" s="5" t="s">
        <v>1523</v>
      </c>
      <c r="T12041" s="5" t="s">
        <v>42</v>
      </c>
      <c r="U12041" s="2">
        <v>1.49</v>
      </c>
      <c r="V12041" s="2">
        <v>0.9</v>
      </c>
      <c r="W12041" s="2">
        <v>1.7999999999999999E-2</v>
      </c>
      <c r="X12041" s="2">
        <v>139.1</v>
      </c>
      <c r="Y12041" s="2">
        <v>7.6</v>
      </c>
      <c r="Z12041" s="2">
        <v>16.7</v>
      </c>
      <c r="AA12041" s="5"/>
      <c r="AB12041" s="5" t="s">
        <v>43</v>
      </c>
      <c r="AC12041" s="5" t="s">
        <v>44</v>
      </c>
      <c r="AD12041" s="2"/>
      <c r="AE12041" s="1"/>
    </row>
    <row r="12042" spans="1:31" ht="14.45">
      <c r="A12042" s="11"/>
      <c r="B12042" s="20"/>
      <c r="C12042" s="2" t="s">
        <v>37054</v>
      </c>
      <c r="D12042" s="14" t="s">
        <v>37055</v>
      </c>
      <c r="E12042" s="2" t="s">
        <v>37056</v>
      </c>
      <c r="F12042" s="2" t="s">
        <v>36293</v>
      </c>
      <c r="G12042" s="8">
        <v>170</v>
      </c>
      <c r="H12042" s="5">
        <v>6</v>
      </c>
      <c r="I12042" s="5" t="s">
        <v>1518</v>
      </c>
      <c r="J12042" s="5" t="s">
        <v>36264</v>
      </c>
      <c r="K12042" s="2" t="s">
        <v>36265</v>
      </c>
      <c r="L12042" s="5" t="s">
        <v>36264</v>
      </c>
      <c r="M12042" s="2" t="s">
        <v>36265</v>
      </c>
      <c r="N12042" s="5" t="s">
        <v>36266</v>
      </c>
      <c r="O12042" s="5" t="s">
        <v>38</v>
      </c>
      <c r="P12042" s="5" t="s">
        <v>39</v>
      </c>
      <c r="Q12042" s="5" t="s">
        <v>40</v>
      </c>
      <c r="R12042" s="5" t="s">
        <v>1522</v>
      </c>
      <c r="S12042" s="5" t="s">
        <v>1523</v>
      </c>
      <c r="T12042" s="5" t="s">
        <v>42</v>
      </c>
      <c r="U12042" s="2">
        <v>1.51</v>
      </c>
      <c r="V12042" s="2">
        <v>0.92</v>
      </c>
      <c r="W12042" s="2">
        <v>1.7999999999999999E-2</v>
      </c>
      <c r="X12042" s="2">
        <v>139.1</v>
      </c>
      <c r="Y12042" s="2">
        <v>7.6</v>
      </c>
      <c r="Z12042" s="2">
        <v>16.7</v>
      </c>
      <c r="AA12042" s="5"/>
      <c r="AB12042" s="5" t="s">
        <v>43</v>
      </c>
      <c r="AC12042" s="5" t="s">
        <v>44</v>
      </c>
      <c r="AD12042" s="2"/>
      <c r="AE12042" s="1"/>
    </row>
    <row r="12043" spans="1:31" ht="14.45">
      <c r="A12043" s="11"/>
      <c r="B12043" s="20"/>
      <c r="C12043" s="2" t="s">
        <v>37057</v>
      </c>
      <c r="D12043" s="14" t="s">
        <v>37058</v>
      </c>
      <c r="E12043" s="2" t="s">
        <v>37059</v>
      </c>
      <c r="F12043" s="2" t="s">
        <v>36297</v>
      </c>
      <c r="G12043" s="8">
        <v>148</v>
      </c>
      <c r="H12043" s="5">
        <v>6</v>
      </c>
      <c r="I12043" s="5" t="s">
        <v>1518</v>
      </c>
      <c r="J12043" s="5" t="s">
        <v>36264</v>
      </c>
      <c r="K12043" s="2" t="s">
        <v>36265</v>
      </c>
      <c r="L12043" s="5" t="s">
        <v>36264</v>
      </c>
      <c r="M12043" s="2" t="s">
        <v>36265</v>
      </c>
      <c r="N12043" s="5" t="s">
        <v>36266</v>
      </c>
      <c r="O12043" s="5" t="s">
        <v>38</v>
      </c>
      <c r="P12043" s="5" t="s">
        <v>39</v>
      </c>
      <c r="Q12043" s="5" t="s">
        <v>40</v>
      </c>
      <c r="R12043" s="5" t="s">
        <v>1522</v>
      </c>
      <c r="S12043" s="5" t="s">
        <v>1523</v>
      </c>
      <c r="T12043" s="5" t="s">
        <v>42</v>
      </c>
      <c r="U12043" s="2">
        <v>1.49</v>
      </c>
      <c r="V12043" s="2">
        <v>0.9</v>
      </c>
      <c r="W12043" s="2">
        <v>1.7999999999999999E-2</v>
      </c>
      <c r="X12043" s="2">
        <v>139.1</v>
      </c>
      <c r="Y12043" s="2">
        <v>7.6</v>
      </c>
      <c r="Z12043" s="2">
        <v>16.7</v>
      </c>
      <c r="AA12043" s="5"/>
      <c r="AB12043" s="5" t="s">
        <v>43</v>
      </c>
      <c r="AC12043" s="5" t="s">
        <v>44</v>
      </c>
      <c r="AD12043" s="2"/>
      <c r="AE12043" s="1"/>
    </row>
    <row r="12044" spans="1:31" ht="14.45">
      <c r="A12044" s="11"/>
      <c r="B12044" s="20"/>
      <c r="C12044" s="2" t="s">
        <v>37060</v>
      </c>
      <c r="D12044" s="14" t="s">
        <v>37061</v>
      </c>
      <c r="E12044" s="2" t="s">
        <v>37062</v>
      </c>
      <c r="F12044" s="2" t="s">
        <v>36301</v>
      </c>
      <c r="G12044" s="8">
        <v>148</v>
      </c>
      <c r="H12044" s="5">
        <v>6</v>
      </c>
      <c r="I12044" s="5" t="s">
        <v>1518</v>
      </c>
      <c r="J12044" s="5" t="s">
        <v>36264</v>
      </c>
      <c r="K12044" s="2" t="s">
        <v>36265</v>
      </c>
      <c r="L12044" s="5" t="s">
        <v>36264</v>
      </c>
      <c r="M12044" s="2" t="s">
        <v>36265</v>
      </c>
      <c r="N12044" s="5" t="s">
        <v>36266</v>
      </c>
      <c r="O12044" s="5" t="s">
        <v>38</v>
      </c>
      <c r="P12044" s="5" t="s">
        <v>39</v>
      </c>
      <c r="Q12044" s="5" t="s">
        <v>40</v>
      </c>
      <c r="R12044" s="5" t="s">
        <v>1522</v>
      </c>
      <c r="S12044" s="5" t="s">
        <v>1523</v>
      </c>
      <c r="T12044" s="5" t="s">
        <v>42</v>
      </c>
      <c r="U12044" s="2">
        <v>1.51</v>
      </c>
      <c r="V12044" s="2">
        <v>0.92</v>
      </c>
      <c r="W12044" s="2">
        <v>1.7999999999999999E-2</v>
      </c>
      <c r="X12044" s="2">
        <v>139.1</v>
      </c>
      <c r="Y12044" s="2">
        <v>7.6</v>
      </c>
      <c r="Z12044" s="2">
        <v>16.7</v>
      </c>
      <c r="AA12044" s="5"/>
      <c r="AB12044" s="5" t="s">
        <v>43</v>
      </c>
      <c r="AC12044" s="5" t="s">
        <v>44</v>
      </c>
      <c r="AD12044" s="2"/>
      <c r="AE12044" s="1"/>
    </row>
    <row r="12045" spans="1:31" ht="14.45">
      <c r="A12045" s="11"/>
      <c r="B12045" s="20"/>
      <c r="C12045" s="2" t="s">
        <v>37063</v>
      </c>
      <c r="D12045" s="14" t="s">
        <v>37064</v>
      </c>
      <c r="E12045" s="2" t="s">
        <v>37065</v>
      </c>
      <c r="F12045" s="2" t="s">
        <v>36305</v>
      </c>
      <c r="G12045" s="8">
        <v>148</v>
      </c>
      <c r="H12045" s="5">
        <v>6</v>
      </c>
      <c r="I12045" s="5" t="s">
        <v>1518</v>
      </c>
      <c r="J12045" s="5" t="s">
        <v>36264</v>
      </c>
      <c r="K12045" s="2" t="s">
        <v>36265</v>
      </c>
      <c r="L12045" s="5" t="s">
        <v>36264</v>
      </c>
      <c r="M12045" s="2" t="s">
        <v>36265</v>
      </c>
      <c r="N12045" s="5" t="s">
        <v>36266</v>
      </c>
      <c r="O12045" s="5" t="s">
        <v>38</v>
      </c>
      <c r="P12045" s="5" t="s">
        <v>39</v>
      </c>
      <c r="Q12045" s="5" t="s">
        <v>40</v>
      </c>
      <c r="R12045" s="5" t="s">
        <v>1522</v>
      </c>
      <c r="S12045" s="5" t="s">
        <v>1523</v>
      </c>
      <c r="T12045" s="5" t="s">
        <v>42</v>
      </c>
      <c r="U12045" s="2">
        <v>1.49</v>
      </c>
      <c r="V12045" s="2">
        <v>0.9</v>
      </c>
      <c r="W12045" s="2">
        <v>1.7999999999999999E-2</v>
      </c>
      <c r="X12045" s="2">
        <v>139.1</v>
      </c>
      <c r="Y12045" s="2">
        <v>7.6</v>
      </c>
      <c r="Z12045" s="2">
        <v>16.7</v>
      </c>
      <c r="AA12045" s="5"/>
      <c r="AB12045" s="5" t="s">
        <v>43</v>
      </c>
      <c r="AC12045" s="5" t="s">
        <v>44</v>
      </c>
      <c r="AD12045" s="2"/>
      <c r="AE12045" s="1"/>
    </row>
    <row r="12046" spans="1:31" ht="14.45">
      <c r="A12046" s="11"/>
      <c r="B12046" s="20"/>
      <c r="C12046" s="2" t="s">
        <v>37066</v>
      </c>
      <c r="D12046" s="14" t="s">
        <v>37067</v>
      </c>
      <c r="E12046" s="2" t="s">
        <v>37068</v>
      </c>
      <c r="F12046" s="2" t="s">
        <v>36309</v>
      </c>
      <c r="G12046" s="8">
        <v>148</v>
      </c>
      <c r="H12046" s="5">
        <v>6</v>
      </c>
      <c r="I12046" s="5" t="s">
        <v>1518</v>
      </c>
      <c r="J12046" s="5" t="s">
        <v>36264</v>
      </c>
      <c r="K12046" s="2" t="s">
        <v>36265</v>
      </c>
      <c r="L12046" s="5" t="s">
        <v>36264</v>
      </c>
      <c r="M12046" s="2" t="s">
        <v>36265</v>
      </c>
      <c r="N12046" s="5" t="s">
        <v>36266</v>
      </c>
      <c r="O12046" s="5" t="s">
        <v>38</v>
      </c>
      <c r="P12046" s="5" t="s">
        <v>39</v>
      </c>
      <c r="Q12046" s="5" t="s">
        <v>40</v>
      </c>
      <c r="R12046" s="5" t="s">
        <v>1522</v>
      </c>
      <c r="S12046" s="5" t="s">
        <v>1523</v>
      </c>
      <c r="T12046" s="5" t="s">
        <v>42</v>
      </c>
      <c r="U12046" s="2">
        <v>1.51</v>
      </c>
      <c r="V12046" s="2">
        <v>0.92</v>
      </c>
      <c r="W12046" s="2">
        <v>1.7999999999999999E-2</v>
      </c>
      <c r="X12046" s="2">
        <v>139.1</v>
      </c>
      <c r="Y12046" s="2">
        <v>7.6</v>
      </c>
      <c r="Z12046" s="2">
        <v>16.7</v>
      </c>
      <c r="AA12046" s="5"/>
      <c r="AB12046" s="5" t="s">
        <v>43</v>
      </c>
      <c r="AC12046" s="5" t="s">
        <v>44</v>
      </c>
      <c r="AD12046" s="2"/>
      <c r="AE12046" s="1"/>
    </row>
    <row r="12047" spans="1:31" ht="14.45">
      <c r="A12047" s="11"/>
      <c r="B12047" s="20"/>
      <c r="C12047" s="2" t="s">
        <v>37069</v>
      </c>
      <c r="D12047" s="14" t="s">
        <v>37070</v>
      </c>
      <c r="E12047" s="2" t="s">
        <v>37071</v>
      </c>
      <c r="F12047" s="2" t="s">
        <v>36313</v>
      </c>
      <c r="G12047" s="8">
        <v>170</v>
      </c>
      <c r="H12047" s="5">
        <v>6</v>
      </c>
      <c r="I12047" s="5" t="s">
        <v>1518</v>
      </c>
      <c r="J12047" s="5" t="s">
        <v>36264</v>
      </c>
      <c r="K12047" s="2" t="s">
        <v>36265</v>
      </c>
      <c r="L12047" s="5" t="s">
        <v>36264</v>
      </c>
      <c r="M12047" s="2" t="s">
        <v>36265</v>
      </c>
      <c r="N12047" s="5" t="s">
        <v>36266</v>
      </c>
      <c r="O12047" s="5" t="s">
        <v>38</v>
      </c>
      <c r="P12047" s="5" t="s">
        <v>39</v>
      </c>
      <c r="Q12047" s="5" t="s">
        <v>40</v>
      </c>
      <c r="R12047" s="5" t="s">
        <v>1522</v>
      </c>
      <c r="S12047" s="5" t="s">
        <v>1523</v>
      </c>
      <c r="T12047" s="5" t="s">
        <v>42</v>
      </c>
      <c r="U12047" s="2">
        <v>1.49</v>
      </c>
      <c r="V12047" s="2">
        <v>0.9</v>
      </c>
      <c r="W12047" s="2">
        <v>1.7999999999999999E-2</v>
      </c>
      <c r="X12047" s="2">
        <v>139.1</v>
      </c>
      <c r="Y12047" s="2">
        <v>7.6</v>
      </c>
      <c r="Z12047" s="2">
        <v>16.7</v>
      </c>
      <c r="AA12047" s="5"/>
      <c r="AB12047" s="5" t="s">
        <v>43</v>
      </c>
      <c r="AC12047" s="5" t="s">
        <v>44</v>
      </c>
      <c r="AD12047" s="2"/>
      <c r="AE12047" s="1"/>
    </row>
    <row r="12048" spans="1:31" ht="14.45">
      <c r="A12048" s="11"/>
      <c r="B12048" s="20"/>
      <c r="C12048" s="2" t="s">
        <v>37072</v>
      </c>
      <c r="D12048" s="14" t="s">
        <v>37073</v>
      </c>
      <c r="E12048" s="2" t="s">
        <v>37074</v>
      </c>
      <c r="F12048" s="2" t="s">
        <v>36317</v>
      </c>
      <c r="G12048" s="8">
        <v>170</v>
      </c>
      <c r="H12048" s="5">
        <v>6</v>
      </c>
      <c r="I12048" s="5" t="s">
        <v>1518</v>
      </c>
      <c r="J12048" s="5" t="s">
        <v>36264</v>
      </c>
      <c r="K12048" s="2" t="s">
        <v>36265</v>
      </c>
      <c r="L12048" s="5" t="s">
        <v>36264</v>
      </c>
      <c r="M12048" s="2" t="s">
        <v>36265</v>
      </c>
      <c r="N12048" s="5" t="s">
        <v>36266</v>
      </c>
      <c r="O12048" s="5" t="s">
        <v>38</v>
      </c>
      <c r="P12048" s="5" t="s">
        <v>39</v>
      </c>
      <c r="Q12048" s="5" t="s">
        <v>40</v>
      </c>
      <c r="R12048" s="5" t="s">
        <v>1522</v>
      </c>
      <c r="S12048" s="5" t="s">
        <v>1523</v>
      </c>
      <c r="T12048" s="5" t="s">
        <v>42</v>
      </c>
      <c r="U12048" s="2">
        <v>1.51</v>
      </c>
      <c r="V12048" s="2">
        <v>0.92</v>
      </c>
      <c r="W12048" s="2">
        <v>1.7999999999999999E-2</v>
      </c>
      <c r="X12048" s="2">
        <v>139.1</v>
      </c>
      <c r="Y12048" s="2">
        <v>7.6</v>
      </c>
      <c r="Z12048" s="2">
        <v>16.7</v>
      </c>
      <c r="AA12048" s="5"/>
      <c r="AB12048" s="5" t="s">
        <v>43</v>
      </c>
      <c r="AC12048" s="5" t="s">
        <v>44</v>
      </c>
      <c r="AD12048" s="2"/>
      <c r="AE12048" s="1"/>
    </row>
    <row r="12049" spans="1:31" ht="14.45">
      <c r="A12049" s="11"/>
      <c r="B12049" s="20"/>
      <c r="C12049" s="2" t="s">
        <v>37075</v>
      </c>
      <c r="D12049" s="14" t="s">
        <v>37076</v>
      </c>
      <c r="E12049" s="2" t="s">
        <v>37077</v>
      </c>
      <c r="F12049" s="2" t="s">
        <v>36325</v>
      </c>
      <c r="G12049" s="8">
        <v>170</v>
      </c>
      <c r="H12049" s="5">
        <v>6</v>
      </c>
      <c r="I12049" s="5" t="s">
        <v>1518</v>
      </c>
      <c r="J12049" s="5" t="s">
        <v>36264</v>
      </c>
      <c r="K12049" s="2" t="s">
        <v>36265</v>
      </c>
      <c r="L12049" s="5" t="s">
        <v>36264</v>
      </c>
      <c r="M12049" s="2" t="s">
        <v>36265</v>
      </c>
      <c r="N12049" s="5" t="s">
        <v>36266</v>
      </c>
      <c r="O12049" s="5" t="s">
        <v>38</v>
      </c>
      <c r="P12049" s="5" t="s">
        <v>39</v>
      </c>
      <c r="Q12049" s="5" t="s">
        <v>40</v>
      </c>
      <c r="R12049" s="5" t="s">
        <v>1522</v>
      </c>
      <c r="S12049" s="5" t="s">
        <v>1523</v>
      </c>
      <c r="T12049" s="5" t="s">
        <v>42</v>
      </c>
      <c r="U12049" s="2">
        <v>1.51</v>
      </c>
      <c r="V12049" s="2">
        <v>0.92</v>
      </c>
      <c r="W12049" s="2">
        <v>1.7999999999999999E-2</v>
      </c>
      <c r="X12049" s="2">
        <v>139.1</v>
      </c>
      <c r="Y12049" s="2">
        <v>7.6</v>
      </c>
      <c r="Z12049" s="2">
        <v>16.7</v>
      </c>
      <c r="AA12049" s="5"/>
      <c r="AB12049" s="5" t="s">
        <v>43</v>
      </c>
      <c r="AC12049" s="5" t="s">
        <v>44</v>
      </c>
      <c r="AD12049" s="2"/>
      <c r="AE12049" s="1"/>
    </row>
    <row r="12050" spans="1:31" ht="14.45">
      <c r="A12050" s="11"/>
      <c r="B12050" s="20"/>
      <c r="C12050" s="2" t="s">
        <v>37078</v>
      </c>
      <c r="D12050" s="14" t="s">
        <v>37079</v>
      </c>
      <c r="E12050" s="2" t="s">
        <v>37080</v>
      </c>
      <c r="F12050" s="2" t="s">
        <v>36329</v>
      </c>
      <c r="G12050" s="8">
        <v>170</v>
      </c>
      <c r="H12050" s="5">
        <v>6</v>
      </c>
      <c r="I12050" s="5" t="s">
        <v>1518</v>
      </c>
      <c r="J12050" s="5" t="s">
        <v>36264</v>
      </c>
      <c r="K12050" s="2" t="s">
        <v>36265</v>
      </c>
      <c r="L12050" s="5" t="s">
        <v>36264</v>
      </c>
      <c r="M12050" s="2" t="s">
        <v>36265</v>
      </c>
      <c r="N12050" s="5" t="s">
        <v>36266</v>
      </c>
      <c r="O12050" s="5" t="s">
        <v>38</v>
      </c>
      <c r="P12050" s="5" t="s">
        <v>39</v>
      </c>
      <c r="Q12050" s="5" t="s">
        <v>40</v>
      </c>
      <c r="R12050" s="5" t="s">
        <v>1522</v>
      </c>
      <c r="S12050" s="5" t="s">
        <v>1523</v>
      </c>
      <c r="T12050" s="5" t="s">
        <v>42</v>
      </c>
      <c r="U12050" s="2">
        <v>1.49</v>
      </c>
      <c r="V12050" s="2">
        <v>0.9</v>
      </c>
      <c r="W12050" s="2">
        <v>1.7999999999999999E-2</v>
      </c>
      <c r="X12050" s="2">
        <v>139.1</v>
      </c>
      <c r="Y12050" s="2">
        <v>7.6</v>
      </c>
      <c r="Z12050" s="2">
        <v>16.7</v>
      </c>
      <c r="AA12050" s="5"/>
      <c r="AB12050" s="5" t="s">
        <v>43</v>
      </c>
      <c r="AC12050" s="5" t="s">
        <v>44</v>
      </c>
      <c r="AD12050" s="2"/>
      <c r="AE12050" s="1"/>
    </row>
    <row r="12051" spans="1:31" ht="14.45">
      <c r="A12051" s="11"/>
      <c r="B12051" s="20"/>
      <c r="C12051" s="2" t="s">
        <v>37081</v>
      </c>
      <c r="D12051" s="14" t="s">
        <v>37082</v>
      </c>
      <c r="E12051" s="2" t="s">
        <v>37083</v>
      </c>
      <c r="F12051" s="2" t="s">
        <v>36337</v>
      </c>
      <c r="G12051" s="8">
        <v>170</v>
      </c>
      <c r="H12051" s="5">
        <v>6</v>
      </c>
      <c r="I12051" s="5" t="s">
        <v>1518</v>
      </c>
      <c r="J12051" s="5" t="s">
        <v>36264</v>
      </c>
      <c r="K12051" s="2" t="s">
        <v>36265</v>
      </c>
      <c r="L12051" s="5" t="s">
        <v>36264</v>
      </c>
      <c r="M12051" s="2" t="s">
        <v>36265</v>
      </c>
      <c r="N12051" s="5" t="s">
        <v>36266</v>
      </c>
      <c r="O12051" s="5" t="s">
        <v>38</v>
      </c>
      <c r="P12051" s="5" t="s">
        <v>39</v>
      </c>
      <c r="Q12051" s="5" t="s">
        <v>40</v>
      </c>
      <c r="R12051" s="5" t="s">
        <v>1522</v>
      </c>
      <c r="S12051" s="5" t="s">
        <v>1523</v>
      </c>
      <c r="T12051" s="5" t="s">
        <v>42</v>
      </c>
      <c r="U12051" s="2">
        <v>1.49</v>
      </c>
      <c r="V12051" s="2">
        <v>0.9</v>
      </c>
      <c r="W12051" s="2">
        <v>1.7999999999999999E-2</v>
      </c>
      <c r="X12051" s="2">
        <v>139.1</v>
      </c>
      <c r="Y12051" s="2">
        <v>7.6</v>
      </c>
      <c r="Z12051" s="2">
        <v>16.7</v>
      </c>
      <c r="AA12051" s="5"/>
      <c r="AB12051" s="5" t="s">
        <v>43</v>
      </c>
      <c r="AC12051" s="5" t="s">
        <v>44</v>
      </c>
      <c r="AD12051" s="2"/>
      <c r="AE12051" s="1"/>
    </row>
    <row r="12052" spans="1:31" ht="14.45">
      <c r="A12052" s="11"/>
      <c r="B12052" s="20"/>
      <c r="C12052" s="2" t="s">
        <v>37084</v>
      </c>
      <c r="D12052" s="14" t="s">
        <v>37085</v>
      </c>
      <c r="E12052" s="2" t="s">
        <v>37086</v>
      </c>
      <c r="F12052" s="2" t="s">
        <v>36345</v>
      </c>
      <c r="G12052" s="8">
        <v>170</v>
      </c>
      <c r="H12052" s="5">
        <v>6</v>
      </c>
      <c r="I12052" s="5" t="s">
        <v>1518</v>
      </c>
      <c r="J12052" s="5" t="s">
        <v>36264</v>
      </c>
      <c r="K12052" s="2" t="s">
        <v>36265</v>
      </c>
      <c r="L12052" s="5" t="s">
        <v>36264</v>
      </c>
      <c r="M12052" s="2" t="s">
        <v>36265</v>
      </c>
      <c r="N12052" s="5" t="s">
        <v>36266</v>
      </c>
      <c r="O12052" s="5" t="s">
        <v>38</v>
      </c>
      <c r="P12052" s="5" t="s">
        <v>39</v>
      </c>
      <c r="Q12052" s="5" t="s">
        <v>40</v>
      </c>
      <c r="R12052" s="5" t="s">
        <v>1522</v>
      </c>
      <c r="S12052" s="5" t="s">
        <v>1523</v>
      </c>
      <c r="T12052" s="5" t="s">
        <v>42</v>
      </c>
      <c r="U12052" s="2">
        <v>1.49</v>
      </c>
      <c r="V12052" s="2">
        <v>0.9</v>
      </c>
      <c r="W12052" s="2">
        <v>1.7999999999999999E-2</v>
      </c>
      <c r="X12052" s="2">
        <v>139.1</v>
      </c>
      <c r="Y12052" s="2">
        <v>7.6</v>
      </c>
      <c r="Z12052" s="2">
        <v>16.7</v>
      </c>
      <c r="AA12052" s="5"/>
      <c r="AB12052" s="5" t="s">
        <v>43</v>
      </c>
      <c r="AC12052" s="5" t="s">
        <v>44</v>
      </c>
      <c r="AD12052" s="2"/>
      <c r="AE12052" s="1"/>
    </row>
    <row r="12053" spans="1:31" ht="14.45">
      <c r="A12053" s="11"/>
      <c r="B12053" s="20"/>
      <c r="C12053" s="2" t="s">
        <v>37087</v>
      </c>
      <c r="D12053" s="14" t="s">
        <v>37088</v>
      </c>
      <c r="E12053" s="2" t="s">
        <v>37089</v>
      </c>
      <c r="F12053" s="2" t="s">
        <v>36349</v>
      </c>
      <c r="G12053" s="8">
        <v>170</v>
      </c>
      <c r="H12053" s="5">
        <v>6</v>
      </c>
      <c r="I12053" s="5" t="s">
        <v>1518</v>
      </c>
      <c r="J12053" s="5" t="s">
        <v>36264</v>
      </c>
      <c r="K12053" s="2" t="s">
        <v>36265</v>
      </c>
      <c r="L12053" s="5" t="s">
        <v>36264</v>
      </c>
      <c r="M12053" s="2" t="s">
        <v>36265</v>
      </c>
      <c r="N12053" s="5" t="s">
        <v>36266</v>
      </c>
      <c r="O12053" s="5" t="s">
        <v>38</v>
      </c>
      <c r="P12053" s="5" t="s">
        <v>39</v>
      </c>
      <c r="Q12053" s="5" t="s">
        <v>40</v>
      </c>
      <c r="R12053" s="5" t="s">
        <v>1522</v>
      </c>
      <c r="S12053" s="5" t="s">
        <v>1523</v>
      </c>
      <c r="T12053" s="5" t="s">
        <v>42</v>
      </c>
      <c r="U12053" s="2">
        <v>1.51</v>
      </c>
      <c r="V12053" s="2">
        <v>0.92</v>
      </c>
      <c r="W12053" s="2">
        <v>1.7999999999999999E-2</v>
      </c>
      <c r="X12053" s="2">
        <v>139.1</v>
      </c>
      <c r="Y12053" s="2">
        <v>7.6</v>
      </c>
      <c r="Z12053" s="2">
        <v>16.7</v>
      </c>
      <c r="AA12053" s="5"/>
      <c r="AB12053" s="5" t="s">
        <v>43</v>
      </c>
      <c r="AC12053" s="5" t="s">
        <v>44</v>
      </c>
      <c r="AD12053" s="2"/>
      <c r="AE12053" s="1"/>
    </row>
    <row r="12054" spans="1:31" ht="14.45">
      <c r="A12054" s="11"/>
      <c r="B12054" s="20"/>
      <c r="C12054" s="2" t="s">
        <v>37090</v>
      </c>
      <c r="D12054" s="14" t="s">
        <v>37091</v>
      </c>
      <c r="E12054" s="2" t="s">
        <v>37092</v>
      </c>
      <c r="F12054" s="2" t="s">
        <v>36357</v>
      </c>
      <c r="G12054" s="8">
        <v>170</v>
      </c>
      <c r="H12054" s="5">
        <v>6</v>
      </c>
      <c r="I12054" s="5" t="s">
        <v>1518</v>
      </c>
      <c r="J12054" s="5" t="s">
        <v>36264</v>
      </c>
      <c r="K12054" s="2" t="s">
        <v>36265</v>
      </c>
      <c r="L12054" s="5" t="s">
        <v>36264</v>
      </c>
      <c r="M12054" s="2" t="s">
        <v>36265</v>
      </c>
      <c r="N12054" s="5" t="s">
        <v>36266</v>
      </c>
      <c r="O12054" s="5" t="s">
        <v>38</v>
      </c>
      <c r="P12054" s="5" t="s">
        <v>39</v>
      </c>
      <c r="Q12054" s="5" t="s">
        <v>40</v>
      </c>
      <c r="R12054" s="5" t="s">
        <v>1522</v>
      </c>
      <c r="S12054" s="5" t="s">
        <v>1523</v>
      </c>
      <c r="T12054" s="5" t="s">
        <v>42</v>
      </c>
      <c r="U12054" s="2">
        <v>1.51</v>
      </c>
      <c r="V12054" s="2">
        <v>0.92</v>
      </c>
      <c r="W12054" s="2">
        <v>1.7999999999999999E-2</v>
      </c>
      <c r="X12054" s="2">
        <v>139.1</v>
      </c>
      <c r="Y12054" s="2">
        <v>7.6</v>
      </c>
      <c r="Z12054" s="2">
        <v>16.7</v>
      </c>
      <c r="AA12054" s="5"/>
      <c r="AB12054" s="5" t="s">
        <v>43</v>
      </c>
      <c r="AC12054" s="5" t="s">
        <v>44</v>
      </c>
      <c r="AD12054" s="2"/>
      <c r="AE12054" s="1"/>
    </row>
    <row r="12055" spans="1:31" ht="14.45">
      <c r="A12055" s="11"/>
      <c r="B12055" s="20"/>
      <c r="C12055" s="2" t="s">
        <v>37093</v>
      </c>
      <c r="D12055" s="14" t="s">
        <v>37094</v>
      </c>
      <c r="E12055" s="2" t="s">
        <v>37095</v>
      </c>
      <c r="F12055" s="2" t="s">
        <v>36361</v>
      </c>
      <c r="G12055" s="8">
        <v>170</v>
      </c>
      <c r="H12055" s="5">
        <v>6</v>
      </c>
      <c r="I12055" s="5" t="s">
        <v>1518</v>
      </c>
      <c r="J12055" s="5" t="s">
        <v>36264</v>
      </c>
      <c r="K12055" s="2" t="s">
        <v>36265</v>
      </c>
      <c r="L12055" s="5" t="s">
        <v>36264</v>
      </c>
      <c r="M12055" s="2" t="s">
        <v>36265</v>
      </c>
      <c r="N12055" s="5" t="s">
        <v>36266</v>
      </c>
      <c r="O12055" s="5" t="s">
        <v>38</v>
      </c>
      <c r="P12055" s="5" t="s">
        <v>39</v>
      </c>
      <c r="Q12055" s="5" t="s">
        <v>40</v>
      </c>
      <c r="R12055" s="5" t="s">
        <v>1522</v>
      </c>
      <c r="S12055" s="5" t="s">
        <v>1523</v>
      </c>
      <c r="T12055" s="5" t="s">
        <v>42</v>
      </c>
      <c r="U12055" s="2">
        <v>1.49</v>
      </c>
      <c r="V12055" s="2">
        <v>0.9</v>
      </c>
      <c r="W12055" s="2">
        <v>1.7999999999999999E-2</v>
      </c>
      <c r="X12055" s="2">
        <v>139.1</v>
      </c>
      <c r="Y12055" s="2">
        <v>7.6</v>
      </c>
      <c r="Z12055" s="2">
        <v>16.7</v>
      </c>
      <c r="AA12055" s="5"/>
      <c r="AB12055" s="5" t="s">
        <v>43</v>
      </c>
      <c r="AC12055" s="5" t="s">
        <v>44</v>
      </c>
      <c r="AD12055" s="2"/>
      <c r="AE12055" s="1"/>
    </row>
    <row r="12056" spans="1:31" ht="14.45">
      <c r="A12056" s="11"/>
      <c r="B12056" s="20"/>
      <c r="C12056" s="2" t="s">
        <v>37096</v>
      </c>
      <c r="D12056" s="14" t="s">
        <v>37097</v>
      </c>
      <c r="E12056" s="2" t="s">
        <v>37098</v>
      </c>
      <c r="F12056" s="2" t="s">
        <v>36365</v>
      </c>
      <c r="G12056" s="8">
        <v>170</v>
      </c>
      <c r="H12056" s="5">
        <v>6</v>
      </c>
      <c r="I12056" s="5" t="s">
        <v>1518</v>
      </c>
      <c r="J12056" s="5" t="s">
        <v>36264</v>
      </c>
      <c r="K12056" s="2" t="s">
        <v>36265</v>
      </c>
      <c r="L12056" s="5" t="s">
        <v>36264</v>
      </c>
      <c r="M12056" s="2" t="s">
        <v>36265</v>
      </c>
      <c r="N12056" s="5" t="s">
        <v>36266</v>
      </c>
      <c r="O12056" s="5" t="s">
        <v>38</v>
      </c>
      <c r="P12056" s="5" t="s">
        <v>39</v>
      </c>
      <c r="Q12056" s="5" t="s">
        <v>40</v>
      </c>
      <c r="R12056" s="5" t="s">
        <v>1522</v>
      </c>
      <c r="S12056" s="5" t="s">
        <v>1523</v>
      </c>
      <c r="T12056" s="5" t="s">
        <v>42</v>
      </c>
      <c r="U12056" s="2">
        <v>1.51</v>
      </c>
      <c r="V12056" s="2">
        <v>0.92</v>
      </c>
      <c r="W12056" s="2">
        <v>1.7999999999999999E-2</v>
      </c>
      <c r="X12056" s="2">
        <v>139.1</v>
      </c>
      <c r="Y12056" s="2">
        <v>7.6</v>
      </c>
      <c r="Z12056" s="2">
        <v>16.7</v>
      </c>
      <c r="AA12056" s="5"/>
      <c r="AB12056" s="5" t="s">
        <v>43</v>
      </c>
      <c r="AC12056" s="5" t="s">
        <v>44</v>
      </c>
      <c r="AD12056" s="2"/>
      <c r="AE12056" s="1"/>
    </row>
    <row r="12057" spans="1:31" ht="14.45">
      <c r="A12057" s="11"/>
      <c r="B12057" s="20"/>
      <c r="C12057" s="2" t="s">
        <v>37099</v>
      </c>
      <c r="D12057" s="14" t="s">
        <v>37100</v>
      </c>
      <c r="E12057" s="2" t="s">
        <v>37101</v>
      </c>
      <c r="F12057" s="2" t="s">
        <v>36369</v>
      </c>
      <c r="G12057" s="8">
        <v>170</v>
      </c>
      <c r="H12057" s="5">
        <v>6</v>
      </c>
      <c r="I12057" s="5" t="s">
        <v>1518</v>
      </c>
      <c r="J12057" s="5" t="s">
        <v>36264</v>
      </c>
      <c r="K12057" s="2" t="s">
        <v>36265</v>
      </c>
      <c r="L12057" s="5" t="s">
        <v>36264</v>
      </c>
      <c r="M12057" s="2" t="s">
        <v>36265</v>
      </c>
      <c r="N12057" s="5" t="s">
        <v>36266</v>
      </c>
      <c r="O12057" s="5" t="s">
        <v>38</v>
      </c>
      <c r="P12057" s="5" t="s">
        <v>39</v>
      </c>
      <c r="Q12057" s="5" t="s">
        <v>40</v>
      </c>
      <c r="R12057" s="5" t="s">
        <v>1522</v>
      </c>
      <c r="S12057" s="5" t="s">
        <v>1523</v>
      </c>
      <c r="T12057" s="5" t="s">
        <v>42</v>
      </c>
      <c r="U12057" s="2">
        <v>1.49</v>
      </c>
      <c r="V12057" s="2">
        <v>0.9</v>
      </c>
      <c r="W12057" s="2">
        <v>1.7999999999999999E-2</v>
      </c>
      <c r="X12057" s="2">
        <v>139.1</v>
      </c>
      <c r="Y12057" s="2">
        <v>7.6</v>
      </c>
      <c r="Z12057" s="2">
        <v>16.7</v>
      </c>
      <c r="AA12057" s="5"/>
      <c r="AB12057" s="5" t="s">
        <v>43</v>
      </c>
      <c r="AC12057" s="5" t="s">
        <v>44</v>
      </c>
      <c r="AD12057" s="2"/>
      <c r="AE12057" s="1"/>
    </row>
    <row r="12058" spans="1:31" ht="14.45">
      <c r="A12058" s="11"/>
      <c r="B12058" s="20"/>
      <c r="C12058" s="2" t="s">
        <v>37102</v>
      </c>
      <c r="D12058" s="14" t="s">
        <v>37103</v>
      </c>
      <c r="E12058" s="2" t="s">
        <v>37104</v>
      </c>
      <c r="F12058" s="2" t="s">
        <v>36377</v>
      </c>
      <c r="G12058" s="8">
        <v>170</v>
      </c>
      <c r="H12058" s="5">
        <v>6</v>
      </c>
      <c r="I12058" s="5" t="s">
        <v>1518</v>
      </c>
      <c r="J12058" s="5" t="s">
        <v>36264</v>
      </c>
      <c r="K12058" s="2" t="s">
        <v>36265</v>
      </c>
      <c r="L12058" s="5" t="s">
        <v>36264</v>
      </c>
      <c r="M12058" s="2" t="s">
        <v>36265</v>
      </c>
      <c r="N12058" s="5" t="s">
        <v>36266</v>
      </c>
      <c r="O12058" s="5" t="s">
        <v>38</v>
      </c>
      <c r="P12058" s="5" t="s">
        <v>39</v>
      </c>
      <c r="Q12058" s="5" t="s">
        <v>40</v>
      </c>
      <c r="R12058" s="5" t="s">
        <v>1522</v>
      </c>
      <c r="S12058" s="5" t="s">
        <v>1523</v>
      </c>
      <c r="T12058" s="5" t="s">
        <v>42</v>
      </c>
      <c r="U12058" s="2">
        <v>1.49</v>
      </c>
      <c r="V12058" s="2">
        <v>0.9</v>
      </c>
      <c r="W12058" s="2">
        <v>1.7999999999999999E-2</v>
      </c>
      <c r="X12058" s="2">
        <v>139.1</v>
      </c>
      <c r="Y12058" s="2">
        <v>7.6</v>
      </c>
      <c r="Z12058" s="2">
        <v>16.7</v>
      </c>
      <c r="AA12058" s="5"/>
      <c r="AB12058" s="5" t="s">
        <v>43</v>
      </c>
      <c r="AC12058" s="5" t="s">
        <v>44</v>
      </c>
      <c r="AD12058" s="2"/>
      <c r="AE12058" s="1"/>
    </row>
    <row r="12059" spans="1:31" ht="14.45">
      <c r="A12059" s="11"/>
      <c r="B12059" s="20"/>
      <c r="C12059" s="2" t="s">
        <v>37105</v>
      </c>
      <c r="D12059" s="14" t="s">
        <v>37106</v>
      </c>
      <c r="E12059" s="2" t="s">
        <v>37107</v>
      </c>
      <c r="F12059" s="2" t="s">
        <v>36381</v>
      </c>
      <c r="G12059" s="8">
        <v>170</v>
      </c>
      <c r="H12059" s="5">
        <v>6</v>
      </c>
      <c r="I12059" s="5" t="s">
        <v>1518</v>
      </c>
      <c r="J12059" s="5" t="s">
        <v>36264</v>
      </c>
      <c r="K12059" s="2" t="s">
        <v>36265</v>
      </c>
      <c r="L12059" s="5" t="s">
        <v>36264</v>
      </c>
      <c r="M12059" s="2" t="s">
        <v>36265</v>
      </c>
      <c r="N12059" s="5" t="s">
        <v>36266</v>
      </c>
      <c r="O12059" s="5" t="s">
        <v>38</v>
      </c>
      <c r="P12059" s="5" t="s">
        <v>39</v>
      </c>
      <c r="Q12059" s="5" t="s">
        <v>40</v>
      </c>
      <c r="R12059" s="5" t="s">
        <v>1522</v>
      </c>
      <c r="S12059" s="5" t="s">
        <v>1523</v>
      </c>
      <c r="T12059" s="5" t="s">
        <v>42</v>
      </c>
      <c r="U12059" s="2">
        <v>1.51</v>
      </c>
      <c r="V12059" s="2">
        <v>0.92</v>
      </c>
      <c r="W12059" s="2">
        <v>1.7999999999999999E-2</v>
      </c>
      <c r="X12059" s="2">
        <v>139.1</v>
      </c>
      <c r="Y12059" s="2">
        <v>7.6</v>
      </c>
      <c r="Z12059" s="2">
        <v>16.7</v>
      </c>
      <c r="AA12059" s="5"/>
      <c r="AB12059" s="5" t="s">
        <v>43</v>
      </c>
      <c r="AC12059" s="5" t="s">
        <v>44</v>
      </c>
      <c r="AD12059" s="2"/>
      <c r="AE12059" s="1"/>
    </row>
    <row r="12060" spans="1:31" ht="14.45">
      <c r="A12060" s="11"/>
      <c r="B12060" s="20"/>
      <c r="C12060" s="2" t="s">
        <v>37108</v>
      </c>
      <c r="D12060" s="14" t="s">
        <v>37109</v>
      </c>
      <c r="E12060" s="2" t="s">
        <v>37110</v>
      </c>
      <c r="F12060" s="2" t="s">
        <v>36385</v>
      </c>
      <c r="G12060" s="8">
        <v>170</v>
      </c>
      <c r="H12060" s="5">
        <v>6</v>
      </c>
      <c r="I12060" s="5" t="s">
        <v>1518</v>
      </c>
      <c r="J12060" s="5" t="s">
        <v>36264</v>
      </c>
      <c r="K12060" s="2" t="s">
        <v>36265</v>
      </c>
      <c r="L12060" s="5" t="s">
        <v>36264</v>
      </c>
      <c r="M12060" s="2" t="s">
        <v>36265</v>
      </c>
      <c r="N12060" s="5" t="s">
        <v>36266</v>
      </c>
      <c r="O12060" s="5" t="s">
        <v>38</v>
      </c>
      <c r="P12060" s="5" t="s">
        <v>39</v>
      </c>
      <c r="Q12060" s="5" t="s">
        <v>40</v>
      </c>
      <c r="R12060" s="5" t="s">
        <v>1522</v>
      </c>
      <c r="S12060" s="5" t="s">
        <v>1523</v>
      </c>
      <c r="T12060" s="5" t="s">
        <v>42</v>
      </c>
      <c r="U12060" s="2">
        <v>1.49</v>
      </c>
      <c r="V12060" s="2">
        <v>0.9</v>
      </c>
      <c r="W12060" s="2">
        <v>1.7999999999999999E-2</v>
      </c>
      <c r="X12060" s="2">
        <v>139.1</v>
      </c>
      <c r="Y12060" s="2">
        <v>7.6</v>
      </c>
      <c r="Z12060" s="2">
        <v>16.7</v>
      </c>
      <c r="AA12060" s="5"/>
      <c r="AB12060" s="5" t="s">
        <v>43</v>
      </c>
      <c r="AC12060" s="5" t="s">
        <v>44</v>
      </c>
      <c r="AD12060" s="2"/>
      <c r="AE12060" s="1"/>
    </row>
    <row r="12061" spans="1:31" ht="14.45">
      <c r="A12061" s="11"/>
      <c r="B12061" s="20"/>
      <c r="C12061" s="2" t="s">
        <v>37111</v>
      </c>
      <c r="D12061" s="14" t="s">
        <v>37112</v>
      </c>
      <c r="E12061" s="2" t="s">
        <v>37113</v>
      </c>
      <c r="F12061" s="2" t="s">
        <v>7204</v>
      </c>
      <c r="G12061" s="8">
        <v>130</v>
      </c>
      <c r="H12061" s="5">
        <v>6</v>
      </c>
      <c r="I12061" s="5" t="s">
        <v>1518</v>
      </c>
      <c r="J12061" s="5" t="s">
        <v>36264</v>
      </c>
      <c r="K12061" s="2" t="s">
        <v>36265</v>
      </c>
      <c r="L12061" s="5" t="s">
        <v>36264</v>
      </c>
      <c r="M12061" s="2" t="s">
        <v>36265</v>
      </c>
      <c r="N12061" s="5" t="s">
        <v>36266</v>
      </c>
      <c r="O12061" s="5" t="s">
        <v>38</v>
      </c>
      <c r="P12061" s="5" t="s">
        <v>39</v>
      </c>
      <c r="Q12061" s="5" t="s">
        <v>40</v>
      </c>
      <c r="R12061" s="5" t="s">
        <v>1522</v>
      </c>
      <c r="S12061" s="5" t="s">
        <v>1523</v>
      </c>
      <c r="T12061" s="5" t="s">
        <v>42</v>
      </c>
      <c r="U12061" s="2">
        <v>1.2470000000000001</v>
      </c>
      <c r="V12061" s="2">
        <v>0.73299999999999998</v>
      </c>
      <c r="W12061" s="2">
        <v>1.2999999999999999E-2</v>
      </c>
      <c r="X12061" s="2">
        <v>99.1</v>
      </c>
      <c r="Y12061" s="2">
        <v>7.6</v>
      </c>
      <c r="Z12061" s="2">
        <v>16.7</v>
      </c>
      <c r="AA12061" s="5"/>
      <c r="AB12061" s="5" t="s">
        <v>43</v>
      </c>
      <c r="AC12061" s="5" t="s">
        <v>44</v>
      </c>
      <c r="AD12061" s="2"/>
      <c r="AE12061" s="1"/>
    </row>
    <row r="12062" spans="1:31" ht="14.45">
      <c r="A12062" s="11"/>
      <c r="B12062" s="20"/>
      <c r="C12062" s="2" t="s">
        <v>37114</v>
      </c>
      <c r="D12062" s="14" t="s">
        <v>37115</v>
      </c>
      <c r="E12062" s="2" t="s">
        <v>37116</v>
      </c>
      <c r="F12062" s="2" t="s">
        <v>7514</v>
      </c>
      <c r="G12062" s="8">
        <v>130</v>
      </c>
      <c r="H12062" s="5">
        <v>6</v>
      </c>
      <c r="I12062" s="5" t="s">
        <v>1518</v>
      </c>
      <c r="J12062" s="5" t="s">
        <v>36264</v>
      </c>
      <c r="K12062" s="2" t="s">
        <v>36265</v>
      </c>
      <c r="L12062" s="5" t="s">
        <v>36264</v>
      </c>
      <c r="M12062" s="2" t="s">
        <v>36265</v>
      </c>
      <c r="N12062" s="5" t="s">
        <v>36266</v>
      </c>
      <c r="O12062" s="5" t="s">
        <v>38</v>
      </c>
      <c r="P12062" s="5" t="s">
        <v>39</v>
      </c>
      <c r="Q12062" s="5" t="s">
        <v>40</v>
      </c>
      <c r="R12062" s="5" t="s">
        <v>1522</v>
      </c>
      <c r="S12062" s="5" t="s">
        <v>1523</v>
      </c>
      <c r="T12062" s="5" t="s">
        <v>42</v>
      </c>
      <c r="U12062" s="2">
        <v>1.2669999999999999</v>
      </c>
      <c r="V12062" s="2">
        <v>0.753</v>
      </c>
      <c r="W12062" s="2">
        <v>1.2999999999999999E-2</v>
      </c>
      <c r="X12062" s="2">
        <v>99.1</v>
      </c>
      <c r="Y12062" s="2">
        <v>7.6</v>
      </c>
      <c r="Z12062" s="2">
        <v>16.7</v>
      </c>
      <c r="AA12062" s="5"/>
      <c r="AB12062" s="5" t="s">
        <v>43</v>
      </c>
      <c r="AC12062" s="5" t="s">
        <v>44</v>
      </c>
      <c r="AD12062" s="2"/>
      <c r="AE12062" s="1"/>
    </row>
    <row r="12063" spans="1:31" ht="14.45">
      <c r="A12063" s="11"/>
      <c r="B12063" s="20"/>
      <c r="C12063" s="2" t="s">
        <v>37117</v>
      </c>
      <c r="D12063" s="14" t="s">
        <v>37118</v>
      </c>
      <c r="E12063" s="2" t="s">
        <v>37119</v>
      </c>
      <c r="F12063" s="2" t="s">
        <v>36273</v>
      </c>
      <c r="G12063" s="8">
        <v>130</v>
      </c>
      <c r="H12063" s="5">
        <v>6</v>
      </c>
      <c r="I12063" s="5" t="s">
        <v>1518</v>
      </c>
      <c r="J12063" s="5" t="s">
        <v>36264</v>
      </c>
      <c r="K12063" s="2" t="s">
        <v>36265</v>
      </c>
      <c r="L12063" s="5" t="s">
        <v>36264</v>
      </c>
      <c r="M12063" s="2" t="s">
        <v>36265</v>
      </c>
      <c r="N12063" s="5" t="s">
        <v>36266</v>
      </c>
      <c r="O12063" s="5" t="s">
        <v>38</v>
      </c>
      <c r="P12063" s="5" t="s">
        <v>39</v>
      </c>
      <c r="Q12063" s="5" t="s">
        <v>40</v>
      </c>
      <c r="R12063" s="5" t="s">
        <v>1522</v>
      </c>
      <c r="S12063" s="5" t="s">
        <v>1523</v>
      </c>
      <c r="T12063" s="5" t="s">
        <v>42</v>
      </c>
      <c r="U12063" s="2">
        <v>1.2470000000000001</v>
      </c>
      <c r="V12063" s="2">
        <v>0.73299999999999998</v>
      </c>
      <c r="W12063" s="2">
        <v>1.2999999999999999E-2</v>
      </c>
      <c r="X12063" s="2">
        <v>99.1</v>
      </c>
      <c r="Y12063" s="2">
        <v>7.6</v>
      </c>
      <c r="Z12063" s="2">
        <v>16.7</v>
      </c>
      <c r="AA12063" s="5"/>
      <c r="AB12063" s="5" t="s">
        <v>43</v>
      </c>
      <c r="AC12063" s="5" t="s">
        <v>44</v>
      </c>
      <c r="AD12063" s="2"/>
      <c r="AE12063" s="1"/>
    </row>
    <row r="12064" spans="1:31" ht="14.45">
      <c r="A12064" s="11"/>
      <c r="B12064" s="20"/>
      <c r="C12064" s="2" t="s">
        <v>37120</v>
      </c>
      <c r="D12064" s="14" t="s">
        <v>37121</v>
      </c>
      <c r="E12064" s="2" t="s">
        <v>37122</v>
      </c>
      <c r="F12064" s="2" t="s">
        <v>36277</v>
      </c>
      <c r="G12064" s="8">
        <v>130</v>
      </c>
      <c r="H12064" s="5">
        <v>6</v>
      </c>
      <c r="I12064" s="5" t="s">
        <v>1518</v>
      </c>
      <c r="J12064" s="5" t="s">
        <v>36264</v>
      </c>
      <c r="K12064" s="2" t="s">
        <v>36265</v>
      </c>
      <c r="L12064" s="5" t="s">
        <v>36264</v>
      </c>
      <c r="M12064" s="2" t="s">
        <v>36265</v>
      </c>
      <c r="N12064" s="5" t="s">
        <v>36266</v>
      </c>
      <c r="O12064" s="5" t="s">
        <v>38</v>
      </c>
      <c r="P12064" s="5" t="s">
        <v>39</v>
      </c>
      <c r="Q12064" s="5" t="s">
        <v>40</v>
      </c>
      <c r="R12064" s="5" t="s">
        <v>1522</v>
      </c>
      <c r="S12064" s="5" t="s">
        <v>1523</v>
      </c>
      <c r="T12064" s="5" t="s">
        <v>42</v>
      </c>
      <c r="U12064" s="2">
        <v>1.2669999999999999</v>
      </c>
      <c r="V12064" s="2">
        <v>0.753</v>
      </c>
      <c r="W12064" s="2">
        <v>1.2999999999999999E-2</v>
      </c>
      <c r="X12064" s="2">
        <v>99.1</v>
      </c>
      <c r="Y12064" s="2">
        <v>7.6</v>
      </c>
      <c r="Z12064" s="2">
        <v>16.7</v>
      </c>
      <c r="AA12064" s="5"/>
      <c r="AB12064" s="5" t="s">
        <v>43</v>
      </c>
      <c r="AC12064" s="5" t="s">
        <v>44</v>
      </c>
      <c r="AD12064" s="2"/>
      <c r="AE12064" s="1"/>
    </row>
    <row r="12065" spans="1:31" ht="14.45">
      <c r="A12065" s="11"/>
      <c r="B12065" s="20"/>
      <c r="C12065" s="2" t="s">
        <v>37123</v>
      </c>
      <c r="D12065" s="14" t="s">
        <v>37124</v>
      </c>
      <c r="E12065" s="2" t="s">
        <v>37125</v>
      </c>
      <c r="F12065" s="2" t="s">
        <v>36281</v>
      </c>
      <c r="G12065" s="8">
        <v>150</v>
      </c>
      <c r="H12065" s="5">
        <v>6</v>
      </c>
      <c r="I12065" s="5" t="s">
        <v>1518</v>
      </c>
      <c r="J12065" s="5" t="s">
        <v>36264</v>
      </c>
      <c r="K12065" s="2" t="s">
        <v>36265</v>
      </c>
      <c r="L12065" s="5" t="s">
        <v>36264</v>
      </c>
      <c r="M12065" s="2" t="s">
        <v>36265</v>
      </c>
      <c r="N12065" s="5" t="s">
        <v>36266</v>
      </c>
      <c r="O12065" s="5" t="s">
        <v>38</v>
      </c>
      <c r="P12065" s="5" t="s">
        <v>39</v>
      </c>
      <c r="Q12065" s="5" t="s">
        <v>40</v>
      </c>
      <c r="R12065" s="5" t="s">
        <v>1522</v>
      </c>
      <c r="S12065" s="5" t="s">
        <v>1523</v>
      </c>
      <c r="T12065" s="5" t="s">
        <v>42</v>
      </c>
      <c r="U12065" s="2">
        <v>1.2470000000000001</v>
      </c>
      <c r="V12065" s="2">
        <v>0.73299999999999998</v>
      </c>
      <c r="W12065" s="2">
        <v>1.2999999999999999E-2</v>
      </c>
      <c r="X12065" s="2">
        <v>99.1</v>
      </c>
      <c r="Y12065" s="2">
        <v>7.6</v>
      </c>
      <c r="Z12065" s="2">
        <v>16.7</v>
      </c>
      <c r="AA12065" s="5"/>
      <c r="AB12065" s="5" t="s">
        <v>43</v>
      </c>
      <c r="AC12065" s="5" t="s">
        <v>44</v>
      </c>
      <c r="AD12065" s="2"/>
      <c r="AE12065" s="1"/>
    </row>
    <row r="12066" spans="1:31" ht="14.45">
      <c r="A12066" s="11"/>
      <c r="B12066" s="20"/>
      <c r="C12066" s="2" t="s">
        <v>37126</v>
      </c>
      <c r="D12066" s="14" t="s">
        <v>37127</v>
      </c>
      <c r="E12066" s="2" t="s">
        <v>37128</v>
      </c>
      <c r="F12066" s="2" t="s">
        <v>36285</v>
      </c>
      <c r="G12066" s="8">
        <v>150</v>
      </c>
      <c r="H12066" s="5">
        <v>6</v>
      </c>
      <c r="I12066" s="5" t="s">
        <v>1518</v>
      </c>
      <c r="J12066" s="5" t="s">
        <v>36264</v>
      </c>
      <c r="K12066" s="2" t="s">
        <v>36265</v>
      </c>
      <c r="L12066" s="5" t="s">
        <v>36264</v>
      </c>
      <c r="M12066" s="2" t="s">
        <v>36265</v>
      </c>
      <c r="N12066" s="5" t="s">
        <v>36266</v>
      </c>
      <c r="O12066" s="5" t="s">
        <v>38</v>
      </c>
      <c r="P12066" s="5" t="s">
        <v>39</v>
      </c>
      <c r="Q12066" s="5" t="s">
        <v>40</v>
      </c>
      <c r="R12066" s="5" t="s">
        <v>1522</v>
      </c>
      <c r="S12066" s="5" t="s">
        <v>1523</v>
      </c>
      <c r="T12066" s="5" t="s">
        <v>42</v>
      </c>
      <c r="U12066" s="2">
        <v>1.2669999999999999</v>
      </c>
      <c r="V12066" s="2">
        <v>0.753</v>
      </c>
      <c r="W12066" s="2">
        <v>1.2999999999999999E-2</v>
      </c>
      <c r="X12066" s="2">
        <v>99.1</v>
      </c>
      <c r="Y12066" s="2">
        <v>7.6</v>
      </c>
      <c r="Z12066" s="2">
        <v>16.7</v>
      </c>
      <c r="AA12066" s="5"/>
      <c r="AB12066" s="5" t="s">
        <v>43</v>
      </c>
      <c r="AC12066" s="5" t="s">
        <v>44</v>
      </c>
      <c r="AD12066" s="2"/>
      <c r="AE12066" s="1"/>
    </row>
    <row r="12067" spans="1:31" ht="14.45">
      <c r="A12067" s="11"/>
      <c r="B12067" s="20"/>
      <c r="C12067" s="2" t="s">
        <v>37129</v>
      </c>
      <c r="D12067" s="14" t="s">
        <v>37130</v>
      </c>
      <c r="E12067" s="2" t="s">
        <v>37131</v>
      </c>
      <c r="F12067" s="2" t="s">
        <v>36289</v>
      </c>
      <c r="G12067" s="8">
        <v>150</v>
      </c>
      <c r="H12067" s="5">
        <v>6</v>
      </c>
      <c r="I12067" s="5" t="s">
        <v>1518</v>
      </c>
      <c r="J12067" s="5" t="s">
        <v>36264</v>
      </c>
      <c r="K12067" s="2" t="s">
        <v>36265</v>
      </c>
      <c r="L12067" s="5" t="s">
        <v>36264</v>
      </c>
      <c r="M12067" s="2" t="s">
        <v>36265</v>
      </c>
      <c r="N12067" s="5" t="s">
        <v>36266</v>
      </c>
      <c r="O12067" s="5" t="s">
        <v>38</v>
      </c>
      <c r="P12067" s="5" t="s">
        <v>39</v>
      </c>
      <c r="Q12067" s="5" t="s">
        <v>40</v>
      </c>
      <c r="R12067" s="5" t="s">
        <v>1522</v>
      </c>
      <c r="S12067" s="5" t="s">
        <v>1523</v>
      </c>
      <c r="T12067" s="5" t="s">
        <v>42</v>
      </c>
      <c r="U12067" s="2">
        <v>1.2470000000000001</v>
      </c>
      <c r="V12067" s="2">
        <v>0.73299999999999998</v>
      </c>
      <c r="W12067" s="2">
        <v>1.2999999999999999E-2</v>
      </c>
      <c r="X12067" s="2">
        <v>99.1</v>
      </c>
      <c r="Y12067" s="2">
        <v>7.6</v>
      </c>
      <c r="Z12067" s="2">
        <v>16.7</v>
      </c>
      <c r="AA12067" s="5"/>
      <c r="AB12067" s="5" t="s">
        <v>43</v>
      </c>
      <c r="AC12067" s="5" t="s">
        <v>44</v>
      </c>
      <c r="AD12067" s="2"/>
      <c r="AE12067" s="1"/>
    </row>
    <row r="12068" spans="1:31" ht="14.45">
      <c r="A12068" s="11"/>
      <c r="B12068" s="20"/>
      <c r="C12068" s="2" t="s">
        <v>37132</v>
      </c>
      <c r="D12068" s="14" t="s">
        <v>37133</v>
      </c>
      <c r="E12068" s="2" t="s">
        <v>37134</v>
      </c>
      <c r="F12068" s="2" t="s">
        <v>36293</v>
      </c>
      <c r="G12068" s="8">
        <v>150</v>
      </c>
      <c r="H12068" s="5">
        <v>6</v>
      </c>
      <c r="I12068" s="5" t="s">
        <v>1518</v>
      </c>
      <c r="J12068" s="5" t="s">
        <v>36264</v>
      </c>
      <c r="K12068" s="2" t="s">
        <v>36265</v>
      </c>
      <c r="L12068" s="5" t="s">
        <v>36264</v>
      </c>
      <c r="M12068" s="2" t="s">
        <v>36265</v>
      </c>
      <c r="N12068" s="5" t="s">
        <v>36266</v>
      </c>
      <c r="O12068" s="5" t="s">
        <v>38</v>
      </c>
      <c r="P12068" s="5" t="s">
        <v>39</v>
      </c>
      <c r="Q12068" s="5" t="s">
        <v>40</v>
      </c>
      <c r="R12068" s="5" t="s">
        <v>1522</v>
      </c>
      <c r="S12068" s="5" t="s">
        <v>1523</v>
      </c>
      <c r="T12068" s="5" t="s">
        <v>42</v>
      </c>
      <c r="U12068" s="2">
        <v>1.2669999999999999</v>
      </c>
      <c r="V12068" s="2">
        <v>0.753</v>
      </c>
      <c r="W12068" s="2">
        <v>1.2999999999999999E-2</v>
      </c>
      <c r="X12068" s="2">
        <v>99.1</v>
      </c>
      <c r="Y12068" s="2">
        <v>7.6</v>
      </c>
      <c r="Z12068" s="2">
        <v>16.7</v>
      </c>
      <c r="AA12068" s="5"/>
      <c r="AB12068" s="5" t="s">
        <v>43</v>
      </c>
      <c r="AC12068" s="5" t="s">
        <v>44</v>
      </c>
      <c r="AD12068" s="2"/>
      <c r="AE12068" s="1"/>
    </row>
    <row r="12069" spans="1:31" ht="14.45">
      <c r="A12069" s="11"/>
      <c r="B12069" s="20"/>
      <c r="C12069" s="2" t="s">
        <v>37135</v>
      </c>
      <c r="D12069" s="14" t="s">
        <v>37136</v>
      </c>
      <c r="E12069" s="2" t="s">
        <v>37137</v>
      </c>
      <c r="F12069" s="2" t="s">
        <v>36588</v>
      </c>
      <c r="G12069" s="8">
        <v>130</v>
      </c>
      <c r="H12069" s="5">
        <v>6</v>
      </c>
      <c r="I12069" s="5" t="s">
        <v>1518</v>
      </c>
      <c r="J12069" s="5" t="s">
        <v>36264</v>
      </c>
      <c r="K12069" s="2" t="s">
        <v>36265</v>
      </c>
      <c r="L12069" s="5" t="s">
        <v>36264</v>
      </c>
      <c r="M12069" s="2" t="s">
        <v>36265</v>
      </c>
      <c r="N12069" s="5" t="s">
        <v>36266</v>
      </c>
      <c r="O12069" s="5" t="s">
        <v>38</v>
      </c>
      <c r="P12069" s="5" t="s">
        <v>39</v>
      </c>
      <c r="Q12069" s="5" t="s">
        <v>40</v>
      </c>
      <c r="R12069" s="5" t="s">
        <v>1522</v>
      </c>
      <c r="S12069" s="5" t="s">
        <v>1523</v>
      </c>
      <c r="T12069" s="5" t="s">
        <v>42</v>
      </c>
      <c r="U12069" s="2">
        <v>1.2470000000000001</v>
      </c>
      <c r="V12069" s="2">
        <v>0.73299999999999998</v>
      </c>
      <c r="W12069" s="2">
        <v>1.2999999999999999E-2</v>
      </c>
      <c r="X12069" s="2">
        <v>99.1</v>
      </c>
      <c r="Y12069" s="2">
        <v>7.6</v>
      </c>
      <c r="Z12069" s="2">
        <v>16.7</v>
      </c>
      <c r="AA12069" s="5"/>
      <c r="AB12069" s="5" t="s">
        <v>43</v>
      </c>
      <c r="AC12069" s="5" t="s">
        <v>44</v>
      </c>
      <c r="AD12069" s="2"/>
      <c r="AE12069" s="1"/>
    </row>
    <row r="12070" spans="1:31" ht="14.45">
      <c r="A12070" s="11"/>
      <c r="B12070" s="20"/>
      <c r="C12070" s="2" t="s">
        <v>37138</v>
      </c>
      <c r="D12070" s="14" t="s">
        <v>37139</v>
      </c>
      <c r="E12070" s="2" t="s">
        <v>37140</v>
      </c>
      <c r="F12070" s="2" t="s">
        <v>36592</v>
      </c>
      <c r="G12070" s="8">
        <v>130</v>
      </c>
      <c r="H12070" s="5">
        <v>6</v>
      </c>
      <c r="I12070" s="5" t="s">
        <v>1518</v>
      </c>
      <c r="J12070" s="5" t="s">
        <v>36264</v>
      </c>
      <c r="K12070" s="2" t="s">
        <v>36265</v>
      </c>
      <c r="L12070" s="5" t="s">
        <v>36264</v>
      </c>
      <c r="M12070" s="2" t="s">
        <v>36265</v>
      </c>
      <c r="N12070" s="5" t="s">
        <v>36266</v>
      </c>
      <c r="O12070" s="5" t="s">
        <v>38</v>
      </c>
      <c r="P12070" s="5" t="s">
        <v>39</v>
      </c>
      <c r="Q12070" s="5" t="s">
        <v>40</v>
      </c>
      <c r="R12070" s="5" t="s">
        <v>1522</v>
      </c>
      <c r="S12070" s="5" t="s">
        <v>1523</v>
      </c>
      <c r="T12070" s="5" t="s">
        <v>42</v>
      </c>
      <c r="U12070" s="2">
        <v>1.2669999999999999</v>
      </c>
      <c r="V12070" s="2">
        <v>0.753</v>
      </c>
      <c r="W12070" s="2">
        <v>1.2999999999999999E-2</v>
      </c>
      <c r="X12070" s="2">
        <v>99.1</v>
      </c>
      <c r="Y12070" s="2">
        <v>7.6</v>
      </c>
      <c r="Z12070" s="2">
        <v>16.7</v>
      </c>
      <c r="AA12070" s="5"/>
      <c r="AB12070" s="5" t="s">
        <v>43</v>
      </c>
      <c r="AC12070" s="5" t="s">
        <v>44</v>
      </c>
      <c r="AD12070" s="2"/>
      <c r="AE12070" s="1"/>
    </row>
    <row r="12071" spans="1:31" ht="14.45">
      <c r="A12071" s="11"/>
      <c r="B12071" s="20"/>
      <c r="C12071" s="2" t="s">
        <v>37141</v>
      </c>
      <c r="D12071" s="14" t="s">
        <v>37142</v>
      </c>
      <c r="E12071" s="2" t="s">
        <v>37143</v>
      </c>
      <c r="F12071" s="2" t="s">
        <v>36305</v>
      </c>
      <c r="G12071" s="8">
        <v>130</v>
      </c>
      <c r="H12071" s="5">
        <v>6</v>
      </c>
      <c r="I12071" s="5" t="s">
        <v>1518</v>
      </c>
      <c r="J12071" s="5" t="s">
        <v>36264</v>
      </c>
      <c r="K12071" s="2" t="s">
        <v>36265</v>
      </c>
      <c r="L12071" s="5" t="s">
        <v>36264</v>
      </c>
      <c r="M12071" s="2" t="s">
        <v>36265</v>
      </c>
      <c r="N12071" s="5" t="s">
        <v>36266</v>
      </c>
      <c r="O12071" s="5" t="s">
        <v>38</v>
      </c>
      <c r="P12071" s="5" t="s">
        <v>39</v>
      </c>
      <c r="Q12071" s="5" t="s">
        <v>40</v>
      </c>
      <c r="R12071" s="5" t="s">
        <v>1522</v>
      </c>
      <c r="S12071" s="5" t="s">
        <v>1523</v>
      </c>
      <c r="T12071" s="5" t="s">
        <v>42</v>
      </c>
      <c r="U12071" s="2">
        <v>1.2470000000000001</v>
      </c>
      <c r="V12071" s="2">
        <v>0.73299999999999998</v>
      </c>
      <c r="W12071" s="2">
        <v>1.2999999999999999E-2</v>
      </c>
      <c r="X12071" s="2">
        <v>99.1</v>
      </c>
      <c r="Y12071" s="2">
        <v>7.6</v>
      </c>
      <c r="Z12071" s="2">
        <v>16.7</v>
      </c>
      <c r="AA12071" s="5"/>
      <c r="AB12071" s="5" t="s">
        <v>43</v>
      </c>
      <c r="AC12071" s="5" t="s">
        <v>44</v>
      </c>
      <c r="AD12071" s="2"/>
      <c r="AE12071" s="1"/>
    </row>
    <row r="12072" spans="1:31" ht="14.45">
      <c r="A12072" s="11"/>
      <c r="B12072" s="20"/>
      <c r="C12072" s="2" t="s">
        <v>37144</v>
      </c>
      <c r="D12072" s="14" t="s">
        <v>37145</v>
      </c>
      <c r="E12072" s="2" t="s">
        <v>37146</v>
      </c>
      <c r="F12072" s="2" t="s">
        <v>36309</v>
      </c>
      <c r="G12072" s="8">
        <v>130</v>
      </c>
      <c r="H12072" s="5">
        <v>6</v>
      </c>
      <c r="I12072" s="5" t="s">
        <v>1518</v>
      </c>
      <c r="J12072" s="5" t="s">
        <v>36264</v>
      </c>
      <c r="K12072" s="2" t="s">
        <v>36265</v>
      </c>
      <c r="L12072" s="5" t="s">
        <v>36264</v>
      </c>
      <c r="M12072" s="2" t="s">
        <v>36265</v>
      </c>
      <c r="N12072" s="5" t="s">
        <v>36266</v>
      </c>
      <c r="O12072" s="5" t="s">
        <v>38</v>
      </c>
      <c r="P12072" s="5" t="s">
        <v>39</v>
      </c>
      <c r="Q12072" s="5" t="s">
        <v>40</v>
      </c>
      <c r="R12072" s="5" t="s">
        <v>1522</v>
      </c>
      <c r="S12072" s="5" t="s">
        <v>1523</v>
      </c>
      <c r="T12072" s="5" t="s">
        <v>42</v>
      </c>
      <c r="U12072" s="2">
        <v>1.2669999999999999</v>
      </c>
      <c r="V12072" s="2">
        <v>0.753</v>
      </c>
      <c r="W12072" s="2">
        <v>1.2999999999999999E-2</v>
      </c>
      <c r="X12072" s="2">
        <v>99.1</v>
      </c>
      <c r="Y12072" s="2">
        <v>7.6</v>
      </c>
      <c r="Z12072" s="2">
        <v>16.7</v>
      </c>
      <c r="AA12072" s="5"/>
      <c r="AB12072" s="5" t="s">
        <v>43</v>
      </c>
      <c r="AC12072" s="5" t="s">
        <v>44</v>
      </c>
      <c r="AD12072" s="2"/>
      <c r="AE12072" s="1"/>
    </row>
    <row r="12073" spans="1:31" ht="14.45">
      <c r="A12073" s="11"/>
      <c r="B12073" s="20"/>
      <c r="C12073" s="2" t="s">
        <v>37147</v>
      </c>
      <c r="D12073" s="14" t="s">
        <v>37148</v>
      </c>
      <c r="E12073" s="2" t="s">
        <v>37149</v>
      </c>
      <c r="F12073" s="2" t="s">
        <v>36313</v>
      </c>
      <c r="G12073" s="8">
        <v>150</v>
      </c>
      <c r="H12073" s="5">
        <v>6</v>
      </c>
      <c r="I12073" s="5" t="s">
        <v>1518</v>
      </c>
      <c r="J12073" s="5" t="s">
        <v>36264</v>
      </c>
      <c r="K12073" s="2" t="s">
        <v>36265</v>
      </c>
      <c r="L12073" s="5" t="s">
        <v>36264</v>
      </c>
      <c r="M12073" s="2" t="s">
        <v>36265</v>
      </c>
      <c r="N12073" s="5" t="s">
        <v>36266</v>
      </c>
      <c r="O12073" s="5" t="s">
        <v>38</v>
      </c>
      <c r="P12073" s="5" t="s">
        <v>39</v>
      </c>
      <c r="Q12073" s="5" t="s">
        <v>40</v>
      </c>
      <c r="R12073" s="5" t="s">
        <v>1522</v>
      </c>
      <c r="S12073" s="5" t="s">
        <v>1523</v>
      </c>
      <c r="T12073" s="5" t="s">
        <v>42</v>
      </c>
      <c r="U12073" s="2">
        <v>1.2470000000000001</v>
      </c>
      <c r="V12073" s="2">
        <v>0.73299999999999998</v>
      </c>
      <c r="W12073" s="2">
        <v>1.2999999999999999E-2</v>
      </c>
      <c r="X12073" s="2">
        <v>99.1</v>
      </c>
      <c r="Y12073" s="2">
        <v>7.6</v>
      </c>
      <c r="Z12073" s="2">
        <v>16.7</v>
      </c>
      <c r="AA12073" s="5"/>
      <c r="AB12073" s="5" t="s">
        <v>43</v>
      </c>
      <c r="AC12073" s="5" t="s">
        <v>44</v>
      </c>
      <c r="AD12073" s="2"/>
      <c r="AE12073" s="1"/>
    </row>
    <row r="12074" spans="1:31" ht="14.45">
      <c r="A12074" s="11"/>
      <c r="B12074" s="20"/>
      <c r="C12074" s="2" t="s">
        <v>37150</v>
      </c>
      <c r="D12074" s="14" t="s">
        <v>37151</v>
      </c>
      <c r="E12074" s="2" t="s">
        <v>37152</v>
      </c>
      <c r="F12074" s="2" t="s">
        <v>36317</v>
      </c>
      <c r="G12074" s="8">
        <v>150</v>
      </c>
      <c r="H12074" s="5">
        <v>6</v>
      </c>
      <c r="I12074" s="5" t="s">
        <v>1518</v>
      </c>
      <c r="J12074" s="5" t="s">
        <v>36264</v>
      </c>
      <c r="K12074" s="2" t="s">
        <v>36265</v>
      </c>
      <c r="L12074" s="5" t="s">
        <v>36264</v>
      </c>
      <c r="M12074" s="2" t="s">
        <v>36265</v>
      </c>
      <c r="N12074" s="5" t="s">
        <v>36266</v>
      </c>
      <c r="O12074" s="5" t="s">
        <v>38</v>
      </c>
      <c r="P12074" s="5" t="s">
        <v>39</v>
      </c>
      <c r="Q12074" s="5" t="s">
        <v>40</v>
      </c>
      <c r="R12074" s="5" t="s">
        <v>1522</v>
      </c>
      <c r="S12074" s="5" t="s">
        <v>1523</v>
      </c>
      <c r="T12074" s="5" t="s">
        <v>42</v>
      </c>
      <c r="U12074" s="2">
        <v>1.2669999999999999</v>
      </c>
      <c r="V12074" s="2">
        <v>0.753</v>
      </c>
      <c r="W12074" s="2">
        <v>1.2999999999999999E-2</v>
      </c>
      <c r="X12074" s="2">
        <v>99.1</v>
      </c>
      <c r="Y12074" s="2">
        <v>7.6</v>
      </c>
      <c r="Z12074" s="2">
        <v>16.7</v>
      </c>
      <c r="AA12074" s="5"/>
      <c r="AB12074" s="5" t="s">
        <v>43</v>
      </c>
      <c r="AC12074" s="5" t="s">
        <v>44</v>
      </c>
      <c r="AD12074" s="2"/>
      <c r="AE12074" s="1"/>
    </row>
    <row r="12075" spans="1:31" ht="14.45">
      <c r="A12075" s="11"/>
      <c r="B12075" s="20"/>
      <c r="C12075" s="2" t="s">
        <v>37153</v>
      </c>
      <c r="D12075" s="14" t="s">
        <v>37154</v>
      </c>
      <c r="E12075" s="2" t="s">
        <v>37155</v>
      </c>
      <c r="F12075" s="2" t="s">
        <v>36321</v>
      </c>
      <c r="G12075" s="8">
        <v>150</v>
      </c>
      <c r="H12075" s="5">
        <v>6</v>
      </c>
      <c r="I12075" s="5" t="s">
        <v>1518</v>
      </c>
      <c r="J12075" s="5" t="s">
        <v>36264</v>
      </c>
      <c r="K12075" s="2" t="s">
        <v>36265</v>
      </c>
      <c r="L12075" s="5" t="s">
        <v>36264</v>
      </c>
      <c r="M12075" s="2" t="s">
        <v>36265</v>
      </c>
      <c r="N12075" s="5" t="s">
        <v>36266</v>
      </c>
      <c r="O12075" s="5" t="s">
        <v>38</v>
      </c>
      <c r="P12075" s="5" t="s">
        <v>39</v>
      </c>
      <c r="Q12075" s="5" t="s">
        <v>40</v>
      </c>
      <c r="R12075" s="5" t="s">
        <v>1522</v>
      </c>
      <c r="S12075" s="5" t="s">
        <v>1523</v>
      </c>
      <c r="T12075" s="5" t="s">
        <v>42</v>
      </c>
      <c r="U12075" s="2">
        <v>1.2470000000000001</v>
      </c>
      <c r="V12075" s="2">
        <v>0.73299999999999998</v>
      </c>
      <c r="W12075" s="2">
        <v>1.2999999999999999E-2</v>
      </c>
      <c r="X12075" s="2">
        <v>99.1</v>
      </c>
      <c r="Y12075" s="2">
        <v>7.6</v>
      </c>
      <c r="Z12075" s="2">
        <v>16.7</v>
      </c>
      <c r="AA12075" s="5"/>
      <c r="AB12075" s="5" t="s">
        <v>43</v>
      </c>
      <c r="AC12075" s="5" t="s">
        <v>44</v>
      </c>
      <c r="AD12075" s="2"/>
      <c r="AE12075" s="1"/>
    </row>
    <row r="12076" spans="1:31" ht="14.45">
      <c r="A12076" s="11"/>
      <c r="B12076" s="20"/>
      <c r="C12076" s="2" t="s">
        <v>37156</v>
      </c>
      <c r="D12076" s="14" t="s">
        <v>37157</v>
      </c>
      <c r="E12076" s="2" t="s">
        <v>37158</v>
      </c>
      <c r="F12076" s="2" t="s">
        <v>36325</v>
      </c>
      <c r="G12076" s="8">
        <v>150</v>
      </c>
      <c r="H12076" s="5">
        <v>6</v>
      </c>
      <c r="I12076" s="5" t="s">
        <v>1518</v>
      </c>
      <c r="J12076" s="5" t="s">
        <v>36264</v>
      </c>
      <c r="K12076" s="2" t="s">
        <v>36265</v>
      </c>
      <c r="L12076" s="5" t="s">
        <v>36264</v>
      </c>
      <c r="M12076" s="2" t="s">
        <v>36265</v>
      </c>
      <c r="N12076" s="5" t="s">
        <v>36266</v>
      </c>
      <c r="O12076" s="5" t="s">
        <v>38</v>
      </c>
      <c r="P12076" s="5" t="s">
        <v>39</v>
      </c>
      <c r="Q12076" s="5" t="s">
        <v>40</v>
      </c>
      <c r="R12076" s="5" t="s">
        <v>1522</v>
      </c>
      <c r="S12076" s="5" t="s">
        <v>1523</v>
      </c>
      <c r="T12076" s="5" t="s">
        <v>42</v>
      </c>
      <c r="U12076" s="2">
        <v>1.2669999999999999</v>
      </c>
      <c r="V12076" s="2">
        <v>0.753</v>
      </c>
      <c r="W12076" s="2">
        <v>1.2999999999999999E-2</v>
      </c>
      <c r="X12076" s="2">
        <v>99.1</v>
      </c>
      <c r="Y12076" s="2">
        <v>7.6</v>
      </c>
      <c r="Z12076" s="2">
        <v>16.7</v>
      </c>
      <c r="AA12076" s="5"/>
      <c r="AB12076" s="5" t="s">
        <v>43</v>
      </c>
      <c r="AC12076" s="5" t="s">
        <v>44</v>
      </c>
      <c r="AD12076" s="2"/>
      <c r="AE12076" s="1"/>
    </row>
    <row r="12077" spans="1:31" ht="14.45">
      <c r="A12077" s="11"/>
      <c r="B12077" s="20"/>
      <c r="C12077" s="2" t="s">
        <v>37159</v>
      </c>
      <c r="D12077" s="14" t="s">
        <v>37160</v>
      </c>
      <c r="E12077" s="2" t="s">
        <v>37161</v>
      </c>
      <c r="F12077" s="2" t="s">
        <v>36329</v>
      </c>
      <c r="G12077" s="8">
        <v>150</v>
      </c>
      <c r="H12077" s="5">
        <v>6</v>
      </c>
      <c r="I12077" s="5" t="s">
        <v>1518</v>
      </c>
      <c r="J12077" s="5" t="s">
        <v>36264</v>
      </c>
      <c r="K12077" s="2" t="s">
        <v>36265</v>
      </c>
      <c r="L12077" s="5" t="s">
        <v>36264</v>
      </c>
      <c r="M12077" s="2" t="s">
        <v>36265</v>
      </c>
      <c r="N12077" s="5" t="s">
        <v>36266</v>
      </c>
      <c r="O12077" s="5" t="s">
        <v>38</v>
      </c>
      <c r="P12077" s="5" t="s">
        <v>39</v>
      </c>
      <c r="Q12077" s="5" t="s">
        <v>40</v>
      </c>
      <c r="R12077" s="5" t="s">
        <v>1522</v>
      </c>
      <c r="S12077" s="5" t="s">
        <v>1523</v>
      </c>
      <c r="T12077" s="5" t="s">
        <v>42</v>
      </c>
      <c r="U12077" s="2">
        <v>1.2470000000000001</v>
      </c>
      <c r="V12077" s="2">
        <v>0.73299999999999998</v>
      </c>
      <c r="W12077" s="2">
        <v>1.2999999999999999E-2</v>
      </c>
      <c r="X12077" s="2">
        <v>99.1</v>
      </c>
      <c r="Y12077" s="2">
        <v>7.6</v>
      </c>
      <c r="Z12077" s="2">
        <v>16.7</v>
      </c>
      <c r="AA12077" s="5"/>
      <c r="AB12077" s="5" t="s">
        <v>43</v>
      </c>
      <c r="AC12077" s="5" t="s">
        <v>44</v>
      </c>
      <c r="AD12077" s="2"/>
      <c r="AE12077" s="1"/>
    </row>
    <row r="12078" spans="1:31" ht="14.45">
      <c r="A12078" s="11"/>
      <c r="B12078" s="20"/>
      <c r="C12078" s="2" t="s">
        <v>37162</v>
      </c>
      <c r="D12078" s="14" t="s">
        <v>37163</v>
      </c>
      <c r="E12078" s="2" t="s">
        <v>37164</v>
      </c>
      <c r="F12078" s="2" t="s">
        <v>36333</v>
      </c>
      <c r="G12078" s="8">
        <v>150</v>
      </c>
      <c r="H12078" s="5">
        <v>6</v>
      </c>
      <c r="I12078" s="5" t="s">
        <v>1518</v>
      </c>
      <c r="J12078" s="5" t="s">
        <v>36264</v>
      </c>
      <c r="K12078" s="2" t="s">
        <v>36265</v>
      </c>
      <c r="L12078" s="5" t="s">
        <v>36264</v>
      </c>
      <c r="M12078" s="2" t="s">
        <v>36265</v>
      </c>
      <c r="N12078" s="5" t="s">
        <v>36266</v>
      </c>
      <c r="O12078" s="5" t="s">
        <v>38</v>
      </c>
      <c r="P12078" s="5" t="s">
        <v>39</v>
      </c>
      <c r="Q12078" s="5" t="s">
        <v>40</v>
      </c>
      <c r="R12078" s="5" t="s">
        <v>1522</v>
      </c>
      <c r="S12078" s="5" t="s">
        <v>1523</v>
      </c>
      <c r="T12078" s="5" t="s">
        <v>42</v>
      </c>
      <c r="U12078" s="2">
        <v>1.2669999999999999</v>
      </c>
      <c r="V12078" s="2">
        <v>0.753</v>
      </c>
      <c r="W12078" s="2">
        <v>1.2999999999999999E-2</v>
      </c>
      <c r="X12078" s="2">
        <v>99.1</v>
      </c>
      <c r="Y12078" s="2">
        <v>7.6</v>
      </c>
      <c r="Z12078" s="2">
        <v>16.7</v>
      </c>
      <c r="AA12078" s="5"/>
      <c r="AB12078" s="5" t="s">
        <v>43</v>
      </c>
      <c r="AC12078" s="5" t="s">
        <v>44</v>
      </c>
      <c r="AD12078" s="2"/>
      <c r="AE12078" s="1"/>
    </row>
    <row r="12079" spans="1:31" ht="14.45">
      <c r="A12079" s="11"/>
      <c r="B12079" s="20"/>
      <c r="C12079" s="2" t="s">
        <v>37165</v>
      </c>
      <c r="D12079" s="14" t="s">
        <v>37166</v>
      </c>
      <c r="E12079" s="2" t="s">
        <v>37167</v>
      </c>
      <c r="F12079" s="2" t="s">
        <v>36337</v>
      </c>
      <c r="G12079" s="8">
        <v>150</v>
      </c>
      <c r="H12079" s="5">
        <v>6</v>
      </c>
      <c r="I12079" s="5" t="s">
        <v>1518</v>
      </c>
      <c r="J12079" s="5" t="s">
        <v>36264</v>
      </c>
      <c r="K12079" s="2" t="s">
        <v>36265</v>
      </c>
      <c r="L12079" s="5" t="s">
        <v>36264</v>
      </c>
      <c r="M12079" s="2" t="s">
        <v>36265</v>
      </c>
      <c r="N12079" s="5" t="s">
        <v>36266</v>
      </c>
      <c r="O12079" s="5" t="s">
        <v>38</v>
      </c>
      <c r="P12079" s="5" t="s">
        <v>39</v>
      </c>
      <c r="Q12079" s="5" t="s">
        <v>40</v>
      </c>
      <c r="R12079" s="5" t="s">
        <v>1522</v>
      </c>
      <c r="S12079" s="5" t="s">
        <v>1523</v>
      </c>
      <c r="T12079" s="5" t="s">
        <v>42</v>
      </c>
      <c r="U12079" s="2">
        <v>1.2470000000000001</v>
      </c>
      <c r="V12079" s="2">
        <v>0.73299999999999998</v>
      </c>
      <c r="W12079" s="2">
        <v>1.2999999999999999E-2</v>
      </c>
      <c r="X12079" s="2">
        <v>99.1</v>
      </c>
      <c r="Y12079" s="2">
        <v>7.6</v>
      </c>
      <c r="Z12079" s="2">
        <v>16.7</v>
      </c>
      <c r="AA12079" s="5"/>
      <c r="AB12079" s="5" t="s">
        <v>43</v>
      </c>
      <c r="AC12079" s="5" t="s">
        <v>44</v>
      </c>
      <c r="AD12079" s="2"/>
      <c r="AE12079" s="1"/>
    </row>
    <row r="12080" spans="1:31" ht="14.45">
      <c r="A12080" s="11"/>
      <c r="B12080" s="20"/>
      <c r="C12080" s="2" t="s">
        <v>37168</v>
      </c>
      <c r="D12080" s="14" t="s">
        <v>37169</v>
      </c>
      <c r="E12080" s="2" t="s">
        <v>37170</v>
      </c>
      <c r="F12080" s="2" t="s">
        <v>36341</v>
      </c>
      <c r="G12080" s="8">
        <v>150</v>
      </c>
      <c r="H12080" s="5">
        <v>6</v>
      </c>
      <c r="I12080" s="5" t="s">
        <v>1518</v>
      </c>
      <c r="J12080" s="5" t="s">
        <v>36264</v>
      </c>
      <c r="K12080" s="2" t="s">
        <v>36265</v>
      </c>
      <c r="L12080" s="5" t="s">
        <v>36264</v>
      </c>
      <c r="M12080" s="2" t="s">
        <v>36265</v>
      </c>
      <c r="N12080" s="5" t="s">
        <v>36266</v>
      </c>
      <c r="O12080" s="5" t="s">
        <v>38</v>
      </c>
      <c r="P12080" s="5" t="s">
        <v>39</v>
      </c>
      <c r="Q12080" s="5" t="s">
        <v>40</v>
      </c>
      <c r="R12080" s="5" t="s">
        <v>1522</v>
      </c>
      <c r="S12080" s="5" t="s">
        <v>1523</v>
      </c>
      <c r="T12080" s="5" t="s">
        <v>42</v>
      </c>
      <c r="U12080" s="2">
        <v>1.2669999999999999</v>
      </c>
      <c r="V12080" s="2">
        <v>0.753</v>
      </c>
      <c r="W12080" s="2">
        <v>1.2999999999999999E-2</v>
      </c>
      <c r="X12080" s="2">
        <v>99.1</v>
      </c>
      <c r="Y12080" s="2">
        <v>7.6</v>
      </c>
      <c r="Z12080" s="2">
        <v>16.7</v>
      </c>
      <c r="AA12080" s="5"/>
      <c r="AB12080" s="5" t="s">
        <v>43</v>
      </c>
      <c r="AC12080" s="5" t="s">
        <v>44</v>
      </c>
      <c r="AD12080" s="2"/>
      <c r="AE12080" s="1"/>
    </row>
    <row r="12081" spans="1:31" ht="14.45">
      <c r="A12081" s="11"/>
      <c r="B12081" s="20"/>
      <c r="C12081" s="2" t="s">
        <v>37171</v>
      </c>
      <c r="D12081" s="14" t="s">
        <v>37172</v>
      </c>
      <c r="E12081" s="2" t="s">
        <v>37173</v>
      </c>
      <c r="F12081" s="2" t="s">
        <v>36345</v>
      </c>
      <c r="G12081" s="8">
        <v>150</v>
      </c>
      <c r="H12081" s="5">
        <v>6</v>
      </c>
      <c r="I12081" s="5" t="s">
        <v>1518</v>
      </c>
      <c r="J12081" s="5" t="s">
        <v>36264</v>
      </c>
      <c r="K12081" s="2" t="s">
        <v>36265</v>
      </c>
      <c r="L12081" s="5" t="s">
        <v>36264</v>
      </c>
      <c r="M12081" s="2" t="s">
        <v>36265</v>
      </c>
      <c r="N12081" s="5" t="s">
        <v>36266</v>
      </c>
      <c r="O12081" s="5" t="s">
        <v>38</v>
      </c>
      <c r="P12081" s="5" t="s">
        <v>39</v>
      </c>
      <c r="Q12081" s="5" t="s">
        <v>40</v>
      </c>
      <c r="R12081" s="5" t="s">
        <v>1522</v>
      </c>
      <c r="S12081" s="5" t="s">
        <v>1523</v>
      </c>
      <c r="T12081" s="5" t="s">
        <v>42</v>
      </c>
      <c r="U12081" s="2">
        <v>1.2470000000000001</v>
      </c>
      <c r="V12081" s="2">
        <v>0.73299999999999998</v>
      </c>
      <c r="W12081" s="2">
        <v>1.2999999999999999E-2</v>
      </c>
      <c r="X12081" s="2">
        <v>99.1</v>
      </c>
      <c r="Y12081" s="2">
        <v>7.6</v>
      </c>
      <c r="Z12081" s="2">
        <v>16.7</v>
      </c>
      <c r="AA12081" s="5"/>
      <c r="AB12081" s="5" t="s">
        <v>43</v>
      </c>
      <c r="AC12081" s="5" t="s">
        <v>44</v>
      </c>
      <c r="AD12081" s="2"/>
      <c r="AE12081" s="1"/>
    </row>
    <row r="12082" spans="1:31" ht="14.45">
      <c r="A12082" s="11"/>
      <c r="B12082" s="20"/>
      <c r="C12082" s="2" t="s">
        <v>37174</v>
      </c>
      <c r="D12082" s="14" t="s">
        <v>37175</v>
      </c>
      <c r="E12082" s="2" t="s">
        <v>37176</v>
      </c>
      <c r="F12082" s="2" t="s">
        <v>36349</v>
      </c>
      <c r="G12082" s="8">
        <v>150</v>
      </c>
      <c r="H12082" s="5">
        <v>6</v>
      </c>
      <c r="I12082" s="5" t="s">
        <v>1518</v>
      </c>
      <c r="J12082" s="5" t="s">
        <v>36264</v>
      </c>
      <c r="K12082" s="2" t="s">
        <v>36265</v>
      </c>
      <c r="L12082" s="5" t="s">
        <v>36264</v>
      </c>
      <c r="M12082" s="2" t="s">
        <v>36265</v>
      </c>
      <c r="N12082" s="5" t="s">
        <v>36266</v>
      </c>
      <c r="O12082" s="5" t="s">
        <v>38</v>
      </c>
      <c r="P12082" s="5" t="s">
        <v>39</v>
      </c>
      <c r="Q12082" s="5" t="s">
        <v>40</v>
      </c>
      <c r="R12082" s="5" t="s">
        <v>1522</v>
      </c>
      <c r="S12082" s="5" t="s">
        <v>1523</v>
      </c>
      <c r="T12082" s="5" t="s">
        <v>42</v>
      </c>
      <c r="U12082" s="2">
        <v>1.2669999999999999</v>
      </c>
      <c r="V12082" s="2">
        <v>0.753</v>
      </c>
      <c r="W12082" s="2">
        <v>1.2999999999999999E-2</v>
      </c>
      <c r="X12082" s="2">
        <v>99.1</v>
      </c>
      <c r="Y12082" s="2">
        <v>7.6</v>
      </c>
      <c r="Z12082" s="2">
        <v>16.7</v>
      </c>
      <c r="AA12082" s="5"/>
      <c r="AB12082" s="5" t="s">
        <v>43</v>
      </c>
      <c r="AC12082" s="5" t="s">
        <v>44</v>
      </c>
      <c r="AD12082" s="2"/>
      <c r="AE12082" s="1"/>
    </row>
    <row r="12083" spans="1:31" ht="14.45">
      <c r="A12083" s="11"/>
      <c r="B12083" s="20"/>
      <c r="C12083" s="2" t="s">
        <v>37177</v>
      </c>
      <c r="D12083" s="14" t="s">
        <v>37178</v>
      </c>
      <c r="E12083" s="2" t="s">
        <v>37179</v>
      </c>
      <c r="F12083" s="2" t="s">
        <v>36357</v>
      </c>
      <c r="G12083" s="8">
        <v>150</v>
      </c>
      <c r="H12083" s="5">
        <v>6</v>
      </c>
      <c r="I12083" s="5" t="s">
        <v>1518</v>
      </c>
      <c r="J12083" s="5" t="s">
        <v>36264</v>
      </c>
      <c r="K12083" s="2" t="s">
        <v>36265</v>
      </c>
      <c r="L12083" s="5" t="s">
        <v>36264</v>
      </c>
      <c r="M12083" s="2" t="s">
        <v>36265</v>
      </c>
      <c r="N12083" s="5" t="s">
        <v>36266</v>
      </c>
      <c r="O12083" s="5" t="s">
        <v>38</v>
      </c>
      <c r="P12083" s="5" t="s">
        <v>39</v>
      </c>
      <c r="Q12083" s="5" t="s">
        <v>40</v>
      </c>
      <c r="R12083" s="5" t="s">
        <v>1522</v>
      </c>
      <c r="S12083" s="5" t="s">
        <v>1523</v>
      </c>
      <c r="T12083" s="5" t="s">
        <v>42</v>
      </c>
      <c r="U12083" s="2">
        <v>1.2669999999999999</v>
      </c>
      <c r="V12083" s="2">
        <v>0.753</v>
      </c>
      <c r="W12083" s="2">
        <v>1.2999999999999999E-2</v>
      </c>
      <c r="X12083" s="2">
        <v>99.1</v>
      </c>
      <c r="Y12083" s="2">
        <v>7.6</v>
      </c>
      <c r="Z12083" s="2">
        <v>16.7</v>
      </c>
      <c r="AA12083" s="5"/>
      <c r="AB12083" s="5" t="s">
        <v>43</v>
      </c>
      <c r="AC12083" s="5" t="s">
        <v>44</v>
      </c>
      <c r="AD12083" s="2"/>
      <c r="AE12083" s="1"/>
    </row>
    <row r="12084" spans="1:31" ht="14.45">
      <c r="A12084" s="11"/>
      <c r="B12084" s="20"/>
      <c r="C12084" s="2" t="s">
        <v>37180</v>
      </c>
      <c r="D12084" s="14" t="s">
        <v>37181</v>
      </c>
      <c r="E12084" s="2" t="s">
        <v>37182</v>
      </c>
      <c r="F12084" s="2" t="s">
        <v>36361</v>
      </c>
      <c r="G12084" s="8">
        <v>150</v>
      </c>
      <c r="H12084" s="5">
        <v>6</v>
      </c>
      <c r="I12084" s="5" t="s">
        <v>1518</v>
      </c>
      <c r="J12084" s="5" t="s">
        <v>36264</v>
      </c>
      <c r="K12084" s="2" t="s">
        <v>36265</v>
      </c>
      <c r="L12084" s="5" t="s">
        <v>36264</v>
      </c>
      <c r="M12084" s="2" t="s">
        <v>36265</v>
      </c>
      <c r="N12084" s="5" t="s">
        <v>36266</v>
      </c>
      <c r="O12084" s="5" t="s">
        <v>38</v>
      </c>
      <c r="P12084" s="5" t="s">
        <v>39</v>
      </c>
      <c r="Q12084" s="5" t="s">
        <v>40</v>
      </c>
      <c r="R12084" s="5" t="s">
        <v>1522</v>
      </c>
      <c r="S12084" s="5" t="s">
        <v>1523</v>
      </c>
      <c r="T12084" s="5" t="s">
        <v>42</v>
      </c>
      <c r="U12084" s="2">
        <v>1.2470000000000001</v>
      </c>
      <c r="V12084" s="2">
        <v>0.73299999999999998</v>
      </c>
      <c r="W12084" s="2">
        <v>1.2999999999999999E-2</v>
      </c>
      <c r="X12084" s="2">
        <v>99.1</v>
      </c>
      <c r="Y12084" s="2">
        <v>7.6</v>
      </c>
      <c r="Z12084" s="2">
        <v>16.7</v>
      </c>
      <c r="AA12084" s="5"/>
      <c r="AB12084" s="5" t="s">
        <v>43</v>
      </c>
      <c r="AC12084" s="5" t="s">
        <v>44</v>
      </c>
      <c r="AD12084" s="2"/>
      <c r="AE12084" s="1"/>
    </row>
    <row r="12085" spans="1:31" ht="14.45">
      <c r="A12085" s="11"/>
      <c r="B12085" s="20"/>
      <c r="C12085" s="2" t="s">
        <v>37183</v>
      </c>
      <c r="D12085" s="14" t="s">
        <v>37184</v>
      </c>
      <c r="E12085" s="2" t="s">
        <v>37185</v>
      </c>
      <c r="F12085" s="2" t="s">
        <v>36365</v>
      </c>
      <c r="G12085" s="8">
        <v>150</v>
      </c>
      <c r="H12085" s="5">
        <v>6</v>
      </c>
      <c r="I12085" s="5" t="s">
        <v>1518</v>
      </c>
      <c r="J12085" s="5" t="s">
        <v>36264</v>
      </c>
      <c r="K12085" s="2" t="s">
        <v>36265</v>
      </c>
      <c r="L12085" s="5" t="s">
        <v>36264</v>
      </c>
      <c r="M12085" s="2" t="s">
        <v>36265</v>
      </c>
      <c r="N12085" s="5" t="s">
        <v>36266</v>
      </c>
      <c r="O12085" s="5" t="s">
        <v>38</v>
      </c>
      <c r="P12085" s="5" t="s">
        <v>39</v>
      </c>
      <c r="Q12085" s="5" t="s">
        <v>40</v>
      </c>
      <c r="R12085" s="5" t="s">
        <v>1522</v>
      </c>
      <c r="S12085" s="5" t="s">
        <v>1523</v>
      </c>
      <c r="T12085" s="5" t="s">
        <v>42</v>
      </c>
      <c r="U12085" s="2">
        <v>1.2669999999999999</v>
      </c>
      <c r="V12085" s="2">
        <v>0.753</v>
      </c>
      <c r="W12085" s="2">
        <v>1.2999999999999999E-2</v>
      </c>
      <c r="X12085" s="2">
        <v>99.1</v>
      </c>
      <c r="Y12085" s="2">
        <v>7.6</v>
      </c>
      <c r="Z12085" s="2">
        <v>16.7</v>
      </c>
      <c r="AA12085" s="5"/>
      <c r="AB12085" s="5" t="s">
        <v>43</v>
      </c>
      <c r="AC12085" s="5" t="s">
        <v>44</v>
      </c>
      <c r="AD12085" s="2"/>
      <c r="AE12085" s="1"/>
    </row>
    <row r="12086" spans="1:31" ht="14.45">
      <c r="A12086" s="11"/>
      <c r="B12086" s="20"/>
      <c r="C12086" s="2" t="s">
        <v>37186</v>
      </c>
      <c r="D12086" s="14" t="s">
        <v>37187</v>
      </c>
      <c r="E12086" s="2" t="s">
        <v>37188</v>
      </c>
      <c r="F12086" s="2" t="s">
        <v>36644</v>
      </c>
      <c r="G12086" s="8">
        <v>150</v>
      </c>
      <c r="H12086" s="5">
        <v>6</v>
      </c>
      <c r="I12086" s="5" t="s">
        <v>1518</v>
      </c>
      <c r="J12086" s="5" t="s">
        <v>36264</v>
      </c>
      <c r="K12086" s="2" t="s">
        <v>36265</v>
      </c>
      <c r="L12086" s="5" t="s">
        <v>36264</v>
      </c>
      <c r="M12086" s="2" t="s">
        <v>36265</v>
      </c>
      <c r="N12086" s="5" t="s">
        <v>36266</v>
      </c>
      <c r="O12086" s="5" t="s">
        <v>38</v>
      </c>
      <c r="P12086" s="5" t="s">
        <v>39</v>
      </c>
      <c r="Q12086" s="5" t="s">
        <v>40</v>
      </c>
      <c r="R12086" s="5" t="s">
        <v>1522</v>
      </c>
      <c r="S12086" s="5" t="s">
        <v>1523</v>
      </c>
      <c r="T12086" s="5" t="s">
        <v>42</v>
      </c>
      <c r="U12086" s="2">
        <v>1.2470000000000001</v>
      </c>
      <c r="V12086" s="2">
        <v>0.73299999999999998</v>
      </c>
      <c r="W12086" s="2">
        <v>1.2999999999999999E-2</v>
      </c>
      <c r="X12086" s="2">
        <v>99.1</v>
      </c>
      <c r="Y12086" s="2">
        <v>7.6</v>
      </c>
      <c r="Z12086" s="2">
        <v>16.7</v>
      </c>
      <c r="AA12086" s="5"/>
      <c r="AB12086" s="5" t="s">
        <v>43</v>
      </c>
      <c r="AC12086" s="5" t="s">
        <v>44</v>
      </c>
      <c r="AD12086" s="2"/>
      <c r="AE12086" s="1"/>
    </row>
    <row r="12087" spans="1:31" ht="14.45">
      <c r="A12087" s="11"/>
      <c r="B12087" s="20"/>
      <c r="C12087" s="2" t="s">
        <v>37189</v>
      </c>
      <c r="D12087" s="14" t="s">
        <v>37190</v>
      </c>
      <c r="E12087" s="2" t="s">
        <v>37191</v>
      </c>
      <c r="F12087" s="2" t="s">
        <v>36648</v>
      </c>
      <c r="G12087" s="8">
        <v>150</v>
      </c>
      <c r="H12087" s="5">
        <v>6</v>
      </c>
      <c r="I12087" s="5" t="s">
        <v>1518</v>
      </c>
      <c r="J12087" s="5" t="s">
        <v>36264</v>
      </c>
      <c r="K12087" s="2" t="s">
        <v>36265</v>
      </c>
      <c r="L12087" s="5" t="s">
        <v>36264</v>
      </c>
      <c r="M12087" s="2" t="s">
        <v>36265</v>
      </c>
      <c r="N12087" s="5" t="s">
        <v>36266</v>
      </c>
      <c r="O12087" s="5" t="s">
        <v>38</v>
      </c>
      <c r="P12087" s="5" t="s">
        <v>39</v>
      </c>
      <c r="Q12087" s="5" t="s">
        <v>40</v>
      </c>
      <c r="R12087" s="5" t="s">
        <v>1522</v>
      </c>
      <c r="S12087" s="5" t="s">
        <v>1523</v>
      </c>
      <c r="T12087" s="5" t="s">
        <v>42</v>
      </c>
      <c r="U12087" s="2">
        <v>1.2669999999999999</v>
      </c>
      <c r="V12087" s="2">
        <v>0.753</v>
      </c>
      <c r="W12087" s="2">
        <v>1.2999999999999999E-2</v>
      </c>
      <c r="X12087" s="2">
        <v>99.1</v>
      </c>
      <c r="Y12087" s="2">
        <v>7.6</v>
      </c>
      <c r="Z12087" s="2">
        <v>16.7</v>
      </c>
      <c r="AA12087" s="5"/>
      <c r="AB12087" s="5" t="s">
        <v>43</v>
      </c>
      <c r="AC12087" s="5" t="s">
        <v>44</v>
      </c>
      <c r="AD12087" s="2"/>
      <c r="AE12087" s="1"/>
    </row>
    <row r="12088" spans="1:31" ht="14.45">
      <c r="A12088" s="11"/>
      <c r="B12088" s="20"/>
      <c r="C12088" s="2" t="s">
        <v>37192</v>
      </c>
      <c r="D12088" s="14" t="s">
        <v>37193</v>
      </c>
      <c r="E12088" s="2" t="s">
        <v>37194</v>
      </c>
      <c r="F12088" s="2" t="s">
        <v>36377</v>
      </c>
      <c r="G12088" s="8">
        <v>150</v>
      </c>
      <c r="H12088" s="5">
        <v>6</v>
      </c>
      <c r="I12088" s="5" t="s">
        <v>1518</v>
      </c>
      <c r="J12088" s="5" t="s">
        <v>36264</v>
      </c>
      <c r="K12088" s="2" t="s">
        <v>36265</v>
      </c>
      <c r="L12088" s="5" t="s">
        <v>36264</v>
      </c>
      <c r="M12088" s="2" t="s">
        <v>36265</v>
      </c>
      <c r="N12088" s="5" t="s">
        <v>36266</v>
      </c>
      <c r="O12088" s="5" t="s">
        <v>38</v>
      </c>
      <c r="P12088" s="5" t="s">
        <v>39</v>
      </c>
      <c r="Q12088" s="5" t="s">
        <v>40</v>
      </c>
      <c r="R12088" s="5" t="s">
        <v>1522</v>
      </c>
      <c r="S12088" s="5" t="s">
        <v>1523</v>
      </c>
      <c r="T12088" s="5" t="s">
        <v>42</v>
      </c>
      <c r="U12088" s="2">
        <v>1.2470000000000001</v>
      </c>
      <c r="V12088" s="2">
        <v>0.73299999999999998</v>
      </c>
      <c r="W12088" s="2">
        <v>1.2999999999999999E-2</v>
      </c>
      <c r="X12088" s="2">
        <v>99.1</v>
      </c>
      <c r="Y12088" s="2">
        <v>7.6</v>
      </c>
      <c r="Z12088" s="2">
        <v>16.7</v>
      </c>
      <c r="AA12088" s="5"/>
      <c r="AB12088" s="5" t="s">
        <v>43</v>
      </c>
      <c r="AC12088" s="5" t="s">
        <v>44</v>
      </c>
      <c r="AD12088" s="2"/>
      <c r="AE12088" s="1"/>
    </row>
    <row r="12089" spans="1:31" ht="14.45">
      <c r="A12089" s="11"/>
      <c r="B12089" s="20"/>
      <c r="C12089" s="2" t="s">
        <v>37195</v>
      </c>
      <c r="D12089" s="14" t="s">
        <v>37196</v>
      </c>
      <c r="E12089" s="2" t="s">
        <v>37197</v>
      </c>
      <c r="F12089" s="2" t="s">
        <v>36381</v>
      </c>
      <c r="G12089" s="8">
        <v>150</v>
      </c>
      <c r="H12089" s="5">
        <v>6</v>
      </c>
      <c r="I12089" s="5" t="s">
        <v>1518</v>
      </c>
      <c r="J12089" s="5" t="s">
        <v>36264</v>
      </c>
      <c r="K12089" s="2" t="s">
        <v>36265</v>
      </c>
      <c r="L12089" s="5" t="s">
        <v>36264</v>
      </c>
      <c r="M12089" s="2" t="s">
        <v>36265</v>
      </c>
      <c r="N12089" s="5" t="s">
        <v>36266</v>
      </c>
      <c r="O12089" s="5" t="s">
        <v>38</v>
      </c>
      <c r="P12089" s="5" t="s">
        <v>39</v>
      </c>
      <c r="Q12089" s="5" t="s">
        <v>40</v>
      </c>
      <c r="R12089" s="5" t="s">
        <v>1522</v>
      </c>
      <c r="S12089" s="5" t="s">
        <v>1523</v>
      </c>
      <c r="T12089" s="5" t="s">
        <v>42</v>
      </c>
      <c r="U12089" s="2">
        <v>1.2669999999999999</v>
      </c>
      <c r="V12089" s="2">
        <v>0.753</v>
      </c>
      <c r="W12089" s="2">
        <v>1.2999999999999999E-2</v>
      </c>
      <c r="X12089" s="2">
        <v>99.1</v>
      </c>
      <c r="Y12089" s="2">
        <v>7.6</v>
      </c>
      <c r="Z12089" s="2">
        <v>16.7</v>
      </c>
      <c r="AA12089" s="5"/>
      <c r="AB12089" s="5" t="s">
        <v>43</v>
      </c>
      <c r="AC12089" s="5" t="s">
        <v>44</v>
      </c>
      <c r="AD12089" s="2"/>
      <c r="AE12089" s="1"/>
    </row>
    <row r="12090" spans="1:31" ht="14.45">
      <c r="A12090" s="11"/>
      <c r="B12090" s="20"/>
      <c r="C12090" s="2" t="s">
        <v>37198</v>
      </c>
      <c r="D12090" s="14" t="s">
        <v>37199</v>
      </c>
      <c r="E12090" s="2" t="s">
        <v>37200</v>
      </c>
      <c r="F12090" s="2" t="s">
        <v>36385</v>
      </c>
      <c r="G12090" s="8">
        <v>150</v>
      </c>
      <c r="H12090" s="5">
        <v>6</v>
      </c>
      <c r="I12090" s="5" t="s">
        <v>1518</v>
      </c>
      <c r="J12090" s="5" t="s">
        <v>36264</v>
      </c>
      <c r="K12090" s="2" t="s">
        <v>36265</v>
      </c>
      <c r="L12090" s="5" t="s">
        <v>36264</v>
      </c>
      <c r="M12090" s="2" t="s">
        <v>36265</v>
      </c>
      <c r="N12090" s="5" t="s">
        <v>36266</v>
      </c>
      <c r="O12090" s="5" t="s">
        <v>38</v>
      </c>
      <c r="P12090" s="5" t="s">
        <v>39</v>
      </c>
      <c r="Q12090" s="5" t="s">
        <v>40</v>
      </c>
      <c r="R12090" s="5" t="s">
        <v>1522</v>
      </c>
      <c r="S12090" s="5" t="s">
        <v>1523</v>
      </c>
      <c r="T12090" s="5" t="s">
        <v>42</v>
      </c>
      <c r="U12090" s="2">
        <v>1.2470000000000001</v>
      </c>
      <c r="V12090" s="2">
        <v>0.73299999999999998</v>
      </c>
      <c r="W12090" s="2">
        <v>1.2999999999999999E-2</v>
      </c>
      <c r="X12090" s="2">
        <v>99.1</v>
      </c>
      <c r="Y12090" s="2">
        <v>7.6</v>
      </c>
      <c r="Z12090" s="2">
        <v>16.7</v>
      </c>
      <c r="AA12090" s="5"/>
      <c r="AB12090" s="5" t="s">
        <v>43</v>
      </c>
      <c r="AC12090" s="5" t="s">
        <v>44</v>
      </c>
      <c r="AD12090" s="2"/>
      <c r="AE12090" s="1"/>
    </row>
    <row r="12091" spans="1:31" ht="14.45">
      <c r="A12091" s="11"/>
      <c r="B12091" s="20"/>
      <c r="C12091" s="2" t="s">
        <v>37201</v>
      </c>
      <c r="D12091" s="14" t="s">
        <v>37202</v>
      </c>
      <c r="E12091" s="2" t="s">
        <v>37203</v>
      </c>
      <c r="F12091" s="2" t="s">
        <v>36389</v>
      </c>
      <c r="G12091" s="8">
        <v>150</v>
      </c>
      <c r="H12091" s="5">
        <v>6</v>
      </c>
      <c r="I12091" s="5" t="s">
        <v>1518</v>
      </c>
      <c r="J12091" s="5" t="s">
        <v>36264</v>
      </c>
      <c r="K12091" s="2" t="s">
        <v>36265</v>
      </c>
      <c r="L12091" s="5" t="s">
        <v>36264</v>
      </c>
      <c r="M12091" s="2" t="s">
        <v>36265</v>
      </c>
      <c r="N12091" s="5" t="s">
        <v>36266</v>
      </c>
      <c r="O12091" s="5" t="s">
        <v>38</v>
      </c>
      <c r="P12091" s="5" t="s">
        <v>39</v>
      </c>
      <c r="Q12091" s="5" t="s">
        <v>40</v>
      </c>
      <c r="R12091" s="5" t="s">
        <v>1522</v>
      </c>
      <c r="S12091" s="5" t="s">
        <v>1523</v>
      </c>
      <c r="T12091" s="5" t="s">
        <v>42</v>
      </c>
      <c r="U12091" s="2">
        <v>1.2669999999999999</v>
      </c>
      <c r="V12091" s="2">
        <v>0.753</v>
      </c>
      <c r="W12091" s="2">
        <v>1.2999999999999999E-2</v>
      </c>
      <c r="X12091" s="2">
        <v>99.1</v>
      </c>
      <c r="Y12091" s="2">
        <v>7.6</v>
      </c>
      <c r="Z12091" s="2">
        <v>16.7</v>
      </c>
      <c r="AA12091" s="5"/>
      <c r="AB12091" s="5" t="s">
        <v>43</v>
      </c>
      <c r="AC12091" s="5" t="s">
        <v>44</v>
      </c>
      <c r="AD12091" s="2"/>
      <c r="AE12091" s="1"/>
    </row>
    <row r="12092" spans="1:31" ht="14.45">
      <c r="A12092" s="11"/>
      <c r="B12092" s="20"/>
      <c r="C12092" s="2" t="s">
        <v>37204</v>
      </c>
      <c r="D12092" s="14" t="s">
        <v>37205</v>
      </c>
      <c r="E12092" s="2" t="s">
        <v>37206</v>
      </c>
      <c r="F12092" s="2" t="s">
        <v>7204</v>
      </c>
      <c r="G12092" s="8">
        <v>144</v>
      </c>
      <c r="H12092" s="5">
        <v>6</v>
      </c>
      <c r="I12092" s="5" t="s">
        <v>1518</v>
      </c>
      <c r="J12092" s="5" t="s">
        <v>36264</v>
      </c>
      <c r="K12092" s="2" t="s">
        <v>36265</v>
      </c>
      <c r="L12092" s="5" t="s">
        <v>36264</v>
      </c>
      <c r="M12092" s="2" t="s">
        <v>36265</v>
      </c>
      <c r="N12092" s="5" t="s">
        <v>36266</v>
      </c>
      <c r="O12092" s="5" t="s">
        <v>38</v>
      </c>
      <c r="P12092" s="5" t="s">
        <v>39</v>
      </c>
      <c r="Q12092" s="5" t="s">
        <v>40</v>
      </c>
      <c r="R12092" s="5" t="s">
        <v>1522</v>
      </c>
      <c r="S12092" s="5" t="s">
        <v>1523</v>
      </c>
      <c r="T12092" s="5" t="s">
        <v>42</v>
      </c>
      <c r="U12092" s="2">
        <v>1.337</v>
      </c>
      <c r="V12092" s="2">
        <v>0.82399999999999995</v>
      </c>
      <c r="W12092" s="2">
        <v>1.4999999999999999E-2</v>
      </c>
      <c r="X12092" s="2">
        <v>118.9</v>
      </c>
      <c r="Y12092" s="2">
        <v>7.6</v>
      </c>
      <c r="Z12092" s="2">
        <v>16.7</v>
      </c>
      <c r="AA12092" s="5"/>
      <c r="AB12092" s="5" t="s">
        <v>43</v>
      </c>
      <c r="AC12092" s="5" t="s">
        <v>44</v>
      </c>
      <c r="AD12092" s="2"/>
      <c r="AE12092" s="1"/>
    </row>
    <row r="12093" spans="1:31" ht="14.45">
      <c r="A12093" s="11"/>
      <c r="B12093" s="20"/>
      <c r="C12093" s="2" t="s">
        <v>37207</v>
      </c>
      <c r="D12093" s="14" t="s">
        <v>37208</v>
      </c>
      <c r="E12093" s="2" t="s">
        <v>37209</v>
      </c>
      <c r="F12093" s="2" t="s">
        <v>7514</v>
      </c>
      <c r="G12093" s="8">
        <v>144</v>
      </c>
      <c r="H12093" s="5">
        <v>6</v>
      </c>
      <c r="I12093" s="5" t="s">
        <v>1518</v>
      </c>
      <c r="J12093" s="5" t="s">
        <v>36264</v>
      </c>
      <c r="K12093" s="2" t="s">
        <v>36265</v>
      </c>
      <c r="L12093" s="5" t="s">
        <v>36264</v>
      </c>
      <c r="M12093" s="2" t="s">
        <v>36265</v>
      </c>
      <c r="N12093" s="5" t="s">
        <v>36266</v>
      </c>
      <c r="O12093" s="5" t="s">
        <v>38</v>
      </c>
      <c r="P12093" s="5" t="s">
        <v>39</v>
      </c>
      <c r="Q12093" s="5" t="s">
        <v>40</v>
      </c>
      <c r="R12093" s="5" t="s">
        <v>1522</v>
      </c>
      <c r="S12093" s="5" t="s">
        <v>1523</v>
      </c>
      <c r="T12093" s="5" t="s">
        <v>42</v>
      </c>
      <c r="U12093" s="2">
        <v>1.357</v>
      </c>
      <c r="V12093" s="2">
        <v>0.84399999999999997</v>
      </c>
      <c r="W12093" s="2">
        <v>1.4999999999999999E-2</v>
      </c>
      <c r="X12093" s="2">
        <v>118.9</v>
      </c>
      <c r="Y12093" s="2">
        <v>7.6</v>
      </c>
      <c r="Z12093" s="2">
        <v>16.7</v>
      </c>
      <c r="AA12093" s="5"/>
      <c r="AB12093" s="5" t="s">
        <v>43</v>
      </c>
      <c r="AC12093" s="5" t="s">
        <v>44</v>
      </c>
      <c r="AD12093" s="2"/>
      <c r="AE12093" s="1"/>
    </row>
    <row r="12094" spans="1:31" ht="14.45">
      <c r="A12094" s="11"/>
      <c r="B12094" s="20"/>
      <c r="C12094" s="2" t="s">
        <v>37210</v>
      </c>
      <c r="D12094" s="14" t="s">
        <v>37211</v>
      </c>
      <c r="E12094" s="2" t="s">
        <v>37212</v>
      </c>
      <c r="F12094" s="2" t="s">
        <v>36273</v>
      </c>
      <c r="G12094" s="8">
        <v>144</v>
      </c>
      <c r="H12094" s="5">
        <v>6</v>
      </c>
      <c r="I12094" s="5" t="s">
        <v>1518</v>
      </c>
      <c r="J12094" s="5" t="s">
        <v>36264</v>
      </c>
      <c r="K12094" s="2" t="s">
        <v>36265</v>
      </c>
      <c r="L12094" s="5" t="s">
        <v>36264</v>
      </c>
      <c r="M12094" s="2" t="s">
        <v>36265</v>
      </c>
      <c r="N12094" s="5" t="s">
        <v>36266</v>
      </c>
      <c r="O12094" s="5" t="s">
        <v>38</v>
      </c>
      <c r="P12094" s="5" t="s">
        <v>39</v>
      </c>
      <c r="Q12094" s="5" t="s">
        <v>40</v>
      </c>
      <c r="R12094" s="5" t="s">
        <v>1522</v>
      </c>
      <c r="S12094" s="5" t="s">
        <v>1523</v>
      </c>
      <c r="T12094" s="5" t="s">
        <v>42</v>
      </c>
      <c r="U12094" s="2">
        <v>1.337</v>
      </c>
      <c r="V12094" s="2">
        <v>0.82399999999999995</v>
      </c>
      <c r="W12094" s="2">
        <v>1.4999999999999999E-2</v>
      </c>
      <c r="X12094" s="2">
        <v>118.9</v>
      </c>
      <c r="Y12094" s="2">
        <v>7.6</v>
      </c>
      <c r="Z12094" s="2">
        <v>16.7</v>
      </c>
      <c r="AA12094" s="5"/>
      <c r="AB12094" s="5" t="s">
        <v>43</v>
      </c>
      <c r="AC12094" s="5" t="s">
        <v>44</v>
      </c>
      <c r="AD12094" s="2"/>
      <c r="AE12094" s="1"/>
    </row>
    <row r="12095" spans="1:31" ht="14.45">
      <c r="A12095" s="11"/>
      <c r="B12095" s="20"/>
      <c r="C12095" s="2" t="s">
        <v>37213</v>
      </c>
      <c r="D12095" s="14" t="s">
        <v>37214</v>
      </c>
      <c r="E12095" s="2" t="s">
        <v>37215</v>
      </c>
      <c r="F12095" s="2" t="s">
        <v>36277</v>
      </c>
      <c r="G12095" s="8">
        <v>144</v>
      </c>
      <c r="H12095" s="5">
        <v>6</v>
      </c>
      <c r="I12095" s="5" t="s">
        <v>1518</v>
      </c>
      <c r="J12095" s="5" t="s">
        <v>36264</v>
      </c>
      <c r="K12095" s="2" t="s">
        <v>36265</v>
      </c>
      <c r="L12095" s="5" t="s">
        <v>36264</v>
      </c>
      <c r="M12095" s="2" t="s">
        <v>36265</v>
      </c>
      <c r="N12095" s="5" t="s">
        <v>36266</v>
      </c>
      <c r="O12095" s="5" t="s">
        <v>38</v>
      </c>
      <c r="P12095" s="5" t="s">
        <v>39</v>
      </c>
      <c r="Q12095" s="5" t="s">
        <v>40</v>
      </c>
      <c r="R12095" s="5" t="s">
        <v>1522</v>
      </c>
      <c r="S12095" s="5" t="s">
        <v>1523</v>
      </c>
      <c r="T12095" s="5" t="s">
        <v>42</v>
      </c>
      <c r="U12095" s="2">
        <v>1.357</v>
      </c>
      <c r="V12095" s="2">
        <v>0.84399999999999997</v>
      </c>
      <c r="W12095" s="2">
        <v>1.4999999999999999E-2</v>
      </c>
      <c r="X12095" s="2">
        <v>118.9</v>
      </c>
      <c r="Y12095" s="2">
        <v>7.6</v>
      </c>
      <c r="Z12095" s="2">
        <v>16.7</v>
      </c>
      <c r="AA12095" s="5"/>
      <c r="AB12095" s="5" t="s">
        <v>43</v>
      </c>
      <c r="AC12095" s="5" t="s">
        <v>44</v>
      </c>
      <c r="AD12095" s="2"/>
      <c r="AE12095" s="1"/>
    </row>
    <row r="12096" spans="1:31" ht="14.45">
      <c r="A12096" s="11"/>
      <c r="B12096" s="20"/>
      <c r="C12096" s="2" t="s">
        <v>37216</v>
      </c>
      <c r="D12096" s="14" t="s">
        <v>37217</v>
      </c>
      <c r="E12096" s="2" t="s">
        <v>37218</v>
      </c>
      <c r="F12096" s="2" t="s">
        <v>36281</v>
      </c>
      <c r="G12096" s="8">
        <v>165</v>
      </c>
      <c r="H12096" s="5">
        <v>6</v>
      </c>
      <c r="I12096" s="5" t="s">
        <v>1518</v>
      </c>
      <c r="J12096" s="5" t="s">
        <v>36264</v>
      </c>
      <c r="K12096" s="2" t="s">
        <v>36265</v>
      </c>
      <c r="L12096" s="5" t="s">
        <v>36264</v>
      </c>
      <c r="M12096" s="2" t="s">
        <v>36265</v>
      </c>
      <c r="N12096" s="5" t="s">
        <v>36266</v>
      </c>
      <c r="O12096" s="5" t="s">
        <v>38</v>
      </c>
      <c r="P12096" s="5" t="s">
        <v>39</v>
      </c>
      <c r="Q12096" s="5" t="s">
        <v>40</v>
      </c>
      <c r="R12096" s="5" t="s">
        <v>1522</v>
      </c>
      <c r="S12096" s="5" t="s">
        <v>1523</v>
      </c>
      <c r="T12096" s="5" t="s">
        <v>42</v>
      </c>
      <c r="U12096" s="2">
        <v>1.337</v>
      </c>
      <c r="V12096" s="2">
        <v>0.82399999999999995</v>
      </c>
      <c r="W12096" s="2">
        <v>1.4999999999999999E-2</v>
      </c>
      <c r="X12096" s="2">
        <v>118.9</v>
      </c>
      <c r="Y12096" s="2">
        <v>7.6</v>
      </c>
      <c r="Z12096" s="2">
        <v>16.7</v>
      </c>
      <c r="AA12096" s="5"/>
      <c r="AB12096" s="5" t="s">
        <v>43</v>
      </c>
      <c r="AC12096" s="5" t="s">
        <v>44</v>
      </c>
      <c r="AD12096" s="2"/>
      <c r="AE12096" s="1"/>
    </row>
    <row r="12097" spans="1:31" ht="14.45">
      <c r="A12097" s="11"/>
      <c r="B12097" s="20"/>
      <c r="C12097" s="2" t="s">
        <v>37219</v>
      </c>
      <c r="D12097" s="14" t="s">
        <v>37220</v>
      </c>
      <c r="E12097" s="2" t="s">
        <v>37221</v>
      </c>
      <c r="F12097" s="2" t="s">
        <v>36285</v>
      </c>
      <c r="G12097" s="8">
        <v>165</v>
      </c>
      <c r="H12097" s="5">
        <v>6</v>
      </c>
      <c r="I12097" s="5" t="s">
        <v>1518</v>
      </c>
      <c r="J12097" s="5" t="s">
        <v>36264</v>
      </c>
      <c r="K12097" s="2" t="s">
        <v>36265</v>
      </c>
      <c r="L12097" s="5" t="s">
        <v>36264</v>
      </c>
      <c r="M12097" s="2" t="s">
        <v>36265</v>
      </c>
      <c r="N12097" s="5" t="s">
        <v>36266</v>
      </c>
      <c r="O12097" s="5" t="s">
        <v>38</v>
      </c>
      <c r="P12097" s="5" t="s">
        <v>39</v>
      </c>
      <c r="Q12097" s="5" t="s">
        <v>40</v>
      </c>
      <c r="R12097" s="5" t="s">
        <v>1522</v>
      </c>
      <c r="S12097" s="5" t="s">
        <v>1523</v>
      </c>
      <c r="T12097" s="5" t="s">
        <v>42</v>
      </c>
      <c r="U12097" s="2">
        <v>1.357</v>
      </c>
      <c r="V12097" s="2">
        <v>0.84399999999999997</v>
      </c>
      <c r="W12097" s="2">
        <v>1.4999999999999999E-2</v>
      </c>
      <c r="X12097" s="2">
        <v>118.9</v>
      </c>
      <c r="Y12097" s="2">
        <v>7.6</v>
      </c>
      <c r="Z12097" s="2">
        <v>16.7</v>
      </c>
      <c r="AA12097" s="5"/>
      <c r="AB12097" s="5" t="s">
        <v>43</v>
      </c>
      <c r="AC12097" s="5" t="s">
        <v>44</v>
      </c>
      <c r="AD12097" s="2"/>
      <c r="AE12097" s="1"/>
    </row>
    <row r="12098" spans="1:31" ht="14.45">
      <c r="A12098" s="11"/>
      <c r="B12098" s="20"/>
      <c r="C12098" s="2" t="s">
        <v>37222</v>
      </c>
      <c r="D12098" s="14" t="s">
        <v>37223</v>
      </c>
      <c r="E12098" s="2" t="s">
        <v>37224</v>
      </c>
      <c r="F12098" s="2" t="s">
        <v>36289</v>
      </c>
      <c r="G12098" s="8">
        <v>165</v>
      </c>
      <c r="H12098" s="5">
        <v>6</v>
      </c>
      <c r="I12098" s="5" t="s">
        <v>1518</v>
      </c>
      <c r="J12098" s="5" t="s">
        <v>36264</v>
      </c>
      <c r="K12098" s="2" t="s">
        <v>36265</v>
      </c>
      <c r="L12098" s="5" t="s">
        <v>36264</v>
      </c>
      <c r="M12098" s="2" t="s">
        <v>36265</v>
      </c>
      <c r="N12098" s="5" t="s">
        <v>36266</v>
      </c>
      <c r="O12098" s="5" t="s">
        <v>38</v>
      </c>
      <c r="P12098" s="5" t="s">
        <v>39</v>
      </c>
      <c r="Q12098" s="5" t="s">
        <v>40</v>
      </c>
      <c r="R12098" s="5" t="s">
        <v>1522</v>
      </c>
      <c r="S12098" s="5" t="s">
        <v>1523</v>
      </c>
      <c r="T12098" s="5" t="s">
        <v>42</v>
      </c>
      <c r="U12098" s="2">
        <v>1.337</v>
      </c>
      <c r="V12098" s="2">
        <v>0.82399999999999995</v>
      </c>
      <c r="W12098" s="2">
        <v>1.4999999999999999E-2</v>
      </c>
      <c r="X12098" s="2">
        <v>118.9</v>
      </c>
      <c r="Y12098" s="2">
        <v>7.6</v>
      </c>
      <c r="Z12098" s="2">
        <v>16.7</v>
      </c>
      <c r="AA12098" s="5"/>
      <c r="AB12098" s="5" t="s">
        <v>43</v>
      </c>
      <c r="AC12098" s="5" t="s">
        <v>44</v>
      </c>
      <c r="AD12098" s="2"/>
      <c r="AE12098" s="1"/>
    </row>
    <row r="12099" spans="1:31" ht="14.45">
      <c r="A12099" s="11"/>
      <c r="B12099" s="20"/>
      <c r="C12099" s="2" t="s">
        <v>37225</v>
      </c>
      <c r="D12099" s="14" t="s">
        <v>37226</v>
      </c>
      <c r="E12099" s="2" t="s">
        <v>37227</v>
      </c>
      <c r="F12099" s="2" t="s">
        <v>36293</v>
      </c>
      <c r="G12099" s="8">
        <v>165</v>
      </c>
      <c r="H12099" s="5">
        <v>6</v>
      </c>
      <c r="I12099" s="5" t="s">
        <v>1518</v>
      </c>
      <c r="J12099" s="5" t="s">
        <v>36264</v>
      </c>
      <c r="K12099" s="2" t="s">
        <v>36265</v>
      </c>
      <c r="L12099" s="5" t="s">
        <v>36264</v>
      </c>
      <c r="M12099" s="2" t="s">
        <v>36265</v>
      </c>
      <c r="N12099" s="5" t="s">
        <v>36266</v>
      </c>
      <c r="O12099" s="5" t="s">
        <v>38</v>
      </c>
      <c r="P12099" s="5" t="s">
        <v>39</v>
      </c>
      <c r="Q12099" s="5" t="s">
        <v>40</v>
      </c>
      <c r="R12099" s="5" t="s">
        <v>1522</v>
      </c>
      <c r="S12099" s="5" t="s">
        <v>1523</v>
      </c>
      <c r="T12099" s="5" t="s">
        <v>42</v>
      </c>
      <c r="U12099" s="2">
        <v>1.357</v>
      </c>
      <c r="V12099" s="2">
        <v>0.84399999999999997</v>
      </c>
      <c r="W12099" s="2">
        <v>1.4999999999999999E-2</v>
      </c>
      <c r="X12099" s="2">
        <v>118.9</v>
      </c>
      <c r="Y12099" s="2">
        <v>7.6</v>
      </c>
      <c r="Z12099" s="2">
        <v>16.7</v>
      </c>
      <c r="AA12099" s="5"/>
      <c r="AB12099" s="5" t="s">
        <v>43</v>
      </c>
      <c r="AC12099" s="5" t="s">
        <v>44</v>
      </c>
      <c r="AD12099" s="2"/>
      <c r="AE12099" s="1"/>
    </row>
    <row r="12100" spans="1:31" ht="14.45">
      <c r="A12100" s="11"/>
      <c r="B12100" s="20"/>
      <c r="C12100" s="2" t="s">
        <v>37228</v>
      </c>
      <c r="D12100" s="14" t="s">
        <v>37229</v>
      </c>
      <c r="E12100" s="2" t="s">
        <v>37230</v>
      </c>
      <c r="F12100" s="2" t="s">
        <v>36588</v>
      </c>
      <c r="G12100" s="8">
        <v>144</v>
      </c>
      <c r="H12100" s="5">
        <v>6</v>
      </c>
      <c r="I12100" s="5" t="s">
        <v>1518</v>
      </c>
      <c r="J12100" s="5" t="s">
        <v>36264</v>
      </c>
      <c r="K12100" s="2" t="s">
        <v>36265</v>
      </c>
      <c r="L12100" s="5" t="s">
        <v>36264</v>
      </c>
      <c r="M12100" s="2" t="s">
        <v>36265</v>
      </c>
      <c r="N12100" s="5" t="s">
        <v>36266</v>
      </c>
      <c r="O12100" s="5" t="s">
        <v>38</v>
      </c>
      <c r="P12100" s="5" t="s">
        <v>39</v>
      </c>
      <c r="Q12100" s="5" t="s">
        <v>40</v>
      </c>
      <c r="R12100" s="5" t="s">
        <v>1522</v>
      </c>
      <c r="S12100" s="5" t="s">
        <v>1523</v>
      </c>
      <c r="T12100" s="5" t="s">
        <v>42</v>
      </c>
      <c r="U12100" s="2">
        <v>1.337</v>
      </c>
      <c r="V12100" s="2">
        <v>0.82399999999999995</v>
      </c>
      <c r="W12100" s="2">
        <v>1.4999999999999999E-2</v>
      </c>
      <c r="X12100" s="2">
        <v>118.9</v>
      </c>
      <c r="Y12100" s="2">
        <v>7.6</v>
      </c>
      <c r="Z12100" s="2">
        <v>16.7</v>
      </c>
      <c r="AA12100" s="5"/>
      <c r="AB12100" s="5" t="s">
        <v>43</v>
      </c>
      <c r="AC12100" s="5" t="s">
        <v>44</v>
      </c>
      <c r="AD12100" s="2"/>
      <c r="AE12100" s="1"/>
    </row>
    <row r="12101" spans="1:31" ht="14.45">
      <c r="A12101" s="11"/>
      <c r="B12101" s="20"/>
      <c r="C12101" s="2" t="s">
        <v>37231</v>
      </c>
      <c r="D12101" s="14" t="s">
        <v>37232</v>
      </c>
      <c r="E12101" s="2" t="s">
        <v>37233</v>
      </c>
      <c r="F12101" s="2" t="s">
        <v>36592</v>
      </c>
      <c r="G12101" s="8">
        <v>144</v>
      </c>
      <c r="H12101" s="5">
        <v>6</v>
      </c>
      <c r="I12101" s="5" t="s">
        <v>1518</v>
      </c>
      <c r="J12101" s="5" t="s">
        <v>36264</v>
      </c>
      <c r="K12101" s="2" t="s">
        <v>36265</v>
      </c>
      <c r="L12101" s="5" t="s">
        <v>36264</v>
      </c>
      <c r="M12101" s="2" t="s">
        <v>36265</v>
      </c>
      <c r="N12101" s="5" t="s">
        <v>36266</v>
      </c>
      <c r="O12101" s="5" t="s">
        <v>38</v>
      </c>
      <c r="P12101" s="5" t="s">
        <v>39</v>
      </c>
      <c r="Q12101" s="5" t="s">
        <v>40</v>
      </c>
      <c r="R12101" s="5" t="s">
        <v>1522</v>
      </c>
      <c r="S12101" s="5" t="s">
        <v>1523</v>
      </c>
      <c r="T12101" s="5" t="s">
        <v>42</v>
      </c>
      <c r="U12101" s="2">
        <v>1.357</v>
      </c>
      <c r="V12101" s="2">
        <v>0.84399999999999997</v>
      </c>
      <c r="W12101" s="2">
        <v>1.4999999999999999E-2</v>
      </c>
      <c r="X12101" s="2">
        <v>118.9</v>
      </c>
      <c r="Y12101" s="2">
        <v>7.6</v>
      </c>
      <c r="Z12101" s="2">
        <v>16.7</v>
      </c>
      <c r="AA12101" s="5"/>
      <c r="AB12101" s="5" t="s">
        <v>43</v>
      </c>
      <c r="AC12101" s="5" t="s">
        <v>44</v>
      </c>
      <c r="AD12101" s="2"/>
      <c r="AE12101" s="1"/>
    </row>
    <row r="12102" spans="1:31" ht="14.45">
      <c r="A12102" s="11"/>
      <c r="B12102" s="20"/>
      <c r="C12102" s="2" t="s">
        <v>37234</v>
      </c>
      <c r="D12102" s="14" t="s">
        <v>37235</v>
      </c>
      <c r="E12102" s="2" t="s">
        <v>37236</v>
      </c>
      <c r="F12102" s="2" t="s">
        <v>36305</v>
      </c>
      <c r="G12102" s="8">
        <v>144</v>
      </c>
      <c r="H12102" s="5">
        <v>6</v>
      </c>
      <c r="I12102" s="5" t="s">
        <v>1518</v>
      </c>
      <c r="J12102" s="5" t="s">
        <v>36264</v>
      </c>
      <c r="K12102" s="2" t="s">
        <v>36265</v>
      </c>
      <c r="L12102" s="5" t="s">
        <v>36264</v>
      </c>
      <c r="M12102" s="2" t="s">
        <v>36265</v>
      </c>
      <c r="N12102" s="5" t="s">
        <v>36266</v>
      </c>
      <c r="O12102" s="5" t="s">
        <v>38</v>
      </c>
      <c r="P12102" s="5" t="s">
        <v>39</v>
      </c>
      <c r="Q12102" s="5" t="s">
        <v>40</v>
      </c>
      <c r="R12102" s="5" t="s">
        <v>1522</v>
      </c>
      <c r="S12102" s="5" t="s">
        <v>1523</v>
      </c>
      <c r="T12102" s="5" t="s">
        <v>42</v>
      </c>
      <c r="U12102" s="2">
        <v>1.337</v>
      </c>
      <c r="V12102" s="2">
        <v>0.82399999999999995</v>
      </c>
      <c r="W12102" s="2">
        <v>1.4999999999999999E-2</v>
      </c>
      <c r="X12102" s="2">
        <v>118.9</v>
      </c>
      <c r="Y12102" s="2">
        <v>7.6</v>
      </c>
      <c r="Z12102" s="2">
        <v>16.7</v>
      </c>
      <c r="AA12102" s="5"/>
      <c r="AB12102" s="5" t="s">
        <v>43</v>
      </c>
      <c r="AC12102" s="5" t="s">
        <v>44</v>
      </c>
      <c r="AD12102" s="2"/>
      <c r="AE12102" s="1"/>
    </row>
    <row r="12103" spans="1:31" ht="14.45">
      <c r="A12103" s="11"/>
      <c r="B12103" s="20"/>
      <c r="C12103" s="2" t="s">
        <v>37237</v>
      </c>
      <c r="D12103" s="14" t="s">
        <v>37238</v>
      </c>
      <c r="E12103" s="2" t="s">
        <v>37239</v>
      </c>
      <c r="F12103" s="2" t="s">
        <v>36309</v>
      </c>
      <c r="G12103" s="8">
        <v>144</v>
      </c>
      <c r="H12103" s="5">
        <v>6</v>
      </c>
      <c r="I12103" s="5" t="s">
        <v>1518</v>
      </c>
      <c r="J12103" s="5" t="s">
        <v>36264</v>
      </c>
      <c r="K12103" s="2" t="s">
        <v>36265</v>
      </c>
      <c r="L12103" s="5" t="s">
        <v>36264</v>
      </c>
      <c r="M12103" s="2" t="s">
        <v>36265</v>
      </c>
      <c r="N12103" s="5" t="s">
        <v>36266</v>
      </c>
      <c r="O12103" s="5" t="s">
        <v>38</v>
      </c>
      <c r="P12103" s="5" t="s">
        <v>39</v>
      </c>
      <c r="Q12103" s="5" t="s">
        <v>40</v>
      </c>
      <c r="R12103" s="5" t="s">
        <v>1522</v>
      </c>
      <c r="S12103" s="5" t="s">
        <v>1523</v>
      </c>
      <c r="T12103" s="5" t="s">
        <v>42</v>
      </c>
      <c r="U12103" s="2">
        <v>1.357</v>
      </c>
      <c r="V12103" s="2">
        <v>0.84399999999999997</v>
      </c>
      <c r="W12103" s="2">
        <v>1.4999999999999999E-2</v>
      </c>
      <c r="X12103" s="2">
        <v>118.9</v>
      </c>
      <c r="Y12103" s="2">
        <v>7.6</v>
      </c>
      <c r="Z12103" s="2">
        <v>16.7</v>
      </c>
      <c r="AA12103" s="5"/>
      <c r="AB12103" s="5" t="s">
        <v>43</v>
      </c>
      <c r="AC12103" s="5" t="s">
        <v>44</v>
      </c>
      <c r="AD12103" s="2"/>
      <c r="AE12103" s="1"/>
    </row>
    <row r="12104" spans="1:31" ht="14.45">
      <c r="A12104" s="11"/>
      <c r="B12104" s="20"/>
      <c r="C12104" s="2" t="s">
        <v>37240</v>
      </c>
      <c r="D12104" s="14" t="s">
        <v>37241</v>
      </c>
      <c r="E12104" s="2" t="s">
        <v>37242</v>
      </c>
      <c r="F12104" s="2" t="s">
        <v>36313</v>
      </c>
      <c r="G12104" s="8">
        <v>165</v>
      </c>
      <c r="H12104" s="5">
        <v>6</v>
      </c>
      <c r="I12104" s="5" t="s">
        <v>1518</v>
      </c>
      <c r="J12104" s="5" t="s">
        <v>36264</v>
      </c>
      <c r="K12104" s="2" t="s">
        <v>36265</v>
      </c>
      <c r="L12104" s="5" t="s">
        <v>36264</v>
      </c>
      <c r="M12104" s="2" t="s">
        <v>36265</v>
      </c>
      <c r="N12104" s="5" t="s">
        <v>36266</v>
      </c>
      <c r="O12104" s="5" t="s">
        <v>38</v>
      </c>
      <c r="P12104" s="5" t="s">
        <v>39</v>
      </c>
      <c r="Q12104" s="5" t="s">
        <v>40</v>
      </c>
      <c r="R12104" s="5" t="s">
        <v>1522</v>
      </c>
      <c r="S12104" s="5" t="s">
        <v>1523</v>
      </c>
      <c r="T12104" s="5" t="s">
        <v>42</v>
      </c>
      <c r="U12104" s="2">
        <v>1.337</v>
      </c>
      <c r="V12104" s="2">
        <v>0.82399999999999995</v>
      </c>
      <c r="W12104" s="2">
        <v>1.4999999999999999E-2</v>
      </c>
      <c r="X12104" s="2">
        <v>118.9</v>
      </c>
      <c r="Y12104" s="2">
        <v>7.6</v>
      </c>
      <c r="Z12104" s="2">
        <v>16.7</v>
      </c>
      <c r="AA12104" s="5"/>
      <c r="AB12104" s="5" t="s">
        <v>43</v>
      </c>
      <c r="AC12104" s="5" t="s">
        <v>44</v>
      </c>
      <c r="AD12104" s="2"/>
      <c r="AE12104" s="1"/>
    </row>
    <row r="12105" spans="1:31" ht="14.45">
      <c r="A12105" s="11"/>
      <c r="B12105" s="20"/>
      <c r="C12105" s="2" t="s">
        <v>37243</v>
      </c>
      <c r="D12105" s="14" t="s">
        <v>37244</v>
      </c>
      <c r="E12105" s="2" t="s">
        <v>37245</v>
      </c>
      <c r="F12105" s="2" t="s">
        <v>36317</v>
      </c>
      <c r="G12105" s="8">
        <v>165</v>
      </c>
      <c r="H12105" s="5">
        <v>6</v>
      </c>
      <c r="I12105" s="5" t="s">
        <v>1518</v>
      </c>
      <c r="J12105" s="5" t="s">
        <v>36264</v>
      </c>
      <c r="K12105" s="2" t="s">
        <v>36265</v>
      </c>
      <c r="L12105" s="5" t="s">
        <v>36264</v>
      </c>
      <c r="M12105" s="2" t="s">
        <v>36265</v>
      </c>
      <c r="N12105" s="5" t="s">
        <v>36266</v>
      </c>
      <c r="O12105" s="5" t="s">
        <v>38</v>
      </c>
      <c r="P12105" s="5" t="s">
        <v>39</v>
      </c>
      <c r="Q12105" s="5" t="s">
        <v>40</v>
      </c>
      <c r="R12105" s="5" t="s">
        <v>1522</v>
      </c>
      <c r="S12105" s="5" t="s">
        <v>1523</v>
      </c>
      <c r="T12105" s="5" t="s">
        <v>42</v>
      </c>
      <c r="U12105" s="2">
        <v>1.357</v>
      </c>
      <c r="V12105" s="2">
        <v>0.84399999999999997</v>
      </c>
      <c r="W12105" s="2">
        <v>1.4999999999999999E-2</v>
      </c>
      <c r="X12105" s="2">
        <v>118.9</v>
      </c>
      <c r="Y12105" s="2">
        <v>7.6</v>
      </c>
      <c r="Z12105" s="2">
        <v>16.7</v>
      </c>
      <c r="AA12105" s="5"/>
      <c r="AB12105" s="5" t="s">
        <v>43</v>
      </c>
      <c r="AC12105" s="5" t="s">
        <v>44</v>
      </c>
      <c r="AD12105" s="2"/>
      <c r="AE12105" s="1"/>
    </row>
    <row r="12106" spans="1:31" ht="14.45">
      <c r="A12106" s="11"/>
      <c r="B12106" s="20"/>
      <c r="C12106" s="2" t="s">
        <v>37246</v>
      </c>
      <c r="D12106" s="14" t="s">
        <v>37247</v>
      </c>
      <c r="E12106" s="2" t="s">
        <v>37248</v>
      </c>
      <c r="F12106" s="2" t="s">
        <v>36321</v>
      </c>
      <c r="G12106" s="8">
        <v>165</v>
      </c>
      <c r="H12106" s="5">
        <v>6</v>
      </c>
      <c r="I12106" s="5" t="s">
        <v>1518</v>
      </c>
      <c r="J12106" s="5" t="s">
        <v>36264</v>
      </c>
      <c r="K12106" s="2" t="s">
        <v>36265</v>
      </c>
      <c r="L12106" s="5" t="s">
        <v>36264</v>
      </c>
      <c r="M12106" s="2" t="s">
        <v>36265</v>
      </c>
      <c r="N12106" s="5" t="s">
        <v>36266</v>
      </c>
      <c r="O12106" s="5" t="s">
        <v>38</v>
      </c>
      <c r="P12106" s="5" t="s">
        <v>39</v>
      </c>
      <c r="Q12106" s="5" t="s">
        <v>40</v>
      </c>
      <c r="R12106" s="5" t="s">
        <v>1522</v>
      </c>
      <c r="S12106" s="5" t="s">
        <v>1523</v>
      </c>
      <c r="T12106" s="5" t="s">
        <v>42</v>
      </c>
      <c r="U12106" s="2">
        <v>1.337</v>
      </c>
      <c r="V12106" s="2">
        <v>0.82399999999999995</v>
      </c>
      <c r="W12106" s="2">
        <v>1.4999999999999999E-2</v>
      </c>
      <c r="X12106" s="2">
        <v>118.9</v>
      </c>
      <c r="Y12106" s="2">
        <v>7.6</v>
      </c>
      <c r="Z12106" s="2">
        <v>16.7</v>
      </c>
      <c r="AA12106" s="5"/>
      <c r="AB12106" s="5" t="s">
        <v>43</v>
      </c>
      <c r="AC12106" s="5" t="s">
        <v>44</v>
      </c>
      <c r="AD12106" s="2"/>
      <c r="AE12106" s="1"/>
    </row>
    <row r="12107" spans="1:31" ht="14.45">
      <c r="A12107" s="11"/>
      <c r="B12107" s="20"/>
      <c r="C12107" s="2" t="s">
        <v>37249</v>
      </c>
      <c r="D12107" s="14" t="s">
        <v>37250</v>
      </c>
      <c r="E12107" s="2" t="s">
        <v>37251</v>
      </c>
      <c r="F12107" s="2" t="s">
        <v>36325</v>
      </c>
      <c r="G12107" s="8">
        <v>165</v>
      </c>
      <c r="H12107" s="5">
        <v>6</v>
      </c>
      <c r="I12107" s="5" t="s">
        <v>1518</v>
      </c>
      <c r="J12107" s="5" t="s">
        <v>36264</v>
      </c>
      <c r="K12107" s="2" t="s">
        <v>36265</v>
      </c>
      <c r="L12107" s="5" t="s">
        <v>36264</v>
      </c>
      <c r="M12107" s="2" t="s">
        <v>36265</v>
      </c>
      <c r="N12107" s="5" t="s">
        <v>36266</v>
      </c>
      <c r="O12107" s="5" t="s">
        <v>38</v>
      </c>
      <c r="P12107" s="5" t="s">
        <v>39</v>
      </c>
      <c r="Q12107" s="5" t="s">
        <v>40</v>
      </c>
      <c r="R12107" s="5" t="s">
        <v>1522</v>
      </c>
      <c r="S12107" s="5" t="s">
        <v>1523</v>
      </c>
      <c r="T12107" s="5" t="s">
        <v>42</v>
      </c>
      <c r="U12107" s="2">
        <v>1.357</v>
      </c>
      <c r="V12107" s="2">
        <v>0.84399999999999997</v>
      </c>
      <c r="W12107" s="2">
        <v>1.4999999999999999E-2</v>
      </c>
      <c r="X12107" s="2">
        <v>118.9</v>
      </c>
      <c r="Y12107" s="2">
        <v>7.6</v>
      </c>
      <c r="Z12107" s="2">
        <v>16.7</v>
      </c>
      <c r="AA12107" s="5"/>
      <c r="AB12107" s="5" t="s">
        <v>43</v>
      </c>
      <c r="AC12107" s="5" t="s">
        <v>44</v>
      </c>
      <c r="AD12107" s="2"/>
      <c r="AE12107" s="1"/>
    </row>
    <row r="12108" spans="1:31" ht="14.45">
      <c r="A12108" s="11"/>
      <c r="B12108" s="20"/>
      <c r="C12108" s="2" t="s">
        <v>37252</v>
      </c>
      <c r="D12108" s="14" t="s">
        <v>37253</v>
      </c>
      <c r="E12108" s="2" t="s">
        <v>37254</v>
      </c>
      <c r="F12108" s="2" t="s">
        <v>36329</v>
      </c>
      <c r="G12108" s="8">
        <v>165</v>
      </c>
      <c r="H12108" s="5">
        <v>6</v>
      </c>
      <c r="I12108" s="5" t="s">
        <v>1518</v>
      </c>
      <c r="J12108" s="5" t="s">
        <v>36264</v>
      </c>
      <c r="K12108" s="2" t="s">
        <v>36265</v>
      </c>
      <c r="L12108" s="5" t="s">
        <v>36264</v>
      </c>
      <c r="M12108" s="2" t="s">
        <v>36265</v>
      </c>
      <c r="N12108" s="5" t="s">
        <v>36266</v>
      </c>
      <c r="O12108" s="5" t="s">
        <v>38</v>
      </c>
      <c r="P12108" s="5" t="s">
        <v>39</v>
      </c>
      <c r="Q12108" s="5" t="s">
        <v>40</v>
      </c>
      <c r="R12108" s="5" t="s">
        <v>1522</v>
      </c>
      <c r="S12108" s="5" t="s">
        <v>1523</v>
      </c>
      <c r="T12108" s="5" t="s">
        <v>42</v>
      </c>
      <c r="U12108" s="2">
        <v>1.337</v>
      </c>
      <c r="V12108" s="2">
        <v>0.82399999999999995</v>
      </c>
      <c r="W12108" s="2">
        <v>1.4999999999999999E-2</v>
      </c>
      <c r="X12108" s="2">
        <v>118.9</v>
      </c>
      <c r="Y12108" s="2">
        <v>7.6</v>
      </c>
      <c r="Z12108" s="2">
        <v>16.7</v>
      </c>
      <c r="AA12108" s="5"/>
      <c r="AB12108" s="5" t="s">
        <v>43</v>
      </c>
      <c r="AC12108" s="5" t="s">
        <v>44</v>
      </c>
      <c r="AD12108" s="2"/>
      <c r="AE12108" s="1"/>
    </row>
    <row r="12109" spans="1:31" ht="14.45">
      <c r="A12109" s="11"/>
      <c r="B12109" s="20"/>
      <c r="C12109" s="2" t="s">
        <v>37255</v>
      </c>
      <c r="D12109" s="14" t="s">
        <v>37256</v>
      </c>
      <c r="E12109" s="2" t="s">
        <v>37257</v>
      </c>
      <c r="F12109" s="2" t="s">
        <v>36333</v>
      </c>
      <c r="G12109" s="8">
        <v>165</v>
      </c>
      <c r="H12109" s="5">
        <v>6</v>
      </c>
      <c r="I12109" s="5" t="s">
        <v>1518</v>
      </c>
      <c r="J12109" s="5" t="s">
        <v>36264</v>
      </c>
      <c r="K12109" s="2" t="s">
        <v>36265</v>
      </c>
      <c r="L12109" s="5" t="s">
        <v>36264</v>
      </c>
      <c r="M12109" s="2" t="s">
        <v>36265</v>
      </c>
      <c r="N12109" s="5" t="s">
        <v>36266</v>
      </c>
      <c r="O12109" s="5" t="s">
        <v>38</v>
      </c>
      <c r="P12109" s="5" t="s">
        <v>39</v>
      </c>
      <c r="Q12109" s="5" t="s">
        <v>40</v>
      </c>
      <c r="R12109" s="5" t="s">
        <v>1522</v>
      </c>
      <c r="S12109" s="5" t="s">
        <v>1523</v>
      </c>
      <c r="T12109" s="5" t="s">
        <v>42</v>
      </c>
      <c r="U12109" s="2">
        <v>1.357</v>
      </c>
      <c r="V12109" s="2">
        <v>0.84399999999999997</v>
      </c>
      <c r="W12109" s="2">
        <v>1.4999999999999999E-2</v>
      </c>
      <c r="X12109" s="2">
        <v>118.9</v>
      </c>
      <c r="Y12109" s="2">
        <v>7.6</v>
      </c>
      <c r="Z12109" s="2">
        <v>16.7</v>
      </c>
      <c r="AA12109" s="5"/>
      <c r="AB12109" s="5" t="s">
        <v>43</v>
      </c>
      <c r="AC12109" s="5" t="s">
        <v>44</v>
      </c>
      <c r="AD12109" s="2"/>
      <c r="AE12109" s="1"/>
    </row>
    <row r="12110" spans="1:31" ht="14.45">
      <c r="A12110" s="11"/>
      <c r="B12110" s="20"/>
      <c r="C12110" s="2" t="s">
        <v>37258</v>
      </c>
      <c r="D12110" s="14" t="s">
        <v>37259</v>
      </c>
      <c r="E12110" s="2" t="s">
        <v>37260</v>
      </c>
      <c r="F12110" s="2" t="s">
        <v>36337</v>
      </c>
      <c r="G12110" s="8">
        <v>165</v>
      </c>
      <c r="H12110" s="5">
        <v>6</v>
      </c>
      <c r="I12110" s="5" t="s">
        <v>1518</v>
      </c>
      <c r="J12110" s="5" t="s">
        <v>36264</v>
      </c>
      <c r="K12110" s="2" t="s">
        <v>36265</v>
      </c>
      <c r="L12110" s="5" t="s">
        <v>36264</v>
      </c>
      <c r="M12110" s="2" t="s">
        <v>36265</v>
      </c>
      <c r="N12110" s="5" t="s">
        <v>36266</v>
      </c>
      <c r="O12110" s="5" t="s">
        <v>38</v>
      </c>
      <c r="P12110" s="5" t="s">
        <v>39</v>
      </c>
      <c r="Q12110" s="5" t="s">
        <v>40</v>
      </c>
      <c r="R12110" s="5" t="s">
        <v>1522</v>
      </c>
      <c r="S12110" s="5" t="s">
        <v>1523</v>
      </c>
      <c r="T12110" s="5" t="s">
        <v>42</v>
      </c>
      <c r="U12110" s="2">
        <v>1.337</v>
      </c>
      <c r="V12110" s="2">
        <v>0.82399999999999995</v>
      </c>
      <c r="W12110" s="2">
        <v>1.4999999999999999E-2</v>
      </c>
      <c r="X12110" s="2">
        <v>118.9</v>
      </c>
      <c r="Y12110" s="2">
        <v>7.6</v>
      </c>
      <c r="Z12110" s="2">
        <v>16.7</v>
      </c>
      <c r="AA12110" s="5"/>
      <c r="AB12110" s="5" t="s">
        <v>43</v>
      </c>
      <c r="AC12110" s="5" t="s">
        <v>44</v>
      </c>
      <c r="AD12110" s="2"/>
      <c r="AE12110" s="1"/>
    </row>
    <row r="12111" spans="1:31" ht="14.45">
      <c r="A12111" s="11"/>
      <c r="B12111" s="20"/>
      <c r="C12111" s="2" t="s">
        <v>37261</v>
      </c>
      <c r="D12111" s="14" t="s">
        <v>37262</v>
      </c>
      <c r="E12111" s="2" t="s">
        <v>37263</v>
      </c>
      <c r="F12111" s="2" t="s">
        <v>36341</v>
      </c>
      <c r="G12111" s="8">
        <v>165</v>
      </c>
      <c r="H12111" s="5">
        <v>6</v>
      </c>
      <c r="I12111" s="5" t="s">
        <v>1518</v>
      </c>
      <c r="J12111" s="5" t="s">
        <v>36264</v>
      </c>
      <c r="K12111" s="2" t="s">
        <v>36265</v>
      </c>
      <c r="L12111" s="5" t="s">
        <v>36264</v>
      </c>
      <c r="M12111" s="2" t="s">
        <v>36265</v>
      </c>
      <c r="N12111" s="5" t="s">
        <v>36266</v>
      </c>
      <c r="O12111" s="5" t="s">
        <v>38</v>
      </c>
      <c r="P12111" s="5" t="s">
        <v>39</v>
      </c>
      <c r="Q12111" s="5" t="s">
        <v>40</v>
      </c>
      <c r="R12111" s="5" t="s">
        <v>1522</v>
      </c>
      <c r="S12111" s="5" t="s">
        <v>1523</v>
      </c>
      <c r="T12111" s="5" t="s">
        <v>42</v>
      </c>
      <c r="U12111" s="2">
        <v>1.357</v>
      </c>
      <c r="V12111" s="2">
        <v>0.84399999999999997</v>
      </c>
      <c r="W12111" s="2">
        <v>1.4999999999999999E-2</v>
      </c>
      <c r="X12111" s="2">
        <v>118.9</v>
      </c>
      <c r="Y12111" s="2">
        <v>7.6</v>
      </c>
      <c r="Z12111" s="2">
        <v>16.7</v>
      </c>
      <c r="AA12111" s="5"/>
      <c r="AB12111" s="5" t="s">
        <v>43</v>
      </c>
      <c r="AC12111" s="5" t="s">
        <v>44</v>
      </c>
      <c r="AD12111" s="2"/>
      <c r="AE12111" s="1"/>
    </row>
    <row r="12112" spans="1:31" ht="14.45">
      <c r="A12112" s="11"/>
      <c r="B12112" s="20"/>
      <c r="C12112" s="2" t="s">
        <v>37264</v>
      </c>
      <c r="D12112" s="14" t="s">
        <v>37265</v>
      </c>
      <c r="E12112" s="2" t="s">
        <v>37266</v>
      </c>
      <c r="F12112" s="2" t="s">
        <v>36345</v>
      </c>
      <c r="G12112" s="8">
        <v>165</v>
      </c>
      <c r="H12112" s="5">
        <v>6</v>
      </c>
      <c r="I12112" s="5" t="s">
        <v>1518</v>
      </c>
      <c r="J12112" s="5" t="s">
        <v>36264</v>
      </c>
      <c r="K12112" s="2" t="s">
        <v>36265</v>
      </c>
      <c r="L12112" s="5" t="s">
        <v>36264</v>
      </c>
      <c r="M12112" s="2" t="s">
        <v>36265</v>
      </c>
      <c r="N12112" s="5" t="s">
        <v>36266</v>
      </c>
      <c r="O12112" s="5" t="s">
        <v>38</v>
      </c>
      <c r="P12112" s="5" t="s">
        <v>39</v>
      </c>
      <c r="Q12112" s="5" t="s">
        <v>40</v>
      </c>
      <c r="R12112" s="5" t="s">
        <v>1522</v>
      </c>
      <c r="S12112" s="5" t="s">
        <v>1523</v>
      </c>
      <c r="T12112" s="5" t="s">
        <v>42</v>
      </c>
      <c r="U12112" s="2">
        <v>1.337</v>
      </c>
      <c r="V12112" s="2">
        <v>0.82399999999999995</v>
      </c>
      <c r="W12112" s="2">
        <v>1.4999999999999999E-2</v>
      </c>
      <c r="X12112" s="2">
        <v>118.9</v>
      </c>
      <c r="Y12112" s="2">
        <v>7.6</v>
      </c>
      <c r="Z12112" s="2">
        <v>16.7</v>
      </c>
      <c r="AA12112" s="5"/>
      <c r="AB12112" s="5" t="s">
        <v>43</v>
      </c>
      <c r="AC12112" s="5" t="s">
        <v>44</v>
      </c>
      <c r="AD12112" s="2"/>
      <c r="AE12112" s="1"/>
    </row>
    <row r="12113" spans="1:31" ht="14.45">
      <c r="A12113" s="11"/>
      <c r="B12113" s="20"/>
      <c r="C12113" s="2" t="s">
        <v>37267</v>
      </c>
      <c r="D12113" s="14" t="s">
        <v>37268</v>
      </c>
      <c r="E12113" s="2" t="s">
        <v>37269</v>
      </c>
      <c r="F12113" s="2" t="s">
        <v>36349</v>
      </c>
      <c r="G12113" s="8">
        <v>165</v>
      </c>
      <c r="H12113" s="5">
        <v>6</v>
      </c>
      <c r="I12113" s="5" t="s">
        <v>1518</v>
      </c>
      <c r="J12113" s="5" t="s">
        <v>36264</v>
      </c>
      <c r="K12113" s="2" t="s">
        <v>36265</v>
      </c>
      <c r="L12113" s="5" t="s">
        <v>36264</v>
      </c>
      <c r="M12113" s="2" t="s">
        <v>36265</v>
      </c>
      <c r="N12113" s="5" t="s">
        <v>36266</v>
      </c>
      <c r="O12113" s="5" t="s">
        <v>38</v>
      </c>
      <c r="P12113" s="5" t="s">
        <v>39</v>
      </c>
      <c r="Q12113" s="5" t="s">
        <v>40</v>
      </c>
      <c r="R12113" s="5" t="s">
        <v>1522</v>
      </c>
      <c r="S12113" s="5" t="s">
        <v>1523</v>
      </c>
      <c r="T12113" s="5" t="s">
        <v>42</v>
      </c>
      <c r="U12113" s="2">
        <v>1.357</v>
      </c>
      <c r="V12113" s="2">
        <v>0.84399999999999997</v>
      </c>
      <c r="W12113" s="2">
        <v>1.4999999999999999E-2</v>
      </c>
      <c r="X12113" s="2">
        <v>118.9</v>
      </c>
      <c r="Y12113" s="2">
        <v>7.6</v>
      </c>
      <c r="Z12113" s="2">
        <v>16.7</v>
      </c>
      <c r="AA12113" s="5"/>
      <c r="AB12113" s="5" t="s">
        <v>43</v>
      </c>
      <c r="AC12113" s="5" t="s">
        <v>44</v>
      </c>
      <c r="AD12113" s="2"/>
      <c r="AE12113" s="1"/>
    </row>
    <row r="12114" spans="1:31" ht="14.45">
      <c r="A12114" s="11"/>
      <c r="B12114" s="20"/>
      <c r="C12114" s="2" t="s">
        <v>37270</v>
      </c>
      <c r="D12114" s="14" t="s">
        <v>37271</v>
      </c>
      <c r="E12114" s="2" t="s">
        <v>37272</v>
      </c>
      <c r="F12114" s="2" t="s">
        <v>36353</v>
      </c>
      <c r="G12114" s="8">
        <v>165</v>
      </c>
      <c r="H12114" s="5">
        <v>6</v>
      </c>
      <c r="I12114" s="5" t="s">
        <v>1518</v>
      </c>
      <c r="J12114" s="5" t="s">
        <v>36264</v>
      </c>
      <c r="K12114" s="2" t="s">
        <v>36265</v>
      </c>
      <c r="L12114" s="5" t="s">
        <v>36264</v>
      </c>
      <c r="M12114" s="2" t="s">
        <v>36265</v>
      </c>
      <c r="N12114" s="5" t="s">
        <v>36266</v>
      </c>
      <c r="O12114" s="5" t="s">
        <v>38</v>
      </c>
      <c r="P12114" s="5" t="s">
        <v>39</v>
      </c>
      <c r="Q12114" s="5" t="s">
        <v>40</v>
      </c>
      <c r="R12114" s="5" t="s">
        <v>1522</v>
      </c>
      <c r="S12114" s="5" t="s">
        <v>1523</v>
      </c>
      <c r="T12114" s="5" t="s">
        <v>42</v>
      </c>
      <c r="U12114" s="2">
        <v>1.337</v>
      </c>
      <c r="V12114" s="2">
        <v>0.82399999999999995</v>
      </c>
      <c r="W12114" s="2">
        <v>1.4999999999999999E-2</v>
      </c>
      <c r="X12114" s="2">
        <v>118.9</v>
      </c>
      <c r="Y12114" s="2">
        <v>7.6</v>
      </c>
      <c r="Z12114" s="2">
        <v>16.7</v>
      </c>
      <c r="AA12114" s="5"/>
      <c r="AB12114" s="5" t="s">
        <v>43</v>
      </c>
      <c r="AC12114" s="5" t="s">
        <v>44</v>
      </c>
      <c r="AD12114" s="2"/>
      <c r="AE12114" s="1"/>
    </row>
    <row r="12115" spans="1:31" ht="14.45">
      <c r="A12115" s="11"/>
      <c r="B12115" s="20"/>
      <c r="C12115" s="2" t="s">
        <v>37273</v>
      </c>
      <c r="D12115" s="14" t="s">
        <v>37274</v>
      </c>
      <c r="E12115" s="2" t="s">
        <v>37275</v>
      </c>
      <c r="F12115" s="2" t="s">
        <v>36357</v>
      </c>
      <c r="G12115" s="8">
        <v>165</v>
      </c>
      <c r="H12115" s="5">
        <v>6</v>
      </c>
      <c r="I12115" s="5" t="s">
        <v>1518</v>
      </c>
      <c r="J12115" s="5" t="s">
        <v>36264</v>
      </c>
      <c r="K12115" s="2" t="s">
        <v>36265</v>
      </c>
      <c r="L12115" s="5" t="s">
        <v>36264</v>
      </c>
      <c r="M12115" s="2" t="s">
        <v>36265</v>
      </c>
      <c r="N12115" s="5" t="s">
        <v>36266</v>
      </c>
      <c r="O12115" s="5" t="s">
        <v>38</v>
      </c>
      <c r="P12115" s="5" t="s">
        <v>39</v>
      </c>
      <c r="Q12115" s="5" t="s">
        <v>40</v>
      </c>
      <c r="R12115" s="5" t="s">
        <v>1522</v>
      </c>
      <c r="S12115" s="5" t="s">
        <v>1523</v>
      </c>
      <c r="T12115" s="5" t="s">
        <v>42</v>
      </c>
      <c r="U12115" s="2">
        <v>1.357</v>
      </c>
      <c r="V12115" s="2">
        <v>0.84399999999999997</v>
      </c>
      <c r="W12115" s="2">
        <v>1.4999999999999999E-2</v>
      </c>
      <c r="X12115" s="2">
        <v>118.9</v>
      </c>
      <c r="Y12115" s="2">
        <v>7.6</v>
      </c>
      <c r="Z12115" s="2">
        <v>16.7</v>
      </c>
      <c r="AA12115" s="5"/>
      <c r="AB12115" s="5" t="s">
        <v>43</v>
      </c>
      <c r="AC12115" s="5" t="s">
        <v>44</v>
      </c>
      <c r="AD12115" s="2"/>
      <c r="AE12115" s="1"/>
    </row>
    <row r="12116" spans="1:31" ht="14.45">
      <c r="A12116" s="11"/>
      <c r="B12116" s="20"/>
      <c r="C12116" s="2" t="s">
        <v>37276</v>
      </c>
      <c r="D12116" s="14" t="s">
        <v>37277</v>
      </c>
      <c r="E12116" s="2" t="s">
        <v>37278</v>
      </c>
      <c r="F12116" s="2" t="s">
        <v>36361</v>
      </c>
      <c r="G12116" s="8">
        <v>165</v>
      </c>
      <c r="H12116" s="5">
        <v>6</v>
      </c>
      <c r="I12116" s="5" t="s">
        <v>1518</v>
      </c>
      <c r="J12116" s="5" t="s">
        <v>36264</v>
      </c>
      <c r="K12116" s="2" t="s">
        <v>36265</v>
      </c>
      <c r="L12116" s="5" t="s">
        <v>36264</v>
      </c>
      <c r="M12116" s="2" t="s">
        <v>36265</v>
      </c>
      <c r="N12116" s="5" t="s">
        <v>36266</v>
      </c>
      <c r="O12116" s="5" t="s">
        <v>38</v>
      </c>
      <c r="P12116" s="5" t="s">
        <v>39</v>
      </c>
      <c r="Q12116" s="5" t="s">
        <v>40</v>
      </c>
      <c r="R12116" s="5" t="s">
        <v>1522</v>
      </c>
      <c r="S12116" s="5" t="s">
        <v>1523</v>
      </c>
      <c r="T12116" s="5" t="s">
        <v>42</v>
      </c>
      <c r="U12116" s="2">
        <v>1.337</v>
      </c>
      <c r="V12116" s="2">
        <v>0.82399999999999995</v>
      </c>
      <c r="W12116" s="2">
        <v>1.4999999999999999E-2</v>
      </c>
      <c r="X12116" s="2">
        <v>118.9</v>
      </c>
      <c r="Y12116" s="2">
        <v>7.6</v>
      </c>
      <c r="Z12116" s="2">
        <v>16.7</v>
      </c>
      <c r="AA12116" s="5"/>
      <c r="AB12116" s="5" t="s">
        <v>43</v>
      </c>
      <c r="AC12116" s="5" t="s">
        <v>44</v>
      </c>
      <c r="AD12116" s="2"/>
      <c r="AE12116" s="1"/>
    </row>
    <row r="12117" spans="1:31" ht="14.45">
      <c r="A12117" s="11"/>
      <c r="B12117" s="20"/>
      <c r="C12117" s="2" t="s">
        <v>37279</v>
      </c>
      <c r="D12117" s="14" t="s">
        <v>37280</v>
      </c>
      <c r="E12117" s="2" t="s">
        <v>37281</v>
      </c>
      <c r="F12117" s="2" t="s">
        <v>36365</v>
      </c>
      <c r="G12117" s="8">
        <v>165</v>
      </c>
      <c r="H12117" s="5">
        <v>6</v>
      </c>
      <c r="I12117" s="5" t="s">
        <v>1518</v>
      </c>
      <c r="J12117" s="5" t="s">
        <v>36264</v>
      </c>
      <c r="K12117" s="2" t="s">
        <v>36265</v>
      </c>
      <c r="L12117" s="5" t="s">
        <v>36264</v>
      </c>
      <c r="M12117" s="2" t="s">
        <v>36265</v>
      </c>
      <c r="N12117" s="5" t="s">
        <v>36266</v>
      </c>
      <c r="O12117" s="5" t="s">
        <v>38</v>
      </c>
      <c r="P12117" s="5" t="s">
        <v>39</v>
      </c>
      <c r="Q12117" s="5" t="s">
        <v>40</v>
      </c>
      <c r="R12117" s="5" t="s">
        <v>1522</v>
      </c>
      <c r="S12117" s="5" t="s">
        <v>1523</v>
      </c>
      <c r="T12117" s="5" t="s">
        <v>42</v>
      </c>
      <c r="U12117" s="2">
        <v>1.357</v>
      </c>
      <c r="V12117" s="2">
        <v>0.84399999999999997</v>
      </c>
      <c r="W12117" s="2">
        <v>1.4999999999999999E-2</v>
      </c>
      <c r="X12117" s="2">
        <v>118.9</v>
      </c>
      <c r="Y12117" s="2">
        <v>7.6</v>
      </c>
      <c r="Z12117" s="2">
        <v>16.7</v>
      </c>
      <c r="AA12117" s="5"/>
      <c r="AB12117" s="5" t="s">
        <v>43</v>
      </c>
      <c r="AC12117" s="5" t="s">
        <v>44</v>
      </c>
      <c r="AD12117" s="2"/>
      <c r="AE12117" s="1"/>
    </row>
    <row r="12118" spans="1:31" ht="14.45">
      <c r="A12118" s="11"/>
      <c r="B12118" s="20"/>
      <c r="C12118" s="2" t="s">
        <v>37282</v>
      </c>
      <c r="D12118" s="14" t="s">
        <v>37283</v>
      </c>
      <c r="E12118" s="2" t="s">
        <v>37284</v>
      </c>
      <c r="F12118" s="2" t="s">
        <v>36644</v>
      </c>
      <c r="G12118" s="8">
        <v>165</v>
      </c>
      <c r="H12118" s="5">
        <v>6</v>
      </c>
      <c r="I12118" s="5" t="s">
        <v>1518</v>
      </c>
      <c r="J12118" s="5" t="s">
        <v>36264</v>
      </c>
      <c r="K12118" s="2" t="s">
        <v>36265</v>
      </c>
      <c r="L12118" s="5" t="s">
        <v>36264</v>
      </c>
      <c r="M12118" s="2" t="s">
        <v>36265</v>
      </c>
      <c r="N12118" s="5" t="s">
        <v>36266</v>
      </c>
      <c r="O12118" s="5" t="s">
        <v>38</v>
      </c>
      <c r="P12118" s="5" t="s">
        <v>39</v>
      </c>
      <c r="Q12118" s="5" t="s">
        <v>40</v>
      </c>
      <c r="R12118" s="5" t="s">
        <v>1522</v>
      </c>
      <c r="S12118" s="5" t="s">
        <v>1523</v>
      </c>
      <c r="T12118" s="5" t="s">
        <v>42</v>
      </c>
      <c r="U12118" s="2">
        <v>1.337</v>
      </c>
      <c r="V12118" s="2">
        <v>0.82399999999999995</v>
      </c>
      <c r="W12118" s="2">
        <v>1.4999999999999999E-2</v>
      </c>
      <c r="X12118" s="2">
        <v>118.9</v>
      </c>
      <c r="Y12118" s="2">
        <v>7.6</v>
      </c>
      <c r="Z12118" s="2">
        <v>16.7</v>
      </c>
      <c r="AA12118" s="5"/>
      <c r="AB12118" s="5" t="s">
        <v>43</v>
      </c>
      <c r="AC12118" s="5" t="s">
        <v>44</v>
      </c>
      <c r="AD12118" s="2"/>
      <c r="AE12118" s="1"/>
    </row>
    <row r="12119" spans="1:31" ht="14.45">
      <c r="A12119" s="11"/>
      <c r="B12119" s="20"/>
      <c r="C12119" s="2" t="s">
        <v>37285</v>
      </c>
      <c r="D12119" s="14" t="s">
        <v>37286</v>
      </c>
      <c r="E12119" s="2" t="s">
        <v>37287</v>
      </c>
      <c r="F12119" s="2" t="s">
        <v>36648</v>
      </c>
      <c r="G12119" s="8">
        <v>165</v>
      </c>
      <c r="H12119" s="5">
        <v>6</v>
      </c>
      <c r="I12119" s="5" t="s">
        <v>1518</v>
      </c>
      <c r="J12119" s="5" t="s">
        <v>36264</v>
      </c>
      <c r="K12119" s="2" t="s">
        <v>36265</v>
      </c>
      <c r="L12119" s="5" t="s">
        <v>36264</v>
      </c>
      <c r="M12119" s="2" t="s">
        <v>36265</v>
      </c>
      <c r="N12119" s="5" t="s">
        <v>36266</v>
      </c>
      <c r="O12119" s="5" t="s">
        <v>38</v>
      </c>
      <c r="P12119" s="5" t="s">
        <v>39</v>
      </c>
      <c r="Q12119" s="5" t="s">
        <v>40</v>
      </c>
      <c r="R12119" s="5" t="s">
        <v>1522</v>
      </c>
      <c r="S12119" s="5" t="s">
        <v>1523</v>
      </c>
      <c r="T12119" s="5" t="s">
        <v>42</v>
      </c>
      <c r="U12119" s="2">
        <v>1.357</v>
      </c>
      <c r="V12119" s="2">
        <v>0.84399999999999997</v>
      </c>
      <c r="W12119" s="2">
        <v>1.4999999999999999E-2</v>
      </c>
      <c r="X12119" s="2">
        <v>118.9</v>
      </c>
      <c r="Y12119" s="2">
        <v>7.6</v>
      </c>
      <c r="Z12119" s="2">
        <v>16.7</v>
      </c>
      <c r="AA12119" s="5"/>
      <c r="AB12119" s="5" t="s">
        <v>43</v>
      </c>
      <c r="AC12119" s="5" t="s">
        <v>44</v>
      </c>
      <c r="AD12119" s="2"/>
      <c r="AE12119" s="1"/>
    </row>
    <row r="12120" spans="1:31" ht="14.45">
      <c r="A12120" s="11"/>
      <c r="B12120" s="20"/>
      <c r="C12120" s="2" t="s">
        <v>37288</v>
      </c>
      <c r="D12120" s="14" t="s">
        <v>37289</v>
      </c>
      <c r="E12120" s="2" t="s">
        <v>37290</v>
      </c>
      <c r="F12120" s="2" t="s">
        <v>36377</v>
      </c>
      <c r="G12120" s="8">
        <v>165</v>
      </c>
      <c r="H12120" s="5">
        <v>6</v>
      </c>
      <c r="I12120" s="5" t="s">
        <v>1518</v>
      </c>
      <c r="J12120" s="5" t="s">
        <v>36264</v>
      </c>
      <c r="K12120" s="2" t="s">
        <v>36265</v>
      </c>
      <c r="L12120" s="5" t="s">
        <v>36264</v>
      </c>
      <c r="M12120" s="2" t="s">
        <v>36265</v>
      </c>
      <c r="N12120" s="5" t="s">
        <v>36266</v>
      </c>
      <c r="O12120" s="5" t="s">
        <v>38</v>
      </c>
      <c r="P12120" s="5" t="s">
        <v>39</v>
      </c>
      <c r="Q12120" s="5" t="s">
        <v>40</v>
      </c>
      <c r="R12120" s="5" t="s">
        <v>1522</v>
      </c>
      <c r="S12120" s="5" t="s">
        <v>1523</v>
      </c>
      <c r="T12120" s="5" t="s">
        <v>42</v>
      </c>
      <c r="U12120" s="2">
        <v>1.337</v>
      </c>
      <c r="V12120" s="2">
        <v>0.82399999999999995</v>
      </c>
      <c r="W12120" s="2">
        <v>1.4999999999999999E-2</v>
      </c>
      <c r="X12120" s="2">
        <v>118.9</v>
      </c>
      <c r="Y12120" s="2">
        <v>7.6</v>
      </c>
      <c r="Z12120" s="2">
        <v>16.7</v>
      </c>
      <c r="AA12120" s="5"/>
      <c r="AB12120" s="5" t="s">
        <v>43</v>
      </c>
      <c r="AC12120" s="5" t="s">
        <v>44</v>
      </c>
      <c r="AD12120" s="2"/>
      <c r="AE12120" s="1"/>
    </row>
    <row r="12121" spans="1:31" ht="14.45">
      <c r="A12121" s="11"/>
      <c r="B12121" s="20"/>
      <c r="C12121" s="2" t="s">
        <v>37291</v>
      </c>
      <c r="D12121" s="14" t="s">
        <v>37292</v>
      </c>
      <c r="E12121" s="2" t="s">
        <v>37293</v>
      </c>
      <c r="F12121" s="2" t="s">
        <v>36381</v>
      </c>
      <c r="G12121" s="8">
        <v>165</v>
      </c>
      <c r="H12121" s="5">
        <v>6</v>
      </c>
      <c r="I12121" s="5" t="s">
        <v>1518</v>
      </c>
      <c r="J12121" s="5" t="s">
        <v>36264</v>
      </c>
      <c r="K12121" s="2" t="s">
        <v>36265</v>
      </c>
      <c r="L12121" s="5" t="s">
        <v>36264</v>
      </c>
      <c r="M12121" s="2" t="s">
        <v>36265</v>
      </c>
      <c r="N12121" s="5" t="s">
        <v>36266</v>
      </c>
      <c r="O12121" s="5" t="s">
        <v>38</v>
      </c>
      <c r="P12121" s="5" t="s">
        <v>39</v>
      </c>
      <c r="Q12121" s="5" t="s">
        <v>40</v>
      </c>
      <c r="R12121" s="5" t="s">
        <v>1522</v>
      </c>
      <c r="S12121" s="5" t="s">
        <v>1523</v>
      </c>
      <c r="T12121" s="5" t="s">
        <v>42</v>
      </c>
      <c r="U12121" s="2">
        <v>1.357</v>
      </c>
      <c r="V12121" s="2">
        <v>0.84399999999999997</v>
      </c>
      <c r="W12121" s="2">
        <v>1.4999999999999999E-2</v>
      </c>
      <c r="X12121" s="2">
        <v>118.9</v>
      </c>
      <c r="Y12121" s="2">
        <v>7.6</v>
      </c>
      <c r="Z12121" s="2">
        <v>16.7</v>
      </c>
      <c r="AA12121" s="5"/>
      <c r="AB12121" s="5" t="s">
        <v>43</v>
      </c>
      <c r="AC12121" s="5" t="s">
        <v>44</v>
      </c>
      <c r="AD12121" s="2"/>
      <c r="AE12121" s="1"/>
    </row>
    <row r="12122" spans="1:31" ht="14.45">
      <c r="A12122" s="11"/>
      <c r="B12122" s="20"/>
      <c r="C12122" s="2" t="s">
        <v>37294</v>
      </c>
      <c r="D12122" s="14" t="s">
        <v>37295</v>
      </c>
      <c r="E12122" s="2" t="s">
        <v>37296</v>
      </c>
      <c r="F12122" s="2" t="s">
        <v>36385</v>
      </c>
      <c r="G12122" s="8">
        <v>165</v>
      </c>
      <c r="H12122" s="5">
        <v>6</v>
      </c>
      <c r="I12122" s="5" t="s">
        <v>1518</v>
      </c>
      <c r="J12122" s="5" t="s">
        <v>36264</v>
      </c>
      <c r="K12122" s="2" t="s">
        <v>36265</v>
      </c>
      <c r="L12122" s="5" t="s">
        <v>36264</v>
      </c>
      <c r="M12122" s="2" t="s">
        <v>36265</v>
      </c>
      <c r="N12122" s="5" t="s">
        <v>36266</v>
      </c>
      <c r="O12122" s="5" t="s">
        <v>38</v>
      </c>
      <c r="P12122" s="5" t="s">
        <v>39</v>
      </c>
      <c r="Q12122" s="5" t="s">
        <v>40</v>
      </c>
      <c r="R12122" s="5" t="s">
        <v>1522</v>
      </c>
      <c r="S12122" s="5" t="s">
        <v>1523</v>
      </c>
      <c r="T12122" s="5" t="s">
        <v>42</v>
      </c>
      <c r="U12122" s="2">
        <v>1.337</v>
      </c>
      <c r="V12122" s="2">
        <v>0.82399999999999995</v>
      </c>
      <c r="W12122" s="2">
        <v>1.4999999999999999E-2</v>
      </c>
      <c r="X12122" s="2">
        <v>118.9</v>
      </c>
      <c r="Y12122" s="2">
        <v>7.6</v>
      </c>
      <c r="Z12122" s="2">
        <v>16.7</v>
      </c>
      <c r="AA12122" s="5"/>
      <c r="AB12122" s="5" t="s">
        <v>43</v>
      </c>
      <c r="AC12122" s="5" t="s">
        <v>44</v>
      </c>
      <c r="AD12122" s="2"/>
      <c r="AE12122" s="1"/>
    </row>
    <row r="12123" spans="1:31" ht="14.45">
      <c r="A12123" s="11"/>
      <c r="B12123" s="20"/>
      <c r="C12123" s="2" t="s">
        <v>37297</v>
      </c>
      <c r="D12123" s="14" t="s">
        <v>37298</v>
      </c>
      <c r="E12123" s="2" t="s">
        <v>37299</v>
      </c>
      <c r="F12123" s="2" t="s">
        <v>36389</v>
      </c>
      <c r="G12123" s="8">
        <v>165</v>
      </c>
      <c r="H12123" s="5">
        <v>6</v>
      </c>
      <c r="I12123" s="5" t="s">
        <v>1518</v>
      </c>
      <c r="J12123" s="5" t="s">
        <v>36264</v>
      </c>
      <c r="K12123" s="2" t="s">
        <v>36265</v>
      </c>
      <c r="L12123" s="5" t="s">
        <v>36264</v>
      </c>
      <c r="M12123" s="2" t="s">
        <v>36265</v>
      </c>
      <c r="N12123" s="5" t="s">
        <v>36266</v>
      </c>
      <c r="O12123" s="5" t="s">
        <v>38</v>
      </c>
      <c r="P12123" s="5" t="s">
        <v>39</v>
      </c>
      <c r="Q12123" s="5" t="s">
        <v>40</v>
      </c>
      <c r="R12123" s="5" t="s">
        <v>1522</v>
      </c>
      <c r="S12123" s="5" t="s">
        <v>1523</v>
      </c>
      <c r="T12123" s="5" t="s">
        <v>42</v>
      </c>
      <c r="U12123" s="2">
        <v>1.357</v>
      </c>
      <c r="V12123" s="2">
        <v>0.84399999999999997</v>
      </c>
      <c r="W12123" s="2">
        <v>1.4999999999999999E-2</v>
      </c>
      <c r="X12123" s="2">
        <v>118.9</v>
      </c>
      <c r="Y12123" s="2">
        <v>7.6</v>
      </c>
      <c r="Z12123" s="2">
        <v>16.7</v>
      </c>
      <c r="AA12123" s="5"/>
      <c r="AB12123" s="5" t="s">
        <v>43</v>
      </c>
      <c r="AC12123" s="5" t="s">
        <v>44</v>
      </c>
      <c r="AD12123" s="2"/>
      <c r="AE12123" s="1"/>
    </row>
    <row r="12124" spans="1:31" ht="14.45">
      <c r="A12124" s="11"/>
      <c r="B12124" s="20"/>
      <c r="C12124" s="2" t="s">
        <v>37300</v>
      </c>
      <c r="D12124" s="14" t="s">
        <v>37301</v>
      </c>
      <c r="E12124" s="2" t="s">
        <v>37302</v>
      </c>
      <c r="F12124" s="2" t="s">
        <v>7204</v>
      </c>
      <c r="G12124" s="8">
        <v>148</v>
      </c>
      <c r="H12124" s="5">
        <v>6</v>
      </c>
      <c r="I12124" s="5" t="s">
        <v>1518</v>
      </c>
      <c r="J12124" s="5" t="s">
        <v>36264</v>
      </c>
      <c r="K12124" s="2" t="s">
        <v>36265</v>
      </c>
      <c r="L12124" s="5" t="s">
        <v>36264</v>
      </c>
      <c r="M12124" s="2" t="s">
        <v>36265</v>
      </c>
      <c r="N12124" s="5" t="s">
        <v>36266</v>
      </c>
      <c r="O12124" s="5" t="s">
        <v>38</v>
      </c>
      <c r="P12124" s="5" t="s">
        <v>39</v>
      </c>
      <c r="Q12124" s="5" t="s">
        <v>40</v>
      </c>
      <c r="R12124" s="5" t="s">
        <v>1522</v>
      </c>
      <c r="S12124" s="5" t="s">
        <v>1523</v>
      </c>
      <c r="T12124" s="5" t="s">
        <v>42</v>
      </c>
      <c r="U12124" s="2">
        <v>1.5169999999999999</v>
      </c>
      <c r="V12124" s="2">
        <v>0.92700000000000005</v>
      </c>
      <c r="W12124" s="2">
        <v>1.7999999999999999E-2</v>
      </c>
      <c r="X12124" s="2">
        <v>139.1</v>
      </c>
      <c r="Y12124" s="2">
        <v>7.6</v>
      </c>
      <c r="Z12124" s="2">
        <v>16.7</v>
      </c>
      <c r="AA12124" s="5"/>
      <c r="AB12124" s="5" t="s">
        <v>43</v>
      </c>
      <c r="AC12124" s="5" t="s">
        <v>44</v>
      </c>
      <c r="AD12124" s="2"/>
      <c r="AE12124" s="1"/>
    </row>
    <row r="12125" spans="1:31" ht="14.45">
      <c r="A12125" s="11"/>
      <c r="B12125" s="20"/>
      <c r="C12125" s="2" t="s">
        <v>37303</v>
      </c>
      <c r="D12125" s="14" t="s">
        <v>37304</v>
      </c>
      <c r="E12125" s="2" t="s">
        <v>37305</v>
      </c>
      <c r="F12125" s="2" t="s">
        <v>7514</v>
      </c>
      <c r="G12125" s="8">
        <v>148</v>
      </c>
      <c r="H12125" s="5">
        <v>6</v>
      </c>
      <c r="I12125" s="5" t="s">
        <v>1518</v>
      </c>
      <c r="J12125" s="5" t="s">
        <v>36264</v>
      </c>
      <c r="K12125" s="2" t="s">
        <v>36265</v>
      </c>
      <c r="L12125" s="5" t="s">
        <v>36264</v>
      </c>
      <c r="M12125" s="2" t="s">
        <v>36265</v>
      </c>
      <c r="N12125" s="5" t="s">
        <v>36266</v>
      </c>
      <c r="O12125" s="5" t="s">
        <v>38</v>
      </c>
      <c r="P12125" s="5" t="s">
        <v>39</v>
      </c>
      <c r="Q12125" s="5" t="s">
        <v>40</v>
      </c>
      <c r="R12125" s="5" t="s">
        <v>1522</v>
      </c>
      <c r="S12125" s="5" t="s">
        <v>1523</v>
      </c>
      <c r="T12125" s="5" t="s">
        <v>42</v>
      </c>
      <c r="U12125" s="2">
        <v>1.5369999999999999</v>
      </c>
      <c r="V12125" s="2">
        <v>0.94699999999999995</v>
      </c>
      <c r="W12125" s="2">
        <v>1.7999999999999999E-2</v>
      </c>
      <c r="X12125" s="2">
        <v>139.1</v>
      </c>
      <c r="Y12125" s="2">
        <v>7.6</v>
      </c>
      <c r="Z12125" s="2">
        <v>16.7</v>
      </c>
      <c r="AA12125" s="5"/>
      <c r="AB12125" s="5" t="s">
        <v>43</v>
      </c>
      <c r="AC12125" s="5" t="s">
        <v>44</v>
      </c>
      <c r="AD12125" s="2"/>
      <c r="AE12125" s="1"/>
    </row>
    <row r="12126" spans="1:31" ht="14.45">
      <c r="A12126" s="11"/>
      <c r="B12126" s="20"/>
      <c r="C12126" s="2" t="s">
        <v>37306</v>
      </c>
      <c r="D12126" s="14" t="s">
        <v>37307</v>
      </c>
      <c r="E12126" s="2" t="s">
        <v>37308</v>
      </c>
      <c r="F12126" s="2" t="s">
        <v>36273</v>
      </c>
      <c r="G12126" s="8">
        <v>148</v>
      </c>
      <c r="H12126" s="5">
        <v>6</v>
      </c>
      <c r="I12126" s="5" t="s">
        <v>1518</v>
      </c>
      <c r="J12126" s="5" t="s">
        <v>36264</v>
      </c>
      <c r="K12126" s="2" t="s">
        <v>36265</v>
      </c>
      <c r="L12126" s="5" t="s">
        <v>36264</v>
      </c>
      <c r="M12126" s="2" t="s">
        <v>36265</v>
      </c>
      <c r="N12126" s="5" t="s">
        <v>36266</v>
      </c>
      <c r="O12126" s="5" t="s">
        <v>38</v>
      </c>
      <c r="P12126" s="5" t="s">
        <v>39</v>
      </c>
      <c r="Q12126" s="5" t="s">
        <v>40</v>
      </c>
      <c r="R12126" s="5" t="s">
        <v>1522</v>
      </c>
      <c r="S12126" s="5" t="s">
        <v>1523</v>
      </c>
      <c r="T12126" s="5" t="s">
        <v>42</v>
      </c>
      <c r="U12126" s="2">
        <v>1.5169999999999999</v>
      </c>
      <c r="V12126" s="2">
        <v>0.92700000000000005</v>
      </c>
      <c r="W12126" s="2">
        <v>1.7999999999999999E-2</v>
      </c>
      <c r="X12126" s="2">
        <v>139.1</v>
      </c>
      <c r="Y12126" s="2">
        <v>7.6</v>
      </c>
      <c r="Z12126" s="2">
        <v>16.7</v>
      </c>
      <c r="AA12126" s="5"/>
      <c r="AB12126" s="5" t="s">
        <v>43</v>
      </c>
      <c r="AC12126" s="5" t="s">
        <v>44</v>
      </c>
      <c r="AD12126" s="2"/>
      <c r="AE12126" s="1"/>
    </row>
    <row r="12127" spans="1:31" ht="14.45">
      <c r="A12127" s="11"/>
      <c r="B12127" s="20"/>
      <c r="C12127" s="2" t="s">
        <v>37309</v>
      </c>
      <c r="D12127" s="14" t="s">
        <v>37310</v>
      </c>
      <c r="E12127" s="2" t="s">
        <v>37311</v>
      </c>
      <c r="F12127" s="2" t="s">
        <v>36277</v>
      </c>
      <c r="G12127" s="8">
        <v>148</v>
      </c>
      <c r="H12127" s="5">
        <v>6</v>
      </c>
      <c r="I12127" s="5" t="s">
        <v>1518</v>
      </c>
      <c r="J12127" s="5" t="s">
        <v>36264</v>
      </c>
      <c r="K12127" s="2" t="s">
        <v>36265</v>
      </c>
      <c r="L12127" s="5" t="s">
        <v>36264</v>
      </c>
      <c r="M12127" s="2" t="s">
        <v>36265</v>
      </c>
      <c r="N12127" s="5" t="s">
        <v>36266</v>
      </c>
      <c r="O12127" s="5" t="s">
        <v>38</v>
      </c>
      <c r="P12127" s="5" t="s">
        <v>39</v>
      </c>
      <c r="Q12127" s="5" t="s">
        <v>40</v>
      </c>
      <c r="R12127" s="5" t="s">
        <v>1522</v>
      </c>
      <c r="S12127" s="5" t="s">
        <v>1523</v>
      </c>
      <c r="T12127" s="5" t="s">
        <v>42</v>
      </c>
      <c r="U12127" s="2">
        <v>1.5369999999999999</v>
      </c>
      <c r="V12127" s="2">
        <v>0.94699999999999995</v>
      </c>
      <c r="W12127" s="2">
        <v>1.7999999999999999E-2</v>
      </c>
      <c r="X12127" s="2">
        <v>139.1</v>
      </c>
      <c r="Y12127" s="2">
        <v>7.6</v>
      </c>
      <c r="Z12127" s="2">
        <v>16.7</v>
      </c>
      <c r="AA12127" s="5"/>
      <c r="AB12127" s="5" t="s">
        <v>43</v>
      </c>
      <c r="AC12127" s="5" t="s">
        <v>44</v>
      </c>
      <c r="AD12127" s="2"/>
      <c r="AE12127" s="1"/>
    </row>
    <row r="12128" spans="1:31" ht="14.45">
      <c r="A12128" s="11"/>
      <c r="B12128" s="20"/>
      <c r="C12128" s="2" t="s">
        <v>37312</v>
      </c>
      <c r="D12128" s="14" t="s">
        <v>37313</v>
      </c>
      <c r="E12128" s="2" t="s">
        <v>37314</v>
      </c>
      <c r="F12128" s="2" t="s">
        <v>36281</v>
      </c>
      <c r="G12128" s="8">
        <v>170</v>
      </c>
      <c r="H12128" s="5">
        <v>6</v>
      </c>
      <c r="I12128" s="5" t="s">
        <v>1518</v>
      </c>
      <c r="J12128" s="5" t="s">
        <v>36264</v>
      </c>
      <c r="K12128" s="2" t="s">
        <v>36265</v>
      </c>
      <c r="L12128" s="5" t="s">
        <v>36264</v>
      </c>
      <c r="M12128" s="2" t="s">
        <v>36265</v>
      </c>
      <c r="N12128" s="5" t="s">
        <v>36266</v>
      </c>
      <c r="O12128" s="5" t="s">
        <v>38</v>
      </c>
      <c r="P12128" s="5" t="s">
        <v>39</v>
      </c>
      <c r="Q12128" s="5" t="s">
        <v>40</v>
      </c>
      <c r="R12128" s="5" t="s">
        <v>1522</v>
      </c>
      <c r="S12128" s="5" t="s">
        <v>1523</v>
      </c>
      <c r="T12128" s="5" t="s">
        <v>42</v>
      </c>
      <c r="U12128" s="2">
        <v>1.5169999999999999</v>
      </c>
      <c r="V12128" s="2">
        <v>0.92700000000000005</v>
      </c>
      <c r="W12128" s="2">
        <v>1.7999999999999999E-2</v>
      </c>
      <c r="X12128" s="2">
        <v>139.1</v>
      </c>
      <c r="Y12128" s="2">
        <v>7.6</v>
      </c>
      <c r="Z12128" s="2">
        <v>16.7</v>
      </c>
      <c r="AA12128" s="5"/>
      <c r="AB12128" s="5" t="s">
        <v>43</v>
      </c>
      <c r="AC12128" s="5" t="s">
        <v>44</v>
      </c>
      <c r="AD12128" s="2"/>
      <c r="AE12128" s="1"/>
    </row>
    <row r="12129" spans="1:31" ht="14.45">
      <c r="A12129" s="11"/>
      <c r="B12129" s="20"/>
      <c r="C12129" s="2" t="s">
        <v>37315</v>
      </c>
      <c r="D12129" s="14" t="s">
        <v>37316</v>
      </c>
      <c r="E12129" s="2" t="s">
        <v>37317</v>
      </c>
      <c r="F12129" s="2" t="s">
        <v>36285</v>
      </c>
      <c r="G12129" s="8">
        <v>170</v>
      </c>
      <c r="H12129" s="5">
        <v>6</v>
      </c>
      <c r="I12129" s="5" t="s">
        <v>1518</v>
      </c>
      <c r="J12129" s="5" t="s">
        <v>36264</v>
      </c>
      <c r="K12129" s="2" t="s">
        <v>36265</v>
      </c>
      <c r="L12129" s="5" t="s">
        <v>36264</v>
      </c>
      <c r="M12129" s="2" t="s">
        <v>36265</v>
      </c>
      <c r="N12129" s="5" t="s">
        <v>36266</v>
      </c>
      <c r="O12129" s="5" t="s">
        <v>38</v>
      </c>
      <c r="P12129" s="5" t="s">
        <v>39</v>
      </c>
      <c r="Q12129" s="5" t="s">
        <v>40</v>
      </c>
      <c r="R12129" s="5" t="s">
        <v>1522</v>
      </c>
      <c r="S12129" s="5" t="s">
        <v>1523</v>
      </c>
      <c r="T12129" s="5" t="s">
        <v>42</v>
      </c>
      <c r="U12129" s="2">
        <v>1.5369999999999999</v>
      </c>
      <c r="V12129" s="2">
        <v>0.94699999999999995</v>
      </c>
      <c r="W12129" s="2">
        <v>1.7999999999999999E-2</v>
      </c>
      <c r="X12129" s="2">
        <v>139.1</v>
      </c>
      <c r="Y12129" s="2">
        <v>7.6</v>
      </c>
      <c r="Z12129" s="2">
        <v>16.7</v>
      </c>
      <c r="AA12129" s="5"/>
      <c r="AB12129" s="5" t="s">
        <v>43</v>
      </c>
      <c r="AC12129" s="5" t="s">
        <v>44</v>
      </c>
      <c r="AD12129" s="2"/>
      <c r="AE12129" s="1"/>
    </row>
    <row r="12130" spans="1:31" ht="14.45">
      <c r="A12130" s="11"/>
      <c r="B12130" s="20"/>
      <c r="C12130" s="2" t="s">
        <v>37318</v>
      </c>
      <c r="D12130" s="14" t="s">
        <v>37319</v>
      </c>
      <c r="E12130" s="2" t="s">
        <v>37320</v>
      </c>
      <c r="F12130" s="2" t="s">
        <v>36289</v>
      </c>
      <c r="G12130" s="8">
        <v>170</v>
      </c>
      <c r="H12130" s="5">
        <v>6</v>
      </c>
      <c r="I12130" s="5" t="s">
        <v>1518</v>
      </c>
      <c r="J12130" s="5" t="s">
        <v>36264</v>
      </c>
      <c r="K12130" s="2" t="s">
        <v>36265</v>
      </c>
      <c r="L12130" s="5" t="s">
        <v>36264</v>
      </c>
      <c r="M12130" s="2" t="s">
        <v>36265</v>
      </c>
      <c r="N12130" s="5" t="s">
        <v>36266</v>
      </c>
      <c r="O12130" s="5" t="s">
        <v>38</v>
      </c>
      <c r="P12130" s="5" t="s">
        <v>39</v>
      </c>
      <c r="Q12130" s="5" t="s">
        <v>40</v>
      </c>
      <c r="R12130" s="5" t="s">
        <v>1522</v>
      </c>
      <c r="S12130" s="5" t="s">
        <v>1523</v>
      </c>
      <c r="T12130" s="5" t="s">
        <v>42</v>
      </c>
      <c r="U12130" s="2">
        <v>1.5169999999999999</v>
      </c>
      <c r="V12130" s="2">
        <v>0.92700000000000005</v>
      </c>
      <c r="W12130" s="2">
        <v>1.7999999999999999E-2</v>
      </c>
      <c r="X12130" s="2">
        <v>139.1</v>
      </c>
      <c r="Y12130" s="2">
        <v>7.6</v>
      </c>
      <c r="Z12130" s="2">
        <v>16.7</v>
      </c>
      <c r="AA12130" s="5"/>
      <c r="AB12130" s="5" t="s">
        <v>43</v>
      </c>
      <c r="AC12130" s="5" t="s">
        <v>44</v>
      </c>
      <c r="AD12130" s="2"/>
      <c r="AE12130" s="1"/>
    </row>
    <row r="12131" spans="1:31" ht="14.45">
      <c r="A12131" s="11"/>
      <c r="B12131" s="20"/>
      <c r="C12131" s="2" t="s">
        <v>37321</v>
      </c>
      <c r="D12131" s="14" t="s">
        <v>37322</v>
      </c>
      <c r="E12131" s="2" t="s">
        <v>37323</v>
      </c>
      <c r="F12131" s="2" t="s">
        <v>36293</v>
      </c>
      <c r="G12131" s="8">
        <v>170</v>
      </c>
      <c r="H12131" s="5">
        <v>6</v>
      </c>
      <c r="I12131" s="5" t="s">
        <v>1518</v>
      </c>
      <c r="J12131" s="5" t="s">
        <v>36264</v>
      </c>
      <c r="K12131" s="2" t="s">
        <v>36265</v>
      </c>
      <c r="L12131" s="5" t="s">
        <v>36264</v>
      </c>
      <c r="M12131" s="2" t="s">
        <v>36265</v>
      </c>
      <c r="N12131" s="5" t="s">
        <v>36266</v>
      </c>
      <c r="O12131" s="5" t="s">
        <v>38</v>
      </c>
      <c r="P12131" s="5" t="s">
        <v>39</v>
      </c>
      <c r="Q12131" s="5" t="s">
        <v>40</v>
      </c>
      <c r="R12131" s="5" t="s">
        <v>1522</v>
      </c>
      <c r="S12131" s="5" t="s">
        <v>1523</v>
      </c>
      <c r="T12131" s="5" t="s">
        <v>42</v>
      </c>
      <c r="U12131" s="2">
        <v>1.5369999999999999</v>
      </c>
      <c r="V12131" s="2">
        <v>0.94699999999999995</v>
      </c>
      <c r="W12131" s="2">
        <v>1.7999999999999999E-2</v>
      </c>
      <c r="X12131" s="2">
        <v>139.1</v>
      </c>
      <c r="Y12131" s="2">
        <v>7.6</v>
      </c>
      <c r="Z12131" s="2">
        <v>16.7</v>
      </c>
      <c r="AA12131" s="5"/>
      <c r="AB12131" s="5" t="s">
        <v>43</v>
      </c>
      <c r="AC12131" s="5" t="s">
        <v>44</v>
      </c>
      <c r="AD12131" s="2"/>
      <c r="AE12131" s="1"/>
    </row>
    <row r="12132" spans="1:31" ht="14.45">
      <c r="A12132" s="11"/>
      <c r="B12132" s="20"/>
      <c r="C12132" s="2" t="s">
        <v>37324</v>
      </c>
      <c r="D12132" s="14" t="s">
        <v>37325</v>
      </c>
      <c r="E12132" s="2" t="s">
        <v>37326</v>
      </c>
      <c r="F12132" s="2" t="s">
        <v>36588</v>
      </c>
      <c r="G12132" s="8">
        <v>148</v>
      </c>
      <c r="H12132" s="5">
        <v>6</v>
      </c>
      <c r="I12132" s="5" t="s">
        <v>1518</v>
      </c>
      <c r="J12132" s="5" t="s">
        <v>36264</v>
      </c>
      <c r="K12132" s="2" t="s">
        <v>36265</v>
      </c>
      <c r="L12132" s="5" t="s">
        <v>36264</v>
      </c>
      <c r="M12132" s="2" t="s">
        <v>36265</v>
      </c>
      <c r="N12132" s="5" t="s">
        <v>36266</v>
      </c>
      <c r="O12132" s="5" t="s">
        <v>38</v>
      </c>
      <c r="P12132" s="5" t="s">
        <v>39</v>
      </c>
      <c r="Q12132" s="5" t="s">
        <v>40</v>
      </c>
      <c r="R12132" s="5" t="s">
        <v>1522</v>
      </c>
      <c r="S12132" s="5" t="s">
        <v>1523</v>
      </c>
      <c r="T12132" s="5" t="s">
        <v>42</v>
      </c>
      <c r="U12132" s="2">
        <v>1.5169999999999999</v>
      </c>
      <c r="V12132" s="2">
        <v>0.92700000000000005</v>
      </c>
      <c r="W12132" s="2">
        <v>1.7999999999999999E-2</v>
      </c>
      <c r="X12132" s="2">
        <v>139.1</v>
      </c>
      <c r="Y12132" s="2">
        <v>7.6</v>
      </c>
      <c r="Z12132" s="2">
        <v>16.7</v>
      </c>
      <c r="AA12132" s="5"/>
      <c r="AB12132" s="5" t="s">
        <v>43</v>
      </c>
      <c r="AC12132" s="5" t="s">
        <v>44</v>
      </c>
      <c r="AD12132" s="2"/>
      <c r="AE12132" s="1"/>
    </row>
    <row r="12133" spans="1:31" ht="14.45">
      <c r="A12133" s="11"/>
      <c r="B12133" s="20"/>
      <c r="C12133" s="2" t="s">
        <v>37327</v>
      </c>
      <c r="D12133" s="14" t="s">
        <v>37328</v>
      </c>
      <c r="E12133" s="2" t="s">
        <v>37329</v>
      </c>
      <c r="F12133" s="2" t="s">
        <v>36592</v>
      </c>
      <c r="G12133" s="8">
        <v>148</v>
      </c>
      <c r="H12133" s="5">
        <v>6</v>
      </c>
      <c r="I12133" s="5" t="s">
        <v>1518</v>
      </c>
      <c r="J12133" s="5" t="s">
        <v>36264</v>
      </c>
      <c r="K12133" s="2" t="s">
        <v>36265</v>
      </c>
      <c r="L12133" s="5" t="s">
        <v>36264</v>
      </c>
      <c r="M12133" s="2" t="s">
        <v>36265</v>
      </c>
      <c r="N12133" s="5" t="s">
        <v>36266</v>
      </c>
      <c r="O12133" s="5" t="s">
        <v>38</v>
      </c>
      <c r="P12133" s="5" t="s">
        <v>39</v>
      </c>
      <c r="Q12133" s="5" t="s">
        <v>40</v>
      </c>
      <c r="R12133" s="5" t="s">
        <v>1522</v>
      </c>
      <c r="S12133" s="5" t="s">
        <v>1523</v>
      </c>
      <c r="T12133" s="5" t="s">
        <v>42</v>
      </c>
      <c r="U12133" s="2">
        <v>1.5369999999999999</v>
      </c>
      <c r="V12133" s="2">
        <v>0.94699999999999995</v>
      </c>
      <c r="W12133" s="2">
        <v>1.7999999999999999E-2</v>
      </c>
      <c r="X12133" s="2">
        <v>139.1</v>
      </c>
      <c r="Y12133" s="2">
        <v>7.6</v>
      </c>
      <c r="Z12133" s="2">
        <v>16.7</v>
      </c>
      <c r="AA12133" s="5"/>
      <c r="AB12133" s="5" t="s">
        <v>43</v>
      </c>
      <c r="AC12133" s="5" t="s">
        <v>44</v>
      </c>
      <c r="AD12133" s="2"/>
      <c r="AE12133" s="1"/>
    </row>
    <row r="12134" spans="1:31" ht="14.45">
      <c r="A12134" s="11"/>
      <c r="B12134" s="20"/>
      <c r="C12134" s="2" t="s">
        <v>37330</v>
      </c>
      <c r="D12134" s="14" t="s">
        <v>37331</v>
      </c>
      <c r="E12134" s="2" t="s">
        <v>37332</v>
      </c>
      <c r="F12134" s="2" t="s">
        <v>36305</v>
      </c>
      <c r="G12134" s="8">
        <v>148</v>
      </c>
      <c r="H12134" s="5">
        <v>6</v>
      </c>
      <c r="I12134" s="5" t="s">
        <v>1518</v>
      </c>
      <c r="J12134" s="5" t="s">
        <v>36264</v>
      </c>
      <c r="K12134" s="2" t="s">
        <v>36265</v>
      </c>
      <c r="L12134" s="5" t="s">
        <v>36264</v>
      </c>
      <c r="M12134" s="2" t="s">
        <v>36265</v>
      </c>
      <c r="N12134" s="5" t="s">
        <v>36266</v>
      </c>
      <c r="O12134" s="5" t="s">
        <v>38</v>
      </c>
      <c r="P12134" s="5" t="s">
        <v>39</v>
      </c>
      <c r="Q12134" s="5" t="s">
        <v>40</v>
      </c>
      <c r="R12134" s="5" t="s">
        <v>1522</v>
      </c>
      <c r="S12134" s="5" t="s">
        <v>1523</v>
      </c>
      <c r="T12134" s="5" t="s">
        <v>42</v>
      </c>
      <c r="U12134" s="2">
        <v>1.5169999999999999</v>
      </c>
      <c r="V12134" s="2">
        <v>0.92700000000000005</v>
      </c>
      <c r="W12134" s="2">
        <v>1.7999999999999999E-2</v>
      </c>
      <c r="X12134" s="2">
        <v>139.1</v>
      </c>
      <c r="Y12134" s="2">
        <v>7.6</v>
      </c>
      <c r="Z12134" s="2">
        <v>16.7</v>
      </c>
      <c r="AA12134" s="5"/>
      <c r="AB12134" s="5" t="s">
        <v>43</v>
      </c>
      <c r="AC12134" s="5" t="s">
        <v>44</v>
      </c>
      <c r="AD12134" s="2"/>
      <c r="AE12134" s="1"/>
    </row>
    <row r="12135" spans="1:31" ht="14.45">
      <c r="A12135" s="11"/>
      <c r="B12135" s="20"/>
      <c r="C12135" s="2" t="s">
        <v>37333</v>
      </c>
      <c r="D12135" s="14" t="s">
        <v>37334</v>
      </c>
      <c r="E12135" s="2" t="s">
        <v>37335</v>
      </c>
      <c r="F12135" s="2" t="s">
        <v>36309</v>
      </c>
      <c r="G12135" s="8">
        <v>148</v>
      </c>
      <c r="H12135" s="5">
        <v>6</v>
      </c>
      <c r="I12135" s="5" t="s">
        <v>1518</v>
      </c>
      <c r="J12135" s="5" t="s">
        <v>36264</v>
      </c>
      <c r="K12135" s="2" t="s">
        <v>36265</v>
      </c>
      <c r="L12135" s="5" t="s">
        <v>36264</v>
      </c>
      <c r="M12135" s="2" t="s">
        <v>36265</v>
      </c>
      <c r="N12135" s="5" t="s">
        <v>36266</v>
      </c>
      <c r="O12135" s="5" t="s">
        <v>38</v>
      </c>
      <c r="P12135" s="5" t="s">
        <v>39</v>
      </c>
      <c r="Q12135" s="5" t="s">
        <v>40</v>
      </c>
      <c r="R12135" s="5" t="s">
        <v>1522</v>
      </c>
      <c r="S12135" s="5" t="s">
        <v>1523</v>
      </c>
      <c r="T12135" s="5" t="s">
        <v>42</v>
      </c>
      <c r="U12135" s="2">
        <v>1.5369999999999999</v>
      </c>
      <c r="V12135" s="2">
        <v>0.94699999999999995</v>
      </c>
      <c r="W12135" s="2">
        <v>1.7999999999999999E-2</v>
      </c>
      <c r="X12135" s="2">
        <v>139.1</v>
      </c>
      <c r="Y12135" s="2">
        <v>7.6</v>
      </c>
      <c r="Z12135" s="2">
        <v>16.7</v>
      </c>
      <c r="AA12135" s="5"/>
      <c r="AB12135" s="5" t="s">
        <v>43</v>
      </c>
      <c r="AC12135" s="5" t="s">
        <v>44</v>
      </c>
      <c r="AD12135" s="2"/>
      <c r="AE12135" s="1"/>
    </row>
    <row r="12136" spans="1:31" ht="14.45">
      <c r="A12136" s="11"/>
      <c r="B12136" s="20"/>
      <c r="C12136" s="2" t="s">
        <v>37336</v>
      </c>
      <c r="D12136" s="14" t="s">
        <v>37337</v>
      </c>
      <c r="E12136" s="2" t="s">
        <v>37338</v>
      </c>
      <c r="F12136" s="2" t="s">
        <v>36313</v>
      </c>
      <c r="G12136" s="8">
        <v>170</v>
      </c>
      <c r="H12136" s="5">
        <v>6</v>
      </c>
      <c r="I12136" s="5" t="s">
        <v>1518</v>
      </c>
      <c r="J12136" s="5" t="s">
        <v>36264</v>
      </c>
      <c r="K12136" s="2" t="s">
        <v>36265</v>
      </c>
      <c r="L12136" s="5" t="s">
        <v>36264</v>
      </c>
      <c r="M12136" s="2" t="s">
        <v>36265</v>
      </c>
      <c r="N12136" s="5" t="s">
        <v>36266</v>
      </c>
      <c r="O12136" s="5" t="s">
        <v>38</v>
      </c>
      <c r="P12136" s="5" t="s">
        <v>39</v>
      </c>
      <c r="Q12136" s="5" t="s">
        <v>40</v>
      </c>
      <c r="R12136" s="5" t="s">
        <v>1522</v>
      </c>
      <c r="S12136" s="5" t="s">
        <v>1523</v>
      </c>
      <c r="T12136" s="5" t="s">
        <v>42</v>
      </c>
      <c r="U12136" s="2">
        <v>1.5169999999999999</v>
      </c>
      <c r="V12136" s="2">
        <v>0.92700000000000005</v>
      </c>
      <c r="W12136" s="2">
        <v>1.7999999999999999E-2</v>
      </c>
      <c r="X12136" s="2">
        <v>139.1</v>
      </c>
      <c r="Y12136" s="2">
        <v>7.6</v>
      </c>
      <c r="Z12136" s="2">
        <v>16.7</v>
      </c>
      <c r="AA12136" s="5"/>
      <c r="AB12136" s="5" t="s">
        <v>43</v>
      </c>
      <c r="AC12136" s="5" t="s">
        <v>44</v>
      </c>
      <c r="AD12136" s="2"/>
      <c r="AE12136" s="1"/>
    </row>
    <row r="12137" spans="1:31" ht="14.45">
      <c r="A12137" s="11"/>
      <c r="B12137" s="20"/>
      <c r="C12137" s="2" t="s">
        <v>37339</v>
      </c>
      <c r="D12137" s="14" t="s">
        <v>37340</v>
      </c>
      <c r="E12137" s="2" t="s">
        <v>37341</v>
      </c>
      <c r="F12137" s="2" t="s">
        <v>36317</v>
      </c>
      <c r="G12137" s="8">
        <v>170</v>
      </c>
      <c r="H12137" s="5">
        <v>6</v>
      </c>
      <c r="I12137" s="5" t="s">
        <v>1518</v>
      </c>
      <c r="J12137" s="5" t="s">
        <v>36264</v>
      </c>
      <c r="K12137" s="2" t="s">
        <v>36265</v>
      </c>
      <c r="L12137" s="5" t="s">
        <v>36264</v>
      </c>
      <c r="M12137" s="2" t="s">
        <v>36265</v>
      </c>
      <c r="N12137" s="5" t="s">
        <v>36266</v>
      </c>
      <c r="O12137" s="5" t="s">
        <v>38</v>
      </c>
      <c r="P12137" s="5" t="s">
        <v>39</v>
      </c>
      <c r="Q12137" s="5" t="s">
        <v>40</v>
      </c>
      <c r="R12137" s="5" t="s">
        <v>1522</v>
      </c>
      <c r="S12137" s="5" t="s">
        <v>1523</v>
      </c>
      <c r="T12137" s="5" t="s">
        <v>42</v>
      </c>
      <c r="U12137" s="2">
        <v>1.5369999999999999</v>
      </c>
      <c r="V12137" s="2">
        <v>0.94699999999999995</v>
      </c>
      <c r="W12137" s="2">
        <v>1.7999999999999999E-2</v>
      </c>
      <c r="X12137" s="2">
        <v>139.1</v>
      </c>
      <c r="Y12137" s="2">
        <v>7.6</v>
      </c>
      <c r="Z12137" s="2">
        <v>16.7</v>
      </c>
      <c r="AA12137" s="5"/>
      <c r="AB12137" s="5" t="s">
        <v>43</v>
      </c>
      <c r="AC12137" s="5" t="s">
        <v>44</v>
      </c>
      <c r="AD12137" s="2"/>
      <c r="AE12137" s="1"/>
    </row>
    <row r="12138" spans="1:31" ht="14.45">
      <c r="A12138" s="11"/>
      <c r="B12138" s="20"/>
      <c r="C12138" s="2" t="s">
        <v>37342</v>
      </c>
      <c r="D12138" s="14" t="s">
        <v>37343</v>
      </c>
      <c r="E12138" s="2" t="s">
        <v>37344</v>
      </c>
      <c r="F12138" s="2" t="s">
        <v>36321</v>
      </c>
      <c r="G12138" s="8">
        <v>170</v>
      </c>
      <c r="H12138" s="5">
        <v>6</v>
      </c>
      <c r="I12138" s="5" t="s">
        <v>1518</v>
      </c>
      <c r="J12138" s="5" t="s">
        <v>36264</v>
      </c>
      <c r="K12138" s="2" t="s">
        <v>36265</v>
      </c>
      <c r="L12138" s="5" t="s">
        <v>36264</v>
      </c>
      <c r="M12138" s="2" t="s">
        <v>36265</v>
      </c>
      <c r="N12138" s="5" t="s">
        <v>36266</v>
      </c>
      <c r="O12138" s="5" t="s">
        <v>38</v>
      </c>
      <c r="P12138" s="5" t="s">
        <v>39</v>
      </c>
      <c r="Q12138" s="5" t="s">
        <v>40</v>
      </c>
      <c r="R12138" s="5" t="s">
        <v>1522</v>
      </c>
      <c r="S12138" s="5" t="s">
        <v>1523</v>
      </c>
      <c r="T12138" s="5" t="s">
        <v>42</v>
      </c>
      <c r="U12138" s="2">
        <v>1.5169999999999999</v>
      </c>
      <c r="V12138" s="2">
        <v>0.92700000000000005</v>
      </c>
      <c r="W12138" s="2">
        <v>1.7999999999999999E-2</v>
      </c>
      <c r="X12138" s="2">
        <v>139.1</v>
      </c>
      <c r="Y12138" s="2">
        <v>7.6</v>
      </c>
      <c r="Z12138" s="2">
        <v>16.7</v>
      </c>
      <c r="AA12138" s="5"/>
      <c r="AB12138" s="5" t="s">
        <v>43</v>
      </c>
      <c r="AC12138" s="5" t="s">
        <v>44</v>
      </c>
      <c r="AD12138" s="2"/>
      <c r="AE12138" s="1"/>
    </row>
    <row r="12139" spans="1:31" ht="14.45">
      <c r="A12139" s="11"/>
      <c r="B12139" s="20"/>
      <c r="C12139" s="2" t="s">
        <v>37345</v>
      </c>
      <c r="D12139" s="14" t="s">
        <v>37346</v>
      </c>
      <c r="E12139" s="2" t="s">
        <v>37347</v>
      </c>
      <c r="F12139" s="2" t="s">
        <v>36325</v>
      </c>
      <c r="G12139" s="8">
        <v>170</v>
      </c>
      <c r="H12139" s="5">
        <v>6</v>
      </c>
      <c r="I12139" s="5" t="s">
        <v>1518</v>
      </c>
      <c r="J12139" s="5" t="s">
        <v>36264</v>
      </c>
      <c r="K12139" s="2" t="s">
        <v>36265</v>
      </c>
      <c r="L12139" s="5" t="s">
        <v>36264</v>
      </c>
      <c r="M12139" s="2" t="s">
        <v>36265</v>
      </c>
      <c r="N12139" s="5" t="s">
        <v>36266</v>
      </c>
      <c r="O12139" s="5" t="s">
        <v>38</v>
      </c>
      <c r="P12139" s="5" t="s">
        <v>39</v>
      </c>
      <c r="Q12139" s="5" t="s">
        <v>40</v>
      </c>
      <c r="R12139" s="5" t="s">
        <v>1522</v>
      </c>
      <c r="S12139" s="5" t="s">
        <v>1523</v>
      </c>
      <c r="T12139" s="5" t="s">
        <v>42</v>
      </c>
      <c r="U12139" s="2">
        <v>1.5369999999999999</v>
      </c>
      <c r="V12139" s="2">
        <v>0.94699999999999995</v>
      </c>
      <c r="W12139" s="2">
        <v>1.7999999999999999E-2</v>
      </c>
      <c r="X12139" s="2">
        <v>139.1</v>
      </c>
      <c r="Y12139" s="2">
        <v>7.6</v>
      </c>
      <c r="Z12139" s="2">
        <v>16.7</v>
      </c>
      <c r="AA12139" s="5"/>
      <c r="AB12139" s="5" t="s">
        <v>43</v>
      </c>
      <c r="AC12139" s="5" t="s">
        <v>44</v>
      </c>
      <c r="AD12139" s="2"/>
      <c r="AE12139" s="1"/>
    </row>
    <row r="12140" spans="1:31" ht="14.45">
      <c r="A12140" s="11"/>
      <c r="B12140" s="20"/>
      <c r="C12140" s="2" t="s">
        <v>37348</v>
      </c>
      <c r="D12140" s="14" t="s">
        <v>37349</v>
      </c>
      <c r="E12140" s="2" t="s">
        <v>37350</v>
      </c>
      <c r="F12140" s="2" t="s">
        <v>36329</v>
      </c>
      <c r="G12140" s="8">
        <v>170</v>
      </c>
      <c r="H12140" s="5">
        <v>6</v>
      </c>
      <c r="I12140" s="5" t="s">
        <v>1518</v>
      </c>
      <c r="J12140" s="5" t="s">
        <v>36264</v>
      </c>
      <c r="K12140" s="2" t="s">
        <v>36265</v>
      </c>
      <c r="L12140" s="5" t="s">
        <v>36264</v>
      </c>
      <c r="M12140" s="2" t="s">
        <v>36265</v>
      </c>
      <c r="N12140" s="5" t="s">
        <v>36266</v>
      </c>
      <c r="O12140" s="5" t="s">
        <v>38</v>
      </c>
      <c r="P12140" s="5" t="s">
        <v>39</v>
      </c>
      <c r="Q12140" s="5" t="s">
        <v>40</v>
      </c>
      <c r="R12140" s="5" t="s">
        <v>1522</v>
      </c>
      <c r="S12140" s="5" t="s">
        <v>1523</v>
      </c>
      <c r="T12140" s="5" t="s">
        <v>42</v>
      </c>
      <c r="U12140" s="2">
        <v>1.5169999999999999</v>
      </c>
      <c r="V12140" s="2">
        <v>0.92700000000000005</v>
      </c>
      <c r="W12140" s="2">
        <v>1.7999999999999999E-2</v>
      </c>
      <c r="X12140" s="2">
        <v>139.1</v>
      </c>
      <c r="Y12140" s="2">
        <v>7.6</v>
      </c>
      <c r="Z12140" s="2">
        <v>16.7</v>
      </c>
      <c r="AA12140" s="5"/>
      <c r="AB12140" s="5" t="s">
        <v>43</v>
      </c>
      <c r="AC12140" s="5" t="s">
        <v>44</v>
      </c>
      <c r="AD12140" s="2"/>
      <c r="AE12140" s="1"/>
    </row>
    <row r="12141" spans="1:31" ht="14.45">
      <c r="A12141" s="11"/>
      <c r="B12141" s="20"/>
      <c r="C12141" s="2" t="s">
        <v>37351</v>
      </c>
      <c r="D12141" s="14" t="s">
        <v>37352</v>
      </c>
      <c r="E12141" s="2" t="s">
        <v>37353</v>
      </c>
      <c r="F12141" s="2" t="s">
        <v>36333</v>
      </c>
      <c r="G12141" s="8">
        <v>170</v>
      </c>
      <c r="H12141" s="5">
        <v>6</v>
      </c>
      <c r="I12141" s="5" t="s">
        <v>1518</v>
      </c>
      <c r="J12141" s="5" t="s">
        <v>36264</v>
      </c>
      <c r="K12141" s="2" t="s">
        <v>36265</v>
      </c>
      <c r="L12141" s="5" t="s">
        <v>36264</v>
      </c>
      <c r="M12141" s="2" t="s">
        <v>36265</v>
      </c>
      <c r="N12141" s="5" t="s">
        <v>36266</v>
      </c>
      <c r="O12141" s="5" t="s">
        <v>38</v>
      </c>
      <c r="P12141" s="5" t="s">
        <v>39</v>
      </c>
      <c r="Q12141" s="5" t="s">
        <v>40</v>
      </c>
      <c r="R12141" s="5" t="s">
        <v>1522</v>
      </c>
      <c r="S12141" s="5" t="s">
        <v>1523</v>
      </c>
      <c r="T12141" s="5" t="s">
        <v>42</v>
      </c>
      <c r="U12141" s="2">
        <v>1.5369999999999999</v>
      </c>
      <c r="V12141" s="2">
        <v>0.94699999999999995</v>
      </c>
      <c r="W12141" s="2">
        <v>1.7999999999999999E-2</v>
      </c>
      <c r="X12141" s="2">
        <v>139.1</v>
      </c>
      <c r="Y12141" s="2">
        <v>7.6</v>
      </c>
      <c r="Z12141" s="2">
        <v>16.7</v>
      </c>
      <c r="AA12141" s="5"/>
      <c r="AB12141" s="5" t="s">
        <v>43</v>
      </c>
      <c r="AC12141" s="5" t="s">
        <v>44</v>
      </c>
      <c r="AD12141" s="2"/>
      <c r="AE12141" s="1"/>
    </row>
    <row r="12142" spans="1:31" ht="14.45">
      <c r="A12142" s="11"/>
      <c r="B12142" s="20"/>
      <c r="C12142" s="2" t="s">
        <v>37354</v>
      </c>
      <c r="D12142" s="14" t="s">
        <v>37355</v>
      </c>
      <c r="E12142" s="2" t="s">
        <v>37356</v>
      </c>
      <c r="F12142" s="2" t="s">
        <v>36337</v>
      </c>
      <c r="G12142" s="8">
        <v>170</v>
      </c>
      <c r="H12142" s="5">
        <v>6</v>
      </c>
      <c r="I12142" s="5" t="s">
        <v>1518</v>
      </c>
      <c r="J12142" s="5" t="s">
        <v>36264</v>
      </c>
      <c r="K12142" s="2" t="s">
        <v>36265</v>
      </c>
      <c r="L12142" s="5" t="s">
        <v>36264</v>
      </c>
      <c r="M12142" s="2" t="s">
        <v>36265</v>
      </c>
      <c r="N12142" s="5" t="s">
        <v>36266</v>
      </c>
      <c r="O12142" s="5" t="s">
        <v>38</v>
      </c>
      <c r="P12142" s="5" t="s">
        <v>39</v>
      </c>
      <c r="Q12142" s="5" t="s">
        <v>40</v>
      </c>
      <c r="R12142" s="5" t="s">
        <v>1522</v>
      </c>
      <c r="S12142" s="5" t="s">
        <v>1523</v>
      </c>
      <c r="T12142" s="5" t="s">
        <v>42</v>
      </c>
      <c r="U12142" s="2">
        <v>1.5169999999999999</v>
      </c>
      <c r="V12142" s="2">
        <v>0.92700000000000005</v>
      </c>
      <c r="W12142" s="2">
        <v>1.7999999999999999E-2</v>
      </c>
      <c r="X12142" s="2">
        <v>139.1</v>
      </c>
      <c r="Y12142" s="2">
        <v>7.6</v>
      </c>
      <c r="Z12142" s="2">
        <v>16.7</v>
      </c>
      <c r="AA12142" s="5"/>
      <c r="AB12142" s="5" t="s">
        <v>43</v>
      </c>
      <c r="AC12142" s="5" t="s">
        <v>44</v>
      </c>
      <c r="AD12142" s="2"/>
      <c r="AE12142" s="1"/>
    </row>
    <row r="12143" spans="1:31" ht="14.45">
      <c r="A12143" s="11"/>
      <c r="B12143" s="20"/>
      <c r="C12143" s="2" t="s">
        <v>37357</v>
      </c>
      <c r="D12143" s="14" t="s">
        <v>37358</v>
      </c>
      <c r="E12143" s="2" t="s">
        <v>37359</v>
      </c>
      <c r="F12143" s="2" t="s">
        <v>36341</v>
      </c>
      <c r="G12143" s="8">
        <v>170</v>
      </c>
      <c r="H12143" s="5">
        <v>6</v>
      </c>
      <c r="I12143" s="5" t="s">
        <v>1518</v>
      </c>
      <c r="J12143" s="5" t="s">
        <v>36264</v>
      </c>
      <c r="K12143" s="2" t="s">
        <v>36265</v>
      </c>
      <c r="L12143" s="5" t="s">
        <v>36264</v>
      </c>
      <c r="M12143" s="2" t="s">
        <v>36265</v>
      </c>
      <c r="N12143" s="5" t="s">
        <v>36266</v>
      </c>
      <c r="O12143" s="5" t="s">
        <v>38</v>
      </c>
      <c r="P12143" s="5" t="s">
        <v>39</v>
      </c>
      <c r="Q12143" s="5" t="s">
        <v>40</v>
      </c>
      <c r="R12143" s="5" t="s">
        <v>1522</v>
      </c>
      <c r="S12143" s="5" t="s">
        <v>1523</v>
      </c>
      <c r="T12143" s="5" t="s">
        <v>42</v>
      </c>
      <c r="U12143" s="2">
        <v>1.5369999999999999</v>
      </c>
      <c r="V12143" s="2">
        <v>0.94699999999999995</v>
      </c>
      <c r="W12143" s="2">
        <v>1.7999999999999999E-2</v>
      </c>
      <c r="X12143" s="2">
        <v>139.1</v>
      </c>
      <c r="Y12143" s="2">
        <v>7.6</v>
      </c>
      <c r="Z12143" s="2">
        <v>16.7</v>
      </c>
      <c r="AA12143" s="5"/>
      <c r="AB12143" s="5" t="s">
        <v>43</v>
      </c>
      <c r="AC12143" s="5" t="s">
        <v>44</v>
      </c>
      <c r="AD12143" s="2"/>
      <c r="AE12143" s="1"/>
    </row>
    <row r="12144" spans="1:31" ht="14.45">
      <c r="A12144" s="11"/>
      <c r="B12144" s="20"/>
      <c r="C12144" s="2" t="s">
        <v>37360</v>
      </c>
      <c r="D12144" s="14" t="s">
        <v>37361</v>
      </c>
      <c r="E12144" s="2" t="s">
        <v>37362</v>
      </c>
      <c r="F12144" s="2" t="s">
        <v>36345</v>
      </c>
      <c r="G12144" s="8">
        <v>170</v>
      </c>
      <c r="H12144" s="5">
        <v>6</v>
      </c>
      <c r="I12144" s="5" t="s">
        <v>1518</v>
      </c>
      <c r="J12144" s="5" t="s">
        <v>36264</v>
      </c>
      <c r="K12144" s="2" t="s">
        <v>36265</v>
      </c>
      <c r="L12144" s="5" t="s">
        <v>36264</v>
      </c>
      <c r="M12144" s="2" t="s">
        <v>36265</v>
      </c>
      <c r="N12144" s="5" t="s">
        <v>36266</v>
      </c>
      <c r="O12144" s="5" t="s">
        <v>38</v>
      </c>
      <c r="P12144" s="5" t="s">
        <v>39</v>
      </c>
      <c r="Q12144" s="5" t="s">
        <v>40</v>
      </c>
      <c r="R12144" s="5" t="s">
        <v>1522</v>
      </c>
      <c r="S12144" s="5" t="s">
        <v>1523</v>
      </c>
      <c r="T12144" s="5" t="s">
        <v>42</v>
      </c>
      <c r="U12144" s="2">
        <v>1.5169999999999999</v>
      </c>
      <c r="V12144" s="2">
        <v>0.92700000000000005</v>
      </c>
      <c r="W12144" s="2">
        <v>1.7999999999999999E-2</v>
      </c>
      <c r="X12144" s="2">
        <v>139.1</v>
      </c>
      <c r="Y12144" s="2">
        <v>7.6</v>
      </c>
      <c r="Z12144" s="2">
        <v>16.7</v>
      </c>
      <c r="AA12144" s="5"/>
      <c r="AB12144" s="5" t="s">
        <v>43</v>
      </c>
      <c r="AC12144" s="5" t="s">
        <v>44</v>
      </c>
      <c r="AD12144" s="2"/>
      <c r="AE12144" s="1"/>
    </row>
    <row r="12145" spans="1:31" ht="14.45">
      <c r="A12145" s="11"/>
      <c r="B12145" s="20"/>
      <c r="C12145" s="2" t="s">
        <v>37363</v>
      </c>
      <c r="D12145" s="14" t="s">
        <v>37364</v>
      </c>
      <c r="E12145" s="2" t="s">
        <v>37365</v>
      </c>
      <c r="F12145" s="2" t="s">
        <v>36349</v>
      </c>
      <c r="G12145" s="8">
        <v>170</v>
      </c>
      <c r="H12145" s="5">
        <v>6</v>
      </c>
      <c r="I12145" s="5" t="s">
        <v>1518</v>
      </c>
      <c r="J12145" s="5" t="s">
        <v>36264</v>
      </c>
      <c r="K12145" s="2" t="s">
        <v>36265</v>
      </c>
      <c r="L12145" s="5" t="s">
        <v>36264</v>
      </c>
      <c r="M12145" s="2" t="s">
        <v>36265</v>
      </c>
      <c r="N12145" s="5" t="s">
        <v>36266</v>
      </c>
      <c r="O12145" s="5" t="s">
        <v>38</v>
      </c>
      <c r="P12145" s="5" t="s">
        <v>39</v>
      </c>
      <c r="Q12145" s="5" t="s">
        <v>40</v>
      </c>
      <c r="R12145" s="5" t="s">
        <v>1522</v>
      </c>
      <c r="S12145" s="5" t="s">
        <v>1523</v>
      </c>
      <c r="T12145" s="5" t="s">
        <v>42</v>
      </c>
      <c r="U12145" s="2">
        <v>1.5369999999999999</v>
      </c>
      <c r="V12145" s="2">
        <v>0.94699999999999995</v>
      </c>
      <c r="W12145" s="2">
        <v>1.7999999999999999E-2</v>
      </c>
      <c r="X12145" s="2">
        <v>139.1</v>
      </c>
      <c r="Y12145" s="2">
        <v>7.6</v>
      </c>
      <c r="Z12145" s="2">
        <v>16.7</v>
      </c>
      <c r="AA12145" s="5"/>
      <c r="AB12145" s="5" t="s">
        <v>43</v>
      </c>
      <c r="AC12145" s="5" t="s">
        <v>44</v>
      </c>
      <c r="AD12145" s="2"/>
      <c r="AE12145" s="1"/>
    </row>
    <row r="12146" spans="1:31" ht="14.45">
      <c r="A12146" s="11"/>
      <c r="B12146" s="20"/>
      <c r="C12146" s="2" t="s">
        <v>37366</v>
      </c>
      <c r="D12146" s="14" t="s">
        <v>37367</v>
      </c>
      <c r="E12146" s="2" t="s">
        <v>37368</v>
      </c>
      <c r="F12146" s="2" t="s">
        <v>36353</v>
      </c>
      <c r="G12146" s="8">
        <v>170</v>
      </c>
      <c r="H12146" s="5">
        <v>6</v>
      </c>
      <c r="I12146" s="5" t="s">
        <v>1518</v>
      </c>
      <c r="J12146" s="5" t="s">
        <v>36264</v>
      </c>
      <c r="K12146" s="2" t="s">
        <v>36265</v>
      </c>
      <c r="L12146" s="5" t="s">
        <v>36264</v>
      </c>
      <c r="M12146" s="2" t="s">
        <v>36265</v>
      </c>
      <c r="N12146" s="5" t="s">
        <v>36266</v>
      </c>
      <c r="O12146" s="5" t="s">
        <v>38</v>
      </c>
      <c r="P12146" s="5" t="s">
        <v>39</v>
      </c>
      <c r="Q12146" s="5" t="s">
        <v>40</v>
      </c>
      <c r="R12146" s="5" t="s">
        <v>1522</v>
      </c>
      <c r="S12146" s="5" t="s">
        <v>1523</v>
      </c>
      <c r="T12146" s="5" t="s">
        <v>42</v>
      </c>
      <c r="U12146" s="2">
        <v>1.5169999999999999</v>
      </c>
      <c r="V12146" s="2">
        <v>0.92700000000000005</v>
      </c>
      <c r="W12146" s="2">
        <v>1.7999999999999999E-2</v>
      </c>
      <c r="X12146" s="2">
        <v>139.1</v>
      </c>
      <c r="Y12146" s="2">
        <v>7.6</v>
      </c>
      <c r="Z12146" s="2">
        <v>16.7</v>
      </c>
      <c r="AA12146" s="5"/>
      <c r="AB12146" s="5" t="s">
        <v>43</v>
      </c>
      <c r="AC12146" s="5" t="s">
        <v>44</v>
      </c>
      <c r="AD12146" s="2"/>
      <c r="AE12146" s="1"/>
    </row>
    <row r="12147" spans="1:31" ht="14.45">
      <c r="A12147" s="11"/>
      <c r="B12147" s="20"/>
      <c r="C12147" s="2" t="s">
        <v>37369</v>
      </c>
      <c r="D12147" s="14" t="s">
        <v>37370</v>
      </c>
      <c r="E12147" s="2" t="s">
        <v>37371</v>
      </c>
      <c r="F12147" s="2" t="s">
        <v>36357</v>
      </c>
      <c r="G12147" s="8">
        <v>170</v>
      </c>
      <c r="H12147" s="5">
        <v>6</v>
      </c>
      <c r="I12147" s="5" t="s">
        <v>1518</v>
      </c>
      <c r="J12147" s="5" t="s">
        <v>36264</v>
      </c>
      <c r="K12147" s="2" t="s">
        <v>36265</v>
      </c>
      <c r="L12147" s="5" t="s">
        <v>36264</v>
      </c>
      <c r="M12147" s="2" t="s">
        <v>36265</v>
      </c>
      <c r="N12147" s="5" t="s">
        <v>36266</v>
      </c>
      <c r="O12147" s="5" t="s">
        <v>38</v>
      </c>
      <c r="P12147" s="5" t="s">
        <v>39</v>
      </c>
      <c r="Q12147" s="5" t="s">
        <v>40</v>
      </c>
      <c r="R12147" s="5" t="s">
        <v>1522</v>
      </c>
      <c r="S12147" s="5" t="s">
        <v>1523</v>
      </c>
      <c r="T12147" s="5" t="s">
        <v>42</v>
      </c>
      <c r="U12147" s="2">
        <v>1.5369999999999999</v>
      </c>
      <c r="V12147" s="2">
        <v>0.94699999999999995</v>
      </c>
      <c r="W12147" s="2">
        <v>1.7999999999999999E-2</v>
      </c>
      <c r="X12147" s="2">
        <v>139.1</v>
      </c>
      <c r="Y12147" s="2">
        <v>7.6</v>
      </c>
      <c r="Z12147" s="2">
        <v>16.7</v>
      </c>
      <c r="AA12147" s="5"/>
      <c r="AB12147" s="5" t="s">
        <v>43</v>
      </c>
      <c r="AC12147" s="5" t="s">
        <v>44</v>
      </c>
      <c r="AD12147" s="2"/>
      <c r="AE12147" s="1"/>
    </row>
    <row r="12148" spans="1:31" ht="14.45">
      <c r="A12148" s="11"/>
      <c r="B12148" s="20"/>
      <c r="C12148" s="2" t="s">
        <v>37372</v>
      </c>
      <c r="D12148" s="14" t="s">
        <v>37373</v>
      </c>
      <c r="E12148" s="2" t="s">
        <v>37374</v>
      </c>
      <c r="F12148" s="2" t="s">
        <v>36361</v>
      </c>
      <c r="G12148" s="8">
        <v>170</v>
      </c>
      <c r="H12148" s="5">
        <v>6</v>
      </c>
      <c r="I12148" s="5" t="s">
        <v>1518</v>
      </c>
      <c r="J12148" s="5" t="s">
        <v>36264</v>
      </c>
      <c r="K12148" s="2" t="s">
        <v>36265</v>
      </c>
      <c r="L12148" s="5" t="s">
        <v>36264</v>
      </c>
      <c r="M12148" s="2" t="s">
        <v>36265</v>
      </c>
      <c r="N12148" s="5" t="s">
        <v>36266</v>
      </c>
      <c r="O12148" s="5" t="s">
        <v>38</v>
      </c>
      <c r="P12148" s="5" t="s">
        <v>39</v>
      </c>
      <c r="Q12148" s="5" t="s">
        <v>40</v>
      </c>
      <c r="R12148" s="5" t="s">
        <v>1522</v>
      </c>
      <c r="S12148" s="5" t="s">
        <v>1523</v>
      </c>
      <c r="T12148" s="5" t="s">
        <v>42</v>
      </c>
      <c r="U12148" s="2">
        <v>1.5169999999999999</v>
      </c>
      <c r="V12148" s="2">
        <v>0.92700000000000005</v>
      </c>
      <c r="W12148" s="2">
        <v>1.7999999999999999E-2</v>
      </c>
      <c r="X12148" s="2">
        <v>139.1</v>
      </c>
      <c r="Y12148" s="2">
        <v>7.6</v>
      </c>
      <c r="Z12148" s="2">
        <v>16.7</v>
      </c>
      <c r="AA12148" s="5"/>
      <c r="AB12148" s="5" t="s">
        <v>43</v>
      </c>
      <c r="AC12148" s="5" t="s">
        <v>44</v>
      </c>
      <c r="AD12148" s="2"/>
      <c r="AE12148" s="1"/>
    </row>
    <row r="12149" spans="1:31" ht="14.45">
      <c r="A12149" s="11"/>
      <c r="B12149" s="20"/>
      <c r="C12149" s="2" t="s">
        <v>37375</v>
      </c>
      <c r="D12149" s="14" t="s">
        <v>37376</v>
      </c>
      <c r="E12149" s="2" t="s">
        <v>37377</v>
      </c>
      <c r="F12149" s="2" t="s">
        <v>36365</v>
      </c>
      <c r="G12149" s="8">
        <v>170</v>
      </c>
      <c r="H12149" s="5">
        <v>6</v>
      </c>
      <c r="I12149" s="5" t="s">
        <v>1518</v>
      </c>
      <c r="J12149" s="5" t="s">
        <v>36264</v>
      </c>
      <c r="K12149" s="2" t="s">
        <v>36265</v>
      </c>
      <c r="L12149" s="5" t="s">
        <v>36264</v>
      </c>
      <c r="M12149" s="2" t="s">
        <v>36265</v>
      </c>
      <c r="N12149" s="5" t="s">
        <v>36266</v>
      </c>
      <c r="O12149" s="5" t="s">
        <v>38</v>
      </c>
      <c r="P12149" s="5" t="s">
        <v>39</v>
      </c>
      <c r="Q12149" s="5" t="s">
        <v>40</v>
      </c>
      <c r="R12149" s="5" t="s">
        <v>1522</v>
      </c>
      <c r="S12149" s="5" t="s">
        <v>1523</v>
      </c>
      <c r="T12149" s="5" t="s">
        <v>42</v>
      </c>
      <c r="U12149" s="2">
        <v>1.5369999999999999</v>
      </c>
      <c r="V12149" s="2">
        <v>0.94699999999999995</v>
      </c>
      <c r="W12149" s="2">
        <v>1.7999999999999999E-2</v>
      </c>
      <c r="X12149" s="2">
        <v>139.1</v>
      </c>
      <c r="Y12149" s="2">
        <v>7.6</v>
      </c>
      <c r="Z12149" s="2">
        <v>16.7</v>
      </c>
      <c r="AA12149" s="5"/>
      <c r="AB12149" s="5" t="s">
        <v>43</v>
      </c>
      <c r="AC12149" s="5" t="s">
        <v>44</v>
      </c>
      <c r="AD12149" s="2"/>
      <c r="AE12149" s="1"/>
    </row>
    <row r="12150" spans="1:31" ht="14.45">
      <c r="A12150" s="11"/>
      <c r="B12150" s="20"/>
      <c r="C12150" s="2" t="s">
        <v>37378</v>
      </c>
      <c r="D12150" s="14" t="s">
        <v>37379</v>
      </c>
      <c r="E12150" s="2" t="s">
        <v>37380</v>
      </c>
      <c r="F12150" s="2" t="s">
        <v>36644</v>
      </c>
      <c r="G12150" s="8">
        <v>170</v>
      </c>
      <c r="H12150" s="5">
        <v>6</v>
      </c>
      <c r="I12150" s="5" t="s">
        <v>1518</v>
      </c>
      <c r="J12150" s="5" t="s">
        <v>36264</v>
      </c>
      <c r="K12150" s="2" t="s">
        <v>36265</v>
      </c>
      <c r="L12150" s="5" t="s">
        <v>36264</v>
      </c>
      <c r="M12150" s="2" t="s">
        <v>36265</v>
      </c>
      <c r="N12150" s="5" t="s">
        <v>36266</v>
      </c>
      <c r="O12150" s="5" t="s">
        <v>38</v>
      </c>
      <c r="P12150" s="5" t="s">
        <v>39</v>
      </c>
      <c r="Q12150" s="5" t="s">
        <v>40</v>
      </c>
      <c r="R12150" s="5" t="s">
        <v>1522</v>
      </c>
      <c r="S12150" s="5" t="s">
        <v>1523</v>
      </c>
      <c r="T12150" s="5" t="s">
        <v>42</v>
      </c>
      <c r="U12150" s="2">
        <v>1.5169999999999999</v>
      </c>
      <c r="V12150" s="2">
        <v>0.92700000000000005</v>
      </c>
      <c r="W12150" s="2">
        <v>1.7999999999999999E-2</v>
      </c>
      <c r="X12150" s="2">
        <v>139.1</v>
      </c>
      <c r="Y12150" s="2">
        <v>7.6</v>
      </c>
      <c r="Z12150" s="2">
        <v>16.7</v>
      </c>
      <c r="AA12150" s="5"/>
      <c r="AB12150" s="5" t="s">
        <v>43</v>
      </c>
      <c r="AC12150" s="5" t="s">
        <v>44</v>
      </c>
      <c r="AD12150" s="2"/>
      <c r="AE12150" s="1"/>
    </row>
    <row r="12151" spans="1:31" ht="14.45">
      <c r="A12151" s="11"/>
      <c r="B12151" s="20"/>
      <c r="C12151" s="2" t="s">
        <v>37381</v>
      </c>
      <c r="D12151" s="14" t="s">
        <v>37382</v>
      </c>
      <c r="E12151" s="2" t="s">
        <v>37383</v>
      </c>
      <c r="F12151" s="2" t="s">
        <v>36648</v>
      </c>
      <c r="G12151" s="8">
        <v>170</v>
      </c>
      <c r="H12151" s="5">
        <v>6</v>
      </c>
      <c r="I12151" s="5" t="s">
        <v>1518</v>
      </c>
      <c r="J12151" s="5" t="s">
        <v>36264</v>
      </c>
      <c r="K12151" s="2" t="s">
        <v>36265</v>
      </c>
      <c r="L12151" s="5" t="s">
        <v>36264</v>
      </c>
      <c r="M12151" s="2" t="s">
        <v>36265</v>
      </c>
      <c r="N12151" s="5" t="s">
        <v>36266</v>
      </c>
      <c r="O12151" s="5" t="s">
        <v>38</v>
      </c>
      <c r="P12151" s="5" t="s">
        <v>39</v>
      </c>
      <c r="Q12151" s="5" t="s">
        <v>40</v>
      </c>
      <c r="R12151" s="5" t="s">
        <v>1522</v>
      </c>
      <c r="S12151" s="5" t="s">
        <v>1523</v>
      </c>
      <c r="T12151" s="5" t="s">
        <v>42</v>
      </c>
      <c r="U12151" s="2">
        <v>1.5369999999999999</v>
      </c>
      <c r="V12151" s="2">
        <v>0.94699999999999995</v>
      </c>
      <c r="W12151" s="2">
        <v>1.7999999999999999E-2</v>
      </c>
      <c r="X12151" s="2">
        <v>139.1</v>
      </c>
      <c r="Y12151" s="2">
        <v>7.6</v>
      </c>
      <c r="Z12151" s="2">
        <v>16.7</v>
      </c>
      <c r="AA12151" s="5"/>
      <c r="AB12151" s="5" t="s">
        <v>43</v>
      </c>
      <c r="AC12151" s="5" t="s">
        <v>44</v>
      </c>
      <c r="AD12151" s="2"/>
      <c r="AE12151" s="1"/>
    </row>
    <row r="12152" spans="1:31" ht="14.45">
      <c r="A12152" s="11"/>
      <c r="B12152" s="20"/>
      <c r="C12152" s="2" t="s">
        <v>37384</v>
      </c>
      <c r="D12152" s="14" t="s">
        <v>37385</v>
      </c>
      <c r="E12152" s="2" t="s">
        <v>37386</v>
      </c>
      <c r="F12152" s="2" t="s">
        <v>36377</v>
      </c>
      <c r="G12152" s="8">
        <v>170</v>
      </c>
      <c r="H12152" s="5">
        <v>6</v>
      </c>
      <c r="I12152" s="5" t="s">
        <v>1518</v>
      </c>
      <c r="J12152" s="5" t="s">
        <v>36264</v>
      </c>
      <c r="K12152" s="2" t="s">
        <v>36265</v>
      </c>
      <c r="L12152" s="5" t="s">
        <v>36264</v>
      </c>
      <c r="M12152" s="2" t="s">
        <v>36265</v>
      </c>
      <c r="N12152" s="5" t="s">
        <v>36266</v>
      </c>
      <c r="O12152" s="5" t="s">
        <v>38</v>
      </c>
      <c r="P12152" s="5" t="s">
        <v>39</v>
      </c>
      <c r="Q12152" s="5" t="s">
        <v>40</v>
      </c>
      <c r="R12152" s="5" t="s">
        <v>1522</v>
      </c>
      <c r="S12152" s="5" t="s">
        <v>1523</v>
      </c>
      <c r="T12152" s="5" t="s">
        <v>42</v>
      </c>
      <c r="U12152" s="2">
        <v>1.5169999999999999</v>
      </c>
      <c r="V12152" s="2">
        <v>0.92700000000000005</v>
      </c>
      <c r="W12152" s="2">
        <v>1.7999999999999999E-2</v>
      </c>
      <c r="X12152" s="2">
        <v>139.1</v>
      </c>
      <c r="Y12152" s="2">
        <v>7.6</v>
      </c>
      <c r="Z12152" s="2">
        <v>16.7</v>
      </c>
      <c r="AA12152" s="5"/>
      <c r="AB12152" s="5" t="s">
        <v>43</v>
      </c>
      <c r="AC12152" s="5" t="s">
        <v>44</v>
      </c>
      <c r="AD12152" s="2"/>
      <c r="AE12152" s="1"/>
    </row>
    <row r="12153" spans="1:31" ht="14.45">
      <c r="A12153" s="11"/>
      <c r="B12153" s="20"/>
      <c r="C12153" s="2" t="s">
        <v>37387</v>
      </c>
      <c r="D12153" s="14" t="s">
        <v>37388</v>
      </c>
      <c r="E12153" s="2" t="s">
        <v>37389</v>
      </c>
      <c r="F12153" s="2" t="s">
        <v>36381</v>
      </c>
      <c r="G12153" s="8">
        <v>170</v>
      </c>
      <c r="H12153" s="5">
        <v>6</v>
      </c>
      <c r="I12153" s="5" t="s">
        <v>1518</v>
      </c>
      <c r="J12153" s="5" t="s">
        <v>36264</v>
      </c>
      <c r="K12153" s="2" t="s">
        <v>36265</v>
      </c>
      <c r="L12153" s="5" t="s">
        <v>36264</v>
      </c>
      <c r="M12153" s="2" t="s">
        <v>36265</v>
      </c>
      <c r="N12153" s="5" t="s">
        <v>36266</v>
      </c>
      <c r="O12153" s="5" t="s">
        <v>38</v>
      </c>
      <c r="P12153" s="5" t="s">
        <v>39</v>
      </c>
      <c r="Q12153" s="5" t="s">
        <v>40</v>
      </c>
      <c r="R12153" s="5" t="s">
        <v>1522</v>
      </c>
      <c r="S12153" s="5" t="s">
        <v>1523</v>
      </c>
      <c r="T12153" s="5" t="s">
        <v>42</v>
      </c>
      <c r="U12153" s="2">
        <v>1.5369999999999999</v>
      </c>
      <c r="V12153" s="2">
        <v>0.94699999999999995</v>
      </c>
      <c r="W12153" s="2">
        <v>1.7999999999999999E-2</v>
      </c>
      <c r="X12153" s="2">
        <v>139.1</v>
      </c>
      <c r="Y12153" s="2">
        <v>7.6</v>
      </c>
      <c r="Z12153" s="2">
        <v>16.7</v>
      </c>
      <c r="AA12153" s="5"/>
      <c r="AB12153" s="5" t="s">
        <v>43</v>
      </c>
      <c r="AC12153" s="5" t="s">
        <v>44</v>
      </c>
      <c r="AD12153" s="2"/>
      <c r="AE12153" s="1"/>
    </row>
    <row r="12154" spans="1:31" ht="14.45">
      <c r="A12154" s="11"/>
      <c r="B12154" s="20"/>
      <c r="C12154" s="2" t="s">
        <v>37390</v>
      </c>
      <c r="D12154" s="14" t="s">
        <v>37391</v>
      </c>
      <c r="E12154" s="2" t="s">
        <v>37392</v>
      </c>
      <c r="F12154" s="2" t="s">
        <v>36385</v>
      </c>
      <c r="G12154" s="8">
        <v>170</v>
      </c>
      <c r="H12154" s="5">
        <v>6</v>
      </c>
      <c r="I12154" s="5" t="s">
        <v>1518</v>
      </c>
      <c r="J12154" s="5" t="s">
        <v>36264</v>
      </c>
      <c r="K12154" s="2" t="s">
        <v>36265</v>
      </c>
      <c r="L12154" s="5" t="s">
        <v>36264</v>
      </c>
      <c r="M12154" s="2" t="s">
        <v>36265</v>
      </c>
      <c r="N12154" s="5" t="s">
        <v>36266</v>
      </c>
      <c r="O12154" s="5" t="s">
        <v>38</v>
      </c>
      <c r="P12154" s="5" t="s">
        <v>39</v>
      </c>
      <c r="Q12154" s="5" t="s">
        <v>40</v>
      </c>
      <c r="R12154" s="5" t="s">
        <v>1522</v>
      </c>
      <c r="S12154" s="5" t="s">
        <v>1523</v>
      </c>
      <c r="T12154" s="5" t="s">
        <v>42</v>
      </c>
      <c r="U12154" s="2">
        <v>1.5169999999999999</v>
      </c>
      <c r="V12154" s="2">
        <v>0.92700000000000005</v>
      </c>
      <c r="W12154" s="2">
        <v>1.7999999999999999E-2</v>
      </c>
      <c r="X12154" s="2">
        <v>139.1</v>
      </c>
      <c r="Y12154" s="2">
        <v>7.6</v>
      </c>
      <c r="Z12154" s="2">
        <v>16.7</v>
      </c>
      <c r="AA12154" s="5"/>
      <c r="AB12154" s="5" t="s">
        <v>43</v>
      </c>
      <c r="AC12154" s="5" t="s">
        <v>44</v>
      </c>
      <c r="AD12154" s="2"/>
      <c r="AE12154" s="1"/>
    </row>
    <row r="12155" spans="1:31" ht="14.45">
      <c r="A12155" s="11"/>
      <c r="B12155" s="20"/>
      <c r="C12155" s="2" t="s">
        <v>37393</v>
      </c>
      <c r="D12155" s="14" t="s">
        <v>37394</v>
      </c>
      <c r="E12155" s="2" t="s">
        <v>37395</v>
      </c>
      <c r="F12155" s="2" t="s">
        <v>36389</v>
      </c>
      <c r="G12155" s="8">
        <v>170</v>
      </c>
      <c r="H12155" s="5">
        <v>6</v>
      </c>
      <c r="I12155" s="5" t="s">
        <v>1518</v>
      </c>
      <c r="J12155" s="5" t="s">
        <v>36264</v>
      </c>
      <c r="K12155" s="2" t="s">
        <v>36265</v>
      </c>
      <c r="L12155" s="5" t="s">
        <v>36264</v>
      </c>
      <c r="M12155" s="2" t="s">
        <v>36265</v>
      </c>
      <c r="N12155" s="5" t="s">
        <v>36266</v>
      </c>
      <c r="O12155" s="5" t="s">
        <v>38</v>
      </c>
      <c r="P12155" s="5" t="s">
        <v>39</v>
      </c>
      <c r="Q12155" s="5" t="s">
        <v>40</v>
      </c>
      <c r="R12155" s="5" t="s">
        <v>1522</v>
      </c>
      <c r="S12155" s="5" t="s">
        <v>1523</v>
      </c>
      <c r="T12155" s="5" t="s">
        <v>42</v>
      </c>
      <c r="U12155" s="2">
        <v>1.5369999999999999</v>
      </c>
      <c r="V12155" s="2">
        <v>0.94699999999999995</v>
      </c>
      <c r="W12155" s="2">
        <v>1.7999999999999999E-2</v>
      </c>
      <c r="X12155" s="2">
        <v>139.1</v>
      </c>
      <c r="Y12155" s="2">
        <v>7.6</v>
      </c>
      <c r="Z12155" s="2">
        <v>16.7</v>
      </c>
      <c r="AA12155" s="5"/>
      <c r="AB12155" s="5" t="s">
        <v>43</v>
      </c>
      <c r="AC12155" s="5" t="s">
        <v>44</v>
      </c>
      <c r="AD12155" s="2"/>
      <c r="AE12155" s="1"/>
    </row>
    <row r="12156" spans="1:31" ht="14.45">
      <c r="A12156" s="11"/>
      <c r="B12156" s="20"/>
      <c r="C12156" s="2" t="s">
        <v>37396</v>
      </c>
      <c r="D12156" s="14" t="s">
        <v>37397</v>
      </c>
      <c r="E12156" s="2" t="s">
        <v>37398</v>
      </c>
      <c r="F12156" s="2" t="s">
        <v>7204</v>
      </c>
      <c r="G12156" s="8">
        <v>136</v>
      </c>
      <c r="H12156" s="5">
        <v>6</v>
      </c>
      <c r="I12156" s="5" t="s">
        <v>1518</v>
      </c>
      <c r="J12156" s="5" t="s">
        <v>36264</v>
      </c>
      <c r="K12156" s="2" t="s">
        <v>36265</v>
      </c>
      <c r="L12156" s="5" t="s">
        <v>36264</v>
      </c>
      <c r="M12156" s="2" t="s">
        <v>36265</v>
      </c>
      <c r="N12156" s="5" t="s">
        <v>36266</v>
      </c>
      <c r="O12156" s="5" t="s">
        <v>38</v>
      </c>
      <c r="P12156" s="5" t="s">
        <v>39</v>
      </c>
      <c r="Q12156" s="5" t="s">
        <v>40</v>
      </c>
      <c r="R12156" s="5" t="s">
        <v>1522</v>
      </c>
      <c r="S12156" s="5" t="s">
        <v>1523</v>
      </c>
      <c r="T12156" s="5" t="s">
        <v>42</v>
      </c>
      <c r="U12156" s="2">
        <v>1.298</v>
      </c>
      <c r="V12156" s="2">
        <v>0.79800000000000004</v>
      </c>
      <c r="W12156" s="2">
        <v>1.2999999999999999E-2</v>
      </c>
      <c r="X12156" s="2">
        <v>99.1</v>
      </c>
      <c r="Y12156" s="2">
        <v>7.6</v>
      </c>
      <c r="Z12156" s="2">
        <v>16.7</v>
      </c>
      <c r="AA12156" s="5"/>
      <c r="AB12156" s="5" t="s">
        <v>43</v>
      </c>
      <c r="AC12156" s="5" t="s">
        <v>44</v>
      </c>
      <c r="AD12156" s="2"/>
      <c r="AE12156" s="1"/>
    </row>
    <row r="12157" spans="1:31" ht="14.45">
      <c r="A12157" s="11"/>
      <c r="B12157" s="20"/>
      <c r="C12157" s="2" t="s">
        <v>37399</v>
      </c>
      <c r="D12157" s="14" t="s">
        <v>37400</v>
      </c>
      <c r="E12157" s="2" t="s">
        <v>37401</v>
      </c>
      <c r="F12157" s="2" t="s">
        <v>7514</v>
      </c>
      <c r="G12157" s="8">
        <v>136</v>
      </c>
      <c r="H12157" s="5">
        <v>6</v>
      </c>
      <c r="I12157" s="5" t="s">
        <v>1518</v>
      </c>
      <c r="J12157" s="5" t="s">
        <v>36264</v>
      </c>
      <c r="K12157" s="2" t="s">
        <v>36265</v>
      </c>
      <c r="L12157" s="5" t="s">
        <v>36264</v>
      </c>
      <c r="M12157" s="2" t="s">
        <v>36265</v>
      </c>
      <c r="N12157" s="5" t="s">
        <v>36266</v>
      </c>
      <c r="O12157" s="5" t="s">
        <v>38</v>
      </c>
      <c r="P12157" s="5" t="s">
        <v>39</v>
      </c>
      <c r="Q12157" s="5" t="s">
        <v>40</v>
      </c>
      <c r="R12157" s="5" t="s">
        <v>1522</v>
      </c>
      <c r="S12157" s="5" t="s">
        <v>1523</v>
      </c>
      <c r="T12157" s="5" t="s">
        <v>42</v>
      </c>
      <c r="U12157" s="2">
        <v>1.323</v>
      </c>
      <c r="V12157" s="2">
        <v>0.82299999999999995</v>
      </c>
      <c r="W12157" s="2">
        <v>1.2999999999999999E-2</v>
      </c>
      <c r="X12157" s="2">
        <v>99.1</v>
      </c>
      <c r="Y12157" s="2">
        <v>7.6</v>
      </c>
      <c r="Z12157" s="2">
        <v>16.7</v>
      </c>
      <c r="AA12157" s="5"/>
      <c r="AB12157" s="5" t="s">
        <v>43</v>
      </c>
      <c r="AC12157" s="5" t="s">
        <v>44</v>
      </c>
      <c r="AD12157" s="2"/>
      <c r="AE12157" s="1"/>
    </row>
    <row r="12158" spans="1:31" ht="14.45">
      <c r="A12158" s="11"/>
      <c r="B12158" s="20"/>
      <c r="C12158" s="2" t="s">
        <v>37402</v>
      </c>
      <c r="D12158" s="14" t="s">
        <v>37403</v>
      </c>
      <c r="E12158" s="2" t="s">
        <v>37404</v>
      </c>
      <c r="F12158" s="2" t="s">
        <v>36273</v>
      </c>
      <c r="G12158" s="8">
        <v>136</v>
      </c>
      <c r="H12158" s="5">
        <v>6</v>
      </c>
      <c r="I12158" s="5" t="s">
        <v>1518</v>
      </c>
      <c r="J12158" s="5" t="s">
        <v>36264</v>
      </c>
      <c r="K12158" s="2" t="s">
        <v>36265</v>
      </c>
      <c r="L12158" s="5" t="s">
        <v>36264</v>
      </c>
      <c r="M12158" s="2" t="s">
        <v>36265</v>
      </c>
      <c r="N12158" s="5" t="s">
        <v>36266</v>
      </c>
      <c r="O12158" s="5" t="s">
        <v>38</v>
      </c>
      <c r="P12158" s="5" t="s">
        <v>39</v>
      </c>
      <c r="Q12158" s="5" t="s">
        <v>40</v>
      </c>
      <c r="R12158" s="5" t="s">
        <v>1522</v>
      </c>
      <c r="S12158" s="5" t="s">
        <v>1523</v>
      </c>
      <c r="T12158" s="5" t="s">
        <v>42</v>
      </c>
      <c r="U12158" s="2">
        <v>1.298</v>
      </c>
      <c r="V12158" s="2">
        <v>0.79800000000000004</v>
      </c>
      <c r="W12158" s="2">
        <v>1.2999999999999999E-2</v>
      </c>
      <c r="X12158" s="2">
        <v>99.1</v>
      </c>
      <c r="Y12158" s="2">
        <v>7.6</v>
      </c>
      <c r="Z12158" s="2">
        <v>16.7</v>
      </c>
      <c r="AA12158" s="5"/>
      <c r="AB12158" s="5" t="s">
        <v>43</v>
      </c>
      <c r="AC12158" s="5" t="s">
        <v>44</v>
      </c>
      <c r="AD12158" s="2"/>
      <c r="AE12158" s="1"/>
    </row>
    <row r="12159" spans="1:31" ht="14.45">
      <c r="A12159" s="11"/>
      <c r="B12159" s="20"/>
      <c r="C12159" s="2" t="s">
        <v>37405</v>
      </c>
      <c r="D12159" s="14" t="s">
        <v>37406</v>
      </c>
      <c r="E12159" s="2" t="s">
        <v>37407</v>
      </c>
      <c r="F12159" s="2" t="s">
        <v>36277</v>
      </c>
      <c r="G12159" s="8">
        <v>136</v>
      </c>
      <c r="H12159" s="5">
        <v>6</v>
      </c>
      <c r="I12159" s="5" t="s">
        <v>1518</v>
      </c>
      <c r="J12159" s="5" t="s">
        <v>36264</v>
      </c>
      <c r="K12159" s="2" t="s">
        <v>36265</v>
      </c>
      <c r="L12159" s="5" t="s">
        <v>36264</v>
      </c>
      <c r="M12159" s="2" t="s">
        <v>36265</v>
      </c>
      <c r="N12159" s="5" t="s">
        <v>36266</v>
      </c>
      <c r="O12159" s="5" t="s">
        <v>38</v>
      </c>
      <c r="P12159" s="5" t="s">
        <v>39</v>
      </c>
      <c r="Q12159" s="5" t="s">
        <v>40</v>
      </c>
      <c r="R12159" s="5" t="s">
        <v>1522</v>
      </c>
      <c r="S12159" s="5" t="s">
        <v>1523</v>
      </c>
      <c r="T12159" s="5" t="s">
        <v>42</v>
      </c>
      <c r="U12159" s="2">
        <v>1.323</v>
      </c>
      <c r="V12159" s="2">
        <v>0.82299999999999995</v>
      </c>
      <c r="W12159" s="2">
        <v>1.2999999999999999E-2</v>
      </c>
      <c r="X12159" s="2">
        <v>99.1</v>
      </c>
      <c r="Y12159" s="2">
        <v>7.6</v>
      </c>
      <c r="Z12159" s="2">
        <v>16.7</v>
      </c>
      <c r="AA12159" s="5"/>
      <c r="AB12159" s="5" t="s">
        <v>43</v>
      </c>
      <c r="AC12159" s="5" t="s">
        <v>44</v>
      </c>
      <c r="AD12159" s="2"/>
      <c r="AE12159" s="1"/>
    </row>
    <row r="12160" spans="1:31" ht="14.45">
      <c r="A12160" s="11"/>
      <c r="B12160" s="20"/>
      <c r="C12160" s="2" t="s">
        <v>37408</v>
      </c>
      <c r="D12160" s="14" t="s">
        <v>37409</v>
      </c>
      <c r="E12160" s="2" t="s">
        <v>37410</v>
      </c>
      <c r="F12160" s="2" t="s">
        <v>36281</v>
      </c>
      <c r="G12160" s="8">
        <v>157</v>
      </c>
      <c r="H12160" s="5">
        <v>6</v>
      </c>
      <c r="I12160" s="5" t="s">
        <v>1518</v>
      </c>
      <c r="J12160" s="5" t="s">
        <v>36264</v>
      </c>
      <c r="K12160" s="2" t="s">
        <v>36265</v>
      </c>
      <c r="L12160" s="5" t="s">
        <v>36264</v>
      </c>
      <c r="M12160" s="2" t="s">
        <v>36265</v>
      </c>
      <c r="N12160" s="5" t="s">
        <v>36266</v>
      </c>
      <c r="O12160" s="5" t="s">
        <v>38</v>
      </c>
      <c r="P12160" s="5" t="s">
        <v>39</v>
      </c>
      <c r="Q12160" s="5" t="s">
        <v>40</v>
      </c>
      <c r="R12160" s="5" t="s">
        <v>1522</v>
      </c>
      <c r="S12160" s="5" t="s">
        <v>1523</v>
      </c>
      <c r="T12160" s="5" t="s">
        <v>42</v>
      </c>
      <c r="U12160" s="2">
        <v>1.298</v>
      </c>
      <c r="V12160" s="2">
        <v>0.79800000000000004</v>
      </c>
      <c r="W12160" s="2">
        <v>1.2999999999999999E-2</v>
      </c>
      <c r="X12160" s="2">
        <v>99.1</v>
      </c>
      <c r="Y12160" s="2">
        <v>7.6</v>
      </c>
      <c r="Z12160" s="2">
        <v>16.7</v>
      </c>
      <c r="AA12160" s="5"/>
      <c r="AB12160" s="5" t="s">
        <v>43</v>
      </c>
      <c r="AC12160" s="5" t="s">
        <v>44</v>
      </c>
      <c r="AD12160" s="2"/>
      <c r="AE12160" s="1"/>
    </row>
    <row r="12161" spans="1:31" ht="14.45">
      <c r="A12161" s="11"/>
      <c r="B12161" s="20"/>
      <c r="C12161" s="2" t="s">
        <v>37411</v>
      </c>
      <c r="D12161" s="14" t="s">
        <v>37412</v>
      </c>
      <c r="E12161" s="2" t="s">
        <v>37413</v>
      </c>
      <c r="F12161" s="2" t="s">
        <v>36285</v>
      </c>
      <c r="G12161" s="8">
        <v>157</v>
      </c>
      <c r="H12161" s="5">
        <v>6</v>
      </c>
      <c r="I12161" s="5" t="s">
        <v>1518</v>
      </c>
      <c r="J12161" s="5" t="s">
        <v>36264</v>
      </c>
      <c r="K12161" s="2" t="s">
        <v>36265</v>
      </c>
      <c r="L12161" s="5" t="s">
        <v>36264</v>
      </c>
      <c r="M12161" s="2" t="s">
        <v>36265</v>
      </c>
      <c r="N12161" s="5" t="s">
        <v>36266</v>
      </c>
      <c r="O12161" s="5" t="s">
        <v>38</v>
      </c>
      <c r="P12161" s="5" t="s">
        <v>39</v>
      </c>
      <c r="Q12161" s="5" t="s">
        <v>40</v>
      </c>
      <c r="R12161" s="5" t="s">
        <v>1522</v>
      </c>
      <c r="S12161" s="5" t="s">
        <v>1523</v>
      </c>
      <c r="T12161" s="5" t="s">
        <v>42</v>
      </c>
      <c r="U12161" s="2">
        <v>1.323</v>
      </c>
      <c r="V12161" s="2">
        <v>0.82299999999999995</v>
      </c>
      <c r="W12161" s="2">
        <v>1.2999999999999999E-2</v>
      </c>
      <c r="X12161" s="2">
        <v>99.1</v>
      </c>
      <c r="Y12161" s="2">
        <v>7.6</v>
      </c>
      <c r="Z12161" s="2">
        <v>16.7</v>
      </c>
      <c r="AA12161" s="5"/>
      <c r="AB12161" s="5" t="s">
        <v>43</v>
      </c>
      <c r="AC12161" s="5" t="s">
        <v>44</v>
      </c>
      <c r="AD12161" s="2"/>
      <c r="AE12161" s="1"/>
    </row>
    <row r="12162" spans="1:31" ht="14.45">
      <c r="A12162" s="11"/>
      <c r="B12162" s="20"/>
      <c r="C12162" s="2" t="s">
        <v>37414</v>
      </c>
      <c r="D12162" s="14" t="s">
        <v>37415</v>
      </c>
      <c r="E12162" s="2" t="s">
        <v>37416</v>
      </c>
      <c r="F12162" s="2" t="s">
        <v>36289</v>
      </c>
      <c r="G12162" s="8">
        <v>157</v>
      </c>
      <c r="H12162" s="5">
        <v>6</v>
      </c>
      <c r="I12162" s="5" t="s">
        <v>1518</v>
      </c>
      <c r="J12162" s="5" t="s">
        <v>36264</v>
      </c>
      <c r="K12162" s="2" t="s">
        <v>36265</v>
      </c>
      <c r="L12162" s="5" t="s">
        <v>36264</v>
      </c>
      <c r="M12162" s="2" t="s">
        <v>36265</v>
      </c>
      <c r="N12162" s="5" t="s">
        <v>36266</v>
      </c>
      <c r="O12162" s="5" t="s">
        <v>38</v>
      </c>
      <c r="P12162" s="5" t="s">
        <v>39</v>
      </c>
      <c r="Q12162" s="5" t="s">
        <v>40</v>
      </c>
      <c r="R12162" s="5" t="s">
        <v>1522</v>
      </c>
      <c r="S12162" s="5" t="s">
        <v>1523</v>
      </c>
      <c r="T12162" s="5" t="s">
        <v>42</v>
      </c>
      <c r="U12162" s="2">
        <v>1.298</v>
      </c>
      <c r="V12162" s="2">
        <v>0.79800000000000004</v>
      </c>
      <c r="W12162" s="2">
        <v>1.2999999999999999E-2</v>
      </c>
      <c r="X12162" s="2">
        <v>99.1</v>
      </c>
      <c r="Y12162" s="2">
        <v>7.6</v>
      </c>
      <c r="Z12162" s="2">
        <v>16.7</v>
      </c>
      <c r="AA12162" s="5"/>
      <c r="AB12162" s="5" t="s">
        <v>43</v>
      </c>
      <c r="AC12162" s="5" t="s">
        <v>44</v>
      </c>
      <c r="AD12162" s="2"/>
      <c r="AE12162" s="1"/>
    </row>
    <row r="12163" spans="1:31" ht="14.45">
      <c r="A12163" s="11"/>
      <c r="B12163" s="20"/>
      <c r="C12163" s="2" t="s">
        <v>37417</v>
      </c>
      <c r="D12163" s="14" t="s">
        <v>37418</v>
      </c>
      <c r="E12163" s="2" t="s">
        <v>37419</v>
      </c>
      <c r="F12163" s="2" t="s">
        <v>36293</v>
      </c>
      <c r="G12163" s="8">
        <v>157</v>
      </c>
      <c r="H12163" s="5">
        <v>6</v>
      </c>
      <c r="I12163" s="5" t="s">
        <v>1518</v>
      </c>
      <c r="J12163" s="5" t="s">
        <v>36264</v>
      </c>
      <c r="K12163" s="2" t="s">
        <v>36265</v>
      </c>
      <c r="L12163" s="5" t="s">
        <v>36264</v>
      </c>
      <c r="M12163" s="2" t="s">
        <v>36265</v>
      </c>
      <c r="N12163" s="5" t="s">
        <v>36266</v>
      </c>
      <c r="O12163" s="5" t="s">
        <v>38</v>
      </c>
      <c r="P12163" s="5" t="s">
        <v>39</v>
      </c>
      <c r="Q12163" s="5" t="s">
        <v>40</v>
      </c>
      <c r="R12163" s="5" t="s">
        <v>1522</v>
      </c>
      <c r="S12163" s="5" t="s">
        <v>1523</v>
      </c>
      <c r="T12163" s="5" t="s">
        <v>42</v>
      </c>
      <c r="U12163" s="2">
        <v>1.323</v>
      </c>
      <c r="V12163" s="2">
        <v>0.82299999999999995</v>
      </c>
      <c r="W12163" s="2">
        <v>1.2999999999999999E-2</v>
      </c>
      <c r="X12163" s="2">
        <v>99.1</v>
      </c>
      <c r="Y12163" s="2">
        <v>7.6</v>
      </c>
      <c r="Z12163" s="2">
        <v>16.7</v>
      </c>
      <c r="AA12163" s="5"/>
      <c r="AB12163" s="5" t="s">
        <v>43</v>
      </c>
      <c r="AC12163" s="5" t="s">
        <v>44</v>
      </c>
      <c r="AD12163" s="2"/>
      <c r="AE12163" s="1"/>
    </row>
    <row r="12164" spans="1:31" ht="14.45">
      <c r="A12164" s="11"/>
      <c r="B12164" s="20"/>
      <c r="C12164" s="2" t="s">
        <v>37420</v>
      </c>
      <c r="D12164" s="14" t="s">
        <v>37421</v>
      </c>
      <c r="E12164" s="2" t="s">
        <v>37422</v>
      </c>
      <c r="F12164" s="2" t="s">
        <v>36297</v>
      </c>
      <c r="G12164" s="8">
        <v>136</v>
      </c>
      <c r="H12164" s="5">
        <v>6</v>
      </c>
      <c r="I12164" s="5" t="s">
        <v>1518</v>
      </c>
      <c r="J12164" s="5" t="s">
        <v>36264</v>
      </c>
      <c r="K12164" s="2" t="s">
        <v>36265</v>
      </c>
      <c r="L12164" s="5" t="s">
        <v>36264</v>
      </c>
      <c r="M12164" s="2" t="s">
        <v>36265</v>
      </c>
      <c r="N12164" s="5" t="s">
        <v>36266</v>
      </c>
      <c r="O12164" s="5" t="s">
        <v>38</v>
      </c>
      <c r="P12164" s="5" t="s">
        <v>39</v>
      </c>
      <c r="Q12164" s="5" t="s">
        <v>40</v>
      </c>
      <c r="R12164" s="5" t="s">
        <v>1522</v>
      </c>
      <c r="S12164" s="5" t="s">
        <v>1523</v>
      </c>
      <c r="T12164" s="5" t="s">
        <v>42</v>
      </c>
      <c r="U12164" s="2">
        <v>1.298</v>
      </c>
      <c r="V12164" s="2">
        <v>0.79800000000000004</v>
      </c>
      <c r="W12164" s="2">
        <v>1.2999999999999999E-2</v>
      </c>
      <c r="X12164" s="2">
        <v>99.1</v>
      </c>
      <c r="Y12164" s="2">
        <v>7.6</v>
      </c>
      <c r="Z12164" s="2">
        <v>16.7</v>
      </c>
      <c r="AA12164" s="5"/>
      <c r="AB12164" s="5" t="s">
        <v>43</v>
      </c>
      <c r="AC12164" s="5" t="s">
        <v>44</v>
      </c>
      <c r="AD12164" s="2"/>
      <c r="AE12164" s="1"/>
    </row>
    <row r="12165" spans="1:31" ht="14.45">
      <c r="A12165" s="11"/>
      <c r="B12165" s="20"/>
      <c r="C12165" s="2" t="s">
        <v>37423</v>
      </c>
      <c r="D12165" s="14" t="s">
        <v>37424</v>
      </c>
      <c r="E12165" s="2" t="s">
        <v>37425</v>
      </c>
      <c r="F12165" s="2" t="s">
        <v>36301</v>
      </c>
      <c r="G12165" s="8">
        <v>136</v>
      </c>
      <c r="H12165" s="5">
        <v>6</v>
      </c>
      <c r="I12165" s="5" t="s">
        <v>1518</v>
      </c>
      <c r="J12165" s="5" t="s">
        <v>36264</v>
      </c>
      <c r="K12165" s="2" t="s">
        <v>36265</v>
      </c>
      <c r="L12165" s="5" t="s">
        <v>36264</v>
      </c>
      <c r="M12165" s="2" t="s">
        <v>36265</v>
      </c>
      <c r="N12165" s="5" t="s">
        <v>36266</v>
      </c>
      <c r="O12165" s="5" t="s">
        <v>38</v>
      </c>
      <c r="P12165" s="5" t="s">
        <v>39</v>
      </c>
      <c r="Q12165" s="5" t="s">
        <v>40</v>
      </c>
      <c r="R12165" s="5" t="s">
        <v>1522</v>
      </c>
      <c r="S12165" s="5" t="s">
        <v>1523</v>
      </c>
      <c r="T12165" s="5" t="s">
        <v>42</v>
      </c>
      <c r="U12165" s="2">
        <v>1.323</v>
      </c>
      <c r="V12165" s="2">
        <v>0.82299999999999995</v>
      </c>
      <c r="W12165" s="2">
        <v>1.2999999999999999E-2</v>
      </c>
      <c r="X12165" s="2">
        <v>99.1</v>
      </c>
      <c r="Y12165" s="2">
        <v>7.6</v>
      </c>
      <c r="Z12165" s="2">
        <v>16.7</v>
      </c>
      <c r="AA12165" s="5"/>
      <c r="AB12165" s="5" t="s">
        <v>43</v>
      </c>
      <c r="AC12165" s="5" t="s">
        <v>44</v>
      </c>
      <c r="AD12165" s="2"/>
      <c r="AE12165" s="1"/>
    </row>
    <row r="12166" spans="1:31" ht="14.45">
      <c r="A12166" s="11"/>
      <c r="B12166" s="20"/>
      <c r="C12166" s="2" t="s">
        <v>37426</v>
      </c>
      <c r="D12166" s="14" t="s">
        <v>37427</v>
      </c>
      <c r="E12166" s="2" t="s">
        <v>37428</v>
      </c>
      <c r="F12166" s="2" t="s">
        <v>36305</v>
      </c>
      <c r="G12166" s="8">
        <v>136</v>
      </c>
      <c r="H12166" s="5">
        <v>6</v>
      </c>
      <c r="I12166" s="5" t="s">
        <v>1518</v>
      </c>
      <c r="J12166" s="5" t="s">
        <v>36264</v>
      </c>
      <c r="K12166" s="2" t="s">
        <v>36265</v>
      </c>
      <c r="L12166" s="5" t="s">
        <v>36264</v>
      </c>
      <c r="M12166" s="2" t="s">
        <v>36265</v>
      </c>
      <c r="N12166" s="5" t="s">
        <v>36266</v>
      </c>
      <c r="O12166" s="5" t="s">
        <v>38</v>
      </c>
      <c r="P12166" s="5" t="s">
        <v>39</v>
      </c>
      <c r="Q12166" s="5" t="s">
        <v>40</v>
      </c>
      <c r="R12166" s="5" t="s">
        <v>1522</v>
      </c>
      <c r="S12166" s="5" t="s">
        <v>1523</v>
      </c>
      <c r="T12166" s="5" t="s">
        <v>42</v>
      </c>
      <c r="U12166" s="2">
        <v>1.298</v>
      </c>
      <c r="V12166" s="2">
        <v>0.79800000000000004</v>
      </c>
      <c r="W12166" s="2">
        <v>1.2999999999999999E-2</v>
      </c>
      <c r="X12166" s="2">
        <v>99.1</v>
      </c>
      <c r="Y12166" s="2">
        <v>7.6</v>
      </c>
      <c r="Z12166" s="2">
        <v>16.7</v>
      </c>
      <c r="AA12166" s="5"/>
      <c r="AB12166" s="5" t="s">
        <v>43</v>
      </c>
      <c r="AC12166" s="5" t="s">
        <v>44</v>
      </c>
      <c r="AD12166" s="2"/>
      <c r="AE12166" s="1"/>
    </row>
    <row r="12167" spans="1:31" ht="14.45">
      <c r="A12167" s="11"/>
      <c r="B12167" s="20"/>
      <c r="C12167" s="2" t="s">
        <v>37429</v>
      </c>
      <c r="D12167" s="14" t="s">
        <v>37430</v>
      </c>
      <c r="E12167" s="2" t="s">
        <v>37431</v>
      </c>
      <c r="F12167" s="2" t="s">
        <v>36309</v>
      </c>
      <c r="G12167" s="8">
        <v>136</v>
      </c>
      <c r="H12167" s="5">
        <v>6</v>
      </c>
      <c r="I12167" s="5" t="s">
        <v>1518</v>
      </c>
      <c r="J12167" s="5" t="s">
        <v>36264</v>
      </c>
      <c r="K12167" s="2" t="s">
        <v>36265</v>
      </c>
      <c r="L12167" s="5" t="s">
        <v>36264</v>
      </c>
      <c r="M12167" s="2" t="s">
        <v>36265</v>
      </c>
      <c r="N12167" s="5" t="s">
        <v>36266</v>
      </c>
      <c r="O12167" s="5" t="s">
        <v>38</v>
      </c>
      <c r="P12167" s="5" t="s">
        <v>39</v>
      </c>
      <c r="Q12167" s="5" t="s">
        <v>40</v>
      </c>
      <c r="R12167" s="5" t="s">
        <v>1522</v>
      </c>
      <c r="S12167" s="5" t="s">
        <v>1523</v>
      </c>
      <c r="T12167" s="5" t="s">
        <v>42</v>
      </c>
      <c r="U12167" s="2">
        <v>1.323</v>
      </c>
      <c r="V12167" s="2">
        <v>0.82299999999999995</v>
      </c>
      <c r="W12167" s="2">
        <v>1.2999999999999999E-2</v>
      </c>
      <c r="X12167" s="2">
        <v>99.1</v>
      </c>
      <c r="Y12167" s="2">
        <v>7.6</v>
      </c>
      <c r="Z12167" s="2">
        <v>16.7</v>
      </c>
      <c r="AA12167" s="5"/>
      <c r="AB12167" s="5" t="s">
        <v>43</v>
      </c>
      <c r="AC12167" s="5" t="s">
        <v>44</v>
      </c>
      <c r="AD12167" s="2"/>
      <c r="AE12167" s="1"/>
    </row>
    <row r="12168" spans="1:31" ht="14.45">
      <c r="A12168" s="11"/>
      <c r="B12168" s="20"/>
      <c r="C12168" s="2" t="s">
        <v>37432</v>
      </c>
      <c r="D12168" s="14" t="s">
        <v>37433</v>
      </c>
      <c r="E12168" s="2" t="s">
        <v>37434</v>
      </c>
      <c r="F12168" s="2" t="s">
        <v>36313</v>
      </c>
      <c r="G12168" s="8">
        <v>157</v>
      </c>
      <c r="H12168" s="5">
        <v>6</v>
      </c>
      <c r="I12168" s="5" t="s">
        <v>1518</v>
      </c>
      <c r="J12168" s="5" t="s">
        <v>36264</v>
      </c>
      <c r="K12168" s="2" t="s">
        <v>36265</v>
      </c>
      <c r="L12168" s="5" t="s">
        <v>36264</v>
      </c>
      <c r="M12168" s="2" t="s">
        <v>36265</v>
      </c>
      <c r="N12168" s="5" t="s">
        <v>36266</v>
      </c>
      <c r="O12168" s="5" t="s">
        <v>38</v>
      </c>
      <c r="P12168" s="5" t="s">
        <v>39</v>
      </c>
      <c r="Q12168" s="5" t="s">
        <v>40</v>
      </c>
      <c r="R12168" s="5" t="s">
        <v>1522</v>
      </c>
      <c r="S12168" s="5" t="s">
        <v>1523</v>
      </c>
      <c r="T12168" s="5" t="s">
        <v>42</v>
      </c>
      <c r="U12168" s="2">
        <v>1.298</v>
      </c>
      <c r="V12168" s="2">
        <v>0.79800000000000004</v>
      </c>
      <c r="W12168" s="2">
        <v>1.2999999999999999E-2</v>
      </c>
      <c r="X12168" s="2">
        <v>99.1</v>
      </c>
      <c r="Y12168" s="2">
        <v>7.6</v>
      </c>
      <c r="Z12168" s="2">
        <v>16.7</v>
      </c>
      <c r="AA12168" s="5"/>
      <c r="AB12168" s="5" t="s">
        <v>43</v>
      </c>
      <c r="AC12168" s="5" t="s">
        <v>44</v>
      </c>
      <c r="AD12168" s="2"/>
      <c r="AE12168" s="1"/>
    </row>
    <row r="12169" spans="1:31" ht="14.45">
      <c r="A12169" s="11"/>
      <c r="B12169" s="20"/>
      <c r="C12169" s="2" t="s">
        <v>37435</v>
      </c>
      <c r="D12169" s="14" t="s">
        <v>37436</v>
      </c>
      <c r="E12169" s="2" t="s">
        <v>37437</v>
      </c>
      <c r="F12169" s="2" t="s">
        <v>36317</v>
      </c>
      <c r="G12169" s="8">
        <v>157</v>
      </c>
      <c r="H12169" s="5">
        <v>6</v>
      </c>
      <c r="I12169" s="5" t="s">
        <v>1518</v>
      </c>
      <c r="J12169" s="5" t="s">
        <v>36264</v>
      </c>
      <c r="K12169" s="2" t="s">
        <v>36265</v>
      </c>
      <c r="L12169" s="5" t="s">
        <v>36264</v>
      </c>
      <c r="M12169" s="2" t="s">
        <v>36265</v>
      </c>
      <c r="N12169" s="5" t="s">
        <v>36266</v>
      </c>
      <c r="O12169" s="5" t="s">
        <v>38</v>
      </c>
      <c r="P12169" s="5" t="s">
        <v>39</v>
      </c>
      <c r="Q12169" s="5" t="s">
        <v>40</v>
      </c>
      <c r="R12169" s="5" t="s">
        <v>1522</v>
      </c>
      <c r="S12169" s="5" t="s">
        <v>1523</v>
      </c>
      <c r="T12169" s="5" t="s">
        <v>42</v>
      </c>
      <c r="U12169" s="2">
        <v>1.323</v>
      </c>
      <c r="V12169" s="2">
        <v>0.82299999999999995</v>
      </c>
      <c r="W12169" s="2">
        <v>1.2999999999999999E-2</v>
      </c>
      <c r="X12169" s="2">
        <v>99.1</v>
      </c>
      <c r="Y12169" s="2">
        <v>7.6</v>
      </c>
      <c r="Z12169" s="2">
        <v>16.7</v>
      </c>
      <c r="AA12169" s="5"/>
      <c r="AB12169" s="5" t="s">
        <v>43</v>
      </c>
      <c r="AC12169" s="5" t="s">
        <v>44</v>
      </c>
      <c r="AD12169" s="2"/>
      <c r="AE12169" s="1"/>
    </row>
    <row r="12170" spans="1:31" ht="14.45">
      <c r="A12170" s="11"/>
      <c r="B12170" s="20"/>
      <c r="C12170" s="2" t="s">
        <v>37438</v>
      </c>
      <c r="D12170" s="14" t="s">
        <v>37439</v>
      </c>
      <c r="E12170" s="2" t="s">
        <v>37440</v>
      </c>
      <c r="F12170" s="2" t="s">
        <v>36321</v>
      </c>
      <c r="G12170" s="8">
        <v>157</v>
      </c>
      <c r="H12170" s="5">
        <v>6</v>
      </c>
      <c r="I12170" s="5" t="s">
        <v>1518</v>
      </c>
      <c r="J12170" s="5" t="s">
        <v>36264</v>
      </c>
      <c r="K12170" s="2" t="s">
        <v>36265</v>
      </c>
      <c r="L12170" s="5" t="s">
        <v>36264</v>
      </c>
      <c r="M12170" s="2" t="s">
        <v>36265</v>
      </c>
      <c r="N12170" s="5" t="s">
        <v>36266</v>
      </c>
      <c r="O12170" s="5" t="s">
        <v>38</v>
      </c>
      <c r="P12170" s="5" t="s">
        <v>39</v>
      </c>
      <c r="Q12170" s="5" t="s">
        <v>40</v>
      </c>
      <c r="R12170" s="5" t="s">
        <v>1522</v>
      </c>
      <c r="S12170" s="5" t="s">
        <v>1523</v>
      </c>
      <c r="T12170" s="5" t="s">
        <v>42</v>
      </c>
      <c r="U12170" s="2">
        <v>1.298</v>
      </c>
      <c r="V12170" s="2">
        <v>0.79800000000000004</v>
      </c>
      <c r="W12170" s="2">
        <v>1.2999999999999999E-2</v>
      </c>
      <c r="X12170" s="2">
        <v>99.1</v>
      </c>
      <c r="Y12170" s="2">
        <v>7.6</v>
      </c>
      <c r="Z12170" s="2">
        <v>16.7</v>
      </c>
      <c r="AA12170" s="5"/>
      <c r="AB12170" s="5" t="s">
        <v>43</v>
      </c>
      <c r="AC12170" s="5" t="s">
        <v>44</v>
      </c>
      <c r="AD12170" s="2"/>
      <c r="AE12170" s="1"/>
    </row>
    <row r="12171" spans="1:31" ht="14.45">
      <c r="A12171" s="11"/>
      <c r="B12171" s="20"/>
      <c r="C12171" s="2" t="s">
        <v>37441</v>
      </c>
      <c r="D12171" s="14" t="s">
        <v>37442</v>
      </c>
      <c r="E12171" s="2" t="s">
        <v>37443</v>
      </c>
      <c r="F12171" s="2" t="s">
        <v>36325</v>
      </c>
      <c r="G12171" s="8">
        <v>157</v>
      </c>
      <c r="H12171" s="5">
        <v>6</v>
      </c>
      <c r="I12171" s="5" t="s">
        <v>1518</v>
      </c>
      <c r="J12171" s="5" t="s">
        <v>36264</v>
      </c>
      <c r="K12171" s="2" t="s">
        <v>36265</v>
      </c>
      <c r="L12171" s="5" t="s">
        <v>36264</v>
      </c>
      <c r="M12171" s="2" t="s">
        <v>36265</v>
      </c>
      <c r="N12171" s="5" t="s">
        <v>36266</v>
      </c>
      <c r="O12171" s="5" t="s">
        <v>38</v>
      </c>
      <c r="P12171" s="5" t="s">
        <v>39</v>
      </c>
      <c r="Q12171" s="5" t="s">
        <v>40</v>
      </c>
      <c r="R12171" s="5" t="s">
        <v>1522</v>
      </c>
      <c r="S12171" s="5" t="s">
        <v>1523</v>
      </c>
      <c r="T12171" s="5" t="s">
        <v>42</v>
      </c>
      <c r="U12171" s="2">
        <v>1.323</v>
      </c>
      <c r="V12171" s="2">
        <v>0.82299999999999995</v>
      </c>
      <c r="W12171" s="2">
        <v>1.2999999999999999E-2</v>
      </c>
      <c r="X12171" s="2">
        <v>99.1</v>
      </c>
      <c r="Y12171" s="2">
        <v>7.6</v>
      </c>
      <c r="Z12171" s="2">
        <v>16.7</v>
      </c>
      <c r="AA12171" s="5"/>
      <c r="AB12171" s="5" t="s">
        <v>43</v>
      </c>
      <c r="AC12171" s="5" t="s">
        <v>44</v>
      </c>
      <c r="AD12171" s="2"/>
      <c r="AE12171" s="1"/>
    </row>
    <row r="12172" spans="1:31" ht="14.45">
      <c r="A12172" s="11"/>
      <c r="B12172" s="20"/>
      <c r="C12172" s="2" t="s">
        <v>37444</v>
      </c>
      <c r="D12172" s="14" t="s">
        <v>37445</v>
      </c>
      <c r="E12172" s="2" t="s">
        <v>37446</v>
      </c>
      <c r="F12172" s="2" t="s">
        <v>36329</v>
      </c>
      <c r="G12172" s="8">
        <v>157</v>
      </c>
      <c r="H12172" s="5">
        <v>6</v>
      </c>
      <c r="I12172" s="5" t="s">
        <v>1518</v>
      </c>
      <c r="J12172" s="5" t="s">
        <v>36264</v>
      </c>
      <c r="K12172" s="2" t="s">
        <v>36265</v>
      </c>
      <c r="L12172" s="5" t="s">
        <v>36264</v>
      </c>
      <c r="M12172" s="2" t="s">
        <v>36265</v>
      </c>
      <c r="N12172" s="5" t="s">
        <v>36266</v>
      </c>
      <c r="O12172" s="5" t="s">
        <v>38</v>
      </c>
      <c r="P12172" s="5" t="s">
        <v>39</v>
      </c>
      <c r="Q12172" s="5" t="s">
        <v>40</v>
      </c>
      <c r="R12172" s="5" t="s">
        <v>1522</v>
      </c>
      <c r="S12172" s="5" t="s">
        <v>1523</v>
      </c>
      <c r="T12172" s="5" t="s">
        <v>42</v>
      </c>
      <c r="U12172" s="2">
        <v>1.298</v>
      </c>
      <c r="V12172" s="2">
        <v>0.79800000000000004</v>
      </c>
      <c r="W12172" s="2">
        <v>1.2999999999999999E-2</v>
      </c>
      <c r="X12172" s="2">
        <v>99.1</v>
      </c>
      <c r="Y12172" s="2">
        <v>7.6</v>
      </c>
      <c r="Z12172" s="2">
        <v>16.7</v>
      </c>
      <c r="AA12172" s="5"/>
      <c r="AB12172" s="5" t="s">
        <v>43</v>
      </c>
      <c r="AC12172" s="5" t="s">
        <v>44</v>
      </c>
      <c r="AD12172" s="2"/>
      <c r="AE12172" s="1"/>
    </row>
    <row r="12173" spans="1:31" ht="14.45">
      <c r="A12173" s="11"/>
      <c r="B12173" s="20"/>
      <c r="C12173" s="2" t="s">
        <v>37447</v>
      </c>
      <c r="D12173" s="14" t="s">
        <v>37448</v>
      </c>
      <c r="E12173" s="2" t="s">
        <v>37449</v>
      </c>
      <c r="F12173" s="2" t="s">
        <v>36333</v>
      </c>
      <c r="G12173" s="8">
        <v>157</v>
      </c>
      <c r="H12173" s="5">
        <v>6</v>
      </c>
      <c r="I12173" s="5" t="s">
        <v>1518</v>
      </c>
      <c r="J12173" s="5" t="s">
        <v>36264</v>
      </c>
      <c r="K12173" s="2" t="s">
        <v>36265</v>
      </c>
      <c r="L12173" s="5" t="s">
        <v>36264</v>
      </c>
      <c r="M12173" s="2" t="s">
        <v>36265</v>
      </c>
      <c r="N12173" s="5" t="s">
        <v>36266</v>
      </c>
      <c r="O12173" s="5" t="s">
        <v>38</v>
      </c>
      <c r="P12173" s="5" t="s">
        <v>39</v>
      </c>
      <c r="Q12173" s="5" t="s">
        <v>40</v>
      </c>
      <c r="R12173" s="5" t="s">
        <v>1522</v>
      </c>
      <c r="S12173" s="5" t="s">
        <v>1523</v>
      </c>
      <c r="T12173" s="5" t="s">
        <v>42</v>
      </c>
      <c r="U12173" s="2">
        <v>1.323</v>
      </c>
      <c r="V12173" s="2">
        <v>0.82299999999999995</v>
      </c>
      <c r="W12173" s="2">
        <v>1.2999999999999999E-2</v>
      </c>
      <c r="X12173" s="2">
        <v>99.1</v>
      </c>
      <c r="Y12173" s="2">
        <v>7.6</v>
      </c>
      <c r="Z12173" s="2">
        <v>16.7</v>
      </c>
      <c r="AA12173" s="5"/>
      <c r="AB12173" s="5" t="s">
        <v>43</v>
      </c>
      <c r="AC12173" s="5" t="s">
        <v>44</v>
      </c>
      <c r="AD12173" s="2"/>
      <c r="AE12173" s="1"/>
    </row>
    <row r="12174" spans="1:31" ht="14.45">
      <c r="A12174" s="11"/>
      <c r="B12174" s="20"/>
      <c r="C12174" s="2" t="s">
        <v>37450</v>
      </c>
      <c r="D12174" s="14" t="s">
        <v>37451</v>
      </c>
      <c r="E12174" s="2" t="s">
        <v>37452</v>
      </c>
      <c r="F12174" s="2" t="s">
        <v>36337</v>
      </c>
      <c r="G12174" s="8">
        <v>157</v>
      </c>
      <c r="H12174" s="5">
        <v>6</v>
      </c>
      <c r="I12174" s="5" t="s">
        <v>1518</v>
      </c>
      <c r="J12174" s="5" t="s">
        <v>36264</v>
      </c>
      <c r="K12174" s="2" t="s">
        <v>36265</v>
      </c>
      <c r="L12174" s="5" t="s">
        <v>36264</v>
      </c>
      <c r="M12174" s="2" t="s">
        <v>36265</v>
      </c>
      <c r="N12174" s="5" t="s">
        <v>36266</v>
      </c>
      <c r="O12174" s="5" t="s">
        <v>38</v>
      </c>
      <c r="P12174" s="5" t="s">
        <v>39</v>
      </c>
      <c r="Q12174" s="5" t="s">
        <v>40</v>
      </c>
      <c r="R12174" s="5" t="s">
        <v>1522</v>
      </c>
      <c r="S12174" s="5" t="s">
        <v>1523</v>
      </c>
      <c r="T12174" s="5" t="s">
        <v>42</v>
      </c>
      <c r="U12174" s="2">
        <v>1.298</v>
      </c>
      <c r="V12174" s="2">
        <v>0.79800000000000004</v>
      </c>
      <c r="W12174" s="2">
        <v>1.2999999999999999E-2</v>
      </c>
      <c r="X12174" s="2">
        <v>99.1</v>
      </c>
      <c r="Y12174" s="2">
        <v>7.6</v>
      </c>
      <c r="Z12174" s="2">
        <v>16.7</v>
      </c>
      <c r="AA12174" s="5"/>
      <c r="AB12174" s="5" t="s">
        <v>43</v>
      </c>
      <c r="AC12174" s="5" t="s">
        <v>44</v>
      </c>
      <c r="AD12174" s="2"/>
      <c r="AE12174" s="1"/>
    </row>
    <row r="12175" spans="1:31" ht="14.45">
      <c r="A12175" s="11"/>
      <c r="B12175" s="20"/>
      <c r="C12175" s="2" t="s">
        <v>37453</v>
      </c>
      <c r="D12175" s="14" t="s">
        <v>37454</v>
      </c>
      <c r="E12175" s="2" t="s">
        <v>37455</v>
      </c>
      <c r="F12175" s="2" t="s">
        <v>36341</v>
      </c>
      <c r="G12175" s="8">
        <v>157</v>
      </c>
      <c r="H12175" s="5">
        <v>6</v>
      </c>
      <c r="I12175" s="5" t="s">
        <v>1518</v>
      </c>
      <c r="J12175" s="5" t="s">
        <v>36264</v>
      </c>
      <c r="K12175" s="2" t="s">
        <v>36265</v>
      </c>
      <c r="L12175" s="5" t="s">
        <v>36264</v>
      </c>
      <c r="M12175" s="2" t="s">
        <v>36265</v>
      </c>
      <c r="N12175" s="5" t="s">
        <v>36266</v>
      </c>
      <c r="O12175" s="5" t="s">
        <v>38</v>
      </c>
      <c r="P12175" s="5" t="s">
        <v>39</v>
      </c>
      <c r="Q12175" s="5" t="s">
        <v>40</v>
      </c>
      <c r="R12175" s="5" t="s">
        <v>1522</v>
      </c>
      <c r="S12175" s="5" t="s">
        <v>1523</v>
      </c>
      <c r="T12175" s="5" t="s">
        <v>42</v>
      </c>
      <c r="U12175" s="2">
        <v>1.323</v>
      </c>
      <c r="V12175" s="2">
        <v>0.82299999999999995</v>
      </c>
      <c r="W12175" s="2">
        <v>1.2999999999999999E-2</v>
      </c>
      <c r="X12175" s="2">
        <v>99.1</v>
      </c>
      <c r="Y12175" s="2">
        <v>7.6</v>
      </c>
      <c r="Z12175" s="2">
        <v>16.7</v>
      </c>
      <c r="AA12175" s="5"/>
      <c r="AB12175" s="5" t="s">
        <v>43</v>
      </c>
      <c r="AC12175" s="5" t="s">
        <v>44</v>
      </c>
      <c r="AD12175" s="2"/>
      <c r="AE12175" s="1"/>
    </row>
    <row r="12176" spans="1:31" ht="14.45">
      <c r="A12176" s="11"/>
      <c r="B12176" s="20"/>
      <c r="C12176" s="2" t="s">
        <v>37456</v>
      </c>
      <c r="D12176" s="14" t="s">
        <v>37457</v>
      </c>
      <c r="E12176" s="2" t="s">
        <v>37458</v>
      </c>
      <c r="F12176" s="2" t="s">
        <v>36345</v>
      </c>
      <c r="G12176" s="8">
        <v>157</v>
      </c>
      <c r="H12176" s="5">
        <v>6</v>
      </c>
      <c r="I12176" s="5" t="s">
        <v>1518</v>
      </c>
      <c r="J12176" s="5" t="s">
        <v>36264</v>
      </c>
      <c r="K12176" s="2" t="s">
        <v>36265</v>
      </c>
      <c r="L12176" s="5" t="s">
        <v>36264</v>
      </c>
      <c r="M12176" s="2" t="s">
        <v>36265</v>
      </c>
      <c r="N12176" s="5" t="s">
        <v>36266</v>
      </c>
      <c r="O12176" s="5" t="s">
        <v>38</v>
      </c>
      <c r="P12176" s="5" t="s">
        <v>39</v>
      </c>
      <c r="Q12176" s="5" t="s">
        <v>40</v>
      </c>
      <c r="R12176" s="5" t="s">
        <v>1522</v>
      </c>
      <c r="S12176" s="5" t="s">
        <v>1523</v>
      </c>
      <c r="T12176" s="5" t="s">
        <v>42</v>
      </c>
      <c r="U12176" s="2">
        <v>1.298</v>
      </c>
      <c r="V12176" s="2">
        <v>0.79800000000000004</v>
      </c>
      <c r="W12176" s="2">
        <v>1.2999999999999999E-2</v>
      </c>
      <c r="X12176" s="2">
        <v>99.1</v>
      </c>
      <c r="Y12176" s="2">
        <v>7.6</v>
      </c>
      <c r="Z12176" s="2">
        <v>16.7</v>
      </c>
      <c r="AA12176" s="5"/>
      <c r="AB12176" s="5" t="s">
        <v>43</v>
      </c>
      <c r="AC12176" s="5" t="s">
        <v>44</v>
      </c>
      <c r="AD12176" s="2"/>
      <c r="AE12176" s="1"/>
    </row>
    <row r="12177" spans="1:31" ht="14.45">
      <c r="A12177" s="11"/>
      <c r="B12177" s="20"/>
      <c r="C12177" s="2" t="s">
        <v>37459</v>
      </c>
      <c r="D12177" s="14" t="s">
        <v>37460</v>
      </c>
      <c r="E12177" s="2" t="s">
        <v>37461</v>
      </c>
      <c r="F12177" s="2" t="s">
        <v>36349</v>
      </c>
      <c r="G12177" s="8">
        <v>157</v>
      </c>
      <c r="H12177" s="5">
        <v>6</v>
      </c>
      <c r="I12177" s="5" t="s">
        <v>1518</v>
      </c>
      <c r="J12177" s="5" t="s">
        <v>36264</v>
      </c>
      <c r="K12177" s="2" t="s">
        <v>36265</v>
      </c>
      <c r="L12177" s="5" t="s">
        <v>36264</v>
      </c>
      <c r="M12177" s="2" t="s">
        <v>36265</v>
      </c>
      <c r="N12177" s="5" t="s">
        <v>36266</v>
      </c>
      <c r="O12177" s="5" t="s">
        <v>38</v>
      </c>
      <c r="P12177" s="5" t="s">
        <v>39</v>
      </c>
      <c r="Q12177" s="5" t="s">
        <v>40</v>
      </c>
      <c r="R12177" s="5" t="s">
        <v>1522</v>
      </c>
      <c r="S12177" s="5" t="s">
        <v>1523</v>
      </c>
      <c r="T12177" s="5" t="s">
        <v>42</v>
      </c>
      <c r="U12177" s="2">
        <v>1.323</v>
      </c>
      <c r="V12177" s="2">
        <v>0.82299999999999995</v>
      </c>
      <c r="W12177" s="2">
        <v>1.2999999999999999E-2</v>
      </c>
      <c r="X12177" s="2">
        <v>99.1</v>
      </c>
      <c r="Y12177" s="2">
        <v>7.6</v>
      </c>
      <c r="Z12177" s="2">
        <v>16.7</v>
      </c>
      <c r="AA12177" s="5"/>
      <c r="AB12177" s="5" t="s">
        <v>43</v>
      </c>
      <c r="AC12177" s="5" t="s">
        <v>44</v>
      </c>
      <c r="AD12177" s="2"/>
      <c r="AE12177" s="1"/>
    </row>
    <row r="12178" spans="1:31" ht="14.45">
      <c r="A12178" s="11"/>
      <c r="B12178" s="20"/>
      <c r="C12178" s="2" t="s">
        <v>37462</v>
      </c>
      <c r="D12178" s="14" t="s">
        <v>37463</v>
      </c>
      <c r="E12178" s="2" t="s">
        <v>37464</v>
      </c>
      <c r="F12178" s="2" t="s">
        <v>36353</v>
      </c>
      <c r="G12178" s="8">
        <v>157</v>
      </c>
      <c r="H12178" s="5">
        <v>6</v>
      </c>
      <c r="I12178" s="5" t="s">
        <v>1518</v>
      </c>
      <c r="J12178" s="5" t="s">
        <v>36264</v>
      </c>
      <c r="K12178" s="2" t="s">
        <v>36265</v>
      </c>
      <c r="L12178" s="5" t="s">
        <v>36264</v>
      </c>
      <c r="M12178" s="2" t="s">
        <v>36265</v>
      </c>
      <c r="N12178" s="5" t="s">
        <v>36266</v>
      </c>
      <c r="O12178" s="5" t="s">
        <v>38</v>
      </c>
      <c r="P12178" s="5" t="s">
        <v>39</v>
      </c>
      <c r="Q12178" s="5" t="s">
        <v>40</v>
      </c>
      <c r="R12178" s="5" t="s">
        <v>1522</v>
      </c>
      <c r="S12178" s="5" t="s">
        <v>1523</v>
      </c>
      <c r="T12178" s="5" t="s">
        <v>42</v>
      </c>
      <c r="U12178" s="2">
        <v>1.298</v>
      </c>
      <c r="V12178" s="2">
        <v>0.79800000000000004</v>
      </c>
      <c r="W12178" s="2">
        <v>1.2999999999999999E-2</v>
      </c>
      <c r="X12178" s="2">
        <v>99.1</v>
      </c>
      <c r="Y12178" s="2">
        <v>7.6</v>
      </c>
      <c r="Z12178" s="2">
        <v>16.7</v>
      </c>
      <c r="AA12178" s="5"/>
      <c r="AB12178" s="5" t="s">
        <v>43</v>
      </c>
      <c r="AC12178" s="5" t="s">
        <v>44</v>
      </c>
      <c r="AD12178" s="2"/>
      <c r="AE12178" s="1"/>
    </row>
    <row r="12179" spans="1:31" ht="14.45">
      <c r="A12179" s="11"/>
      <c r="B12179" s="20"/>
      <c r="C12179" s="2" t="s">
        <v>37465</v>
      </c>
      <c r="D12179" s="14" t="s">
        <v>37466</v>
      </c>
      <c r="E12179" s="2" t="s">
        <v>37467</v>
      </c>
      <c r="F12179" s="2" t="s">
        <v>36357</v>
      </c>
      <c r="G12179" s="8">
        <v>157</v>
      </c>
      <c r="H12179" s="5">
        <v>6</v>
      </c>
      <c r="I12179" s="5" t="s">
        <v>1518</v>
      </c>
      <c r="J12179" s="5" t="s">
        <v>36264</v>
      </c>
      <c r="K12179" s="2" t="s">
        <v>36265</v>
      </c>
      <c r="L12179" s="5" t="s">
        <v>36264</v>
      </c>
      <c r="M12179" s="2" t="s">
        <v>36265</v>
      </c>
      <c r="N12179" s="5" t="s">
        <v>36266</v>
      </c>
      <c r="O12179" s="5" t="s">
        <v>38</v>
      </c>
      <c r="P12179" s="5" t="s">
        <v>39</v>
      </c>
      <c r="Q12179" s="5" t="s">
        <v>40</v>
      </c>
      <c r="R12179" s="5" t="s">
        <v>1522</v>
      </c>
      <c r="S12179" s="5" t="s">
        <v>1523</v>
      </c>
      <c r="T12179" s="5" t="s">
        <v>42</v>
      </c>
      <c r="U12179" s="2">
        <v>1.323</v>
      </c>
      <c r="V12179" s="2">
        <v>0.82299999999999995</v>
      </c>
      <c r="W12179" s="2">
        <v>1.2999999999999999E-2</v>
      </c>
      <c r="X12179" s="2">
        <v>99.1</v>
      </c>
      <c r="Y12179" s="2">
        <v>7.6</v>
      </c>
      <c r="Z12179" s="2">
        <v>16.7</v>
      </c>
      <c r="AA12179" s="5"/>
      <c r="AB12179" s="5" t="s">
        <v>43</v>
      </c>
      <c r="AC12179" s="5" t="s">
        <v>44</v>
      </c>
      <c r="AD12179" s="2"/>
      <c r="AE12179" s="1"/>
    </row>
    <row r="12180" spans="1:31" ht="14.45">
      <c r="A12180" s="11"/>
      <c r="B12180" s="20"/>
      <c r="C12180" s="2" t="s">
        <v>37468</v>
      </c>
      <c r="D12180" s="14" t="s">
        <v>37469</v>
      </c>
      <c r="E12180" s="2" t="s">
        <v>37470</v>
      </c>
      <c r="F12180" s="2" t="s">
        <v>36361</v>
      </c>
      <c r="G12180" s="8">
        <v>157</v>
      </c>
      <c r="H12180" s="5">
        <v>6</v>
      </c>
      <c r="I12180" s="5" t="s">
        <v>1518</v>
      </c>
      <c r="J12180" s="5" t="s">
        <v>36264</v>
      </c>
      <c r="K12180" s="2" t="s">
        <v>36265</v>
      </c>
      <c r="L12180" s="5" t="s">
        <v>36264</v>
      </c>
      <c r="M12180" s="2" t="s">
        <v>36265</v>
      </c>
      <c r="N12180" s="5" t="s">
        <v>36266</v>
      </c>
      <c r="O12180" s="5" t="s">
        <v>38</v>
      </c>
      <c r="P12180" s="5" t="s">
        <v>39</v>
      </c>
      <c r="Q12180" s="5" t="s">
        <v>40</v>
      </c>
      <c r="R12180" s="5" t="s">
        <v>1522</v>
      </c>
      <c r="S12180" s="5" t="s">
        <v>1523</v>
      </c>
      <c r="T12180" s="5" t="s">
        <v>42</v>
      </c>
      <c r="U12180" s="2">
        <v>1.298</v>
      </c>
      <c r="V12180" s="2">
        <v>0.79800000000000004</v>
      </c>
      <c r="W12180" s="2">
        <v>1.2999999999999999E-2</v>
      </c>
      <c r="X12180" s="2">
        <v>99.1</v>
      </c>
      <c r="Y12180" s="2">
        <v>7.6</v>
      </c>
      <c r="Z12180" s="2">
        <v>16.7</v>
      </c>
      <c r="AA12180" s="5"/>
      <c r="AB12180" s="5" t="s">
        <v>43</v>
      </c>
      <c r="AC12180" s="5" t="s">
        <v>44</v>
      </c>
      <c r="AD12180" s="2"/>
      <c r="AE12180" s="1"/>
    </row>
    <row r="12181" spans="1:31" ht="14.45">
      <c r="A12181" s="11"/>
      <c r="B12181" s="20"/>
      <c r="C12181" s="2" t="s">
        <v>37471</v>
      </c>
      <c r="D12181" s="14" t="s">
        <v>37472</v>
      </c>
      <c r="E12181" s="2" t="s">
        <v>37473</v>
      </c>
      <c r="F12181" s="2" t="s">
        <v>36365</v>
      </c>
      <c r="G12181" s="8">
        <v>157</v>
      </c>
      <c r="H12181" s="5">
        <v>6</v>
      </c>
      <c r="I12181" s="5" t="s">
        <v>1518</v>
      </c>
      <c r="J12181" s="5" t="s">
        <v>36264</v>
      </c>
      <c r="K12181" s="2" t="s">
        <v>36265</v>
      </c>
      <c r="L12181" s="5" t="s">
        <v>36264</v>
      </c>
      <c r="M12181" s="2" t="s">
        <v>36265</v>
      </c>
      <c r="N12181" s="5" t="s">
        <v>36266</v>
      </c>
      <c r="O12181" s="5" t="s">
        <v>38</v>
      </c>
      <c r="P12181" s="5" t="s">
        <v>39</v>
      </c>
      <c r="Q12181" s="5" t="s">
        <v>40</v>
      </c>
      <c r="R12181" s="5" t="s">
        <v>1522</v>
      </c>
      <c r="S12181" s="5" t="s">
        <v>1523</v>
      </c>
      <c r="T12181" s="5" t="s">
        <v>42</v>
      </c>
      <c r="U12181" s="2">
        <v>1.323</v>
      </c>
      <c r="V12181" s="2">
        <v>0.82299999999999995</v>
      </c>
      <c r="W12181" s="2">
        <v>1.2999999999999999E-2</v>
      </c>
      <c r="X12181" s="2">
        <v>99.1</v>
      </c>
      <c r="Y12181" s="2">
        <v>7.6</v>
      </c>
      <c r="Z12181" s="2">
        <v>16.7</v>
      </c>
      <c r="AA12181" s="5"/>
      <c r="AB12181" s="5" t="s">
        <v>43</v>
      </c>
      <c r="AC12181" s="5" t="s">
        <v>44</v>
      </c>
      <c r="AD12181" s="2"/>
      <c r="AE12181" s="1"/>
    </row>
    <row r="12182" spans="1:31" ht="14.45">
      <c r="A12182" s="11"/>
      <c r="B12182" s="20"/>
      <c r="C12182" s="2" t="s">
        <v>37474</v>
      </c>
      <c r="D12182" s="14" t="s">
        <v>37475</v>
      </c>
      <c r="E12182" s="2" t="s">
        <v>37476</v>
      </c>
      <c r="F12182" s="2" t="s">
        <v>36369</v>
      </c>
      <c r="G12182" s="8">
        <v>157</v>
      </c>
      <c r="H12182" s="5">
        <v>6</v>
      </c>
      <c r="I12182" s="5" t="s">
        <v>1518</v>
      </c>
      <c r="J12182" s="5" t="s">
        <v>36264</v>
      </c>
      <c r="K12182" s="2" t="s">
        <v>36265</v>
      </c>
      <c r="L12182" s="5" t="s">
        <v>36264</v>
      </c>
      <c r="M12182" s="2" t="s">
        <v>36265</v>
      </c>
      <c r="N12182" s="5" t="s">
        <v>36266</v>
      </c>
      <c r="O12182" s="5" t="s">
        <v>38</v>
      </c>
      <c r="P12182" s="5" t="s">
        <v>39</v>
      </c>
      <c r="Q12182" s="5" t="s">
        <v>40</v>
      </c>
      <c r="R12182" s="5" t="s">
        <v>1522</v>
      </c>
      <c r="S12182" s="5" t="s">
        <v>1523</v>
      </c>
      <c r="T12182" s="5" t="s">
        <v>42</v>
      </c>
      <c r="U12182" s="2">
        <v>1.298</v>
      </c>
      <c r="V12182" s="2">
        <v>0.79800000000000004</v>
      </c>
      <c r="W12182" s="2">
        <v>1.2999999999999999E-2</v>
      </c>
      <c r="X12182" s="2">
        <v>99.1</v>
      </c>
      <c r="Y12182" s="2">
        <v>7.6</v>
      </c>
      <c r="Z12182" s="2">
        <v>16.7</v>
      </c>
      <c r="AA12182" s="5"/>
      <c r="AB12182" s="5" t="s">
        <v>43</v>
      </c>
      <c r="AC12182" s="5" t="s">
        <v>44</v>
      </c>
      <c r="AD12182" s="2"/>
      <c r="AE12182" s="1"/>
    </row>
    <row r="12183" spans="1:31" ht="14.45">
      <c r="A12183" s="11"/>
      <c r="B12183" s="20"/>
      <c r="C12183" s="2" t="s">
        <v>37477</v>
      </c>
      <c r="D12183" s="14" t="s">
        <v>37478</v>
      </c>
      <c r="E12183" s="2" t="s">
        <v>37479</v>
      </c>
      <c r="F12183" s="2" t="s">
        <v>36373</v>
      </c>
      <c r="G12183" s="8">
        <v>157</v>
      </c>
      <c r="H12183" s="5">
        <v>6</v>
      </c>
      <c r="I12183" s="5" t="s">
        <v>1518</v>
      </c>
      <c r="J12183" s="5" t="s">
        <v>36264</v>
      </c>
      <c r="K12183" s="2" t="s">
        <v>36265</v>
      </c>
      <c r="L12183" s="5" t="s">
        <v>36264</v>
      </c>
      <c r="M12183" s="2" t="s">
        <v>36265</v>
      </c>
      <c r="N12183" s="5" t="s">
        <v>36266</v>
      </c>
      <c r="O12183" s="5" t="s">
        <v>38</v>
      </c>
      <c r="P12183" s="5" t="s">
        <v>39</v>
      </c>
      <c r="Q12183" s="5" t="s">
        <v>40</v>
      </c>
      <c r="R12183" s="5" t="s">
        <v>1522</v>
      </c>
      <c r="S12183" s="5" t="s">
        <v>1523</v>
      </c>
      <c r="T12183" s="5" t="s">
        <v>42</v>
      </c>
      <c r="U12183" s="2">
        <v>1.323</v>
      </c>
      <c r="V12183" s="2">
        <v>0.82299999999999995</v>
      </c>
      <c r="W12183" s="2">
        <v>1.2999999999999999E-2</v>
      </c>
      <c r="X12183" s="2">
        <v>99.1</v>
      </c>
      <c r="Y12183" s="2">
        <v>7.6</v>
      </c>
      <c r="Z12183" s="2">
        <v>16.7</v>
      </c>
      <c r="AA12183" s="5"/>
      <c r="AB12183" s="5" t="s">
        <v>43</v>
      </c>
      <c r="AC12183" s="5" t="s">
        <v>44</v>
      </c>
      <c r="AD12183" s="2"/>
      <c r="AE12183" s="1"/>
    </row>
    <row r="12184" spans="1:31" ht="14.45">
      <c r="A12184" s="11"/>
      <c r="B12184" s="20"/>
      <c r="C12184" s="2" t="s">
        <v>37480</v>
      </c>
      <c r="D12184" s="14" t="s">
        <v>37481</v>
      </c>
      <c r="E12184" s="2" t="s">
        <v>37482</v>
      </c>
      <c r="F12184" s="2" t="s">
        <v>36377</v>
      </c>
      <c r="G12184" s="8">
        <v>157</v>
      </c>
      <c r="H12184" s="5">
        <v>6</v>
      </c>
      <c r="I12184" s="5" t="s">
        <v>1518</v>
      </c>
      <c r="J12184" s="5" t="s">
        <v>36264</v>
      </c>
      <c r="K12184" s="2" t="s">
        <v>36265</v>
      </c>
      <c r="L12184" s="5" t="s">
        <v>36264</v>
      </c>
      <c r="M12184" s="2" t="s">
        <v>36265</v>
      </c>
      <c r="N12184" s="5" t="s">
        <v>36266</v>
      </c>
      <c r="O12184" s="5" t="s">
        <v>38</v>
      </c>
      <c r="P12184" s="5" t="s">
        <v>39</v>
      </c>
      <c r="Q12184" s="5" t="s">
        <v>40</v>
      </c>
      <c r="R12184" s="5" t="s">
        <v>1522</v>
      </c>
      <c r="S12184" s="5" t="s">
        <v>1523</v>
      </c>
      <c r="T12184" s="5" t="s">
        <v>42</v>
      </c>
      <c r="U12184" s="2">
        <v>1.298</v>
      </c>
      <c r="V12184" s="2">
        <v>0.79800000000000004</v>
      </c>
      <c r="W12184" s="2">
        <v>1.2999999999999999E-2</v>
      </c>
      <c r="X12184" s="2">
        <v>99.1</v>
      </c>
      <c r="Y12184" s="2">
        <v>7.6</v>
      </c>
      <c r="Z12184" s="2">
        <v>16.7</v>
      </c>
      <c r="AA12184" s="5"/>
      <c r="AB12184" s="5" t="s">
        <v>43</v>
      </c>
      <c r="AC12184" s="5" t="s">
        <v>44</v>
      </c>
      <c r="AD12184" s="2"/>
      <c r="AE12184" s="1"/>
    </row>
    <row r="12185" spans="1:31" ht="14.45">
      <c r="A12185" s="11"/>
      <c r="B12185" s="20"/>
      <c r="C12185" s="2" t="s">
        <v>37483</v>
      </c>
      <c r="D12185" s="14" t="s">
        <v>37484</v>
      </c>
      <c r="E12185" s="2" t="s">
        <v>37485</v>
      </c>
      <c r="F12185" s="2" t="s">
        <v>36381</v>
      </c>
      <c r="G12185" s="8">
        <v>157</v>
      </c>
      <c r="H12185" s="5">
        <v>6</v>
      </c>
      <c r="I12185" s="5" t="s">
        <v>1518</v>
      </c>
      <c r="J12185" s="5" t="s">
        <v>36264</v>
      </c>
      <c r="K12185" s="2" t="s">
        <v>36265</v>
      </c>
      <c r="L12185" s="5" t="s">
        <v>36264</v>
      </c>
      <c r="M12185" s="2" t="s">
        <v>36265</v>
      </c>
      <c r="N12185" s="5" t="s">
        <v>36266</v>
      </c>
      <c r="O12185" s="5" t="s">
        <v>38</v>
      </c>
      <c r="P12185" s="5" t="s">
        <v>39</v>
      </c>
      <c r="Q12185" s="5" t="s">
        <v>40</v>
      </c>
      <c r="R12185" s="5" t="s">
        <v>1522</v>
      </c>
      <c r="S12185" s="5" t="s">
        <v>1523</v>
      </c>
      <c r="T12185" s="5" t="s">
        <v>42</v>
      </c>
      <c r="U12185" s="2">
        <v>1.323</v>
      </c>
      <c r="V12185" s="2">
        <v>0.82299999999999995</v>
      </c>
      <c r="W12185" s="2">
        <v>1.2999999999999999E-2</v>
      </c>
      <c r="X12185" s="2">
        <v>99.1</v>
      </c>
      <c r="Y12185" s="2">
        <v>7.6</v>
      </c>
      <c r="Z12185" s="2">
        <v>16.7</v>
      </c>
      <c r="AA12185" s="5"/>
      <c r="AB12185" s="5" t="s">
        <v>43</v>
      </c>
      <c r="AC12185" s="5" t="s">
        <v>44</v>
      </c>
      <c r="AD12185" s="2"/>
      <c r="AE12185" s="1"/>
    </row>
    <row r="12186" spans="1:31" ht="14.45">
      <c r="A12186" s="11"/>
      <c r="B12186" s="20"/>
      <c r="C12186" s="2" t="s">
        <v>37486</v>
      </c>
      <c r="D12186" s="14" t="s">
        <v>37487</v>
      </c>
      <c r="E12186" s="2" t="s">
        <v>37488</v>
      </c>
      <c r="F12186" s="2" t="s">
        <v>36385</v>
      </c>
      <c r="G12186" s="8">
        <v>157</v>
      </c>
      <c r="H12186" s="5">
        <v>6</v>
      </c>
      <c r="I12186" s="5" t="s">
        <v>1518</v>
      </c>
      <c r="J12186" s="5" t="s">
        <v>36264</v>
      </c>
      <c r="K12186" s="2" t="s">
        <v>36265</v>
      </c>
      <c r="L12186" s="5" t="s">
        <v>36264</v>
      </c>
      <c r="M12186" s="2" t="s">
        <v>36265</v>
      </c>
      <c r="N12186" s="5" t="s">
        <v>36266</v>
      </c>
      <c r="O12186" s="5" t="s">
        <v>38</v>
      </c>
      <c r="P12186" s="5" t="s">
        <v>39</v>
      </c>
      <c r="Q12186" s="5" t="s">
        <v>40</v>
      </c>
      <c r="R12186" s="5" t="s">
        <v>1522</v>
      </c>
      <c r="S12186" s="5" t="s">
        <v>1523</v>
      </c>
      <c r="T12186" s="5" t="s">
        <v>42</v>
      </c>
      <c r="U12186" s="2">
        <v>1.298</v>
      </c>
      <c r="V12186" s="2">
        <v>0.79800000000000004</v>
      </c>
      <c r="W12186" s="2">
        <v>1.2999999999999999E-2</v>
      </c>
      <c r="X12186" s="2">
        <v>99.1</v>
      </c>
      <c r="Y12186" s="2">
        <v>7.6</v>
      </c>
      <c r="Z12186" s="2">
        <v>16.7</v>
      </c>
      <c r="AA12186" s="5"/>
      <c r="AB12186" s="5" t="s">
        <v>43</v>
      </c>
      <c r="AC12186" s="5" t="s">
        <v>44</v>
      </c>
      <c r="AD12186" s="2"/>
      <c r="AE12186" s="1"/>
    </row>
    <row r="12187" spans="1:31" ht="14.45">
      <c r="A12187" s="11"/>
      <c r="B12187" s="20"/>
      <c r="C12187" s="2" t="s">
        <v>37489</v>
      </c>
      <c r="D12187" s="14" t="s">
        <v>37490</v>
      </c>
      <c r="E12187" s="2" t="s">
        <v>37491</v>
      </c>
      <c r="F12187" s="2" t="s">
        <v>36389</v>
      </c>
      <c r="G12187" s="8">
        <v>157</v>
      </c>
      <c r="H12187" s="5">
        <v>6</v>
      </c>
      <c r="I12187" s="5" t="s">
        <v>1518</v>
      </c>
      <c r="J12187" s="5" t="s">
        <v>36264</v>
      </c>
      <c r="K12187" s="2" t="s">
        <v>36265</v>
      </c>
      <c r="L12187" s="5" t="s">
        <v>36264</v>
      </c>
      <c r="M12187" s="2" t="s">
        <v>36265</v>
      </c>
      <c r="N12187" s="5" t="s">
        <v>36266</v>
      </c>
      <c r="O12187" s="5" t="s">
        <v>38</v>
      </c>
      <c r="P12187" s="5" t="s">
        <v>39</v>
      </c>
      <c r="Q12187" s="5" t="s">
        <v>40</v>
      </c>
      <c r="R12187" s="5" t="s">
        <v>1522</v>
      </c>
      <c r="S12187" s="5" t="s">
        <v>1523</v>
      </c>
      <c r="T12187" s="5" t="s">
        <v>42</v>
      </c>
      <c r="U12187" s="2">
        <v>1.323</v>
      </c>
      <c r="V12187" s="2">
        <v>0.82299999999999995</v>
      </c>
      <c r="W12187" s="2">
        <v>1.2999999999999999E-2</v>
      </c>
      <c r="X12187" s="2">
        <v>99.1</v>
      </c>
      <c r="Y12187" s="2">
        <v>7.6</v>
      </c>
      <c r="Z12187" s="2">
        <v>16.7</v>
      </c>
      <c r="AA12187" s="5"/>
      <c r="AB12187" s="5" t="s">
        <v>43</v>
      </c>
      <c r="AC12187" s="5" t="s">
        <v>44</v>
      </c>
      <c r="AD12187" s="2"/>
      <c r="AE12187" s="1"/>
    </row>
    <row r="12188" spans="1:31" ht="14.45">
      <c r="A12188" s="11"/>
      <c r="B12188" s="20"/>
      <c r="C12188" s="2" t="s">
        <v>37492</v>
      </c>
      <c r="D12188" s="14" t="s">
        <v>37493</v>
      </c>
      <c r="E12188" s="2" t="s">
        <v>37494</v>
      </c>
      <c r="F12188" s="2" t="s">
        <v>7204</v>
      </c>
      <c r="G12188" s="8">
        <v>148</v>
      </c>
      <c r="H12188" s="5">
        <v>6</v>
      </c>
      <c r="I12188" s="5" t="s">
        <v>1518</v>
      </c>
      <c r="J12188" s="5" t="s">
        <v>36264</v>
      </c>
      <c r="K12188" s="2" t="s">
        <v>36265</v>
      </c>
      <c r="L12188" s="5" t="s">
        <v>36264</v>
      </c>
      <c r="M12188" s="2" t="s">
        <v>36265</v>
      </c>
      <c r="N12188" s="5" t="s">
        <v>36266</v>
      </c>
      <c r="O12188" s="5" t="s">
        <v>38</v>
      </c>
      <c r="P12188" s="5" t="s">
        <v>39</v>
      </c>
      <c r="Q12188" s="5" t="s">
        <v>40</v>
      </c>
      <c r="R12188" s="5" t="s">
        <v>1522</v>
      </c>
      <c r="S12188" s="5" t="s">
        <v>1523</v>
      </c>
      <c r="T12188" s="5" t="s">
        <v>42</v>
      </c>
      <c r="U12188" s="2">
        <v>1.397</v>
      </c>
      <c r="V12188" s="2">
        <v>0.89700000000000002</v>
      </c>
      <c r="W12188" s="2">
        <v>1.4999999999999999E-2</v>
      </c>
      <c r="X12188" s="2">
        <v>118.9</v>
      </c>
      <c r="Y12188" s="2">
        <v>7.6</v>
      </c>
      <c r="Z12188" s="2">
        <v>16.7</v>
      </c>
      <c r="AA12188" s="5"/>
      <c r="AB12188" s="5" t="s">
        <v>43</v>
      </c>
      <c r="AC12188" s="5" t="s">
        <v>44</v>
      </c>
      <c r="AD12188" s="2"/>
      <c r="AE12188" s="1"/>
    </row>
    <row r="12189" spans="1:31" ht="14.45">
      <c r="A12189" s="11"/>
      <c r="B12189" s="20"/>
      <c r="C12189" s="2" t="s">
        <v>37495</v>
      </c>
      <c r="D12189" s="14" t="s">
        <v>37496</v>
      </c>
      <c r="E12189" s="2" t="s">
        <v>37497</v>
      </c>
      <c r="F12189" s="2" t="s">
        <v>7514</v>
      </c>
      <c r="G12189" s="8">
        <v>148</v>
      </c>
      <c r="H12189" s="5">
        <v>6</v>
      </c>
      <c r="I12189" s="5" t="s">
        <v>1518</v>
      </c>
      <c r="J12189" s="5" t="s">
        <v>36264</v>
      </c>
      <c r="K12189" s="2" t="s">
        <v>36265</v>
      </c>
      <c r="L12189" s="5" t="s">
        <v>36264</v>
      </c>
      <c r="M12189" s="2" t="s">
        <v>36265</v>
      </c>
      <c r="N12189" s="5" t="s">
        <v>36266</v>
      </c>
      <c r="O12189" s="5" t="s">
        <v>38</v>
      </c>
      <c r="P12189" s="5" t="s">
        <v>39</v>
      </c>
      <c r="Q12189" s="5" t="s">
        <v>40</v>
      </c>
      <c r="R12189" s="5" t="s">
        <v>1522</v>
      </c>
      <c r="S12189" s="5" t="s">
        <v>1523</v>
      </c>
      <c r="T12189" s="5" t="s">
        <v>42</v>
      </c>
      <c r="U12189" s="2">
        <v>1.4219999999999999</v>
      </c>
      <c r="V12189" s="2">
        <v>0.92200000000000004</v>
      </c>
      <c r="W12189" s="2">
        <v>1.4999999999999999E-2</v>
      </c>
      <c r="X12189" s="2">
        <v>118.9</v>
      </c>
      <c r="Y12189" s="2">
        <v>7.6</v>
      </c>
      <c r="Z12189" s="2">
        <v>16.7</v>
      </c>
      <c r="AA12189" s="5"/>
      <c r="AB12189" s="5" t="s">
        <v>43</v>
      </c>
      <c r="AC12189" s="5" t="s">
        <v>44</v>
      </c>
      <c r="AD12189" s="2"/>
      <c r="AE12189" s="1"/>
    </row>
    <row r="12190" spans="1:31" ht="14.45">
      <c r="A12190" s="11"/>
      <c r="B12190" s="20"/>
      <c r="C12190" s="2" t="s">
        <v>37498</v>
      </c>
      <c r="D12190" s="14" t="s">
        <v>37499</v>
      </c>
      <c r="E12190" s="2" t="s">
        <v>37500</v>
      </c>
      <c r="F12190" s="2" t="s">
        <v>36273</v>
      </c>
      <c r="G12190" s="8">
        <v>148</v>
      </c>
      <c r="H12190" s="5">
        <v>6</v>
      </c>
      <c r="I12190" s="5" t="s">
        <v>1518</v>
      </c>
      <c r="J12190" s="5" t="s">
        <v>36264</v>
      </c>
      <c r="K12190" s="2" t="s">
        <v>36265</v>
      </c>
      <c r="L12190" s="5" t="s">
        <v>36264</v>
      </c>
      <c r="M12190" s="2" t="s">
        <v>36265</v>
      </c>
      <c r="N12190" s="5" t="s">
        <v>36266</v>
      </c>
      <c r="O12190" s="5" t="s">
        <v>38</v>
      </c>
      <c r="P12190" s="5" t="s">
        <v>39</v>
      </c>
      <c r="Q12190" s="5" t="s">
        <v>40</v>
      </c>
      <c r="R12190" s="5" t="s">
        <v>1522</v>
      </c>
      <c r="S12190" s="5" t="s">
        <v>1523</v>
      </c>
      <c r="T12190" s="5" t="s">
        <v>42</v>
      </c>
      <c r="U12190" s="2">
        <v>1.397</v>
      </c>
      <c r="V12190" s="2">
        <v>0.89700000000000002</v>
      </c>
      <c r="W12190" s="2">
        <v>1.4999999999999999E-2</v>
      </c>
      <c r="X12190" s="2">
        <v>118.9</v>
      </c>
      <c r="Y12190" s="2">
        <v>7.6</v>
      </c>
      <c r="Z12190" s="2">
        <v>16.7</v>
      </c>
      <c r="AA12190" s="5"/>
      <c r="AB12190" s="5" t="s">
        <v>43</v>
      </c>
      <c r="AC12190" s="5" t="s">
        <v>44</v>
      </c>
      <c r="AD12190" s="2"/>
      <c r="AE12190" s="1"/>
    </row>
    <row r="12191" spans="1:31" ht="14.45">
      <c r="A12191" s="11"/>
      <c r="B12191" s="20"/>
      <c r="C12191" s="2" t="s">
        <v>37501</v>
      </c>
      <c r="D12191" s="14" t="s">
        <v>37502</v>
      </c>
      <c r="E12191" s="2" t="s">
        <v>37503</v>
      </c>
      <c r="F12191" s="2" t="s">
        <v>36277</v>
      </c>
      <c r="G12191" s="8">
        <v>148</v>
      </c>
      <c r="H12191" s="5">
        <v>6</v>
      </c>
      <c r="I12191" s="5" t="s">
        <v>1518</v>
      </c>
      <c r="J12191" s="5" t="s">
        <v>36264</v>
      </c>
      <c r="K12191" s="2" t="s">
        <v>36265</v>
      </c>
      <c r="L12191" s="5" t="s">
        <v>36264</v>
      </c>
      <c r="M12191" s="2" t="s">
        <v>36265</v>
      </c>
      <c r="N12191" s="5" t="s">
        <v>36266</v>
      </c>
      <c r="O12191" s="5" t="s">
        <v>38</v>
      </c>
      <c r="P12191" s="5" t="s">
        <v>39</v>
      </c>
      <c r="Q12191" s="5" t="s">
        <v>40</v>
      </c>
      <c r="R12191" s="5" t="s">
        <v>1522</v>
      </c>
      <c r="S12191" s="5" t="s">
        <v>1523</v>
      </c>
      <c r="T12191" s="5" t="s">
        <v>42</v>
      </c>
      <c r="U12191" s="2">
        <v>1.4219999999999999</v>
      </c>
      <c r="V12191" s="2">
        <v>0.92200000000000004</v>
      </c>
      <c r="W12191" s="2">
        <v>1.4999999999999999E-2</v>
      </c>
      <c r="X12191" s="2">
        <v>118.9</v>
      </c>
      <c r="Y12191" s="2">
        <v>7.6</v>
      </c>
      <c r="Z12191" s="2">
        <v>16.7</v>
      </c>
      <c r="AA12191" s="5"/>
      <c r="AB12191" s="5" t="s">
        <v>43</v>
      </c>
      <c r="AC12191" s="5" t="s">
        <v>44</v>
      </c>
      <c r="AD12191" s="2"/>
      <c r="AE12191" s="1"/>
    </row>
    <row r="12192" spans="1:31" ht="14.45">
      <c r="A12192" s="11"/>
      <c r="B12192" s="20"/>
      <c r="C12192" s="2" t="s">
        <v>37504</v>
      </c>
      <c r="D12192" s="14" t="s">
        <v>37505</v>
      </c>
      <c r="E12192" s="2" t="s">
        <v>37506</v>
      </c>
      <c r="F12192" s="2" t="s">
        <v>36281</v>
      </c>
      <c r="G12192" s="8">
        <v>170</v>
      </c>
      <c r="H12192" s="5">
        <v>6</v>
      </c>
      <c r="I12192" s="5" t="s">
        <v>1518</v>
      </c>
      <c r="J12192" s="5" t="s">
        <v>36264</v>
      </c>
      <c r="K12192" s="2" t="s">
        <v>36265</v>
      </c>
      <c r="L12192" s="5" t="s">
        <v>36264</v>
      </c>
      <c r="M12192" s="2" t="s">
        <v>36265</v>
      </c>
      <c r="N12192" s="5" t="s">
        <v>36266</v>
      </c>
      <c r="O12192" s="5" t="s">
        <v>38</v>
      </c>
      <c r="P12192" s="5" t="s">
        <v>39</v>
      </c>
      <c r="Q12192" s="5" t="s">
        <v>40</v>
      </c>
      <c r="R12192" s="5" t="s">
        <v>1522</v>
      </c>
      <c r="S12192" s="5" t="s">
        <v>1523</v>
      </c>
      <c r="T12192" s="5" t="s">
        <v>42</v>
      </c>
      <c r="U12192" s="2">
        <v>1.397</v>
      </c>
      <c r="V12192" s="2">
        <v>0.89700000000000002</v>
      </c>
      <c r="W12192" s="2">
        <v>1.4999999999999999E-2</v>
      </c>
      <c r="X12192" s="2">
        <v>118.9</v>
      </c>
      <c r="Y12192" s="2">
        <v>7.6</v>
      </c>
      <c r="Z12192" s="2">
        <v>16.7</v>
      </c>
      <c r="AA12192" s="5"/>
      <c r="AB12192" s="5" t="s">
        <v>43</v>
      </c>
      <c r="AC12192" s="5" t="s">
        <v>44</v>
      </c>
      <c r="AD12192" s="2"/>
      <c r="AE12192" s="1"/>
    </row>
    <row r="12193" spans="1:31" ht="14.45">
      <c r="A12193" s="11"/>
      <c r="B12193" s="20"/>
      <c r="C12193" s="2" t="s">
        <v>37507</v>
      </c>
      <c r="D12193" s="14" t="s">
        <v>37508</v>
      </c>
      <c r="E12193" s="2" t="s">
        <v>37509</v>
      </c>
      <c r="F12193" s="2" t="s">
        <v>36285</v>
      </c>
      <c r="G12193" s="8">
        <v>170</v>
      </c>
      <c r="H12193" s="5">
        <v>6</v>
      </c>
      <c r="I12193" s="5" t="s">
        <v>1518</v>
      </c>
      <c r="J12193" s="5" t="s">
        <v>36264</v>
      </c>
      <c r="K12193" s="2" t="s">
        <v>36265</v>
      </c>
      <c r="L12193" s="5" t="s">
        <v>36264</v>
      </c>
      <c r="M12193" s="2" t="s">
        <v>36265</v>
      </c>
      <c r="N12193" s="5" t="s">
        <v>36266</v>
      </c>
      <c r="O12193" s="5" t="s">
        <v>38</v>
      </c>
      <c r="P12193" s="5" t="s">
        <v>39</v>
      </c>
      <c r="Q12193" s="5" t="s">
        <v>40</v>
      </c>
      <c r="R12193" s="5" t="s">
        <v>1522</v>
      </c>
      <c r="S12193" s="5" t="s">
        <v>1523</v>
      </c>
      <c r="T12193" s="5" t="s">
        <v>42</v>
      </c>
      <c r="U12193" s="2">
        <v>1.4219999999999999</v>
      </c>
      <c r="V12193" s="2">
        <v>0.92200000000000004</v>
      </c>
      <c r="W12193" s="2">
        <v>1.4999999999999999E-2</v>
      </c>
      <c r="X12193" s="2">
        <v>118.9</v>
      </c>
      <c r="Y12193" s="2">
        <v>7.6</v>
      </c>
      <c r="Z12193" s="2">
        <v>16.7</v>
      </c>
      <c r="AA12193" s="5"/>
      <c r="AB12193" s="5" t="s">
        <v>43</v>
      </c>
      <c r="AC12193" s="5" t="s">
        <v>44</v>
      </c>
      <c r="AD12193" s="2"/>
      <c r="AE12193" s="1"/>
    </row>
    <row r="12194" spans="1:31" ht="14.45">
      <c r="A12194" s="11"/>
      <c r="B12194" s="20"/>
      <c r="C12194" s="2" t="s">
        <v>37510</v>
      </c>
      <c r="D12194" s="14" t="s">
        <v>37511</v>
      </c>
      <c r="E12194" s="2" t="s">
        <v>37512</v>
      </c>
      <c r="F12194" s="2" t="s">
        <v>36289</v>
      </c>
      <c r="G12194" s="8">
        <v>170</v>
      </c>
      <c r="H12194" s="5">
        <v>6</v>
      </c>
      <c r="I12194" s="5" t="s">
        <v>1518</v>
      </c>
      <c r="J12194" s="5" t="s">
        <v>36264</v>
      </c>
      <c r="K12194" s="2" t="s">
        <v>36265</v>
      </c>
      <c r="L12194" s="5" t="s">
        <v>36264</v>
      </c>
      <c r="M12194" s="2" t="s">
        <v>36265</v>
      </c>
      <c r="N12194" s="5" t="s">
        <v>36266</v>
      </c>
      <c r="O12194" s="5" t="s">
        <v>38</v>
      </c>
      <c r="P12194" s="5" t="s">
        <v>39</v>
      </c>
      <c r="Q12194" s="5" t="s">
        <v>40</v>
      </c>
      <c r="R12194" s="5" t="s">
        <v>1522</v>
      </c>
      <c r="S12194" s="5" t="s">
        <v>1523</v>
      </c>
      <c r="T12194" s="5" t="s">
        <v>42</v>
      </c>
      <c r="U12194" s="2">
        <v>1.397</v>
      </c>
      <c r="V12194" s="2">
        <v>0.89700000000000002</v>
      </c>
      <c r="W12194" s="2">
        <v>1.4999999999999999E-2</v>
      </c>
      <c r="X12194" s="2">
        <v>118.9</v>
      </c>
      <c r="Y12194" s="2">
        <v>7.6</v>
      </c>
      <c r="Z12194" s="2">
        <v>16.7</v>
      </c>
      <c r="AA12194" s="5"/>
      <c r="AB12194" s="5" t="s">
        <v>43</v>
      </c>
      <c r="AC12194" s="5" t="s">
        <v>44</v>
      </c>
      <c r="AD12194" s="2"/>
      <c r="AE12194" s="1"/>
    </row>
    <row r="12195" spans="1:31" ht="14.45">
      <c r="A12195" s="11"/>
      <c r="B12195" s="20"/>
      <c r="C12195" s="2" t="s">
        <v>37513</v>
      </c>
      <c r="D12195" s="14" t="s">
        <v>37514</v>
      </c>
      <c r="E12195" s="2" t="s">
        <v>37515</v>
      </c>
      <c r="F12195" s="2" t="s">
        <v>36293</v>
      </c>
      <c r="G12195" s="8">
        <v>170</v>
      </c>
      <c r="H12195" s="5">
        <v>6</v>
      </c>
      <c r="I12195" s="5" t="s">
        <v>1518</v>
      </c>
      <c r="J12195" s="5" t="s">
        <v>36264</v>
      </c>
      <c r="K12195" s="2" t="s">
        <v>36265</v>
      </c>
      <c r="L12195" s="5" t="s">
        <v>36264</v>
      </c>
      <c r="M12195" s="2" t="s">
        <v>36265</v>
      </c>
      <c r="N12195" s="5" t="s">
        <v>36266</v>
      </c>
      <c r="O12195" s="5" t="s">
        <v>38</v>
      </c>
      <c r="P12195" s="5" t="s">
        <v>39</v>
      </c>
      <c r="Q12195" s="5" t="s">
        <v>40</v>
      </c>
      <c r="R12195" s="5" t="s">
        <v>1522</v>
      </c>
      <c r="S12195" s="5" t="s">
        <v>1523</v>
      </c>
      <c r="T12195" s="5" t="s">
        <v>42</v>
      </c>
      <c r="U12195" s="2">
        <v>1.4219999999999999</v>
      </c>
      <c r="V12195" s="2">
        <v>0.92200000000000004</v>
      </c>
      <c r="W12195" s="2">
        <v>1.4999999999999999E-2</v>
      </c>
      <c r="X12195" s="2">
        <v>118.9</v>
      </c>
      <c r="Y12195" s="2">
        <v>7.6</v>
      </c>
      <c r="Z12195" s="2">
        <v>16.7</v>
      </c>
      <c r="AA12195" s="5"/>
      <c r="AB12195" s="5" t="s">
        <v>43</v>
      </c>
      <c r="AC12195" s="5" t="s">
        <v>44</v>
      </c>
      <c r="AD12195" s="2"/>
      <c r="AE12195" s="1"/>
    </row>
    <row r="12196" spans="1:31" ht="14.45">
      <c r="A12196" s="11"/>
      <c r="B12196" s="20"/>
      <c r="C12196" s="2" t="s">
        <v>37516</v>
      </c>
      <c r="D12196" s="14" t="s">
        <v>37517</v>
      </c>
      <c r="E12196" s="2" t="s">
        <v>37518</v>
      </c>
      <c r="F12196" s="2" t="s">
        <v>36297</v>
      </c>
      <c r="G12196" s="8">
        <v>148</v>
      </c>
      <c r="H12196" s="5">
        <v>6</v>
      </c>
      <c r="I12196" s="5" t="s">
        <v>1518</v>
      </c>
      <c r="J12196" s="5" t="s">
        <v>36264</v>
      </c>
      <c r="K12196" s="2" t="s">
        <v>36265</v>
      </c>
      <c r="L12196" s="5" t="s">
        <v>36264</v>
      </c>
      <c r="M12196" s="2" t="s">
        <v>36265</v>
      </c>
      <c r="N12196" s="5" t="s">
        <v>36266</v>
      </c>
      <c r="O12196" s="5" t="s">
        <v>38</v>
      </c>
      <c r="P12196" s="5" t="s">
        <v>39</v>
      </c>
      <c r="Q12196" s="5" t="s">
        <v>40</v>
      </c>
      <c r="R12196" s="5" t="s">
        <v>1522</v>
      </c>
      <c r="S12196" s="5" t="s">
        <v>1523</v>
      </c>
      <c r="T12196" s="5" t="s">
        <v>42</v>
      </c>
      <c r="U12196" s="2">
        <v>1.397</v>
      </c>
      <c r="V12196" s="2">
        <v>0.89700000000000002</v>
      </c>
      <c r="W12196" s="2">
        <v>1.4999999999999999E-2</v>
      </c>
      <c r="X12196" s="2">
        <v>118.9</v>
      </c>
      <c r="Y12196" s="2">
        <v>7.6</v>
      </c>
      <c r="Z12196" s="2">
        <v>16.7</v>
      </c>
      <c r="AA12196" s="5"/>
      <c r="AB12196" s="5" t="s">
        <v>43</v>
      </c>
      <c r="AC12196" s="5" t="s">
        <v>44</v>
      </c>
      <c r="AD12196" s="2"/>
      <c r="AE12196" s="1"/>
    </row>
    <row r="12197" spans="1:31" ht="14.45">
      <c r="A12197" s="11"/>
      <c r="B12197" s="20"/>
      <c r="C12197" s="2" t="s">
        <v>37519</v>
      </c>
      <c r="D12197" s="14" t="s">
        <v>37520</v>
      </c>
      <c r="E12197" s="2" t="s">
        <v>37521</v>
      </c>
      <c r="F12197" s="2" t="s">
        <v>36301</v>
      </c>
      <c r="G12197" s="8">
        <v>148</v>
      </c>
      <c r="H12197" s="5">
        <v>6</v>
      </c>
      <c r="I12197" s="5" t="s">
        <v>1518</v>
      </c>
      <c r="J12197" s="5" t="s">
        <v>36264</v>
      </c>
      <c r="K12197" s="2" t="s">
        <v>36265</v>
      </c>
      <c r="L12197" s="5" t="s">
        <v>36264</v>
      </c>
      <c r="M12197" s="2" t="s">
        <v>36265</v>
      </c>
      <c r="N12197" s="5" t="s">
        <v>36266</v>
      </c>
      <c r="O12197" s="5" t="s">
        <v>38</v>
      </c>
      <c r="P12197" s="5" t="s">
        <v>39</v>
      </c>
      <c r="Q12197" s="5" t="s">
        <v>40</v>
      </c>
      <c r="R12197" s="5" t="s">
        <v>1522</v>
      </c>
      <c r="S12197" s="5" t="s">
        <v>1523</v>
      </c>
      <c r="T12197" s="5" t="s">
        <v>42</v>
      </c>
      <c r="U12197" s="2">
        <v>1.4219999999999999</v>
      </c>
      <c r="V12197" s="2">
        <v>0.92200000000000004</v>
      </c>
      <c r="W12197" s="2">
        <v>1.4999999999999999E-2</v>
      </c>
      <c r="X12197" s="2">
        <v>118.9</v>
      </c>
      <c r="Y12197" s="2">
        <v>7.6</v>
      </c>
      <c r="Z12197" s="2">
        <v>16.7</v>
      </c>
      <c r="AA12197" s="5"/>
      <c r="AB12197" s="5" t="s">
        <v>43</v>
      </c>
      <c r="AC12197" s="5" t="s">
        <v>44</v>
      </c>
      <c r="AD12197" s="2"/>
      <c r="AE12197" s="1"/>
    </row>
    <row r="12198" spans="1:31" ht="14.45">
      <c r="A12198" s="11"/>
      <c r="B12198" s="20"/>
      <c r="C12198" s="2" t="s">
        <v>37522</v>
      </c>
      <c r="D12198" s="14" t="s">
        <v>37523</v>
      </c>
      <c r="E12198" s="2" t="s">
        <v>37524</v>
      </c>
      <c r="F12198" s="2" t="s">
        <v>36305</v>
      </c>
      <c r="G12198" s="8">
        <v>148</v>
      </c>
      <c r="H12198" s="5">
        <v>6</v>
      </c>
      <c r="I12198" s="5" t="s">
        <v>1518</v>
      </c>
      <c r="J12198" s="5" t="s">
        <v>36264</v>
      </c>
      <c r="K12198" s="2" t="s">
        <v>36265</v>
      </c>
      <c r="L12198" s="5" t="s">
        <v>36264</v>
      </c>
      <c r="M12198" s="2" t="s">
        <v>36265</v>
      </c>
      <c r="N12198" s="5" t="s">
        <v>36266</v>
      </c>
      <c r="O12198" s="5" t="s">
        <v>38</v>
      </c>
      <c r="P12198" s="5" t="s">
        <v>39</v>
      </c>
      <c r="Q12198" s="5" t="s">
        <v>40</v>
      </c>
      <c r="R12198" s="5" t="s">
        <v>1522</v>
      </c>
      <c r="S12198" s="5" t="s">
        <v>1523</v>
      </c>
      <c r="T12198" s="5" t="s">
        <v>42</v>
      </c>
      <c r="U12198" s="2">
        <v>1.397</v>
      </c>
      <c r="V12198" s="2">
        <v>0.89700000000000002</v>
      </c>
      <c r="W12198" s="2">
        <v>1.4999999999999999E-2</v>
      </c>
      <c r="X12198" s="2">
        <v>118.9</v>
      </c>
      <c r="Y12198" s="2">
        <v>7.6</v>
      </c>
      <c r="Z12198" s="2">
        <v>16.7</v>
      </c>
      <c r="AA12198" s="5"/>
      <c r="AB12198" s="5" t="s">
        <v>43</v>
      </c>
      <c r="AC12198" s="5" t="s">
        <v>44</v>
      </c>
      <c r="AD12198" s="2"/>
      <c r="AE12198" s="1"/>
    </row>
    <row r="12199" spans="1:31" ht="14.45">
      <c r="A12199" s="11"/>
      <c r="B12199" s="20"/>
      <c r="C12199" s="2" t="s">
        <v>37525</v>
      </c>
      <c r="D12199" s="14" t="s">
        <v>37526</v>
      </c>
      <c r="E12199" s="2" t="s">
        <v>37527</v>
      </c>
      <c r="F12199" s="2" t="s">
        <v>36309</v>
      </c>
      <c r="G12199" s="8">
        <v>148</v>
      </c>
      <c r="H12199" s="5">
        <v>6</v>
      </c>
      <c r="I12199" s="5" t="s">
        <v>1518</v>
      </c>
      <c r="J12199" s="5" t="s">
        <v>36264</v>
      </c>
      <c r="K12199" s="2" t="s">
        <v>36265</v>
      </c>
      <c r="L12199" s="5" t="s">
        <v>36264</v>
      </c>
      <c r="M12199" s="2" t="s">
        <v>36265</v>
      </c>
      <c r="N12199" s="5" t="s">
        <v>36266</v>
      </c>
      <c r="O12199" s="5" t="s">
        <v>38</v>
      </c>
      <c r="P12199" s="5" t="s">
        <v>39</v>
      </c>
      <c r="Q12199" s="5" t="s">
        <v>40</v>
      </c>
      <c r="R12199" s="5" t="s">
        <v>1522</v>
      </c>
      <c r="S12199" s="5" t="s">
        <v>1523</v>
      </c>
      <c r="T12199" s="5" t="s">
        <v>42</v>
      </c>
      <c r="U12199" s="2">
        <v>1.4219999999999999</v>
      </c>
      <c r="V12199" s="2">
        <v>0.92200000000000004</v>
      </c>
      <c r="W12199" s="2">
        <v>1.4999999999999999E-2</v>
      </c>
      <c r="X12199" s="2">
        <v>118.9</v>
      </c>
      <c r="Y12199" s="2">
        <v>7.6</v>
      </c>
      <c r="Z12199" s="2">
        <v>16.7</v>
      </c>
      <c r="AA12199" s="5"/>
      <c r="AB12199" s="5" t="s">
        <v>43</v>
      </c>
      <c r="AC12199" s="5" t="s">
        <v>44</v>
      </c>
      <c r="AD12199" s="2"/>
      <c r="AE12199" s="1"/>
    </row>
    <row r="12200" spans="1:31" ht="14.45">
      <c r="A12200" s="11"/>
      <c r="B12200" s="20"/>
      <c r="C12200" s="2" t="s">
        <v>37528</v>
      </c>
      <c r="D12200" s="14" t="s">
        <v>37529</v>
      </c>
      <c r="E12200" s="2" t="s">
        <v>37530</v>
      </c>
      <c r="F12200" s="2" t="s">
        <v>36313</v>
      </c>
      <c r="G12200" s="8">
        <v>170</v>
      </c>
      <c r="H12200" s="5">
        <v>6</v>
      </c>
      <c r="I12200" s="5" t="s">
        <v>1518</v>
      </c>
      <c r="J12200" s="5" t="s">
        <v>36264</v>
      </c>
      <c r="K12200" s="2" t="s">
        <v>36265</v>
      </c>
      <c r="L12200" s="5" t="s">
        <v>36264</v>
      </c>
      <c r="M12200" s="2" t="s">
        <v>36265</v>
      </c>
      <c r="N12200" s="5" t="s">
        <v>36266</v>
      </c>
      <c r="O12200" s="5" t="s">
        <v>38</v>
      </c>
      <c r="P12200" s="5" t="s">
        <v>39</v>
      </c>
      <c r="Q12200" s="5" t="s">
        <v>40</v>
      </c>
      <c r="R12200" s="5" t="s">
        <v>1522</v>
      </c>
      <c r="S12200" s="5" t="s">
        <v>1523</v>
      </c>
      <c r="T12200" s="5" t="s">
        <v>42</v>
      </c>
      <c r="U12200" s="2">
        <v>1.397</v>
      </c>
      <c r="V12200" s="2">
        <v>0.89700000000000002</v>
      </c>
      <c r="W12200" s="2">
        <v>1.4999999999999999E-2</v>
      </c>
      <c r="X12200" s="2">
        <v>118.9</v>
      </c>
      <c r="Y12200" s="2">
        <v>7.6</v>
      </c>
      <c r="Z12200" s="2">
        <v>16.7</v>
      </c>
      <c r="AA12200" s="5"/>
      <c r="AB12200" s="5" t="s">
        <v>43</v>
      </c>
      <c r="AC12200" s="5" t="s">
        <v>44</v>
      </c>
      <c r="AD12200" s="2"/>
      <c r="AE12200" s="1"/>
    </row>
    <row r="12201" spans="1:31" ht="14.45">
      <c r="A12201" s="11"/>
      <c r="B12201" s="20"/>
      <c r="C12201" s="2" t="s">
        <v>37531</v>
      </c>
      <c r="D12201" s="14" t="s">
        <v>37532</v>
      </c>
      <c r="E12201" s="2" t="s">
        <v>37533</v>
      </c>
      <c r="F12201" s="2" t="s">
        <v>36317</v>
      </c>
      <c r="G12201" s="8">
        <v>170</v>
      </c>
      <c r="H12201" s="5">
        <v>6</v>
      </c>
      <c r="I12201" s="5" t="s">
        <v>1518</v>
      </c>
      <c r="J12201" s="5" t="s">
        <v>36264</v>
      </c>
      <c r="K12201" s="2" t="s">
        <v>36265</v>
      </c>
      <c r="L12201" s="5" t="s">
        <v>36264</v>
      </c>
      <c r="M12201" s="2" t="s">
        <v>36265</v>
      </c>
      <c r="N12201" s="5" t="s">
        <v>36266</v>
      </c>
      <c r="O12201" s="5" t="s">
        <v>38</v>
      </c>
      <c r="P12201" s="5" t="s">
        <v>39</v>
      </c>
      <c r="Q12201" s="5" t="s">
        <v>40</v>
      </c>
      <c r="R12201" s="5" t="s">
        <v>1522</v>
      </c>
      <c r="S12201" s="5" t="s">
        <v>1523</v>
      </c>
      <c r="T12201" s="5" t="s">
        <v>42</v>
      </c>
      <c r="U12201" s="2">
        <v>1.4219999999999999</v>
      </c>
      <c r="V12201" s="2">
        <v>0.92200000000000004</v>
      </c>
      <c r="W12201" s="2">
        <v>1.4999999999999999E-2</v>
      </c>
      <c r="X12201" s="2">
        <v>118.9</v>
      </c>
      <c r="Y12201" s="2">
        <v>7.6</v>
      </c>
      <c r="Z12201" s="2">
        <v>16.7</v>
      </c>
      <c r="AA12201" s="5"/>
      <c r="AB12201" s="5" t="s">
        <v>43</v>
      </c>
      <c r="AC12201" s="5" t="s">
        <v>44</v>
      </c>
      <c r="AD12201" s="2"/>
      <c r="AE12201" s="1"/>
    </row>
    <row r="12202" spans="1:31" ht="14.45">
      <c r="A12202" s="11"/>
      <c r="B12202" s="20"/>
      <c r="C12202" s="2" t="s">
        <v>37534</v>
      </c>
      <c r="D12202" s="14" t="s">
        <v>37535</v>
      </c>
      <c r="E12202" s="2" t="s">
        <v>37536</v>
      </c>
      <c r="F12202" s="2" t="s">
        <v>36321</v>
      </c>
      <c r="G12202" s="8">
        <v>170</v>
      </c>
      <c r="H12202" s="5">
        <v>6</v>
      </c>
      <c r="I12202" s="5" t="s">
        <v>1518</v>
      </c>
      <c r="J12202" s="5" t="s">
        <v>36264</v>
      </c>
      <c r="K12202" s="2" t="s">
        <v>36265</v>
      </c>
      <c r="L12202" s="5" t="s">
        <v>36264</v>
      </c>
      <c r="M12202" s="2" t="s">
        <v>36265</v>
      </c>
      <c r="N12202" s="5" t="s">
        <v>36266</v>
      </c>
      <c r="O12202" s="5" t="s">
        <v>38</v>
      </c>
      <c r="P12202" s="5" t="s">
        <v>39</v>
      </c>
      <c r="Q12202" s="5" t="s">
        <v>40</v>
      </c>
      <c r="R12202" s="5" t="s">
        <v>1522</v>
      </c>
      <c r="S12202" s="5" t="s">
        <v>1523</v>
      </c>
      <c r="T12202" s="5" t="s">
        <v>42</v>
      </c>
      <c r="U12202" s="2">
        <v>1.397</v>
      </c>
      <c r="V12202" s="2">
        <v>0.89700000000000002</v>
      </c>
      <c r="W12202" s="2">
        <v>1.4999999999999999E-2</v>
      </c>
      <c r="X12202" s="2">
        <v>118.9</v>
      </c>
      <c r="Y12202" s="2">
        <v>7.6</v>
      </c>
      <c r="Z12202" s="2">
        <v>16.7</v>
      </c>
      <c r="AA12202" s="5"/>
      <c r="AB12202" s="5" t="s">
        <v>43</v>
      </c>
      <c r="AC12202" s="5" t="s">
        <v>44</v>
      </c>
      <c r="AD12202" s="2"/>
      <c r="AE12202" s="1"/>
    </row>
    <row r="12203" spans="1:31" ht="14.45">
      <c r="A12203" s="11"/>
      <c r="B12203" s="20"/>
      <c r="C12203" s="2" t="s">
        <v>37537</v>
      </c>
      <c r="D12203" s="14" t="s">
        <v>37538</v>
      </c>
      <c r="E12203" s="2" t="s">
        <v>37539</v>
      </c>
      <c r="F12203" s="2" t="s">
        <v>36325</v>
      </c>
      <c r="G12203" s="8">
        <v>170</v>
      </c>
      <c r="H12203" s="5">
        <v>6</v>
      </c>
      <c r="I12203" s="5" t="s">
        <v>1518</v>
      </c>
      <c r="J12203" s="5" t="s">
        <v>36264</v>
      </c>
      <c r="K12203" s="2" t="s">
        <v>36265</v>
      </c>
      <c r="L12203" s="5" t="s">
        <v>36264</v>
      </c>
      <c r="M12203" s="2" t="s">
        <v>36265</v>
      </c>
      <c r="N12203" s="5" t="s">
        <v>36266</v>
      </c>
      <c r="O12203" s="5" t="s">
        <v>38</v>
      </c>
      <c r="P12203" s="5" t="s">
        <v>39</v>
      </c>
      <c r="Q12203" s="5" t="s">
        <v>40</v>
      </c>
      <c r="R12203" s="5" t="s">
        <v>1522</v>
      </c>
      <c r="S12203" s="5" t="s">
        <v>1523</v>
      </c>
      <c r="T12203" s="5" t="s">
        <v>42</v>
      </c>
      <c r="U12203" s="2">
        <v>1.4219999999999999</v>
      </c>
      <c r="V12203" s="2">
        <v>0.92200000000000004</v>
      </c>
      <c r="W12203" s="2">
        <v>1.4999999999999999E-2</v>
      </c>
      <c r="X12203" s="2">
        <v>118.9</v>
      </c>
      <c r="Y12203" s="2">
        <v>7.6</v>
      </c>
      <c r="Z12203" s="2">
        <v>16.7</v>
      </c>
      <c r="AA12203" s="5"/>
      <c r="AB12203" s="5" t="s">
        <v>43</v>
      </c>
      <c r="AC12203" s="5" t="s">
        <v>44</v>
      </c>
      <c r="AD12203" s="2"/>
      <c r="AE12203" s="1"/>
    </row>
    <row r="12204" spans="1:31" ht="14.45">
      <c r="A12204" s="11"/>
      <c r="B12204" s="20"/>
      <c r="C12204" s="2" t="s">
        <v>37540</v>
      </c>
      <c r="D12204" s="14" t="s">
        <v>37541</v>
      </c>
      <c r="E12204" s="2" t="s">
        <v>37542</v>
      </c>
      <c r="F12204" s="2" t="s">
        <v>36329</v>
      </c>
      <c r="G12204" s="8">
        <v>170</v>
      </c>
      <c r="H12204" s="5">
        <v>6</v>
      </c>
      <c r="I12204" s="5" t="s">
        <v>1518</v>
      </c>
      <c r="J12204" s="5" t="s">
        <v>36264</v>
      </c>
      <c r="K12204" s="2" t="s">
        <v>36265</v>
      </c>
      <c r="L12204" s="5" t="s">
        <v>36264</v>
      </c>
      <c r="M12204" s="2" t="s">
        <v>36265</v>
      </c>
      <c r="N12204" s="5" t="s">
        <v>36266</v>
      </c>
      <c r="O12204" s="5" t="s">
        <v>38</v>
      </c>
      <c r="P12204" s="5" t="s">
        <v>39</v>
      </c>
      <c r="Q12204" s="5" t="s">
        <v>40</v>
      </c>
      <c r="R12204" s="5" t="s">
        <v>1522</v>
      </c>
      <c r="S12204" s="5" t="s">
        <v>1523</v>
      </c>
      <c r="T12204" s="5" t="s">
        <v>42</v>
      </c>
      <c r="U12204" s="2">
        <v>1.397</v>
      </c>
      <c r="V12204" s="2">
        <v>0.89700000000000002</v>
      </c>
      <c r="W12204" s="2">
        <v>1.4999999999999999E-2</v>
      </c>
      <c r="X12204" s="2">
        <v>118.9</v>
      </c>
      <c r="Y12204" s="2">
        <v>7.6</v>
      </c>
      <c r="Z12204" s="2">
        <v>16.7</v>
      </c>
      <c r="AA12204" s="5"/>
      <c r="AB12204" s="5" t="s">
        <v>43</v>
      </c>
      <c r="AC12204" s="5" t="s">
        <v>44</v>
      </c>
      <c r="AD12204" s="2"/>
      <c r="AE12204" s="1"/>
    </row>
    <row r="12205" spans="1:31" ht="14.45">
      <c r="A12205" s="11"/>
      <c r="B12205" s="20"/>
      <c r="C12205" s="2" t="s">
        <v>37543</v>
      </c>
      <c r="D12205" s="14" t="s">
        <v>37544</v>
      </c>
      <c r="E12205" s="2" t="s">
        <v>37545</v>
      </c>
      <c r="F12205" s="2" t="s">
        <v>36333</v>
      </c>
      <c r="G12205" s="8">
        <v>170</v>
      </c>
      <c r="H12205" s="5">
        <v>6</v>
      </c>
      <c r="I12205" s="5" t="s">
        <v>1518</v>
      </c>
      <c r="J12205" s="5" t="s">
        <v>36264</v>
      </c>
      <c r="K12205" s="2" t="s">
        <v>36265</v>
      </c>
      <c r="L12205" s="5" t="s">
        <v>36264</v>
      </c>
      <c r="M12205" s="2" t="s">
        <v>36265</v>
      </c>
      <c r="N12205" s="5" t="s">
        <v>36266</v>
      </c>
      <c r="O12205" s="5" t="s">
        <v>38</v>
      </c>
      <c r="P12205" s="5" t="s">
        <v>39</v>
      </c>
      <c r="Q12205" s="5" t="s">
        <v>40</v>
      </c>
      <c r="R12205" s="5" t="s">
        <v>1522</v>
      </c>
      <c r="S12205" s="5" t="s">
        <v>1523</v>
      </c>
      <c r="T12205" s="5" t="s">
        <v>42</v>
      </c>
      <c r="U12205" s="2">
        <v>1.4219999999999999</v>
      </c>
      <c r="V12205" s="2">
        <v>0.92200000000000004</v>
      </c>
      <c r="W12205" s="2">
        <v>1.4999999999999999E-2</v>
      </c>
      <c r="X12205" s="2">
        <v>118.9</v>
      </c>
      <c r="Y12205" s="2">
        <v>7.6</v>
      </c>
      <c r="Z12205" s="2">
        <v>16.7</v>
      </c>
      <c r="AA12205" s="5"/>
      <c r="AB12205" s="5" t="s">
        <v>43</v>
      </c>
      <c r="AC12205" s="5" t="s">
        <v>44</v>
      </c>
      <c r="AD12205" s="2"/>
      <c r="AE12205" s="1"/>
    </row>
    <row r="12206" spans="1:31" ht="14.45">
      <c r="A12206" s="11"/>
      <c r="B12206" s="20"/>
      <c r="C12206" s="2" t="s">
        <v>37546</v>
      </c>
      <c r="D12206" s="14" t="s">
        <v>37547</v>
      </c>
      <c r="E12206" s="2" t="s">
        <v>37548</v>
      </c>
      <c r="F12206" s="2" t="s">
        <v>36337</v>
      </c>
      <c r="G12206" s="8">
        <v>170</v>
      </c>
      <c r="H12206" s="5">
        <v>6</v>
      </c>
      <c r="I12206" s="5" t="s">
        <v>1518</v>
      </c>
      <c r="J12206" s="5" t="s">
        <v>36264</v>
      </c>
      <c r="K12206" s="2" t="s">
        <v>36265</v>
      </c>
      <c r="L12206" s="5" t="s">
        <v>36264</v>
      </c>
      <c r="M12206" s="2" t="s">
        <v>36265</v>
      </c>
      <c r="N12206" s="5" t="s">
        <v>36266</v>
      </c>
      <c r="O12206" s="5" t="s">
        <v>38</v>
      </c>
      <c r="P12206" s="5" t="s">
        <v>39</v>
      </c>
      <c r="Q12206" s="5" t="s">
        <v>40</v>
      </c>
      <c r="R12206" s="5" t="s">
        <v>1522</v>
      </c>
      <c r="S12206" s="5" t="s">
        <v>1523</v>
      </c>
      <c r="T12206" s="5" t="s">
        <v>42</v>
      </c>
      <c r="U12206" s="2">
        <v>1.397</v>
      </c>
      <c r="V12206" s="2">
        <v>0.89700000000000002</v>
      </c>
      <c r="W12206" s="2">
        <v>1.4999999999999999E-2</v>
      </c>
      <c r="X12206" s="2">
        <v>118.9</v>
      </c>
      <c r="Y12206" s="2">
        <v>7.6</v>
      </c>
      <c r="Z12206" s="2">
        <v>16.7</v>
      </c>
      <c r="AA12206" s="5"/>
      <c r="AB12206" s="5" t="s">
        <v>43</v>
      </c>
      <c r="AC12206" s="5" t="s">
        <v>44</v>
      </c>
      <c r="AD12206" s="2"/>
      <c r="AE12206" s="1"/>
    </row>
    <row r="12207" spans="1:31" ht="14.45">
      <c r="A12207" s="11"/>
      <c r="B12207" s="20"/>
      <c r="C12207" s="2" t="s">
        <v>37549</v>
      </c>
      <c r="D12207" s="14" t="s">
        <v>37550</v>
      </c>
      <c r="E12207" s="2" t="s">
        <v>37551</v>
      </c>
      <c r="F12207" s="2" t="s">
        <v>36341</v>
      </c>
      <c r="G12207" s="8">
        <v>170</v>
      </c>
      <c r="H12207" s="5">
        <v>6</v>
      </c>
      <c r="I12207" s="5" t="s">
        <v>1518</v>
      </c>
      <c r="J12207" s="5" t="s">
        <v>36264</v>
      </c>
      <c r="K12207" s="2" t="s">
        <v>36265</v>
      </c>
      <c r="L12207" s="5" t="s">
        <v>36264</v>
      </c>
      <c r="M12207" s="2" t="s">
        <v>36265</v>
      </c>
      <c r="N12207" s="5" t="s">
        <v>36266</v>
      </c>
      <c r="O12207" s="5" t="s">
        <v>38</v>
      </c>
      <c r="P12207" s="5" t="s">
        <v>39</v>
      </c>
      <c r="Q12207" s="5" t="s">
        <v>40</v>
      </c>
      <c r="R12207" s="5" t="s">
        <v>1522</v>
      </c>
      <c r="S12207" s="5" t="s">
        <v>1523</v>
      </c>
      <c r="T12207" s="5" t="s">
        <v>42</v>
      </c>
      <c r="U12207" s="2">
        <v>1.4219999999999999</v>
      </c>
      <c r="V12207" s="2">
        <v>0.92200000000000004</v>
      </c>
      <c r="W12207" s="2">
        <v>1.4999999999999999E-2</v>
      </c>
      <c r="X12207" s="2">
        <v>118.9</v>
      </c>
      <c r="Y12207" s="2">
        <v>7.6</v>
      </c>
      <c r="Z12207" s="2">
        <v>16.7</v>
      </c>
      <c r="AA12207" s="5"/>
      <c r="AB12207" s="5" t="s">
        <v>43</v>
      </c>
      <c r="AC12207" s="5" t="s">
        <v>44</v>
      </c>
      <c r="AD12207" s="2"/>
      <c r="AE12207" s="1"/>
    </row>
    <row r="12208" spans="1:31" ht="14.45">
      <c r="A12208" s="11"/>
      <c r="B12208" s="20"/>
      <c r="C12208" s="2" t="s">
        <v>37552</v>
      </c>
      <c r="D12208" s="14" t="s">
        <v>37553</v>
      </c>
      <c r="E12208" s="2" t="s">
        <v>37554</v>
      </c>
      <c r="F12208" s="2" t="s">
        <v>36345</v>
      </c>
      <c r="G12208" s="8">
        <v>170</v>
      </c>
      <c r="H12208" s="5">
        <v>6</v>
      </c>
      <c r="I12208" s="5" t="s">
        <v>1518</v>
      </c>
      <c r="J12208" s="5" t="s">
        <v>36264</v>
      </c>
      <c r="K12208" s="2" t="s">
        <v>36265</v>
      </c>
      <c r="L12208" s="5" t="s">
        <v>36264</v>
      </c>
      <c r="M12208" s="2" t="s">
        <v>36265</v>
      </c>
      <c r="N12208" s="5" t="s">
        <v>36266</v>
      </c>
      <c r="O12208" s="5" t="s">
        <v>38</v>
      </c>
      <c r="P12208" s="5" t="s">
        <v>39</v>
      </c>
      <c r="Q12208" s="5" t="s">
        <v>40</v>
      </c>
      <c r="R12208" s="5" t="s">
        <v>1522</v>
      </c>
      <c r="S12208" s="5" t="s">
        <v>1523</v>
      </c>
      <c r="T12208" s="5" t="s">
        <v>42</v>
      </c>
      <c r="U12208" s="2">
        <v>1.397</v>
      </c>
      <c r="V12208" s="2">
        <v>0.89700000000000002</v>
      </c>
      <c r="W12208" s="2">
        <v>1.4999999999999999E-2</v>
      </c>
      <c r="X12208" s="2">
        <v>118.9</v>
      </c>
      <c r="Y12208" s="2">
        <v>7.6</v>
      </c>
      <c r="Z12208" s="2">
        <v>16.7</v>
      </c>
      <c r="AA12208" s="5"/>
      <c r="AB12208" s="5" t="s">
        <v>43</v>
      </c>
      <c r="AC12208" s="5" t="s">
        <v>44</v>
      </c>
      <c r="AD12208" s="2"/>
      <c r="AE12208" s="1"/>
    </row>
    <row r="12209" spans="1:31" ht="14.45">
      <c r="A12209" s="11"/>
      <c r="B12209" s="20"/>
      <c r="C12209" s="2" t="s">
        <v>37555</v>
      </c>
      <c r="D12209" s="14" t="s">
        <v>37556</v>
      </c>
      <c r="E12209" s="2" t="s">
        <v>37557</v>
      </c>
      <c r="F12209" s="2" t="s">
        <v>36349</v>
      </c>
      <c r="G12209" s="8">
        <v>170</v>
      </c>
      <c r="H12209" s="5">
        <v>6</v>
      </c>
      <c r="I12209" s="5" t="s">
        <v>1518</v>
      </c>
      <c r="J12209" s="5" t="s">
        <v>36264</v>
      </c>
      <c r="K12209" s="2" t="s">
        <v>36265</v>
      </c>
      <c r="L12209" s="5" t="s">
        <v>36264</v>
      </c>
      <c r="M12209" s="2" t="s">
        <v>36265</v>
      </c>
      <c r="N12209" s="5" t="s">
        <v>36266</v>
      </c>
      <c r="O12209" s="5" t="s">
        <v>38</v>
      </c>
      <c r="P12209" s="5" t="s">
        <v>39</v>
      </c>
      <c r="Q12209" s="5" t="s">
        <v>40</v>
      </c>
      <c r="R12209" s="5" t="s">
        <v>1522</v>
      </c>
      <c r="S12209" s="5" t="s">
        <v>1523</v>
      </c>
      <c r="T12209" s="5" t="s">
        <v>42</v>
      </c>
      <c r="U12209" s="2">
        <v>1.4219999999999999</v>
      </c>
      <c r="V12209" s="2">
        <v>0.92200000000000004</v>
      </c>
      <c r="W12209" s="2">
        <v>1.4999999999999999E-2</v>
      </c>
      <c r="X12209" s="2">
        <v>118.9</v>
      </c>
      <c r="Y12209" s="2">
        <v>7.6</v>
      </c>
      <c r="Z12209" s="2">
        <v>16.7</v>
      </c>
      <c r="AA12209" s="5"/>
      <c r="AB12209" s="5" t="s">
        <v>43</v>
      </c>
      <c r="AC12209" s="5" t="s">
        <v>44</v>
      </c>
      <c r="AD12209" s="2"/>
      <c r="AE12209" s="1"/>
    </row>
    <row r="12210" spans="1:31" ht="14.45">
      <c r="A12210" s="11"/>
      <c r="B12210" s="20"/>
      <c r="C12210" s="2" t="s">
        <v>37558</v>
      </c>
      <c r="D12210" s="14" t="s">
        <v>37559</v>
      </c>
      <c r="E12210" s="2" t="s">
        <v>37560</v>
      </c>
      <c r="F12210" s="2" t="s">
        <v>36353</v>
      </c>
      <c r="G12210" s="8">
        <v>170</v>
      </c>
      <c r="H12210" s="5">
        <v>6</v>
      </c>
      <c r="I12210" s="5" t="s">
        <v>1518</v>
      </c>
      <c r="J12210" s="5" t="s">
        <v>36264</v>
      </c>
      <c r="K12210" s="2" t="s">
        <v>36265</v>
      </c>
      <c r="L12210" s="5" t="s">
        <v>36264</v>
      </c>
      <c r="M12210" s="2" t="s">
        <v>36265</v>
      </c>
      <c r="N12210" s="5" t="s">
        <v>36266</v>
      </c>
      <c r="O12210" s="5" t="s">
        <v>38</v>
      </c>
      <c r="P12210" s="5" t="s">
        <v>39</v>
      </c>
      <c r="Q12210" s="5" t="s">
        <v>40</v>
      </c>
      <c r="R12210" s="5" t="s">
        <v>1522</v>
      </c>
      <c r="S12210" s="5" t="s">
        <v>1523</v>
      </c>
      <c r="T12210" s="5" t="s">
        <v>42</v>
      </c>
      <c r="U12210" s="2">
        <v>1.397</v>
      </c>
      <c r="V12210" s="2">
        <v>0.89700000000000002</v>
      </c>
      <c r="W12210" s="2">
        <v>1.4999999999999999E-2</v>
      </c>
      <c r="X12210" s="2">
        <v>118.9</v>
      </c>
      <c r="Y12210" s="2">
        <v>7.6</v>
      </c>
      <c r="Z12210" s="2">
        <v>16.7</v>
      </c>
      <c r="AA12210" s="5"/>
      <c r="AB12210" s="5" t="s">
        <v>43</v>
      </c>
      <c r="AC12210" s="5" t="s">
        <v>44</v>
      </c>
      <c r="AD12210" s="2"/>
      <c r="AE12210" s="1"/>
    </row>
    <row r="12211" spans="1:31" ht="14.45">
      <c r="A12211" s="11"/>
      <c r="B12211" s="20"/>
      <c r="C12211" s="2" t="s">
        <v>37561</v>
      </c>
      <c r="D12211" s="14" t="s">
        <v>37562</v>
      </c>
      <c r="E12211" s="2" t="s">
        <v>37563</v>
      </c>
      <c r="F12211" s="2" t="s">
        <v>36357</v>
      </c>
      <c r="G12211" s="8">
        <v>170</v>
      </c>
      <c r="H12211" s="5">
        <v>6</v>
      </c>
      <c r="I12211" s="5" t="s">
        <v>1518</v>
      </c>
      <c r="J12211" s="5" t="s">
        <v>36264</v>
      </c>
      <c r="K12211" s="2" t="s">
        <v>36265</v>
      </c>
      <c r="L12211" s="5" t="s">
        <v>36264</v>
      </c>
      <c r="M12211" s="2" t="s">
        <v>36265</v>
      </c>
      <c r="N12211" s="5" t="s">
        <v>36266</v>
      </c>
      <c r="O12211" s="5" t="s">
        <v>38</v>
      </c>
      <c r="P12211" s="5" t="s">
        <v>39</v>
      </c>
      <c r="Q12211" s="5" t="s">
        <v>40</v>
      </c>
      <c r="R12211" s="5" t="s">
        <v>1522</v>
      </c>
      <c r="S12211" s="5" t="s">
        <v>1523</v>
      </c>
      <c r="T12211" s="5" t="s">
        <v>42</v>
      </c>
      <c r="U12211" s="2">
        <v>1.4219999999999999</v>
      </c>
      <c r="V12211" s="2">
        <v>0.92200000000000004</v>
      </c>
      <c r="W12211" s="2">
        <v>1.4999999999999999E-2</v>
      </c>
      <c r="X12211" s="2">
        <v>118.9</v>
      </c>
      <c r="Y12211" s="2">
        <v>7.6</v>
      </c>
      <c r="Z12211" s="2">
        <v>16.7</v>
      </c>
      <c r="AA12211" s="5"/>
      <c r="AB12211" s="5" t="s">
        <v>43</v>
      </c>
      <c r="AC12211" s="5" t="s">
        <v>44</v>
      </c>
      <c r="AD12211" s="2"/>
      <c r="AE12211" s="1"/>
    </row>
    <row r="12212" spans="1:31" ht="14.45">
      <c r="A12212" s="11"/>
      <c r="B12212" s="20"/>
      <c r="C12212" s="2" t="s">
        <v>37564</v>
      </c>
      <c r="D12212" s="14" t="s">
        <v>37565</v>
      </c>
      <c r="E12212" s="2" t="s">
        <v>37566</v>
      </c>
      <c r="F12212" s="2" t="s">
        <v>36361</v>
      </c>
      <c r="G12212" s="8">
        <v>170</v>
      </c>
      <c r="H12212" s="5">
        <v>6</v>
      </c>
      <c r="I12212" s="5" t="s">
        <v>1518</v>
      </c>
      <c r="J12212" s="5" t="s">
        <v>36264</v>
      </c>
      <c r="K12212" s="2" t="s">
        <v>36265</v>
      </c>
      <c r="L12212" s="5" t="s">
        <v>36264</v>
      </c>
      <c r="M12212" s="2" t="s">
        <v>36265</v>
      </c>
      <c r="N12212" s="5" t="s">
        <v>36266</v>
      </c>
      <c r="O12212" s="5" t="s">
        <v>38</v>
      </c>
      <c r="P12212" s="5" t="s">
        <v>39</v>
      </c>
      <c r="Q12212" s="5" t="s">
        <v>40</v>
      </c>
      <c r="R12212" s="5" t="s">
        <v>1522</v>
      </c>
      <c r="S12212" s="5" t="s">
        <v>1523</v>
      </c>
      <c r="T12212" s="5" t="s">
        <v>42</v>
      </c>
      <c r="U12212" s="2">
        <v>1.397</v>
      </c>
      <c r="V12212" s="2">
        <v>0.89700000000000002</v>
      </c>
      <c r="W12212" s="2">
        <v>1.4999999999999999E-2</v>
      </c>
      <c r="X12212" s="2">
        <v>118.9</v>
      </c>
      <c r="Y12212" s="2">
        <v>7.6</v>
      </c>
      <c r="Z12212" s="2">
        <v>16.7</v>
      </c>
      <c r="AA12212" s="5"/>
      <c r="AB12212" s="5" t="s">
        <v>43</v>
      </c>
      <c r="AC12212" s="5" t="s">
        <v>44</v>
      </c>
      <c r="AD12212" s="2"/>
      <c r="AE12212" s="1"/>
    </row>
    <row r="12213" spans="1:31" ht="14.45">
      <c r="A12213" s="11"/>
      <c r="B12213" s="20"/>
      <c r="C12213" s="2" t="s">
        <v>37567</v>
      </c>
      <c r="D12213" s="14" t="s">
        <v>37568</v>
      </c>
      <c r="E12213" s="2" t="s">
        <v>37569</v>
      </c>
      <c r="F12213" s="2" t="s">
        <v>36365</v>
      </c>
      <c r="G12213" s="8">
        <v>170</v>
      </c>
      <c r="H12213" s="5">
        <v>6</v>
      </c>
      <c r="I12213" s="5" t="s">
        <v>1518</v>
      </c>
      <c r="J12213" s="5" t="s">
        <v>36264</v>
      </c>
      <c r="K12213" s="2" t="s">
        <v>36265</v>
      </c>
      <c r="L12213" s="5" t="s">
        <v>36264</v>
      </c>
      <c r="M12213" s="2" t="s">
        <v>36265</v>
      </c>
      <c r="N12213" s="5" t="s">
        <v>36266</v>
      </c>
      <c r="O12213" s="5" t="s">
        <v>38</v>
      </c>
      <c r="P12213" s="5" t="s">
        <v>39</v>
      </c>
      <c r="Q12213" s="5" t="s">
        <v>40</v>
      </c>
      <c r="R12213" s="5" t="s">
        <v>1522</v>
      </c>
      <c r="S12213" s="5" t="s">
        <v>1523</v>
      </c>
      <c r="T12213" s="5" t="s">
        <v>42</v>
      </c>
      <c r="U12213" s="2">
        <v>1.4219999999999999</v>
      </c>
      <c r="V12213" s="2">
        <v>0.92200000000000004</v>
      </c>
      <c r="W12213" s="2">
        <v>1.4999999999999999E-2</v>
      </c>
      <c r="X12213" s="2">
        <v>118.9</v>
      </c>
      <c r="Y12213" s="2">
        <v>7.6</v>
      </c>
      <c r="Z12213" s="2">
        <v>16.7</v>
      </c>
      <c r="AA12213" s="5"/>
      <c r="AB12213" s="5" t="s">
        <v>43</v>
      </c>
      <c r="AC12213" s="5" t="s">
        <v>44</v>
      </c>
      <c r="AD12213" s="2"/>
      <c r="AE12213" s="1"/>
    </row>
    <row r="12214" spans="1:31" ht="14.45">
      <c r="A12214" s="11"/>
      <c r="B12214" s="20"/>
      <c r="C12214" s="2" t="s">
        <v>37570</v>
      </c>
      <c r="D12214" s="14" t="s">
        <v>37571</v>
      </c>
      <c r="E12214" s="2" t="s">
        <v>37572</v>
      </c>
      <c r="F12214" s="2" t="s">
        <v>36369</v>
      </c>
      <c r="G12214" s="8">
        <v>170</v>
      </c>
      <c r="H12214" s="5">
        <v>6</v>
      </c>
      <c r="I12214" s="5" t="s">
        <v>1518</v>
      </c>
      <c r="J12214" s="5" t="s">
        <v>36264</v>
      </c>
      <c r="K12214" s="2" t="s">
        <v>36265</v>
      </c>
      <c r="L12214" s="5" t="s">
        <v>36264</v>
      </c>
      <c r="M12214" s="2" t="s">
        <v>36265</v>
      </c>
      <c r="N12214" s="5" t="s">
        <v>36266</v>
      </c>
      <c r="O12214" s="5" t="s">
        <v>38</v>
      </c>
      <c r="P12214" s="5" t="s">
        <v>39</v>
      </c>
      <c r="Q12214" s="5" t="s">
        <v>40</v>
      </c>
      <c r="R12214" s="5" t="s">
        <v>1522</v>
      </c>
      <c r="S12214" s="5" t="s">
        <v>1523</v>
      </c>
      <c r="T12214" s="5" t="s">
        <v>42</v>
      </c>
      <c r="U12214" s="2">
        <v>1.397</v>
      </c>
      <c r="V12214" s="2">
        <v>0.89700000000000002</v>
      </c>
      <c r="W12214" s="2">
        <v>1.4999999999999999E-2</v>
      </c>
      <c r="X12214" s="2">
        <v>118.9</v>
      </c>
      <c r="Y12214" s="2">
        <v>7.6</v>
      </c>
      <c r="Z12214" s="2">
        <v>16.7</v>
      </c>
      <c r="AA12214" s="5"/>
      <c r="AB12214" s="5" t="s">
        <v>43</v>
      </c>
      <c r="AC12214" s="5" t="s">
        <v>44</v>
      </c>
      <c r="AD12214" s="2"/>
      <c r="AE12214" s="1"/>
    </row>
    <row r="12215" spans="1:31" ht="14.45">
      <c r="A12215" s="11"/>
      <c r="B12215" s="20"/>
      <c r="C12215" s="2" t="s">
        <v>37573</v>
      </c>
      <c r="D12215" s="14" t="s">
        <v>37574</v>
      </c>
      <c r="E12215" s="2" t="s">
        <v>37575</v>
      </c>
      <c r="F12215" s="2" t="s">
        <v>36373</v>
      </c>
      <c r="G12215" s="8">
        <v>170</v>
      </c>
      <c r="H12215" s="5">
        <v>6</v>
      </c>
      <c r="I12215" s="5" t="s">
        <v>1518</v>
      </c>
      <c r="J12215" s="5" t="s">
        <v>36264</v>
      </c>
      <c r="K12215" s="2" t="s">
        <v>36265</v>
      </c>
      <c r="L12215" s="5" t="s">
        <v>36264</v>
      </c>
      <c r="M12215" s="2" t="s">
        <v>36265</v>
      </c>
      <c r="N12215" s="5" t="s">
        <v>36266</v>
      </c>
      <c r="O12215" s="5" t="s">
        <v>38</v>
      </c>
      <c r="P12215" s="5" t="s">
        <v>39</v>
      </c>
      <c r="Q12215" s="5" t="s">
        <v>40</v>
      </c>
      <c r="R12215" s="5" t="s">
        <v>1522</v>
      </c>
      <c r="S12215" s="5" t="s">
        <v>1523</v>
      </c>
      <c r="T12215" s="5" t="s">
        <v>42</v>
      </c>
      <c r="U12215" s="2">
        <v>1.4219999999999999</v>
      </c>
      <c r="V12215" s="2">
        <v>0.92200000000000004</v>
      </c>
      <c r="W12215" s="2">
        <v>1.4999999999999999E-2</v>
      </c>
      <c r="X12215" s="2">
        <v>118.9</v>
      </c>
      <c r="Y12215" s="2">
        <v>7.6</v>
      </c>
      <c r="Z12215" s="2">
        <v>16.7</v>
      </c>
      <c r="AA12215" s="5"/>
      <c r="AB12215" s="5" t="s">
        <v>43</v>
      </c>
      <c r="AC12215" s="5" t="s">
        <v>44</v>
      </c>
      <c r="AD12215" s="2"/>
      <c r="AE12215" s="1"/>
    </row>
    <row r="12216" spans="1:31" ht="14.45">
      <c r="A12216" s="11"/>
      <c r="B12216" s="20"/>
      <c r="C12216" s="2" t="s">
        <v>37576</v>
      </c>
      <c r="D12216" s="14" t="s">
        <v>37577</v>
      </c>
      <c r="E12216" s="2" t="s">
        <v>37578</v>
      </c>
      <c r="F12216" s="2" t="s">
        <v>36377</v>
      </c>
      <c r="G12216" s="8">
        <v>170</v>
      </c>
      <c r="H12216" s="5">
        <v>6</v>
      </c>
      <c r="I12216" s="5" t="s">
        <v>1518</v>
      </c>
      <c r="J12216" s="5" t="s">
        <v>36264</v>
      </c>
      <c r="K12216" s="2" t="s">
        <v>36265</v>
      </c>
      <c r="L12216" s="5" t="s">
        <v>36264</v>
      </c>
      <c r="M12216" s="2" t="s">
        <v>36265</v>
      </c>
      <c r="N12216" s="5" t="s">
        <v>36266</v>
      </c>
      <c r="O12216" s="5" t="s">
        <v>38</v>
      </c>
      <c r="P12216" s="5" t="s">
        <v>39</v>
      </c>
      <c r="Q12216" s="5" t="s">
        <v>40</v>
      </c>
      <c r="R12216" s="5" t="s">
        <v>1522</v>
      </c>
      <c r="S12216" s="5" t="s">
        <v>1523</v>
      </c>
      <c r="T12216" s="5" t="s">
        <v>42</v>
      </c>
      <c r="U12216" s="2">
        <v>1.397</v>
      </c>
      <c r="V12216" s="2">
        <v>0.89700000000000002</v>
      </c>
      <c r="W12216" s="2">
        <v>1.4999999999999999E-2</v>
      </c>
      <c r="X12216" s="2">
        <v>118.9</v>
      </c>
      <c r="Y12216" s="2">
        <v>7.6</v>
      </c>
      <c r="Z12216" s="2">
        <v>16.7</v>
      </c>
      <c r="AA12216" s="5"/>
      <c r="AB12216" s="5" t="s">
        <v>43</v>
      </c>
      <c r="AC12216" s="5" t="s">
        <v>44</v>
      </c>
      <c r="AD12216" s="2"/>
      <c r="AE12216" s="1"/>
    </row>
    <row r="12217" spans="1:31" ht="14.45">
      <c r="A12217" s="11"/>
      <c r="B12217" s="20"/>
      <c r="C12217" s="2" t="s">
        <v>37579</v>
      </c>
      <c r="D12217" s="14" t="s">
        <v>37580</v>
      </c>
      <c r="E12217" s="2" t="s">
        <v>37581</v>
      </c>
      <c r="F12217" s="2" t="s">
        <v>36381</v>
      </c>
      <c r="G12217" s="8">
        <v>170</v>
      </c>
      <c r="H12217" s="5">
        <v>6</v>
      </c>
      <c r="I12217" s="5" t="s">
        <v>1518</v>
      </c>
      <c r="J12217" s="5" t="s">
        <v>36264</v>
      </c>
      <c r="K12217" s="2" t="s">
        <v>36265</v>
      </c>
      <c r="L12217" s="5" t="s">
        <v>36264</v>
      </c>
      <c r="M12217" s="2" t="s">
        <v>36265</v>
      </c>
      <c r="N12217" s="5" t="s">
        <v>36266</v>
      </c>
      <c r="O12217" s="5" t="s">
        <v>38</v>
      </c>
      <c r="P12217" s="5" t="s">
        <v>39</v>
      </c>
      <c r="Q12217" s="5" t="s">
        <v>40</v>
      </c>
      <c r="R12217" s="5" t="s">
        <v>1522</v>
      </c>
      <c r="S12217" s="5" t="s">
        <v>1523</v>
      </c>
      <c r="T12217" s="5" t="s">
        <v>42</v>
      </c>
      <c r="U12217" s="2">
        <v>1.4219999999999999</v>
      </c>
      <c r="V12217" s="2">
        <v>0.92200000000000004</v>
      </c>
      <c r="W12217" s="2">
        <v>1.4999999999999999E-2</v>
      </c>
      <c r="X12217" s="2">
        <v>118.9</v>
      </c>
      <c r="Y12217" s="2">
        <v>7.6</v>
      </c>
      <c r="Z12217" s="2">
        <v>16.7</v>
      </c>
      <c r="AA12217" s="5"/>
      <c r="AB12217" s="5" t="s">
        <v>43</v>
      </c>
      <c r="AC12217" s="5" t="s">
        <v>44</v>
      </c>
      <c r="AD12217" s="2"/>
      <c r="AE12217" s="1"/>
    </row>
    <row r="12218" spans="1:31" ht="14.45">
      <c r="A12218" s="11"/>
      <c r="B12218" s="20"/>
      <c r="C12218" s="2" t="s">
        <v>37582</v>
      </c>
      <c r="D12218" s="14" t="s">
        <v>37583</v>
      </c>
      <c r="E12218" s="2" t="s">
        <v>37584</v>
      </c>
      <c r="F12218" s="2" t="s">
        <v>36385</v>
      </c>
      <c r="G12218" s="8">
        <v>170</v>
      </c>
      <c r="H12218" s="5">
        <v>6</v>
      </c>
      <c r="I12218" s="5" t="s">
        <v>1518</v>
      </c>
      <c r="J12218" s="5" t="s">
        <v>36264</v>
      </c>
      <c r="K12218" s="2" t="s">
        <v>36265</v>
      </c>
      <c r="L12218" s="5" t="s">
        <v>36264</v>
      </c>
      <c r="M12218" s="2" t="s">
        <v>36265</v>
      </c>
      <c r="N12218" s="5" t="s">
        <v>36266</v>
      </c>
      <c r="O12218" s="5" t="s">
        <v>38</v>
      </c>
      <c r="P12218" s="5" t="s">
        <v>39</v>
      </c>
      <c r="Q12218" s="5" t="s">
        <v>40</v>
      </c>
      <c r="R12218" s="5" t="s">
        <v>1522</v>
      </c>
      <c r="S12218" s="5" t="s">
        <v>1523</v>
      </c>
      <c r="T12218" s="5" t="s">
        <v>42</v>
      </c>
      <c r="U12218" s="2">
        <v>1.397</v>
      </c>
      <c r="V12218" s="2">
        <v>0.89700000000000002</v>
      </c>
      <c r="W12218" s="2">
        <v>1.4999999999999999E-2</v>
      </c>
      <c r="X12218" s="2">
        <v>118.9</v>
      </c>
      <c r="Y12218" s="2">
        <v>7.6</v>
      </c>
      <c r="Z12218" s="2">
        <v>16.7</v>
      </c>
      <c r="AA12218" s="5"/>
      <c r="AB12218" s="5" t="s">
        <v>43</v>
      </c>
      <c r="AC12218" s="5" t="s">
        <v>44</v>
      </c>
      <c r="AD12218" s="2"/>
      <c r="AE12218" s="1"/>
    </row>
    <row r="12219" spans="1:31" ht="14.45">
      <c r="A12219" s="11"/>
      <c r="B12219" s="20"/>
      <c r="C12219" s="2" t="s">
        <v>37585</v>
      </c>
      <c r="D12219" s="14" t="s">
        <v>37586</v>
      </c>
      <c r="E12219" s="2" t="s">
        <v>37587</v>
      </c>
      <c r="F12219" s="2" t="s">
        <v>36389</v>
      </c>
      <c r="G12219" s="8">
        <v>170</v>
      </c>
      <c r="H12219" s="5">
        <v>6</v>
      </c>
      <c r="I12219" s="5" t="s">
        <v>1518</v>
      </c>
      <c r="J12219" s="5" t="s">
        <v>36264</v>
      </c>
      <c r="K12219" s="2" t="s">
        <v>36265</v>
      </c>
      <c r="L12219" s="5" t="s">
        <v>36264</v>
      </c>
      <c r="M12219" s="2" t="s">
        <v>36265</v>
      </c>
      <c r="N12219" s="5" t="s">
        <v>36266</v>
      </c>
      <c r="O12219" s="5" t="s">
        <v>38</v>
      </c>
      <c r="P12219" s="5" t="s">
        <v>39</v>
      </c>
      <c r="Q12219" s="5" t="s">
        <v>40</v>
      </c>
      <c r="R12219" s="5" t="s">
        <v>1522</v>
      </c>
      <c r="S12219" s="5" t="s">
        <v>1523</v>
      </c>
      <c r="T12219" s="5" t="s">
        <v>42</v>
      </c>
      <c r="U12219" s="2">
        <v>1.4219999999999999</v>
      </c>
      <c r="V12219" s="2">
        <v>0.92200000000000004</v>
      </c>
      <c r="W12219" s="2">
        <v>1.4999999999999999E-2</v>
      </c>
      <c r="X12219" s="2">
        <v>118.9</v>
      </c>
      <c r="Y12219" s="2">
        <v>7.6</v>
      </c>
      <c r="Z12219" s="2">
        <v>16.7</v>
      </c>
      <c r="AA12219" s="5"/>
      <c r="AB12219" s="5" t="s">
        <v>43</v>
      </c>
      <c r="AC12219" s="5" t="s">
        <v>44</v>
      </c>
      <c r="AD12219" s="2"/>
      <c r="AE12219" s="1"/>
    </row>
    <row r="12220" spans="1:31" ht="14.45">
      <c r="A12220" s="11"/>
      <c r="B12220" s="20"/>
      <c r="C12220" s="2" t="s">
        <v>37588</v>
      </c>
      <c r="D12220" s="14" t="s">
        <v>37589</v>
      </c>
      <c r="E12220" s="2" t="s">
        <v>37590</v>
      </c>
      <c r="F12220" s="2" t="s">
        <v>7204</v>
      </c>
      <c r="G12220" s="8">
        <v>153</v>
      </c>
      <c r="H12220" s="5">
        <v>6</v>
      </c>
      <c r="I12220" s="5" t="s">
        <v>1518</v>
      </c>
      <c r="J12220" s="5" t="s">
        <v>36264</v>
      </c>
      <c r="K12220" s="2" t="s">
        <v>36265</v>
      </c>
      <c r="L12220" s="5" t="s">
        <v>36264</v>
      </c>
      <c r="M12220" s="2" t="s">
        <v>36265</v>
      </c>
      <c r="N12220" s="5" t="s">
        <v>36266</v>
      </c>
      <c r="O12220" s="5" t="s">
        <v>38</v>
      </c>
      <c r="P12220" s="5" t="s">
        <v>39</v>
      </c>
      <c r="Q12220" s="5" t="s">
        <v>40</v>
      </c>
      <c r="R12220" s="5" t="s">
        <v>1522</v>
      </c>
      <c r="S12220" s="5" t="s">
        <v>1523</v>
      </c>
      <c r="T12220" s="5" t="s">
        <v>42</v>
      </c>
      <c r="U12220" s="2">
        <v>1.577</v>
      </c>
      <c r="V12220" s="2">
        <v>1.0009999999999999</v>
      </c>
      <c r="W12220" s="2">
        <v>1.7999999999999999E-2</v>
      </c>
      <c r="X12220" s="2">
        <v>139.1</v>
      </c>
      <c r="Y12220" s="2">
        <v>7.6</v>
      </c>
      <c r="Z12220" s="2">
        <v>16.7</v>
      </c>
      <c r="AA12220" s="5"/>
      <c r="AB12220" s="5" t="s">
        <v>43</v>
      </c>
      <c r="AC12220" s="5" t="s">
        <v>44</v>
      </c>
      <c r="AD12220" s="2"/>
      <c r="AE12220" s="1"/>
    </row>
    <row r="12221" spans="1:31" ht="14.45">
      <c r="A12221" s="11"/>
      <c r="B12221" s="20"/>
      <c r="C12221" s="2" t="s">
        <v>37591</v>
      </c>
      <c r="D12221" s="14" t="s">
        <v>37592</v>
      </c>
      <c r="E12221" s="2" t="s">
        <v>37593</v>
      </c>
      <c r="F12221" s="2" t="s">
        <v>7514</v>
      </c>
      <c r="G12221" s="8">
        <v>153</v>
      </c>
      <c r="H12221" s="5">
        <v>6</v>
      </c>
      <c r="I12221" s="5" t="s">
        <v>1518</v>
      </c>
      <c r="J12221" s="5" t="s">
        <v>36264</v>
      </c>
      <c r="K12221" s="2" t="s">
        <v>36265</v>
      </c>
      <c r="L12221" s="5" t="s">
        <v>36264</v>
      </c>
      <c r="M12221" s="2" t="s">
        <v>36265</v>
      </c>
      <c r="N12221" s="5" t="s">
        <v>36266</v>
      </c>
      <c r="O12221" s="5" t="s">
        <v>38</v>
      </c>
      <c r="P12221" s="5" t="s">
        <v>39</v>
      </c>
      <c r="Q12221" s="5" t="s">
        <v>40</v>
      </c>
      <c r="R12221" s="5" t="s">
        <v>1522</v>
      </c>
      <c r="S12221" s="5" t="s">
        <v>1523</v>
      </c>
      <c r="T12221" s="5" t="s">
        <v>42</v>
      </c>
      <c r="U12221" s="2">
        <v>1.6020000000000001</v>
      </c>
      <c r="V12221" s="2">
        <v>1.026</v>
      </c>
      <c r="W12221" s="2">
        <v>1.7999999999999999E-2</v>
      </c>
      <c r="X12221" s="2">
        <v>139.1</v>
      </c>
      <c r="Y12221" s="2">
        <v>7.6</v>
      </c>
      <c r="Z12221" s="2">
        <v>16.7</v>
      </c>
      <c r="AA12221" s="5"/>
      <c r="AB12221" s="5" t="s">
        <v>43</v>
      </c>
      <c r="AC12221" s="5" t="s">
        <v>44</v>
      </c>
      <c r="AD12221" s="2"/>
      <c r="AE12221" s="1"/>
    </row>
    <row r="12222" spans="1:31" ht="14.45">
      <c r="A12222" s="11"/>
      <c r="B12222" s="20"/>
      <c r="C12222" s="2" t="s">
        <v>37594</v>
      </c>
      <c r="D12222" s="14" t="s">
        <v>37595</v>
      </c>
      <c r="E12222" s="2" t="s">
        <v>37596</v>
      </c>
      <c r="F12222" s="2" t="s">
        <v>36273</v>
      </c>
      <c r="G12222" s="8">
        <v>153</v>
      </c>
      <c r="H12222" s="5">
        <v>6</v>
      </c>
      <c r="I12222" s="5" t="s">
        <v>1518</v>
      </c>
      <c r="J12222" s="5" t="s">
        <v>36264</v>
      </c>
      <c r="K12222" s="2" t="s">
        <v>36265</v>
      </c>
      <c r="L12222" s="5" t="s">
        <v>36264</v>
      </c>
      <c r="M12222" s="2" t="s">
        <v>36265</v>
      </c>
      <c r="N12222" s="5" t="s">
        <v>36266</v>
      </c>
      <c r="O12222" s="5" t="s">
        <v>38</v>
      </c>
      <c r="P12222" s="5" t="s">
        <v>39</v>
      </c>
      <c r="Q12222" s="5" t="s">
        <v>40</v>
      </c>
      <c r="R12222" s="5" t="s">
        <v>1522</v>
      </c>
      <c r="S12222" s="5" t="s">
        <v>1523</v>
      </c>
      <c r="T12222" s="5" t="s">
        <v>42</v>
      </c>
      <c r="U12222" s="2">
        <v>1.577</v>
      </c>
      <c r="V12222" s="2">
        <v>1.0009999999999999</v>
      </c>
      <c r="W12222" s="2">
        <v>1.7999999999999999E-2</v>
      </c>
      <c r="X12222" s="2">
        <v>139.1</v>
      </c>
      <c r="Y12222" s="2">
        <v>7.6</v>
      </c>
      <c r="Z12222" s="2">
        <v>16.7</v>
      </c>
      <c r="AA12222" s="5"/>
      <c r="AB12222" s="5" t="s">
        <v>43</v>
      </c>
      <c r="AC12222" s="5" t="s">
        <v>44</v>
      </c>
      <c r="AD12222" s="2"/>
      <c r="AE12222" s="1"/>
    </row>
    <row r="12223" spans="1:31" ht="14.45">
      <c r="A12223" s="11"/>
      <c r="B12223" s="20"/>
      <c r="C12223" s="2" t="s">
        <v>37597</v>
      </c>
      <c r="D12223" s="14" t="s">
        <v>37598</v>
      </c>
      <c r="E12223" s="2" t="s">
        <v>37599</v>
      </c>
      <c r="F12223" s="2" t="s">
        <v>36277</v>
      </c>
      <c r="G12223" s="8">
        <v>153</v>
      </c>
      <c r="H12223" s="5">
        <v>6</v>
      </c>
      <c r="I12223" s="5" t="s">
        <v>1518</v>
      </c>
      <c r="J12223" s="5" t="s">
        <v>36264</v>
      </c>
      <c r="K12223" s="2" t="s">
        <v>36265</v>
      </c>
      <c r="L12223" s="5" t="s">
        <v>36264</v>
      </c>
      <c r="M12223" s="2" t="s">
        <v>36265</v>
      </c>
      <c r="N12223" s="5" t="s">
        <v>36266</v>
      </c>
      <c r="O12223" s="5" t="s">
        <v>38</v>
      </c>
      <c r="P12223" s="5" t="s">
        <v>39</v>
      </c>
      <c r="Q12223" s="5" t="s">
        <v>40</v>
      </c>
      <c r="R12223" s="5" t="s">
        <v>1522</v>
      </c>
      <c r="S12223" s="5" t="s">
        <v>1523</v>
      </c>
      <c r="T12223" s="5" t="s">
        <v>42</v>
      </c>
      <c r="U12223" s="2">
        <v>1.6020000000000001</v>
      </c>
      <c r="V12223" s="2">
        <v>1.026</v>
      </c>
      <c r="W12223" s="2">
        <v>1.7999999999999999E-2</v>
      </c>
      <c r="X12223" s="2">
        <v>139.1</v>
      </c>
      <c r="Y12223" s="2">
        <v>7.6</v>
      </c>
      <c r="Z12223" s="2">
        <v>16.7</v>
      </c>
      <c r="AA12223" s="5"/>
      <c r="AB12223" s="5" t="s">
        <v>43</v>
      </c>
      <c r="AC12223" s="5" t="s">
        <v>44</v>
      </c>
      <c r="AD12223" s="2"/>
      <c r="AE12223" s="1"/>
    </row>
    <row r="12224" spans="1:31" ht="14.45">
      <c r="A12224" s="11"/>
      <c r="B12224" s="20"/>
      <c r="C12224" s="2" t="s">
        <v>37600</v>
      </c>
      <c r="D12224" s="14" t="s">
        <v>37601</v>
      </c>
      <c r="E12224" s="2" t="s">
        <v>37602</v>
      </c>
      <c r="F12224" s="2" t="s">
        <v>36281</v>
      </c>
      <c r="G12224" s="8">
        <v>176</v>
      </c>
      <c r="H12224" s="5">
        <v>6</v>
      </c>
      <c r="I12224" s="5" t="s">
        <v>1518</v>
      </c>
      <c r="J12224" s="5" t="s">
        <v>36264</v>
      </c>
      <c r="K12224" s="2" t="s">
        <v>36265</v>
      </c>
      <c r="L12224" s="5" t="s">
        <v>36264</v>
      </c>
      <c r="M12224" s="2" t="s">
        <v>36265</v>
      </c>
      <c r="N12224" s="5" t="s">
        <v>36266</v>
      </c>
      <c r="O12224" s="5" t="s">
        <v>38</v>
      </c>
      <c r="P12224" s="5" t="s">
        <v>39</v>
      </c>
      <c r="Q12224" s="5" t="s">
        <v>40</v>
      </c>
      <c r="R12224" s="5" t="s">
        <v>1522</v>
      </c>
      <c r="S12224" s="5" t="s">
        <v>1523</v>
      </c>
      <c r="T12224" s="5" t="s">
        <v>42</v>
      </c>
      <c r="U12224" s="2">
        <v>1.577</v>
      </c>
      <c r="V12224" s="2">
        <v>1.0009999999999999</v>
      </c>
      <c r="W12224" s="2">
        <v>1.7999999999999999E-2</v>
      </c>
      <c r="X12224" s="2">
        <v>139.1</v>
      </c>
      <c r="Y12224" s="2">
        <v>7.6</v>
      </c>
      <c r="Z12224" s="2">
        <v>16.7</v>
      </c>
      <c r="AA12224" s="5"/>
      <c r="AB12224" s="5" t="s">
        <v>43</v>
      </c>
      <c r="AC12224" s="5" t="s">
        <v>44</v>
      </c>
      <c r="AD12224" s="2"/>
      <c r="AE12224" s="1"/>
    </row>
    <row r="12225" spans="1:31" ht="14.45">
      <c r="A12225" s="11"/>
      <c r="B12225" s="20"/>
      <c r="C12225" s="2" t="s">
        <v>37603</v>
      </c>
      <c r="D12225" s="14" t="s">
        <v>37604</v>
      </c>
      <c r="E12225" s="2" t="s">
        <v>37605</v>
      </c>
      <c r="F12225" s="2" t="s">
        <v>36285</v>
      </c>
      <c r="G12225" s="8">
        <v>176</v>
      </c>
      <c r="H12225" s="5">
        <v>6</v>
      </c>
      <c r="I12225" s="5" t="s">
        <v>1518</v>
      </c>
      <c r="J12225" s="5" t="s">
        <v>36264</v>
      </c>
      <c r="K12225" s="2" t="s">
        <v>36265</v>
      </c>
      <c r="L12225" s="5" t="s">
        <v>36264</v>
      </c>
      <c r="M12225" s="2" t="s">
        <v>36265</v>
      </c>
      <c r="N12225" s="5" t="s">
        <v>36266</v>
      </c>
      <c r="O12225" s="5" t="s">
        <v>38</v>
      </c>
      <c r="P12225" s="5" t="s">
        <v>39</v>
      </c>
      <c r="Q12225" s="5" t="s">
        <v>40</v>
      </c>
      <c r="R12225" s="5" t="s">
        <v>1522</v>
      </c>
      <c r="S12225" s="5" t="s">
        <v>1523</v>
      </c>
      <c r="T12225" s="5" t="s">
        <v>42</v>
      </c>
      <c r="U12225" s="2">
        <v>1.6020000000000001</v>
      </c>
      <c r="V12225" s="2">
        <v>1.026</v>
      </c>
      <c r="W12225" s="2">
        <v>1.7999999999999999E-2</v>
      </c>
      <c r="X12225" s="2">
        <v>139.1</v>
      </c>
      <c r="Y12225" s="2">
        <v>7.6</v>
      </c>
      <c r="Z12225" s="2">
        <v>16.7</v>
      </c>
      <c r="AA12225" s="5"/>
      <c r="AB12225" s="5" t="s">
        <v>43</v>
      </c>
      <c r="AC12225" s="5" t="s">
        <v>44</v>
      </c>
      <c r="AD12225" s="2"/>
      <c r="AE12225" s="1"/>
    </row>
    <row r="12226" spans="1:31" ht="14.45">
      <c r="A12226" s="11"/>
      <c r="B12226" s="20"/>
      <c r="C12226" s="2" t="s">
        <v>37606</v>
      </c>
      <c r="D12226" s="14" t="s">
        <v>37607</v>
      </c>
      <c r="E12226" s="2" t="s">
        <v>37608</v>
      </c>
      <c r="F12226" s="2" t="s">
        <v>36289</v>
      </c>
      <c r="G12226" s="8">
        <v>176</v>
      </c>
      <c r="H12226" s="5">
        <v>6</v>
      </c>
      <c r="I12226" s="5" t="s">
        <v>1518</v>
      </c>
      <c r="J12226" s="5" t="s">
        <v>36264</v>
      </c>
      <c r="K12226" s="2" t="s">
        <v>36265</v>
      </c>
      <c r="L12226" s="5" t="s">
        <v>36264</v>
      </c>
      <c r="M12226" s="2" t="s">
        <v>36265</v>
      </c>
      <c r="N12226" s="5" t="s">
        <v>36266</v>
      </c>
      <c r="O12226" s="5" t="s">
        <v>38</v>
      </c>
      <c r="P12226" s="5" t="s">
        <v>39</v>
      </c>
      <c r="Q12226" s="5" t="s">
        <v>40</v>
      </c>
      <c r="R12226" s="5" t="s">
        <v>1522</v>
      </c>
      <c r="S12226" s="5" t="s">
        <v>1523</v>
      </c>
      <c r="T12226" s="5" t="s">
        <v>42</v>
      </c>
      <c r="U12226" s="2">
        <v>1.577</v>
      </c>
      <c r="V12226" s="2">
        <v>1.0009999999999999</v>
      </c>
      <c r="W12226" s="2">
        <v>1.7999999999999999E-2</v>
      </c>
      <c r="X12226" s="2">
        <v>139.1</v>
      </c>
      <c r="Y12226" s="2">
        <v>7.6</v>
      </c>
      <c r="Z12226" s="2">
        <v>16.7</v>
      </c>
      <c r="AA12226" s="5"/>
      <c r="AB12226" s="5" t="s">
        <v>43</v>
      </c>
      <c r="AC12226" s="5" t="s">
        <v>44</v>
      </c>
      <c r="AD12226" s="2"/>
      <c r="AE12226" s="1"/>
    </row>
    <row r="12227" spans="1:31" ht="14.45">
      <c r="A12227" s="11"/>
      <c r="B12227" s="20"/>
      <c r="C12227" s="2" t="s">
        <v>37609</v>
      </c>
      <c r="D12227" s="14" t="s">
        <v>37610</v>
      </c>
      <c r="E12227" s="2" t="s">
        <v>37611</v>
      </c>
      <c r="F12227" s="2" t="s">
        <v>36293</v>
      </c>
      <c r="G12227" s="8">
        <v>176</v>
      </c>
      <c r="H12227" s="5">
        <v>6</v>
      </c>
      <c r="I12227" s="5" t="s">
        <v>1518</v>
      </c>
      <c r="J12227" s="5" t="s">
        <v>36264</v>
      </c>
      <c r="K12227" s="2" t="s">
        <v>36265</v>
      </c>
      <c r="L12227" s="5" t="s">
        <v>36264</v>
      </c>
      <c r="M12227" s="2" t="s">
        <v>36265</v>
      </c>
      <c r="N12227" s="5" t="s">
        <v>36266</v>
      </c>
      <c r="O12227" s="5" t="s">
        <v>38</v>
      </c>
      <c r="P12227" s="5" t="s">
        <v>39</v>
      </c>
      <c r="Q12227" s="5" t="s">
        <v>40</v>
      </c>
      <c r="R12227" s="5" t="s">
        <v>1522</v>
      </c>
      <c r="S12227" s="5" t="s">
        <v>1523</v>
      </c>
      <c r="T12227" s="5" t="s">
        <v>42</v>
      </c>
      <c r="U12227" s="2">
        <v>1.6020000000000001</v>
      </c>
      <c r="V12227" s="2">
        <v>1.026</v>
      </c>
      <c r="W12227" s="2">
        <v>1.7999999999999999E-2</v>
      </c>
      <c r="X12227" s="2">
        <v>139.1</v>
      </c>
      <c r="Y12227" s="2">
        <v>7.6</v>
      </c>
      <c r="Z12227" s="2">
        <v>16.7</v>
      </c>
      <c r="AA12227" s="5"/>
      <c r="AB12227" s="5" t="s">
        <v>43</v>
      </c>
      <c r="AC12227" s="5" t="s">
        <v>44</v>
      </c>
      <c r="AD12227" s="2"/>
      <c r="AE12227" s="1"/>
    </row>
    <row r="12228" spans="1:31" ht="14.45">
      <c r="A12228" s="11"/>
      <c r="B12228" s="20"/>
      <c r="C12228" s="2" t="s">
        <v>37612</v>
      </c>
      <c r="D12228" s="14" t="s">
        <v>37613</v>
      </c>
      <c r="E12228" s="2" t="s">
        <v>37614</v>
      </c>
      <c r="F12228" s="2" t="s">
        <v>36297</v>
      </c>
      <c r="G12228" s="8">
        <v>153</v>
      </c>
      <c r="H12228" s="5">
        <v>6</v>
      </c>
      <c r="I12228" s="5" t="s">
        <v>1518</v>
      </c>
      <c r="J12228" s="5" t="s">
        <v>36264</v>
      </c>
      <c r="K12228" s="2" t="s">
        <v>36265</v>
      </c>
      <c r="L12228" s="5" t="s">
        <v>36264</v>
      </c>
      <c r="M12228" s="2" t="s">
        <v>36265</v>
      </c>
      <c r="N12228" s="5" t="s">
        <v>36266</v>
      </c>
      <c r="O12228" s="5" t="s">
        <v>38</v>
      </c>
      <c r="P12228" s="5" t="s">
        <v>39</v>
      </c>
      <c r="Q12228" s="5" t="s">
        <v>40</v>
      </c>
      <c r="R12228" s="5" t="s">
        <v>1522</v>
      </c>
      <c r="S12228" s="5" t="s">
        <v>1523</v>
      </c>
      <c r="T12228" s="5" t="s">
        <v>42</v>
      </c>
      <c r="U12228" s="2">
        <v>1.577</v>
      </c>
      <c r="V12228" s="2">
        <v>1.0009999999999999</v>
      </c>
      <c r="W12228" s="2">
        <v>1.7999999999999999E-2</v>
      </c>
      <c r="X12228" s="2">
        <v>139.1</v>
      </c>
      <c r="Y12228" s="2">
        <v>7.6</v>
      </c>
      <c r="Z12228" s="2">
        <v>16.7</v>
      </c>
      <c r="AA12228" s="5"/>
      <c r="AB12228" s="5" t="s">
        <v>43</v>
      </c>
      <c r="AC12228" s="5" t="s">
        <v>44</v>
      </c>
      <c r="AD12228" s="2"/>
      <c r="AE12228" s="1"/>
    </row>
    <row r="12229" spans="1:31" ht="14.45">
      <c r="A12229" s="11"/>
      <c r="B12229" s="20"/>
      <c r="C12229" s="2" t="s">
        <v>37615</v>
      </c>
      <c r="D12229" s="14" t="s">
        <v>37616</v>
      </c>
      <c r="E12229" s="2" t="s">
        <v>37617</v>
      </c>
      <c r="F12229" s="2" t="s">
        <v>36301</v>
      </c>
      <c r="G12229" s="8">
        <v>153</v>
      </c>
      <c r="H12229" s="5">
        <v>6</v>
      </c>
      <c r="I12229" s="5" t="s">
        <v>1518</v>
      </c>
      <c r="J12229" s="5" t="s">
        <v>36264</v>
      </c>
      <c r="K12229" s="2" t="s">
        <v>36265</v>
      </c>
      <c r="L12229" s="5" t="s">
        <v>36264</v>
      </c>
      <c r="M12229" s="2" t="s">
        <v>36265</v>
      </c>
      <c r="N12229" s="5" t="s">
        <v>36266</v>
      </c>
      <c r="O12229" s="5" t="s">
        <v>38</v>
      </c>
      <c r="P12229" s="5" t="s">
        <v>39</v>
      </c>
      <c r="Q12229" s="5" t="s">
        <v>40</v>
      </c>
      <c r="R12229" s="5" t="s">
        <v>1522</v>
      </c>
      <c r="S12229" s="5" t="s">
        <v>1523</v>
      </c>
      <c r="T12229" s="5" t="s">
        <v>42</v>
      </c>
      <c r="U12229" s="2">
        <v>1.6020000000000001</v>
      </c>
      <c r="V12229" s="2">
        <v>1.026</v>
      </c>
      <c r="W12229" s="2">
        <v>1.7999999999999999E-2</v>
      </c>
      <c r="X12229" s="2">
        <v>139.1</v>
      </c>
      <c r="Y12229" s="2">
        <v>7.6</v>
      </c>
      <c r="Z12229" s="2">
        <v>16.7</v>
      </c>
      <c r="AA12229" s="5"/>
      <c r="AB12229" s="5" t="s">
        <v>43</v>
      </c>
      <c r="AC12229" s="5" t="s">
        <v>44</v>
      </c>
      <c r="AD12229" s="2"/>
      <c r="AE12229" s="1"/>
    </row>
    <row r="12230" spans="1:31" ht="14.45">
      <c r="A12230" s="11"/>
      <c r="B12230" s="20"/>
      <c r="C12230" s="2" t="s">
        <v>37618</v>
      </c>
      <c r="D12230" s="14" t="s">
        <v>37619</v>
      </c>
      <c r="E12230" s="2" t="s">
        <v>37620</v>
      </c>
      <c r="F12230" s="2" t="s">
        <v>36305</v>
      </c>
      <c r="G12230" s="8">
        <v>153</v>
      </c>
      <c r="H12230" s="5">
        <v>6</v>
      </c>
      <c r="I12230" s="5" t="s">
        <v>1518</v>
      </c>
      <c r="J12230" s="5" t="s">
        <v>36264</v>
      </c>
      <c r="K12230" s="2" t="s">
        <v>36265</v>
      </c>
      <c r="L12230" s="5" t="s">
        <v>36264</v>
      </c>
      <c r="M12230" s="2" t="s">
        <v>36265</v>
      </c>
      <c r="N12230" s="5" t="s">
        <v>36266</v>
      </c>
      <c r="O12230" s="5" t="s">
        <v>38</v>
      </c>
      <c r="P12230" s="5" t="s">
        <v>39</v>
      </c>
      <c r="Q12230" s="5" t="s">
        <v>40</v>
      </c>
      <c r="R12230" s="5" t="s">
        <v>1522</v>
      </c>
      <c r="S12230" s="5" t="s">
        <v>1523</v>
      </c>
      <c r="T12230" s="5" t="s">
        <v>42</v>
      </c>
      <c r="U12230" s="2">
        <v>1.577</v>
      </c>
      <c r="V12230" s="2">
        <v>1.0009999999999999</v>
      </c>
      <c r="W12230" s="2">
        <v>1.7999999999999999E-2</v>
      </c>
      <c r="X12230" s="2">
        <v>139.1</v>
      </c>
      <c r="Y12230" s="2">
        <v>7.6</v>
      </c>
      <c r="Z12230" s="2">
        <v>16.7</v>
      </c>
      <c r="AA12230" s="5"/>
      <c r="AB12230" s="5" t="s">
        <v>43</v>
      </c>
      <c r="AC12230" s="5" t="s">
        <v>44</v>
      </c>
      <c r="AD12230" s="2"/>
      <c r="AE12230" s="1"/>
    </row>
    <row r="12231" spans="1:31" ht="14.45">
      <c r="A12231" s="11"/>
      <c r="B12231" s="20"/>
      <c r="C12231" s="2" t="s">
        <v>37621</v>
      </c>
      <c r="D12231" s="14" t="s">
        <v>37622</v>
      </c>
      <c r="E12231" s="2" t="s">
        <v>37623</v>
      </c>
      <c r="F12231" s="2" t="s">
        <v>36309</v>
      </c>
      <c r="G12231" s="8">
        <v>153</v>
      </c>
      <c r="H12231" s="5">
        <v>6</v>
      </c>
      <c r="I12231" s="5" t="s">
        <v>1518</v>
      </c>
      <c r="J12231" s="5" t="s">
        <v>36264</v>
      </c>
      <c r="K12231" s="2" t="s">
        <v>36265</v>
      </c>
      <c r="L12231" s="5" t="s">
        <v>36264</v>
      </c>
      <c r="M12231" s="2" t="s">
        <v>36265</v>
      </c>
      <c r="N12231" s="5" t="s">
        <v>36266</v>
      </c>
      <c r="O12231" s="5" t="s">
        <v>38</v>
      </c>
      <c r="P12231" s="5" t="s">
        <v>39</v>
      </c>
      <c r="Q12231" s="5" t="s">
        <v>40</v>
      </c>
      <c r="R12231" s="5" t="s">
        <v>1522</v>
      </c>
      <c r="S12231" s="5" t="s">
        <v>1523</v>
      </c>
      <c r="T12231" s="5" t="s">
        <v>42</v>
      </c>
      <c r="U12231" s="2">
        <v>1.6020000000000001</v>
      </c>
      <c r="V12231" s="2">
        <v>1.026</v>
      </c>
      <c r="W12231" s="2">
        <v>1.7999999999999999E-2</v>
      </c>
      <c r="X12231" s="2">
        <v>139.1</v>
      </c>
      <c r="Y12231" s="2">
        <v>7.6</v>
      </c>
      <c r="Z12231" s="2">
        <v>16.7</v>
      </c>
      <c r="AA12231" s="5"/>
      <c r="AB12231" s="5" t="s">
        <v>43</v>
      </c>
      <c r="AC12231" s="5" t="s">
        <v>44</v>
      </c>
      <c r="AD12231" s="2"/>
      <c r="AE12231" s="1"/>
    </row>
    <row r="12232" spans="1:31" ht="14.45">
      <c r="A12232" s="11"/>
      <c r="B12232" s="20"/>
      <c r="C12232" s="2" t="s">
        <v>37624</v>
      </c>
      <c r="D12232" s="14" t="s">
        <v>37625</v>
      </c>
      <c r="E12232" s="2" t="s">
        <v>37626</v>
      </c>
      <c r="F12232" s="2" t="s">
        <v>36313</v>
      </c>
      <c r="G12232" s="8">
        <v>176</v>
      </c>
      <c r="H12232" s="5">
        <v>6</v>
      </c>
      <c r="I12232" s="5" t="s">
        <v>1518</v>
      </c>
      <c r="J12232" s="5" t="s">
        <v>36264</v>
      </c>
      <c r="K12232" s="2" t="s">
        <v>36265</v>
      </c>
      <c r="L12232" s="5" t="s">
        <v>36264</v>
      </c>
      <c r="M12232" s="2" t="s">
        <v>36265</v>
      </c>
      <c r="N12232" s="5" t="s">
        <v>36266</v>
      </c>
      <c r="O12232" s="5" t="s">
        <v>38</v>
      </c>
      <c r="P12232" s="5" t="s">
        <v>39</v>
      </c>
      <c r="Q12232" s="5" t="s">
        <v>40</v>
      </c>
      <c r="R12232" s="5" t="s">
        <v>1522</v>
      </c>
      <c r="S12232" s="5" t="s">
        <v>1523</v>
      </c>
      <c r="T12232" s="5" t="s">
        <v>42</v>
      </c>
      <c r="U12232" s="2">
        <v>1.577</v>
      </c>
      <c r="V12232" s="2">
        <v>1.0009999999999999</v>
      </c>
      <c r="W12232" s="2">
        <v>1.7999999999999999E-2</v>
      </c>
      <c r="X12232" s="2">
        <v>139.1</v>
      </c>
      <c r="Y12232" s="2">
        <v>7.6</v>
      </c>
      <c r="Z12232" s="2">
        <v>16.7</v>
      </c>
      <c r="AA12232" s="5"/>
      <c r="AB12232" s="5" t="s">
        <v>43</v>
      </c>
      <c r="AC12232" s="5" t="s">
        <v>44</v>
      </c>
      <c r="AD12232" s="2"/>
      <c r="AE12232" s="1"/>
    </row>
    <row r="12233" spans="1:31" ht="14.45">
      <c r="A12233" s="11"/>
      <c r="B12233" s="20"/>
      <c r="C12233" s="2" t="s">
        <v>37627</v>
      </c>
      <c r="D12233" s="14" t="s">
        <v>37628</v>
      </c>
      <c r="E12233" s="2" t="s">
        <v>37629</v>
      </c>
      <c r="F12233" s="2" t="s">
        <v>36317</v>
      </c>
      <c r="G12233" s="8">
        <v>176</v>
      </c>
      <c r="H12233" s="5">
        <v>6</v>
      </c>
      <c r="I12233" s="5" t="s">
        <v>1518</v>
      </c>
      <c r="J12233" s="5" t="s">
        <v>36264</v>
      </c>
      <c r="K12233" s="2" t="s">
        <v>36265</v>
      </c>
      <c r="L12233" s="5" t="s">
        <v>36264</v>
      </c>
      <c r="M12233" s="2" t="s">
        <v>36265</v>
      </c>
      <c r="N12233" s="5" t="s">
        <v>36266</v>
      </c>
      <c r="O12233" s="5" t="s">
        <v>38</v>
      </c>
      <c r="P12233" s="5" t="s">
        <v>39</v>
      </c>
      <c r="Q12233" s="5" t="s">
        <v>40</v>
      </c>
      <c r="R12233" s="5" t="s">
        <v>1522</v>
      </c>
      <c r="S12233" s="5" t="s">
        <v>1523</v>
      </c>
      <c r="T12233" s="5" t="s">
        <v>42</v>
      </c>
      <c r="U12233" s="2">
        <v>1.6020000000000001</v>
      </c>
      <c r="V12233" s="2">
        <v>1.026</v>
      </c>
      <c r="W12233" s="2">
        <v>1.7999999999999999E-2</v>
      </c>
      <c r="X12233" s="2">
        <v>139.1</v>
      </c>
      <c r="Y12233" s="2">
        <v>7.6</v>
      </c>
      <c r="Z12233" s="2">
        <v>16.7</v>
      </c>
      <c r="AA12233" s="5"/>
      <c r="AB12233" s="5" t="s">
        <v>43</v>
      </c>
      <c r="AC12233" s="5" t="s">
        <v>44</v>
      </c>
      <c r="AD12233" s="2"/>
      <c r="AE12233" s="1"/>
    </row>
    <row r="12234" spans="1:31" ht="14.45">
      <c r="A12234" s="11"/>
      <c r="B12234" s="20"/>
      <c r="C12234" s="2" t="s">
        <v>37630</v>
      </c>
      <c r="D12234" s="14" t="s">
        <v>37631</v>
      </c>
      <c r="E12234" s="2" t="s">
        <v>37632</v>
      </c>
      <c r="F12234" s="2" t="s">
        <v>36321</v>
      </c>
      <c r="G12234" s="8">
        <v>176</v>
      </c>
      <c r="H12234" s="5">
        <v>6</v>
      </c>
      <c r="I12234" s="5" t="s">
        <v>1518</v>
      </c>
      <c r="J12234" s="5" t="s">
        <v>36264</v>
      </c>
      <c r="K12234" s="2" t="s">
        <v>36265</v>
      </c>
      <c r="L12234" s="5" t="s">
        <v>36264</v>
      </c>
      <c r="M12234" s="2" t="s">
        <v>36265</v>
      </c>
      <c r="N12234" s="5" t="s">
        <v>36266</v>
      </c>
      <c r="O12234" s="5" t="s">
        <v>38</v>
      </c>
      <c r="P12234" s="5" t="s">
        <v>39</v>
      </c>
      <c r="Q12234" s="5" t="s">
        <v>40</v>
      </c>
      <c r="R12234" s="5" t="s">
        <v>1522</v>
      </c>
      <c r="S12234" s="5" t="s">
        <v>1523</v>
      </c>
      <c r="T12234" s="5" t="s">
        <v>42</v>
      </c>
      <c r="U12234" s="2">
        <v>1.577</v>
      </c>
      <c r="V12234" s="2">
        <v>1.0009999999999999</v>
      </c>
      <c r="W12234" s="2">
        <v>1.7999999999999999E-2</v>
      </c>
      <c r="X12234" s="2">
        <v>139.1</v>
      </c>
      <c r="Y12234" s="2">
        <v>7.6</v>
      </c>
      <c r="Z12234" s="2">
        <v>16.7</v>
      </c>
      <c r="AA12234" s="5"/>
      <c r="AB12234" s="5" t="s">
        <v>43</v>
      </c>
      <c r="AC12234" s="5" t="s">
        <v>44</v>
      </c>
      <c r="AD12234" s="2"/>
      <c r="AE12234" s="1"/>
    </row>
    <row r="12235" spans="1:31" ht="14.45">
      <c r="A12235" s="11"/>
      <c r="B12235" s="20"/>
      <c r="C12235" s="2" t="s">
        <v>37633</v>
      </c>
      <c r="D12235" s="14" t="s">
        <v>37634</v>
      </c>
      <c r="E12235" s="2" t="s">
        <v>37635</v>
      </c>
      <c r="F12235" s="2" t="s">
        <v>36325</v>
      </c>
      <c r="G12235" s="8">
        <v>176</v>
      </c>
      <c r="H12235" s="5">
        <v>6</v>
      </c>
      <c r="I12235" s="5" t="s">
        <v>1518</v>
      </c>
      <c r="J12235" s="5" t="s">
        <v>36264</v>
      </c>
      <c r="K12235" s="2" t="s">
        <v>36265</v>
      </c>
      <c r="L12235" s="5" t="s">
        <v>36264</v>
      </c>
      <c r="M12235" s="2" t="s">
        <v>36265</v>
      </c>
      <c r="N12235" s="5" t="s">
        <v>36266</v>
      </c>
      <c r="O12235" s="5" t="s">
        <v>38</v>
      </c>
      <c r="P12235" s="5" t="s">
        <v>39</v>
      </c>
      <c r="Q12235" s="5" t="s">
        <v>40</v>
      </c>
      <c r="R12235" s="5" t="s">
        <v>1522</v>
      </c>
      <c r="S12235" s="5" t="s">
        <v>1523</v>
      </c>
      <c r="T12235" s="5" t="s">
        <v>42</v>
      </c>
      <c r="U12235" s="2">
        <v>1.6020000000000001</v>
      </c>
      <c r="V12235" s="2">
        <v>1.026</v>
      </c>
      <c r="W12235" s="2">
        <v>1.7999999999999999E-2</v>
      </c>
      <c r="X12235" s="2">
        <v>139.1</v>
      </c>
      <c r="Y12235" s="2">
        <v>7.6</v>
      </c>
      <c r="Z12235" s="2">
        <v>16.7</v>
      </c>
      <c r="AA12235" s="5"/>
      <c r="AB12235" s="5" t="s">
        <v>43</v>
      </c>
      <c r="AC12235" s="5" t="s">
        <v>44</v>
      </c>
      <c r="AD12235" s="2"/>
      <c r="AE12235" s="1"/>
    </row>
    <row r="12236" spans="1:31" ht="14.45">
      <c r="A12236" s="11"/>
      <c r="B12236" s="20"/>
      <c r="C12236" s="2" t="s">
        <v>37636</v>
      </c>
      <c r="D12236" s="14" t="s">
        <v>37637</v>
      </c>
      <c r="E12236" s="2" t="s">
        <v>37638</v>
      </c>
      <c r="F12236" s="2" t="s">
        <v>36329</v>
      </c>
      <c r="G12236" s="8">
        <v>176</v>
      </c>
      <c r="H12236" s="5">
        <v>6</v>
      </c>
      <c r="I12236" s="5" t="s">
        <v>1518</v>
      </c>
      <c r="J12236" s="5" t="s">
        <v>36264</v>
      </c>
      <c r="K12236" s="2" t="s">
        <v>36265</v>
      </c>
      <c r="L12236" s="5" t="s">
        <v>36264</v>
      </c>
      <c r="M12236" s="2" t="s">
        <v>36265</v>
      </c>
      <c r="N12236" s="5" t="s">
        <v>36266</v>
      </c>
      <c r="O12236" s="5" t="s">
        <v>38</v>
      </c>
      <c r="P12236" s="5" t="s">
        <v>39</v>
      </c>
      <c r="Q12236" s="5" t="s">
        <v>40</v>
      </c>
      <c r="R12236" s="5" t="s">
        <v>1522</v>
      </c>
      <c r="S12236" s="5" t="s">
        <v>1523</v>
      </c>
      <c r="T12236" s="5" t="s">
        <v>42</v>
      </c>
      <c r="U12236" s="2">
        <v>1.577</v>
      </c>
      <c r="V12236" s="2">
        <v>1.0009999999999999</v>
      </c>
      <c r="W12236" s="2">
        <v>1.7999999999999999E-2</v>
      </c>
      <c r="X12236" s="2">
        <v>139.1</v>
      </c>
      <c r="Y12236" s="2">
        <v>7.6</v>
      </c>
      <c r="Z12236" s="2">
        <v>16.7</v>
      </c>
      <c r="AA12236" s="5"/>
      <c r="AB12236" s="5" t="s">
        <v>43</v>
      </c>
      <c r="AC12236" s="5" t="s">
        <v>44</v>
      </c>
      <c r="AD12236" s="2"/>
      <c r="AE12236" s="1"/>
    </row>
    <row r="12237" spans="1:31" ht="14.45">
      <c r="A12237" s="11"/>
      <c r="B12237" s="20"/>
      <c r="C12237" s="2" t="s">
        <v>37639</v>
      </c>
      <c r="D12237" s="14" t="s">
        <v>37640</v>
      </c>
      <c r="E12237" s="2" t="s">
        <v>37641</v>
      </c>
      <c r="F12237" s="2" t="s">
        <v>36333</v>
      </c>
      <c r="G12237" s="8">
        <v>176</v>
      </c>
      <c r="H12237" s="5">
        <v>6</v>
      </c>
      <c r="I12237" s="5" t="s">
        <v>1518</v>
      </c>
      <c r="J12237" s="5" t="s">
        <v>36264</v>
      </c>
      <c r="K12237" s="2" t="s">
        <v>36265</v>
      </c>
      <c r="L12237" s="5" t="s">
        <v>36264</v>
      </c>
      <c r="M12237" s="2" t="s">
        <v>36265</v>
      </c>
      <c r="N12237" s="5" t="s">
        <v>36266</v>
      </c>
      <c r="O12237" s="5" t="s">
        <v>38</v>
      </c>
      <c r="P12237" s="5" t="s">
        <v>39</v>
      </c>
      <c r="Q12237" s="5" t="s">
        <v>40</v>
      </c>
      <c r="R12237" s="5" t="s">
        <v>1522</v>
      </c>
      <c r="S12237" s="5" t="s">
        <v>1523</v>
      </c>
      <c r="T12237" s="5" t="s">
        <v>42</v>
      </c>
      <c r="U12237" s="2">
        <v>1.6020000000000001</v>
      </c>
      <c r="V12237" s="2">
        <v>1.026</v>
      </c>
      <c r="W12237" s="2">
        <v>1.7999999999999999E-2</v>
      </c>
      <c r="X12237" s="2">
        <v>139.1</v>
      </c>
      <c r="Y12237" s="2">
        <v>7.6</v>
      </c>
      <c r="Z12237" s="2">
        <v>16.7</v>
      </c>
      <c r="AA12237" s="5"/>
      <c r="AB12237" s="5" t="s">
        <v>43</v>
      </c>
      <c r="AC12237" s="5" t="s">
        <v>44</v>
      </c>
      <c r="AD12237" s="2"/>
      <c r="AE12237" s="1"/>
    </row>
    <row r="12238" spans="1:31" ht="14.45">
      <c r="A12238" s="11"/>
      <c r="B12238" s="20"/>
      <c r="C12238" s="2" t="s">
        <v>37642</v>
      </c>
      <c r="D12238" s="14" t="s">
        <v>37643</v>
      </c>
      <c r="E12238" s="2" t="s">
        <v>37644</v>
      </c>
      <c r="F12238" s="2" t="s">
        <v>36337</v>
      </c>
      <c r="G12238" s="8">
        <v>176</v>
      </c>
      <c r="H12238" s="5">
        <v>6</v>
      </c>
      <c r="I12238" s="5" t="s">
        <v>1518</v>
      </c>
      <c r="J12238" s="5" t="s">
        <v>36264</v>
      </c>
      <c r="K12238" s="2" t="s">
        <v>36265</v>
      </c>
      <c r="L12238" s="5" t="s">
        <v>36264</v>
      </c>
      <c r="M12238" s="2" t="s">
        <v>36265</v>
      </c>
      <c r="N12238" s="5" t="s">
        <v>36266</v>
      </c>
      <c r="O12238" s="5" t="s">
        <v>38</v>
      </c>
      <c r="P12238" s="5" t="s">
        <v>39</v>
      </c>
      <c r="Q12238" s="5" t="s">
        <v>40</v>
      </c>
      <c r="R12238" s="5" t="s">
        <v>1522</v>
      </c>
      <c r="S12238" s="5" t="s">
        <v>1523</v>
      </c>
      <c r="T12238" s="5" t="s">
        <v>42</v>
      </c>
      <c r="U12238" s="2">
        <v>1.577</v>
      </c>
      <c r="V12238" s="2">
        <v>1.0009999999999999</v>
      </c>
      <c r="W12238" s="2">
        <v>1.7999999999999999E-2</v>
      </c>
      <c r="X12238" s="2">
        <v>139.1</v>
      </c>
      <c r="Y12238" s="2">
        <v>7.6</v>
      </c>
      <c r="Z12238" s="2">
        <v>16.7</v>
      </c>
      <c r="AA12238" s="5"/>
      <c r="AB12238" s="5" t="s">
        <v>43</v>
      </c>
      <c r="AC12238" s="5" t="s">
        <v>44</v>
      </c>
      <c r="AD12238" s="2"/>
      <c r="AE12238" s="1"/>
    </row>
    <row r="12239" spans="1:31" ht="14.45">
      <c r="A12239" s="11"/>
      <c r="B12239" s="20"/>
      <c r="C12239" s="2" t="s">
        <v>37645</v>
      </c>
      <c r="D12239" s="14" t="s">
        <v>37646</v>
      </c>
      <c r="E12239" s="2" t="s">
        <v>37647</v>
      </c>
      <c r="F12239" s="2" t="s">
        <v>36341</v>
      </c>
      <c r="G12239" s="8">
        <v>176</v>
      </c>
      <c r="H12239" s="5">
        <v>6</v>
      </c>
      <c r="I12239" s="5" t="s">
        <v>1518</v>
      </c>
      <c r="J12239" s="5" t="s">
        <v>36264</v>
      </c>
      <c r="K12239" s="2" t="s">
        <v>36265</v>
      </c>
      <c r="L12239" s="5" t="s">
        <v>36264</v>
      </c>
      <c r="M12239" s="2" t="s">
        <v>36265</v>
      </c>
      <c r="N12239" s="5" t="s">
        <v>36266</v>
      </c>
      <c r="O12239" s="5" t="s">
        <v>38</v>
      </c>
      <c r="P12239" s="5" t="s">
        <v>39</v>
      </c>
      <c r="Q12239" s="5" t="s">
        <v>40</v>
      </c>
      <c r="R12239" s="5" t="s">
        <v>1522</v>
      </c>
      <c r="S12239" s="5" t="s">
        <v>1523</v>
      </c>
      <c r="T12239" s="5" t="s">
        <v>42</v>
      </c>
      <c r="U12239" s="2">
        <v>1.6020000000000001</v>
      </c>
      <c r="V12239" s="2">
        <v>1.026</v>
      </c>
      <c r="W12239" s="2">
        <v>1.7999999999999999E-2</v>
      </c>
      <c r="X12239" s="2">
        <v>139.1</v>
      </c>
      <c r="Y12239" s="2">
        <v>7.6</v>
      </c>
      <c r="Z12239" s="2">
        <v>16.7</v>
      </c>
      <c r="AA12239" s="5"/>
      <c r="AB12239" s="5" t="s">
        <v>43</v>
      </c>
      <c r="AC12239" s="5" t="s">
        <v>44</v>
      </c>
      <c r="AD12239" s="2"/>
      <c r="AE12239" s="1"/>
    </row>
    <row r="12240" spans="1:31" ht="14.45">
      <c r="A12240" s="11"/>
      <c r="B12240" s="20"/>
      <c r="C12240" s="2" t="s">
        <v>37648</v>
      </c>
      <c r="D12240" s="14" t="s">
        <v>37649</v>
      </c>
      <c r="E12240" s="2" t="s">
        <v>37650</v>
      </c>
      <c r="F12240" s="2" t="s">
        <v>36345</v>
      </c>
      <c r="G12240" s="8">
        <v>176</v>
      </c>
      <c r="H12240" s="5">
        <v>6</v>
      </c>
      <c r="I12240" s="5" t="s">
        <v>1518</v>
      </c>
      <c r="J12240" s="5" t="s">
        <v>36264</v>
      </c>
      <c r="K12240" s="2" t="s">
        <v>36265</v>
      </c>
      <c r="L12240" s="5" t="s">
        <v>36264</v>
      </c>
      <c r="M12240" s="2" t="s">
        <v>36265</v>
      </c>
      <c r="N12240" s="5" t="s">
        <v>36266</v>
      </c>
      <c r="O12240" s="5" t="s">
        <v>38</v>
      </c>
      <c r="P12240" s="5" t="s">
        <v>39</v>
      </c>
      <c r="Q12240" s="5" t="s">
        <v>40</v>
      </c>
      <c r="R12240" s="5" t="s">
        <v>1522</v>
      </c>
      <c r="S12240" s="5" t="s">
        <v>1523</v>
      </c>
      <c r="T12240" s="5" t="s">
        <v>42</v>
      </c>
      <c r="U12240" s="2">
        <v>1.577</v>
      </c>
      <c r="V12240" s="2">
        <v>1.0009999999999999</v>
      </c>
      <c r="W12240" s="2">
        <v>1.7999999999999999E-2</v>
      </c>
      <c r="X12240" s="2">
        <v>139.1</v>
      </c>
      <c r="Y12240" s="2">
        <v>7.6</v>
      </c>
      <c r="Z12240" s="2">
        <v>16.7</v>
      </c>
      <c r="AA12240" s="5"/>
      <c r="AB12240" s="5" t="s">
        <v>43</v>
      </c>
      <c r="AC12240" s="5" t="s">
        <v>44</v>
      </c>
      <c r="AD12240" s="2"/>
      <c r="AE12240" s="1"/>
    </row>
    <row r="12241" spans="1:31" ht="14.45">
      <c r="A12241" s="11"/>
      <c r="B12241" s="20"/>
      <c r="C12241" s="2" t="s">
        <v>37651</v>
      </c>
      <c r="D12241" s="14" t="s">
        <v>37652</v>
      </c>
      <c r="E12241" s="2" t="s">
        <v>37653</v>
      </c>
      <c r="F12241" s="2" t="s">
        <v>36349</v>
      </c>
      <c r="G12241" s="8">
        <v>176</v>
      </c>
      <c r="H12241" s="5">
        <v>6</v>
      </c>
      <c r="I12241" s="5" t="s">
        <v>1518</v>
      </c>
      <c r="J12241" s="5" t="s">
        <v>36264</v>
      </c>
      <c r="K12241" s="2" t="s">
        <v>36265</v>
      </c>
      <c r="L12241" s="5" t="s">
        <v>36264</v>
      </c>
      <c r="M12241" s="2" t="s">
        <v>36265</v>
      </c>
      <c r="N12241" s="5" t="s">
        <v>36266</v>
      </c>
      <c r="O12241" s="5" t="s">
        <v>38</v>
      </c>
      <c r="P12241" s="5" t="s">
        <v>39</v>
      </c>
      <c r="Q12241" s="5" t="s">
        <v>40</v>
      </c>
      <c r="R12241" s="5" t="s">
        <v>1522</v>
      </c>
      <c r="S12241" s="5" t="s">
        <v>1523</v>
      </c>
      <c r="T12241" s="5" t="s">
        <v>42</v>
      </c>
      <c r="U12241" s="2">
        <v>1.6020000000000001</v>
      </c>
      <c r="V12241" s="2">
        <v>1.026</v>
      </c>
      <c r="W12241" s="2">
        <v>1.7999999999999999E-2</v>
      </c>
      <c r="X12241" s="2">
        <v>139.1</v>
      </c>
      <c r="Y12241" s="2">
        <v>7.6</v>
      </c>
      <c r="Z12241" s="2">
        <v>16.7</v>
      </c>
      <c r="AA12241" s="5"/>
      <c r="AB12241" s="5" t="s">
        <v>43</v>
      </c>
      <c r="AC12241" s="5" t="s">
        <v>44</v>
      </c>
      <c r="AD12241" s="2"/>
      <c r="AE12241" s="1"/>
    </row>
    <row r="12242" spans="1:31" ht="14.45">
      <c r="A12242" s="11"/>
      <c r="B12242" s="20"/>
      <c r="C12242" s="2" t="s">
        <v>37654</v>
      </c>
      <c r="D12242" s="14" t="s">
        <v>37655</v>
      </c>
      <c r="E12242" s="2" t="s">
        <v>37656</v>
      </c>
      <c r="F12242" s="2" t="s">
        <v>36353</v>
      </c>
      <c r="G12242" s="8">
        <v>176</v>
      </c>
      <c r="H12242" s="5">
        <v>6</v>
      </c>
      <c r="I12242" s="5" t="s">
        <v>1518</v>
      </c>
      <c r="J12242" s="5" t="s">
        <v>36264</v>
      </c>
      <c r="K12242" s="2" t="s">
        <v>36265</v>
      </c>
      <c r="L12242" s="5" t="s">
        <v>36264</v>
      </c>
      <c r="M12242" s="2" t="s">
        <v>36265</v>
      </c>
      <c r="N12242" s="5" t="s">
        <v>36266</v>
      </c>
      <c r="O12242" s="5" t="s">
        <v>38</v>
      </c>
      <c r="P12242" s="5" t="s">
        <v>39</v>
      </c>
      <c r="Q12242" s="5" t="s">
        <v>40</v>
      </c>
      <c r="R12242" s="5" t="s">
        <v>1522</v>
      </c>
      <c r="S12242" s="5" t="s">
        <v>1523</v>
      </c>
      <c r="T12242" s="5" t="s">
        <v>42</v>
      </c>
      <c r="U12242" s="2">
        <v>1.577</v>
      </c>
      <c r="V12242" s="2">
        <v>1.0009999999999999</v>
      </c>
      <c r="W12242" s="2">
        <v>1.7999999999999999E-2</v>
      </c>
      <c r="X12242" s="2">
        <v>139.1</v>
      </c>
      <c r="Y12242" s="2">
        <v>7.6</v>
      </c>
      <c r="Z12242" s="2">
        <v>16.7</v>
      </c>
      <c r="AA12242" s="5"/>
      <c r="AB12242" s="5" t="s">
        <v>43</v>
      </c>
      <c r="AC12242" s="5" t="s">
        <v>44</v>
      </c>
      <c r="AD12242" s="2"/>
      <c r="AE12242" s="1"/>
    </row>
    <row r="12243" spans="1:31" ht="14.45">
      <c r="A12243" s="11"/>
      <c r="B12243" s="20"/>
      <c r="C12243" s="2" t="s">
        <v>37657</v>
      </c>
      <c r="D12243" s="14" t="s">
        <v>37658</v>
      </c>
      <c r="E12243" s="2" t="s">
        <v>37659</v>
      </c>
      <c r="F12243" s="2" t="s">
        <v>36357</v>
      </c>
      <c r="G12243" s="8">
        <v>176</v>
      </c>
      <c r="H12243" s="5">
        <v>6</v>
      </c>
      <c r="I12243" s="5" t="s">
        <v>1518</v>
      </c>
      <c r="J12243" s="5" t="s">
        <v>36264</v>
      </c>
      <c r="K12243" s="2" t="s">
        <v>36265</v>
      </c>
      <c r="L12243" s="5" t="s">
        <v>36264</v>
      </c>
      <c r="M12243" s="2" t="s">
        <v>36265</v>
      </c>
      <c r="N12243" s="5" t="s">
        <v>36266</v>
      </c>
      <c r="O12243" s="5" t="s">
        <v>38</v>
      </c>
      <c r="P12243" s="5" t="s">
        <v>39</v>
      </c>
      <c r="Q12243" s="5" t="s">
        <v>40</v>
      </c>
      <c r="R12243" s="5" t="s">
        <v>1522</v>
      </c>
      <c r="S12243" s="5" t="s">
        <v>1523</v>
      </c>
      <c r="T12243" s="5" t="s">
        <v>42</v>
      </c>
      <c r="U12243" s="2">
        <v>1.6020000000000001</v>
      </c>
      <c r="V12243" s="2">
        <v>1.026</v>
      </c>
      <c r="W12243" s="2">
        <v>1.7999999999999999E-2</v>
      </c>
      <c r="X12243" s="2">
        <v>139.1</v>
      </c>
      <c r="Y12243" s="2">
        <v>7.6</v>
      </c>
      <c r="Z12243" s="2">
        <v>16.7</v>
      </c>
      <c r="AA12243" s="5"/>
      <c r="AB12243" s="5" t="s">
        <v>43</v>
      </c>
      <c r="AC12243" s="5" t="s">
        <v>44</v>
      </c>
      <c r="AD12243" s="2"/>
      <c r="AE12243" s="1"/>
    </row>
    <row r="12244" spans="1:31" ht="14.45">
      <c r="A12244" s="11"/>
      <c r="B12244" s="20"/>
      <c r="C12244" s="2" t="s">
        <v>37660</v>
      </c>
      <c r="D12244" s="14" t="s">
        <v>37661</v>
      </c>
      <c r="E12244" s="2" t="s">
        <v>37662</v>
      </c>
      <c r="F12244" s="2" t="s">
        <v>36361</v>
      </c>
      <c r="G12244" s="8">
        <v>176</v>
      </c>
      <c r="H12244" s="5">
        <v>6</v>
      </c>
      <c r="I12244" s="5" t="s">
        <v>1518</v>
      </c>
      <c r="J12244" s="5" t="s">
        <v>36264</v>
      </c>
      <c r="K12244" s="2" t="s">
        <v>36265</v>
      </c>
      <c r="L12244" s="5" t="s">
        <v>36264</v>
      </c>
      <c r="M12244" s="2" t="s">
        <v>36265</v>
      </c>
      <c r="N12244" s="5" t="s">
        <v>36266</v>
      </c>
      <c r="O12244" s="5" t="s">
        <v>38</v>
      </c>
      <c r="P12244" s="5" t="s">
        <v>39</v>
      </c>
      <c r="Q12244" s="5" t="s">
        <v>40</v>
      </c>
      <c r="R12244" s="5" t="s">
        <v>1522</v>
      </c>
      <c r="S12244" s="5" t="s">
        <v>1523</v>
      </c>
      <c r="T12244" s="5" t="s">
        <v>42</v>
      </c>
      <c r="U12244" s="2">
        <v>1.577</v>
      </c>
      <c r="V12244" s="2">
        <v>1.0009999999999999</v>
      </c>
      <c r="W12244" s="2">
        <v>1.7999999999999999E-2</v>
      </c>
      <c r="X12244" s="2">
        <v>139.1</v>
      </c>
      <c r="Y12244" s="2">
        <v>7.6</v>
      </c>
      <c r="Z12244" s="2">
        <v>16.7</v>
      </c>
      <c r="AA12244" s="5"/>
      <c r="AB12244" s="5" t="s">
        <v>43</v>
      </c>
      <c r="AC12244" s="5" t="s">
        <v>44</v>
      </c>
      <c r="AD12244" s="2"/>
      <c r="AE12244" s="1"/>
    </row>
    <row r="12245" spans="1:31" ht="14.45">
      <c r="A12245" s="11"/>
      <c r="B12245" s="20"/>
      <c r="C12245" s="2" t="s">
        <v>37663</v>
      </c>
      <c r="D12245" s="14" t="s">
        <v>37664</v>
      </c>
      <c r="E12245" s="2" t="s">
        <v>37665</v>
      </c>
      <c r="F12245" s="2" t="s">
        <v>36365</v>
      </c>
      <c r="G12245" s="8">
        <v>176</v>
      </c>
      <c r="H12245" s="5">
        <v>6</v>
      </c>
      <c r="I12245" s="5" t="s">
        <v>1518</v>
      </c>
      <c r="J12245" s="5" t="s">
        <v>36264</v>
      </c>
      <c r="K12245" s="2" t="s">
        <v>36265</v>
      </c>
      <c r="L12245" s="5" t="s">
        <v>36264</v>
      </c>
      <c r="M12245" s="2" t="s">
        <v>36265</v>
      </c>
      <c r="N12245" s="5" t="s">
        <v>36266</v>
      </c>
      <c r="O12245" s="5" t="s">
        <v>38</v>
      </c>
      <c r="P12245" s="5" t="s">
        <v>39</v>
      </c>
      <c r="Q12245" s="5" t="s">
        <v>40</v>
      </c>
      <c r="R12245" s="5" t="s">
        <v>1522</v>
      </c>
      <c r="S12245" s="5" t="s">
        <v>1523</v>
      </c>
      <c r="T12245" s="5" t="s">
        <v>42</v>
      </c>
      <c r="U12245" s="2">
        <v>1.6020000000000001</v>
      </c>
      <c r="V12245" s="2">
        <v>1.026</v>
      </c>
      <c r="W12245" s="2">
        <v>1.7999999999999999E-2</v>
      </c>
      <c r="X12245" s="2">
        <v>139.1</v>
      </c>
      <c r="Y12245" s="2">
        <v>7.6</v>
      </c>
      <c r="Z12245" s="2">
        <v>16.7</v>
      </c>
      <c r="AA12245" s="5"/>
      <c r="AB12245" s="5" t="s">
        <v>43</v>
      </c>
      <c r="AC12245" s="5" t="s">
        <v>44</v>
      </c>
      <c r="AD12245" s="2"/>
      <c r="AE12245" s="1"/>
    </row>
    <row r="12246" spans="1:31" ht="14.45">
      <c r="A12246" s="11"/>
      <c r="B12246" s="20"/>
      <c r="C12246" s="2" t="s">
        <v>37666</v>
      </c>
      <c r="D12246" s="14" t="s">
        <v>37667</v>
      </c>
      <c r="E12246" s="2" t="s">
        <v>37668</v>
      </c>
      <c r="F12246" s="2" t="s">
        <v>36369</v>
      </c>
      <c r="G12246" s="8">
        <v>176</v>
      </c>
      <c r="H12246" s="5">
        <v>6</v>
      </c>
      <c r="I12246" s="5" t="s">
        <v>1518</v>
      </c>
      <c r="J12246" s="5" t="s">
        <v>36264</v>
      </c>
      <c r="K12246" s="2" t="s">
        <v>36265</v>
      </c>
      <c r="L12246" s="5" t="s">
        <v>36264</v>
      </c>
      <c r="M12246" s="2" t="s">
        <v>36265</v>
      </c>
      <c r="N12246" s="5" t="s">
        <v>36266</v>
      </c>
      <c r="O12246" s="5" t="s">
        <v>38</v>
      </c>
      <c r="P12246" s="5" t="s">
        <v>39</v>
      </c>
      <c r="Q12246" s="5" t="s">
        <v>40</v>
      </c>
      <c r="R12246" s="5" t="s">
        <v>1522</v>
      </c>
      <c r="S12246" s="5" t="s">
        <v>1523</v>
      </c>
      <c r="T12246" s="5" t="s">
        <v>42</v>
      </c>
      <c r="U12246" s="2">
        <v>1.577</v>
      </c>
      <c r="V12246" s="2">
        <v>1.0009999999999999</v>
      </c>
      <c r="W12246" s="2">
        <v>1.7999999999999999E-2</v>
      </c>
      <c r="X12246" s="2">
        <v>139.1</v>
      </c>
      <c r="Y12246" s="2">
        <v>7.6</v>
      </c>
      <c r="Z12246" s="2">
        <v>16.7</v>
      </c>
      <c r="AA12246" s="5"/>
      <c r="AB12246" s="5" t="s">
        <v>43</v>
      </c>
      <c r="AC12246" s="5" t="s">
        <v>44</v>
      </c>
      <c r="AD12246" s="2"/>
      <c r="AE12246" s="1"/>
    </row>
    <row r="12247" spans="1:31" ht="14.45">
      <c r="A12247" s="11"/>
      <c r="B12247" s="20"/>
      <c r="C12247" s="2" t="s">
        <v>37669</v>
      </c>
      <c r="D12247" s="14" t="s">
        <v>37670</v>
      </c>
      <c r="E12247" s="2" t="s">
        <v>37671</v>
      </c>
      <c r="F12247" s="2" t="s">
        <v>36373</v>
      </c>
      <c r="G12247" s="8">
        <v>176</v>
      </c>
      <c r="H12247" s="5">
        <v>6</v>
      </c>
      <c r="I12247" s="5" t="s">
        <v>1518</v>
      </c>
      <c r="J12247" s="5" t="s">
        <v>36264</v>
      </c>
      <c r="K12247" s="2" t="s">
        <v>36265</v>
      </c>
      <c r="L12247" s="5" t="s">
        <v>36264</v>
      </c>
      <c r="M12247" s="2" t="s">
        <v>36265</v>
      </c>
      <c r="N12247" s="5" t="s">
        <v>36266</v>
      </c>
      <c r="O12247" s="5" t="s">
        <v>38</v>
      </c>
      <c r="P12247" s="5" t="s">
        <v>39</v>
      </c>
      <c r="Q12247" s="5" t="s">
        <v>40</v>
      </c>
      <c r="R12247" s="5" t="s">
        <v>1522</v>
      </c>
      <c r="S12247" s="5" t="s">
        <v>1523</v>
      </c>
      <c r="T12247" s="5" t="s">
        <v>42</v>
      </c>
      <c r="U12247" s="2">
        <v>1.6020000000000001</v>
      </c>
      <c r="V12247" s="2">
        <v>1.026</v>
      </c>
      <c r="W12247" s="2">
        <v>1.7999999999999999E-2</v>
      </c>
      <c r="X12247" s="2">
        <v>139.1</v>
      </c>
      <c r="Y12247" s="2">
        <v>7.6</v>
      </c>
      <c r="Z12247" s="2">
        <v>16.7</v>
      </c>
      <c r="AA12247" s="5"/>
      <c r="AB12247" s="5" t="s">
        <v>43</v>
      </c>
      <c r="AC12247" s="5" t="s">
        <v>44</v>
      </c>
      <c r="AD12247" s="2"/>
      <c r="AE12247" s="1"/>
    </row>
    <row r="12248" spans="1:31" ht="14.45">
      <c r="A12248" s="11"/>
      <c r="B12248" s="20"/>
      <c r="C12248" s="2" t="s">
        <v>37672</v>
      </c>
      <c r="D12248" s="14" t="s">
        <v>37673</v>
      </c>
      <c r="E12248" s="2" t="s">
        <v>37674</v>
      </c>
      <c r="F12248" s="2" t="s">
        <v>36377</v>
      </c>
      <c r="G12248" s="8">
        <v>176</v>
      </c>
      <c r="H12248" s="5">
        <v>6</v>
      </c>
      <c r="I12248" s="5" t="s">
        <v>1518</v>
      </c>
      <c r="J12248" s="5" t="s">
        <v>36264</v>
      </c>
      <c r="K12248" s="2" t="s">
        <v>36265</v>
      </c>
      <c r="L12248" s="5" t="s">
        <v>36264</v>
      </c>
      <c r="M12248" s="2" t="s">
        <v>36265</v>
      </c>
      <c r="N12248" s="5" t="s">
        <v>36266</v>
      </c>
      <c r="O12248" s="5" t="s">
        <v>38</v>
      </c>
      <c r="P12248" s="5" t="s">
        <v>39</v>
      </c>
      <c r="Q12248" s="5" t="s">
        <v>40</v>
      </c>
      <c r="R12248" s="5" t="s">
        <v>1522</v>
      </c>
      <c r="S12248" s="5" t="s">
        <v>1523</v>
      </c>
      <c r="T12248" s="5" t="s">
        <v>42</v>
      </c>
      <c r="U12248" s="2">
        <v>1.577</v>
      </c>
      <c r="V12248" s="2">
        <v>1.0009999999999999</v>
      </c>
      <c r="W12248" s="2">
        <v>1.7999999999999999E-2</v>
      </c>
      <c r="X12248" s="2">
        <v>139.1</v>
      </c>
      <c r="Y12248" s="2">
        <v>7.6</v>
      </c>
      <c r="Z12248" s="2">
        <v>16.7</v>
      </c>
      <c r="AA12248" s="5"/>
      <c r="AB12248" s="5" t="s">
        <v>43</v>
      </c>
      <c r="AC12248" s="5" t="s">
        <v>44</v>
      </c>
      <c r="AD12248" s="2"/>
      <c r="AE12248" s="1"/>
    </row>
    <row r="12249" spans="1:31" ht="14.45">
      <c r="A12249" s="11"/>
      <c r="B12249" s="20"/>
      <c r="C12249" s="2" t="s">
        <v>37675</v>
      </c>
      <c r="D12249" s="14" t="s">
        <v>37676</v>
      </c>
      <c r="E12249" s="2" t="s">
        <v>37677</v>
      </c>
      <c r="F12249" s="2" t="s">
        <v>36381</v>
      </c>
      <c r="G12249" s="8">
        <v>176</v>
      </c>
      <c r="H12249" s="5">
        <v>6</v>
      </c>
      <c r="I12249" s="5" t="s">
        <v>1518</v>
      </c>
      <c r="J12249" s="5" t="s">
        <v>36264</v>
      </c>
      <c r="K12249" s="2" t="s">
        <v>36265</v>
      </c>
      <c r="L12249" s="5" t="s">
        <v>36264</v>
      </c>
      <c r="M12249" s="2" t="s">
        <v>36265</v>
      </c>
      <c r="N12249" s="5" t="s">
        <v>36266</v>
      </c>
      <c r="O12249" s="5" t="s">
        <v>38</v>
      </c>
      <c r="P12249" s="5" t="s">
        <v>39</v>
      </c>
      <c r="Q12249" s="5" t="s">
        <v>40</v>
      </c>
      <c r="R12249" s="5" t="s">
        <v>1522</v>
      </c>
      <c r="S12249" s="5" t="s">
        <v>1523</v>
      </c>
      <c r="T12249" s="5" t="s">
        <v>42</v>
      </c>
      <c r="U12249" s="2">
        <v>1.6020000000000001</v>
      </c>
      <c r="V12249" s="2">
        <v>1.026</v>
      </c>
      <c r="W12249" s="2">
        <v>1.7999999999999999E-2</v>
      </c>
      <c r="X12249" s="2">
        <v>139.1</v>
      </c>
      <c r="Y12249" s="2">
        <v>7.6</v>
      </c>
      <c r="Z12249" s="2">
        <v>16.7</v>
      </c>
      <c r="AA12249" s="5"/>
      <c r="AB12249" s="5" t="s">
        <v>43</v>
      </c>
      <c r="AC12249" s="5" t="s">
        <v>44</v>
      </c>
      <c r="AD12249" s="2"/>
      <c r="AE12249" s="1"/>
    </row>
    <row r="12250" spans="1:31" ht="14.45">
      <c r="A12250" s="11"/>
      <c r="B12250" s="20"/>
      <c r="C12250" s="2" t="s">
        <v>37678</v>
      </c>
      <c r="D12250" s="14" t="s">
        <v>37679</v>
      </c>
      <c r="E12250" s="2" t="s">
        <v>37680</v>
      </c>
      <c r="F12250" s="2" t="s">
        <v>36385</v>
      </c>
      <c r="G12250" s="8">
        <v>176</v>
      </c>
      <c r="H12250" s="5">
        <v>6</v>
      </c>
      <c r="I12250" s="5" t="s">
        <v>1518</v>
      </c>
      <c r="J12250" s="5" t="s">
        <v>36264</v>
      </c>
      <c r="K12250" s="2" t="s">
        <v>36265</v>
      </c>
      <c r="L12250" s="5" t="s">
        <v>36264</v>
      </c>
      <c r="M12250" s="2" t="s">
        <v>36265</v>
      </c>
      <c r="N12250" s="5" t="s">
        <v>36266</v>
      </c>
      <c r="O12250" s="5" t="s">
        <v>38</v>
      </c>
      <c r="P12250" s="5" t="s">
        <v>39</v>
      </c>
      <c r="Q12250" s="5" t="s">
        <v>40</v>
      </c>
      <c r="R12250" s="5" t="s">
        <v>1522</v>
      </c>
      <c r="S12250" s="5" t="s">
        <v>1523</v>
      </c>
      <c r="T12250" s="5" t="s">
        <v>42</v>
      </c>
      <c r="U12250" s="2">
        <v>1.577</v>
      </c>
      <c r="V12250" s="2">
        <v>1.0009999999999999</v>
      </c>
      <c r="W12250" s="2">
        <v>1.7999999999999999E-2</v>
      </c>
      <c r="X12250" s="2">
        <v>139.1</v>
      </c>
      <c r="Y12250" s="2">
        <v>7.6</v>
      </c>
      <c r="Z12250" s="2">
        <v>16.7</v>
      </c>
      <c r="AA12250" s="5"/>
      <c r="AB12250" s="5" t="s">
        <v>43</v>
      </c>
      <c r="AC12250" s="5" t="s">
        <v>44</v>
      </c>
      <c r="AD12250" s="2"/>
      <c r="AE12250" s="1"/>
    </row>
    <row r="12251" spans="1:31" ht="14.45">
      <c r="A12251" s="11"/>
      <c r="B12251" s="20"/>
      <c r="C12251" s="2" t="s">
        <v>37681</v>
      </c>
      <c r="D12251" s="14" t="s">
        <v>37682</v>
      </c>
      <c r="E12251" s="2" t="s">
        <v>37683</v>
      </c>
      <c r="F12251" s="2" t="s">
        <v>36389</v>
      </c>
      <c r="G12251" s="8">
        <v>176</v>
      </c>
      <c r="H12251" s="5">
        <v>6</v>
      </c>
      <c r="I12251" s="5" t="s">
        <v>1518</v>
      </c>
      <c r="J12251" s="5" t="s">
        <v>36264</v>
      </c>
      <c r="K12251" s="2" t="s">
        <v>36265</v>
      </c>
      <c r="L12251" s="5" t="s">
        <v>36264</v>
      </c>
      <c r="M12251" s="2" t="s">
        <v>36265</v>
      </c>
      <c r="N12251" s="5" t="s">
        <v>36266</v>
      </c>
      <c r="O12251" s="5" t="s">
        <v>38</v>
      </c>
      <c r="P12251" s="5" t="s">
        <v>39</v>
      </c>
      <c r="Q12251" s="5" t="s">
        <v>40</v>
      </c>
      <c r="R12251" s="5" t="s">
        <v>1522</v>
      </c>
      <c r="S12251" s="5" t="s">
        <v>1523</v>
      </c>
      <c r="T12251" s="5" t="s">
        <v>42</v>
      </c>
      <c r="U12251" s="2">
        <v>1.6020000000000001</v>
      </c>
      <c r="V12251" s="2">
        <v>1.026</v>
      </c>
      <c r="W12251" s="2">
        <v>1.7999999999999999E-2</v>
      </c>
      <c r="X12251" s="2">
        <v>139.1</v>
      </c>
      <c r="Y12251" s="2">
        <v>7.6</v>
      </c>
      <c r="Z12251" s="2">
        <v>16.7</v>
      </c>
      <c r="AA12251" s="5"/>
      <c r="AB12251" s="5" t="s">
        <v>43</v>
      </c>
      <c r="AC12251" s="5" t="s">
        <v>44</v>
      </c>
      <c r="AD12251" s="2"/>
      <c r="AE12251" s="1"/>
    </row>
    <row r="12252" spans="1:31" ht="14.45">
      <c r="A12252" s="11"/>
      <c r="B12252" s="20"/>
      <c r="C12252" s="2" t="s">
        <v>37684</v>
      </c>
      <c r="D12252" s="14" t="s">
        <v>37685</v>
      </c>
      <c r="E12252" s="2" t="s">
        <v>37686</v>
      </c>
      <c r="F12252" s="2" t="s">
        <v>7204</v>
      </c>
      <c r="G12252" s="8">
        <v>162</v>
      </c>
      <c r="H12252" s="5">
        <v>6</v>
      </c>
      <c r="I12252" s="5" t="s">
        <v>1518</v>
      </c>
      <c r="J12252" s="5" t="s">
        <v>36264</v>
      </c>
      <c r="K12252" s="2" t="s">
        <v>36265</v>
      </c>
      <c r="L12252" s="5" t="s">
        <v>36264</v>
      </c>
      <c r="M12252" s="2" t="s">
        <v>36265</v>
      </c>
      <c r="N12252" s="5" t="s">
        <v>36266</v>
      </c>
      <c r="O12252" s="5" t="s">
        <v>38</v>
      </c>
      <c r="P12252" s="5" t="s">
        <v>39</v>
      </c>
      <c r="Q12252" s="5" t="s">
        <v>40</v>
      </c>
      <c r="R12252" s="5" t="s">
        <v>1522</v>
      </c>
      <c r="S12252" s="5" t="s">
        <v>1523</v>
      </c>
      <c r="T12252" s="5" t="s">
        <v>42</v>
      </c>
      <c r="U12252" s="2">
        <v>1.758</v>
      </c>
      <c r="V12252" s="2">
        <v>1.099</v>
      </c>
      <c r="W12252" s="2">
        <v>0.02</v>
      </c>
      <c r="X12252" s="2">
        <v>159.1</v>
      </c>
      <c r="Y12252" s="2">
        <v>7.6</v>
      </c>
      <c r="Z12252" s="2">
        <v>16.7</v>
      </c>
      <c r="AA12252" s="5"/>
      <c r="AB12252" s="5" t="s">
        <v>43</v>
      </c>
      <c r="AC12252" s="5" t="s">
        <v>44</v>
      </c>
      <c r="AD12252" s="2"/>
      <c r="AE12252" s="1"/>
    </row>
    <row r="12253" spans="1:31" ht="14.45">
      <c r="A12253" s="11"/>
      <c r="B12253" s="20"/>
      <c r="C12253" s="2" t="s">
        <v>37687</v>
      </c>
      <c r="D12253" s="14" t="s">
        <v>37688</v>
      </c>
      <c r="E12253" s="2" t="s">
        <v>37689</v>
      </c>
      <c r="F12253" s="2" t="s">
        <v>7514</v>
      </c>
      <c r="G12253" s="8">
        <v>162</v>
      </c>
      <c r="H12253" s="5">
        <v>6</v>
      </c>
      <c r="I12253" s="5" t="s">
        <v>1518</v>
      </c>
      <c r="J12253" s="5" t="s">
        <v>36264</v>
      </c>
      <c r="K12253" s="2" t="s">
        <v>36265</v>
      </c>
      <c r="L12253" s="5" t="s">
        <v>36264</v>
      </c>
      <c r="M12253" s="2" t="s">
        <v>36265</v>
      </c>
      <c r="N12253" s="5" t="s">
        <v>36266</v>
      </c>
      <c r="O12253" s="5" t="s">
        <v>38</v>
      </c>
      <c r="P12253" s="5" t="s">
        <v>39</v>
      </c>
      <c r="Q12253" s="5" t="s">
        <v>40</v>
      </c>
      <c r="R12253" s="5" t="s">
        <v>1522</v>
      </c>
      <c r="S12253" s="5" t="s">
        <v>1523</v>
      </c>
      <c r="T12253" s="5" t="s">
        <v>42</v>
      </c>
      <c r="U12253" s="2">
        <v>1.7829999999999999</v>
      </c>
      <c r="V12253" s="2">
        <v>1.1240000000000001</v>
      </c>
      <c r="W12253" s="2">
        <v>0.02</v>
      </c>
      <c r="X12253" s="2">
        <v>159.1</v>
      </c>
      <c r="Y12253" s="2">
        <v>7.6</v>
      </c>
      <c r="Z12253" s="2">
        <v>16.7</v>
      </c>
      <c r="AA12253" s="5"/>
      <c r="AB12253" s="5" t="s">
        <v>43</v>
      </c>
      <c r="AC12253" s="5" t="s">
        <v>44</v>
      </c>
      <c r="AD12253" s="2"/>
      <c r="AE12253" s="1"/>
    </row>
    <row r="12254" spans="1:31" ht="14.45">
      <c r="A12254" s="11"/>
      <c r="B12254" s="20"/>
      <c r="C12254" s="2" t="s">
        <v>37690</v>
      </c>
      <c r="D12254" s="14" t="s">
        <v>37691</v>
      </c>
      <c r="E12254" s="2" t="s">
        <v>37692</v>
      </c>
      <c r="F12254" s="2" t="s">
        <v>36273</v>
      </c>
      <c r="G12254" s="8">
        <v>162</v>
      </c>
      <c r="H12254" s="5">
        <v>6</v>
      </c>
      <c r="I12254" s="5" t="s">
        <v>1518</v>
      </c>
      <c r="J12254" s="5" t="s">
        <v>36264</v>
      </c>
      <c r="K12254" s="2" t="s">
        <v>36265</v>
      </c>
      <c r="L12254" s="5" t="s">
        <v>36264</v>
      </c>
      <c r="M12254" s="2" t="s">
        <v>36265</v>
      </c>
      <c r="N12254" s="5" t="s">
        <v>36266</v>
      </c>
      <c r="O12254" s="5" t="s">
        <v>38</v>
      </c>
      <c r="P12254" s="5" t="s">
        <v>39</v>
      </c>
      <c r="Q12254" s="5" t="s">
        <v>40</v>
      </c>
      <c r="R12254" s="5" t="s">
        <v>1522</v>
      </c>
      <c r="S12254" s="5" t="s">
        <v>1523</v>
      </c>
      <c r="T12254" s="5" t="s">
        <v>42</v>
      </c>
      <c r="U12254" s="2">
        <v>1.758</v>
      </c>
      <c r="V12254" s="2">
        <v>1.099</v>
      </c>
      <c r="W12254" s="2">
        <v>0.02</v>
      </c>
      <c r="X12254" s="2">
        <v>159.1</v>
      </c>
      <c r="Y12254" s="2">
        <v>7.6</v>
      </c>
      <c r="Z12254" s="2">
        <v>16.7</v>
      </c>
      <c r="AA12254" s="5"/>
      <c r="AB12254" s="5" t="s">
        <v>43</v>
      </c>
      <c r="AC12254" s="5" t="s">
        <v>44</v>
      </c>
      <c r="AD12254" s="2"/>
      <c r="AE12254" s="1"/>
    </row>
    <row r="12255" spans="1:31" ht="14.45">
      <c r="A12255" s="11"/>
      <c r="B12255" s="20"/>
      <c r="C12255" s="2" t="s">
        <v>37693</v>
      </c>
      <c r="D12255" s="14" t="s">
        <v>37694</v>
      </c>
      <c r="E12255" s="2" t="s">
        <v>37695</v>
      </c>
      <c r="F12255" s="2" t="s">
        <v>36277</v>
      </c>
      <c r="G12255" s="8">
        <v>162</v>
      </c>
      <c r="H12255" s="5">
        <v>6</v>
      </c>
      <c r="I12255" s="5" t="s">
        <v>1518</v>
      </c>
      <c r="J12255" s="5" t="s">
        <v>36264</v>
      </c>
      <c r="K12255" s="2" t="s">
        <v>36265</v>
      </c>
      <c r="L12255" s="5" t="s">
        <v>36264</v>
      </c>
      <c r="M12255" s="2" t="s">
        <v>36265</v>
      </c>
      <c r="N12255" s="5" t="s">
        <v>36266</v>
      </c>
      <c r="O12255" s="5" t="s">
        <v>38</v>
      </c>
      <c r="P12255" s="5" t="s">
        <v>39</v>
      </c>
      <c r="Q12255" s="5" t="s">
        <v>40</v>
      </c>
      <c r="R12255" s="5" t="s">
        <v>1522</v>
      </c>
      <c r="S12255" s="5" t="s">
        <v>1523</v>
      </c>
      <c r="T12255" s="5" t="s">
        <v>42</v>
      </c>
      <c r="U12255" s="2">
        <v>1.7829999999999999</v>
      </c>
      <c r="V12255" s="2">
        <v>1.1240000000000001</v>
      </c>
      <c r="W12255" s="2">
        <v>0.02</v>
      </c>
      <c r="X12255" s="2">
        <v>159.1</v>
      </c>
      <c r="Y12255" s="2">
        <v>7.6</v>
      </c>
      <c r="Z12255" s="2">
        <v>16.7</v>
      </c>
      <c r="AA12255" s="5"/>
      <c r="AB12255" s="5" t="s">
        <v>43</v>
      </c>
      <c r="AC12255" s="5" t="s">
        <v>44</v>
      </c>
      <c r="AD12255" s="2"/>
      <c r="AE12255" s="1"/>
    </row>
    <row r="12256" spans="1:31" ht="14.45">
      <c r="A12256" s="11"/>
      <c r="B12256" s="20"/>
      <c r="C12256" s="2" t="s">
        <v>37696</v>
      </c>
      <c r="D12256" s="14" t="s">
        <v>37697</v>
      </c>
      <c r="E12256" s="2" t="s">
        <v>37698</v>
      </c>
      <c r="F12256" s="2" t="s">
        <v>36281</v>
      </c>
      <c r="G12256" s="8">
        <v>186</v>
      </c>
      <c r="H12256" s="5">
        <v>6</v>
      </c>
      <c r="I12256" s="5" t="s">
        <v>1518</v>
      </c>
      <c r="J12256" s="5" t="s">
        <v>36264</v>
      </c>
      <c r="K12256" s="2" t="s">
        <v>36265</v>
      </c>
      <c r="L12256" s="5" t="s">
        <v>36264</v>
      </c>
      <c r="M12256" s="2" t="s">
        <v>36265</v>
      </c>
      <c r="N12256" s="5" t="s">
        <v>36266</v>
      </c>
      <c r="O12256" s="5" t="s">
        <v>38</v>
      </c>
      <c r="P12256" s="5" t="s">
        <v>39</v>
      </c>
      <c r="Q12256" s="5" t="s">
        <v>40</v>
      </c>
      <c r="R12256" s="5" t="s">
        <v>1522</v>
      </c>
      <c r="S12256" s="5" t="s">
        <v>1523</v>
      </c>
      <c r="T12256" s="5" t="s">
        <v>42</v>
      </c>
      <c r="U12256" s="2">
        <v>1.758</v>
      </c>
      <c r="V12256" s="2">
        <v>1.099</v>
      </c>
      <c r="W12256" s="2">
        <v>0.02</v>
      </c>
      <c r="X12256" s="2">
        <v>159.1</v>
      </c>
      <c r="Y12256" s="2">
        <v>7.6</v>
      </c>
      <c r="Z12256" s="2">
        <v>16.7</v>
      </c>
      <c r="AA12256" s="5"/>
      <c r="AB12256" s="5" t="s">
        <v>43</v>
      </c>
      <c r="AC12256" s="5" t="s">
        <v>44</v>
      </c>
      <c r="AD12256" s="2"/>
      <c r="AE12256" s="1"/>
    </row>
    <row r="12257" spans="1:31" ht="14.45">
      <c r="A12257" s="11"/>
      <c r="B12257" s="20"/>
      <c r="C12257" s="2" t="s">
        <v>37699</v>
      </c>
      <c r="D12257" s="14" t="s">
        <v>37700</v>
      </c>
      <c r="E12257" s="2" t="s">
        <v>37701</v>
      </c>
      <c r="F12257" s="2" t="s">
        <v>36285</v>
      </c>
      <c r="G12257" s="8">
        <v>186</v>
      </c>
      <c r="H12257" s="5">
        <v>6</v>
      </c>
      <c r="I12257" s="5" t="s">
        <v>1518</v>
      </c>
      <c r="J12257" s="5" t="s">
        <v>36264</v>
      </c>
      <c r="K12257" s="2" t="s">
        <v>36265</v>
      </c>
      <c r="L12257" s="5" t="s">
        <v>36264</v>
      </c>
      <c r="M12257" s="2" t="s">
        <v>36265</v>
      </c>
      <c r="N12257" s="5" t="s">
        <v>36266</v>
      </c>
      <c r="O12257" s="5" t="s">
        <v>38</v>
      </c>
      <c r="P12257" s="5" t="s">
        <v>39</v>
      </c>
      <c r="Q12257" s="5" t="s">
        <v>40</v>
      </c>
      <c r="R12257" s="5" t="s">
        <v>1522</v>
      </c>
      <c r="S12257" s="5" t="s">
        <v>1523</v>
      </c>
      <c r="T12257" s="5" t="s">
        <v>42</v>
      </c>
      <c r="U12257" s="2">
        <v>1.7829999999999999</v>
      </c>
      <c r="V12257" s="2">
        <v>1.1240000000000001</v>
      </c>
      <c r="W12257" s="2">
        <v>0.02</v>
      </c>
      <c r="X12257" s="2">
        <v>159.1</v>
      </c>
      <c r="Y12257" s="2">
        <v>7.6</v>
      </c>
      <c r="Z12257" s="2">
        <v>16.7</v>
      </c>
      <c r="AA12257" s="5"/>
      <c r="AB12257" s="5" t="s">
        <v>43</v>
      </c>
      <c r="AC12257" s="5" t="s">
        <v>44</v>
      </c>
      <c r="AD12257" s="2"/>
      <c r="AE12257" s="1"/>
    </row>
    <row r="12258" spans="1:31" ht="14.45">
      <c r="A12258" s="11"/>
      <c r="B12258" s="20"/>
      <c r="C12258" s="2" t="s">
        <v>37702</v>
      </c>
      <c r="D12258" s="14" t="s">
        <v>37703</v>
      </c>
      <c r="E12258" s="2" t="s">
        <v>37704</v>
      </c>
      <c r="F12258" s="2" t="s">
        <v>36289</v>
      </c>
      <c r="G12258" s="8">
        <v>186</v>
      </c>
      <c r="H12258" s="5">
        <v>6</v>
      </c>
      <c r="I12258" s="5" t="s">
        <v>1518</v>
      </c>
      <c r="J12258" s="5" t="s">
        <v>36264</v>
      </c>
      <c r="K12258" s="2" t="s">
        <v>36265</v>
      </c>
      <c r="L12258" s="5" t="s">
        <v>36264</v>
      </c>
      <c r="M12258" s="2" t="s">
        <v>36265</v>
      </c>
      <c r="N12258" s="5" t="s">
        <v>36266</v>
      </c>
      <c r="O12258" s="5" t="s">
        <v>38</v>
      </c>
      <c r="P12258" s="5" t="s">
        <v>39</v>
      </c>
      <c r="Q12258" s="5" t="s">
        <v>40</v>
      </c>
      <c r="R12258" s="5" t="s">
        <v>1522</v>
      </c>
      <c r="S12258" s="5" t="s">
        <v>1523</v>
      </c>
      <c r="T12258" s="5" t="s">
        <v>42</v>
      </c>
      <c r="U12258" s="2">
        <v>1.758</v>
      </c>
      <c r="V12258" s="2">
        <v>1.099</v>
      </c>
      <c r="W12258" s="2">
        <v>0.02</v>
      </c>
      <c r="X12258" s="2">
        <v>159.1</v>
      </c>
      <c r="Y12258" s="2">
        <v>7.6</v>
      </c>
      <c r="Z12258" s="2">
        <v>16.7</v>
      </c>
      <c r="AA12258" s="5"/>
      <c r="AB12258" s="5" t="s">
        <v>43</v>
      </c>
      <c r="AC12258" s="5" t="s">
        <v>44</v>
      </c>
      <c r="AD12258" s="2"/>
      <c r="AE12258" s="1"/>
    </row>
    <row r="12259" spans="1:31" ht="14.45">
      <c r="A12259" s="11"/>
      <c r="B12259" s="20"/>
      <c r="C12259" s="2" t="s">
        <v>37705</v>
      </c>
      <c r="D12259" s="14" t="s">
        <v>37706</v>
      </c>
      <c r="E12259" s="2" t="s">
        <v>37707</v>
      </c>
      <c r="F12259" s="2" t="s">
        <v>36293</v>
      </c>
      <c r="G12259" s="8">
        <v>186</v>
      </c>
      <c r="H12259" s="5">
        <v>6</v>
      </c>
      <c r="I12259" s="5" t="s">
        <v>1518</v>
      </c>
      <c r="J12259" s="5" t="s">
        <v>36264</v>
      </c>
      <c r="K12259" s="2" t="s">
        <v>36265</v>
      </c>
      <c r="L12259" s="5" t="s">
        <v>36264</v>
      </c>
      <c r="M12259" s="2" t="s">
        <v>36265</v>
      </c>
      <c r="N12259" s="5" t="s">
        <v>36266</v>
      </c>
      <c r="O12259" s="5" t="s">
        <v>38</v>
      </c>
      <c r="P12259" s="5" t="s">
        <v>39</v>
      </c>
      <c r="Q12259" s="5" t="s">
        <v>40</v>
      </c>
      <c r="R12259" s="5" t="s">
        <v>1522</v>
      </c>
      <c r="S12259" s="5" t="s">
        <v>1523</v>
      </c>
      <c r="T12259" s="5" t="s">
        <v>42</v>
      </c>
      <c r="U12259" s="2">
        <v>1.7829999999999999</v>
      </c>
      <c r="V12259" s="2">
        <v>1.1240000000000001</v>
      </c>
      <c r="W12259" s="2">
        <v>0.02</v>
      </c>
      <c r="X12259" s="2">
        <v>159.1</v>
      </c>
      <c r="Y12259" s="2">
        <v>7.6</v>
      </c>
      <c r="Z12259" s="2">
        <v>16.7</v>
      </c>
      <c r="AA12259" s="5"/>
      <c r="AB12259" s="5" t="s">
        <v>43</v>
      </c>
      <c r="AC12259" s="5" t="s">
        <v>44</v>
      </c>
      <c r="AD12259" s="2"/>
      <c r="AE12259" s="1"/>
    </row>
    <row r="12260" spans="1:31" ht="14.45">
      <c r="A12260" s="11"/>
      <c r="B12260" s="20"/>
      <c r="C12260" s="2" t="s">
        <v>37708</v>
      </c>
      <c r="D12260" s="14" t="s">
        <v>37709</v>
      </c>
      <c r="E12260" s="2" t="s">
        <v>37710</v>
      </c>
      <c r="F12260" s="2" t="s">
        <v>36297</v>
      </c>
      <c r="G12260" s="8">
        <v>162</v>
      </c>
      <c r="H12260" s="5">
        <v>6</v>
      </c>
      <c r="I12260" s="5" t="s">
        <v>1518</v>
      </c>
      <c r="J12260" s="5" t="s">
        <v>36264</v>
      </c>
      <c r="K12260" s="2" t="s">
        <v>36265</v>
      </c>
      <c r="L12260" s="5" t="s">
        <v>36264</v>
      </c>
      <c r="M12260" s="2" t="s">
        <v>36265</v>
      </c>
      <c r="N12260" s="5" t="s">
        <v>36266</v>
      </c>
      <c r="O12260" s="5" t="s">
        <v>38</v>
      </c>
      <c r="P12260" s="5" t="s">
        <v>39</v>
      </c>
      <c r="Q12260" s="5" t="s">
        <v>40</v>
      </c>
      <c r="R12260" s="5" t="s">
        <v>1522</v>
      </c>
      <c r="S12260" s="5" t="s">
        <v>1523</v>
      </c>
      <c r="T12260" s="5" t="s">
        <v>42</v>
      </c>
      <c r="U12260" s="2">
        <v>1.758</v>
      </c>
      <c r="V12260" s="2">
        <v>1.099</v>
      </c>
      <c r="W12260" s="2">
        <v>0.02</v>
      </c>
      <c r="X12260" s="2">
        <v>159.1</v>
      </c>
      <c r="Y12260" s="2">
        <v>7.6</v>
      </c>
      <c r="Z12260" s="2">
        <v>16.7</v>
      </c>
      <c r="AA12260" s="5"/>
      <c r="AB12260" s="5" t="s">
        <v>43</v>
      </c>
      <c r="AC12260" s="5" t="s">
        <v>44</v>
      </c>
      <c r="AD12260" s="2"/>
      <c r="AE12260" s="1"/>
    </row>
    <row r="12261" spans="1:31" ht="14.45">
      <c r="A12261" s="11"/>
      <c r="B12261" s="20"/>
      <c r="C12261" s="2" t="s">
        <v>37711</v>
      </c>
      <c r="D12261" s="14" t="s">
        <v>37712</v>
      </c>
      <c r="E12261" s="2" t="s">
        <v>37713</v>
      </c>
      <c r="F12261" s="2" t="s">
        <v>36301</v>
      </c>
      <c r="G12261" s="8">
        <v>162</v>
      </c>
      <c r="H12261" s="5">
        <v>6</v>
      </c>
      <c r="I12261" s="5" t="s">
        <v>1518</v>
      </c>
      <c r="J12261" s="5" t="s">
        <v>36264</v>
      </c>
      <c r="K12261" s="2" t="s">
        <v>36265</v>
      </c>
      <c r="L12261" s="5" t="s">
        <v>36264</v>
      </c>
      <c r="M12261" s="2" t="s">
        <v>36265</v>
      </c>
      <c r="N12261" s="5" t="s">
        <v>36266</v>
      </c>
      <c r="O12261" s="5" t="s">
        <v>38</v>
      </c>
      <c r="P12261" s="5" t="s">
        <v>39</v>
      </c>
      <c r="Q12261" s="5" t="s">
        <v>40</v>
      </c>
      <c r="R12261" s="5" t="s">
        <v>1522</v>
      </c>
      <c r="S12261" s="5" t="s">
        <v>1523</v>
      </c>
      <c r="T12261" s="5" t="s">
        <v>42</v>
      </c>
      <c r="U12261" s="2">
        <v>1.7829999999999999</v>
      </c>
      <c r="V12261" s="2">
        <v>1.1240000000000001</v>
      </c>
      <c r="W12261" s="2">
        <v>0.02</v>
      </c>
      <c r="X12261" s="2">
        <v>159.1</v>
      </c>
      <c r="Y12261" s="2">
        <v>7.6</v>
      </c>
      <c r="Z12261" s="2">
        <v>16.7</v>
      </c>
      <c r="AA12261" s="5"/>
      <c r="AB12261" s="5" t="s">
        <v>43</v>
      </c>
      <c r="AC12261" s="5" t="s">
        <v>44</v>
      </c>
      <c r="AD12261" s="2"/>
      <c r="AE12261" s="1"/>
    </row>
    <row r="12262" spans="1:31" ht="14.45">
      <c r="A12262" s="11"/>
      <c r="B12262" s="20"/>
      <c r="C12262" s="2" t="s">
        <v>37714</v>
      </c>
      <c r="D12262" s="14" t="s">
        <v>37715</v>
      </c>
      <c r="E12262" s="2" t="s">
        <v>37716</v>
      </c>
      <c r="F12262" s="2" t="s">
        <v>36305</v>
      </c>
      <c r="G12262" s="8">
        <v>162</v>
      </c>
      <c r="H12262" s="5">
        <v>6</v>
      </c>
      <c r="I12262" s="5" t="s">
        <v>1518</v>
      </c>
      <c r="J12262" s="5" t="s">
        <v>36264</v>
      </c>
      <c r="K12262" s="2" t="s">
        <v>36265</v>
      </c>
      <c r="L12262" s="5" t="s">
        <v>36264</v>
      </c>
      <c r="M12262" s="2" t="s">
        <v>36265</v>
      </c>
      <c r="N12262" s="5" t="s">
        <v>36266</v>
      </c>
      <c r="O12262" s="5" t="s">
        <v>38</v>
      </c>
      <c r="P12262" s="5" t="s">
        <v>39</v>
      </c>
      <c r="Q12262" s="5" t="s">
        <v>40</v>
      </c>
      <c r="R12262" s="5" t="s">
        <v>1522</v>
      </c>
      <c r="S12262" s="5" t="s">
        <v>1523</v>
      </c>
      <c r="T12262" s="5" t="s">
        <v>42</v>
      </c>
      <c r="U12262" s="2">
        <v>1.758</v>
      </c>
      <c r="V12262" s="2">
        <v>1.099</v>
      </c>
      <c r="W12262" s="2">
        <v>0.02</v>
      </c>
      <c r="X12262" s="2">
        <v>159.1</v>
      </c>
      <c r="Y12262" s="2">
        <v>7.6</v>
      </c>
      <c r="Z12262" s="2">
        <v>16.7</v>
      </c>
      <c r="AA12262" s="5"/>
      <c r="AB12262" s="5" t="s">
        <v>43</v>
      </c>
      <c r="AC12262" s="5" t="s">
        <v>44</v>
      </c>
      <c r="AD12262" s="2"/>
      <c r="AE12262" s="1"/>
    </row>
    <row r="12263" spans="1:31" ht="14.45">
      <c r="A12263" s="11"/>
      <c r="B12263" s="20"/>
      <c r="C12263" s="2" t="s">
        <v>37717</v>
      </c>
      <c r="D12263" s="14" t="s">
        <v>37718</v>
      </c>
      <c r="E12263" s="2" t="s">
        <v>37719</v>
      </c>
      <c r="F12263" s="2" t="s">
        <v>36309</v>
      </c>
      <c r="G12263" s="8">
        <v>162</v>
      </c>
      <c r="H12263" s="5">
        <v>6</v>
      </c>
      <c r="I12263" s="5" t="s">
        <v>1518</v>
      </c>
      <c r="J12263" s="5" t="s">
        <v>36264</v>
      </c>
      <c r="K12263" s="2" t="s">
        <v>36265</v>
      </c>
      <c r="L12263" s="5" t="s">
        <v>36264</v>
      </c>
      <c r="M12263" s="2" t="s">
        <v>36265</v>
      </c>
      <c r="N12263" s="5" t="s">
        <v>36266</v>
      </c>
      <c r="O12263" s="5" t="s">
        <v>38</v>
      </c>
      <c r="P12263" s="5" t="s">
        <v>39</v>
      </c>
      <c r="Q12263" s="5" t="s">
        <v>40</v>
      </c>
      <c r="R12263" s="5" t="s">
        <v>1522</v>
      </c>
      <c r="S12263" s="5" t="s">
        <v>1523</v>
      </c>
      <c r="T12263" s="5" t="s">
        <v>42</v>
      </c>
      <c r="U12263" s="2">
        <v>1.7829999999999999</v>
      </c>
      <c r="V12263" s="2">
        <v>1.1240000000000001</v>
      </c>
      <c r="W12263" s="2">
        <v>0.02</v>
      </c>
      <c r="X12263" s="2">
        <v>159.1</v>
      </c>
      <c r="Y12263" s="2">
        <v>7.6</v>
      </c>
      <c r="Z12263" s="2">
        <v>16.7</v>
      </c>
      <c r="AA12263" s="5"/>
      <c r="AB12263" s="5" t="s">
        <v>43</v>
      </c>
      <c r="AC12263" s="5" t="s">
        <v>44</v>
      </c>
      <c r="AD12263" s="2"/>
      <c r="AE12263" s="1"/>
    </row>
    <row r="12264" spans="1:31" ht="14.45">
      <c r="A12264" s="11"/>
      <c r="B12264" s="20"/>
      <c r="C12264" s="2" t="s">
        <v>37720</v>
      </c>
      <c r="D12264" s="14" t="s">
        <v>37721</v>
      </c>
      <c r="E12264" s="2" t="s">
        <v>37722</v>
      </c>
      <c r="F12264" s="2" t="s">
        <v>36313</v>
      </c>
      <c r="G12264" s="8">
        <v>186</v>
      </c>
      <c r="H12264" s="5">
        <v>6</v>
      </c>
      <c r="I12264" s="5" t="s">
        <v>1518</v>
      </c>
      <c r="J12264" s="5" t="s">
        <v>36264</v>
      </c>
      <c r="K12264" s="2" t="s">
        <v>36265</v>
      </c>
      <c r="L12264" s="5" t="s">
        <v>36264</v>
      </c>
      <c r="M12264" s="2" t="s">
        <v>36265</v>
      </c>
      <c r="N12264" s="5" t="s">
        <v>36266</v>
      </c>
      <c r="O12264" s="5" t="s">
        <v>38</v>
      </c>
      <c r="P12264" s="5" t="s">
        <v>39</v>
      </c>
      <c r="Q12264" s="5" t="s">
        <v>40</v>
      </c>
      <c r="R12264" s="5" t="s">
        <v>1522</v>
      </c>
      <c r="S12264" s="5" t="s">
        <v>1523</v>
      </c>
      <c r="T12264" s="5" t="s">
        <v>42</v>
      </c>
      <c r="U12264" s="2">
        <v>1.758</v>
      </c>
      <c r="V12264" s="2">
        <v>1.099</v>
      </c>
      <c r="W12264" s="2">
        <v>0.02</v>
      </c>
      <c r="X12264" s="2">
        <v>159.1</v>
      </c>
      <c r="Y12264" s="2">
        <v>7.6</v>
      </c>
      <c r="Z12264" s="2">
        <v>16.7</v>
      </c>
      <c r="AA12264" s="5"/>
      <c r="AB12264" s="5" t="s">
        <v>43</v>
      </c>
      <c r="AC12264" s="5" t="s">
        <v>44</v>
      </c>
      <c r="AD12264" s="2"/>
      <c r="AE12264" s="1"/>
    </row>
    <row r="12265" spans="1:31" ht="14.45">
      <c r="A12265" s="11"/>
      <c r="B12265" s="20"/>
      <c r="C12265" s="2" t="s">
        <v>37723</v>
      </c>
      <c r="D12265" s="14" t="s">
        <v>37724</v>
      </c>
      <c r="E12265" s="2" t="s">
        <v>37725</v>
      </c>
      <c r="F12265" s="2" t="s">
        <v>36317</v>
      </c>
      <c r="G12265" s="8">
        <v>186</v>
      </c>
      <c r="H12265" s="5">
        <v>6</v>
      </c>
      <c r="I12265" s="5" t="s">
        <v>1518</v>
      </c>
      <c r="J12265" s="5" t="s">
        <v>36264</v>
      </c>
      <c r="K12265" s="2" t="s">
        <v>36265</v>
      </c>
      <c r="L12265" s="5" t="s">
        <v>36264</v>
      </c>
      <c r="M12265" s="2" t="s">
        <v>36265</v>
      </c>
      <c r="N12265" s="5" t="s">
        <v>36266</v>
      </c>
      <c r="O12265" s="5" t="s">
        <v>38</v>
      </c>
      <c r="P12265" s="5" t="s">
        <v>39</v>
      </c>
      <c r="Q12265" s="5" t="s">
        <v>40</v>
      </c>
      <c r="R12265" s="5" t="s">
        <v>1522</v>
      </c>
      <c r="S12265" s="5" t="s">
        <v>1523</v>
      </c>
      <c r="T12265" s="5" t="s">
        <v>42</v>
      </c>
      <c r="U12265" s="2">
        <v>1.7829999999999999</v>
      </c>
      <c r="V12265" s="2">
        <v>1.1240000000000001</v>
      </c>
      <c r="W12265" s="2">
        <v>0.02</v>
      </c>
      <c r="X12265" s="2">
        <v>159.1</v>
      </c>
      <c r="Y12265" s="2">
        <v>7.6</v>
      </c>
      <c r="Z12265" s="2">
        <v>16.7</v>
      </c>
      <c r="AA12265" s="5"/>
      <c r="AB12265" s="5" t="s">
        <v>43</v>
      </c>
      <c r="AC12265" s="5" t="s">
        <v>44</v>
      </c>
      <c r="AD12265" s="2"/>
      <c r="AE12265" s="1"/>
    </row>
    <row r="12266" spans="1:31" ht="14.45">
      <c r="A12266" s="11"/>
      <c r="B12266" s="20"/>
      <c r="C12266" s="2" t="s">
        <v>37726</v>
      </c>
      <c r="D12266" s="14" t="s">
        <v>37727</v>
      </c>
      <c r="E12266" s="2" t="s">
        <v>37728</v>
      </c>
      <c r="F12266" s="2" t="s">
        <v>36321</v>
      </c>
      <c r="G12266" s="8">
        <v>186</v>
      </c>
      <c r="H12266" s="5">
        <v>6</v>
      </c>
      <c r="I12266" s="5" t="s">
        <v>1518</v>
      </c>
      <c r="J12266" s="5" t="s">
        <v>36264</v>
      </c>
      <c r="K12266" s="2" t="s">
        <v>36265</v>
      </c>
      <c r="L12266" s="5" t="s">
        <v>36264</v>
      </c>
      <c r="M12266" s="2" t="s">
        <v>36265</v>
      </c>
      <c r="N12266" s="5" t="s">
        <v>36266</v>
      </c>
      <c r="O12266" s="5" t="s">
        <v>38</v>
      </c>
      <c r="P12266" s="5" t="s">
        <v>39</v>
      </c>
      <c r="Q12266" s="5" t="s">
        <v>40</v>
      </c>
      <c r="R12266" s="5" t="s">
        <v>1522</v>
      </c>
      <c r="S12266" s="5" t="s">
        <v>1523</v>
      </c>
      <c r="T12266" s="5" t="s">
        <v>42</v>
      </c>
      <c r="U12266" s="2">
        <v>1.758</v>
      </c>
      <c r="V12266" s="2">
        <v>1.099</v>
      </c>
      <c r="W12266" s="2">
        <v>0.02</v>
      </c>
      <c r="X12266" s="2">
        <v>159.1</v>
      </c>
      <c r="Y12266" s="2">
        <v>7.6</v>
      </c>
      <c r="Z12266" s="2">
        <v>16.7</v>
      </c>
      <c r="AA12266" s="5"/>
      <c r="AB12266" s="5" t="s">
        <v>43</v>
      </c>
      <c r="AC12266" s="5" t="s">
        <v>44</v>
      </c>
      <c r="AD12266" s="2"/>
      <c r="AE12266" s="1"/>
    </row>
    <row r="12267" spans="1:31" ht="14.45">
      <c r="A12267" s="11"/>
      <c r="B12267" s="20"/>
      <c r="C12267" s="2" t="s">
        <v>37729</v>
      </c>
      <c r="D12267" s="14" t="s">
        <v>37730</v>
      </c>
      <c r="E12267" s="2" t="s">
        <v>37731</v>
      </c>
      <c r="F12267" s="2" t="s">
        <v>36325</v>
      </c>
      <c r="G12267" s="8">
        <v>186</v>
      </c>
      <c r="H12267" s="5">
        <v>6</v>
      </c>
      <c r="I12267" s="5" t="s">
        <v>1518</v>
      </c>
      <c r="J12267" s="5" t="s">
        <v>36264</v>
      </c>
      <c r="K12267" s="2" t="s">
        <v>36265</v>
      </c>
      <c r="L12267" s="5" t="s">
        <v>36264</v>
      </c>
      <c r="M12267" s="2" t="s">
        <v>36265</v>
      </c>
      <c r="N12267" s="5" t="s">
        <v>36266</v>
      </c>
      <c r="O12267" s="5" t="s">
        <v>38</v>
      </c>
      <c r="P12267" s="5" t="s">
        <v>39</v>
      </c>
      <c r="Q12267" s="5" t="s">
        <v>40</v>
      </c>
      <c r="R12267" s="5" t="s">
        <v>1522</v>
      </c>
      <c r="S12267" s="5" t="s">
        <v>1523</v>
      </c>
      <c r="T12267" s="5" t="s">
        <v>42</v>
      </c>
      <c r="U12267" s="2">
        <v>1.7829999999999999</v>
      </c>
      <c r="V12267" s="2">
        <v>1.1240000000000001</v>
      </c>
      <c r="W12267" s="2">
        <v>0.02</v>
      </c>
      <c r="X12267" s="2">
        <v>159.1</v>
      </c>
      <c r="Y12267" s="2">
        <v>7.6</v>
      </c>
      <c r="Z12267" s="2">
        <v>16.7</v>
      </c>
      <c r="AA12267" s="5"/>
      <c r="AB12267" s="5" t="s">
        <v>43</v>
      </c>
      <c r="AC12267" s="5" t="s">
        <v>44</v>
      </c>
      <c r="AD12267" s="2"/>
      <c r="AE12267" s="1"/>
    </row>
    <row r="12268" spans="1:31" ht="14.45">
      <c r="A12268" s="11"/>
      <c r="B12268" s="20"/>
      <c r="C12268" s="2" t="s">
        <v>37732</v>
      </c>
      <c r="D12268" s="14" t="s">
        <v>37733</v>
      </c>
      <c r="E12268" s="2" t="s">
        <v>37734</v>
      </c>
      <c r="F12268" s="2" t="s">
        <v>36329</v>
      </c>
      <c r="G12268" s="8">
        <v>186</v>
      </c>
      <c r="H12268" s="5">
        <v>6</v>
      </c>
      <c r="I12268" s="5" t="s">
        <v>1518</v>
      </c>
      <c r="J12268" s="5" t="s">
        <v>36264</v>
      </c>
      <c r="K12268" s="2" t="s">
        <v>36265</v>
      </c>
      <c r="L12268" s="5" t="s">
        <v>36264</v>
      </c>
      <c r="M12268" s="2" t="s">
        <v>36265</v>
      </c>
      <c r="N12268" s="5" t="s">
        <v>36266</v>
      </c>
      <c r="O12268" s="5" t="s">
        <v>38</v>
      </c>
      <c r="P12268" s="5" t="s">
        <v>39</v>
      </c>
      <c r="Q12268" s="5" t="s">
        <v>40</v>
      </c>
      <c r="R12268" s="5" t="s">
        <v>1522</v>
      </c>
      <c r="S12268" s="5" t="s">
        <v>1523</v>
      </c>
      <c r="T12268" s="5" t="s">
        <v>42</v>
      </c>
      <c r="U12268" s="2">
        <v>1.758</v>
      </c>
      <c r="V12268" s="2">
        <v>1.099</v>
      </c>
      <c r="W12268" s="2">
        <v>0.02</v>
      </c>
      <c r="X12268" s="2">
        <v>159.1</v>
      </c>
      <c r="Y12268" s="2">
        <v>7.6</v>
      </c>
      <c r="Z12268" s="2">
        <v>16.7</v>
      </c>
      <c r="AA12268" s="5"/>
      <c r="AB12268" s="5" t="s">
        <v>43</v>
      </c>
      <c r="AC12268" s="5" t="s">
        <v>44</v>
      </c>
      <c r="AD12268" s="2"/>
      <c r="AE12268" s="1"/>
    </row>
    <row r="12269" spans="1:31" ht="14.45">
      <c r="A12269" s="11"/>
      <c r="B12269" s="20"/>
      <c r="C12269" s="2" t="s">
        <v>37735</v>
      </c>
      <c r="D12269" s="14" t="s">
        <v>37736</v>
      </c>
      <c r="E12269" s="2" t="s">
        <v>37737</v>
      </c>
      <c r="F12269" s="2" t="s">
        <v>36333</v>
      </c>
      <c r="G12269" s="8">
        <v>186</v>
      </c>
      <c r="H12269" s="5">
        <v>6</v>
      </c>
      <c r="I12269" s="5" t="s">
        <v>1518</v>
      </c>
      <c r="J12269" s="5" t="s">
        <v>36264</v>
      </c>
      <c r="K12269" s="2" t="s">
        <v>36265</v>
      </c>
      <c r="L12269" s="5" t="s">
        <v>36264</v>
      </c>
      <c r="M12269" s="2" t="s">
        <v>36265</v>
      </c>
      <c r="N12269" s="5" t="s">
        <v>36266</v>
      </c>
      <c r="O12269" s="5" t="s">
        <v>38</v>
      </c>
      <c r="P12269" s="5" t="s">
        <v>39</v>
      </c>
      <c r="Q12269" s="5" t="s">
        <v>40</v>
      </c>
      <c r="R12269" s="5" t="s">
        <v>1522</v>
      </c>
      <c r="S12269" s="5" t="s">
        <v>1523</v>
      </c>
      <c r="T12269" s="5" t="s">
        <v>42</v>
      </c>
      <c r="U12269" s="2">
        <v>1.7829999999999999</v>
      </c>
      <c r="V12269" s="2">
        <v>1.1240000000000001</v>
      </c>
      <c r="W12269" s="2">
        <v>0.02</v>
      </c>
      <c r="X12269" s="2">
        <v>159.1</v>
      </c>
      <c r="Y12269" s="2">
        <v>7.6</v>
      </c>
      <c r="Z12269" s="2">
        <v>16.7</v>
      </c>
      <c r="AA12269" s="5"/>
      <c r="AB12269" s="5" t="s">
        <v>43</v>
      </c>
      <c r="AC12269" s="5" t="s">
        <v>44</v>
      </c>
      <c r="AD12269" s="2"/>
      <c r="AE12269" s="1"/>
    </row>
    <row r="12270" spans="1:31" ht="14.45">
      <c r="A12270" s="11"/>
      <c r="B12270" s="20"/>
      <c r="C12270" s="2" t="s">
        <v>37738</v>
      </c>
      <c r="D12270" s="14" t="s">
        <v>37739</v>
      </c>
      <c r="E12270" s="2" t="s">
        <v>37740</v>
      </c>
      <c r="F12270" s="2" t="s">
        <v>36337</v>
      </c>
      <c r="G12270" s="8">
        <v>186</v>
      </c>
      <c r="H12270" s="5">
        <v>6</v>
      </c>
      <c r="I12270" s="5" t="s">
        <v>1518</v>
      </c>
      <c r="J12270" s="5" t="s">
        <v>36264</v>
      </c>
      <c r="K12270" s="2" t="s">
        <v>36265</v>
      </c>
      <c r="L12270" s="5" t="s">
        <v>36264</v>
      </c>
      <c r="M12270" s="2" t="s">
        <v>36265</v>
      </c>
      <c r="N12270" s="5" t="s">
        <v>36266</v>
      </c>
      <c r="O12270" s="5" t="s">
        <v>38</v>
      </c>
      <c r="P12270" s="5" t="s">
        <v>39</v>
      </c>
      <c r="Q12270" s="5" t="s">
        <v>40</v>
      </c>
      <c r="R12270" s="5" t="s">
        <v>1522</v>
      </c>
      <c r="S12270" s="5" t="s">
        <v>1523</v>
      </c>
      <c r="T12270" s="5" t="s">
        <v>42</v>
      </c>
      <c r="U12270" s="2">
        <v>1.758</v>
      </c>
      <c r="V12270" s="2">
        <v>1.099</v>
      </c>
      <c r="W12270" s="2">
        <v>0.02</v>
      </c>
      <c r="X12270" s="2">
        <v>159.1</v>
      </c>
      <c r="Y12270" s="2">
        <v>7.6</v>
      </c>
      <c r="Z12270" s="2">
        <v>16.7</v>
      </c>
      <c r="AA12270" s="5"/>
      <c r="AB12270" s="5" t="s">
        <v>43</v>
      </c>
      <c r="AC12270" s="5" t="s">
        <v>44</v>
      </c>
      <c r="AD12270" s="2"/>
      <c r="AE12270" s="1"/>
    </row>
    <row r="12271" spans="1:31" ht="14.45">
      <c r="A12271" s="11"/>
      <c r="B12271" s="20"/>
      <c r="C12271" s="2" t="s">
        <v>37741</v>
      </c>
      <c r="D12271" s="14" t="s">
        <v>37742</v>
      </c>
      <c r="E12271" s="2" t="s">
        <v>37743</v>
      </c>
      <c r="F12271" s="2" t="s">
        <v>36341</v>
      </c>
      <c r="G12271" s="8">
        <v>186</v>
      </c>
      <c r="H12271" s="5">
        <v>6</v>
      </c>
      <c r="I12271" s="5" t="s">
        <v>1518</v>
      </c>
      <c r="J12271" s="5" t="s">
        <v>36264</v>
      </c>
      <c r="K12271" s="2" t="s">
        <v>36265</v>
      </c>
      <c r="L12271" s="5" t="s">
        <v>36264</v>
      </c>
      <c r="M12271" s="2" t="s">
        <v>36265</v>
      </c>
      <c r="N12271" s="5" t="s">
        <v>36266</v>
      </c>
      <c r="O12271" s="5" t="s">
        <v>38</v>
      </c>
      <c r="P12271" s="5" t="s">
        <v>39</v>
      </c>
      <c r="Q12271" s="5" t="s">
        <v>40</v>
      </c>
      <c r="R12271" s="5" t="s">
        <v>1522</v>
      </c>
      <c r="S12271" s="5" t="s">
        <v>1523</v>
      </c>
      <c r="T12271" s="5" t="s">
        <v>42</v>
      </c>
      <c r="U12271" s="2">
        <v>1.7829999999999999</v>
      </c>
      <c r="V12271" s="2">
        <v>1.1240000000000001</v>
      </c>
      <c r="W12271" s="2">
        <v>0.02</v>
      </c>
      <c r="X12271" s="2">
        <v>159.1</v>
      </c>
      <c r="Y12271" s="2">
        <v>7.6</v>
      </c>
      <c r="Z12271" s="2">
        <v>16.7</v>
      </c>
      <c r="AA12271" s="5"/>
      <c r="AB12271" s="5" t="s">
        <v>43</v>
      </c>
      <c r="AC12271" s="5" t="s">
        <v>44</v>
      </c>
      <c r="AD12271" s="2"/>
      <c r="AE12271" s="1"/>
    </row>
    <row r="12272" spans="1:31" ht="14.45">
      <c r="A12272" s="11"/>
      <c r="B12272" s="20"/>
      <c r="C12272" s="2" t="s">
        <v>37744</v>
      </c>
      <c r="D12272" s="14" t="s">
        <v>37745</v>
      </c>
      <c r="E12272" s="2" t="s">
        <v>37746</v>
      </c>
      <c r="F12272" s="2" t="s">
        <v>36345</v>
      </c>
      <c r="G12272" s="8">
        <v>186</v>
      </c>
      <c r="H12272" s="5">
        <v>6</v>
      </c>
      <c r="I12272" s="5" t="s">
        <v>1518</v>
      </c>
      <c r="J12272" s="5" t="s">
        <v>36264</v>
      </c>
      <c r="K12272" s="2" t="s">
        <v>36265</v>
      </c>
      <c r="L12272" s="5" t="s">
        <v>36264</v>
      </c>
      <c r="M12272" s="2" t="s">
        <v>36265</v>
      </c>
      <c r="N12272" s="5" t="s">
        <v>36266</v>
      </c>
      <c r="O12272" s="5" t="s">
        <v>38</v>
      </c>
      <c r="P12272" s="5" t="s">
        <v>39</v>
      </c>
      <c r="Q12272" s="5" t="s">
        <v>40</v>
      </c>
      <c r="R12272" s="5" t="s">
        <v>1522</v>
      </c>
      <c r="S12272" s="5" t="s">
        <v>1523</v>
      </c>
      <c r="T12272" s="5" t="s">
        <v>42</v>
      </c>
      <c r="U12272" s="2">
        <v>1.758</v>
      </c>
      <c r="V12272" s="2">
        <v>1.099</v>
      </c>
      <c r="W12272" s="2">
        <v>0.02</v>
      </c>
      <c r="X12272" s="2">
        <v>159.1</v>
      </c>
      <c r="Y12272" s="2">
        <v>7.6</v>
      </c>
      <c r="Z12272" s="2">
        <v>16.7</v>
      </c>
      <c r="AA12272" s="5"/>
      <c r="AB12272" s="5" t="s">
        <v>43</v>
      </c>
      <c r="AC12272" s="5" t="s">
        <v>44</v>
      </c>
      <c r="AD12272" s="2"/>
      <c r="AE12272" s="1"/>
    </row>
    <row r="12273" spans="1:31" ht="14.45">
      <c r="A12273" s="11"/>
      <c r="B12273" s="20"/>
      <c r="C12273" s="2" t="s">
        <v>37747</v>
      </c>
      <c r="D12273" s="14" t="s">
        <v>37748</v>
      </c>
      <c r="E12273" s="2" t="s">
        <v>37749</v>
      </c>
      <c r="F12273" s="2" t="s">
        <v>36349</v>
      </c>
      <c r="G12273" s="8">
        <v>186</v>
      </c>
      <c r="H12273" s="5">
        <v>6</v>
      </c>
      <c r="I12273" s="5" t="s">
        <v>1518</v>
      </c>
      <c r="J12273" s="5" t="s">
        <v>36264</v>
      </c>
      <c r="K12273" s="2" t="s">
        <v>36265</v>
      </c>
      <c r="L12273" s="5" t="s">
        <v>36264</v>
      </c>
      <c r="M12273" s="2" t="s">
        <v>36265</v>
      </c>
      <c r="N12273" s="5" t="s">
        <v>36266</v>
      </c>
      <c r="O12273" s="5" t="s">
        <v>38</v>
      </c>
      <c r="P12273" s="5" t="s">
        <v>39</v>
      </c>
      <c r="Q12273" s="5" t="s">
        <v>40</v>
      </c>
      <c r="R12273" s="5" t="s">
        <v>1522</v>
      </c>
      <c r="S12273" s="5" t="s">
        <v>1523</v>
      </c>
      <c r="T12273" s="5" t="s">
        <v>42</v>
      </c>
      <c r="U12273" s="2">
        <v>1.7829999999999999</v>
      </c>
      <c r="V12273" s="2">
        <v>1.1240000000000001</v>
      </c>
      <c r="W12273" s="2">
        <v>0.02</v>
      </c>
      <c r="X12273" s="2">
        <v>159.1</v>
      </c>
      <c r="Y12273" s="2">
        <v>7.6</v>
      </c>
      <c r="Z12273" s="2">
        <v>16.7</v>
      </c>
      <c r="AA12273" s="5"/>
      <c r="AB12273" s="5" t="s">
        <v>43</v>
      </c>
      <c r="AC12273" s="5" t="s">
        <v>44</v>
      </c>
      <c r="AD12273" s="2"/>
      <c r="AE12273" s="1"/>
    </row>
    <row r="12274" spans="1:31" ht="14.45">
      <c r="A12274" s="11"/>
      <c r="B12274" s="20"/>
      <c r="C12274" s="2" t="s">
        <v>37750</v>
      </c>
      <c r="D12274" s="14" t="s">
        <v>37751</v>
      </c>
      <c r="E12274" s="2" t="s">
        <v>37752</v>
      </c>
      <c r="F12274" s="2" t="s">
        <v>36353</v>
      </c>
      <c r="G12274" s="8">
        <v>186</v>
      </c>
      <c r="H12274" s="5">
        <v>6</v>
      </c>
      <c r="I12274" s="5" t="s">
        <v>1518</v>
      </c>
      <c r="J12274" s="5" t="s">
        <v>36264</v>
      </c>
      <c r="K12274" s="2" t="s">
        <v>36265</v>
      </c>
      <c r="L12274" s="5" t="s">
        <v>36264</v>
      </c>
      <c r="M12274" s="2" t="s">
        <v>36265</v>
      </c>
      <c r="N12274" s="5" t="s">
        <v>36266</v>
      </c>
      <c r="O12274" s="5" t="s">
        <v>38</v>
      </c>
      <c r="P12274" s="5" t="s">
        <v>39</v>
      </c>
      <c r="Q12274" s="5" t="s">
        <v>40</v>
      </c>
      <c r="R12274" s="5" t="s">
        <v>1522</v>
      </c>
      <c r="S12274" s="5" t="s">
        <v>1523</v>
      </c>
      <c r="T12274" s="5" t="s">
        <v>42</v>
      </c>
      <c r="U12274" s="2">
        <v>1.758</v>
      </c>
      <c r="V12274" s="2">
        <v>1.099</v>
      </c>
      <c r="W12274" s="2">
        <v>0.02</v>
      </c>
      <c r="X12274" s="2">
        <v>159.1</v>
      </c>
      <c r="Y12274" s="2">
        <v>7.6</v>
      </c>
      <c r="Z12274" s="2">
        <v>16.7</v>
      </c>
      <c r="AA12274" s="5"/>
      <c r="AB12274" s="5" t="s">
        <v>43</v>
      </c>
      <c r="AC12274" s="5" t="s">
        <v>44</v>
      </c>
      <c r="AD12274" s="2"/>
      <c r="AE12274" s="1"/>
    </row>
    <row r="12275" spans="1:31" ht="14.45">
      <c r="A12275" s="11"/>
      <c r="B12275" s="20"/>
      <c r="C12275" s="2" t="s">
        <v>37753</v>
      </c>
      <c r="D12275" s="14" t="s">
        <v>37754</v>
      </c>
      <c r="E12275" s="2" t="s">
        <v>37755</v>
      </c>
      <c r="F12275" s="2" t="s">
        <v>36357</v>
      </c>
      <c r="G12275" s="8">
        <v>186</v>
      </c>
      <c r="H12275" s="5">
        <v>6</v>
      </c>
      <c r="I12275" s="5" t="s">
        <v>1518</v>
      </c>
      <c r="J12275" s="5" t="s">
        <v>36264</v>
      </c>
      <c r="K12275" s="2" t="s">
        <v>36265</v>
      </c>
      <c r="L12275" s="5" t="s">
        <v>36264</v>
      </c>
      <c r="M12275" s="2" t="s">
        <v>36265</v>
      </c>
      <c r="N12275" s="5" t="s">
        <v>36266</v>
      </c>
      <c r="O12275" s="5" t="s">
        <v>38</v>
      </c>
      <c r="P12275" s="5" t="s">
        <v>39</v>
      </c>
      <c r="Q12275" s="5" t="s">
        <v>40</v>
      </c>
      <c r="R12275" s="5" t="s">
        <v>1522</v>
      </c>
      <c r="S12275" s="5" t="s">
        <v>1523</v>
      </c>
      <c r="T12275" s="5" t="s">
        <v>42</v>
      </c>
      <c r="U12275" s="2">
        <v>1.7829999999999999</v>
      </c>
      <c r="V12275" s="2">
        <v>1.1240000000000001</v>
      </c>
      <c r="W12275" s="2">
        <v>0.02</v>
      </c>
      <c r="X12275" s="2">
        <v>159.1</v>
      </c>
      <c r="Y12275" s="2">
        <v>7.6</v>
      </c>
      <c r="Z12275" s="2">
        <v>16.7</v>
      </c>
      <c r="AA12275" s="5"/>
      <c r="AB12275" s="5" t="s">
        <v>43</v>
      </c>
      <c r="AC12275" s="5" t="s">
        <v>44</v>
      </c>
      <c r="AD12275" s="2"/>
      <c r="AE12275" s="1"/>
    </row>
    <row r="12276" spans="1:31" ht="14.45">
      <c r="A12276" s="11"/>
      <c r="B12276" s="20"/>
      <c r="C12276" s="2" t="s">
        <v>37756</v>
      </c>
      <c r="D12276" s="14" t="s">
        <v>37757</v>
      </c>
      <c r="E12276" s="2" t="s">
        <v>37758</v>
      </c>
      <c r="F12276" s="2" t="s">
        <v>36361</v>
      </c>
      <c r="G12276" s="8">
        <v>186</v>
      </c>
      <c r="H12276" s="5">
        <v>6</v>
      </c>
      <c r="I12276" s="5" t="s">
        <v>1518</v>
      </c>
      <c r="J12276" s="5" t="s">
        <v>36264</v>
      </c>
      <c r="K12276" s="2" t="s">
        <v>36265</v>
      </c>
      <c r="L12276" s="5" t="s">
        <v>36264</v>
      </c>
      <c r="M12276" s="2" t="s">
        <v>36265</v>
      </c>
      <c r="N12276" s="5" t="s">
        <v>36266</v>
      </c>
      <c r="O12276" s="5" t="s">
        <v>38</v>
      </c>
      <c r="P12276" s="5" t="s">
        <v>39</v>
      </c>
      <c r="Q12276" s="5" t="s">
        <v>40</v>
      </c>
      <c r="R12276" s="5" t="s">
        <v>1522</v>
      </c>
      <c r="S12276" s="5" t="s">
        <v>1523</v>
      </c>
      <c r="T12276" s="5" t="s">
        <v>42</v>
      </c>
      <c r="U12276" s="2">
        <v>1.758</v>
      </c>
      <c r="V12276" s="2">
        <v>1.099</v>
      </c>
      <c r="W12276" s="2">
        <v>0.02</v>
      </c>
      <c r="X12276" s="2">
        <v>159.1</v>
      </c>
      <c r="Y12276" s="2">
        <v>7.6</v>
      </c>
      <c r="Z12276" s="2">
        <v>16.7</v>
      </c>
      <c r="AA12276" s="5"/>
      <c r="AB12276" s="5" t="s">
        <v>43</v>
      </c>
      <c r="AC12276" s="5" t="s">
        <v>44</v>
      </c>
      <c r="AD12276" s="2"/>
      <c r="AE12276" s="1"/>
    </row>
    <row r="12277" spans="1:31" ht="14.45">
      <c r="A12277" s="11"/>
      <c r="B12277" s="20"/>
      <c r="C12277" s="2" t="s">
        <v>37759</v>
      </c>
      <c r="D12277" s="14" t="s">
        <v>37760</v>
      </c>
      <c r="E12277" s="2" t="s">
        <v>37761</v>
      </c>
      <c r="F12277" s="2" t="s">
        <v>36365</v>
      </c>
      <c r="G12277" s="8">
        <v>186</v>
      </c>
      <c r="H12277" s="5">
        <v>6</v>
      </c>
      <c r="I12277" s="5" t="s">
        <v>1518</v>
      </c>
      <c r="J12277" s="5" t="s">
        <v>36264</v>
      </c>
      <c r="K12277" s="2" t="s">
        <v>36265</v>
      </c>
      <c r="L12277" s="5" t="s">
        <v>36264</v>
      </c>
      <c r="M12277" s="2" t="s">
        <v>36265</v>
      </c>
      <c r="N12277" s="5" t="s">
        <v>36266</v>
      </c>
      <c r="O12277" s="5" t="s">
        <v>38</v>
      </c>
      <c r="P12277" s="5" t="s">
        <v>39</v>
      </c>
      <c r="Q12277" s="5" t="s">
        <v>40</v>
      </c>
      <c r="R12277" s="5" t="s">
        <v>1522</v>
      </c>
      <c r="S12277" s="5" t="s">
        <v>1523</v>
      </c>
      <c r="T12277" s="5" t="s">
        <v>42</v>
      </c>
      <c r="U12277" s="2">
        <v>1.7829999999999999</v>
      </c>
      <c r="V12277" s="2">
        <v>1.1240000000000001</v>
      </c>
      <c r="W12277" s="2">
        <v>0.02</v>
      </c>
      <c r="X12277" s="2">
        <v>159.1</v>
      </c>
      <c r="Y12277" s="2">
        <v>7.6</v>
      </c>
      <c r="Z12277" s="2">
        <v>16.7</v>
      </c>
      <c r="AA12277" s="5"/>
      <c r="AB12277" s="5" t="s">
        <v>43</v>
      </c>
      <c r="AC12277" s="5" t="s">
        <v>44</v>
      </c>
      <c r="AD12277" s="2"/>
      <c r="AE12277" s="1"/>
    </row>
    <row r="12278" spans="1:31" ht="14.45">
      <c r="A12278" s="11"/>
      <c r="B12278" s="20"/>
      <c r="C12278" s="2" t="s">
        <v>37762</v>
      </c>
      <c r="D12278" s="14" t="s">
        <v>37763</v>
      </c>
      <c r="E12278" s="2" t="s">
        <v>37764</v>
      </c>
      <c r="F12278" s="2" t="s">
        <v>36369</v>
      </c>
      <c r="G12278" s="8">
        <v>186</v>
      </c>
      <c r="H12278" s="5">
        <v>6</v>
      </c>
      <c r="I12278" s="5" t="s">
        <v>1518</v>
      </c>
      <c r="J12278" s="5" t="s">
        <v>36264</v>
      </c>
      <c r="K12278" s="2" t="s">
        <v>36265</v>
      </c>
      <c r="L12278" s="5" t="s">
        <v>36264</v>
      </c>
      <c r="M12278" s="2" t="s">
        <v>36265</v>
      </c>
      <c r="N12278" s="5" t="s">
        <v>36266</v>
      </c>
      <c r="O12278" s="5" t="s">
        <v>38</v>
      </c>
      <c r="P12278" s="5" t="s">
        <v>39</v>
      </c>
      <c r="Q12278" s="5" t="s">
        <v>40</v>
      </c>
      <c r="R12278" s="5" t="s">
        <v>1522</v>
      </c>
      <c r="S12278" s="5" t="s">
        <v>1523</v>
      </c>
      <c r="T12278" s="5" t="s">
        <v>42</v>
      </c>
      <c r="U12278" s="2">
        <v>1.758</v>
      </c>
      <c r="V12278" s="2">
        <v>1.099</v>
      </c>
      <c r="W12278" s="2">
        <v>0.02</v>
      </c>
      <c r="X12278" s="2">
        <v>159.1</v>
      </c>
      <c r="Y12278" s="2">
        <v>7.6</v>
      </c>
      <c r="Z12278" s="2">
        <v>16.7</v>
      </c>
      <c r="AA12278" s="5"/>
      <c r="AB12278" s="5" t="s">
        <v>43</v>
      </c>
      <c r="AC12278" s="5" t="s">
        <v>44</v>
      </c>
      <c r="AD12278" s="2"/>
      <c r="AE12278" s="1"/>
    </row>
    <row r="12279" spans="1:31" ht="14.45">
      <c r="A12279" s="11"/>
      <c r="B12279" s="20"/>
      <c r="C12279" s="2" t="s">
        <v>37765</v>
      </c>
      <c r="D12279" s="14" t="s">
        <v>37766</v>
      </c>
      <c r="E12279" s="2" t="s">
        <v>37767</v>
      </c>
      <c r="F12279" s="2" t="s">
        <v>36373</v>
      </c>
      <c r="G12279" s="8">
        <v>186</v>
      </c>
      <c r="H12279" s="5">
        <v>6</v>
      </c>
      <c r="I12279" s="5" t="s">
        <v>1518</v>
      </c>
      <c r="J12279" s="5" t="s">
        <v>36264</v>
      </c>
      <c r="K12279" s="2" t="s">
        <v>36265</v>
      </c>
      <c r="L12279" s="5" t="s">
        <v>36264</v>
      </c>
      <c r="M12279" s="2" t="s">
        <v>36265</v>
      </c>
      <c r="N12279" s="5" t="s">
        <v>36266</v>
      </c>
      <c r="O12279" s="5" t="s">
        <v>38</v>
      </c>
      <c r="P12279" s="5" t="s">
        <v>39</v>
      </c>
      <c r="Q12279" s="5" t="s">
        <v>40</v>
      </c>
      <c r="R12279" s="5" t="s">
        <v>1522</v>
      </c>
      <c r="S12279" s="5" t="s">
        <v>1523</v>
      </c>
      <c r="T12279" s="5" t="s">
        <v>42</v>
      </c>
      <c r="U12279" s="2">
        <v>1.7829999999999999</v>
      </c>
      <c r="V12279" s="2">
        <v>1.1240000000000001</v>
      </c>
      <c r="W12279" s="2">
        <v>0.02</v>
      </c>
      <c r="X12279" s="2">
        <v>159.1</v>
      </c>
      <c r="Y12279" s="2">
        <v>7.6</v>
      </c>
      <c r="Z12279" s="2">
        <v>16.7</v>
      </c>
      <c r="AA12279" s="5"/>
      <c r="AB12279" s="5" t="s">
        <v>43</v>
      </c>
      <c r="AC12279" s="5" t="s">
        <v>44</v>
      </c>
      <c r="AD12279" s="2"/>
      <c r="AE12279" s="1"/>
    </row>
    <row r="12280" spans="1:31" ht="14.45">
      <c r="A12280" s="11"/>
      <c r="B12280" s="20"/>
      <c r="C12280" s="2" t="s">
        <v>37768</v>
      </c>
      <c r="D12280" s="14" t="s">
        <v>37769</v>
      </c>
      <c r="E12280" s="2" t="s">
        <v>37770</v>
      </c>
      <c r="F12280" s="2" t="s">
        <v>36377</v>
      </c>
      <c r="G12280" s="8">
        <v>186</v>
      </c>
      <c r="H12280" s="5">
        <v>6</v>
      </c>
      <c r="I12280" s="5" t="s">
        <v>1518</v>
      </c>
      <c r="J12280" s="5" t="s">
        <v>36264</v>
      </c>
      <c r="K12280" s="2" t="s">
        <v>36265</v>
      </c>
      <c r="L12280" s="5" t="s">
        <v>36264</v>
      </c>
      <c r="M12280" s="2" t="s">
        <v>36265</v>
      </c>
      <c r="N12280" s="5" t="s">
        <v>36266</v>
      </c>
      <c r="O12280" s="5" t="s">
        <v>38</v>
      </c>
      <c r="P12280" s="5" t="s">
        <v>39</v>
      </c>
      <c r="Q12280" s="5" t="s">
        <v>40</v>
      </c>
      <c r="R12280" s="5" t="s">
        <v>1522</v>
      </c>
      <c r="S12280" s="5" t="s">
        <v>1523</v>
      </c>
      <c r="T12280" s="5" t="s">
        <v>42</v>
      </c>
      <c r="U12280" s="2">
        <v>1.758</v>
      </c>
      <c r="V12280" s="2">
        <v>1.099</v>
      </c>
      <c r="W12280" s="2">
        <v>0.02</v>
      </c>
      <c r="X12280" s="2">
        <v>159.1</v>
      </c>
      <c r="Y12280" s="2">
        <v>7.6</v>
      </c>
      <c r="Z12280" s="2">
        <v>16.7</v>
      </c>
      <c r="AA12280" s="5"/>
      <c r="AB12280" s="5" t="s">
        <v>43</v>
      </c>
      <c r="AC12280" s="5" t="s">
        <v>44</v>
      </c>
      <c r="AD12280" s="2"/>
      <c r="AE12280" s="1"/>
    </row>
    <row r="12281" spans="1:31" ht="14.45">
      <c r="A12281" s="11"/>
      <c r="B12281" s="20"/>
      <c r="C12281" s="2" t="s">
        <v>37771</v>
      </c>
      <c r="D12281" s="14" t="s">
        <v>37772</v>
      </c>
      <c r="E12281" s="2" t="s">
        <v>37773</v>
      </c>
      <c r="F12281" s="2" t="s">
        <v>36381</v>
      </c>
      <c r="G12281" s="8">
        <v>186</v>
      </c>
      <c r="H12281" s="5">
        <v>6</v>
      </c>
      <c r="I12281" s="5" t="s">
        <v>1518</v>
      </c>
      <c r="J12281" s="5" t="s">
        <v>36264</v>
      </c>
      <c r="K12281" s="2" t="s">
        <v>36265</v>
      </c>
      <c r="L12281" s="5" t="s">
        <v>36264</v>
      </c>
      <c r="M12281" s="2" t="s">
        <v>36265</v>
      </c>
      <c r="N12281" s="5" t="s">
        <v>36266</v>
      </c>
      <c r="O12281" s="5" t="s">
        <v>38</v>
      </c>
      <c r="P12281" s="5" t="s">
        <v>39</v>
      </c>
      <c r="Q12281" s="5" t="s">
        <v>40</v>
      </c>
      <c r="R12281" s="5" t="s">
        <v>1522</v>
      </c>
      <c r="S12281" s="5" t="s">
        <v>1523</v>
      </c>
      <c r="T12281" s="5" t="s">
        <v>42</v>
      </c>
      <c r="U12281" s="2">
        <v>1.7829999999999999</v>
      </c>
      <c r="V12281" s="2">
        <v>1.1240000000000001</v>
      </c>
      <c r="W12281" s="2">
        <v>0.02</v>
      </c>
      <c r="X12281" s="2">
        <v>159.1</v>
      </c>
      <c r="Y12281" s="2">
        <v>7.6</v>
      </c>
      <c r="Z12281" s="2">
        <v>16.7</v>
      </c>
      <c r="AA12281" s="5"/>
      <c r="AB12281" s="5" t="s">
        <v>43</v>
      </c>
      <c r="AC12281" s="5" t="s">
        <v>44</v>
      </c>
      <c r="AD12281" s="2"/>
      <c r="AE12281" s="1"/>
    </row>
    <row r="12282" spans="1:31" ht="14.45">
      <c r="A12282" s="11"/>
      <c r="B12282" s="20"/>
      <c r="C12282" s="2" t="s">
        <v>37774</v>
      </c>
      <c r="D12282" s="14" t="s">
        <v>37775</v>
      </c>
      <c r="E12282" s="2" t="s">
        <v>37776</v>
      </c>
      <c r="F12282" s="2" t="s">
        <v>36385</v>
      </c>
      <c r="G12282" s="8">
        <v>186</v>
      </c>
      <c r="H12282" s="5">
        <v>6</v>
      </c>
      <c r="I12282" s="5" t="s">
        <v>1518</v>
      </c>
      <c r="J12282" s="5" t="s">
        <v>36264</v>
      </c>
      <c r="K12282" s="2" t="s">
        <v>36265</v>
      </c>
      <c r="L12282" s="5" t="s">
        <v>36264</v>
      </c>
      <c r="M12282" s="2" t="s">
        <v>36265</v>
      </c>
      <c r="N12282" s="5" t="s">
        <v>36266</v>
      </c>
      <c r="O12282" s="5" t="s">
        <v>38</v>
      </c>
      <c r="P12282" s="5" t="s">
        <v>39</v>
      </c>
      <c r="Q12282" s="5" t="s">
        <v>40</v>
      </c>
      <c r="R12282" s="5" t="s">
        <v>1522</v>
      </c>
      <c r="S12282" s="5" t="s">
        <v>1523</v>
      </c>
      <c r="T12282" s="5" t="s">
        <v>42</v>
      </c>
      <c r="U12282" s="2">
        <v>1.758</v>
      </c>
      <c r="V12282" s="2">
        <v>1.099</v>
      </c>
      <c r="W12282" s="2">
        <v>0.02</v>
      </c>
      <c r="X12282" s="2">
        <v>159.1</v>
      </c>
      <c r="Y12282" s="2">
        <v>7.6</v>
      </c>
      <c r="Z12282" s="2">
        <v>16.7</v>
      </c>
      <c r="AA12282" s="5"/>
      <c r="AB12282" s="5" t="s">
        <v>43</v>
      </c>
      <c r="AC12282" s="5" t="s">
        <v>44</v>
      </c>
      <c r="AD12282" s="2"/>
      <c r="AE12282" s="1"/>
    </row>
    <row r="12283" spans="1:31" ht="14.45">
      <c r="A12283" s="11"/>
      <c r="B12283" s="20"/>
      <c r="C12283" s="2" t="s">
        <v>37777</v>
      </c>
      <c r="D12283" s="14" t="s">
        <v>37778</v>
      </c>
      <c r="E12283" s="2" t="s">
        <v>37779</v>
      </c>
      <c r="F12283" s="2" t="s">
        <v>36389</v>
      </c>
      <c r="G12283" s="8">
        <v>186</v>
      </c>
      <c r="H12283" s="5">
        <v>6</v>
      </c>
      <c r="I12283" s="5" t="s">
        <v>1518</v>
      </c>
      <c r="J12283" s="5" t="s">
        <v>36264</v>
      </c>
      <c r="K12283" s="2" t="s">
        <v>36265</v>
      </c>
      <c r="L12283" s="5" t="s">
        <v>36264</v>
      </c>
      <c r="M12283" s="2" t="s">
        <v>36265</v>
      </c>
      <c r="N12283" s="5" t="s">
        <v>36266</v>
      </c>
      <c r="O12283" s="5" t="s">
        <v>38</v>
      </c>
      <c r="P12283" s="5" t="s">
        <v>39</v>
      </c>
      <c r="Q12283" s="5" t="s">
        <v>40</v>
      </c>
      <c r="R12283" s="5" t="s">
        <v>1522</v>
      </c>
      <c r="S12283" s="5" t="s">
        <v>1523</v>
      </c>
      <c r="T12283" s="5" t="s">
        <v>42</v>
      </c>
      <c r="U12283" s="2">
        <v>1.7829999999999999</v>
      </c>
      <c r="V12283" s="2">
        <v>1.1240000000000001</v>
      </c>
      <c r="W12283" s="2">
        <v>0.02</v>
      </c>
      <c r="X12283" s="2">
        <v>159.1</v>
      </c>
      <c r="Y12283" s="2">
        <v>7.6</v>
      </c>
      <c r="Z12283" s="2">
        <v>16.7</v>
      </c>
      <c r="AA12283" s="5"/>
      <c r="AB12283" s="5" t="s">
        <v>43</v>
      </c>
      <c r="AC12283" s="5" t="s">
        <v>44</v>
      </c>
      <c r="AD12283" s="2"/>
      <c r="AE12283" s="1"/>
    </row>
    <row r="12284" spans="1:31" ht="14.45">
      <c r="A12284" s="11"/>
      <c r="B12284" s="20"/>
      <c r="C12284" s="2" t="s">
        <v>37780</v>
      </c>
      <c r="D12284" s="14" t="s">
        <v>37781</v>
      </c>
      <c r="E12284" s="2" t="s">
        <v>37782</v>
      </c>
      <c r="F12284" s="2" t="s">
        <v>7204</v>
      </c>
      <c r="G12284" s="8">
        <v>136</v>
      </c>
      <c r="H12284" s="5">
        <v>6</v>
      </c>
      <c r="I12284" s="5" t="s">
        <v>1518</v>
      </c>
      <c r="J12284" s="5" t="s">
        <v>36264</v>
      </c>
      <c r="K12284" s="2" t="s">
        <v>36265</v>
      </c>
      <c r="L12284" s="5" t="s">
        <v>36264</v>
      </c>
      <c r="M12284" s="2" t="s">
        <v>36265</v>
      </c>
      <c r="N12284" s="5" t="s">
        <v>36266</v>
      </c>
      <c r="O12284" s="5" t="s">
        <v>38</v>
      </c>
      <c r="P12284" s="5" t="s">
        <v>39</v>
      </c>
      <c r="Q12284" s="5" t="s">
        <v>40</v>
      </c>
      <c r="R12284" s="5" t="s">
        <v>1522</v>
      </c>
      <c r="S12284" s="5" t="s">
        <v>1523</v>
      </c>
      <c r="T12284" s="5" t="s">
        <v>42</v>
      </c>
      <c r="U12284" s="2">
        <v>1.046</v>
      </c>
      <c r="V12284" s="2">
        <v>0.628</v>
      </c>
      <c r="W12284" s="2">
        <v>1.0999999999999999E-2</v>
      </c>
      <c r="X12284" s="2">
        <v>82.9</v>
      </c>
      <c r="Y12284" s="2">
        <v>7.6</v>
      </c>
      <c r="Z12284" s="2">
        <v>16.7</v>
      </c>
      <c r="AA12284" s="5"/>
      <c r="AB12284" s="5" t="s">
        <v>43</v>
      </c>
      <c r="AC12284" s="5" t="s">
        <v>44</v>
      </c>
      <c r="AD12284" s="2"/>
      <c r="AE12284" s="1"/>
    </row>
    <row r="12285" spans="1:31" ht="14.45">
      <c r="A12285" s="11"/>
      <c r="B12285" s="20"/>
      <c r="C12285" s="2" t="s">
        <v>37783</v>
      </c>
      <c r="D12285" s="14" t="s">
        <v>37784</v>
      </c>
      <c r="E12285" s="2" t="s">
        <v>37785</v>
      </c>
      <c r="F12285" s="2" t="s">
        <v>7514</v>
      </c>
      <c r="G12285" s="8">
        <v>136</v>
      </c>
      <c r="H12285" s="5">
        <v>6</v>
      </c>
      <c r="I12285" s="5" t="s">
        <v>1518</v>
      </c>
      <c r="J12285" s="5" t="s">
        <v>36264</v>
      </c>
      <c r="K12285" s="2" t="s">
        <v>36265</v>
      </c>
      <c r="L12285" s="5" t="s">
        <v>36264</v>
      </c>
      <c r="M12285" s="2" t="s">
        <v>36265</v>
      </c>
      <c r="N12285" s="5" t="s">
        <v>36266</v>
      </c>
      <c r="O12285" s="5" t="s">
        <v>38</v>
      </c>
      <c r="P12285" s="5" t="s">
        <v>39</v>
      </c>
      <c r="Q12285" s="5" t="s">
        <v>40</v>
      </c>
      <c r="R12285" s="5" t="s">
        <v>1522</v>
      </c>
      <c r="S12285" s="5" t="s">
        <v>1523</v>
      </c>
      <c r="T12285" s="5" t="s">
        <v>42</v>
      </c>
      <c r="U12285" s="2">
        <v>1.071</v>
      </c>
      <c r="V12285" s="2">
        <v>0.65300000000000002</v>
      </c>
      <c r="W12285" s="2">
        <v>1.0999999999999999E-2</v>
      </c>
      <c r="X12285" s="2">
        <v>82.9</v>
      </c>
      <c r="Y12285" s="2">
        <v>7.6</v>
      </c>
      <c r="Z12285" s="2">
        <v>16.7</v>
      </c>
      <c r="AA12285" s="5"/>
      <c r="AB12285" s="5" t="s">
        <v>43</v>
      </c>
      <c r="AC12285" s="5" t="s">
        <v>44</v>
      </c>
      <c r="AD12285" s="2"/>
      <c r="AE12285" s="1"/>
    </row>
    <row r="12286" spans="1:31" ht="14.45">
      <c r="A12286" s="11"/>
      <c r="B12286" s="20"/>
      <c r="C12286" s="2" t="s">
        <v>37786</v>
      </c>
      <c r="D12286" s="14" t="s">
        <v>37787</v>
      </c>
      <c r="E12286" s="2" t="s">
        <v>37788</v>
      </c>
      <c r="F12286" s="2" t="s">
        <v>36273</v>
      </c>
      <c r="G12286" s="8">
        <v>136</v>
      </c>
      <c r="H12286" s="5">
        <v>6</v>
      </c>
      <c r="I12286" s="5" t="s">
        <v>1518</v>
      </c>
      <c r="J12286" s="5" t="s">
        <v>36264</v>
      </c>
      <c r="K12286" s="2" t="s">
        <v>36265</v>
      </c>
      <c r="L12286" s="5" t="s">
        <v>36264</v>
      </c>
      <c r="M12286" s="2" t="s">
        <v>36265</v>
      </c>
      <c r="N12286" s="5" t="s">
        <v>36266</v>
      </c>
      <c r="O12286" s="5" t="s">
        <v>38</v>
      </c>
      <c r="P12286" s="5" t="s">
        <v>39</v>
      </c>
      <c r="Q12286" s="5" t="s">
        <v>40</v>
      </c>
      <c r="R12286" s="5" t="s">
        <v>1522</v>
      </c>
      <c r="S12286" s="5" t="s">
        <v>1523</v>
      </c>
      <c r="T12286" s="5" t="s">
        <v>42</v>
      </c>
      <c r="U12286" s="2">
        <v>1.046</v>
      </c>
      <c r="V12286" s="2">
        <v>0.628</v>
      </c>
      <c r="W12286" s="2">
        <v>1.0999999999999999E-2</v>
      </c>
      <c r="X12286" s="2">
        <v>82.9</v>
      </c>
      <c r="Y12286" s="2">
        <v>7.6</v>
      </c>
      <c r="Z12286" s="2">
        <v>16.7</v>
      </c>
      <c r="AA12286" s="5"/>
      <c r="AB12286" s="5" t="s">
        <v>43</v>
      </c>
      <c r="AC12286" s="5" t="s">
        <v>44</v>
      </c>
      <c r="AD12286" s="2"/>
      <c r="AE12286" s="1"/>
    </row>
    <row r="12287" spans="1:31" ht="14.45">
      <c r="A12287" s="11"/>
      <c r="B12287" s="20"/>
      <c r="C12287" s="2" t="s">
        <v>37789</v>
      </c>
      <c r="D12287" s="14" t="s">
        <v>37790</v>
      </c>
      <c r="E12287" s="2" t="s">
        <v>37791</v>
      </c>
      <c r="F12287" s="2" t="s">
        <v>36277</v>
      </c>
      <c r="G12287" s="8">
        <v>136</v>
      </c>
      <c r="H12287" s="5">
        <v>6</v>
      </c>
      <c r="I12287" s="5" t="s">
        <v>1518</v>
      </c>
      <c r="J12287" s="5" t="s">
        <v>36264</v>
      </c>
      <c r="K12287" s="2" t="s">
        <v>36265</v>
      </c>
      <c r="L12287" s="5" t="s">
        <v>36264</v>
      </c>
      <c r="M12287" s="2" t="s">
        <v>36265</v>
      </c>
      <c r="N12287" s="5" t="s">
        <v>36266</v>
      </c>
      <c r="O12287" s="5" t="s">
        <v>38</v>
      </c>
      <c r="P12287" s="5" t="s">
        <v>39</v>
      </c>
      <c r="Q12287" s="5" t="s">
        <v>40</v>
      </c>
      <c r="R12287" s="5" t="s">
        <v>1522</v>
      </c>
      <c r="S12287" s="5" t="s">
        <v>1523</v>
      </c>
      <c r="T12287" s="5" t="s">
        <v>42</v>
      </c>
      <c r="U12287" s="2">
        <v>1.071</v>
      </c>
      <c r="V12287" s="2">
        <v>0.65300000000000002</v>
      </c>
      <c r="W12287" s="2">
        <v>1.0999999999999999E-2</v>
      </c>
      <c r="X12287" s="2">
        <v>82.9</v>
      </c>
      <c r="Y12287" s="2">
        <v>7.6</v>
      </c>
      <c r="Z12287" s="2">
        <v>16.7</v>
      </c>
      <c r="AA12287" s="5"/>
      <c r="AB12287" s="5" t="s">
        <v>43</v>
      </c>
      <c r="AC12287" s="5" t="s">
        <v>44</v>
      </c>
      <c r="AD12287" s="2"/>
      <c r="AE12287" s="1"/>
    </row>
    <row r="12288" spans="1:31" ht="14.45">
      <c r="A12288" s="11"/>
      <c r="B12288" s="20"/>
      <c r="C12288" s="2" t="s">
        <v>37792</v>
      </c>
      <c r="D12288" s="14" t="s">
        <v>37793</v>
      </c>
      <c r="E12288" s="2" t="s">
        <v>37794</v>
      </c>
      <c r="F12288" s="2" t="s">
        <v>36281</v>
      </c>
      <c r="G12288" s="8">
        <v>157</v>
      </c>
      <c r="H12288" s="5">
        <v>6</v>
      </c>
      <c r="I12288" s="5" t="s">
        <v>1518</v>
      </c>
      <c r="J12288" s="5" t="s">
        <v>36264</v>
      </c>
      <c r="K12288" s="2" t="s">
        <v>36265</v>
      </c>
      <c r="L12288" s="5" t="s">
        <v>36264</v>
      </c>
      <c r="M12288" s="2" t="s">
        <v>36265</v>
      </c>
      <c r="N12288" s="5" t="s">
        <v>36266</v>
      </c>
      <c r="O12288" s="5" t="s">
        <v>38</v>
      </c>
      <c r="P12288" s="5" t="s">
        <v>39</v>
      </c>
      <c r="Q12288" s="5" t="s">
        <v>40</v>
      </c>
      <c r="R12288" s="5" t="s">
        <v>1522</v>
      </c>
      <c r="S12288" s="5" t="s">
        <v>1523</v>
      </c>
      <c r="T12288" s="5" t="s">
        <v>42</v>
      </c>
      <c r="U12288" s="2">
        <v>1.046</v>
      </c>
      <c r="V12288" s="2">
        <v>0.628</v>
      </c>
      <c r="W12288" s="2">
        <v>1.0999999999999999E-2</v>
      </c>
      <c r="X12288" s="2">
        <v>82.9</v>
      </c>
      <c r="Y12288" s="2">
        <v>7.6</v>
      </c>
      <c r="Z12288" s="2">
        <v>16.7</v>
      </c>
      <c r="AA12288" s="5"/>
      <c r="AB12288" s="5" t="s">
        <v>43</v>
      </c>
      <c r="AC12288" s="5" t="s">
        <v>44</v>
      </c>
      <c r="AD12288" s="2"/>
      <c r="AE12288" s="1"/>
    </row>
    <row r="12289" spans="1:31" ht="14.45">
      <c r="A12289" s="11"/>
      <c r="B12289" s="20"/>
      <c r="C12289" s="2" t="s">
        <v>37795</v>
      </c>
      <c r="D12289" s="14" t="s">
        <v>37796</v>
      </c>
      <c r="E12289" s="2" t="s">
        <v>37797</v>
      </c>
      <c r="F12289" s="2" t="s">
        <v>36289</v>
      </c>
      <c r="G12289" s="8">
        <v>157</v>
      </c>
      <c r="H12289" s="5">
        <v>6</v>
      </c>
      <c r="I12289" s="5" t="s">
        <v>1518</v>
      </c>
      <c r="J12289" s="5" t="s">
        <v>36264</v>
      </c>
      <c r="K12289" s="2" t="s">
        <v>36265</v>
      </c>
      <c r="L12289" s="5" t="s">
        <v>36264</v>
      </c>
      <c r="M12289" s="2" t="s">
        <v>36265</v>
      </c>
      <c r="N12289" s="5" t="s">
        <v>36266</v>
      </c>
      <c r="O12289" s="5" t="s">
        <v>38</v>
      </c>
      <c r="P12289" s="5" t="s">
        <v>39</v>
      </c>
      <c r="Q12289" s="5" t="s">
        <v>40</v>
      </c>
      <c r="R12289" s="5" t="s">
        <v>1522</v>
      </c>
      <c r="S12289" s="5" t="s">
        <v>1523</v>
      </c>
      <c r="T12289" s="5" t="s">
        <v>42</v>
      </c>
      <c r="U12289" s="2">
        <v>1.046</v>
      </c>
      <c r="V12289" s="2">
        <v>0.628</v>
      </c>
      <c r="W12289" s="2">
        <v>1.0999999999999999E-2</v>
      </c>
      <c r="X12289" s="2">
        <v>82.9</v>
      </c>
      <c r="Y12289" s="2">
        <v>7.6</v>
      </c>
      <c r="Z12289" s="2">
        <v>16.7</v>
      </c>
      <c r="AA12289" s="5"/>
      <c r="AB12289" s="5" t="s">
        <v>43</v>
      </c>
      <c r="AC12289" s="5" t="s">
        <v>44</v>
      </c>
      <c r="AD12289" s="2"/>
      <c r="AE12289" s="1"/>
    </row>
    <row r="12290" spans="1:31" ht="14.45">
      <c r="A12290" s="11"/>
      <c r="B12290" s="20"/>
      <c r="C12290" s="2" t="s">
        <v>37798</v>
      </c>
      <c r="D12290" s="14" t="s">
        <v>37799</v>
      </c>
      <c r="E12290" s="2" t="s">
        <v>37800</v>
      </c>
      <c r="F12290" s="2" t="s">
        <v>36293</v>
      </c>
      <c r="G12290" s="8">
        <v>157</v>
      </c>
      <c r="H12290" s="5">
        <v>6</v>
      </c>
      <c r="I12290" s="5" t="s">
        <v>1518</v>
      </c>
      <c r="J12290" s="5" t="s">
        <v>36264</v>
      </c>
      <c r="K12290" s="2" t="s">
        <v>36265</v>
      </c>
      <c r="L12290" s="5" t="s">
        <v>36264</v>
      </c>
      <c r="M12290" s="2" t="s">
        <v>36265</v>
      </c>
      <c r="N12290" s="5" t="s">
        <v>36266</v>
      </c>
      <c r="O12290" s="5" t="s">
        <v>38</v>
      </c>
      <c r="P12290" s="5" t="s">
        <v>39</v>
      </c>
      <c r="Q12290" s="5" t="s">
        <v>40</v>
      </c>
      <c r="R12290" s="5" t="s">
        <v>1522</v>
      </c>
      <c r="S12290" s="5" t="s">
        <v>1523</v>
      </c>
      <c r="T12290" s="5" t="s">
        <v>42</v>
      </c>
      <c r="U12290" s="2">
        <v>1.071</v>
      </c>
      <c r="V12290" s="2">
        <v>0.65300000000000002</v>
      </c>
      <c r="W12290" s="2">
        <v>1.0999999999999999E-2</v>
      </c>
      <c r="X12290" s="2">
        <v>82.9</v>
      </c>
      <c r="Y12290" s="2">
        <v>7.6</v>
      </c>
      <c r="Z12290" s="2">
        <v>16.7</v>
      </c>
      <c r="AA12290" s="5"/>
      <c r="AB12290" s="5" t="s">
        <v>43</v>
      </c>
      <c r="AC12290" s="5" t="s">
        <v>44</v>
      </c>
      <c r="AD12290" s="2"/>
      <c r="AE12290" s="1"/>
    </row>
    <row r="12291" spans="1:31" ht="14.45">
      <c r="A12291" s="11"/>
      <c r="B12291" s="20"/>
      <c r="C12291" s="2" t="s">
        <v>37801</v>
      </c>
      <c r="D12291" s="14" t="s">
        <v>37802</v>
      </c>
      <c r="E12291" s="2" t="s">
        <v>37803</v>
      </c>
      <c r="F12291" s="2" t="s">
        <v>36301</v>
      </c>
      <c r="G12291" s="8">
        <v>136</v>
      </c>
      <c r="H12291" s="5">
        <v>6</v>
      </c>
      <c r="I12291" s="5" t="s">
        <v>1518</v>
      </c>
      <c r="J12291" s="5" t="s">
        <v>36264</v>
      </c>
      <c r="K12291" s="2" t="s">
        <v>36265</v>
      </c>
      <c r="L12291" s="5" t="s">
        <v>36264</v>
      </c>
      <c r="M12291" s="2" t="s">
        <v>36265</v>
      </c>
      <c r="N12291" s="5" t="s">
        <v>36266</v>
      </c>
      <c r="O12291" s="5" t="s">
        <v>38</v>
      </c>
      <c r="P12291" s="5" t="s">
        <v>39</v>
      </c>
      <c r="Q12291" s="5" t="s">
        <v>40</v>
      </c>
      <c r="R12291" s="5" t="s">
        <v>1522</v>
      </c>
      <c r="S12291" s="5" t="s">
        <v>1523</v>
      </c>
      <c r="T12291" s="5" t="s">
        <v>42</v>
      </c>
      <c r="U12291" s="2">
        <v>1.071</v>
      </c>
      <c r="V12291" s="2">
        <v>0.65300000000000002</v>
      </c>
      <c r="W12291" s="2">
        <v>1.0999999999999999E-2</v>
      </c>
      <c r="X12291" s="2">
        <v>82.9</v>
      </c>
      <c r="Y12291" s="2">
        <v>7.6</v>
      </c>
      <c r="Z12291" s="2">
        <v>16.7</v>
      </c>
      <c r="AA12291" s="5"/>
      <c r="AB12291" s="5" t="s">
        <v>43</v>
      </c>
      <c r="AC12291" s="5" t="s">
        <v>44</v>
      </c>
      <c r="AD12291" s="2"/>
      <c r="AE12291" s="1"/>
    </row>
    <row r="12292" spans="1:31" ht="14.45">
      <c r="A12292" s="11"/>
      <c r="B12292" s="20"/>
      <c r="C12292" s="2" t="s">
        <v>37804</v>
      </c>
      <c r="D12292" s="14" t="s">
        <v>37805</v>
      </c>
      <c r="E12292" s="2" t="s">
        <v>37806</v>
      </c>
      <c r="F12292" s="2" t="s">
        <v>36305</v>
      </c>
      <c r="G12292" s="8">
        <v>136</v>
      </c>
      <c r="H12292" s="5">
        <v>6</v>
      </c>
      <c r="I12292" s="5" t="s">
        <v>1518</v>
      </c>
      <c r="J12292" s="5" t="s">
        <v>36264</v>
      </c>
      <c r="K12292" s="2" t="s">
        <v>36265</v>
      </c>
      <c r="L12292" s="5" t="s">
        <v>36264</v>
      </c>
      <c r="M12292" s="2" t="s">
        <v>36265</v>
      </c>
      <c r="N12292" s="5" t="s">
        <v>36266</v>
      </c>
      <c r="O12292" s="5" t="s">
        <v>38</v>
      </c>
      <c r="P12292" s="5" t="s">
        <v>39</v>
      </c>
      <c r="Q12292" s="5" t="s">
        <v>40</v>
      </c>
      <c r="R12292" s="5" t="s">
        <v>1522</v>
      </c>
      <c r="S12292" s="5" t="s">
        <v>1523</v>
      </c>
      <c r="T12292" s="5" t="s">
        <v>42</v>
      </c>
      <c r="U12292" s="2">
        <v>1.046</v>
      </c>
      <c r="V12292" s="2">
        <v>0.628</v>
      </c>
      <c r="W12292" s="2">
        <v>1.0999999999999999E-2</v>
      </c>
      <c r="X12292" s="2">
        <v>82.9</v>
      </c>
      <c r="Y12292" s="2">
        <v>7.6</v>
      </c>
      <c r="Z12292" s="2">
        <v>16.7</v>
      </c>
      <c r="AA12292" s="5"/>
      <c r="AB12292" s="5" t="s">
        <v>43</v>
      </c>
      <c r="AC12292" s="5" t="s">
        <v>44</v>
      </c>
      <c r="AD12292" s="2"/>
      <c r="AE12292" s="1"/>
    </row>
    <row r="12293" spans="1:31" ht="14.45">
      <c r="A12293" s="11"/>
      <c r="B12293" s="20"/>
      <c r="C12293" s="2" t="s">
        <v>37807</v>
      </c>
      <c r="D12293" s="14" t="s">
        <v>37808</v>
      </c>
      <c r="E12293" s="2" t="s">
        <v>37809</v>
      </c>
      <c r="F12293" s="2" t="s">
        <v>36309</v>
      </c>
      <c r="G12293" s="8">
        <v>136</v>
      </c>
      <c r="H12293" s="5">
        <v>6</v>
      </c>
      <c r="I12293" s="5" t="s">
        <v>1518</v>
      </c>
      <c r="J12293" s="5" t="s">
        <v>36264</v>
      </c>
      <c r="K12293" s="2" t="s">
        <v>36265</v>
      </c>
      <c r="L12293" s="5" t="s">
        <v>36264</v>
      </c>
      <c r="M12293" s="2" t="s">
        <v>36265</v>
      </c>
      <c r="N12293" s="5" t="s">
        <v>36266</v>
      </c>
      <c r="O12293" s="5" t="s">
        <v>38</v>
      </c>
      <c r="P12293" s="5" t="s">
        <v>39</v>
      </c>
      <c r="Q12293" s="5" t="s">
        <v>40</v>
      </c>
      <c r="R12293" s="5" t="s">
        <v>1522</v>
      </c>
      <c r="S12293" s="5" t="s">
        <v>1523</v>
      </c>
      <c r="T12293" s="5" t="s">
        <v>42</v>
      </c>
      <c r="U12293" s="2">
        <v>1.071</v>
      </c>
      <c r="V12293" s="2">
        <v>0.65300000000000002</v>
      </c>
      <c r="W12293" s="2">
        <v>1.0999999999999999E-2</v>
      </c>
      <c r="X12293" s="2">
        <v>82.9</v>
      </c>
      <c r="Y12293" s="2">
        <v>7.6</v>
      </c>
      <c r="Z12293" s="2">
        <v>16.7</v>
      </c>
      <c r="AA12293" s="5"/>
      <c r="AB12293" s="5" t="s">
        <v>43</v>
      </c>
      <c r="AC12293" s="5" t="s">
        <v>44</v>
      </c>
      <c r="AD12293" s="2"/>
      <c r="AE12293" s="1"/>
    </row>
    <row r="12294" spans="1:31" ht="14.45">
      <c r="A12294" s="11"/>
      <c r="B12294" s="20"/>
      <c r="C12294" s="2" t="s">
        <v>37810</v>
      </c>
      <c r="D12294" s="14" t="s">
        <v>37811</v>
      </c>
      <c r="E12294" s="2" t="s">
        <v>37812</v>
      </c>
      <c r="F12294" s="2" t="s">
        <v>36317</v>
      </c>
      <c r="G12294" s="8">
        <v>157</v>
      </c>
      <c r="H12294" s="5">
        <v>6</v>
      </c>
      <c r="I12294" s="5" t="s">
        <v>1518</v>
      </c>
      <c r="J12294" s="5" t="s">
        <v>36264</v>
      </c>
      <c r="K12294" s="2" t="s">
        <v>36265</v>
      </c>
      <c r="L12294" s="5" t="s">
        <v>36264</v>
      </c>
      <c r="M12294" s="2" t="s">
        <v>36265</v>
      </c>
      <c r="N12294" s="5" t="s">
        <v>36266</v>
      </c>
      <c r="O12294" s="5" t="s">
        <v>38</v>
      </c>
      <c r="P12294" s="5" t="s">
        <v>39</v>
      </c>
      <c r="Q12294" s="5" t="s">
        <v>40</v>
      </c>
      <c r="R12294" s="5" t="s">
        <v>1522</v>
      </c>
      <c r="S12294" s="5" t="s">
        <v>1523</v>
      </c>
      <c r="T12294" s="5" t="s">
        <v>42</v>
      </c>
      <c r="U12294" s="2">
        <v>1.071</v>
      </c>
      <c r="V12294" s="2">
        <v>0.65300000000000002</v>
      </c>
      <c r="W12294" s="2">
        <v>1.0999999999999999E-2</v>
      </c>
      <c r="X12294" s="2">
        <v>82.9</v>
      </c>
      <c r="Y12294" s="2">
        <v>7.6</v>
      </c>
      <c r="Z12294" s="2">
        <v>16.7</v>
      </c>
      <c r="AA12294" s="5"/>
      <c r="AB12294" s="5" t="s">
        <v>43</v>
      </c>
      <c r="AC12294" s="5" t="s">
        <v>44</v>
      </c>
      <c r="AD12294" s="2"/>
      <c r="AE12294" s="1"/>
    </row>
    <row r="12295" spans="1:31" ht="14.45">
      <c r="A12295" s="11"/>
      <c r="B12295" s="20"/>
      <c r="C12295" s="2" t="s">
        <v>37813</v>
      </c>
      <c r="D12295" s="14" t="s">
        <v>37814</v>
      </c>
      <c r="E12295" s="2" t="s">
        <v>37815</v>
      </c>
      <c r="F12295" s="2" t="s">
        <v>36321</v>
      </c>
      <c r="G12295" s="8">
        <v>157</v>
      </c>
      <c r="H12295" s="5">
        <v>6</v>
      </c>
      <c r="I12295" s="5" t="s">
        <v>1518</v>
      </c>
      <c r="J12295" s="5" t="s">
        <v>36264</v>
      </c>
      <c r="K12295" s="2" t="s">
        <v>36265</v>
      </c>
      <c r="L12295" s="5" t="s">
        <v>36264</v>
      </c>
      <c r="M12295" s="2" t="s">
        <v>36265</v>
      </c>
      <c r="N12295" s="5" t="s">
        <v>36266</v>
      </c>
      <c r="O12295" s="5" t="s">
        <v>38</v>
      </c>
      <c r="P12295" s="5" t="s">
        <v>39</v>
      </c>
      <c r="Q12295" s="5" t="s">
        <v>40</v>
      </c>
      <c r="R12295" s="5" t="s">
        <v>1522</v>
      </c>
      <c r="S12295" s="5" t="s">
        <v>1523</v>
      </c>
      <c r="T12295" s="5" t="s">
        <v>42</v>
      </c>
      <c r="U12295" s="2">
        <v>1.046</v>
      </c>
      <c r="V12295" s="2">
        <v>0.628</v>
      </c>
      <c r="W12295" s="2">
        <v>1.0999999999999999E-2</v>
      </c>
      <c r="X12295" s="2">
        <v>82.9</v>
      </c>
      <c r="Y12295" s="2">
        <v>7.6</v>
      </c>
      <c r="Z12295" s="2">
        <v>16.7</v>
      </c>
      <c r="AA12295" s="5"/>
      <c r="AB12295" s="5" t="s">
        <v>43</v>
      </c>
      <c r="AC12295" s="5" t="s">
        <v>44</v>
      </c>
      <c r="AD12295" s="2"/>
      <c r="AE12295" s="1"/>
    </row>
    <row r="12296" spans="1:31" ht="14.45">
      <c r="A12296" s="11"/>
      <c r="B12296" s="20"/>
      <c r="C12296" s="2" t="s">
        <v>37816</v>
      </c>
      <c r="D12296" s="14" t="s">
        <v>37817</v>
      </c>
      <c r="E12296" s="2" t="s">
        <v>37818</v>
      </c>
      <c r="F12296" s="2" t="s">
        <v>36329</v>
      </c>
      <c r="G12296" s="8">
        <v>157</v>
      </c>
      <c r="H12296" s="5">
        <v>6</v>
      </c>
      <c r="I12296" s="5" t="s">
        <v>1518</v>
      </c>
      <c r="J12296" s="5" t="s">
        <v>36264</v>
      </c>
      <c r="K12296" s="2" t="s">
        <v>36265</v>
      </c>
      <c r="L12296" s="5" t="s">
        <v>36264</v>
      </c>
      <c r="M12296" s="2" t="s">
        <v>36265</v>
      </c>
      <c r="N12296" s="5" t="s">
        <v>36266</v>
      </c>
      <c r="O12296" s="5" t="s">
        <v>38</v>
      </c>
      <c r="P12296" s="5" t="s">
        <v>39</v>
      </c>
      <c r="Q12296" s="5" t="s">
        <v>40</v>
      </c>
      <c r="R12296" s="5" t="s">
        <v>1522</v>
      </c>
      <c r="S12296" s="5" t="s">
        <v>1523</v>
      </c>
      <c r="T12296" s="5" t="s">
        <v>42</v>
      </c>
      <c r="U12296" s="2">
        <v>1.046</v>
      </c>
      <c r="V12296" s="2">
        <v>0.628</v>
      </c>
      <c r="W12296" s="2">
        <v>1.0999999999999999E-2</v>
      </c>
      <c r="X12296" s="2">
        <v>82.9</v>
      </c>
      <c r="Y12296" s="2">
        <v>7.6</v>
      </c>
      <c r="Z12296" s="2">
        <v>16.7</v>
      </c>
      <c r="AA12296" s="5"/>
      <c r="AB12296" s="5" t="s">
        <v>43</v>
      </c>
      <c r="AC12296" s="5" t="s">
        <v>44</v>
      </c>
      <c r="AD12296" s="2"/>
      <c r="AE12296" s="1"/>
    </row>
    <row r="12297" spans="1:31" ht="14.45">
      <c r="A12297" s="11"/>
      <c r="B12297" s="20"/>
      <c r="C12297" s="2" t="s">
        <v>37819</v>
      </c>
      <c r="D12297" s="14" t="s">
        <v>37820</v>
      </c>
      <c r="E12297" s="2" t="s">
        <v>37821</v>
      </c>
      <c r="F12297" s="2" t="s">
        <v>36333</v>
      </c>
      <c r="G12297" s="8">
        <v>157</v>
      </c>
      <c r="H12297" s="5">
        <v>6</v>
      </c>
      <c r="I12297" s="5" t="s">
        <v>1518</v>
      </c>
      <c r="J12297" s="5" t="s">
        <v>36264</v>
      </c>
      <c r="K12297" s="2" t="s">
        <v>36265</v>
      </c>
      <c r="L12297" s="5" t="s">
        <v>36264</v>
      </c>
      <c r="M12297" s="2" t="s">
        <v>36265</v>
      </c>
      <c r="N12297" s="5" t="s">
        <v>36266</v>
      </c>
      <c r="O12297" s="5" t="s">
        <v>38</v>
      </c>
      <c r="P12297" s="5" t="s">
        <v>39</v>
      </c>
      <c r="Q12297" s="5" t="s">
        <v>40</v>
      </c>
      <c r="R12297" s="5" t="s">
        <v>1522</v>
      </c>
      <c r="S12297" s="5" t="s">
        <v>1523</v>
      </c>
      <c r="T12297" s="5" t="s">
        <v>42</v>
      </c>
      <c r="U12297" s="2">
        <v>1.071</v>
      </c>
      <c r="V12297" s="2">
        <v>0.65300000000000002</v>
      </c>
      <c r="W12297" s="2">
        <v>1.0999999999999999E-2</v>
      </c>
      <c r="X12297" s="2">
        <v>82.9</v>
      </c>
      <c r="Y12297" s="2">
        <v>7.6</v>
      </c>
      <c r="Z12297" s="2">
        <v>16.7</v>
      </c>
      <c r="AA12297" s="5"/>
      <c r="AB12297" s="5" t="s">
        <v>43</v>
      </c>
      <c r="AC12297" s="5" t="s">
        <v>44</v>
      </c>
      <c r="AD12297" s="2"/>
      <c r="AE12297" s="1"/>
    </row>
    <row r="12298" spans="1:31" ht="14.45">
      <c r="A12298" s="11"/>
      <c r="B12298" s="20"/>
      <c r="C12298" s="2" t="s">
        <v>37822</v>
      </c>
      <c r="D12298" s="14" t="s">
        <v>37823</v>
      </c>
      <c r="E12298" s="2" t="s">
        <v>37824</v>
      </c>
      <c r="F12298" s="2" t="s">
        <v>36345</v>
      </c>
      <c r="G12298" s="8">
        <v>157</v>
      </c>
      <c r="H12298" s="5">
        <v>6</v>
      </c>
      <c r="I12298" s="5" t="s">
        <v>1518</v>
      </c>
      <c r="J12298" s="5" t="s">
        <v>36264</v>
      </c>
      <c r="K12298" s="2" t="s">
        <v>36265</v>
      </c>
      <c r="L12298" s="5" t="s">
        <v>36264</v>
      </c>
      <c r="M12298" s="2" t="s">
        <v>36265</v>
      </c>
      <c r="N12298" s="5" t="s">
        <v>36266</v>
      </c>
      <c r="O12298" s="5" t="s">
        <v>38</v>
      </c>
      <c r="P12298" s="5" t="s">
        <v>39</v>
      </c>
      <c r="Q12298" s="5" t="s">
        <v>40</v>
      </c>
      <c r="R12298" s="5" t="s">
        <v>1522</v>
      </c>
      <c r="S12298" s="5" t="s">
        <v>1523</v>
      </c>
      <c r="T12298" s="5" t="s">
        <v>42</v>
      </c>
      <c r="U12298" s="2">
        <v>1.046</v>
      </c>
      <c r="V12298" s="2">
        <v>0.628</v>
      </c>
      <c r="W12298" s="2">
        <v>1.0999999999999999E-2</v>
      </c>
      <c r="X12298" s="2">
        <v>82.9</v>
      </c>
      <c r="Y12298" s="2">
        <v>7.6</v>
      </c>
      <c r="Z12298" s="2">
        <v>16.7</v>
      </c>
      <c r="AA12298" s="5"/>
      <c r="AB12298" s="5" t="s">
        <v>43</v>
      </c>
      <c r="AC12298" s="5" t="s">
        <v>44</v>
      </c>
      <c r="AD12298" s="2"/>
      <c r="AE12298" s="1"/>
    </row>
    <row r="12299" spans="1:31" ht="14.45">
      <c r="A12299" s="11"/>
      <c r="B12299" s="20"/>
      <c r="C12299" s="2" t="s">
        <v>37825</v>
      </c>
      <c r="D12299" s="14" t="s">
        <v>37826</v>
      </c>
      <c r="E12299" s="2" t="s">
        <v>37827</v>
      </c>
      <c r="F12299" s="2" t="s">
        <v>36361</v>
      </c>
      <c r="G12299" s="8">
        <v>157</v>
      </c>
      <c r="H12299" s="5">
        <v>6</v>
      </c>
      <c r="I12299" s="5" t="s">
        <v>1518</v>
      </c>
      <c r="J12299" s="5" t="s">
        <v>36264</v>
      </c>
      <c r="K12299" s="2" t="s">
        <v>36265</v>
      </c>
      <c r="L12299" s="5" t="s">
        <v>36264</v>
      </c>
      <c r="M12299" s="2" t="s">
        <v>36265</v>
      </c>
      <c r="N12299" s="5" t="s">
        <v>36266</v>
      </c>
      <c r="O12299" s="5" t="s">
        <v>38</v>
      </c>
      <c r="P12299" s="5" t="s">
        <v>39</v>
      </c>
      <c r="Q12299" s="5" t="s">
        <v>40</v>
      </c>
      <c r="R12299" s="5" t="s">
        <v>1522</v>
      </c>
      <c r="S12299" s="5" t="s">
        <v>1523</v>
      </c>
      <c r="T12299" s="5" t="s">
        <v>42</v>
      </c>
      <c r="U12299" s="2">
        <v>1.046</v>
      </c>
      <c r="V12299" s="2">
        <v>0.628</v>
      </c>
      <c r="W12299" s="2">
        <v>1.0999999999999999E-2</v>
      </c>
      <c r="X12299" s="2">
        <v>82.9</v>
      </c>
      <c r="Y12299" s="2">
        <v>7.6</v>
      </c>
      <c r="Z12299" s="2">
        <v>16.7</v>
      </c>
      <c r="AA12299" s="5"/>
      <c r="AB12299" s="5" t="s">
        <v>43</v>
      </c>
      <c r="AC12299" s="5" t="s">
        <v>44</v>
      </c>
      <c r="AD12299" s="2"/>
      <c r="AE12299" s="1"/>
    </row>
    <row r="12300" spans="1:31" ht="14.45">
      <c r="A12300" s="11"/>
      <c r="B12300" s="20"/>
      <c r="C12300" s="2" t="s">
        <v>37828</v>
      </c>
      <c r="D12300" s="14" t="s">
        <v>37829</v>
      </c>
      <c r="E12300" s="2" t="s">
        <v>37830</v>
      </c>
      <c r="F12300" s="2" t="s">
        <v>36369</v>
      </c>
      <c r="G12300" s="8">
        <v>157</v>
      </c>
      <c r="H12300" s="5">
        <v>6</v>
      </c>
      <c r="I12300" s="5" t="s">
        <v>1518</v>
      </c>
      <c r="J12300" s="5" t="s">
        <v>36264</v>
      </c>
      <c r="K12300" s="2" t="s">
        <v>36265</v>
      </c>
      <c r="L12300" s="5" t="s">
        <v>36264</v>
      </c>
      <c r="M12300" s="2" t="s">
        <v>36265</v>
      </c>
      <c r="N12300" s="5" t="s">
        <v>36266</v>
      </c>
      <c r="O12300" s="5" t="s">
        <v>38</v>
      </c>
      <c r="P12300" s="5" t="s">
        <v>39</v>
      </c>
      <c r="Q12300" s="5" t="s">
        <v>40</v>
      </c>
      <c r="R12300" s="5" t="s">
        <v>1522</v>
      </c>
      <c r="S12300" s="5" t="s">
        <v>1523</v>
      </c>
      <c r="T12300" s="5" t="s">
        <v>42</v>
      </c>
      <c r="U12300" s="2">
        <v>1.046</v>
      </c>
      <c r="V12300" s="2">
        <v>0.628</v>
      </c>
      <c r="W12300" s="2">
        <v>1.0999999999999999E-2</v>
      </c>
      <c r="X12300" s="2">
        <v>82.9</v>
      </c>
      <c r="Y12300" s="2">
        <v>7.6</v>
      </c>
      <c r="Z12300" s="2">
        <v>16.7</v>
      </c>
      <c r="AA12300" s="5"/>
      <c r="AB12300" s="5" t="s">
        <v>43</v>
      </c>
      <c r="AC12300" s="5" t="s">
        <v>44</v>
      </c>
      <c r="AD12300" s="2"/>
      <c r="AE12300" s="1"/>
    </row>
    <row r="12301" spans="1:31" ht="14.45">
      <c r="A12301" s="11"/>
      <c r="B12301" s="20"/>
      <c r="C12301" s="2" t="s">
        <v>37831</v>
      </c>
      <c r="D12301" s="14" t="s">
        <v>37832</v>
      </c>
      <c r="E12301" s="2" t="s">
        <v>37833</v>
      </c>
      <c r="F12301" s="2" t="s">
        <v>36377</v>
      </c>
      <c r="G12301" s="8">
        <v>157</v>
      </c>
      <c r="H12301" s="5">
        <v>6</v>
      </c>
      <c r="I12301" s="5" t="s">
        <v>1518</v>
      </c>
      <c r="J12301" s="5" t="s">
        <v>36264</v>
      </c>
      <c r="K12301" s="2" t="s">
        <v>36265</v>
      </c>
      <c r="L12301" s="5" t="s">
        <v>36264</v>
      </c>
      <c r="M12301" s="2" t="s">
        <v>36265</v>
      </c>
      <c r="N12301" s="5" t="s">
        <v>36266</v>
      </c>
      <c r="O12301" s="5" t="s">
        <v>38</v>
      </c>
      <c r="P12301" s="5" t="s">
        <v>39</v>
      </c>
      <c r="Q12301" s="5" t="s">
        <v>40</v>
      </c>
      <c r="R12301" s="5" t="s">
        <v>1522</v>
      </c>
      <c r="S12301" s="5" t="s">
        <v>1523</v>
      </c>
      <c r="T12301" s="5" t="s">
        <v>42</v>
      </c>
      <c r="U12301" s="2">
        <v>1.046</v>
      </c>
      <c r="V12301" s="2">
        <v>0.628</v>
      </c>
      <c r="W12301" s="2">
        <v>1.0999999999999999E-2</v>
      </c>
      <c r="X12301" s="2">
        <v>82.9</v>
      </c>
      <c r="Y12301" s="2">
        <v>7.6</v>
      </c>
      <c r="Z12301" s="2">
        <v>16.7</v>
      </c>
      <c r="AA12301" s="5"/>
      <c r="AB12301" s="5" t="s">
        <v>43</v>
      </c>
      <c r="AC12301" s="5" t="s">
        <v>44</v>
      </c>
      <c r="AD12301" s="2"/>
      <c r="AE12301" s="1"/>
    </row>
    <row r="12302" spans="1:31" ht="14.45">
      <c r="A12302" s="11"/>
      <c r="B12302" s="20"/>
      <c r="C12302" s="2" t="s">
        <v>37834</v>
      </c>
      <c r="D12302" s="14" t="s">
        <v>37835</v>
      </c>
      <c r="E12302" s="2" t="s">
        <v>37836</v>
      </c>
      <c r="F12302" s="2" t="s">
        <v>36381</v>
      </c>
      <c r="G12302" s="8">
        <v>157</v>
      </c>
      <c r="H12302" s="5">
        <v>6</v>
      </c>
      <c r="I12302" s="5" t="s">
        <v>1518</v>
      </c>
      <c r="J12302" s="5" t="s">
        <v>36264</v>
      </c>
      <c r="K12302" s="2" t="s">
        <v>36265</v>
      </c>
      <c r="L12302" s="5" t="s">
        <v>36264</v>
      </c>
      <c r="M12302" s="2" t="s">
        <v>36265</v>
      </c>
      <c r="N12302" s="5" t="s">
        <v>36266</v>
      </c>
      <c r="O12302" s="5" t="s">
        <v>38</v>
      </c>
      <c r="P12302" s="5" t="s">
        <v>39</v>
      </c>
      <c r="Q12302" s="5" t="s">
        <v>40</v>
      </c>
      <c r="R12302" s="5" t="s">
        <v>1522</v>
      </c>
      <c r="S12302" s="5" t="s">
        <v>1523</v>
      </c>
      <c r="T12302" s="5" t="s">
        <v>42</v>
      </c>
      <c r="U12302" s="2">
        <v>1.071</v>
      </c>
      <c r="V12302" s="2">
        <v>0.65300000000000002</v>
      </c>
      <c r="W12302" s="2">
        <v>1.0999999999999999E-2</v>
      </c>
      <c r="X12302" s="2">
        <v>82.9</v>
      </c>
      <c r="Y12302" s="2">
        <v>7.6</v>
      </c>
      <c r="Z12302" s="2">
        <v>16.7</v>
      </c>
      <c r="AA12302" s="5"/>
      <c r="AB12302" s="5" t="s">
        <v>43</v>
      </c>
      <c r="AC12302" s="5" t="s">
        <v>44</v>
      </c>
      <c r="AD12302" s="2"/>
      <c r="AE12302" s="1"/>
    </row>
    <row r="12303" spans="1:31" ht="14.45">
      <c r="A12303" s="11"/>
      <c r="B12303" s="20"/>
      <c r="C12303" s="2" t="s">
        <v>37837</v>
      </c>
      <c r="D12303" s="14" t="s">
        <v>37838</v>
      </c>
      <c r="E12303" s="2" t="s">
        <v>37839</v>
      </c>
      <c r="F12303" s="2" t="s">
        <v>36385</v>
      </c>
      <c r="G12303" s="8">
        <v>157</v>
      </c>
      <c r="H12303" s="5">
        <v>6</v>
      </c>
      <c r="I12303" s="5" t="s">
        <v>1518</v>
      </c>
      <c r="J12303" s="5" t="s">
        <v>36264</v>
      </c>
      <c r="K12303" s="2" t="s">
        <v>36265</v>
      </c>
      <c r="L12303" s="5" t="s">
        <v>36264</v>
      </c>
      <c r="M12303" s="2" t="s">
        <v>36265</v>
      </c>
      <c r="N12303" s="5" t="s">
        <v>36266</v>
      </c>
      <c r="O12303" s="5" t="s">
        <v>38</v>
      </c>
      <c r="P12303" s="5" t="s">
        <v>39</v>
      </c>
      <c r="Q12303" s="5" t="s">
        <v>40</v>
      </c>
      <c r="R12303" s="5" t="s">
        <v>1522</v>
      </c>
      <c r="S12303" s="5" t="s">
        <v>1523</v>
      </c>
      <c r="T12303" s="5" t="s">
        <v>42</v>
      </c>
      <c r="U12303" s="2">
        <v>1.046</v>
      </c>
      <c r="V12303" s="2">
        <v>0.628</v>
      </c>
      <c r="W12303" s="2">
        <v>1.0999999999999999E-2</v>
      </c>
      <c r="X12303" s="2">
        <v>82.9</v>
      </c>
      <c r="Y12303" s="2">
        <v>7.6</v>
      </c>
      <c r="Z12303" s="2">
        <v>16.7</v>
      </c>
      <c r="AA12303" s="5"/>
      <c r="AB12303" s="5" t="s">
        <v>43</v>
      </c>
      <c r="AC12303" s="5" t="s">
        <v>44</v>
      </c>
      <c r="AD12303" s="2"/>
      <c r="AE12303" s="1"/>
    </row>
    <row r="12304" spans="1:31" ht="14.45">
      <c r="A12304" s="11"/>
      <c r="B12304" s="20"/>
      <c r="C12304" s="2" t="s">
        <v>37840</v>
      </c>
      <c r="D12304" s="14" t="s">
        <v>37841</v>
      </c>
      <c r="E12304" s="2" t="s">
        <v>37842</v>
      </c>
      <c r="F12304" s="2" t="s">
        <v>7204</v>
      </c>
      <c r="G12304" s="8">
        <v>136</v>
      </c>
      <c r="H12304" s="5">
        <v>6</v>
      </c>
      <c r="I12304" s="5" t="s">
        <v>1518</v>
      </c>
      <c r="J12304" s="5" t="s">
        <v>36264</v>
      </c>
      <c r="K12304" s="2" t="s">
        <v>36265</v>
      </c>
      <c r="L12304" s="5" t="s">
        <v>36264</v>
      </c>
      <c r="M12304" s="2" t="s">
        <v>36265</v>
      </c>
      <c r="N12304" s="5" t="s">
        <v>36266</v>
      </c>
      <c r="O12304" s="5" t="s">
        <v>38</v>
      </c>
      <c r="P12304" s="5" t="s">
        <v>39</v>
      </c>
      <c r="Q12304" s="5" t="s">
        <v>40</v>
      </c>
      <c r="R12304" s="5" t="s">
        <v>1522</v>
      </c>
      <c r="S12304" s="5" t="s">
        <v>1523</v>
      </c>
      <c r="T12304" s="5" t="s">
        <v>42</v>
      </c>
      <c r="U12304" s="2">
        <v>1.3240000000000001</v>
      </c>
      <c r="V12304" s="2">
        <v>0.82399999999999995</v>
      </c>
      <c r="W12304" s="2">
        <v>1.2999999999999999E-2</v>
      </c>
      <c r="X12304" s="2">
        <v>99.1</v>
      </c>
      <c r="Y12304" s="2">
        <v>7.6</v>
      </c>
      <c r="Z12304" s="2">
        <v>16.7</v>
      </c>
      <c r="AA12304" s="5"/>
      <c r="AB12304" s="5" t="s">
        <v>43</v>
      </c>
      <c r="AC12304" s="5" t="s">
        <v>44</v>
      </c>
      <c r="AD12304" s="2"/>
      <c r="AE12304" s="1"/>
    </row>
    <row r="12305" spans="1:31" ht="14.45">
      <c r="A12305" s="11"/>
      <c r="B12305" s="20"/>
      <c r="C12305" s="2" t="s">
        <v>37843</v>
      </c>
      <c r="D12305" s="14" t="s">
        <v>37844</v>
      </c>
      <c r="E12305" s="2" t="s">
        <v>37845</v>
      </c>
      <c r="F12305" s="2" t="s">
        <v>7514</v>
      </c>
      <c r="G12305" s="8">
        <v>136</v>
      </c>
      <c r="H12305" s="5">
        <v>6</v>
      </c>
      <c r="I12305" s="5" t="s">
        <v>1518</v>
      </c>
      <c r="J12305" s="5" t="s">
        <v>36264</v>
      </c>
      <c r="K12305" s="2" t="s">
        <v>36265</v>
      </c>
      <c r="L12305" s="5" t="s">
        <v>36264</v>
      </c>
      <c r="M12305" s="2" t="s">
        <v>36265</v>
      </c>
      <c r="N12305" s="5" t="s">
        <v>36266</v>
      </c>
      <c r="O12305" s="5" t="s">
        <v>38</v>
      </c>
      <c r="P12305" s="5" t="s">
        <v>39</v>
      </c>
      <c r="Q12305" s="5" t="s">
        <v>40</v>
      </c>
      <c r="R12305" s="5" t="s">
        <v>1522</v>
      </c>
      <c r="S12305" s="5" t="s">
        <v>1523</v>
      </c>
      <c r="T12305" s="5" t="s">
        <v>42</v>
      </c>
      <c r="U12305" s="2">
        <v>1.349</v>
      </c>
      <c r="V12305" s="2">
        <v>0.84899999999999998</v>
      </c>
      <c r="W12305" s="2">
        <v>1.2999999999999999E-2</v>
      </c>
      <c r="X12305" s="2">
        <v>99.1</v>
      </c>
      <c r="Y12305" s="2">
        <v>7.6</v>
      </c>
      <c r="Z12305" s="2">
        <v>16.7</v>
      </c>
      <c r="AA12305" s="5"/>
      <c r="AB12305" s="5" t="s">
        <v>43</v>
      </c>
      <c r="AC12305" s="5" t="s">
        <v>44</v>
      </c>
      <c r="AD12305" s="2"/>
      <c r="AE12305" s="1"/>
    </row>
    <row r="12306" spans="1:31" ht="14.45">
      <c r="A12306" s="11"/>
      <c r="B12306" s="20"/>
      <c r="C12306" s="2" t="s">
        <v>37846</v>
      </c>
      <c r="D12306" s="14" t="s">
        <v>37847</v>
      </c>
      <c r="E12306" s="2" t="s">
        <v>37848</v>
      </c>
      <c r="F12306" s="2" t="s">
        <v>36273</v>
      </c>
      <c r="G12306" s="8">
        <v>136</v>
      </c>
      <c r="H12306" s="5">
        <v>6</v>
      </c>
      <c r="I12306" s="5" t="s">
        <v>1518</v>
      </c>
      <c r="J12306" s="5" t="s">
        <v>36264</v>
      </c>
      <c r="K12306" s="2" t="s">
        <v>36265</v>
      </c>
      <c r="L12306" s="5" t="s">
        <v>36264</v>
      </c>
      <c r="M12306" s="2" t="s">
        <v>36265</v>
      </c>
      <c r="N12306" s="5" t="s">
        <v>36266</v>
      </c>
      <c r="O12306" s="5" t="s">
        <v>38</v>
      </c>
      <c r="P12306" s="5" t="s">
        <v>39</v>
      </c>
      <c r="Q12306" s="5" t="s">
        <v>40</v>
      </c>
      <c r="R12306" s="5" t="s">
        <v>1522</v>
      </c>
      <c r="S12306" s="5" t="s">
        <v>1523</v>
      </c>
      <c r="T12306" s="5" t="s">
        <v>42</v>
      </c>
      <c r="U12306" s="2">
        <v>1.3240000000000001</v>
      </c>
      <c r="V12306" s="2">
        <v>0.82399999999999995</v>
      </c>
      <c r="W12306" s="2">
        <v>1.2999999999999999E-2</v>
      </c>
      <c r="X12306" s="2">
        <v>99.1</v>
      </c>
      <c r="Y12306" s="2">
        <v>7.6</v>
      </c>
      <c r="Z12306" s="2">
        <v>16.7</v>
      </c>
      <c r="AA12306" s="5"/>
      <c r="AB12306" s="5" t="s">
        <v>43</v>
      </c>
      <c r="AC12306" s="5" t="s">
        <v>44</v>
      </c>
      <c r="AD12306" s="2"/>
      <c r="AE12306" s="1"/>
    </row>
    <row r="12307" spans="1:31" ht="14.45">
      <c r="A12307" s="11"/>
      <c r="B12307" s="20"/>
      <c r="C12307" s="2" t="s">
        <v>37849</v>
      </c>
      <c r="D12307" s="14" t="s">
        <v>37850</v>
      </c>
      <c r="E12307" s="2" t="s">
        <v>37851</v>
      </c>
      <c r="F12307" s="2" t="s">
        <v>36277</v>
      </c>
      <c r="G12307" s="8">
        <v>136</v>
      </c>
      <c r="H12307" s="5">
        <v>6</v>
      </c>
      <c r="I12307" s="5" t="s">
        <v>1518</v>
      </c>
      <c r="J12307" s="5" t="s">
        <v>36264</v>
      </c>
      <c r="K12307" s="2" t="s">
        <v>36265</v>
      </c>
      <c r="L12307" s="5" t="s">
        <v>36264</v>
      </c>
      <c r="M12307" s="2" t="s">
        <v>36265</v>
      </c>
      <c r="N12307" s="5" t="s">
        <v>36266</v>
      </c>
      <c r="O12307" s="5" t="s">
        <v>38</v>
      </c>
      <c r="P12307" s="5" t="s">
        <v>39</v>
      </c>
      <c r="Q12307" s="5" t="s">
        <v>40</v>
      </c>
      <c r="R12307" s="5" t="s">
        <v>1522</v>
      </c>
      <c r="S12307" s="5" t="s">
        <v>1523</v>
      </c>
      <c r="T12307" s="5" t="s">
        <v>42</v>
      </c>
      <c r="U12307" s="2">
        <v>1.349</v>
      </c>
      <c r="V12307" s="2">
        <v>0.84899999999999998</v>
      </c>
      <c r="W12307" s="2">
        <v>1.2999999999999999E-2</v>
      </c>
      <c r="X12307" s="2">
        <v>99.1</v>
      </c>
      <c r="Y12307" s="2">
        <v>7.6</v>
      </c>
      <c r="Z12307" s="2">
        <v>16.7</v>
      </c>
      <c r="AA12307" s="5"/>
      <c r="AB12307" s="5" t="s">
        <v>43</v>
      </c>
      <c r="AC12307" s="5" t="s">
        <v>44</v>
      </c>
      <c r="AD12307" s="2"/>
      <c r="AE12307" s="1"/>
    </row>
    <row r="12308" spans="1:31" ht="14.45">
      <c r="A12308" s="11"/>
      <c r="B12308" s="20"/>
      <c r="C12308" s="2" t="s">
        <v>37852</v>
      </c>
      <c r="D12308" s="14" t="s">
        <v>37853</v>
      </c>
      <c r="E12308" s="2" t="s">
        <v>37854</v>
      </c>
      <c r="F12308" s="2" t="s">
        <v>36281</v>
      </c>
      <c r="G12308" s="8">
        <v>157</v>
      </c>
      <c r="H12308" s="5">
        <v>6</v>
      </c>
      <c r="I12308" s="5" t="s">
        <v>1518</v>
      </c>
      <c r="J12308" s="5" t="s">
        <v>36264</v>
      </c>
      <c r="K12308" s="2" t="s">
        <v>36265</v>
      </c>
      <c r="L12308" s="5" t="s">
        <v>36264</v>
      </c>
      <c r="M12308" s="2" t="s">
        <v>36265</v>
      </c>
      <c r="N12308" s="5" t="s">
        <v>36266</v>
      </c>
      <c r="O12308" s="5" t="s">
        <v>38</v>
      </c>
      <c r="P12308" s="5" t="s">
        <v>39</v>
      </c>
      <c r="Q12308" s="5" t="s">
        <v>40</v>
      </c>
      <c r="R12308" s="5" t="s">
        <v>1522</v>
      </c>
      <c r="S12308" s="5" t="s">
        <v>1523</v>
      </c>
      <c r="T12308" s="5" t="s">
        <v>42</v>
      </c>
      <c r="U12308" s="2">
        <v>1.3240000000000001</v>
      </c>
      <c r="V12308" s="2">
        <v>0.82399999999999995</v>
      </c>
      <c r="W12308" s="2">
        <v>1.2999999999999999E-2</v>
      </c>
      <c r="X12308" s="2">
        <v>99.1</v>
      </c>
      <c r="Y12308" s="2">
        <v>7.6</v>
      </c>
      <c r="Z12308" s="2">
        <v>16.7</v>
      </c>
      <c r="AA12308" s="5"/>
      <c r="AB12308" s="5" t="s">
        <v>43</v>
      </c>
      <c r="AC12308" s="5" t="s">
        <v>44</v>
      </c>
      <c r="AD12308" s="2"/>
      <c r="AE12308" s="1"/>
    </row>
    <row r="12309" spans="1:31" ht="14.45">
      <c r="A12309" s="11"/>
      <c r="B12309" s="20"/>
      <c r="C12309" s="2" t="s">
        <v>37855</v>
      </c>
      <c r="D12309" s="14" t="s">
        <v>37856</v>
      </c>
      <c r="E12309" s="2" t="s">
        <v>37857</v>
      </c>
      <c r="F12309" s="2" t="s">
        <v>36285</v>
      </c>
      <c r="G12309" s="8">
        <v>157</v>
      </c>
      <c r="H12309" s="5">
        <v>6</v>
      </c>
      <c r="I12309" s="5" t="s">
        <v>1518</v>
      </c>
      <c r="J12309" s="5" t="s">
        <v>36264</v>
      </c>
      <c r="K12309" s="2" t="s">
        <v>36265</v>
      </c>
      <c r="L12309" s="5" t="s">
        <v>36264</v>
      </c>
      <c r="M12309" s="2" t="s">
        <v>36265</v>
      </c>
      <c r="N12309" s="5" t="s">
        <v>36266</v>
      </c>
      <c r="O12309" s="5" t="s">
        <v>38</v>
      </c>
      <c r="P12309" s="5" t="s">
        <v>39</v>
      </c>
      <c r="Q12309" s="5" t="s">
        <v>40</v>
      </c>
      <c r="R12309" s="5" t="s">
        <v>1522</v>
      </c>
      <c r="S12309" s="5" t="s">
        <v>1523</v>
      </c>
      <c r="T12309" s="5" t="s">
        <v>42</v>
      </c>
      <c r="U12309" s="2">
        <v>1.349</v>
      </c>
      <c r="V12309" s="2">
        <v>0.84899999999999998</v>
      </c>
      <c r="W12309" s="2">
        <v>1.2999999999999999E-2</v>
      </c>
      <c r="X12309" s="2">
        <v>99.1</v>
      </c>
      <c r="Y12309" s="2">
        <v>7.6</v>
      </c>
      <c r="Z12309" s="2">
        <v>16.7</v>
      </c>
      <c r="AA12309" s="5"/>
      <c r="AB12309" s="5" t="s">
        <v>43</v>
      </c>
      <c r="AC12309" s="5" t="s">
        <v>44</v>
      </c>
      <c r="AD12309" s="2"/>
      <c r="AE12309" s="1"/>
    </row>
    <row r="12310" spans="1:31" ht="14.45">
      <c r="A12310" s="11"/>
      <c r="B12310" s="20"/>
      <c r="C12310" s="2" t="s">
        <v>37858</v>
      </c>
      <c r="D12310" s="14" t="s">
        <v>37859</v>
      </c>
      <c r="E12310" s="2" t="s">
        <v>37860</v>
      </c>
      <c r="F12310" s="2" t="s">
        <v>36289</v>
      </c>
      <c r="G12310" s="8">
        <v>157</v>
      </c>
      <c r="H12310" s="5">
        <v>6</v>
      </c>
      <c r="I12310" s="5" t="s">
        <v>1518</v>
      </c>
      <c r="J12310" s="5" t="s">
        <v>36264</v>
      </c>
      <c r="K12310" s="2" t="s">
        <v>36265</v>
      </c>
      <c r="L12310" s="5" t="s">
        <v>36264</v>
      </c>
      <c r="M12310" s="2" t="s">
        <v>36265</v>
      </c>
      <c r="N12310" s="5" t="s">
        <v>36266</v>
      </c>
      <c r="O12310" s="5" t="s">
        <v>38</v>
      </c>
      <c r="P12310" s="5" t="s">
        <v>39</v>
      </c>
      <c r="Q12310" s="5" t="s">
        <v>40</v>
      </c>
      <c r="R12310" s="5" t="s">
        <v>1522</v>
      </c>
      <c r="S12310" s="5" t="s">
        <v>1523</v>
      </c>
      <c r="T12310" s="5" t="s">
        <v>42</v>
      </c>
      <c r="U12310" s="2">
        <v>1.3240000000000001</v>
      </c>
      <c r="V12310" s="2">
        <v>0.82399999999999995</v>
      </c>
      <c r="W12310" s="2">
        <v>1.2999999999999999E-2</v>
      </c>
      <c r="X12310" s="2">
        <v>99.1</v>
      </c>
      <c r="Y12310" s="2">
        <v>7.6</v>
      </c>
      <c r="Z12310" s="2">
        <v>16.7</v>
      </c>
      <c r="AA12310" s="5"/>
      <c r="AB12310" s="5" t="s">
        <v>43</v>
      </c>
      <c r="AC12310" s="5" t="s">
        <v>44</v>
      </c>
      <c r="AD12310" s="2"/>
      <c r="AE12310" s="1"/>
    </row>
    <row r="12311" spans="1:31" ht="14.45">
      <c r="A12311" s="11"/>
      <c r="B12311" s="20"/>
      <c r="C12311" s="2" t="s">
        <v>37861</v>
      </c>
      <c r="D12311" s="14" t="s">
        <v>37862</v>
      </c>
      <c r="E12311" s="2" t="s">
        <v>37863</v>
      </c>
      <c r="F12311" s="2" t="s">
        <v>36293</v>
      </c>
      <c r="G12311" s="8">
        <v>157</v>
      </c>
      <c r="H12311" s="5">
        <v>6</v>
      </c>
      <c r="I12311" s="5" t="s">
        <v>1518</v>
      </c>
      <c r="J12311" s="5" t="s">
        <v>36264</v>
      </c>
      <c r="K12311" s="2" t="s">
        <v>36265</v>
      </c>
      <c r="L12311" s="5" t="s">
        <v>36264</v>
      </c>
      <c r="M12311" s="2" t="s">
        <v>36265</v>
      </c>
      <c r="N12311" s="5" t="s">
        <v>36266</v>
      </c>
      <c r="O12311" s="5" t="s">
        <v>38</v>
      </c>
      <c r="P12311" s="5" t="s">
        <v>39</v>
      </c>
      <c r="Q12311" s="5" t="s">
        <v>40</v>
      </c>
      <c r="R12311" s="5" t="s">
        <v>1522</v>
      </c>
      <c r="S12311" s="5" t="s">
        <v>1523</v>
      </c>
      <c r="T12311" s="5" t="s">
        <v>42</v>
      </c>
      <c r="U12311" s="2">
        <v>1.349</v>
      </c>
      <c r="V12311" s="2">
        <v>0.84899999999999998</v>
      </c>
      <c r="W12311" s="2">
        <v>1.2999999999999999E-2</v>
      </c>
      <c r="X12311" s="2">
        <v>99.1</v>
      </c>
      <c r="Y12311" s="2">
        <v>7.6</v>
      </c>
      <c r="Z12311" s="2">
        <v>16.7</v>
      </c>
      <c r="AA12311" s="5"/>
      <c r="AB12311" s="5" t="s">
        <v>43</v>
      </c>
      <c r="AC12311" s="5" t="s">
        <v>44</v>
      </c>
      <c r="AD12311" s="2"/>
      <c r="AE12311" s="1"/>
    </row>
    <row r="12312" spans="1:31" ht="14.45">
      <c r="A12312" s="11"/>
      <c r="B12312" s="20"/>
      <c r="C12312" s="2" t="s">
        <v>37864</v>
      </c>
      <c r="D12312" s="14" t="s">
        <v>37865</v>
      </c>
      <c r="E12312" s="2" t="s">
        <v>37866</v>
      </c>
      <c r="F12312" s="2" t="s">
        <v>36588</v>
      </c>
      <c r="G12312" s="8">
        <v>136</v>
      </c>
      <c r="H12312" s="5">
        <v>6</v>
      </c>
      <c r="I12312" s="5" t="s">
        <v>1518</v>
      </c>
      <c r="J12312" s="5" t="s">
        <v>36264</v>
      </c>
      <c r="K12312" s="2" t="s">
        <v>36265</v>
      </c>
      <c r="L12312" s="5" t="s">
        <v>36264</v>
      </c>
      <c r="M12312" s="2" t="s">
        <v>36265</v>
      </c>
      <c r="N12312" s="5" t="s">
        <v>36266</v>
      </c>
      <c r="O12312" s="5" t="s">
        <v>38</v>
      </c>
      <c r="P12312" s="5" t="s">
        <v>39</v>
      </c>
      <c r="Q12312" s="5" t="s">
        <v>40</v>
      </c>
      <c r="R12312" s="5" t="s">
        <v>1522</v>
      </c>
      <c r="S12312" s="5" t="s">
        <v>1523</v>
      </c>
      <c r="T12312" s="5" t="s">
        <v>42</v>
      </c>
      <c r="U12312" s="2">
        <v>1.3240000000000001</v>
      </c>
      <c r="V12312" s="2">
        <v>0.82399999999999995</v>
      </c>
      <c r="W12312" s="2">
        <v>1.2999999999999999E-2</v>
      </c>
      <c r="X12312" s="2">
        <v>99.1</v>
      </c>
      <c r="Y12312" s="2">
        <v>7.6</v>
      </c>
      <c r="Z12312" s="2">
        <v>16.7</v>
      </c>
      <c r="AA12312" s="5"/>
      <c r="AB12312" s="5" t="s">
        <v>43</v>
      </c>
      <c r="AC12312" s="5" t="s">
        <v>44</v>
      </c>
      <c r="AD12312" s="2"/>
      <c r="AE12312" s="1"/>
    </row>
    <row r="12313" spans="1:31" ht="14.45">
      <c r="A12313" s="11"/>
      <c r="B12313" s="20"/>
      <c r="C12313" s="2" t="s">
        <v>37867</v>
      </c>
      <c r="D12313" s="14" t="s">
        <v>37868</v>
      </c>
      <c r="E12313" s="2" t="s">
        <v>37869</v>
      </c>
      <c r="F12313" s="2" t="s">
        <v>36592</v>
      </c>
      <c r="G12313" s="8">
        <v>136</v>
      </c>
      <c r="H12313" s="5">
        <v>6</v>
      </c>
      <c r="I12313" s="5" t="s">
        <v>1518</v>
      </c>
      <c r="J12313" s="5" t="s">
        <v>36264</v>
      </c>
      <c r="K12313" s="2" t="s">
        <v>36265</v>
      </c>
      <c r="L12313" s="5" t="s">
        <v>36264</v>
      </c>
      <c r="M12313" s="2" t="s">
        <v>36265</v>
      </c>
      <c r="N12313" s="5" t="s">
        <v>36266</v>
      </c>
      <c r="O12313" s="5" t="s">
        <v>38</v>
      </c>
      <c r="P12313" s="5" t="s">
        <v>39</v>
      </c>
      <c r="Q12313" s="5" t="s">
        <v>40</v>
      </c>
      <c r="R12313" s="5" t="s">
        <v>1522</v>
      </c>
      <c r="S12313" s="5" t="s">
        <v>1523</v>
      </c>
      <c r="T12313" s="5" t="s">
        <v>42</v>
      </c>
      <c r="U12313" s="2">
        <v>1.349</v>
      </c>
      <c r="V12313" s="2">
        <v>0.84899999999999998</v>
      </c>
      <c r="W12313" s="2">
        <v>1.2999999999999999E-2</v>
      </c>
      <c r="X12313" s="2">
        <v>99.1</v>
      </c>
      <c r="Y12313" s="2">
        <v>7.6</v>
      </c>
      <c r="Z12313" s="2">
        <v>16.7</v>
      </c>
      <c r="AA12313" s="5"/>
      <c r="AB12313" s="5" t="s">
        <v>43</v>
      </c>
      <c r="AC12313" s="5" t="s">
        <v>44</v>
      </c>
      <c r="AD12313" s="2"/>
      <c r="AE12313" s="1"/>
    </row>
    <row r="12314" spans="1:31" ht="14.45">
      <c r="A12314" s="11"/>
      <c r="B12314" s="20"/>
      <c r="C12314" s="2" t="s">
        <v>37870</v>
      </c>
      <c r="D12314" s="14" t="s">
        <v>37871</v>
      </c>
      <c r="E12314" s="2" t="s">
        <v>37872</v>
      </c>
      <c r="F12314" s="2" t="s">
        <v>36305</v>
      </c>
      <c r="G12314" s="8">
        <v>136</v>
      </c>
      <c r="H12314" s="5">
        <v>6</v>
      </c>
      <c r="I12314" s="5" t="s">
        <v>1518</v>
      </c>
      <c r="J12314" s="5" t="s">
        <v>36264</v>
      </c>
      <c r="K12314" s="2" t="s">
        <v>36265</v>
      </c>
      <c r="L12314" s="5" t="s">
        <v>36264</v>
      </c>
      <c r="M12314" s="2" t="s">
        <v>36265</v>
      </c>
      <c r="N12314" s="5" t="s">
        <v>36266</v>
      </c>
      <c r="O12314" s="5" t="s">
        <v>38</v>
      </c>
      <c r="P12314" s="5" t="s">
        <v>39</v>
      </c>
      <c r="Q12314" s="5" t="s">
        <v>40</v>
      </c>
      <c r="R12314" s="5" t="s">
        <v>1522</v>
      </c>
      <c r="S12314" s="5" t="s">
        <v>1523</v>
      </c>
      <c r="T12314" s="5" t="s">
        <v>42</v>
      </c>
      <c r="U12314" s="2">
        <v>1.3240000000000001</v>
      </c>
      <c r="V12314" s="2">
        <v>0.82399999999999995</v>
      </c>
      <c r="W12314" s="2">
        <v>1.2999999999999999E-2</v>
      </c>
      <c r="X12314" s="2">
        <v>99.1</v>
      </c>
      <c r="Y12314" s="2">
        <v>7.6</v>
      </c>
      <c r="Z12314" s="2">
        <v>16.7</v>
      </c>
      <c r="AA12314" s="5"/>
      <c r="AB12314" s="5" t="s">
        <v>43</v>
      </c>
      <c r="AC12314" s="5" t="s">
        <v>44</v>
      </c>
      <c r="AD12314" s="2"/>
      <c r="AE12314" s="1"/>
    </row>
    <row r="12315" spans="1:31" ht="14.45">
      <c r="A12315" s="11"/>
      <c r="B12315" s="20"/>
      <c r="C12315" s="2" t="s">
        <v>37873</v>
      </c>
      <c r="D12315" s="14" t="s">
        <v>37874</v>
      </c>
      <c r="E12315" s="2" t="s">
        <v>37875</v>
      </c>
      <c r="F12315" s="2" t="s">
        <v>36309</v>
      </c>
      <c r="G12315" s="8">
        <v>136</v>
      </c>
      <c r="H12315" s="5">
        <v>6</v>
      </c>
      <c r="I12315" s="5" t="s">
        <v>1518</v>
      </c>
      <c r="J12315" s="5" t="s">
        <v>36264</v>
      </c>
      <c r="K12315" s="2" t="s">
        <v>36265</v>
      </c>
      <c r="L12315" s="5" t="s">
        <v>36264</v>
      </c>
      <c r="M12315" s="2" t="s">
        <v>36265</v>
      </c>
      <c r="N12315" s="5" t="s">
        <v>36266</v>
      </c>
      <c r="O12315" s="5" t="s">
        <v>38</v>
      </c>
      <c r="P12315" s="5" t="s">
        <v>39</v>
      </c>
      <c r="Q12315" s="5" t="s">
        <v>40</v>
      </c>
      <c r="R12315" s="5" t="s">
        <v>1522</v>
      </c>
      <c r="S12315" s="5" t="s">
        <v>1523</v>
      </c>
      <c r="T12315" s="5" t="s">
        <v>42</v>
      </c>
      <c r="U12315" s="2">
        <v>1.349</v>
      </c>
      <c r="V12315" s="2">
        <v>0.84899999999999998</v>
      </c>
      <c r="W12315" s="2">
        <v>1.2999999999999999E-2</v>
      </c>
      <c r="X12315" s="2">
        <v>99.1</v>
      </c>
      <c r="Y12315" s="2">
        <v>7.6</v>
      </c>
      <c r="Z12315" s="2">
        <v>16.7</v>
      </c>
      <c r="AA12315" s="5"/>
      <c r="AB12315" s="5" t="s">
        <v>43</v>
      </c>
      <c r="AC12315" s="5" t="s">
        <v>44</v>
      </c>
      <c r="AD12315" s="2"/>
      <c r="AE12315" s="1"/>
    </row>
    <row r="12316" spans="1:31" ht="14.45">
      <c r="A12316" s="11"/>
      <c r="B12316" s="20"/>
      <c r="C12316" s="2" t="s">
        <v>37876</v>
      </c>
      <c r="D12316" s="14" t="s">
        <v>37877</v>
      </c>
      <c r="E12316" s="2" t="s">
        <v>37878</v>
      </c>
      <c r="F12316" s="2" t="s">
        <v>36313</v>
      </c>
      <c r="G12316" s="8">
        <v>157</v>
      </c>
      <c r="H12316" s="5">
        <v>6</v>
      </c>
      <c r="I12316" s="5" t="s">
        <v>1518</v>
      </c>
      <c r="J12316" s="5" t="s">
        <v>36264</v>
      </c>
      <c r="K12316" s="2" t="s">
        <v>36265</v>
      </c>
      <c r="L12316" s="5" t="s">
        <v>36264</v>
      </c>
      <c r="M12316" s="2" t="s">
        <v>36265</v>
      </c>
      <c r="N12316" s="5" t="s">
        <v>36266</v>
      </c>
      <c r="O12316" s="5" t="s">
        <v>38</v>
      </c>
      <c r="P12316" s="5" t="s">
        <v>39</v>
      </c>
      <c r="Q12316" s="5" t="s">
        <v>40</v>
      </c>
      <c r="R12316" s="5" t="s">
        <v>1522</v>
      </c>
      <c r="S12316" s="5" t="s">
        <v>1523</v>
      </c>
      <c r="T12316" s="5" t="s">
        <v>42</v>
      </c>
      <c r="U12316" s="2">
        <v>1.3240000000000001</v>
      </c>
      <c r="V12316" s="2">
        <v>0.82399999999999995</v>
      </c>
      <c r="W12316" s="2">
        <v>1.2999999999999999E-2</v>
      </c>
      <c r="X12316" s="2">
        <v>99.1</v>
      </c>
      <c r="Y12316" s="2">
        <v>7.6</v>
      </c>
      <c r="Z12316" s="2">
        <v>16.7</v>
      </c>
      <c r="AA12316" s="5"/>
      <c r="AB12316" s="5" t="s">
        <v>43</v>
      </c>
      <c r="AC12316" s="5" t="s">
        <v>44</v>
      </c>
      <c r="AD12316" s="2"/>
      <c r="AE12316" s="1"/>
    </row>
    <row r="12317" spans="1:31" ht="14.45">
      <c r="A12317" s="11"/>
      <c r="B12317" s="20"/>
      <c r="C12317" s="2" t="s">
        <v>37879</v>
      </c>
      <c r="D12317" s="14" t="s">
        <v>37880</v>
      </c>
      <c r="E12317" s="2" t="s">
        <v>37881</v>
      </c>
      <c r="F12317" s="2" t="s">
        <v>36317</v>
      </c>
      <c r="G12317" s="8">
        <v>157</v>
      </c>
      <c r="H12317" s="5">
        <v>6</v>
      </c>
      <c r="I12317" s="5" t="s">
        <v>1518</v>
      </c>
      <c r="J12317" s="5" t="s">
        <v>36264</v>
      </c>
      <c r="K12317" s="2" t="s">
        <v>36265</v>
      </c>
      <c r="L12317" s="5" t="s">
        <v>36264</v>
      </c>
      <c r="M12317" s="2" t="s">
        <v>36265</v>
      </c>
      <c r="N12317" s="5" t="s">
        <v>36266</v>
      </c>
      <c r="O12317" s="5" t="s">
        <v>38</v>
      </c>
      <c r="P12317" s="5" t="s">
        <v>39</v>
      </c>
      <c r="Q12317" s="5" t="s">
        <v>40</v>
      </c>
      <c r="R12317" s="5" t="s">
        <v>1522</v>
      </c>
      <c r="S12317" s="5" t="s">
        <v>1523</v>
      </c>
      <c r="T12317" s="5" t="s">
        <v>42</v>
      </c>
      <c r="U12317" s="2">
        <v>1.349</v>
      </c>
      <c r="V12317" s="2">
        <v>0.84899999999999998</v>
      </c>
      <c r="W12317" s="2">
        <v>1.2999999999999999E-2</v>
      </c>
      <c r="X12317" s="2">
        <v>99.1</v>
      </c>
      <c r="Y12317" s="2">
        <v>7.6</v>
      </c>
      <c r="Z12317" s="2">
        <v>16.7</v>
      </c>
      <c r="AA12317" s="5"/>
      <c r="AB12317" s="5" t="s">
        <v>43</v>
      </c>
      <c r="AC12317" s="5" t="s">
        <v>44</v>
      </c>
      <c r="AD12317" s="2"/>
      <c r="AE12317" s="1"/>
    </row>
    <row r="12318" spans="1:31" ht="14.45">
      <c r="A12318" s="11"/>
      <c r="B12318" s="20"/>
      <c r="C12318" s="2" t="s">
        <v>37882</v>
      </c>
      <c r="D12318" s="14" t="s">
        <v>37883</v>
      </c>
      <c r="E12318" s="2" t="s">
        <v>37884</v>
      </c>
      <c r="F12318" s="2" t="s">
        <v>36321</v>
      </c>
      <c r="G12318" s="8">
        <v>157</v>
      </c>
      <c r="H12318" s="5">
        <v>6</v>
      </c>
      <c r="I12318" s="5" t="s">
        <v>1518</v>
      </c>
      <c r="J12318" s="5" t="s">
        <v>36264</v>
      </c>
      <c r="K12318" s="2" t="s">
        <v>36265</v>
      </c>
      <c r="L12318" s="5" t="s">
        <v>36264</v>
      </c>
      <c r="M12318" s="2" t="s">
        <v>36265</v>
      </c>
      <c r="N12318" s="5" t="s">
        <v>36266</v>
      </c>
      <c r="O12318" s="5" t="s">
        <v>38</v>
      </c>
      <c r="P12318" s="5" t="s">
        <v>39</v>
      </c>
      <c r="Q12318" s="5" t="s">
        <v>40</v>
      </c>
      <c r="R12318" s="5" t="s">
        <v>1522</v>
      </c>
      <c r="S12318" s="5" t="s">
        <v>1523</v>
      </c>
      <c r="T12318" s="5" t="s">
        <v>42</v>
      </c>
      <c r="U12318" s="2">
        <v>1.3240000000000001</v>
      </c>
      <c r="V12318" s="2">
        <v>0.82399999999999995</v>
      </c>
      <c r="W12318" s="2">
        <v>1.2999999999999999E-2</v>
      </c>
      <c r="X12318" s="2">
        <v>99.1</v>
      </c>
      <c r="Y12318" s="2">
        <v>7.6</v>
      </c>
      <c r="Z12318" s="2">
        <v>16.7</v>
      </c>
      <c r="AA12318" s="5"/>
      <c r="AB12318" s="5" t="s">
        <v>43</v>
      </c>
      <c r="AC12318" s="5" t="s">
        <v>44</v>
      </c>
      <c r="AD12318" s="2"/>
      <c r="AE12318" s="1"/>
    </row>
    <row r="12319" spans="1:31" ht="14.45">
      <c r="A12319" s="11"/>
      <c r="B12319" s="20"/>
      <c r="C12319" s="2" t="s">
        <v>37885</v>
      </c>
      <c r="D12319" s="14" t="s">
        <v>37886</v>
      </c>
      <c r="E12319" s="2" t="s">
        <v>37887</v>
      </c>
      <c r="F12319" s="2" t="s">
        <v>36325</v>
      </c>
      <c r="G12319" s="8">
        <v>157</v>
      </c>
      <c r="H12319" s="5">
        <v>6</v>
      </c>
      <c r="I12319" s="5" t="s">
        <v>1518</v>
      </c>
      <c r="J12319" s="5" t="s">
        <v>36264</v>
      </c>
      <c r="K12319" s="2" t="s">
        <v>36265</v>
      </c>
      <c r="L12319" s="5" t="s">
        <v>36264</v>
      </c>
      <c r="M12319" s="2" t="s">
        <v>36265</v>
      </c>
      <c r="N12319" s="5" t="s">
        <v>36266</v>
      </c>
      <c r="O12319" s="5" t="s">
        <v>38</v>
      </c>
      <c r="P12319" s="5" t="s">
        <v>39</v>
      </c>
      <c r="Q12319" s="5" t="s">
        <v>40</v>
      </c>
      <c r="R12319" s="5" t="s">
        <v>1522</v>
      </c>
      <c r="S12319" s="5" t="s">
        <v>1523</v>
      </c>
      <c r="T12319" s="5" t="s">
        <v>42</v>
      </c>
      <c r="U12319" s="2">
        <v>1.349</v>
      </c>
      <c r="V12319" s="2">
        <v>0.84899999999999998</v>
      </c>
      <c r="W12319" s="2">
        <v>1.2999999999999999E-2</v>
      </c>
      <c r="X12319" s="2">
        <v>99.1</v>
      </c>
      <c r="Y12319" s="2">
        <v>7.6</v>
      </c>
      <c r="Z12319" s="2">
        <v>16.7</v>
      </c>
      <c r="AA12319" s="5"/>
      <c r="AB12319" s="5" t="s">
        <v>43</v>
      </c>
      <c r="AC12319" s="5" t="s">
        <v>44</v>
      </c>
      <c r="AD12319" s="2"/>
      <c r="AE12319" s="1"/>
    </row>
    <row r="12320" spans="1:31" ht="14.45">
      <c r="A12320" s="11"/>
      <c r="B12320" s="20"/>
      <c r="C12320" s="2" t="s">
        <v>37888</v>
      </c>
      <c r="D12320" s="14" t="s">
        <v>37889</v>
      </c>
      <c r="E12320" s="2" t="s">
        <v>37890</v>
      </c>
      <c r="F12320" s="2" t="s">
        <v>36329</v>
      </c>
      <c r="G12320" s="8">
        <v>157</v>
      </c>
      <c r="H12320" s="5">
        <v>6</v>
      </c>
      <c r="I12320" s="5" t="s">
        <v>1518</v>
      </c>
      <c r="J12320" s="5" t="s">
        <v>36264</v>
      </c>
      <c r="K12320" s="2" t="s">
        <v>36265</v>
      </c>
      <c r="L12320" s="5" t="s">
        <v>36264</v>
      </c>
      <c r="M12320" s="2" t="s">
        <v>36265</v>
      </c>
      <c r="N12320" s="5" t="s">
        <v>36266</v>
      </c>
      <c r="O12320" s="5" t="s">
        <v>38</v>
      </c>
      <c r="P12320" s="5" t="s">
        <v>39</v>
      </c>
      <c r="Q12320" s="5" t="s">
        <v>40</v>
      </c>
      <c r="R12320" s="5" t="s">
        <v>1522</v>
      </c>
      <c r="S12320" s="5" t="s">
        <v>1523</v>
      </c>
      <c r="T12320" s="5" t="s">
        <v>42</v>
      </c>
      <c r="U12320" s="2">
        <v>1.3240000000000001</v>
      </c>
      <c r="V12320" s="2">
        <v>0.82399999999999995</v>
      </c>
      <c r="W12320" s="2">
        <v>1.2999999999999999E-2</v>
      </c>
      <c r="X12320" s="2">
        <v>99.1</v>
      </c>
      <c r="Y12320" s="2">
        <v>7.6</v>
      </c>
      <c r="Z12320" s="2">
        <v>16.7</v>
      </c>
      <c r="AA12320" s="5"/>
      <c r="AB12320" s="5" t="s">
        <v>43</v>
      </c>
      <c r="AC12320" s="5" t="s">
        <v>44</v>
      </c>
      <c r="AD12320" s="2"/>
      <c r="AE12320" s="1"/>
    </row>
    <row r="12321" spans="1:31" ht="14.45">
      <c r="A12321" s="11"/>
      <c r="B12321" s="20"/>
      <c r="C12321" s="2" t="s">
        <v>37891</v>
      </c>
      <c r="D12321" s="14" t="s">
        <v>37892</v>
      </c>
      <c r="E12321" s="2" t="s">
        <v>37893</v>
      </c>
      <c r="F12321" s="2" t="s">
        <v>36333</v>
      </c>
      <c r="G12321" s="8">
        <v>157</v>
      </c>
      <c r="H12321" s="5">
        <v>6</v>
      </c>
      <c r="I12321" s="5" t="s">
        <v>1518</v>
      </c>
      <c r="J12321" s="5" t="s">
        <v>36264</v>
      </c>
      <c r="K12321" s="2" t="s">
        <v>36265</v>
      </c>
      <c r="L12321" s="5" t="s">
        <v>36264</v>
      </c>
      <c r="M12321" s="2" t="s">
        <v>36265</v>
      </c>
      <c r="N12321" s="5" t="s">
        <v>36266</v>
      </c>
      <c r="O12321" s="5" t="s">
        <v>38</v>
      </c>
      <c r="P12321" s="5" t="s">
        <v>39</v>
      </c>
      <c r="Q12321" s="5" t="s">
        <v>40</v>
      </c>
      <c r="R12321" s="5" t="s">
        <v>1522</v>
      </c>
      <c r="S12321" s="5" t="s">
        <v>1523</v>
      </c>
      <c r="T12321" s="5" t="s">
        <v>42</v>
      </c>
      <c r="U12321" s="2">
        <v>1.349</v>
      </c>
      <c r="V12321" s="2">
        <v>0.84899999999999998</v>
      </c>
      <c r="W12321" s="2">
        <v>1.2999999999999999E-2</v>
      </c>
      <c r="X12321" s="2">
        <v>99.1</v>
      </c>
      <c r="Y12321" s="2">
        <v>7.6</v>
      </c>
      <c r="Z12321" s="2">
        <v>16.7</v>
      </c>
      <c r="AA12321" s="5"/>
      <c r="AB12321" s="5" t="s">
        <v>43</v>
      </c>
      <c r="AC12321" s="5" t="s">
        <v>44</v>
      </c>
      <c r="AD12321" s="2"/>
      <c r="AE12321" s="1"/>
    </row>
    <row r="12322" spans="1:31" ht="14.45">
      <c r="A12322" s="11"/>
      <c r="B12322" s="20"/>
      <c r="C12322" s="2" t="s">
        <v>37894</v>
      </c>
      <c r="D12322" s="14" t="s">
        <v>37895</v>
      </c>
      <c r="E12322" s="2" t="s">
        <v>37896</v>
      </c>
      <c r="F12322" s="2" t="s">
        <v>36337</v>
      </c>
      <c r="G12322" s="8">
        <v>157</v>
      </c>
      <c r="H12322" s="5">
        <v>6</v>
      </c>
      <c r="I12322" s="5" t="s">
        <v>1518</v>
      </c>
      <c r="J12322" s="5" t="s">
        <v>36264</v>
      </c>
      <c r="K12322" s="2" t="s">
        <v>36265</v>
      </c>
      <c r="L12322" s="5" t="s">
        <v>36264</v>
      </c>
      <c r="M12322" s="2" t="s">
        <v>36265</v>
      </c>
      <c r="N12322" s="5" t="s">
        <v>36266</v>
      </c>
      <c r="O12322" s="5" t="s">
        <v>38</v>
      </c>
      <c r="P12322" s="5" t="s">
        <v>39</v>
      </c>
      <c r="Q12322" s="5" t="s">
        <v>40</v>
      </c>
      <c r="R12322" s="5" t="s">
        <v>1522</v>
      </c>
      <c r="S12322" s="5" t="s">
        <v>1523</v>
      </c>
      <c r="T12322" s="5" t="s">
        <v>42</v>
      </c>
      <c r="U12322" s="2">
        <v>1.3240000000000001</v>
      </c>
      <c r="V12322" s="2">
        <v>0.82399999999999995</v>
      </c>
      <c r="W12322" s="2">
        <v>1.2999999999999999E-2</v>
      </c>
      <c r="X12322" s="2">
        <v>99.1</v>
      </c>
      <c r="Y12322" s="2">
        <v>7.6</v>
      </c>
      <c r="Z12322" s="2">
        <v>16.7</v>
      </c>
      <c r="AA12322" s="5"/>
      <c r="AB12322" s="5" t="s">
        <v>43</v>
      </c>
      <c r="AC12322" s="5" t="s">
        <v>44</v>
      </c>
      <c r="AD12322" s="2"/>
      <c r="AE12322" s="1"/>
    </row>
    <row r="12323" spans="1:31" ht="14.45">
      <c r="A12323" s="11"/>
      <c r="B12323" s="20"/>
      <c r="C12323" s="2" t="s">
        <v>37897</v>
      </c>
      <c r="D12323" s="14" t="s">
        <v>37898</v>
      </c>
      <c r="E12323" s="2" t="s">
        <v>37899</v>
      </c>
      <c r="F12323" s="2" t="s">
        <v>36341</v>
      </c>
      <c r="G12323" s="8">
        <v>157</v>
      </c>
      <c r="H12323" s="5">
        <v>6</v>
      </c>
      <c r="I12323" s="5" t="s">
        <v>1518</v>
      </c>
      <c r="J12323" s="5" t="s">
        <v>36264</v>
      </c>
      <c r="K12323" s="2" t="s">
        <v>36265</v>
      </c>
      <c r="L12323" s="5" t="s">
        <v>36264</v>
      </c>
      <c r="M12323" s="2" t="s">
        <v>36265</v>
      </c>
      <c r="N12323" s="5" t="s">
        <v>36266</v>
      </c>
      <c r="O12323" s="5" t="s">
        <v>38</v>
      </c>
      <c r="P12323" s="5" t="s">
        <v>39</v>
      </c>
      <c r="Q12323" s="5" t="s">
        <v>40</v>
      </c>
      <c r="R12323" s="5" t="s">
        <v>1522</v>
      </c>
      <c r="S12323" s="5" t="s">
        <v>1523</v>
      </c>
      <c r="T12323" s="5" t="s">
        <v>42</v>
      </c>
      <c r="U12323" s="2">
        <v>1.349</v>
      </c>
      <c r="V12323" s="2">
        <v>0.84899999999999998</v>
      </c>
      <c r="W12323" s="2">
        <v>1.2999999999999999E-2</v>
      </c>
      <c r="X12323" s="2">
        <v>99.1</v>
      </c>
      <c r="Y12323" s="2">
        <v>7.6</v>
      </c>
      <c r="Z12323" s="2">
        <v>16.7</v>
      </c>
      <c r="AA12323" s="5"/>
      <c r="AB12323" s="5" t="s">
        <v>43</v>
      </c>
      <c r="AC12323" s="5" t="s">
        <v>44</v>
      </c>
      <c r="AD12323" s="2"/>
      <c r="AE12323" s="1"/>
    </row>
    <row r="12324" spans="1:31" ht="14.45">
      <c r="A12324" s="11"/>
      <c r="B12324" s="20"/>
      <c r="C12324" s="2" t="s">
        <v>37900</v>
      </c>
      <c r="D12324" s="14" t="s">
        <v>37901</v>
      </c>
      <c r="E12324" s="2" t="s">
        <v>37902</v>
      </c>
      <c r="F12324" s="2" t="s">
        <v>36345</v>
      </c>
      <c r="G12324" s="8">
        <v>157</v>
      </c>
      <c r="H12324" s="5">
        <v>6</v>
      </c>
      <c r="I12324" s="5" t="s">
        <v>1518</v>
      </c>
      <c r="J12324" s="5" t="s">
        <v>36264</v>
      </c>
      <c r="K12324" s="2" t="s">
        <v>36265</v>
      </c>
      <c r="L12324" s="5" t="s">
        <v>36264</v>
      </c>
      <c r="M12324" s="2" t="s">
        <v>36265</v>
      </c>
      <c r="N12324" s="5" t="s">
        <v>36266</v>
      </c>
      <c r="O12324" s="5" t="s">
        <v>38</v>
      </c>
      <c r="P12324" s="5" t="s">
        <v>39</v>
      </c>
      <c r="Q12324" s="5" t="s">
        <v>40</v>
      </c>
      <c r="R12324" s="5" t="s">
        <v>1522</v>
      </c>
      <c r="S12324" s="5" t="s">
        <v>1523</v>
      </c>
      <c r="T12324" s="5" t="s">
        <v>42</v>
      </c>
      <c r="U12324" s="2">
        <v>1.3240000000000001</v>
      </c>
      <c r="V12324" s="2">
        <v>0.82399999999999995</v>
      </c>
      <c r="W12324" s="2">
        <v>1.2999999999999999E-2</v>
      </c>
      <c r="X12324" s="2">
        <v>99.1</v>
      </c>
      <c r="Y12324" s="2">
        <v>7.6</v>
      </c>
      <c r="Z12324" s="2">
        <v>16.7</v>
      </c>
      <c r="AA12324" s="5"/>
      <c r="AB12324" s="5" t="s">
        <v>43</v>
      </c>
      <c r="AC12324" s="5" t="s">
        <v>44</v>
      </c>
      <c r="AD12324" s="2"/>
      <c r="AE12324" s="1"/>
    </row>
    <row r="12325" spans="1:31" ht="14.45">
      <c r="A12325" s="11"/>
      <c r="B12325" s="20"/>
      <c r="C12325" s="2" t="s">
        <v>37903</v>
      </c>
      <c r="D12325" s="14" t="s">
        <v>37904</v>
      </c>
      <c r="E12325" s="2" t="s">
        <v>37905</v>
      </c>
      <c r="F12325" s="2" t="s">
        <v>36349</v>
      </c>
      <c r="G12325" s="8">
        <v>157</v>
      </c>
      <c r="H12325" s="5">
        <v>6</v>
      </c>
      <c r="I12325" s="5" t="s">
        <v>1518</v>
      </c>
      <c r="J12325" s="5" t="s">
        <v>36264</v>
      </c>
      <c r="K12325" s="2" t="s">
        <v>36265</v>
      </c>
      <c r="L12325" s="5" t="s">
        <v>36264</v>
      </c>
      <c r="M12325" s="2" t="s">
        <v>36265</v>
      </c>
      <c r="N12325" s="5" t="s">
        <v>36266</v>
      </c>
      <c r="O12325" s="5" t="s">
        <v>38</v>
      </c>
      <c r="P12325" s="5" t="s">
        <v>39</v>
      </c>
      <c r="Q12325" s="5" t="s">
        <v>40</v>
      </c>
      <c r="R12325" s="5" t="s">
        <v>1522</v>
      </c>
      <c r="S12325" s="5" t="s">
        <v>1523</v>
      </c>
      <c r="T12325" s="5" t="s">
        <v>42</v>
      </c>
      <c r="U12325" s="2">
        <v>1.349</v>
      </c>
      <c r="V12325" s="2">
        <v>0.84899999999999998</v>
      </c>
      <c r="W12325" s="2">
        <v>1.2999999999999999E-2</v>
      </c>
      <c r="X12325" s="2">
        <v>99.1</v>
      </c>
      <c r="Y12325" s="2">
        <v>7.6</v>
      </c>
      <c r="Z12325" s="2">
        <v>16.7</v>
      </c>
      <c r="AA12325" s="5"/>
      <c r="AB12325" s="5" t="s">
        <v>43</v>
      </c>
      <c r="AC12325" s="5" t="s">
        <v>44</v>
      </c>
      <c r="AD12325" s="2"/>
      <c r="AE12325" s="1"/>
    </row>
    <row r="12326" spans="1:31" ht="14.45">
      <c r="A12326" s="11"/>
      <c r="B12326" s="20"/>
      <c r="C12326" s="2" t="s">
        <v>37906</v>
      </c>
      <c r="D12326" s="14" t="s">
        <v>37907</v>
      </c>
      <c r="E12326" s="2" t="s">
        <v>37908</v>
      </c>
      <c r="F12326" s="2" t="s">
        <v>36353</v>
      </c>
      <c r="G12326" s="8">
        <v>157</v>
      </c>
      <c r="H12326" s="5">
        <v>6</v>
      </c>
      <c r="I12326" s="5" t="s">
        <v>1518</v>
      </c>
      <c r="J12326" s="5" t="s">
        <v>36264</v>
      </c>
      <c r="K12326" s="2" t="s">
        <v>36265</v>
      </c>
      <c r="L12326" s="5" t="s">
        <v>36264</v>
      </c>
      <c r="M12326" s="2" t="s">
        <v>36265</v>
      </c>
      <c r="N12326" s="5" t="s">
        <v>36266</v>
      </c>
      <c r="O12326" s="5" t="s">
        <v>38</v>
      </c>
      <c r="P12326" s="5" t="s">
        <v>39</v>
      </c>
      <c r="Q12326" s="5" t="s">
        <v>40</v>
      </c>
      <c r="R12326" s="5" t="s">
        <v>1522</v>
      </c>
      <c r="S12326" s="5" t="s">
        <v>1523</v>
      </c>
      <c r="T12326" s="5" t="s">
        <v>42</v>
      </c>
      <c r="U12326" s="2">
        <v>1.3240000000000001</v>
      </c>
      <c r="V12326" s="2">
        <v>0.82399999999999995</v>
      </c>
      <c r="W12326" s="2">
        <v>1.2999999999999999E-2</v>
      </c>
      <c r="X12326" s="2">
        <v>99.1</v>
      </c>
      <c r="Y12326" s="2">
        <v>7.6</v>
      </c>
      <c r="Z12326" s="2">
        <v>16.7</v>
      </c>
      <c r="AA12326" s="5"/>
      <c r="AB12326" s="5" t="s">
        <v>43</v>
      </c>
      <c r="AC12326" s="5" t="s">
        <v>44</v>
      </c>
      <c r="AD12326" s="2"/>
      <c r="AE12326" s="1"/>
    </row>
    <row r="12327" spans="1:31" ht="14.45">
      <c r="A12327" s="11"/>
      <c r="B12327" s="20"/>
      <c r="C12327" s="2" t="s">
        <v>37909</v>
      </c>
      <c r="D12327" s="14" t="s">
        <v>37910</v>
      </c>
      <c r="E12327" s="2" t="s">
        <v>37911</v>
      </c>
      <c r="F12327" s="2" t="s">
        <v>36357</v>
      </c>
      <c r="G12327" s="8">
        <v>157</v>
      </c>
      <c r="H12327" s="5">
        <v>6</v>
      </c>
      <c r="I12327" s="5" t="s">
        <v>1518</v>
      </c>
      <c r="J12327" s="5" t="s">
        <v>36264</v>
      </c>
      <c r="K12327" s="2" t="s">
        <v>36265</v>
      </c>
      <c r="L12327" s="5" t="s">
        <v>36264</v>
      </c>
      <c r="M12327" s="2" t="s">
        <v>36265</v>
      </c>
      <c r="N12327" s="5" t="s">
        <v>36266</v>
      </c>
      <c r="O12327" s="5" t="s">
        <v>38</v>
      </c>
      <c r="P12327" s="5" t="s">
        <v>39</v>
      </c>
      <c r="Q12327" s="5" t="s">
        <v>40</v>
      </c>
      <c r="R12327" s="5" t="s">
        <v>1522</v>
      </c>
      <c r="S12327" s="5" t="s">
        <v>1523</v>
      </c>
      <c r="T12327" s="5" t="s">
        <v>42</v>
      </c>
      <c r="U12327" s="2">
        <v>1.349</v>
      </c>
      <c r="V12327" s="2">
        <v>0.84899999999999998</v>
      </c>
      <c r="W12327" s="2">
        <v>1.2999999999999999E-2</v>
      </c>
      <c r="X12327" s="2">
        <v>99.1</v>
      </c>
      <c r="Y12327" s="2">
        <v>7.6</v>
      </c>
      <c r="Z12327" s="2">
        <v>16.7</v>
      </c>
      <c r="AA12327" s="5"/>
      <c r="AB12327" s="5" t="s">
        <v>43</v>
      </c>
      <c r="AC12327" s="5" t="s">
        <v>44</v>
      </c>
      <c r="AD12327" s="2"/>
      <c r="AE12327" s="1"/>
    </row>
    <row r="12328" spans="1:31" ht="14.45">
      <c r="A12328" s="11"/>
      <c r="B12328" s="20"/>
      <c r="C12328" s="2" t="s">
        <v>37912</v>
      </c>
      <c r="D12328" s="14" t="s">
        <v>37913</v>
      </c>
      <c r="E12328" s="2" t="s">
        <v>37914</v>
      </c>
      <c r="F12328" s="2" t="s">
        <v>36361</v>
      </c>
      <c r="G12328" s="8">
        <v>157</v>
      </c>
      <c r="H12328" s="5">
        <v>6</v>
      </c>
      <c r="I12328" s="5" t="s">
        <v>1518</v>
      </c>
      <c r="J12328" s="5" t="s">
        <v>36264</v>
      </c>
      <c r="K12328" s="2" t="s">
        <v>36265</v>
      </c>
      <c r="L12328" s="5" t="s">
        <v>36264</v>
      </c>
      <c r="M12328" s="2" t="s">
        <v>36265</v>
      </c>
      <c r="N12328" s="5" t="s">
        <v>36266</v>
      </c>
      <c r="O12328" s="5" t="s">
        <v>38</v>
      </c>
      <c r="P12328" s="5" t="s">
        <v>39</v>
      </c>
      <c r="Q12328" s="5" t="s">
        <v>40</v>
      </c>
      <c r="R12328" s="5" t="s">
        <v>1522</v>
      </c>
      <c r="S12328" s="5" t="s">
        <v>1523</v>
      </c>
      <c r="T12328" s="5" t="s">
        <v>42</v>
      </c>
      <c r="U12328" s="2">
        <v>1.3240000000000001</v>
      </c>
      <c r="V12328" s="2">
        <v>0.82399999999999995</v>
      </c>
      <c r="W12328" s="2">
        <v>1.2999999999999999E-2</v>
      </c>
      <c r="X12328" s="2">
        <v>99.1</v>
      </c>
      <c r="Y12328" s="2">
        <v>7.6</v>
      </c>
      <c r="Z12328" s="2">
        <v>16.7</v>
      </c>
      <c r="AA12328" s="5"/>
      <c r="AB12328" s="5" t="s">
        <v>43</v>
      </c>
      <c r="AC12328" s="5" t="s">
        <v>44</v>
      </c>
      <c r="AD12328" s="2"/>
      <c r="AE12328" s="1"/>
    </row>
    <row r="12329" spans="1:31" ht="14.45">
      <c r="A12329" s="11"/>
      <c r="B12329" s="20"/>
      <c r="C12329" s="2" t="s">
        <v>37915</v>
      </c>
      <c r="D12329" s="14" t="s">
        <v>37916</v>
      </c>
      <c r="E12329" s="2" t="s">
        <v>37917</v>
      </c>
      <c r="F12329" s="2" t="s">
        <v>36365</v>
      </c>
      <c r="G12329" s="8">
        <v>157</v>
      </c>
      <c r="H12329" s="5">
        <v>6</v>
      </c>
      <c r="I12329" s="5" t="s">
        <v>1518</v>
      </c>
      <c r="J12329" s="5" t="s">
        <v>36264</v>
      </c>
      <c r="K12329" s="2" t="s">
        <v>36265</v>
      </c>
      <c r="L12329" s="5" t="s">
        <v>36264</v>
      </c>
      <c r="M12329" s="2" t="s">
        <v>36265</v>
      </c>
      <c r="N12329" s="5" t="s">
        <v>36266</v>
      </c>
      <c r="O12329" s="5" t="s">
        <v>38</v>
      </c>
      <c r="P12329" s="5" t="s">
        <v>39</v>
      </c>
      <c r="Q12329" s="5" t="s">
        <v>40</v>
      </c>
      <c r="R12329" s="5" t="s">
        <v>1522</v>
      </c>
      <c r="S12329" s="5" t="s">
        <v>1523</v>
      </c>
      <c r="T12329" s="5" t="s">
        <v>42</v>
      </c>
      <c r="U12329" s="2">
        <v>1.349</v>
      </c>
      <c r="V12329" s="2">
        <v>0.84899999999999998</v>
      </c>
      <c r="W12329" s="2">
        <v>1.2999999999999999E-2</v>
      </c>
      <c r="X12329" s="2">
        <v>99.1</v>
      </c>
      <c r="Y12329" s="2">
        <v>7.6</v>
      </c>
      <c r="Z12329" s="2">
        <v>16.7</v>
      </c>
      <c r="AA12329" s="5"/>
      <c r="AB12329" s="5" t="s">
        <v>43</v>
      </c>
      <c r="AC12329" s="5" t="s">
        <v>44</v>
      </c>
      <c r="AD12329" s="2"/>
      <c r="AE12329" s="1"/>
    </row>
    <row r="12330" spans="1:31" ht="14.45">
      <c r="A12330" s="11"/>
      <c r="B12330" s="20"/>
      <c r="C12330" s="2" t="s">
        <v>37918</v>
      </c>
      <c r="D12330" s="14" t="s">
        <v>37919</v>
      </c>
      <c r="E12330" s="2" t="s">
        <v>37920</v>
      </c>
      <c r="F12330" s="2" t="s">
        <v>36644</v>
      </c>
      <c r="G12330" s="8">
        <v>157</v>
      </c>
      <c r="H12330" s="5">
        <v>6</v>
      </c>
      <c r="I12330" s="5" t="s">
        <v>1518</v>
      </c>
      <c r="J12330" s="5" t="s">
        <v>36264</v>
      </c>
      <c r="K12330" s="2" t="s">
        <v>36265</v>
      </c>
      <c r="L12330" s="5" t="s">
        <v>36264</v>
      </c>
      <c r="M12330" s="2" t="s">
        <v>36265</v>
      </c>
      <c r="N12330" s="5" t="s">
        <v>36266</v>
      </c>
      <c r="O12330" s="5" t="s">
        <v>38</v>
      </c>
      <c r="P12330" s="5" t="s">
        <v>39</v>
      </c>
      <c r="Q12330" s="5" t="s">
        <v>40</v>
      </c>
      <c r="R12330" s="5" t="s">
        <v>1522</v>
      </c>
      <c r="S12330" s="5" t="s">
        <v>1523</v>
      </c>
      <c r="T12330" s="5" t="s">
        <v>42</v>
      </c>
      <c r="U12330" s="2">
        <v>1.3240000000000001</v>
      </c>
      <c r="V12330" s="2">
        <v>0.82399999999999995</v>
      </c>
      <c r="W12330" s="2">
        <v>1.2999999999999999E-2</v>
      </c>
      <c r="X12330" s="2">
        <v>99.1</v>
      </c>
      <c r="Y12330" s="2">
        <v>7.6</v>
      </c>
      <c r="Z12330" s="2">
        <v>16.7</v>
      </c>
      <c r="AA12330" s="5"/>
      <c r="AB12330" s="5" t="s">
        <v>43</v>
      </c>
      <c r="AC12330" s="5" t="s">
        <v>44</v>
      </c>
      <c r="AD12330" s="2"/>
      <c r="AE12330" s="1"/>
    </row>
    <row r="12331" spans="1:31" ht="14.45">
      <c r="A12331" s="11"/>
      <c r="B12331" s="20"/>
      <c r="C12331" s="2" t="s">
        <v>37921</v>
      </c>
      <c r="D12331" s="14" t="s">
        <v>37922</v>
      </c>
      <c r="E12331" s="2" t="s">
        <v>37923</v>
      </c>
      <c r="F12331" s="2" t="s">
        <v>36648</v>
      </c>
      <c r="G12331" s="8">
        <v>157</v>
      </c>
      <c r="H12331" s="5">
        <v>6</v>
      </c>
      <c r="I12331" s="5" t="s">
        <v>1518</v>
      </c>
      <c r="J12331" s="5" t="s">
        <v>36264</v>
      </c>
      <c r="K12331" s="2" t="s">
        <v>36265</v>
      </c>
      <c r="L12331" s="5" t="s">
        <v>36264</v>
      </c>
      <c r="M12331" s="2" t="s">
        <v>36265</v>
      </c>
      <c r="N12331" s="5" t="s">
        <v>36266</v>
      </c>
      <c r="O12331" s="5" t="s">
        <v>38</v>
      </c>
      <c r="P12331" s="5" t="s">
        <v>39</v>
      </c>
      <c r="Q12331" s="5" t="s">
        <v>40</v>
      </c>
      <c r="R12331" s="5" t="s">
        <v>1522</v>
      </c>
      <c r="S12331" s="5" t="s">
        <v>1523</v>
      </c>
      <c r="T12331" s="5" t="s">
        <v>42</v>
      </c>
      <c r="U12331" s="2">
        <v>1.349</v>
      </c>
      <c r="V12331" s="2">
        <v>0.84899999999999998</v>
      </c>
      <c r="W12331" s="2">
        <v>1.2999999999999999E-2</v>
      </c>
      <c r="X12331" s="2">
        <v>99.1</v>
      </c>
      <c r="Y12331" s="2">
        <v>7.6</v>
      </c>
      <c r="Z12331" s="2">
        <v>16.7</v>
      </c>
      <c r="AA12331" s="5"/>
      <c r="AB12331" s="5" t="s">
        <v>43</v>
      </c>
      <c r="AC12331" s="5" t="s">
        <v>44</v>
      </c>
      <c r="AD12331" s="2"/>
      <c r="AE12331" s="1"/>
    </row>
    <row r="12332" spans="1:31" ht="14.45">
      <c r="A12332" s="11"/>
      <c r="B12332" s="20"/>
      <c r="C12332" s="2" t="s">
        <v>37924</v>
      </c>
      <c r="D12332" s="14" t="s">
        <v>37925</v>
      </c>
      <c r="E12332" s="2" t="s">
        <v>37926</v>
      </c>
      <c r="F12332" s="2" t="s">
        <v>36377</v>
      </c>
      <c r="G12332" s="8">
        <v>157</v>
      </c>
      <c r="H12332" s="5">
        <v>6</v>
      </c>
      <c r="I12332" s="5" t="s">
        <v>1518</v>
      </c>
      <c r="J12332" s="5" t="s">
        <v>36264</v>
      </c>
      <c r="K12332" s="2" t="s">
        <v>36265</v>
      </c>
      <c r="L12332" s="5" t="s">
        <v>36264</v>
      </c>
      <c r="M12332" s="2" t="s">
        <v>36265</v>
      </c>
      <c r="N12332" s="5" t="s">
        <v>36266</v>
      </c>
      <c r="O12332" s="5" t="s">
        <v>38</v>
      </c>
      <c r="P12332" s="5" t="s">
        <v>39</v>
      </c>
      <c r="Q12332" s="5" t="s">
        <v>40</v>
      </c>
      <c r="R12332" s="5" t="s">
        <v>1522</v>
      </c>
      <c r="S12332" s="5" t="s">
        <v>1523</v>
      </c>
      <c r="T12332" s="5" t="s">
        <v>42</v>
      </c>
      <c r="U12332" s="2">
        <v>1.3240000000000001</v>
      </c>
      <c r="V12332" s="2">
        <v>0.82399999999999995</v>
      </c>
      <c r="W12332" s="2">
        <v>1.2999999999999999E-2</v>
      </c>
      <c r="X12332" s="2">
        <v>99.1</v>
      </c>
      <c r="Y12332" s="2">
        <v>7.6</v>
      </c>
      <c r="Z12332" s="2">
        <v>16.7</v>
      </c>
      <c r="AA12332" s="5"/>
      <c r="AB12332" s="5" t="s">
        <v>43</v>
      </c>
      <c r="AC12332" s="5" t="s">
        <v>44</v>
      </c>
      <c r="AD12332" s="2"/>
      <c r="AE12332" s="1"/>
    </row>
    <row r="12333" spans="1:31" ht="14.45">
      <c r="A12333" s="11"/>
      <c r="B12333" s="20"/>
      <c r="C12333" s="2" t="s">
        <v>37927</v>
      </c>
      <c r="D12333" s="14" t="s">
        <v>37928</v>
      </c>
      <c r="E12333" s="2" t="s">
        <v>37929</v>
      </c>
      <c r="F12333" s="2" t="s">
        <v>36381</v>
      </c>
      <c r="G12333" s="8">
        <v>157</v>
      </c>
      <c r="H12333" s="5">
        <v>6</v>
      </c>
      <c r="I12333" s="5" t="s">
        <v>1518</v>
      </c>
      <c r="J12333" s="5" t="s">
        <v>36264</v>
      </c>
      <c r="K12333" s="2" t="s">
        <v>36265</v>
      </c>
      <c r="L12333" s="5" t="s">
        <v>36264</v>
      </c>
      <c r="M12333" s="2" t="s">
        <v>36265</v>
      </c>
      <c r="N12333" s="5" t="s">
        <v>36266</v>
      </c>
      <c r="O12333" s="5" t="s">
        <v>38</v>
      </c>
      <c r="P12333" s="5" t="s">
        <v>39</v>
      </c>
      <c r="Q12333" s="5" t="s">
        <v>40</v>
      </c>
      <c r="R12333" s="5" t="s">
        <v>1522</v>
      </c>
      <c r="S12333" s="5" t="s">
        <v>1523</v>
      </c>
      <c r="T12333" s="5" t="s">
        <v>42</v>
      </c>
      <c r="U12333" s="2">
        <v>1.349</v>
      </c>
      <c r="V12333" s="2">
        <v>0.84899999999999998</v>
      </c>
      <c r="W12333" s="2">
        <v>1.2999999999999999E-2</v>
      </c>
      <c r="X12333" s="2">
        <v>99.1</v>
      </c>
      <c r="Y12333" s="2">
        <v>7.6</v>
      </c>
      <c r="Z12333" s="2">
        <v>16.7</v>
      </c>
      <c r="AA12333" s="5"/>
      <c r="AB12333" s="5" t="s">
        <v>43</v>
      </c>
      <c r="AC12333" s="5" t="s">
        <v>44</v>
      </c>
      <c r="AD12333" s="2"/>
      <c r="AE12333" s="1"/>
    </row>
    <row r="12334" spans="1:31" ht="14.45">
      <c r="A12334" s="11"/>
      <c r="B12334" s="20"/>
      <c r="C12334" s="2" t="s">
        <v>37930</v>
      </c>
      <c r="D12334" s="14" t="s">
        <v>37931</v>
      </c>
      <c r="E12334" s="2" t="s">
        <v>37932</v>
      </c>
      <c r="F12334" s="2" t="s">
        <v>36385</v>
      </c>
      <c r="G12334" s="8">
        <v>157</v>
      </c>
      <c r="H12334" s="5">
        <v>6</v>
      </c>
      <c r="I12334" s="5" t="s">
        <v>1518</v>
      </c>
      <c r="J12334" s="5" t="s">
        <v>36264</v>
      </c>
      <c r="K12334" s="2" t="s">
        <v>36265</v>
      </c>
      <c r="L12334" s="5" t="s">
        <v>36264</v>
      </c>
      <c r="M12334" s="2" t="s">
        <v>36265</v>
      </c>
      <c r="N12334" s="5" t="s">
        <v>36266</v>
      </c>
      <c r="O12334" s="5" t="s">
        <v>38</v>
      </c>
      <c r="P12334" s="5" t="s">
        <v>39</v>
      </c>
      <c r="Q12334" s="5" t="s">
        <v>40</v>
      </c>
      <c r="R12334" s="5" t="s">
        <v>1522</v>
      </c>
      <c r="S12334" s="5" t="s">
        <v>1523</v>
      </c>
      <c r="T12334" s="5" t="s">
        <v>42</v>
      </c>
      <c r="U12334" s="2">
        <v>1.3240000000000001</v>
      </c>
      <c r="V12334" s="2">
        <v>0.82399999999999995</v>
      </c>
      <c r="W12334" s="2">
        <v>1.2999999999999999E-2</v>
      </c>
      <c r="X12334" s="2">
        <v>99.1</v>
      </c>
      <c r="Y12334" s="2">
        <v>7.6</v>
      </c>
      <c r="Z12334" s="2">
        <v>16.7</v>
      </c>
      <c r="AA12334" s="5"/>
      <c r="AB12334" s="5" t="s">
        <v>43</v>
      </c>
      <c r="AC12334" s="5" t="s">
        <v>44</v>
      </c>
      <c r="AD12334" s="2"/>
      <c r="AE12334" s="1"/>
    </row>
    <row r="12335" spans="1:31" ht="14.45">
      <c r="A12335" s="11"/>
      <c r="B12335" s="20"/>
      <c r="C12335" s="2" t="s">
        <v>37933</v>
      </c>
      <c r="D12335" s="14" t="s">
        <v>37934</v>
      </c>
      <c r="E12335" s="2" t="s">
        <v>37935</v>
      </c>
      <c r="F12335" s="2" t="s">
        <v>36389</v>
      </c>
      <c r="G12335" s="8">
        <v>157</v>
      </c>
      <c r="H12335" s="5">
        <v>6</v>
      </c>
      <c r="I12335" s="5" t="s">
        <v>1518</v>
      </c>
      <c r="J12335" s="5" t="s">
        <v>36264</v>
      </c>
      <c r="K12335" s="2" t="s">
        <v>36265</v>
      </c>
      <c r="L12335" s="5" t="s">
        <v>36264</v>
      </c>
      <c r="M12335" s="2" t="s">
        <v>36265</v>
      </c>
      <c r="N12335" s="5" t="s">
        <v>36266</v>
      </c>
      <c r="O12335" s="5" t="s">
        <v>38</v>
      </c>
      <c r="P12335" s="5" t="s">
        <v>39</v>
      </c>
      <c r="Q12335" s="5" t="s">
        <v>40</v>
      </c>
      <c r="R12335" s="5" t="s">
        <v>1522</v>
      </c>
      <c r="S12335" s="5" t="s">
        <v>1523</v>
      </c>
      <c r="T12335" s="5" t="s">
        <v>42</v>
      </c>
      <c r="U12335" s="2">
        <v>1.349</v>
      </c>
      <c r="V12335" s="2">
        <v>0.84899999999999998</v>
      </c>
      <c r="W12335" s="2">
        <v>1.2999999999999999E-2</v>
      </c>
      <c r="X12335" s="2">
        <v>99.1</v>
      </c>
      <c r="Y12335" s="2">
        <v>7.6</v>
      </c>
      <c r="Z12335" s="2">
        <v>16.7</v>
      </c>
      <c r="AA12335" s="5"/>
      <c r="AB12335" s="5" t="s">
        <v>43</v>
      </c>
      <c r="AC12335" s="5" t="s">
        <v>44</v>
      </c>
      <c r="AD12335" s="2"/>
      <c r="AE12335" s="1"/>
    </row>
    <row r="12336" spans="1:31" ht="14.45">
      <c r="A12336" s="11"/>
      <c r="B12336" s="20"/>
      <c r="C12336" s="2" t="s">
        <v>37936</v>
      </c>
      <c r="D12336" s="14" t="s">
        <v>37937</v>
      </c>
      <c r="E12336" s="2" t="s">
        <v>37938</v>
      </c>
      <c r="F12336" s="2" t="s">
        <v>7204</v>
      </c>
      <c r="G12336" s="8">
        <v>148</v>
      </c>
      <c r="H12336" s="5">
        <v>6</v>
      </c>
      <c r="I12336" s="5" t="s">
        <v>1518</v>
      </c>
      <c r="J12336" s="5" t="s">
        <v>36264</v>
      </c>
      <c r="K12336" s="2" t="s">
        <v>36265</v>
      </c>
      <c r="L12336" s="5" t="s">
        <v>36264</v>
      </c>
      <c r="M12336" s="2" t="s">
        <v>36265</v>
      </c>
      <c r="N12336" s="5" t="s">
        <v>36266</v>
      </c>
      <c r="O12336" s="5" t="s">
        <v>38</v>
      </c>
      <c r="P12336" s="5" t="s">
        <v>39</v>
      </c>
      <c r="Q12336" s="5" t="s">
        <v>40</v>
      </c>
      <c r="R12336" s="5" t="s">
        <v>1522</v>
      </c>
      <c r="S12336" s="5" t="s">
        <v>1523</v>
      </c>
      <c r="T12336" s="5" t="s">
        <v>42</v>
      </c>
      <c r="U12336" s="2">
        <v>1.423</v>
      </c>
      <c r="V12336" s="2">
        <v>0.92300000000000004</v>
      </c>
      <c r="W12336" s="2">
        <v>1.4999999999999999E-2</v>
      </c>
      <c r="X12336" s="2">
        <v>118.9</v>
      </c>
      <c r="Y12336" s="2">
        <v>7.6</v>
      </c>
      <c r="Z12336" s="2">
        <v>16.7</v>
      </c>
      <c r="AA12336" s="5"/>
      <c r="AB12336" s="5" t="s">
        <v>43</v>
      </c>
      <c r="AC12336" s="5" t="s">
        <v>44</v>
      </c>
      <c r="AD12336" s="2"/>
      <c r="AE12336" s="1"/>
    </row>
    <row r="12337" spans="1:31" ht="14.45">
      <c r="A12337" s="11"/>
      <c r="B12337" s="20"/>
      <c r="C12337" s="2" t="s">
        <v>37939</v>
      </c>
      <c r="D12337" s="14" t="s">
        <v>37940</v>
      </c>
      <c r="E12337" s="2" t="s">
        <v>37941</v>
      </c>
      <c r="F12337" s="2" t="s">
        <v>7514</v>
      </c>
      <c r="G12337" s="8">
        <v>148</v>
      </c>
      <c r="H12337" s="5">
        <v>6</v>
      </c>
      <c r="I12337" s="5" t="s">
        <v>1518</v>
      </c>
      <c r="J12337" s="5" t="s">
        <v>36264</v>
      </c>
      <c r="K12337" s="2" t="s">
        <v>36265</v>
      </c>
      <c r="L12337" s="5" t="s">
        <v>36264</v>
      </c>
      <c r="M12337" s="2" t="s">
        <v>36265</v>
      </c>
      <c r="N12337" s="5" t="s">
        <v>36266</v>
      </c>
      <c r="O12337" s="5" t="s">
        <v>38</v>
      </c>
      <c r="P12337" s="5" t="s">
        <v>39</v>
      </c>
      <c r="Q12337" s="5" t="s">
        <v>40</v>
      </c>
      <c r="R12337" s="5" t="s">
        <v>1522</v>
      </c>
      <c r="S12337" s="5" t="s">
        <v>1523</v>
      </c>
      <c r="T12337" s="5" t="s">
        <v>42</v>
      </c>
      <c r="U12337" s="2">
        <v>1.448</v>
      </c>
      <c r="V12337" s="2">
        <v>0.94799999999999995</v>
      </c>
      <c r="W12337" s="2">
        <v>1.4999999999999999E-2</v>
      </c>
      <c r="X12337" s="2">
        <v>118.9</v>
      </c>
      <c r="Y12337" s="2">
        <v>7.6</v>
      </c>
      <c r="Z12337" s="2">
        <v>16.7</v>
      </c>
      <c r="AA12337" s="5"/>
      <c r="AB12337" s="5" t="s">
        <v>43</v>
      </c>
      <c r="AC12337" s="5" t="s">
        <v>44</v>
      </c>
      <c r="AD12337" s="2"/>
      <c r="AE12337" s="1"/>
    </row>
    <row r="12338" spans="1:31" ht="14.45">
      <c r="A12338" s="11"/>
      <c r="B12338" s="20"/>
      <c r="C12338" s="2" t="s">
        <v>37942</v>
      </c>
      <c r="D12338" s="14" t="s">
        <v>37943</v>
      </c>
      <c r="E12338" s="2" t="s">
        <v>37944</v>
      </c>
      <c r="F12338" s="2" t="s">
        <v>36273</v>
      </c>
      <c r="G12338" s="8">
        <v>148</v>
      </c>
      <c r="H12338" s="5">
        <v>6</v>
      </c>
      <c r="I12338" s="5" t="s">
        <v>1518</v>
      </c>
      <c r="J12338" s="5" t="s">
        <v>36264</v>
      </c>
      <c r="K12338" s="2" t="s">
        <v>36265</v>
      </c>
      <c r="L12338" s="5" t="s">
        <v>36264</v>
      </c>
      <c r="M12338" s="2" t="s">
        <v>36265</v>
      </c>
      <c r="N12338" s="5" t="s">
        <v>36266</v>
      </c>
      <c r="O12338" s="5" t="s">
        <v>38</v>
      </c>
      <c r="P12338" s="5" t="s">
        <v>39</v>
      </c>
      <c r="Q12338" s="5" t="s">
        <v>40</v>
      </c>
      <c r="R12338" s="5" t="s">
        <v>1522</v>
      </c>
      <c r="S12338" s="5" t="s">
        <v>1523</v>
      </c>
      <c r="T12338" s="5" t="s">
        <v>42</v>
      </c>
      <c r="U12338" s="2">
        <v>1.423</v>
      </c>
      <c r="V12338" s="2">
        <v>0.92300000000000004</v>
      </c>
      <c r="W12338" s="2">
        <v>1.4999999999999999E-2</v>
      </c>
      <c r="X12338" s="2">
        <v>118.9</v>
      </c>
      <c r="Y12338" s="2">
        <v>7.6</v>
      </c>
      <c r="Z12338" s="2">
        <v>16.7</v>
      </c>
      <c r="AA12338" s="5"/>
      <c r="AB12338" s="5" t="s">
        <v>43</v>
      </c>
      <c r="AC12338" s="5" t="s">
        <v>44</v>
      </c>
      <c r="AD12338" s="2"/>
      <c r="AE12338" s="1"/>
    </row>
    <row r="12339" spans="1:31" ht="14.45">
      <c r="A12339" s="11"/>
      <c r="B12339" s="20"/>
      <c r="C12339" s="2" t="s">
        <v>37945</v>
      </c>
      <c r="D12339" s="14" t="s">
        <v>37946</v>
      </c>
      <c r="E12339" s="2" t="s">
        <v>37947</v>
      </c>
      <c r="F12339" s="2" t="s">
        <v>36277</v>
      </c>
      <c r="G12339" s="8">
        <v>148</v>
      </c>
      <c r="H12339" s="5">
        <v>6</v>
      </c>
      <c r="I12339" s="5" t="s">
        <v>1518</v>
      </c>
      <c r="J12339" s="5" t="s">
        <v>36264</v>
      </c>
      <c r="K12339" s="2" t="s">
        <v>36265</v>
      </c>
      <c r="L12339" s="5" t="s">
        <v>36264</v>
      </c>
      <c r="M12339" s="2" t="s">
        <v>36265</v>
      </c>
      <c r="N12339" s="5" t="s">
        <v>36266</v>
      </c>
      <c r="O12339" s="5" t="s">
        <v>38</v>
      </c>
      <c r="P12339" s="5" t="s">
        <v>39</v>
      </c>
      <c r="Q12339" s="5" t="s">
        <v>40</v>
      </c>
      <c r="R12339" s="5" t="s">
        <v>1522</v>
      </c>
      <c r="S12339" s="5" t="s">
        <v>1523</v>
      </c>
      <c r="T12339" s="5" t="s">
        <v>42</v>
      </c>
      <c r="U12339" s="2">
        <v>1.448</v>
      </c>
      <c r="V12339" s="2">
        <v>0.94799999999999995</v>
      </c>
      <c r="W12339" s="2">
        <v>1.4999999999999999E-2</v>
      </c>
      <c r="X12339" s="2">
        <v>118.9</v>
      </c>
      <c r="Y12339" s="2">
        <v>7.6</v>
      </c>
      <c r="Z12339" s="2">
        <v>16.7</v>
      </c>
      <c r="AA12339" s="5"/>
      <c r="AB12339" s="5" t="s">
        <v>43</v>
      </c>
      <c r="AC12339" s="5" t="s">
        <v>44</v>
      </c>
      <c r="AD12339" s="2"/>
      <c r="AE12339" s="1"/>
    </row>
    <row r="12340" spans="1:31" ht="14.45">
      <c r="A12340" s="11"/>
      <c r="B12340" s="20"/>
      <c r="C12340" s="2" t="s">
        <v>37948</v>
      </c>
      <c r="D12340" s="14" t="s">
        <v>37949</v>
      </c>
      <c r="E12340" s="2" t="s">
        <v>37950</v>
      </c>
      <c r="F12340" s="2" t="s">
        <v>36281</v>
      </c>
      <c r="G12340" s="8">
        <v>170</v>
      </c>
      <c r="H12340" s="5">
        <v>6</v>
      </c>
      <c r="I12340" s="5" t="s">
        <v>1518</v>
      </c>
      <c r="J12340" s="5" t="s">
        <v>36264</v>
      </c>
      <c r="K12340" s="2" t="s">
        <v>36265</v>
      </c>
      <c r="L12340" s="5" t="s">
        <v>36264</v>
      </c>
      <c r="M12340" s="2" t="s">
        <v>36265</v>
      </c>
      <c r="N12340" s="5" t="s">
        <v>36266</v>
      </c>
      <c r="O12340" s="5" t="s">
        <v>38</v>
      </c>
      <c r="P12340" s="5" t="s">
        <v>39</v>
      </c>
      <c r="Q12340" s="5" t="s">
        <v>40</v>
      </c>
      <c r="R12340" s="5" t="s">
        <v>1522</v>
      </c>
      <c r="S12340" s="5" t="s">
        <v>1523</v>
      </c>
      <c r="T12340" s="5" t="s">
        <v>42</v>
      </c>
      <c r="U12340" s="2">
        <v>1.423</v>
      </c>
      <c r="V12340" s="2">
        <v>0.92300000000000004</v>
      </c>
      <c r="W12340" s="2">
        <v>1.4999999999999999E-2</v>
      </c>
      <c r="X12340" s="2">
        <v>118.9</v>
      </c>
      <c r="Y12340" s="2">
        <v>7.6</v>
      </c>
      <c r="Z12340" s="2">
        <v>16.7</v>
      </c>
      <c r="AA12340" s="5"/>
      <c r="AB12340" s="5" t="s">
        <v>43</v>
      </c>
      <c r="AC12340" s="5" t="s">
        <v>44</v>
      </c>
      <c r="AD12340" s="2"/>
      <c r="AE12340" s="1"/>
    </row>
    <row r="12341" spans="1:31" ht="14.45">
      <c r="A12341" s="11"/>
      <c r="B12341" s="20"/>
      <c r="C12341" s="2" t="s">
        <v>37951</v>
      </c>
      <c r="D12341" s="14" t="s">
        <v>37952</v>
      </c>
      <c r="E12341" s="2" t="s">
        <v>37953</v>
      </c>
      <c r="F12341" s="2" t="s">
        <v>36285</v>
      </c>
      <c r="G12341" s="8">
        <v>170</v>
      </c>
      <c r="H12341" s="5">
        <v>6</v>
      </c>
      <c r="I12341" s="5" t="s">
        <v>1518</v>
      </c>
      <c r="J12341" s="5" t="s">
        <v>36264</v>
      </c>
      <c r="K12341" s="2" t="s">
        <v>36265</v>
      </c>
      <c r="L12341" s="5" t="s">
        <v>36264</v>
      </c>
      <c r="M12341" s="2" t="s">
        <v>36265</v>
      </c>
      <c r="N12341" s="5" t="s">
        <v>36266</v>
      </c>
      <c r="O12341" s="5" t="s">
        <v>38</v>
      </c>
      <c r="P12341" s="5" t="s">
        <v>39</v>
      </c>
      <c r="Q12341" s="5" t="s">
        <v>40</v>
      </c>
      <c r="R12341" s="5" t="s">
        <v>1522</v>
      </c>
      <c r="S12341" s="5" t="s">
        <v>1523</v>
      </c>
      <c r="T12341" s="5" t="s">
        <v>42</v>
      </c>
      <c r="U12341" s="2">
        <v>1.448</v>
      </c>
      <c r="V12341" s="2">
        <v>0.94799999999999995</v>
      </c>
      <c r="W12341" s="2">
        <v>1.4999999999999999E-2</v>
      </c>
      <c r="X12341" s="2">
        <v>118.9</v>
      </c>
      <c r="Y12341" s="2">
        <v>7.6</v>
      </c>
      <c r="Z12341" s="2">
        <v>16.7</v>
      </c>
      <c r="AA12341" s="5"/>
      <c r="AB12341" s="5" t="s">
        <v>43</v>
      </c>
      <c r="AC12341" s="5" t="s">
        <v>44</v>
      </c>
      <c r="AD12341" s="2"/>
      <c r="AE12341" s="1"/>
    </row>
    <row r="12342" spans="1:31" ht="14.45">
      <c r="A12342" s="11"/>
      <c r="B12342" s="20"/>
      <c r="C12342" s="2" t="s">
        <v>37954</v>
      </c>
      <c r="D12342" s="14" t="s">
        <v>37955</v>
      </c>
      <c r="E12342" s="2" t="s">
        <v>37956</v>
      </c>
      <c r="F12342" s="2" t="s">
        <v>36289</v>
      </c>
      <c r="G12342" s="8">
        <v>170</v>
      </c>
      <c r="H12342" s="5">
        <v>6</v>
      </c>
      <c r="I12342" s="5" t="s">
        <v>1518</v>
      </c>
      <c r="J12342" s="5" t="s">
        <v>36264</v>
      </c>
      <c r="K12342" s="2" t="s">
        <v>36265</v>
      </c>
      <c r="L12342" s="5" t="s">
        <v>36264</v>
      </c>
      <c r="M12342" s="2" t="s">
        <v>36265</v>
      </c>
      <c r="N12342" s="5" t="s">
        <v>36266</v>
      </c>
      <c r="O12342" s="5" t="s">
        <v>38</v>
      </c>
      <c r="P12342" s="5" t="s">
        <v>39</v>
      </c>
      <c r="Q12342" s="5" t="s">
        <v>40</v>
      </c>
      <c r="R12342" s="5" t="s">
        <v>1522</v>
      </c>
      <c r="S12342" s="5" t="s">
        <v>1523</v>
      </c>
      <c r="T12342" s="5" t="s">
        <v>42</v>
      </c>
      <c r="U12342" s="2">
        <v>1.423</v>
      </c>
      <c r="V12342" s="2">
        <v>0.92300000000000004</v>
      </c>
      <c r="W12342" s="2">
        <v>1.4999999999999999E-2</v>
      </c>
      <c r="X12342" s="2">
        <v>118.9</v>
      </c>
      <c r="Y12342" s="2">
        <v>7.6</v>
      </c>
      <c r="Z12342" s="2">
        <v>16.7</v>
      </c>
      <c r="AA12342" s="5"/>
      <c r="AB12342" s="5" t="s">
        <v>43</v>
      </c>
      <c r="AC12342" s="5" t="s">
        <v>44</v>
      </c>
      <c r="AD12342" s="2"/>
      <c r="AE12342" s="1"/>
    </row>
    <row r="12343" spans="1:31" ht="14.45">
      <c r="A12343" s="11"/>
      <c r="B12343" s="20"/>
      <c r="C12343" s="2" t="s">
        <v>37957</v>
      </c>
      <c r="D12343" s="14" t="s">
        <v>37958</v>
      </c>
      <c r="E12343" s="2" t="s">
        <v>37959</v>
      </c>
      <c r="F12343" s="2" t="s">
        <v>36293</v>
      </c>
      <c r="G12343" s="8">
        <v>170</v>
      </c>
      <c r="H12343" s="5">
        <v>6</v>
      </c>
      <c r="I12343" s="5" t="s">
        <v>1518</v>
      </c>
      <c r="J12343" s="5" t="s">
        <v>36264</v>
      </c>
      <c r="K12343" s="2" t="s">
        <v>36265</v>
      </c>
      <c r="L12343" s="5" t="s">
        <v>36264</v>
      </c>
      <c r="M12343" s="2" t="s">
        <v>36265</v>
      </c>
      <c r="N12343" s="5" t="s">
        <v>36266</v>
      </c>
      <c r="O12343" s="5" t="s">
        <v>38</v>
      </c>
      <c r="P12343" s="5" t="s">
        <v>39</v>
      </c>
      <c r="Q12343" s="5" t="s">
        <v>40</v>
      </c>
      <c r="R12343" s="5" t="s">
        <v>1522</v>
      </c>
      <c r="S12343" s="5" t="s">
        <v>1523</v>
      </c>
      <c r="T12343" s="5" t="s">
        <v>42</v>
      </c>
      <c r="U12343" s="2">
        <v>1.448</v>
      </c>
      <c r="V12343" s="2">
        <v>0.94799999999999995</v>
      </c>
      <c r="W12343" s="2">
        <v>1.4999999999999999E-2</v>
      </c>
      <c r="X12343" s="2">
        <v>118.9</v>
      </c>
      <c r="Y12343" s="2">
        <v>7.6</v>
      </c>
      <c r="Z12343" s="2">
        <v>16.7</v>
      </c>
      <c r="AA12343" s="5"/>
      <c r="AB12343" s="5" t="s">
        <v>43</v>
      </c>
      <c r="AC12343" s="5" t="s">
        <v>44</v>
      </c>
      <c r="AD12343" s="2"/>
      <c r="AE12343" s="1"/>
    </row>
    <row r="12344" spans="1:31" ht="14.45">
      <c r="A12344" s="11"/>
      <c r="B12344" s="20"/>
      <c r="C12344" s="2" t="s">
        <v>37960</v>
      </c>
      <c r="D12344" s="14" t="s">
        <v>37961</v>
      </c>
      <c r="E12344" s="2" t="s">
        <v>37962</v>
      </c>
      <c r="F12344" s="2" t="s">
        <v>36588</v>
      </c>
      <c r="G12344" s="8">
        <v>148</v>
      </c>
      <c r="H12344" s="5">
        <v>6</v>
      </c>
      <c r="I12344" s="5" t="s">
        <v>1518</v>
      </c>
      <c r="J12344" s="5" t="s">
        <v>36264</v>
      </c>
      <c r="K12344" s="2" t="s">
        <v>36265</v>
      </c>
      <c r="L12344" s="5" t="s">
        <v>36264</v>
      </c>
      <c r="M12344" s="2" t="s">
        <v>36265</v>
      </c>
      <c r="N12344" s="5" t="s">
        <v>36266</v>
      </c>
      <c r="O12344" s="5" t="s">
        <v>38</v>
      </c>
      <c r="P12344" s="5" t="s">
        <v>39</v>
      </c>
      <c r="Q12344" s="5" t="s">
        <v>40</v>
      </c>
      <c r="R12344" s="5" t="s">
        <v>1522</v>
      </c>
      <c r="S12344" s="5" t="s">
        <v>1523</v>
      </c>
      <c r="T12344" s="5" t="s">
        <v>42</v>
      </c>
      <c r="U12344" s="2">
        <v>1.423</v>
      </c>
      <c r="V12344" s="2">
        <v>0.92300000000000004</v>
      </c>
      <c r="W12344" s="2">
        <v>1.4999999999999999E-2</v>
      </c>
      <c r="X12344" s="2">
        <v>118.9</v>
      </c>
      <c r="Y12344" s="2">
        <v>7.6</v>
      </c>
      <c r="Z12344" s="2">
        <v>16.7</v>
      </c>
      <c r="AA12344" s="5"/>
      <c r="AB12344" s="5" t="s">
        <v>43</v>
      </c>
      <c r="AC12344" s="5" t="s">
        <v>44</v>
      </c>
      <c r="AD12344" s="2"/>
      <c r="AE12344" s="1"/>
    </row>
    <row r="12345" spans="1:31" ht="14.45">
      <c r="A12345" s="11"/>
      <c r="B12345" s="20"/>
      <c r="C12345" s="2" t="s">
        <v>37963</v>
      </c>
      <c r="D12345" s="14" t="s">
        <v>37964</v>
      </c>
      <c r="E12345" s="2" t="s">
        <v>37965</v>
      </c>
      <c r="F12345" s="2" t="s">
        <v>36592</v>
      </c>
      <c r="G12345" s="8">
        <v>148</v>
      </c>
      <c r="H12345" s="5">
        <v>6</v>
      </c>
      <c r="I12345" s="5" t="s">
        <v>1518</v>
      </c>
      <c r="J12345" s="5" t="s">
        <v>36264</v>
      </c>
      <c r="K12345" s="2" t="s">
        <v>36265</v>
      </c>
      <c r="L12345" s="5" t="s">
        <v>36264</v>
      </c>
      <c r="M12345" s="2" t="s">
        <v>36265</v>
      </c>
      <c r="N12345" s="5" t="s">
        <v>36266</v>
      </c>
      <c r="O12345" s="5" t="s">
        <v>38</v>
      </c>
      <c r="P12345" s="5" t="s">
        <v>39</v>
      </c>
      <c r="Q12345" s="5" t="s">
        <v>40</v>
      </c>
      <c r="R12345" s="5" t="s">
        <v>1522</v>
      </c>
      <c r="S12345" s="5" t="s">
        <v>1523</v>
      </c>
      <c r="T12345" s="5" t="s">
        <v>42</v>
      </c>
      <c r="U12345" s="2">
        <v>1.448</v>
      </c>
      <c r="V12345" s="2">
        <v>0.94799999999999995</v>
      </c>
      <c r="W12345" s="2">
        <v>1.4999999999999999E-2</v>
      </c>
      <c r="X12345" s="2">
        <v>118.9</v>
      </c>
      <c r="Y12345" s="2">
        <v>7.6</v>
      </c>
      <c r="Z12345" s="2">
        <v>16.7</v>
      </c>
      <c r="AA12345" s="5"/>
      <c r="AB12345" s="5" t="s">
        <v>43</v>
      </c>
      <c r="AC12345" s="5" t="s">
        <v>44</v>
      </c>
      <c r="AD12345" s="2"/>
      <c r="AE12345" s="1"/>
    </row>
    <row r="12346" spans="1:31" ht="14.45">
      <c r="A12346" s="11"/>
      <c r="B12346" s="20"/>
      <c r="C12346" s="2" t="s">
        <v>37966</v>
      </c>
      <c r="D12346" s="14" t="s">
        <v>37967</v>
      </c>
      <c r="E12346" s="2" t="s">
        <v>37968</v>
      </c>
      <c r="F12346" s="2" t="s">
        <v>36305</v>
      </c>
      <c r="G12346" s="8">
        <v>148</v>
      </c>
      <c r="H12346" s="5">
        <v>6</v>
      </c>
      <c r="I12346" s="5" t="s">
        <v>1518</v>
      </c>
      <c r="J12346" s="5" t="s">
        <v>36264</v>
      </c>
      <c r="K12346" s="2" t="s">
        <v>36265</v>
      </c>
      <c r="L12346" s="5" t="s">
        <v>36264</v>
      </c>
      <c r="M12346" s="2" t="s">
        <v>36265</v>
      </c>
      <c r="N12346" s="5" t="s">
        <v>36266</v>
      </c>
      <c r="O12346" s="5" t="s">
        <v>38</v>
      </c>
      <c r="P12346" s="5" t="s">
        <v>39</v>
      </c>
      <c r="Q12346" s="5" t="s">
        <v>40</v>
      </c>
      <c r="R12346" s="5" t="s">
        <v>1522</v>
      </c>
      <c r="S12346" s="5" t="s">
        <v>1523</v>
      </c>
      <c r="T12346" s="5" t="s">
        <v>42</v>
      </c>
      <c r="U12346" s="2">
        <v>1.423</v>
      </c>
      <c r="V12346" s="2">
        <v>0.92300000000000004</v>
      </c>
      <c r="W12346" s="2">
        <v>1.4999999999999999E-2</v>
      </c>
      <c r="X12346" s="2">
        <v>118.9</v>
      </c>
      <c r="Y12346" s="2">
        <v>7.6</v>
      </c>
      <c r="Z12346" s="2">
        <v>16.7</v>
      </c>
      <c r="AA12346" s="5"/>
      <c r="AB12346" s="5" t="s">
        <v>43</v>
      </c>
      <c r="AC12346" s="5" t="s">
        <v>44</v>
      </c>
      <c r="AD12346" s="2"/>
      <c r="AE12346" s="1"/>
    </row>
    <row r="12347" spans="1:31" ht="14.45">
      <c r="A12347" s="11"/>
      <c r="B12347" s="20"/>
      <c r="C12347" s="2" t="s">
        <v>37969</v>
      </c>
      <c r="D12347" s="14" t="s">
        <v>37970</v>
      </c>
      <c r="E12347" s="2" t="s">
        <v>37971</v>
      </c>
      <c r="F12347" s="2" t="s">
        <v>36309</v>
      </c>
      <c r="G12347" s="8">
        <v>148</v>
      </c>
      <c r="H12347" s="5">
        <v>6</v>
      </c>
      <c r="I12347" s="5" t="s">
        <v>1518</v>
      </c>
      <c r="J12347" s="5" t="s">
        <v>36264</v>
      </c>
      <c r="K12347" s="2" t="s">
        <v>36265</v>
      </c>
      <c r="L12347" s="5" t="s">
        <v>36264</v>
      </c>
      <c r="M12347" s="2" t="s">
        <v>36265</v>
      </c>
      <c r="N12347" s="5" t="s">
        <v>36266</v>
      </c>
      <c r="O12347" s="5" t="s">
        <v>38</v>
      </c>
      <c r="P12347" s="5" t="s">
        <v>39</v>
      </c>
      <c r="Q12347" s="5" t="s">
        <v>40</v>
      </c>
      <c r="R12347" s="5" t="s">
        <v>1522</v>
      </c>
      <c r="S12347" s="5" t="s">
        <v>1523</v>
      </c>
      <c r="T12347" s="5" t="s">
        <v>42</v>
      </c>
      <c r="U12347" s="2">
        <v>1.448</v>
      </c>
      <c r="V12347" s="2">
        <v>0.94799999999999995</v>
      </c>
      <c r="W12347" s="2">
        <v>1.4999999999999999E-2</v>
      </c>
      <c r="X12347" s="2">
        <v>118.9</v>
      </c>
      <c r="Y12347" s="2">
        <v>7.6</v>
      </c>
      <c r="Z12347" s="2">
        <v>16.7</v>
      </c>
      <c r="AA12347" s="5"/>
      <c r="AB12347" s="5" t="s">
        <v>43</v>
      </c>
      <c r="AC12347" s="5" t="s">
        <v>44</v>
      </c>
      <c r="AD12347" s="2"/>
      <c r="AE12347" s="1"/>
    </row>
    <row r="12348" spans="1:31" ht="14.45">
      <c r="A12348" s="11"/>
      <c r="B12348" s="20"/>
      <c r="C12348" s="2" t="s">
        <v>37972</v>
      </c>
      <c r="D12348" s="14" t="s">
        <v>37973</v>
      </c>
      <c r="E12348" s="2" t="s">
        <v>37974</v>
      </c>
      <c r="F12348" s="2" t="s">
        <v>36313</v>
      </c>
      <c r="G12348" s="8">
        <v>170</v>
      </c>
      <c r="H12348" s="5">
        <v>6</v>
      </c>
      <c r="I12348" s="5" t="s">
        <v>1518</v>
      </c>
      <c r="J12348" s="5" t="s">
        <v>36264</v>
      </c>
      <c r="K12348" s="2" t="s">
        <v>36265</v>
      </c>
      <c r="L12348" s="5" t="s">
        <v>36264</v>
      </c>
      <c r="M12348" s="2" t="s">
        <v>36265</v>
      </c>
      <c r="N12348" s="5" t="s">
        <v>36266</v>
      </c>
      <c r="O12348" s="5" t="s">
        <v>38</v>
      </c>
      <c r="P12348" s="5" t="s">
        <v>39</v>
      </c>
      <c r="Q12348" s="5" t="s">
        <v>40</v>
      </c>
      <c r="R12348" s="5" t="s">
        <v>1522</v>
      </c>
      <c r="S12348" s="5" t="s">
        <v>1523</v>
      </c>
      <c r="T12348" s="5" t="s">
        <v>42</v>
      </c>
      <c r="U12348" s="2">
        <v>1.423</v>
      </c>
      <c r="V12348" s="2">
        <v>0.92300000000000004</v>
      </c>
      <c r="W12348" s="2">
        <v>1.4999999999999999E-2</v>
      </c>
      <c r="X12348" s="2">
        <v>118.9</v>
      </c>
      <c r="Y12348" s="2">
        <v>7.6</v>
      </c>
      <c r="Z12348" s="2">
        <v>16.7</v>
      </c>
      <c r="AA12348" s="5"/>
      <c r="AB12348" s="5" t="s">
        <v>43</v>
      </c>
      <c r="AC12348" s="5" t="s">
        <v>44</v>
      </c>
      <c r="AD12348" s="2"/>
      <c r="AE12348" s="1"/>
    </row>
    <row r="12349" spans="1:31" ht="14.45">
      <c r="A12349" s="11"/>
      <c r="B12349" s="20"/>
      <c r="C12349" s="2" t="s">
        <v>37975</v>
      </c>
      <c r="D12349" s="14" t="s">
        <v>37976</v>
      </c>
      <c r="E12349" s="2" t="s">
        <v>37977</v>
      </c>
      <c r="F12349" s="2" t="s">
        <v>36317</v>
      </c>
      <c r="G12349" s="8">
        <v>170</v>
      </c>
      <c r="H12349" s="5">
        <v>6</v>
      </c>
      <c r="I12349" s="5" t="s">
        <v>1518</v>
      </c>
      <c r="J12349" s="5" t="s">
        <v>36264</v>
      </c>
      <c r="K12349" s="2" t="s">
        <v>36265</v>
      </c>
      <c r="L12349" s="5" t="s">
        <v>36264</v>
      </c>
      <c r="M12349" s="2" t="s">
        <v>36265</v>
      </c>
      <c r="N12349" s="5" t="s">
        <v>36266</v>
      </c>
      <c r="O12349" s="5" t="s">
        <v>38</v>
      </c>
      <c r="P12349" s="5" t="s">
        <v>39</v>
      </c>
      <c r="Q12349" s="5" t="s">
        <v>40</v>
      </c>
      <c r="R12349" s="5" t="s">
        <v>1522</v>
      </c>
      <c r="S12349" s="5" t="s">
        <v>1523</v>
      </c>
      <c r="T12349" s="5" t="s">
        <v>42</v>
      </c>
      <c r="U12349" s="2">
        <v>1.448</v>
      </c>
      <c r="V12349" s="2">
        <v>0.94799999999999995</v>
      </c>
      <c r="W12349" s="2">
        <v>1.4999999999999999E-2</v>
      </c>
      <c r="X12349" s="2">
        <v>118.9</v>
      </c>
      <c r="Y12349" s="2">
        <v>7.6</v>
      </c>
      <c r="Z12349" s="2">
        <v>16.7</v>
      </c>
      <c r="AA12349" s="5"/>
      <c r="AB12349" s="5" t="s">
        <v>43</v>
      </c>
      <c r="AC12349" s="5" t="s">
        <v>44</v>
      </c>
      <c r="AD12349" s="2"/>
      <c r="AE12349" s="1"/>
    </row>
    <row r="12350" spans="1:31" ht="14.45">
      <c r="A12350" s="11"/>
      <c r="B12350" s="20"/>
      <c r="C12350" s="2" t="s">
        <v>37978</v>
      </c>
      <c r="D12350" s="14" t="s">
        <v>37979</v>
      </c>
      <c r="E12350" s="2" t="s">
        <v>37980</v>
      </c>
      <c r="F12350" s="2" t="s">
        <v>36321</v>
      </c>
      <c r="G12350" s="8">
        <v>170</v>
      </c>
      <c r="H12350" s="5">
        <v>6</v>
      </c>
      <c r="I12350" s="5" t="s">
        <v>1518</v>
      </c>
      <c r="J12350" s="5" t="s">
        <v>36264</v>
      </c>
      <c r="K12350" s="2" t="s">
        <v>36265</v>
      </c>
      <c r="L12350" s="5" t="s">
        <v>36264</v>
      </c>
      <c r="M12350" s="2" t="s">
        <v>36265</v>
      </c>
      <c r="N12350" s="5" t="s">
        <v>36266</v>
      </c>
      <c r="O12350" s="5" t="s">
        <v>38</v>
      </c>
      <c r="P12350" s="5" t="s">
        <v>39</v>
      </c>
      <c r="Q12350" s="5" t="s">
        <v>40</v>
      </c>
      <c r="R12350" s="5" t="s">
        <v>1522</v>
      </c>
      <c r="S12350" s="5" t="s">
        <v>1523</v>
      </c>
      <c r="T12350" s="5" t="s">
        <v>42</v>
      </c>
      <c r="U12350" s="2">
        <v>1.423</v>
      </c>
      <c r="V12350" s="2">
        <v>0.92300000000000004</v>
      </c>
      <c r="W12350" s="2">
        <v>1.4999999999999999E-2</v>
      </c>
      <c r="X12350" s="2">
        <v>118.9</v>
      </c>
      <c r="Y12350" s="2">
        <v>7.6</v>
      </c>
      <c r="Z12350" s="2">
        <v>16.7</v>
      </c>
      <c r="AA12350" s="5"/>
      <c r="AB12350" s="5" t="s">
        <v>43</v>
      </c>
      <c r="AC12350" s="5" t="s">
        <v>44</v>
      </c>
      <c r="AD12350" s="2"/>
      <c r="AE12350" s="1"/>
    </row>
    <row r="12351" spans="1:31" ht="14.45">
      <c r="A12351" s="11"/>
      <c r="B12351" s="20"/>
      <c r="C12351" s="2" t="s">
        <v>37981</v>
      </c>
      <c r="D12351" s="14" t="s">
        <v>37982</v>
      </c>
      <c r="E12351" s="2" t="s">
        <v>37983</v>
      </c>
      <c r="F12351" s="2" t="s">
        <v>36325</v>
      </c>
      <c r="G12351" s="8">
        <v>170</v>
      </c>
      <c r="H12351" s="5">
        <v>6</v>
      </c>
      <c r="I12351" s="5" t="s">
        <v>1518</v>
      </c>
      <c r="J12351" s="5" t="s">
        <v>36264</v>
      </c>
      <c r="K12351" s="2" t="s">
        <v>36265</v>
      </c>
      <c r="L12351" s="5" t="s">
        <v>36264</v>
      </c>
      <c r="M12351" s="2" t="s">
        <v>36265</v>
      </c>
      <c r="N12351" s="5" t="s">
        <v>36266</v>
      </c>
      <c r="O12351" s="5" t="s">
        <v>38</v>
      </c>
      <c r="P12351" s="5" t="s">
        <v>39</v>
      </c>
      <c r="Q12351" s="5" t="s">
        <v>40</v>
      </c>
      <c r="R12351" s="5" t="s">
        <v>1522</v>
      </c>
      <c r="S12351" s="5" t="s">
        <v>1523</v>
      </c>
      <c r="T12351" s="5" t="s">
        <v>42</v>
      </c>
      <c r="U12351" s="2">
        <v>1.448</v>
      </c>
      <c r="V12351" s="2">
        <v>0.94799999999999995</v>
      </c>
      <c r="W12351" s="2">
        <v>1.4999999999999999E-2</v>
      </c>
      <c r="X12351" s="2">
        <v>118.9</v>
      </c>
      <c r="Y12351" s="2">
        <v>7.6</v>
      </c>
      <c r="Z12351" s="2">
        <v>16.7</v>
      </c>
      <c r="AA12351" s="5"/>
      <c r="AB12351" s="5" t="s">
        <v>43</v>
      </c>
      <c r="AC12351" s="5" t="s">
        <v>44</v>
      </c>
      <c r="AD12351" s="2"/>
      <c r="AE12351" s="1"/>
    </row>
    <row r="12352" spans="1:31" ht="14.45">
      <c r="A12352" s="11"/>
      <c r="B12352" s="20"/>
      <c r="C12352" s="2" t="s">
        <v>37984</v>
      </c>
      <c r="D12352" s="14" t="s">
        <v>37985</v>
      </c>
      <c r="E12352" s="2" t="s">
        <v>37986</v>
      </c>
      <c r="F12352" s="2" t="s">
        <v>36329</v>
      </c>
      <c r="G12352" s="8">
        <v>170</v>
      </c>
      <c r="H12352" s="5">
        <v>6</v>
      </c>
      <c r="I12352" s="5" t="s">
        <v>1518</v>
      </c>
      <c r="J12352" s="5" t="s">
        <v>36264</v>
      </c>
      <c r="K12352" s="2" t="s">
        <v>36265</v>
      </c>
      <c r="L12352" s="5" t="s">
        <v>36264</v>
      </c>
      <c r="M12352" s="2" t="s">
        <v>36265</v>
      </c>
      <c r="N12352" s="5" t="s">
        <v>36266</v>
      </c>
      <c r="O12352" s="5" t="s">
        <v>38</v>
      </c>
      <c r="P12352" s="5" t="s">
        <v>39</v>
      </c>
      <c r="Q12352" s="5" t="s">
        <v>40</v>
      </c>
      <c r="R12352" s="5" t="s">
        <v>1522</v>
      </c>
      <c r="S12352" s="5" t="s">
        <v>1523</v>
      </c>
      <c r="T12352" s="5" t="s">
        <v>42</v>
      </c>
      <c r="U12352" s="2">
        <v>1.423</v>
      </c>
      <c r="V12352" s="2">
        <v>0.92300000000000004</v>
      </c>
      <c r="W12352" s="2">
        <v>1.4999999999999999E-2</v>
      </c>
      <c r="X12352" s="2">
        <v>118.9</v>
      </c>
      <c r="Y12352" s="2">
        <v>7.6</v>
      </c>
      <c r="Z12352" s="2">
        <v>16.7</v>
      </c>
      <c r="AA12352" s="5"/>
      <c r="AB12352" s="5" t="s">
        <v>43</v>
      </c>
      <c r="AC12352" s="5" t="s">
        <v>44</v>
      </c>
      <c r="AD12352" s="2"/>
      <c r="AE12352" s="1"/>
    </row>
    <row r="12353" spans="1:31" ht="14.45">
      <c r="A12353" s="11"/>
      <c r="B12353" s="20"/>
      <c r="C12353" s="2" t="s">
        <v>37987</v>
      </c>
      <c r="D12353" s="14" t="s">
        <v>37988</v>
      </c>
      <c r="E12353" s="2" t="s">
        <v>37989</v>
      </c>
      <c r="F12353" s="2" t="s">
        <v>36333</v>
      </c>
      <c r="G12353" s="8">
        <v>170</v>
      </c>
      <c r="H12353" s="5">
        <v>6</v>
      </c>
      <c r="I12353" s="5" t="s">
        <v>1518</v>
      </c>
      <c r="J12353" s="5" t="s">
        <v>36264</v>
      </c>
      <c r="K12353" s="2" t="s">
        <v>36265</v>
      </c>
      <c r="L12353" s="5" t="s">
        <v>36264</v>
      </c>
      <c r="M12353" s="2" t="s">
        <v>36265</v>
      </c>
      <c r="N12353" s="5" t="s">
        <v>36266</v>
      </c>
      <c r="O12353" s="5" t="s">
        <v>38</v>
      </c>
      <c r="P12353" s="5" t="s">
        <v>39</v>
      </c>
      <c r="Q12353" s="5" t="s">
        <v>40</v>
      </c>
      <c r="R12353" s="5" t="s">
        <v>1522</v>
      </c>
      <c r="S12353" s="5" t="s">
        <v>1523</v>
      </c>
      <c r="T12353" s="5" t="s">
        <v>42</v>
      </c>
      <c r="U12353" s="2">
        <v>1.448</v>
      </c>
      <c r="V12353" s="2">
        <v>0.94799999999999995</v>
      </c>
      <c r="W12353" s="2">
        <v>1.4999999999999999E-2</v>
      </c>
      <c r="X12353" s="2">
        <v>118.9</v>
      </c>
      <c r="Y12353" s="2">
        <v>7.6</v>
      </c>
      <c r="Z12353" s="2">
        <v>16.7</v>
      </c>
      <c r="AA12353" s="5"/>
      <c r="AB12353" s="5" t="s">
        <v>43</v>
      </c>
      <c r="AC12353" s="5" t="s">
        <v>44</v>
      </c>
      <c r="AD12353" s="2"/>
      <c r="AE12353" s="1"/>
    </row>
    <row r="12354" spans="1:31" ht="14.45">
      <c r="A12354" s="11"/>
      <c r="B12354" s="20"/>
      <c r="C12354" s="2" t="s">
        <v>37990</v>
      </c>
      <c r="D12354" s="14" t="s">
        <v>37991</v>
      </c>
      <c r="E12354" s="2" t="s">
        <v>37992</v>
      </c>
      <c r="F12354" s="2" t="s">
        <v>36337</v>
      </c>
      <c r="G12354" s="8">
        <v>170</v>
      </c>
      <c r="H12354" s="5">
        <v>6</v>
      </c>
      <c r="I12354" s="5" t="s">
        <v>1518</v>
      </c>
      <c r="J12354" s="5" t="s">
        <v>36264</v>
      </c>
      <c r="K12354" s="2" t="s">
        <v>36265</v>
      </c>
      <c r="L12354" s="5" t="s">
        <v>36264</v>
      </c>
      <c r="M12354" s="2" t="s">
        <v>36265</v>
      </c>
      <c r="N12354" s="5" t="s">
        <v>36266</v>
      </c>
      <c r="O12354" s="5" t="s">
        <v>38</v>
      </c>
      <c r="P12354" s="5" t="s">
        <v>39</v>
      </c>
      <c r="Q12354" s="5" t="s">
        <v>40</v>
      </c>
      <c r="R12354" s="5" t="s">
        <v>1522</v>
      </c>
      <c r="S12354" s="5" t="s">
        <v>1523</v>
      </c>
      <c r="T12354" s="5" t="s">
        <v>42</v>
      </c>
      <c r="U12354" s="2">
        <v>1.423</v>
      </c>
      <c r="V12354" s="2">
        <v>0.92300000000000004</v>
      </c>
      <c r="W12354" s="2">
        <v>1.4999999999999999E-2</v>
      </c>
      <c r="X12354" s="2">
        <v>118.9</v>
      </c>
      <c r="Y12354" s="2">
        <v>7.6</v>
      </c>
      <c r="Z12354" s="2">
        <v>16.7</v>
      </c>
      <c r="AA12354" s="5"/>
      <c r="AB12354" s="5" t="s">
        <v>43</v>
      </c>
      <c r="AC12354" s="5" t="s">
        <v>44</v>
      </c>
      <c r="AD12354" s="2"/>
      <c r="AE12354" s="1"/>
    </row>
    <row r="12355" spans="1:31" ht="14.45">
      <c r="A12355" s="11"/>
      <c r="B12355" s="20"/>
      <c r="C12355" s="2" t="s">
        <v>37993</v>
      </c>
      <c r="D12355" s="14" t="s">
        <v>37994</v>
      </c>
      <c r="E12355" s="2" t="s">
        <v>37995</v>
      </c>
      <c r="F12355" s="2" t="s">
        <v>36341</v>
      </c>
      <c r="G12355" s="8">
        <v>170</v>
      </c>
      <c r="H12355" s="5">
        <v>6</v>
      </c>
      <c r="I12355" s="5" t="s">
        <v>1518</v>
      </c>
      <c r="J12355" s="5" t="s">
        <v>36264</v>
      </c>
      <c r="K12355" s="2" t="s">
        <v>36265</v>
      </c>
      <c r="L12355" s="5" t="s">
        <v>36264</v>
      </c>
      <c r="M12355" s="2" t="s">
        <v>36265</v>
      </c>
      <c r="N12355" s="5" t="s">
        <v>36266</v>
      </c>
      <c r="O12355" s="5" t="s">
        <v>38</v>
      </c>
      <c r="P12355" s="5" t="s">
        <v>39</v>
      </c>
      <c r="Q12355" s="5" t="s">
        <v>40</v>
      </c>
      <c r="R12355" s="5" t="s">
        <v>1522</v>
      </c>
      <c r="S12355" s="5" t="s">
        <v>1523</v>
      </c>
      <c r="T12355" s="5" t="s">
        <v>42</v>
      </c>
      <c r="U12355" s="2">
        <v>1.448</v>
      </c>
      <c r="V12355" s="2">
        <v>0.94799999999999995</v>
      </c>
      <c r="W12355" s="2">
        <v>1.4999999999999999E-2</v>
      </c>
      <c r="X12355" s="2">
        <v>118.9</v>
      </c>
      <c r="Y12355" s="2">
        <v>7.6</v>
      </c>
      <c r="Z12355" s="2">
        <v>16.7</v>
      </c>
      <c r="AA12355" s="5"/>
      <c r="AB12355" s="5" t="s">
        <v>43</v>
      </c>
      <c r="AC12355" s="5" t="s">
        <v>44</v>
      </c>
      <c r="AD12355" s="2"/>
      <c r="AE12355" s="1"/>
    </row>
    <row r="12356" spans="1:31" ht="14.45">
      <c r="A12356" s="11"/>
      <c r="B12356" s="20"/>
      <c r="C12356" s="2" t="s">
        <v>37996</v>
      </c>
      <c r="D12356" s="14" t="s">
        <v>37997</v>
      </c>
      <c r="E12356" s="2" t="s">
        <v>37998</v>
      </c>
      <c r="F12356" s="2" t="s">
        <v>36345</v>
      </c>
      <c r="G12356" s="8">
        <v>170</v>
      </c>
      <c r="H12356" s="5">
        <v>6</v>
      </c>
      <c r="I12356" s="5" t="s">
        <v>1518</v>
      </c>
      <c r="J12356" s="5" t="s">
        <v>36264</v>
      </c>
      <c r="K12356" s="2" t="s">
        <v>36265</v>
      </c>
      <c r="L12356" s="5" t="s">
        <v>36264</v>
      </c>
      <c r="M12356" s="2" t="s">
        <v>36265</v>
      </c>
      <c r="N12356" s="5" t="s">
        <v>36266</v>
      </c>
      <c r="O12356" s="5" t="s">
        <v>38</v>
      </c>
      <c r="P12356" s="5" t="s">
        <v>39</v>
      </c>
      <c r="Q12356" s="5" t="s">
        <v>40</v>
      </c>
      <c r="R12356" s="5" t="s">
        <v>1522</v>
      </c>
      <c r="S12356" s="5" t="s">
        <v>1523</v>
      </c>
      <c r="T12356" s="5" t="s">
        <v>42</v>
      </c>
      <c r="U12356" s="2">
        <v>1.423</v>
      </c>
      <c r="V12356" s="2">
        <v>0.92300000000000004</v>
      </c>
      <c r="W12356" s="2">
        <v>1.4999999999999999E-2</v>
      </c>
      <c r="X12356" s="2">
        <v>118.9</v>
      </c>
      <c r="Y12356" s="2">
        <v>7.6</v>
      </c>
      <c r="Z12356" s="2">
        <v>16.7</v>
      </c>
      <c r="AA12356" s="5"/>
      <c r="AB12356" s="5" t="s">
        <v>43</v>
      </c>
      <c r="AC12356" s="5" t="s">
        <v>44</v>
      </c>
      <c r="AD12356" s="2"/>
      <c r="AE12356" s="1"/>
    </row>
    <row r="12357" spans="1:31" ht="14.45">
      <c r="A12357" s="11"/>
      <c r="B12357" s="20"/>
      <c r="C12357" s="2" t="s">
        <v>37999</v>
      </c>
      <c r="D12357" s="14" t="s">
        <v>38000</v>
      </c>
      <c r="E12357" s="2" t="s">
        <v>38001</v>
      </c>
      <c r="F12357" s="2" t="s">
        <v>36349</v>
      </c>
      <c r="G12357" s="8">
        <v>170</v>
      </c>
      <c r="H12357" s="5">
        <v>6</v>
      </c>
      <c r="I12357" s="5" t="s">
        <v>1518</v>
      </c>
      <c r="J12357" s="5" t="s">
        <v>36264</v>
      </c>
      <c r="K12357" s="2" t="s">
        <v>36265</v>
      </c>
      <c r="L12357" s="5" t="s">
        <v>36264</v>
      </c>
      <c r="M12357" s="2" t="s">
        <v>36265</v>
      </c>
      <c r="N12357" s="5" t="s">
        <v>36266</v>
      </c>
      <c r="O12357" s="5" t="s">
        <v>38</v>
      </c>
      <c r="P12357" s="5" t="s">
        <v>39</v>
      </c>
      <c r="Q12357" s="5" t="s">
        <v>40</v>
      </c>
      <c r="R12357" s="5" t="s">
        <v>1522</v>
      </c>
      <c r="S12357" s="5" t="s">
        <v>1523</v>
      </c>
      <c r="T12357" s="5" t="s">
        <v>42</v>
      </c>
      <c r="U12357" s="2">
        <v>1.448</v>
      </c>
      <c r="V12357" s="2">
        <v>0.94799999999999995</v>
      </c>
      <c r="W12357" s="2">
        <v>1.4999999999999999E-2</v>
      </c>
      <c r="X12357" s="2">
        <v>118.9</v>
      </c>
      <c r="Y12357" s="2">
        <v>7.6</v>
      </c>
      <c r="Z12357" s="2">
        <v>16.7</v>
      </c>
      <c r="AA12357" s="5"/>
      <c r="AB12357" s="5" t="s">
        <v>43</v>
      </c>
      <c r="AC12357" s="5" t="s">
        <v>44</v>
      </c>
      <c r="AD12357" s="2"/>
      <c r="AE12357" s="1"/>
    </row>
    <row r="12358" spans="1:31" ht="14.45">
      <c r="A12358" s="11"/>
      <c r="B12358" s="20"/>
      <c r="C12358" s="2" t="s">
        <v>38002</v>
      </c>
      <c r="D12358" s="14" t="s">
        <v>38003</v>
      </c>
      <c r="E12358" s="2" t="s">
        <v>38004</v>
      </c>
      <c r="F12358" s="2" t="s">
        <v>36353</v>
      </c>
      <c r="G12358" s="8">
        <v>170</v>
      </c>
      <c r="H12358" s="5">
        <v>6</v>
      </c>
      <c r="I12358" s="5" t="s">
        <v>1518</v>
      </c>
      <c r="J12358" s="5" t="s">
        <v>36264</v>
      </c>
      <c r="K12358" s="2" t="s">
        <v>36265</v>
      </c>
      <c r="L12358" s="5" t="s">
        <v>36264</v>
      </c>
      <c r="M12358" s="2" t="s">
        <v>36265</v>
      </c>
      <c r="N12358" s="5" t="s">
        <v>36266</v>
      </c>
      <c r="O12358" s="5" t="s">
        <v>38</v>
      </c>
      <c r="P12358" s="5" t="s">
        <v>39</v>
      </c>
      <c r="Q12358" s="5" t="s">
        <v>40</v>
      </c>
      <c r="R12358" s="5" t="s">
        <v>1522</v>
      </c>
      <c r="S12358" s="5" t="s">
        <v>1523</v>
      </c>
      <c r="T12358" s="5" t="s">
        <v>42</v>
      </c>
      <c r="U12358" s="2">
        <v>1.423</v>
      </c>
      <c r="V12358" s="2">
        <v>0.92300000000000004</v>
      </c>
      <c r="W12358" s="2">
        <v>1.4999999999999999E-2</v>
      </c>
      <c r="X12358" s="2">
        <v>118.9</v>
      </c>
      <c r="Y12358" s="2">
        <v>7.6</v>
      </c>
      <c r="Z12358" s="2">
        <v>16.7</v>
      </c>
      <c r="AA12358" s="5"/>
      <c r="AB12358" s="5" t="s">
        <v>43</v>
      </c>
      <c r="AC12358" s="5" t="s">
        <v>44</v>
      </c>
      <c r="AD12358" s="2"/>
      <c r="AE12358" s="1"/>
    </row>
    <row r="12359" spans="1:31" ht="14.45">
      <c r="A12359" s="11"/>
      <c r="B12359" s="20"/>
      <c r="C12359" s="2" t="s">
        <v>38005</v>
      </c>
      <c r="D12359" s="14" t="s">
        <v>38006</v>
      </c>
      <c r="E12359" s="2" t="s">
        <v>38007</v>
      </c>
      <c r="F12359" s="2" t="s">
        <v>36357</v>
      </c>
      <c r="G12359" s="8">
        <v>170</v>
      </c>
      <c r="H12359" s="5">
        <v>6</v>
      </c>
      <c r="I12359" s="5" t="s">
        <v>1518</v>
      </c>
      <c r="J12359" s="5" t="s">
        <v>36264</v>
      </c>
      <c r="K12359" s="2" t="s">
        <v>36265</v>
      </c>
      <c r="L12359" s="5" t="s">
        <v>36264</v>
      </c>
      <c r="M12359" s="2" t="s">
        <v>36265</v>
      </c>
      <c r="N12359" s="5" t="s">
        <v>36266</v>
      </c>
      <c r="O12359" s="5" t="s">
        <v>38</v>
      </c>
      <c r="P12359" s="5" t="s">
        <v>39</v>
      </c>
      <c r="Q12359" s="5" t="s">
        <v>40</v>
      </c>
      <c r="R12359" s="5" t="s">
        <v>1522</v>
      </c>
      <c r="S12359" s="5" t="s">
        <v>1523</v>
      </c>
      <c r="T12359" s="5" t="s">
        <v>42</v>
      </c>
      <c r="U12359" s="2">
        <v>1.448</v>
      </c>
      <c r="V12359" s="2">
        <v>0.94799999999999995</v>
      </c>
      <c r="W12359" s="2">
        <v>1.4999999999999999E-2</v>
      </c>
      <c r="X12359" s="2">
        <v>118.9</v>
      </c>
      <c r="Y12359" s="2">
        <v>7.6</v>
      </c>
      <c r="Z12359" s="2">
        <v>16.7</v>
      </c>
      <c r="AA12359" s="5"/>
      <c r="AB12359" s="5" t="s">
        <v>43</v>
      </c>
      <c r="AC12359" s="5" t="s">
        <v>44</v>
      </c>
      <c r="AD12359" s="2"/>
      <c r="AE12359" s="1"/>
    </row>
    <row r="12360" spans="1:31" ht="14.45">
      <c r="A12360" s="11"/>
      <c r="B12360" s="20"/>
      <c r="C12360" s="2" t="s">
        <v>38008</v>
      </c>
      <c r="D12360" s="14" t="s">
        <v>38009</v>
      </c>
      <c r="E12360" s="2" t="s">
        <v>38010</v>
      </c>
      <c r="F12360" s="2" t="s">
        <v>36361</v>
      </c>
      <c r="G12360" s="8">
        <v>170</v>
      </c>
      <c r="H12360" s="5">
        <v>6</v>
      </c>
      <c r="I12360" s="5" t="s">
        <v>1518</v>
      </c>
      <c r="J12360" s="5" t="s">
        <v>36264</v>
      </c>
      <c r="K12360" s="2" t="s">
        <v>36265</v>
      </c>
      <c r="L12360" s="5" t="s">
        <v>36264</v>
      </c>
      <c r="M12360" s="2" t="s">
        <v>36265</v>
      </c>
      <c r="N12360" s="5" t="s">
        <v>36266</v>
      </c>
      <c r="O12360" s="5" t="s">
        <v>38</v>
      </c>
      <c r="P12360" s="5" t="s">
        <v>39</v>
      </c>
      <c r="Q12360" s="5" t="s">
        <v>40</v>
      </c>
      <c r="R12360" s="5" t="s">
        <v>1522</v>
      </c>
      <c r="S12360" s="5" t="s">
        <v>1523</v>
      </c>
      <c r="T12360" s="5" t="s">
        <v>42</v>
      </c>
      <c r="U12360" s="2">
        <v>1.423</v>
      </c>
      <c r="V12360" s="2">
        <v>0.92300000000000004</v>
      </c>
      <c r="W12360" s="2">
        <v>1.4999999999999999E-2</v>
      </c>
      <c r="X12360" s="2">
        <v>118.9</v>
      </c>
      <c r="Y12360" s="2">
        <v>7.6</v>
      </c>
      <c r="Z12360" s="2">
        <v>16.7</v>
      </c>
      <c r="AA12360" s="5"/>
      <c r="AB12360" s="5" t="s">
        <v>43</v>
      </c>
      <c r="AC12360" s="5" t="s">
        <v>44</v>
      </c>
      <c r="AD12360" s="2"/>
      <c r="AE12360" s="1"/>
    </row>
    <row r="12361" spans="1:31" ht="14.45">
      <c r="A12361" s="11"/>
      <c r="B12361" s="20"/>
      <c r="C12361" s="2" t="s">
        <v>38011</v>
      </c>
      <c r="D12361" s="14" t="s">
        <v>38012</v>
      </c>
      <c r="E12361" s="2" t="s">
        <v>38013</v>
      </c>
      <c r="F12361" s="2" t="s">
        <v>36365</v>
      </c>
      <c r="G12361" s="8">
        <v>170</v>
      </c>
      <c r="H12361" s="5">
        <v>6</v>
      </c>
      <c r="I12361" s="5" t="s">
        <v>1518</v>
      </c>
      <c r="J12361" s="5" t="s">
        <v>36264</v>
      </c>
      <c r="K12361" s="2" t="s">
        <v>36265</v>
      </c>
      <c r="L12361" s="5" t="s">
        <v>36264</v>
      </c>
      <c r="M12361" s="2" t="s">
        <v>36265</v>
      </c>
      <c r="N12361" s="5" t="s">
        <v>36266</v>
      </c>
      <c r="O12361" s="5" t="s">
        <v>38</v>
      </c>
      <c r="P12361" s="5" t="s">
        <v>39</v>
      </c>
      <c r="Q12361" s="5" t="s">
        <v>40</v>
      </c>
      <c r="R12361" s="5" t="s">
        <v>1522</v>
      </c>
      <c r="S12361" s="5" t="s">
        <v>1523</v>
      </c>
      <c r="T12361" s="5" t="s">
        <v>42</v>
      </c>
      <c r="U12361" s="2">
        <v>1.448</v>
      </c>
      <c r="V12361" s="2">
        <v>0.94799999999999995</v>
      </c>
      <c r="W12361" s="2">
        <v>1.4999999999999999E-2</v>
      </c>
      <c r="X12361" s="2">
        <v>118.9</v>
      </c>
      <c r="Y12361" s="2">
        <v>7.6</v>
      </c>
      <c r="Z12361" s="2">
        <v>16.7</v>
      </c>
      <c r="AA12361" s="5"/>
      <c r="AB12361" s="5" t="s">
        <v>43</v>
      </c>
      <c r="AC12361" s="5" t="s">
        <v>44</v>
      </c>
      <c r="AD12361" s="2"/>
      <c r="AE12361" s="1"/>
    </row>
    <row r="12362" spans="1:31" ht="14.45">
      <c r="A12362" s="11"/>
      <c r="B12362" s="20"/>
      <c r="C12362" s="2" t="s">
        <v>38014</v>
      </c>
      <c r="D12362" s="14" t="s">
        <v>38015</v>
      </c>
      <c r="E12362" s="2" t="s">
        <v>38016</v>
      </c>
      <c r="F12362" s="2" t="s">
        <v>36644</v>
      </c>
      <c r="G12362" s="8">
        <v>170</v>
      </c>
      <c r="H12362" s="5">
        <v>6</v>
      </c>
      <c r="I12362" s="5" t="s">
        <v>1518</v>
      </c>
      <c r="J12362" s="5" t="s">
        <v>36264</v>
      </c>
      <c r="K12362" s="2" t="s">
        <v>36265</v>
      </c>
      <c r="L12362" s="5" t="s">
        <v>36264</v>
      </c>
      <c r="M12362" s="2" t="s">
        <v>36265</v>
      </c>
      <c r="N12362" s="5" t="s">
        <v>36266</v>
      </c>
      <c r="O12362" s="5" t="s">
        <v>38</v>
      </c>
      <c r="P12362" s="5" t="s">
        <v>39</v>
      </c>
      <c r="Q12362" s="5" t="s">
        <v>40</v>
      </c>
      <c r="R12362" s="5" t="s">
        <v>1522</v>
      </c>
      <c r="S12362" s="5" t="s">
        <v>1523</v>
      </c>
      <c r="T12362" s="5" t="s">
        <v>42</v>
      </c>
      <c r="U12362" s="2">
        <v>1.423</v>
      </c>
      <c r="V12362" s="2">
        <v>0.92300000000000004</v>
      </c>
      <c r="W12362" s="2">
        <v>1.4999999999999999E-2</v>
      </c>
      <c r="X12362" s="2">
        <v>118.9</v>
      </c>
      <c r="Y12362" s="2">
        <v>7.6</v>
      </c>
      <c r="Z12362" s="2">
        <v>16.7</v>
      </c>
      <c r="AA12362" s="5"/>
      <c r="AB12362" s="5" t="s">
        <v>43</v>
      </c>
      <c r="AC12362" s="5" t="s">
        <v>44</v>
      </c>
      <c r="AD12362" s="2"/>
      <c r="AE12362" s="1"/>
    </row>
    <row r="12363" spans="1:31" ht="14.45">
      <c r="A12363" s="11"/>
      <c r="B12363" s="20"/>
      <c r="C12363" s="2" t="s">
        <v>38017</v>
      </c>
      <c r="D12363" s="14" t="s">
        <v>38018</v>
      </c>
      <c r="E12363" s="2" t="s">
        <v>38019</v>
      </c>
      <c r="F12363" s="2" t="s">
        <v>36648</v>
      </c>
      <c r="G12363" s="8">
        <v>170</v>
      </c>
      <c r="H12363" s="5">
        <v>6</v>
      </c>
      <c r="I12363" s="5" t="s">
        <v>1518</v>
      </c>
      <c r="J12363" s="5" t="s">
        <v>36264</v>
      </c>
      <c r="K12363" s="2" t="s">
        <v>36265</v>
      </c>
      <c r="L12363" s="5" t="s">
        <v>36264</v>
      </c>
      <c r="M12363" s="2" t="s">
        <v>36265</v>
      </c>
      <c r="N12363" s="5" t="s">
        <v>36266</v>
      </c>
      <c r="O12363" s="5" t="s">
        <v>38</v>
      </c>
      <c r="P12363" s="5" t="s">
        <v>39</v>
      </c>
      <c r="Q12363" s="5" t="s">
        <v>40</v>
      </c>
      <c r="R12363" s="5" t="s">
        <v>1522</v>
      </c>
      <c r="S12363" s="5" t="s">
        <v>1523</v>
      </c>
      <c r="T12363" s="5" t="s">
        <v>42</v>
      </c>
      <c r="U12363" s="2">
        <v>1.448</v>
      </c>
      <c r="V12363" s="2">
        <v>0.94799999999999995</v>
      </c>
      <c r="W12363" s="2">
        <v>1.4999999999999999E-2</v>
      </c>
      <c r="X12363" s="2">
        <v>118.9</v>
      </c>
      <c r="Y12363" s="2">
        <v>7.6</v>
      </c>
      <c r="Z12363" s="2">
        <v>16.7</v>
      </c>
      <c r="AA12363" s="5"/>
      <c r="AB12363" s="5" t="s">
        <v>43</v>
      </c>
      <c r="AC12363" s="5" t="s">
        <v>44</v>
      </c>
      <c r="AD12363" s="2"/>
      <c r="AE12363" s="1"/>
    </row>
    <row r="12364" spans="1:31" ht="14.45">
      <c r="A12364" s="11"/>
      <c r="B12364" s="20"/>
      <c r="C12364" s="2" t="s">
        <v>38020</v>
      </c>
      <c r="D12364" s="14" t="s">
        <v>38021</v>
      </c>
      <c r="E12364" s="2" t="s">
        <v>38022</v>
      </c>
      <c r="F12364" s="2" t="s">
        <v>36377</v>
      </c>
      <c r="G12364" s="8">
        <v>170</v>
      </c>
      <c r="H12364" s="5">
        <v>6</v>
      </c>
      <c r="I12364" s="5" t="s">
        <v>1518</v>
      </c>
      <c r="J12364" s="5" t="s">
        <v>36264</v>
      </c>
      <c r="K12364" s="2" t="s">
        <v>36265</v>
      </c>
      <c r="L12364" s="5" t="s">
        <v>36264</v>
      </c>
      <c r="M12364" s="2" t="s">
        <v>36265</v>
      </c>
      <c r="N12364" s="5" t="s">
        <v>36266</v>
      </c>
      <c r="O12364" s="5" t="s">
        <v>38</v>
      </c>
      <c r="P12364" s="5" t="s">
        <v>39</v>
      </c>
      <c r="Q12364" s="5" t="s">
        <v>40</v>
      </c>
      <c r="R12364" s="5" t="s">
        <v>1522</v>
      </c>
      <c r="S12364" s="5" t="s">
        <v>1523</v>
      </c>
      <c r="T12364" s="5" t="s">
        <v>42</v>
      </c>
      <c r="U12364" s="2">
        <v>1.423</v>
      </c>
      <c r="V12364" s="2">
        <v>0.92300000000000004</v>
      </c>
      <c r="W12364" s="2">
        <v>1.4999999999999999E-2</v>
      </c>
      <c r="X12364" s="2">
        <v>118.9</v>
      </c>
      <c r="Y12364" s="2">
        <v>7.6</v>
      </c>
      <c r="Z12364" s="2">
        <v>16.7</v>
      </c>
      <c r="AA12364" s="5"/>
      <c r="AB12364" s="5" t="s">
        <v>43</v>
      </c>
      <c r="AC12364" s="5" t="s">
        <v>44</v>
      </c>
      <c r="AD12364" s="2"/>
      <c r="AE12364" s="1"/>
    </row>
    <row r="12365" spans="1:31" ht="14.45">
      <c r="A12365" s="11"/>
      <c r="B12365" s="20"/>
      <c r="C12365" s="2" t="s">
        <v>38023</v>
      </c>
      <c r="D12365" s="14" t="s">
        <v>38024</v>
      </c>
      <c r="E12365" s="2" t="s">
        <v>38025</v>
      </c>
      <c r="F12365" s="2" t="s">
        <v>36381</v>
      </c>
      <c r="G12365" s="8">
        <v>170</v>
      </c>
      <c r="H12365" s="5">
        <v>6</v>
      </c>
      <c r="I12365" s="5" t="s">
        <v>1518</v>
      </c>
      <c r="J12365" s="5" t="s">
        <v>36264</v>
      </c>
      <c r="K12365" s="2" t="s">
        <v>36265</v>
      </c>
      <c r="L12365" s="5" t="s">
        <v>36264</v>
      </c>
      <c r="M12365" s="2" t="s">
        <v>36265</v>
      </c>
      <c r="N12365" s="5" t="s">
        <v>36266</v>
      </c>
      <c r="O12365" s="5" t="s">
        <v>38</v>
      </c>
      <c r="P12365" s="5" t="s">
        <v>39</v>
      </c>
      <c r="Q12365" s="5" t="s">
        <v>40</v>
      </c>
      <c r="R12365" s="5" t="s">
        <v>1522</v>
      </c>
      <c r="S12365" s="5" t="s">
        <v>1523</v>
      </c>
      <c r="T12365" s="5" t="s">
        <v>42</v>
      </c>
      <c r="U12365" s="2">
        <v>1.448</v>
      </c>
      <c r="V12365" s="2">
        <v>0.94799999999999995</v>
      </c>
      <c r="W12365" s="2">
        <v>1.4999999999999999E-2</v>
      </c>
      <c r="X12365" s="2">
        <v>118.9</v>
      </c>
      <c r="Y12365" s="2">
        <v>7.6</v>
      </c>
      <c r="Z12365" s="2">
        <v>16.7</v>
      </c>
      <c r="AA12365" s="5"/>
      <c r="AB12365" s="5" t="s">
        <v>43</v>
      </c>
      <c r="AC12365" s="5" t="s">
        <v>44</v>
      </c>
      <c r="AD12365" s="2"/>
      <c r="AE12365" s="1"/>
    </row>
    <row r="12366" spans="1:31" ht="14.45">
      <c r="A12366" s="11"/>
      <c r="B12366" s="20"/>
      <c r="C12366" s="2" t="s">
        <v>38026</v>
      </c>
      <c r="D12366" s="14" t="s">
        <v>38027</v>
      </c>
      <c r="E12366" s="2" t="s">
        <v>38028</v>
      </c>
      <c r="F12366" s="2" t="s">
        <v>36385</v>
      </c>
      <c r="G12366" s="8">
        <v>170</v>
      </c>
      <c r="H12366" s="5">
        <v>6</v>
      </c>
      <c r="I12366" s="5" t="s">
        <v>1518</v>
      </c>
      <c r="J12366" s="5" t="s">
        <v>36264</v>
      </c>
      <c r="K12366" s="2" t="s">
        <v>36265</v>
      </c>
      <c r="L12366" s="5" t="s">
        <v>36264</v>
      </c>
      <c r="M12366" s="2" t="s">
        <v>36265</v>
      </c>
      <c r="N12366" s="5" t="s">
        <v>36266</v>
      </c>
      <c r="O12366" s="5" t="s">
        <v>38</v>
      </c>
      <c r="P12366" s="5" t="s">
        <v>39</v>
      </c>
      <c r="Q12366" s="5" t="s">
        <v>40</v>
      </c>
      <c r="R12366" s="5" t="s">
        <v>1522</v>
      </c>
      <c r="S12366" s="5" t="s">
        <v>1523</v>
      </c>
      <c r="T12366" s="5" t="s">
        <v>42</v>
      </c>
      <c r="U12366" s="2">
        <v>1.423</v>
      </c>
      <c r="V12366" s="2">
        <v>0.92300000000000004</v>
      </c>
      <c r="W12366" s="2">
        <v>1.4999999999999999E-2</v>
      </c>
      <c r="X12366" s="2">
        <v>118.9</v>
      </c>
      <c r="Y12366" s="2">
        <v>7.6</v>
      </c>
      <c r="Z12366" s="2">
        <v>16.7</v>
      </c>
      <c r="AA12366" s="5"/>
      <c r="AB12366" s="5" t="s">
        <v>43</v>
      </c>
      <c r="AC12366" s="5" t="s">
        <v>44</v>
      </c>
      <c r="AD12366" s="2"/>
      <c r="AE12366" s="1"/>
    </row>
    <row r="12367" spans="1:31" ht="14.45">
      <c r="A12367" s="11"/>
      <c r="B12367" s="20"/>
      <c r="C12367" s="2" t="s">
        <v>38029</v>
      </c>
      <c r="D12367" s="14" t="s">
        <v>38030</v>
      </c>
      <c r="E12367" s="2" t="s">
        <v>38031</v>
      </c>
      <c r="F12367" s="2" t="s">
        <v>36389</v>
      </c>
      <c r="G12367" s="8">
        <v>170</v>
      </c>
      <c r="H12367" s="5">
        <v>6</v>
      </c>
      <c r="I12367" s="5" t="s">
        <v>1518</v>
      </c>
      <c r="J12367" s="5" t="s">
        <v>36264</v>
      </c>
      <c r="K12367" s="2" t="s">
        <v>36265</v>
      </c>
      <c r="L12367" s="5" t="s">
        <v>36264</v>
      </c>
      <c r="M12367" s="2" t="s">
        <v>36265</v>
      </c>
      <c r="N12367" s="5" t="s">
        <v>36266</v>
      </c>
      <c r="O12367" s="5" t="s">
        <v>38</v>
      </c>
      <c r="P12367" s="5" t="s">
        <v>39</v>
      </c>
      <c r="Q12367" s="5" t="s">
        <v>40</v>
      </c>
      <c r="R12367" s="5" t="s">
        <v>1522</v>
      </c>
      <c r="S12367" s="5" t="s">
        <v>1523</v>
      </c>
      <c r="T12367" s="5" t="s">
        <v>42</v>
      </c>
      <c r="U12367" s="2">
        <v>1.448</v>
      </c>
      <c r="V12367" s="2">
        <v>0.94799999999999995</v>
      </c>
      <c r="W12367" s="2">
        <v>1.4999999999999999E-2</v>
      </c>
      <c r="X12367" s="2">
        <v>118.9</v>
      </c>
      <c r="Y12367" s="2">
        <v>7.6</v>
      </c>
      <c r="Z12367" s="2">
        <v>16.7</v>
      </c>
      <c r="AA12367" s="5"/>
      <c r="AB12367" s="5" t="s">
        <v>43</v>
      </c>
      <c r="AC12367" s="5" t="s">
        <v>44</v>
      </c>
      <c r="AD12367" s="2"/>
      <c r="AE12367" s="1"/>
    </row>
    <row r="12368" spans="1:31" ht="14.45">
      <c r="A12368" s="11"/>
      <c r="B12368" s="20"/>
      <c r="C12368" s="2" t="s">
        <v>38032</v>
      </c>
      <c r="D12368" s="14" t="s">
        <v>38033</v>
      </c>
      <c r="E12368" s="2" t="s">
        <v>38034</v>
      </c>
      <c r="F12368" s="2" t="s">
        <v>7204</v>
      </c>
      <c r="G12368" s="8">
        <v>153</v>
      </c>
      <c r="H12368" s="5">
        <v>6</v>
      </c>
      <c r="I12368" s="5" t="s">
        <v>1518</v>
      </c>
      <c r="J12368" s="5" t="s">
        <v>36264</v>
      </c>
      <c r="K12368" s="2" t="s">
        <v>36265</v>
      </c>
      <c r="L12368" s="5" t="s">
        <v>36264</v>
      </c>
      <c r="M12368" s="2" t="s">
        <v>36265</v>
      </c>
      <c r="N12368" s="5" t="s">
        <v>36266</v>
      </c>
      <c r="O12368" s="5" t="s">
        <v>38</v>
      </c>
      <c r="P12368" s="5" t="s">
        <v>39</v>
      </c>
      <c r="Q12368" s="5" t="s">
        <v>40</v>
      </c>
      <c r="R12368" s="5" t="s">
        <v>1522</v>
      </c>
      <c r="S12368" s="5" t="s">
        <v>1523</v>
      </c>
      <c r="T12368" s="5" t="s">
        <v>42</v>
      </c>
      <c r="U12368" s="2">
        <v>1.605</v>
      </c>
      <c r="V12368" s="2">
        <v>1.0289999999999999</v>
      </c>
      <c r="W12368" s="2">
        <v>1.7999999999999999E-2</v>
      </c>
      <c r="X12368" s="2">
        <v>139.1</v>
      </c>
      <c r="Y12368" s="2">
        <v>7.6</v>
      </c>
      <c r="Z12368" s="2">
        <v>16.7</v>
      </c>
      <c r="AA12368" s="5"/>
      <c r="AB12368" s="5" t="s">
        <v>43</v>
      </c>
      <c r="AC12368" s="5" t="s">
        <v>44</v>
      </c>
      <c r="AD12368" s="2"/>
      <c r="AE12368" s="1"/>
    </row>
    <row r="12369" spans="1:31" ht="14.45">
      <c r="A12369" s="11"/>
      <c r="B12369" s="20"/>
      <c r="C12369" s="2" t="s">
        <v>38035</v>
      </c>
      <c r="D12369" s="14" t="s">
        <v>38036</v>
      </c>
      <c r="E12369" s="2" t="s">
        <v>38037</v>
      </c>
      <c r="F12369" s="2" t="s">
        <v>7514</v>
      </c>
      <c r="G12369" s="8">
        <v>153</v>
      </c>
      <c r="H12369" s="5">
        <v>6</v>
      </c>
      <c r="I12369" s="5" t="s">
        <v>1518</v>
      </c>
      <c r="J12369" s="5" t="s">
        <v>36264</v>
      </c>
      <c r="K12369" s="2" t="s">
        <v>36265</v>
      </c>
      <c r="L12369" s="5" t="s">
        <v>36264</v>
      </c>
      <c r="M12369" s="2" t="s">
        <v>36265</v>
      </c>
      <c r="N12369" s="5" t="s">
        <v>36266</v>
      </c>
      <c r="O12369" s="5" t="s">
        <v>38</v>
      </c>
      <c r="P12369" s="5" t="s">
        <v>39</v>
      </c>
      <c r="Q12369" s="5" t="s">
        <v>40</v>
      </c>
      <c r="R12369" s="5" t="s">
        <v>1522</v>
      </c>
      <c r="S12369" s="5" t="s">
        <v>1523</v>
      </c>
      <c r="T12369" s="5" t="s">
        <v>42</v>
      </c>
      <c r="U12369" s="2">
        <v>1.63</v>
      </c>
      <c r="V12369" s="2">
        <v>1.054</v>
      </c>
      <c r="W12369" s="2">
        <v>1.7999999999999999E-2</v>
      </c>
      <c r="X12369" s="2">
        <v>139.1</v>
      </c>
      <c r="Y12369" s="2">
        <v>7.6</v>
      </c>
      <c r="Z12369" s="2">
        <v>16.7</v>
      </c>
      <c r="AA12369" s="5"/>
      <c r="AB12369" s="5" t="s">
        <v>43</v>
      </c>
      <c r="AC12369" s="5" t="s">
        <v>44</v>
      </c>
      <c r="AD12369" s="2"/>
      <c r="AE12369" s="1"/>
    </row>
    <row r="12370" spans="1:31" ht="14.45">
      <c r="A12370" s="11"/>
      <c r="B12370" s="20"/>
      <c r="C12370" s="2" t="s">
        <v>38038</v>
      </c>
      <c r="D12370" s="14" t="s">
        <v>38039</v>
      </c>
      <c r="E12370" s="2" t="s">
        <v>38040</v>
      </c>
      <c r="F12370" s="2" t="s">
        <v>36273</v>
      </c>
      <c r="G12370" s="8">
        <v>153</v>
      </c>
      <c r="H12370" s="5">
        <v>6</v>
      </c>
      <c r="I12370" s="5" t="s">
        <v>1518</v>
      </c>
      <c r="J12370" s="5" t="s">
        <v>36264</v>
      </c>
      <c r="K12370" s="2" t="s">
        <v>36265</v>
      </c>
      <c r="L12370" s="5" t="s">
        <v>36264</v>
      </c>
      <c r="M12370" s="2" t="s">
        <v>36265</v>
      </c>
      <c r="N12370" s="5" t="s">
        <v>36266</v>
      </c>
      <c r="O12370" s="5" t="s">
        <v>38</v>
      </c>
      <c r="P12370" s="5" t="s">
        <v>39</v>
      </c>
      <c r="Q12370" s="5" t="s">
        <v>40</v>
      </c>
      <c r="R12370" s="5" t="s">
        <v>1522</v>
      </c>
      <c r="S12370" s="5" t="s">
        <v>1523</v>
      </c>
      <c r="T12370" s="5" t="s">
        <v>42</v>
      </c>
      <c r="U12370" s="2">
        <v>1.605</v>
      </c>
      <c r="V12370" s="2">
        <v>1.0289999999999999</v>
      </c>
      <c r="W12370" s="2">
        <v>1.7999999999999999E-2</v>
      </c>
      <c r="X12370" s="2">
        <v>139.1</v>
      </c>
      <c r="Y12370" s="2">
        <v>7.6</v>
      </c>
      <c r="Z12370" s="2">
        <v>16.7</v>
      </c>
      <c r="AA12370" s="5"/>
      <c r="AB12370" s="5" t="s">
        <v>43</v>
      </c>
      <c r="AC12370" s="5" t="s">
        <v>44</v>
      </c>
      <c r="AD12370" s="2"/>
      <c r="AE12370" s="1"/>
    </row>
    <row r="12371" spans="1:31" ht="14.45">
      <c r="A12371" s="11"/>
      <c r="B12371" s="20"/>
      <c r="C12371" s="2" t="s">
        <v>38041</v>
      </c>
      <c r="D12371" s="14" t="s">
        <v>38042</v>
      </c>
      <c r="E12371" s="2" t="s">
        <v>38043</v>
      </c>
      <c r="F12371" s="2" t="s">
        <v>36277</v>
      </c>
      <c r="G12371" s="8">
        <v>153</v>
      </c>
      <c r="H12371" s="5">
        <v>6</v>
      </c>
      <c r="I12371" s="5" t="s">
        <v>1518</v>
      </c>
      <c r="J12371" s="5" t="s">
        <v>36264</v>
      </c>
      <c r="K12371" s="2" t="s">
        <v>36265</v>
      </c>
      <c r="L12371" s="5" t="s">
        <v>36264</v>
      </c>
      <c r="M12371" s="2" t="s">
        <v>36265</v>
      </c>
      <c r="N12371" s="5" t="s">
        <v>36266</v>
      </c>
      <c r="O12371" s="5" t="s">
        <v>38</v>
      </c>
      <c r="P12371" s="5" t="s">
        <v>39</v>
      </c>
      <c r="Q12371" s="5" t="s">
        <v>40</v>
      </c>
      <c r="R12371" s="5" t="s">
        <v>1522</v>
      </c>
      <c r="S12371" s="5" t="s">
        <v>1523</v>
      </c>
      <c r="T12371" s="5" t="s">
        <v>42</v>
      </c>
      <c r="U12371" s="2">
        <v>1.63</v>
      </c>
      <c r="V12371" s="2">
        <v>1.054</v>
      </c>
      <c r="W12371" s="2">
        <v>1.7999999999999999E-2</v>
      </c>
      <c r="X12371" s="2">
        <v>139.1</v>
      </c>
      <c r="Y12371" s="2">
        <v>7.6</v>
      </c>
      <c r="Z12371" s="2">
        <v>16.7</v>
      </c>
      <c r="AA12371" s="5"/>
      <c r="AB12371" s="5" t="s">
        <v>43</v>
      </c>
      <c r="AC12371" s="5" t="s">
        <v>44</v>
      </c>
      <c r="AD12371" s="2"/>
      <c r="AE12371" s="1"/>
    </row>
    <row r="12372" spans="1:31" ht="14.45">
      <c r="A12372" s="11"/>
      <c r="B12372" s="20"/>
      <c r="C12372" s="2" t="s">
        <v>38044</v>
      </c>
      <c r="D12372" s="14" t="s">
        <v>38045</v>
      </c>
      <c r="E12372" s="2" t="s">
        <v>38046</v>
      </c>
      <c r="F12372" s="2" t="s">
        <v>36281</v>
      </c>
      <c r="G12372" s="8">
        <v>176</v>
      </c>
      <c r="H12372" s="5">
        <v>6</v>
      </c>
      <c r="I12372" s="5" t="s">
        <v>1518</v>
      </c>
      <c r="J12372" s="5" t="s">
        <v>36264</v>
      </c>
      <c r="K12372" s="2" t="s">
        <v>36265</v>
      </c>
      <c r="L12372" s="5" t="s">
        <v>36264</v>
      </c>
      <c r="M12372" s="2" t="s">
        <v>36265</v>
      </c>
      <c r="N12372" s="5" t="s">
        <v>36266</v>
      </c>
      <c r="O12372" s="5" t="s">
        <v>38</v>
      </c>
      <c r="P12372" s="5" t="s">
        <v>39</v>
      </c>
      <c r="Q12372" s="5" t="s">
        <v>40</v>
      </c>
      <c r="R12372" s="5" t="s">
        <v>1522</v>
      </c>
      <c r="S12372" s="5" t="s">
        <v>1523</v>
      </c>
      <c r="T12372" s="5" t="s">
        <v>42</v>
      </c>
      <c r="U12372" s="2">
        <v>1.605</v>
      </c>
      <c r="V12372" s="2">
        <v>1.0289999999999999</v>
      </c>
      <c r="W12372" s="2">
        <v>1.7999999999999999E-2</v>
      </c>
      <c r="X12372" s="2">
        <v>139.1</v>
      </c>
      <c r="Y12372" s="2">
        <v>7.6</v>
      </c>
      <c r="Z12372" s="2">
        <v>16.7</v>
      </c>
      <c r="AA12372" s="5"/>
      <c r="AB12372" s="5" t="s">
        <v>43</v>
      </c>
      <c r="AC12372" s="5" t="s">
        <v>44</v>
      </c>
      <c r="AD12372" s="2"/>
      <c r="AE12372" s="1"/>
    </row>
    <row r="12373" spans="1:31" ht="14.45">
      <c r="A12373" s="11"/>
      <c r="B12373" s="20"/>
      <c r="C12373" s="2" t="s">
        <v>38047</v>
      </c>
      <c r="D12373" s="14" t="s">
        <v>38048</v>
      </c>
      <c r="E12373" s="2" t="s">
        <v>38049</v>
      </c>
      <c r="F12373" s="2" t="s">
        <v>36285</v>
      </c>
      <c r="G12373" s="8">
        <v>176</v>
      </c>
      <c r="H12373" s="5">
        <v>6</v>
      </c>
      <c r="I12373" s="5" t="s">
        <v>1518</v>
      </c>
      <c r="J12373" s="5" t="s">
        <v>36264</v>
      </c>
      <c r="K12373" s="2" t="s">
        <v>36265</v>
      </c>
      <c r="L12373" s="5" t="s">
        <v>36264</v>
      </c>
      <c r="M12373" s="2" t="s">
        <v>36265</v>
      </c>
      <c r="N12373" s="5" t="s">
        <v>36266</v>
      </c>
      <c r="O12373" s="5" t="s">
        <v>38</v>
      </c>
      <c r="P12373" s="5" t="s">
        <v>39</v>
      </c>
      <c r="Q12373" s="5" t="s">
        <v>40</v>
      </c>
      <c r="R12373" s="5" t="s">
        <v>1522</v>
      </c>
      <c r="S12373" s="5" t="s">
        <v>1523</v>
      </c>
      <c r="T12373" s="5" t="s">
        <v>42</v>
      </c>
      <c r="U12373" s="2">
        <v>1.63</v>
      </c>
      <c r="V12373" s="2">
        <v>1.054</v>
      </c>
      <c r="W12373" s="2">
        <v>1.7999999999999999E-2</v>
      </c>
      <c r="X12373" s="2">
        <v>139.1</v>
      </c>
      <c r="Y12373" s="2">
        <v>7.6</v>
      </c>
      <c r="Z12373" s="2">
        <v>16.7</v>
      </c>
      <c r="AA12373" s="5"/>
      <c r="AB12373" s="5" t="s">
        <v>43</v>
      </c>
      <c r="AC12373" s="5" t="s">
        <v>44</v>
      </c>
      <c r="AD12373" s="2"/>
      <c r="AE12373" s="1"/>
    </row>
    <row r="12374" spans="1:31" ht="14.45">
      <c r="A12374" s="11"/>
      <c r="B12374" s="20"/>
      <c r="C12374" s="2" t="s">
        <v>38050</v>
      </c>
      <c r="D12374" s="14" t="s">
        <v>38051</v>
      </c>
      <c r="E12374" s="2" t="s">
        <v>38052</v>
      </c>
      <c r="F12374" s="2" t="s">
        <v>36289</v>
      </c>
      <c r="G12374" s="8">
        <v>176</v>
      </c>
      <c r="H12374" s="5">
        <v>6</v>
      </c>
      <c r="I12374" s="5" t="s">
        <v>1518</v>
      </c>
      <c r="J12374" s="5" t="s">
        <v>36264</v>
      </c>
      <c r="K12374" s="2" t="s">
        <v>36265</v>
      </c>
      <c r="L12374" s="5" t="s">
        <v>36264</v>
      </c>
      <c r="M12374" s="2" t="s">
        <v>36265</v>
      </c>
      <c r="N12374" s="5" t="s">
        <v>36266</v>
      </c>
      <c r="O12374" s="5" t="s">
        <v>38</v>
      </c>
      <c r="P12374" s="5" t="s">
        <v>39</v>
      </c>
      <c r="Q12374" s="5" t="s">
        <v>40</v>
      </c>
      <c r="R12374" s="5" t="s">
        <v>1522</v>
      </c>
      <c r="S12374" s="5" t="s">
        <v>1523</v>
      </c>
      <c r="T12374" s="5" t="s">
        <v>42</v>
      </c>
      <c r="U12374" s="2">
        <v>1.605</v>
      </c>
      <c r="V12374" s="2">
        <v>1.0289999999999999</v>
      </c>
      <c r="W12374" s="2">
        <v>1.7999999999999999E-2</v>
      </c>
      <c r="X12374" s="2">
        <v>139.1</v>
      </c>
      <c r="Y12374" s="2">
        <v>7.6</v>
      </c>
      <c r="Z12374" s="2">
        <v>16.7</v>
      </c>
      <c r="AA12374" s="5"/>
      <c r="AB12374" s="5" t="s">
        <v>43</v>
      </c>
      <c r="AC12374" s="5" t="s">
        <v>44</v>
      </c>
      <c r="AD12374" s="2"/>
      <c r="AE12374" s="1"/>
    </row>
    <row r="12375" spans="1:31" ht="14.45">
      <c r="A12375" s="11"/>
      <c r="B12375" s="20"/>
      <c r="C12375" s="2" t="s">
        <v>38053</v>
      </c>
      <c r="D12375" s="14" t="s">
        <v>38054</v>
      </c>
      <c r="E12375" s="2" t="s">
        <v>38055</v>
      </c>
      <c r="F12375" s="2" t="s">
        <v>36293</v>
      </c>
      <c r="G12375" s="8">
        <v>176</v>
      </c>
      <c r="H12375" s="5">
        <v>6</v>
      </c>
      <c r="I12375" s="5" t="s">
        <v>1518</v>
      </c>
      <c r="J12375" s="5" t="s">
        <v>36264</v>
      </c>
      <c r="K12375" s="2" t="s">
        <v>36265</v>
      </c>
      <c r="L12375" s="5" t="s">
        <v>36264</v>
      </c>
      <c r="M12375" s="2" t="s">
        <v>36265</v>
      </c>
      <c r="N12375" s="5" t="s">
        <v>36266</v>
      </c>
      <c r="O12375" s="5" t="s">
        <v>38</v>
      </c>
      <c r="P12375" s="5" t="s">
        <v>39</v>
      </c>
      <c r="Q12375" s="5" t="s">
        <v>40</v>
      </c>
      <c r="R12375" s="5" t="s">
        <v>1522</v>
      </c>
      <c r="S12375" s="5" t="s">
        <v>1523</v>
      </c>
      <c r="T12375" s="5" t="s">
        <v>42</v>
      </c>
      <c r="U12375" s="2">
        <v>1.63</v>
      </c>
      <c r="V12375" s="2">
        <v>1.054</v>
      </c>
      <c r="W12375" s="2">
        <v>1.7999999999999999E-2</v>
      </c>
      <c r="X12375" s="2">
        <v>139.1</v>
      </c>
      <c r="Y12375" s="2">
        <v>7.6</v>
      </c>
      <c r="Z12375" s="2">
        <v>16.7</v>
      </c>
      <c r="AA12375" s="5"/>
      <c r="AB12375" s="5" t="s">
        <v>43</v>
      </c>
      <c r="AC12375" s="5" t="s">
        <v>44</v>
      </c>
      <c r="AD12375" s="2"/>
      <c r="AE12375" s="1"/>
    </row>
    <row r="12376" spans="1:31" ht="14.45">
      <c r="A12376" s="11"/>
      <c r="B12376" s="20"/>
      <c r="C12376" s="2" t="s">
        <v>38056</v>
      </c>
      <c r="D12376" s="14" t="s">
        <v>38057</v>
      </c>
      <c r="E12376" s="2" t="s">
        <v>38058</v>
      </c>
      <c r="F12376" s="2" t="s">
        <v>36588</v>
      </c>
      <c r="G12376" s="8">
        <v>153</v>
      </c>
      <c r="H12376" s="5">
        <v>6</v>
      </c>
      <c r="I12376" s="5" t="s">
        <v>1518</v>
      </c>
      <c r="J12376" s="5" t="s">
        <v>36264</v>
      </c>
      <c r="K12376" s="2" t="s">
        <v>36265</v>
      </c>
      <c r="L12376" s="5" t="s">
        <v>36264</v>
      </c>
      <c r="M12376" s="2" t="s">
        <v>36265</v>
      </c>
      <c r="N12376" s="5" t="s">
        <v>36266</v>
      </c>
      <c r="O12376" s="5" t="s">
        <v>38</v>
      </c>
      <c r="P12376" s="5" t="s">
        <v>39</v>
      </c>
      <c r="Q12376" s="5" t="s">
        <v>40</v>
      </c>
      <c r="R12376" s="5" t="s">
        <v>1522</v>
      </c>
      <c r="S12376" s="5" t="s">
        <v>1523</v>
      </c>
      <c r="T12376" s="5" t="s">
        <v>42</v>
      </c>
      <c r="U12376" s="2">
        <v>1.605</v>
      </c>
      <c r="V12376" s="2">
        <v>1.0289999999999999</v>
      </c>
      <c r="W12376" s="2">
        <v>1.7999999999999999E-2</v>
      </c>
      <c r="X12376" s="2">
        <v>139.1</v>
      </c>
      <c r="Y12376" s="2">
        <v>7.6</v>
      </c>
      <c r="Z12376" s="2">
        <v>16.7</v>
      </c>
      <c r="AA12376" s="5"/>
      <c r="AB12376" s="5" t="s">
        <v>43</v>
      </c>
      <c r="AC12376" s="5" t="s">
        <v>44</v>
      </c>
      <c r="AD12376" s="2"/>
      <c r="AE12376" s="1"/>
    </row>
    <row r="12377" spans="1:31" ht="14.45">
      <c r="A12377" s="11"/>
      <c r="B12377" s="20"/>
      <c r="C12377" s="2" t="s">
        <v>38059</v>
      </c>
      <c r="D12377" s="14" t="s">
        <v>38060</v>
      </c>
      <c r="E12377" s="2" t="s">
        <v>38061</v>
      </c>
      <c r="F12377" s="2" t="s">
        <v>36592</v>
      </c>
      <c r="G12377" s="8">
        <v>153</v>
      </c>
      <c r="H12377" s="5">
        <v>6</v>
      </c>
      <c r="I12377" s="5" t="s">
        <v>1518</v>
      </c>
      <c r="J12377" s="5" t="s">
        <v>36264</v>
      </c>
      <c r="K12377" s="2" t="s">
        <v>36265</v>
      </c>
      <c r="L12377" s="5" t="s">
        <v>36264</v>
      </c>
      <c r="M12377" s="2" t="s">
        <v>36265</v>
      </c>
      <c r="N12377" s="5" t="s">
        <v>36266</v>
      </c>
      <c r="O12377" s="5" t="s">
        <v>38</v>
      </c>
      <c r="P12377" s="5" t="s">
        <v>39</v>
      </c>
      <c r="Q12377" s="5" t="s">
        <v>40</v>
      </c>
      <c r="R12377" s="5" t="s">
        <v>1522</v>
      </c>
      <c r="S12377" s="5" t="s">
        <v>1523</v>
      </c>
      <c r="T12377" s="5" t="s">
        <v>42</v>
      </c>
      <c r="U12377" s="2">
        <v>1.63</v>
      </c>
      <c r="V12377" s="2">
        <v>1.054</v>
      </c>
      <c r="W12377" s="2">
        <v>1.7999999999999999E-2</v>
      </c>
      <c r="X12377" s="2">
        <v>139.1</v>
      </c>
      <c r="Y12377" s="2">
        <v>7.6</v>
      </c>
      <c r="Z12377" s="2">
        <v>16.7</v>
      </c>
      <c r="AA12377" s="5"/>
      <c r="AB12377" s="5" t="s">
        <v>43</v>
      </c>
      <c r="AC12377" s="5" t="s">
        <v>44</v>
      </c>
      <c r="AD12377" s="2"/>
      <c r="AE12377" s="1"/>
    </row>
    <row r="12378" spans="1:31" ht="14.45">
      <c r="A12378" s="11"/>
      <c r="B12378" s="20"/>
      <c r="C12378" s="2" t="s">
        <v>38062</v>
      </c>
      <c r="D12378" s="14" t="s">
        <v>38063</v>
      </c>
      <c r="E12378" s="2" t="s">
        <v>38064</v>
      </c>
      <c r="F12378" s="2" t="s">
        <v>36305</v>
      </c>
      <c r="G12378" s="8">
        <v>153</v>
      </c>
      <c r="H12378" s="5">
        <v>6</v>
      </c>
      <c r="I12378" s="5" t="s">
        <v>1518</v>
      </c>
      <c r="J12378" s="5" t="s">
        <v>36264</v>
      </c>
      <c r="K12378" s="2" t="s">
        <v>36265</v>
      </c>
      <c r="L12378" s="5" t="s">
        <v>36264</v>
      </c>
      <c r="M12378" s="2" t="s">
        <v>36265</v>
      </c>
      <c r="N12378" s="5" t="s">
        <v>36266</v>
      </c>
      <c r="O12378" s="5" t="s">
        <v>38</v>
      </c>
      <c r="P12378" s="5" t="s">
        <v>39</v>
      </c>
      <c r="Q12378" s="5" t="s">
        <v>40</v>
      </c>
      <c r="R12378" s="5" t="s">
        <v>1522</v>
      </c>
      <c r="S12378" s="5" t="s">
        <v>1523</v>
      </c>
      <c r="T12378" s="5" t="s">
        <v>42</v>
      </c>
      <c r="U12378" s="2">
        <v>1.605</v>
      </c>
      <c r="V12378" s="2">
        <v>1.0289999999999999</v>
      </c>
      <c r="W12378" s="2">
        <v>1.7999999999999999E-2</v>
      </c>
      <c r="X12378" s="2">
        <v>139.1</v>
      </c>
      <c r="Y12378" s="2">
        <v>7.6</v>
      </c>
      <c r="Z12378" s="2">
        <v>16.7</v>
      </c>
      <c r="AA12378" s="5"/>
      <c r="AB12378" s="5" t="s">
        <v>43</v>
      </c>
      <c r="AC12378" s="5" t="s">
        <v>44</v>
      </c>
      <c r="AD12378" s="2"/>
      <c r="AE12378" s="1"/>
    </row>
    <row r="12379" spans="1:31" ht="14.45">
      <c r="A12379" s="11"/>
      <c r="B12379" s="20"/>
      <c r="C12379" s="2" t="s">
        <v>38065</v>
      </c>
      <c r="D12379" s="14" t="s">
        <v>38066</v>
      </c>
      <c r="E12379" s="2" t="s">
        <v>38067</v>
      </c>
      <c r="F12379" s="2" t="s">
        <v>36309</v>
      </c>
      <c r="G12379" s="8">
        <v>153</v>
      </c>
      <c r="H12379" s="5">
        <v>6</v>
      </c>
      <c r="I12379" s="5" t="s">
        <v>1518</v>
      </c>
      <c r="J12379" s="5" t="s">
        <v>36264</v>
      </c>
      <c r="K12379" s="2" t="s">
        <v>36265</v>
      </c>
      <c r="L12379" s="5" t="s">
        <v>36264</v>
      </c>
      <c r="M12379" s="2" t="s">
        <v>36265</v>
      </c>
      <c r="N12379" s="5" t="s">
        <v>36266</v>
      </c>
      <c r="O12379" s="5" t="s">
        <v>38</v>
      </c>
      <c r="P12379" s="5" t="s">
        <v>39</v>
      </c>
      <c r="Q12379" s="5" t="s">
        <v>40</v>
      </c>
      <c r="R12379" s="5" t="s">
        <v>1522</v>
      </c>
      <c r="S12379" s="5" t="s">
        <v>1523</v>
      </c>
      <c r="T12379" s="5" t="s">
        <v>42</v>
      </c>
      <c r="U12379" s="2">
        <v>1.63</v>
      </c>
      <c r="V12379" s="2">
        <v>1.054</v>
      </c>
      <c r="W12379" s="2">
        <v>1.7999999999999999E-2</v>
      </c>
      <c r="X12379" s="2">
        <v>139.1</v>
      </c>
      <c r="Y12379" s="2">
        <v>7.6</v>
      </c>
      <c r="Z12379" s="2">
        <v>16.7</v>
      </c>
      <c r="AA12379" s="5"/>
      <c r="AB12379" s="5" t="s">
        <v>43</v>
      </c>
      <c r="AC12379" s="5" t="s">
        <v>44</v>
      </c>
      <c r="AD12379" s="2"/>
      <c r="AE12379" s="1"/>
    </row>
    <row r="12380" spans="1:31" ht="14.45">
      <c r="A12380" s="11"/>
      <c r="B12380" s="20"/>
      <c r="C12380" s="2" t="s">
        <v>38068</v>
      </c>
      <c r="D12380" s="14" t="s">
        <v>38069</v>
      </c>
      <c r="E12380" s="2" t="s">
        <v>38070</v>
      </c>
      <c r="F12380" s="2" t="s">
        <v>36313</v>
      </c>
      <c r="G12380" s="8">
        <v>176</v>
      </c>
      <c r="H12380" s="5">
        <v>6</v>
      </c>
      <c r="I12380" s="5" t="s">
        <v>1518</v>
      </c>
      <c r="J12380" s="5" t="s">
        <v>36264</v>
      </c>
      <c r="K12380" s="2" t="s">
        <v>36265</v>
      </c>
      <c r="L12380" s="5" t="s">
        <v>36264</v>
      </c>
      <c r="M12380" s="2" t="s">
        <v>36265</v>
      </c>
      <c r="N12380" s="5" t="s">
        <v>36266</v>
      </c>
      <c r="O12380" s="5" t="s">
        <v>38</v>
      </c>
      <c r="P12380" s="5" t="s">
        <v>39</v>
      </c>
      <c r="Q12380" s="5" t="s">
        <v>40</v>
      </c>
      <c r="R12380" s="5" t="s">
        <v>1522</v>
      </c>
      <c r="S12380" s="5" t="s">
        <v>1523</v>
      </c>
      <c r="T12380" s="5" t="s">
        <v>42</v>
      </c>
      <c r="U12380" s="2">
        <v>1.605</v>
      </c>
      <c r="V12380" s="2">
        <v>1.0289999999999999</v>
      </c>
      <c r="W12380" s="2">
        <v>1.7999999999999999E-2</v>
      </c>
      <c r="X12380" s="2">
        <v>139.1</v>
      </c>
      <c r="Y12380" s="2">
        <v>7.6</v>
      </c>
      <c r="Z12380" s="2">
        <v>16.7</v>
      </c>
      <c r="AA12380" s="5"/>
      <c r="AB12380" s="5" t="s">
        <v>43</v>
      </c>
      <c r="AC12380" s="5" t="s">
        <v>44</v>
      </c>
      <c r="AD12380" s="2"/>
      <c r="AE12380" s="1"/>
    </row>
    <row r="12381" spans="1:31" ht="14.45">
      <c r="A12381" s="11"/>
      <c r="B12381" s="20"/>
      <c r="C12381" s="2" t="s">
        <v>38071</v>
      </c>
      <c r="D12381" s="14" t="s">
        <v>38072</v>
      </c>
      <c r="E12381" s="2" t="s">
        <v>38073</v>
      </c>
      <c r="F12381" s="2" t="s">
        <v>36317</v>
      </c>
      <c r="G12381" s="8">
        <v>176</v>
      </c>
      <c r="H12381" s="5">
        <v>6</v>
      </c>
      <c r="I12381" s="5" t="s">
        <v>1518</v>
      </c>
      <c r="J12381" s="5" t="s">
        <v>36264</v>
      </c>
      <c r="K12381" s="2" t="s">
        <v>36265</v>
      </c>
      <c r="L12381" s="5" t="s">
        <v>36264</v>
      </c>
      <c r="M12381" s="2" t="s">
        <v>36265</v>
      </c>
      <c r="N12381" s="5" t="s">
        <v>36266</v>
      </c>
      <c r="O12381" s="5" t="s">
        <v>38</v>
      </c>
      <c r="P12381" s="5" t="s">
        <v>39</v>
      </c>
      <c r="Q12381" s="5" t="s">
        <v>40</v>
      </c>
      <c r="R12381" s="5" t="s">
        <v>1522</v>
      </c>
      <c r="S12381" s="5" t="s">
        <v>1523</v>
      </c>
      <c r="T12381" s="5" t="s">
        <v>42</v>
      </c>
      <c r="U12381" s="2">
        <v>1.63</v>
      </c>
      <c r="V12381" s="2">
        <v>1.054</v>
      </c>
      <c r="W12381" s="2">
        <v>1.7999999999999999E-2</v>
      </c>
      <c r="X12381" s="2">
        <v>139.1</v>
      </c>
      <c r="Y12381" s="2">
        <v>7.6</v>
      </c>
      <c r="Z12381" s="2">
        <v>16.7</v>
      </c>
      <c r="AA12381" s="5"/>
      <c r="AB12381" s="5" t="s">
        <v>43</v>
      </c>
      <c r="AC12381" s="5" t="s">
        <v>44</v>
      </c>
      <c r="AD12381" s="2"/>
      <c r="AE12381" s="1"/>
    </row>
    <row r="12382" spans="1:31" ht="14.45">
      <c r="A12382" s="11"/>
      <c r="B12382" s="20"/>
      <c r="C12382" s="2" t="s">
        <v>38074</v>
      </c>
      <c r="D12382" s="14" t="s">
        <v>38075</v>
      </c>
      <c r="E12382" s="2" t="s">
        <v>38076</v>
      </c>
      <c r="F12382" s="2" t="s">
        <v>36321</v>
      </c>
      <c r="G12382" s="8">
        <v>176</v>
      </c>
      <c r="H12382" s="5">
        <v>6</v>
      </c>
      <c r="I12382" s="5" t="s">
        <v>1518</v>
      </c>
      <c r="J12382" s="5" t="s">
        <v>36264</v>
      </c>
      <c r="K12382" s="2" t="s">
        <v>36265</v>
      </c>
      <c r="L12382" s="5" t="s">
        <v>36264</v>
      </c>
      <c r="M12382" s="2" t="s">
        <v>36265</v>
      </c>
      <c r="N12382" s="5" t="s">
        <v>36266</v>
      </c>
      <c r="O12382" s="5" t="s">
        <v>38</v>
      </c>
      <c r="P12382" s="5" t="s">
        <v>39</v>
      </c>
      <c r="Q12382" s="5" t="s">
        <v>40</v>
      </c>
      <c r="R12382" s="5" t="s">
        <v>1522</v>
      </c>
      <c r="S12382" s="5" t="s">
        <v>1523</v>
      </c>
      <c r="T12382" s="5" t="s">
        <v>42</v>
      </c>
      <c r="U12382" s="2">
        <v>1.605</v>
      </c>
      <c r="V12382" s="2">
        <v>1.0289999999999999</v>
      </c>
      <c r="W12382" s="2">
        <v>1.7999999999999999E-2</v>
      </c>
      <c r="X12382" s="2">
        <v>139.1</v>
      </c>
      <c r="Y12382" s="2">
        <v>7.6</v>
      </c>
      <c r="Z12382" s="2">
        <v>16.7</v>
      </c>
      <c r="AA12382" s="5"/>
      <c r="AB12382" s="5" t="s">
        <v>43</v>
      </c>
      <c r="AC12382" s="5" t="s">
        <v>44</v>
      </c>
      <c r="AD12382" s="2"/>
      <c r="AE12382" s="1"/>
    </row>
    <row r="12383" spans="1:31" ht="14.45">
      <c r="A12383" s="11"/>
      <c r="B12383" s="20"/>
      <c r="C12383" s="2" t="s">
        <v>38077</v>
      </c>
      <c r="D12383" s="14" t="s">
        <v>38078</v>
      </c>
      <c r="E12383" s="2" t="s">
        <v>38079</v>
      </c>
      <c r="F12383" s="2" t="s">
        <v>36325</v>
      </c>
      <c r="G12383" s="8">
        <v>176</v>
      </c>
      <c r="H12383" s="5">
        <v>6</v>
      </c>
      <c r="I12383" s="5" t="s">
        <v>1518</v>
      </c>
      <c r="J12383" s="5" t="s">
        <v>36264</v>
      </c>
      <c r="K12383" s="2" t="s">
        <v>36265</v>
      </c>
      <c r="L12383" s="5" t="s">
        <v>36264</v>
      </c>
      <c r="M12383" s="2" t="s">
        <v>36265</v>
      </c>
      <c r="N12383" s="5" t="s">
        <v>36266</v>
      </c>
      <c r="O12383" s="5" t="s">
        <v>38</v>
      </c>
      <c r="P12383" s="5" t="s">
        <v>39</v>
      </c>
      <c r="Q12383" s="5" t="s">
        <v>40</v>
      </c>
      <c r="R12383" s="5" t="s">
        <v>1522</v>
      </c>
      <c r="S12383" s="5" t="s">
        <v>1523</v>
      </c>
      <c r="T12383" s="5" t="s">
        <v>42</v>
      </c>
      <c r="U12383" s="2">
        <v>1.63</v>
      </c>
      <c r="V12383" s="2">
        <v>1.054</v>
      </c>
      <c r="W12383" s="2">
        <v>1.7999999999999999E-2</v>
      </c>
      <c r="X12383" s="2">
        <v>139.1</v>
      </c>
      <c r="Y12383" s="2">
        <v>7.6</v>
      </c>
      <c r="Z12383" s="2">
        <v>16.7</v>
      </c>
      <c r="AA12383" s="5"/>
      <c r="AB12383" s="5" t="s">
        <v>43</v>
      </c>
      <c r="AC12383" s="5" t="s">
        <v>44</v>
      </c>
      <c r="AD12383" s="2"/>
      <c r="AE12383" s="1"/>
    </row>
    <row r="12384" spans="1:31" ht="14.45">
      <c r="A12384" s="11"/>
      <c r="B12384" s="20"/>
      <c r="C12384" s="2" t="s">
        <v>38080</v>
      </c>
      <c r="D12384" s="14" t="s">
        <v>38081</v>
      </c>
      <c r="E12384" s="2" t="s">
        <v>38082</v>
      </c>
      <c r="F12384" s="2" t="s">
        <v>36329</v>
      </c>
      <c r="G12384" s="8">
        <v>176</v>
      </c>
      <c r="H12384" s="5">
        <v>6</v>
      </c>
      <c r="I12384" s="5" t="s">
        <v>1518</v>
      </c>
      <c r="J12384" s="5" t="s">
        <v>36264</v>
      </c>
      <c r="K12384" s="2" t="s">
        <v>36265</v>
      </c>
      <c r="L12384" s="5" t="s">
        <v>36264</v>
      </c>
      <c r="M12384" s="2" t="s">
        <v>36265</v>
      </c>
      <c r="N12384" s="5" t="s">
        <v>36266</v>
      </c>
      <c r="O12384" s="5" t="s">
        <v>38</v>
      </c>
      <c r="P12384" s="5" t="s">
        <v>39</v>
      </c>
      <c r="Q12384" s="5" t="s">
        <v>40</v>
      </c>
      <c r="R12384" s="5" t="s">
        <v>1522</v>
      </c>
      <c r="S12384" s="5" t="s">
        <v>1523</v>
      </c>
      <c r="T12384" s="5" t="s">
        <v>42</v>
      </c>
      <c r="U12384" s="2">
        <v>1.605</v>
      </c>
      <c r="V12384" s="2">
        <v>1.0289999999999999</v>
      </c>
      <c r="W12384" s="2">
        <v>1.7999999999999999E-2</v>
      </c>
      <c r="X12384" s="2">
        <v>139.1</v>
      </c>
      <c r="Y12384" s="2">
        <v>7.6</v>
      </c>
      <c r="Z12384" s="2">
        <v>16.7</v>
      </c>
      <c r="AA12384" s="5"/>
      <c r="AB12384" s="5" t="s">
        <v>43</v>
      </c>
      <c r="AC12384" s="5" t="s">
        <v>44</v>
      </c>
      <c r="AD12384" s="2"/>
      <c r="AE12384" s="1"/>
    </row>
    <row r="12385" spans="1:31" ht="14.45">
      <c r="A12385" s="11"/>
      <c r="B12385" s="20"/>
      <c r="C12385" s="2" t="s">
        <v>38083</v>
      </c>
      <c r="D12385" s="14" t="s">
        <v>38084</v>
      </c>
      <c r="E12385" s="2" t="s">
        <v>38085</v>
      </c>
      <c r="F12385" s="2" t="s">
        <v>36333</v>
      </c>
      <c r="G12385" s="8">
        <v>176</v>
      </c>
      <c r="H12385" s="5">
        <v>6</v>
      </c>
      <c r="I12385" s="5" t="s">
        <v>1518</v>
      </c>
      <c r="J12385" s="5" t="s">
        <v>36264</v>
      </c>
      <c r="K12385" s="2" t="s">
        <v>36265</v>
      </c>
      <c r="L12385" s="5" t="s">
        <v>36264</v>
      </c>
      <c r="M12385" s="2" t="s">
        <v>36265</v>
      </c>
      <c r="N12385" s="5" t="s">
        <v>36266</v>
      </c>
      <c r="O12385" s="5" t="s">
        <v>38</v>
      </c>
      <c r="P12385" s="5" t="s">
        <v>39</v>
      </c>
      <c r="Q12385" s="5" t="s">
        <v>40</v>
      </c>
      <c r="R12385" s="5" t="s">
        <v>1522</v>
      </c>
      <c r="S12385" s="5" t="s">
        <v>1523</v>
      </c>
      <c r="T12385" s="5" t="s">
        <v>42</v>
      </c>
      <c r="U12385" s="2">
        <v>1.63</v>
      </c>
      <c r="V12385" s="2">
        <v>1.054</v>
      </c>
      <c r="W12385" s="2">
        <v>1.7999999999999999E-2</v>
      </c>
      <c r="X12385" s="2">
        <v>139.1</v>
      </c>
      <c r="Y12385" s="2">
        <v>7.6</v>
      </c>
      <c r="Z12385" s="2">
        <v>16.7</v>
      </c>
      <c r="AA12385" s="5"/>
      <c r="AB12385" s="5" t="s">
        <v>43</v>
      </c>
      <c r="AC12385" s="5" t="s">
        <v>44</v>
      </c>
      <c r="AD12385" s="2"/>
      <c r="AE12385" s="1"/>
    </row>
    <row r="12386" spans="1:31" ht="14.45">
      <c r="A12386" s="11"/>
      <c r="B12386" s="20"/>
      <c r="C12386" s="2" t="s">
        <v>38086</v>
      </c>
      <c r="D12386" s="14" t="s">
        <v>38087</v>
      </c>
      <c r="E12386" s="2" t="s">
        <v>38088</v>
      </c>
      <c r="F12386" s="2" t="s">
        <v>36337</v>
      </c>
      <c r="G12386" s="8">
        <v>176</v>
      </c>
      <c r="H12386" s="5">
        <v>6</v>
      </c>
      <c r="I12386" s="5" t="s">
        <v>1518</v>
      </c>
      <c r="J12386" s="5" t="s">
        <v>36264</v>
      </c>
      <c r="K12386" s="2" t="s">
        <v>36265</v>
      </c>
      <c r="L12386" s="5" t="s">
        <v>36264</v>
      </c>
      <c r="M12386" s="2" t="s">
        <v>36265</v>
      </c>
      <c r="N12386" s="5" t="s">
        <v>36266</v>
      </c>
      <c r="O12386" s="5" t="s">
        <v>38</v>
      </c>
      <c r="P12386" s="5" t="s">
        <v>39</v>
      </c>
      <c r="Q12386" s="5" t="s">
        <v>40</v>
      </c>
      <c r="R12386" s="5" t="s">
        <v>1522</v>
      </c>
      <c r="S12386" s="5" t="s">
        <v>1523</v>
      </c>
      <c r="T12386" s="5" t="s">
        <v>42</v>
      </c>
      <c r="U12386" s="2">
        <v>1.605</v>
      </c>
      <c r="V12386" s="2">
        <v>1.0289999999999999</v>
      </c>
      <c r="W12386" s="2">
        <v>1.7999999999999999E-2</v>
      </c>
      <c r="X12386" s="2">
        <v>139.1</v>
      </c>
      <c r="Y12386" s="2">
        <v>7.6</v>
      </c>
      <c r="Z12386" s="2">
        <v>16.7</v>
      </c>
      <c r="AA12386" s="5"/>
      <c r="AB12386" s="5" t="s">
        <v>43</v>
      </c>
      <c r="AC12386" s="5" t="s">
        <v>44</v>
      </c>
      <c r="AD12386" s="2"/>
      <c r="AE12386" s="1"/>
    </row>
    <row r="12387" spans="1:31" ht="14.45">
      <c r="A12387" s="11"/>
      <c r="B12387" s="20"/>
      <c r="C12387" s="2" t="s">
        <v>38089</v>
      </c>
      <c r="D12387" s="14" t="s">
        <v>38090</v>
      </c>
      <c r="E12387" s="2" t="s">
        <v>38091</v>
      </c>
      <c r="F12387" s="2" t="s">
        <v>36341</v>
      </c>
      <c r="G12387" s="8">
        <v>176</v>
      </c>
      <c r="H12387" s="5">
        <v>6</v>
      </c>
      <c r="I12387" s="5" t="s">
        <v>1518</v>
      </c>
      <c r="J12387" s="5" t="s">
        <v>36264</v>
      </c>
      <c r="K12387" s="2" t="s">
        <v>36265</v>
      </c>
      <c r="L12387" s="5" t="s">
        <v>36264</v>
      </c>
      <c r="M12387" s="2" t="s">
        <v>36265</v>
      </c>
      <c r="N12387" s="5" t="s">
        <v>36266</v>
      </c>
      <c r="O12387" s="5" t="s">
        <v>38</v>
      </c>
      <c r="P12387" s="5" t="s">
        <v>39</v>
      </c>
      <c r="Q12387" s="5" t="s">
        <v>40</v>
      </c>
      <c r="R12387" s="5" t="s">
        <v>1522</v>
      </c>
      <c r="S12387" s="5" t="s">
        <v>1523</v>
      </c>
      <c r="T12387" s="5" t="s">
        <v>42</v>
      </c>
      <c r="U12387" s="2">
        <v>1.63</v>
      </c>
      <c r="V12387" s="2">
        <v>1.054</v>
      </c>
      <c r="W12387" s="2">
        <v>1.7999999999999999E-2</v>
      </c>
      <c r="X12387" s="2">
        <v>139.1</v>
      </c>
      <c r="Y12387" s="2">
        <v>7.6</v>
      </c>
      <c r="Z12387" s="2">
        <v>16.7</v>
      </c>
      <c r="AA12387" s="5"/>
      <c r="AB12387" s="5" t="s">
        <v>43</v>
      </c>
      <c r="AC12387" s="5" t="s">
        <v>44</v>
      </c>
      <c r="AD12387" s="2"/>
      <c r="AE12387" s="1"/>
    </row>
    <row r="12388" spans="1:31" ht="14.45">
      <c r="A12388" s="11"/>
      <c r="B12388" s="20"/>
      <c r="C12388" s="2" t="s">
        <v>38092</v>
      </c>
      <c r="D12388" s="14" t="s">
        <v>38093</v>
      </c>
      <c r="E12388" s="2" t="s">
        <v>38094</v>
      </c>
      <c r="F12388" s="2" t="s">
        <v>36345</v>
      </c>
      <c r="G12388" s="8">
        <v>176</v>
      </c>
      <c r="H12388" s="5">
        <v>6</v>
      </c>
      <c r="I12388" s="5" t="s">
        <v>1518</v>
      </c>
      <c r="J12388" s="5" t="s">
        <v>36264</v>
      </c>
      <c r="K12388" s="2" t="s">
        <v>36265</v>
      </c>
      <c r="L12388" s="5" t="s">
        <v>36264</v>
      </c>
      <c r="M12388" s="2" t="s">
        <v>36265</v>
      </c>
      <c r="N12388" s="5" t="s">
        <v>36266</v>
      </c>
      <c r="O12388" s="5" t="s">
        <v>38</v>
      </c>
      <c r="P12388" s="5" t="s">
        <v>39</v>
      </c>
      <c r="Q12388" s="5" t="s">
        <v>40</v>
      </c>
      <c r="R12388" s="5" t="s">
        <v>1522</v>
      </c>
      <c r="S12388" s="5" t="s">
        <v>1523</v>
      </c>
      <c r="T12388" s="5" t="s">
        <v>42</v>
      </c>
      <c r="U12388" s="2">
        <v>1.605</v>
      </c>
      <c r="V12388" s="2">
        <v>1.0289999999999999</v>
      </c>
      <c r="W12388" s="2">
        <v>1.7999999999999999E-2</v>
      </c>
      <c r="X12388" s="2">
        <v>139.1</v>
      </c>
      <c r="Y12388" s="2">
        <v>7.6</v>
      </c>
      <c r="Z12388" s="2">
        <v>16.7</v>
      </c>
      <c r="AA12388" s="5"/>
      <c r="AB12388" s="5" t="s">
        <v>43</v>
      </c>
      <c r="AC12388" s="5" t="s">
        <v>44</v>
      </c>
      <c r="AD12388" s="2"/>
      <c r="AE12388" s="1"/>
    </row>
    <row r="12389" spans="1:31" ht="14.45">
      <c r="A12389" s="11"/>
      <c r="B12389" s="20"/>
      <c r="C12389" s="2" t="s">
        <v>38095</v>
      </c>
      <c r="D12389" s="14" t="s">
        <v>38096</v>
      </c>
      <c r="E12389" s="2" t="s">
        <v>38097</v>
      </c>
      <c r="F12389" s="2" t="s">
        <v>36349</v>
      </c>
      <c r="G12389" s="8">
        <v>176</v>
      </c>
      <c r="H12389" s="5">
        <v>6</v>
      </c>
      <c r="I12389" s="5" t="s">
        <v>1518</v>
      </c>
      <c r="J12389" s="5" t="s">
        <v>36264</v>
      </c>
      <c r="K12389" s="2" t="s">
        <v>36265</v>
      </c>
      <c r="L12389" s="5" t="s">
        <v>36264</v>
      </c>
      <c r="M12389" s="2" t="s">
        <v>36265</v>
      </c>
      <c r="N12389" s="5" t="s">
        <v>36266</v>
      </c>
      <c r="O12389" s="5" t="s">
        <v>38</v>
      </c>
      <c r="P12389" s="5" t="s">
        <v>39</v>
      </c>
      <c r="Q12389" s="5" t="s">
        <v>40</v>
      </c>
      <c r="R12389" s="5" t="s">
        <v>1522</v>
      </c>
      <c r="S12389" s="5" t="s">
        <v>1523</v>
      </c>
      <c r="T12389" s="5" t="s">
        <v>42</v>
      </c>
      <c r="U12389" s="2">
        <v>1.63</v>
      </c>
      <c r="V12389" s="2">
        <v>1.054</v>
      </c>
      <c r="W12389" s="2">
        <v>1.7999999999999999E-2</v>
      </c>
      <c r="X12389" s="2">
        <v>139.1</v>
      </c>
      <c r="Y12389" s="2">
        <v>7.6</v>
      </c>
      <c r="Z12389" s="2">
        <v>16.7</v>
      </c>
      <c r="AA12389" s="5"/>
      <c r="AB12389" s="5" t="s">
        <v>43</v>
      </c>
      <c r="AC12389" s="5" t="s">
        <v>44</v>
      </c>
      <c r="AD12389" s="2"/>
      <c r="AE12389" s="1"/>
    </row>
    <row r="12390" spans="1:31" ht="14.45">
      <c r="A12390" s="11"/>
      <c r="B12390" s="20"/>
      <c r="C12390" s="2" t="s">
        <v>38098</v>
      </c>
      <c r="D12390" s="14" t="s">
        <v>38099</v>
      </c>
      <c r="E12390" s="2" t="s">
        <v>38100</v>
      </c>
      <c r="F12390" s="2" t="s">
        <v>36353</v>
      </c>
      <c r="G12390" s="8">
        <v>176</v>
      </c>
      <c r="H12390" s="5">
        <v>6</v>
      </c>
      <c r="I12390" s="5" t="s">
        <v>1518</v>
      </c>
      <c r="J12390" s="5" t="s">
        <v>36264</v>
      </c>
      <c r="K12390" s="2" t="s">
        <v>36265</v>
      </c>
      <c r="L12390" s="5" t="s">
        <v>36264</v>
      </c>
      <c r="M12390" s="2" t="s">
        <v>36265</v>
      </c>
      <c r="N12390" s="5" t="s">
        <v>36266</v>
      </c>
      <c r="O12390" s="5" t="s">
        <v>38</v>
      </c>
      <c r="P12390" s="5" t="s">
        <v>39</v>
      </c>
      <c r="Q12390" s="5" t="s">
        <v>40</v>
      </c>
      <c r="R12390" s="5" t="s">
        <v>1522</v>
      </c>
      <c r="S12390" s="5" t="s">
        <v>1523</v>
      </c>
      <c r="T12390" s="5" t="s">
        <v>42</v>
      </c>
      <c r="U12390" s="2">
        <v>1.605</v>
      </c>
      <c r="V12390" s="2">
        <v>1.0289999999999999</v>
      </c>
      <c r="W12390" s="2">
        <v>1.7999999999999999E-2</v>
      </c>
      <c r="X12390" s="2">
        <v>139.1</v>
      </c>
      <c r="Y12390" s="2">
        <v>7.6</v>
      </c>
      <c r="Z12390" s="2">
        <v>16.7</v>
      </c>
      <c r="AA12390" s="5"/>
      <c r="AB12390" s="5" t="s">
        <v>43</v>
      </c>
      <c r="AC12390" s="5" t="s">
        <v>44</v>
      </c>
      <c r="AD12390" s="2"/>
      <c r="AE12390" s="1"/>
    </row>
    <row r="12391" spans="1:31" ht="14.45">
      <c r="A12391" s="11"/>
      <c r="B12391" s="20"/>
      <c r="C12391" s="2" t="s">
        <v>38101</v>
      </c>
      <c r="D12391" s="14" t="s">
        <v>38102</v>
      </c>
      <c r="E12391" s="2" t="s">
        <v>38103</v>
      </c>
      <c r="F12391" s="2" t="s">
        <v>36357</v>
      </c>
      <c r="G12391" s="8">
        <v>176</v>
      </c>
      <c r="H12391" s="5">
        <v>6</v>
      </c>
      <c r="I12391" s="5" t="s">
        <v>1518</v>
      </c>
      <c r="J12391" s="5" t="s">
        <v>36264</v>
      </c>
      <c r="K12391" s="2" t="s">
        <v>36265</v>
      </c>
      <c r="L12391" s="5" t="s">
        <v>36264</v>
      </c>
      <c r="M12391" s="2" t="s">
        <v>36265</v>
      </c>
      <c r="N12391" s="5" t="s">
        <v>36266</v>
      </c>
      <c r="O12391" s="5" t="s">
        <v>38</v>
      </c>
      <c r="P12391" s="5" t="s">
        <v>39</v>
      </c>
      <c r="Q12391" s="5" t="s">
        <v>40</v>
      </c>
      <c r="R12391" s="5" t="s">
        <v>1522</v>
      </c>
      <c r="S12391" s="5" t="s">
        <v>1523</v>
      </c>
      <c r="T12391" s="5" t="s">
        <v>42</v>
      </c>
      <c r="U12391" s="2">
        <v>1.63</v>
      </c>
      <c r="V12391" s="2">
        <v>1.054</v>
      </c>
      <c r="W12391" s="2">
        <v>1.7999999999999999E-2</v>
      </c>
      <c r="X12391" s="2">
        <v>139.1</v>
      </c>
      <c r="Y12391" s="2">
        <v>7.6</v>
      </c>
      <c r="Z12391" s="2">
        <v>16.7</v>
      </c>
      <c r="AA12391" s="5"/>
      <c r="AB12391" s="5" t="s">
        <v>43</v>
      </c>
      <c r="AC12391" s="5" t="s">
        <v>44</v>
      </c>
      <c r="AD12391" s="2"/>
      <c r="AE12391" s="1"/>
    </row>
    <row r="12392" spans="1:31" ht="14.45">
      <c r="A12392" s="11"/>
      <c r="B12392" s="20"/>
      <c r="C12392" s="2" t="s">
        <v>38104</v>
      </c>
      <c r="D12392" s="14" t="s">
        <v>38105</v>
      </c>
      <c r="E12392" s="2" t="s">
        <v>38106</v>
      </c>
      <c r="F12392" s="2" t="s">
        <v>36361</v>
      </c>
      <c r="G12392" s="8">
        <v>176</v>
      </c>
      <c r="H12392" s="5">
        <v>6</v>
      </c>
      <c r="I12392" s="5" t="s">
        <v>1518</v>
      </c>
      <c r="J12392" s="5" t="s">
        <v>36264</v>
      </c>
      <c r="K12392" s="2" t="s">
        <v>36265</v>
      </c>
      <c r="L12392" s="5" t="s">
        <v>36264</v>
      </c>
      <c r="M12392" s="2" t="s">
        <v>36265</v>
      </c>
      <c r="N12392" s="5" t="s">
        <v>36266</v>
      </c>
      <c r="O12392" s="5" t="s">
        <v>38</v>
      </c>
      <c r="P12392" s="5" t="s">
        <v>39</v>
      </c>
      <c r="Q12392" s="5" t="s">
        <v>40</v>
      </c>
      <c r="R12392" s="5" t="s">
        <v>1522</v>
      </c>
      <c r="S12392" s="5" t="s">
        <v>1523</v>
      </c>
      <c r="T12392" s="5" t="s">
        <v>42</v>
      </c>
      <c r="U12392" s="2">
        <v>1.605</v>
      </c>
      <c r="V12392" s="2">
        <v>1.0289999999999999</v>
      </c>
      <c r="W12392" s="2">
        <v>1.7999999999999999E-2</v>
      </c>
      <c r="X12392" s="2">
        <v>139.1</v>
      </c>
      <c r="Y12392" s="2">
        <v>7.6</v>
      </c>
      <c r="Z12392" s="2">
        <v>16.7</v>
      </c>
      <c r="AA12392" s="5"/>
      <c r="AB12392" s="5" t="s">
        <v>43</v>
      </c>
      <c r="AC12392" s="5" t="s">
        <v>44</v>
      </c>
      <c r="AD12392" s="2"/>
      <c r="AE12392" s="1"/>
    </row>
    <row r="12393" spans="1:31" ht="14.45">
      <c r="A12393" s="11"/>
      <c r="B12393" s="20"/>
      <c r="C12393" s="2" t="s">
        <v>38107</v>
      </c>
      <c r="D12393" s="14" t="s">
        <v>38108</v>
      </c>
      <c r="E12393" s="2" t="s">
        <v>38109</v>
      </c>
      <c r="F12393" s="2" t="s">
        <v>36365</v>
      </c>
      <c r="G12393" s="8">
        <v>176</v>
      </c>
      <c r="H12393" s="5">
        <v>6</v>
      </c>
      <c r="I12393" s="5" t="s">
        <v>1518</v>
      </c>
      <c r="J12393" s="5" t="s">
        <v>36264</v>
      </c>
      <c r="K12393" s="2" t="s">
        <v>36265</v>
      </c>
      <c r="L12393" s="5" t="s">
        <v>36264</v>
      </c>
      <c r="M12393" s="2" t="s">
        <v>36265</v>
      </c>
      <c r="N12393" s="5" t="s">
        <v>36266</v>
      </c>
      <c r="O12393" s="5" t="s">
        <v>38</v>
      </c>
      <c r="P12393" s="5" t="s">
        <v>39</v>
      </c>
      <c r="Q12393" s="5" t="s">
        <v>40</v>
      </c>
      <c r="R12393" s="5" t="s">
        <v>1522</v>
      </c>
      <c r="S12393" s="5" t="s">
        <v>1523</v>
      </c>
      <c r="T12393" s="5" t="s">
        <v>42</v>
      </c>
      <c r="U12393" s="2">
        <v>1.63</v>
      </c>
      <c r="V12393" s="2">
        <v>1.054</v>
      </c>
      <c r="W12393" s="2">
        <v>1.7999999999999999E-2</v>
      </c>
      <c r="X12393" s="2">
        <v>139.1</v>
      </c>
      <c r="Y12393" s="2">
        <v>7.6</v>
      </c>
      <c r="Z12393" s="2">
        <v>16.7</v>
      </c>
      <c r="AA12393" s="5"/>
      <c r="AB12393" s="5" t="s">
        <v>43</v>
      </c>
      <c r="AC12393" s="5" t="s">
        <v>44</v>
      </c>
      <c r="AD12393" s="2"/>
      <c r="AE12393" s="1"/>
    </row>
    <row r="12394" spans="1:31" ht="14.45">
      <c r="A12394" s="11"/>
      <c r="B12394" s="20"/>
      <c r="C12394" s="2" t="s">
        <v>38110</v>
      </c>
      <c r="D12394" s="14" t="s">
        <v>38111</v>
      </c>
      <c r="E12394" s="2" t="s">
        <v>38112</v>
      </c>
      <c r="F12394" s="2" t="s">
        <v>36644</v>
      </c>
      <c r="G12394" s="8">
        <v>176</v>
      </c>
      <c r="H12394" s="5">
        <v>6</v>
      </c>
      <c r="I12394" s="5" t="s">
        <v>1518</v>
      </c>
      <c r="J12394" s="5" t="s">
        <v>36264</v>
      </c>
      <c r="K12394" s="2" t="s">
        <v>36265</v>
      </c>
      <c r="L12394" s="5" t="s">
        <v>36264</v>
      </c>
      <c r="M12394" s="2" t="s">
        <v>36265</v>
      </c>
      <c r="N12394" s="5" t="s">
        <v>36266</v>
      </c>
      <c r="O12394" s="5" t="s">
        <v>38</v>
      </c>
      <c r="P12394" s="5" t="s">
        <v>39</v>
      </c>
      <c r="Q12394" s="5" t="s">
        <v>40</v>
      </c>
      <c r="R12394" s="5" t="s">
        <v>1522</v>
      </c>
      <c r="S12394" s="5" t="s">
        <v>1523</v>
      </c>
      <c r="T12394" s="5" t="s">
        <v>42</v>
      </c>
      <c r="U12394" s="2">
        <v>1.605</v>
      </c>
      <c r="V12394" s="2">
        <v>1.0289999999999999</v>
      </c>
      <c r="W12394" s="2">
        <v>1.7999999999999999E-2</v>
      </c>
      <c r="X12394" s="2">
        <v>139.1</v>
      </c>
      <c r="Y12394" s="2">
        <v>7.6</v>
      </c>
      <c r="Z12394" s="2">
        <v>16.7</v>
      </c>
      <c r="AA12394" s="5"/>
      <c r="AB12394" s="5" t="s">
        <v>43</v>
      </c>
      <c r="AC12394" s="5" t="s">
        <v>44</v>
      </c>
      <c r="AD12394" s="2"/>
      <c r="AE12394" s="1"/>
    </row>
    <row r="12395" spans="1:31" ht="14.45">
      <c r="A12395" s="11"/>
      <c r="B12395" s="20"/>
      <c r="C12395" s="2" t="s">
        <v>38113</v>
      </c>
      <c r="D12395" s="14" t="s">
        <v>38114</v>
      </c>
      <c r="E12395" s="2" t="s">
        <v>38115</v>
      </c>
      <c r="F12395" s="2" t="s">
        <v>36648</v>
      </c>
      <c r="G12395" s="8">
        <v>176</v>
      </c>
      <c r="H12395" s="5">
        <v>6</v>
      </c>
      <c r="I12395" s="5" t="s">
        <v>1518</v>
      </c>
      <c r="J12395" s="5" t="s">
        <v>36264</v>
      </c>
      <c r="K12395" s="2" t="s">
        <v>36265</v>
      </c>
      <c r="L12395" s="5" t="s">
        <v>36264</v>
      </c>
      <c r="M12395" s="2" t="s">
        <v>36265</v>
      </c>
      <c r="N12395" s="5" t="s">
        <v>36266</v>
      </c>
      <c r="O12395" s="5" t="s">
        <v>38</v>
      </c>
      <c r="P12395" s="5" t="s">
        <v>39</v>
      </c>
      <c r="Q12395" s="5" t="s">
        <v>40</v>
      </c>
      <c r="R12395" s="5" t="s">
        <v>1522</v>
      </c>
      <c r="S12395" s="5" t="s">
        <v>1523</v>
      </c>
      <c r="T12395" s="5" t="s">
        <v>42</v>
      </c>
      <c r="U12395" s="2">
        <v>1.63</v>
      </c>
      <c r="V12395" s="2">
        <v>1.054</v>
      </c>
      <c r="W12395" s="2">
        <v>1.7999999999999999E-2</v>
      </c>
      <c r="X12395" s="2">
        <v>139.1</v>
      </c>
      <c r="Y12395" s="2">
        <v>7.6</v>
      </c>
      <c r="Z12395" s="2">
        <v>16.7</v>
      </c>
      <c r="AA12395" s="5"/>
      <c r="AB12395" s="5" t="s">
        <v>43</v>
      </c>
      <c r="AC12395" s="5" t="s">
        <v>44</v>
      </c>
      <c r="AD12395" s="2"/>
      <c r="AE12395" s="1"/>
    </row>
    <row r="12396" spans="1:31" ht="14.45">
      <c r="A12396" s="11"/>
      <c r="B12396" s="20"/>
      <c r="C12396" s="2" t="s">
        <v>38116</v>
      </c>
      <c r="D12396" s="14" t="s">
        <v>38117</v>
      </c>
      <c r="E12396" s="2" t="s">
        <v>38118</v>
      </c>
      <c r="F12396" s="2" t="s">
        <v>36377</v>
      </c>
      <c r="G12396" s="8">
        <v>176</v>
      </c>
      <c r="H12396" s="5">
        <v>6</v>
      </c>
      <c r="I12396" s="5" t="s">
        <v>1518</v>
      </c>
      <c r="J12396" s="5" t="s">
        <v>36264</v>
      </c>
      <c r="K12396" s="2" t="s">
        <v>36265</v>
      </c>
      <c r="L12396" s="5" t="s">
        <v>36264</v>
      </c>
      <c r="M12396" s="2" t="s">
        <v>36265</v>
      </c>
      <c r="N12396" s="5" t="s">
        <v>36266</v>
      </c>
      <c r="O12396" s="5" t="s">
        <v>38</v>
      </c>
      <c r="P12396" s="5" t="s">
        <v>39</v>
      </c>
      <c r="Q12396" s="5" t="s">
        <v>40</v>
      </c>
      <c r="R12396" s="5" t="s">
        <v>1522</v>
      </c>
      <c r="S12396" s="5" t="s">
        <v>1523</v>
      </c>
      <c r="T12396" s="5" t="s">
        <v>42</v>
      </c>
      <c r="U12396" s="2">
        <v>1.605</v>
      </c>
      <c r="V12396" s="2">
        <v>1.0289999999999999</v>
      </c>
      <c r="W12396" s="2">
        <v>1.7999999999999999E-2</v>
      </c>
      <c r="X12396" s="2">
        <v>139.1</v>
      </c>
      <c r="Y12396" s="2">
        <v>7.6</v>
      </c>
      <c r="Z12396" s="2">
        <v>16.7</v>
      </c>
      <c r="AA12396" s="5"/>
      <c r="AB12396" s="5" t="s">
        <v>43</v>
      </c>
      <c r="AC12396" s="5" t="s">
        <v>44</v>
      </c>
      <c r="AD12396" s="2"/>
      <c r="AE12396" s="1"/>
    </row>
    <row r="12397" spans="1:31" ht="14.45">
      <c r="A12397" s="11"/>
      <c r="B12397" s="20"/>
      <c r="C12397" s="2" t="s">
        <v>38119</v>
      </c>
      <c r="D12397" s="14" t="s">
        <v>38120</v>
      </c>
      <c r="E12397" s="2" t="s">
        <v>38121</v>
      </c>
      <c r="F12397" s="2" t="s">
        <v>36381</v>
      </c>
      <c r="G12397" s="8">
        <v>176</v>
      </c>
      <c r="H12397" s="5">
        <v>6</v>
      </c>
      <c r="I12397" s="5" t="s">
        <v>1518</v>
      </c>
      <c r="J12397" s="5" t="s">
        <v>36264</v>
      </c>
      <c r="K12397" s="2" t="s">
        <v>36265</v>
      </c>
      <c r="L12397" s="5" t="s">
        <v>36264</v>
      </c>
      <c r="M12397" s="2" t="s">
        <v>36265</v>
      </c>
      <c r="N12397" s="5" t="s">
        <v>36266</v>
      </c>
      <c r="O12397" s="5" t="s">
        <v>38</v>
      </c>
      <c r="P12397" s="5" t="s">
        <v>39</v>
      </c>
      <c r="Q12397" s="5" t="s">
        <v>40</v>
      </c>
      <c r="R12397" s="5" t="s">
        <v>1522</v>
      </c>
      <c r="S12397" s="5" t="s">
        <v>1523</v>
      </c>
      <c r="T12397" s="5" t="s">
        <v>42</v>
      </c>
      <c r="U12397" s="2">
        <v>1.63</v>
      </c>
      <c r="V12397" s="2">
        <v>1.054</v>
      </c>
      <c r="W12397" s="2">
        <v>1.7999999999999999E-2</v>
      </c>
      <c r="X12397" s="2">
        <v>139.1</v>
      </c>
      <c r="Y12397" s="2">
        <v>7.6</v>
      </c>
      <c r="Z12397" s="2">
        <v>16.7</v>
      </c>
      <c r="AA12397" s="5"/>
      <c r="AB12397" s="5" t="s">
        <v>43</v>
      </c>
      <c r="AC12397" s="5" t="s">
        <v>44</v>
      </c>
      <c r="AD12397" s="2"/>
      <c r="AE12397" s="1"/>
    </row>
    <row r="12398" spans="1:31" ht="14.45">
      <c r="A12398" s="11"/>
      <c r="B12398" s="20"/>
      <c r="C12398" s="2" t="s">
        <v>38122</v>
      </c>
      <c r="D12398" s="14" t="s">
        <v>38123</v>
      </c>
      <c r="E12398" s="2" t="s">
        <v>38124</v>
      </c>
      <c r="F12398" s="2" t="s">
        <v>36385</v>
      </c>
      <c r="G12398" s="8">
        <v>176</v>
      </c>
      <c r="H12398" s="5">
        <v>6</v>
      </c>
      <c r="I12398" s="5" t="s">
        <v>1518</v>
      </c>
      <c r="J12398" s="5" t="s">
        <v>36264</v>
      </c>
      <c r="K12398" s="2" t="s">
        <v>36265</v>
      </c>
      <c r="L12398" s="5" t="s">
        <v>36264</v>
      </c>
      <c r="M12398" s="2" t="s">
        <v>36265</v>
      </c>
      <c r="N12398" s="5" t="s">
        <v>36266</v>
      </c>
      <c r="O12398" s="5" t="s">
        <v>38</v>
      </c>
      <c r="P12398" s="5" t="s">
        <v>39</v>
      </c>
      <c r="Q12398" s="5" t="s">
        <v>40</v>
      </c>
      <c r="R12398" s="5" t="s">
        <v>1522</v>
      </c>
      <c r="S12398" s="5" t="s">
        <v>1523</v>
      </c>
      <c r="T12398" s="5" t="s">
        <v>42</v>
      </c>
      <c r="U12398" s="2">
        <v>1.605</v>
      </c>
      <c r="V12398" s="2">
        <v>1.0289999999999999</v>
      </c>
      <c r="W12398" s="2">
        <v>1.7999999999999999E-2</v>
      </c>
      <c r="X12398" s="2">
        <v>139.1</v>
      </c>
      <c r="Y12398" s="2">
        <v>7.6</v>
      </c>
      <c r="Z12398" s="2">
        <v>16.7</v>
      </c>
      <c r="AA12398" s="5"/>
      <c r="AB12398" s="5" t="s">
        <v>43</v>
      </c>
      <c r="AC12398" s="5" t="s">
        <v>44</v>
      </c>
      <c r="AD12398" s="2"/>
      <c r="AE12398" s="1"/>
    </row>
    <row r="12399" spans="1:31" ht="14.45">
      <c r="A12399" s="11"/>
      <c r="B12399" s="20"/>
      <c r="C12399" s="2" t="s">
        <v>38125</v>
      </c>
      <c r="D12399" s="14" t="s">
        <v>38126</v>
      </c>
      <c r="E12399" s="2" t="s">
        <v>38127</v>
      </c>
      <c r="F12399" s="2" t="s">
        <v>36389</v>
      </c>
      <c r="G12399" s="8">
        <v>176</v>
      </c>
      <c r="H12399" s="5">
        <v>6</v>
      </c>
      <c r="I12399" s="5" t="s">
        <v>1518</v>
      </c>
      <c r="J12399" s="5" t="s">
        <v>36264</v>
      </c>
      <c r="K12399" s="2" t="s">
        <v>36265</v>
      </c>
      <c r="L12399" s="5" t="s">
        <v>36264</v>
      </c>
      <c r="M12399" s="2" t="s">
        <v>36265</v>
      </c>
      <c r="N12399" s="5" t="s">
        <v>36266</v>
      </c>
      <c r="O12399" s="5" t="s">
        <v>38</v>
      </c>
      <c r="P12399" s="5" t="s">
        <v>39</v>
      </c>
      <c r="Q12399" s="5" t="s">
        <v>40</v>
      </c>
      <c r="R12399" s="5" t="s">
        <v>1522</v>
      </c>
      <c r="S12399" s="5" t="s">
        <v>1523</v>
      </c>
      <c r="T12399" s="5" t="s">
        <v>42</v>
      </c>
      <c r="U12399" s="2">
        <v>1.63</v>
      </c>
      <c r="V12399" s="2">
        <v>1.054</v>
      </c>
      <c r="W12399" s="2">
        <v>1.7999999999999999E-2</v>
      </c>
      <c r="X12399" s="2">
        <v>139.1</v>
      </c>
      <c r="Y12399" s="2">
        <v>7.6</v>
      </c>
      <c r="Z12399" s="2">
        <v>16.7</v>
      </c>
      <c r="AA12399" s="5"/>
      <c r="AB12399" s="5" t="s">
        <v>43</v>
      </c>
      <c r="AC12399" s="5" t="s">
        <v>44</v>
      </c>
      <c r="AD12399" s="2"/>
      <c r="AE12399" s="1"/>
    </row>
    <row r="12400" spans="1:31" ht="14.45">
      <c r="A12400" s="11"/>
      <c r="B12400" s="20"/>
      <c r="C12400" s="2" t="s">
        <v>38128</v>
      </c>
      <c r="D12400" s="14" t="s">
        <v>38129</v>
      </c>
      <c r="E12400" s="2" t="s">
        <v>38130</v>
      </c>
      <c r="F12400" s="2" t="s">
        <v>7204</v>
      </c>
      <c r="G12400" s="8">
        <v>162</v>
      </c>
      <c r="H12400" s="5">
        <v>6</v>
      </c>
      <c r="I12400" s="5" t="s">
        <v>1518</v>
      </c>
      <c r="J12400" s="5" t="s">
        <v>36264</v>
      </c>
      <c r="K12400" s="2" t="s">
        <v>36265</v>
      </c>
      <c r="L12400" s="5" t="s">
        <v>36264</v>
      </c>
      <c r="M12400" s="2" t="s">
        <v>36265</v>
      </c>
      <c r="N12400" s="5" t="s">
        <v>36266</v>
      </c>
      <c r="O12400" s="5" t="s">
        <v>38</v>
      </c>
      <c r="P12400" s="5" t="s">
        <v>39</v>
      </c>
      <c r="Q12400" s="5" t="s">
        <v>40</v>
      </c>
      <c r="R12400" s="5" t="s">
        <v>1522</v>
      </c>
      <c r="S12400" s="5" t="s">
        <v>1523</v>
      </c>
      <c r="T12400" s="5" t="s">
        <v>42</v>
      </c>
      <c r="U12400" s="2">
        <v>1.7849999999999999</v>
      </c>
      <c r="V12400" s="2">
        <v>1.1259999999999999</v>
      </c>
      <c r="W12400" s="2">
        <v>0.02</v>
      </c>
      <c r="X12400" s="2">
        <v>159.1</v>
      </c>
      <c r="Y12400" s="2">
        <v>7.6</v>
      </c>
      <c r="Z12400" s="2">
        <v>16.7</v>
      </c>
      <c r="AA12400" s="5"/>
      <c r="AB12400" s="5" t="s">
        <v>43</v>
      </c>
      <c r="AC12400" s="5" t="s">
        <v>44</v>
      </c>
      <c r="AD12400" s="2"/>
      <c r="AE12400" s="1"/>
    </row>
    <row r="12401" spans="1:31" ht="14.45">
      <c r="A12401" s="11"/>
      <c r="B12401" s="20"/>
      <c r="C12401" s="2" t="s">
        <v>38131</v>
      </c>
      <c r="D12401" s="14" t="s">
        <v>38132</v>
      </c>
      <c r="E12401" s="2" t="s">
        <v>38133</v>
      </c>
      <c r="F12401" s="2" t="s">
        <v>7514</v>
      </c>
      <c r="G12401" s="8">
        <v>162</v>
      </c>
      <c r="H12401" s="5">
        <v>6</v>
      </c>
      <c r="I12401" s="5" t="s">
        <v>1518</v>
      </c>
      <c r="J12401" s="5" t="s">
        <v>36264</v>
      </c>
      <c r="K12401" s="2" t="s">
        <v>36265</v>
      </c>
      <c r="L12401" s="5" t="s">
        <v>36264</v>
      </c>
      <c r="M12401" s="2" t="s">
        <v>36265</v>
      </c>
      <c r="N12401" s="5" t="s">
        <v>36266</v>
      </c>
      <c r="O12401" s="5" t="s">
        <v>38</v>
      </c>
      <c r="P12401" s="5" t="s">
        <v>39</v>
      </c>
      <c r="Q12401" s="5" t="s">
        <v>40</v>
      </c>
      <c r="R12401" s="5" t="s">
        <v>1522</v>
      </c>
      <c r="S12401" s="5" t="s">
        <v>1523</v>
      </c>
      <c r="T12401" s="5" t="s">
        <v>42</v>
      </c>
      <c r="U12401" s="2">
        <v>1.81</v>
      </c>
      <c r="V12401" s="2">
        <v>1.151</v>
      </c>
      <c r="W12401" s="2">
        <v>0.02</v>
      </c>
      <c r="X12401" s="2">
        <v>159.1</v>
      </c>
      <c r="Y12401" s="2">
        <v>7.6</v>
      </c>
      <c r="Z12401" s="2">
        <v>16.7</v>
      </c>
      <c r="AA12401" s="5"/>
      <c r="AB12401" s="5" t="s">
        <v>43</v>
      </c>
      <c r="AC12401" s="5" t="s">
        <v>44</v>
      </c>
      <c r="AD12401" s="2"/>
      <c r="AE12401" s="1"/>
    </row>
    <row r="12402" spans="1:31" ht="14.45">
      <c r="A12402" s="11"/>
      <c r="B12402" s="20"/>
      <c r="C12402" s="2" t="s">
        <v>38134</v>
      </c>
      <c r="D12402" s="14" t="s">
        <v>38135</v>
      </c>
      <c r="E12402" s="2" t="s">
        <v>38136</v>
      </c>
      <c r="F12402" s="2" t="s">
        <v>36273</v>
      </c>
      <c r="G12402" s="8">
        <v>162</v>
      </c>
      <c r="H12402" s="5">
        <v>6</v>
      </c>
      <c r="I12402" s="5" t="s">
        <v>1518</v>
      </c>
      <c r="J12402" s="5" t="s">
        <v>36264</v>
      </c>
      <c r="K12402" s="2" t="s">
        <v>36265</v>
      </c>
      <c r="L12402" s="5" t="s">
        <v>36264</v>
      </c>
      <c r="M12402" s="2" t="s">
        <v>36265</v>
      </c>
      <c r="N12402" s="5" t="s">
        <v>36266</v>
      </c>
      <c r="O12402" s="5" t="s">
        <v>38</v>
      </c>
      <c r="P12402" s="5" t="s">
        <v>39</v>
      </c>
      <c r="Q12402" s="5" t="s">
        <v>40</v>
      </c>
      <c r="R12402" s="5" t="s">
        <v>1522</v>
      </c>
      <c r="S12402" s="5" t="s">
        <v>1523</v>
      </c>
      <c r="T12402" s="5" t="s">
        <v>42</v>
      </c>
      <c r="U12402" s="2">
        <v>1.7849999999999999</v>
      </c>
      <c r="V12402" s="2">
        <v>1.1259999999999999</v>
      </c>
      <c r="W12402" s="2">
        <v>0.02</v>
      </c>
      <c r="X12402" s="2">
        <v>159.1</v>
      </c>
      <c r="Y12402" s="2">
        <v>7.6</v>
      </c>
      <c r="Z12402" s="2">
        <v>16.7</v>
      </c>
      <c r="AA12402" s="5"/>
      <c r="AB12402" s="5" t="s">
        <v>43</v>
      </c>
      <c r="AC12402" s="5" t="s">
        <v>44</v>
      </c>
      <c r="AD12402" s="2"/>
      <c r="AE12402" s="1"/>
    </row>
    <row r="12403" spans="1:31" ht="14.45">
      <c r="A12403" s="11"/>
      <c r="B12403" s="20"/>
      <c r="C12403" s="2" t="s">
        <v>38137</v>
      </c>
      <c r="D12403" s="14" t="s">
        <v>38138</v>
      </c>
      <c r="E12403" s="2" t="s">
        <v>38139</v>
      </c>
      <c r="F12403" s="2" t="s">
        <v>36277</v>
      </c>
      <c r="G12403" s="8">
        <v>162</v>
      </c>
      <c r="H12403" s="5">
        <v>6</v>
      </c>
      <c r="I12403" s="5" t="s">
        <v>1518</v>
      </c>
      <c r="J12403" s="5" t="s">
        <v>36264</v>
      </c>
      <c r="K12403" s="2" t="s">
        <v>36265</v>
      </c>
      <c r="L12403" s="5" t="s">
        <v>36264</v>
      </c>
      <c r="M12403" s="2" t="s">
        <v>36265</v>
      </c>
      <c r="N12403" s="5" t="s">
        <v>36266</v>
      </c>
      <c r="O12403" s="5" t="s">
        <v>38</v>
      </c>
      <c r="P12403" s="5" t="s">
        <v>39</v>
      </c>
      <c r="Q12403" s="5" t="s">
        <v>40</v>
      </c>
      <c r="R12403" s="5" t="s">
        <v>1522</v>
      </c>
      <c r="S12403" s="5" t="s">
        <v>1523</v>
      </c>
      <c r="T12403" s="5" t="s">
        <v>42</v>
      </c>
      <c r="U12403" s="2">
        <v>1.81</v>
      </c>
      <c r="V12403" s="2">
        <v>1.151</v>
      </c>
      <c r="W12403" s="2">
        <v>0.02</v>
      </c>
      <c r="X12403" s="2">
        <v>159.1</v>
      </c>
      <c r="Y12403" s="2">
        <v>7.6</v>
      </c>
      <c r="Z12403" s="2">
        <v>16.7</v>
      </c>
      <c r="AA12403" s="5"/>
      <c r="AB12403" s="5" t="s">
        <v>43</v>
      </c>
      <c r="AC12403" s="5" t="s">
        <v>44</v>
      </c>
      <c r="AD12403" s="2"/>
      <c r="AE12403" s="1"/>
    </row>
    <row r="12404" spans="1:31" ht="14.45">
      <c r="A12404" s="11"/>
      <c r="B12404" s="20"/>
      <c r="C12404" s="2" t="s">
        <v>38140</v>
      </c>
      <c r="D12404" s="14" t="s">
        <v>38141</v>
      </c>
      <c r="E12404" s="2" t="s">
        <v>38142</v>
      </c>
      <c r="F12404" s="2" t="s">
        <v>36281</v>
      </c>
      <c r="G12404" s="8">
        <v>186</v>
      </c>
      <c r="H12404" s="5">
        <v>6</v>
      </c>
      <c r="I12404" s="5" t="s">
        <v>1518</v>
      </c>
      <c r="J12404" s="5" t="s">
        <v>36264</v>
      </c>
      <c r="K12404" s="2" t="s">
        <v>36265</v>
      </c>
      <c r="L12404" s="5" t="s">
        <v>36264</v>
      </c>
      <c r="M12404" s="2" t="s">
        <v>36265</v>
      </c>
      <c r="N12404" s="5" t="s">
        <v>36266</v>
      </c>
      <c r="O12404" s="5" t="s">
        <v>38</v>
      </c>
      <c r="P12404" s="5" t="s">
        <v>39</v>
      </c>
      <c r="Q12404" s="5" t="s">
        <v>40</v>
      </c>
      <c r="R12404" s="5" t="s">
        <v>1522</v>
      </c>
      <c r="S12404" s="5" t="s">
        <v>1523</v>
      </c>
      <c r="T12404" s="5" t="s">
        <v>42</v>
      </c>
      <c r="U12404" s="2">
        <v>1.7849999999999999</v>
      </c>
      <c r="V12404" s="2">
        <v>1.1259999999999999</v>
      </c>
      <c r="W12404" s="2">
        <v>0.02</v>
      </c>
      <c r="X12404" s="2">
        <v>159.1</v>
      </c>
      <c r="Y12404" s="2">
        <v>7.6</v>
      </c>
      <c r="Z12404" s="2">
        <v>16.7</v>
      </c>
      <c r="AA12404" s="5"/>
      <c r="AB12404" s="5" t="s">
        <v>43</v>
      </c>
      <c r="AC12404" s="5" t="s">
        <v>44</v>
      </c>
      <c r="AD12404" s="2"/>
      <c r="AE12404" s="1"/>
    </row>
    <row r="12405" spans="1:31" ht="14.45">
      <c r="A12405" s="11"/>
      <c r="B12405" s="20"/>
      <c r="C12405" s="2" t="s">
        <v>38143</v>
      </c>
      <c r="D12405" s="14" t="s">
        <v>38144</v>
      </c>
      <c r="E12405" s="2" t="s">
        <v>38145</v>
      </c>
      <c r="F12405" s="2" t="s">
        <v>36285</v>
      </c>
      <c r="G12405" s="8">
        <v>186</v>
      </c>
      <c r="H12405" s="5">
        <v>6</v>
      </c>
      <c r="I12405" s="5" t="s">
        <v>1518</v>
      </c>
      <c r="J12405" s="5" t="s">
        <v>36264</v>
      </c>
      <c r="K12405" s="2" t="s">
        <v>36265</v>
      </c>
      <c r="L12405" s="5" t="s">
        <v>36264</v>
      </c>
      <c r="M12405" s="2" t="s">
        <v>36265</v>
      </c>
      <c r="N12405" s="5" t="s">
        <v>36266</v>
      </c>
      <c r="O12405" s="5" t="s">
        <v>38</v>
      </c>
      <c r="P12405" s="5" t="s">
        <v>39</v>
      </c>
      <c r="Q12405" s="5" t="s">
        <v>40</v>
      </c>
      <c r="R12405" s="5" t="s">
        <v>1522</v>
      </c>
      <c r="S12405" s="5" t="s">
        <v>1523</v>
      </c>
      <c r="T12405" s="5" t="s">
        <v>42</v>
      </c>
      <c r="U12405" s="2">
        <v>1.81</v>
      </c>
      <c r="V12405" s="2">
        <v>1.151</v>
      </c>
      <c r="W12405" s="2">
        <v>0.02</v>
      </c>
      <c r="X12405" s="2">
        <v>159.1</v>
      </c>
      <c r="Y12405" s="2">
        <v>7.6</v>
      </c>
      <c r="Z12405" s="2">
        <v>16.7</v>
      </c>
      <c r="AA12405" s="5"/>
      <c r="AB12405" s="5" t="s">
        <v>43</v>
      </c>
      <c r="AC12405" s="5" t="s">
        <v>44</v>
      </c>
      <c r="AD12405" s="2"/>
      <c r="AE12405" s="1"/>
    </row>
    <row r="12406" spans="1:31" ht="14.45">
      <c r="A12406" s="11"/>
      <c r="B12406" s="20"/>
      <c r="C12406" s="2" t="s">
        <v>38146</v>
      </c>
      <c r="D12406" s="14" t="s">
        <v>38147</v>
      </c>
      <c r="E12406" s="2" t="s">
        <v>38148</v>
      </c>
      <c r="F12406" s="2" t="s">
        <v>36289</v>
      </c>
      <c r="G12406" s="8">
        <v>186</v>
      </c>
      <c r="H12406" s="5">
        <v>6</v>
      </c>
      <c r="I12406" s="5" t="s">
        <v>1518</v>
      </c>
      <c r="J12406" s="5" t="s">
        <v>36264</v>
      </c>
      <c r="K12406" s="2" t="s">
        <v>36265</v>
      </c>
      <c r="L12406" s="5" t="s">
        <v>36264</v>
      </c>
      <c r="M12406" s="2" t="s">
        <v>36265</v>
      </c>
      <c r="N12406" s="5" t="s">
        <v>36266</v>
      </c>
      <c r="O12406" s="5" t="s">
        <v>38</v>
      </c>
      <c r="P12406" s="5" t="s">
        <v>39</v>
      </c>
      <c r="Q12406" s="5" t="s">
        <v>40</v>
      </c>
      <c r="R12406" s="5" t="s">
        <v>1522</v>
      </c>
      <c r="S12406" s="5" t="s">
        <v>1523</v>
      </c>
      <c r="T12406" s="5" t="s">
        <v>42</v>
      </c>
      <c r="U12406" s="2">
        <v>1.7849999999999999</v>
      </c>
      <c r="V12406" s="2">
        <v>1.1259999999999999</v>
      </c>
      <c r="W12406" s="2">
        <v>0.02</v>
      </c>
      <c r="X12406" s="2">
        <v>159.1</v>
      </c>
      <c r="Y12406" s="2">
        <v>7.6</v>
      </c>
      <c r="Z12406" s="2">
        <v>16.7</v>
      </c>
      <c r="AA12406" s="5"/>
      <c r="AB12406" s="5" t="s">
        <v>43</v>
      </c>
      <c r="AC12406" s="5" t="s">
        <v>44</v>
      </c>
      <c r="AD12406" s="2"/>
      <c r="AE12406" s="1"/>
    </row>
    <row r="12407" spans="1:31" ht="14.45">
      <c r="A12407" s="11"/>
      <c r="B12407" s="20"/>
      <c r="C12407" s="2" t="s">
        <v>38149</v>
      </c>
      <c r="D12407" s="14" t="s">
        <v>38150</v>
      </c>
      <c r="E12407" s="2" t="s">
        <v>38151</v>
      </c>
      <c r="F12407" s="2" t="s">
        <v>36293</v>
      </c>
      <c r="G12407" s="8">
        <v>186</v>
      </c>
      <c r="H12407" s="5">
        <v>6</v>
      </c>
      <c r="I12407" s="5" t="s">
        <v>1518</v>
      </c>
      <c r="J12407" s="5" t="s">
        <v>36264</v>
      </c>
      <c r="K12407" s="2" t="s">
        <v>36265</v>
      </c>
      <c r="L12407" s="5" t="s">
        <v>36264</v>
      </c>
      <c r="M12407" s="2" t="s">
        <v>36265</v>
      </c>
      <c r="N12407" s="5" t="s">
        <v>36266</v>
      </c>
      <c r="O12407" s="5" t="s">
        <v>38</v>
      </c>
      <c r="P12407" s="5" t="s">
        <v>39</v>
      </c>
      <c r="Q12407" s="5" t="s">
        <v>40</v>
      </c>
      <c r="R12407" s="5" t="s">
        <v>1522</v>
      </c>
      <c r="S12407" s="5" t="s">
        <v>1523</v>
      </c>
      <c r="T12407" s="5" t="s">
        <v>42</v>
      </c>
      <c r="U12407" s="2">
        <v>1.81</v>
      </c>
      <c r="V12407" s="2">
        <v>1.151</v>
      </c>
      <c r="W12407" s="2">
        <v>0.02</v>
      </c>
      <c r="X12407" s="2">
        <v>159.1</v>
      </c>
      <c r="Y12407" s="2">
        <v>7.6</v>
      </c>
      <c r="Z12407" s="2">
        <v>16.7</v>
      </c>
      <c r="AA12407" s="5"/>
      <c r="AB12407" s="5" t="s">
        <v>43</v>
      </c>
      <c r="AC12407" s="5" t="s">
        <v>44</v>
      </c>
      <c r="AD12407" s="2"/>
      <c r="AE12407" s="1"/>
    </row>
    <row r="12408" spans="1:31" ht="14.45">
      <c r="A12408" s="11"/>
      <c r="B12408" s="20"/>
      <c r="C12408" s="2" t="s">
        <v>38152</v>
      </c>
      <c r="D12408" s="14" t="s">
        <v>38153</v>
      </c>
      <c r="E12408" s="2" t="s">
        <v>38154</v>
      </c>
      <c r="F12408" s="2" t="s">
        <v>36588</v>
      </c>
      <c r="G12408" s="8">
        <v>162</v>
      </c>
      <c r="H12408" s="5">
        <v>6</v>
      </c>
      <c r="I12408" s="5" t="s">
        <v>1518</v>
      </c>
      <c r="J12408" s="5" t="s">
        <v>36264</v>
      </c>
      <c r="K12408" s="2" t="s">
        <v>36265</v>
      </c>
      <c r="L12408" s="5" t="s">
        <v>36264</v>
      </c>
      <c r="M12408" s="2" t="s">
        <v>36265</v>
      </c>
      <c r="N12408" s="5" t="s">
        <v>36266</v>
      </c>
      <c r="O12408" s="5" t="s">
        <v>38</v>
      </c>
      <c r="P12408" s="5" t="s">
        <v>39</v>
      </c>
      <c r="Q12408" s="5" t="s">
        <v>40</v>
      </c>
      <c r="R12408" s="5" t="s">
        <v>1522</v>
      </c>
      <c r="S12408" s="5" t="s">
        <v>1523</v>
      </c>
      <c r="T12408" s="5" t="s">
        <v>42</v>
      </c>
      <c r="U12408" s="2">
        <v>1.7849999999999999</v>
      </c>
      <c r="V12408" s="2">
        <v>1.1259999999999999</v>
      </c>
      <c r="W12408" s="2">
        <v>0.02</v>
      </c>
      <c r="X12408" s="2">
        <v>159.1</v>
      </c>
      <c r="Y12408" s="2">
        <v>7.6</v>
      </c>
      <c r="Z12408" s="2">
        <v>16.7</v>
      </c>
      <c r="AA12408" s="5"/>
      <c r="AB12408" s="5" t="s">
        <v>43</v>
      </c>
      <c r="AC12408" s="5" t="s">
        <v>44</v>
      </c>
      <c r="AD12408" s="2"/>
      <c r="AE12408" s="1"/>
    </row>
    <row r="12409" spans="1:31" ht="14.45">
      <c r="A12409" s="11"/>
      <c r="B12409" s="20"/>
      <c r="C12409" s="2" t="s">
        <v>38155</v>
      </c>
      <c r="D12409" s="14" t="s">
        <v>38156</v>
      </c>
      <c r="E12409" s="2" t="s">
        <v>38157</v>
      </c>
      <c r="F12409" s="2" t="s">
        <v>36592</v>
      </c>
      <c r="G12409" s="8">
        <v>162</v>
      </c>
      <c r="H12409" s="5">
        <v>6</v>
      </c>
      <c r="I12409" s="5" t="s">
        <v>1518</v>
      </c>
      <c r="J12409" s="5" t="s">
        <v>36264</v>
      </c>
      <c r="K12409" s="2" t="s">
        <v>36265</v>
      </c>
      <c r="L12409" s="5" t="s">
        <v>36264</v>
      </c>
      <c r="M12409" s="2" t="s">
        <v>36265</v>
      </c>
      <c r="N12409" s="5" t="s">
        <v>36266</v>
      </c>
      <c r="O12409" s="5" t="s">
        <v>38</v>
      </c>
      <c r="P12409" s="5" t="s">
        <v>39</v>
      </c>
      <c r="Q12409" s="5" t="s">
        <v>40</v>
      </c>
      <c r="R12409" s="5" t="s">
        <v>1522</v>
      </c>
      <c r="S12409" s="5" t="s">
        <v>1523</v>
      </c>
      <c r="T12409" s="5" t="s">
        <v>42</v>
      </c>
      <c r="U12409" s="2">
        <v>1.81</v>
      </c>
      <c r="V12409" s="2">
        <v>1.151</v>
      </c>
      <c r="W12409" s="2">
        <v>0.02</v>
      </c>
      <c r="X12409" s="2">
        <v>159.1</v>
      </c>
      <c r="Y12409" s="2">
        <v>7.6</v>
      </c>
      <c r="Z12409" s="2">
        <v>16.7</v>
      </c>
      <c r="AA12409" s="5"/>
      <c r="AB12409" s="5" t="s">
        <v>43</v>
      </c>
      <c r="AC12409" s="5" t="s">
        <v>44</v>
      </c>
      <c r="AD12409" s="2"/>
      <c r="AE12409" s="1"/>
    </row>
    <row r="12410" spans="1:31" ht="14.45">
      <c r="A12410" s="11"/>
      <c r="B12410" s="20"/>
      <c r="C12410" s="2" t="s">
        <v>38158</v>
      </c>
      <c r="D12410" s="14" t="s">
        <v>38159</v>
      </c>
      <c r="E12410" s="2" t="s">
        <v>38160</v>
      </c>
      <c r="F12410" s="2" t="s">
        <v>36305</v>
      </c>
      <c r="G12410" s="8">
        <v>162</v>
      </c>
      <c r="H12410" s="5">
        <v>6</v>
      </c>
      <c r="I12410" s="5" t="s">
        <v>1518</v>
      </c>
      <c r="J12410" s="5" t="s">
        <v>36264</v>
      </c>
      <c r="K12410" s="2" t="s">
        <v>36265</v>
      </c>
      <c r="L12410" s="5" t="s">
        <v>36264</v>
      </c>
      <c r="M12410" s="2" t="s">
        <v>36265</v>
      </c>
      <c r="N12410" s="5" t="s">
        <v>36266</v>
      </c>
      <c r="O12410" s="5" t="s">
        <v>38</v>
      </c>
      <c r="P12410" s="5" t="s">
        <v>39</v>
      </c>
      <c r="Q12410" s="5" t="s">
        <v>40</v>
      </c>
      <c r="R12410" s="5" t="s">
        <v>1522</v>
      </c>
      <c r="S12410" s="5" t="s">
        <v>1523</v>
      </c>
      <c r="T12410" s="5" t="s">
        <v>42</v>
      </c>
      <c r="U12410" s="2">
        <v>1.7849999999999999</v>
      </c>
      <c r="V12410" s="2">
        <v>1.1259999999999999</v>
      </c>
      <c r="W12410" s="2">
        <v>0.02</v>
      </c>
      <c r="X12410" s="2">
        <v>159.1</v>
      </c>
      <c r="Y12410" s="2">
        <v>7.6</v>
      </c>
      <c r="Z12410" s="2">
        <v>16.7</v>
      </c>
      <c r="AA12410" s="5"/>
      <c r="AB12410" s="5" t="s">
        <v>43</v>
      </c>
      <c r="AC12410" s="5" t="s">
        <v>44</v>
      </c>
      <c r="AD12410" s="2"/>
      <c r="AE12410" s="1"/>
    </row>
    <row r="12411" spans="1:31" ht="14.45">
      <c r="A12411" s="11"/>
      <c r="B12411" s="20"/>
      <c r="C12411" s="2" t="s">
        <v>38161</v>
      </c>
      <c r="D12411" s="14" t="s">
        <v>38162</v>
      </c>
      <c r="E12411" s="2" t="s">
        <v>38163</v>
      </c>
      <c r="F12411" s="2" t="s">
        <v>36309</v>
      </c>
      <c r="G12411" s="8">
        <v>162</v>
      </c>
      <c r="H12411" s="5">
        <v>6</v>
      </c>
      <c r="I12411" s="5" t="s">
        <v>1518</v>
      </c>
      <c r="J12411" s="5" t="s">
        <v>36264</v>
      </c>
      <c r="K12411" s="2" t="s">
        <v>36265</v>
      </c>
      <c r="L12411" s="5" t="s">
        <v>36264</v>
      </c>
      <c r="M12411" s="2" t="s">
        <v>36265</v>
      </c>
      <c r="N12411" s="5" t="s">
        <v>36266</v>
      </c>
      <c r="O12411" s="5" t="s">
        <v>38</v>
      </c>
      <c r="P12411" s="5" t="s">
        <v>39</v>
      </c>
      <c r="Q12411" s="5" t="s">
        <v>40</v>
      </c>
      <c r="R12411" s="5" t="s">
        <v>1522</v>
      </c>
      <c r="S12411" s="5" t="s">
        <v>1523</v>
      </c>
      <c r="T12411" s="5" t="s">
        <v>42</v>
      </c>
      <c r="U12411" s="2">
        <v>1.81</v>
      </c>
      <c r="V12411" s="2">
        <v>1.151</v>
      </c>
      <c r="W12411" s="2">
        <v>0.02</v>
      </c>
      <c r="X12411" s="2">
        <v>159.1</v>
      </c>
      <c r="Y12411" s="2">
        <v>7.6</v>
      </c>
      <c r="Z12411" s="2">
        <v>16.7</v>
      </c>
      <c r="AA12411" s="5"/>
      <c r="AB12411" s="5" t="s">
        <v>43</v>
      </c>
      <c r="AC12411" s="5" t="s">
        <v>44</v>
      </c>
      <c r="AD12411" s="2"/>
      <c r="AE12411" s="1"/>
    </row>
    <row r="12412" spans="1:31" ht="14.45">
      <c r="A12412" s="11"/>
      <c r="B12412" s="20"/>
      <c r="C12412" s="2" t="s">
        <v>38164</v>
      </c>
      <c r="D12412" s="14" t="s">
        <v>38165</v>
      </c>
      <c r="E12412" s="2" t="s">
        <v>38166</v>
      </c>
      <c r="F12412" s="2" t="s">
        <v>36313</v>
      </c>
      <c r="G12412" s="8">
        <v>186</v>
      </c>
      <c r="H12412" s="5">
        <v>6</v>
      </c>
      <c r="I12412" s="5" t="s">
        <v>1518</v>
      </c>
      <c r="J12412" s="5" t="s">
        <v>36264</v>
      </c>
      <c r="K12412" s="2" t="s">
        <v>36265</v>
      </c>
      <c r="L12412" s="5" t="s">
        <v>36264</v>
      </c>
      <c r="M12412" s="2" t="s">
        <v>36265</v>
      </c>
      <c r="N12412" s="5" t="s">
        <v>36266</v>
      </c>
      <c r="O12412" s="5" t="s">
        <v>38</v>
      </c>
      <c r="P12412" s="5" t="s">
        <v>39</v>
      </c>
      <c r="Q12412" s="5" t="s">
        <v>40</v>
      </c>
      <c r="R12412" s="5" t="s">
        <v>1522</v>
      </c>
      <c r="S12412" s="5" t="s">
        <v>1523</v>
      </c>
      <c r="T12412" s="5" t="s">
        <v>42</v>
      </c>
      <c r="U12412" s="2">
        <v>1.7849999999999999</v>
      </c>
      <c r="V12412" s="2">
        <v>1.1259999999999999</v>
      </c>
      <c r="W12412" s="2">
        <v>0.02</v>
      </c>
      <c r="X12412" s="2">
        <v>159.1</v>
      </c>
      <c r="Y12412" s="2">
        <v>7.6</v>
      </c>
      <c r="Z12412" s="2">
        <v>16.7</v>
      </c>
      <c r="AA12412" s="5"/>
      <c r="AB12412" s="5" t="s">
        <v>43</v>
      </c>
      <c r="AC12412" s="5" t="s">
        <v>44</v>
      </c>
      <c r="AD12412" s="2"/>
      <c r="AE12412" s="1"/>
    </row>
    <row r="12413" spans="1:31" ht="14.45">
      <c r="A12413" s="11"/>
      <c r="B12413" s="20"/>
      <c r="C12413" s="2" t="s">
        <v>38167</v>
      </c>
      <c r="D12413" s="14" t="s">
        <v>38168</v>
      </c>
      <c r="E12413" s="2" t="s">
        <v>38169</v>
      </c>
      <c r="F12413" s="2" t="s">
        <v>36317</v>
      </c>
      <c r="G12413" s="8">
        <v>186</v>
      </c>
      <c r="H12413" s="5">
        <v>6</v>
      </c>
      <c r="I12413" s="5" t="s">
        <v>1518</v>
      </c>
      <c r="J12413" s="5" t="s">
        <v>36264</v>
      </c>
      <c r="K12413" s="2" t="s">
        <v>36265</v>
      </c>
      <c r="L12413" s="5" t="s">
        <v>36264</v>
      </c>
      <c r="M12413" s="2" t="s">
        <v>36265</v>
      </c>
      <c r="N12413" s="5" t="s">
        <v>36266</v>
      </c>
      <c r="O12413" s="5" t="s">
        <v>38</v>
      </c>
      <c r="P12413" s="5" t="s">
        <v>39</v>
      </c>
      <c r="Q12413" s="5" t="s">
        <v>40</v>
      </c>
      <c r="R12413" s="5" t="s">
        <v>1522</v>
      </c>
      <c r="S12413" s="5" t="s">
        <v>1523</v>
      </c>
      <c r="T12413" s="5" t="s">
        <v>42</v>
      </c>
      <c r="U12413" s="2">
        <v>1.81</v>
      </c>
      <c r="V12413" s="2">
        <v>1.151</v>
      </c>
      <c r="W12413" s="2">
        <v>0.02</v>
      </c>
      <c r="X12413" s="2">
        <v>159.1</v>
      </c>
      <c r="Y12413" s="2">
        <v>7.6</v>
      </c>
      <c r="Z12413" s="2">
        <v>16.7</v>
      </c>
      <c r="AA12413" s="5"/>
      <c r="AB12413" s="5" t="s">
        <v>43</v>
      </c>
      <c r="AC12413" s="5" t="s">
        <v>44</v>
      </c>
      <c r="AD12413" s="2"/>
      <c r="AE12413" s="1"/>
    </row>
    <row r="12414" spans="1:31" ht="14.45">
      <c r="A12414" s="11"/>
      <c r="B12414" s="20"/>
      <c r="C12414" s="2" t="s">
        <v>38170</v>
      </c>
      <c r="D12414" s="14" t="s">
        <v>38171</v>
      </c>
      <c r="E12414" s="2" t="s">
        <v>38172</v>
      </c>
      <c r="F12414" s="2" t="s">
        <v>36321</v>
      </c>
      <c r="G12414" s="8">
        <v>186</v>
      </c>
      <c r="H12414" s="5">
        <v>6</v>
      </c>
      <c r="I12414" s="5" t="s">
        <v>1518</v>
      </c>
      <c r="J12414" s="5" t="s">
        <v>36264</v>
      </c>
      <c r="K12414" s="2" t="s">
        <v>36265</v>
      </c>
      <c r="L12414" s="5" t="s">
        <v>36264</v>
      </c>
      <c r="M12414" s="2" t="s">
        <v>36265</v>
      </c>
      <c r="N12414" s="5" t="s">
        <v>36266</v>
      </c>
      <c r="O12414" s="5" t="s">
        <v>38</v>
      </c>
      <c r="P12414" s="5" t="s">
        <v>39</v>
      </c>
      <c r="Q12414" s="5" t="s">
        <v>40</v>
      </c>
      <c r="R12414" s="5" t="s">
        <v>1522</v>
      </c>
      <c r="S12414" s="5" t="s">
        <v>1523</v>
      </c>
      <c r="T12414" s="5" t="s">
        <v>42</v>
      </c>
      <c r="U12414" s="2">
        <v>1.7849999999999999</v>
      </c>
      <c r="V12414" s="2">
        <v>1.1259999999999999</v>
      </c>
      <c r="W12414" s="2">
        <v>0.02</v>
      </c>
      <c r="X12414" s="2">
        <v>159.1</v>
      </c>
      <c r="Y12414" s="2">
        <v>7.6</v>
      </c>
      <c r="Z12414" s="2">
        <v>16.7</v>
      </c>
      <c r="AA12414" s="5"/>
      <c r="AB12414" s="5" t="s">
        <v>43</v>
      </c>
      <c r="AC12414" s="5" t="s">
        <v>44</v>
      </c>
      <c r="AD12414" s="2"/>
      <c r="AE12414" s="1"/>
    </row>
    <row r="12415" spans="1:31" ht="14.45">
      <c r="A12415" s="11"/>
      <c r="B12415" s="20"/>
      <c r="C12415" s="2" t="s">
        <v>38173</v>
      </c>
      <c r="D12415" s="14" t="s">
        <v>38174</v>
      </c>
      <c r="E12415" s="2" t="s">
        <v>38175</v>
      </c>
      <c r="F12415" s="2" t="s">
        <v>36325</v>
      </c>
      <c r="G12415" s="8">
        <v>186</v>
      </c>
      <c r="H12415" s="5">
        <v>6</v>
      </c>
      <c r="I12415" s="5" t="s">
        <v>1518</v>
      </c>
      <c r="J12415" s="5" t="s">
        <v>36264</v>
      </c>
      <c r="K12415" s="2" t="s">
        <v>36265</v>
      </c>
      <c r="L12415" s="5" t="s">
        <v>36264</v>
      </c>
      <c r="M12415" s="2" t="s">
        <v>36265</v>
      </c>
      <c r="N12415" s="5" t="s">
        <v>36266</v>
      </c>
      <c r="O12415" s="5" t="s">
        <v>38</v>
      </c>
      <c r="P12415" s="5" t="s">
        <v>39</v>
      </c>
      <c r="Q12415" s="5" t="s">
        <v>40</v>
      </c>
      <c r="R12415" s="5" t="s">
        <v>1522</v>
      </c>
      <c r="S12415" s="5" t="s">
        <v>1523</v>
      </c>
      <c r="T12415" s="5" t="s">
        <v>42</v>
      </c>
      <c r="U12415" s="2">
        <v>1.81</v>
      </c>
      <c r="V12415" s="2">
        <v>1.151</v>
      </c>
      <c r="W12415" s="2">
        <v>0.02</v>
      </c>
      <c r="X12415" s="2">
        <v>159.1</v>
      </c>
      <c r="Y12415" s="2">
        <v>7.6</v>
      </c>
      <c r="Z12415" s="2">
        <v>16.7</v>
      </c>
      <c r="AA12415" s="5"/>
      <c r="AB12415" s="5" t="s">
        <v>43</v>
      </c>
      <c r="AC12415" s="5" t="s">
        <v>44</v>
      </c>
      <c r="AD12415" s="2"/>
      <c r="AE12415" s="1"/>
    </row>
    <row r="12416" spans="1:31" ht="14.45">
      <c r="A12416" s="11"/>
      <c r="B12416" s="20"/>
      <c r="C12416" s="2" t="s">
        <v>38176</v>
      </c>
      <c r="D12416" s="14" t="s">
        <v>38177</v>
      </c>
      <c r="E12416" s="2" t="s">
        <v>38178</v>
      </c>
      <c r="F12416" s="2" t="s">
        <v>36329</v>
      </c>
      <c r="G12416" s="8">
        <v>186</v>
      </c>
      <c r="H12416" s="5">
        <v>6</v>
      </c>
      <c r="I12416" s="5" t="s">
        <v>1518</v>
      </c>
      <c r="J12416" s="5" t="s">
        <v>36264</v>
      </c>
      <c r="K12416" s="2" t="s">
        <v>36265</v>
      </c>
      <c r="L12416" s="5" t="s">
        <v>36264</v>
      </c>
      <c r="M12416" s="2" t="s">
        <v>36265</v>
      </c>
      <c r="N12416" s="5" t="s">
        <v>36266</v>
      </c>
      <c r="O12416" s="5" t="s">
        <v>38</v>
      </c>
      <c r="P12416" s="5" t="s">
        <v>39</v>
      </c>
      <c r="Q12416" s="5" t="s">
        <v>40</v>
      </c>
      <c r="R12416" s="5" t="s">
        <v>1522</v>
      </c>
      <c r="S12416" s="5" t="s">
        <v>1523</v>
      </c>
      <c r="T12416" s="5" t="s">
        <v>42</v>
      </c>
      <c r="U12416" s="2">
        <v>1.7849999999999999</v>
      </c>
      <c r="V12416" s="2">
        <v>1.1259999999999999</v>
      </c>
      <c r="W12416" s="2">
        <v>0.02</v>
      </c>
      <c r="X12416" s="2">
        <v>159.1</v>
      </c>
      <c r="Y12416" s="2">
        <v>7.6</v>
      </c>
      <c r="Z12416" s="2">
        <v>16.7</v>
      </c>
      <c r="AA12416" s="5"/>
      <c r="AB12416" s="5" t="s">
        <v>43</v>
      </c>
      <c r="AC12416" s="5" t="s">
        <v>44</v>
      </c>
      <c r="AD12416" s="2"/>
      <c r="AE12416" s="1"/>
    </row>
    <row r="12417" spans="1:31" ht="14.45">
      <c r="A12417" s="11"/>
      <c r="B12417" s="20"/>
      <c r="C12417" s="2" t="s">
        <v>38179</v>
      </c>
      <c r="D12417" s="14" t="s">
        <v>38180</v>
      </c>
      <c r="E12417" s="2" t="s">
        <v>38181</v>
      </c>
      <c r="F12417" s="2" t="s">
        <v>36333</v>
      </c>
      <c r="G12417" s="8">
        <v>186</v>
      </c>
      <c r="H12417" s="5">
        <v>6</v>
      </c>
      <c r="I12417" s="5" t="s">
        <v>1518</v>
      </c>
      <c r="J12417" s="5" t="s">
        <v>36264</v>
      </c>
      <c r="K12417" s="2" t="s">
        <v>36265</v>
      </c>
      <c r="L12417" s="5" t="s">
        <v>36264</v>
      </c>
      <c r="M12417" s="2" t="s">
        <v>36265</v>
      </c>
      <c r="N12417" s="5" t="s">
        <v>36266</v>
      </c>
      <c r="O12417" s="5" t="s">
        <v>38</v>
      </c>
      <c r="P12417" s="5" t="s">
        <v>39</v>
      </c>
      <c r="Q12417" s="5" t="s">
        <v>40</v>
      </c>
      <c r="R12417" s="5" t="s">
        <v>1522</v>
      </c>
      <c r="S12417" s="5" t="s">
        <v>1523</v>
      </c>
      <c r="T12417" s="5" t="s">
        <v>42</v>
      </c>
      <c r="U12417" s="2">
        <v>1.81</v>
      </c>
      <c r="V12417" s="2">
        <v>1.151</v>
      </c>
      <c r="W12417" s="2">
        <v>0.02</v>
      </c>
      <c r="X12417" s="2">
        <v>159.1</v>
      </c>
      <c r="Y12417" s="2">
        <v>7.6</v>
      </c>
      <c r="Z12417" s="2">
        <v>16.7</v>
      </c>
      <c r="AA12417" s="5"/>
      <c r="AB12417" s="5" t="s">
        <v>43</v>
      </c>
      <c r="AC12417" s="5" t="s">
        <v>44</v>
      </c>
      <c r="AD12417" s="2"/>
      <c r="AE12417" s="1"/>
    </row>
    <row r="12418" spans="1:31" ht="14.45">
      <c r="A12418" s="11"/>
      <c r="B12418" s="20"/>
      <c r="C12418" s="2" t="s">
        <v>38182</v>
      </c>
      <c r="D12418" s="14" t="s">
        <v>38183</v>
      </c>
      <c r="E12418" s="2" t="s">
        <v>38184</v>
      </c>
      <c r="F12418" s="2" t="s">
        <v>36337</v>
      </c>
      <c r="G12418" s="8">
        <v>186</v>
      </c>
      <c r="H12418" s="5">
        <v>6</v>
      </c>
      <c r="I12418" s="5" t="s">
        <v>1518</v>
      </c>
      <c r="J12418" s="5" t="s">
        <v>36264</v>
      </c>
      <c r="K12418" s="2" t="s">
        <v>36265</v>
      </c>
      <c r="L12418" s="5" t="s">
        <v>36264</v>
      </c>
      <c r="M12418" s="2" t="s">
        <v>36265</v>
      </c>
      <c r="N12418" s="5" t="s">
        <v>36266</v>
      </c>
      <c r="O12418" s="5" t="s">
        <v>38</v>
      </c>
      <c r="P12418" s="5" t="s">
        <v>39</v>
      </c>
      <c r="Q12418" s="5" t="s">
        <v>40</v>
      </c>
      <c r="R12418" s="5" t="s">
        <v>1522</v>
      </c>
      <c r="S12418" s="5" t="s">
        <v>1523</v>
      </c>
      <c r="T12418" s="5" t="s">
        <v>42</v>
      </c>
      <c r="U12418" s="2">
        <v>1.7849999999999999</v>
      </c>
      <c r="V12418" s="2">
        <v>1.1259999999999999</v>
      </c>
      <c r="W12418" s="2">
        <v>0.02</v>
      </c>
      <c r="X12418" s="2">
        <v>159.1</v>
      </c>
      <c r="Y12418" s="2">
        <v>7.6</v>
      </c>
      <c r="Z12418" s="2">
        <v>16.7</v>
      </c>
      <c r="AA12418" s="5"/>
      <c r="AB12418" s="5" t="s">
        <v>43</v>
      </c>
      <c r="AC12418" s="5" t="s">
        <v>44</v>
      </c>
      <c r="AD12418" s="2"/>
      <c r="AE12418" s="1"/>
    </row>
    <row r="12419" spans="1:31" ht="14.45">
      <c r="A12419" s="11"/>
      <c r="B12419" s="20"/>
      <c r="C12419" s="2" t="s">
        <v>38185</v>
      </c>
      <c r="D12419" s="14" t="s">
        <v>38186</v>
      </c>
      <c r="E12419" s="2" t="s">
        <v>38187</v>
      </c>
      <c r="F12419" s="2" t="s">
        <v>36341</v>
      </c>
      <c r="G12419" s="8">
        <v>186</v>
      </c>
      <c r="H12419" s="5">
        <v>6</v>
      </c>
      <c r="I12419" s="5" t="s">
        <v>1518</v>
      </c>
      <c r="J12419" s="5" t="s">
        <v>36264</v>
      </c>
      <c r="K12419" s="2" t="s">
        <v>36265</v>
      </c>
      <c r="L12419" s="5" t="s">
        <v>36264</v>
      </c>
      <c r="M12419" s="2" t="s">
        <v>36265</v>
      </c>
      <c r="N12419" s="5" t="s">
        <v>36266</v>
      </c>
      <c r="O12419" s="5" t="s">
        <v>38</v>
      </c>
      <c r="P12419" s="5" t="s">
        <v>39</v>
      </c>
      <c r="Q12419" s="5" t="s">
        <v>40</v>
      </c>
      <c r="R12419" s="5" t="s">
        <v>1522</v>
      </c>
      <c r="S12419" s="5" t="s">
        <v>1523</v>
      </c>
      <c r="T12419" s="5" t="s">
        <v>42</v>
      </c>
      <c r="U12419" s="2">
        <v>1.81</v>
      </c>
      <c r="V12419" s="2">
        <v>1.151</v>
      </c>
      <c r="W12419" s="2">
        <v>0.02</v>
      </c>
      <c r="X12419" s="2">
        <v>159.1</v>
      </c>
      <c r="Y12419" s="2">
        <v>7.6</v>
      </c>
      <c r="Z12419" s="2">
        <v>16.7</v>
      </c>
      <c r="AA12419" s="5"/>
      <c r="AB12419" s="5" t="s">
        <v>43</v>
      </c>
      <c r="AC12419" s="5" t="s">
        <v>44</v>
      </c>
      <c r="AD12419" s="2"/>
      <c r="AE12419" s="1"/>
    </row>
    <row r="12420" spans="1:31" ht="14.45">
      <c r="A12420" s="11"/>
      <c r="B12420" s="20"/>
      <c r="C12420" s="2" t="s">
        <v>38188</v>
      </c>
      <c r="D12420" s="14" t="s">
        <v>38189</v>
      </c>
      <c r="E12420" s="2" t="s">
        <v>38190</v>
      </c>
      <c r="F12420" s="2" t="s">
        <v>36345</v>
      </c>
      <c r="G12420" s="8">
        <v>186</v>
      </c>
      <c r="H12420" s="5">
        <v>6</v>
      </c>
      <c r="I12420" s="5" t="s">
        <v>1518</v>
      </c>
      <c r="J12420" s="5" t="s">
        <v>36264</v>
      </c>
      <c r="K12420" s="2" t="s">
        <v>36265</v>
      </c>
      <c r="L12420" s="5" t="s">
        <v>36264</v>
      </c>
      <c r="M12420" s="2" t="s">
        <v>36265</v>
      </c>
      <c r="N12420" s="5" t="s">
        <v>36266</v>
      </c>
      <c r="O12420" s="5" t="s">
        <v>38</v>
      </c>
      <c r="P12420" s="5" t="s">
        <v>39</v>
      </c>
      <c r="Q12420" s="5" t="s">
        <v>40</v>
      </c>
      <c r="R12420" s="5" t="s">
        <v>1522</v>
      </c>
      <c r="S12420" s="5" t="s">
        <v>1523</v>
      </c>
      <c r="T12420" s="5" t="s">
        <v>42</v>
      </c>
      <c r="U12420" s="2">
        <v>1.7849999999999999</v>
      </c>
      <c r="V12420" s="2">
        <v>1.1259999999999999</v>
      </c>
      <c r="W12420" s="2">
        <v>0.02</v>
      </c>
      <c r="X12420" s="2">
        <v>159.1</v>
      </c>
      <c r="Y12420" s="2">
        <v>7.6</v>
      </c>
      <c r="Z12420" s="2">
        <v>16.7</v>
      </c>
      <c r="AA12420" s="5"/>
      <c r="AB12420" s="5" t="s">
        <v>43</v>
      </c>
      <c r="AC12420" s="5" t="s">
        <v>44</v>
      </c>
      <c r="AD12420" s="2"/>
      <c r="AE12420" s="1"/>
    </row>
    <row r="12421" spans="1:31" ht="14.45">
      <c r="A12421" s="11"/>
      <c r="B12421" s="20"/>
      <c r="C12421" s="2" t="s">
        <v>38191</v>
      </c>
      <c r="D12421" s="14" t="s">
        <v>38192</v>
      </c>
      <c r="E12421" s="2" t="s">
        <v>38193</v>
      </c>
      <c r="F12421" s="2" t="s">
        <v>36349</v>
      </c>
      <c r="G12421" s="8">
        <v>186</v>
      </c>
      <c r="H12421" s="5">
        <v>6</v>
      </c>
      <c r="I12421" s="5" t="s">
        <v>1518</v>
      </c>
      <c r="J12421" s="5" t="s">
        <v>36264</v>
      </c>
      <c r="K12421" s="2" t="s">
        <v>36265</v>
      </c>
      <c r="L12421" s="5" t="s">
        <v>36264</v>
      </c>
      <c r="M12421" s="2" t="s">
        <v>36265</v>
      </c>
      <c r="N12421" s="5" t="s">
        <v>36266</v>
      </c>
      <c r="O12421" s="5" t="s">
        <v>38</v>
      </c>
      <c r="P12421" s="5" t="s">
        <v>39</v>
      </c>
      <c r="Q12421" s="5" t="s">
        <v>40</v>
      </c>
      <c r="R12421" s="5" t="s">
        <v>1522</v>
      </c>
      <c r="S12421" s="5" t="s">
        <v>1523</v>
      </c>
      <c r="T12421" s="5" t="s">
        <v>42</v>
      </c>
      <c r="U12421" s="2">
        <v>1.81</v>
      </c>
      <c r="V12421" s="2">
        <v>1.151</v>
      </c>
      <c r="W12421" s="2">
        <v>0.02</v>
      </c>
      <c r="X12421" s="2">
        <v>159.1</v>
      </c>
      <c r="Y12421" s="2">
        <v>7.6</v>
      </c>
      <c r="Z12421" s="2">
        <v>16.7</v>
      </c>
      <c r="AA12421" s="5"/>
      <c r="AB12421" s="5" t="s">
        <v>43</v>
      </c>
      <c r="AC12421" s="5" t="s">
        <v>44</v>
      </c>
      <c r="AD12421" s="2"/>
      <c r="AE12421" s="1"/>
    </row>
    <row r="12422" spans="1:31" ht="14.45">
      <c r="A12422" s="11"/>
      <c r="B12422" s="20"/>
      <c r="C12422" s="2" t="s">
        <v>38194</v>
      </c>
      <c r="D12422" s="14" t="s">
        <v>38195</v>
      </c>
      <c r="E12422" s="2" t="s">
        <v>38196</v>
      </c>
      <c r="F12422" s="2" t="s">
        <v>36353</v>
      </c>
      <c r="G12422" s="8">
        <v>186</v>
      </c>
      <c r="H12422" s="5">
        <v>6</v>
      </c>
      <c r="I12422" s="5" t="s">
        <v>1518</v>
      </c>
      <c r="J12422" s="5" t="s">
        <v>36264</v>
      </c>
      <c r="K12422" s="2" t="s">
        <v>36265</v>
      </c>
      <c r="L12422" s="5" t="s">
        <v>36264</v>
      </c>
      <c r="M12422" s="2" t="s">
        <v>36265</v>
      </c>
      <c r="N12422" s="5" t="s">
        <v>36266</v>
      </c>
      <c r="O12422" s="5" t="s">
        <v>38</v>
      </c>
      <c r="P12422" s="5" t="s">
        <v>39</v>
      </c>
      <c r="Q12422" s="5" t="s">
        <v>40</v>
      </c>
      <c r="R12422" s="5" t="s">
        <v>1522</v>
      </c>
      <c r="S12422" s="5" t="s">
        <v>1523</v>
      </c>
      <c r="T12422" s="5" t="s">
        <v>42</v>
      </c>
      <c r="U12422" s="2">
        <v>1.7849999999999999</v>
      </c>
      <c r="V12422" s="2">
        <v>1.1259999999999999</v>
      </c>
      <c r="W12422" s="2">
        <v>0.02</v>
      </c>
      <c r="X12422" s="2">
        <v>159.1</v>
      </c>
      <c r="Y12422" s="2">
        <v>7.6</v>
      </c>
      <c r="Z12422" s="2">
        <v>16.7</v>
      </c>
      <c r="AA12422" s="5"/>
      <c r="AB12422" s="5" t="s">
        <v>43</v>
      </c>
      <c r="AC12422" s="5" t="s">
        <v>44</v>
      </c>
      <c r="AD12422" s="2"/>
      <c r="AE12422" s="1"/>
    </row>
    <row r="12423" spans="1:31" ht="14.45">
      <c r="A12423" s="11"/>
      <c r="B12423" s="20"/>
      <c r="C12423" s="2" t="s">
        <v>38197</v>
      </c>
      <c r="D12423" s="14" t="s">
        <v>38198</v>
      </c>
      <c r="E12423" s="2" t="s">
        <v>38199</v>
      </c>
      <c r="F12423" s="2" t="s">
        <v>36357</v>
      </c>
      <c r="G12423" s="8">
        <v>186</v>
      </c>
      <c r="H12423" s="5">
        <v>6</v>
      </c>
      <c r="I12423" s="5" t="s">
        <v>1518</v>
      </c>
      <c r="J12423" s="5" t="s">
        <v>36264</v>
      </c>
      <c r="K12423" s="2" t="s">
        <v>36265</v>
      </c>
      <c r="L12423" s="5" t="s">
        <v>36264</v>
      </c>
      <c r="M12423" s="2" t="s">
        <v>36265</v>
      </c>
      <c r="N12423" s="5" t="s">
        <v>36266</v>
      </c>
      <c r="O12423" s="5" t="s">
        <v>38</v>
      </c>
      <c r="P12423" s="5" t="s">
        <v>39</v>
      </c>
      <c r="Q12423" s="5" t="s">
        <v>40</v>
      </c>
      <c r="R12423" s="5" t="s">
        <v>1522</v>
      </c>
      <c r="S12423" s="5" t="s">
        <v>1523</v>
      </c>
      <c r="T12423" s="5" t="s">
        <v>42</v>
      </c>
      <c r="U12423" s="2">
        <v>1.81</v>
      </c>
      <c r="V12423" s="2">
        <v>1.151</v>
      </c>
      <c r="W12423" s="2">
        <v>0.02</v>
      </c>
      <c r="X12423" s="2">
        <v>159.1</v>
      </c>
      <c r="Y12423" s="2">
        <v>7.6</v>
      </c>
      <c r="Z12423" s="2">
        <v>16.7</v>
      </c>
      <c r="AA12423" s="5"/>
      <c r="AB12423" s="5" t="s">
        <v>43</v>
      </c>
      <c r="AC12423" s="5" t="s">
        <v>44</v>
      </c>
      <c r="AD12423" s="2"/>
      <c r="AE12423" s="1"/>
    </row>
    <row r="12424" spans="1:31" ht="14.45">
      <c r="A12424" s="11"/>
      <c r="B12424" s="20"/>
      <c r="C12424" s="2" t="s">
        <v>38200</v>
      </c>
      <c r="D12424" s="14" t="s">
        <v>38201</v>
      </c>
      <c r="E12424" s="2" t="s">
        <v>38202</v>
      </c>
      <c r="F12424" s="2" t="s">
        <v>36361</v>
      </c>
      <c r="G12424" s="8">
        <v>186</v>
      </c>
      <c r="H12424" s="5">
        <v>6</v>
      </c>
      <c r="I12424" s="5" t="s">
        <v>1518</v>
      </c>
      <c r="J12424" s="5" t="s">
        <v>36264</v>
      </c>
      <c r="K12424" s="2" t="s">
        <v>36265</v>
      </c>
      <c r="L12424" s="5" t="s">
        <v>36264</v>
      </c>
      <c r="M12424" s="2" t="s">
        <v>36265</v>
      </c>
      <c r="N12424" s="5" t="s">
        <v>36266</v>
      </c>
      <c r="O12424" s="5" t="s">
        <v>38</v>
      </c>
      <c r="P12424" s="5" t="s">
        <v>39</v>
      </c>
      <c r="Q12424" s="5" t="s">
        <v>40</v>
      </c>
      <c r="R12424" s="5" t="s">
        <v>1522</v>
      </c>
      <c r="S12424" s="5" t="s">
        <v>1523</v>
      </c>
      <c r="T12424" s="5" t="s">
        <v>42</v>
      </c>
      <c r="U12424" s="2">
        <v>1.7849999999999999</v>
      </c>
      <c r="V12424" s="2">
        <v>1.1259999999999999</v>
      </c>
      <c r="W12424" s="2">
        <v>0.02</v>
      </c>
      <c r="X12424" s="2">
        <v>159.1</v>
      </c>
      <c r="Y12424" s="2">
        <v>7.6</v>
      </c>
      <c r="Z12424" s="2">
        <v>16.7</v>
      </c>
      <c r="AA12424" s="5"/>
      <c r="AB12424" s="5" t="s">
        <v>43</v>
      </c>
      <c r="AC12424" s="5" t="s">
        <v>44</v>
      </c>
      <c r="AD12424" s="2"/>
      <c r="AE12424" s="1"/>
    </row>
    <row r="12425" spans="1:31" ht="14.45">
      <c r="A12425" s="11"/>
      <c r="B12425" s="20"/>
      <c r="C12425" s="2" t="s">
        <v>38203</v>
      </c>
      <c r="D12425" s="14" t="s">
        <v>38204</v>
      </c>
      <c r="E12425" s="2" t="s">
        <v>38205</v>
      </c>
      <c r="F12425" s="2" t="s">
        <v>36365</v>
      </c>
      <c r="G12425" s="8">
        <v>186</v>
      </c>
      <c r="H12425" s="5">
        <v>6</v>
      </c>
      <c r="I12425" s="5" t="s">
        <v>1518</v>
      </c>
      <c r="J12425" s="5" t="s">
        <v>36264</v>
      </c>
      <c r="K12425" s="2" t="s">
        <v>36265</v>
      </c>
      <c r="L12425" s="5" t="s">
        <v>36264</v>
      </c>
      <c r="M12425" s="2" t="s">
        <v>36265</v>
      </c>
      <c r="N12425" s="5" t="s">
        <v>36266</v>
      </c>
      <c r="O12425" s="5" t="s">
        <v>38</v>
      </c>
      <c r="P12425" s="5" t="s">
        <v>39</v>
      </c>
      <c r="Q12425" s="5" t="s">
        <v>40</v>
      </c>
      <c r="R12425" s="5" t="s">
        <v>1522</v>
      </c>
      <c r="S12425" s="5" t="s">
        <v>1523</v>
      </c>
      <c r="T12425" s="5" t="s">
        <v>42</v>
      </c>
      <c r="U12425" s="2">
        <v>1.81</v>
      </c>
      <c r="V12425" s="2">
        <v>1.151</v>
      </c>
      <c r="W12425" s="2">
        <v>0.02</v>
      </c>
      <c r="X12425" s="2">
        <v>159.1</v>
      </c>
      <c r="Y12425" s="2">
        <v>7.6</v>
      </c>
      <c r="Z12425" s="2">
        <v>16.7</v>
      </c>
      <c r="AA12425" s="5"/>
      <c r="AB12425" s="5" t="s">
        <v>43</v>
      </c>
      <c r="AC12425" s="5" t="s">
        <v>44</v>
      </c>
      <c r="AD12425" s="2"/>
      <c r="AE12425" s="1"/>
    </row>
    <row r="12426" spans="1:31" ht="14.45">
      <c r="A12426" s="11"/>
      <c r="B12426" s="20"/>
      <c r="C12426" s="2" t="s">
        <v>38206</v>
      </c>
      <c r="D12426" s="14" t="s">
        <v>38207</v>
      </c>
      <c r="E12426" s="2" t="s">
        <v>38208</v>
      </c>
      <c r="F12426" s="2" t="s">
        <v>36644</v>
      </c>
      <c r="G12426" s="8">
        <v>186</v>
      </c>
      <c r="H12426" s="5">
        <v>6</v>
      </c>
      <c r="I12426" s="5" t="s">
        <v>1518</v>
      </c>
      <c r="J12426" s="5" t="s">
        <v>36264</v>
      </c>
      <c r="K12426" s="2" t="s">
        <v>36265</v>
      </c>
      <c r="L12426" s="5" t="s">
        <v>36264</v>
      </c>
      <c r="M12426" s="2" t="s">
        <v>36265</v>
      </c>
      <c r="N12426" s="5" t="s">
        <v>36266</v>
      </c>
      <c r="O12426" s="5" t="s">
        <v>38</v>
      </c>
      <c r="P12426" s="5" t="s">
        <v>39</v>
      </c>
      <c r="Q12426" s="5" t="s">
        <v>40</v>
      </c>
      <c r="R12426" s="5" t="s">
        <v>1522</v>
      </c>
      <c r="S12426" s="5" t="s">
        <v>1523</v>
      </c>
      <c r="T12426" s="5" t="s">
        <v>42</v>
      </c>
      <c r="U12426" s="2">
        <v>1.7849999999999999</v>
      </c>
      <c r="V12426" s="2">
        <v>1.1259999999999999</v>
      </c>
      <c r="W12426" s="2">
        <v>0.02</v>
      </c>
      <c r="X12426" s="2">
        <v>159.1</v>
      </c>
      <c r="Y12426" s="2">
        <v>7.6</v>
      </c>
      <c r="Z12426" s="2">
        <v>16.7</v>
      </c>
      <c r="AA12426" s="5"/>
      <c r="AB12426" s="5" t="s">
        <v>43</v>
      </c>
      <c r="AC12426" s="5" t="s">
        <v>44</v>
      </c>
      <c r="AD12426" s="2"/>
      <c r="AE12426" s="1"/>
    </row>
    <row r="12427" spans="1:31" ht="14.45">
      <c r="A12427" s="11"/>
      <c r="B12427" s="20"/>
      <c r="C12427" s="2" t="s">
        <v>38209</v>
      </c>
      <c r="D12427" s="14" t="s">
        <v>38210</v>
      </c>
      <c r="E12427" s="2" t="s">
        <v>38211</v>
      </c>
      <c r="F12427" s="2" t="s">
        <v>36648</v>
      </c>
      <c r="G12427" s="8">
        <v>186</v>
      </c>
      <c r="H12427" s="5">
        <v>6</v>
      </c>
      <c r="I12427" s="5" t="s">
        <v>1518</v>
      </c>
      <c r="J12427" s="5" t="s">
        <v>36264</v>
      </c>
      <c r="K12427" s="2" t="s">
        <v>36265</v>
      </c>
      <c r="L12427" s="5" t="s">
        <v>36264</v>
      </c>
      <c r="M12427" s="2" t="s">
        <v>36265</v>
      </c>
      <c r="N12427" s="5" t="s">
        <v>36266</v>
      </c>
      <c r="O12427" s="5" t="s">
        <v>38</v>
      </c>
      <c r="P12427" s="5" t="s">
        <v>39</v>
      </c>
      <c r="Q12427" s="5" t="s">
        <v>40</v>
      </c>
      <c r="R12427" s="5" t="s">
        <v>1522</v>
      </c>
      <c r="S12427" s="5" t="s">
        <v>1523</v>
      </c>
      <c r="T12427" s="5" t="s">
        <v>42</v>
      </c>
      <c r="U12427" s="2">
        <v>1.81</v>
      </c>
      <c r="V12427" s="2">
        <v>1.151</v>
      </c>
      <c r="W12427" s="2">
        <v>0.02</v>
      </c>
      <c r="X12427" s="2">
        <v>159.1</v>
      </c>
      <c r="Y12427" s="2">
        <v>7.6</v>
      </c>
      <c r="Z12427" s="2">
        <v>16.7</v>
      </c>
      <c r="AA12427" s="5"/>
      <c r="AB12427" s="5" t="s">
        <v>43</v>
      </c>
      <c r="AC12427" s="5" t="s">
        <v>44</v>
      </c>
      <c r="AD12427" s="2"/>
      <c r="AE12427" s="1"/>
    </row>
    <row r="12428" spans="1:31" ht="14.45">
      <c r="A12428" s="11"/>
      <c r="B12428" s="20"/>
      <c r="C12428" s="2" t="s">
        <v>38212</v>
      </c>
      <c r="D12428" s="14" t="s">
        <v>38213</v>
      </c>
      <c r="E12428" s="2" t="s">
        <v>38214</v>
      </c>
      <c r="F12428" s="2" t="s">
        <v>36377</v>
      </c>
      <c r="G12428" s="8">
        <v>186</v>
      </c>
      <c r="H12428" s="5">
        <v>6</v>
      </c>
      <c r="I12428" s="5" t="s">
        <v>1518</v>
      </c>
      <c r="J12428" s="5" t="s">
        <v>36264</v>
      </c>
      <c r="K12428" s="2" t="s">
        <v>36265</v>
      </c>
      <c r="L12428" s="5" t="s">
        <v>36264</v>
      </c>
      <c r="M12428" s="2" t="s">
        <v>36265</v>
      </c>
      <c r="N12428" s="5" t="s">
        <v>36266</v>
      </c>
      <c r="O12428" s="5" t="s">
        <v>38</v>
      </c>
      <c r="P12428" s="5" t="s">
        <v>39</v>
      </c>
      <c r="Q12428" s="5" t="s">
        <v>40</v>
      </c>
      <c r="R12428" s="5" t="s">
        <v>1522</v>
      </c>
      <c r="S12428" s="5" t="s">
        <v>1523</v>
      </c>
      <c r="T12428" s="5" t="s">
        <v>42</v>
      </c>
      <c r="U12428" s="2">
        <v>1.7849999999999999</v>
      </c>
      <c r="V12428" s="2">
        <v>1.1259999999999999</v>
      </c>
      <c r="W12428" s="2">
        <v>0.02</v>
      </c>
      <c r="X12428" s="2">
        <v>159.1</v>
      </c>
      <c r="Y12428" s="2">
        <v>7.6</v>
      </c>
      <c r="Z12428" s="2">
        <v>16.7</v>
      </c>
      <c r="AA12428" s="5"/>
      <c r="AB12428" s="5" t="s">
        <v>43</v>
      </c>
      <c r="AC12428" s="5" t="s">
        <v>44</v>
      </c>
      <c r="AD12428" s="2"/>
      <c r="AE12428" s="1"/>
    </row>
    <row r="12429" spans="1:31" ht="14.45">
      <c r="A12429" s="11"/>
      <c r="B12429" s="20"/>
      <c r="C12429" s="2" t="s">
        <v>38215</v>
      </c>
      <c r="D12429" s="14" t="s">
        <v>38216</v>
      </c>
      <c r="E12429" s="2" t="s">
        <v>38217</v>
      </c>
      <c r="F12429" s="2" t="s">
        <v>36381</v>
      </c>
      <c r="G12429" s="8">
        <v>186</v>
      </c>
      <c r="H12429" s="5">
        <v>6</v>
      </c>
      <c r="I12429" s="5" t="s">
        <v>1518</v>
      </c>
      <c r="J12429" s="5" t="s">
        <v>36264</v>
      </c>
      <c r="K12429" s="2" t="s">
        <v>36265</v>
      </c>
      <c r="L12429" s="5" t="s">
        <v>36264</v>
      </c>
      <c r="M12429" s="2" t="s">
        <v>36265</v>
      </c>
      <c r="N12429" s="5" t="s">
        <v>36266</v>
      </c>
      <c r="O12429" s="5" t="s">
        <v>38</v>
      </c>
      <c r="P12429" s="5" t="s">
        <v>39</v>
      </c>
      <c r="Q12429" s="5" t="s">
        <v>40</v>
      </c>
      <c r="R12429" s="5" t="s">
        <v>1522</v>
      </c>
      <c r="S12429" s="5" t="s">
        <v>1523</v>
      </c>
      <c r="T12429" s="5" t="s">
        <v>42</v>
      </c>
      <c r="U12429" s="2">
        <v>1.81</v>
      </c>
      <c r="V12429" s="2">
        <v>1.151</v>
      </c>
      <c r="W12429" s="2">
        <v>0.02</v>
      </c>
      <c r="X12429" s="2">
        <v>159.1</v>
      </c>
      <c r="Y12429" s="2">
        <v>7.6</v>
      </c>
      <c r="Z12429" s="2">
        <v>16.7</v>
      </c>
      <c r="AA12429" s="5"/>
      <c r="AB12429" s="5" t="s">
        <v>43</v>
      </c>
      <c r="AC12429" s="5" t="s">
        <v>44</v>
      </c>
      <c r="AD12429" s="2"/>
      <c r="AE12429" s="1"/>
    </row>
    <row r="12430" spans="1:31" ht="14.45">
      <c r="A12430" s="11"/>
      <c r="B12430" s="20"/>
      <c r="C12430" s="2" t="s">
        <v>38218</v>
      </c>
      <c r="D12430" s="14" t="s">
        <v>38219</v>
      </c>
      <c r="E12430" s="2" t="s">
        <v>38220</v>
      </c>
      <c r="F12430" s="2" t="s">
        <v>36385</v>
      </c>
      <c r="G12430" s="8">
        <v>186</v>
      </c>
      <c r="H12430" s="5">
        <v>6</v>
      </c>
      <c r="I12430" s="5" t="s">
        <v>1518</v>
      </c>
      <c r="J12430" s="5" t="s">
        <v>36264</v>
      </c>
      <c r="K12430" s="2" t="s">
        <v>36265</v>
      </c>
      <c r="L12430" s="5" t="s">
        <v>36264</v>
      </c>
      <c r="M12430" s="2" t="s">
        <v>36265</v>
      </c>
      <c r="N12430" s="5" t="s">
        <v>36266</v>
      </c>
      <c r="O12430" s="5" t="s">
        <v>38</v>
      </c>
      <c r="P12430" s="5" t="s">
        <v>39</v>
      </c>
      <c r="Q12430" s="5" t="s">
        <v>40</v>
      </c>
      <c r="R12430" s="5" t="s">
        <v>1522</v>
      </c>
      <c r="S12430" s="5" t="s">
        <v>1523</v>
      </c>
      <c r="T12430" s="5" t="s">
        <v>42</v>
      </c>
      <c r="U12430" s="2">
        <v>1.7849999999999999</v>
      </c>
      <c r="V12430" s="2">
        <v>1.1259999999999999</v>
      </c>
      <c r="W12430" s="2">
        <v>0.02</v>
      </c>
      <c r="X12430" s="2">
        <v>159.1</v>
      </c>
      <c r="Y12430" s="2">
        <v>7.6</v>
      </c>
      <c r="Z12430" s="2">
        <v>16.7</v>
      </c>
      <c r="AA12430" s="5"/>
      <c r="AB12430" s="5" t="s">
        <v>43</v>
      </c>
      <c r="AC12430" s="5" t="s">
        <v>44</v>
      </c>
      <c r="AD12430" s="2"/>
      <c r="AE12430" s="1"/>
    </row>
    <row r="12431" spans="1:31" ht="14.45">
      <c r="A12431" s="11"/>
      <c r="B12431" s="20"/>
      <c r="C12431" s="2" t="s">
        <v>38221</v>
      </c>
      <c r="D12431" s="14" t="s">
        <v>38222</v>
      </c>
      <c r="E12431" s="2" t="s">
        <v>38223</v>
      </c>
      <c r="F12431" s="2" t="s">
        <v>36389</v>
      </c>
      <c r="G12431" s="8">
        <v>186</v>
      </c>
      <c r="H12431" s="5">
        <v>6</v>
      </c>
      <c r="I12431" s="5" t="s">
        <v>1518</v>
      </c>
      <c r="J12431" s="5" t="s">
        <v>36264</v>
      </c>
      <c r="K12431" s="2" t="s">
        <v>36265</v>
      </c>
      <c r="L12431" s="5" t="s">
        <v>36264</v>
      </c>
      <c r="M12431" s="2" t="s">
        <v>36265</v>
      </c>
      <c r="N12431" s="5" t="s">
        <v>36266</v>
      </c>
      <c r="O12431" s="5" t="s">
        <v>38</v>
      </c>
      <c r="P12431" s="5" t="s">
        <v>39</v>
      </c>
      <c r="Q12431" s="5" t="s">
        <v>40</v>
      </c>
      <c r="R12431" s="5" t="s">
        <v>1522</v>
      </c>
      <c r="S12431" s="5" t="s">
        <v>1523</v>
      </c>
      <c r="T12431" s="5" t="s">
        <v>42</v>
      </c>
      <c r="U12431" s="2">
        <v>1.81</v>
      </c>
      <c r="V12431" s="2">
        <v>1.151</v>
      </c>
      <c r="W12431" s="2">
        <v>0.02</v>
      </c>
      <c r="X12431" s="2">
        <v>159.1</v>
      </c>
      <c r="Y12431" s="2">
        <v>7.6</v>
      </c>
      <c r="Z12431" s="2">
        <v>16.7</v>
      </c>
      <c r="AA12431" s="5"/>
      <c r="AB12431" s="5" t="s">
        <v>43</v>
      </c>
      <c r="AC12431" s="5" t="s">
        <v>44</v>
      </c>
      <c r="AD12431" s="2"/>
      <c r="AE12431" s="1"/>
    </row>
    <row r="12432" spans="1:31" ht="14.45">
      <c r="A12432" s="11"/>
      <c r="B12432" s="20"/>
      <c r="C12432" s="2" t="s">
        <v>38224</v>
      </c>
      <c r="D12432" s="14" t="s">
        <v>38225</v>
      </c>
      <c r="E12432" s="2" t="s">
        <v>38226</v>
      </c>
      <c r="F12432" s="2" t="s">
        <v>7204</v>
      </c>
      <c r="G12432" s="8">
        <v>175</v>
      </c>
      <c r="H12432" s="5">
        <v>6</v>
      </c>
      <c r="I12432" s="5" t="s">
        <v>1518</v>
      </c>
      <c r="J12432" s="5" t="s">
        <v>36264</v>
      </c>
      <c r="K12432" s="2" t="s">
        <v>36265</v>
      </c>
      <c r="L12432" s="5" t="s">
        <v>36264</v>
      </c>
      <c r="M12432" s="2" t="s">
        <v>36265</v>
      </c>
      <c r="N12432" s="5" t="s">
        <v>36266</v>
      </c>
      <c r="O12432" s="5" t="s">
        <v>38</v>
      </c>
      <c r="P12432" s="5" t="s">
        <v>39</v>
      </c>
      <c r="Q12432" s="5" t="s">
        <v>40</v>
      </c>
      <c r="R12432" s="5" t="s">
        <v>1522</v>
      </c>
      <c r="S12432" s="5" t="s">
        <v>1523</v>
      </c>
      <c r="T12432" s="5" t="s">
        <v>42</v>
      </c>
      <c r="U12432" s="2">
        <v>2.0049999999999999</v>
      </c>
      <c r="V12432" s="2">
        <v>1.222</v>
      </c>
      <c r="W12432" s="2">
        <v>2.1999999999999999E-2</v>
      </c>
      <c r="X12432" s="2">
        <v>176.8</v>
      </c>
      <c r="Y12432" s="2">
        <v>7.6</v>
      </c>
      <c r="Z12432" s="2">
        <v>16.7</v>
      </c>
      <c r="AA12432" s="5"/>
      <c r="AB12432" s="5" t="s">
        <v>43</v>
      </c>
      <c r="AC12432" s="5" t="s">
        <v>44</v>
      </c>
      <c r="AD12432" s="2"/>
      <c r="AE12432" s="1"/>
    </row>
    <row r="12433" spans="1:31" ht="14.45">
      <c r="A12433" s="11"/>
      <c r="B12433" s="20"/>
      <c r="C12433" s="2" t="s">
        <v>38227</v>
      </c>
      <c r="D12433" s="14" t="s">
        <v>38228</v>
      </c>
      <c r="E12433" s="2" t="s">
        <v>38229</v>
      </c>
      <c r="F12433" s="2" t="s">
        <v>7514</v>
      </c>
      <c r="G12433" s="8">
        <v>175</v>
      </c>
      <c r="H12433" s="5">
        <v>6</v>
      </c>
      <c r="I12433" s="5" t="s">
        <v>1518</v>
      </c>
      <c r="J12433" s="5" t="s">
        <v>36264</v>
      </c>
      <c r="K12433" s="2" t="s">
        <v>36265</v>
      </c>
      <c r="L12433" s="5" t="s">
        <v>36264</v>
      </c>
      <c r="M12433" s="2" t="s">
        <v>36265</v>
      </c>
      <c r="N12433" s="5" t="s">
        <v>36266</v>
      </c>
      <c r="O12433" s="5" t="s">
        <v>38</v>
      </c>
      <c r="P12433" s="5" t="s">
        <v>39</v>
      </c>
      <c r="Q12433" s="5" t="s">
        <v>40</v>
      </c>
      <c r="R12433" s="5" t="s">
        <v>1522</v>
      </c>
      <c r="S12433" s="5" t="s">
        <v>1523</v>
      </c>
      <c r="T12433" s="5" t="s">
        <v>42</v>
      </c>
      <c r="U12433" s="2">
        <v>2.0299999999999998</v>
      </c>
      <c r="V12433" s="2">
        <v>1.2470000000000001</v>
      </c>
      <c r="W12433" s="2">
        <v>2.1999999999999999E-2</v>
      </c>
      <c r="X12433" s="2">
        <v>176.8</v>
      </c>
      <c r="Y12433" s="2">
        <v>7.6</v>
      </c>
      <c r="Z12433" s="2">
        <v>16.7</v>
      </c>
      <c r="AA12433" s="5"/>
      <c r="AB12433" s="5" t="s">
        <v>43</v>
      </c>
      <c r="AC12433" s="5" t="s">
        <v>44</v>
      </c>
      <c r="AD12433" s="2"/>
      <c r="AE12433" s="1"/>
    </row>
    <row r="12434" spans="1:31" ht="14.45">
      <c r="A12434" s="11"/>
      <c r="B12434" s="20"/>
      <c r="C12434" s="2" t="s">
        <v>38230</v>
      </c>
      <c r="D12434" s="14" t="s">
        <v>38231</v>
      </c>
      <c r="E12434" s="2" t="s">
        <v>38232</v>
      </c>
      <c r="F12434" s="2" t="s">
        <v>36273</v>
      </c>
      <c r="G12434" s="8">
        <v>175</v>
      </c>
      <c r="H12434" s="5">
        <v>6</v>
      </c>
      <c r="I12434" s="5" t="s">
        <v>1518</v>
      </c>
      <c r="J12434" s="5" t="s">
        <v>36264</v>
      </c>
      <c r="K12434" s="2" t="s">
        <v>36265</v>
      </c>
      <c r="L12434" s="5" t="s">
        <v>36264</v>
      </c>
      <c r="M12434" s="2" t="s">
        <v>36265</v>
      </c>
      <c r="N12434" s="5" t="s">
        <v>36266</v>
      </c>
      <c r="O12434" s="5" t="s">
        <v>38</v>
      </c>
      <c r="P12434" s="5" t="s">
        <v>39</v>
      </c>
      <c r="Q12434" s="5" t="s">
        <v>40</v>
      </c>
      <c r="R12434" s="5" t="s">
        <v>1522</v>
      </c>
      <c r="S12434" s="5" t="s">
        <v>1523</v>
      </c>
      <c r="T12434" s="5" t="s">
        <v>42</v>
      </c>
      <c r="U12434" s="2">
        <v>2.0049999999999999</v>
      </c>
      <c r="V12434" s="2">
        <v>1.222</v>
      </c>
      <c r="W12434" s="2">
        <v>2.1999999999999999E-2</v>
      </c>
      <c r="X12434" s="2">
        <v>176.8</v>
      </c>
      <c r="Y12434" s="2">
        <v>7.6</v>
      </c>
      <c r="Z12434" s="2">
        <v>16.7</v>
      </c>
      <c r="AA12434" s="5"/>
      <c r="AB12434" s="5" t="s">
        <v>43</v>
      </c>
      <c r="AC12434" s="5" t="s">
        <v>44</v>
      </c>
      <c r="AD12434" s="2"/>
      <c r="AE12434" s="1"/>
    </row>
    <row r="12435" spans="1:31" ht="14.45">
      <c r="A12435" s="11"/>
      <c r="B12435" s="20"/>
      <c r="C12435" s="2" t="s">
        <v>38233</v>
      </c>
      <c r="D12435" s="14" t="s">
        <v>38234</v>
      </c>
      <c r="E12435" s="2" t="s">
        <v>38235</v>
      </c>
      <c r="F12435" s="2" t="s">
        <v>36277</v>
      </c>
      <c r="G12435" s="8">
        <v>175</v>
      </c>
      <c r="H12435" s="5">
        <v>6</v>
      </c>
      <c r="I12435" s="5" t="s">
        <v>1518</v>
      </c>
      <c r="J12435" s="5" t="s">
        <v>36264</v>
      </c>
      <c r="K12435" s="2" t="s">
        <v>36265</v>
      </c>
      <c r="L12435" s="5" t="s">
        <v>36264</v>
      </c>
      <c r="M12435" s="2" t="s">
        <v>36265</v>
      </c>
      <c r="N12435" s="5" t="s">
        <v>36266</v>
      </c>
      <c r="O12435" s="5" t="s">
        <v>38</v>
      </c>
      <c r="P12435" s="5" t="s">
        <v>39</v>
      </c>
      <c r="Q12435" s="5" t="s">
        <v>40</v>
      </c>
      <c r="R12435" s="5" t="s">
        <v>1522</v>
      </c>
      <c r="S12435" s="5" t="s">
        <v>1523</v>
      </c>
      <c r="T12435" s="5" t="s">
        <v>42</v>
      </c>
      <c r="U12435" s="2">
        <v>2.0299999999999998</v>
      </c>
      <c r="V12435" s="2">
        <v>1.2470000000000001</v>
      </c>
      <c r="W12435" s="2">
        <v>2.1999999999999999E-2</v>
      </c>
      <c r="X12435" s="2">
        <v>176.8</v>
      </c>
      <c r="Y12435" s="2">
        <v>7.6</v>
      </c>
      <c r="Z12435" s="2">
        <v>16.7</v>
      </c>
      <c r="AA12435" s="5"/>
      <c r="AB12435" s="5" t="s">
        <v>43</v>
      </c>
      <c r="AC12435" s="5" t="s">
        <v>44</v>
      </c>
      <c r="AD12435" s="2"/>
      <c r="AE12435" s="1"/>
    </row>
    <row r="12436" spans="1:31" ht="14.45">
      <c r="A12436" s="11"/>
      <c r="B12436" s="20"/>
      <c r="C12436" s="2" t="s">
        <v>38236</v>
      </c>
      <c r="D12436" s="14" t="s">
        <v>38237</v>
      </c>
      <c r="E12436" s="2" t="s">
        <v>38238</v>
      </c>
      <c r="F12436" s="2" t="s">
        <v>36289</v>
      </c>
      <c r="G12436" s="8">
        <v>201</v>
      </c>
      <c r="H12436" s="5">
        <v>6</v>
      </c>
      <c r="I12436" s="5" t="s">
        <v>1518</v>
      </c>
      <c r="J12436" s="5" t="s">
        <v>36264</v>
      </c>
      <c r="K12436" s="2" t="s">
        <v>36265</v>
      </c>
      <c r="L12436" s="5" t="s">
        <v>36264</v>
      </c>
      <c r="M12436" s="2" t="s">
        <v>36265</v>
      </c>
      <c r="N12436" s="5" t="s">
        <v>36266</v>
      </c>
      <c r="O12436" s="5" t="s">
        <v>38</v>
      </c>
      <c r="P12436" s="5" t="s">
        <v>39</v>
      </c>
      <c r="Q12436" s="5" t="s">
        <v>40</v>
      </c>
      <c r="R12436" s="5" t="s">
        <v>1522</v>
      </c>
      <c r="S12436" s="5" t="s">
        <v>1523</v>
      </c>
      <c r="T12436" s="5" t="s">
        <v>42</v>
      </c>
      <c r="U12436" s="2">
        <v>2.0049999999999999</v>
      </c>
      <c r="V12436" s="2">
        <v>1.222</v>
      </c>
      <c r="W12436" s="2">
        <v>2.1999999999999999E-2</v>
      </c>
      <c r="X12436" s="2">
        <v>176.8</v>
      </c>
      <c r="Y12436" s="2">
        <v>7.6</v>
      </c>
      <c r="Z12436" s="2">
        <v>16.7</v>
      </c>
      <c r="AA12436" s="5"/>
      <c r="AB12436" s="5" t="s">
        <v>43</v>
      </c>
      <c r="AC12436" s="5" t="s">
        <v>44</v>
      </c>
      <c r="AD12436" s="2"/>
      <c r="AE12436" s="1"/>
    </row>
    <row r="12437" spans="1:31" ht="14.45">
      <c r="A12437" s="11"/>
      <c r="B12437" s="20"/>
      <c r="C12437" s="2" t="s">
        <v>38239</v>
      </c>
      <c r="D12437" s="14" t="s">
        <v>38240</v>
      </c>
      <c r="E12437" s="2" t="s">
        <v>38241</v>
      </c>
      <c r="F12437" s="2" t="s">
        <v>36293</v>
      </c>
      <c r="G12437" s="8">
        <v>201</v>
      </c>
      <c r="H12437" s="5">
        <v>6</v>
      </c>
      <c r="I12437" s="5" t="s">
        <v>1518</v>
      </c>
      <c r="J12437" s="5" t="s">
        <v>36264</v>
      </c>
      <c r="K12437" s="2" t="s">
        <v>36265</v>
      </c>
      <c r="L12437" s="5" t="s">
        <v>36264</v>
      </c>
      <c r="M12437" s="2" t="s">
        <v>36265</v>
      </c>
      <c r="N12437" s="5" t="s">
        <v>36266</v>
      </c>
      <c r="O12437" s="5" t="s">
        <v>38</v>
      </c>
      <c r="P12437" s="5" t="s">
        <v>39</v>
      </c>
      <c r="Q12437" s="5" t="s">
        <v>40</v>
      </c>
      <c r="R12437" s="5" t="s">
        <v>1522</v>
      </c>
      <c r="S12437" s="5" t="s">
        <v>1523</v>
      </c>
      <c r="T12437" s="5" t="s">
        <v>42</v>
      </c>
      <c r="U12437" s="2">
        <v>2.0299999999999998</v>
      </c>
      <c r="V12437" s="2">
        <v>1.2470000000000001</v>
      </c>
      <c r="W12437" s="2">
        <v>2.1999999999999999E-2</v>
      </c>
      <c r="X12437" s="2">
        <v>176.8</v>
      </c>
      <c r="Y12437" s="2">
        <v>7.6</v>
      </c>
      <c r="Z12437" s="2">
        <v>16.7</v>
      </c>
      <c r="AA12437" s="5"/>
      <c r="AB12437" s="5" t="s">
        <v>43</v>
      </c>
      <c r="AC12437" s="5" t="s">
        <v>44</v>
      </c>
      <c r="AD12437" s="2"/>
      <c r="AE12437" s="1"/>
    </row>
    <row r="12438" spans="1:31" ht="14.45">
      <c r="A12438" s="11"/>
      <c r="B12438" s="20"/>
      <c r="C12438" s="2" t="s">
        <v>38242</v>
      </c>
      <c r="D12438" s="14" t="s">
        <v>38243</v>
      </c>
      <c r="E12438" s="2" t="s">
        <v>38244</v>
      </c>
      <c r="F12438" s="2" t="s">
        <v>36588</v>
      </c>
      <c r="G12438" s="8">
        <v>175</v>
      </c>
      <c r="H12438" s="5">
        <v>6</v>
      </c>
      <c r="I12438" s="5" t="s">
        <v>1518</v>
      </c>
      <c r="J12438" s="5" t="s">
        <v>36264</v>
      </c>
      <c r="K12438" s="2" t="s">
        <v>36265</v>
      </c>
      <c r="L12438" s="5" t="s">
        <v>36264</v>
      </c>
      <c r="M12438" s="2" t="s">
        <v>36265</v>
      </c>
      <c r="N12438" s="5" t="s">
        <v>36266</v>
      </c>
      <c r="O12438" s="5" t="s">
        <v>38</v>
      </c>
      <c r="P12438" s="5" t="s">
        <v>39</v>
      </c>
      <c r="Q12438" s="5" t="s">
        <v>40</v>
      </c>
      <c r="R12438" s="5" t="s">
        <v>1522</v>
      </c>
      <c r="S12438" s="5" t="s">
        <v>1523</v>
      </c>
      <c r="T12438" s="5" t="s">
        <v>42</v>
      </c>
      <c r="U12438" s="2">
        <v>2.0049999999999999</v>
      </c>
      <c r="V12438" s="2">
        <v>1.222</v>
      </c>
      <c r="W12438" s="2">
        <v>2.1999999999999999E-2</v>
      </c>
      <c r="X12438" s="2">
        <v>176.8</v>
      </c>
      <c r="Y12438" s="2">
        <v>7.6</v>
      </c>
      <c r="Z12438" s="2">
        <v>16.7</v>
      </c>
      <c r="AA12438" s="5"/>
      <c r="AB12438" s="5" t="s">
        <v>43</v>
      </c>
      <c r="AC12438" s="5" t="s">
        <v>44</v>
      </c>
      <c r="AD12438" s="2"/>
      <c r="AE12438" s="1"/>
    </row>
    <row r="12439" spans="1:31" ht="14.45">
      <c r="A12439" s="11"/>
      <c r="B12439" s="20"/>
      <c r="C12439" s="2" t="s">
        <v>38245</v>
      </c>
      <c r="D12439" s="14" t="s">
        <v>38246</v>
      </c>
      <c r="E12439" s="2" t="s">
        <v>38247</v>
      </c>
      <c r="F12439" s="2" t="s">
        <v>36592</v>
      </c>
      <c r="G12439" s="8">
        <v>175</v>
      </c>
      <c r="H12439" s="5">
        <v>6</v>
      </c>
      <c r="I12439" s="5" t="s">
        <v>1518</v>
      </c>
      <c r="J12439" s="5" t="s">
        <v>36264</v>
      </c>
      <c r="K12439" s="2" t="s">
        <v>36265</v>
      </c>
      <c r="L12439" s="5" t="s">
        <v>36264</v>
      </c>
      <c r="M12439" s="2" t="s">
        <v>36265</v>
      </c>
      <c r="N12439" s="5" t="s">
        <v>36266</v>
      </c>
      <c r="O12439" s="5" t="s">
        <v>38</v>
      </c>
      <c r="P12439" s="5" t="s">
        <v>39</v>
      </c>
      <c r="Q12439" s="5" t="s">
        <v>40</v>
      </c>
      <c r="R12439" s="5" t="s">
        <v>1522</v>
      </c>
      <c r="S12439" s="5" t="s">
        <v>1523</v>
      </c>
      <c r="T12439" s="5" t="s">
        <v>42</v>
      </c>
      <c r="U12439" s="2">
        <v>2.0299999999999998</v>
      </c>
      <c r="V12439" s="2">
        <v>1.2470000000000001</v>
      </c>
      <c r="W12439" s="2">
        <v>2.1999999999999999E-2</v>
      </c>
      <c r="X12439" s="2">
        <v>176.8</v>
      </c>
      <c r="Y12439" s="2">
        <v>7.6</v>
      </c>
      <c r="Z12439" s="2">
        <v>16.7</v>
      </c>
      <c r="AA12439" s="5"/>
      <c r="AB12439" s="5" t="s">
        <v>43</v>
      </c>
      <c r="AC12439" s="5" t="s">
        <v>44</v>
      </c>
      <c r="AD12439" s="2"/>
      <c r="AE12439" s="1"/>
    </row>
    <row r="12440" spans="1:31" ht="14.45">
      <c r="A12440" s="11"/>
      <c r="B12440" s="20"/>
      <c r="C12440" s="2" t="s">
        <v>38248</v>
      </c>
      <c r="D12440" s="14" t="s">
        <v>38249</v>
      </c>
      <c r="E12440" s="2" t="s">
        <v>38250</v>
      </c>
      <c r="F12440" s="2" t="s">
        <v>36305</v>
      </c>
      <c r="G12440" s="8">
        <v>175</v>
      </c>
      <c r="H12440" s="5">
        <v>6</v>
      </c>
      <c r="I12440" s="5" t="s">
        <v>1518</v>
      </c>
      <c r="J12440" s="5" t="s">
        <v>36264</v>
      </c>
      <c r="K12440" s="2" t="s">
        <v>36265</v>
      </c>
      <c r="L12440" s="5" t="s">
        <v>36264</v>
      </c>
      <c r="M12440" s="2" t="s">
        <v>36265</v>
      </c>
      <c r="N12440" s="5" t="s">
        <v>36266</v>
      </c>
      <c r="O12440" s="5" t="s">
        <v>38</v>
      </c>
      <c r="P12440" s="5" t="s">
        <v>39</v>
      </c>
      <c r="Q12440" s="5" t="s">
        <v>40</v>
      </c>
      <c r="R12440" s="5" t="s">
        <v>1522</v>
      </c>
      <c r="S12440" s="5" t="s">
        <v>1523</v>
      </c>
      <c r="T12440" s="5" t="s">
        <v>42</v>
      </c>
      <c r="U12440" s="2">
        <v>2.0049999999999999</v>
      </c>
      <c r="V12440" s="2">
        <v>1.222</v>
      </c>
      <c r="W12440" s="2">
        <v>2.1999999999999999E-2</v>
      </c>
      <c r="X12440" s="2">
        <v>176.8</v>
      </c>
      <c r="Y12440" s="2">
        <v>7.6</v>
      </c>
      <c r="Z12440" s="2">
        <v>16.7</v>
      </c>
      <c r="AA12440" s="5"/>
      <c r="AB12440" s="5" t="s">
        <v>43</v>
      </c>
      <c r="AC12440" s="5" t="s">
        <v>44</v>
      </c>
      <c r="AD12440" s="2"/>
      <c r="AE12440" s="1"/>
    </row>
    <row r="12441" spans="1:31" ht="14.45">
      <c r="A12441" s="11"/>
      <c r="B12441" s="20"/>
      <c r="C12441" s="2" t="s">
        <v>38251</v>
      </c>
      <c r="D12441" s="14" t="s">
        <v>38252</v>
      </c>
      <c r="E12441" s="2" t="s">
        <v>38253</v>
      </c>
      <c r="F12441" s="2" t="s">
        <v>36309</v>
      </c>
      <c r="G12441" s="8">
        <v>175</v>
      </c>
      <c r="H12441" s="5">
        <v>6</v>
      </c>
      <c r="I12441" s="5" t="s">
        <v>1518</v>
      </c>
      <c r="J12441" s="5" t="s">
        <v>36264</v>
      </c>
      <c r="K12441" s="2" t="s">
        <v>36265</v>
      </c>
      <c r="L12441" s="5" t="s">
        <v>36264</v>
      </c>
      <c r="M12441" s="2" t="s">
        <v>36265</v>
      </c>
      <c r="N12441" s="5" t="s">
        <v>36266</v>
      </c>
      <c r="O12441" s="5" t="s">
        <v>38</v>
      </c>
      <c r="P12441" s="5" t="s">
        <v>39</v>
      </c>
      <c r="Q12441" s="5" t="s">
        <v>40</v>
      </c>
      <c r="R12441" s="5" t="s">
        <v>1522</v>
      </c>
      <c r="S12441" s="5" t="s">
        <v>1523</v>
      </c>
      <c r="T12441" s="5" t="s">
        <v>42</v>
      </c>
      <c r="U12441" s="2">
        <v>2.0299999999999998</v>
      </c>
      <c r="V12441" s="2">
        <v>1.2470000000000001</v>
      </c>
      <c r="W12441" s="2">
        <v>2.1999999999999999E-2</v>
      </c>
      <c r="X12441" s="2">
        <v>176.8</v>
      </c>
      <c r="Y12441" s="2">
        <v>7.6</v>
      </c>
      <c r="Z12441" s="2">
        <v>16.7</v>
      </c>
      <c r="AA12441" s="5"/>
      <c r="AB12441" s="5" t="s">
        <v>43</v>
      </c>
      <c r="AC12441" s="5" t="s">
        <v>44</v>
      </c>
      <c r="AD12441" s="2"/>
      <c r="AE12441" s="1"/>
    </row>
    <row r="12442" spans="1:31" ht="14.45">
      <c r="A12442" s="11"/>
      <c r="B12442" s="20"/>
      <c r="C12442" s="2" t="s">
        <v>38254</v>
      </c>
      <c r="D12442" s="14" t="s">
        <v>38255</v>
      </c>
      <c r="E12442" s="2" t="s">
        <v>38256</v>
      </c>
      <c r="F12442" s="2" t="s">
        <v>36317</v>
      </c>
      <c r="G12442" s="8">
        <v>201</v>
      </c>
      <c r="H12442" s="5">
        <v>6</v>
      </c>
      <c r="I12442" s="5" t="s">
        <v>1518</v>
      </c>
      <c r="J12442" s="5" t="s">
        <v>36264</v>
      </c>
      <c r="K12442" s="2" t="s">
        <v>36265</v>
      </c>
      <c r="L12442" s="5" t="s">
        <v>36264</v>
      </c>
      <c r="M12442" s="2" t="s">
        <v>36265</v>
      </c>
      <c r="N12442" s="5" t="s">
        <v>36266</v>
      </c>
      <c r="O12442" s="5" t="s">
        <v>38</v>
      </c>
      <c r="P12442" s="5" t="s">
        <v>39</v>
      </c>
      <c r="Q12442" s="5" t="s">
        <v>40</v>
      </c>
      <c r="R12442" s="5" t="s">
        <v>1522</v>
      </c>
      <c r="S12442" s="5" t="s">
        <v>1523</v>
      </c>
      <c r="T12442" s="5" t="s">
        <v>42</v>
      </c>
      <c r="U12442" s="2">
        <v>2.0299999999999998</v>
      </c>
      <c r="V12442" s="2">
        <v>1.2470000000000001</v>
      </c>
      <c r="W12442" s="2">
        <v>2.1999999999999999E-2</v>
      </c>
      <c r="X12442" s="2">
        <v>176.8</v>
      </c>
      <c r="Y12442" s="2">
        <v>7.6</v>
      </c>
      <c r="Z12442" s="2">
        <v>16.7</v>
      </c>
      <c r="AA12442" s="5"/>
      <c r="AB12442" s="5" t="s">
        <v>43</v>
      </c>
      <c r="AC12442" s="5" t="s">
        <v>44</v>
      </c>
      <c r="AD12442" s="2"/>
      <c r="AE12442" s="1"/>
    </row>
    <row r="12443" spans="1:31" ht="14.45">
      <c r="A12443" s="11"/>
      <c r="B12443" s="20"/>
      <c r="C12443" s="2" t="s">
        <v>38257</v>
      </c>
      <c r="D12443" s="14" t="s">
        <v>38258</v>
      </c>
      <c r="E12443" s="2" t="s">
        <v>38259</v>
      </c>
      <c r="F12443" s="2" t="s">
        <v>36325</v>
      </c>
      <c r="G12443" s="8">
        <v>201</v>
      </c>
      <c r="H12443" s="5">
        <v>6</v>
      </c>
      <c r="I12443" s="5" t="s">
        <v>1518</v>
      </c>
      <c r="J12443" s="5" t="s">
        <v>36264</v>
      </c>
      <c r="K12443" s="2" t="s">
        <v>36265</v>
      </c>
      <c r="L12443" s="5" t="s">
        <v>36264</v>
      </c>
      <c r="M12443" s="2" t="s">
        <v>36265</v>
      </c>
      <c r="N12443" s="5" t="s">
        <v>36266</v>
      </c>
      <c r="O12443" s="5" t="s">
        <v>38</v>
      </c>
      <c r="P12443" s="5" t="s">
        <v>39</v>
      </c>
      <c r="Q12443" s="5" t="s">
        <v>40</v>
      </c>
      <c r="R12443" s="5" t="s">
        <v>1522</v>
      </c>
      <c r="S12443" s="5" t="s">
        <v>1523</v>
      </c>
      <c r="T12443" s="5" t="s">
        <v>42</v>
      </c>
      <c r="U12443" s="2">
        <v>2.0299999999999998</v>
      </c>
      <c r="V12443" s="2">
        <v>1.2470000000000001</v>
      </c>
      <c r="W12443" s="2">
        <v>2.1999999999999999E-2</v>
      </c>
      <c r="X12443" s="2">
        <v>176.8</v>
      </c>
      <c r="Y12443" s="2">
        <v>7.6</v>
      </c>
      <c r="Z12443" s="2">
        <v>16.7</v>
      </c>
      <c r="AA12443" s="5"/>
      <c r="AB12443" s="5" t="s">
        <v>43</v>
      </c>
      <c r="AC12443" s="5" t="s">
        <v>44</v>
      </c>
      <c r="AD12443" s="2"/>
      <c r="AE12443" s="1"/>
    </row>
    <row r="12444" spans="1:31" ht="14.45">
      <c r="A12444" s="11"/>
      <c r="B12444" s="20"/>
      <c r="C12444" s="2" t="s">
        <v>38260</v>
      </c>
      <c r="D12444" s="14" t="s">
        <v>38261</v>
      </c>
      <c r="E12444" s="2" t="s">
        <v>38262</v>
      </c>
      <c r="F12444" s="2" t="s">
        <v>36329</v>
      </c>
      <c r="G12444" s="8">
        <v>201</v>
      </c>
      <c r="H12444" s="5">
        <v>6</v>
      </c>
      <c r="I12444" s="5" t="s">
        <v>1518</v>
      </c>
      <c r="J12444" s="5" t="s">
        <v>36264</v>
      </c>
      <c r="K12444" s="2" t="s">
        <v>36265</v>
      </c>
      <c r="L12444" s="5" t="s">
        <v>36264</v>
      </c>
      <c r="M12444" s="2" t="s">
        <v>36265</v>
      </c>
      <c r="N12444" s="5" t="s">
        <v>36266</v>
      </c>
      <c r="O12444" s="5" t="s">
        <v>38</v>
      </c>
      <c r="P12444" s="5" t="s">
        <v>39</v>
      </c>
      <c r="Q12444" s="5" t="s">
        <v>40</v>
      </c>
      <c r="R12444" s="5" t="s">
        <v>1522</v>
      </c>
      <c r="S12444" s="5" t="s">
        <v>1523</v>
      </c>
      <c r="T12444" s="5" t="s">
        <v>42</v>
      </c>
      <c r="U12444" s="2">
        <v>2.0049999999999999</v>
      </c>
      <c r="V12444" s="2">
        <v>1.222</v>
      </c>
      <c r="W12444" s="2">
        <v>2.1999999999999999E-2</v>
      </c>
      <c r="X12444" s="2">
        <v>176.8</v>
      </c>
      <c r="Y12444" s="2">
        <v>7.6</v>
      </c>
      <c r="Z12444" s="2">
        <v>16.7</v>
      </c>
      <c r="AA12444" s="5"/>
      <c r="AB12444" s="5" t="s">
        <v>43</v>
      </c>
      <c r="AC12444" s="5" t="s">
        <v>44</v>
      </c>
      <c r="AD12444" s="2"/>
      <c r="AE12444" s="1"/>
    </row>
    <row r="12445" spans="1:31" ht="14.45">
      <c r="A12445" s="11"/>
      <c r="B12445" s="20"/>
      <c r="C12445" s="2" t="s">
        <v>38263</v>
      </c>
      <c r="D12445" s="14" t="s">
        <v>38264</v>
      </c>
      <c r="E12445" s="2" t="s">
        <v>38265</v>
      </c>
      <c r="F12445" s="2" t="s">
        <v>36333</v>
      </c>
      <c r="G12445" s="8">
        <v>201</v>
      </c>
      <c r="H12445" s="5">
        <v>6</v>
      </c>
      <c r="I12445" s="5" t="s">
        <v>1518</v>
      </c>
      <c r="J12445" s="5" t="s">
        <v>36264</v>
      </c>
      <c r="K12445" s="2" t="s">
        <v>36265</v>
      </c>
      <c r="L12445" s="5" t="s">
        <v>36264</v>
      </c>
      <c r="M12445" s="2" t="s">
        <v>36265</v>
      </c>
      <c r="N12445" s="5" t="s">
        <v>36266</v>
      </c>
      <c r="O12445" s="5" t="s">
        <v>38</v>
      </c>
      <c r="P12445" s="5" t="s">
        <v>39</v>
      </c>
      <c r="Q12445" s="5" t="s">
        <v>40</v>
      </c>
      <c r="R12445" s="5" t="s">
        <v>1522</v>
      </c>
      <c r="S12445" s="5" t="s">
        <v>1523</v>
      </c>
      <c r="T12445" s="5" t="s">
        <v>42</v>
      </c>
      <c r="U12445" s="2">
        <v>2.0299999999999998</v>
      </c>
      <c r="V12445" s="2">
        <v>1.2470000000000001</v>
      </c>
      <c r="W12445" s="2">
        <v>2.1999999999999999E-2</v>
      </c>
      <c r="X12445" s="2">
        <v>176.8</v>
      </c>
      <c r="Y12445" s="2">
        <v>7.6</v>
      </c>
      <c r="Z12445" s="2">
        <v>16.7</v>
      </c>
      <c r="AA12445" s="5"/>
      <c r="AB12445" s="5" t="s">
        <v>43</v>
      </c>
      <c r="AC12445" s="5" t="s">
        <v>44</v>
      </c>
      <c r="AD12445" s="2"/>
      <c r="AE12445" s="1"/>
    </row>
    <row r="12446" spans="1:31" ht="14.45">
      <c r="A12446" s="11"/>
      <c r="B12446" s="20"/>
      <c r="C12446" s="2" t="s">
        <v>38266</v>
      </c>
      <c r="D12446" s="14" t="s">
        <v>38267</v>
      </c>
      <c r="E12446" s="2" t="s">
        <v>38268</v>
      </c>
      <c r="F12446" s="2" t="s">
        <v>36341</v>
      </c>
      <c r="G12446" s="8">
        <v>201</v>
      </c>
      <c r="H12446" s="5">
        <v>6</v>
      </c>
      <c r="I12446" s="5" t="s">
        <v>1518</v>
      </c>
      <c r="J12446" s="5" t="s">
        <v>36264</v>
      </c>
      <c r="K12446" s="2" t="s">
        <v>36265</v>
      </c>
      <c r="L12446" s="5" t="s">
        <v>36264</v>
      </c>
      <c r="M12446" s="2" t="s">
        <v>36265</v>
      </c>
      <c r="N12446" s="5" t="s">
        <v>36266</v>
      </c>
      <c r="O12446" s="5" t="s">
        <v>38</v>
      </c>
      <c r="P12446" s="5" t="s">
        <v>39</v>
      </c>
      <c r="Q12446" s="5" t="s">
        <v>40</v>
      </c>
      <c r="R12446" s="5" t="s">
        <v>1522</v>
      </c>
      <c r="S12446" s="5" t="s">
        <v>1523</v>
      </c>
      <c r="T12446" s="5" t="s">
        <v>42</v>
      </c>
      <c r="U12446" s="2">
        <v>2.0299999999999998</v>
      </c>
      <c r="V12446" s="2">
        <v>1.2470000000000001</v>
      </c>
      <c r="W12446" s="2">
        <v>2.1999999999999999E-2</v>
      </c>
      <c r="X12446" s="2">
        <v>176.8</v>
      </c>
      <c r="Y12446" s="2">
        <v>7.6</v>
      </c>
      <c r="Z12446" s="2">
        <v>16.7</v>
      </c>
      <c r="AA12446" s="5"/>
      <c r="AB12446" s="5" t="s">
        <v>43</v>
      </c>
      <c r="AC12446" s="5" t="s">
        <v>44</v>
      </c>
      <c r="AD12446" s="2"/>
      <c r="AE12446" s="1"/>
    </row>
    <row r="12447" spans="1:31" ht="14.45">
      <c r="A12447" s="11"/>
      <c r="B12447" s="20"/>
      <c r="C12447" s="2" t="s">
        <v>38269</v>
      </c>
      <c r="D12447" s="14" t="s">
        <v>38270</v>
      </c>
      <c r="E12447" s="2" t="s">
        <v>38271</v>
      </c>
      <c r="F12447" s="2" t="s">
        <v>36345</v>
      </c>
      <c r="G12447" s="8">
        <v>201</v>
      </c>
      <c r="H12447" s="5">
        <v>6</v>
      </c>
      <c r="I12447" s="5" t="s">
        <v>1518</v>
      </c>
      <c r="J12447" s="5" t="s">
        <v>36264</v>
      </c>
      <c r="K12447" s="2" t="s">
        <v>36265</v>
      </c>
      <c r="L12447" s="5" t="s">
        <v>36264</v>
      </c>
      <c r="M12447" s="2" t="s">
        <v>36265</v>
      </c>
      <c r="N12447" s="5" t="s">
        <v>36266</v>
      </c>
      <c r="O12447" s="5" t="s">
        <v>38</v>
      </c>
      <c r="P12447" s="5" t="s">
        <v>39</v>
      </c>
      <c r="Q12447" s="5" t="s">
        <v>40</v>
      </c>
      <c r="R12447" s="5" t="s">
        <v>1522</v>
      </c>
      <c r="S12447" s="5" t="s">
        <v>1523</v>
      </c>
      <c r="T12447" s="5" t="s">
        <v>42</v>
      </c>
      <c r="U12447" s="2">
        <v>2.0049999999999999</v>
      </c>
      <c r="V12447" s="2">
        <v>1.222</v>
      </c>
      <c r="W12447" s="2">
        <v>2.1999999999999999E-2</v>
      </c>
      <c r="X12447" s="2">
        <v>176.8</v>
      </c>
      <c r="Y12447" s="2">
        <v>7.6</v>
      </c>
      <c r="Z12447" s="2">
        <v>16.7</v>
      </c>
      <c r="AA12447" s="5"/>
      <c r="AB12447" s="5" t="s">
        <v>43</v>
      </c>
      <c r="AC12447" s="5" t="s">
        <v>44</v>
      </c>
      <c r="AD12447" s="2"/>
      <c r="AE12447" s="1"/>
    </row>
    <row r="12448" spans="1:31" ht="14.45">
      <c r="A12448" s="11"/>
      <c r="B12448" s="20"/>
      <c r="C12448" s="2" t="s">
        <v>38272</v>
      </c>
      <c r="D12448" s="14" t="s">
        <v>38273</v>
      </c>
      <c r="E12448" s="2" t="s">
        <v>38274</v>
      </c>
      <c r="F12448" s="2" t="s">
        <v>36349</v>
      </c>
      <c r="G12448" s="8">
        <v>201</v>
      </c>
      <c r="H12448" s="5">
        <v>6</v>
      </c>
      <c r="I12448" s="5" t="s">
        <v>1518</v>
      </c>
      <c r="J12448" s="5" t="s">
        <v>36264</v>
      </c>
      <c r="K12448" s="2" t="s">
        <v>36265</v>
      </c>
      <c r="L12448" s="5" t="s">
        <v>36264</v>
      </c>
      <c r="M12448" s="2" t="s">
        <v>36265</v>
      </c>
      <c r="N12448" s="5" t="s">
        <v>36266</v>
      </c>
      <c r="O12448" s="5" t="s">
        <v>38</v>
      </c>
      <c r="P12448" s="5" t="s">
        <v>39</v>
      </c>
      <c r="Q12448" s="5" t="s">
        <v>40</v>
      </c>
      <c r="R12448" s="5" t="s">
        <v>1522</v>
      </c>
      <c r="S12448" s="5" t="s">
        <v>1523</v>
      </c>
      <c r="T12448" s="5" t="s">
        <v>42</v>
      </c>
      <c r="U12448" s="2">
        <v>2.0299999999999998</v>
      </c>
      <c r="V12448" s="2">
        <v>1.2470000000000001</v>
      </c>
      <c r="W12448" s="2">
        <v>2.1999999999999999E-2</v>
      </c>
      <c r="X12448" s="2">
        <v>176.8</v>
      </c>
      <c r="Y12448" s="2">
        <v>7.6</v>
      </c>
      <c r="Z12448" s="2">
        <v>16.7</v>
      </c>
      <c r="AA12448" s="5"/>
      <c r="AB12448" s="5" t="s">
        <v>43</v>
      </c>
      <c r="AC12448" s="5" t="s">
        <v>44</v>
      </c>
      <c r="AD12448" s="2"/>
      <c r="AE12448" s="1"/>
    </row>
    <row r="12449" spans="1:31" ht="14.45">
      <c r="A12449" s="11"/>
      <c r="B12449" s="20"/>
      <c r="C12449" s="2" t="s">
        <v>38275</v>
      </c>
      <c r="D12449" s="14" t="s">
        <v>38276</v>
      </c>
      <c r="E12449" s="2" t="s">
        <v>38277</v>
      </c>
      <c r="F12449" s="2" t="s">
        <v>36357</v>
      </c>
      <c r="G12449" s="8">
        <v>201</v>
      </c>
      <c r="H12449" s="5">
        <v>6</v>
      </c>
      <c r="I12449" s="5" t="s">
        <v>1518</v>
      </c>
      <c r="J12449" s="5" t="s">
        <v>36264</v>
      </c>
      <c r="K12449" s="2" t="s">
        <v>36265</v>
      </c>
      <c r="L12449" s="5" t="s">
        <v>36264</v>
      </c>
      <c r="M12449" s="2" t="s">
        <v>36265</v>
      </c>
      <c r="N12449" s="5" t="s">
        <v>36266</v>
      </c>
      <c r="O12449" s="5" t="s">
        <v>38</v>
      </c>
      <c r="P12449" s="5" t="s">
        <v>39</v>
      </c>
      <c r="Q12449" s="5" t="s">
        <v>40</v>
      </c>
      <c r="R12449" s="5" t="s">
        <v>1522</v>
      </c>
      <c r="S12449" s="5" t="s">
        <v>1523</v>
      </c>
      <c r="T12449" s="5" t="s">
        <v>42</v>
      </c>
      <c r="U12449" s="2">
        <v>2.0299999999999998</v>
      </c>
      <c r="V12449" s="2">
        <v>1.2470000000000001</v>
      </c>
      <c r="W12449" s="2">
        <v>2.1999999999999999E-2</v>
      </c>
      <c r="X12449" s="2">
        <v>176.8</v>
      </c>
      <c r="Y12449" s="2">
        <v>7.6</v>
      </c>
      <c r="Z12449" s="2">
        <v>16.7</v>
      </c>
      <c r="AA12449" s="5"/>
      <c r="AB12449" s="5" t="s">
        <v>43</v>
      </c>
      <c r="AC12449" s="5" t="s">
        <v>44</v>
      </c>
      <c r="AD12449" s="2"/>
      <c r="AE12449" s="1"/>
    </row>
    <row r="12450" spans="1:31" ht="14.45">
      <c r="A12450" s="11"/>
      <c r="B12450" s="20"/>
      <c r="C12450" s="2" t="s">
        <v>38278</v>
      </c>
      <c r="D12450" s="14" t="s">
        <v>38279</v>
      </c>
      <c r="E12450" s="2" t="s">
        <v>38280</v>
      </c>
      <c r="F12450" s="2" t="s">
        <v>36365</v>
      </c>
      <c r="G12450" s="8">
        <v>201</v>
      </c>
      <c r="H12450" s="5">
        <v>6</v>
      </c>
      <c r="I12450" s="5" t="s">
        <v>1518</v>
      </c>
      <c r="J12450" s="5" t="s">
        <v>36264</v>
      </c>
      <c r="K12450" s="2" t="s">
        <v>36265</v>
      </c>
      <c r="L12450" s="5" t="s">
        <v>36264</v>
      </c>
      <c r="M12450" s="2" t="s">
        <v>36265</v>
      </c>
      <c r="N12450" s="5" t="s">
        <v>36266</v>
      </c>
      <c r="O12450" s="5" t="s">
        <v>38</v>
      </c>
      <c r="P12450" s="5" t="s">
        <v>39</v>
      </c>
      <c r="Q12450" s="5" t="s">
        <v>40</v>
      </c>
      <c r="R12450" s="5" t="s">
        <v>1522</v>
      </c>
      <c r="S12450" s="5" t="s">
        <v>1523</v>
      </c>
      <c r="T12450" s="5" t="s">
        <v>42</v>
      </c>
      <c r="U12450" s="2">
        <v>2.0299999999999998</v>
      </c>
      <c r="V12450" s="2">
        <v>1.2470000000000001</v>
      </c>
      <c r="W12450" s="2">
        <v>2.1999999999999999E-2</v>
      </c>
      <c r="X12450" s="2">
        <v>176.8</v>
      </c>
      <c r="Y12450" s="2">
        <v>7.6</v>
      </c>
      <c r="Z12450" s="2">
        <v>16.7</v>
      </c>
      <c r="AA12450" s="5"/>
      <c r="AB12450" s="5" t="s">
        <v>43</v>
      </c>
      <c r="AC12450" s="5" t="s">
        <v>44</v>
      </c>
      <c r="AD12450" s="2"/>
      <c r="AE12450" s="1"/>
    </row>
    <row r="12451" spans="1:31" ht="14.45">
      <c r="A12451" s="11"/>
      <c r="B12451" s="20"/>
      <c r="C12451" s="2" t="s">
        <v>38281</v>
      </c>
      <c r="D12451" s="14" t="s">
        <v>38282</v>
      </c>
      <c r="E12451" s="2" t="s">
        <v>38283</v>
      </c>
      <c r="F12451" s="2" t="s">
        <v>36644</v>
      </c>
      <c r="G12451" s="8">
        <v>201</v>
      </c>
      <c r="H12451" s="5">
        <v>6</v>
      </c>
      <c r="I12451" s="5" t="s">
        <v>1518</v>
      </c>
      <c r="J12451" s="5" t="s">
        <v>36264</v>
      </c>
      <c r="K12451" s="2" t="s">
        <v>36265</v>
      </c>
      <c r="L12451" s="5" t="s">
        <v>36264</v>
      </c>
      <c r="M12451" s="2" t="s">
        <v>36265</v>
      </c>
      <c r="N12451" s="5" t="s">
        <v>36266</v>
      </c>
      <c r="O12451" s="5" t="s">
        <v>38</v>
      </c>
      <c r="P12451" s="5" t="s">
        <v>39</v>
      </c>
      <c r="Q12451" s="5" t="s">
        <v>40</v>
      </c>
      <c r="R12451" s="5" t="s">
        <v>1522</v>
      </c>
      <c r="S12451" s="5" t="s">
        <v>1523</v>
      </c>
      <c r="T12451" s="5" t="s">
        <v>42</v>
      </c>
      <c r="U12451" s="2">
        <v>2.0049999999999999</v>
      </c>
      <c r="V12451" s="2">
        <v>1.222</v>
      </c>
      <c r="W12451" s="2">
        <v>2.1999999999999999E-2</v>
      </c>
      <c r="X12451" s="2">
        <v>176.8</v>
      </c>
      <c r="Y12451" s="2">
        <v>7.6</v>
      </c>
      <c r="Z12451" s="2">
        <v>16.7</v>
      </c>
      <c r="AA12451" s="5"/>
      <c r="AB12451" s="5" t="s">
        <v>43</v>
      </c>
      <c r="AC12451" s="5" t="s">
        <v>44</v>
      </c>
      <c r="AD12451" s="2"/>
      <c r="AE12451" s="1"/>
    </row>
    <row r="12452" spans="1:31" ht="14.45">
      <c r="A12452" s="11"/>
      <c r="B12452" s="20"/>
      <c r="C12452" s="2" t="s">
        <v>38284</v>
      </c>
      <c r="D12452" s="14" t="s">
        <v>38285</v>
      </c>
      <c r="E12452" s="2" t="s">
        <v>38286</v>
      </c>
      <c r="F12452" s="2" t="s">
        <v>36648</v>
      </c>
      <c r="G12452" s="8">
        <v>201</v>
      </c>
      <c r="H12452" s="5">
        <v>6</v>
      </c>
      <c r="I12452" s="5" t="s">
        <v>1518</v>
      </c>
      <c r="J12452" s="5" t="s">
        <v>36264</v>
      </c>
      <c r="K12452" s="2" t="s">
        <v>36265</v>
      </c>
      <c r="L12452" s="5" t="s">
        <v>36264</v>
      </c>
      <c r="M12452" s="2" t="s">
        <v>36265</v>
      </c>
      <c r="N12452" s="5" t="s">
        <v>36266</v>
      </c>
      <c r="O12452" s="5" t="s">
        <v>38</v>
      </c>
      <c r="P12452" s="5" t="s">
        <v>39</v>
      </c>
      <c r="Q12452" s="5" t="s">
        <v>40</v>
      </c>
      <c r="R12452" s="5" t="s">
        <v>1522</v>
      </c>
      <c r="S12452" s="5" t="s">
        <v>1523</v>
      </c>
      <c r="T12452" s="5" t="s">
        <v>42</v>
      </c>
      <c r="U12452" s="2">
        <v>2.0299999999999998</v>
      </c>
      <c r="V12452" s="2">
        <v>1.2470000000000001</v>
      </c>
      <c r="W12452" s="2">
        <v>2.1999999999999999E-2</v>
      </c>
      <c r="X12452" s="2">
        <v>176.8</v>
      </c>
      <c r="Y12452" s="2">
        <v>7.6</v>
      </c>
      <c r="Z12452" s="2">
        <v>16.7</v>
      </c>
      <c r="AA12452" s="5"/>
      <c r="AB12452" s="5" t="s">
        <v>43</v>
      </c>
      <c r="AC12452" s="5" t="s">
        <v>44</v>
      </c>
      <c r="AD12452" s="2"/>
      <c r="AE12452" s="1"/>
    </row>
    <row r="12453" spans="1:31" ht="14.45">
      <c r="A12453" s="11"/>
      <c r="B12453" s="20"/>
      <c r="C12453" s="2" t="s">
        <v>38287</v>
      </c>
      <c r="D12453" s="14" t="s">
        <v>38288</v>
      </c>
      <c r="E12453" s="2" t="s">
        <v>38289</v>
      </c>
      <c r="F12453" s="2" t="s">
        <v>36377</v>
      </c>
      <c r="G12453" s="8">
        <v>201</v>
      </c>
      <c r="H12453" s="5">
        <v>6</v>
      </c>
      <c r="I12453" s="5" t="s">
        <v>1518</v>
      </c>
      <c r="J12453" s="5" t="s">
        <v>36264</v>
      </c>
      <c r="K12453" s="2" t="s">
        <v>36265</v>
      </c>
      <c r="L12453" s="5" t="s">
        <v>36264</v>
      </c>
      <c r="M12453" s="2" t="s">
        <v>36265</v>
      </c>
      <c r="N12453" s="5" t="s">
        <v>36266</v>
      </c>
      <c r="O12453" s="5" t="s">
        <v>38</v>
      </c>
      <c r="P12453" s="5" t="s">
        <v>39</v>
      </c>
      <c r="Q12453" s="5" t="s">
        <v>40</v>
      </c>
      <c r="R12453" s="5" t="s">
        <v>1522</v>
      </c>
      <c r="S12453" s="5" t="s">
        <v>1523</v>
      </c>
      <c r="T12453" s="5" t="s">
        <v>42</v>
      </c>
      <c r="U12453" s="2">
        <v>2.0049999999999999</v>
      </c>
      <c r="V12453" s="2">
        <v>1.222</v>
      </c>
      <c r="W12453" s="2">
        <v>2.1999999999999999E-2</v>
      </c>
      <c r="X12453" s="2">
        <v>176.8</v>
      </c>
      <c r="Y12453" s="2">
        <v>7.6</v>
      </c>
      <c r="Z12453" s="2">
        <v>16.7</v>
      </c>
      <c r="AA12453" s="5"/>
      <c r="AB12453" s="5" t="s">
        <v>43</v>
      </c>
      <c r="AC12453" s="5" t="s">
        <v>44</v>
      </c>
      <c r="AD12453" s="2"/>
      <c r="AE12453" s="1"/>
    </row>
    <row r="12454" spans="1:31" ht="14.45">
      <c r="A12454" s="11"/>
      <c r="B12454" s="20"/>
      <c r="C12454" s="2" t="s">
        <v>38290</v>
      </c>
      <c r="D12454" s="14" t="s">
        <v>38291</v>
      </c>
      <c r="E12454" s="2" t="s">
        <v>38292</v>
      </c>
      <c r="F12454" s="2" t="s">
        <v>36381</v>
      </c>
      <c r="G12454" s="8">
        <v>201</v>
      </c>
      <c r="H12454" s="5">
        <v>6</v>
      </c>
      <c r="I12454" s="5" t="s">
        <v>1518</v>
      </c>
      <c r="J12454" s="5" t="s">
        <v>36264</v>
      </c>
      <c r="K12454" s="2" t="s">
        <v>36265</v>
      </c>
      <c r="L12454" s="5" t="s">
        <v>36264</v>
      </c>
      <c r="M12454" s="2" t="s">
        <v>36265</v>
      </c>
      <c r="N12454" s="5" t="s">
        <v>36266</v>
      </c>
      <c r="O12454" s="5" t="s">
        <v>38</v>
      </c>
      <c r="P12454" s="5" t="s">
        <v>39</v>
      </c>
      <c r="Q12454" s="5" t="s">
        <v>40</v>
      </c>
      <c r="R12454" s="5" t="s">
        <v>1522</v>
      </c>
      <c r="S12454" s="5" t="s">
        <v>1523</v>
      </c>
      <c r="T12454" s="5" t="s">
        <v>42</v>
      </c>
      <c r="U12454" s="2">
        <v>2.0299999999999998</v>
      </c>
      <c r="V12454" s="2">
        <v>1.2470000000000001</v>
      </c>
      <c r="W12454" s="2">
        <v>2.1999999999999999E-2</v>
      </c>
      <c r="X12454" s="2">
        <v>176.8</v>
      </c>
      <c r="Y12454" s="2">
        <v>7.6</v>
      </c>
      <c r="Z12454" s="2">
        <v>16.7</v>
      </c>
      <c r="AA12454" s="5"/>
      <c r="AB12454" s="5" t="s">
        <v>43</v>
      </c>
      <c r="AC12454" s="5" t="s">
        <v>44</v>
      </c>
      <c r="AD12454" s="2"/>
      <c r="AE12454" s="1"/>
    </row>
    <row r="12455" spans="1:31" ht="14.45">
      <c r="A12455" s="11"/>
      <c r="B12455" s="20"/>
      <c r="C12455" s="2" t="s">
        <v>38293</v>
      </c>
      <c r="D12455" s="14" t="s">
        <v>38294</v>
      </c>
      <c r="E12455" s="2" t="s">
        <v>38295</v>
      </c>
      <c r="F12455" s="2" t="s">
        <v>36385</v>
      </c>
      <c r="G12455" s="8">
        <v>201</v>
      </c>
      <c r="H12455" s="5">
        <v>6</v>
      </c>
      <c r="I12455" s="5" t="s">
        <v>1518</v>
      </c>
      <c r="J12455" s="5" t="s">
        <v>36264</v>
      </c>
      <c r="K12455" s="2" t="s">
        <v>36265</v>
      </c>
      <c r="L12455" s="5" t="s">
        <v>36264</v>
      </c>
      <c r="M12455" s="2" t="s">
        <v>36265</v>
      </c>
      <c r="N12455" s="5" t="s">
        <v>36266</v>
      </c>
      <c r="O12455" s="5" t="s">
        <v>38</v>
      </c>
      <c r="P12455" s="5" t="s">
        <v>39</v>
      </c>
      <c r="Q12455" s="5" t="s">
        <v>40</v>
      </c>
      <c r="R12455" s="5" t="s">
        <v>1522</v>
      </c>
      <c r="S12455" s="5" t="s">
        <v>1523</v>
      </c>
      <c r="T12455" s="5" t="s">
        <v>42</v>
      </c>
      <c r="U12455" s="2">
        <v>2.0049999999999999</v>
      </c>
      <c r="V12455" s="2">
        <v>1.222</v>
      </c>
      <c r="W12455" s="2">
        <v>2.1999999999999999E-2</v>
      </c>
      <c r="X12455" s="2">
        <v>176.8</v>
      </c>
      <c r="Y12455" s="2">
        <v>7.6</v>
      </c>
      <c r="Z12455" s="2">
        <v>16.7</v>
      </c>
      <c r="AA12455" s="5"/>
      <c r="AB12455" s="5" t="s">
        <v>43</v>
      </c>
      <c r="AC12455" s="5" t="s">
        <v>44</v>
      </c>
      <c r="AD12455" s="2"/>
      <c r="AE12455" s="1"/>
    </row>
    <row r="12456" spans="1:31" ht="14.45">
      <c r="A12456" s="11"/>
      <c r="B12456" s="20"/>
      <c r="C12456" s="2" t="s">
        <v>38296</v>
      </c>
      <c r="D12456" s="14" t="s">
        <v>38297</v>
      </c>
      <c r="E12456" s="2" t="s">
        <v>38298</v>
      </c>
      <c r="F12456" s="2" t="s">
        <v>36389</v>
      </c>
      <c r="G12456" s="8">
        <v>201</v>
      </c>
      <c r="H12456" s="5">
        <v>6</v>
      </c>
      <c r="I12456" s="5" t="s">
        <v>1518</v>
      </c>
      <c r="J12456" s="5" t="s">
        <v>36264</v>
      </c>
      <c r="K12456" s="2" t="s">
        <v>36265</v>
      </c>
      <c r="L12456" s="5" t="s">
        <v>36264</v>
      </c>
      <c r="M12456" s="2" t="s">
        <v>36265</v>
      </c>
      <c r="N12456" s="5" t="s">
        <v>36266</v>
      </c>
      <c r="O12456" s="5" t="s">
        <v>38</v>
      </c>
      <c r="P12456" s="5" t="s">
        <v>39</v>
      </c>
      <c r="Q12456" s="5" t="s">
        <v>40</v>
      </c>
      <c r="R12456" s="5" t="s">
        <v>1522</v>
      </c>
      <c r="S12456" s="5" t="s">
        <v>1523</v>
      </c>
      <c r="T12456" s="5" t="s">
        <v>42</v>
      </c>
      <c r="U12456" s="2">
        <v>2.0299999999999998</v>
      </c>
      <c r="V12456" s="2">
        <v>1.2470000000000001</v>
      </c>
      <c r="W12456" s="2">
        <v>2.1999999999999999E-2</v>
      </c>
      <c r="X12456" s="2">
        <v>176.8</v>
      </c>
      <c r="Y12456" s="2">
        <v>7.6</v>
      </c>
      <c r="Z12456" s="2">
        <v>16.7</v>
      </c>
      <c r="AA12456" s="5"/>
      <c r="AB12456" s="5" t="s">
        <v>43</v>
      </c>
      <c r="AC12456" s="5" t="s">
        <v>44</v>
      </c>
      <c r="AD12456" s="2"/>
      <c r="AE12456" s="1"/>
    </row>
    <row r="12457" spans="1:31" ht="14.45">
      <c r="A12457" s="11"/>
      <c r="B12457" s="20"/>
      <c r="C12457" s="2" t="s">
        <v>38299</v>
      </c>
      <c r="D12457" s="14" t="s">
        <v>38300</v>
      </c>
      <c r="E12457" s="2" t="s">
        <v>38301</v>
      </c>
      <c r="F12457" s="2" t="s">
        <v>7204</v>
      </c>
      <c r="G12457" s="8">
        <v>159</v>
      </c>
      <c r="H12457" s="5">
        <v>6</v>
      </c>
      <c r="I12457" s="5" t="s">
        <v>1518</v>
      </c>
      <c r="J12457" s="5" t="s">
        <v>36264</v>
      </c>
      <c r="K12457" s="2" t="s">
        <v>36265</v>
      </c>
      <c r="L12457" s="5" t="s">
        <v>36264</v>
      </c>
      <c r="M12457" s="2" t="s">
        <v>36265</v>
      </c>
      <c r="N12457" s="5" t="s">
        <v>36266</v>
      </c>
      <c r="O12457" s="5" t="s">
        <v>38</v>
      </c>
      <c r="P12457" s="5" t="s">
        <v>39</v>
      </c>
      <c r="Q12457" s="5" t="s">
        <v>40</v>
      </c>
      <c r="R12457" s="5" t="s">
        <v>1522</v>
      </c>
      <c r="S12457" s="5" t="s">
        <v>1523</v>
      </c>
      <c r="T12457" s="5" t="s">
        <v>42</v>
      </c>
      <c r="U12457" s="2">
        <v>1.407</v>
      </c>
      <c r="V12457" s="2">
        <v>0.92600000000000005</v>
      </c>
      <c r="W12457" s="2">
        <v>1.2999999999999999E-2</v>
      </c>
      <c r="X12457" s="2">
        <v>99.1</v>
      </c>
      <c r="Y12457" s="2">
        <v>7.6</v>
      </c>
      <c r="Z12457" s="2">
        <v>16.7</v>
      </c>
      <c r="AA12457" s="5"/>
      <c r="AB12457" s="5" t="s">
        <v>43</v>
      </c>
      <c r="AC12457" s="5" t="s">
        <v>44</v>
      </c>
      <c r="AD12457" s="2"/>
      <c r="AE12457" s="1"/>
    </row>
    <row r="12458" spans="1:31" ht="14.45">
      <c r="A12458" s="11"/>
      <c r="B12458" s="20"/>
      <c r="C12458" s="2" t="s">
        <v>38302</v>
      </c>
      <c r="D12458" s="14" t="s">
        <v>38303</v>
      </c>
      <c r="E12458" s="2" t="s">
        <v>38304</v>
      </c>
      <c r="F12458" s="2" t="s">
        <v>7514</v>
      </c>
      <c r="G12458" s="8">
        <v>159</v>
      </c>
      <c r="H12458" s="5">
        <v>6</v>
      </c>
      <c r="I12458" s="5" t="s">
        <v>1518</v>
      </c>
      <c r="J12458" s="5" t="s">
        <v>36264</v>
      </c>
      <c r="K12458" s="2" t="s">
        <v>36265</v>
      </c>
      <c r="L12458" s="5" t="s">
        <v>36264</v>
      </c>
      <c r="M12458" s="2" t="s">
        <v>36265</v>
      </c>
      <c r="N12458" s="5" t="s">
        <v>36266</v>
      </c>
      <c r="O12458" s="5" t="s">
        <v>38</v>
      </c>
      <c r="P12458" s="5" t="s">
        <v>39</v>
      </c>
      <c r="Q12458" s="5" t="s">
        <v>40</v>
      </c>
      <c r="R12458" s="5" t="s">
        <v>1522</v>
      </c>
      <c r="S12458" s="5" t="s">
        <v>1523</v>
      </c>
      <c r="T12458" s="5" t="s">
        <v>42</v>
      </c>
      <c r="U12458" s="2">
        <v>1.4379999999999999</v>
      </c>
      <c r="V12458" s="2">
        <v>0.95699999999999996</v>
      </c>
      <c r="W12458" s="2">
        <v>1.2999999999999999E-2</v>
      </c>
      <c r="X12458" s="2">
        <v>99.1</v>
      </c>
      <c r="Y12458" s="2">
        <v>7.6</v>
      </c>
      <c r="Z12458" s="2">
        <v>16.7</v>
      </c>
      <c r="AA12458" s="5"/>
      <c r="AB12458" s="5" t="s">
        <v>43</v>
      </c>
      <c r="AC12458" s="5" t="s">
        <v>44</v>
      </c>
      <c r="AD12458" s="2"/>
      <c r="AE12458" s="1"/>
    </row>
    <row r="12459" spans="1:31" ht="14.45">
      <c r="A12459" s="11"/>
      <c r="B12459" s="20"/>
      <c r="C12459" s="2" t="s">
        <v>38305</v>
      </c>
      <c r="D12459" s="14" t="s">
        <v>38306</v>
      </c>
      <c r="E12459" s="2" t="s">
        <v>38307</v>
      </c>
      <c r="F12459" s="2" t="s">
        <v>36273</v>
      </c>
      <c r="G12459" s="8">
        <v>159</v>
      </c>
      <c r="H12459" s="5">
        <v>6</v>
      </c>
      <c r="I12459" s="5" t="s">
        <v>1518</v>
      </c>
      <c r="J12459" s="5" t="s">
        <v>36264</v>
      </c>
      <c r="K12459" s="2" t="s">
        <v>36265</v>
      </c>
      <c r="L12459" s="5" t="s">
        <v>36264</v>
      </c>
      <c r="M12459" s="2" t="s">
        <v>36265</v>
      </c>
      <c r="N12459" s="5" t="s">
        <v>36266</v>
      </c>
      <c r="O12459" s="5" t="s">
        <v>38</v>
      </c>
      <c r="P12459" s="5" t="s">
        <v>39</v>
      </c>
      <c r="Q12459" s="5" t="s">
        <v>40</v>
      </c>
      <c r="R12459" s="5" t="s">
        <v>1522</v>
      </c>
      <c r="S12459" s="5" t="s">
        <v>1523</v>
      </c>
      <c r="T12459" s="5" t="s">
        <v>42</v>
      </c>
      <c r="U12459" s="2">
        <v>1.407</v>
      </c>
      <c r="V12459" s="2">
        <v>0.92600000000000005</v>
      </c>
      <c r="W12459" s="2">
        <v>1.2999999999999999E-2</v>
      </c>
      <c r="X12459" s="2">
        <v>99.1</v>
      </c>
      <c r="Y12459" s="2">
        <v>7.6</v>
      </c>
      <c r="Z12459" s="2">
        <v>16.7</v>
      </c>
      <c r="AA12459" s="5"/>
      <c r="AB12459" s="5" t="s">
        <v>43</v>
      </c>
      <c r="AC12459" s="5" t="s">
        <v>44</v>
      </c>
      <c r="AD12459" s="2"/>
      <c r="AE12459" s="1"/>
    </row>
    <row r="12460" spans="1:31" ht="14.45">
      <c r="A12460" s="11"/>
      <c r="B12460" s="20"/>
      <c r="C12460" s="2" t="s">
        <v>38308</v>
      </c>
      <c r="D12460" s="14" t="s">
        <v>38309</v>
      </c>
      <c r="E12460" s="2" t="s">
        <v>38310</v>
      </c>
      <c r="F12460" s="2" t="s">
        <v>36277</v>
      </c>
      <c r="G12460" s="8">
        <v>159</v>
      </c>
      <c r="H12460" s="5">
        <v>6</v>
      </c>
      <c r="I12460" s="5" t="s">
        <v>1518</v>
      </c>
      <c r="J12460" s="5" t="s">
        <v>36264</v>
      </c>
      <c r="K12460" s="2" t="s">
        <v>36265</v>
      </c>
      <c r="L12460" s="5" t="s">
        <v>36264</v>
      </c>
      <c r="M12460" s="2" t="s">
        <v>36265</v>
      </c>
      <c r="N12460" s="5" t="s">
        <v>36266</v>
      </c>
      <c r="O12460" s="5" t="s">
        <v>38</v>
      </c>
      <c r="P12460" s="5" t="s">
        <v>39</v>
      </c>
      <c r="Q12460" s="5" t="s">
        <v>40</v>
      </c>
      <c r="R12460" s="5" t="s">
        <v>1522</v>
      </c>
      <c r="S12460" s="5" t="s">
        <v>1523</v>
      </c>
      <c r="T12460" s="5" t="s">
        <v>42</v>
      </c>
      <c r="U12460" s="2">
        <v>1.4379999999999999</v>
      </c>
      <c r="V12460" s="2">
        <v>0.95699999999999996</v>
      </c>
      <c r="W12460" s="2">
        <v>1.2999999999999999E-2</v>
      </c>
      <c r="X12460" s="2">
        <v>99.1</v>
      </c>
      <c r="Y12460" s="2">
        <v>7.6</v>
      </c>
      <c r="Z12460" s="2">
        <v>16.7</v>
      </c>
      <c r="AA12460" s="5"/>
      <c r="AB12460" s="5" t="s">
        <v>43</v>
      </c>
      <c r="AC12460" s="5" t="s">
        <v>44</v>
      </c>
      <c r="AD12460" s="2"/>
      <c r="AE12460" s="1"/>
    </row>
    <row r="12461" spans="1:31" ht="14.45">
      <c r="A12461" s="11"/>
      <c r="B12461" s="20"/>
      <c r="C12461" s="2" t="s">
        <v>38311</v>
      </c>
      <c r="D12461" s="14" t="s">
        <v>38312</v>
      </c>
      <c r="E12461" s="2" t="s">
        <v>38313</v>
      </c>
      <c r="F12461" s="2" t="s">
        <v>36281</v>
      </c>
      <c r="G12461" s="8">
        <v>182</v>
      </c>
      <c r="H12461" s="5">
        <v>6</v>
      </c>
      <c r="I12461" s="5" t="s">
        <v>1518</v>
      </c>
      <c r="J12461" s="5" t="s">
        <v>36264</v>
      </c>
      <c r="K12461" s="2" t="s">
        <v>36265</v>
      </c>
      <c r="L12461" s="5" t="s">
        <v>36264</v>
      </c>
      <c r="M12461" s="2" t="s">
        <v>36265</v>
      </c>
      <c r="N12461" s="5" t="s">
        <v>36266</v>
      </c>
      <c r="O12461" s="5" t="s">
        <v>38</v>
      </c>
      <c r="P12461" s="5" t="s">
        <v>39</v>
      </c>
      <c r="Q12461" s="5" t="s">
        <v>40</v>
      </c>
      <c r="R12461" s="5" t="s">
        <v>1522</v>
      </c>
      <c r="S12461" s="5" t="s">
        <v>1523</v>
      </c>
      <c r="T12461" s="5" t="s">
        <v>42</v>
      </c>
      <c r="U12461" s="2">
        <v>1.407</v>
      </c>
      <c r="V12461" s="2">
        <v>0.92600000000000005</v>
      </c>
      <c r="W12461" s="2">
        <v>1.2999999999999999E-2</v>
      </c>
      <c r="X12461" s="2">
        <v>99.1</v>
      </c>
      <c r="Y12461" s="2">
        <v>7.6</v>
      </c>
      <c r="Z12461" s="2">
        <v>16.7</v>
      </c>
      <c r="AA12461" s="5"/>
      <c r="AB12461" s="5" t="s">
        <v>43</v>
      </c>
      <c r="AC12461" s="5" t="s">
        <v>44</v>
      </c>
      <c r="AD12461" s="2"/>
      <c r="AE12461" s="1"/>
    </row>
    <row r="12462" spans="1:31" ht="14.45">
      <c r="A12462" s="11"/>
      <c r="B12462" s="20"/>
      <c r="C12462" s="2" t="s">
        <v>38314</v>
      </c>
      <c r="D12462" s="14" t="s">
        <v>38315</v>
      </c>
      <c r="E12462" s="2" t="s">
        <v>38316</v>
      </c>
      <c r="F12462" s="2" t="s">
        <v>36285</v>
      </c>
      <c r="G12462" s="8">
        <v>182</v>
      </c>
      <c r="H12462" s="5">
        <v>6</v>
      </c>
      <c r="I12462" s="5" t="s">
        <v>1518</v>
      </c>
      <c r="J12462" s="5" t="s">
        <v>36264</v>
      </c>
      <c r="K12462" s="2" t="s">
        <v>36265</v>
      </c>
      <c r="L12462" s="5" t="s">
        <v>36264</v>
      </c>
      <c r="M12462" s="2" t="s">
        <v>36265</v>
      </c>
      <c r="N12462" s="5" t="s">
        <v>36266</v>
      </c>
      <c r="O12462" s="5" t="s">
        <v>38</v>
      </c>
      <c r="P12462" s="5" t="s">
        <v>39</v>
      </c>
      <c r="Q12462" s="5" t="s">
        <v>40</v>
      </c>
      <c r="R12462" s="5" t="s">
        <v>1522</v>
      </c>
      <c r="S12462" s="5" t="s">
        <v>1523</v>
      </c>
      <c r="T12462" s="5" t="s">
        <v>42</v>
      </c>
      <c r="U12462" s="2">
        <v>1.4379999999999999</v>
      </c>
      <c r="V12462" s="2">
        <v>0.95699999999999996</v>
      </c>
      <c r="W12462" s="2">
        <v>1.2999999999999999E-2</v>
      </c>
      <c r="X12462" s="2">
        <v>99.1</v>
      </c>
      <c r="Y12462" s="2">
        <v>7.6</v>
      </c>
      <c r="Z12462" s="2">
        <v>16.7</v>
      </c>
      <c r="AA12462" s="5"/>
      <c r="AB12462" s="5" t="s">
        <v>43</v>
      </c>
      <c r="AC12462" s="5" t="s">
        <v>44</v>
      </c>
      <c r="AD12462" s="2"/>
      <c r="AE12462" s="1"/>
    </row>
    <row r="12463" spans="1:31" ht="14.45">
      <c r="A12463" s="11"/>
      <c r="B12463" s="20"/>
      <c r="C12463" s="2" t="s">
        <v>38317</v>
      </c>
      <c r="D12463" s="14" t="s">
        <v>38318</v>
      </c>
      <c r="E12463" s="2" t="s">
        <v>38319</v>
      </c>
      <c r="F12463" s="2" t="s">
        <v>36289</v>
      </c>
      <c r="G12463" s="8">
        <v>182</v>
      </c>
      <c r="H12463" s="5">
        <v>6</v>
      </c>
      <c r="I12463" s="5" t="s">
        <v>1518</v>
      </c>
      <c r="J12463" s="5" t="s">
        <v>36264</v>
      </c>
      <c r="K12463" s="2" t="s">
        <v>36265</v>
      </c>
      <c r="L12463" s="5" t="s">
        <v>36264</v>
      </c>
      <c r="M12463" s="2" t="s">
        <v>36265</v>
      </c>
      <c r="N12463" s="5" t="s">
        <v>36266</v>
      </c>
      <c r="O12463" s="5" t="s">
        <v>38</v>
      </c>
      <c r="P12463" s="5" t="s">
        <v>39</v>
      </c>
      <c r="Q12463" s="5" t="s">
        <v>40</v>
      </c>
      <c r="R12463" s="5" t="s">
        <v>1522</v>
      </c>
      <c r="S12463" s="5" t="s">
        <v>1523</v>
      </c>
      <c r="T12463" s="5" t="s">
        <v>42</v>
      </c>
      <c r="U12463" s="2">
        <v>1.407</v>
      </c>
      <c r="V12463" s="2">
        <v>0.92600000000000005</v>
      </c>
      <c r="W12463" s="2">
        <v>1.2999999999999999E-2</v>
      </c>
      <c r="X12463" s="2">
        <v>99.1</v>
      </c>
      <c r="Y12463" s="2">
        <v>7.6</v>
      </c>
      <c r="Z12463" s="2">
        <v>16.7</v>
      </c>
      <c r="AA12463" s="5"/>
      <c r="AB12463" s="5" t="s">
        <v>43</v>
      </c>
      <c r="AC12463" s="5" t="s">
        <v>44</v>
      </c>
      <c r="AD12463" s="2"/>
      <c r="AE12463" s="1"/>
    </row>
    <row r="12464" spans="1:31" ht="14.45">
      <c r="A12464" s="11"/>
      <c r="B12464" s="20"/>
      <c r="C12464" s="2" t="s">
        <v>38320</v>
      </c>
      <c r="D12464" s="14" t="s">
        <v>38321</v>
      </c>
      <c r="E12464" s="2" t="s">
        <v>38322</v>
      </c>
      <c r="F12464" s="2" t="s">
        <v>36293</v>
      </c>
      <c r="G12464" s="8">
        <v>182</v>
      </c>
      <c r="H12464" s="5">
        <v>6</v>
      </c>
      <c r="I12464" s="5" t="s">
        <v>1518</v>
      </c>
      <c r="J12464" s="5" t="s">
        <v>36264</v>
      </c>
      <c r="K12464" s="2" t="s">
        <v>36265</v>
      </c>
      <c r="L12464" s="5" t="s">
        <v>36264</v>
      </c>
      <c r="M12464" s="2" t="s">
        <v>36265</v>
      </c>
      <c r="N12464" s="5" t="s">
        <v>36266</v>
      </c>
      <c r="O12464" s="5" t="s">
        <v>38</v>
      </c>
      <c r="P12464" s="5" t="s">
        <v>39</v>
      </c>
      <c r="Q12464" s="5" t="s">
        <v>40</v>
      </c>
      <c r="R12464" s="5" t="s">
        <v>1522</v>
      </c>
      <c r="S12464" s="5" t="s">
        <v>1523</v>
      </c>
      <c r="T12464" s="5" t="s">
        <v>42</v>
      </c>
      <c r="U12464" s="2">
        <v>1.4379999999999999</v>
      </c>
      <c r="V12464" s="2">
        <v>0.95699999999999996</v>
      </c>
      <c r="W12464" s="2">
        <v>1.2999999999999999E-2</v>
      </c>
      <c r="X12464" s="2">
        <v>99.1</v>
      </c>
      <c r="Y12464" s="2">
        <v>7.6</v>
      </c>
      <c r="Z12464" s="2">
        <v>16.7</v>
      </c>
      <c r="AA12464" s="5"/>
      <c r="AB12464" s="5" t="s">
        <v>43</v>
      </c>
      <c r="AC12464" s="5" t="s">
        <v>44</v>
      </c>
      <c r="AD12464" s="2"/>
      <c r="AE12464" s="1"/>
    </row>
    <row r="12465" spans="1:31" ht="14.45">
      <c r="A12465" s="11"/>
      <c r="B12465" s="20"/>
      <c r="C12465" s="2" t="s">
        <v>38323</v>
      </c>
      <c r="D12465" s="14" t="s">
        <v>38324</v>
      </c>
      <c r="E12465" s="2" t="s">
        <v>38325</v>
      </c>
      <c r="F12465" s="2" t="s">
        <v>36297</v>
      </c>
      <c r="G12465" s="8">
        <v>159</v>
      </c>
      <c r="H12465" s="5">
        <v>6</v>
      </c>
      <c r="I12465" s="5" t="s">
        <v>1518</v>
      </c>
      <c r="J12465" s="5" t="s">
        <v>36264</v>
      </c>
      <c r="K12465" s="2" t="s">
        <v>36265</v>
      </c>
      <c r="L12465" s="5" t="s">
        <v>36264</v>
      </c>
      <c r="M12465" s="2" t="s">
        <v>36265</v>
      </c>
      <c r="N12465" s="5" t="s">
        <v>36266</v>
      </c>
      <c r="O12465" s="5" t="s">
        <v>38</v>
      </c>
      <c r="P12465" s="5" t="s">
        <v>39</v>
      </c>
      <c r="Q12465" s="5" t="s">
        <v>40</v>
      </c>
      <c r="R12465" s="5" t="s">
        <v>1522</v>
      </c>
      <c r="S12465" s="5" t="s">
        <v>1523</v>
      </c>
      <c r="T12465" s="5" t="s">
        <v>42</v>
      </c>
      <c r="U12465" s="2">
        <v>1.407</v>
      </c>
      <c r="V12465" s="2">
        <v>0.92600000000000005</v>
      </c>
      <c r="W12465" s="2">
        <v>1.2999999999999999E-2</v>
      </c>
      <c r="X12465" s="2">
        <v>99.1</v>
      </c>
      <c r="Y12465" s="2">
        <v>7.6</v>
      </c>
      <c r="Z12465" s="2">
        <v>16.7</v>
      </c>
      <c r="AA12465" s="5"/>
      <c r="AB12465" s="5" t="s">
        <v>43</v>
      </c>
      <c r="AC12465" s="5" t="s">
        <v>44</v>
      </c>
      <c r="AD12465" s="2"/>
      <c r="AE12465" s="1"/>
    </row>
    <row r="12466" spans="1:31" ht="14.45">
      <c r="A12466" s="11"/>
      <c r="B12466" s="20"/>
      <c r="C12466" s="2" t="s">
        <v>38326</v>
      </c>
      <c r="D12466" s="14" t="s">
        <v>38327</v>
      </c>
      <c r="E12466" s="2" t="s">
        <v>38328</v>
      </c>
      <c r="F12466" s="2" t="s">
        <v>36301</v>
      </c>
      <c r="G12466" s="8">
        <v>159</v>
      </c>
      <c r="H12466" s="5">
        <v>6</v>
      </c>
      <c r="I12466" s="5" t="s">
        <v>1518</v>
      </c>
      <c r="J12466" s="5" t="s">
        <v>36264</v>
      </c>
      <c r="K12466" s="2" t="s">
        <v>36265</v>
      </c>
      <c r="L12466" s="5" t="s">
        <v>36264</v>
      </c>
      <c r="M12466" s="2" t="s">
        <v>36265</v>
      </c>
      <c r="N12466" s="5" t="s">
        <v>36266</v>
      </c>
      <c r="O12466" s="5" t="s">
        <v>38</v>
      </c>
      <c r="P12466" s="5" t="s">
        <v>39</v>
      </c>
      <c r="Q12466" s="5" t="s">
        <v>40</v>
      </c>
      <c r="R12466" s="5" t="s">
        <v>1522</v>
      </c>
      <c r="S12466" s="5" t="s">
        <v>1523</v>
      </c>
      <c r="T12466" s="5" t="s">
        <v>42</v>
      </c>
      <c r="U12466" s="2">
        <v>1.4379999999999999</v>
      </c>
      <c r="V12466" s="2">
        <v>0.95699999999999996</v>
      </c>
      <c r="W12466" s="2">
        <v>1.2999999999999999E-2</v>
      </c>
      <c r="X12466" s="2">
        <v>99.1</v>
      </c>
      <c r="Y12466" s="2">
        <v>7.6</v>
      </c>
      <c r="Z12466" s="2">
        <v>16.7</v>
      </c>
      <c r="AA12466" s="5"/>
      <c r="AB12466" s="5" t="s">
        <v>43</v>
      </c>
      <c r="AC12466" s="5" t="s">
        <v>44</v>
      </c>
      <c r="AD12466" s="2"/>
      <c r="AE12466" s="1"/>
    </row>
    <row r="12467" spans="1:31" ht="14.45">
      <c r="A12467" s="11"/>
      <c r="B12467" s="20"/>
      <c r="C12467" s="2" t="s">
        <v>38329</v>
      </c>
      <c r="D12467" s="14" t="s">
        <v>38330</v>
      </c>
      <c r="E12467" s="2" t="s">
        <v>38331</v>
      </c>
      <c r="F12467" s="2" t="s">
        <v>36305</v>
      </c>
      <c r="G12467" s="8">
        <v>159</v>
      </c>
      <c r="H12467" s="5">
        <v>6</v>
      </c>
      <c r="I12467" s="5" t="s">
        <v>1518</v>
      </c>
      <c r="J12467" s="5" t="s">
        <v>36264</v>
      </c>
      <c r="K12467" s="2" t="s">
        <v>36265</v>
      </c>
      <c r="L12467" s="5" t="s">
        <v>36264</v>
      </c>
      <c r="M12467" s="2" t="s">
        <v>36265</v>
      </c>
      <c r="N12467" s="5" t="s">
        <v>36266</v>
      </c>
      <c r="O12467" s="5" t="s">
        <v>38</v>
      </c>
      <c r="P12467" s="5" t="s">
        <v>39</v>
      </c>
      <c r="Q12467" s="5" t="s">
        <v>40</v>
      </c>
      <c r="R12467" s="5" t="s">
        <v>1522</v>
      </c>
      <c r="S12467" s="5" t="s">
        <v>1523</v>
      </c>
      <c r="T12467" s="5" t="s">
        <v>42</v>
      </c>
      <c r="U12467" s="2">
        <v>1.407</v>
      </c>
      <c r="V12467" s="2">
        <v>0.92600000000000005</v>
      </c>
      <c r="W12467" s="2">
        <v>1.2999999999999999E-2</v>
      </c>
      <c r="X12467" s="2">
        <v>99.1</v>
      </c>
      <c r="Y12467" s="2">
        <v>7.6</v>
      </c>
      <c r="Z12467" s="2">
        <v>16.7</v>
      </c>
      <c r="AA12467" s="5"/>
      <c r="AB12467" s="5" t="s">
        <v>43</v>
      </c>
      <c r="AC12467" s="5" t="s">
        <v>44</v>
      </c>
      <c r="AD12467" s="2"/>
      <c r="AE12467" s="1"/>
    </row>
    <row r="12468" spans="1:31" ht="14.45">
      <c r="A12468" s="11"/>
      <c r="B12468" s="20"/>
      <c r="C12468" s="2" t="s">
        <v>38332</v>
      </c>
      <c r="D12468" s="14" t="s">
        <v>38333</v>
      </c>
      <c r="E12468" s="2" t="s">
        <v>38334</v>
      </c>
      <c r="F12468" s="2" t="s">
        <v>36309</v>
      </c>
      <c r="G12468" s="8">
        <v>159</v>
      </c>
      <c r="H12468" s="5">
        <v>6</v>
      </c>
      <c r="I12468" s="5" t="s">
        <v>1518</v>
      </c>
      <c r="J12468" s="5" t="s">
        <v>36264</v>
      </c>
      <c r="K12468" s="2" t="s">
        <v>36265</v>
      </c>
      <c r="L12468" s="5" t="s">
        <v>36264</v>
      </c>
      <c r="M12468" s="2" t="s">
        <v>36265</v>
      </c>
      <c r="N12468" s="5" t="s">
        <v>36266</v>
      </c>
      <c r="O12468" s="5" t="s">
        <v>38</v>
      </c>
      <c r="P12468" s="5" t="s">
        <v>39</v>
      </c>
      <c r="Q12468" s="5" t="s">
        <v>40</v>
      </c>
      <c r="R12468" s="5" t="s">
        <v>1522</v>
      </c>
      <c r="S12468" s="5" t="s">
        <v>1523</v>
      </c>
      <c r="T12468" s="5" t="s">
        <v>42</v>
      </c>
      <c r="U12468" s="2">
        <v>1.4379999999999999</v>
      </c>
      <c r="V12468" s="2">
        <v>0.95699999999999996</v>
      </c>
      <c r="W12468" s="2">
        <v>1.2999999999999999E-2</v>
      </c>
      <c r="X12468" s="2">
        <v>99.1</v>
      </c>
      <c r="Y12468" s="2">
        <v>7.6</v>
      </c>
      <c r="Z12468" s="2">
        <v>16.7</v>
      </c>
      <c r="AA12468" s="5"/>
      <c r="AB12468" s="5" t="s">
        <v>43</v>
      </c>
      <c r="AC12468" s="5" t="s">
        <v>44</v>
      </c>
      <c r="AD12468" s="2"/>
      <c r="AE12468" s="1"/>
    </row>
    <row r="12469" spans="1:31" ht="14.45">
      <c r="A12469" s="11"/>
      <c r="B12469" s="20"/>
      <c r="C12469" s="2" t="s">
        <v>38335</v>
      </c>
      <c r="D12469" s="14" t="s">
        <v>38336</v>
      </c>
      <c r="E12469" s="2" t="s">
        <v>38337</v>
      </c>
      <c r="F12469" s="2" t="s">
        <v>36313</v>
      </c>
      <c r="G12469" s="8">
        <v>182</v>
      </c>
      <c r="H12469" s="5">
        <v>6</v>
      </c>
      <c r="I12469" s="5" t="s">
        <v>1518</v>
      </c>
      <c r="J12469" s="5" t="s">
        <v>36264</v>
      </c>
      <c r="K12469" s="2" t="s">
        <v>36265</v>
      </c>
      <c r="L12469" s="5" t="s">
        <v>36264</v>
      </c>
      <c r="M12469" s="2" t="s">
        <v>36265</v>
      </c>
      <c r="N12469" s="5" t="s">
        <v>36266</v>
      </c>
      <c r="O12469" s="5" t="s">
        <v>38</v>
      </c>
      <c r="P12469" s="5" t="s">
        <v>39</v>
      </c>
      <c r="Q12469" s="5" t="s">
        <v>40</v>
      </c>
      <c r="R12469" s="5" t="s">
        <v>1522</v>
      </c>
      <c r="S12469" s="5" t="s">
        <v>1523</v>
      </c>
      <c r="T12469" s="5" t="s">
        <v>42</v>
      </c>
      <c r="U12469" s="2">
        <v>1.407</v>
      </c>
      <c r="V12469" s="2">
        <v>0.92600000000000005</v>
      </c>
      <c r="W12469" s="2">
        <v>1.2999999999999999E-2</v>
      </c>
      <c r="X12469" s="2">
        <v>99.1</v>
      </c>
      <c r="Y12469" s="2">
        <v>7.6</v>
      </c>
      <c r="Z12469" s="2">
        <v>16.7</v>
      </c>
      <c r="AA12469" s="5"/>
      <c r="AB12469" s="5" t="s">
        <v>43</v>
      </c>
      <c r="AC12469" s="5" t="s">
        <v>44</v>
      </c>
      <c r="AD12469" s="2"/>
      <c r="AE12469" s="1"/>
    </row>
    <row r="12470" spans="1:31" ht="14.45">
      <c r="A12470" s="11"/>
      <c r="B12470" s="20"/>
      <c r="C12470" s="2" t="s">
        <v>38338</v>
      </c>
      <c r="D12470" s="14" t="s">
        <v>38339</v>
      </c>
      <c r="E12470" s="2" t="s">
        <v>38340</v>
      </c>
      <c r="F12470" s="2" t="s">
        <v>36317</v>
      </c>
      <c r="G12470" s="8">
        <v>182</v>
      </c>
      <c r="H12470" s="5">
        <v>6</v>
      </c>
      <c r="I12470" s="5" t="s">
        <v>1518</v>
      </c>
      <c r="J12470" s="5" t="s">
        <v>36264</v>
      </c>
      <c r="K12470" s="2" t="s">
        <v>36265</v>
      </c>
      <c r="L12470" s="5" t="s">
        <v>36264</v>
      </c>
      <c r="M12470" s="2" t="s">
        <v>36265</v>
      </c>
      <c r="N12470" s="5" t="s">
        <v>36266</v>
      </c>
      <c r="O12470" s="5" t="s">
        <v>38</v>
      </c>
      <c r="P12470" s="5" t="s">
        <v>39</v>
      </c>
      <c r="Q12470" s="5" t="s">
        <v>40</v>
      </c>
      <c r="R12470" s="5" t="s">
        <v>1522</v>
      </c>
      <c r="S12470" s="5" t="s">
        <v>1523</v>
      </c>
      <c r="T12470" s="5" t="s">
        <v>42</v>
      </c>
      <c r="U12470" s="2">
        <v>1.4379999999999999</v>
      </c>
      <c r="V12470" s="2">
        <v>0.95699999999999996</v>
      </c>
      <c r="W12470" s="2">
        <v>1.2999999999999999E-2</v>
      </c>
      <c r="X12470" s="2">
        <v>99.1</v>
      </c>
      <c r="Y12470" s="2">
        <v>7.6</v>
      </c>
      <c r="Z12470" s="2">
        <v>16.7</v>
      </c>
      <c r="AA12470" s="5"/>
      <c r="AB12470" s="5" t="s">
        <v>43</v>
      </c>
      <c r="AC12470" s="5" t="s">
        <v>44</v>
      </c>
      <c r="AD12470" s="2"/>
      <c r="AE12470" s="1"/>
    </row>
    <row r="12471" spans="1:31" ht="14.45">
      <c r="A12471" s="11"/>
      <c r="B12471" s="20"/>
      <c r="C12471" s="2" t="s">
        <v>38341</v>
      </c>
      <c r="D12471" s="14" t="s">
        <v>38342</v>
      </c>
      <c r="E12471" s="2" t="s">
        <v>38343</v>
      </c>
      <c r="F12471" s="2" t="s">
        <v>36321</v>
      </c>
      <c r="G12471" s="8">
        <v>182</v>
      </c>
      <c r="H12471" s="5">
        <v>6</v>
      </c>
      <c r="I12471" s="5" t="s">
        <v>1518</v>
      </c>
      <c r="J12471" s="5" t="s">
        <v>36264</v>
      </c>
      <c r="K12471" s="2" t="s">
        <v>36265</v>
      </c>
      <c r="L12471" s="5" t="s">
        <v>36264</v>
      </c>
      <c r="M12471" s="2" t="s">
        <v>36265</v>
      </c>
      <c r="N12471" s="5" t="s">
        <v>36266</v>
      </c>
      <c r="O12471" s="5" t="s">
        <v>38</v>
      </c>
      <c r="P12471" s="5" t="s">
        <v>39</v>
      </c>
      <c r="Q12471" s="5" t="s">
        <v>40</v>
      </c>
      <c r="R12471" s="5" t="s">
        <v>1522</v>
      </c>
      <c r="S12471" s="5" t="s">
        <v>1523</v>
      </c>
      <c r="T12471" s="5" t="s">
        <v>42</v>
      </c>
      <c r="U12471" s="2">
        <v>1.407</v>
      </c>
      <c r="V12471" s="2">
        <v>0.92600000000000005</v>
      </c>
      <c r="W12471" s="2">
        <v>1.2999999999999999E-2</v>
      </c>
      <c r="X12471" s="2">
        <v>99.1</v>
      </c>
      <c r="Y12471" s="2">
        <v>7.6</v>
      </c>
      <c r="Z12471" s="2">
        <v>16.7</v>
      </c>
      <c r="AA12471" s="5"/>
      <c r="AB12471" s="5" t="s">
        <v>43</v>
      </c>
      <c r="AC12471" s="5" t="s">
        <v>44</v>
      </c>
      <c r="AD12471" s="2"/>
      <c r="AE12471" s="1"/>
    </row>
    <row r="12472" spans="1:31" ht="14.45">
      <c r="A12472" s="11"/>
      <c r="B12472" s="20"/>
      <c r="C12472" s="2" t="s">
        <v>38344</v>
      </c>
      <c r="D12472" s="14" t="s">
        <v>38345</v>
      </c>
      <c r="E12472" s="2" t="s">
        <v>38346</v>
      </c>
      <c r="F12472" s="2" t="s">
        <v>36325</v>
      </c>
      <c r="G12472" s="8">
        <v>182</v>
      </c>
      <c r="H12472" s="5">
        <v>6</v>
      </c>
      <c r="I12472" s="5" t="s">
        <v>1518</v>
      </c>
      <c r="J12472" s="5" t="s">
        <v>36264</v>
      </c>
      <c r="K12472" s="2" t="s">
        <v>36265</v>
      </c>
      <c r="L12472" s="5" t="s">
        <v>36264</v>
      </c>
      <c r="M12472" s="2" t="s">
        <v>36265</v>
      </c>
      <c r="N12472" s="5" t="s">
        <v>36266</v>
      </c>
      <c r="O12472" s="5" t="s">
        <v>38</v>
      </c>
      <c r="P12472" s="5" t="s">
        <v>39</v>
      </c>
      <c r="Q12472" s="5" t="s">
        <v>40</v>
      </c>
      <c r="R12472" s="5" t="s">
        <v>1522</v>
      </c>
      <c r="S12472" s="5" t="s">
        <v>1523</v>
      </c>
      <c r="T12472" s="5" t="s">
        <v>42</v>
      </c>
      <c r="U12472" s="2">
        <v>1.4379999999999999</v>
      </c>
      <c r="V12472" s="2">
        <v>0.95699999999999996</v>
      </c>
      <c r="W12472" s="2">
        <v>1.2999999999999999E-2</v>
      </c>
      <c r="X12472" s="2">
        <v>99.1</v>
      </c>
      <c r="Y12472" s="2">
        <v>7.6</v>
      </c>
      <c r="Z12472" s="2">
        <v>16.7</v>
      </c>
      <c r="AA12472" s="5"/>
      <c r="AB12472" s="5" t="s">
        <v>43</v>
      </c>
      <c r="AC12472" s="5" t="s">
        <v>44</v>
      </c>
      <c r="AD12472" s="2"/>
      <c r="AE12472" s="1"/>
    </row>
    <row r="12473" spans="1:31" ht="14.45">
      <c r="A12473" s="11"/>
      <c r="B12473" s="20"/>
      <c r="C12473" s="2" t="s">
        <v>38347</v>
      </c>
      <c r="D12473" s="14" t="s">
        <v>38348</v>
      </c>
      <c r="E12473" s="2" t="s">
        <v>38349</v>
      </c>
      <c r="F12473" s="2" t="s">
        <v>36329</v>
      </c>
      <c r="G12473" s="8">
        <v>182</v>
      </c>
      <c r="H12473" s="5">
        <v>6</v>
      </c>
      <c r="I12473" s="5" t="s">
        <v>1518</v>
      </c>
      <c r="J12473" s="5" t="s">
        <v>36264</v>
      </c>
      <c r="K12473" s="2" t="s">
        <v>36265</v>
      </c>
      <c r="L12473" s="5" t="s">
        <v>36264</v>
      </c>
      <c r="M12473" s="2" t="s">
        <v>36265</v>
      </c>
      <c r="N12473" s="5" t="s">
        <v>36266</v>
      </c>
      <c r="O12473" s="5" t="s">
        <v>38</v>
      </c>
      <c r="P12473" s="5" t="s">
        <v>39</v>
      </c>
      <c r="Q12473" s="5" t="s">
        <v>40</v>
      </c>
      <c r="R12473" s="5" t="s">
        <v>1522</v>
      </c>
      <c r="S12473" s="5" t="s">
        <v>1523</v>
      </c>
      <c r="T12473" s="5" t="s">
        <v>42</v>
      </c>
      <c r="U12473" s="2">
        <v>1.407</v>
      </c>
      <c r="V12473" s="2">
        <v>0.92600000000000005</v>
      </c>
      <c r="W12473" s="2">
        <v>1.2999999999999999E-2</v>
      </c>
      <c r="X12473" s="2">
        <v>99.1</v>
      </c>
      <c r="Y12473" s="2">
        <v>7.6</v>
      </c>
      <c r="Z12473" s="2">
        <v>16.7</v>
      </c>
      <c r="AA12473" s="5"/>
      <c r="AB12473" s="5" t="s">
        <v>43</v>
      </c>
      <c r="AC12473" s="5" t="s">
        <v>44</v>
      </c>
      <c r="AD12473" s="2"/>
      <c r="AE12473" s="1"/>
    </row>
    <row r="12474" spans="1:31" ht="14.45">
      <c r="A12474" s="11"/>
      <c r="B12474" s="20"/>
      <c r="C12474" s="2" t="s">
        <v>38350</v>
      </c>
      <c r="D12474" s="14" t="s">
        <v>38351</v>
      </c>
      <c r="E12474" s="2" t="s">
        <v>38352</v>
      </c>
      <c r="F12474" s="2" t="s">
        <v>36333</v>
      </c>
      <c r="G12474" s="8">
        <v>182</v>
      </c>
      <c r="H12474" s="5">
        <v>6</v>
      </c>
      <c r="I12474" s="5" t="s">
        <v>1518</v>
      </c>
      <c r="J12474" s="5" t="s">
        <v>36264</v>
      </c>
      <c r="K12474" s="2" t="s">
        <v>36265</v>
      </c>
      <c r="L12474" s="5" t="s">
        <v>36264</v>
      </c>
      <c r="M12474" s="2" t="s">
        <v>36265</v>
      </c>
      <c r="N12474" s="5" t="s">
        <v>36266</v>
      </c>
      <c r="O12474" s="5" t="s">
        <v>38</v>
      </c>
      <c r="P12474" s="5" t="s">
        <v>39</v>
      </c>
      <c r="Q12474" s="5" t="s">
        <v>40</v>
      </c>
      <c r="R12474" s="5" t="s">
        <v>1522</v>
      </c>
      <c r="S12474" s="5" t="s">
        <v>1523</v>
      </c>
      <c r="T12474" s="5" t="s">
        <v>42</v>
      </c>
      <c r="U12474" s="2">
        <v>1.4379999999999999</v>
      </c>
      <c r="V12474" s="2">
        <v>0.95699999999999996</v>
      </c>
      <c r="W12474" s="2">
        <v>1.2999999999999999E-2</v>
      </c>
      <c r="X12474" s="2">
        <v>99.1</v>
      </c>
      <c r="Y12474" s="2">
        <v>7.6</v>
      </c>
      <c r="Z12474" s="2">
        <v>16.7</v>
      </c>
      <c r="AA12474" s="5"/>
      <c r="AB12474" s="5" t="s">
        <v>43</v>
      </c>
      <c r="AC12474" s="5" t="s">
        <v>44</v>
      </c>
      <c r="AD12474" s="2"/>
      <c r="AE12474" s="1"/>
    </row>
    <row r="12475" spans="1:31" ht="14.45">
      <c r="A12475" s="11"/>
      <c r="B12475" s="20"/>
      <c r="C12475" s="2" t="s">
        <v>38353</v>
      </c>
      <c r="D12475" s="14" t="s">
        <v>38354</v>
      </c>
      <c r="E12475" s="2" t="s">
        <v>38355</v>
      </c>
      <c r="F12475" s="2" t="s">
        <v>36337</v>
      </c>
      <c r="G12475" s="8">
        <v>182</v>
      </c>
      <c r="H12475" s="5">
        <v>6</v>
      </c>
      <c r="I12475" s="5" t="s">
        <v>1518</v>
      </c>
      <c r="J12475" s="5" t="s">
        <v>36264</v>
      </c>
      <c r="K12475" s="2" t="s">
        <v>36265</v>
      </c>
      <c r="L12475" s="5" t="s">
        <v>36264</v>
      </c>
      <c r="M12475" s="2" t="s">
        <v>36265</v>
      </c>
      <c r="N12475" s="5" t="s">
        <v>36266</v>
      </c>
      <c r="O12475" s="5" t="s">
        <v>38</v>
      </c>
      <c r="P12475" s="5" t="s">
        <v>39</v>
      </c>
      <c r="Q12475" s="5" t="s">
        <v>40</v>
      </c>
      <c r="R12475" s="5" t="s">
        <v>1522</v>
      </c>
      <c r="S12475" s="5" t="s">
        <v>1523</v>
      </c>
      <c r="T12475" s="5" t="s">
        <v>42</v>
      </c>
      <c r="U12475" s="2">
        <v>1.407</v>
      </c>
      <c r="V12475" s="2">
        <v>0.92600000000000005</v>
      </c>
      <c r="W12475" s="2">
        <v>1.2999999999999999E-2</v>
      </c>
      <c r="X12475" s="2">
        <v>99.1</v>
      </c>
      <c r="Y12475" s="2">
        <v>7.6</v>
      </c>
      <c r="Z12475" s="2">
        <v>16.7</v>
      </c>
      <c r="AA12475" s="5"/>
      <c r="AB12475" s="5" t="s">
        <v>43</v>
      </c>
      <c r="AC12475" s="5" t="s">
        <v>44</v>
      </c>
      <c r="AD12475" s="2"/>
      <c r="AE12475" s="1"/>
    </row>
    <row r="12476" spans="1:31" ht="14.45">
      <c r="A12476" s="11"/>
      <c r="B12476" s="20"/>
      <c r="C12476" s="2" t="s">
        <v>38356</v>
      </c>
      <c r="D12476" s="14" t="s">
        <v>38357</v>
      </c>
      <c r="E12476" s="2" t="s">
        <v>38358</v>
      </c>
      <c r="F12476" s="2" t="s">
        <v>36341</v>
      </c>
      <c r="G12476" s="8">
        <v>182</v>
      </c>
      <c r="H12476" s="5">
        <v>6</v>
      </c>
      <c r="I12476" s="5" t="s">
        <v>1518</v>
      </c>
      <c r="J12476" s="5" t="s">
        <v>36264</v>
      </c>
      <c r="K12476" s="2" t="s">
        <v>36265</v>
      </c>
      <c r="L12476" s="5" t="s">
        <v>36264</v>
      </c>
      <c r="M12476" s="2" t="s">
        <v>36265</v>
      </c>
      <c r="N12476" s="5" t="s">
        <v>36266</v>
      </c>
      <c r="O12476" s="5" t="s">
        <v>38</v>
      </c>
      <c r="P12476" s="5" t="s">
        <v>39</v>
      </c>
      <c r="Q12476" s="5" t="s">
        <v>40</v>
      </c>
      <c r="R12476" s="5" t="s">
        <v>1522</v>
      </c>
      <c r="S12476" s="5" t="s">
        <v>1523</v>
      </c>
      <c r="T12476" s="5" t="s">
        <v>42</v>
      </c>
      <c r="U12476" s="2">
        <v>1.4379999999999999</v>
      </c>
      <c r="V12476" s="2">
        <v>0.95699999999999996</v>
      </c>
      <c r="W12476" s="2">
        <v>1.2999999999999999E-2</v>
      </c>
      <c r="X12476" s="2">
        <v>99.1</v>
      </c>
      <c r="Y12476" s="2">
        <v>7.6</v>
      </c>
      <c r="Z12476" s="2">
        <v>16.7</v>
      </c>
      <c r="AA12476" s="5"/>
      <c r="AB12476" s="5" t="s">
        <v>43</v>
      </c>
      <c r="AC12476" s="5" t="s">
        <v>44</v>
      </c>
      <c r="AD12476" s="2"/>
      <c r="AE12476" s="1"/>
    </row>
    <row r="12477" spans="1:31" ht="14.45">
      <c r="A12477" s="11"/>
      <c r="B12477" s="20"/>
      <c r="C12477" s="2" t="s">
        <v>38359</v>
      </c>
      <c r="D12477" s="14" t="s">
        <v>38360</v>
      </c>
      <c r="E12477" s="2" t="s">
        <v>38361</v>
      </c>
      <c r="F12477" s="2" t="s">
        <v>36345</v>
      </c>
      <c r="G12477" s="8">
        <v>182</v>
      </c>
      <c r="H12477" s="5">
        <v>6</v>
      </c>
      <c r="I12477" s="5" t="s">
        <v>1518</v>
      </c>
      <c r="J12477" s="5" t="s">
        <v>36264</v>
      </c>
      <c r="K12477" s="2" t="s">
        <v>36265</v>
      </c>
      <c r="L12477" s="5" t="s">
        <v>36264</v>
      </c>
      <c r="M12477" s="2" t="s">
        <v>36265</v>
      </c>
      <c r="N12477" s="5" t="s">
        <v>36266</v>
      </c>
      <c r="O12477" s="5" t="s">
        <v>38</v>
      </c>
      <c r="P12477" s="5" t="s">
        <v>39</v>
      </c>
      <c r="Q12477" s="5" t="s">
        <v>40</v>
      </c>
      <c r="R12477" s="5" t="s">
        <v>1522</v>
      </c>
      <c r="S12477" s="5" t="s">
        <v>1523</v>
      </c>
      <c r="T12477" s="5" t="s">
        <v>42</v>
      </c>
      <c r="U12477" s="2">
        <v>1.407</v>
      </c>
      <c r="V12477" s="2">
        <v>0.92600000000000005</v>
      </c>
      <c r="W12477" s="2">
        <v>1.2999999999999999E-2</v>
      </c>
      <c r="X12477" s="2">
        <v>99.1</v>
      </c>
      <c r="Y12477" s="2">
        <v>7.6</v>
      </c>
      <c r="Z12477" s="2">
        <v>16.7</v>
      </c>
      <c r="AA12477" s="5"/>
      <c r="AB12477" s="5" t="s">
        <v>43</v>
      </c>
      <c r="AC12477" s="5" t="s">
        <v>44</v>
      </c>
      <c r="AD12477" s="2"/>
      <c r="AE12477" s="1"/>
    </row>
    <row r="12478" spans="1:31" ht="14.45">
      <c r="A12478" s="11"/>
      <c r="B12478" s="20"/>
      <c r="C12478" s="2" t="s">
        <v>38362</v>
      </c>
      <c r="D12478" s="14" t="s">
        <v>38363</v>
      </c>
      <c r="E12478" s="2" t="s">
        <v>38364</v>
      </c>
      <c r="F12478" s="2" t="s">
        <v>36349</v>
      </c>
      <c r="G12478" s="8">
        <v>182</v>
      </c>
      <c r="H12478" s="5">
        <v>6</v>
      </c>
      <c r="I12478" s="5" t="s">
        <v>1518</v>
      </c>
      <c r="J12478" s="5" t="s">
        <v>36264</v>
      </c>
      <c r="K12478" s="2" t="s">
        <v>36265</v>
      </c>
      <c r="L12478" s="5" t="s">
        <v>36264</v>
      </c>
      <c r="M12478" s="2" t="s">
        <v>36265</v>
      </c>
      <c r="N12478" s="5" t="s">
        <v>36266</v>
      </c>
      <c r="O12478" s="5" t="s">
        <v>38</v>
      </c>
      <c r="P12478" s="5" t="s">
        <v>39</v>
      </c>
      <c r="Q12478" s="5" t="s">
        <v>40</v>
      </c>
      <c r="R12478" s="5" t="s">
        <v>1522</v>
      </c>
      <c r="S12478" s="5" t="s">
        <v>1523</v>
      </c>
      <c r="T12478" s="5" t="s">
        <v>42</v>
      </c>
      <c r="U12478" s="2">
        <v>1.4379999999999999</v>
      </c>
      <c r="V12478" s="2">
        <v>0.95699999999999996</v>
      </c>
      <c r="W12478" s="2">
        <v>1.2999999999999999E-2</v>
      </c>
      <c r="X12478" s="2">
        <v>99.1</v>
      </c>
      <c r="Y12478" s="2">
        <v>7.6</v>
      </c>
      <c r="Z12478" s="2">
        <v>16.7</v>
      </c>
      <c r="AA12478" s="5"/>
      <c r="AB12478" s="5" t="s">
        <v>43</v>
      </c>
      <c r="AC12478" s="5" t="s">
        <v>44</v>
      </c>
      <c r="AD12478" s="2"/>
      <c r="AE12478" s="1"/>
    </row>
    <row r="12479" spans="1:31" ht="14.45">
      <c r="A12479" s="11"/>
      <c r="B12479" s="20"/>
      <c r="C12479" s="2" t="s">
        <v>38365</v>
      </c>
      <c r="D12479" s="14" t="s">
        <v>38366</v>
      </c>
      <c r="E12479" s="2" t="s">
        <v>38367</v>
      </c>
      <c r="F12479" s="2" t="s">
        <v>36353</v>
      </c>
      <c r="G12479" s="8">
        <v>182</v>
      </c>
      <c r="H12479" s="5">
        <v>6</v>
      </c>
      <c r="I12479" s="5" t="s">
        <v>1518</v>
      </c>
      <c r="J12479" s="5" t="s">
        <v>36264</v>
      </c>
      <c r="K12479" s="2" t="s">
        <v>36265</v>
      </c>
      <c r="L12479" s="5" t="s">
        <v>36264</v>
      </c>
      <c r="M12479" s="2" t="s">
        <v>36265</v>
      </c>
      <c r="N12479" s="5" t="s">
        <v>36266</v>
      </c>
      <c r="O12479" s="5" t="s">
        <v>38</v>
      </c>
      <c r="P12479" s="5" t="s">
        <v>39</v>
      </c>
      <c r="Q12479" s="5" t="s">
        <v>40</v>
      </c>
      <c r="R12479" s="5" t="s">
        <v>1522</v>
      </c>
      <c r="S12479" s="5" t="s">
        <v>1523</v>
      </c>
      <c r="T12479" s="5" t="s">
        <v>42</v>
      </c>
      <c r="U12479" s="2">
        <v>1.407</v>
      </c>
      <c r="V12479" s="2">
        <v>0.92600000000000005</v>
      </c>
      <c r="W12479" s="2">
        <v>1.2999999999999999E-2</v>
      </c>
      <c r="X12479" s="2">
        <v>99.1</v>
      </c>
      <c r="Y12479" s="2">
        <v>7.6</v>
      </c>
      <c r="Z12479" s="2">
        <v>16.7</v>
      </c>
      <c r="AA12479" s="5"/>
      <c r="AB12479" s="5" t="s">
        <v>43</v>
      </c>
      <c r="AC12479" s="5" t="s">
        <v>44</v>
      </c>
      <c r="AD12479" s="2"/>
      <c r="AE12479" s="1"/>
    </row>
    <row r="12480" spans="1:31" ht="14.45">
      <c r="A12480" s="11"/>
      <c r="B12480" s="20"/>
      <c r="C12480" s="2" t="s">
        <v>38368</v>
      </c>
      <c r="D12480" s="14" t="s">
        <v>38369</v>
      </c>
      <c r="E12480" s="2" t="s">
        <v>38370</v>
      </c>
      <c r="F12480" s="2" t="s">
        <v>36357</v>
      </c>
      <c r="G12480" s="8">
        <v>182</v>
      </c>
      <c r="H12480" s="5">
        <v>6</v>
      </c>
      <c r="I12480" s="5" t="s">
        <v>1518</v>
      </c>
      <c r="J12480" s="5" t="s">
        <v>36264</v>
      </c>
      <c r="K12480" s="2" t="s">
        <v>36265</v>
      </c>
      <c r="L12480" s="5" t="s">
        <v>36264</v>
      </c>
      <c r="M12480" s="2" t="s">
        <v>36265</v>
      </c>
      <c r="N12480" s="5" t="s">
        <v>36266</v>
      </c>
      <c r="O12480" s="5" t="s">
        <v>38</v>
      </c>
      <c r="P12480" s="5" t="s">
        <v>39</v>
      </c>
      <c r="Q12480" s="5" t="s">
        <v>40</v>
      </c>
      <c r="R12480" s="5" t="s">
        <v>1522</v>
      </c>
      <c r="S12480" s="5" t="s">
        <v>1523</v>
      </c>
      <c r="T12480" s="5" t="s">
        <v>42</v>
      </c>
      <c r="U12480" s="2">
        <v>1.4379999999999999</v>
      </c>
      <c r="V12480" s="2">
        <v>0.95699999999999996</v>
      </c>
      <c r="W12480" s="2">
        <v>1.2999999999999999E-2</v>
      </c>
      <c r="X12480" s="2">
        <v>99.1</v>
      </c>
      <c r="Y12480" s="2">
        <v>7.6</v>
      </c>
      <c r="Z12480" s="2">
        <v>16.7</v>
      </c>
      <c r="AA12480" s="5"/>
      <c r="AB12480" s="5" t="s">
        <v>43</v>
      </c>
      <c r="AC12480" s="5" t="s">
        <v>44</v>
      </c>
      <c r="AD12480" s="2"/>
      <c r="AE12480" s="1"/>
    </row>
    <row r="12481" spans="1:31" ht="14.45">
      <c r="A12481" s="11"/>
      <c r="B12481" s="20"/>
      <c r="C12481" s="2" t="s">
        <v>38371</v>
      </c>
      <c r="D12481" s="14" t="s">
        <v>38372</v>
      </c>
      <c r="E12481" s="2" t="s">
        <v>38373</v>
      </c>
      <c r="F12481" s="2" t="s">
        <v>36361</v>
      </c>
      <c r="G12481" s="8">
        <v>182</v>
      </c>
      <c r="H12481" s="5">
        <v>6</v>
      </c>
      <c r="I12481" s="5" t="s">
        <v>1518</v>
      </c>
      <c r="J12481" s="5" t="s">
        <v>36264</v>
      </c>
      <c r="K12481" s="2" t="s">
        <v>36265</v>
      </c>
      <c r="L12481" s="5" t="s">
        <v>36264</v>
      </c>
      <c r="M12481" s="2" t="s">
        <v>36265</v>
      </c>
      <c r="N12481" s="5" t="s">
        <v>36266</v>
      </c>
      <c r="O12481" s="5" t="s">
        <v>38</v>
      </c>
      <c r="P12481" s="5" t="s">
        <v>39</v>
      </c>
      <c r="Q12481" s="5" t="s">
        <v>40</v>
      </c>
      <c r="R12481" s="5" t="s">
        <v>1522</v>
      </c>
      <c r="S12481" s="5" t="s">
        <v>1523</v>
      </c>
      <c r="T12481" s="5" t="s">
        <v>42</v>
      </c>
      <c r="U12481" s="2">
        <v>1.407</v>
      </c>
      <c r="V12481" s="2">
        <v>0.92600000000000005</v>
      </c>
      <c r="W12481" s="2">
        <v>1.2999999999999999E-2</v>
      </c>
      <c r="X12481" s="2">
        <v>99.1</v>
      </c>
      <c r="Y12481" s="2">
        <v>7.6</v>
      </c>
      <c r="Z12481" s="2">
        <v>16.7</v>
      </c>
      <c r="AA12481" s="5"/>
      <c r="AB12481" s="5" t="s">
        <v>43</v>
      </c>
      <c r="AC12481" s="5" t="s">
        <v>44</v>
      </c>
      <c r="AD12481" s="2"/>
      <c r="AE12481" s="1"/>
    </row>
    <row r="12482" spans="1:31" ht="14.45">
      <c r="A12482" s="11"/>
      <c r="B12482" s="20"/>
      <c r="C12482" s="2" t="s">
        <v>38374</v>
      </c>
      <c r="D12482" s="14" t="s">
        <v>38375</v>
      </c>
      <c r="E12482" s="2" t="s">
        <v>38376</v>
      </c>
      <c r="F12482" s="2" t="s">
        <v>36365</v>
      </c>
      <c r="G12482" s="8">
        <v>182</v>
      </c>
      <c r="H12482" s="5">
        <v>6</v>
      </c>
      <c r="I12482" s="5" t="s">
        <v>1518</v>
      </c>
      <c r="J12482" s="5" t="s">
        <v>36264</v>
      </c>
      <c r="K12482" s="2" t="s">
        <v>36265</v>
      </c>
      <c r="L12482" s="5" t="s">
        <v>36264</v>
      </c>
      <c r="M12482" s="2" t="s">
        <v>36265</v>
      </c>
      <c r="N12482" s="5" t="s">
        <v>36266</v>
      </c>
      <c r="O12482" s="5" t="s">
        <v>38</v>
      </c>
      <c r="P12482" s="5" t="s">
        <v>39</v>
      </c>
      <c r="Q12482" s="5" t="s">
        <v>40</v>
      </c>
      <c r="R12482" s="5" t="s">
        <v>1522</v>
      </c>
      <c r="S12482" s="5" t="s">
        <v>1523</v>
      </c>
      <c r="T12482" s="5" t="s">
        <v>42</v>
      </c>
      <c r="U12482" s="2">
        <v>1.4379999999999999</v>
      </c>
      <c r="V12482" s="2">
        <v>0.95699999999999996</v>
      </c>
      <c r="W12482" s="2">
        <v>1.2999999999999999E-2</v>
      </c>
      <c r="X12482" s="2">
        <v>99.1</v>
      </c>
      <c r="Y12482" s="2">
        <v>7.6</v>
      </c>
      <c r="Z12482" s="2">
        <v>16.7</v>
      </c>
      <c r="AA12482" s="5"/>
      <c r="AB12482" s="5" t="s">
        <v>43</v>
      </c>
      <c r="AC12482" s="5" t="s">
        <v>44</v>
      </c>
      <c r="AD12482" s="2"/>
      <c r="AE12482" s="1"/>
    </row>
    <row r="12483" spans="1:31" ht="14.45">
      <c r="A12483" s="11"/>
      <c r="B12483" s="20"/>
      <c r="C12483" s="2" t="s">
        <v>38377</v>
      </c>
      <c r="D12483" s="14" t="s">
        <v>38378</v>
      </c>
      <c r="E12483" s="2" t="s">
        <v>38379</v>
      </c>
      <c r="F12483" s="2" t="s">
        <v>36369</v>
      </c>
      <c r="G12483" s="8">
        <v>182</v>
      </c>
      <c r="H12483" s="5">
        <v>6</v>
      </c>
      <c r="I12483" s="5" t="s">
        <v>1518</v>
      </c>
      <c r="J12483" s="5" t="s">
        <v>36264</v>
      </c>
      <c r="K12483" s="2" t="s">
        <v>36265</v>
      </c>
      <c r="L12483" s="5" t="s">
        <v>36264</v>
      </c>
      <c r="M12483" s="2" t="s">
        <v>36265</v>
      </c>
      <c r="N12483" s="5" t="s">
        <v>36266</v>
      </c>
      <c r="O12483" s="5" t="s">
        <v>38</v>
      </c>
      <c r="P12483" s="5" t="s">
        <v>39</v>
      </c>
      <c r="Q12483" s="5" t="s">
        <v>40</v>
      </c>
      <c r="R12483" s="5" t="s">
        <v>1522</v>
      </c>
      <c r="S12483" s="5" t="s">
        <v>1523</v>
      </c>
      <c r="T12483" s="5" t="s">
        <v>42</v>
      </c>
      <c r="U12483" s="2">
        <v>1.407</v>
      </c>
      <c r="V12483" s="2">
        <v>0.92600000000000005</v>
      </c>
      <c r="W12483" s="2">
        <v>1.2999999999999999E-2</v>
      </c>
      <c r="X12483" s="2">
        <v>99.1</v>
      </c>
      <c r="Y12483" s="2">
        <v>7.6</v>
      </c>
      <c r="Z12483" s="2">
        <v>16.7</v>
      </c>
      <c r="AA12483" s="5"/>
      <c r="AB12483" s="5" t="s">
        <v>43</v>
      </c>
      <c r="AC12483" s="5" t="s">
        <v>44</v>
      </c>
      <c r="AD12483" s="2"/>
      <c r="AE12483" s="1"/>
    </row>
    <row r="12484" spans="1:31" ht="14.45">
      <c r="A12484" s="11"/>
      <c r="B12484" s="20"/>
      <c r="C12484" s="2" t="s">
        <v>38380</v>
      </c>
      <c r="D12484" s="14" t="s">
        <v>38381</v>
      </c>
      <c r="E12484" s="2" t="s">
        <v>38382</v>
      </c>
      <c r="F12484" s="2" t="s">
        <v>36373</v>
      </c>
      <c r="G12484" s="8">
        <v>182</v>
      </c>
      <c r="H12484" s="5">
        <v>6</v>
      </c>
      <c r="I12484" s="5" t="s">
        <v>1518</v>
      </c>
      <c r="J12484" s="5" t="s">
        <v>36264</v>
      </c>
      <c r="K12484" s="2" t="s">
        <v>36265</v>
      </c>
      <c r="L12484" s="5" t="s">
        <v>36264</v>
      </c>
      <c r="M12484" s="2" t="s">
        <v>36265</v>
      </c>
      <c r="N12484" s="5" t="s">
        <v>36266</v>
      </c>
      <c r="O12484" s="5" t="s">
        <v>38</v>
      </c>
      <c r="P12484" s="5" t="s">
        <v>39</v>
      </c>
      <c r="Q12484" s="5" t="s">
        <v>40</v>
      </c>
      <c r="R12484" s="5" t="s">
        <v>1522</v>
      </c>
      <c r="S12484" s="5" t="s">
        <v>1523</v>
      </c>
      <c r="T12484" s="5" t="s">
        <v>42</v>
      </c>
      <c r="U12484" s="2">
        <v>1.4379999999999999</v>
      </c>
      <c r="V12484" s="2">
        <v>0.95699999999999996</v>
      </c>
      <c r="W12484" s="2">
        <v>1.2999999999999999E-2</v>
      </c>
      <c r="X12484" s="2">
        <v>99.1</v>
      </c>
      <c r="Y12484" s="2">
        <v>7.6</v>
      </c>
      <c r="Z12484" s="2">
        <v>16.7</v>
      </c>
      <c r="AA12484" s="5"/>
      <c r="AB12484" s="5" t="s">
        <v>43</v>
      </c>
      <c r="AC12484" s="5" t="s">
        <v>44</v>
      </c>
      <c r="AD12484" s="2"/>
      <c r="AE12484" s="1"/>
    </row>
    <row r="12485" spans="1:31" ht="14.45">
      <c r="A12485" s="11"/>
      <c r="B12485" s="20"/>
      <c r="C12485" s="2" t="s">
        <v>38383</v>
      </c>
      <c r="D12485" s="14" t="s">
        <v>38384</v>
      </c>
      <c r="E12485" s="2" t="s">
        <v>38385</v>
      </c>
      <c r="F12485" s="2" t="s">
        <v>36377</v>
      </c>
      <c r="G12485" s="8">
        <v>182</v>
      </c>
      <c r="H12485" s="5">
        <v>6</v>
      </c>
      <c r="I12485" s="5" t="s">
        <v>1518</v>
      </c>
      <c r="J12485" s="5" t="s">
        <v>36264</v>
      </c>
      <c r="K12485" s="2" t="s">
        <v>36265</v>
      </c>
      <c r="L12485" s="5" t="s">
        <v>36264</v>
      </c>
      <c r="M12485" s="2" t="s">
        <v>36265</v>
      </c>
      <c r="N12485" s="5" t="s">
        <v>36266</v>
      </c>
      <c r="O12485" s="5" t="s">
        <v>38</v>
      </c>
      <c r="P12485" s="5" t="s">
        <v>39</v>
      </c>
      <c r="Q12485" s="5" t="s">
        <v>40</v>
      </c>
      <c r="R12485" s="5" t="s">
        <v>1522</v>
      </c>
      <c r="S12485" s="5" t="s">
        <v>1523</v>
      </c>
      <c r="T12485" s="5" t="s">
        <v>42</v>
      </c>
      <c r="U12485" s="2">
        <v>1.407</v>
      </c>
      <c r="V12485" s="2">
        <v>0.92600000000000005</v>
      </c>
      <c r="W12485" s="2">
        <v>1.2999999999999999E-2</v>
      </c>
      <c r="X12485" s="2">
        <v>99.1</v>
      </c>
      <c r="Y12485" s="2">
        <v>7.6</v>
      </c>
      <c r="Z12485" s="2">
        <v>16.7</v>
      </c>
      <c r="AA12485" s="5"/>
      <c r="AB12485" s="5" t="s">
        <v>43</v>
      </c>
      <c r="AC12485" s="5" t="s">
        <v>44</v>
      </c>
      <c r="AD12485" s="2"/>
      <c r="AE12485" s="1"/>
    </row>
    <row r="12486" spans="1:31" ht="14.45">
      <c r="A12486" s="11"/>
      <c r="B12486" s="20"/>
      <c r="C12486" s="2" t="s">
        <v>38386</v>
      </c>
      <c r="D12486" s="14" t="s">
        <v>38387</v>
      </c>
      <c r="E12486" s="2" t="s">
        <v>38388</v>
      </c>
      <c r="F12486" s="2" t="s">
        <v>36381</v>
      </c>
      <c r="G12486" s="8">
        <v>182</v>
      </c>
      <c r="H12486" s="5">
        <v>6</v>
      </c>
      <c r="I12486" s="5" t="s">
        <v>1518</v>
      </c>
      <c r="J12486" s="5" t="s">
        <v>36264</v>
      </c>
      <c r="K12486" s="2" t="s">
        <v>36265</v>
      </c>
      <c r="L12486" s="5" t="s">
        <v>36264</v>
      </c>
      <c r="M12486" s="2" t="s">
        <v>36265</v>
      </c>
      <c r="N12486" s="5" t="s">
        <v>36266</v>
      </c>
      <c r="O12486" s="5" t="s">
        <v>38</v>
      </c>
      <c r="P12486" s="5" t="s">
        <v>39</v>
      </c>
      <c r="Q12486" s="5" t="s">
        <v>40</v>
      </c>
      <c r="R12486" s="5" t="s">
        <v>1522</v>
      </c>
      <c r="S12486" s="5" t="s">
        <v>1523</v>
      </c>
      <c r="T12486" s="5" t="s">
        <v>42</v>
      </c>
      <c r="U12486" s="2">
        <v>1.4379999999999999</v>
      </c>
      <c r="V12486" s="2">
        <v>0.95699999999999996</v>
      </c>
      <c r="W12486" s="2">
        <v>1.2999999999999999E-2</v>
      </c>
      <c r="X12486" s="2">
        <v>99.1</v>
      </c>
      <c r="Y12486" s="2">
        <v>7.6</v>
      </c>
      <c r="Z12486" s="2">
        <v>16.7</v>
      </c>
      <c r="AA12486" s="5"/>
      <c r="AB12486" s="5" t="s">
        <v>43</v>
      </c>
      <c r="AC12486" s="5" t="s">
        <v>44</v>
      </c>
      <c r="AD12486" s="2"/>
      <c r="AE12486" s="1"/>
    </row>
    <row r="12487" spans="1:31" ht="14.45">
      <c r="A12487" s="11"/>
      <c r="B12487" s="20"/>
      <c r="C12487" s="2" t="s">
        <v>38389</v>
      </c>
      <c r="D12487" s="14" t="s">
        <v>38390</v>
      </c>
      <c r="E12487" s="2" t="s">
        <v>38391</v>
      </c>
      <c r="F12487" s="2" t="s">
        <v>36385</v>
      </c>
      <c r="G12487" s="8">
        <v>182</v>
      </c>
      <c r="H12487" s="5">
        <v>6</v>
      </c>
      <c r="I12487" s="5" t="s">
        <v>1518</v>
      </c>
      <c r="J12487" s="5" t="s">
        <v>36264</v>
      </c>
      <c r="K12487" s="2" t="s">
        <v>36265</v>
      </c>
      <c r="L12487" s="5" t="s">
        <v>36264</v>
      </c>
      <c r="M12487" s="2" t="s">
        <v>36265</v>
      </c>
      <c r="N12487" s="5" t="s">
        <v>36266</v>
      </c>
      <c r="O12487" s="5" t="s">
        <v>38</v>
      </c>
      <c r="P12487" s="5" t="s">
        <v>39</v>
      </c>
      <c r="Q12487" s="5" t="s">
        <v>40</v>
      </c>
      <c r="R12487" s="5" t="s">
        <v>1522</v>
      </c>
      <c r="S12487" s="5" t="s">
        <v>1523</v>
      </c>
      <c r="T12487" s="5" t="s">
        <v>42</v>
      </c>
      <c r="U12487" s="2">
        <v>1.407</v>
      </c>
      <c r="V12487" s="2">
        <v>0.92600000000000005</v>
      </c>
      <c r="W12487" s="2">
        <v>1.2999999999999999E-2</v>
      </c>
      <c r="X12487" s="2">
        <v>99.1</v>
      </c>
      <c r="Y12487" s="2">
        <v>7.6</v>
      </c>
      <c r="Z12487" s="2">
        <v>16.7</v>
      </c>
      <c r="AA12487" s="5"/>
      <c r="AB12487" s="5" t="s">
        <v>43</v>
      </c>
      <c r="AC12487" s="5" t="s">
        <v>44</v>
      </c>
      <c r="AD12487" s="2"/>
      <c r="AE12487" s="1"/>
    </row>
    <row r="12488" spans="1:31" ht="14.45">
      <c r="A12488" s="11"/>
      <c r="B12488" s="20"/>
      <c r="C12488" s="2" t="s">
        <v>38392</v>
      </c>
      <c r="D12488" s="14" t="s">
        <v>38393</v>
      </c>
      <c r="E12488" s="2" t="s">
        <v>38394</v>
      </c>
      <c r="F12488" s="2" t="s">
        <v>36389</v>
      </c>
      <c r="G12488" s="8">
        <v>182</v>
      </c>
      <c r="H12488" s="5">
        <v>6</v>
      </c>
      <c r="I12488" s="5" t="s">
        <v>1518</v>
      </c>
      <c r="J12488" s="5" t="s">
        <v>36264</v>
      </c>
      <c r="K12488" s="2" t="s">
        <v>36265</v>
      </c>
      <c r="L12488" s="5" t="s">
        <v>36264</v>
      </c>
      <c r="M12488" s="2" t="s">
        <v>36265</v>
      </c>
      <c r="N12488" s="5" t="s">
        <v>36266</v>
      </c>
      <c r="O12488" s="5" t="s">
        <v>38</v>
      </c>
      <c r="P12488" s="5" t="s">
        <v>39</v>
      </c>
      <c r="Q12488" s="5" t="s">
        <v>40</v>
      </c>
      <c r="R12488" s="5" t="s">
        <v>1522</v>
      </c>
      <c r="S12488" s="5" t="s">
        <v>1523</v>
      </c>
      <c r="T12488" s="5" t="s">
        <v>42</v>
      </c>
      <c r="U12488" s="2">
        <v>1.4379999999999999</v>
      </c>
      <c r="V12488" s="2">
        <v>0.95699999999999996</v>
      </c>
      <c r="W12488" s="2">
        <v>1.2999999999999999E-2</v>
      </c>
      <c r="X12488" s="2">
        <v>99.1</v>
      </c>
      <c r="Y12488" s="2">
        <v>7.6</v>
      </c>
      <c r="Z12488" s="2">
        <v>16.7</v>
      </c>
      <c r="AA12488" s="5"/>
      <c r="AB12488" s="5" t="s">
        <v>43</v>
      </c>
      <c r="AC12488" s="5" t="s">
        <v>44</v>
      </c>
      <c r="AD12488" s="2"/>
      <c r="AE12488" s="1"/>
    </row>
    <row r="12489" spans="1:31" ht="14.45">
      <c r="A12489" s="11"/>
      <c r="B12489" s="20"/>
      <c r="C12489" s="2" t="s">
        <v>38395</v>
      </c>
      <c r="D12489" s="14" t="s">
        <v>38396</v>
      </c>
      <c r="E12489" s="2" t="s">
        <v>38397</v>
      </c>
      <c r="F12489" s="2" t="s">
        <v>7204</v>
      </c>
      <c r="G12489" s="8">
        <v>159</v>
      </c>
      <c r="H12489" s="5">
        <v>6</v>
      </c>
      <c r="I12489" s="5" t="s">
        <v>1518</v>
      </c>
      <c r="J12489" s="5" t="s">
        <v>36264</v>
      </c>
      <c r="K12489" s="2" t="s">
        <v>36265</v>
      </c>
      <c r="L12489" s="5" t="s">
        <v>36264</v>
      </c>
      <c r="M12489" s="2" t="s">
        <v>36265</v>
      </c>
      <c r="N12489" s="5" t="s">
        <v>36266</v>
      </c>
      <c r="O12489" s="5" t="s">
        <v>38</v>
      </c>
      <c r="P12489" s="5" t="s">
        <v>39</v>
      </c>
      <c r="Q12489" s="5" t="s">
        <v>40</v>
      </c>
      <c r="R12489" s="5" t="s">
        <v>1522</v>
      </c>
      <c r="S12489" s="5" t="s">
        <v>1523</v>
      </c>
      <c r="T12489" s="5" t="s">
        <v>42</v>
      </c>
      <c r="U12489" s="2">
        <v>1.51</v>
      </c>
      <c r="V12489" s="2">
        <v>1.0289999999999999</v>
      </c>
      <c r="W12489" s="2">
        <v>1.4999999999999999E-2</v>
      </c>
      <c r="X12489" s="2">
        <v>118.9</v>
      </c>
      <c r="Y12489" s="2">
        <v>7.6</v>
      </c>
      <c r="Z12489" s="2">
        <v>16.7</v>
      </c>
      <c r="AA12489" s="5"/>
      <c r="AB12489" s="5" t="s">
        <v>43</v>
      </c>
      <c r="AC12489" s="5" t="s">
        <v>44</v>
      </c>
      <c r="AD12489" s="2"/>
      <c r="AE12489" s="1"/>
    </row>
    <row r="12490" spans="1:31" ht="14.45">
      <c r="A12490" s="11"/>
      <c r="B12490" s="20"/>
      <c r="C12490" s="2" t="s">
        <v>38398</v>
      </c>
      <c r="D12490" s="14" t="s">
        <v>38399</v>
      </c>
      <c r="E12490" s="2" t="s">
        <v>38400</v>
      </c>
      <c r="F12490" s="2" t="s">
        <v>7514</v>
      </c>
      <c r="G12490" s="8">
        <v>159</v>
      </c>
      <c r="H12490" s="5">
        <v>6</v>
      </c>
      <c r="I12490" s="5" t="s">
        <v>1518</v>
      </c>
      <c r="J12490" s="5" t="s">
        <v>36264</v>
      </c>
      <c r="K12490" s="2" t="s">
        <v>36265</v>
      </c>
      <c r="L12490" s="5" t="s">
        <v>36264</v>
      </c>
      <c r="M12490" s="2" t="s">
        <v>36265</v>
      </c>
      <c r="N12490" s="5" t="s">
        <v>36266</v>
      </c>
      <c r="O12490" s="5" t="s">
        <v>38</v>
      </c>
      <c r="P12490" s="5" t="s">
        <v>39</v>
      </c>
      <c r="Q12490" s="5" t="s">
        <v>40</v>
      </c>
      <c r="R12490" s="5" t="s">
        <v>1522</v>
      </c>
      <c r="S12490" s="5" t="s">
        <v>1523</v>
      </c>
      <c r="T12490" s="5" t="s">
        <v>42</v>
      </c>
      <c r="U12490" s="2">
        <v>1.5409999999999999</v>
      </c>
      <c r="V12490" s="2">
        <v>1.06</v>
      </c>
      <c r="W12490" s="2">
        <v>1.4999999999999999E-2</v>
      </c>
      <c r="X12490" s="2">
        <v>118.9</v>
      </c>
      <c r="Y12490" s="2">
        <v>7.6</v>
      </c>
      <c r="Z12490" s="2">
        <v>16.7</v>
      </c>
      <c r="AA12490" s="5"/>
      <c r="AB12490" s="5" t="s">
        <v>43</v>
      </c>
      <c r="AC12490" s="5" t="s">
        <v>44</v>
      </c>
      <c r="AD12490" s="2"/>
      <c r="AE12490" s="1"/>
    </row>
    <row r="12491" spans="1:31" ht="14.45">
      <c r="A12491" s="11"/>
      <c r="B12491" s="20"/>
      <c r="C12491" s="2" t="s">
        <v>38401</v>
      </c>
      <c r="D12491" s="14" t="s">
        <v>38402</v>
      </c>
      <c r="E12491" s="2" t="s">
        <v>38403</v>
      </c>
      <c r="F12491" s="2" t="s">
        <v>36273</v>
      </c>
      <c r="G12491" s="8">
        <v>159</v>
      </c>
      <c r="H12491" s="5">
        <v>6</v>
      </c>
      <c r="I12491" s="5" t="s">
        <v>1518</v>
      </c>
      <c r="J12491" s="5" t="s">
        <v>36264</v>
      </c>
      <c r="K12491" s="2" t="s">
        <v>36265</v>
      </c>
      <c r="L12491" s="5" t="s">
        <v>36264</v>
      </c>
      <c r="M12491" s="2" t="s">
        <v>36265</v>
      </c>
      <c r="N12491" s="5" t="s">
        <v>36266</v>
      </c>
      <c r="O12491" s="5" t="s">
        <v>38</v>
      </c>
      <c r="P12491" s="5" t="s">
        <v>39</v>
      </c>
      <c r="Q12491" s="5" t="s">
        <v>40</v>
      </c>
      <c r="R12491" s="5" t="s">
        <v>1522</v>
      </c>
      <c r="S12491" s="5" t="s">
        <v>1523</v>
      </c>
      <c r="T12491" s="5" t="s">
        <v>42</v>
      </c>
      <c r="U12491" s="2">
        <v>1.51</v>
      </c>
      <c r="V12491" s="2">
        <v>1.0289999999999999</v>
      </c>
      <c r="W12491" s="2">
        <v>1.4999999999999999E-2</v>
      </c>
      <c r="X12491" s="2">
        <v>118.9</v>
      </c>
      <c r="Y12491" s="2">
        <v>7.6</v>
      </c>
      <c r="Z12491" s="2">
        <v>16.7</v>
      </c>
      <c r="AA12491" s="5"/>
      <c r="AB12491" s="5" t="s">
        <v>43</v>
      </c>
      <c r="AC12491" s="5" t="s">
        <v>44</v>
      </c>
      <c r="AD12491" s="2"/>
      <c r="AE12491" s="1"/>
    </row>
    <row r="12492" spans="1:31" ht="14.45">
      <c r="A12492" s="11"/>
      <c r="B12492" s="20"/>
      <c r="C12492" s="2" t="s">
        <v>38404</v>
      </c>
      <c r="D12492" s="14" t="s">
        <v>38405</v>
      </c>
      <c r="E12492" s="2" t="s">
        <v>38406</v>
      </c>
      <c r="F12492" s="2" t="s">
        <v>36277</v>
      </c>
      <c r="G12492" s="8">
        <v>159</v>
      </c>
      <c r="H12492" s="5">
        <v>6</v>
      </c>
      <c r="I12492" s="5" t="s">
        <v>1518</v>
      </c>
      <c r="J12492" s="5" t="s">
        <v>36264</v>
      </c>
      <c r="K12492" s="2" t="s">
        <v>36265</v>
      </c>
      <c r="L12492" s="5" t="s">
        <v>36264</v>
      </c>
      <c r="M12492" s="2" t="s">
        <v>36265</v>
      </c>
      <c r="N12492" s="5" t="s">
        <v>36266</v>
      </c>
      <c r="O12492" s="5" t="s">
        <v>38</v>
      </c>
      <c r="P12492" s="5" t="s">
        <v>39</v>
      </c>
      <c r="Q12492" s="5" t="s">
        <v>40</v>
      </c>
      <c r="R12492" s="5" t="s">
        <v>1522</v>
      </c>
      <c r="S12492" s="5" t="s">
        <v>1523</v>
      </c>
      <c r="T12492" s="5" t="s">
        <v>42</v>
      </c>
      <c r="U12492" s="2">
        <v>1.5409999999999999</v>
      </c>
      <c r="V12492" s="2">
        <v>1.06</v>
      </c>
      <c r="W12492" s="2">
        <v>1.4999999999999999E-2</v>
      </c>
      <c r="X12492" s="2">
        <v>118.9</v>
      </c>
      <c r="Y12492" s="2">
        <v>7.6</v>
      </c>
      <c r="Z12492" s="2">
        <v>16.7</v>
      </c>
      <c r="AA12492" s="5"/>
      <c r="AB12492" s="5" t="s">
        <v>43</v>
      </c>
      <c r="AC12492" s="5" t="s">
        <v>44</v>
      </c>
      <c r="AD12492" s="2"/>
      <c r="AE12492" s="1"/>
    </row>
    <row r="12493" spans="1:31" ht="14.45">
      <c r="A12493" s="11"/>
      <c r="B12493" s="20"/>
      <c r="C12493" s="2" t="s">
        <v>38407</v>
      </c>
      <c r="D12493" s="14" t="s">
        <v>38408</v>
      </c>
      <c r="E12493" s="2" t="s">
        <v>38409</v>
      </c>
      <c r="F12493" s="2" t="s">
        <v>36281</v>
      </c>
      <c r="G12493" s="8">
        <v>182</v>
      </c>
      <c r="H12493" s="5">
        <v>6</v>
      </c>
      <c r="I12493" s="5" t="s">
        <v>1518</v>
      </c>
      <c r="J12493" s="5" t="s">
        <v>36264</v>
      </c>
      <c r="K12493" s="2" t="s">
        <v>36265</v>
      </c>
      <c r="L12493" s="5" t="s">
        <v>36264</v>
      </c>
      <c r="M12493" s="2" t="s">
        <v>36265</v>
      </c>
      <c r="N12493" s="5" t="s">
        <v>36266</v>
      </c>
      <c r="O12493" s="5" t="s">
        <v>38</v>
      </c>
      <c r="P12493" s="5" t="s">
        <v>39</v>
      </c>
      <c r="Q12493" s="5" t="s">
        <v>40</v>
      </c>
      <c r="R12493" s="5" t="s">
        <v>1522</v>
      </c>
      <c r="S12493" s="5" t="s">
        <v>1523</v>
      </c>
      <c r="T12493" s="5" t="s">
        <v>42</v>
      </c>
      <c r="U12493" s="2">
        <v>1.51</v>
      </c>
      <c r="V12493" s="2">
        <v>1.0289999999999999</v>
      </c>
      <c r="W12493" s="2">
        <v>1.4999999999999999E-2</v>
      </c>
      <c r="X12493" s="2">
        <v>118.9</v>
      </c>
      <c r="Y12493" s="2">
        <v>7.6</v>
      </c>
      <c r="Z12493" s="2">
        <v>16.7</v>
      </c>
      <c r="AA12493" s="5"/>
      <c r="AB12493" s="5" t="s">
        <v>43</v>
      </c>
      <c r="AC12493" s="5" t="s">
        <v>44</v>
      </c>
      <c r="AD12493" s="2"/>
      <c r="AE12493" s="1"/>
    </row>
    <row r="12494" spans="1:31" ht="14.45">
      <c r="A12494" s="11"/>
      <c r="B12494" s="20"/>
      <c r="C12494" s="2" t="s">
        <v>38410</v>
      </c>
      <c r="D12494" s="14" t="s">
        <v>38411</v>
      </c>
      <c r="E12494" s="2" t="s">
        <v>38412</v>
      </c>
      <c r="F12494" s="2" t="s">
        <v>36285</v>
      </c>
      <c r="G12494" s="8">
        <v>182</v>
      </c>
      <c r="H12494" s="5">
        <v>6</v>
      </c>
      <c r="I12494" s="5" t="s">
        <v>1518</v>
      </c>
      <c r="J12494" s="5" t="s">
        <v>36264</v>
      </c>
      <c r="K12494" s="2" t="s">
        <v>36265</v>
      </c>
      <c r="L12494" s="5" t="s">
        <v>36264</v>
      </c>
      <c r="M12494" s="2" t="s">
        <v>36265</v>
      </c>
      <c r="N12494" s="5" t="s">
        <v>36266</v>
      </c>
      <c r="O12494" s="5" t="s">
        <v>38</v>
      </c>
      <c r="P12494" s="5" t="s">
        <v>39</v>
      </c>
      <c r="Q12494" s="5" t="s">
        <v>40</v>
      </c>
      <c r="R12494" s="5" t="s">
        <v>1522</v>
      </c>
      <c r="S12494" s="5" t="s">
        <v>1523</v>
      </c>
      <c r="T12494" s="5" t="s">
        <v>42</v>
      </c>
      <c r="U12494" s="2">
        <v>1.5409999999999999</v>
      </c>
      <c r="V12494" s="2">
        <v>1.06</v>
      </c>
      <c r="W12494" s="2">
        <v>1.4999999999999999E-2</v>
      </c>
      <c r="X12494" s="2">
        <v>118.9</v>
      </c>
      <c r="Y12494" s="2">
        <v>7.6</v>
      </c>
      <c r="Z12494" s="2">
        <v>16.7</v>
      </c>
      <c r="AA12494" s="5"/>
      <c r="AB12494" s="5" t="s">
        <v>43</v>
      </c>
      <c r="AC12494" s="5" t="s">
        <v>44</v>
      </c>
      <c r="AD12494" s="2"/>
      <c r="AE12494" s="1"/>
    </row>
    <row r="12495" spans="1:31" ht="14.45">
      <c r="A12495" s="11"/>
      <c r="B12495" s="20"/>
      <c r="C12495" s="2" t="s">
        <v>38413</v>
      </c>
      <c r="D12495" s="14" t="s">
        <v>38414</v>
      </c>
      <c r="E12495" s="2" t="s">
        <v>38415</v>
      </c>
      <c r="F12495" s="2" t="s">
        <v>36289</v>
      </c>
      <c r="G12495" s="8">
        <v>182</v>
      </c>
      <c r="H12495" s="5">
        <v>6</v>
      </c>
      <c r="I12495" s="5" t="s">
        <v>1518</v>
      </c>
      <c r="J12495" s="5" t="s">
        <v>36264</v>
      </c>
      <c r="K12495" s="2" t="s">
        <v>36265</v>
      </c>
      <c r="L12495" s="5" t="s">
        <v>36264</v>
      </c>
      <c r="M12495" s="2" t="s">
        <v>36265</v>
      </c>
      <c r="N12495" s="5" t="s">
        <v>36266</v>
      </c>
      <c r="O12495" s="5" t="s">
        <v>38</v>
      </c>
      <c r="P12495" s="5" t="s">
        <v>39</v>
      </c>
      <c r="Q12495" s="5" t="s">
        <v>40</v>
      </c>
      <c r="R12495" s="5" t="s">
        <v>1522</v>
      </c>
      <c r="S12495" s="5" t="s">
        <v>1523</v>
      </c>
      <c r="T12495" s="5" t="s">
        <v>42</v>
      </c>
      <c r="U12495" s="2">
        <v>1.51</v>
      </c>
      <c r="V12495" s="2">
        <v>1.0289999999999999</v>
      </c>
      <c r="W12495" s="2">
        <v>1.4999999999999999E-2</v>
      </c>
      <c r="X12495" s="2">
        <v>118.9</v>
      </c>
      <c r="Y12495" s="2">
        <v>7.6</v>
      </c>
      <c r="Z12495" s="2">
        <v>16.7</v>
      </c>
      <c r="AA12495" s="5"/>
      <c r="AB12495" s="5" t="s">
        <v>43</v>
      </c>
      <c r="AC12495" s="5" t="s">
        <v>44</v>
      </c>
      <c r="AD12495" s="2"/>
      <c r="AE12495" s="1"/>
    </row>
    <row r="12496" spans="1:31" ht="14.45">
      <c r="A12496" s="11"/>
      <c r="B12496" s="20"/>
      <c r="C12496" s="2" t="s">
        <v>38416</v>
      </c>
      <c r="D12496" s="14" t="s">
        <v>38417</v>
      </c>
      <c r="E12496" s="2" t="s">
        <v>38418</v>
      </c>
      <c r="F12496" s="2" t="s">
        <v>36293</v>
      </c>
      <c r="G12496" s="8">
        <v>182</v>
      </c>
      <c r="H12496" s="5">
        <v>6</v>
      </c>
      <c r="I12496" s="5" t="s">
        <v>1518</v>
      </c>
      <c r="J12496" s="5" t="s">
        <v>36264</v>
      </c>
      <c r="K12496" s="2" t="s">
        <v>36265</v>
      </c>
      <c r="L12496" s="5" t="s">
        <v>36264</v>
      </c>
      <c r="M12496" s="2" t="s">
        <v>36265</v>
      </c>
      <c r="N12496" s="5" t="s">
        <v>36266</v>
      </c>
      <c r="O12496" s="5" t="s">
        <v>38</v>
      </c>
      <c r="P12496" s="5" t="s">
        <v>39</v>
      </c>
      <c r="Q12496" s="5" t="s">
        <v>40</v>
      </c>
      <c r="R12496" s="5" t="s">
        <v>1522</v>
      </c>
      <c r="S12496" s="5" t="s">
        <v>1523</v>
      </c>
      <c r="T12496" s="5" t="s">
        <v>42</v>
      </c>
      <c r="U12496" s="2">
        <v>1.5409999999999999</v>
      </c>
      <c r="V12496" s="2">
        <v>1.06</v>
      </c>
      <c r="W12496" s="2">
        <v>1.4999999999999999E-2</v>
      </c>
      <c r="X12496" s="2">
        <v>118.9</v>
      </c>
      <c r="Y12496" s="2">
        <v>7.6</v>
      </c>
      <c r="Z12496" s="2">
        <v>16.7</v>
      </c>
      <c r="AA12496" s="5"/>
      <c r="AB12496" s="5" t="s">
        <v>43</v>
      </c>
      <c r="AC12496" s="5" t="s">
        <v>44</v>
      </c>
      <c r="AD12496" s="2"/>
      <c r="AE12496" s="1"/>
    </row>
    <row r="12497" spans="1:31" ht="14.45">
      <c r="A12497" s="11"/>
      <c r="B12497" s="20"/>
      <c r="C12497" s="2" t="s">
        <v>38419</v>
      </c>
      <c r="D12497" s="14" t="s">
        <v>38420</v>
      </c>
      <c r="E12497" s="2" t="s">
        <v>38421</v>
      </c>
      <c r="F12497" s="2" t="s">
        <v>36297</v>
      </c>
      <c r="G12497" s="8">
        <v>159</v>
      </c>
      <c r="H12497" s="5">
        <v>6</v>
      </c>
      <c r="I12497" s="5" t="s">
        <v>1518</v>
      </c>
      <c r="J12497" s="5" t="s">
        <v>36264</v>
      </c>
      <c r="K12497" s="2" t="s">
        <v>36265</v>
      </c>
      <c r="L12497" s="5" t="s">
        <v>36264</v>
      </c>
      <c r="M12497" s="2" t="s">
        <v>36265</v>
      </c>
      <c r="N12497" s="5" t="s">
        <v>36266</v>
      </c>
      <c r="O12497" s="5" t="s">
        <v>38</v>
      </c>
      <c r="P12497" s="5" t="s">
        <v>39</v>
      </c>
      <c r="Q12497" s="5" t="s">
        <v>40</v>
      </c>
      <c r="R12497" s="5" t="s">
        <v>1522</v>
      </c>
      <c r="S12497" s="5" t="s">
        <v>1523</v>
      </c>
      <c r="T12497" s="5" t="s">
        <v>42</v>
      </c>
      <c r="U12497" s="2">
        <v>1.51</v>
      </c>
      <c r="V12497" s="2">
        <v>1.0289999999999999</v>
      </c>
      <c r="W12497" s="2">
        <v>1.4999999999999999E-2</v>
      </c>
      <c r="X12497" s="2">
        <v>118.9</v>
      </c>
      <c r="Y12497" s="2">
        <v>7.6</v>
      </c>
      <c r="Z12497" s="2">
        <v>16.7</v>
      </c>
      <c r="AA12497" s="5"/>
      <c r="AB12497" s="5" t="s">
        <v>43</v>
      </c>
      <c r="AC12497" s="5" t="s">
        <v>44</v>
      </c>
      <c r="AD12497" s="2"/>
      <c r="AE12497" s="1"/>
    </row>
    <row r="12498" spans="1:31" ht="14.45">
      <c r="A12498" s="11"/>
      <c r="B12498" s="20"/>
      <c r="C12498" s="2" t="s">
        <v>38422</v>
      </c>
      <c r="D12498" s="14" t="s">
        <v>38423</v>
      </c>
      <c r="E12498" s="2" t="s">
        <v>38424</v>
      </c>
      <c r="F12498" s="2" t="s">
        <v>36301</v>
      </c>
      <c r="G12498" s="8">
        <v>159</v>
      </c>
      <c r="H12498" s="5">
        <v>6</v>
      </c>
      <c r="I12498" s="5" t="s">
        <v>1518</v>
      </c>
      <c r="J12498" s="5" t="s">
        <v>36264</v>
      </c>
      <c r="K12498" s="2" t="s">
        <v>36265</v>
      </c>
      <c r="L12498" s="5" t="s">
        <v>36264</v>
      </c>
      <c r="M12498" s="2" t="s">
        <v>36265</v>
      </c>
      <c r="N12498" s="5" t="s">
        <v>36266</v>
      </c>
      <c r="O12498" s="5" t="s">
        <v>38</v>
      </c>
      <c r="P12498" s="5" t="s">
        <v>39</v>
      </c>
      <c r="Q12498" s="5" t="s">
        <v>40</v>
      </c>
      <c r="R12498" s="5" t="s">
        <v>1522</v>
      </c>
      <c r="S12498" s="5" t="s">
        <v>1523</v>
      </c>
      <c r="T12498" s="5" t="s">
        <v>42</v>
      </c>
      <c r="U12498" s="2">
        <v>1.5409999999999999</v>
      </c>
      <c r="V12498" s="2">
        <v>1.06</v>
      </c>
      <c r="W12498" s="2">
        <v>1.4999999999999999E-2</v>
      </c>
      <c r="X12498" s="2">
        <v>118.9</v>
      </c>
      <c r="Y12498" s="2">
        <v>7.6</v>
      </c>
      <c r="Z12498" s="2">
        <v>16.7</v>
      </c>
      <c r="AA12498" s="5"/>
      <c r="AB12498" s="5" t="s">
        <v>43</v>
      </c>
      <c r="AC12498" s="5" t="s">
        <v>44</v>
      </c>
      <c r="AD12498" s="2"/>
      <c r="AE12498" s="1"/>
    </row>
    <row r="12499" spans="1:31" ht="14.45">
      <c r="A12499" s="11"/>
      <c r="B12499" s="20"/>
      <c r="C12499" s="2" t="s">
        <v>38425</v>
      </c>
      <c r="D12499" s="14" t="s">
        <v>38426</v>
      </c>
      <c r="E12499" s="2" t="s">
        <v>38427</v>
      </c>
      <c r="F12499" s="2" t="s">
        <v>36305</v>
      </c>
      <c r="G12499" s="8">
        <v>159</v>
      </c>
      <c r="H12499" s="5">
        <v>6</v>
      </c>
      <c r="I12499" s="5" t="s">
        <v>1518</v>
      </c>
      <c r="J12499" s="5" t="s">
        <v>36264</v>
      </c>
      <c r="K12499" s="2" t="s">
        <v>36265</v>
      </c>
      <c r="L12499" s="5" t="s">
        <v>36264</v>
      </c>
      <c r="M12499" s="2" t="s">
        <v>36265</v>
      </c>
      <c r="N12499" s="5" t="s">
        <v>36266</v>
      </c>
      <c r="O12499" s="5" t="s">
        <v>38</v>
      </c>
      <c r="P12499" s="5" t="s">
        <v>39</v>
      </c>
      <c r="Q12499" s="5" t="s">
        <v>40</v>
      </c>
      <c r="R12499" s="5" t="s">
        <v>1522</v>
      </c>
      <c r="S12499" s="5" t="s">
        <v>1523</v>
      </c>
      <c r="T12499" s="5" t="s">
        <v>42</v>
      </c>
      <c r="U12499" s="2">
        <v>1.51</v>
      </c>
      <c r="V12499" s="2">
        <v>1.0289999999999999</v>
      </c>
      <c r="W12499" s="2">
        <v>1.4999999999999999E-2</v>
      </c>
      <c r="X12499" s="2">
        <v>118.9</v>
      </c>
      <c r="Y12499" s="2">
        <v>7.6</v>
      </c>
      <c r="Z12499" s="2">
        <v>16.7</v>
      </c>
      <c r="AA12499" s="5"/>
      <c r="AB12499" s="5" t="s">
        <v>43</v>
      </c>
      <c r="AC12499" s="5" t="s">
        <v>44</v>
      </c>
      <c r="AD12499" s="2"/>
      <c r="AE12499" s="1"/>
    </row>
    <row r="12500" spans="1:31" ht="14.45">
      <c r="A12500" s="11"/>
      <c r="B12500" s="20"/>
      <c r="C12500" s="2" t="s">
        <v>38428</v>
      </c>
      <c r="D12500" s="14" t="s">
        <v>38429</v>
      </c>
      <c r="E12500" s="2" t="s">
        <v>38430</v>
      </c>
      <c r="F12500" s="2" t="s">
        <v>36309</v>
      </c>
      <c r="G12500" s="8">
        <v>159</v>
      </c>
      <c r="H12500" s="5">
        <v>6</v>
      </c>
      <c r="I12500" s="5" t="s">
        <v>1518</v>
      </c>
      <c r="J12500" s="5" t="s">
        <v>36264</v>
      </c>
      <c r="K12500" s="2" t="s">
        <v>36265</v>
      </c>
      <c r="L12500" s="5" t="s">
        <v>36264</v>
      </c>
      <c r="M12500" s="2" t="s">
        <v>36265</v>
      </c>
      <c r="N12500" s="5" t="s">
        <v>36266</v>
      </c>
      <c r="O12500" s="5" t="s">
        <v>38</v>
      </c>
      <c r="P12500" s="5" t="s">
        <v>39</v>
      </c>
      <c r="Q12500" s="5" t="s">
        <v>40</v>
      </c>
      <c r="R12500" s="5" t="s">
        <v>1522</v>
      </c>
      <c r="S12500" s="5" t="s">
        <v>1523</v>
      </c>
      <c r="T12500" s="5" t="s">
        <v>42</v>
      </c>
      <c r="U12500" s="2">
        <v>1.5409999999999999</v>
      </c>
      <c r="V12500" s="2">
        <v>1.06</v>
      </c>
      <c r="W12500" s="2">
        <v>1.4999999999999999E-2</v>
      </c>
      <c r="X12500" s="2">
        <v>118.9</v>
      </c>
      <c r="Y12500" s="2">
        <v>7.6</v>
      </c>
      <c r="Z12500" s="2">
        <v>16.7</v>
      </c>
      <c r="AA12500" s="5"/>
      <c r="AB12500" s="5" t="s">
        <v>43</v>
      </c>
      <c r="AC12500" s="5" t="s">
        <v>44</v>
      </c>
      <c r="AD12500" s="2"/>
      <c r="AE12500" s="1"/>
    </row>
    <row r="12501" spans="1:31" ht="14.45">
      <c r="A12501" s="11"/>
      <c r="B12501" s="20"/>
      <c r="C12501" s="2" t="s">
        <v>38431</v>
      </c>
      <c r="D12501" s="14" t="s">
        <v>38432</v>
      </c>
      <c r="E12501" s="2" t="s">
        <v>38433</v>
      </c>
      <c r="F12501" s="2" t="s">
        <v>36313</v>
      </c>
      <c r="G12501" s="8">
        <v>182</v>
      </c>
      <c r="H12501" s="5">
        <v>6</v>
      </c>
      <c r="I12501" s="5" t="s">
        <v>1518</v>
      </c>
      <c r="J12501" s="5" t="s">
        <v>36264</v>
      </c>
      <c r="K12501" s="2" t="s">
        <v>36265</v>
      </c>
      <c r="L12501" s="5" t="s">
        <v>36264</v>
      </c>
      <c r="M12501" s="2" t="s">
        <v>36265</v>
      </c>
      <c r="N12501" s="5" t="s">
        <v>36266</v>
      </c>
      <c r="O12501" s="5" t="s">
        <v>38</v>
      </c>
      <c r="P12501" s="5" t="s">
        <v>39</v>
      </c>
      <c r="Q12501" s="5" t="s">
        <v>40</v>
      </c>
      <c r="R12501" s="5" t="s">
        <v>1522</v>
      </c>
      <c r="S12501" s="5" t="s">
        <v>1523</v>
      </c>
      <c r="T12501" s="5" t="s">
        <v>42</v>
      </c>
      <c r="U12501" s="2">
        <v>1.51</v>
      </c>
      <c r="V12501" s="2">
        <v>1.0289999999999999</v>
      </c>
      <c r="W12501" s="2">
        <v>1.4999999999999999E-2</v>
      </c>
      <c r="X12501" s="2">
        <v>118.9</v>
      </c>
      <c r="Y12501" s="2">
        <v>7.6</v>
      </c>
      <c r="Z12501" s="2">
        <v>16.7</v>
      </c>
      <c r="AA12501" s="5"/>
      <c r="AB12501" s="5" t="s">
        <v>43</v>
      </c>
      <c r="AC12501" s="5" t="s">
        <v>44</v>
      </c>
      <c r="AD12501" s="2"/>
      <c r="AE12501" s="1"/>
    </row>
    <row r="12502" spans="1:31" ht="14.45">
      <c r="A12502" s="11"/>
      <c r="B12502" s="20"/>
      <c r="C12502" s="2" t="s">
        <v>38434</v>
      </c>
      <c r="D12502" s="14" t="s">
        <v>38435</v>
      </c>
      <c r="E12502" s="2" t="s">
        <v>38436</v>
      </c>
      <c r="F12502" s="2" t="s">
        <v>36317</v>
      </c>
      <c r="G12502" s="8">
        <v>182</v>
      </c>
      <c r="H12502" s="5">
        <v>6</v>
      </c>
      <c r="I12502" s="5" t="s">
        <v>1518</v>
      </c>
      <c r="J12502" s="5" t="s">
        <v>36264</v>
      </c>
      <c r="K12502" s="2" t="s">
        <v>36265</v>
      </c>
      <c r="L12502" s="5" t="s">
        <v>36264</v>
      </c>
      <c r="M12502" s="2" t="s">
        <v>36265</v>
      </c>
      <c r="N12502" s="5" t="s">
        <v>36266</v>
      </c>
      <c r="O12502" s="5" t="s">
        <v>38</v>
      </c>
      <c r="P12502" s="5" t="s">
        <v>39</v>
      </c>
      <c r="Q12502" s="5" t="s">
        <v>40</v>
      </c>
      <c r="R12502" s="5" t="s">
        <v>1522</v>
      </c>
      <c r="S12502" s="5" t="s">
        <v>1523</v>
      </c>
      <c r="T12502" s="5" t="s">
        <v>42</v>
      </c>
      <c r="U12502" s="2">
        <v>1.5409999999999999</v>
      </c>
      <c r="V12502" s="2">
        <v>1.06</v>
      </c>
      <c r="W12502" s="2">
        <v>1.4999999999999999E-2</v>
      </c>
      <c r="X12502" s="2">
        <v>118.9</v>
      </c>
      <c r="Y12502" s="2">
        <v>7.6</v>
      </c>
      <c r="Z12502" s="2">
        <v>16.7</v>
      </c>
      <c r="AA12502" s="5"/>
      <c r="AB12502" s="5" t="s">
        <v>43</v>
      </c>
      <c r="AC12502" s="5" t="s">
        <v>44</v>
      </c>
      <c r="AD12502" s="2"/>
      <c r="AE12502" s="1"/>
    </row>
    <row r="12503" spans="1:31" ht="14.45">
      <c r="A12503" s="11"/>
      <c r="B12503" s="20"/>
      <c r="C12503" s="2" t="s">
        <v>38437</v>
      </c>
      <c r="D12503" s="14" t="s">
        <v>38438</v>
      </c>
      <c r="E12503" s="2" t="s">
        <v>38439</v>
      </c>
      <c r="F12503" s="2" t="s">
        <v>36321</v>
      </c>
      <c r="G12503" s="8">
        <v>182</v>
      </c>
      <c r="H12503" s="5">
        <v>6</v>
      </c>
      <c r="I12503" s="5" t="s">
        <v>1518</v>
      </c>
      <c r="J12503" s="5" t="s">
        <v>36264</v>
      </c>
      <c r="K12503" s="2" t="s">
        <v>36265</v>
      </c>
      <c r="L12503" s="5" t="s">
        <v>36264</v>
      </c>
      <c r="M12503" s="2" t="s">
        <v>36265</v>
      </c>
      <c r="N12503" s="5" t="s">
        <v>36266</v>
      </c>
      <c r="O12503" s="5" t="s">
        <v>38</v>
      </c>
      <c r="P12503" s="5" t="s">
        <v>39</v>
      </c>
      <c r="Q12503" s="5" t="s">
        <v>40</v>
      </c>
      <c r="R12503" s="5" t="s">
        <v>1522</v>
      </c>
      <c r="S12503" s="5" t="s">
        <v>1523</v>
      </c>
      <c r="T12503" s="5" t="s">
        <v>42</v>
      </c>
      <c r="U12503" s="2">
        <v>1.51</v>
      </c>
      <c r="V12503" s="2">
        <v>1.0289999999999999</v>
      </c>
      <c r="W12503" s="2">
        <v>1.4999999999999999E-2</v>
      </c>
      <c r="X12503" s="2">
        <v>118.9</v>
      </c>
      <c r="Y12503" s="2">
        <v>7.6</v>
      </c>
      <c r="Z12503" s="2">
        <v>16.7</v>
      </c>
      <c r="AA12503" s="5"/>
      <c r="AB12503" s="5" t="s">
        <v>43</v>
      </c>
      <c r="AC12503" s="5" t="s">
        <v>44</v>
      </c>
      <c r="AD12503" s="2"/>
      <c r="AE12503" s="1"/>
    </row>
    <row r="12504" spans="1:31" ht="14.45">
      <c r="A12504" s="11"/>
      <c r="B12504" s="20"/>
      <c r="C12504" s="2" t="s">
        <v>38440</v>
      </c>
      <c r="D12504" s="14" t="s">
        <v>38441</v>
      </c>
      <c r="E12504" s="2" t="s">
        <v>38442</v>
      </c>
      <c r="F12504" s="2" t="s">
        <v>36325</v>
      </c>
      <c r="G12504" s="8">
        <v>182</v>
      </c>
      <c r="H12504" s="5">
        <v>6</v>
      </c>
      <c r="I12504" s="5" t="s">
        <v>1518</v>
      </c>
      <c r="J12504" s="5" t="s">
        <v>36264</v>
      </c>
      <c r="K12504" s="2" t="s">
        <v>36265</v>
      </c>
      <c r="L12504" s="5" t="s">
        <v>36264</v>
      </c>
      <c r="M12504" s="2" t="s">
        <v>36265</v>
      </c>
      <c r="N12504" s="5" t="s">
        <v>36266</v>
      </c>
      <c r="O12504" s="5" t="s">
        <v>38</v>
      </c>
      <c r="P12504" s="5" t="s">
        <v>39</v>
      </c>
      <c r="Q12504" s="5" t="s">
        <v>40</v>
      </c>
      <c r="R12504" s="5" t="s">
        <v>1522</v>
      </c>
      <c r="S12504" s="5" t="s">
        <v>1523</v>
      </c>
      <c r="T12504" s="5" t="s">
        <v>42</v>
      </c>
      <c r="U12504" s="2">
        <v>1.5409999999999999</v>
      </c>
      <c r="V12504" s="2">
        <v>1.06</v>
      </c>
      <c r="W12504" s="2">
        <v>1.4999999999999999E-2</v>
      </c>
      <c r="X12504" s="2">
        <v>118.9</v>
      </c>
      <c r="Y12504" s="2">
        <v>7.6</v>
      </c>
      <c r="Z12504" s="2">
        <v>16.7</v>
      </c>
      <c r="AA12504" s="5"/>
      <c r="AB12504" s="5" t="s">
        <v>43</v>
      </c>
      <c r="AC12504" s="5" t="s">
        <v>44</v>
      </c>
      <c r="AD12504" s="2"/>
      <c r="AE12504" s="1"/>
    </row>
    <row r="12505" spans="1:31" ht="14.45">
      <c r="A12505" s="11"/>
      <c r="B12505" s="20"/>
      <c r="C12505" s="2" t="s">
        <v>38443</v>
      </c>
      <c r="D12505" s="14" t="s">
        <v>38444</v>
      </c>
      <c r="E12505" s="2" t="s">
        <v>38445</v>
      </c>
      <c r="F12505" s="2" t="s">
        <v>36329</v>
      </c>
      <c r="G12505" s="8">
        <v>182</v>
      </c>
      <c r="H12505" s="5">
        <v>6</v>
      </c>
      <c r="I12505" s="5" t="s">
        <v>1518</v>
      </c>
      <c r="J12505" s="5" t="s">
        <v>36264</v>
      </c>
      <c r="K12505" s="2" t="s">
        <v>36265</v>
      </c>
      <c r="L12505" s="5" t="s">
        <v>36264</v>
      </c>
      <c r="M12505" s="2" t="s">
        <v>36265</v>
      </c>
      <c r="N12505" s="5" t="s">
        <v>36266</v>
      </c>
      <c r="O12505" s="5" t="s">
        <v>38</v>
      </c>
      <c r="P12505" s="5" t="s">
        <v>39</v>
      </c>
      <c r="Q12505" s="5" t="s">
        <v>40</v>
      </c>
      <c r="R12505" s="5" t="s">
        <v>1522</v>
      </c>
      <c r="S12505" s="5" t="s">
        <v>1523</v>
      </c>
      <c r="T12505" s="5" t="s">
        <v>42</v>
      </c>
      <c r="U12505" s="2">
        <v>1.51</v>
      </c>
      <c r="V12505" s="2">
        <v>1.0289999999999999</v>
      </c>
      <c r="W12505" s="2">
        <v>1.4999999999999999E-2</v>
      </c>
      <c r="X12505" s="2">
        <v>118.9</v>
      </c>
      <c r="Y12505" s="2">
        <v>7.6</v>
      </c>
      <c r="Z12505" s="2">
        <v>16.7</v>
      </c>
      <c r="AA12505" s="5"/>
      <c r="AB12505" s="5" t="s">
        <v>43</v>
      </c>
      <c r="AC12505" s="5" t="s">
        <v>44</v>
      </c>
      <c r="AD12505" s="2"/>
      <c r="AE12505" s="1"/>
    </row>
    <row r="12506" spans="1:31" ht="14.45">
      <c r="A12506" s="11"/>
      <c r="B12506" s="20"/>
      <c r="C12506" s="2" t="s">
        <v>38446</v>
      </c>
      <c r="D12506" s="14" t="s">
        <v>38447</v>
      </c>
      <c r="E12506" s="2" t="s">
        <v>38448</v>
      </c>
      <c r="F12506" s="2" t="s">
        <v>36333</v>
      </c>
      <c r="G12506" s="8">
        <v>182</v>
      </c>
      <c r="H12506" s="5">
        <v>6</v>
      </c>
      <c r="I12506" s="5" t="s">
        <v>1518</v>
      </c>
      <c r="J12506" s="5" t="s">
        <v>36264</v>
      </c>
      <c r="K12506" s="2" t="s">
        <v>36265</v>
      </c>
      <c r="L12506" s="5" t="s">
        <v>36264</v>
      </c>
      <c r="M12506" s="2" t="s">
        <v>36265</v>
      </c>
      <c r="N12506" s="5" t="s">
        <v>36266</v>
      </c>
      <c r="O12506" s="5" t="s">
        <v>38</v>
      </c>
      <c r="P12506" s="5" t="s">
        <v>39</v>
      </c>
      <c r="Q12506" s="5" t="s">
        <v>40</v>
      </c>
      <c r="R12506" s="5" t="s">
        <v>1522</v>
      </c>
      <c r="S12506" s="5" t="s">
        <v>1523</v>
      </c>
      <c r="T12506" s="5" t="s">
        <v>42</v>
      </c>
      <c r="U12506" s="2">
        <v>1.5409999999999999</v>
      </c>
      <c r="V12506" s="2">
        <v>1.06</v>
      </c>
      <c r="W12506" s="2">
        <v>1.4999999999999999E-2</v>
      </c>
      <c r="X12506" s="2">
        <v>118.9</v>
      </c>
      <c r="Y12506" s="2">
        <v>7.6</v>
      </c>
      <c r="Z12506" s="2">
        <v>16.7</v>
      </c>
      <c r="AA12506" s="5"/>
      <c r="AB12506" s="5" t="s">
        <v>43</v>
      </c>
      <c r="AC12506" s="5" t="s">
        <v>44</v>
      </c>
      <c r="AD12506" s="2"/>
      <c r="AE12506" s="1"/>
    </row>
    <row r="12507" spans="1:31" ht="14.45">
      <c r="A12507" s="11"/>
      <c r="B12507" s="20"/>
      <c r="C12507" s="2" t="s">
        <v>38449</v>
      </c>
      <c r="D12507" s="14" t="s">
        <v>38450</v>
      </c>
      <c r="E12507" s="2" t="s">
        <v>38451</v>
      </c>
      <c r="F12507" s="2" t="s">
        <v>36337</v>
      </c>
      <c r="G12507" s="8">
        <v>182</v>
      </c>
      <c r="H12507" s="5">
        <v>6</v>
      </c>
      <c r="I12507" s="5" t="s">
        <v>1518</v>
      </c>
      <c r="J12507" s="5" t="s">
        <v>36264</v>
      </c>
      <c r="K12507" s="2" t="s">
        <v>36265</v>
      </c>
      <c r="L12507" s="5" t="s">
        <v>36264</v>
      </c>
      <c r="M12507" s="2" t="s">
        <v>36265</v>
      </c>
      <c r="N12507" s="5" t="s">
        <v>36266</v>
      </c>
      <c r="O12507" s="5" t="s">
        <v>38</v>
      </c>
      <c r="P12507" s="5" t="s">
        <v>39</v>
      </c>
      <c r="Q12507" s="5" t="s">
        <v>40</v>
      </c>
      <c r="R12507" s="5" t="s">
        <v>1522</v>
      </c>
      <c r="S12507" s="5" t="s">
        <v>1523</v>
      </c>
      <c r="T12507" s="5" t="s">
        <v>42</v>
      </c>
      <c r="U12507" s="2">
        <v>1.51</v>
      </c>
      <c r="V12507" s="2">
        <v>1.0289999999999999</v>
      </c>
      <c r="W12507" s="2">
        <v>1.4999999999999999E-2</v>
      </c>
      <c r="X12507" s="2">
        <v>118.9</v>
      </c>
      <c r="Y12507" s="2">
        <v>7.6</v>
      </c>
      <c r="Z12507" s="2">
        <v>16.7</v>
      </c>
      <c r="AA12507" s="5"/>
      <c r="AB12507" s="5" t="s">
        <v>43</v>
      </c>
      <c r="AC12507" s="5" t="s">
        <v>44</v>
      </c>
      <c r="AD12507" s="2"/>
      <c r="AE12507" s="1"/>
    </row>
    <row r="12508" spans="1:31" ht="14.45">
      <c r="A12508" s="11"/>
      <c r="B12508" s="20"/>
      <c r="C12508" s="2" t="s">
        <v>38452</v>
      </c>
      <c r="D12508" s="14" t="s">
        <v>38453</v>
      </c>
      <c r="E12508" s="2" t="s">
        <v>38454</v>
      </c>
      <c r="F12508" s="2" t="s">
        <v>36341</v>
      </c>
      <c r="G12508" s="8">
        <v>182</v>
      </c>
      <c r="H12508" s="5">
        <v>6</v>
      </c>
      <c r="I12508" s="5" t="s">
        <v>1518</v>
      </c>
      <c r="J12508" s="5" t="s">
        <v>36264</v>
      </c>
      <c r="K12508" s="2" t="s">
        <v>36265</v>
      </c>
      <c r="L12508" s="5" t="s">
        <v>36264</v>
      </c>
      <c r="M12508" s="2" t="s">
        <v>36265</v>
      </c>
      <c r="N12508" s="5" t="s">
        <v>36266</v>
      </c>
      <c r="O12508" s="5" t="s">
        <v>38</v>
      </c>
      <c r="P12508" s="5" t="s">
        <v>39</v>
      </c>
      <c r="Q12508" s="5" t="s">
        <v>40</v>
      </c>
      <c r="R12508" s="5" t="s">
        <v>1522</v>
      </c>
      <c r="S12508" s="5" t="s">
        <v>1523</v>
      </c>
      <c r="T12508" s="5" t="s">
        <v>42</v>
      </c>
      <c r="U12508" s="2">
        <v>1.5409999999999999</v>
      </c>
      <c r="V12508" s="2">
        <v>1.06</v>
      </c>
      <c r="W12508" s="2">
        <v>1.4999999999999999E-2</v>
      </c>
      <c r="X12508" s="2">
        <v>118.9</v>
      </c>
      <c r="Y12508" s="2">
        <v>7.6</v>
      </c>
      <c r="Z12508" s="2">
        <v>16.7</v>
      </c>
      <c r="AA12508" s="5"/>
      <c r="AB12508" s="5" t="s">
        <v>43</v>
      </c>
      <c r="AC12508" s="5" t="s">
        <v>44</v>
      </c>
      <c r="AD12508" s="2"/>
      <c r="AE12508" s="1"/>
    </row>
    <row r="12509" spans="1:31" ht="14.45">
      <c r="A12509" s="11"/>
      <c r="B12509" s="20"/>
      <c r="C12509" s="2" t="s">
        <v>38455</v>
      </c>
      <c r="D12509" s="14" t="s">
        <v>38456</v>
      </c>
      <c r="E12509" s="2" t="s">
        <v>38457</v>
      </c>
      <c r="F12509" s="2" t="s">
        <v>36345</v>
      </c>
      <c r="G12509" s="8">
        <v>182</v>
      </c>
      <c r="H12509" s="5">
        <v>6</v>
      </c>
      <c r="I12509" s="5" t="s">
        <v>1518</v>
      </c>
      <c r="J12509" s="5" t="s">
        <v>36264</v>
      </c>
      <c r="K12509" s="2" t="s">
        <v>36265</v>
      </c>
      <c r="L12509" s="5" t="s">
        <v>36264</v>
      </c>
      <c r="M12509" s="2" t="s">
        <v>36265</v>
      </c>
      <c r="N12509" s="5" t="s">
        <v>36266</v>
      </c>
      <c r="O12509" s="5" t="s">
        <v>38</v>
      </c>
      <c r="P12509" s="5" t="s">
        <v>39</v>
      </c>
      <c r="Q12509" s="5" t="s">
        <v>40</v>
      </c>
      <c r="R12509" s="5" t="s">
        <v>1522</v>
      </c>
      <c r="S12509" s="5" t="s">
        <v>1523</v>
      </c>
      <c r="T12509" s="5" t="s">
        <v>42</v>
      </c>
      <c r="U12509" s="2">
        <v>1.51</v>
      </c>
      <c r="V12509" s="2">
        <v>1.0289999999999999</v>
      </c>
      <c r="W12509" s="2">
        <v>1.4999999999999999E-2</v>
      </c>
      <c r="X12509" s="2">
        <v>118.9</v>
      </c>
      <c r="Y12509" s="2">
        <v>7.6</v>
      </c>
      <c r="Z12509" s="2">
        <v>16.7</v>
      </c>
      <c r="AA12509" s="5"/>
      <c r="AB12509" s="5" t="s">
        <v>43</v>
      </c>
      <c r="AC12509" s="5" t="s">
        <v>44</v>
      </c>
      <c r="AD12509" s="2"/>
      <c r="AE12509" s="1"/>
    </row>
    <row r="12510" spans="1:31" ht="14.45">
      <c r="A12510" s="11"/>
      <c r="B12510" s="20"/>
      <c r="C12510" s="2" t="s">
        <v>38458</v>
      </c>
      <c r="D12510" s="14" t="s">
        <v>38459</v>
      </c>
      <c r="E12510" s="2" t="s">
        <v>38460</v>
      </c>
      <c r="F12510" s="2" t="s">
        <v>36349</v>
      </c>
      <c r="G12510" s="8">
        <v>182</v>
      </c>
      <c r="H12510" s="5">
        <v>6</v>
      </c>
      <c r="I12510" s="5" t="s">
        <v>1518</v>
      </c>
      <c r="J12510" s="5" t="s">
        <v>36264</v>
      </c>
      <c r="K12510" s="2" t="s">
        <v>36265</v>
      </c>
      <c r="L12510" s="5" t="s">
        <v>36264</v>
      </c>
      <c r="M12510" s="2" t="s">
        <v>36265</v>
      </c>
      <c r="N12510" s="5" t="s">
        <v>36266</v>
      </c>
      <c r="O12510" s="5" t="s">
        <v>38</v>
      </c>
      <c r="P12510" s="5" t="s">
        <v>39</v>
      </c>
      <c r="Q12510" s="5" t="s">
        <v>40</v>
      </c>
      <c r="R12510" s="5" t="s">
        <v>1522</v>
      </c>
      <c r="S12510" s="5" t="s">
        <v>1523</v>
      </c>
      <c r="T12510" s="5" t="s">
        <v>42</v>
      </c>
      <c r="U12510" s="2">
        <v>1.5409999999999999</v>
      </c>
      <c r="V12510" s="2">
        <v>1.06</v>
      </c>
      <c r="W12510" s="2">
        <v>1.4999999999999999E-2</v>
      </c>
      <c r="X12510" s="2">
        <v>118.9</v>
      </c>
      <c r="Y12510" s="2">
        <v>7.6</v>
      </c>
      <c r="Z12510" s="2">
        <v>16.7</v>
      </c>
      <c r="AA12510" s="5"/>
      <c r="AB12510" s="5" t="s">
        <v>43</v>
      </c>
      <c r="AC12510" s="5" t="s">
        <v>44</v>
      </c>
      <c r="AD12510" s="2"/>
      <c r="AE12510" s="1"/>
    </row>
    <row r="12511" spans="1:31" ht="14.45">
      <c r="A12511" s="11"/>
      <c r="B12511" s="20"/>
      <c r="C12511" s="2" t="s">
        <v>38461</v>
      </c>
      <c r="D12511" s="14" t="s">
        <v>38462</v>
      </c>
      <c r="E12511" s="2" t="s">
        <v>38463</v>
      </c>
      <c r="F12511" s="2" t="s">
        <v>36353</v>
      </c>
      <c r="G12511" s="8">
        <v>182</v>
      </c>
      <c r="H12511" s="5">
        <v>6</v>
      </c>
      <c r="I12511" s="5" t="s">
        <v>1518</v>
      </c>
      <c r="J12511" s="5" t="s">
        <v>36264</v>
      </c>
      <c r="K12511" s="2" t="s">
        <v>36265</v>
      </c>
      <c r="L12511" s="5" t="s">
        <v>36264</v>
      </c>
      <c r="M12511" s="2" t="s">
        <v>36265</v>
      </c>
      <c r="N12511" s="5" t="s">
        <v>36266</v>
      </c>
      <c r="O12511" s="5" t="s">
        <v>38</v>
      </c>
      <c r="P12511" s="5" t="s">
        <v>39</v>
      </c>
      <c r="Q12511" s="5" t="s">
        <v>40</v>
      </c>
      <c r="R12511" s="5" t="s">
        <v>1522</v>
      </c>
      <c r="S12511" s="5" t="s">
        <v>1523</v>
      </c>
      <c r="T12511" s="5" t="s">
        <v>42</v>
      </c>
      <c r="U12511" s="2">
        <v>1.51</v>
      </c>
      <c r="V12511" s="2">
        <v>1.0289999999999999</v>
      </c>
      <c r="W12511" s="2">
        <v>1.4999999999999999E-2</v>
      </c>
      <c r="X12511" s="2">
        <v>118.9</v>
      </c>
      <c r="Y12511" s="2">
        <v>7.6</v>
      </c>
      <c r="Z12511" s="2">
        <v>16.7</v>
      </c>
      <c r="AA12511" s="5"/>
      <c r="AB12511" s="5" t="s">
        <v>43</v>
      </c>
      <c r="AC12511" s="5" t="s">
        <v>44</v>
      </c>
      <c r="AD12511" s="2"/>
      <c r="AE12511" s="1"/>
    </row>
    <row r="12512" spans="1:31" ht="14.45">
      <c r="A12512" s="11"/>
      <c r="B12512" s="20"/>
      <c r="C12512" s="2" t="s">
        <v>38464</v>
      </c>
      <c r="D12512" s="14" t="s">
        <v>38465</v>
      </c>
      <c r="E12512" s="2" t="s">
        <v>38466</v>
      </c>
      <c r="F12512" s="2" t="s">
        <v>36357</v>
      </c>
      <c r="G12512" s="8">
        <v>182</v>
      </c>
      <c r="H12512" s="5">
        <v>6</v>
      </c>
      <c r="I12512" s="5" t="s">
        <v>1518</v>
      </c>
      <c r="J12512" s="5" t="s">
        <v>36264</v>
      </c>
      <c r="K12512" s="2" t="s">
        <v>36265</v>
      </c>
      <c r="L12512" s="5" t="s">
        <v>36264</v>
      </c>
      <c r="M12512" s="2" t="s">
        <v>36265</v>
      </c>
      <c r="N12512" s="5" t="s">
        <v>36266</v>
      </c>
      <c r="O12512" s="5" t="s">
        <v>38</v>
      </c>
      <c r="P12512" s="5" t="s">
        <v>39</v>
      </c>
      <c r="Q12512" s="5" t="s">
        <v>40</v>
      </c>
      <c r="R12512" s="5" t="s">
        <v>1522</v>
      </c>
      <c r="S12512" s="5" t="s">
        <v>1523</v>
      </c>
      <c r="T12512" s="5" t="s">
        <v>42</v>
      </c>
      <c r="U12512" s="2">
        <v>1.5409999999999999</v>
      </c>
      <c r="V12512" s="2">
        <v>1.06</v>
      </c>
      <c r="W12512" s="2">
        <v>1.4999999999999999E-2</v>
      </c>
      <c r="X12512" s="2">
        <v>118.9</v>
      </c>
      <c r="Y12512" s="2">
        <v>7.6</v>
      </c>
      <c r="Z12512" s="2">
        <v>16.7</v>
      </c>
      <c r="AA12512" s="5"/>
      <c r="AB12512" s="5" t="s">
        <v>43</v>
      </c>
      <c r="AC12512" s="5" t="s">
        <v>44</v>
      </c>
      <c r="AD12512" s="2"/>
      <c r="AE12512" s="1"/>
    </row>
    <row r="12513" spans="1:31" ht="14.45">
      <c r="A12513" s="11"/>
      <c r="B12513" s="20"/>
      <c r="C12513" s="2" t="s">
        <v>38467</v>
      </c>
      <c r="D12513" s="14" t="s">
        <v>38468</v>
      </c>
      <c r="E12513" s="2" t="s">
        <v>38469</v>
      </c>
      <c r="F12513" s="2" t="s">
        <v>36361</v>
      </c>
      <c r="G12513" s="8">
        <v>182</v>
      </c>
      <c r="H12513" s="5">
        <v>6</v>
      </c>
      <c r="I12513" s="5" t="s">
        <v>1518</v>
      </c>
      <c r="J12513" s="5" t="s">
        <v>36264</v>
      </c>
      <c r="K12513" s="2" t="s">
        <v>36265</v>
      </c>
      <c r="L12513" s="5" t="s">
        <v>36264</v>
      </c>
      <c r="M12513" s="2" t="s">
        <v>36265</v>
      </c>
      <c r="N12513" s="5" t="s">
        <v>36266</v>
      </c>
      <c r="O12513" s="5" t="s">
        <v>38</v>
      </c>
      <c r="P12513" s="5" t="s">
        <v>39</v>
      </c>
      <c r="Q12513" s="5" t="s">
        <v>40</v>
      </c>
      <c r="R12513" s="5" t="s">
        <v>1522</v>
      </c>
      <c r="S12513" s="5" t="s">
        <v>1523</v>
      </c>
      <c r="T12513" s="5" t="s">
        <v>42</v>
      </c>
      <c r="U12513" s="2">
        <v>1.51</v>
      </c>
      <c r="V12513" s="2">
        <v>1.0289999999999999</v>
      </c>
      <c r="W12513" s="2">
        <v>1.4999999999999999E-2</v>
      </c>
      <c r="X12513" s="2">
        <v>118.9</v>
      </c>
      <c r="Y12513" s="2">
        <v>7.6</v>
      </c>
      <c r="Z12513" s="2">
        <v>16.7</v>
      </c>
      <c r="AA12513" s="5"/>
      <c r="AB12513" s="5" t="s">
        <v>43</v>
      </c>
      <c r="AC12513" s="5" t="s">
        <v>44</v>
      </c>
      <c r="AD12513" s="2"/>
      <c r="AE12513" s="1"/>
    </row>
    <row r="12514" spans="1:31" ht="14.45">
      <c r="A12514" s="11"/>
      <c r="B12514" s="20"/>
      <c r="C12514" s="2" t="s">
        <v>38470</v>
      </c>
      <c r="D12514" s="14" t="s">
        <v>38471</v>
      </c>
      <c r="E12514" s="2" t="s">
        <v>38472</v>
      </c>
      <c r="F12514" s="2" t="s">
        <v>36365</v>
      </c>
      <c r="G12514" s="8">
        <v>182</v>
      </c>
      <c r="H12514" s="5">
        <v>6</v>
      </c>
      <c r="I12514" s="5" t="s">
        <v>1518</v>
      </c>
      <c r="J12514" s="5" t="s">
        <v>36264</v>
      </c>
      <c r="K12514" s="2" t="s">
        <v>36265</v>
      </c>
      <c r="L12514" s="5" t="s">
        <v>36264</v>
      </c>
      <c r="M12514" s="2" t="s">
        <v>36265</v>
      </c>
      <c r="N12514" s="5" t="s">
        <v>36266</v>
      </c>
      <c r="O12514" s="5" t="s">
        <v>38</v>
      </c>
      <c r="P12514" s="5" t="s">
        <v>39</v>
      </c>
      <c r="Q12514" s="5" t="s">
        <v>40</v>
      </c>
      <c r="R12514" s="5" t="s">
        <v>1522</v>
      </c>
      <c r="S12514" s="5" t="s">
        <v>1523</v>
      </c>
      <c r="T12514" s="5" t="s">
        <v>42</v>
      </c>
      <c r="U12514" s="2">
        <v>1.5409999999999999</v>
      </c>
      <c r="V12514" s="2">
        <v>1.06</v>
      </c>
      <c r="W12514" s="2">
        <v>1.4999999999999999E-2</v>
      </c>
      <c r="X12514" s="2">
        <v>118.9</v>
      </c>
      <c r="Y12514" s="2">
        <v>7.6</v>
      </c>
      <c r="Z12514" s="2">
        <v>16.7</v>
      </c>
      <c r="AA12514" s="5"/>
      <c r="AB12514" s="5" t="s">
        <v>43</v>
      </c>
      <c r="AC12514" s="5" t="s">
        <v>44</v>
      </c>
      <c r="AD12514" s="2"/>
      <c r="AE12514" s="1"/>
    </row>
    <row r="12515" spans="1:31" ht="14.45">
      <c r="A12515" s="11"/>
      <c r="B12515" s="20"/>
      <c r="C12515" s="2" t="s">
        <v>38473</v>
      </c>
      <c r="D12515" s="14" t="s">
        <v>38474</v>
      </c>
      <c r="E12515" s="2" t="s">
        <v>38475</v>
      </c>
      <c r="F12515" s="2" t="s">
        <v>36369</v>
      </c>
      <c r="G12515" s="8">
        <v>182</v>
      </c>
      <c r="H12515" s="5">
        <v>6</v>
      </c>
      <c r="I12515" s="5" t="s">
        <v>1518</v>
      </c>
      <c r="J12515" s="5" t="s">
        <v>36264</v>
      </c>
      <c r="K12515" s="2" t="s">
        <v>36265</v>
      </c>
      <c r="L12515" s="5" t="s">
        <v>36264</v>
      </c>
      <c r="M12515" s="2" t="s">
        <v>36265</v>
      </c>
      <c r="N12515" s="5" t="s">
        <v>36266</v>
      </c>
      <c r="O12515" s="5" t="s">
        <v>38</v>
      </c>
      <c r="P12515" s="5" t="s">
        <v>39</v>
      </c>
      <c r="Q12515" s="5" t="s">
        <v>40</v>
      </c>
      <c r="R12515" s="5" t="s">
        <v>1522</v>
      </c>
      <c r="S12515" s="5" t="s">
        <v>1523</v>
      </c>
      <c r="T12515" s="5" t="s">
        <v>42</v>
      </c>
      <c r="U12515" s="2">
        <v>1.51</v>
      </c>
      <c r="V12515" s="2">
        <v>1.0289999999999999</v>
      </c>
      <c r="W12515" s="2">
        <v>1.4999999999999999E-2</v>
      </c>
      <c r="X12515" s="2">
        <v>118.9</v>
      </c>
      <c r="Y12515" s="2">
        <v>7.6</v>
      </c>
      <c r="Z12515" s="2">
        <v>16.7</v>
      </c>
      <c r="AA12515" s="5"/>
      <c r="AB12515" s="5" t="s">
        <v>43</v>
      </c>
      <c r="AC12515" s="5" t="s">
        <v>44</v>
      </c>
      <c r="AD12515" s="2"/>
      <c r="AE12515" s="1"/>
    </row>
    <row r="12516" spans="1:31" ht="14.45">
      <c r="A12516" s="11"/>
      <c r="B12516" s="20"/>
      <c r="C12516" s="2" t="s">
        <v>38476</v>
      </c>
      <c r="D12516" s="14" t="s">
        <v>38477</v>
      </c>
      <c r="E12516" s="2" t="s">
        <v>38478</v>
      </c>
      <c r="F12516" s="2" t="s">
        <v>36373</v>
      </c>
      <c r="G12516" s="8">
        <v>182</v>
      </c>
      <c r="H12516" s="5">
        <v>6</v>
      </c>
      <c r="I12516" s="5" t="s">
        <v>1518</v>
      </c>
      <c r="J12516" s="5" t="s">
        <v>36264</v>
      </c>
      <c r="K12516" s="2" t="s">
        <v>36265</v>
      </c>
      <c r="L12516" s="5" t="s">
        <v>36264</v>
      </c>
      <c r="M12516" s="2" t="s">
        <v>36265</v>
      </c>
      <c r="N12516" s="5" t="s">
        <v>36266</v>
      </c>
      <c r="O12516" s="5" t="s">
        <v>38</v>
      </c>
      <c r="P12516" s="5" t="s">
        <v>39</v>
      </c>
      <c r="Q12516" s="5" t="s">
        <v>40</v>
      </c>
      <c r="R12516" s="5" t="s">
        <v>1522</v>
      </c>
      <c r="S12516" s="5" t="s">
        <v>1523</v>
      </c>
      <c r="T12516" s="5" t="s">
        <v>42</v>
      </c>
      <c r="U12516" s="2">
        <v>1.5409999999999999</v>
      </c>
      <c r="V12516" s="2">
        <v>1.06</v>
      </c>
      <c r="W12516" s="2">
        <v>1.4999999999999999E-2</v>
      </c>
      <c r="X12516" s="2">
        <v>118.9</v>
      </c>
      <c r="Y12516" s="2">
        <v>7.6</v>
      </c>
      <c r="Z12516" s="2">
        <v>16.7</v>
      </c>
      <c r="AA12516" s="5"/>
      <c r="AB12516" s="5" t="s">
        <v>43</v>
      </c>
      <c r="AC12516" s="5" t="s">
        <v>44</v>
      </c>
      <c r="AD12516" s="2"/>
      <c r="AE12516" s="1"/>
    </row>
    <row r="12517" spans="1:31" ht="14.45">
      <c r="A12517" s="11"/>
      <c r="B12517" s="20"/>
      <c r="C12517" s="2" t="s">
        <v>38479</v>
      </c>
      <c r="D12517" s="14" t="s">
        <v>38480</v>
      </c>
      <c r="E12517" s="2" t="s">
        <v>38481</v>
      </c>
      <c r="F12517" s="2" t="s">
        <v>36377</v>
      </c>
      <c r="G12517" s="8">
        <v>182</v>
      </c>
      <c r="H12517" s="5">
        <v>6</v>
      </c>
      <c r="I12517" s="5" t="s">
        <v>1518</v>
      </c>
      <c r="J12517" s="5" t="s">
        <v>36264</v>
      </c>
      <c r="K12517" s="2" t="s">
        <v>36265</v>
      </c>
      <c r="L12517" s="5" t="s">
        <v>36264</v>
      </c>
      <c r="M12517" s="2" t="s">
        <v>36265</v>
      </c>
      <c r="N12517" s="5" t="s">
        <v>36266</v>
      </c>
      <c r="O12517" s="5" t="s">
        <v>38</v>
      </c>
      <c r="P12517" s="5" t="s">
        <v>39</v>
      </c>
      <c r="Q12517" s="5" t="s">
        <v>40</v>
      </c>
      <c r="R12517" s="5" t="s">
        <v>1522</v>
      </c>
      <c r="S12517" s="5" t="s">
        <v>1523</v>
      </c>
      <c r="T12517" s="5" t="s">
        <v>42</v>
      </c>
      <c r="U12517" s="2">
        <v>1.51</v>
      </c>
      <c r="V12517" s="2">
        <v>1.0289999999999999</v>
      </c>
      <c r="W12517" s="2">
        <v>1.4999999999999999E-2</v>
      </c>
      <c r="X12517" s="2">
        <v>118.9</v>
      </c>
      <c r="Y12517" s="2">
        <v>7.6</v>
      </c>
      <c r="Z12517" s="2">
        <v>16.7</v>
      </c>
      <c r="AA12517" s="5"/>
      <c r="AB12517" s="5" t="s">
        <v>43</v>
      </c>
      <c r="AC12517" s="5" t="s">
        <v>44</v>
      </c>
      <c r="AD12517" s="2"/>
      <c r="AE12517" s="1"/>
    </row>
    <row r="12518" spans="1:31" ht="14.45">
      <c r="A12518" s="11"/>
      <c r="B12518" s="20"/>
      <c r="C12518" s="2" t="s">
        <v>38482</v>
      </c>
      <c r="D12518" s="14" t="s">
        <v>38483</v>
      </c>
      <c r="E12518" s="2" t="s">
        <v>38484</v>
      </c>
      <c r="F12518" s="2" t="s">
        <v>36381</v>
      </c>
      <c r="G12518" s="8">
        <v>182</v>
      </c>
      <c r="H12518" s="5">
        <v>6</v>
      </c>
      <c r="I12518" s="5" t="s">
        <v>1518</v>
      </c>
      <c r="J12518" s="5" t="s">
        <v>36264</v>
      </c>
      <c r="K12518" s="2" t="s">
        <v>36265</v>
      </c>
      <c r="L12518" s="5" t="s">
        <v>36264</v>
      </c>
      <c r="M12518" s="2" t="s">
        <v>36265</v>
      </c>
      <c r="N12518" s="5" t="s">
        <v>36266</v>
      </c>
      <c r="O12518" s="5" t="s">
        <v>38</v>
      </c>
      <c r="P12518" s="5" t="s">
        <v>39</v>
      </c>
      <c r="Q12518" s="5" t="s">
        <v>40</v>
      </c>
      <c r="R12518" s="5" t="s">
        <v>1522</v>
      </c>
      <c r="S12518" s="5" t="s">
        <v>1523</v>
      </c>
      <c r="T12518" s="5" t="s">
        <v>42</v>
      </c>
      <c r="U12518" s="2">
        <v>1.5409999999999999</v>
      </c>
      <c r="V12518" s="2">
        <v>1.06</v>
      </c>
      <c r="W12518" s="2">
        <v>1.4999999999999999E-2</v>
      </c>
      <c r="X12518" s="2">
        <v>118.9</v>
      </c>
      <c r="Y12518" s="2">
        <v>7.6</v>
      </c>
      <c r="Z12518" s="2">
        <v>16.7</v>
      </c>
      <c r="AA12518" s="5"/>
      <c r="AB12518" s="5" t="s">
        <v>43</v>
      </c>
      <c r="AC12518" s="5" t="s">
        <v>44</v>
      </c>
      <c r="AD12518" s="2"/>
      <c r="AE12518" s="1"/>
    </row>
    <row r="12519" spans="1:31" ht="14.45">
      <c r="A12519" s="11"/>
      <c r="B12519" s="20"/>
      <c r="C12519" s="2" t="s">
        <v>38485</v>
      </c>
      <c r="D12519" s="14" t="s">
        <v>38486</v>
      </c>
      <c r="E12519" s="2" t="s">
        <v>38487</v>
      </c>
      <c r="F12519" s="2" t="s">
        <v>36385</v>
      </c>
      <c r="G12519" s="8">
        <v>182</v>
      </c>
      <c r="H12519" s="5">
        <v>6</v>
      </c>
      <c r="I12519" s="5" t="s">
        <v>1518</v>
      </c>
      <c r="J12519" s="5" t="s">
        <v>36264</v>
      </c>
      <c r="K12519" s="2" t="s">
        <v>36265</v>
      </c>
      <c r="L12519" s="5" t="s">
        <v>36264</v>
      </c>
      <c r="M12519" s="2" t="s">
        <v>36265</v>
      </c>
      <c r="N12519" s="5" t="s">
        <v>36266</v>
      </c>
      <c r="O12519" s="5" t="s">
        <v>38</v>
      </c>
      <c r="P12519" s="5" t="s">
        <v>39</v>
      </c>
      <c r="Q12519" s="5" t="s">
        <v>40</v>
      </c>
      <c r="R12519" s="5" t="s">
        <v>1522</v>
      </c>
      <c r="S12519" s="5" t="s">
        <v>1523</v>
      </c>
      <c r="T12519" s="5" t="s">
        <v>42</v>
      </c>
      <c r="U12519" s="2">
        <v>1.51</v>
      </c>
      <c r="V12519" s="2">
        <v>1.0289999999999999</v>
      </c>
      <c r="W12519" s="2">
        <v>1.4999999999999999E-2</v>
      </c>
      <c r="X12519" s="2">
        <v>118.9</v>
      </c>
      <c r="Y12519" s="2">
        <v>7.6</v>
      </c>
      <c r="Z12519" s="2">
        <v>16.7</v>
      </c>
      <c r="AA12519" s="5"/>
      <c r="AB12519" s="5" t="s">
        <v>43</v>
      </c>
      <c r="AC12519" s="5" t="s">
        <v>44</v>
      </c>
      <c r="AD12519" s="2"/>
      <c r="AE12519" s="1"/>
    </row>
    <row r="12520" spans="1:31" ht="14.45">
      <c r="A12520" s="11"/>
      <c r="B12520" s="20"/>
      <c r="C12520" s="2" t="s">
        <v>38488</v>
      </c>
      <c r="D12520" s="14" t="s">
        <v>38489</v>
      </c>
      <c r="E12520" s="2" t="s">
        <v>38490</v>
      </c>
      <c r="F12520" s="2" t="s">
        <v>36389</v>
      </c>
      <c r="G12520" s="8">
        <v>182</v>
      </c>
      <c r="H12520" s="5">
        <v>6</v>
      </c>
      <c r="I12520" s="5" t="s">
        <v>1518</v>
      </c>
      <c r="J12520" s="5" t="s">
        <v>36264</v>
      </c>
      <c r="K12520" s="2" t="s">
        <v>36265</v>
      </c>
      <c r="L12520" s="5" t="s">
        <v>36264</v>
      </c>
      <c r="M12520" s="2" t="s">
        <v>36265</v>
      </c>
      <c r="N12520" s="5" t="s">
        <v>36266</v>
      </c>
      <c r="O12520" s="5" t="s">
        <v>38</v>
      </c>
      <c r="P12520" s="5" t="s">
        <v>39</v>
      </c>
      <c r="Q12520" s="5" t="s">
        <v>40</v>
      </c>
      <c r="R12520" s="5" t="s">
        <v>1522</v>
      </c>
      <c r="S12520" s="5" t="s">
        <v>1523</v>
      </c>
      <c r="T12520" s="5" t="s">
        <v>42</v>
      </c>
      <c r="U12520" s="2">
        <v>1.5409999999999999</v>
      </c>
      <c r="V12520" s="2">
        <v>1.06</v>
      </c>
      <c r="W12520" s="2">
        <v>1.4999999999999999E-2</v>
      </c>
      <c r="X12520" s="2">
        <v>118.9</v>
      </c>
      <c r="Y12520" s="2">
        <v>7.6</v>
      </c>
      <c r="Z12520" s="2">
        <v>16.7</v>
      </c>
      <c r="AA12520" s="5"/>
      <c r="AB12520" s="5" t="s">
        <v>43</v>
      </c>
      <c r="AC12520" s="5" t="s">
        <v>44</v>
      </c>
      <c r="AD12520" s="2"/>
      <c r="AE12520" s="1"/>
    </row>
    <row r="12521" spans="1:31" ht="14.45">
      <c r="A12521" s="11"/>
      <c r="B12521" s="20"/>
      <c r="C12521" s="2" t="s">
        <v>38491</v>
      </c>
      <c r="D12521" s="14" t="s">
        <v>38492</v>
      </c>
      <c r="E12521" s="2" t="s">
        <v>38493</v>
      </c>
      <c r="F12521" s="2" t="s">
        <v>7204</v>
      </c>
      <c r="G12521" s="8">
        <v>170</v>
      </c>
      <c r="H12521" s="5">
        <v>6</v>
      </c>
      <c r="I12521" s="5" t="s">
        <v>1518</v>
      </c>
      <c r="J12521" s="5" t="s">
        <v>36264</v>
      </c>
      <c r="K12521" s="2" t="s">
        <v>36265</v>
      </c>
      <c r="L12521" s="5" t="s">
        <v>36264</v>
      </c>
      <c r="M12521" s="2" t="s">
        <v>36265</v>
      </c>
      <c r="N12521" s="5" t="s">
        <v>36266</v>
      </c>
      <c r="O12521" s="5" t="s">
        <v>38</v>
      </c>
      <c r="P12521" s="5" t="s">
        <v>39</v>
      </c>
      <c r="Q12521" s="5" t="s">
        <v>40</v>
      </c>
      <c r="R12521" s="5" t="s">
        <v>1522</v>
      </c>
      <c r="S12521" s="5" t="s">
        <v>1523</v>
      </c>
      <c r="T12521" s="5" t="s">
        <v>42</v>
      </c>
      <c r="U12521" s="2">
        <v>1.6990000000000001</v>
      </c>
      <c r="V12521" s="2">
        <v>1.1419999999999999</v>
      </c>
      <c r="W12521" s="2">
        <v>1.7999999999999999E-2</v>
      </c>
      <c r="X12521" s="2">
        <v>139.1</v>
      </c>
      <c r="Y12521" s="2">
        <v>7.6</v>
      </c>
      <c r="Z12521" s="2">
        <v>16.7</v>
      </c>
      <c r="AA12521" s="5"/>
      <c r="AB12521" s="5" t="s">
        <v>43</v>
      </c>
      <c r="AC12521" s="5" t="s">
        <v>44</v>
      </c>
      <c r="AD12521" s="2"/>
      <c r="AE12521" s="1"/>
    </row>
    <row r="12522" spans="1:31" ht="14.45">
      <c r="A12522" s="11"/>
      <c r="B12522" s="20"/>
      <c r="C12522" s="2" t="s">
        <v>38494</v>
      </c>
      <c r="D12522" s="14" t="s">
        <v>38495</v>
      </c>
      <c r="E12522" s="2" t="s">
        <v>38496</v>
      </c>
      <c r="F12522" s="2" t="s">
        <v>7514</v>
      </c>
      <c r="G12522" s="8">
        <v>170</v>
      </c>
      <c r="H12522" s="5">
        <v>6</v>
      </c>
      <c r="I12522" s="5" t="s">
        <v>1518</v>
      </c>
      <c r="J12522" s="5" t="s">
        <v>36264</v>
      </c>
      <c r="K12522" s="2" t="s">
        <v>36265</v>
      </c>
      <c r="L12522" s="5" t="s">
        <v>36264</v>
      </c>
      <c r="M12522" s="2" t="s">
        <v>36265</v>
      </c>
      <c r="N12522" s="5" t="s">
        <v>36266</v>
      </c>
      <c r="O12522" s="5" t="s">
        <v>38</v>
      </c>
      <c r="P12522" s="5" t="s">
        <v>39</v>
      </c>
      <c r="Q12522" s="5" t="s">
        <v>40</v>
      </c>
      <c r="R12522" s="5" t="s">
        <v>1522</v>
      </c>
      <c r="S12522" s="5" t="s">
        <v>1523</v>
      </c>
      <c r="T12522" s="5" t="s">
        <v>42</v>
      </c>
      <c r="U12522" s="2">
        <v>1.73</v>
      </c>
      <c r="V12522" s="2">
        <v>1.173</v>
      </c>
      <c r="W12522" s="2">
        <v>1.7999999999999999E-2</v>
      </c>
      <c r="X12522" s="2">
        <v>139.1</v>
      </c>
      <c r="Y12522" s="2">
        <v>7.6</v>
      </c>
      <c r="Z12522" s="2">
        <v>16.7</v>
      </c>
      <c r="AA12522" s="5"/>
      <c r="AB12522" s="5" t="s">
        <v>43</v>
      </c>
      <c r="AC12522" s="5" t="s">
        <v>44</v>
      </c>
      <c r="AD12522" s="2"/>
      <c r="AE12522" s="1"/>
    </row>
    <row r="12523" spans="1:31" ht="14.45">
      <c r="A12523" s="11"/>
      <c r="B12523" s="20"/>
      <c r="C12523" s="2" t="s">
        <v>38497</v>
      </c>
      <c r="D12523" s="14" t="s">
        <v>38498</v>
      </c>
      <c r="E12523" s="2" t="s">
        <v>38499</v>
      </c>
      <c r="F12523" s="2" t="s">
        <v>36273</v>
      </c>
      <c r="G12523" s="8">
        <v>170</v>
      </c>
      <c r="H12523" s="5">
        <v>6</v>
      </c>
      <c r="I12523" s="5" t="s">
        <v>1518</v>
      </c>
      <c r="J12523" s="5" t="s">
        <v>36264</v>
      </c>
      <c r="K12523" s="2" t="s">
        <v>36265</v>
      </c>
      <c r="L12523" s="5" t="s">
        <v>36264</v>
      </c>
      <c r="M12523" s="2" t="s">
        <v>36265</v>
      </c>
      <c r="N12523" s="5" t="s">
        <v>36266</v>
      </c>
      <c r="O12523" s="5" t="s">
        <v>38</v>
      </c>
      <c r="P12523" s="5" t="s">
        <v>39</v>
      </c>
      <c r="Q12523" s="5" t="s">
        <v>40</v>
      </c>
      <c r="R12523" s="5" t="s">
        <v>1522</v>
      </c>
      <c r="S12523" s="5" t="s">
        <v>1523</v>
      </c>
      <c r="T12523" s="5" t="s">
        <v>42</v>
      </c>
      <c r="U12523" s="2">
        <v>1.6990000000000001</v>
      </c>
      <c r="V12523" s="2">
        <v>1.1419999999999999</v>
      </c>
      <c r="W12523" s="2">
        <v>1.7999999999999999E-2</v>
      </c>
      <c r="X12523" s="2">
        <v>139.1</v>
      </c>
      <c r="Y12523" s="2">
        <v>7.6</v>
      </c>
      <c r="Z12523" s="2">
        <v>16.7</v>
      </c>
      <c r="AA12523" s="5"/>
      <c r="AB12523" s="5" t="s">
        <v>43</v>
      </c>
      <c r="AC12523" s="5" t="s">
        <v>44</v>
      </c>
      <c r="AD12523" s="2"/>
      <c r="AE12523" s="1"/>
    </row>
    <row r="12524" spans="1:31" ht="14.45">
      <c r="A12524" s="11"/>
      <c r="B12524" s="20"/>
      <c r="C12524" s="2" t="s">
        <v>38500</v>
      </c>
      <c r="D12524" s="14" t="s">
        <v>38501</v>
      </c>
      <c r="E12524" s="2" t="s">
        <v>38502</v>
      </c>
      <c r="F12524" s="2" t="s">
        <v>36277</v>
      </c>
      <c r="G12524" s="8">
        <v>170</v>
      </c>
      <c r="H12524" s="5">
        <v>6</v>
      </c>
      <c r="I12524" s="5" t="s">
        <v>1518</v>
      </c>
      <c r="J12524" s="5" t="s">
        <v>36264</v>
      </c>
      <c r="K12524" s="2" t="s">
        <v>36265</v>
      </c>
      <c r="L12524" s="5" t="s">
        <v>36264</v>
      </c>
      <c r="M12524" s="2" t="s">
        <v>36265</v>
      </c>
      <c r="N12524" s="5" t="s">
        <v>36266</v>
      </c>
      <c r="O12524" s="5" t="s">
        <v>38</v>
      </c>
      <c r="P12524" s="5" t="s">
        <v>39</v>
      </c>
      <c r="Q12524" s="5" t="s">
        <v>40</v>
      </c>
      <c r="R12524" s="5" t="s">
        <v>1522</v>
      </c>
      <c r="S12524" s="5" t="s">
        <v>1523</v>
      </c>
      <c r="T12524" s="5" t="s">
        <v>42</v>
      </c>
      <c r="U12524" s="2">
        <v>1.73</v>
      </c>
      <c r="V12524" s="2">
        <v>1.173</v>
      </c>
      <c r="W12524" s="2">
        <v>1.7999999999999999E-2</v>
      </c>
      <c r="X12524" s="2">
        <v>139.1</v>
      </c>
      <c r="Y12524" s="2">
        <v>7.6</v>
      </c>
      <c r="Z12524" s="2">
        <v>16.7</v>
      </c>
      <c r="AA12524" s="5"/>
      <c r="AB12524" s="5" t="s">
        <v>43</v>
      </c>
      <c r="AC12524" s="5" t="s">
        <v>44</v>
      </c>
      <c r="AD12524" s="2"/>
      <c r="AE12524" s="1"/>
    </row>
    <row r="12525" spans="1:31" ht="14.45">
      <c r="A12525" s="11"/>
      <c r="B12525" s="20"/>
      <c r="C12525" s="2" t="s">
        <v>38503</v>
      </c>
      <c r="D12525" s="14" t="s">
        <v>38504</v>
      </c>
      <c r="E12525" s="2" t="s">
        <v>38505</v>
      </c>
      <c r="F12525" s="2" t="s">
        <v>36281</v>
      </c>
      <c r="G12525" s="8">
        <v>196</v>
      </c>
      <c r="H12525" s="5">
        <v>6</v>
      </c>
      <c r="I12525" s="5" t="s">
        <v>1518</v>
      </c>
      <c r="J12525" s="5" t="s">
        <v>36264</v>
      </c>
      <c r="K12525" s="2" t="s">
        <v>36265</v>
      </c>
      <c r="L12525" s="5" t="s">
        <v>36264</v>
      </c>
      <c r="M12525" s="2" t="s">
        <v>36265</v>
      </c>
      <c r="N12525" s="5" t="s">
        <v>36266</v>
      </c>
      <c r="O12525" s="5" t="s">
        <v>38</v>
      </c>
      <c r="P12525" s="5" t="s">
        <v>39</v>
      </c>
      <c r="Q12525" s="5" t="s">
        <v>40</v>
      </c>
      <c r="R12525" s="5" t="s">
        <v>1522</v>
      </c>
      <c r="S12525" s="5" t="s">
        <v>1523</v>
      </c>
      <c r="T12525" s="5" t="s">
        <v>42</v>
      </c>
      <c r="U12525" s="2">
        <v>1.6990000000000001</v>
      </c>
      <c r="V12525" s="2">
        <v>1.1419999999999999</v>
      </c>
      <c r="W12525" s="2">
        <v>1.7999999999999999E-2</v>
      </c>
      <c r="X12525" s="2">
        <v>139.1</v>
      </c>
      <c r="Y12525" s="2">
        <v>7.6</v>
      </c>
      <c r="Z12525" s="2">
        <v>16.7</v>
      </c>
      <c r="AA12525" s="5"/>
      <c r="AB12525" s="5" t="s">
        <v>43</v>
      </c>
      <c r="AC12525" s="5" t="s">
        <v>44</v>
      </c>
      <c r="AD12525" s="2"/>
      <c r="AE12525" s="1"/>
    </row>
    <row r="12526" spans="1:31" ht="14.45">
      <c r="A12526" s="11"/>
      <c r="B12526" s="20"/>
      <c r="C12526" s="2" t="s">
        <v>38506</v>
      </c>
      <c r="D12526" s="14" t="s">
        <v>38507</v>
      </c>
      <c r="E12526" s="2" t="s">
        <v>38508</v>
      </c>
      <c r="F12526" s="2" t="s">
        <v>36285</v>
      </c>
      <c r="G12526" s="8">
        <v>196</v>
      </c>
      <c r="H12526" s="5">
        <v>6</v>
      </c>
      <c r="I12526" s="5" t="s">
        <v>1518</v>
      </c>
      <c r="J12526" s="5" t="s">
        <v>36264</v>
      </c>
      <c r="K12526" s="2" t="s">
        <v>36265</v>
      </c>
      <c r="L12526" s="5" t="s">
        <v>36264</v>
      </c>
      <c r="M12526" s="2" t="s">
        <v>36265</v>
      </c>
      <c r="N12526" s="5" t="s">
        <v>36266</v>
      </c>
      <c r="O12526" s="5" t="s">
        <v>38</v>
      </c>
      <c r="P12526" s="5" t="s">
        <v>39</v>
      </c>
      <c r="Q12526" s="5" t="s">
        <v>40</v>
      </c>
      <c r="R12526" s="5" t="s">
        <v>1522</v>
      </c>
      <c r="S12526" s="5" t="s">
        <v>1523</v>
      </c>
      <c r="T12526" s="5" t="s">
        <v>42</v>
      </c>
      <c r="U12526" s="2">
        <v>1.73</v>
      </c>
      <c r="V12526" s="2">
        <v>1.173</v>
      </c>
      <c r="W12526" s="2">
        <v>1.7999999999999999E-2</v>
      </c>
      <c r="X12526" s="2">
        <v>139.1</v>
      </c>
      <c r="Y12526" s="2">
        <v>7.6</v>
      </c>
      <c r="Z12526" s="2">
        <v>16.7</v>
      </c>
      <c r="AA12526" s="5"/>
      <c r="AB12526" s="5" t="s">
        <v>43</v>
      </c>
      <c r="AC12526" s="5" t="s">
        <v>44</v>
      </c>
      <c r="AD12526" s="2"/>
      <c r="AE12526" s="1"/>
    </row>
    <row r="12527" spans="1:31" ht="14.45">
      <c r="A12527" s="11"/>
      <c r="B12527" s="20"/>
      <c r="C12527" s="2" t="s">
        <v>38509</v>
      </c>
      <c r="D12527" s="14" t="s">
        <v>38510</v>
      </c>
      <c r="E12527" s="2" t="s">
        <v>38511</v>
      </c>
      <c r="F12527" s="2" t="s">
        <v>36289</v>
      </c>
      <c r="G12527" s="8">
        <v>196</v>
      </c>
      <c r="H12527" s="5">
        <v>6</v>
      </c>
      <c r="I12527" s="5" t="s">
        <v>1518</v>
      </c>
      <c r="J12527" s="5" t="s">
        <v>36264</v>
      </c>
      <c r="K12527" s="2" t="s">
        <v>36265</v>
      </c>
      <c r="L12527" s="5" t="s">
        <v>36264</v>
      </c>
      <c r="M12527" s="2" t="s">
        <v>36265</v>
      </c>
      <c r="N12527" s="5" t="s">
        <v>36266</v>
      </c>
      <c r="O12527" s="5" t="s">
        <v>38</v>
      </c>
      <c r="P12527" s="5" t="s">
        <v>39</v>
      </c>
      <c r="Q12527" s="5" t="s">
        <v>40</v>
      </c>
      <c r="R12527" s="5" t="s">
        <v>1522</v>
      </c>
      <c r="S12527" s="5" t="s">
        <v>1523</v>
      </c>
      <c r="T12527" s="5" t="s">
        <v>42</v>
      </c>
      <c r="U12527" s="2">
        <v>1.6990000000000001</v>
      </c>
      <c r="V12527" s="2">
        <v>1.1419999999999999</v>
      </c>
      <c r="W12527" s="2">
        <v>1.7999999999999999E-2</v>
      </c>
      <c r="X12527" s="2">
        <v>139.1</v>
      </c>
      <c r="Y12527" s="2">
        <v>7.6</v>
      </c>
      <c r="Z12527" s="2">
        <v>16.7</v>
      </c>
      <c r="AA12527" s="5"/>
      <c r="AB12527" s="5" t="s">
        <v>43</v>
      </c>
      <c r="AC12527" s="5" t="s">
        <v>44</v>
      </c>
      <c r="AD12527" s="2"/>
      <c r="AE12527" s="1"/>
    </row>
    <row r="12528" spans="1:31" ht="14.45">
      <c r="A12528" s="11"/>
      <c r="B12528" s="20"/>
      <c r="C12528" s="2" t="s">
        <v>38512</v>
      </c>
      <c r="D12528" s="14" t="s">
        <v>38513</v>
      </c>
      <c r="E12528" s="2" t="s">
        <v>38514</v>
      </c>
      <c r="F12528" s="2" t="s">
        <v>36293</v>
      </c>
      <c r="G12528" s="8">
        <v>196</v>
      </c>
      <c r="H12528" s="5">
        <v>6</v>
      </c>
      <c r="I12528" s="5" t="s">
        <v>1518</v>
      </c>
      <c r="J12528" s="5" t="s">
        <v>36264</v>
      </c>
      <c r="K12528" s="2" t="s">
        <v>36265</v>
      </c>
      <c r="L12528" s="5" t="s">
        <v>36264</v>
      </c>
      <c r="M12528" s="2" t="s">
        <v>36265</v>
      </c>
      <c r="N12528" s="5" t="s">
        <v>36266</v>
      </c>
      <c r="O12528" s="5" t="s">
        <v>38</v>
      </c>
      <c r="P12528" s="5" t="s">
        <v>39</v>
      </c>
      <c r="Q12528" s="5" t="s">
        <v>40</v>
      </c>
      <c r="R12528" s="5" t="s">
        <v>1522</v>
      </c>
      <c r="S12528" s="5" t="s">
        <v>1523</v>
      </c>
      <c r="T12528" s="5" t="s">
        <v>42</v>
      </c>
      <c r="U12528" s="2">
        <v>1.73</v>
      </c>
      <c r="V12528" s="2">
        <v>1.173</v>
      </c>
      <c r="W12528" s="2">
        <v>1.7999999999999999E-2</v>
      </c>
      <c r="X12528" s="2">
        <v>139.1</v>
      </c>
      <c r="Y12528" s="2">
        <v>7.6</v>
      </c>
      <c r="Z12528" s="2">
        <v>16.7</v>
      </c>
      <c r="AA12528" s="5"/>
      <c r="AB12528" s="5" t="s">
        <v>43</v>
      </c>
      <c r="AC12528" s="5" t="s">
        <v>44</v>
      </c>
      <c r="AD12528" s="2"/>
      <c r="AE12528" s="1"/>
    </row>
    <row r="12529" spans="1:31" ht="14.45">
      <c r="A12529" s="11"/>
      <c r="B12529" s="20"/>
      <c r="C12529" s="2" t="s">
        <v>38515</v>
      </c>
      <c r="D12529" s="14" t="s">
        <v>38516</v>
      </c>
      <c r="E12529" s="2" t="s">
        <v>38517</v>
      </c>
      <c r="F12529" s="2" t="s">
        <v>36297</v>
      </c>
      <c r="G12529" s="8">
        <v>170</v>
      </c>
      <c r="H12529" s="5">
        <v>6</v>
      </c>
      <c r="I12529" s="5" t="s">
        <v>1518</v>
      </c>
      <c r="J12529" s="5" t="s">
        <v>36264</v>
      </c>
      <c r="K12529" s="2" t="s">
        <v>36265</v>
      </c>
      <c r="L12529" s="5" t="s">
        <v>36264</v>
      </c>
      <c r="M12529" s="2" t="s">
        <v>36265</v>
      </c>
      <c r="N12529" s="5" t="s">
        <v>36266</v>
      </c>
      <c r="O12529" s="5" t="s">
        <v>38</v>
      </c>
      <c r="P12529" s="5" t="s">
        <v>39</v>
      </c>
      <c r="Q12529" s="5" t="s">
        <v>40</v>
      </c>
      <c r="R12529" s="5" t="s">
        <v>1522</v>
      </c>
      <c r="S12529" s="5" t="s">
        <v>1523</v>
      </c>
      <c r="T12529" s="5" t="s">
        <v>42</v>
      </c>
      <c r="U12529" s="2">
        <v>1.6990000000000001</v>
      </c>
      <c r="V12529" s="2">
        <v>1.1419999999999999</v>
      </c>
      <c r="W12529" s="2">
        <v>1.7999999999999999E-2</v>
      </c>
      <c r="X12529" s="2">
        <v>139.1</v>
      </c>
      <c r="Y12529" s="2">
        <v>7.6</v>
      </c>
      <c r="Z12529" s="2">
        <v>16.7</v>
      </c>
      <c r="AA12529" s="5"/>
      <c r="AB12529" s="5" t="s">
        <v>43</v>
      </c>
      <c r="AC12529" s="5" t="s">
        <v>44</v>
      </c>
      <c r="AD12529" s="2"/>
      <c r="AE12529" s="1"/>
    </row>
    <row r="12530" spans="1:31" ht="14.45">
      <c r="A12530" s="11"/>
      <c r="B12530" s="20"/>
      <c r="C12530" s="2" t="s">
        <v>38518</v>
      </c>
      <c r="D12530" s="14" t="s">
        <v>38519</v>
      </c>
      <c r="E12530" s="2" t="s">
        <v>38520</v>
      </c>
      <c r="F12530" s="2" t="s">
        <v>36301</v>
      </c>
      <c r="G12530" s="8">
        <v>170</v>
      </c>
      <c r="H12530" s="5">
        <v>6</v>
      </c>
      <c r="I12530" s="5" t="s">
        <v>1518</v>
      </c>
      <c r="J12530" s="5" t="s">
        <v>36264</v>
      </c>
      <c r="K12530" s="2" t="s">
        <v>36265</v>
      </c>
      <c r="L12530" s="5" t="s">
        <v>36264</v>
      </c>
      <c r="M12530" s="2" t="s">
        <v>36265</v>
      </c>
      <c r="N12530" s="5" t="s">
        <v>36266</v>
      </c>
      <c r="O12530" s="5" t="s">
        <v>38</v>
      </c>
      <c r="P12530" s="5" t="s">
        <v>39</v>
      </c>
      <c r="Q12530" s="5" t="s">
        <v>40</v>
      </c>
      <c r="R12530" s="5" t="s">
        <v>1522</v>
      </c>
      <c r="S12530" s="5" t="s">
        <v>1523</v>
      </c>
      <c r="T12530" s="5" t="s">
        <v>42</v>
      </c>
      <c r="U12530" s="2">
        <v>1.73</v>
      </c>
      <c r="V12530" s="2">
        <v>1.173</v>
      </c>
      <c r="W12530" s="2">
        <v>1.7999999999999999E-2</v>
      </c>
      <c r="X12530" s="2">
        <v>139.1</v>
      </c>
      <c r="Y12530" s="2">
        <v>7.6</v>
      </c>
      <c r="Z12530" s="2">
        <v>16.7</v>
      </c>
      <c r="AA12530" s="5"/>
      <c r="AB12530" s="5" t="s">
        <v>43</v>
      </c>
      <c r="AC12530" s="5" t="s">
        <v>44</v>
      </c>
      <c r="AD12530" s="2"/>
      <c r="AE12530" s="1"/>
    </row>
    <row r="12531" spans="1:31" ht="14.45">
      <c r="A12531" s="11"/>
      <c r="B12531" s="20"/>
      <c r="C12531" s="2" t="s">
        <v>38521</v>
      </c>
      <c r="D12531" s="14" t="s">
        <v>38522</v>
      </c>
      <c r="E12531" s="2" t="s">
        <v>38523</v>
      </c>
      <c r="F12531" s="2" t="s">
        <v>36305</v>
      </c>
      <c r="G12531" s="8">
        <v>170</v>
      </c>
      <c r="H12531" s="5">
        <v>6</v>
      </c>
      <c r="I12531" s="5" t="s">
        <v>1518</v>
      </c>
      <c r="J12531" s="5" t="s">
        <v>36264</v>
      </c>
      <c r="K12531" s="2" t="s">
        <v>36265</v>
      </c>
      <c r="L12531" s="5" t="s">
        <v>36264</v>
      </c>
      <c r="M12531" s="2" t="s">
        <v>36265</v>
      </c>
      <c r="N12531" s="5" t="s">
        <v>36266</v>
      </c>
      <c r="O12531" s="5" t="s">
        <v>38</v>
      </c>
      <c r="P12531" s="5" t="s">
        <v>39</v>
      </c>
      <c r="Q12531" s="5" t="s">
        <v>40</v>
      </c>
      <c r="R12531" s="5" t="s">
        <v>1522</v>
      </c>
      <c r="S12531" s="5" t="s">
        <v>1523</v>
      </c>
      <c r="T12531" s="5" t="s">
        <v>42</v>
      </c>
      <c r="U12531" s="2">
        <v>1.6990000000000001</v>
      </c>
      <c r="V12531" s="2">
        <v>1.1419999999999999</v>
      </c>
      <c r="W12531" s="2">
        <v>1.7999999999999999E-2</v>
      </c>
      <c r="X12531" s="2">
        <v>139.1</v>
      </c>
      <c r="Y12531" s="2">
        <v>7.6</v>
      </c>
      <c r="Z12531" s="2">
        <v>16.7</v>
      </c>
      <c r="AA12531" s="5"/>
      <c r="AB12531" s="5" t="s">
        <v>43</v>
      </c>
      <c r="AC12531" s="5" t="s">
        <v>44</v>
      </c>
      <c r="AD12531" s="2"/>
      <c r="AE12531" s="1"/>
    </row>
    <row r="12532" spans="1:31" ht="14.45">
      <c r="A12532" s="11"/>
      <c r="B12532" s="20"/>
      <c r="C12532" s="2" t="s">
        <v>38524</v>
      </c>
      <c r="D12532" s="14" t="s">
        <v>38525</v>
      </c>
      <c r="E12532" s="2" t="s">
        <v>38526</v>
      </c>
      <c r="F12532" s="2" t="s">
        <v>36309</v>
      </c>
      <c r="G12532" s="8">
        <v>170</v>
      </c>
      <c r="H12532" s="5">
        <v>6</v>
      </c>
      <c r="I12532" s="5" t="s">
        <v>1518</v>
      </c>
      <c r="J12532" s="5" t="s">
        <v>36264</v>
      </c>
      <c r="K12532" s="2" t="s">
        <v>36265</v>
      </c>
      <c r="L12532" s="5" t="s">
        <v>36264</v>
      </c>
      <c r="M12532" s="2" t="s">
        <v>36265</v>
      </c>
      <c r="N12532" s="5" t="s">
        <v>36266</v>
      </c>
      <c r="O12532" s="5" t="s">
        <v>38</v>
      </c>
      <c r="P12532" s="5" t="s">
        <v>39</v>
      </c>
      <c r="Q12532" s="5" t="s">
        <v>40</v>
      </c>
      <c r="R12532" s="5" t="s">
        <v>1522</v>
      </c>
      <c r="S12532" s="5" t="s">
        <v>1523</v>
      </c>
      <c r="T12532" s="5" t="s">
        <v>42</v>
      </c>
      <c r="U12532" s="2">
        <v>1.73</v>
      </c>
      <c r="V12532" s="2">
        <v>1.173</v>
      </c>
      <c r="W12532" s="2">
        <v>1.7999999999999999E-2</v>
      </c>
      <c r="X12532" s="2">
        <v>139.1</v>
      </c>
      <c r="Y12532" s="2">
        <v>7.6</v>
      </c>
      <c r="Z12532" s="2">
        <v>16.7</v>
      </c>
      <c r="AA12532" s="5"/>
      <c r="AB12532" s="5" t="s">
        <v>43</v>
      </c>
      <c r="AC12532" s="5" t="s">
        <v>44</v>
      </c>
      <c r="AD12532" s="2"/>
      <c r="AE12532" s="1"/>
    </row>
    <row r="12533" spans="1:31" ht="14.45">
      <c r="A12533" s="11"/>
      <c r="B12533" s="20"/>
      <c r="C12533" s="2" t="s">
        <v>38527</v>
      </c>
      <c r="D12533" s="14" t="s">
        <v>38528</v>
      </c>
      <c r="E12533" s="2" t="s">
        <v>38529</v>
      </c>
      <c r="F12533" s="2" t="s">
        <v>36313</v>
      </c>
      <c r="G12533" s="8">
        <v>196</v>
      </c>
      <c r="H12533" s="5">
        <v>6</v>
      </c>
      <c r="I12533" s="5" t="s">
        <v>1518</v>
      </c>
      <c r="J12533" s="5" t="s">
        <v>36264</v>
      </c>
      <c r="K12533" s="2" t="s">
        <v>36265</v>
      </c>
      <c r="L12533" s="5" t="s">
        <v>36264</v>
      </c>
      <c r="M12533" s="2" t="s">
        <v>36265</v>
      </c>
      <c r="N12533" s="5" t="s">
        <v>36266</v>
      </c>
      <c r="O12533" s="5" t="s">
        <v>38</v>
      </c>
      <c r="P12533" s="5" t="s">
        <v>39</v>
      </c>
      <c r="Q12533" s="5" t="s">
        <v>40</v>
      </c>
      <c r="R12533" s="5" t="s">
        <v>1522</v>
      </c>
      <c r="S12533" s="5" t="s">
        <v>1523</v>
      </c>
      <c r="T12533" s="5" t="s">
        <v>42</v>
      </c>
      <c r="U12533" s="2">
        <v>1.6990000000000001</v>
      </c>
      <c r="V12533" s="2">
        <v>1.1419999999999999</v>
      </c>
      <c r="W12533" s="2">
        <v>1.7999999999999999E-2</v>
      </c>
      <c r="X12533" s="2">
        <v>139.1</v>
      </c>
      <c r="Y12533" s="2">
        <v>7.6</v>
      </c>
      <c r="Z12533" s="2">
        <v>16.7</v>
      </c>
      <c r="AA12533" s="5"/>
      <c r="AB12533" s="5" t="s">
        <v>43</v>
      </c>
      <c r="AC12533" s="5" t="s">
        <v>44</v>
      </c>
      <c r="AD12533" s="2"/>
      <c r="AE12533" s="1"/>
    </row>
    <row r="12534" spans="1:31" ht="14.45">
      <c r="A12534" s="11"/>
      <c r="B12534" s="20"/>
      <c r="C12534" s="2" t="s">
        <v>38530</v>
      </c>
      <c r="D12534" s="14" t="s">
        <v>38531</v>
      </c>
      <c r="E12534" s="2" t="s">
        <v>38532</v>
      </c>
      <c r="F12534" s="2" t="s">
        <v>36317</v>
      </c>
      <c r="G12534" s="8">
        <v>196</v>
      </c>
      <c r="H12534" s="5">
        <v>6</v>
      </c>
      <c r="I12534" s="5" t="s">
        <v>1518</v>
      </c>
      <c r="J12534" s="5" t="s">
        <v>36264</v>
      </c>
      <c r="K12534" s="2" t="s">
        <v>36265</v>
      </c>
      <c r="L12534" s="5" t="s">
        <v>36264</v>
      </c>
      <c r="M12534" s="2" t="s">
        <v>36265</v>
      </c>
      <c r="N12534" s="5" t="s">
        <v>36266</v>
      </c>
      <c r="O12534" s="5" t="s">
        <v>38</v>
      </c>
      <c r="P12534" s="5" t="s">
        <v>39</v>
      </c>
      <c r="Q12534" s="5" t="s">
        <v>40</v>
      </c>
      <c r="R12534" s="5" t="s">
        <v>1522</v>
      </c>
      <c r="S12534" s="5" t="s">
        <v>1523</v>
      </c>
      <c r="T12534" s="5" t="s">
        <v>42</v>
      </c>
      <c r="U12534" s="2">
        <v>1.73</v>
      </c>
      <c r="V12534" s="2">
        <v>1.173</v>
      </c>
      <c r="W12534" s="2">
        <v>1.7999999999999999E-2</v>
      </c>
      <c r="X12534" s="2">
        <v>139.1</v>
      </c>
      <c r="Y12534" s="2">
        <v>7.6</v>
      </c>
      <c r="Z12534" s="2">
        <v>16.7</v>
      </c>
      <c r="AA12534" s="5"/>
      <c r="AB12534" s="5" t="s">
        <v>43</v>
      </c>
      <c r="AC12534" s="5" t="s">
        <v>44</v>
      </c>
      <c r="AD12534" s="2"/>
      <c r="AE12534" s="1"/>
    </row>
    <row r="12535" spans="1:31" ht="14.45">
      <c r="A12535" s="11"/>
      <c r="B12535" s="20"/>
      <c r="C12535" s="2" t="s">
        <v>38533</v>
      </c>
      <c r="D12535" s="14" t="s">
        <v>38534</v>
      </c>
      <c r="E12535" s="2" t="s">
        <v>38535</v>
      </c>
      <c r="F12535" s="2" t="s">
        <v>36321</v>
      </c>
      <c r="G12535" s="8">
        <v>196</v>
      </c>
      <c r="H12535" s="5">
        <v>6</v>
      </c>
      <c r="I12535" s="5" t="s">
        <v>1518</v>
      </c>
      <c r="J12535" s="5" t="s">
        <v>36264</v>
      </c>
      <c r="K12535" s="2" t="s">
        <v>36265</v>
      </c>
      <c r="L12535" s="5" t="s">
        <v>36264</v>
      </c>
      <c r="M12535" s="2" t="s">
        <v>36265</v>
      </c>
      <c r="N12535" s="5" t="s">
        <v>36266</v>
      </c>
      <c r="O12535" s="5" t="s">
        <v>38</v>
      </c>
      <c r="P12535" s="5" t="s">
        <v>39</v>
      </c>
      <c r="Q12535" s="5" t="s">
        <v>40</v>
      </c>
      <c r="R12535" s="5" t="s">
        <v>1522</v>
      </c>
      <c r="S12535" s="5" t="s">
        <v>1523</v>
      </c>
      <c r="T12535" s="5" t="s">
        <v>42</v>
      </c>
      <c r="U12535" s="2">
        <v>1.6990000000000001</v>
      </c>
      <c r="V12535" s="2">
        <v>1.1419999999999999</v>
      </c>
      <c r="W12535" s="2">
        <v>1.7999999999999999E-2</v>
      </c>
      <c r="X12535" s="2">
        <v>139.1</v>
      </c>
      <c r="Y12535" s="2">
        <v>7.6</v>
      </c>
      <c r="Z12535" s="2">
        <v>16.7</v>
      </c>
      <c r="AA12535" s="5"/>
      <c r="AB12535" s="5" t="s">
        <v>43</v>
      </c>
      <c r="AC12535" s="5" t="s">
        <v>44</v>
      </c>
      <c r="AD12535" s="2"/>
      <c r="AE12535" s="1"/>
    </row>
    <row r="12536" spans="1:31" ht="14.45">
      <c r="A12536" s="11"/>
      <c r="B12536" s="20"/>
      <c r="C12536" s="2" t="s">
        <v>38536</v>
      </c>
      <c r="D12536" s="14" t="s">
        <v>38537</v>
      </c>
      <c r="E12536" s="2" t="s">
        <v>38538</v>
      </c>
      <c r="F12536" s="2" t="s">
        <v>36325</v>
      </c>
      <c r="G12536" s="8">
        <v>196</v>
      </c>
      <c r="H12536" s="5">
        <v>6</v>
      </c>
      <c r="I12536" s="5" t="s">
        <v>1518</v>
      </c>
      <c r="J12536" s="5" t="s">
        <v>36264</v>
      </c>
      <c r="K12536" s="2" t="s">
        <v>36265</v>
      </c>
      <c r="L12536" s="5" t="s">
        <v>36264</v>
      </c>
      <c r="M12536" s="2" t="s">
        <v>36265</v>
      </c>
      <c r="N12536" s="5" t="s">
        <v>36266</v>
      </c>
      <c r="O12536" s="5" t="s">
        <v>38</v>
      </c>
      <c r="P12536" s="5" t="s">
        <v>39</v>
      </c>
      <c r="Q12536" s="5" t="s">
        <v>40</v>
      </c>
      <c r="R12536" s="5" t="s">
        <v>1522</v>
      </c>
      <c r="S12536" s="5" t="s">
        <v>1523</v>
      </c>
      <c r="T12536" s="5" t="s">
        <v>42</v>
      </c>
      <c r="U12536" s="2">
        <v>1.73</v>
      </c>
      <c r="V12536" s="2">
        <v>1.173</v>
      </c>
      <c r="W12536" s="2">
        <v>1.7999999999999999E-2</v>
      </c>
      <c r="X12536" s="2">
        <v>139.1</v>
      </c>
      <c r="Y12536" s="2">
        <v>7.6</v>
      </c>
      <c r="Z12536" s="2">
        <v>16.7</v>
      </c>
      <c r="AA12536" s="5"/>
      <c r="AB12536" s="5" t="s">
        <v>43</v>
      </c>
      <c r="AC12536" s="5" t="s">
        <v>44</v>
      </c>
      <c r="AD12536" s="2"/>
      <c r="AE12536" s="1"/>
    </row>
    <row r="12537" spans="1:31" ht="14.45">
      <c r="A12537" s="11"/>
      <c r="B12537" s="20"/>
      <c r="C12537" s="2" t="s">
        <v>38539</v>
      </c>
      <c r="D12537" s="14" t="s">
        <v>38540</v>
      </c>
      <c r="E12537" s="2" t="s">
        <v>38541</v>
      </c>
      <c r="F12537" s="2" t="s">
        <v>36329</v>
      </c>
      <c r="G12537" s="8">
        <v>196</v>
      </c>
      <c r="H12537" s="5">
        <v>6</v>
      </c>
      <c r="I12537" s="5" t="s">
        <v>1518</v>
      </c>
      <c r="J12537" s="5" t="s">
        <v>36264</v>
      </c>
      <c r="K12537" s="2" t="s">
        <v>36265</v>
      </c>
      <c r="L12537" s="5" t="s">
        <v>36264</v>
      </c>
      <c r="M12537" s="2" t="s">
        <v>36265</v>
      </c>
      <c r="N12537" s="5" t="s">
        <v>36266</v>
      </c>
      <c r="O12537" s="5" t="s">
        <v>38</v>
      </c>
      <c r="P12537" s="5" t="s">
        <v>39</v>
      </c>
      <c r="Q12537" s="5" t="s">
        <v>40</v>
      </c>
      <c r="R12537" s="5" t="s">
        <v>1522</v>
      </c>
      <c r="S12537" s="5" t="s">
        <v>1523</v>
      </c>
      <c r="T12537" s="5" t="s">
        <v>42</v>
      </c>
      <c r="U12537" s="2">
        <v>1.6990000000000001</v>
      </c>
      <c r="V12537" s="2">
        <v>1.1419999999999999</v>
      </c>
      <c r="W12537" s="2">
        <v>1.7999999999999999E-2</v>
      </c>
      <c r="X12537" s="2">
        <v>139.1</v>
      </c>
      <c r="Y12537" s="2">
        <v>7.6</v>
      </c>
      <c r="Z12537" s="2">
        <v>16.7</v>
      </c>
      <c r="AA12537" s="5"/>
      <c r="AB12537" s="5" t="s">
        <v>43</v>
      </c>
      <c r="AC12537" s="5" t="s">
        <v>44</v>
      </c>
      <c r="AD12537" s="2"/>
      <c r="AE12537" s="1"/>
    </row>
    <row r="12538" spans="1:31" ht="14.45">
      <c r="A12538" s="11"/>
      <c r="B12538" s="20"/>
      <c r="C12538" s="2" t="s">
        <v>38542</v>
      </c>
      <c r="D12538" s="14" t="s">
        <v>38543</v>
      </c>
      <c r="E12538" s="2" t="s">
        <v>38544</v>
      </c>
      <c r="F12538" s="2" t="s">
        <v>36333</v>
      </c>
      <c r="G12538" s="8">
        <v>196</v>
      </c>
      <c r="H12538" s="5">
        <v>6</v>
      </c>
      <c r="I12538" s="5" t="s">
        <v>1518</v>
      </c>
      <c r="J12538" s="5" t="s">
        <v>36264</v>
      </c>
      <c r="K12538" s="2" t="s">
        <v>36265</v>
      </c>
      <c r="L12538" s="5" t="s">
        <v>36264</v>
      </c>
      <c r="M12538" s="2" t="s">
        <v>36265</v>
      </c>
      <c r="N12538" s="5" t="s">
        <v>36266</v>
      </c>
      <c r="O12538" s="5" t="s">
        <v>38</v>
      </c>
      <c r="P12538" s="5" t="s">
        <v>39</v>
      </c>
      <c r="Q12538" s="5" t="s">
        <v>40</v>
      </c>
      <c r="R12538" s="5" t="s">
        <v>1522</v>
      </c>
      <c r="S12538" s="5" t="s">
        <v>1523</v>
      </c>
      <c r="T12538" s="5" t="s">
        <v>42</v>
      </c>
      <c r="U12538" s="2">
        <v>1.73</v>
      </c>
      <c r="V12538" s="2">
        <v>1.173</v>
      </c>
      <c r="W12538" s="2">
        <v>1.7999999999999999E-2</v>
      </c>
      <c r="X12538" s="2">
        <v>139.1</v>
      </c>
      <c r="Y12538" s="2">
        <v>7.6</v>
      </c>
      <c r="Z12538" s="2">
        <v>16.7</v>
      </c>
      <c r="AA12538" s="5"/>
      <c r="AB12538" s="5" t="s">
        <v>43</v>
      </c>
      <c r="AC12538" s="5" t="s">
        <v>44</v>
      </c>
      <c r="AD12538" s="2"/>
      <c r="AE12538" s="1"/>
    </row>
    <row r="12539" spans="1:31" ht="14.45">
      <c r="A12539" s="11"/>
      <c r="B12539" s="20"/>
      <c r="C12539" s="2" t="s">
        <v>38545</v>
      </c>
      <c r="D12539" s="14" t="s">
        <v>38546</v>
      </c>
      <c r="E12539" s="2" t="s">
        <v>38547</v>
      </c>
      <c r="F12539" s="2" t="s">
        <v>36337</v>
      </c>
      <c r="G12539" s="8">
        <v>196</v>
      </c>
      <c r="H12539" s="5">
        <v>6</v>
      </c>
      <c r="I12539" s="5" t="s">
        <v>1518</v>
      </c>
      <c r="J12539" s="5" t="s">
        <v>36264</v>
      </c>
      <c r="K12539" s="2" t="s">
        <v>36265</v>
      </c>
      <c r="L12539" s="5" t="s">
        <v>36264</v>
      </c>
      <c r="M12539" s="2" t="s">
        <v>36265</v>
      </c>
      <c r="N12539" s="5" t="s">
        <v>36266</v>
      </c>
      <c r="O12539" s="5" t="s">
        <v>38</v>
      </c>
      <c r="P12539" s="5" t="s">
        <v>39</v>
      </c>
      <c r="Q12539" s="5" t="s">
        <v>40</v>
      </c>
      <c r="R12539" s="5" t="s">
        <v>1522</v>
      </c>
      <c r="S12539" s="5" t="s">
        <v>1523</v>
      </c>
      <c r="T12539" s="5" t="s">
        <v>42</v>
      </c>
      <c r="U12539" s="2">
        <v>1.6990000000000001</v>
      </c>
      <c r="V12539" s="2">
        <v>1.1419999999999999</v>
      </c>
      <c r="W12539" s="2">
        <v>1.7999999999999999E-2</v>
      </c>
      <c r="X12539" s="2">
        <v>139.1</v>
      </c>
      <c r="Y12539" s="2">
        <v>7.6</v>
      </c>
      <c r="Z12539" s="2">
        <v>16.7</v>
      </c>
      <c r="AA12539" s="5"/>
      <c r="AB12539" s="5" t="s">
        <v>43</v>
      </c>
      <c r="AC12539" s="5" t="s">
        <v>44</v>
      </c>
      <c r="AD12539" s="2"/>
      <c r="AE12539" s="1"/>
    </row>
    <row r="12540" spans="1:31" ht="14.45">
      <c r="A12540" s="11"/>
      <c r="B12540" s="20"/>
      <c r="C12540" s="2" t="s">
        <v>38548</v>
      </c>
      <c r="D12540" s="14" t="s">
        <v>38549</v>
      </c>
      <c r="E12540" s="2" t="s">
        <v>38550</v>
      </c>
      <c r="F12540" s="2" t="s">
        <v>36341</v>
      </c>
      <c r="G12540" s="8">
        <v>196</v>
      </c>
      <c r="H12540" s="5">
        <v>6</v>
      </c>
      <c r="I12540" s="5" t="s">
        <v>1518</v>
      </c>
      <c r="J12540" s="5" t="s">
        <v>36264</v>
      </c>
      <c r="K12540" s="2" t="s">
        <v>36265</v>
      </c>
      <c r="L12540" s="5" t="s">
        <v>36264</v>
      </c>
      <c r="M12540" s="2" t="s">
        <v>36265</v>
      </c>
      <c r="N12540" s="5" t="s">
        <v>36266</v>
      </c>
      <c r="O12540" s="5" t="s">
        <v>38</v>
      </c>
      <c r="P12540" s="5" t="s">
        <v>39</v>
      </c>
      <c r="Q12540" s="5" t="s">
        <v>40</v>
      </c>
      <c r="R12540" s="5" t="s">
        <v>1522</v>
      </c>
      <c r="S12540" s="5" t="s">
        <v>1523</v>
      </c>
      <c r="T12540" s="5" t="s">
        <v>42</v>
      </c>
      <c r="U12540" s="2">
        <v>1.73</v>
      </c>
      <c r="V12540" s="2">
        <v>1.173</v>
      </c>
      <c r="W12540" s="2">
        <v>1.7999999999999999E-2</v>
      </c>
      <c r="X12540" s="2">
        <v>139.1</v>
      </c>
      <c r="Y12540" s="2">
        <v>7.6</v>
      </c>
      <c r="Z12540" s="2">
        <v>16.7</v>
      </c>
      <c r="AA12540" s="5"/>
      <c r="AB12540" s="5" t="s">
        <v>43</v>
      </c>
      <c r="AC12540" s="5" t="s">
        <v>44</v>
      </c>
      <c r="AD12540" s="2"/>
      <c r="AE12540" s="1"/>
    </row>
    <row r="12541" spans="1:31" ht="14.45">
      <c r="A12541" s="11"/>
      <c r="B12541" s="20"/>
      <c r="C12541" s="2" t="s">
        <v>38551</v>
      </c>
      <c r="D12541" s="14" t="s">
        <v>38552</v>
      </c>
      <c r="E12541" s="2" t="s">
        <v>38553</v>
      </c>
      <c r="F12541" s="2" t="s">
        <v>36345</v>
      </c>
      <c r="G12541" s="8">
        <v>196</v>
      </c>
      <c r="H12541" s="5">
        <v>6</v>
      </c>
      <c r="I12541" s="5" t="s">
        <v>1518</v>
      </c>
      <c r="J12541" s="5" t="s">
        <v>36264</v>
      </c>
      <c r="K12541" s="2" t="s">
        <v>36265</v>
      </c>
      <c r="L12541" s="5" t="s">
        <v>36264</v>
      </c>
      <c r="M12541" s="2" t="s">
        <v>36265</v>
      </c>
      <c r="N12541" s="5" t="s">
        <v>36266</v>
      </c>
      <c r="O12541" s="5" t="s">
        <v>38</v>
      </c>
      <c r="P12541" s="5" t="s">
        <v>39</v>
      </c>
      <c r="Q12541" s="5" t="s">
        <v>40</v>
      </c>
      <c r="R12541" s="5" t="s">
        <v>1522</v>
      </c>
      <c r="S12541" s="5" t="s">
        <v>1523</v>
      </c>
      <c r="T12541" s="5" t="s">
        <v>42</v>
      </c>
      <c r="U12541" s="2">
        <v>1.6990000000000001</v>
      </c>
      <c r="V12541" s="2">
        <v>1.1419999999999999</v>
      </c>
      <c r="W12541" s="2">
        <v>1.7999999999999999E-2</v>
      </c>
      <c r="X12541" s="2">
        <v>139.1</v>
      </c>
      <c r="Y12541" s="2">
        <v>7.6</v>
      </c>
      <c r="Z12541" s="2">
        <v>16.7</v>
      </c>
      <c r="AA12541" s="5"/>
      <c r="AB12541" s="5" t="s">
        <v>43</v>
      </c>
      <c r="AC12541" s="5" t="s">
        <v>44</v>
      </c>
      <c r="AD12541" s="2"/>
      <c r="AE12541" s="1"/>
    </row>
    <row r="12542" spans="1:31" ht="14.45">
      <c r="A12542" s="11"/>
      <c r="B12542" s="20"/>
      <c r="C12542" s="2" t="s">
        <v>38554</v>
      </c>
      <c r="D12542" s="14" t="s">
        <v>38555</v>
      </c>
      <c r="E12542" s="2" t="s">
        <v>38556</v>
      </c>
      <c r="F12542" s="2" t="s">
        <v>36349</v>
      </c>
      <c r="G12542" s="8">
        <v>196</v>
      </c>
      <c r="H12542" s="5">
        <v>6</v>
      </c>
      <c r="I12542" s="5" t="s">
        <v>1518</v>
      </c>
      <c r="J12542" s="5" t="s">
        <v>36264</v>
      </c>
      <c r="K12542" s="2" t="s">
        <v>36265</v>
      </c>
      <c r="L12542" s="5" t="s">
        <v>36264</v>
      </c>
      <c r="M12542" s="2" t="s">
        <v>36265</v>
      </c>
      <c r="N12542" s="5" t="s">
        <v>36266</v>
      </c>
      <c r="O12542" s="5" t="s">
        <v>38</v>
      </c>
      <c r="P12542" s="5" t="s">
        <v>39</v>
      </c>
      <c r="Q12542" s="5" t="s">
        <v>40</v>
      </c>
      <c r="R12542" s="5" t="s">
        <v>1522</v>
      </c>
      <c r="S12542" s="5" t="s">
        <v>1523</v>
      </c>
      <c r="T12542" s="5" t="s">
        <v>42</v>
      </c>
      <c r="U12542" s="2">
        <v>1.73</v>
      </c>
      <c r="V12542" s="2">
        <v>1.173</v>
      </c>
      <c r="W12542" s="2">
        <v>1.7999999999999999E-2</v>
      </c>
      <c r="X12542" s="2">
        <v>139.1</v>
      </c>
      <c r="Y12542" s="2">
        <v>7.6</v>
      </c>
      <c r="Z12542" s="2">
        <v>16.7</v>
      </c>
      <c r="AA12542" s="5"/>
      <c r="AB12542" s="5" t="s">
        <v>43</v>
      </c>
      <c r="AC12542" s="5" t="s">
        <v>44</v>
      </c>
      <c r="AD12542" s="2"/>
      <c r="AE12542" s="1"/>
    </row>
    <row r="12543" spans="1:31" ht="14.45">
      <c r="A12543" s="11"/>
      <c r="B12543" s="20"/>
      <c r="C12543" s="2" t="s">
        <v>38557</v>
      </c>
      <c r="D12543" s="14" t="s">
        <v>38558</v>
      </c>
      <c r="E12543" s="2" t="s">
        <v>38559</v>
      </c>
      <c r="F12543" s="2" t="s">
        <v>36353</v>
      </c>
      <c r="G12543" s="8">
        <v>196</v>
      </c>
      <c r="H12543" s="5">
        <v>6</v>
      </c>
      <c r="I12543" s="5" t="s">
        <v>1518</v>
      </c>
      <c r="J12543" s="5" t="s">
        <v>36264</v>
      </c>
      <c r="K12543" s="2" t="s">
        <v>36265</v>
      </c>
      <c r="L12543" s="5" t="s">
        <v>36264</v>
      </c>
      <c r="M12543" s="2" t="s">
        <v>36265</v>
      </c>
      <c r="N12543" s="5" t="s">
        <v>36266</v>
      </c>
      <c r="O12543" s="5" t="s">
        <v>38</v>
      </c>
      <c r="P12543" s="5" t="s">
        <v>39</v>
      </c>
      <c r="Q12543" s="5" t="s">
        <v>40</v>
      </c>
      <c r="R12543" s="5" t="s">
        <v>1522</v>
      </c>
      <c r="S12543" s="5" t="s">
        <v>1523</v>
      </c>
      <c r="T12543" s="5" t="s">
        <v>42</v>
      </c>
      <c r="U12543" s="2">
        <v>1.6990000000000001</v>
      </c>
      <c r="V12543" s="2">
        <v>1.1419999999999999</v>
      </c>
      <c r="W12543" s="2">
        <v>1.7999999999999999E-2</v>
      </c>
      <c r="X12543" s="2">
        <v>139.1</v>
      </c>
      <c r="Y12543" s="2">
        <v>7.6</v>
      </c>
      <c r="Z12543" s="2">
        <v>16.7</v>
      </c>
      <c r="AA12543" s="5"/>
      <c r="AB12543" s="5" t="s">
        <v>43</v>
      </c>
      <c r="AC12543" s="5" t="s">
        <v>44</v>
      </c>
      <c r="AD12543" s="2"/>
      <c r="AE12543" s="1"/>
    </row>
    <row r="12544" spans="1:31" ht="14.45">
      <c r="A12544" s="11"/>
      <c r="B12544" s="20"/>
      <c r="C12544" s="2" t="s">
        <v>38560</v>
      </c>
      <c r="D12544" s="14" t="s">
        <v>38561</v>
      </c>
      <c r="E12544" s="2" t="s">
        <v>38562</v>
      </c>
      <c r="F12544" s="2" t="s">
        <v>36357</v>
      </c>
      <c r="G12544" s="8">
        <v>196</v>
      </c>
      <c r="H12544" s="5">
        <v>6</v>
      </c>
      <c r="I12544" s="5" t="s">
        <v>1518</v>
      </c>
      <c r="J12544" s="5" t="s">
        <v>36264</v>
      </c>
      <c r="K12544" s="2" t="s">
        <v>36265</v>
      </c>
      <c r="L12544" s="5" t="s">
        <v>36264</v>
      </c>
      <c r="M12544" s="2" t="s">
        <v>36265</v>
      </c>
      <c r="N12544" s="5" t="s">
        <v>36266</v>
      </c>
      <c r="O12544" s="5" t="s">
        <v>38</v>
      </c>
      <c r="P12544" s="5" t="s">
        <v>39</v>
      </c>
      <c r="Q12544" s="5" t="s">
        <v>40</v>
      </c>
      <c r="R12544" s="5" t="s">
        <v>1522</v>
      </c>
      <c r="S12544" s="5" t="s">
        <v>1523</v>
      </c>
      <c r="T12544" s="5" t="s">
        <v>42</v>
      </c>
      <c r="U12544" s="2">
        <v>1.73</v>
      </c>
      <c r="V12544" s="2">
        <v>1.173</v>
      </c>
      <c r="W12544" s="2">
        <v>1.7999999999999999E-2</v>
      </c>
      <c r="X12544" s="2">
        <v>139.1</v>
      </c>
      <c r="Y12544" s="2">
        <v>7.6</v>
      </c>
      <c r="Z12544" s="2">
        <v>16.7</v>
      </c>
      <c r="AA12544" s="5"/>
      <c r="AB12544" s="5" t="s">
        <v>43</v>
      </c>
      <c r="AC12544" s="5" t="s">
        <v>44</v>
      </c>
      <c r="AD12544" s="2"/>
      <c r="AE12544" s="1"/>
    </row>
    <row r="12545" spans="1:31" ht="14.45">
      <c r="A12545" s="11"/>
      <c r="B12545" s="20"/>
      <c r="C12545" s="2" t="s">
        <v>38563</v>
      </c>
      <c r="D12545" s="14" t="s">
        <v>38564</v>
      </c>
      <c r="E12545" s="2" t="s">
        <v>38565</v>
      </c>
      <c r="F12545" s="2" t="s">
        <v>36361</v>
      </c>
      <c r="G12545" s="8">
        <v>196</v>
      </c>
      <c r="H12545" s="5">
        <v>6</v>
      </c>
      <c r="I12545" s="5" t="s">
        <v>1518</v>
      </c>
      <c r="J12545" s="5" t="s">
        <v>36264</v>
      </c>
      <c r="K12545" s="2" t="s">
        <v>36265</v>
      </c>
      <c r="L12545" s="5" t="s">
        <v>36264</v>
      </c>
      <c r="M12545" s="2" t="s">
        <v>36265</v>
      </c>
      <c r="N12545" s="5" t="s">
        <v>36266</v>
      </c>
      <c r="O12545" s="5" t="s">
        <v>38</v>
      </c>
      <c r="P12545" s="5" t="s">
        <v>39</v>
      </c>
      <c r="Q12545" s="5" t="s">
        <v>40</v>
      </c>
      <c r="R12545" s="5" t="s">
        <v>1522</v>
      </c>
      <c r="S12545" s="5" t="s">
        <v>1523</v>
      </c>
      <c r="T12545" s="5" t="s">
        <v>42</v>
      </c>
      <c r="U12545" s="2">
        <v>1.6990000000000001</v>
      </c>
      <c r="V12545" s="2">
        <v>1.1419999999999999</v>
      </c>
      <c r="W12545" s="2">
        <v>1.7999999999999999E-2</v>
      </c>
      <c r="X12545" s="2">
        <v>139.1</v>
      </c>
      <c r="Y12545" s="2">
        <v>7.6</v>
      </c>
      <c r="Z12545" s="2">
        <v>16.7</v>
      </c>
      <c r="AA12545" s="5"/>
      <c r="AB12545" s="5" t="s">
        <v>43</v>
      </c>
      <c r="AC12545" s="5" t="s">
        <v>44</v>
      </c>
      <c r="AD12545" s="2"/>
      <c r="AE12545" s="1"/>
    </row>
    <row r="12546" spans="1:31" ht="14.45">
      <c r="A12546" s="11"/>
      <c r="B12546" s="20"/>
      <c r="C12546" s="2" t="s">
        <v>38566</v>
      </c>
      <c r="D12546" s="14" t="s">
        <v>38567</v>
      </c>
      <c r="E12546" s="2" t="s">
        <v>38568</v>
      </c>
      <c r="F12546" s="2" t="s">
        <v>36365</v>
      </c>
      <c r="G12546" s="8">
        <v>196</v>
      </c>
      <c r="H12546" s="5">
        <v>6</v>
      </c>
      <c r="I12546" s="5" t="s">
        <v>1518</v>
      </c>
      <c r="J12546" s="5" t="s">
        <v>36264</v>
      </c>
      <c r="K12546" s="2" t="s">
        <v>36265</v>
      </c>
      <c r="L12546" s="5" t="s">
        <v>36264</v>
      </c>
      <c r="M12546" s="2" t="s">
        <v>36265</v>
      </c>
      <c r="N12546" s="5" t="s">
        <v>36266</v>
      </c>
      <c r="O12546" s="5" t="s">
        <v>38</v>
      </c>
      <c r="P12546" s="5" t="s">
        <v>39</v>
      </c>
      <c r="Q12546" s="5" t="s">
        <v>40</v>
      </c>
      <c r="R12546" s="5" t="s">
        <v>1522</v>
      </c>
      <c r="S12546" s="5" t="s">
        <v>1523</v>
      </c>
      <c r="T12546" s="5" t="s">
        <v>42</v>
      </c>
      <c r="U12546" s="2">
        <v>1.73</v>
      </c>
      <c r="V12546" s="2">
        <v>1.173</v>
      </c>
      <c r="W12546" s="2">
        <v>1.7999999999999999E-2</v>
      </c>
      <c r="X12546" s="2">
        <v>139.1</v>
      </c>
      <c r="Y12546" s="2">
        <v>7.6</v>
      </c>
      <c r="Z12546" s="2">
        <v>16.7</v>
      </c>
      <c r="AA12546" s="5"/>
      <c r="AB12546" s="5" t="s">
        <v>43</v>
      </c>
      <c r="AC12546" s="5" t="s">
        <v>44</v>
      </c>
      <c r="AD12546" s="2"/>
      <c r="AE12546" s="1"/>
    </row>
    <row r="12547" spans="1:31" ht="14.45">
      <c r="A12547" s="11"/>
      <c r="B12547" s="20"/>
      <c r="C12547" s="2" t="s">
        <v>38569</v>
      </c>
      <c r="D12547" s="14" t="s">
        <v>38570</v>
      </c>
      <c r="E12547" s="2" t="s">
        <v>38571</v>
      </c>
      <c r="F12547" s="2" t="s">
        <v>36369</v>
      </c>
      <c r="G12547" s="8">
        <v>196</v>
      </c>
      <c r="H12547" s="5">
        <v>6</v>
      </c>
      <c r="I12547" s="5" t="s">
        <v>1518</v>
      </c>
      <c r="J12547" s="5" t="s">
        <v>36264</v>
      </c>
      <c r="K12547" s="2" t="s">
        <v>36265</v>
      </c>
      <c r="L12547" s="5" t="s">
        <v>36264</v>
      </c>
      <c r="M12547" s="2" t="s">
        <v>36265</v>
      </c>
      <c r="N12547" s="5" t="s">
        <v>36266</v>
      </c>
      <c r="O12547" s="5" t="s">
        <v>38</v>
      </c>
      <c r="P12547" s="5" t="s">
        <v>39</v>
      </c>
      <c r="Q12547" s="5" t="s">
        <v>40</v>
      </c>
      <c r="R12547" s="5" t="s">
        <v>1522</v>
      </c>
      <c r="S12547" s="5" t="s">
        <v>1523</v>
      </c>
      <c r="T12547" s="5" t="s">
        <v>42</v>
      </c>
      <c r="U12547" s="2">
        <v>1.6990000000000001</v>
      </c>
      <c r="V12547" s="2">
        <v>1.1419999999999999</v>
      </c>
      <c r="W12547" s="2">
        <v>1.7999999999999999E-2</v>
      </c>
      <c r="X12547" s="2">
        <v>139.1</v>
      </c>
      <c r="Y12547" s="2">
        <v>7.6</v>
      </c>
      <c r="Z12547" s="2">
        <v>16.7</v>
      </c>
      <c r="AA12547" s="5"/>
      <c r="AB12547" s="5" t="s">
        <v>43</v>
      </c>
      <c r="AC12547" s="5" t="s">
        <v>44</v>
      </c>
      <c r="AD12547" s="2"/>
      <c r="AE12547" s="1"/>
    </row>
    <row r="12548" spans="1:31" ht="14.45">
      <c r="A12548" s="11"/>
      <c r="B12548" s="20"/>
      <c r="C12548" s="2" t="s">
        <v>38572</v>
      </c>
      <c r="D12548" s="14" t="s">
        <v>38573</v>
      </c>
      <c r="E12548" s="2" t="s">
        <v>38574</v>
      </c>
      <c r="F12548" s="2" t="s">
        <v>36373</v>
      </c>
      <c r="G12548" s="8">
        <v>196</v>
      </c>
      <c r="H12548" s="5">
        <v>6</v>
      </c>
      <c r="I12548" s="5" t="s">
        <v>1518</v>
      </c>
      <c r="J12548" s="5" t="s">
        <v>36264</v>
      </c>
      <c r="K12548" s="2" t="s">
        <v>36265</v>
      </c>
      <c r="L12548" s="5" t="s">
        <v>36264</v>
      </c>
      <c r="M12548" s="2" t="s">
        <v>36265</v>
      </c>
      <c r="N12548" s="5" t="s">
        <v>36266</v>
      </c>
      <c r="O12548" s="5" t="s">
        <v>38</v>
      </c>
      <c r="P12548" s="5" t="s">
        <v>39</v>
      </c>
      <c r="Q12548" s="5" t="s">
        <v>40</v>
      </c>
      <c r="R12548" s="5" t="s">
        <v>1522</v>
      </c>
      <c r="S12548" s="5" t="s">
        <v>1523</v>
      </c>
      <c r="T12548" s="5" t="s">
        <v>42</v>
      </c>
      <c r="U12548" s="2">
        <v>1.73</v>
      </c>
      <c r="V12548" s="2">
        <v>1.173</v>
      </c>
      <c r="W12548" s="2">
        <v>1.7999999999999999E-2</v>
      </c>
      <c r="X12548" s="2">
        <v>139.1</v>
      </c>
      <c r="Y12548" s="2">
        <v>7.6</v>
      </c>
      <c r="Z12548" s="2">
        <v>16.7</v>
      </c>
      <c r="AA12548" s="5"/>
      <c r="AB12548" s="5" t="s">
        <v>43</v>
      </c>
      <c r="AC12548" s="5" t="s">
        <v>44</v>
      </c>
      <c r="AD12548" s="2"/>
      <c r="AE12548" s="1"/>
    </row>
    <row r="12549" spans="1:31" ht="14.45">
      <c r="A12549" s="11"/>
      <c r="B12549" s="20"/>
      <c r="C12549" s="2" t="s">
        <v>38575</v>
      </c>
      <c r="D12549" s="14" t="s">
        <v>38576</v>
      </c>
      <c r="E12549" s="2" t="s">
        <v>38577</v>
      </c>
      <c r="F12549" s="2" t="s">
        <v>36377</v>
      </c>
      <c r="G12549" s="8">
        <v>196</v>
      </c>
      <c r="H12549" s="5">
        <v>6</v>
      </c>
      <c r="I12549" s="5" t="s">
        <v>1518</v>
      </c>
      <c r="J12549" s="5" t="s">
        <v>36264</v>
      </c>
      <c r="K12549" s="2" t="s">
        <v>36265</v>
      </c>
      <c r="L12549" s="5" t="s">
        <v>36264</v>
      </c>
      <c r="M12549" s="2" t="s">
        <v>36265</v>
      </c>
      <c r="N12549" s="5" t="s">
        <v>36266</v>
      </c>
      <c r="O12549" s="5" t="s">
        <v>38</v>
      </c>
      <c r="P12549" s="5" t="s">
        <v>39</v>
      </c>
      <c r="Q12549" s="5" t="s">
        <v>40</v>
      </c>
      <c r="R12549" s="5" t="s">
        <v>1522</v>
      </c>
      <c r="S12549" s="5" t="s">
        <v>1523</v>
      </c>
      <c r="T12549" s="5" t="s">
        <v>42</v>
      </c>
      <c r="U12549" s="2">
        <v>1.6990000000000001</v>
      </c>
      <c r="V12549" s="2">
        <v>1.1419999999999999</v>
      </c>
      <c r="W12549" s="2">
        <v>1.7999999999999999E-2</v>
      </c>
      <c r="X12549" s="2">
        <v>139.1</v>
      </c>
      <c r="Y12549" s="2">
        <v>7.6</v>
      </c>
      <c r="Z12549" s="2">
        <v>16.7</v>
      </c>
      <c r="AA12549" s="5"/>
      <c r="AB12549" s="5" t="s">
        <v>43</v>
      </c>
      <c r="AC12549" s="5" t="s">
        <v>44</v>
      </c>
      <c r="AD12549" s="2"/>
      <c r="AE12549" s="1"/>
    </row>
    <row r="12550" spans="1:31" ht="14.45">
      <c r="A12550" s="11"/>
      <c r="B12550" s="20"/>
      <c r="C12550" s="2" t="s">
        <v>38578</v>
      </c>
      <c r="D12550" s="14" t="s">
        <v>38579</v>
      </c>
      <c r="E12550" s="2" t="s">
        <v>38580</v>
      </c>
      <c r="F12550" s="2" t="s">
        <v>36381</v>
      </c>
      <c r="G12550" s="8">
        <v>196</v>
      </c>
      <c r="H12550" s="5">
        <v>6</v>
      </c>
      <c r="I12550" s="5" t="s">
        <v>1518</v>
      </c>
      <c r="J12550" s="5" t="s">
        <v>36264</v>
      </c>
      <c r="K12550" s="2" t="s">
        <v>36265</v>
      </c>
      <c r="L12550" s="5" t="s">
        <v>36264</v>
      </c>
      <c r="M12550" s="2" t="s">
        <v>36265</v>
      </c>
      <c r="N12550" s="5" t="s">
        <v>36266</v>
      </c>
      <c r="O12550" s="5" t="s">
        <v>38</v>
      </c>
      <c r="P12550" s="5" t="s">
        <v>39</v>
      </c>
      <c r="Q12550" s="5" t="s">
        <v>40</v>
      </c>
      <c r="R12550" s="5" t="s">
        <v>1522</v>
      </c>
      <c r="S12550" s="5" t="s">
        <v>1523</v>
      </c>
      <c r="T12550" s="5" t="s">
        <v>42</v>
      </c>
      <c r="U12550" s="2">
        <v>1.73</v>
      </c>
      <c r="V12550" s="2">
        <v>1.173</v>
      </c>
      <c r="W12550" s="2">
        <v>1.7999999999999999E-2</v>
      </c>
      <c r="X12550" s="2">
        <v>139.1</v>
      </c>
      <c r="Y12550" s="2">
        <v>7.6</v>
      </c>
      <c r="Z12550" s="2">
        <v>16.7</v>
      </c>
      <c r="AA12550" s="5"/>
      <c r="AB12550" s="5" t="s">
        <v>43</v>
      </c>
      <c r="AC12550" s="5" t="s">
        <v>44</v>
      </c>
      <c r="AD12550" s="2"/>
      <c r="AE12550" s="1"/>
    </row>
    <row r="12551" spans="1:31" ht="14.45">
      <c r="A12551" s="11"/>
      <c r="B12551" s="20"/>
      <c r="C12551" s="2" t="s">
        <v>38581</v>
      </c>
      <c r="D12551" s="14" t="s">
        <v>38582</v>
      </c>
      <c r="E12551" s="2" t="s">
        <v>38583</v>
      </c>
      <c r="F12551" s="2" t="s">
        <v>36385</v>
      </c>
      <c r="G12551" s="8">
        <v>196</v>
      </c>
      <c r="H12551" s="5">
        <v>6</v>
      </c>
      <c r="I12551" s="5" t="s">
        <v>1518</v>
      </c>
      <c r="J12551" s="5" t="s">
        <v>36264</v>
      </c>
      <c r="K12551" s="2" t="s">
        <v>36265</v>
      </c>
      <c r="L12551" s="5" t="s">
        <v>36264</v>
      </c>
      <c r="M12551" s="2" t="s">
        <v>36265</v>
      </c>
      <c r="N12551" s="5" t="s">
        <v>36266</v>
      </c>
      <c r="O12551" s="5" t="s">
        <v>38</v>
      </c>
      <c r="P12551" s="5" t="s">
        <v>39</v>
      </c>
      <c r="Q12551" s="5" t="s">
        <v>40</v>
      </c>
      <c r="R12551" s="5" t="s">
        <v>1522</v>
      </c>
      <c r="S12551" s="5" t="s">
        <v>1523</v>
      </c>
      <c r="T12551" s="5" t="s">
        <v>42</v>
      </c>
      <c r="U12551" s="2">
        <v>1.6990000000000001</v>
      </c>
      <c r="V12551" s="2">
        <v>1.1419999999999999</v>
      </c>
      <c r="W12551" s="2">
        <v>1.7999999999999999E-2</v>
      </c>
      <c r="X12551" s="2">
        <v>139.1</v>
      </c>
      <c r="Y12551" s="2">
        <v>7.6</v>
      </c>
      <c r="Z12551" s="2">
        <v>16.7</v>
      </c>
      <c r="AA12551" s="5"/>
      <c r="AB12551" s="5" t="s">
        <v>43</v>
      </c>
      <c r="AC12551" s="5" t="s">
        <v>44</v>
      </c>
      <c r="AD12551" s="2"/>
      <c r="AE12551" s="1"/>
    </row>
    <row r="12552" spans="1:31" ht="14.45">
      <c r="A12552" s="11"/>
      <c r="B12552" s="20"/>
      <c r="C12552" s="2" t="s">
        <v>38584</v>
      </c>
      <c r="D12552" s="14" t="s">
        <v>38585</v>
      </c>
      <c r="E12552" s="2" t="s">
        <v>38586</v>
      </c>
      <c r="F12552" s="2" t="s">
        <v>36389</v>
      </c>
      <c r="G12552" s="8">
        <v>196</v>
      </c>
      <c r="H12552" s="5">
        <v>6</v>
      </c>
      <c r="I12552" s="5" t="s">
        <v>1518</v>
      </c>
      <c r="J12552" s="5" t="s">
        <v>36264</v>
      </c>
      <c r="K12552" s="2" t="s">
        <v>36265</v>
      </c>
      <c r="L12552" s="5" t="s">
        <v>36264</v>
      </c>
      <c r="M12552" s="2" t="s">
        <v>36265</v>
      </c>
      <c r="N12552" s="5" t="s">
        <v>36266</v>
      </c>
      <c r="O12552" s="5" t="s">
        <v>38</v>
      </c>
      <c r="P12552" s="5" t="s">
        <v>39</v>
      </c>
      <c r="Q12552" s="5" t="s">
        <v>40</v>
      </c>
      <c r="R12552" s="5" t="s">
        <v>1522</v>
      </c>
      <c r="S12552" s="5" t="s">
        <v>1523</v>
      </c>
      <c r="T12552" s="5" t="s">
        <v>42</v>
      </c>
      <c r="U12552" s="2">
        <v>1.73</v>
      </c>
      <c r="V12552" s="2">
        <v>1.173</v>
      </c>
      <c r="W12552" s="2">
        <v>1.7999999999999999E-2</v>
      </c>
      <c r="X12552" s="2">
        <v>139.1</v>
      </c>
      <c r="Y12552" s="2">
        <v>7.6</v>
      </c>
      <c r="Z12552" s="2">
        <v>16.7</v>
      </c>
      <c r="AA12552" s="5"/>
      <c r="AB12552" s="5" t="s">
        <v>43</v>
      </c>
      <c r="AC12552" s="5" t="s">
        <v>44</v>
      </c>
      <c r="AD12552" s="2"/>
      <c r="AE12552" s="1"/>
    </row>
    <row r="12553" spans="1:31" ht="14.45">
      <c r="A12553" s="11"/>
      <c r="B12553" s="20"/>
      <c r="C12553" s="2" t="s">
        <v>38587</v>
      </c>
      <c r="D12553" s="14" t="s">
        <v>38588</v>
      </c>
      <c r="E12553" s="2" t="s">
        <v>38589</v>
      </c>
      <c r="F12553" s="2" t="s">
        <v>7204</v>
      </c>
      <c r="G12553" s="8">
        <v>185</v>
      </c>
      <c r="H12553" s="5">
        <v>6</v>
      </c>
      <c r="I12553" s="5" t="s">
        <v>1518</v>
      </c>
      <c r="J12553" s="5" t="s">
        <v>36264</v>
      </c>
      <c r="K12553" s="2" t="s">
        <v>36265</v>
      </c>
      <c r="L12553" s="5" t="s">
        <v>36264</v>
      </c>
      <c r="M12553" s="2" t="s">
        <v>36265</v>
      </c>
      <c r="N12553" s="5" t="s">
        <v>36266</v>
      </c>
      <c r="O12553" s="5" t="s">
        <v>38</v>
      </c>
      <c r="P12553" s="5" t="s">
        <v>39</v>
      </c>
      <c r="Q12553" s="5" t="s">
        <v>40</v>
      </c>
      <c r="R12553" s="5" t="s">
        <v>1522</v>
      </c>
      <c r="S12553" s="5" t="s">
        <v>1523</v>
      </c>
      <c r="T12553" s="5" t="s">
        <v>42</v>
      </c>
      <c r="U12553" s="2">
        <v>1.887</v>
      </c>
      <c r="V12553" s="2">
        <v>1.2470000000000001</v>
      </c>
      <c r="W12553" s="2">
        <v>0.02</v>
      </c>
      <c r="X12553" s="2">
        <v>159.1</v>
      </c>
      <c r="Y12553" s="2">
        <v>7.6</v>
      </c>
      <c r="Z12553" s="2">
        <v>16.7</v>
      </c>
      <c r="AA12553" s="5"/>
      <c r="AB12553" s="5" t="s">
        <v>43</v>
      </c>
      <c r="AC12553" s="5" t="s">
        <v>44</v>
      </c>
      <c r="AD12553" s="2"/>
      <c r="AE12553" s="1"/>
    </row>
    <row r="12554" spans="1:31" ht="14.45">
      <c r="A12554" s="11"/>
      <c r="B12554" s="20"/>
      <c r="C12554" s="2" t="s">
        <v>38590</v>
      </c>
      <c r="D12554" s="14" t="s">
        <v>38591</v>
      </c>
      <c r="E12554" s="2" t="s">
        <v>38592</v>
      </c>
      <c r="F12554" s="2" t="s">
        <v>7514</v>
      </c>
      <c r="G12554" s="8">
        <v>185</v>
      </c>
      <c r="H12554" s="5">
        <v>6</v>
      </c>
      <c r="I12554" s="5" t="s">
        <v>1518</v>
      </c>
      <c r="J12554" s="5" t="s">
        <v>36264</v>
      </c>
      <c r="K12554" s="2" t="s">
        <v>36265</v>
      </c>
      <c r="L12554" s="5" t="s">
        <v>36264</v>
      </c>
      <c r="M12554" s="2" t="s">
        <v>36265</v>
      </c>
      <c r="N12554" s="5" t="s">
        <v>36266</v>
      </c>
      <c r="O12554" s="5" t="s">
        <v>38</v>
      </c>
      <c r="P12554" s="5" t="s">
        <v>39</v>
      </c>
      <c r="Q12554" s="5" t="s">
        <v>40</v>
      </c>
      <c r="R12554" s="5" t="s">
        <v>1522</v>
      </c>
      <c r="S12554" s="5" t="s">
        <v>1523</v>
      </c>
      <c r="T12554" s="5" t="s">
        <v>42</v>
      </c>
      <c r="U12554" s="2">
        <v>1.9179999999999999</v>
      </c>
      <c r="V12554" s="2">
        <v>1.278</v>
      </c>
      <c r="W12554" s="2">
        <v>0.02</v>
      </c>
      <c r="X12554" s="2">
        <v>159.1</v>
      </c>
      <c r="Y12554" s="2">
        <v>7.6</v>
      </c>
      <c r="Z12554" s="2">
        <v>16.7</v>
      </c>
      <c r="AA12554" s="5"/>
      <c r="AB12554" s="5" t="s">
        <v>43</v>
      </c>
      <c r="AC12554" s="5" t="s">
        <v>44</v>
      </c>
      <c r="AD12554" s="2"/>
      <c r="AE12554" s="1"/>
    </row>
    <row r="12555" spans="1:31" ht="14.45">
      <c r="A12555" s="11"/>
      <c r="B12555" s="20"/>
      <c r="C12555" s="2" t="s">
        <v>38593</v>
      </c>
      <c r="D12555" s="14" t="s">
        <v>38594</v>
      </c>
      <c r="E12555" s="2" t="s">
        <v>38595</v>
      </c>
      <c r="F12555" s="2" t="s">
        <v>36273</v>
      </c>
      <c r="G12555" s="8">
        <v>185</v>
      </c>
      <c r="H12555" s="5">
        <v>6</v>
      </c>
      <c r="I12555" s="5" t="s">
        <v>1518</v>
      </c>
      <c r="J12555" s="5" t="s">
        <v>36264</v>
      </c>
      <c r="K12555" s="2" t="s">
        <v>36265</v>
      </c>
      <c r="L12555" s="5" t="s">
        <v>36264</v>
      </c>
      <c r="M12555" s="2" t="s">
        <v>36265</v>
      </c>
      <c r="N12555" s="5" t="s">
        <v>36266</v>
      </c>
      <c r="O12555" s="5" t="s">
        <v>38</v>
      </c>
      <c r="P12555" s="5" t="s">
        <v>39</v>
      </c>
      <c r="Q12555" s="5" t="s">
        <v>40</v>
      </c>
      <c r="R12555" s="5" t="s">
        <v>1522</v>
      </c>
      <c r="S12555" s="5" t="s">
        <v>1523</v>
      </c>
      <c r="T12555" s="5" t="s">
        <v>42</v>
      </c>
      <c r="U12555" s="2">
        <v>1.887</v>
      </c>
      <c r="V12555" s="2">
        <v>1.2470000000000001</v>
      </c>
      <c r="W12555" s="2">
        <v>0.02</v>
      </c>
      <c r="X12555" s="2">
        <v>159.1</v>
      </c>
      <c r="Y12555" s="2">
        <v>7.6</v>
      </c>
      <c r="Z12555" s="2">
        <v>16.7</v>
      </c>
      <c r="AA12555" s="5"/>
      <c r="AB12555" s="5" t="s">
        <v>43</v>
      </c>
      <c r="AC12555" s="5" t="s">
        <v>44</v>
      </c>
      <c r="AD12555" s="2"/>
      <c r="AE12555" s="1"/>
    </row>
    <row r="12556" spans="1:31" ht="14.45">
      <c r="A12556" s="11"/>
      <c r="B12556" s="20"/>
      <c r="C12556" s="2" t="s">
        <v>38596</v>
      </c>
      <c r="D12556" s="14" t="s">
        <v>38597</v>
      </c>
      <c r="E12556" s="2" t="s">
        <v>38598</v>
      </c>
      <c r="F12556" s="2" t="s">
        <v>36277</v>
      </c>
      <c r="G12556" s="8">
        <v>185</v>
      </c>
      <c r="H12556" s="5">
        <v>6</v>
      </c>
      <c r="I12556" s="5" t="s">
        <v>1518</v>
      </c>
      <c r="J12556" s="5" t="s">
        <v>36264</v>
      </c>
      <c r="K12556" s="2" t="s">
        <v>36265</v>
      </c>
      <c r="L12556" s="5" t="s">
        <v>36264</v>
      </c>
      <c r="M12556" s="2" t="s">
        <v>36265</v>
      </c>
      <c r="N12556" s="5" t="s">
        <v>36266</v>
      </c>
      <c r="O12556" s="5" t="s">
        <v>38</v>
      </c>
      <c r="P12556" s="5" t="s">
        <v>39</v>
      </c>
      <c r="Q12556" s="5" t="s">
        <v>40</v>
      </c>
      <c r="R12556" s="5" t="s">
        <v>1522</v>
      </c>
      <c r="S12556" s="5" t="s">
        <v>1523</v>
      </c>
      <c r="T12556" s="5" t="s">
        <v>42</v>
      </c>
      <c r="U12556" s="2">
        <v>1.9179999999999999</v>
      </c>
      <c r="V12556" s="2">
        <v>1.278</v>
      </c>
      <c r="W12556" s="2">
        <v>0.02</v>
      </c>
      <c r="X12556" s="2">
        <v>159.1</v>
      </c>
      <c r="Y12556" s="2">
        <v>7.6</v>
      </c>
      <c r="Z12556" s="2">
        <v>16.7</v>
      </c>
      <c r="AA12556" s="5"/>
      <c r="AB12556" s="5" t="s">
        <v>43</v>
      </c>
      <c r="AC12556" s="5" t="s">
        <v>44</v>
      </c>
      <c r="AD12556" s="2"/>
      <c r="AE12556" s="1"/>
    </row>
    <row r="12557" spans="1:31" ht="14.45">
      <c r="A12557" s="11"/>
      <c r="B12557" s="20"/>
      <c r="C12557" s="2" t="s">
        <v>38599</v>
      </c>
      <c r="D12557" s="14" t="s">
        <v>38600</v>
      </c>
      <c r="E12557" s="2" t="s">
        <v>38601</v>
      </c>
      <c r="F12557" s="2" t="s">
        <v>36281</v>
      </c>
      <c r="G12557" s="8">
        <v>213</v>
      </c>
      <c r="H12557" s="5">
        <v>6</v>
      </c>
      <c r="I12557" s="5" t="s">
        <v>1518</v>
      </c>
      <c r="J12557" s="5" t="s">
        <v>36264</v>
      </c>
      <c r="K12557" s="2" t="s">
        <v>36265</v>
      </c>
      <c r="L12557" s="5" t="s">
        <v>36264</v>
      </c>
      <c r="M12557" s="2" t="s">
        <v>36265</v>
      </c>
      <c r="N12557" s="5" t="s">
        <v>36266</v>
      </c>
      <c r="O12557" s="5" t="s">
        <v>38</v>
      </c>
      <c r="P12557" s="5" t="s">
        <v>39</v>
      </c>
      <c r="Q12557" s="5" t="s">
        <v>40</v>
      </c>
      <c r="R12557" s="5" t="s">
        <v>1522</v>
      </c>
      <c r="S12557" s="5" t="s">
        <v>1523</v>
      </c>
      <c r="T12557" s="5" t="s">
        <v>42</v>
      </c>
      <c r="U12557" s="2">
        <v>1.887</v>
      </c>
      <c r="V12557" s="2">
        <v>1.2470000000000001</v>
      </c>
      <c r="W12557" s="2">
        <v>0.02</v>
      </c>
      <c r="X12557" s="2">
        <v>159.1</v>
      </c>
      <c r="Y12557" s="2">
        <v>7.6</v>
      </c>
      <c r="Z12557" s="2">
        <v>16.7</v>
      </c>
      <c r="AA12557" s="5"/>
      <c r="AB12557" s="5" t="s">
        <v>43</v>
      </c>
      <c r="AC12557" s="5" t="s">
        <v>44</v>
      </c>
      <c r="AD12557" s="2"/>
      <c r="AE12557" s="1"/>
    </row>
    <row r="12558" spans="1:31" ht="14.45">
      <c r="A12558" s="11"/>
      <c r="B12558" s="20"/>
      <c r="C12558" s="2" t="s">
        <v>38602</v>
      </c>
      <c r="D12558" s="14" t="s">
        <v>38603</v>
      </c>
      <c r="E12558" s="2" t="s">
        <v>38604</v>
      </c>
      <c r="F12558" s="2" t="s">
        <v>36285</v>
      </c>
      <c r="G12558" s="8">
        <v>213</v>
      </c>
      <c r="H12558" s="5">
        <v>6</v>
      </c>
      <c r="I12558" s="5" t="s">
        <v>1518</v>
      </c>
      <c r="J12558" s="5" t="s">
        <v>36264</v>
      </c>
      <c r="K12558" s="2" t="s">
        <v>36265</v>
      </c>
      <c r="L12558" s="5" t="s">
        <v>36264</v>
      </c>
      <c r="M12558" s="2" t="s">
        <v>36265</v>
      </c>
      <c r="N12558" s="5" t="s">
        <v>36266</v>
      </c>
      <c r="O12558" s="5" t="s">
        <v>38</v>
      </c>
      <c r="P12558" s="5" t="s">
        <v>39</v>
      </c>
      <c r="Q12558" s="5" t="s">
        <v>40</v>
      </c>
      <c r="R12558" s="5" t="s">
        <v>1522</v>
      </c>
      <c r="S12558" s="5" t="s">
        <v>1523</v>
      </c>
      <c r="T12558" s="5" t="s">
        <v>42</v>
      </c>
      <c r="U12558" s="2">
        <v>1.9179999999999999</v>
      </c>
      <c r="V12558" s="2">
        <v>1.278</v>
      </c>
      <c r="W12558" s="2">
        <v>0.02</v>
      </c>
      <c r="X12558" s="2">
        <v>159.1</v>
      </c>
      <c r="Y12558" s="2">
        <v>7.6</v>
      </c>
      <c r="Z12558" s="2">
        <v>16.7</v>
      </c>
      <c r="AA12558" s="5"/>
      <c r="AB12558" s="5" t="s">
        <v>43</v>
      </c>
      <c r="AC12558" s="5" t="s">
        <v>44</v>
      </c>
      <c r="AD12558" s="2"/>
      <c r="AE12558" s="1"/>
    </row>
    <row r="12559" spans="1:31" ht="14.45">
      <c r="A12559" s="11"/>
      <c r="B12559" s="20"/>
      <c r="C12559" s="2" t="s">
        <v>38605</v>
      </c>
      <c r="D12559" s="14" t="s">
        <v>38606</v>
      </c>
      <c r="E12559" s="2" t="s">
        <v>38607</v>
      </c>
      <c r="F12559" s="2" t="s">
        <v>36289</v>
      </c>
      <c r="G12559" s="8">
        <v>213</v>
      </c>
      <c r="H12559" s="5">
        <v>6</v>
      </c>
      <c r="I12559" s="5" t="s">
        <v>1518</v>
      </c>
      <c r="J12559" s="5" t="s">
        <v>36264</v>
      </c>
      <c r="K12559" s="2" t="s">
        <v>36265</v>
      </c>
      <c r="L12559" s="5" t="s">
        <v>36264</v>
      </c>
      <c r="M12559" s="2" t="s">
        <v>36265</v>
      </c>
      <c r="N12559" s="5" t="s">
        <v>36266</v>
      </c>
      <c r="O12559" s="5" t="s">
        <v>38</v>
      </c>
      <c r="P12559" s="5" t="s">
        <v>39</v>
      </c>
      <c r="Q12559" s="5" t="s">
        <v>40</v>
      </c>
      <c r="R12559" s="5" t="s">
        <v>1522</v>
      </c>
      <c r="S12559" s="5" t="s">
        <v>1523</v>
      </c>
      <c r="T12559" s="5" t="s">
        <v>42</v>
      </c>
      <c r="U12559" s="2">
        <v>1.887</v>
      </c>
      <c r="V12559" s="2">
        <v>1.2470000000000001</v>
      </c>
      <c r="W12559" s="2">
        <v>0.02</v>
      </c>
      <c r="X12559" s="2">
        <v>159.1</v>
      </c>
      <c r="Y12559" s="2">
        <v>7.6</v>
      </c>
      <c r="Z12559" s="2">
        <v>16.7</v>
      </c>
      <c r="AA12559" s="5"/>
      <c r="AB12559" s="5" t="s">
        <v>43</v>
      </c>
      <c r="AC12559" s="5" t="s">
        <v>44</v>
      </c>
      <c r="AD12559" s="2"/>
      <c r="AE12559" s="1"/>
    </row>
    <row r="12560" spans="1:31" ht="14.45">
      <c r="A12560" s="11"/>
      <c r="B12560" s="20"/>
      <c r="C12560" s="2" t="s">
        <v>38608</v>
      </c>
      <c r="D12560" s="14" t="s">
        <v>38609</v>
      </c>
      <c r="E12560" s="2" t="s">
        <v>38610</v>
      </c>
      <c r="F12560" s="2" t="s">
        <v>36293</v>
      </c>
      <c r="G12560" s="8">
        <v>213</v>
      </c>
      <c r="H12560" s="5">
        <v>6</v>
      </c>
      <c r="I12560" s="5" t="s">
        <v>1518</v>
      </c>
      <c r="J12560" s="5" t="s">
        <v>36264</v>
      </c>
      <c r="K12560" s="2" t="s">
        <v>36265</v>
      </c>
      <c r="L12560" s="5" t="s">
        <v>36264</v>
      </c>
      <c r="M12560" s="2" t="s">
        <v>36265</v>
      </c>
      <c r="N12560" s="5" t="s">
        <v>36266</v>
      </c>
      <c r="O12560" s="5" t="s">
        <v>38</v>
      </c>
      <c r="P12560" s="5" t="s">
        <v>39</v>
      </c>
      <c r="Q12560" s="5" t="s">
        <v>40</v>
      </c>
      <c r="R12560" s="5" t="s">
        <v>1522</v>
      </c>
      <c r="S12560" s="5" t="s">
        <v>1523</v>
      </c>
      <c r="T12560" s="5" t="s">
        <v>42</v>
      </c>
      <c r="U12560" s="2">
        <v>1.9179999999999999</v>
      </c>
      <c r="V12560" s="2">
        <v>1.278</v>
      </c>
      <c r="W12560" s="2">
        <v>0.02</v>
      </c>
      <c r="X12560" s="2">
        <v>159.1</v>
      </c>
      <c r="Y12560" s="2">
        <v>7.6</v>
      </c>
      <c r="Z12560" s="2">
        <v>16.7</v>
      </c>
      <c r="AA12560" s="5"/>
      <c r="AB12560" s="5" t="s">
        <v>43</v>
      </c>
      <c r="AC12560" s="5" t="s">
        <v>44</v>
      </c>
      <c r="AD12560" s="2"/>
      <c r="AE12560" s="1"/>
    </row>
    <row r="12561" spans="1:31" ht="14.45">
      <c r="A12561" s="11"/>
      <c r="B12561" s="20"/>
      <c r="C12561" s="2" t="s">
        <v>38611</v>
      </c>
      <c r="D12561" s="14" t="s">
        <v>38612</v>
      </c>
      <c r="E12561" s="2" t="s">
        <v>38613</v>
      </c>
      <c r="F12561" s="2" t="s">
        <v>36297</v>
      </c>
      <c r="G12561" s="8">
        <v>185</v>
      </c>
      <c r="H12561" s="5">
        <v>6</v>
      </c>
      <c r="I12561" s="5" t="s">
        <v>1518</v>
      </c>
      <c r="J12561" s="5" t="s">
        <v>36264</v>
      </c>
      <c r="K12561" s="2" t="s">
        <v>36265</v>
      </c>
      <c r="L12561" s="5" t="s">
        <v>36264</v>
      </c>
      <c r="M12561" s="2" t="s">
        <v>36265</v>
      </c>
      <c r="N12561" s="5" t="s">
        <v>36266</v>
      </c>
      <c r="O12561" s="5" t="s">
        <v>38</v>
      </c>
      <c r="P12561" s="5" t="s">
        <v>39</v>
      </c>
      <c r="Q12561" s="5" t="s">
        <v>40</v>
      </c>
      <c r="R12561" s="5" t="s">
        <v>1522</v>
      </c>
      <c r="S12561" s="5" t="s">
        <v>1523</v>
      </c>
      <c r="T12561" s="5" t="s">
        <v>42</v>
      </c>
      <c r="U12561" s="2">
        <v>1.887</v>
      </c>
      <c r="V12561" s="2">
        <v>1.2470000000000001</v>
      </c>
      <c r="W12561" s="2">
        <v>0.02</v>
      </c>
      <c r="X12561" s="2">
        <v>159.1</v>
      </c>
      <c r="Y12561" s="2">
        <v>7.6</v>
      </c>
      <c r="Z12561" s="2">
        <v>16.7</v>
      </c>
      <c r="AA12561" s="5"/>
      <c r="AB12561" s="5" t="s">
        <v>43</v>
      </c>
      <c r="AC12561" s="5" t="s">
        <v>44</v>
      </c>
      <c r="AD12561" s="2"/>
      <c r="AE12561" s="1"/>
    </row>
    <row r="12562" spans="1:31" ht="14.45">
      <c r="A12562" s="11"/>
      <c r="B12562" s="20"/>
      <c r="C12562" s="2" t="s">
        <v>38614</v>
      </c>
      <c r="D12562" s="14" t="s">
        <v>38615</v>
      </c>
      <c r="E12562" s="2" t="s">
        <v>38616</v>
      </c>
      <c r="F12562" s="2" t="s">
        <v>36301</v>
      </c>
      <c r="G12562" s="8">
        <v>185</v>
      </c>
      <c r="H12562" s="5">
        <v>6</v>
      </c>
      <c r="I12562" s="5" t="s">
        <v>1518</v>
      </c>
      <c r="J12562" s="5" t="s">
        <v>36264</v>
      </c>
      <c r="K12562" s="2" t="s">
        <v>36265</v>
      </c>
      <c r="L12562" s="5" t="s">
        <v>36264</v>
      </c>
      <c r="M12562" s="2" t="s">
        <v>36265</v>
      </c>
      <c r="N12562" s="5" t="s">
        <v>36266</v>
      </c>
      <c r="O12562" s="5" t="s">
        <v>38</v>
      </c>
      <c r="P12562" s="5" t="s">
        <v>39</v>
      </c>
      <c r="Q12562" s="5" t="s">
        <v>40</v>
      </c>
      <c r="R12562" s="5" t="s">
        <v>1522</v>
      </c>
      <c r="S12562" s="5" t="s">
        <v>1523</v>
      </c>
      <c r="T12562" s="5" t="s">
        <v>42</v>
      </c>
      <c r="U12562" s="2">
        <v>1.9179999999999999</v>
      </c>
      <c r="V12562" s="2">
        <v>1.278</v>
      </c>
      <c r="W12562" s="2">
        <v>0.02</v>
      </c>
      <c r="X12562" s="2">
        <v>159.1</v>
      </c>
      <c r="Y12562" s="2">
        <v>7.6</v>
      </c>
      <c r="Z12562" s="2">
        <v>16.7</v>
      </c>
      <c r="AA12562" s="5"/>
      <c r="AB12562" s="5" t="s">
        <v>43</v>
      </c>
      <c r="AC12562" s="5" t="s">
        <v>44</v>
      </c>
      <c r="AD12562" s="2"/>
      <c r="AE12562" s="1"/>
    </row>
    <row r="12563" spans="1:31" ht="14.45">
      <c r="A12563" s="11"/>
      <c r="B12563" s="20"/>
      <c r="C12563" s="2" t="s">
        <v>38617</v>
      </c>
      <c r="D12563" s="14" t="s">
        <v>38618</v>
      </c>
      <c r="E12563" s="2" t="s">
        <v>38619</v>
      </c>
      <c r="F12563" s="2" t="s">
        <v>36305</v>
      </c>
      <c r="G12563" s="8">
        <v>185</v>
      </c>
      <c r="H12563" s="5">
        <v>6</v>
      </c>
      <c r="I12563" s="5" t="s">
        <v>1518</v>
      </c>
      <c r="J12563" s="5" t="s">
        <v>36264</v>
      </c>
      <c r="K12563" s="2" t="s">
        <v>36265</v>
      </c>
      <c r="L12563" s="5" t="s">
        <v>36264</v>
      </c>
      <c r="M12563" s="2" t="s">
        <v>36265</v>
      </c>
      <c r="N12563" s="5" t="s">
        <v>36266</v>
      </c>
      <c r="O12563" s="5" t="s">
        <v>38</v>
      </c>
      <c r="P12563" s="5" t="s">
        <v>39</v>
      </c>
      <c r="Q12563" s="5" t="s">
        <v>40</v>
      </c>
      <c r="R12563" s="5" t="s">
        <v>1522</v>
      </c>
      <c r="S12563" s="5" t="s">
        <v>1523</v>
      </c>
      <c r="T12563" s="5" t="s">
        <v>42</v>
      </c>
      <c r="U12563" s="2">
        <v>1.887</v>
      </c>
      <c r="V12563" s="2">
        <v>1.2470000000000001</v>
      </c>
      <c r="W12563" s="2">
        <v>0.02</v>
      </c>
      <c r="X12563" s="2">
        <v>159.1</v>
      </c>
      <c r="Y12563" s="2">
        <v>7.6</v>
      </c>
      <c r="Z12563" s="2">
        <v>16.7</v>
      </c>
      <c r="AA12563" s="5"/>
      <c r="AB12563" s="5" t="s">
        <v>43</v>
      </c>
      <c r="AC12563" s="5" t="s">
        <v>44</v>
      </c>
      <c r="AD12563" s="2"/>
      <c r="AE12563" s="1"/>
    </row>
    <row r="12564" spans="1:31" ht="14.45">
      <c r="A12564" s="11"/>
      <c r="B12564" s="20"/>
      <c r="C12564" s="2" t="s">
        <v>38620</v>
      </c>
      <c r="D12564" s="14" t="s">
        <v>38621</v>
      </c>
      <c r="E12564" s="2" t="s">
        <v>38622</v>
      </c>
      <c r="F12564" s="2" t="s">
        <v>36309</v>
      </c>
      <c r="G12564" s="8">
        <v>185</v>
      </c>
      <c r="H12564" s="5">
        <v>6</v>
      </c>
      <c r="I12564" s="5" t="s">
        <v>1518</v>
      </c>
      <c r="J12564" s="5" t="s">
        <v>36264</v>
      </c>
      <c r="K12564" s="2" t="s">
        <v>36265</v>
      </c>
      <c r="L12564" s="5" t="s">
        <v>36264</v>
      </c>
      <c r="M12564" s="2" t="s">
        <v>36265</v>
      </c>
      <c r="N12564" s="5" t="s">
        <v>36266</v>
      </c>
      <c r="O12564" s="5" t="s">
        <v>38</v>
      </c>
      <c r="P12564" s="5" t="s">
        <v>39</v>
      </c>
      <c r="Q12564" s="5" t="s">
        <v>40</v>
      </c>
      <c r="R12564" s="5" t="s">
        <v>1522</v>
      </c>
      <c r="S12564" s="5" t="s">
        <v>1523</v>
      </c>
      <c r="T12564" s="5" t="s">
        <v>42</v>
      </c>
      <c r="U12564" s="2">
        <v>1.9179999999999999</v>
      </c>
      <c r="V12564" s="2">
        <v>1.278</v>
      </c>
      <c r="W12564" s="2">
        <v>0.02</v>
      </c>
      <c r="X12564" s="2">
        <v>159.1</v>
      </c>
      <c r="Y12564" s="2">
        <v>7.6</v>
      </c>
      <c r="Z12564" s="2">
        <v>16.7</v>
      </c>
      <c r="AA12564" s="5"/>
      <c r="AB12564" s="5" t="s">
        <v>43</v>
      </c>
      <c r="AC12564" s="5" t="s">
        <v>44</v>
      </c>
      <c r="AD12564" s="2"/>
      <c r="AE12564" s="1"/>
    </row>
    <row r="12565" spans="1:31" ht="14.45">
      <c r="A12565" s="11"/>
      <c r="B12565" s="20"/>
      <c r="C12565" s="2" t="s">
        <v>38623</v>
      </c>
      <c r="D12565" s="14" t="s">
        <v>38624</v>
      </c>
      <c r="E12565" s="2" t="s">
        <v>38625</v>
      </c>
      <c r="F12565" s="2" t="s">
        <v>36313</v>
      </c>
      <c r="G12565" s="8">
        <v>213</v>
      </c>
      <c r="H12565" s="5">
        <v>6</v>
      </c>
      <c r="I12565" s="5" t="s">
        <v>1518</v>
      </c>
      <c r="J12565" s="5" t="s">
        <v>36264</v>
      </c>
      <c r="K12565" s="2" t="s">
        <v>36265</v>
      </c>
      <c r="L12565" s="5" t="s">
        <v>36264</v>
      </c>
      <c r="M12565" s="2" t="s">
        <v>36265</v>
      </c>
      <c r="N12565" s="5" t="s">
        <v>36266</v>
      </c>
      <c r="O12565" s="5" t="s">
        <v>38</v>
      </c>
      <c r="P12565" s="5" t="s">
        <v>39</v>
      </c>
      <c r="Q12565" s="5" t="s">
        <v>40</v>
      </c>
      <c r="R12565" s="5" t="s">
        <v>1522</v>
      </c>
      <c r="S12565" s="5" t="s">
        <v>1523</v>
      </c>
      <c r="T12565" s="5" t="s">
        <v>42</v>
      </c>
      <c r="U12565" s="2">
        <v>1.887</v>
      </c>
      <c r="V12565" s="2">
        <v>1.2470000000000001</v>
      </c>
      <c r="W12565" s="2">
        <v>0.02</v>
      </c>
      <c r="X12565" s="2">
        <v>159.1</v>
      </c>
      <c r="Y12565" s="2">
        <v>7.6</v>
      </c>
      <c r="Z12565" s="2">
        <v>16.7</v>
      </c>
      <c r="AA12565" s="5"/>
      <c r="AB12565" s="5" t="s">
        <v>43</v>
      </c>
      <c r="AC12565" s="5" t="s">
        <v>44</v>
      </c>
      <c r="AD12565" s="2"/>
      <c r="AE12565" s="1"/>
    </row>
    <row r="12566" spans="1:31" ht="14.45">
      <c r="A12566" s="11"/>
      <c r="B12566" s="20"/>
      <c r="C12566" s="2" t="s">
        <v>38626</v>
      </c>
      <c r="D12566" s="14" t="s">
        <v>38627</v>
      </c>
      <c r="E12566" s="2" t="s">
        <v>38628</v>
      </c>
      <c r="F12566" s="2" t="s">
        <v>36317</v>
      </c>
      <c r="G12566" s="8">
        <v>213</v>
      </c>
      <c r="H12566" s="5">
        <v>6</v>
      </c>
      <c r="I12566" s="5" t="s">
        <v>1518</v>
      </c>
      <c r="J12566" s="5" t="s">
        <v>36264</v>
      </c>
      <c r="K12566" s="2" t="s">
        <v>36265</v>
      </c>
      <c r="L12566" s="5" t="s">
        <v>36264</v>
      </c>
      <c r="M12566" s="2" t="s">
        <v>36265</v>
      </c>
      <c r="N12566" s="5" t="s">
        <v>36266</v>
      </c>
      <c r="O12566" s="5" t="s">
        <v>38</v>
      </c>
      <c r="P12566" s="5" t="s">
        <v>39</v>
      </c>
      <c r="Q12566" s="5" t="s">
        <v>40</v>
      </c>
      <c r="R12566" s="5" t="s">
        <v>1522</v>
      </c>
      <c r="S12566" s="5" t="s">
        <v>1523</v>
      </c>
      <c r="T12566" s="5" t="s">
        <v>42</v>
      </c>
      <c r="U12566" s="2">
        <v>1.9179999999999999</v>
      </c>
      <c r="V12566" s="2">
        <v>1.278</v>
      </c>
      <c r="W12566" s="2">
        <v>0.02</v>
      </c>
      <c r="X12566" s="2">
        <v>159.1</v>
      </c>
      <c r="Y12566" s="2">
        <v>7.6</v>
      </c>
      <c r="Z12566" s="2">
        <v>16.7</v>
      </c>
      <c r="AA12566" s="5"/>
      <c r="AB12566" s="5" t="s">
        <v>43</v>
      </c>
      <c r="AC12566" s="5" t="s">
        <v>44</v>
      </c>
      <c r="AD12566" s="2"/>
      <c r="AE12566" s="1"/>
    </row>
    <row r="12567" spans="1:31" ht="14.45">
      <c r="A12567" s="11"/>
      <c r="B12567" s="20"/>
      <c r="C12567" s="2" t="s">
        <v>38629</v>
      </c>
      <c r="D12567" s="14" t="s">
        <v>38630</v>
      </c>
      <c r="E12567" s="2" t="s">
        <v>38631</v>
      </c>
      <c r="F12567" s="2" t="s">
        <v>36321</v>
      </c>
      <c r="G12567" s="8">
        <v>213</v>
      </c>
      <c r="H12567" s="5">
        <v>6</v>
      </c>
      <c r="I12567" s="5" t="s">
        <v>1518</v>
      </c>
      <c r="J12567" s="5" t="s">
        <v>36264</v>
      </c>
      <c r="K12567" s="2" t="s">
        <v>36265</v>
      </c>
      <c r="L12567" s="5" t="s">
        <v>36264</v>
      </c>
      <c r="M12567" s="2" t="s">
        <v>36265</v>
      </c>
      <c r="N12567" s="5" t="s">
        <v>36266</v>
      </c>
      <c r="O12567" s="5" t="s">
        <v>38</v>
      </c>
      <c r="P12567" s="5" t="s">
        <v>39</v>
      </c>
      <c r="Q12567" s="5" t="s">
        <v>40</v>
      </c>
      <c r="R12567" s="5" t="s">
        <v>1522</v>
      </c>
      <c r="S12567" s="5" t="s">
        <v>1523</v>
      </c>
      <c r="T12567" s="5" t="s">
        <v>42</v>
      </c>
      <c r="U12567" s="2">
        <v>1.887</v>
      </c>
      <c r="V12567" s="2">
        <v>1.2470000000000001</v>
      </c>
      <c r="W12567" s="2">
        <v>0.02</v>
      </c>
      <c r="X12567" s="2">
        <v>159.1</v>
      </c>
      <c r="Y12567" s="2">
        <v>7.6</v>
      </c>
      <c r="Z12567" s="2">
        <v>16.7</v>
      </c>
      <c r="AA12567" s="5"/>
      <c r="AB12567" s="5" t="s">
        <v>43</v>
      </c>
      <c r="AC12567" s="5" t="s">
        <v>44</v>
      </c>
      <c r="AD12567" s="2"/>
      <c r="AE12567" s="1"/>
    </row>
    <row r="12568" spans="1:31" ht="14.45">
      <c r="A12568" s="11"/>
      <c r="B12568" s="20"/>
      <c r="C12568" s="2" t="s">
        <v>38632</v>
      </c>
      <c r="D12568" s="14" t="s">
        <v>38633</v>
      </c>
      <c r="E12568" s="2" t="s">
        <v>38634</v>
      </c>
      <c r="F12568" s="2" t="s">
        <v>36325</v>
      </c>
      <c r="G12568" s="8">
        <v>213</v>
      </c>
      <c r="H12568" s="5">
        <v>6</v>
      </c>
      <c r="I12568" s="5" t="s">
        <v>1518</v>
      </c>
      <c r="J12568" s="5" t="s">
        <v>36264</v>
      </c>
      <c r="K12568" s="2" t="s">
        <v>36265</v>
      </c>
      <c r="L12568" s="5" t="s">
        <v>36264</v>
      </c>
      <c r="M12568" s="2" t="s">
        <v>36265</v>
      </c>
      <c r="N12568" s="5" t="s">
        <v>36266</v>
      </c>
      <c r="O12568" s="5" t="s">
        <v>38</v>
      </c>
      <c r="P12568" s="5" t="s">
        <v>39</v>
      </c>
      <c r="Q12568" s="5" t="s">
        <v>40</v>
      </c>
      <c r="R12568" s="5" t="s">
        <v>1522</v>
      </c>
      <c r="S12568" s="5" t="s">
        <v>1523</v>
      </c>
      <c r="T12568" s="5" t="s">
        <v>42</v>
      </c>
      <c r="U12568" s="2">
        <v>1.9179999999999999</v>
      </c>
      <c r="V12568" s="2">
        <v>1.278</v>
      </c>
      <c r="W12568" s="2">
        <v>0.02</v>
      </c>
      <c r="X12568" s="2">
        <v>159.1</v>
      </c>
      <c r="Y12568" s="2">
        <v>7.6</v>
      </c>
      <c r="Z12568" s="2">
        <v>16.7</v>
      </c>
      <c r="AA12568" s="5"/>
      <c r="AB12568" s="5" t="s">
        <v>43</v>
      </c>
      <c r="AC12568" s="5" t="s">
        <v>44</v>
      </c>
      <c r="AD12568" s="2"/>
      <c r="AE12568" s="1"/>
    </row>
    <row r="12569" spans="1:31" ht="14.45">
      <c r="A12569" s="11"/>
      <c r="B12569" s="20"/>
      <c r="C12569" s="2" t="s">
        <v>38635</v>
      </c>
      <c r="D12569" s="14" t="s">
        <v>38636</v>
      </c>
      <c r="E12569" s="2" t="s">
        <v>38637</v>
      </c>
      <c r="F12569" s="2" t="s">
        <v>36329</v>
      </c>
      <c r="G12569" s="8">
        <v>213</v>
      </c>
      <c r="H12569" s="5">
        <v>6</v>
      </c>
      <c r="I12569" s="5" t="s">
        <v>1518</v>
      </c>
      <c r="J12569" s="5" t="s">
        <v>36264</v>
      </c>
      <c r="K12569" s="2" t="s">
        <v>36265</v>
      </c>
      <c r="L12569" s="5" t="s">
        <v>36264</v>
      </c>
      <c r="M12569" s="2" t="s">
        <v>36265</v>
      </c>
      <c r="N12569" s="5" t="s">
        <v>36266</v>
      </c>
      <c r="O12569" s="5" t="s">
        <v>38</v>
      </c>
      <c r="P12569" s="5" t="s">
        <v>39</v>
      </c>
      <c r="Q12569" s="5" t="s">
        <v>40</v>
      </c>
      <c r="R12569" s="5" t="s">
        <v>1522</v>
      </c>
      <c r="S12569" s="5" t="s">
        <v>1523</v>
      </c>
      <c r="T12569" s="5" t="s">
        <v>42</v>
      </c>
      <c r="U12569" s="2">
        <v>1.887</v>
      </c>
      <c r="V12569" s="2">
        <v>1.2470000000000001</v>
      </c>
      <c r="W12569" s="2">
        <v>0.02</v>
      </c>
      <c r="X12569" s="2">
        <v>159.1</v>
      </c>
      <c r="Y12569" s="2">
        <v>7.6</v>
      </c>
      <c r="Z12569" s="2">
        <v>16.7</v>
      </c>
      <c r="AA12569" s="5"/>
      <c r="AB12569" s="5" t="s">
        <v>43</v>
      </c>
      <c r="AC12569" s="5" t="s">
        <v>44</v>
      </c>
      <c r="AD12569" s="2"/>
      <c r="AE12569" s="1"/>
    </row>
    <row r="12570" spans="1:31" ht="14.45">
      <c r="A12570" s="11"/>
      <c r="B12570" s="20"/>
      <c r="C12570" s="2" t="s">
        <v>38638</v>
      </c>
      <c r="D12570" s="14" t="s">
        <v>38639</v>
      </c>
      <c r="E12570" s="2" t="s">
        <v>38640</v>
      </c>
      <c r="F12570" s="2" t="s">
        <v>36333</v>
      </c>
      <c r="G12570" s="8">
        <v>213</v>
      </c>
      <c r="H12570" s="5">
        <v>6</v>
      </c>
      <c r="I12570" s="5" t="s">
        <v>1518</v>
      </c>
      <c r="J12570" s="5" t="s">
        <v>36264</v>
      </c>
      <c r="K12570" s="2" t="s">
        <v>36265</v>
      </c>
      <c r="L12570" s="5" t="s">
        <v>36264</v>
      </c>
      <c r="M12570" s="2" t="s">
        <v>36265</v>
      </c>
      <c r="N12570" s="5" t="s">
        <v>36266</v>
      </c>
      <c r="O12570" s="5" t="s">
        <v>38</v>
      </c>
      <c r="P12570" s="5" t="s">
        <v>39</v>
      </c>
      <c r="Q12570" s="5" t="s">
        <v>40</v>
      </c>
      <c r="R12570" s="5" t="s">
        <v>1522</v>
      </c>
      <c r="S12570" s="5" t="s">
        <v>1523</v>
      </c>
      <c r="T12570" s="5" t="s">
        <v>42</v>
      </c>
      <c r="U12570" s="2">
        <v>1.9179999999999999</v>
      </c>
      <c r="V12570" s="2">
        <v>1.278</v>
      </c>
      <c r="W12570" s="2">
        <v>0.02</v>
      </c>
      <c r="X12570" s="2">
        <v>159.1</v>
      </c>
      <c r="Y12570" s="2">
        <v>7.6</v>
      </c>
      <c r="Z12570" s="2">
        <v>16.7</v>
      </c>
      <c r="AA12570" s="5"/>
      <c r="AB12570" s="5" t="s">
        <v>43</v>
      </c>
      <c r="AC12570" s="5" t="s">
        <v>44</v>
      </c>
      <c r="AD12570" s="2"/>
      <c r="AE12570" s="1"/>
    </row>
    <row r="12571" spans="1:31" ht="14.45">
      <c r="A12571" s="11"/>
      <c r="B12571" s="20"/>
      <c r="C12571" s="2" t="s">
        <v>38641</v>
      </c>
      <c r="D12571" s="14" t="s">
        <v>38642</v>
      </c>
      <c r="E12571" s="2" t="s">
        <v>38643</v>
      </c>
      <c r="F12571" s="2" t="s">
        <v>36337</v>
      </c>
      <c r="G12571" s="8">
        <v>213</v>
      </c>
      <c r="H12571" s="5">
        <v>6</v>
      </c>
      <c r="I12571" s="5" t="s">
        <v>1518</v>
      </c>
      <c r="J12571" s="5" t="s">
        <v>36264</v>
      </c>
      <c r="K12571" s="2" t="s">
        <v>36265</v>
      </c>
      <c r="L12571" s="5" t="s">
        <v>36264</v>
      </c>
      <c r="M12571" s="2" t="s">
        <v>36265</v>
      </c>
      <c r="N12571" s="5" t="s">
        <v>36266</v>
      </c>
      <c r="O12571" s="5" t="s">
        <v>38</v>
      </c>
      <c r="P12571" s="5" t="s">
        <v>39</v>
      </c>
      <c r="Q12571" s="5" t="s">
        <v>40</v>
      </c>
      <c r="R12571" s="5" t="s">
        <v>1522</v>
      </c>
      <c r="S12571" s="5" t="s">
        <v>1523</v>
      </c>
      <c r="T12571" s="5" t="s">
        <v>42</v>
      </c>
      <c r="U12571" s="2">
        <v>1.887</v>
      </c>
      <c r="V12571" s="2">
        <v>1.2470000000000001</v>
      </c>
      <c r="W12571" s="2">
        <v>0.02</v>
      </c>
      <c r="X12571" s="2">
        <v>159.1</v>
      </c>
      <c r="Y12571" s="2">
        <v>7.6</v>
      </c>
      <c r="Z12571" s="2">
        <v>16.7</v>
      </c>
      <c r="AA12571" s="5"/>
      <c r="AB12571" s="5" t="s">
        <v>43</v>
      </c>
      <c r="AC12571" s="5" t="s">
        <v>44</v>
      </c>
      <c r="AD12571" s="2"/>
      <c r="AE12571" s="1"/>
    </row>
    <row r="12572" spans="1:31" ht="14.45">
      <c r="A12572" s="11"/>
      <c r="B12572" s="20"/>
      <c r="C12572" s="2" t="s">
        <v>38644</v>
      </c>
      <c r="D12572" s="14" t="s">
        <v>38645</v>
      </c>
      <c r="E12572" s="2" t="s">
        <v>38646</v>
      </c>
      <c r="F12572" s="2" t="s">
        <v>36341</v>
      </c>
      <c r="G12572" s="8">
        <v>213</v>
      </c>
      <c r="H12572" s="5">
        <v>6</v>
      </c>
      <c r="I12572" s="5" t="s">
        <v>1518</v>
      </c>
      <c r="J12572" s="5" t="s">
        <v>36264</v>
      </c>
      <c r="K12572" s="2" t="s">
        <v>36265</v>
      </c>
      <c r="L12572" s="5" t="s">
        <v>36264</v>
      </c>
      <c r="M12572" s="2" t="s">
        <v>36265</v>
      </c>
      <c r="N12572" s="5" t="s">
        <v>36266</v>
      </c>
      <c r="O12572" s="5" t="s">
        <v>38</v>
      </c>
      <c r="P12572" s="5" t="s">
        <v>39</v>
      </c>
      <c r="Q12572" s="5" t="s">
        <v>40</v>
      </c>
      <c r="R12572" s="5" t="s">
        <v>1522</v>
      </c>
      <c r="S12572" s="5" t="s">
        <v>1523</v>
      </c>
      <c r="T12572" s="5" t="s">
        <v>42</v>
      </c>
      <c r="U12572" s="2">
        <v>1.9179999999999999</v>
      </c>
      <c r="V12572" s="2">
        <v>1.278</v>
      </c>
      <c r="W12572" s="2">
        <v>0.02</v>
      </c>
      <c r="X12572" s="2">
        <v>159.1</v>
      </c>
      <c r="Y12572" s="2">
        <v>7.6</v>
      </c>
      <c r="Z12572" s="2">
        <v>16.7</v>
      </c>
      <c r="AA12572" s="5"/>
      <c r="AB12572" s="5" t="s">
        <v>43</v>
      </c>
      <c r="AC12572" s="5" t="s">
        <v>44</v>
      </c>
      <c r="AD12572" s="2"/>
      <c r="AE12572" s="1"/>
    </row>
    <row r="12573" spans="1:31" ht="14.45">
      <c r="A12573" s="11"/>
      <c r="B12573" s="20"/>
      <c r="C12573" s="2" t="s">
        <v>38647</v>
      </c>
      <c r="D12573" s="14" t="s">
        <v>38648</v>
      </c>
      <c r="E12573" s="2" t="s">
        <v>38649</v>
      </c>
      <c r="F12573" s="2" t="s">
        <v>36345</v>
      </c>
      <c r="G12573" s="8">
        <v>213</v>
      </c>
      <c r="H12573" s="5">
        <v>6</v>
      </c>
      <c r="I12573" s="5" t="s">
        <v>1518</v>
      </c>
      <c r="J12573" s="5" t="s">
        <v>36264</v>
      </c>
      <c r="K12573" s="2" t="s">
        <v>36265</v>
      </c>
      <c r="L12573" s="5" t="s">
        <v>36264</v>
      </c>
      <c r="M12573" s="2" t="s">
        <v>36265</v>
      </c>
      <c r="N12573" s="5" t="s">
        <v>36266</v>
      </c>
      <c r="O12573" s="5" t="s">
        <v>38</v>
      </c>
      <c r="P12573" s="5" t="s">
        <v>39</v>
      </c>
      <c r="Q12573" s="5" t="s">
        <v>40</v>
      </c>
      <c r="R12573" s="5" t="s">
        <v>1522</v>
      </c>
      <c r="S12573" s="5" t="s">
        <v>1523</v>
      </c>
      <c r="T12573" s="5" t="s">
        <v>42</v>
      </c>
      <c r="U12573" s="2">
        <v>1.887</v>
      </c>
      <c r="V12573" s="2">
        <v>1.2470000000000001</v>
      </c>
      <c r="W12573" s="2">
        <v>0.02</v>
      </c>
      <c r="X12573" s="2">
        <v>159.1</v>
      </c>
      <c r="Y12573" s="2">
        <v>7.6</v>
      </c>
      <c r="Z12573" s="2">
        <v>16.7</v>
      </c>
      <c r="AA12573" s="5"/>
      <c r="AB12573" s="5" t="s">
        <v>43</v>
      </c>
      <c r="AC12573" s="5" t="s">
        <v>44</v>
      </c>
      <c r="AD12573" s="2"/>
      <c r="AE12573" s="1"/>
    </row>
    <row r="12574" spans="1:31" ht="14.45">
      <c r="A12574" s="11"/>
      <c r="B12574" s="20"/>
      <c r="C12574" s="2" t="s">
        <v>38650</v>
      </c>
      <c r="D12574" s="14" t="s">
        <v>38651</v>
      </c>
      <c r="E12574" s="2" t="s">
        <v>38652</v>
      </c>
      <c r="F12574" s="2" t="s">
        <v>36349</v>
      </c>
      <c r="G12574" s="8">
        <v>213</v>
      </c>
      <c r="H12574" s="5">
        <v>6</v>
      </c>
      <c r="I12574" s="5" t="s">
        <v>1518</v>
      </c>
      <c r="J12574" s="5" t="s">
        <v>36264</v>
      </c>
      <c r="K12574" s="2" t="s">
        <v>36265</v>
      </c>
      <c r="L12574" s="5" t="s">
        <v>36264</v>
      </c>
      <c r="M12574" s="2" t="s">
        <v>36265</v>
      </c>
      <c r="N12574" s="5" t="s">
        <v>36266</v>
      </c>
      <c r="O12574" s="5" t="s">
        <v>38</v>
      </c>
      <c r="P12574" s="5" t="s">
        <v>39</v>
      </c>
      <c r="Q12574" s="5" t="s">
        <v>40</v>
      </c>
      <c r="R12574" s="5" t="s">
        <v>1522</v>
      </c>
      <c r="S12574" s="5" t="s">
        <v>1523</v>
      </c>
      <c r="T12574" s="5" t="s">
        <v>42</v>
      </c>
      <c r="U12574" s="2">
        <v>1.9179999999999999</v>
      </c>
      <c r="V12574" s="2">
        <v>1.278</v>
      </c>
      <c r="W12574" s="2">
        <v>0.02</v>
      </c>
      <c r="X12574" s="2">
        <v>159.1</v>
      </c>
      <c r="Y12574" s="2">
        <v>7.6</v>
      </c>
      <c r="Z12574" s="2">
        <v>16.7</v>
      </c>
      <c r="AA12574" s="5"/>
      <c r="AB12574" s="5" t="s">
        <v>43</v>
      </c>
      <c r="AC12574" s="5" t="s">
        <v>44</v>
      </c>
      <c r="AD12574" s="2"/>
      <c r="AE12574" s="1"/>
    </row>
    <row r="12575" spans="1:31" ht="14.45">
      <c r="A12575" s="11"/>
      <c r="B12575" s="20"/>
      <c r="C12575" s="2" t="s">
        <v>38653</v>
      </c>
      <c r="D12575" s="14" t="s">
        <v>38654</v>
      </c>
      <c r="E12575" s="2" t="s">
        <v>38655</v>
      </c>
      <c r="F12575" s="2" t="s">
        <v>36353</v>
      </c>
      <c r="G12575" s="8">
        <v>213</v>
      </c>
      <c r="H12575" s="5">
        <v>6</v>
      </c>
      <c r="I12575" s="5" t="s">
        <v>1518</v>
      </c>
      <c r="J12575" s="5" t="s">
        <v>36264</v>
      </c>
      <c r="K12575" s="2" t="s">
        <v>36265</v>
      </c>
      <c r="L12575" s="5" t="s">
        <v>36264</v>
      </c>
      <c r="M12575" s="2" t="s">
        <v>36265</v>
      </c>
      <c r="N12575" s="5" t="s">
        <v>36266</v>
      </c>
      <c r="O12575" s="5" t="s">
        <v>38</v>
      </c>
      <c r="P12575" s="5" t="s">
        <v>39</v>
      </c>
      <c r="Q12575" s="5" t="s">
        <v>40</v>
      </c>
      <c r="R12575" s="5" t="s">
        <v>1522</v>
      </c>
      <c r="S12575" s="5" t="s">
        <v>1523</v>
      </c>
      <c r="T12575" s="5" t="s">
        <v>42</v>
      </c>
      <c r="U12575" s="2">
        <v>1.887</v>
      </c>
      <c r="V12575" s="2">
        <v>1.2470000000000001</v>
      </c>
      <c r="W12575" s="2">
        <v>0.02</v>
      </c>
      <c r="X12575" s="2">
        <v>159.1</v>
      </c>
      <c r="Y12575" s="2">
        <v>7.6</v>
      </c>
      <c r="Z12575" s="2">
        <v>16.7</v>
      </c>
      <c r="AA12575" s="5"/>
      <c r="AB12575" s="5" t="s">
        <v>43</v>
      </c>
      <c r="AC12575" s="5" t="s">
        <v>44</v>
      </c>
      <c r="AD12575" s="2"/>
      <c r="AE12575" s="1"/>
    </row>
    <row r="12576" spans="1:31" ht="14.45">
      <c r="A12576" s="11"/>
      <c r="B12576" s="20"/>
      <c r="C12576" s="2" t="s">
        <v>38656</v>
      </c>
      <c r="D12576" s="14" t="s">
        <v>38657</v>
      </c>
      <c r="E12576" s="2" t="s">
        <v>38658</v>
      </c>
      <c r="F12576" s="2" t="s">
        <v>36357</v>
      </c>
      <c r="G12576" s="8">
        <v>213</v>
      </c>
      <c r="H12576" s="5">
        <v>6</v>
      </c>
      <c r="I12576" s="5" t="s">
        <v>1518</v>
      </c>
      <c r="J12576" s="5" t="s">
        <v>36264</v>
      </c>
      <c r="K12576" s="2" t="s">
        <v>36265</v>
      </c>
      <c r="L12576" s="5" t="s">
        <v>36264</v>
      </c>
      <c r="M12576" s="2" t="s">
        <v>36265</v>
      </c>
      <c r="N12576" s="5" t="s">
        <v>36266</v>
      </c>
      <c r="O12576" s="5" t="s">
        <v>38</v>
      </c>
      <c r="P12576" s="5" t="s">
        <v>39</v>
      </c>
      <c r="Q12576" s="5" t="s">
        <v>40</v>
      </c>
      <c r="R12576" s="5" t="s">
        <v>1522</v>
      </c>
      <c r="S12576" s="5" t="s">
        <v>1523</v>
      </c>
      <c r="T12576" s="5" t="s">
        <v>42</v>
      </c>
      <c r="U12576" s="2">
        <v>1.9179999999999999</v>
      </c>
      <c r="V12576" s="2">
        <v>1.278</v>
      </c>
      <c r="W12576" s="2">
        <v>0.02</v>
      </c>
      <c r="X12576" s="2">
        <v>159.1</v>
      </c>
      <c r="Y12576" s="2">
        <v>7.6</v>
      </c>
      <c r="Z12576" s="2">
        <v>16.7</v>
      </c>
      <c r="AA12576" s="5"/>
      <c r="AB12576" s="5" t="s">
        <v>43</v>
      </c>
      <c r="AC12576" s="5" t="s">
        <v>44</v>
      </c>
      <c r="AD12576" s="2"/>
      <c r="AE12576" s="1"/>
    </row>
    <row r="12577" spans="1:31" ht="14.45">
      <c r="A12577" s="11"/>
      <c r="B12577" s="20"/>
      <c r="C12577" s="2" t="s">
        <v>38659</v>
      </c>
      <c r="D12577" s="14" t="s">
        <v>38660</v>
      </c>
      <c r="E12577" s="2" t="s">
        <v>38661</v>
      </c>
      <c r="F12577" s="2" t="s">
        <v>36361</v>
      </c>
      <c r="G12577" s="8">
        <v>213</v>
      </c>
      <c r="H12577" s="5">
        <v>6</v>
      </c>
      <c r="I12577" s="5" t="s">
        <v>1518</v>
      </c>
      <c r="J12577" s="5" t="s">
        <v>36264</v>
      </c>
      <c r="K12577" s="2" t="s">
        <v>36265</v>
      </c>
      <c r="L12577" s="5" t="s">
        <v>36264</v>
      </c>
      <c r="M12577" s="2" t="s">
        <v>36265</v>
      </c>
      <c r="N12577" s="5" t="s">
        <v>36266</v>
      </c>
      <c r="O12577" s="5" t="s">
        <v>38</v>
      </c>
      <c r="P12577" s="5" t="s">
        <v>39</v>
      </c>
      <c r="Q12577" s="5" t="s">
        <v>40</v>
      </c>
      <c r="R12577" s="5" t="s">
        <v>1522</v>
      </c>
      <c r="S12577" s="5" t="s">
        <v>1523</v>
      </c>
      <c r="T12577" s="5" t="s">
        <v>42</v>
      </c>
      <c r="U12577" s="2">
        <v>1.887</v>
      </c>
      <c r="V12577" s="2">
        <v>1.2470000000000001</v>
      </c>
      <c r="W12577" s="2">
        <v>0.02</v>
      </c>
      <c r="X12577" s="2">
        <v>159.1</v>
      </c>
      <c r="Y12577" s="2">
        <v>7.6</v>
      </c>
      <c r="Z12577" s="2">
        <v>16.7</v>
      </c>
      <c r="AA12577" s="5"/>
      <c r="AB12577" s="5" t="s">
        <v>43</v>
      </c>
      <c r="AC12577" s="5" t="s">
        <v>44</v>
      </c>
      <c r="AD12577" s="2"/>
      <c r="AE12577" s="1"/>
    </row>
    <row r="12578" spans="1:31" ht="14.45">
      <c r="A12578" s="11"/>
      <c r="B12578" s="20"/>
      <c r="C12578" s="2" t="s">
        <v>38662</v>
      </c>
      <c r="D12578" s="14" t="s">
        <v>38663</v>
      </c>
      <c r="E12578" s="2" t="s">
        <v>38664</v>
      </c>
      <c r="F12578" s="2" t="s">
        <v>36365</v>
      </c>
      <c r="G12578" s="8">
        <v>213</v>
      </c>
      <c r="H12578" s="5">
        <v>6</v>
      </c>
      <c r="I12578" s="5" t="s">
        <v>1518</v>
      </c>
      <c r="J12578" s="5" t="s">
        <v>36264</v>
      </c>
      <c r="K12578" s="2" t="s">
        <v>36265</v>
      </c>
      <c r="L12578" s="5" t="s">
        <v>36264</v>
      </c>
      <c r="M12578" s="2" t="s">
        <v>36265</v>
      </c>
      <c r="N12578" s="5" t="s">
        <v>36266</v>
      </c>
      <c r="O12578" s="5" t="s">
        <v>38</v>
      </c>
      <c r="P12578" s="5" t="s">
        <v>39</v>
      </c>
      <c r="Q12578" s="5" t="s">
        <v>40</v>
      </c>
      <c r="R12578" s="5" t="s">
        <v>1522</v>
      </c>
      <c r="S12578" s="5" t="s">
        <v>1523</v>
      </c>
      <c r="T12578" s="5" t="s">
        <v>42</v>
      </c>
      <c r="U12578" s="2">
        <v>1.9179999999999999</v>
      </c>
      <c r="V12578" s="2">
        <v>1.278</v>
      </c>
      <c r="W12578" s="2">
        <v>0.02</v>
      </c>
      <c r="X12578" s="2">
        <v>159.1</v>
      </c>
      <c r="Y12578" s="2">
        <v>7.6</v>
      </c>
      <c r="Z12578" s="2">
        <v>16.7</v>
      </c>
      <c r="AA12578" s="5"/>
      <c r="AB12578" s="5" t="s">
        <v>43</v>
      </c>
      <c r="AC12578" s="5" t="s">
        <v>44</v>
      </c>
      <c r="AD12578" s="2"/>
      <c r="AE12578" s="1"/>
    </row>
    <row r="12579" spans="1:31" ht="14.45">
      <c r="A12579" s="11"/>
      <c r="B12579" s="20"/>
      <c r="C12579" s="2" t="s">
        <v>38665</v>
      </c>
      <c r="D12579" s="14" t="s">
        <v>38666</v>
      </c>
      <c r="E12579" s="2" t="s">
        <v>38667</v>
      </c>
      <c r="F12579" s="2" t="s">
        <v>36369</v>
      </c>
      <c r="G12579" s="8">
        <v>213</v>
      </c>
      <c r="H12579" s="5">
        <v>6</v>
      </c>
      <c r="I12579" s="5" t="s">
        <v>1518</v>
      </c>
      <c r="J12579" s="5" t="s">
        <v>36264</v>
      </c>
      <c r="K12579" s="2" t="s">
        <v>36265</v>
      </c>
      <c r="L12579" s="5" t="s">
        <v>36264</v>
      </c>
      <c r="M12579" s="2" t="s">
        <v>36265</v>
      </c>
      <c r="N12579" s="5" t="s">
        <v>36266</v>
      </c>
      <c r="O12579" s="5" t="s">
        <v>38</v>
      </c>
      <c r="P12579" s="5" t="s">
        <v>39</v>
      </c>
      <c r="Q12579" s="5" t="s">
        <v>40</v>
      </c>
      <c r="R12579" s="5" t="s">
        <v>1522</v>
      </c>
      <c r="S12579" s="5" t="s">
        <v>1523</v>
      </c>
      <c r="T12579" s="5" t="s">
        <v>42</v>
      </c>
      <c r="U12579" s="2">
        <v>1.887</v>
      </c>
      <c r="V12579" s="2">
        <v>1.2470000000000001</v>
      </c>
      <c r="W12579" s="2">
        <v>0.02</v>
      </c>
      <c r="X12579" s="2">
        <v>159.1</v>
      </c>
      <c r="Y12579" s="2">
        <v>7.6</v>
      </c>
      <c r="Z12579" s="2">
        <v>16.7</v>
      </c>
      <c r="AA12579" s="5"/>
      <c r="AB12579" s="5" t="s">
        <v>43</v>
      </c>
      <c r="AC12579" s="5" t="s">
        <v>44</v>
      </c>
      <c r="AD12579" s="2"/>
      <c r="AE12579" s="1"/>
    </row>
    <row r="12580" spans="1:31" ht="14.45">
      <c r="A12580" s="11"/>
      <c r="B12580" s="20"/>
      <c r="C12580" s="2" t="s">
        <v>38668</v>
      </c>
      <c r="D12580" s="14" t="s">
        <v>38669</v>
      </c>
      <c r="E12580" s="2" t="s">
        <v>38670</v>
      </c>
      <c r="F12580" s="2" t="s">
        <v>36373</v>
      </c>
      <c r="G12580" s="8">
        <v>213</v>
      </c>
      <c r="H12580" s="5">
        <v>6</v>
      </c>
      <c r="I12580" s="5" t="s">
        <v>1518</v>
      </c>
      <c r="J12580" s="5" t="s">
        <v>36264</v>
      </c>
      <c r="K12580" s="2" t="s">
        <v>36265</v>
      </c>
      <c r="L12580" s="5" t="s">
        <v>36264</v>
      </c>
      <c r="M12580" s="2" t="s">
        <v>36265</v>
      </c>
      <c r="N12580" s="5" t="s">
        <v>36266</v>
      </c>
      <c r="O12580" s="5" t="s">
        <v>38</v>
      </c>
      <c r="P12580" s="5" t="s">
        <v>39</v>
      </c>
      <c r="Q12580" s="5" t="s">
        <v>40</v>
      </c>
      <c r="R12580" s="5" t="s">
        <v>1522</v>
      </c>
      <c r="S12580" s="5" t="s">
        <v>1523</v>
      </c>
      <c r="T12580" s="5" t="s">
        <v>42</v>
      </c>
      <c r="U12580" s="2">
        <v>1.9179999999999999</v>
      </c>
      <c r="V12580" s="2">
        <v>1.278</v>
      </c>
      <c r="W12580" s="2">
        <v>0.02</v>
      </c>
      <c r="X12580" s="2">
        <v>159.1</v>
      </c>
      <c r="Y12580" s="2">
        <v>7.6</v>
      </c>
      <c r="Z12580" s="2">
        <v>16.7</v>
      </c>
      <c r="AA12580" s="5"/>
      <c r="AB12580" s="5" t="s">
        <v>43</v>
      </c>
      <c r="AC12580" s="5" t="s">
        <v>44</v>
      </c>
      <c r="AD12580" s="2"/>
      <c r="AE12580" s="1"/>
    </row>
    <row r="12581" spans="1:31" ht="14.45">
      <c r="A12581" s="11"/>
      <c r="B12581" s="20"/>
      <c r="C12581" s="2" t="s">
        <v>38671</v>
      </c>
      <c r="D12581" s="14" t="s">
        <v>38672</v>
      </c>
      <c r="E12581" s="2" t="s">
        <v>38673</v>
      </c>
      <c r="F12581" s="2" t="s">
        <v>36377</v>
      </c>
      <c r="G12581" s="8">
        <v>213</v>
      </c>
      <c r="H12581" s="5">
        <v>6</v>
      </c>
      <c r="I12581" s="5" t="s">
        <v>1518</v>
      </c>
      <c r="J12581" s="5" t="s">
        <v>36264</v>
      </c>
      <c r="K12581" s="2" t="s">
        <v>36265</v>
      </c>
      <c r="L12581" s="5" t="s">
        <v>36264</v>
      </c>
      <c r="M12581" s="2" t="s">
        <v>36265</v>
      </c>
      <c r="N12581" s="5" t="s">
        <v>36266</v>
      </c>
      <c r="O12581" s="5" t="s">
        <v>38</v>
      </c>
      <c r="P12581" s="5" t="s">
        <v>39</v>
      </c>
      <c r="Q12581" s="5" t="s">
        <v>40</v>
      </c>
      <c r="R12581" s="5" t="s">
        <v>1522</v>
      </c>
      <c r="S12581" s="5" t="s">
        <v>1523</v>
      </c>
      <c r="T12581" s="5" t="s">
        <v>42</v>
      </c>
      <c r="U12581" s="2">
        <v>1.887</v>
      </c>
      <c r="V12581" s="2">
        <v>1.2470000000000001</v>
      </c>
      <c r="W12581" s="2">
        <v>0.02</v>
      </c>
      <c r="X12581" s="2">
        <v>159.1</v>
      </c>
      <c r="Y12581" s="2">
        <v>7.6</v>
      </c>
      <c r="Z12581" s="2">
        <v>16.7</v>
      </c>
      <c r="AA12581" s="5"/>
      <c r="AB12581" s="5" t="s">
        <v>43</v>
      </c>
      <c r="AC12581" s="5" t="s">
        <v>44</v>
      </c>
      <c r="AD12581" s="2"/>
      <c r="AE12581" s="1"/>
    </row>
    <row r="12582" spans="1:31" ht="14.45">
      <c r="A12582" s="11"/>
      <c r="B12582" s="20"/>
      <c r="C12582" s="2" t="s">
        <v>38674</v>
      </c>
      <c r="D12582" s="14" t="s">
        <v>38675</v>
      </c>
      <c r="E12582" s="2" t="s">
        <v>38676</v>
      </c>
      <c r="F12582" s="2" t="s">
        <v>36381</v>
      </c>
      <c r="G12582" s="8">
        <v>213</v>
      </c>
      <c r="H12582" s="5">
        <v>6</v>
      </c>
      <c r="I12582" s="5" t="s">
        <v>1518</v>
      </c>
      <c r="J12582" s="5" t="s">
        <v>36264</v>
      </c>
      <c r="K12582" s="2" t="s">
        <v>36265</v>
      </c>
      <c r="L12582" s="5" t="s">
        <v>36264</v>
      </c>
      <c r="M12582" s="2" t="s">
        <v>36265</v>
      </c>
      <c r="N12582" s="5" t="s">
        <v>36266</v>
      </c>
      <c r="O12582" s="5" t="s">
        <v>38</v>
      </c>
      <c r="P12582" s="5" t="s">
        <v>39</v>
      </c>
      <c r="Q12582" s="5" t="s">
        <v>40</v>
      </c>
      <c r="R12582" s="5" t="s">
        <v>1522</v>
      </c>
      <c r="S12582" s="5" t="s">
        <v>1523</v>
      </c>
      <c r="T12582" s="5" t="s">
        <v>42</v>
      </c>
      <c r="U12582" s="2">
        <v>1.9179999999999999</v>
      </c>
      <c r="V12582" s="2">
        <v>1.278</v>
      </c>
      <c r="W12582" s="2">
        <v>0.02</v>
      </c>
      <c r="X12582" s="2">
        <v>159.1</v>
      </c>
      <c r="Y12582" s="2">
        <v>7.6</v>
      </c>
      <c r="Z12582" s="2">
        <v>16.7</v>
      </c>
      <c r="AA12582" s="5"/>
      <c r="AB12582" s="5" t="s">
        <v>43</v>
      </c>
      <c r="AC12582" s="5" t="s">
        <v>44</v>
      </c>
      <c r="AD12582" s="2"/>
      <c r="AE12582" s="1"/>
    </row>
    <row r="12583" spans="1:31" ht="14.45">
      <c r="A12583" s="11"/>
      <c r="B12583" s="20"/>
      <c r="C12583" s="2" t="s">
        <v>38677</v>
      </c>
      <c r="D12583" s="14" t="s">
        <v>38678</v>
      </c>
      <c r="E12583" s="2" t="s">
        <v>38679</v>
      </c>
      <c r="F12583" s="2" t="s">
        <v>36385</v>
      </c>
      <c r="G12583" s="8">
        <v>213</v>
      </c>
      <c r="H12583" s="5">
        <v>6</v>
      </c>
      <c r="I12583" s="5" t="s">
        <v>1518</v>
      </c>
      <c r="J12583" s="5" t="s">
        <v>36264</v>
      </c>
      <c r="K12583" s="2" t="s">
        <v>36265</v>
      </c>
      <c r="L12583" s="5" t="s">
        <v>36264</v>
      </c>
      <c r="M12583" s="2" t="s">
        <v>36265</v>
      </c>
      <c r="N12583" s="5" t="s">
        <v>36266</v>
      </c>
      <c r="O12583" s="5" t="s">
        <v>38</v>
      </c>
      <c r="P12583" s="5" t="s">
        <v>39</v>
      </c>
      <c r="Q12583" s="5" t="s">
        <v>40</v>
      </c>
      <c r="R12583" s="5" t="s">
        <v>1522</v>
      </c>
      <c r="S12583" s="5" t="s">
        <v>1523</v>
      </c>
      <c r="T12583" s="5" t="s">
        <v>42</v>
      </c>
      <c r="U12583" s="2">
        <v>1.887</v>
      </c>
      <c r="V12583" s="2">
        <v>1.2470000000000001</v>
      </c>
      <c r="W12583" s="2">
        <v>0.02</v>
      </c>
      <c r="X12583" s="2">
        <v>159.1</v>
      </c>
      <c r="Y12583" s="2">
        <v>7.6</v>
      </c>
      <c r="Z12583" s="2">
        <v>16.7</v>
      </c>
      <c r="AA12583" s="5"/>
      <c r="AB12583" s="5" t="s">
        <v>43</v>
      </c>
      <c r="AC12583" s="5" t="s">
        <v>44</v>
      </c>
      <c r="AD12583" s="2"/>
      <c r="AE12583" s="1"/>
    </row>
    <row r="12584" spans="1:31" ht="14.45">
      <c r="A12584" s="11"/>
      <c r="B12584" s="20"/>
      <c r="C12584" s="2" t="s">
        <v>38680</v>
      </c>
      <c r="D12584" s="14" t="s">
        <v>38681</v>
      </c>
      <c r="E12584" s="2" t="s">
        <v>38682</v>
      </c>
      <c r="F12584" s="2" t="s">
        <v>36389</v>
      </c>
      <c r="G12584" s="8">
        <v>213</v>
      </c>
      <c r="H12584" s="5">
        <v>6</v>
      </c>
      <c r="I12584" s="5" t="s">
        <v>1518</v>
      </c>
      <c r="J12584" s="5" t="s">
        <v>36264</v>
      </c>
      <c r="K12584" s="2" t="s">
        <v>36265</v>
      </c>
      <c r="L12584" s="5" t="s">
        <v>36264</v>
      </c>
      <c r="M12584" s="2" t="s">
        <v>36265</v>
      </c>
      <c r="N12584" s="5" t="s">
        <v>36266</v>
      </c>
      <c r="O12584" s="5" t="s">
        <v>38</v>
      </c>
      <c r="P12584" s="5" t="s">
        <v>39</v>
      </c>
      <c r="Q12584" s="5" t="s">
        <v>40</v>
      </c>
      <c r="R12584" s="5" t="s">
        <v>1522</v>
      </c>
      <c r="S12584" s="5" t="s">
        <v>1523</v>
      </c>
      <c r="T12584" s="5" t="s">
        <v>42</v>
      </c>
      <c r="U12584" s="2">
        <v>1.9179999999999999</v>
      </c>
      <c r="V12584" s="2">
        <v>1.278</v>
      </c>
      <c r="W12584" s="2">
        <v>0.02</v>
      </c>
      <c r="X12584" s="2">
        <v>159.1</v>
      </c>
      <c r="Y12584" s="2">
        <v>7.6</v>
      </c>
      <c r="Z12584" s="2">
        <v>16.7</v>
      </c>
      <c r="AA12584" s="5"/>
      <c r="AB12584" s="5" t="s">
        <v>43</v>
      </c>
      <c r="AC12584" s="5" t="s">
        <v>44</v>
      </c>
      <c r="AD12584" s="2"/>
      <c r="AE12584" s="1"/>
    </row>
    <row r="12585" spans="1:31" ht="14.45">
      <c r="A12585" s="11"/>
      <c r="B12585" s="20"/>
      <c r="C12585" s="2" t="s">
        <v>38683</v>
      </c>
      <c r="D12585" s="14" t="s">
        <v>38684</v>
      </c>
      <c r="E12585" s="2" t="s">
        <v>38685</v>
      </c>
      <c r="F12585" s="2" t="s">
        <v>7204</v>
      </c>
      <c r="G12585" s="8">
        <v>159</v>
      </c>
      <c r="H12585" s="5">
        <v>6</v>
      </c>
      <c r="I12585" s="5" t="s">
        <v>1518</v>
      </c>
      <c r="J12585" s="5" t="s">
        <v>36264</v>
      </c>
      <c r="K12585" s="2" t="s">
        <v>36265</v>
      </c>
      <c r="L12585" s="5" t="s">
        <v>36264</v>
      </c>
      <c r="M12585" s="2" t="s">
        <v>36265</v>
      </c>
      <c r="N12585" s="5" t="s">
        <v>36266</v>
      </c>
      <c r="O12585" s="5" t="s">
        <v>38</v>
      </c>
      <c r="P12585" s="5" t="s">
        <v>39</v>
      </c>
      <c r="Q12585" s="5" t="s">
        <v>40</v>
      </c>
      <c r="R12585" s="5" t="s">
        <v>1522</v>
      </c>
      <c r="S12585" s="5" t="s">
        <v>1523</v>
      </c>
      <c r="T12585" s="5" t="s">
        <v>42</v>
      </c>
      <c r="U12585" s="2">
        <v>1.22</v>
      </c>
      <c r="V12585" s="2">
        <v>0.73899999999999999</v>
      </c>
      <c r="W12585" s="2">
        <v>1.2999999999999999E-2</v>
      </c>
      <c r="X12585" s="2">
        <v>99.1</v>
      </c>
      <c r="Y12585" s="2">
        <v>7.6</v>
      </c>
      <c r="Z12585" s="2">
        <v>16.7</v>
      </c>
      <c r="AA12585" s="5"/>
      <c r="AB12585" s="5" t="s">
        <v>43</v>
      </c>
      <c r="AC12585" s="5" t="s">
        <v>44</v>
      </c>
      <c r="AD12585" s="2"/>
      <c r="AE12585" s="1"/>
    </row>
    <row r="12586" spans="1:31" ht="14.45">
      <c r="A12586" s="11"/>
      <c r="B12586" s="20"/>
      <c r="C12586" s="2" t="s">
        <v>38686</v>
      </c>
      <c r="D12586" s="14" t="s">
        <v>38687</v>
      </c>
      <c r="E12586" s="2" t="s">
        <v>38688</v>
      </c>
      <c r="F12586" s="2" t="s">
        <v>7514</v>
      </c>
      <c r="G12586" s="8">
        <v>159</v>
      </c>
      <c r="H12586" s="5">
        <v>6</v>
      </c>
      <c r="I12586" s="5" t="s">
        <v>1518</v>
      </c>
      <c r="J12586" s="5" t="s">
        <v>36264</v>
      </c>
      <c r="K12586" s="2" t="s">
        <v>36265</v>
      </c>
      <c r="L12586" s="5" t="s">
        <v>36264</v>
      </c>
      <c r="M12586" s="2" t="s">
        <v>36265</v>
      </c>
      <c r="N12586" s="5" t="s">
        <v>36266</v>
      </c>
      <c r="O12586" s="5" t="s">
        <v>38</v>
      </c>
      <c r="P12586" s="5" t="s">
        <v>39</v>
      </c>
      <c r="Q12586" s="5" t="s">
        <v>40</v>
      </c>
      <c r="R12586" s="5" t="s">
        <v>1522</v>
      </c>
      <c r="S12586" s="5" t="s">
        <v>1523</v>
      </c>
      <c r="T12586" s="5" t="s">
        <v>42</v>
      </c>
      <c r="U12586" s="2">
        <v>1.2509999999999999</v>
      </c>
      <c r="V12586" s="2">
        <v>0.77</v>
      </c>
      <c r="W12586" s="2">
        <v>1.2999999999999999E-2</v>
      </c>
      <c r="X12586" s="2">
        <v>99.1</v>
      </c>
      <c r="Y12586" s="2">
        <v>7.6</v>
      </c>
      <c r="Z12586" s="2">
        <v>16.7</v>
      </c>
      <c r="AA12586" s="5"/>
      <c r="AB12586" s="5" t="s">
        <v>43</v>
      </c>
      <c r="AC12586" s="5" t="s">
        <v>44</v>
      </c>
      <c r="AD12586" s="2"/>
      <c r="AE12586" s="1"/>
    </row>
    <row r="12587" spans="1:31" ht="14.45">
      <c r="A12587" s="11"/>
      <c r="B12587" s="20"/>
      <c r="C12587" s="2" t="s">
        <v>38689</v>
      </c>
      <c r="D12587" s="14" t="s">
        <v>38690</v>
      </c>
      <c r="E12587" s="2" t="s">
        <v>38691</v>
      </c>
      <c r="F12587" s="2" t="s">
        <v>36273</v>
      </c>
      <c r="G12587" s="8">
        <v>159</v>
      </c>
      <c r="H12587" s="5">
        <v>6</v>
      </c>
      <c r="I12587" s="5" t="s">
        <v>1518</v>
      </c>
      <c r="J12587" s="5" t="s">
        <v>36264</v>
      </c>
      <c r="K12587" s="2" t="s">
        <v>36265</v>
      </c>
      <c r="L12587" s="5" t="s">
        <v>36264</v>
      </c>
      <c r="M12587" s="2" t="s">
        <v>36265</v>
      </c>
      <c r="N12587" s="5" t="s">
        <v>36266</v>
      </c>
      <c r="O12587" s="5" t="s">
        <v>38</v>
      </c>
      <c r="P12587" s="5" t="s">
        <v>39</v>
      </c>
      <c r="Q12587" s="5" t="s">
        <v>40</v>
      </c>
      <c r="R12587" s="5" t="s">
        <v>1522</v>
      </c>
      <c r="S12587" s="5" t="s">
        <v>1523</v>
      </c>
      <c r="T12587" s="5" t="s">
        <v>42</v>
      </c>
      <c r="U12587" s="2">
        <v>1.22</v>
      </c>
      <c r="V12587" s="2">
        <v>0.73899999999999999</v>
      </c>
      <c r="W12587" s="2">
        <v>1.2999999999999999E-2</v>
      </c>
      <c r="X12587" s="2">
        <v>99.1</v>
      </c>
      <c r="Y12587" s="2">
        <v>7.6</v>
      </c>
      <c r="Z12587" s="2">
        <v>16.7</v>
      </c>
      <c r="AA12587" s="5"/>
      <c r="AB12587" s="5" t="s">
        <v>43</v>
      </c>
      <c r="AC12587" s="5" t="s">
        <v>44</v>
      </c>
      <c r="AD12587" s="2"/>
      <c r="AE12587" s="1"/>
    </row>
    <row r="12588" spans="1:31" ht="14.45">
      <c r="A12588" s="11"/>
      <c r="B12588" s="20"/>
      <c r="C12588" s="2" t="s">
        <v>38692</v>
      </c>
      <c r="D12588" s="14" t="s">
        <v>38693</v>
      </c>
      <c r="E12588" s="2" t="s">
        <v>38694</v>
      </c>
      <c r="F12588" s="2" t="s">
        <v>36277</v>
      </c>
      <c r="G12588" s="8">
        <v>159</v>
      </c>
      <c r="H12588" s="5">
        <v>6</v>
      </c>
      <c r="I12588" s="5" t="s">
        <v>1518</v>
      </c>
      <c r="J12588" s="5" t="s">
        <v>36264</v>
      </c>
      <c r="K12588" s="2" t="s">
        <v>36265</v>
      </c>
      <c r="L12588" s="5" t="s">
        <v>36264</v>
      </c>
      <c r="M12588" s="2" t="s">
        <v>36265</v>
      </c>
      <c r="N12588" s="5" t="s">
        <v>36266</v>
      </c>
      <c r="O12588" s="5" t="s">
        <v>38</v>
      </c>
      <c r="P12588" s="5" t="s">
        <v>39</v>
      </c>
      <c r="Q12588" s="5" t="s">
        <v>40</v>
      </c>
      <c r="R12588" s="5" t="s">
        <v>1522</v>
      </c>
      <c r="S12588" s="5" t="s">
        <v>1523</v>
      </c>
      <c r="T12588" s="5" t="s">
        <v>42</v>
      </c>
      <c r="U12588" s="2">
        <v>1.2509999999999999</v>
      </c>
      <c r="V12588" s="2">
        <v>0.77</v>
      </c>
      <c r="W12588" s="2">
        <v>1.2999999999999999E-2</v>
      </c>
      <c r="X12588" s="2">
        <v>99.1</v>
      </c>
      <c r="Y12588" s="2">
        <v>7.6</v>
      </c>
      <c r="Z12588" s="2">
        <v>16.7</v>
      </c>
      <c r="AA12588" s="5"/>
      <c r="AB12588" s="5" t="s">
        <v>43</v>
      </c>
      <c r="AC12588" s="5" t="s">
        <v>44</v>
      </c>
      <c r="AD12588" s="2"/>
      <c r="AE12588" s="1"/>
    </row>
    <row r="12589" spans="1:31" ht="14.45">
      <c r="A12589" s="11"/>
      <c r="B12589" s="20"/>
      <c r="C12589" s="2" t="s">
        <v>38695</v>
      </c>
      <c r="D12589" s="14" t="s">
        <v>38696</v>
      </c>
      <c r="E12589" s="2" t="s">
        <v>38697</v>
      </c>
      <c r="F12589" s="2" t="s">
        <v>36281</v>
      </c>
      <c r="G12589" s="8">
        <v>182</v>
      </c>
      <c r="H12589" s="5">
        <v>6</v>
      </c>
      <c r="I12589" s="5" t="s">
        <v>1518</v>
      </c>
      <c r="J12589" s="5" t="s">
        <v>36264</v>
      </c>
      <c r="K12589" s="2" t="s">
        <v>36265</v>
      </c>
      <c r="L12589" s="5" t="s">
        <v>36264</v>
      </c>
      <c r="M12589" s="2" t="s">
        <v>36265</v>
      </c>
      <c r="N12589" s="5" t="s">
        <v>36266</v>
      </c>
      <c r="O12589" s="5" t="s">
        <v>38</v>
      </c>
      <c r="P12589" s="5" t="s">
        <v>39</v>
      </c>
      <c r="Q12589" s="5" t="s">
        <v>40</v>
      </c>
      <c r="R12589" s="5" t="s">
        <v>1522</v>
      </c>
      <c r="S12589" s="5" t="s">
        <v>1523</v>
      </c>
      <c r="T12589" s="5" t="s">
        <v>42</v>
      </c>
      <c r="U12589" s="2">
        <v>1.22</v>
      </c>
      <c r="V12589" s="2">
        <v>0.73899999999999999</v>
      </c>
      <c r="W12589" s="2">
        <v>1.2999999999999999E-2</v>
      </c>
      <c r="X12589" s="2">
        <v>99.1</v>
      </c>
      <c r="Y12589" s="2">
        <v>7.6</v>
      </c>
      <c r="Z12589" s="2">
        <v>16.7</v>
      </c>
      <c r="AA12589" s="5"/>
      <c r="AB12589" s="5" t="s">
        <v>43</v>
      </c>
      <c r="AC12589" s="5" t="s">
        <v>44</v>
      </c>
      <c r="AD12589" s="2"/>
      <c r="AE12589" s="1"/>
    </row>
    <row r="12590" spans="1:31" ht="14.45">
      <c r="A12590" s="11"/>
      <c r="B12590" s="20"/>
      <c r="C12590" s="2" t="s">
        <v>38698</v>
      </c>
      <c r="D12590" s="14" t="s">
        <v>38699</v>
      </c>
      <c r="E12590" s="2" t="s">
        <v>38700</v>
      </c>
      <c r="F12590" s="2" t="s">
        <v>36289</v>
      </c>
      <c r="G12590" s="8">
        <v>182</v>
      </c>
      <c r="H12590" s="5">
        <v>6</v>
      </c>
      <c r="I12590" s="5" t="s">
        <v>1518</v>
      </c>
      <c r="J12590" s="5" t="s">
        <v>36264</v>
      </c>
      <c r="K12590" s="2" t="s">
        <v>36265</v>
      </c>
      <c r="L12590" s="5" t="s">
        <v>36264</v>
      </c>
      <c r="M12590" s="2" t="s">
        <v>36265</v>
      </c>
      <c r="N12590" s="5" t="s">
        <v>36266</v>
      </c>
      <c r="O12590" s="5" t="s">
        <v>38</v>
      </c>
      <c r="P12590" s="5" t="s">
        <v>39</v>
      </c>
      <c r="Q12590" s="5" t="s">
        <v>40</v>
      </c>
      <c r="R12590" s="5" t="s">
        <v>1522</v>
      </c>
      <c r="S12590" s="5" t="s">
        <v>1523</v>
      </c>
      <c r="T12590" s="5" t="s">
        <v>42</v>
      </c>
      <c r="U12590" s="2">
        <v>1.22</v>
      </c>
      <c r="V12590" s="2">
        <v>0.73899999999999999</v>
      </c>
      <c r="W12590" s="2">
        <v>1.2999999999999999E-2</v>
      </c>
      <c r="X12590" s="2">
        <v>99.1</v>
      </c>
      <c r="Y12590" s="2">
        <v>7.6</v>
      </c>
      <c r="Z12590" s="2">
        <v>16.7</v>
      </c>
      <c r="AA12590" s="5"/>
      <c r="AB12590" s="5" t="s">
        <v>43</v>
      </c>
      <c r="AC12590" s="5" t="s">
        <v>44</v>
      </c>
      <c r="AD12590" s="2"/>
      <c r="AE12590" s="1"/>
    </row>
    <row r="12591" spans="1:31" ht="14.45">
      <c r="A12591" s="11"/>
      <c r="B12591" s="20"/>
      <c r="C12591" s="2" t="s">
        <v>38701</v>
      </c>
      <c r="D12591" s="14" t="s">
        <v>38702</v>
      </c>
      <c r="E12591" s="2" t="s">
        <v>38703</v>
      </c>
      <c r="F12591" s="2" t="s">
        <v>36293</v>
      </c>
      <c r="G12591" s="8">
        <v>182</v>
      </c>
      <c r="H12591" s="5">
        <v>6</v>
      </c>
      <c r="I12591" s="5" t="s">
        <v>1518</v>
      </c>
      <c r="J12591" s="5" t="s">
        <v>36264</v>
      </c>
      <c r="K12591" s="2" t="s">
        <v>36265</v>
      </c>
      <c r="L12591" s="5" t="s">
        <v>36264</v>
      </c>
      <c r="M12591" s="2" t="s">
        <v>36265</v>
      </c>
      <c r="N12591" s="5" t="s">
        <v>36266</v>
      </c>
      <c r="O12591" s="5" t="s">
        <v>38</v>
      </c>
      <c r="P12591" s="5" t="s">
        <v>39</v>
      </c>
      <c r="Q12591" s="5" t="s">
        <v>40</v>
      </c>
      <c r="R12591" s="5" t="s">
        <v>1522</v>
      </c>
      <c r="S12591" s="5" t="s">
        <v>1523</v>
      </c>
      <c r="T12591" s="5" t="s">
        <v>42</v>
      </c>
      <c r="U12591" s="2">
        <v>1.2509999999999999</v>
      </c>
      <c r="V12591" s="2">
        <v>0.77</v>
      </c>
      <c r="W12591" s="2">
        <v>1.2999999999999999E-2</v>
      </c>
      <c r="X12591" s="2">
        <v>99.1</v>
      </c>
      <c r="Y12591" s="2">
        <v>7.6</v>
      </c>
      <c r="Z12591" s="2">
        <v>16.7</v>
      </c>
      <c r="AA12591" s="5"/>
      <c r="AB12591" s="5" t="s">
        <v>43</v>
      </c>
      <c r="AC12591" s="5" t="s">
        <v>44</v>
      </c>
      <c r="AD12591" s="2"/>
      <c r="AE12591" s="1"/>
    </row>
    <row r="12592" spans="1:31" ht="14.45">
      <c r="A12592" s="11"/>
      <c r="B12592" s="20"/>
      <c r="C12592" s="2" t="s">
        <v>38704</v>
      </c>
      <c r="D12592" s="14" t="s">
        <v>38705</v>
      </c>
      <c r="E12592" s="2" t="s">
        <v>38706</v>
      </c>
      <c r="F12592" s="2" t="s">
        <v>36301</v>
      </c>
      <c r="G12592" s="8">
        <v>159</v>
      </c>
      <c r="H12592" s="5">
        <v>6</v>
      </c>
      <c r="I12592" s="5" t="s">
        <v>1518</v>
      </c>
      <c r="J12592" s="5" t="s">
        <v>36264</v>
      </c>
      <c r="K12592" s="2" t="s">
        <v>36265</v>
      </c>
      <c r="L12592" s="5" t="s">
        <v>36264</v>
      </c>
      <c r="M12592" s="2" t="s">
        <v>36265</v>
      </c>
      <c r="N12592" s="5" t="s">
        <v>36266</v>
      </c>
      <c r="O12592" s="5" t="s">
        <v>38</v>
      </c>
      <c r="P12592" s="5" t="s">
        <v>39</v>
      </c>
      <c r="Q12592" s="5" t="s">
        <v>40</v>
      </c>
      <c r="R12592" s="5" t="s">
        <v>1522</v>
      </c>
      <c r="S12592" s="5" t="s">
        <v>1523</v>
      </c>
      <c r="T12592" s="5" t="s">
        <v>42</v>
      </c>
      <c r="U12592" s="2">
        <v>1.2509999999999999</v>
      </c>
      <c r="V12592" s="2">
        <v>0.77</v>
      </c>
      <c r="W12592" s="2">
        <v>1.2999999999999999E-2</v>
      </c>
      <c r="X12592" s="2">
        <v>99.1</v>
      </c>
      <c r="Y12592" s="2">
        <v>7.6</v>
      </c>
      <c r="Z12592" s="2">
        <v>16.7</v>
      </c>
      <c r="AA12592" s="5"/>
      <c r="AB12592" s="5" t="s">
        <v>43</v>
      </c>
      <c r="AC12592" s="5" t="s">
        <v>44</v>
      </c>
      <c r="AD12592" s="2"/>
      <c r="AE12592" s="1"/>
    </row>
    <row r="12593" spans="1:31" ht="14.45">
      <c r="A12593" s="11"/>
      <c r="B12593" s="20"/>
      <c r="C12593" s="2" t="s">
        <v>38707</v>
      </c>
      <c r="D12593" s="14" t="s">
        <v>38708</v>
      </c>
      <c r="E12593" s="2" t="s">
        <v>38709</v>
      </c>
      <c r="F12593" s="2" t="s">
        <v>36305</v>
      </c>
      <c r="G12593" s="8">
        <v>159</v>
      </c>
      <c r="H12593" s="5">
        <v>6</v>
      </c>
      <c r="I12593" s="5" t="s">
        <v>1518</v>
      </c>
      <c r="J12593" s="5" t="s">
        <v>36264</v>
      </c>
      <c r="K12593" s="2" t="s">
        <v>36265</v>
      </c>
      <c r="L12593" s="5" t="s">
        <v>36264</v>
      </c>
      <c r="M12593" s="2" t="s">
        <v>36265</v>
      </c>
      <c r="N12593" s="5" t="s">
        <v>36266</v>
      </c>
      <c r="O12593" s="5" t="s">
        <v>38</v>
      </c>
      <c r="P12593" s="5" t="s">
        <v>39</v>
      </c>
      <c r="Q12593" s="5" t="s">
        <v>40</v>
      </c>
      <c r="R12593" s="5" t="s">
        <v>1522</v>
      </c>
      <c r="S12593" s="5" t="s">
        <v>1523</v>
      </c>
      <c r="T12593" s="5" t="s">
        <v>42</v>
      </c>
      <c r="U12593" s="2">
        <v>1.22</v>
      </c>
      <c r="V12593" s="2">
        <v>0.73899999999999999</v>
      </c>
      <c r="W12593" s="2">
        <v>1.2999999999999999E-2</v>
      </c>
      <c r="X12593" s="2">
        <v>99.1</v>
      </c>
      <c r="Y12593" s="2">
        <v>7.6</v>
      </c>
      <c r="Z12593" s="2">
        <v>16.7</v>
      </c>
      <c r="AA12593" s="5"/>
      <c r="AB12593" s="5" t="s">
        <v>43</v>
      </c>
      <c r="AC12593" s="5" t="s">
        <v>44</v>
      </c>
      <c r="AD12593" s="2"/>
      <c r="AE12593" s="1"/>
    </row>
    <row r="12594" spans="1:31" ht="14.45">
      <c r="A12594" s="11"/>
      <c r="B12594" s="20"/>
      <c r="C12594" s="2" t="s">
        <v>38710</v>
      </c>
      <c r="D12594" s="14" t="s">
        <v>38711</v>
      </c>
      <c r="E12594" s="2" t="s">
        <v>38712</v>
      </c>
      <c r="F12594" s="2" t="s">
        <v>36309</v>
      </c>
      <c r="G12594" s="8">
        <v>159</v>
      </c>
      <c r="H12594" s="5">
        <v>6</v>
      </c>
      <c r="I12594" s="5" t="s">
        <v>1518</v>
      </c>
      <c r="J12594" s="5" t="s">
        <v>36264</v>
      </c>
      <c r="K12594" s="2" t="s">
        <v>36265</v>
      </c>
      <c r="L12594" s="5" t="s">
        <v>36264</v>
      </c>
      <c r="M12594" s="2" t="s">
        <v>36265</v>
      </c>
      <c r="N12594" s="5" t="s">
        <v>36266</v>
      </c>
      <c r="O12594" s="5" t="s">
        <v>38</v>
      </c>
      <c r="P12594" s="5" t="s">
        <v>39</v>
      </c>
      <c r="Q12594" s="5" t="s">
        <v>40</v>
      </c>
      <c r="R12594" s="5" t="s">
        <v>1522</v>
      </c>
      <c r="S12594" s="5" t="s">
        <v>1523</v>
      </c>
      <c r="T12594" s="5" t="s">
        <v>42</v>
      </c>
      <c r="U12594" s="2">
        <v>1.2509999999999999</v>
      </c>
      <c r="V12594" s="2">
        <v>0.77</v>
      </c>
      <c r="W12594" s="2">
        <v>1.2999999999999999E-2</v>
      </c>
      <c r="X12594" s="2">
        <v>99.1</v>
      </c>
      <c r="Y12594" s="2">
        <v>7.6</v>
      </c>
      <c r="Z12594" s="2">
        <v>16.7</v>
      </c>
      <c r="AA12594" s="5"/>
      <c r="AB12594" s="5" t="s">
        <v>43</v>
      </c>
      <c r="AC12594" s="5" t="s">
        <v>44</v>
      </c>
      <c r="AD12594" s="2"/>
      <c r="AE12594" s="1"/>
    </row>
    <row r="12595" spans="1:31" ht="14.45">
      <c r="A12595" s="11"/>
      <c r="B12595" s="20"/>
      <c r="C12595" s="2" t="s">
        <v>38713</v>
      </c>
      <c r="D12595" s="14" t="s">
        <v>38714</v>
      </c>
      <c r="E12595" s="2" t="s">
        <v>38715</v>
      </c>
      <c r="F12595" s="2" t="s">
        <v>36317</v>
      </c>
      <c r="G12595" s="8">
        <v>182</v>
      </c>
      <c r="H12595" s="5">
        <v>6</v>
      </c>
      <c r="I12595" s="5" t="s">
        <v>1518</v>
      </c>
      <c r="J12595" s="5" t="s">
        <v>36264</v>
      </c>
      <c r="K12595" s="2" t="s">
        <v>36265</v>
      </c>
      <c r="L12595" s="5" t="s">
        <v>36264</v>
      </c>
      <c r="M12595" s="2" t="s">
        <v>36265</v>
      </c>
      <c r="N12595" s="5" t="s">
        <v>36266</v>
      </c>
      <c r="O12595" s="5" t="s">
        <v>38</v>
      </c>
      <c r="P12595" s="5" t="s">
        <v>39</v>
      </c>
      <c r="Q12595" s="5" t="s">
        <v>40</v>
      </c>
      <c r="R12595" s="5" t="s">
        <v>1522</v>
      </c>
      <c r="S12595" s="5" t="s">
        <v>1523</v>
      </c>
      <c r="T12595" s="5" t="s">
        <v>42</v>
      </c>
      <c r="U12595" s="2">
        <v>1.2509999999999999</v>
      </c>
      <c r="V12595" s="2">
        <v>0.77</v>
      </c>
      <c r="W12595" s="2">
        <v>1.2999999999999999E-2</v>
      </c>
      <c r="X12595" s="2">
        <v>99.1</v>
      </c>
      <c r="Y12595" s="2">
        <v>7.6</v>
      </c>
      <c r="Z12595" s="2">
        <v>16.7</v>
      </c>
      <c r="AA12595" s="5"/>
      <c r="AB12595" s="5" t="s">
        <v>43</v>
      </c>
      <c r="AC12595" s="5" t="s">
        <v>44</v>
      </c>
      <c r="AD12595" s="2"/>
      <c r="AE12595" s="1"/>
    </row>
    <row r="12596" spans="1:31" ht="14.45">
      <c r="A12596" s="11"/>
      <c r="B12596" s="20"/>
      <c r="C12596" s="2" t="s">
        <v>38716</v>
      </c>
      <c r="D12596" s="14" t="s">
        <v>38717</v>
      </c>
      <c r="E12596" s="2" t="s">
        <v>38718</v>
      </c>
      <c r="F12596" s="2" t="s">
        <v>36333</v>
      </c>
      <c r="G12596" s="8">
        <v>182</v>
      </c>
      <c r="H12596" s="5">
        <v>6</v>
      </c>
      <c r="I12596" s="5" t="s">
        <v>1518</v>
      </c>
      <c r="J12596" s="5" t="s">
        <v>36264</v>
      </c>
      <c r="K12596" s="2" t="s">
        <v>36265</v>
      </c>
      <c r="L12596" s="5" t="s">
        <v>36264</v>
      </c>
      <c r="M12596" s="2" t="s">
        <v>36265</v>
      </c>
      <c r="N12596" s="5" t="s">
        <v>36266</v>
      </c>
      <c r="O12596" s="5" t="s">
        <v>38</v>
      </c>
      <c r="P12596" s="5" t="s">
        <v>39</v>
      </c>
      <c r="Q12596" s="5" t="s">
        <v>40</v>
      </c>
      <c r="R12596" s="5" t="s">
        <v>1522</v>
      </c>
      <c r="S12596" s="5" t="s">
        <v>1523</v>
      </c>
      <c r="T12596" s="5" t="s">
        <v>42</v>
      </c>
      <c r="U12596" s="2">
        <v>1.2509999999999999</v>
      </c>
      <c r="V12596" s="2">
        <v>0.77</v>
      </c>
      <c r="W12596" s="2">
        <v>1.2999999999999999E-2</v>
      </c>
      <c r="X12596" s="2">
        <v>99.1</v>
      </c>
      <c r="Y12596" s="2">
        <v>7.6</v>
      </c>
      <c r="Z12596" s="2">
        <v>16.7</v>
      </c>
      <c r="AA12596" s="5"/>
      <c r="AB12596" s="5" t="s">
        <v>43</v>
      </c>
      <c r="AC12596" s="5" t="s">
        <v>44</v>
      </c>
      <c r="AD12596" s="2"/>
      <c r="AE12596" s="1"/>
    </row>
    <row r="12597" spans="1:31" ht="14.45">
      <c r="A12597" s="11"/>
      <c r="B12597" s="20"/>
      <c r="C12597" s="2" t="s">
        <v>38719</v>
      </c>
      <c r="D12597" s="14" t="s">
        <v>38720</v>
      </c>
      <c r="E12597" s="2" t="s">
        <v>38721</v>
      </c>
      <c r="F12597" s="2" t="s">
        <v>36349</v>
      </c>
      <c r="G12597" s="8">
        <v>182</v>
      </c>
      <c r="H12597" s="5">
        <v>6</v>
      </c>
      <c r="I12597" s="5" t="s">
        <v>1518</v>
      </c>
      <c r="J12597" s="5" t="s">
        <v>36264</v>
      </c>
      <c r="K12597" s="2" t="s">
        <v>36265</v>
      </c>
      <c r="L12597" s="5" t="s">
        <v>36264</v>
      </c>
      <c r="M12597" s="2" t="s">
        <v>36265</v>
      </c>
      <c r="N12597" s="5" t="s">
        <v>36266</v>
      </c>
      <c r="O12597" s="5" t="s">
        <v>38</v>
      </c>
      <c r="P12597" s="5" t="s">
        <v>39</v>
      </c>
      <c r="Q12597" s="5" t="s">
        <v>40</v>
      </c>
      <c r="R12597" s="5" t="s">
        <v>1522</v>
      </c>
      <c r="S12597" s="5" t="s">
        <v>1523</v>
      </c>
      <c r="T12597" s="5" t="s">
        <v>42</v>
      </c>
      <c r="U12597" s="2">
        <v>1.2509999999999999</v>
      </c>
      <c r="V12597" s="2">
        <v>0.77</v>
      </c>
      <c r="W12597" s="2">
        <v>1.2999999999999999E-2</v>
      </c>
      <c r="X12597" s="2">
        <v>99.1</v>
      </c>
      <c r="Y12597" s="2">
        <v>7.6</v>
      </c>
      <c r="Z12597" s="2">
        <v>16.7</v>
      </c>
      <c r="AA12597" s="5"/>
      <c r="AB12597" s="5" t="s">
        <v>43</v>
      </c>
      <c r="AC12597" s="5" t="s">
        <v>44</v>
      </c>
      <c r="AD12597" s="2"/>
      <c r="AE12597" s="1"/>
    </row>
    <row r="12598" spans="1:31" ht="14.45">
      <c r="A12598" s="11"/>
      <c r="B12598" s="20"/>
      <c r="C12598" s="2" t="s">
        <v>38722</v>
      </c>
      <c r="D12598" s="14" t="s">
        <v>38723</v>
      </c>
      <c r="E12598" s="2" t="s">
        <v>38724</v>
      </c>
      <c r="F12598" s="2" t="s">
        <v>36361</v>
      </c>
      <c r="G12598" s="8">
        <v>182</v>
      </c>
      <c r="H12598" s="5">
        <v>6</v>
      </c>
      <c r="I12598" s="5" t="s">
        <v>1518</v>
      </c>
      <c r="J12598" s="5" t="s">
        <v>36264</v>
      </c>
      <c r="K12598" s="2" t="s">
        <v>36265</v>
      </c>
      <c r="L12598" s="5" t="s">
        <v>36264</v>
      </c>
      <c r="M12598" s="2" t="s">
        <v>36265</v>
      </c>
      <c r="N12598" s="5" t="s">
        <v>36266</v>
      </c>
      <c r="O12598" s="5" t="s">
        <v>38</v>
      </c>
      <c r="P12598" s="5" t="s">
        <v>39</v>
      </c>
      <c r="Q12598" s="5" t="s">
        <v>40</v>
      </c>
      <c r="R12598" s="5" t="s">
        <v>1522</v>
      </c>
      <c r="S12598" s="5" t="s">
        <v>1523</v>
      </c>
      <c r="T12598" s="5" t="s">
        <v>42</v>
      </c>
      <c r="U12598" s="2">
        <v>1.22</v>
      </c>
      <c r="V12598" s="2">
        <v>0.73899999999999999</v>
      </c>
      <c r="W12598" s="2">
        <v>1.2999999999999999E-2</v>
      </c>
      <c r="X12598" s="2">
        <v>99.1</v>
      </c>
      <c r="Y12598" s="2">
        <v>7.6</v>
      </c>
      <c r="Z12598" s="2">
        <v>16.7</v>
      </c>
      <c r="AA12598" s="5"/>
      <c r="AB12598" s="5" t="s">
        <v>43</v>
      </c>
      <c r="AC12598" s="5" t="s">
        <v>44</v>
      </c>
      <c r="AD12598" s="2"/>
      <c r="AE12598" s="1"/>
    </row>
    <row r="12599" spans="1:31" ht="14.45">
      <c r="A12599" s="11"/>
      <c r="B12599" s="20"/>
      <c r="C12599" s="2" t="s">
        <v>38725</v>
      </c>
      <c r="D12599" s="14" t="s">
        <v>38726</v>
      </c>
      <c r="E12599" s="2" t="s">
        <v>38727</v>
      </c>
      <c r="F12599" s="2" t="s">
        <v>36373</v>
      </c>
      <c r="G12599" s="8">
        <v>182</v>
      </c>
      <c r="H12599" s="5">
        <v>6</v>
      </c>
      <c r="I12599" s="5" t="s">
        <v>1518</v>
      </c>
      <c r="J12599" s="5" t="s">
        <v>36264</v>
      </c>
      <c r="K12599" s="2" t="s">
        <v>36265</v>
      </c>
      <c r="L12599" s="5" t="s">
        <v>36264</v>
      </c>
      <c r="M12599" s="2" t="s">
        <v>36265</v>
      </c>
      <c r="N12599" s="5" t="s">
        <v>36266</v>
      </c>
      <c r="O12599" s="5" t="s">
        <v>38</v>
      </c>
      <c r="P12599" s="5" t="s">
        <v>39</v>
      </c>
      <c r="Q12599" s="5" t="s">
        <v>40</v>
      </c>
      <c r="R12599" s="5" t="s">
        <v>1522</v>
      </c>
      <c r="S12599" s="5" t="s">
        <v>1523</v>
      </c>
      <c r="T12599" s="5" t="s">
        <v>42</v>
      </c>
      <c r="U12599" s="2">
        <v>1.2509999999999999</v>
      </c>
      <c r="V12599" s="2">
        <v>0.77</v>
      </c>
      <c r="W12599" s="2">
        <v>1.2999999999999999E-2</v>
      </c>
      <c r="X12599" s="2">
        <v>99.1</v>
      </c>
      <c r="Y12599" s="2">
        <v>7.6</v>
      </c>
      <c r="Z12599" s="2">
        <v>16.7</v>
      </c>
      <c r="AA12599" s="5"/>
      <c r="AB12599" s="5" t="s">
        <v>43</v>
      </c>
      <c r="AC12599" s="5" t="s">
        <v>44</v>
      </c>
      <c r="AD12599" s="2"/>
      <c r="AE12599" s="1"/>
    </row>
    <row r="12600" spans="1:31" ht="14.45">
      <c r="A12600" s="11"/>
      <c r="B12600" s="20"/>
      <c r="C12600" s="2" t="s">
        <v>38728</v>
      </c>
      <c r="D12600" s="14" t="s">
        <v>38729</v>
      </c>
      <c r="E12600" s="2" t="s">
        <v>38730</v>
      </c>
      <c r="F12600" s="2" t="s">
        <v>36377</v>
      </c>
      <c r="G12600" s="8">
        <v>182</v>
      </c>
      <c r="H12600" s="5">
        <v>6</v>
      </c>
      <c r="I12600" s="5" t="s">
        <v>1518</v>
      </c>
      <c r="J12600" s="5" t="s">
        <v>36264</v>
      </c>
      <c r="K12600" s="2" t="s">
        <v>36265</v>
      </c>
      <c r="L12600" s="5" t="s">
        <v>36264</v>
      </c>
      <c r="M12600" s="2" t="s">
        <v>36265</v>
      </c>
      <c r="N12600" s="5" t="s">
        <v>36266</v>
      </c>
      <c r="O12600" s="5" t="s">
        <v>38</v>
      </c>
      <c r="P12600" s="5" t="s">
        <v>39</v>
      </c>
      <c r="Q12600" s="5" t="s">
        <v>40</v>
      </c>
      <c r="R12600" s="5" t="s">
        <v>1522</v>
      </c>
      <c r="S12600" s="5" t="s">
        <v>1523</v>
      </c>
      <c r="T12600" s="5" t="s">
        <v>42</v>
      </c>
      <c r="U12600" s="2">
        <v>1.22</v>
      </c>
      <c r="V12600" s="2">
        <v>0.73899999999999999</v>
      </c>
      <c r="W12600" s="2">
        <v>1.2999999999999999E-2</v>
      </c>
      <c r="X12600" s="2">
        <v>99.1</v>
      </c>
      <c r="Y12600" s="2">
        <v>7.6</v>
      </c>
      <c r="Z12600" s="2">
        <v>16.7</v>
      </c>
      <c r="AA12600" s="5"/>
      <c r="AB12600" s="5" t="s">
        <v>43</v>
      </c>
      <c r="AC12600" s="5" t="s">
        <v>44</v>
      </c>
      <c r="AD12600" s="2"/>
      <c r="AE12600" s="1"/>
    </row>
    <row r="12601" spans="1:31" ht="14.45">
      <c r="A12601" s="11"/>
      <c r="B12601" s="20"/>
      <c r="C12601" s="2" t="s">
        <v>38731</v>
      </c>
      <c r="D12601" s="14" t="s">
        <v>38732</v>
      </c>
      <c r="E12601" s="2" t="s">
        <v>38733</v>
      </c>
      <c r="F12601" s="2" t="s">
        <v>36381</v>
      </c>
      <c r="G12601" s="8">
        <v>182</v>
      </c>
      <c r="H12601" s="5">
        <v>6</v>
      </c>
      <c r="I12601" s="5" t="s">
        <v>1518</v>
      </c>
      <c r="J12601" s="5" t="s">
        <v>36264</v>
      </c>
      <c r="K12601" s="2" t="s">
        <v>36265</v>
      </c>
      <c r="L12601" s="5" t="s">
        <v>36264</v>
      </c>
      <c r="M12601" s="2" t="s">
        <v>36265</v>
      </c>
      <c r="N12601" s="5" t="s">
        <v>36266</v>
      </c>
      <c r="O12601" s="5" t="s">
        <v>38</v>
      </c>
      <c r="P12601" s="5" t="s">
        <v>39</v>
      </c>
      <c r="Q12601" s="5" t="s">
        <v>40</v>
      </c>
      <c r="R12601" s="5" t="s">
        <v>1522</v>
      </c>
      <c r="S12601" s="5" t="s">
        <v>1523</v>
      </c>
      <c r="T12601" s="5" t="s">
        <v>42</v>
      </c>
      <c r="U12601" s="2">
        <v>1.2509999999999999</v>
      </c>
      <c r="V12601" s="2">
        <v>0.77</v>
      </c>
      <c r="W12601" s="2">
        <v>1.2999999999999999E-2</v>
      </c>
      <c r="X12601" s="2">
        <v>99.1</v>
      </c>
      <c r="Y12601" s="2">
        <v>7.6</v>
      </c>
      <c r="Z12601" s="2">
        <v>16.7</v>
      </c>
      <c r="AA12601" s="5"/>
      <c r="AB12601" s="5" t="s">
        <v>43</v>
      </c>
      <c r="AC12601" s="5" t="s">
        <v>44</v>
      </c>
      <c r="AD12601" s="2"/>
      <c r="AE12601" s="1"/>
    </row>
    <row r="12602" spans="1:31" ht="14.45">
      <c r="A12602" s="11"/>
      <c r="B12602" s="20"/>
      <c r="C12602" s="2" t="s">
        <v>38734</v>
      </c>
      <c r="D12602" s="14" t="s">
        <v>38735</v>
      </c>
      <c r="E12602" s="2" t="s">
        <v>38736</v>
      </c>
      <c r="F12602" s="2" t="s">
        <v>36385</v>
      </c>
      <c r="G12602" s="8">
        <v>182</v>
      </c>
      <c r="H12602" s="5">
        <v>6</v>
      </c>
      <c r="I12602" s="5" t="s">
        <v>1518</v>
      </c>
      <c r="J12602" s="5" t="s">
        <v>36264</v>
      </c>
      <c r="K12602" s="2" t="s">
        <v>36265</v>
      </c>
      <c r="L12602" s="5" t="s">
        <v>36264</v>
      </c>
      <c r="M12602" s="2" t="s">
        <v>36265</v>
      </c>
      <c r="N12602" s="5" t="s">
        <v>36266</v>
      </c>
      <c r="O12602" s="5" t="s">
        <v>38</v>
      </c>
      <c r="P12602" s="5" t="s">
        <v>39</v>
      </c>
      <c r="Q12602" s="5" t="s">
        <v>40</v>
      </c>
      <c r="R12602" s="5" t="s">
        <v>1522</v>
      </c>
      <c r="S12602" s="5" t="s">
        <v>1523</v>
      </c>
      <c r="T12602" s="5" t="s">
        <v>42</v>
      </c>
      <c r="U12602" s="2">
        <v>1.22</v>
      </c>
      <c r="V12602" s="2">
        <v>0.73899999999999999</v>
      </c>
      <c r="W12602" s="2">
        <v>1.2999999999999999E-2</v>
      </c>
      <c r="X12602" s="2">
        <v>99.1</v>
      </c>
      <c r="Y12602" s="2">
        <v>7.6</v>
      </c>
      <c r="Z12602" s="2">
        <v>16.7</v>
      </c>
      <c r="AA12602" s="5"/>
      <c r="AB12602" s="5" t="s">
        <v>43</v>
      </c>
      <c r="AC12602" s="5" t="s">
        <v>44</v>
      </c>
      <c r="AD12602" s="2"/>
      <c r="AE12602" s="1"/>
    </row>
    <row r="12603" spans="1:31" ht="14.45">
      <c r="A12603" s="11"/>
      <c r="B12603" s="20"/>
      <c r="C12603" s="2" t="s">
        <v>38737</v>
      </c>
      <c r="D12603" s="14" t="s">
        <v>38738</v>
      </c>
      <c r="E12603" s="2" t="s">
        <v>38739</v>
      </c>
      <c r="F12603" s="2" t="s">
        <v>7204</v>
      </c>
      <c r="G12603" s="8">
        <v>159</v>
      </c>
      <c r="H12603" s="5">
        <v>6</v>
      </c>
      <c r="I12603" s="5" t="s">
        <v>1518</v>
      </c>
      <c r="J12603" s="5" t="s">
        <v>36264</v>
      </c>
      <c r="K12603" s="2" t="s">
        <v>36265</v>
      </c>
      <c r="L12603" s="5" t="s">
        <v>36264</v>
      </c>
      <c r="M12603" s="2" t="s">
        <v>36265</v>
      </c>
      <c r="N12603" s="5" t="s">
        <v>36266</v>
      </c>
      <c r="O12603" s="5" t="s">
        <v>38</v>
      </c>
      <c r="P12603" s="5" t="s">
        <v>39</v>
      </c>
      <c r="Q12603" s="5" t="s">
        <v>40</v>
      </c>
      <c r="R12603" s="5" t="s">
        <v>1522</v>
      </c>
      <c r="S12603" s="5" t="s">
        <v>1523</v>
      </c>
      <c r="T12603" s="5" t="s">
        <v>42</v>
      </c>
      <c r="U12603" s="2">
        <v>1.5389999999999999</v>
      </c>
      <c r="V12603" s="2">
        <v>1.0580000000000001</v>
      </c>
      <c r="W12603" s="2">
        <v>1.4999999999999999E-2</v>
      </c>
      <c r="X12603" s="2">
        <v>118.9</v>
      </c>
      <c r="Y12603" s="2">
        <v>7.6</v>
      </c>
      <c r="Z12603" s="2">
        <v>16.7</v>
      </c>
      <c r="AA12603" s="5"/>
      <c r="AB12603" s="5" t="s">
        <v>43</v>
      </c>
      <c r="AC12603" s="5" t="s">
        <v>44</v>
      </c>
      <c r="AD12603" s="2"/>
      <c r="AE12603" s="1"/>
    </row>
    <row r="12604" spans="1:31" ht="14.45">
      <c r="A12604" s="11"/>
      <c r="B12604" s="20"/>
      <c r="C12604" s="2" t="s">
        <v>38740</v>
      </c>
      <c r="D12604" s="14" t="s">
        <v>38741</v>
      </c>
      <c r="E12604" s="2" t="s">
        <v>38742</v>
      </c>
      <c r="F12604" s="2" t="s">
        <v>7514</v>
      </c>
      <c r="G12604" s="8">
        <v>159</v>
      </c>
      <c r="H12604" s="5">
        <v>6</v>
      </c>
      <c r="I12604" s="5" t="s">
        <v>1518</v>
      </c>
      <c r="J12604" s="5" t="s">
        <v>36264</v>
      </c>
      <c r="K12604" s="2" t="s">
        <v>36265</v>
      </c>
      <c r="L12604" s="5" t="s">
        <v>36264</v>
      </c>
      <c r="M12604" s="2" t="s">
        <v>36265</v>
      </c>
      <c r="N12604" s="5" t="s">
        <v>36266</v>
      </c>
      <c r="O12604" s="5" t="s">
        <v>38</v>
      </c>
      <c r="P12604" s="5" t="s">
        <v>39</v>
      </c>
      <c r="Q12604" s="5" t="s">
        <v>40</v>
      </c>
      <c r="R12604" s="5" t="s">
        <v>1522</v>
      </c>
      <c r="S12604" s="5" t="s">
        <v>1523</v>
      </c>
      <c r="T12604" s="5" t="s">
        <v>42</v>
      </c>
      <c r="U12604" s="2">
        <v>1.57</v>
      </c>
      <c r="V12604" s="2">
        <v>1.089</v>
      </c>
      <c r="W12604" s="2">
        <v>1.4999999999999999E-2</v>
      </c>
      <c r="X12604" s="2">
        <v>118.9</v>
      </c>
      <c r="Y12604" s="2">
        <v>7.6</v>
      </c>
      <c r="Z12604" s="2">
        <v>16.7</v>
      </c>
      <c r="AA12604" s="5"/>
      <c r="AB12604" s="5" t="s">
        <v>43</v>
      </c>
      <c r="AC12604" s="5" t="s">
        <v>44</v>
      </c>
      <c r="AD12604" s="2"/>
      <c r="AE12604" s="1"/>
    </row>
    <row r="12605" spans="1:31" ht="14.45">
      <c r="A12605" s="11"/>
      <c r="B12605" s="20"/>
      <c r="C12605" s="2" t="s">
        <v>38743</v>
      </c>
      <c r="D12605" s="14" t="s">
        <v>38744</v>
      </c>
      <c r="E12605" s="2" t="s">
        <v>38745</v>
      </c>
      <c r="F12605" s="2" t="s">
        <v>36273</v>
      </c>
      <c r="G12605" s="8">
        <v>159</v>
      </c>
      <c r="H12605" s="5">
        <v>6</v>
      </c>
      <c r="I12605" s="5" t="s">
        <v>1518</v>
      </c>
      <c r="J12605" s="5" t="s">
        <v>36264</v>
      </c>
      <c r="K12605" s="2" t="s">
        <v>36265</v>
      </c>
      <c r="L12605" s="5" t="s">
        <v>36264</v>
      </c>
      <c r="M12605" s="2" t="s">
        <v>36265</v>
      </c>
      <c r="N12605" s="5" t="s">
        <v>36266</v>
      </c>
      <c r="O12605" s="5" t="s">
        <v>38</v>
      </c>
      <c r="P12605" s="5" t="s">
        <v>39</v>
      </c>
      <c r="Q12605" s="5" t="s">
        <v>40</v>
      </c>
      <c r="R12605" s="5" t="s">
        <v>1522</v>
      </c>
      <c r="S12605" s="5" t="s">
        <v>1523</v>
      </c>
      <c r="T12605" s="5" t="s">
        <v>42</v>
      </c>
      <c r="U12605" s="2">
        <v>1.5389999999999999</v>
      </c>
      <c r="V12605" s="2">
        <v>1.0580000000000001</v>
      </c>
      <c r="W12605" s="2">
        <v>1.4999999999999999E-2</v>
      </c>
      <c r="X12605" s="2">
        <v>118.9</v>
      </c>
      <c r="Y12605" s="2">
        <v>7.6</v>
      </c>
      <c r="Z12605" s="2">
        <v>16.7</v>
      </c>
      <c r="AA12605" s="5"/>
      <c r="AB12605" s="5" t="s">
        <v>43</v>
      </c>
      <c r="AC12605" s="5" t="s">
        <v>44</v>
      </c>
      <c r="AD12605" s="2"/>
      <c r="AE12605" s="1"/>
    </row>
    <row r="12606" spans="1:31" ht="14.45">
      <c r="A12606" s="11"/>
      <c r="B12606" s="20"/>
      <c r="C12606" s="2" t="s">
        <v>38746</v>
      </c>
      <c r="D12606" s="14" t="s">
        <v>38747</v>
      </c>
      <c r="E12606" s="2" t="s">
        <v>38748</v>
      </c>
      <c r="F12606" s="2" t="s">
        <v>36277</v>
      </c>
      <c r="G12606" s="8">
        <v>159</v>
      </c>
      <c r="H12606" s="5">
        <v>6</v>
      </c>
      <c r="I12606" s="5" t="s">
        <v>1518</v>
      </c>
      <c r="J12606" s="5" t="s">
        <v>36264</v>
      </c>
      <c r="K12606" s="2" t="s">
        <v>36265</v>
      </c>
      <c r="L12606" s="5" t="s">
        <v>36264</v>
      </c>
      <c r="M12606" s="2" t="s">
        <v>36265</v>
      </c>
      <c r="N12606" s="5" t="s">
        <v>36266</v>
      </c>
      <c r="O12606" s="5" t="s">
        <v>38</v>
      </c>
      <c r="P12606" s="5" t="s">
        <v>39</v>
      </c>
      <c r="Q12606" s="5" t="s">
        <v>40</v>
      </c>
      <c r="R12606" s="5" t="s">
        <v>1522</v>
      </c>
      <c r="S12606" s="5" t="s">
        <v>1523</v>
      </c>
      <c r="T12606" s="5" t="s">
        <v>42</v>
      </c>
      <c r="U12606" s="2">
        <v>1.57</v>
      </c>
      <c r="V12606" s="2">
        <v>1.089</v>
      </c>
      <c r="W12606" s="2">
        <v>1.4999999999999999E-2</v>
      </c>
      <c r="X12606" s="2">
        <v>118.9</v>
      </c>
      <c r="Y12606" s="2">
        <v>7.6</v>
      </c>
      <c r="Z12606" s="2">
        <v>16.7</v>
      </c>
      <c r="AA12606" s="5"/>
      <c r="AB12606" s="5" t="s">
        <v>43</v>
      </c>
      <c r="AC12606" s="5" t="s">
        <v>44</v>
      </c>
      <c r="AD12606" s="2"/>
      <c r="AE12606" s="1"/>
    </row>
    <row r="12607" spans="1:31" ht="14.45">
      <c r="A12607" s="11"/>
      <c r="B12607" s="20"/>
      <c r="C12607" s="2" t="s">
        <v>38749</v>
      </c>
      <c r="D12607" s="14" t="s">
        <v>38750</v>
      </c>
      <c r="E12607" s="2" t="s">
        <v>38751</v>
      </c>
      <c r="F12607" s="2" t="s">
        <v>36281</v>
      </c>
      <c r="G12607" s="8">
        <v>182</v>
      </c>
      <c r="H12607" s="5">
        <v>6</v>
      </c>
      <c r="I12607" s="5" t="s">
        <v>1518</v>
      </c>
      <c r="J12607" s="5" t="s">
        <v>36264</v>
      </c>
      <c r="K12607" s="2" t="s">
        <v>36265</v>
      </c>
      <c r="L12607" s="5" t="s">
        <v>36264</v>
      </c>
      <c r="M12607" s="2" t="s">
        <v>36265</v>
      </c>
      <c r="N12607" s="5" t="s">
        <v>36266</v>
      </c>
      <c r="O12607" s="5" t="s">
        <v>38</v>
      </c>
      <c r="P12607" s="5" t="s">
        <v>39</v>
      </c>
      <c r="Q12607" s="5" t="s">
        <v>40</v>
      </c>
      <c r="R12607" s="5" t="s">
        <v>1522</v>
      </c>
      <c r="S12607" s="5" t="s">
        <v>1523</v>
      </c>
      <c r="T12607" s="5" t="s">
        <v>42</v>
      </c>
      <c r="U12607" s="2">
        <v>1.5389999999999999</v>
      </c>
      <c r="V12607" s="2">
        <v>1.0580000000000001</v>
      </c>
      <c r="W12607" s="2">
        <v>1.4999999999999999E-2</v>
      </c>
      <c r="X12607" s="2">
        <v>118.9</v>
      </c>
      <c r="Y12607" s="2">
        <v>7.6</v>
      </c>
      <c r="Z12607" s="2">
        <v>16.7</v>
      </c>
      <c r="AA12607" s="5"/>
      <c r="AB12607" s="5" t="s">
        <v>43</v>
      </c>
      <c r="AC12607" s="5" t="s">
        <v>44</v>
      </c>
      <c r="AD12607" s="2"/>
      <c r="AE12607" s="1"/>
    </row>
    <row r="12608" spans="1:31" ht="14.45">
      <c r="A12608" s="11"/>
      <c r="B12608" s="20"/>
      <c r="C12608" s="2" t="s">
        <v>38752</v>
      </c>
      <c r="D12608" s="14" t="s">
        <v>38753</v>
      </c>
      <c r="E12608" s="2" t="s">
        <v>38754</v>
      </c>
      <c r="F12608" s="2" t="s">
        <v>36285</v>
      </c>
      <c r="G12608" s="8">
        <v>182</v>
      </c>
      <c r="H12608" s="5">
        <v>6</v>
      </c>
      <c r="I12608" s="5" t="s">
        <v>1518</v>
      </c>
      <c r="J12608" s="5" t="s">
        <v>36264</v>
      </c>
      <c r="K12608" s="2" t="s">
        <v>36265</v>
      </c>
      <c r="L12608" s="5" t="s">
        <v>36264</v>
      </c>
      <c r="M12608" s="2" t="s">
        <v>36265</v>
      </c>
      <c r="N12608" s="5" t="s">
        <v>36266</v>
      </c>
      <c r="O12608" s="5" t="s">
        <v>38</v>
      </c>
      <c r="P12608" s="5" t="s">
        <v>39</v>
      </c>
      <c r="Q12608" s="5" t="s">
        <v>40</v>
      </c>
      <c r="R12608" s="5" t="s">
        <v>1522</v>
      </c>
      <c r="S12608" s="5" t="s">
        <v>1523</v>
      </c>
      <c r="T12608" s="5" t="s">
        <v>42</v>
      </c>
      <c r="U12608" s="2">
        <v>1.57</v>
      </c>
      <c r="V12608" s="2">
        <v>1.089</v>
      </c>
      <c r="W12608" s="2">
        <v>1.4999999999999999E-2</v>
      </c>
      <c r="X12608" s="2">
        <v>118.9</v>
      </c>
      <c r="Y12608" s="2">
        <v>7.6</v>
      </c>
      <c r="Z12608" s="2">
        <v>16.7</v>
      </c>
      <c r="AA12608" s="5"/>
      <c r="AB12608" s="5" t="s">
        <v>43</v>
      </c>
      <c r="AC12608" s="5" t="s">
        <v>44</v>
      </c>
      <c r="AD12608" s="2"/>
      <c r="AE12608" s="1"/>
    </row>
    <row r="12609" spans="1:31" ht="14.45">
      <c r="A12609" s="11"/>
      <c r="B12609" s="20"/>
      <c r="C12609" s="2" t="s">
        <v>38755</v>
      </c>
      <c r="D12609" s="14" t="s">
        <v>38756</v>
      </c>
      <c r="E12609" s="2" t="s">
        <v>38757</v>
      </c>
      <c r="F12609" s="2" t="s">
        <v>36289</v>
      </c>
      <c r="G12609" s="8">
        <v>182</v>
      </c>
      <c r="H12609" s="5">
        <v>6</v>
      </c>
      <c r="I12609" s="5" t="s">
        <v>1518</v>
      </c>
      <c r="J12609" s="5" t="s">
        <v>36264</v>
      </c>
      <c r="K12609" s="2" t="s">
        <v>36265</v>
      </c>
      <c r="L12609" s="5" t="s">
        <v>36264</v>
      </c>
      <c r="M12609" s="2" t="s">
        <v>36265</v>
      </c>
      <c r="N12609" s="5" t="s">
        <v>36266</v>
      </c>
      <c r="O12609" s="5" t="s">
        <v>38</v>
      </c>
      <c r="P12609" s="5" t="s">
        <v>39</v>
      </c>
      <c r="Q12609" s="5" t="s">
        <v>40</v>
      </c>
      <c r="R12609" s="5" t="s">
        <v>1522</v>
      </c>
      <c r="S12609" s="5" t="s">
        <v>1523</v>
      </c>
      <c r="T12609" s="5" t="s">
        <v>42</v>
      </c>
      <c r="U12609" s="2">
        <v>1.5389999999999999</v>
      </c>
      <c r="V12609" s="2">
        <v>1.0580000000000001</v>
      </c>
      <c r="W12609" s="2">
        <v>1.4999999999999999E-2</v>
      </c>
      <c r="X12609" s="2">
        <v>118.9</v>
      </c>
      <c r="Y12609" s="2">
        <v>7.6</v>
      </c>
      <c r="Z12609" s="2">
        <v>16.7</v>
      </c>
      <c r="AA12609" s="5"/>
      <c r="AB12609" s="5" t="s">
        <v>43</v>
      </c>
      <c r="AC12609" s="5" t="s">
        <v>44</v>
      </c>
      <c r="AD12609" s="2"/>
      <c r="AE12609" s="1"/>
    </row>
    <row r="12610" spans="1:31" ht="14.45">
      <c r="A12610" s="11"/>
      <c r="B12610" s="20"/>
      <c r="C12610" s="2" t="s">
        <v>38758</v>
      </c>
      <c r="D12610" s="14" t="s">
        <v>38759</v>
      </c>
      <c r="E12610" s="2" t="s">
        <v>38760</v>
      </c>
      <c r="F12610" s="2" t="s">
        <v>36293</v>
      </c>
      <c r="G12610" s="8">
        <v>182</v>
      </c>
      <c r="H12610" s="5">
        <v>6</v>
      </c>
      <c r="I12610" s="5" t="s">
        <v>1518</v>
      </c>
      <c r="J12610" s="5" t="s">
        <v>36264</v>
      </c>
      <c r="K12610" s="2" t="s">
        <v>36265</v>
      </c>
      <c r="L12610" s="5" t="s">
        <v>36264</v>
      </c>
      <c r="M12610" s="2" t="s">
        <v>36265</v>
      </c>
      <c r="N12610" s="5" t="s">
        <v>36266</v>
      </c>
      <c r="O12610" s="5" t="s">
        <v>38</v>
      </c>
      <c r="P12610" s="5" t="s">
        <v>39</v>
      </c>
      <c r="Q12610" s="5" t="s">
        <v>40</v>
      </c>
      <c r="R12610" s="5" t="s">
        <v>1522</v>
      </c>
      <c r="S12610" s="5" t="s">
        <v>1523</v>
      </c>
      <c r="T12610" s="5" t="s">
        <v>42</v>
      </c>
      <c r="U12610" s="2">
        <v>1.57</v>
      </c>
      <c r="V12610" s="2">
        <v>1.089</v>
      </c>
      <c r="W12610" s="2">
        <v>1.4999999999999999E-2</v>
      </c>
      <c r="X12610" s="2">
        <v>118.9</v>
      </c>
      <c r="Y12610" s="2">
        <v>7.6</v>
      </c>
      <c r="Z12610" s="2">
        <v>16.7</v>
      </c>
      <c r="AA12610" s="5"/>
      <c r="AB12610" s="5" t="s">
        <v>43</v>
      </c>
      <c r="AC12610" s="5" t="s">
        <v>44</v>
      </c>
      <c r="AD12610" s="2"/>
      <c r="AE12610" s="1"/>
    </row>
    <row r="12611" spans="1:31" ht="14.45">
      <c r="A12611" s="11"/>
      <c r="B12611" s="20"/>
      <c r="C12611" s="2" t="s">
        <v>38761</v>
      </c>
      <c r="D12611" s="14" t="s">
        <v>38762</v>
      </c>
      <c r="E12611" s="2" t="s">
        <v>38763</v>
      </c>
      <c r="F12611" s="2" t="s">
        <v>36588</v>
      </c>
      <c r="G12611" s="8">
        <v>159</v>
      </c>
      <c r="H12611" s="5">
        <v>6</v>
      </c>
      <c r="I12611" s="5" t="s">
        <v>1518</v>
      </c>
      <c r="J12611" s="5" t="s">
        <v>36264</v>
      </c>
      <c r="K12611" s="2" t="s">
        <v>36265</v>
      </c>
      <c r="L12611" s="5" t="s">
        <v>36264</v>
      </c>
      <c r="M12611" s="2" t="s">
        <v>36265</v>
      </c>
      <c r="N12611" s="5" t="s">
        <v>36266</v>
      </c>
      <c r="O12611" s="5" t="s">
        <v>38</v>
      </c>
      <c r="P12611" s="5" t="s">
        <v>39</v>
      </c>
      <c r="Q12611" s="5" t="s">
        <v>40</v>
      </c>
      <c r="R12611" s="5" t="s">
        <v>1522</v>
      </c>
      <c r="S12611" s="5" t="s">
        <v>1523</v>
      </c>
      <c r="T12611" s="5" t="s">
        <v>42</v>
      </c>
      <c r="U12611" s="2">
        <v>1.5389999999999999</v>
      </c>
      <c r="V12611" s="2">
        <v>1.0580000000000001</v>
      </c>
      <c r="W12611" s="2">
        <v>1.4999999999999999E-2</v>
      </c>
      <c r="X12611" s="2">
        <v>118.9</v>
      </c>
      <c r="Y12611" s="2">
        <v>7.6</v>
      </c>
      <c r="Z12611" s="2">
        <v>16.7</v>
      </c>
      <c r="AA12611" s="5"/>
      <c r="AB12611" s="5" t="s">
        <v>43</v>
      </c>
      <c r="AC12611" s="5" t="s">
        <v>44</v>
      </c>
      <c r="AD12611" s="2"/>
      <c r="AE12611" s="1"/>
    </row>
    <row r="12612" spans="1:31" ht="14.45">
      <c r="A12612" s="11"/>
      <c r="B12612" s="20"/>
      <c r="C12612" s="2" t="s">
        <v>38764</v>
      </c>
      <c r="D12612" s="14" t="s">
        <v>38765</v>
      </c>
      <c r="E12612" s="2" t="s">
        <v>38766</v>
      </c>
      <c r="F12612" s="2" t="s">
        <v>36592</v>
      </c>
      <c r="G12612" s="8">
        <v>159</v>
      </c>
      <c r="H12612" s="5">
        <v>6</v>
      </c>
      <c r="I12612" s="5" t="s">
        <v>1518</v>
      </c>
      <c r="J12612" s="5" t="s">
        <v>36264</v>
      </c>
      <c r="K12612" s="2" t="s">
        <v>36265</v>
      </c>
      <c r="L12612" s="5" t="s">
        <v>36264</v>
      </c>
      <c r="M12612" s="2" t="s">
        <v>36265</v>
      </c>
      <c r="N12612" s="5" t="s">
        <v>36266</v>
      </c>
      <c r="O12612" s="5" t="s">
        <v>38</v>
      </c>
      <c r="P12612" s="5" t="s">
        <v>39</v>
      </c>
      <c r="Q12612" s="5" t="s">
        <v>40</v>
      </c>
      <c r="R12612" s="5" t="s">
        <v>1522</v>
      </c>
      <c r="S12612" s="5" t="s">
        <v>1523</v>
      </c>
      <c r="T12612" s="5" t="s">
        <v>42</v>
      </c>
      <c r="U12612" s="2">
        <v>1.57</v>
      </c>
      <c r="V12612" s="2">
        <v>1.089</v>
      </c>
      <c r="W12612" s="2">
        <v>1.4999999999999999E-2</v>
      </c>
      <c r="X12612" s="2">
        <v>118.9</v>
      </c>
      <c r="Y12612" s="2">
        <v>7.6</v>
      </c>
      <c r="Z12612" s="2">
        <v>16.7</v>
      </c>
      <c r="AA12612" s="5"/>
      <c r="AB12612" s="5" t="s">
        <v>43</v>
      </c>
      <c r="AC12612" s="5" t="s">
        <v>44</v>
      </c>
      <c r="AD12612" s="2"/>
      <c r="AE12612" s="1"/>
    </row>
    <row r="12613" spans="1:31" ht="14.45">
      <c r="A12613" s="11"/>
      <c r="B12613" s="20"/>
      <c r="C12613" s="2" t="s">
        <v>38767</v>
      </c>
      <c r="D12613" s="14" t="s">
        <v>38768</v>
      </c>
      <c r="E12613" s="2" t="s">
        <v>38769</v>
      </c>
      <c r="F12613" s="2" t="s">
        <v>36305</v>
      </c>
      <c r="G12613" s="8">
        <v>159</v>
      </c>
      <c r="H12613" s="5">
        <v>6</v>
      </c>
      <c r="I12613" s="5" t="s">
        <v>1518</v>
      </c>
      <c r="J12613" s="5" t="s">
        <v>36264</v>
      </c>
      <c r="K12613" s="2" t="s">
        <v>36265</v>
      </c>
      <c r="L12613" s="5" t="s">
        <v>36264</v>
      </c>
      <c r="M12613" s="2" t="s">
        <v>36265</v>
      </c>
      <c r="N12613" s="5" t="s">
        <v>36266</v>
      </c>
      <c r="O12613" s="5" t="s">
        <v>38</v>
      </c>
      <c r="P12613" s="5" t="s">
        <v>39</v>
      </c>
      <c r="Q12613" s="5" t="s">
        <v>40</v>
      </c>
      <c r="R12613" s="5" t="s">
        <v>1522</v>
      </c>
      <c r="S12613" s="5" t="s">
        <v>1523</v>
      </c>
      <c r="T12613" s="5" t="s">
        <v>42</v>
      </c>
      <c r="U12613" s="2">
        <v>1.5389999999999999</v>
      </c>
      <c r="V12613" s="2">
        <v>1.0580000000000001</v>
      </c>
      <c r="W12613" s="2">
        <v>1.4999999999999999E-2</v>
      </c>
      <c r="X12613" s="2">
        <v>118.9</v>
      </c>
      <c r="Y12613" s="2">
        <v>7.6</v>
      </c>
      <c r="Z12613" s="2">
        <v>16.7</v>
      </c>
      <c r="AA12613" s="5"/>
      <c r="AB12613" s="5" t="s">
        <v>43</v>
      </c>
      <c r="AC12613" s="5" t="s">
        <v>44</v>
      </c>
      <c r="AD12613" s="2"/>
      <c r="AE12613" s="1"/>
    </row>
    <row r="12614" spans="1:31" ht="14.45">
      <c r="A12614" s="11"/>
      <c r="B12614" s="20"/>
      <c r="C12614" s="2" t="s">
        <v>38770</v>
      </c>
      <c r="D12614" s="14" t="s">
        <v>38771</v>
      </c>
      <c r="E12614" s="2" t="s">
        <v>38772</v>
      </c>
      <c r="F12614" s="2" t="s">
        <v>36309</v>
      </c>
      <c r="G12614" s="8">
        <v>159</v>
      </c>
      <c r="H12614" s="5">
        <v>6</v>
      </c>
      <c r="I12614" s="5" t="s">
        <v>1518</v>
      </c>
      <c r="J12614" s="5" t="s">
        <v>36264</v>
      </c>
      <c r="K12614" s="2" t="s">
        <v>36265</v>
      </c>
      <c r="L12614" s="5" t="s">
        <v>36264</v>
      </c>
      <c r="M12614" s="2" t="s">
        <v>36265</v>
      </c>
      <c r="N12614" s="5" t="s">
        <v>36266</v>
      </c>
      <c r="O12614" s="5" t="s">
        <v>38</v>
      </c>
      <c r="P12614" s="5" t="s">
        <v>39</v>
      </c>
      <c r="Q12614" s="5" t="s">
        <v>40</v>
      </c>
      <c r="R12614" s="5" t="s">
        <v>1522</v>
      </c>
      <c r="S12614" s="5" t="s">
        <v>1523</v>
      </c>
      <c r="T12614" s="5" t="s">
        <v>42</v>
      </c>
      <c r="U12614" s="2">
        <v>1.57</v>
      </c>
      <c r="V12614" s="2">
        <v>1.089</v>
      </c>
      <c r="W12614" s="2">
        <v>1.4999999999999999E-2</v>
      </c>
      <c r="X12614" s="2">
        <v>118.9</v>
      </c>
      <c r="Y12614" s="2">
        <v>7.6</v>
      </c>
      <c r="Z12614" s="2">
        <v>16.7</v>
      </c>
      <c r="AA12614" s="5"/>
      <c r="AB12614" s="5" t="s">
        <v>43</v>
      </c>
      <c r="AC12614" s="5" t="s">
        <v>44</v>
      </c>
      <c r="AD12614" s="2"/>
      <c r="AE12614" s="1"/>
    </row>
    <row r="12615" spans="1:31" ht="14.45">
      <c r="A12615" s="11"/>
      <c r="B12615" s="20"/>
      <c r="C12615" s="2" t="s">
        <v>38773</v>
      </c>
      <c r="D12615" s="14" t="s">
        <v>38774</v>
      </c>
      <c r="E12615" s="2" t="s">
        <v>38775</v>
      </c>
      <c r="F12615" s="2" t="s">
        <v>36313</v>
      </c>
      <c r="G12615" s="8">
        <v>182</v>
      </c>
      <c r="H12615" s="5">
        <v>6</v>
      </c>
      <c r="I12615" s="5" t="s">
        <v>1518</v>
      </c>
      <c r="J12615" s="5" t="s">
        <v>36264</v>
      </c>
      <c r="K12615" s="2" t="s">
        <v>36265</v>
      </c>
      <c r="L12615" s="5" t="s">
        <v>36264</v>
      </c>
      <c r="M12615" s="2" t="s">
        <v>36265</v>
      </c>
      <c r="N12615" s="5" t="s">
        <v>36266</v>
      </c>
      <c r="O12615" s="5" t="s">
        <v>38</v>
      </c>
      <c r="P12615" s="5" t="s">
        <v>39</v>
      </c>
      <c r="Q12615" s="5" t="s">
        <v>40</v>
      </c>
      <c r="R12615" s="5" t="s">
        <v>1522</v>
      </c>
      <c r="S12615" s="5" t="s">
        <v>1523</v>
      </c>
      <c r="T12615" s="5" t="s">
        <v>42</v>
      </c>
      <c r="U12615" s="2">
        <v>1.5389999999999999</v>
      </c>
      <c r="V12615" s="2">
        <v>1.0580000000000001</v>
      </c>
      <c r="W12615" s="2">
        <v>1.4999999999999999E-2</v>
      </c>
      <c r="X12615" s="2">
        <v>118.9</v>
      </c>
      <c r="Y12615" s="2">
        <v>7.6</v>
      </c>
      <c r="Z12615" s="2">
        <v>16.7</v>
      </c>
      <c r="AA12615" s="5"/>
      <c r="AB12615" s="5" t="s">
        <v>43</v>
      </c>
      <c r="AC12615" s="5" t="s">
        <v>44</v>
      </c>
      <c r="AD12615" s="2"/>
      <c r="AE12615" s="1"/>
    </row>
    <row r="12616" spans="1:31" ht="14.45">
      <c r="A12616" s="11"/>
      <c r="B12616" s="20"/>
      <c r="C12616" s="2" t="s">
        <v>38776</v>
      </c>
      <c r="D12616" s="14" t="s">
        <v>38777</v>
      </c>
      <c r="E12616" s="2" t="s">
        <v>38778</v>
      </c>
      <c r="F12616" s="2" t="s">
        <v>36317</v>
      </c>
      <c r="G12616" s="8">
        <v>182</v>
      </c>
      <c r="H12616" s="5">
        <v>6</v>
      </c>
      <c r="I12616" s="5" t="s">
        <v>1518</v>
      </c>
      <c r="J12616" s="5" t="s">
        <v>36264</v>
      </c>
      <c r="K12616" s="2" t="s">
        <v>36265</v>
      </c>
      <c r="L12616" s="5" t="s">
        <v>36264</v>
      </c>
      <c r="M12616" s="2" t="s">
        <v>36265</v>
      </c>
      <c r="N12616" s="5" t="s">
        <v>36266</v>
      </c>
      <c r="O12616" s="5" t="s">
        <v>38</v>
      </c>
      <c r="P12616" s="5" t="s">
        <v>39</v>
      </c>
      <c r="Q12616" s="5" t="s">
        <v>40</v>
      </c>
      <c r="R12616" s="5" t="s">
        <v>1522</v>
      </c>
      <c r="S12616" s="5" t="s">
        <v>1523</v>
      </c>
      <c r="T12616" s="5" t="s">
        <v>42</v>
      </c>
      <c r="U12616" s="2">
        <v>1.57</v>
      </c>
      <c r="V12616" s="2">
        <v>1.089</v>
      </c>
      <c r="W12616" s="2">
        <v>1.4999999999999999E-2</v>
      </c>
      <c r="X12616" s="2">
        <v>118.9</v>
      </c>
      <c r="Y12616" s="2">
        <v>7.6</v>
      </c>
      <c r="Z12616" s="2">
        <v>16.7</v>
      </c>
      <c r="AA12616" s="5"/>
      <c r="AB12616" s="5" t="s">
        <v>43</v>
      </c>
      <c r="AC12616" s="5" t="s">
        <v>44</v>
      </c>
      <c r="AD12616" s="2"/>
      <c r="AE12616" s="1"/>
    </row>
    <row r="12617" spans="1:31" ht="14.45">
      <c r="A12617" s="11"/>
      <c r="B12617" s="20"/>
      <c r="C12617" s="2" t="s">
        <v>38779</v>
      </c>
      <c r="D12617" s="14" t="s">
        <v>38780</v>
      </c>
      <c r="E12617" s="2" t="s">
        <v>38781</v>
      </c>
      <c r="F12617" s="2" t="s">
        <v>36321</v>
      </c>
      <c r="G12617" s="8">
        <v>182</v>
      </c>
      <c r="H12617" s="5">
        <v>6</v>
      </c>
      <c r="I12617" s="5" t="s">
        <v>1518</v>
      </c>
      <c r="J12617" s="5" t="s">
        <v>36264</v>
      </c>
      <c r="K12617" s="2" t="s">
        <v>36265</v>
      </c>
      <c r="L12617" s="5" t="s">
        <v>36264</v>
      </c>
      <c r="M12617" s="2" t="s">
        <v>36265</v>
      </c>
      <c r="N12617" s="5" t="s">
        <v>36266</v>
      </c>
      <c r="O12617" s="5" t="s">
        <v>38</v>
      </c>
      <c r="P12617" s="5" t="s">
        <v>39</v>
      </c>
      <c r="Q12617" s="5" t="s">
        <v>40</v>
      </c>
      <c r="R12617" s="5" t="s">
        <v>1522</v>
      </c>
      <c r="S12617" s="5" t="s">
        <v>1523</v>
      </c>
      <c r="T12617" s="5" t="s">
        <v>42</v>
      </c>
      <c r="U12617" s="2">
        <v>1.5389999999999999</v>
      </c>
      <c r="V12617" s="2">
        <v>1.0580000000000001</v>
      </c>
      <c r="W12617" s="2">
        <v>1.4999999999999999E-2</v>
      </c>
      <c r="X12617" s="2">
        <v>118.9</v>
      </c>
      <c r="Y12617" s="2">
        <v>7.6</v>
      </c>
      <c r="Z12617" s="2">
        <v>16.7</v>
      </c>
      <c r="AA12617" s="5"/>
      <c r="AB12617" s="5" t="s">
        <v>43</v>
      </c>
      <c r="AC12617" s="5" t="s">
        <v>44</v>
      </c>
      <c r="AD12617" s="2"/>
      <c r="AE12617" s="1"/>
    </row>
    <row r="12618" spans="1:31" ht="14.45">
      <c r="A12618" s="11"/>
      <c r="B12618" s="20"/>
      <c r="C12618" s="2" t="s">
        <v>38782</v>
      </c>
      <c r="D12618" s="14" t="s">
        <v>38783</v>
      </c>
      <c r="E12618" s="2" t="s">
        <v>38784</v>
      </c>
      <c r="F12618" s="2" t="s">
        <v>36325</v>
      </c>
      <c r="G12618" s="8">
        <v>182</v>
      </c>
      <c r="H12618" s="5">
        <v>6</v>
      </c>
      <c r="I12618" s="5" t="s">
        <v>1518</v>
      </c>
      <c r="J12618" s="5" t="s">
        <v>36264</v>
      </c>
      <c r="K12618" s="2" t="s">
        <v>36265</v>
      </c>
      <c r="L12618" s="5" t="s">
        <v>36264</v>
      </c>
      <c r="M12618" s="2" t="s">
        <v>36265</v>
      </c>
      <c r="N12618" s="5" t="s">
        <v>36266</v>
      </c>
      <c r="O12618" s="5" t="s">
        <v>38</v>
      </c>
      <c r="P12618" s="5" t="s">
        <v>39</v>
      </c>
      <c r="Q12618" s="5" t="s">
        <v>40</v>
      </c>
      <c r="R12618" s="5" t="s">
        <v>1522</v>
      </c>
      <c r="S12618" s="5" t="s">
        <v>1523</v>
      </c>
      <c r="T12618" s="5" t="s">
        <v>42</v>
      </c>
      <c r="U12618" s="2">
        <v>1.57</v>
      </c>
      <c r="V12618" s="2">
        <v>1.089</v>
      </c>
      <c r="W12618" s="2">
        <v>1.4999999999999999E-2</v>
      </c>
      <c r="X12618" s="2">
        <v>118.9</v>
      </c>
      <c r="Y12618" s="2">
        <v>7.6</v>
      </c>
      <c r="Z12618" s="2">
        <v>16.7</v>
      </c>
      <c r="AA12618" s="5"/>
      <c r="AB12618" s="5" t="s">
        <v>43</v>
      </c>
      <c r="AC12618" s="5" t="s">
        <v>44</v>
      </c>
      <c r="AD12618" s="2"/>
      <c r="AE12618" s="1"/>
    </row>
    <row r="12619" spans="1:31" ht="14.45">
      <c r="A12619" s="11"/>
      <c r="B12619" s="20"/>
      <c r="C12619" s="2" t="s">
        <v>38785</v>
      </c>
      <c r="D12619" s="14" t="s">
        <v>38786</v>
      </c>
      <c r="E12619" s="2" t="s">
        <v>38787</v>
      </c>
      <c r="F12619" s="2" t="s">
        <v>36329</v>
      </c>
      <c r="G12619" s="8">
        <v>182</v>
      </c>
      <c r="H12619" s="5">
        <v>6</v>
      </c>
      <c r="I12619" s="5" t="s">
        <v>1518</v>
      </c>
      <c r="J12619" s="5" t="s">
        <v>36264</v>
      </c>
      <c r="K12619" s="2" t="s">
        <v>36265</v>
      </c>
      <c r="L12619" s="5" t="s">
        <v>36264</v>
      </c>
      <c r="M12619" s="2" t="s">
        <v>36265</v>
      </c>
      <c r="N12619" s="5" t="s">
        <v>36266</v>
      </c>
      <c r="O12619" s="5" t="s">
        <v>38</v>
      </c>
      <c r="P12619" s="5" t="s">
        <v>39</v>
      </c>
      <c r="Q12619" s="5" t="s">
        <v>40</v>
      </c>
      <c r="R12619" s="5" t="s">
        <v>1522</v>
      </c>
      <c r="S12619" s="5" t="s">
        <v>1523</v>
      </c>
      <c r="T12619" s="5" t="s">
        <v>42</v>
      </c>
      <c r="U12619" s="2">
        <v>1.5389999999999999</v>
      </c>
      <c r="V12619" s="2">
        <v>1.0580000000000001</v>
      </c>
      <c r="W12619" s="2">
        <v>1.4999999999999999E-2</v>
      </c>
      <c r="X12619" s="2">
        <v>118.9</v>
      </c>
      <c r="Y12619" s="2">
        <v>7.6</v>
      </c>
      <c r="Z12619" s="2">
        <v>16.7</v>
      </c>
      <c r="AA12619" s="5"/>
      <c r="AB12619" s="5" t="s">
        <v>43</v>
      </c>
      <c r="AC12619" s="5" t="s">
        <v>44</v>
      </c>
      <c r="AD12619" s="2"/>
      <c r="AE12619" s="1"/>
    </row>
    <row r="12620" spans="1:31" ht="14.45">
      <c r="A12620" s="11"/>
      <c r="B12620" s="20"/>
      <c r="C12620" s="2" t="s">
        <v>38788</v>
      </c>
      <c r="D12620" s="14" t="s">
        <v>38789</v>
      </c>
      <c r="E12620" s="2" t="s">
        <v>38790</v>
      </c>
      <c r="F12620" s="2" t="s">
        <v>36333</v>
      </c>
      <c r="G12620" s="8">
        <v>182</v>
      </c>
      <c r="H12620" s="5">
        <v>6</v>
      </c>
      <c r="I12620" s="5" t="s">
        <v>1518</v>
      </c>
      <c r="J12620" s="5" t="s">
        <v>36264</v>
      </c>
      <c r="K12620" s="2" t="s">
        <v>36265</v>
      </c>
      <c r="L12620" s="5" t="s">
        <v>36264</v>
      </c>
      <c r="M12620" s="2" t="s">
        <v>36265</v>
      </c>
      <c r="N12620" s="5" t="s">
        <v>36266</v>
      </c>
      <c r="O12620" s="5" t="s">
        <v>38</v>
      </c>
      <c r="P12620" s="5" t="s">
        <v>39</v>
      </c>
      <c r="Q12620" s="5" t="s">
        <v>40</v>
      </c>
      <c r="R12620" s="5" t="s">
        <v>1522</v>
      </c>
      <c r="S12620" s="5" t="s">
        <v>1523</v>
      </c>
      <c r="T12620" s="5" t="s">
        <v>42</v>
      </c>
      <c r="U12620" s="2">
        <v>1.57</v>
      </c>
      <c r="V12620" s="2">
        <v>1.089</v>
      </c>
      <c r="W12620" s="2">
        <v>1.4999999999999999E-2</v>
      </c>
      <c r="X12620" s="2">
        <v>118.9</v>
      </c>
      <c r="Y12620" s="2">
        <v>7.6</v>
      </c>
      <c r="Z12620" s="2">
        <v>16.7</v>
      </c>
      <c r="AA12620" s="5"/>
      <c r="AB12620" s="5" t="s">
        <v>43</v>
      </c>
      <c r="AC12620" s="5" t="s">
        <v>44</v>
      </c>
      <c r="AD12620" s="2"/>
      <c r="AE12620" s="1"/>
    </row>
    <row r="12621" spans="1:31" ht="14.45">
      <c r="A12621" s="11"/>
      <c r="B12621" s="20"/>
      <c r="C12621" s="2" t="s">
        <v>38791</v>
      </c>
      <c r="D12621" s="14" t="s">
        <v>38792</v>
      </c>
      <c r="E12621" s="2" t="s">
        <v>38793</v>
      </c>
      <c r="F12621" s="2" t="s">
        <v>36337</v>
      </c>
      <c r="G12621" s="8">
        <v>182</v>
      </c>
      <c r="H12621" s="5">
        <v>6</v>
      </c>
      <c r="I12621" s="5" t="s">
        <v>1518</v>
      </c>
      <c r="J12621" s="5" t="s">
        <v>36264</v>
      </c>
      <c r="K12621" s="2" t="s">
        <v>36265</v>
      </c>
      <c r="L12621" s="5" t="s">
        <v>36264</v>
      </c>
      <c r="M12621" s="2" t="s">
        <v>36265</v>
      </c>
      <c r="N12621" s="5" t="s">
        <v>36266</v>
      </c>
      <c r="O12621" s="5" t="s">
        <v>38</v>
      </c>
      <c r="P12621" s="5" t="s">
        <v>39</v>
      </c>
      <c r="Q12621" s="5" t="s">
        <v>40</v>
      </c>
      <c r="R12621" s="5" t="s">
        <v>1522</v>
      </c>
      <c r="S12621" s="5" t="s">
        <v>1523</v>
      </c>
      <c r="T12621" s="5" t="s">
        <v>42</v>
      </c>
      <c r="U12621" s="2">
        <v>1.5389999999999999</v>
      </c>
      <c r="V12621" s="2">
        <v>1.0580000000000001</v>
      </c>
      <c r="W12621" s="2">
        <v>1.4999999999999999E-2</v>
      </c>
      <c r="X12621" s="2">
        <v>118.9</v>
      </c>
      <c r="Y12621" s="2">
        <v>7.6</v>
      </c>
      <c r="Z12621" s="2">
        <v>16.7</v>
      </c>
      <c r="AA12621" s="5"/>
      <c r="AB12621" s="5" t="s">
        <v>43</v>
      </c>
      <c r="AC12621" s="5" t="s">
        <v>44</v>
      </c>
      <c r="AD12621" s="2"/>
      <c r="AE12621" s="1"/>
    </row>
    <row r="12622" spans="1:31" ht="14.45">
      <c r="A12622" s="11"/>
      <c r="B12622" s="20"/>
      <c r="C12622" s="2" t="s">
        <v>38794</v>
      </c>
      <c r="D12622" s="14" t="s">
        <v>38795</v>
      </c>
      <c r="E12622" s="2" t="s">
        <v>38796</v>
      </c>
      <c r="F12622" s="2" t="s">
        <v>36341</v>
      </c>
      <c r="G12622" s="8">
        <v>182</v>
      </c>
      <c r="H12622" s="5">
        <v>6</v>
      </c>
      <c r="I12622" s="5" t="s">
        <v>1518</v>
      </c>
      <c r="J12622" s="5" t="s">
        <v>36264</v>
      </c>
      <c r="K12622" s="2" t="s">
        <v>36265</v>
      </c>
      <c r="L12622" s="5" t="s">
        <v>36264</v>
      </c>
      <c r="M12622" s="2" t="s">
        <v>36265</v>
      </c>
      <c r="N12622" s="5" t="s">
        <v>36266</v>
      </c>
      <c r="O12622" s="5" t="s">
        <v>38</v>
      </c>
      <c r="P12622" s="5" t="s">
        <v>39</v>
      </c>
      <c r="Q12622" s="5" t="s">
        <v>40</v>
      </c>
      <c r="R12622" s="5" t="s">
        <v>1522</v>
      </c>
      <c r="S12622" s="5" t="s">
        <v>1523</v>
      </c>
      <c r="T12622" s="5" t="s">
        <v>42</v>
      </c>
      <c r="U12622" s="2">
        <v>1.57</v>
      </c>
      <c r="V12622" s="2">
        <v>1.089</v>
      </c>
      <c r="W12622" s="2">
        <v>1.4999999999999999E-2</v>
      </c>
      <c r="X12622" s="2">
        <v>118.9</v>
      </c>
      <c r="Y12622" s="2">
        <v>7.6</v>
      </c>
      <c r="Z12622" s="2">
        <v>16.7</v>
      </c>
      <c r="AA12622" s="5"/>
      <c r="AB12622" s="5" t="s">
        <v>43</v>
      </c>
      <c r="AC12622" s="5" t="s">
        <v>44</v>
      </c>
      <c r="AD12622" s="2"/>
      <c r="AE12622" s="1"/>
    </row>
    <row r="12623" spans="1:31" ht="14.45">
      <c r="A12623" s="11"/>
      <c r="B12623" s="20"/>
      <c r="C12623" s="2" t="s">
        <v>38797</v>
      </c>
      <c r="D12623" s="14" t="s">
        <v>38798</v>
      </c>
      <c r="E12623" s="2" t="s">
        <v>38799</v>
      </c>
      <c r="F12623" s="2" t="s">
        <v>36345</v>
      </c>
      <c r="G12623" s="8">
        <v>182</v>
      </c>
      <c r="H12623" s="5">
        <v>6</v>
      </c>
      <c r="I12623" s="5" t="s">
        <v>1518</v>
      </c>
      <c r="J12623" s="5" t="s">
        <v>36264</v>
      </c>
      <c r="K12623" s="2" t="s">
        <v>36265</v>
      </c>
      <c r="L12623" s="5" t="s">
        <v>36264</v>
      </c>
      <c r="M12623" s="2" t="s">
        <v>36265</v>
      </c>
      <c r="N12623" s="5" t="s">
        <v>36266</v>
      </c>
      <c r="O12623" s="5" t="s">
        <v>38</v>
      </c>
      <c r="P12623" s="5" t="s">
        <v>39</v>
      </c>
      <c r="Q12623" s="5" t="s">
        <v>40</v>
      </c>
      <c r="R12623" s="5" t="s">
        <v>1522</v>
      </c>
      <c r="S12623" s="5" t="s">
        <v>1523</v>
      </c>
      <c r="T12623" s="5" t="s">
        <v>42</v>
      </c>
      <c r="U12623" s="2">
        <v>1.5389999999999999</v>
      </c>
      <c r="V12623" s="2">
        <v>1.0580000000000001</v>
      </c>
      <c r="W12623" s="2">
        <v>1.4999999999999999E-2</v>
      </c>
      <c r="X12623" s="2">
        <v>118.9</v>
      </c>
      <c r="Y12623" s="2">
        <v>7.6</v>
      </c>
      <c r="Z12623" s="2">
        <v>16.7</v>
      </c>
      <c r="AA12623" s="5"/>
      <c r="AB12623" s="5" t="s">
        <v>43</v>
      </c>
      <c r="AC12623" s="5" t="s">
        <v>44</v>
      </c>
      <c r="AD12623" s="2"/>
      <c r="AE12623" s="1"/>
    </row>
    <row r="12624" spans="1:31" ht="14.45">
      <c r="A12624" s="11"/>
      <c r="B12624" s="20"/>
      <c r="C12624" s="2" t="s">
        <v>38800</v>
      </c>
      <c r="D12624" s="14" t="s">
        <v>38801</v>
      </c>
      <c r="E12624" s="2" t="s">
        <v>38802</v>
      </c>
      <c r="F12624" s="2" t="s">
        <v>36349</v>
      </c>
      <c r="G12624" s="8">
        <v>182</v>
      </c>
      <c r="H12624" s="5">
        <v>6</v>
      </c>
      <c r="I12624" s="5" t="s">
        <v>1518</v>
      </c>
      <c r="J12624" s="5" t="s">
        <v>36264</v>
      </c>
      <c r="K12624" s="2" t="s">
        <v>36265</v>
      </c>
      <c r="L12624" s="5" t="s">
        <v>36264</v>
      </c>
      <c r="M12624" s="2" t="s">
        <v>36265</v>
      </c>
      <c r="N12624" s="5" t="s">
        <v>36266</v>
      </c>
      <c r="O12624" s="5" t="s">
        <v>38</v>
      </c>
      <c r="P12624" s="5" t="s">
        <v>39</v>
      </c>
      <c r="Q12624" s="5" t="s">
        <v>40</v>
      </c>
      <c r="R12624" s="5" t="s">
        <v>1522</v>
      </c>
      <c r="S12624" s="5" t="s">
        <v>1523</v>
      </c>
      <c r="T12624" s="5" t="s">
        <v>42</v>
      </c>
      <c r="U12624" s="2">
        <v>1.57</v>
      </c>
      <c r="V12624" s="2">
        <v>1.089</v>
      </c>
      <c r="W12624" s="2">
        <v>1.4999999999999999E-2</v>
      </c>
      <c r="X12624" s="2">
        <v>118.9</v>
      </c>
      <c r="Y12624" s="2">
        <v>7.6</v>
      </c>
      <c r="Z12624" s="2">
        <v>16.7</v>
      </c>
      <c r="AA12624" s="5"/>
      <c r="AB12624" s="5" t="s">
        <v>43</v>
      </c>
      <c r="AC12624" s="5" t="s">
        <v>44</v>
      </c>
      <c r="AD12624" s="2"/>
      <c r="AE12624" s="1"/>
    </row>
    <row r="12625" spans="1:31" ht="14.45">
      <c r="A12625" s="11"/>
      <c r="B12625" s="20"/>
      <c r="C12625" s="2" t="s">
        <v>38803</v>
      </c>
      <c r="D12625" s="14" t="s">
        <v>38804</v>
      </c>
      <c r="E12625" s="2" t="s">
        <v>38805</v>
      </c>
      <c r="F12625" s="2" t="s">
        <v>36353</v>
      </c>
      <c r="G12625" s="8">
        <v>182</v>
      </c>
      <c r="H12625" s="5">
        <v>6</v>
      </c>
      <c r="I12625" s="5" t="s">
        <v>1518</v>
      </c>
      <c r="J12625" s="5" t="s">
        <v>36264</v>
      </c>
      <c r="K12625" s="2" t="s">
        <v>36265</v>
      </c>
      <c r="L12625" s="5" t="s">
        <v>36264</v>
      </c>
      <c r="M12625" s="2" t="s">
        <v>36265</v>
      </c>
      <c r="N12625" s="5" t="s">
        <v>36266</v>
      </c>
      <c r="O12625" s="5" t="s">
        <v>38</v>
      </c>
      <c r="P12625" s="5" t="s">
        <v>39</v>
      </c>
      <c r="Q12625" s="5" t="s">
        <v>40</v>
      </c>
      <c r="R12625" s="5" t="s">
        <v>1522</v>
      </c>
      <c r="S12625" s="5" t="s">
        <v>1523</v>
      </c>
      <c r="T12625" s="5" t="s">
        <v>42</v>
      </c>
      <c r="U12625" s="2">
        <v>1.5389999999999999</v>
      </c>
      <c r="V12625" s="2">
        <v>1.0580000000000001</v>
      </c>
      <c r="W12625" s="2">
        <v>1.4999999999999999E-2</v>
      </c>
      <c r="X12625" s="2">
        <v>118.9</v>
      </c>
      <c r="Y12625" s="2">
        <v>7.6</v>
      </c>
      <c r="Z12625" s="2">
        <v>16.7</v>
      </c>
      <c r="AA12625" s="5"/>
      <c r="AB12625" s="5" t="s">
        <v>43</v>
      </c>
      <c r="AC12625" s="5" t="s">
        <v>44</v>
      </c>
      <c r="AD12625" s="2"/>
      <c r="AE12625" s="1"/>
    </row>
    <row r="12626" spans="1:31" ht="14.45">
      <c r="A12626" s="11"/>
      <c r="B12626" s="20"/>
      <c r="C12626" s="2" t="s">
        <v>38806</v>
      </c>
      <c r="D12626" s="14" t="s">
        <v>38807</v>
      </c>
      <c r="E12626" s="2" t="s">
        <v>38808</v>
      </c>
      <c r="F12626" s="2" t="s">
        <v>36357</v>
      </c>
      <c r="G12626" s="8">
        <v>182</v>
      </c>
      <c r="H12626" s="5">
        <v>6</v>
      </c>
      <c r="I12626" s="5" t="s">
        <v>1518</v>
      </c>
      <c r="J12626" s="5" t="s">
        <v>36264</v>
      </c>
      <c r="K12626" s="2" t="s">
        <v>36265</v>
      </c>
      <c r="L12626" s="5" t="s">
        <v>36264</v>
      </c>
      <c r="M12626" s="2" t="s">
        <v>36265</v>
      </c>
      <c r="N12626" s="5" t="s">
        <v>36266</v>
      </c>
      <c r="O12626" s="5" t="s">
        <v>38</v>
      </c>
      <c r="P12626" s="5" t="s">
        <v>39</v>
      </c>
      <c r="Q12626" s="5" t="s">
        <v>40</v>
      </c>
      <c r="R12626" s="5" t="s">
        <v>1522</v>
      </c>
      <c r="S12626" s="5" t="s">
        <v>1523</v>
      </c>
      <c r="T12626" s="5" t="s">
        <v>42</v>
      </c>
      <c r="U12626" s="2">
        <v>1.57</v>
      </c>
      <c r="V12626" s="2">
        <v>1.089</v>
      </c>
      <c r="W12626" s="2">
        <v>1.4999999999999999E-2</v>
      </c>
      <c r="X12626" s="2">
        <v>118.9</v>
      </c>
      <c r="Y12626" s="2">
        <v>7.6</v>
      </c>
      <c r="Z12626" s="2">
        <v>16.7</v>
      </c>
      <c r="AA12626" s="5"/>
      <c r="AB12626" s="5" t="s">
        <v>43</v>
      </c>
      <c r="AC12626" s="5" t="s">
        <v>44</v>
      </c>
      <c r="AD12626" s="2"/>
      <c r="AE12626" s="1"/>
    </row>
    <row r="12627" spans="1:31" ht="14.45">
      <c r="A12627" s="11"/>
      <c r="B12627" s="20"/>
      <c r="C12627" s="2" t="s">
        <v>38809</v>
      </c>
      <c r="D12627" s="14" t="s">
        <v>38810</v>
      </c>
      <c r="E12627" s="2" t="s">
        <v>38811</v>
      </c>
      <c r="F12627" s="2" t="s">
        <v>36361</v>
      </c>
      <c r="G12627" s="8">
        <v>182</v>
      </c>
      <c r="H12627" s="5">
        <v>6</v>
      </c>
      <c r="I12627" s="5" t="s">
        <v>1518</v>
      </c>
      <c r="J12627" s="5" t="s">
        <v>36264</v>
      </c>
      <c r="K12627" s="2" t="s">
        <v>36265</v>
      </c>
      <c r="L12627" s="5" t="s">
        <v>36264</v>
      </c>
      <c r="M12627" s="2" t="s">
        <v>36265</v>
      </c>
      <c r="N12627" s="5" t="s">
        <v>36266</v>
      </c>
      <c r="O12627" s="5" t="s">
        <v>38</v>
      </c>
      <c r="P12627" s="5" t="s">
        <v>39</v>
      </c>
      <c r="Q12627" s="5" t="s">
        <v>40</v>
      </c>
      <c r="R12627" s="5" t="s">
        <v>1522</v>
      </c>
      <c r="S12627" s="5" t="s">
        <v>1523</v>
      </c>
      <c r="T12627" s="5" t="s">
        <v>42</v>
      </c>
      <c r="U12627" s="2">
        <v>1.5389999999999999</v>
      </c>
      <c r="V12627" s="2">
        <v>1.0580000000000001</v>
      </c>
      <c r="W12627" s="2">
        <v>1.4999999999999999E-2</v>
      </c>
      <c r="X12627" s="2">
        <v>118.9</v>
      </c>
      <c r="Y12627" s="2">
        <v>7.6</v>
      </c>
      <c r="Z12627" s="2">
        <v>16.7</v>
      </c>
      <c r="AA12627" s="5"/>
      <c r="AB12627" s="5" t="s">
        <v>43</v>
      </c>
      <c r="AC12627" s="5" t="s">
        <v>44</v>
      </c>
      <c r="AD12627" s="2"/>
      <c r="AE12627" s="1"/>
    </row>
    <row r="12628" spans="1:31" ht="14.45">
      <c r="A12628" s="11"/>
      <c r="B12628" s="20"/>
      <c r="C12628" s="2" t="s">
        <v>38812</v>
      </c>
      <c r="D12628" s="14" t="s">
        <v>38813</v>
      </c>
      <c r="E12628" s="2" t="s">
        <v>38814</v>
      </c>
      <c r="F12628" s="2" t="s">
        <v>36365</v>
      </c>
      <c r="G12628" s="8">
        <v>182</v>
      </c>
      <c r="H12628" s="5">
        <v>6</v>
      </c>
      <c r="I12628" s="5" t="s">
        <v>1518</v>
      </c>
      <c r="J12628" s="5" t="s">
        <v>36264</v>
      </c>
      <c r="K12628" s="2" t="s">
        <v>36265</v>
      </c>
      <c r="L12628" s="5" t="s">
        <v>36264</v>
      </c>
      <c r="M12628" s="2" t="s">
        <v>36265</v>
      </c>
      <c r="N12628" s="5" t="s">
        <v>36266</v>
      </c>
      <c r="O12628" s="5" t="s">
        <v>38</v>
      </c>
      <c r="P12628" s="5" t="s">
        <v>39</v>
      </c>
      <c r="Q12628" s="5" t="s">
        <v>40</v>
      </c>
      <c r="R12628" s="5" t="s">
        <v>1522</v>
      </c>
      <c r="S12628" s="5" t="s">
        <v>1523</v>
      </c>
      <c r="T12628" s="5" t="s">
        <v>42</v>
      </c>
      <c r="U12628" s="2">
        <v>1.57</v>
      </c>
      <c r="V12628" s="2">
        <v>1.089</v>
      </c>
      <c r="W12628" s="2">
        <v>1.4999999999999999E-2</v>
      </c>
      <c r="X12628" s="2">
        <v>118.9</v>
      </c>
      <c r="Y12628" s="2">
        <v>7.6</v>
      </c>
      <c r="Z12628" s="2">
        <v>16.7</v>
      </c>
      <c r="AA12628" s="5"/>
      <c r="AB12628" s="5" t="s">
        <v>43</v>
      </c>
      <c r="AC12628" s="5" t="s">
        <v>44</v>
      </c>
      <c r="AD12628" s="2"/>
      <c r="AE12628" s="1"/>
    </row>
    <row r="12629" spans="1:31" ht="14.45">
      <c r="A12629" s="11"/>
      <c r="B12629" s="20"/>
      <c r="C12629" s="2" t="s">
        <v>38815</v>
      </c>
      <c r="D12629" s="14" t="s">
        <v>38816</v>
      </c>
      <c r="E12629" s="2" t="s">
        <v>38817</v>
      </c>
      <c r="F12629" s="2" t="s">
        <v>36644</v>
      </c>
      <c r="G12629" s="8">
        <v>182</v>
      </c>
      <c r="H12629" s="5">
        <v>6</v>
      </c>
      <c r="I12629" s="5" t="s">
        <v>1518</v>
      </c>
      <c r="J12629" s="5" t="s">
        <v>36264</v>
      </c>
      <c r="K12629" s="2" t="s">
        <v>36265</v>
      </c>
      <c r="L12629" s="5" t="s">
        <v>36264</v>
      </c>
      <c r="M12629" s="2" t="s">
        <v>36265</v>
      </c>
      <c r="N12629" s="5" t="s">
        <v>36266</v>
      </c>
      <c r="O12629" s="5" t="s">
        <v>38</v>
      </c>
      <c r="P12629" s="5" t="s">
        <v>39</v>
      </c>
      <c r="Q12629" s="5" t="s">
        <v>40</v>
      </c>
      <c r="R12629" s="5" t="s">
        <v>1522</v>
      </c>
      <c r="S12629" s="5" t="s">
        <v>1523</v>
      </c>
      <c r="T12629" s="5" t="s">
        <v>42</v>
      </c>
      <c r="U12629" s="2">
        <v>1.5389999999999999</v>
      </c>
      <c r="V12629" s="2">
        <v>1.0580000000000001</v>
      </c>
      <c r="W12629" s="2">
        <v>1.4999999999999999E-2</v>
      </c>
      <c r="X12629" s="2">
        <v>118.9</v>
      </c>
      <c r="Y12629" s="2">
        <v>7.6</v>
      </c>
      <c r="Z12629" s="2">
        <v>16.7</v>
      </c>
      <c r="AA12629" s="5"/>
      <c r="AB12629" s="5" t="s">
        <v>43</v>
      </c>
      <c r="AC12629" s="5" t="s">
        <v>44</v>
      </c>
      <c r="AD12629" s="2"/>
      <c r="AE12629" s="1"/>
    </row>
    <row r="12630" spans="1:31" ht="14.45">
      <c r="A12630" s="11"/>
      <c r="B12630" s="20"/>
      <c r="C12630" s="2" t="s">
        <v>38818</v>
      </c>
      <c r="D12630" s="14" t="s">
        <v>38819</v>
      </c>
      <c r="E12630" s="2" t="s">
        <v>38820</v>
      </c>
      <c r="F12630" s="2" t="s">
        <v>36648</v>
      </c>
      <c r="G12630" s="8">
        <v>182</v>
      </c>
      <c r="H12630" s="5">
        <v>6</v>
      </c>
      <c r="I12630" s="5" t="s">
        <v>1518</v>
      </c>
      <c r="J12630" s="5" t="s">
        <v>36264</v>
      </c>
      <c r="K12630" s="2" t="s">
        <v>36265</v>
      </c>
      <c r="L12630" s="5" t="s">
        <v>36264</v>
      </c>
      <c r="M12630" s="2" t="s">
        <v>36265</v>
      </c>
      <c r="N12630" s="5" t="s">
        <v>36266</v>
      </c>
      <c r="O12630" s="5" t="s">
        <v>38</v>
      </c>
      <c r="P12630" s="5" t="s">
        <v>39</v>
      </c>
      <c r="Q12630" s="5" t="s">
        <v>40</v>
      </c>
      <c r="R12630" s="5" t="s">
        <v>1522</v>
      </c>
      <c r="S12630" s="5" t="s">
        <v>1523</v>
      </c>
      <c r="T12630" s="5" t="s">
        <v>42</v>
      </c>
      <c r="U12630" s="2">
        <v>1.57</v>
      </c>
      <c r="V12630" s="2">
        <v>1.089</v>
      </c>
      <c r="W12630" s="2">
        <v>1.4999999999999999E-2</v>
      </c>
      <c r="X12630" s="2">
        <v>118.9</v>
      </c>
      <c r="Y12630" s="2">
        <v>7.6</v>
      </c>
      <c r="Z12630" s="2">
        <v>16.7</v>
      </c>
      <c r="AA12630" s="5"/>
      <c r="AB12630" s="5" t="s">
        <v>43</v>
      </c>
      <c r="AC12630" s="5" t="s">
        <v>44</v>
      </c>
      <c r="AD12630" s="2"/>
      <c r="AE12630" s="1"/>
    </row>
    <row r="12631" spans="1:31" ht="14.45">
      <c r="A12631" s="11"/>
      <c r="B12631" s="20"/>
      <c r="C12631" s="2" t="s">
        <v>38821</v>
      </c>
      <c r="D12631" s="14" t="s">
        <v>38822</v>
      </c>
      <c r="E12631" s="2" t="s">
        <v>38823</v>
      </c>
      <c r="F12631" s="2" t="s">
        <v>36377</v>
      </c>
      <c r="G12631" s="8">
        <v>182</v>
      </c>
      <c r="H12631" s="5">
        <v>6</v>
      </c>
      <c r="I12631" s="5" t="s">
        <v>1518</v>
      </c>
      <c r="J12631" s="5" t="s">
        <v>36264</v>
      </c>
      <c r="K12631" s="2" t="s">
        <v>36265</v>
      </c>
      <c r="L12631" s="5" t="s">
        <v>36264</v>
      </c>
      <c r="M12631" s="2" t="s">
        <v>36265</v>
      </c>
      <c r="N12631" s="5" t="s">
        <v>36266</v>
      </c>
      <c r="O12631" s="5" t="s">
        <v>38</v>
      </c>
      <c r="P12631" s="5" t="s">
        <v>39</v>
      </c>
      <c r="Q12631" s="5" t="s">
        <v>40</v>
      </c>
      <c r="R12631" s="5" t="s">
        <v>1522</v>
      </c>
      <c r="S12631" s="5" t="s">
        <v>1523</v>
      </c>
      <c r="T12631" s="5" t="s">
        <v>42</v>
      </c>
      <c r="U12631" s="2">
        <v>1.5389999999999999</v>
      </c>
      <c r="V12631" s="2">
        <v>1.0580000000000001</v>
      </c>
      <c r="W12631" s="2">
        <v>1.4999999999999999E-2</v>
      </c>
      <c r="X12631" s="2">
        <v>118.9</v>
      </c>
      <c r="Y12631" s="2">
        <v>7.6</v>
      </c>
      <c r="Z12631" s="2">
        <v>16.7</v>
      </c>
      <c r="AA12631" s="5"/>
      <c r="AB12631" s="5" t="s">
        <v>43</v>
      </c>
      <c r="AC12631" s="5" t="s">
        <v>44</v>
      </c>
      <c r="AD12631" s="2"/>
      <c r="AE12631" s="1"/>
    </row>
    <row r="12632" spans="1:31" ht="14.45">
      <c r="A12632" s="11"/>
      <c r="B12632" s="20"/>
      <c r="C12632" s="2" t="s">
        <v>38824</v>
      </c>
      <c r="D12632" s="14" t="s">
        <v>38825</v>
      </c>
      <c r="E12632" s="2" t="s">
        <v>38826</v>
      </c>
      <c r="F12632" s="2" t="s">
        <v>36381</v>
      </c>
      <c r="G12632" s="8">
        <v>182</v>
      </c>
      <c r="H12632" s="5">
        <v>6</v>
      </c>
      <c r="I12632" s="5" t="s">
        <v>1518</v>
      </c>
      <c r="J12632" s="5" t="s">
        <v>36264</v>
      </c>
      <c r="K12632" s="2" t="s">
        <v>36265</v>
      </c>
      <c r="L12632" s="5" t="s">
        <v>36264</v>
      </c>
      <c r="M12632" s="2" t="s">
        <v>36265</v>
      </c>
      <c r="N12632" s="5" t="s">
        <v>36266</v>
      </c>
      <c r="O12632" s="5" t="s">
        <v>38</v>
      </c>
      <c r="P12632" s="5" t="s">
        <v>39</v>
      </c>
      <c r="Q12632" s="5" t="s">
        <v>40</v>
      </c>
      <c r="R12632" s="5" t="s">
        <v>1522</v>
      </c>
      <c r="S12632" s="5" t="s">
        <v>1523</v>
      </c>
      <c r="T12632" s="5" t="s">
        <v>42</v>
      </c>
      <c r="U12632" s="2">
        <v>1.57</v>
      </c>
      <c r="V12632" s="2">
        <v>1.089</v>
      </c>
      <c r="W12632" s="2">
        <v>1.4999999999999999E-2</v>
      </c>
      <c r="X12632" s="2">
        <v>118.9</v>
      </c>
      <c r="Y12632" s="2">
        <v>7.6</v>
      </c>
      <c r="Z12632" s="2">
        <v>16.7</v>
      </c>
      <c r="AA12632" s="5"/>
      <c r="AB12632" s="5" t="s">
        <v>43</v>
      </c>
      <c r="AC12632" s="5" t="s">
        <v>44</v>
      </c>
      <c r="AD12632" s="2"/>
      <c r="AE12632" s="1"/>
    </row>
    <row r="12633" spans="1:31" ht="14.45">
      <c r="A12633" s="11"/>
      <c r="B12633" s="20"/>
      <c r="C12633" s="2" t="s">
        <v>38827</v>
      </c>
      <c r="D12633" s="14" t="s">
        <v>38828</v>
      </c>
      <c r="E12633" s="2" t="s">
        <v>38829</v>
      </c>
      <c r="F12633" s="2" t="s">
        <v>36385</v>
      </c>
      <c r="G12633" s="8">
        <v>182</v>
      </c>
      <c r="H12633" s="5">
        <v>6</v>
      </c>
      <c r="I12633" s="5" t="s">
        <v>1518</v>
      </c>
      <c r="J12633" s="5" t="s">
        <v>36264</v>
      </c>
      <c r="K12633" s="2" t="s">
        <v>36265</v>
      </c>
      <c r="L12633" s="5" t="s">
        <v>36264</v>
      </c>
      <c r="M12633" s="2" t="s">
        <v>36265</v>
      </c>
      <c r="N12633" s="5" t="s">
        <v>36266</v>
      </c>
      <c r="O12633" s="5" t="s">
        <v>38</v>
      </c>
      <c r="P12633" s="5" t="s">
        <v>39</v>
      </c>
      <c r="Q12633" s="5" t="s">
        <v>40</v>
      </c>
      <c r="R12633" s="5" t="s">
        <v>1522</v>
      </c>
      <c r="S12633" s="5" t="s">
        <v>1523</v>
      </c>
      <c r="T12633" s="5" t="s">
        <v>42</v>
      </c>
      <c r="U12633" s="2">
        <v>1.5389999999999999</v>
      </c>
      <c r="V12633" s="2">
        <v>1.0580000000000001</v>
      </c>
      <c r="W12633" s="2">
        <v>1.4999999999999999E-2</v>
      </c>
      <c r="X12633" s="2">
        <v>118.9</v>
      </c>
      <c r="Y12633" s="2">
        <v>7.6</v>
      </c>
      <c r="Z12633" s="2">
        <v>16.7</v>
      </c>
      <c r="AA12633" s="5"/>
      <c r="AB12633" s="5" t="s">
        <v>43</v>
      </c>
      <c r="AC12633" s="5" t="s">
        <v>44</v>
      </c>
      <c r="AD12633" s="2"/>
      <c r="AE12633" s="1"/>
    </row>
    <row r="12634" spans="1:31" ht="14.45">
      <c r="A12634" s="11"/>
      <c r="B12634" s="20"/>
      <c r="C12634" s="2" t="s">
        <v>38830</v>
      </c>
      <c r="D12634" s="14" t="s">
        <v>38831</v>
      </c>
      <c r="E12634" s="2" t="s">
        <v>38832</v>
      </c>
      <c r="F12634" s="2" t="s">
        <v>36389</v>
      </c>
      <c r="G12634" s="8">
        <v>182</v>
      </c>
      <c r="H12634" s="5">
        <v>6</v>
      </c>
      <c r="I12634" s="5" t="s">
        <v>1518</v>
      </c>
      <c r="J12634" s="5" t="s">
        <v>36264</v>
      </c>
      <c r="K12634" s="2" t="s">
        <v>36265</v>
      </c>
      <c r="L12634" s="5" t="s">
        <v>36264</v>
      </c>
      <c r="M12634" s="2" t="s">
        <v>36265</v>
      </c>
      <c r="N12634" s="5" t="s">
        <v>36266</v>
      </c>
      <c r="O12634" s="5" t="s">
        <v>38</v>
      </c>
      <c r="P12634" s="5" t="s">
        <v>39</v>
      </c>
      <c r="Q12634" s="5" t="s">
        <v>40</v>
      </c>
      <c r="R12634" s="5" t="s">
        <v>1522</v>
      </c>
      <c r="S12634" s="5" t="s">
        <v>1523</v>
      </c>
      <c r="T12634" s="5" t="s">
        <v>42</v>
      </c>
      <c r="U12634" s="2">
        <v>1.57</v>
      </c>
      <c r="V12634" s="2">
        <v>1.089</v>
      </c>
      <c r="W12634" s="2">
        <v>1.4999999999999999E-2</v>
      </c>
      <c r="X12634" s="2">
        <v>118.9</v>
      </c>
      <c r="Y12634" s="2">
        <v>7.6</v>
      </c>
      <c r="Z12634" s="2">
        <v>16.7</v>
      </c>
      <c r="AA12634" s="5"/>
      <c r="AB12634" s="5" t="s">
        <v>43</v>
      </c>
      <c r="AC12634" s="5" t="s">
        <v>44</v>
      </c>
      <c r="AD12634" s="2"/>
      <c r="AE12634" s="1"/>
    </row>
    <row r="12635" spans="1:31" ht="14.45">
      <c r="A12635" s="11"/>
      <c r="B12635" s="20"/>
      <c r="C12635" s="2" t="s">
        <v>38833</v>
      </c>
      <c r="D12635" s="14" t="s">
        <v>38834</v>
      </c>
      <c r="E12635" s="2" t="s">
        <v>38835</v>
      </c>
      <c r="F12635" s="2" t="s">
        <v>7204</v>
      </c>
      <c r="G12635" s="8">
        <v>170</v>
      </c>
      <c r="H12635" s="5">
        <v>6</v>
      </c>
      <c r="I12635" s="5" t="s">
        <v>1518</v>
      </c>
      <c r="J12635" s="5" t="s">
        <v>36264</v>
      </c>
      <c r="K12635" s="2" t="s">
        <v>36265</v>
      </c>
      <c r="L12635" s="5" t="s">
        <v>36264</v>
      </c>
      <c r="M12635" s="2" t="s">
        <v>36265</v>
      </c>
      <c r="N12635" s="5" t="s">
        <v>36266</v>
      </c>
      <c r="O12635" s="5" t="s">
        <v>38</v>
      </c>
      <c r="P12635" s="5" t="s">
        <v>39</v>
      </c>
      <c r="Q12635" s="5" t="s">
        <v>40</v>
      </c>
      <c r="R12635" s="5" t="s">
        <v>1522</v>
      </c>
      <c r="S12635" s="5" t="s">
        <v>1523</v>
      </c>
      <c r="T12635" s="5" t="s">
        <v>42</v>
      </c>
      <c r="U12635" s="2">
        <v>1.73</v>
      </c>
      <c r="V12635" s="2">
        <v>1.173</v>
      </c>
      <c r="W12635" s="2">
        <v>1.7999999999999999E-2</v>
      </c>
      <c r="X12635" s="2">
        <v>139.1</v>
      </c>
      <c r="Y12635" s="2">
        <v>7.6</v>
      </c>
      <c r="Z12635" s="2">
        <v>16.7</v>
      </c>
      <c r="AA12635" s="5"/>
      <c r="AB12635" s="5" t="s">
        <v>43</v>
      </c>
      <c r="AC12635" s="5" t="s">
        <v>44</v>
      </c>
      <c r="AD12635" s="2"/>
      <c r="AE12635" s="1"/>
    </row>
    <row r="12636" spans="1:31" ht="14.45">
      <c r="A12636" s="11"/>
      <c r="B12636" s="20"/>
      <c r="C12636" s="2" t="s">
        <v>38836</v>
      </c>
      <c r="D12636" s="14" t="s">
        <v>38837</v>
      </c>
      <c r="E12636" s="2" t="s">
        <v>38838</v>
      </c>
      <c r="F12636" s="2" t="s">
        <v>7514</v>
      </c>
      <c r="G12636" s="8">
        <v>170</v>
      </c>
      <c r="H12636" s="5">
        <v>6</v>
      </c>
      <c r="I12636" s="5" t="s">
        <v>1518</v>
      </c>
      <c r="J12636" s="5" t="s">
        <v>36264</v>
      </c>
      <c r="K12636" s="2" t="s">
        <v>36265</v>
      </c>
      <c r="L12636" s="5" t="s">
        <v>36264</v>
      </c>
      <c r="M12636" s="2" t="s">
        <v>36265</v>
      </c>
      <c r="N12636" s="5" t="s">
        <v>36266</v>
      </c>
      <c r="O12636" s="5" t="s">
        <v>38</v>
      </c>
      <c r="P12636" s="5" t="s">
        <v>39</v>
      </c>
      <c r="Q12636" s="5" t="s">
        <v>40</v>
      </c>
      <c r="R12636" s="5" t="s">
        <v>1522</v>
      </c>
      <c r="S12636" s="5" t="s">
        <v>1523</v>
      </c>
      <c r="T12636" s="5" t="s">
        <v>42</v>
      </c>
      <c r="U12636" s="2">
        <v>1.7609999999999999</v>
      </c>
      <c r="V12636" s="2">
        <v>1.204</v>
      </c>
      <c r="W12636" s="2">
        <v>1.7999999999999999E-2</v>
      </c>
      <c r="X12636" s="2">
        <v>139.1</v>
      </c>
      <c r="Y12636" s="2">
        <v>7.6</v>
      </c>
      <c r="Z12636" s="2">
        <v>16.7</v>
      </c>
      <c r="AA12636" s="5"/>
      <c r="AB12636" s="5" t="s">
        <v>43</v>
      </c>
      <c r="AC12636" s="5" t="s">
        <v>44</v>
      </c>
      <c r="AD12636" s="2"/>
      <c r="AE12636" s="1"/>
    </row>
    <row r="12637" spans="1:31" ht="14.45">
      <c r="A12637" s="11"/>
      <c r="B12637" s="20"/>
      <c r="C12637" s="2" t="s">
        <v>38839</v>
      </c>
      <c r="D12637" s="14" t="s">
        <v>38840</v>
      </c>
      <c r="E12637" s="2" t="s">
        <v>38841</v>
      </c>
      <c r="F12637" s="2" t="s">
        <v>36273</v>
      </c>
      <c r="G12637" s="8">
        <v>170</v>
      </c>
      <c r="H12637" s="5">
        <v>6</v>
      </c>
      <c r="I12637" s="5" t="s">
        <v>1518</v>
      </c>
      <c r="J12637" s="5" t="s">
        <v>36264</v>
      </c>
      <c r="K12637" s="2" t="s">
        <v>36265</v>
      </c>
      <c r="L12637" s="5" t="s">
        <v>36264</v>
      </c>
      <c r="M12637" s="2" t="s">
        <v>36265</v>
      </c>
      <c r="N12637" s="5" t="s">
        <v>36266</v>
      </c>
      <c r="O12637" s="5" t="s">
        <v>38</v>
      </c>
      <c r="P12637" s="5" t="s">
        <v>39</v>
      </c>
      <c r="Q12637" s="5" t="s">
        <v>40</v>
      </c>
      <c r="R12637" s="5" t="s">
        <v>1522</v>
      </c>
      <c r="S12637" s="5" t="s">
        <v>1523</v>
      </c>
      <c r="T12637" s="5" t="s">
        <v>42</v>
      </c>
      <c r="U12637" s="2">
        <v>1.73</v>
      </c>
      <c r="V12637" s="2">
        <v>1.173</v>
      </c>
      <c r="W12637" s="2">
        <v>1.7999999999999999E-2</v>
      </c>
      <c r="X12637" s="2">
        <v>139.1</v>
      </c>
      <c r="Y12637" s="2">
        <v>7.6</v>
      </c>
      <c r="Z12637" s="2">
        <v>16.7</v>
      </c>
      <c r="AA12637" s="5"/>
      <c r="AB12637" s="5" t="s">
        <v>43</v>
      </c>
      <c r="AC12637" s="5" t="s">
        <v>44</v>
      </c>
      <c r="AD12637" s="2"/>
      <c r="AE12637" s="1"/>
    </row>
    <row r="12638" spans="1:31" ht="14.45">
      <c r="A12638" s="11"/>
      <c r="B12638" s="20"/>
      <c r="C12638" s="2" t="s">
        <v>38842</v>
      </c>
      <c r="D12638" s="14" t="s">
        <v>38843</v>
      </c>
      <c r="E12638" s="2" t="s">
        <v>38844</v>
      </c>
      <c r="F12638" s="2" t="s">
        <v>36277</v>
      </c>
      <c r="G12638" s="8">
        <v>170</v>
      </c>
      <c r="H12638" s="5">
        <v>6</v>
      </c>
      <c r="I12638" s="5" t="s">
        <v>1518</v>
      </c>
      <c r="J12638" s="5" t="s">
        <v>36264</v>
      </c>
      <c r="K12638" s="2" t="s">
        <v>36265</v>
      </c>
      <c r="L12638" s="5" t="s">
        <v>36264</v>
      </c>
      <c r="M12638" s="2" t="s">
        <v>36265</v>
      </c>
      <c r="N12638" s="5" t="s">
        <v>36266</v>
      </c>
      <c r="O12638" s="5" t="s">
        <v>38</v>
      </c>
      <c r="P12638" s="5" t="s">
        <v>39</v>
      </c>
      <c r="Q12638" s="5" t="s">
        <v>40</v>
      </c>
      <c r="R12638" s="5" t="s">
        <v>1522</v>
      </c>
      <c r="S12638" s="5" t="s">
        <v>1523</v>
      </c>
      <c r="T12638" s="5" t="s">
        <v>42</v>
      </c>
      <c r="U12638" s="2">
        <v>1.7609999999999999</v>
      </c>
      <c r="V12638" s="2">
        <v>1.204</v>
      </c>
      <c r="W12638" s="2">
        <v>1.7999999999999999E-2</v>
      </c>
      <c r="X12638" s="2">
        <v>139.1</v>
      </c>
      <c r="Y12638" s="2">
        <v>7.6</v>
      </c>
      <c r="Z12638" s="2">
        <v>16.7</v>
      </c>
      <c r="AA12638" s="5"/>
      <c r="AB12638" s="5" t="s">
        <v>43</v>
      </c>
      <c r="AC12638" s="5" t="s">
        <v>44</v>
      </c>
      <c r="AD12638" s="2"/>
      <c r="AE12638" s="1"/>
    </row>
    <row r="12639" spans="1:31" ht="14.45">
      <c r="A12639" s="11"/>
      <c r="B12639" s="20"/>
      <c r="C12639" s="2" t="s">
        <v>38845</v>
      </c>
      <c r="D12639" s="14" t="s">
        <v>38846</v>
      </c>
      <c r="E12639" s="2" t="s">
        <v>38847</v>
      </c>
      <c r="F12639" s="2" t="s">
        <v>36281</v>
      </c>
      <c r="G12639" s="8">
        <v>196</v>
      </c>
      <c r="H12639" s="5">
        <v>6</v>
      </c>
      <c r="I12639" s="5" t="s">
        <v>1518</v>
      </c>
      <c r="J12639" s="5" t="s">
        <v>36264</v>
      </c>
      <c r="K12639" s="2" t="s">
        <v>36265</v>
      </c>
      <c r="L12639" s="5" t="s">
        <v>36264</v>
      </c>
      <c r="M12639" s="2" t="s">
        <v>36265</v>
      </c>
      <c r="N12639" s="5" t="s">
        <v>36266</v>
      </c>
      <c r="O12639" s="5" t="s">
        <v>38</v>
      </c>
      <c r="P12639" s="5" t="s">
        <v>39</v>
      </c>
      <c r="Q12639" s="5" t="s">
        <v>40</v>
      </c>
      <c r="R12639" s="5" t="s">
        <v>1522</v>
      </c>
      <c r="S12639" s="5" t="s">
        <v>1523</v>
      </c>
      <c r="T12639" s="5" t="s">
        <v>42</v>
      </c>
      <c r="U12639" s="2">
        <v>1.73</v>
      </c>
      <c r="V12639" s="2">
        <v>1.173</v>
      </c>
      <c r="W12639" s="2">
        <v>1.7999999999999999E-2</v>
      </c>
      <c r="X12639" s="2">
        <v>139.1</v>
      </c>
      <c r="Y12639" s="2">
        <v>7.6</v>
      </c>
      <c r="Z12639" s="2">
        <v>16.7</v>
      </c>
      <c r="AA12639" s="5"/>
      <c r="AB12639" s="5" t="s">
        <v>43</v>
      </c>
      <c r="AC12639" s="5" t="s">
        <v>44</v>
      </c>
      <c r="AD12639" s="2"/>
      <c r="AE12639" s="1"/>
    </row>
    <row r="12640" spans="1:31" ht="14.45">
      <c r="A12640" s="11"/>
      <c r="B12640" s="20"/>
      <c r="C12640" s="2" t="s">
        <v>38848</v>
      </c>
      <c r="D12640" s="14" t="s">
        <v>38849</v>
      </c>
      <c r="E12640" s="2" t="s">
        <v>38850</v>
      </c>
      <c r="F12640" s="2" t="s">
        <v>36285</v>
      </c>
      <c r="G12640" s="8">
        <v>196</v>
      </c>
      <c r="H12640" s="5">
        <v>6</v>
      </c>
      <c r="I12640" s="5" t="s">
        <v>1518</v>
      </c>
      <c r="J12640" s="5" t="s">
        <v>36264</v>
      </c>
      <c r="K12640" s="2" t="s">
        <v>36265</v>
      </c>
      <c r="L12640" s="5" t="s">
        <v>36264</v>
      </c>
      <c r="M12640" s="2" t="s">
        <v>36265</v>
      </c>
      <c r="N12640" s="5" t="s">
        <v>36266</v>
      </c>
      <c r="O12640" s="5" t="s">
        <v>38</v>
      </c>
      <c r="P12640" s="5" t="s">
        <v>39</v>
      </c>
      <c r="Q12640" s="5" t="s">
        <v>40</v>
      </c>
      <c r="R12640" s="5" t="s">
        <v>1522</v>
      </c>
      <c r="S12640" s="5" t="s">
        <v>1523</v>
      </c>
      <c r="T12640" s="5" t="s">
        <v>42</v>
      </c>
      <c r="U12640" s="2">
        <v>1.7609999999999999</v>
      </c>
      <c r="V12640" s="2">
        <v>1.204</v>
      </c>
      <c r="W12640" s="2">
        <v>1.7999999999999999E-2</v>
      </c>
      <c r="X12640" s="2">
        <v>139.1</v>
      </c>
      <c r="Y12640" s="2">
        <v>7.6</v>
      </c>
      <c r="Z12640" s="2">
        <v>16.7</v>
      </c>
      <c r="AA12640" s="5"/>
      <c r="AB12640" s="5" t="s">
        <v>43</v>
      </c>
      <c r="AC12640" s="5" t="s">
        <v>44</v>
      </c>
      <c r="AD12640" s="2"/>
      <c r="AE12640" s="1"/>
    </row>
    <row r="12641" spans="1:31" ht="14.45">
      <c r="A12641" s="11"/>
      <c r="B12641" s="20"/>
      <c r="C12641" s="2" t="s">
        <v>38851</v>
      </c>
      <c r="D12641" s="14" t="s">
        <v>38852</v>
      </c>
      <c r="E12641" s="2" t="s">
        <v>38853</v>
      </c>
      <c r="F12641" s="2" t="s">
        <v>36289</v>
      </c>
      <c r="G12641" s="8">
        <v>196</v>
      </c>
      <c r="H12641" s="5">
        <v>6</v>
      </c>
      <c r="I12641" s="5" t="s">
        <v>1518</v>
      </c>
      <c r="J12641" s="5" t="s">
        <v>36264</v>
      </c>
      <c r="K12641" s="2" t="s">
        <v>36265</v>
      </c>
      <c r="L12641" s="5" t="s">
        <v>36264</v>
      </c>
      <c r="M12641" s="2" t="s">
        <v>36265</v>
      </c>
      <c r="N12641" s="5" t="s">
        <v>36266</v>
      </c>
      <c r="O12641" s="5" t="s">
        <v>38</v>
      </c>
      <c r="P12641" s="5" t="s">
        <v>39</v>
      </c>
      <c r="Q12641" s="5" t="s">
        <v>40</v>
      </c>
      <c r="R12641" s="5" t="s">
        <v>1522</v>
      </c>
      <c r="S12641" s="5" t="s">
        <v>1523</v>
      </c>
      <c r="T12641" s="5" t="s">
        <v>42</v>
      </c>
      <c r="U12641" s="2">
        <v>1.73</v>
      </c>
      <c r="V12641" s="2">
        <v>1.173</v>
      </c>
      <c r="W12641" s="2">
        <v>1.7999999999999999E-2</v>
      </c>
      <c r="X12641" s="2">
        <v>139.1</v>
      </c>
      <c r="Y12641" s="2">
        <v>7.6</v>
      </c>
      <c r="Z12641" s="2">
        <v>16.7</v>
      </c>
      <c r="AA12641" s="5"/>
      <c r="AB12641" s="5" t="s">
        <v>43</v>
      </c>
      <c r="AC12641" s="5" t="s">
        <v>44</v>
      </c>
      <c r="AD12641" s="2"/>
      <c r="AE12641" s="1"/>
    </row>
    <row r="12642" spans="1:31" ht="14.45">
      <c r="A12642" s="11"/>
      <c r="B12642" s="20"/>
      <c r="C12642" s="2" t="s">
        <v>38854</v>
      </c>
      <c r="D12642" s="14" t="s">
        <v>38855</v>
      </c>
      <c r="E12642" s="2" t="s">
        <v>38856</v>
      </c>
      <c r="F12642" s="2" t="s">
        <v>36293</v>
      </c>
      <c r="G12642" s="8">
        <v>196</v>
      </c>
      <c r="H12642" s="5">
        <v>6</v>
      </c>
      <c r="I12642" s="5" t="s">
        <v>1518</v>
      </c>
      <c r="J12642" s="5" t="s">
        <v>36264</v>
      </c>
      <c r="K12642" s="2" t="s">
        <v>36265</v>
      </c>
      <c r="L12642" s="5" t="s">
        <v>36264</v>
      </c>
      <c r="M12642" s="2" t="s">
        <v>36265</v>
      </c>
      <c r="N12642" s="5" t="s">
        <v>36266</v>
      </c>
      <c r="O12642" s="5" t="s">
        <v>38</v>
      </c>
      <c r="P12642" s="5" t="s">
        <v>39</v>
      </c>
      <c r="Q12642" s="5" t="s">
        <v>40</v>
      </c>
      <c r="R12642" s="5" t="s">
        <v>1522</v>
      </c>
      <c r="S12642" s="5" t="s">
        <v>1523</v>
      </c>
      <c r="T12642" s="5" t="s">
        <v>42</v>
      </c>
      <c r="U12642" s="2">
        <v>1.7609999999999999</v>
      </c>
      <c r="V12642" s="2">
        <v>1.204</v>
      </c>
      <c r="W12642" s="2">
        <v>1.7999999999999999E-2</v>
      </c>
      <c r="X12642" s="2">
        <v>139.1</v>
      </c>
      <c r="Y12642" s="2">
        <v>7.6</v>
      </c>
      <c r="Z12642" s="2">
        <v>16.7</v>
      </c>
      <c r="AA12642" s="5"/>
      <c r="AB12642" s="5" t="s">
        <v>43</v>
      </c>
      <c r="AC12642" s="5" t="s">
        <v>44</v>
      </c>
      <c r="AD12642" s="2"/>
      <c r="AE12642" s="1"/>
    </row>
    <row r="12643" spans="1:31" ht="14.45">
      <c r="A12643" s="11"/>
      <c r="B12643" s="20"/>
      <c r="C12643" s="2" t="s">
        <v>38857</v>
      </c>
      <c r="D12643" s="14" t="s">
        <v>38858</v>
      </c>
      <c r="E12643" s="2" t="s">
        <v>38859</v>
      </c>
      <c r="F12643" s="2" t="s">
        <v>36588</v>
      </c>
      <c r="G12643" s="8">
        <v>170</v>
      </c>
      <c r="H12643" s="5">
        <v>6</v>
      </c>
      <c r="I12643" s="5" t="s">
        <v>1518</v>
      </c>
      <c r="J12643" s="5" t="s">
        <v>36264</v>
      </c>
      <c r="K12643" s="2" t="s">
        <v>36265</v>
      </c>
      <c r="L12643" s="5" t="s">
        <v>36264</v>
      </c>
      <c r="M12643" s="2" t="s">
        <v>36265</v>
      </c>
      <c r="N12643" s="5" t="s">
        <v>36266</v>
      </c>
      <c r="O12643" s="5" t="s">
        <v>38</v>
      </c>
      <c r="P12643" s="5" t="s">
        <v>39</v>
      </c>
      <c r="Q12643" s="5" t="s">
        <v>40</v>
      </c>
      <c r="R12643" s="5" t="s">
        <v>1522</v>
      </c>
      <c r="S12643" s="5" t="s">
        <v>1523</v>
      </c>
      <c r="T12643" s="5" t="s">
        <v>42</v>
      </c>
      <c r="U12643" s="2">
        <v>1.73</v>
      </c>
      <c r="V12643" s="2">
        <v>1.173</v>
      </c>
      <c r="W12643" s="2">
        <v>1.7999999999999999E-2</v>
      </c>
      <c r="X12643" s="2">
        <v>139.1</v>
      </c>
      <c r="Y12643" s="2">
        <v>7.6</v>
      </c>
      <c r="Z12643" s="2">
        <v>16.7</v>
      </c>
      <c r="AA12643" s="5"/>
      <c r="AB12643" s="5" t="s">
        <v>43</v>
      </c>
      <c r="AC12643" s="5" t="s">
        <v>44</v>
      </c>
      <c r="AD12643" s="2"/>
      <c r="AE12643" s="1"/>
    </row>
    <row r="12644" spans="1:31" ht="14.45">
      <c r="A12644" s="11"/>
      <c r="B12644" s="20"/>
      <c r="C12644" s="2" t="s">
        <v>38860</v>
      </c>
      <c r="D12644" s="14" t="s">
        <v>38861</v>
      </c>
      <c r="E12644" s="2" t="s">
        <v>38862</v>
      </c>
      <c r="F12644" s="2" t="s">
        <v>36592</v>
      </c>
      <c r="G12644" s="8">
        <v>170</v>
      </c>
      <c r="H12644" s="5">
        <v>6</v>
      </c>
      <c r="I12644" s="5" t="s">
        <v>1518</v>
      </c>
      <c r="J12644" s="5" t="s">
        <v>36264</v>
      </c>
      <c r="K12644" s="2" t="s">
        <v>36265</v>
      </c>
      <c r="L12644" s="5" t="s">
        <v>36264</v>
      </c>
      <c r="M12644" s="2" t="s">
        <v>36265</v>
      </c>
      <c r="N12644" s="5" t="s">
        <v>36266</v>
      </c>
      <c r="O12644" s="5" t="s">
        <v>38</v>
      </c>
      <c r="P12644" s="5" t="s">
        <v>39</v>
      </c>
      <c r="Q12644" s="5" t="s">
        <v>40</v>
      </c>
      <c r="R12644" s="5" t="s">
        <v>1522</v>
      </c>
      <c r="S12644" s="5" t="s">
        <v>1523</v>
      </c>
      <c r="T12644" s="5" t="s">
        <v>42</v>
      </c>
      <c r="U12644" s="2">
        <v>1.7609999999999999</v>
      </c>
      <c r="V12644" s="2">
        <v>1.204</v>
      </c>
      <c r="W12644" s="2">
        <v>1.7999999999999999E-2</v>
      </c>
      <c r="X12644" s="2">
        <v>139.1</v>
      </c>
      <c r="Y12644" s="2">
        <v>7.6</v>
      </c>
      <c r="Z12644" s="2">
        <v>16.7</v>
      </c>
      <c r="AA12644" s="5"/>
      <c r="AB12644" s="5" t="s">
        <v>43</v>
      </c>
      <c r="AC12644" s="5" t="s">
        <v>44</v>
      </c>
      <c r="AD12644" s="2"/>
      <c r="AE12644" s="1"/>
    </row>
    <row r="12645" spans="1:31" ht="14.45">
      <c r="A12645" s="11"/>
      <c r="B12645" s="20"/>
      <c r="C12645" s="2" t="s">
        <v>38863</v>
      </c>
      <c r="D12645" s="14" t="s">
        <v>38864</v>
      </c>
      <c r="E12645" s="2" t="s">
        <v>38865</v>
      </c>
      <c r="F12645" s="2" t="s">
        <v>36305</v>
      </c>
      <c r="G12645" s="8">
        <v>170</v>
      </c>
      <c r="H12645" s="5">
        <v>6</v>
      </c>
      <c r="I12645" s="5" t="s">
        <v>1518</v>
      </c>
      <c r="J12645" s="5" t="s">
        <v>36264</v>
      </c>
      <c r="K12645" s="2" t="s">
        <v>36265</v>
      </c>
      <c r="L12645" s="5" t="s">
        <v>36264</v>
      </c>
      <c r="M12645" s="2" t="s">
        <v>36265</v>
      </c>
      <c r="N12645" s="5" t="s">
        <v>36266</v>
      </c>
      <c r="O12645" s="5" t="s">
        <v>38</v>
      </c>
      <c r="P12645" s="5" t="s">
        <v>39</v>
      </c>
      <c r="Q12645" s="5" t="s">
        <v>40</v>
      </c>
      <c r="R12645" s="5" t="s">
        <v>1522</v>
      </c>
      <c r="S12645" s="5" t="s">
        <v>1523</v>
      </c>
      <c r="T12645" s="5" t="s">
        <v>42</v>
      </c>
      <c r="U12645" s="2">
        <v>1.73</v>
      </c>
      <c r="V12645" s="2">
        <v>1.173</v>
      </c>
      <c r="W12645" s="2">
        <v>1.7999999999999999E-2</v>
      </c>
      <c r="X12645" s="2">
        <v>139.1</v>
      </c>
      <c r="Y12645" s="2">
        <v>7.6</v>
      </c>
      <c r="Z12645" s="2">
        <v>16.7</v>
      </c>
      <c r="AA12645" s="5"/>
      <c r="AB12645" s="5" t="s">
        <v>43</v>
      </c>
      <c r="AC12645" s="5" t="s">
        <v>44</v>
      </c>
      <c r="AD12645" s="2"/>
      <c r="AE12645" s="1"/>
    </row>
    <row r="12646" spans="1:31" ht="14.45">
      <c r="A12646" s="11"/>
      <c r="B12646" s="20"/>
      <c r="C12646" s="2" t="s">
        <v>38866</v>
      </c>
      <c r="D12646" s="14" t="s">
        <v>38867</v>
      </c>
      <c r="E12646" s="2" t="s">
        <v>38868</v>
      </c>
      <c r="F12646" s="2" t="s">
        <v>36309</v>
      </c>
      <c r="G12646" s="8">
        <v>170</v>
      </c>
      <c r="H12646" s="5">
        <v>6</v>
      </c>
      <c r="I12646" s="5" t="s">
        <v>1518</v>
      </c>
      <c r="J12646" s="5" t="s">
        <v>36264</v>
      </c>
      <c r="K12646" s="2" t="s">
        <v>36265</v>
      </c>
      <c r="L12646" s="5" t="s">
        <v>36264</v>
      </c>
      <c r="M12646" s="2" t="s">
        <v>36265</v>
      </c>
      <c r="N12646" s="5" t="s">
        <v>36266</v>
      </c>
      <c r="O12646" s="5" t="s">
        <v>38</v>
      </c>
      <c r="P12646" s="5" t="s">
        <v>39</v>
      </c>
      <c r="Q12646" s="5" t="s">
        <v>40</v>
      </c>
      <c r="R12646" s="5" t="s">
        <v>1522</v>
      </c>
      <c r="S12646" s="5" t="s">
        <v>1523</v>
      </c>
      <c r="T12646" s="5" t="s">
        <v>42</v>
      </c>
      <c r="U12646" s="2">
        <v>1.7609999999999999</v>
      </c>
      <c r="V12646" s="2">
        <v>1.204</v>
      </c>
      <c r="W12646" s="2">
        <v>1.7999999999999999E-2</v>
      </c>
      <c r="X12646" s="2">
        <v>139.1</v>
      </c>
      <c r="Y12646" s="2">
        <v>7.6</v>
      </c>
      <c r="Z12646" s="2">
        <v>16.7</v>
      </c>
      <c r="AA12646" s="5"/>
      <c r="AB12646" s="5" t="s">
        <v>43</v>
      </c>
      <c r="AC12646" s="5" t="s">
        <v>44</v>
      </c>
      <c r="AD12646" s="2"/>
      <c r="AE12646" s="1"/>
    </row>
    <row r="12647" spans="1:31" ht="14.45">
      <c r="A12647" s="11"/>
      <c r="B12647" s="20"/>
      <c r="C12647" s="2" t="s">
        <v>38869</v>
      </c>
      <c r="D12647" s="14" t="s">
        <v>38870</v>
      </c>
      <c r="E12647" s="2" t="s">
        <v>38871</v>
      </c>
      <c r="F12647" s="2" t="s">
        <v>36313</v>
      </c>
      <c r="G12647" s="8">
        <v>196</v>
      </c>
      <c r="H12647" s="5">
        <v>6</v>
      </c>
      <c r="I12647" s="5" t="s">
        <v>1518</v>
      </c>
      <c r="J12647" s="5" t="s">
        <v>36264</v>
      </c>
      <c r="K12647" s="2" t="s">
        <v>36265</v>
      </c>
      <c r="L12647" s="5" t="s">
        <v>36264</v>
      </c>
      <c r="M12647" s="2" t="s">
        <v>36265</v>
      </c>
      <c r="N12647" s="5" t="s">
        <v>36266</v>
      </c>
      <c r="O12647" s="5" t="s">
        <v>38</v>
      </c>
      <c r="P12647" s="5" t="s">
        <v>39</v>
      </c>
      <c r="Q12647" s="5" t="s">
        <v>40</v>
      </c>
      <c r="R12647" s="5" t="s">
        <v>1522</v>
      </c>
      <c r="S12647" s="5" t="s">
        <v>1523</v>
      </c>
      <c r="T12647" s="5" t="s">
        <v>42</v>
      </c>
      <c r="U12647" s="2">
        <v>1.73</v>
      </c>
      <c r="V12647" s="2">
        <v>1.173</v>
      </c>
      <c r="W12647" s="2">
        <v>1.7999999999999999E-2</v>
      </c>
      <c r="X12647" s="2">
        <v>139.1</v>
      </c>
      <c r="Y12647" s="2">
        <v>7.6</v>
      </c>
      <c r="Z12647" s="2">
        <v>16.7</v>
      </c>
      <c r="AA12647" s="5"/>
      <c r="AB12647" s="5" t="s">
        <v>43</v>
      </c>
      <c r="AC12647" s="5" t="s">
        <v>44</v>
      </c>
      <c r="AD12647" s="2"/>
      <c r="AE12647" s="1"/>
    </row>
    <row r="12648" spans="1:31" ht="14.45">
      <c r="A12648" s="11"/>
      <c r="B12648" s="20"/>
      <c r="C12648" s="2" t="s">
        <v>38872</v>
      </c>
      <c r="D12648" s="14" t="s">
        <v>38873</v>
      </c>
      <c r="E12648" s="2" t="s">
        <v>38874</v>
      </c>
      <c r="F12648" s="2" t="s">
        <v>36317</v>
      </c>
      <c r="G12648" s="8">
        <v>196</v>
      </c>
      <c r="H12648" s="5">
        <v>6</v>
      </c>
      <c r="I12648" s="5" t="s">
        <v>1518</v>
      </c>
      <c r="J12648" s="5" t="s">
        <v>36264</v>
      </c>
      <c r="K12648" s="2" t="s">
        <v>36265</v>
      </c>
      <c r="L12648" s="5" t="s">
        <v>36264</v>
      </c>
      <c r="M12648" s="2" t="s">
        <v>36265</v>
      </c>
      <c r="N12648" s="5" t="s">
        <v>36266</v>
      </c>
      <c r="O12648" s="5" t="s">
        <v>38</v>
      </c>
      <c r="P12648" s="5" t="s">
        <v>39</v>
      </c>
      <c r="Q12648" s="5" t="s">
        <v>40</v>
      </c>
      <c r="R12648" s="5" t="s">
        <v>1522</v>
      </c>
      <c r="S12648" s="5" t="s">
        <v>1523</v>
      </c>
      <c r="T12648" s="5" t="s">
        <v>42</v>
      </c>
      <c r="U12648" s="2">
        <v>1.7609999999999999</v>
      </c>
      <c r="V12648" s="2">
        <v>1.204</v>
      </c>
      <c r="W12648" s="2">
        <v>1.7999999999999999E-2</v>
      </c>
      <c r="X12648" s="2">
        <v>139.1</v>
      </c>
      <c r="Y12648" s="2">
        <v>7.6</v>
      </c>
      <c r="Z12648" s="2">
        <v>16.7</v>
      </c>
      <c r="AA12648" s="5"/>
      <c r="AB12648" s="5" t="s">
        <v>43</v>
      </c>
      <c r="AC12648" s="5" t="s">
        <v>44</v>
      </c>
      <c r="AD12648" s="2"/>
      <c r="AE12648" s="1"/>
    </row>
    <row r="12649" spans="1:31" ht="14.45">
      <c r="A12649" s="11"/>
      <c r="B12649" s="20"/>
      <c r="C12649" s="2" t="s">
        <v>38875</v>
      </c>
      <c r="D12649" s="14" t="s">
        <v>38876</v>
      </c>
      <c r="E12649" s="2" t="s">
        <v>38877</v>
      </c>
      <c r="F12649" s="2" t="s">
        <v>36321</v>
      </c>
      <c r="G12649" s="8">
        <v>196</v>
      </c>
      <c r="H12649" s="5">
        <v>6</v>
      </c>
      <c r="I12649" s="5" t="s">
        <v>1518</v>
      </c>
      <c r="J12649" s="5" t="s">
        <v>36264</v>
      </c>
      <c r="K12649" s="2" t="s">
        <v>36265</v>
      </c>
      <c r="L12649" s="5" t="s">
        <v>36264</v>
      </c>
      <c r="M12649" s="2" t="s">
        <v>36265</v>
      </c>
      <c r="N12649" s="5" t="s">
        <v>36266</v>
      </c>
      <c r="O12649" s="5" t="s">
        <v>38</v>
      </c>
      <c r="P12649" s="5" t="s">
        <v>39</v>
      </c>
      <c r="Q12649" s="5" t="s">
        <v>40</v>
      </c>
      <c r="R12649" s="5" t="s">
        <v>1522</v>
      </c>
      <c r="S12649" s="5" t="s">
        <v>1523</v>
      </c>
      <c r="T12649" s="5" t="s">
        <v>42</v>
      </c>
      <c r="U12649" s="2">
        <v>1.73</v>
      </c>
      <c r="V12649" s="2">
        <v>1.173</v>
      </c>
      <c r="W12649" s="2">
        <v>1.7999999999999999E-2</v>
      </c>
      <c r="X12649" s="2">
        <v>139.1</v>
      </c>
      <c r="Y12649" s="2">
        <v>7.6</v>
      </c>
      <c r="Z12649" s="2">
        <v>16.7</v>
      </c>
      <c r="AA12649" s="5"/>
      <c r="AB12649" s="5" t="s">
        <v>43</v>
      </c>
      <c r="AC12649" s="5" t="s">
        <v>44</v>
      </c>
      <c r="AD12649" s="2"/>
      <c r="AE12649" s="1"/>
    </row>
    <row r="12650" spans="1:31" ht="14.45">
      <c r="A12650" s="11"/>
      <c r="B12650" s="20"/>
      <c r="C12650" s="2" t="s">
        <v>38878</v>
      </c>
      <c r="D12650" s="14" t="s">
        <v>38879</v>
      </c>
      <c r="E12650" s="2" t="s">
        <v>38880</v>
      </c>
      <c r="F12650" s="2" t="s">
        <v>36325</v>
      </c>
      <c r="G12650" s="8">
        <v>196</v>
      </c>
      <c r="H12650" s="5">
        <v>6</v>
      </c>
      <c r="I12650" s="5" t="s">
        <v>1518</v>
      </c>
      <c r="J12650" s="5" t="s">
        <v>36264</v>
      </c>
      <c r="K12650" s="2" t="s">
        <v>36265</v>
      </c>
      <c r="L12650" s="5" t="s">
        <v>36264</v>
      </c>
      <c r="M12650" s="2" t="s">
        <v>36265</v>
      </c>
      <c r="N12650" s="5" t="s">
        <v>36266</v>
      </c>
      <c r="O12650" s="5" t="s">
        <v>38</v>
      </c>
      <c r="P12650" s="5" t="s">
        <v>39</v>
      </c>
      <c r="Q12650" s="5" t="s">
        <v>40</v>
      </c>
      <c r="R12650" s="5" t="s">
        <v>1522</v>
      </c>
      <c r="S12650" s="5" t="s">
        <v>1523</v>
      </c>
      <c r="T12650" s="5" t="s">
        <v>42</v>
      </c>
      <c r="U12650" s="2">
        <v>1.7609999999999999</v>
      </c>
      <c r="V12650" s="2">
        <v>1.204</v>
      </c>
      <c r="W12650" s="2">
        <v>1.7999999999999999E-2</v>
      </c>
      <c r="X12650" s="2">
        <v>139.1</v>
      </c>
      <c r="Y12650" s="2">
        <v>7.6</v>
      </c>
      <c r="Z12650" s="2">
        <v>16.7</v>
      </c>
      <c r="AA12650" s="5"/>
      <c r="AB12650" s="5" t="s">
        <v>43</v>
      </c>
      <c r="AC12650" s="5" t="s">
        <v>44</v>
      </c>
      <c r="AD12650" s="2"/>
      <c r="AE12650" s="1"/>
    </row>
    <row r="12651" spans="1:31" ht="14.45">
      <c r="A12651" s="11"/>
      <c r="B12651" s="20"/>
      <c r="C12651" s="2" t="s">
        <v>38881</v>
      </c>
      <c r="D12651" s="14" t="s">
        <v>38882</v>
      </c>
      <c r="E12651" s="2" t="s">
        <v>38883</v>
      </c>
      <c r="F12651" s="2" t="s">
        <v>36329</v>
      </c>
      <c r="G12651" s="8">
        <v>196</v>
      </c>
      <c r="H12651" s="5">
        <v>6</v>
      </c>
      <c r="I12651" s="5" t="s">
        <v>1518</v>
      </c>
      <c r="J12651" s="5" t="s">
        <v>36264</v>
      </c>
      <c r="K12651" s="2" t="s">
        <v>36265</v>
      </c>
      <c r="L12651" s="5" t="s">
        <v>36264</v>
      </c>
      <c r="M12651" s="2" t="s">
        <v>36265</v>
      </c>
      <c r="N12651" s="5" t="s">
        <v>36266</v>
      </c>
      <c r="O12651" s="5" t="s">
        <v>38</v>
      </c>
      <c r="P12651" s="5" t="s">
        <v>39</v>
      </c>
      <c r="Q12651" s="5" t="s">
        <v>40</v>
      </c>
      <c r="R12651" s="5" t="s">
        <v>1522</v>
      </c>
      <c r="S12651" s="5" t="s">
        <v>1523</v>
      </c>
      <c r="T12651" s="5" t="s">
        <v>42</v>
      </c>
      <c r="U12651" s="2">
        <v>1.73</v>
      </c>
      <c r="V12651" s="2">
        <v>1.173</v>
      </c>
      <c r="W12651" s="2">
        <v>1.7999999999999999E-2</v>
      </c>
      <c r="X12651" s="2">
        <v>139.1</v>
      </c>
      <c r="Y12651" s="2">
        <v>7.6</v>
      </c>
      <c r="Z12651" s="2">
        <v>16.7</v>
      </c>
      <c r="AA12651" s="5"/>
      <c r="AB12651" s="5" t="s">
        <v>43</v>
      </c>
      <c r="AC12651" s="5" t="s">
        <v>44</v>
      </c>
      <c r="AD12651" s="2"/>
      <c r="AE12651" s="1"/>
    </row>
    <row r="12652" spans="1:31" ht="14.45">
      <c r="A12652" s="11"/>
      <c r="B12652" s="20"/>
      <c r="C12652" s="2" t="s">
        <v>38884</v>
      </c>
      <c r="D12652" s="14" t="s">
        <v>38885</v>
      </c>
      <c r="E12652" s="2" t="s">
        <v>38886</v>
      </c>
      <c r="F12652" s="2" t="s">
        <v>36333</v>
      </c>
      <c r="G12652" s="8">
        <v>196</v>
      </c>
      <c r="H12652" s="5">
        <v>6</v>
      </c>
      <c r="I12652" s="5" t="s">
        <v>1518</v>
      </c>
      <c r="J12652" s="5" t="s">
        <v>36264</v>
      </c>
      <c r="K12652" s="2" t="s">
        <v>36265</v>
      </c>
      <c r="L12652" s="5" t="s">
        <v>36264</v>
      </c>
      <c r="M12652" s="2" t="s">
        <v>36265</v>
      </c>
      <c r="N12652" s="5" t="s">
        <v>36266</v>
      </c>
      <c r="O12652" s="5" t="s">
        <v>38</v>
      </c>
      <c r="P12652" s="5" t="s">
        <v>39</v>
      </c>
      <c r="Q12652" s="5" t="s">
        <v>40</v>
      </c>
      <c r="R12652" s="5" t="s">
        <v>1522</v>
      </c>
      <c r="S12652" s="5" t="s">
        <v>1523</v>
      </c>
      <c r="T12652" s="5" t="s">
        <v>42</v>
      </c>
      <c r="U12652" s="2">
        <v>1.7609999999999999</v>
      </c>
      <c r="V12652" s="2">
        <v>1.204</v>
      </c>
      <c r="W12652" s="2">
        <v>1.7999999999999999E-2</v>
      </c>
      <c r="X12652" s="2">
        <v>139.1</v>
      </c>
      <c r="Y12652" s="2">
        <v>7.6</v>
      </c>
      <c r="Z12652" s="2">
        <v>16.7</v>
      </c>
      <c r="AA12652" s="5"/>
      <c r="AB12652" s="5" t="s">
        <v>43</v>
      </c>
      <c r="AC12652" s="5" t="s">
        <v>44</v>
      </c>
      <c r="AD12652" s="2"/>
      <c r="AE12652" s="1"/>
    </row>
    <row r="12653" spans="1:31" ht="14.45">
      <c r="A12653" s="11"/>
      <c r="B12653" s="20"/>
      <c r="C12653" s="2" t="s">
        <v>38887</v>
      </c>
      <c r="D12653" s="14" t="s">
        <v>38888</v>
      </c>
      <c r="E12653" s="2" t="s">
        <v>38889</v>
      </c>
      <c r="F12653" s="2" t="s">
        <v>36337</v>
      </c>
      <c r="G12653" s="8">
        <v>196</v>
      </c>
      <c r="H12653" s="5">
        <v>6</v>
      </c>
      <c r="I12653" s="5" t="s">
        <v>1518</v>
      </c>
      <c r="J12653" s="5" t="s">
        <v>36264</v>
      </c>
      <c r="K12653" s="2" t="s">
        <v>36265</v>
      </c>
      <c r="L12653" s="5" t="s">
        <v>36264</v>
      </c>
      <c r="M12653" s="2" t="s">
        <v>36265</v>
      </c>
      <c r="N12653" s="5" t="s">
        <v>36266</v>
      </c>
      <c r="O12653" s="5" t="s">
        <v>38</v>
      </c>
      <c r="P12653" s="5" t="s">
        <v>39</v>
      </c>
      <c r="Q12653" s="5" t="s">
        <v>40</v>
      </c>
      <c r="R12653" s="5" t="s">
        <v>1522</v>
      </c>
      <c r="S12653" s="5" t="s">
        <v>1523</v>
      </c>
      <c r="T12653" s="5" t="s">
        <v>42</v>
      </c>
      <c r="U12653" s="2">
        <v>1.73</v>
      </c>
      <c r="V12653" s="2">
        <v>1.173</v>
      </c>
      <c r="W12653" s="2">
        <v>1.7999999999999999E-2</v>
      </c>
      <c r="X12653" s="2">
        <v>139.1</v>
      </c>
      <c r="Y12653" s="2">
        <v>7.6</v>
      </c>
      <c r="Z12653" s="2">
        <v>16.7</v>
      </c>
      <c r="AA12653" s="5"/>
      <c r="AB12653" s="5" t="s">
        <v>43</v>
      </c>
      <c r="AC12653" s="5" t="s">
        <v>44</v>
      </c>
      <c r="AD12653" s="2"/>
      <c r="AE12653" s="1"/>
    </row>
    <row r="12654" spans="1:31" ht="14.45">
      <c r="A12654" s="11"/>
      <c r="B12654" s="20"/>
      <c r="C12654" s="2" t="s">
        <v>38890</v>
      </c>
      <c r="D12654" s="14" t="s">
        <v>38891</v>
      </c>
      <c r="E12654" s="2" t="s">
        <v>38892</v>
      </c>
      <c r="F12654" s="2" t="s">
        <v>36341</v>
      </c>
      <c r="G12654" s="8">
        <v>196</v>
      </c>
      <c r="H12654" s="5">
        <v>6</v>
      </c>
      <c r="I12654" s="5" t="s">
        <v>1518</v>
      </c>
      <c r="J12654" s="5" t="s">
        <v>36264</v>
      </c>
      <c r="K12654" s="2" t="s">
        <v>36265</v>
      </c>
      <c r="L12654" s="5" t="s">
        <v>36264</v>
      </c>
      <c r="M12654" s="2" t="s">
        <v>36265</v>
      </c>
      <c r="N12654" s="5" t="s">
        <v>36266</v>
      </c>
      <c r="O12654" s="5" t="s">
        <v>38</v>
      </c>
      <c r="P12654" s="5" t="s">
        <v>39</v>
      </c>
      <c r="Q12654" s="5" t="s">
        <v>40</v>
      </c>
      <c r="R12654" s="5" t="s">
        <v>1522</v>
      </c>
      <c r="S12654" s="5" t="s">
        <v>1523</v>
      </c>
      <c r="T12654" s="5" t="s">
        <v>42</v>
      </c>
      <c r="U12654" s="2">
        <v>1.7609999999999999</v>
      </c>
      <c r="V12654" s="2">
        <v>1.204</v>
      </c>
      <c r="W12654" s="2">
        <v>1.7999999999999999E-2</v>
      </c>
      <c r="X12654" s="2">
        <v>139.1</v>
      </c>
      <c r="Y12654" s="2">
        <v>7.6</v>
      </c>
      <c r="Z12654" s="2">
        <v>16.7</v>
      </c>
      <c r="AA12654" s="5"/>
      <c r="AB12654" s="5" t="s">
        <v>43</v>
      </c>
      <c r="AC12654" s="5" t="s">
        <v>44</v>
      </c>
      <c r="AD12654" s="2"/>
      <c r="AE12654" s="1"/>
    </row>
    <row r="12655" spans="1:31" ht="14.45">
      <c r="A12655" s="11"/>
      <c r="B12655" s="20"/>
      <c r="C12655" s="2" t="s">
        <v>38893</v>
      </c>
      <c r="D12655" s="14" t="s">
        <v>38894</v>
      </c>
      <c r="E12655" s="2" t="s">
        <v>38895</v>
      </c>
      <c r="F12655" s="2" t="s">
        <v>36345</v>
      </c>
      <c r="G12655" s="8">
        <v>196</v>
      </c>
      <c r="H12655" s="5">
        <v>6</v>
      </c>
      <c r="I12655" s="5" t="s">
        <v>1518</v>
      </c>
      <c r="J12655" s="5" t="s">
        <v>36264</v>
      </c>
      <c r="K12655" s="2" t="s">
        <v>36265</v>
      </c>
      <c r="L12655" s="5" t="s">
        <v>36264</v>
      </c>
      <c r="M12655" s="2" t="s">
        <v>36265</v>
      </c>
      <c r="N12655" s="5" t="s">
        <v>36266</v>
      </c>
      <c r="O12655" s="5" t="s">
        <v>38</v>
      </c>
      <c r="P12655" s="5" t="s">
        <v>39</v>
      </c>
      <c r="Q12655" s="5" t="s">
        <v>40</v>
      </c>
      <c r="R12655" s="5" t="s">
        <v>1522</v>
      </c>
      <c r="S12655" s="5" t="s">
        <v>1523</v>
      </c>
      <c r="T12655" s="5" t="s">
        <v>42</v>
      </c>
      <c r="U12655" s="2">
        <v>1.73</v>
      </c>
      <c r="V12655" s="2">
        <v>1.173</v>
      </c>
      <c r="W12655" s="2">
        <v>1.7999999999999999E-2</v>
      </c>
      <c r="X12655" s="2">
        <v>139.1</v>
      </c>
      <c r="Y12655" s="2">
        <v>7.6</v>
      </c>
      <c r="Z12655" s="2">
        <v>16.7</v>
      </c>
      <c r="AA12655" s="5"/>
      <c r="AB12655" s="5" t="s">
        <v>43</v>
      </c>
      <c r="AC12655" s="5" t="s">
        <v>44</v>
      </c>
      <c r="AD12655" s="2"/>
      <c r="AE12655" s="1"/>
    </row>
    <row r="12656" spans="1:31" ht="14.45">
      <c r="A12656" s="11"/>
      <c r="B12656" s="20"/>
      <c r="C12656" s="2" t="s">
        <v>38896</v>
      </c>
      <c r="D12656" s="14" t="s">
        <v>38897</v>
      </c>
      <c r="E12656" s="2" t="s">
        <v>38898</v>
      </c>
      <c r="F12656" s="2" t="s">
        <v>36349</v>
      </c>
      <c r="G12656" s="8">
        <v>196</v>
      </c>
      <c r="H12656" s="5">
        <v>6</v>
      </c>
      <c r="I12656" s="5" t="s">
        <v>1518</v>
      </c>
      <c r="J12656" s="5" t="s">
        <v>36264</v>
      </c>
      <c r="K12656" s="2" t="s">
        <v>36265</v>
      </c>
      <c r="L12656" s="5" t="s">
        <v>36264</v>
      </c>
      <c r="M12656" s="2" t="s">
        <v>36265</v>
      </c>
      <c r="N12656" s="5" t="s">
        <v>36266</v>
      </c>
      <c r="O12656" s="5" t="s">
        <v>38</v>
      </c>
      <c r="P12656" s="5" t="s">
        <v>39</v>
      </c>
      <c r="Q12656" s="5" t="s">
        <v>40</v>
      </c>
      <c r="R12656" s="5" t="s">
        <v>1522</v>
      </c>
      <c r="S12656" s="5" t="s">
        <v>1523</v>
      </c>
      <c r="T12656" s="5" t="s">
        <v>42</v>
      </c>
      <c r="U12656" s="2">
        <v>1.7609999999999999</v>
      </c>
      <c r="V12656" s="2">
        <v>1.204</v>
      </c>
      <c r="W12656" s="2">
        <v>1.7999999999999999E-2</v>
      </c>
      <c r="X12656" s="2">
        <v>139.1</v>
      </c>
      <c r="Y12656" s="2">
        <v>7.6</v>
      </c>
      <c r="Z12656" s="2">
        <v>16.7</v>
      </c>
      <c r="AA12656" s="5"/>
      <c r="AB12656" s="5" t="s">
        <v>43</v>
      </c>
      <c r="AC12656" s="5" t="s">
        <v>44</v>
      </c>
      <c r="AD12656" s="2"/>
      <c r="AE12656" s="1"/>
    </row>
    <row r="12657" spans="1:31" ht="14.45">
      <c r="A12657" s="11"/>
      <c r="B12657" s="20"/>
      <c r="C12657" s="2" t="s">
        <v>38899</v>
      </c>
      <c r="D12657" s="14" t="s">
        <v>38900</v>
      </c>
      <c r="E12657" s="2" t="s">
        <v>38901</v>
      </c>
      <c r="F12657" s="2" t="s">
        <v>36353</v>
      </c>
      <c r="G12657" s="8">
        <v>196</v>
      </c>
      <c r="H12657" s="5">
        <v>6</v>
      </c>
      <c r="I12657" s="5" t="s">
        <v>1518</v>
      </c>
      <c r="J12657" s="5" t="s">
        <v>36264</v>
      </c>
      <c r="K12657" s="2" t="s">
        <v>36265</v>
      </c>
      <c r="L12657" s="5" t="s">
        <v>36264</v>
      </c>
      <c r="M12657" s="2" t="s">
        <v>36265</v>
      </c>
      <c r="N12657" s="5" t="s">
        <v>36266</v>
      </c>
      <c r="O12657" s="5" t="s">
        <v>38</v>
      </c>
      <c r="P12657" s="5" t="s">
        <v>39</v>
      </c>
      <c r="Q12657" s="5" t="s">
        <v>40</v>
      </c>
      <c r="R12657" s="5" t="s">
        <v>1522</v>
      </c>
      <c r="S12657" s="5" t="s">
        <v>1523</v>
      </c>
      <c r="T12657" s="5" t="s">
        <v>42</v>
      </c>
      <c r="U12657" s="2">
        <v>1.73</v>
      </c>
      <c r="V12657" s="2">
        <v>1.173</v>
      </c>
      <c r="W12657" s="2">
        <v>1.7999999999999999E-2</v>
      </c>
      <c r="X12657" s="2">
        <v>139.1</v>
      </c>
      <c r="Y12657" s="2">
        <v>7.6</v>
      </c>
      <c r="Z12657" s="2">
        <v>16.7</v>
      </c>
      <c r="AA12657" s="5"/>
      <c r="AB12657" s="5" t="s">
        <v>43</v>
      </c>
      <c r="AC12657" s="5" t="s">
        <v>44</v>
      </c>
      <c r="AD12657" s="2"/>
      <c r="AE12657" s="1"/>
    </row>
    <row r="12658" spans="1:31" ht="14.45">
      <c r="A12658" s="11"/>
      <c r="B12658" s="20"/>
      <c r="C12658" s="2" t="s">
        <v>38902</v>
      </c>
      <c r="D12658" s="14" t="s">
        <v>38903</v>
      </c>
      <c r="E12658" s="2" t="s">
        <v>38904</v>
      </c>
      <c r="F12658" s="2" t="s">
        <v>36357</v>
      </c>
      <c r="G12658" s="8">
        <v>196</v>
      </c>
      <c r="H12658" s="5">
        <v>6</v>
      </c>
      <c r="I12658" s="5" t="s">
        <v>1518</v>
      </c>
      <c r="J12658" s="5" t="s">
        <v>36264</v>
      </c>
      <c r="K12658" s="2" t="s">
        <v>36265</v>
      </c>
      <c r="L12658" s="5" t="s">
        <v>36264</v>
      </c>
      <c r="M12658" s="2" t="s">
        <v>36265</v>
      </c>
      <c r="N12658" s="5" t="s">
        <v>36266</v>
      </c>
      <c r="O12658" s="5" t="s">
        <v>38</v>
      </c>
      <c r="P12658" s="5" t="s">
        <v>39</v>
      </c>
      <c r="Q12658" s="5" t="s">
        <v>40</v>
      </c>
      <c r="R12658" s="5" t="s">
        <v>1522</v>
      </c>
      <c r="S12658" s="5" t="s">
        <v>1523</v>
      </c>
      <c r="T12658" s="5" t="s">
        <v>42</v>
      </c>
      <c r="U12658" s="2">
        <v>1.7609999999999999</v>
      </c>
      <c r="V12658" s="2">
        <v>1.204</v>
      </c>
      <c r="W12658" s="2">
        <v>1.7999999999999999E-2</v>
      </c>
      <c r="X12658" s="2">
        <v>139.1</v>
      </c>
      <c r="Y12658" s="2">
        <v>7.6</v>
      </c>
      <c r="Z12658" s="2">
        <v>16.7</v>
      </c>
      <c r="AA12658" s="5"/>
      <c r="AB12658" s="5" t="s">
        <v>43</v>
      </c>
      <c r="AC12658" s="5" t="s">
        <v>44</v>
      </c>
      <c r="AD12658" s="2"/>
      <c r="AE12658" s="1"/>
    </row>
    <row r="12659" spans="1:31" ht="14.45">
      <c r="A12659" s="11"/>
      <c r="B12659" s="20"/>
      <c r="C12659" s="2" t="s">
        <v>38905</v>
      </c>
      <c r="D12659" s="14" t="s">
        <v>38906</v>
      </c>
      <c r="E12659" s="2" t="s">
        <v>38907</v>
      </c>
      <c r="F12659" s="2" t="s">
        <v>36361</v>
      </c>
      <c r="G12659" s="8">
        <v>196</v>
      </c>
      <c r="H12659" s="5">
        <v>6</v>
      </c>
      <c r="I12659" s="5" t="s">
        <v>1518</v>
      </c>
      <c r="J12659" s="5" t="s">
        <v>36264</v>
      </c>
      <c r="K12659" s="2" t="s">
        <v>36265</v>
      </c>
      <c r="L12659" s="5" t="s">
        <v>36264</v>
      </c>
      <c r="M12659" s="2" t="s">
        <v>36265</v>
      </c>
      <c r="N12659" s="5" t="s">
        <v>36266</v>
      </c>
      <c r="O12659" s="5" t="s">
        <v>38</v>
      </c>
      <c r="P12659" s="5" t="s">
        <v>39</v>
      </c>
      <c r="Q12659" s="5" t="s">
        <v>40</v>
      </c>
      <c r="R12659" s="5" t="s">
        <v>1522</v>
      </c>
      <c r="S12659" s="5" t="s">
        <v>1523</v>
      </c>
      <c r="T12659" s="5" t="s">
        <v>42</v>
      </c>
      <c r="U12659" s="2">
        <v>1.73</v>
      </c>
      <c r="V12659" s="2">
        <v>1.173</v>
      </c>
      <c r="W12659" s="2">
        <v>1.7999999999999999E-2</v>
      </c>
      <c r="X12659" s="2">
        <v>139.1</v>
      </c>
      <c r="Y12659" s="2">
        <v>7.6</v>
      </c>
      <c r="Z12659" s="2">
        <v>16.7</v>
      </c>
      <c r="AA12659" s="5"/>
      <c r="AB12659" s="5" t="s">
        <v>43</v>
      </c>
      <c r="AC12659" s="5" t="s">
        <v>44</v>
      </c>
      <c r="AD12659" s="2"/>
      <c r="AE12659" s="1"/>
    </row>
    <row r="12660" spans="1:31" ht="14.45">
      <c r="A12660" s="11"/>
      <c r="B12660" s="20"/>
      <c r="C12660" s="2" t="s">
        <v>38908</v>
      </c>
      <c r="D12660" s="14" t="s">
        <v>38909</v>
      </c>
      <c r="E12660" s="2" t="s">
        <v>38910</v>
      </c>
      <c r="F12660" s="2" t="s">
        <v>36365</v>
      </c>
      <c r="G12660" s="8">
        <v>196</v>
      </c>
      <c r="H12660" s="5">
        <v>6</v>
      </c>
      <c r="I12660" s="5" t="s">
        <v>1518</v>
      </c>
      <c r="J12660" s="5" t="s">
        <v>36264</v>
      </c>
      <c r="K12660" s="2" t="s">
        <v>36265</v>
      </c>
      <c r="L12660" s="5" t="s">
        <v>36264</v>
      </c>
      <c r="M12660" s="2" t="s">
        <v>36265</v>
      </c>
      <c r="N12660" s="5" t="s">
        <v>36266</v>
      </c>
      <c r="O12660" s="5" t="s">
        <v>38</v>
      </c>
      <c r="P12660" s="5" t="s">
        <v>39</v>
      </c>
      <c r="Q12660" s="5" t="s">
        <v>40</v>
      </c>
      <c r="R12660" s="5" t="s">
        <v>1522</v>
      </c>
      <c r="S12660" s="5" t="s">
        <v>1523</v>
      </c>
      <c r="T12660" s="5" t="s">
        <v>42</v>
      </c>
      <c r="U12660" s="2">
        <v>1.7609999999999999</v>
      </c>
      <c r="V12660" s="2">
        <v>1.204</v>
      </c>
      <c r="W12660" s="2">
        <v>1.7999999999999999E-2</v>
      </c>
      <c r="X12660" s="2">
        <v>139.1</v>
      </c>
      <c r="Y12660" s="2">
        <v>7.6</v>
      </c>
      <c r="Z12660" s="2">
        <v>16.7</v>
      </c>
      <c r="AA12660" s="5"/>
      <c r="AB12660" s="5" t="s">
        <v>43</v>
      </c>
      <c r="AC12660" s="5" t="s">
        <v>44</v>
      </c>
      <c r="AD12660" s="2"/>
      <c r="AE12660" s="1"/>
    </row>
    <row r="12661" spans="1:31" ht="14.45">
      <c r="A12661" s="11"/>
      <c r="B12661" s="20"/>
      <c r="C12661" s="2" t="s">
        <v>38911</v>
      </c>
      <c r="D12661" s="14" t="s">
        <v>38912</v>
      </c>
      <c r="E12661" s="2" t="s">
        <v>38913</v>
      </c>
      <c r="F12661" s="2" t="s">
        <v>36644</v>
      </c>
      <c r="G12661" s="8">
        <v>196</v>
      </c>
      <c r="H12661" s="5">
        <v>6</v>
      </c>
      <c r="I12661" s="5" t="s">
        <v>1518</v>
      </c>
      <c r="J12661" s="5" t="s">
        <v>36264</v>
      </c>
      <c r="K12661" s="2" t="s">
        <v>36265</v>
      </c>
      <c r="L12661" s="5" t="s">
        <v>36264</v>
      </c>
      <c r="M12661" s="2" t="s">
        <v>36265</v>
      </c>
      <c r="N12661" s="5" t="s">
        <v>36266</v>
      </c>
      <c r="O12661" s="5" t="s">
        <v>38</v>
      </c>
      <c r="P12661" s="5" t="s">
        <v>39</v>
      </c>
      <c r="Q12661" s="5" t="s">
        <v>40</v>
      </c>
      <c r="R12661" s="5" t="s">
        <v>1522</v>
      </c>
      <c r="S12661" s="5" t="s">
        <v>1523</v>
      </c>
      <c r="T12661" s="5" t="s">
        <v>42</v>
      </c>
      <c r="U12661" s="2">
        <v>1.73</v>
      </c>
      <c r="V12661" s="2">
        <v>1.173</v>
      </c>
      <c r="W12661" s="2">
        <v>1.7999999999999999E-2</v>
      </c>
      <c r="X12661" s="2">
        <v>139.1</v>
      </c>
      <c r="Y12661" s="2">
        <v>7.6</v>
      </c>
      <c r="Z12661" s="2">
        <v>16.7</v>
      </c>
      <c r="AA12661" s="5"/>
      <c r="AB12661" s="5" t="s">
        <v>43</v>
      </c>
      <c r="AC12661" s="5" t="s">
        <v>44</v>
      </c>
      <c r="AD12661" s="2"/>
      <c r="AE12661" s="1"/>
    </row>
    <row r="12662" spans="1:31" ht="14.45">
      <c r="A12662" s="11"/>
      <c r="B12662" s="20"/>
      <c r="C12662" s="2" t="s">
        <v>38914</v>
      </c>
      <c r="D12662" s="14" t="s">
        <v>38915</v>
      </c>
      <c r="E12662" s="2" t="s">
        <v>38916</v>
      </c>
      <c r="F12662" s="2" t="s">
        <v>36648</v>
      </c>
      <c r="G12662" s="8">
        <v>196</v>
      </c>
      <c r="H12662" s="5">
        <v>6</v>
      </c>
      <c r="I12662" s="5" t="s">
        <v>1518</v>
      </c>
      <c r="J12662" s="5" t="s">
        <v>36264</v>
      </c>
      <c r="K12662" s="2" t="s">
        <v>36265</v>
      </c>
      <c r="L12662" s="5" t="s">
        <v>36264</v>
      </c>
      <c r="M12662" s="2" t="s">
        <v>36265</v>
      </c>
      <c r="N12662" s="5" t="s">
        <v>36266</v>
      </c>
      <c r="O12662" s="5" t="s">
        <v>38</v>
      </c>
      <c r="P12662" s="5" t="s">
        <v>39</v>
      </c>
      <c r="Q12662" s="5" t="s">
        <v>40</v>
      </c>
      <c r="R12662" s="5" t="s">
        <v>1522</v>
      </c>
      <c r="S12662" s="5" t="s">
        <v>1523</v>
      </c>
      <c r="T12662" s="5" t="s">
        <v>42</v>
      </c>
      <c r="U12662" s="2">
        <v>1.7609999999999999</v>
      </c>
      <c r="V12662" s="2">
        <v>1.204</v>
      </c>
      <c r="W12662" s="2">
        <v>1.7999999999999999E-2</v>
      </c>
      <c r="X12662" s="2">
        <v>139.1</v>
      </c>
      <c r="Y12662" s="2">
        <v>7.6</v>
      </c>
      <c r="Z12662" s="2">
        <v>16.7</v>
      </c>
      <c r="AA12662" s="5"/>
      <c r="AB12662" s="5" t="s">
        <v>43</v>
      </c>
      <c r="AC12662" s="5" t="s">
        <v>44</v>
      </c>
      <c r="AD12662" s="2"/>
      <c r="AE12662" s="1"/>
    </row>
    <row r="12663" spans="1:31" ht="14.45">
      <c r="A12663" s="11"/>
      <c r="B12663" s="20"/>
      <c r="C12663" s="2" t="s">
        <v>38917</v>
      </c>
      <c r="D12663" s="14" t="s">
        <v>38918</v>
      </c>
      <c r="E12663" s="2" t="s">
        <v>38919</v>
      </c>
      <c r="F12663" s="2" t="s">
        <v>36377</v>
      </c>
      <c r="G12663" s="8">
        <v>196</v>
      </c>
      <c r="H12663" s="5">
        <v>6</v>
      </c>
      <c r="I12663" s="5" t="s">
        <v>1518</v>
      </c>
      <c r="J12663" s="5" t="s">
        <v>36264</v>
      </c>
      <c r="K12663" s="2" t="s">
        <v>36265</v>
      </c>
      <c r="L12663" s="5" t="s">
        <v>36264</v>
      </c>
      <c r="M12663" s="2" t="s">
        <v>36265</v>
      </c>
      <c r="N12663" s="5" t="s">
        <v>36266</v>
      </c>
      <c r="O12663" s="5" t="s">
        <v>38</v>
      </c>
      <c r="P12663" s="5" t="s">
        <v>39</v>
      </c>
      <c r="Q12663" s="5" t="s">
        <v>40</v>
      </c>
      <c r="R12663" s="5" t="s">
        <v>1522</v>
      </c>
      <c r="S12663" s="5" t="s">
        <v>1523</v>
      </c>
      <c r="T12663" s="5" t="s">
        <v>42</v>
      </c>
      <c r="U12663" s="2">
        <v>1.73</v>
      </c>
      <c r="V12663" s="2">
        <v>1.173</v>
      </c>
      <c r="W12663" s="2">
        <v>1.7999999999999999E-2</v>
      </c>
      <c r="X12663" s="2">
        <v>139.1</v>
      </c>
      <c r="Y12663" s="2">
        <v>7.6</v>
      </c>
      <c r="Z12663" s="2">
        <v>16.7</v>
      </c>
      <c r="AA12663" s="5"/>
      <c r="AB12663" s="5" t="s">
        <v>43</v>
      </c>
      <c r="AC12663" s="5" t="s">
        <v>44</v>
      </c>
      <c r="AD12663" s="2"/>
      <c r="AE12663" s="1"/>
    </row>
    <row r="12664" spans="1:31" ht="14.45">
      <c r="A12664" s="11"/>
      <c r="B12664" s="20"/>
      <c r="C12664" s="2" t="s">
        <v>38920</v>
      </c>
      <c r="D12664" s="14" t="s">
        <v>38921</v>
      </c>
      <c r="E12664" s="2" t="s">
        <v>38922</v>
      </c>
      <c r="F12664" s="2" t="s">
        <v>36381</v>
      </c>
      <c r="G12664" s="8">
        <v>196</v>
      </c>
      <c r="H12664" s="5">
        <v>6</v>
      </c>
      <c r="I12664" s="5" t="s">
        <v>1518</v>
      </c>
      <c r="J12664" s="5" t="s">
        <v>36264</v>
      </c>
      <c r="K12664" s="2" t="s">
        <v>36265</v>
      </c>
      <c r="L12664" s="5" t="s">
        <v>36264</v>
      </c>
      <c r="M12664" s="2" t="s">
        <v>36265</v>
      </c>
      <c r="N12664" s="5" t="s">
        <v>36266</v>
      </c>
      <c r="O12664" s="5" t="s">
        <v>38</v>
      </c>
      <c r="P12664" s="5" t="s">
        <v>39</v>
      </c>
      <c r="Q12664" s="5" t="s">
        <v>40</v>
      </c>
      <c r="R12664" s="5" t="s">
        <v>1522</v>
      </c>
      <c r="S12664" s="5" t="s">
        <v>1523</v>
      </c>
      <c r="T12664" s="5" t="s">
        <v>42</v>
      </c>
      <c r="U12664" s="2">
        <v>1.7609999999999999</v>
      </c>
      <c r="V12664" s="2">
        <v>1.204</v>
      </c>
      <c r="W12664" s="2">
        <v>1.7999999999999999E-2</v>
      </c>
      <c r="X12664" s="2">
        <v>139.1</v>
      </c>
      <c r="Y12664" s="2">
        <v>7.6</v>
      </c>
      <c r="Z12664" s="2">
        <v>16.7</v>
      </c>
      <c r="AA12664" s="5"/>
      <c r="AB12664" s="5" t="s">
        <v>43</v>
      </c>
      <c r="AC12664" s="5" t="s">
        <v>44</v>
      </c>
      <c r="AD12664" s="2"/>
      <c r="AE12664" s="1"/>
    </row>
    <row r="12665" spans="1:31" ht="14.45">
      <c r="A12665" s="11"/>
      <c r="B12665" s="20"/>
      <c r="C12665" s="2" t="s">
        <v>38923</v>
      </c>
      <c r="D12665" s="14" t="s">
        <v>38924</v>
      </c>
      <c r="E12665" s="2" t="s">
        <v>38925</v>
      </c>
      <c r="F12665" s="2" t="s">
        <v>36385</v>
      </c>
      <c r="G12665" s="8">
        <v>196</v>
      </c>
      <c r="H12665" s="5">
        <v>6</v>
      </c>
      <c r="I12665" s="5" t="s">
        <v>1518</v>
      </c>
      <c r="J12665" s="5" t="s">
        <v>36264</v>
      </c>
      <c r="K12665" s="2" t="s">
        <v>36265</v>
      </c>
      <c r="L12665" s="5" t="s">
        <v>36264</v>
      </c>
      <c r="M12665" s="2" t="s">
        <v>36265</v>
      </c>
      <c r="N12665" s="5" t="s">
        <v>36266</v>
      </c>
      <c r="O12665" s="5" t="s">
        <v>38</v>
      </c>
      <c r="P12665" s="5" t="s">
        <v>39</v>
      </c>
      <c r="Q12665" s="5" t="s">
        <v>40</v>
      </c>
      <c r="R12665" s="5" t="s">
        <v>1522</v>
      </c>
      <c r="S12665" s="5" t="s">
        <v>1523</v>
      </c>
      <c r="T12665" s="5" t="s">
        <v>42</v>
      </c>
      <c r="U12665" s="2">
        <v>1.73</v>
      </c>
      <c r="V12665" s="2">
        <v>1.173</v>
      </c>
      <c r="W12665" s="2">
        <v>1.7999999999999999E-2</v>
      </c>
      <c r="X12665" s="2">
        <v>139.1</v>
      </c>
      <c r="Y12665" s="2">
        <v>7.6</v>
      </c>
      <c r="Z12665" s="2">
        <v>16.7</v>
      </c>
      <c r="AA12665" s="5"/>
      <c r="AB12665" s="5" t="s">
        <v>43</v>
      </c>
      <c r="AC12665" s="5" t="s">
        <v>44</v>
      </c>
      <c r="AD12665" s="2"/>
      <c r="AE12665" s="1"/>
    </row>
    <row r="12666" spans="1:31" ht="14.45">
      <c r="A12666" s="11"/>
      <c r="B12666" s="20"/>
      <c r="C12666" s="2" t="s">
        <v>38926</v>
      </c>
      <c r="D12666" s="14" t="s">
        <v>38927</v>
      </c>
      <c r="E12666" s="2" t="s">
        <v>38928</v>
      </c>
      <c r="F12666" s="2" t="s">
        <v>36389</v>
      </c>
      <c r="G12666" s="8">
        <v>196</v>
      </c>
      <c r="H12666" s="5">
        <v>6</v>
      </c>
      <c r="I12666" s="5" t="s">
        <v>1518</v>
      </c>
      <c r="J12666" s="5" t="s">
        <v>36264</v>
      </c>
      <c r="K12666" s="2" t="s">
        <v>36265</v>
      </c>
      <c r="L12666" s="5" t="s">
        <v>36264</v>
      </c>
      <c r="M12666" s="2" t="s">
        <v>36265</v>
      </c>
      <c r="N12666" s="5" t="s">
        <v>36266</v>
      </c>
      <c r="O12666" s="5" t="s">
        <v>38</v>
      </c>
      <c r="P12666" s="5" t="s">
        <v>39</v>
      </c>
      <c r="Q12666" s="5" t="s">
        <v>40</v>
      </c>
      <c r="R12666" s="5" t="s">
        <v>1522</v>
      </c>
      <c r="S12666" s="5" t="s">
        <v>1523</v>
      </c>
      <c r="T12666" s="5" t="s">
        <v>42</v>
      </c>
      <c r="U12666" s="2">
        <v>1.7609999999999999</v>
      </c>
      <c r="V12666" s="2">
        <v>1.204</v>
      </c>
      <c r="W12666" s="2">
        <v>1.7999999999999999E-2</v>
      </c>
      <c r="X12666" s="2">
        <v>139.1</v>
      </c>
      <c r="Y12666" s="2">
        <v>7.6</v>
      </c>
      <c r="Z12666" s="2">
        <v>16.7</v>
      </c>
      <c r="AA12666" s="5"/>
      <c r="AB12666" s="5" t="s">
        <v>43</v>
      </c>
      <c r="AC12666" s="5" t="s">
        <v>44</v>
      </c>
      <c r="AD12666" s="2"/>
      <c r="AE12666" s="1"/>
    </row>
    <row r="12667" spans="1:31" ht="14.45">
      <c r="A12667" s="11"/>
      <c r="B12667" s="20"/>
      <c r="C12667" s="2" t="s">
        <v>38929</v>
      </c>
      <c r="D12667" s="14" t="s">
        <v>38930</v>
      </c>
      <c r="E12667" s="2" t="s">
        <v>38931</v>
      </c>
      <c r="F12667" s="2" t="s">
        <v>7204</v>
      </c>
      <c r="G12667" s="8">
        <v>185</v>
      </c>
      <c r="H12667" s="5">
        <v>6</v>
      </c>
      <c r="I12667" s="5" t="s">
        <v>1518</v>
      </c>
      <c r="J12667" s="5" t="s">
        <v>36264</v>
      </c>
      <c r="K12667" s="2" t="s">
        <v>36265</v>
      </c>
      <c r="L12667" s="5" t="s">
        <v>36264</v>
      </c>
      <c r="M12667" s="2" t="s">
        <v>36265</v>
      </c>
      <c r="N12667" s="5" t="s">
        <v>36266</v>
      </c>
      <c r="O12667" s="5" t="s">
        <v>38</v>
      </c>
      <c r="P12667" s="5" t="s">
        <v>39</v>
      </c>
      <c r="Q12667" s="5" t="s">
        <v>40</v>
      </c>
      <c r="R12667" s="5" t="s">
        <v>1522</v>
      </c>
      <c r="S12667" s="5" t="s">
        <v>1523</v>
      </c>
      <c r="T12667" s="5" t="s">
        <v>42</v>
      </c>
      <c r="U12667" s="2">
        <v>1.9159999999999999</v>
      </c>
      <c r="V12667" s="2">
        <v>1.276</v>
      </c>
      <c r="W12667" s="2">
        <v>0.02</v>
      </c>
      <c r="X12667" s="2">
        <v>159.1</v>
      </c>
      <c r="Y12667" s="2">
        <v>7.6</v>
      </c>
      <c r="Z12667" s="2">
        <v>16.7</v>
      </c>
      <c r="AA12667" s="5"/>
      <c r="AB12667" s="5" t="s">
        <v>43</v>
      </c>
      <c r="AC12667" s="5" t="s">
        <v>44</v>
      </c>
      <c r="AD12667" s="2"/>
      <c r="AE12667" s="1"/>
    </row>
    <row r="12668" spans="1:31" ht="14.45">
      <c r="A12668" s="11"/>
      <c r="B12668" s="20"/>
      <c r="C12668" s="2" t="s">
        <v>38932</v>
      </c>
      <c r="D12668" s="14" t="s">
        <v>38933</v>
      </c>
      <c r="E12668" s="2" t="s">
        <v>38934</v>
      </c>
      <c r="F12668" s="2" t="s">
        <v>7514</v>
      </c>
      <c r="G12668" s="8">
        <v>185</v>
      </c>
      <c r="H12668" s="5">
        <v>6</v>
      </c>
      <c r="I12668" s="5" t="s">
        <v>1518</v>
      </c>
      <c r="J12668" s="5" t="s">
        <v>36264</v>
      </c>
      <c r="K12668" s="2" t="s">
        <v>36265</v>
      </c>
      <c r="L12668" s="5" t="s">
        <v>36264</v>
      </c>
      <c r="M12668" s="2" t="s">
        <v>36265</v>
      </c>
      <c r="N12668" s="5" t="s">
        <v>36266</v>
      </c>
      <c r="O12668" s="5" t="s">
        <v>38</v>
      </c>
      <c r="P12668" s="5" t="s">
        <v>39</v>
      </c>
      <c r="Q12668" s="5" t="s">
        <v>40</v>
      </c>
      <c r="R12668" s="5" t="s">
        <v>1522</v>
      </c>
      <c r="S12668" s="5" t="s">
        <v>1523</v>
      </c>
      <c r="T12668" s="5" t="s">
        <v>42</v>
      </c>
      <c r="U12668" s="2">
        <v>1.9470000000000001</v>
      </c>
      <c r="V12668" s="2">
        <v>1.3069999999999999</v>
      </c>
      <c r="W12668" s="2">
        <v>0.02</v>
      </c>
      <c r="X12668" s="2">
        <v>159.1</v>
      </c>
      <c r="Y12668" s="2">
        <v>7.6</v>
      </c>
      <c r="Z12668" s="2">
        <v>16.7</v>
      </c>
      <c r="AA12668" s="5"/>
      <c r="AB12668" s="5" t="s">
        <v>43</v>
      </c>
      <c r="AC12668" s="5" t="s">
        <v>44</v>
      </c>
      <c r="AD12668" s="2"/>
      <c r="AE12668" s="1"/>
    </row>
    <row r="12669" spans="1:31" ht="14.45">
      <c r="A12669" s="11"/>
      <c r="B12669" s="20"/>
      <c r="C12669" s="2" t="s">
        <v>38935</v>
      </c>
      <c r="D12669" s="14" t="s">
        <v>38936</v>
      </c>
      <c r="E12669" s="2" t="s">
        <v>38937</v>
      </c>
      <c r="F12669" s="2" t="s">
        <v>36273</v>
      </c>
      <c r="G12669" s="8">
        <v>185</v>
      </c>
      <c r="H12669" s="5">
        <v>6</v>
      </c>
      <c r="I12669" s="5" t="s">
        <v>1518</v>
      </c>
      <c r="J12669" s="5" t="s">
        <v>36264</v>
      </c>
      <c r="K12669" s="2" t="s">
        <v>36265</v>
      </c>
      <c r="L12669" s="5" t="s">
        <v>36264</v>
      </c>
      <c r="M12669" s="2" t="s">
        <v>36265</v>
      </c>
      <c r="N12669" s="5" t="s">
        <v>36266</v>
      </c>
      <c r="O12669" s="5" t="s">
        <v>38</v>
      </c>
      <c r="P12669" s="5" t="s">
        <v>39</v>
      </c>
      <c r="Q12669" s="5" t="s">
        <v>40</v>
      </c>
      <c r="R12669" s="5" t="s">
        <v>1522</v>
      </c>
      <c r="S12669" s="5" t="s">
        <v>1523</v>
      </c>
      <c r="T12669" s="5" t="s">
        <v>42</v>
      </c>
      <c r="U12669" s="2">
        <v>1.9159999999999999</v>
      </c>
      <c r="V12669" s="2">
        <v>1.276</v>
      </c>
      <c r="W12669" s="2">
        <v>0.02</v>
      </c>
      <c r="X12669" s="2">
        <v>159.1</v>
      </c>
      <c r="Y12669" s="2">
        <v>7.6</v>
      </c>
      <c r="Z12669" s="2">
        <v>16.7</v>
      </c>
      <c r="AA12669" s="5"/>
      <c r="AB12669" s="5" t="s">
        <v>43</v>
      </c>
      <c r="AC12669" s="5" t="s">
        <v>44</v>
      </c>
      <c r="AD12669" s="2"/>
      <c r="AE12669" s="1"/>
    </row>
    <row r="12670" spans="1:31" ht="14.45">
      <c r="A12670" s="11"/>
      <c r="B12670" s="20"/>
      <c r="C12670" s="2" t="s">
        <v>38938</v>
      </c>
      <c r="D12670" s="14" t="s">
        <v>38939</v>
      </c>
      <c r="E12670" s="2" t="s">
        <v>38940</v>
      </c>
      <c r="F12670" s="2" t="s">
        <v>36277</v>
      </c>
      <c r="G12670" s="8">
        <v>185</v>
      </c>
      <c r="H12670" s="5">
        <v>6</v>
      </c>
      <c r="I12670" s="5" t="s">
        <v>1518</v>
      </c>
      <c r="J12670" s="5" t="s">
        <v>36264</v>
      </c>
      <c r="K12670" s="2" t="s">
        <v>36265</v>
      </c>
      <c r="L12670" s="5" t="s">
        <v>36264</v>
      </c>
      <c r="M12670" s="2" t="s">
        <v>36265</v>
      </c>
      <c r="N12670" s="5" t="s">
        <v>36266</v>
      </c>
      <c r="O12670" s="5" t="s">
        <v>38</v>
      </c>
      <c r="P12670" s="5" t="s">
        <v>39</v>
      </c>
      <c r="Q12670" s="5" t="s">
        <v>40</v>
      </c>
      <c r="R12670" s="5" t="s">
        <v>1522</v>
      </c>
      <c r="S12670" s="5" t="s">
        <v>1523</v>
      </c>
      <c r="T12670" s="5" t="s">
        <v>42</v>
      </c>
      <c r="U12670" s="2">
        <v>1.9470000000000001</v>
      </c>
      <c r="V12670" s="2">
        <v>1.3069999999999999</v>
      </c>
      <c r="W12670" s="2">
        <v>0.02</v>
      </c>
      <c r="X12670" s="2">
        <v>159.1</v>
      </c>
      <c r="Y12670" s="2">
        <v>7.6</v>
      </c>
      <c r="Z12670" s="2">
        <v>16.7</v>
      </c>
      <c r="AA12670" s="5"/>
      <c r="AB12670" s="5" t="s">
        <v>43</v>
      </c>
      <c r="AC12670" s="5" t="s">
        <v>44</v>
      </c>
      <c r="AD12670" s="2"/>
      <c r="AE12670" s="1"/>
    </row>
    <row r="12671" spans="1:31" ht="14.45">
      <c r="A12671" s="11"/>
      <c r="B12671" s="20"/>
      <c r="C12671" s="2" t="s">
        <v>38941</v>
      </c>
      <c r="D12671" s="14" t="s">
        <v>38942</v>
      </c>
      <c r="E12671" s="2" t="s">
        <v>38943</v>
      </c>
      <c r="F12671" s="2" t="s">
        <v>36281</v>
      </c>
      <c r="G12671" s="8">
        <v>213</v>
      </c>
      <c r="H12671" s="5">
        <v>6</v>
      </c>
      <c r="I12671" s="5" t="s">
        <v>1518</v>
      </c>
      <c r="J12671" s="5" t="s">
        <v>36264</v>
      </c>
      <c r="K12671" s="2" t="s">
        <v>36265</v>
      </c>
      <c r="L12671" s="5" t="s">
        <v>36264</v>
      </c>
      <c r="M12671" s="2" t="s">
        <v>36265</v>
      </c>
      <c r="N12671" s="5" t="s">
        <v>36266</v>
      </c>
      <c r="O12671" s="5" t="s">
        <v>38</v>
      </c>
      <c r="P12671" s="5" t="s">
        <v>39</v>
      </c>
      <c r="Q12671" s="5" t="s">
        <v>40</v>
      </c>
      <c r="R12671" s="5" t="s">
        <v>1522</v>
      </c>
      <c r="S12671" s="5" t="s">
        <v>1523</v>
      </c>
      <c r="T12671" s="5" t="s">
        <v>42</v>
      </c>
      <c r="U12671" s="2">
        <v>1.9159999999999999</v>
      </c>
      <c r="V12671" s="2">
        <v>1.276</v>
      </c>
      <c r="W12671" s="2">
        <v>0.02</v>
      </c>
      <c r="X12671" s="2">
        <v>159.1</v>
      </c>
      <c r="Y12671" s="2">
        <v>7.6</v>
      </c>
      <c r="Z12671" s="2">
        <v>16.7</v>
      </c>
      <c r="AA12671" s="5"/>
      <c r="AB12671" s="5" t="s">
        <v>43</v>
      </c>
      <c r="AC12671" s="5" t="s">
        <v>44</v>
      </c>
      <c r="AD12671" s="2"/>
      <c r="AE12671" s="1"/>
    </row>
    <row r="12672" spans="1:31" ht="14.45">
      <c r="A12672" s="11"/>
      <c r="B12672" s="20"/>
      <c r="C12672" s="2" t="s">
        <v>38944</v>
      </c>
      <c r="D12672" s="14" t="s">
        <v>38945</v>
      </c>
      <c r="E12672" s="2" t="s">
        <v>38946</v>
      </c>
      <c r="F12672" s="2" t="s">
        <v>36285</v>
      </c>
      <c r="G12672" s="8">
        <v>213</v>
      </c>
      <c r="H12672" s="5">
        <v>6</v>
      </c>
      <c r="I12672" s="5" t="s">
        <v>1518</v>
      </c>
      <c r="J12672" s="5" t="s">
        <v>36264</v>
      </c>
      <c r="K12672" s="2" t="s">
        <v>36265</v>
      </c>
      <c r="L12672" s="5" t="s">
        <v>36264</v>
      </c>
      <c r="M12672" s="2" t="s">
        <v>36265</v>
      </c>
      <c r="N12672" s="5" t="s">
        <v>36266</v>
      </c>
      <c r="O12672" s="5" t="s">
        <v>38</v>
      </c>
      <c r="P12672" s="5" t="s">
        <v>39</v>
      </c>
      <c r="Q12672" s="5" t="s">
        <v>40</v>
      </c>
      <c r="R12672" s="5" t="s">
        <v>1522</v>
      </c>
      <c r="S12672" s="5" t="s">
        <v>1523</v>
      </c>
      <c r="T12672" s="5" t="s">
        <v>42</v>
      </c>
      <c r="U12672" s="2">
        <v>1.9470000000000001</v>
      </c>
      <c r="V12672" s="2">
        <v>1.3069999999999999</v>
      </c>
      <c r="W12672" s="2">
        <v>0.02</v>
      </c>
      <c r="X12672" s="2">
        <v>159.1</v>
      </c>
      <c r="Y12672" s="2">
        <v>7.6</v>
      </c>
      <c r="Z12672" s="2">
        <v>16.7</v>
      </c>
      <c r="AA12672" s="5"/>
      <c r="AB12672" s="5" t="s">
        <v>43</v>
      </c>
      <c r="AC12672" s="5" t="s">
        <v>44</v>
      </c>
      <c r="AD12672" s="2"/>
      <c r="AE12672" s="1"/>
    </row>
    <row r="12673" spans="1:31" ht="14.45">
      <c r="A12673" s="11"/>
      <c r="B12673" s="20"/>
      <c r="C12673" s="2" t="s">
        <v>38947</v>
      </c>
      <c r="D12673" s="14" t="s">
        <v>38948</v>
      </c>
      <c r="E12673" s="2" t="s">
        <v>38949</v>
      </c>
      <c r="F12673" s="2" t="s">
        <v>36289</v>
      </c>
      <c r="G12673" s="8">
        <v>213</v>
      </c>
      <c r="H12673" s="5">
        <v>6</v>
      </c>
      <c r="I12673" s="5" t="s">
        <v>1518</v>
      </c>
      <c r="J12673" s="5" t="s">
        <v>36264</v>
      </c>
      <c r="K12673" s="2" t="s">
        <v>36265</v>
      </c>
      <c r="L12673" s="5" t="s">
        <v>36264</v>
      </c>
      <c r="M12673" s="2" t="s">
        <v>36265</v>
      </c>
      <c r="N12673" s="5" t="s">
        <v>36266</v>
      </c>
      <c r="O12673" s="5" t="s">
        <v>38</v>
      </c>
      <c r="P12673" s="5" t="s">
        <v>39</v>
      </c>
      <c r="Q12673" s="5" t="s">
        <v>40</v>
      </c>
      <c r="R12673" s="5" t="s">
        <v>1522</v>
      </c>
      <c r="S12673" s="5" t="s">
        <v>1523</v>
      </c>
      <c r="T12673" s="5" t="s">
        <v>42</v>
      </c>
      <c r="U12673" s="2">
        <v>1.9159999999999999</v>
      </c>
      <c r="V12673" s="2">
        <v>1.276</v>
      </c>
      <c r="W12673" s="2">
        <v>1.2999999999999999E-2</v>
      </c>
      <c r="X12673" s="2">
        <v>99.1</v>
      </c>
      <c r="Y12673" s="2">
        <v>7.6</v>
      </c>
      <c r="Z12673" s="2">
        <v>16.7</v>
      </c>
      <c r="AA12673" s="5"/>
      <c r="AB12673" s="5" t="s">
        <v>43</v>
      </c>
      <c r="AC12673" s="5" t="s">
        <v>44</v>
      </c>
      <c r="AD12673" s="2"/>
      <c r="AE12673" s="1"/>
    </row>
    <row r="12674" spans="1:31" ht="14.45">
      <c r="A12674" s="11"/>
      <c r="B12674" s="20"/>
      <c r="C12674" s="2" t="s">
        <v>38950</v>
      </c>
      <c r="D12674" s="14" t="s">
        <v>38951</v>
      </c>
      <c r="E12674" s="2" t="s">
        <v>38952</v>
      </c>
      <c r="F12674" s="2" t="s">
        <v>36293</v>
      </c>
      <c r="G12674" s="8">
        <v>213</v>
      </c>
      <c r="H12674" s="5">
        <v>6</v>
      </c>
      <c r="I12674" s="5" t="s">
        <v>1518</v>
      </c>
      <c r="J12674" s="5" t="s">
        <v>36264</v>
      </c>
      <c r="K12674" s="2" t="s">
        <v>36265</v>
      </c>
      <c r="L12674" s="5" t="s">
        <v>36264</v>
      </c>
      <c r="M12674" s="2" t="s">
        <v>36265</v>
      </c>
      <c r="N12674" s="5" t="s">
        <v>36266</v>
      </c>
      <c r="O12674" s="5" t="s">
        <v>38</v>
      </c>
      <c r="P12674" s="5" t="s">
        <v>39</v>
      </c>
      <c r="Q12674" s="5" t="s">
        <v>40</v>
      </c>
      <c r="R12674" s="5" t="s">
        <v>1522</v>
      </c>
      <c r="S12674" s="5" t="s">
        <v>1523</v>
      </c>
      <c r="T12674" s="5" t="s">
        <v>42</v>
      </c>
      <c r="U12674" s="2">
        <v>1.9470000000000001</v>
      </c>
      <c r="V12674" s="2">
        <v>1.3069999999999999</v>
      </c>
      <c r="W12674" s="2">
        <v>0.02</v>
      </c>
      <c r="X12674" s="2">
        <v>159.1</v>
      </c>
      <c r="Y12674" s="2">
        <v>7.6</v>
      </c>
      <c r="Z12674" s="2">
        <v>16.7</v>
      </c>
      <c r="AA12674" s="5"/>
      <c r="AB12674" s="5" t="s">
        <v>43</v>
      </c>
      <c r="AC12674" s="5" t="s">
        <v>44</v>
      </c>
      <c r="AD12674" s="2"/>
      <c r="AE12674" s="1"/>
    </row>
    <row r="12675" spans="1:31" ht="14.45">
      <c r="A12675" s="11"/>
      <c r="B12675" s="20"/>
      <c r="C12675" s="2" t="s">
        <v>38953</v>
      </c>
      <c r="D12675" s="14" t="s">
        <v>38954</v>
      </c>
      <c r="E12675" s="2" t="s">
        <v>38955</v>
      </c>
      <c r="F12675" s="2" t="s">
        <v>36588</v>
      </c>
      <c r="G12675" s="8">
        <v>185</v>
      </c>
      <c r="H12675" s="5">
        <v>6</v>
      </c>
      <c r="I12675" s="5" t="s">
        <v>1518</v>
      </c>
      <c r="J12675" s="5" t="s">
        <v>36264</v>
      </c>
      <c r="K12675" s="2" t="s">
        <v>36265</v>
      </c>
      <c r="L12675" s="5" t="s">
        <v>36264</v>
      </c>
      <c r="M12675" s="2" t="s">
        <v>36265</v>
      </c>
      <c r="N12675" s="5" t="s">
        <v>36266</v>
      </c>
      <c r="O12675" s="5" t="s">
        <v>38</v>
      </c>
      <c r="P12675" s="5" t="s">
        <v>39</v>
      </c>
      <c r="Q12675" s="5" t="s">
        <v>40</v>
      </c>
      <c r="R12675" s="5" t="s">
        <v>1522</v>
      </c>
      <c r="S12675" s="5" t="s">
        <v>1523</v>
      </c>
      <c r="T12675" s="5" t="s">
        <v>42</v>
      </c>
      <c r="U12675" s="2">
        <v>1.9159999999999999</v>
      </c>
      <c r="V12675" s="2">
        <v>1.276</v>
      </c>
      <c r="W12675" s="2">
        <v>1.2999999999999999E-2</v>
      </c>
      <c r="X12675" s="2">
        <v>99.1</v>
      </c>
      <c r="Y12675" s="2">
        <v>7.6</v>
      </c>
      <c r="Z12675" s="2">
        <v>16.7</v>
      </c>
      <c r="AA12675" s="5"/>
      <c r="AB12675" s="5" t="s">
        <v>43</v>
      </c>
      <c r="AC12675" s="5" t="s">
        <v>44</v>
      </c>
      <c r="AD12675" s="2"/>
      <c r="AE12675" s="1"/>
    </row>
    <row r="12676" spans="1:31" ht="14.45">
      <c r="A12676" s="11"/>
      <c r="B12676" s="20"/>
      <c r="C12676" s="2" t="s">
        <v>38956</v>
      </c>
      <c r="D12676" s="14" t="s">
        <v>38957</v>
      </c>
      <c r="E12676" s="2" t="s">
        <v>38958</v>
      </c>
      <c r="F12676" s="2" t="s">
        <v>36592</v>
      </c>
      <c r="G12676" s="8">
        <v>185</v>
      </c>
      <c r="H12676" s="5">
        <v>6</v>
      </c>
      <c r="I12676" s="5" t="s">
        <v>1518</v>
      </c>
      <c r="J12676" s="5" t="s">
        <v>36264</v>
      </c>
      <c r="K12676" s="2" t="s">
        <v>36265</v>
      </c>
      <c r="L12676" s="5" t="s">
        <v>36264</v>
      </c>
      <c r="M12676" s="2" t="s">
        <v>36265</v>
      </c>
      <c r="N12676" s="5" t="s">
        <v>36266</v>
      </c>
      <c r="O12676" s="5" t="s">
        <v>38</v>
      </c>
      <c r="P12676" s="5" t="s">
        <v>39</v>
      </c>
      <c r="Q12676" s="5" t="s">
        <v>40</v>
      </c>
      <c r="R12676" s="5" t="s">
        <v>1522</v>
      </c>
      <c r="S12676" s="5" t="s">
        <v>1523</v>
      </c>
      <c r="T12676" s="5" t="s">
        <v>42</v>
      </c>
      <c r="U12676" s="2">
        <v>1.9470000000000001</v>
      </c>
      <c r="V12676" s="2">
        <v>1.3069999999999999</v>
      </c>
      <c r="W12676" s="2">
        <v>0.02</v>
      </c>
      <c r="X12676" s="2">
        <v>159.1</v>
      </c>
      <c r="Y12676" s="2">
        <v>7.6</v>
      </c>
      <c r="Z12676" s="2">
        <v>16.7</v>
      </c>
      <c r="AA12676" s="5"/>
      <c r="AB12676" s="5" t="s">
        <v>43</v>
      </c>
      <c r="AC12676" s="5" t="s">
        <v>44</v>
      </c>
      <c r="AD12676" s="2"/>
      <c r="AE12676" s="1"/>
    </row>
    <row r="12677" spans="1:31" ht="14.45">
      <c r="A12677" s="11"/>
      <c r="B12677" s="20"/>
      <c r="C12677" s="2" t="s">
        <v>38959</v>
      </c>
      <c r="D12677" s="14" t="s">
        <v>38960</v>
      </c>
      <c r="E12677" s="2" t="s">
        <v>38961</v>
      </c>
      <c r="F12677" s="2" t="s">
        <v>36305</v>
      </c>
      <c r="G12677" s="8">
        <v>185</v>
      </c>
      <c r="H12677" s="5">
        <v>6</v>
      </c>
      <c r="I12677" s="5" t="s">
        <v>1518</v>
      </c>
      <c r="J12677" s="5" t="s">
        <v>36264</v>
      </c>
      <c r="K12677" s="2" t="s">
        <v>36265</v>
      </c>
      <c r="L12677" s="5" t="s">
        <v>36264</v>
      </c>
      <c r="M12677" s="2" t="s">
        <v>36265</v>
      </c>
      <c r="N12677" s="5" t="s">
        <v>36266</v>
      </c>
      <c r="O12677" s="5" t="s">
        <v>38</v>
      </c>
      <c r="P12677" s="5" t="s">
        <v>39</v>
      </c>
      <c r="Q12677" s="5" t="s">
        <v>40</v>
      </c>
      <c r="R12677" s="5" t="s">
        <v>1522</v>
      </c>
      <c r="S12677" s="5" t="s">
        <v>1523</v>
      </c>
      <c r="T12677" s="5" t="s">
        <v>42</v>
      </c>
      <c r="U12677" s="2">
        <v>1.9159999999999999</v>
      </c>
      <c r="V12677" s="2">
        <v>1.276</v>
      </c>
      <c r="W12677" s="2">
        <v>0.02</v>
      </c>
      <c r="X12677" s="2">
        <v>159.1</v>
      </c>
      <c r="Y12677" s="2">
        <v>7.6</v>
      </c>
      <c r="Z12677" s="2">
        <v>16.7</v>
      </c>
      <c r="AA12677" s="5"/>
      <c r="AB12677" s="5" t="s">
        <v>43</v>
      </c>
      <c r="AC12677" s="5" t="s">
        <v>44</v>
      </c>
      <c r="AD12677" s="2"/>
      <c r="AE12677" s="1"/>
    </row>
    <row r="12678" spans="1:31" ht="14.45">
      <c r="A12678" s="11"/>
      <c r="B12678" s="20"/>
      <c r="C12678" s="2" t="s">
        <v>38962</v>
      </c>
      <c r="D12678" s="14" t="s">
        <v>38963</v>
      </c>
      <c r="E12678" s="2" t="s">
        <v>38964</v>
      </c>
      <c r="F12678" s="2" t="s">
        <v>36309</v>
      </c>
      <c r="G12678" s="8">
        <v>185</v>
      </c>
      <c r="H12678" s="5">
        <v>6</v>
      </c>
      <c r="I12678" s="5" t="s">
        <v>1518</v>
      </c>
      <c r="J12678" s="5" t="s">
        <v>36264</v>
      </c>
      <c r="K12678" s="2" t="s">
        <v>36265</v>
      </c>
      <c r="L12678" s="5" t="s">
        <v>36264</v>
      </c>
      <c r="M12678" s="2" t="s">
        <v>36265</v>
      </c>
      <c r="N12678" s="5" t="s">
        <v>36266</v>
      </c>
      <c r="O12678" s="5" t="s">
        <v>38</v>
      </c>
      <c r="P12678" s="5" t="s">
        <v>39</v>
      </c>
      <c r="Q12678" s="5" t="s">
        <v>40</v>
      </c>
      <c r="R12678" s="5" t="s">
        <v>1522</v>
      </c>
      <c r="S12678" s="5" t="s">
        <v>1523</v>
      </c>
      <c r="T12678" s="5" t="s">
        <v>42</v>
      </c>
      <c r="U12678" s="2">
        <v>1.9470000000000001</v>
      </c>
      <c r="V12678" s="2">
        <v>1.3069999999999999</v>
      </c>
      <c r="W12678" s="2">
        <v>0.02</v>
      </c>
      <c r="X12678" s="2">
        <v>159.1</v>
      </c>
      <c r="Y12678" s="2">
        <v>7.6</v>
      </c>
      <c r="Z12678" s="2">
        <v>16.7</v>
      </c>
      <c r="AA12678" s="5"/>
      <c r="AB12678" s="5" t="s">
        <v>43</v>
      </c>
      <c r="AC12678" s="5" t="s">
        <v>44</v>
      </c>
      <c r="AD12678" s="2"/>
      <c r="AE12678" s="1"/>
    </row>
    <row r="12679" spans="1:31" ht="14.45">
      <c r="A12679" s="11"/>
      <c r="B12679" s="20"/>
      <c r="C12679" s="2" t="s">
        <v>38965</v>
      </c>
      <c r="D12679" s="14" t="s">
        <v>38966</v>
      </c>
      <c r="E12679" s="2" t="s">
        <v>38967</v>
      </c>
      <c r="F12679" s="2" t="s">
        <v>36313</v>
      </c>
      <c r="G12679" s="8">
        <v>213</v>
      </c>
      <c r="H12679" s="5">
        <v>6</v>
      </c>
      <c r="I12679" s="5" t="s">
        <v>1518</v>
      </c>
      <c r="J12679" s="5" t="s">
        <v>36264</v>
      </c>
      <c r="K12679" s="2" t="s">
        <v>36265</v>
      </c>
      <c r="L12679" s="5" t="s">
        <v>36264</v>
      </c>
      <c r="M12679" s="2" t="s">
        <v>36265</v>
      </c>
      <c r="N12679" s="5" t="s">
        <v>36266</v>
      </c>
      <c r="O12679" s="5" t="s">
        <v>38</v>
      </c>
      <c r="P12679" s="5" t="s">
        <v>39</v>
      </c>
      <c r="Q12679" s="5" t="s">
        <v>40</v>
      </c>
      <c r="R12679" s="5" t="s">
        <v>1522</v>
      </c>
      <c r="S12679" s="5" t="s">
        <v>1523</v>
      </c>
      <c r="T12679" s="5" t="s">
        <v>42</v>
      </c>
      <c r="U12679" s="2">
        <v>1.9159999999999999</v>
      </c>
      <c r="V12679" s="2">
        <v>1.276</v>
      </c>
      <c r="W12679" s="2">
        <v>0.02</v>
      </c>
      <c r="X12679" s="2">
        <v>159.1</v>
      </c>
      <c r="Y12679" s="2">
        <v>7.6</v>
      </c>
      <c r="Z12679" s="2">
        <v>16.7</v>
      </c>
      <c r="AA12679" s="5"/>
      <c r="AB12679" s="5" t="s">
        <v>43</v>
      </c>
      <c r="AC12679" s="5" t="s">
        <v>44</v>
      </c>
      <c r="AD12679" s="2"/>
      <c r="AE12679" s="1"/>
    </row>
    <row r="12680" spans="1:31" ht="14.45">
      <c r="A12680" s="11"/>
      <c r="B12680" s="20"/>
      <c r="C12680" s="2" t="s">
        <v>38968</v>
      </c>
      <c r="D12680" s="14" t="s">
        <v>38969</v>
      </c>
      <c r="E12680" s="2" t="s">
        <v>38970</v>
      </c>
      <c r="F12680" s="2" t="s">
        <v>36317</v>
      </c>
      <c r="G12680" s="8">
        <v>213</v>
      </c>
      <c r="H12680" s="5">
        <v>6</v>
      </c>
      <c r="I12680" s="5" t="s">
        <v>1518</v>
      </c>
      <c r="J12680" s="5" t="s">
        <v>36264</v>
      </c>
      <c r="K12680" s="2" t="s">
        <v>36265</v>
      </c>
      <c r="L12680" s="5" t="s">
        <v>36264</v>
      </c>
      <c r="M12680" s="2" t="s">
        <v>36265</v>
      </c>
      <c r="N12680" s="5" t="s">
        <v>36266</v>
      </c>
      <c r="O12680" s="5" t="s">
        <v>38</v>
      </c>
      <c r="P12680" s="5" t="s">
        <v>39</v>
      </c>
      <c r="Q12680" s="5" t="s">
        <v>40</v>
      </c>
      <c r="R12680" s="5" t="s">
        <v>1522</v>
      </c>
      <c r="S12680" s="5" t="s">
        <v>1523</v>
      </c>
      <c r="T12680" s="5" t="s">
        <v>42</v>
      </c>
      <c r="U12680" s="2">
        <v>1.9470000000000001</v>
      </c>
      <c r="V12680" s="2">
        <v>1.3069999999999999</v>
      </c>
      <c r="W12680" s="2">
        <v>0.02</v>
      </c>
      <c r="X12680" s="2">
        <v>159.1</v>
      </c>
      <c r="Y12680" s="2">
        <v>7.6</v>
      </c>
      <c r="Z12680" s="2">
        <v>16.7</v>
      </c>
      <c r="AA12680" s="5"/>
      <c r="AB12680" s="5" t="s">
        <v>43</v>
      </c>
      <c r="AC12680" s="5" t="s">
        <v>44</v>
      </c>
      <c r="AD12680" s="2"/>
      <c r="AE12680" s="1"/>
    </row>
    <row r="12681" spans="1:31" ht="14.45">
      <c r="A12681" s="11"/>
      <c r="B12681" s="20"/>
      <c r="C12681" s="2" t="s">
        <v>38971</v>
      </c>
      <c r="D12681" s="14" t="s">
        <v>38972</v>
      </c>
      <c r="E12681" s="2" t="s">
        <v>38973</v>
      </c>
      <c r="F12681" s="2" t="s">
        <v>36321</v>
      </c>
      <c r="G12681" s="8">
        <v>213</v>
      </c>
      <c r="H12681" s="5">
        <v>6</v>
      </c>
      <c r="I12681" s="5" t="s">
        <v>1518</v>
      </c>
      <c r="J12681" s="5" t="s">
        <v>36264</v>
      </c>
      <c r="K12681" s="2" t="s">
        <v>36265</v>
      </c>
      <c r="L12681" s="5" t="s">
        <v>36264</v>
      </c>
      <c r="M12681" s="2" t="s">
        <v>36265</v>
      </c>
      <c r="N12681" s="5" t="s">
        <v>36266</v>
      </c>
      <c r="O12681" s="5" t="s">
        <v>38</v>
      </c>
      <c r="P12681" s="5" t="s">
        <v>39</v>
      </c>
      <c r="Q12681" s="5" t="s">
        <v>40</v>
      </c>
      <c r="R12681" s="5" t="s">
        <v>1522</v>
      </c>
      <c r="S12681" s="5" t="s">
        <v>1523</v>
      </c>
      <c r="T12681" s="5" t="s">
        <v>42</v>
      </c>
      <c r="U12681" s="2">
        <v>1.9159999999999999</v>
      </c>
      <c r="V12681" s="2">
        <v>1.276</v>
      </c>
      <c r="W12681" s="2">
        <v>0.02</v>
      </c>
      <c r="X12681" s="2">
        <v>159.1</v>
      </c>
      <c r="Y12681" s="2">
        <v>7.6</v>
      </c>
      <c r="Z12681" s="2">
        <v>16.7</v>
      </c>
      <c r="AA12681" s="5"/>
      <c r="AB12681" s="5" t="s">
        <v>43</v>
      </c>
      <c r="AC12681" s="5" t="s">
        <v>44</v>
      </c>
      <c r="AD12681" s="2"/>
      <c r="AE12681" s="1"/>
    </row>
    <row r="12682" spans="1:31" ht="14.45">
      <c r="A12682" s="11"/>
      <c r="B12682" s="20"/>
      <c r="C12682" s="2" t="s">
        <v>38974</v>
      </c>
      <c r="D12682" s="14" t="s">
        <v>38975</v>
      </c>
      <c r="E12682" s="2" t="s">
        <v>38976</v>
      </c>
      <c r="F12682" s="2" t="s">
        <v>36325</v>
      </c>
      <c r="G12682" s="8">
        <v>213</v>
      </c>
      <c r="H12682" s="5">
        <v>6</v>
      </c>
      <c r="I12682" s="5" t="s">
        <v>1518</v>
      </c>
      <c r="J12682" s="5" t="s">
        <v>36264</v>
      </c>
      <c r="K12682" s="2" t="s">
        <v>36265</v>
      </c>
      <c r="L12682" s="5" t="s">
        <v>36264</v>
      </c>
      <c r="M12682" s="2" t="s">
        <v>36265</v>
      </c>
      <c r="N12682" s="5" t="s">
        <v>36266</v>
      </c>
      <c r="O12682" s="5" t="s">
        <v>38</v>
      </c>
      <c r="P12682" s="5" t="s">
        <v>39</v>
      </c>
      <c r="Q12682" s="5" t="s">
        <v>40</v>
      </c>
      <c r="R12682" s="5" t="s">
        <v>1522</v>
      </c>
      <c r="S12682" s="5" t="s">
        <v>1523</v>
      </c>
      <c r="T12682" s="5" t="s">
        <v>42</v>
      </c>
      <c r="U12682" s="2">
        <v>1.9470000000000001</v>
      </c>
      <c r="V12682" s="2">
        <v>1.3069999999999999</v>
      </c>
      <c r="W12682" s="2">
        <v>0.02</v>
      </c>
      <c r="X12682" s="2">
        <v>159.1</v>
      </c>
      <c r="Y12682" s="2">
        <v>7.6</v>
      </c>
      <c r="Z12682" s="2">
        <v>16.7</v>
      </c>
      <c r="AA12682" s="5"/>
      <c r="AB12682" s="5" t="s">
        <v>43</v>
      </c>
      <c r="AC12682" s="5" t="s">
        <v>44</v>
      </c>
      <c r="AD12682" s="2"/>
      <c r="AE12682" s="1"/>
    </row>
    <row r="12683" spans="1:31" ht="14.45">
      <c r="A12683" s="11"/>
      <c r="B12683" s="20"/>
      <c r="C12683" s="2" t="s">
        <v>38977</v>
      </c>
      <c r="D12683" s="14" t="s">
        <v>38978</v>
      </c>
      <c r="E12683" s="2" t="s">
        <v>38979</v>
      </c>
      <c r="F12683" s="2" t="s">
        <v>36329</v>
      </c>
      <c r="G12683" s="8">
        <v>213</v>
      </c>
      <c r="H12683" s="5">
        <v>6</v>
      </c>
      <c r="I12683" s="5" t="s">
        <v>1518</v>
      </c>
      <c r="J12683" s="5" t="s">
        <v>36264</v>
      </c>
      <c r="K12683" s="2" t="s">
        <v>36265</v>
      </c>
      <c r="L12683" s="5" t="s">
        <v>36264</v>
      </c>
      <c r="M12683" s="2" t="s">
        <v>36265</v>
      </c>
      <c r="N12683" s="5" t="s">
        <v>36266</v>
      </c>
      <c r="O12683" s="5" t="s">
        <v>38</v>
      </c>
      <c r="P12683" s="5" t="s">
        <v>39</v>
      </c>
      <c r="Q12683" s="5" t="s">
        <v>40</v>
      </c>
      <c r="R12683" s="5" t="s">
        <v>1522</v>
      </c>
      <c r="S12683" s="5" t="s">
        <v>1523</v>
      </c>
      <c r="T12683" s="5" t="s">
        <v>42</v>
      </c>
      <c r="U12683" s="2">
        <v>1.9159999999999999</v>
      </c>
      <c r="V12683" s="2">
        <v>1.276</v>
      </c>
      <c r="W12683" s="2">
        <v>0.02</v>
      </c>
      <c r="X12683" s="2">
        <v>159.1</v>
      </c>
      <c r="Y12683" s="2">
        <v>7.6</v>
      </c>
      <c r="Z12683" s="2">
        <v>16.7</v>
      </c>
      <c r="AA12683" s="5"/>
      <c r="AB12683" s="5" t="s">
        <v>43</v>
      </c>
      <c r="AC12683" s="5" t="s">
        <v>44</v>
      </c>
      <c r="AD12683" s="2"/>
      <c r="AE12683" s="1"/>
    </row>
    <row r="12684" spans="1:31" ht="14.45">
      <c r="A12684" s="11"/>
      <c r="B12684" s="20"/>
      <c r="C12684" s="2" t="s">
        <v>38980</v>
      </c>
      <c r="D12684" s="14" t="s">
        <v>38981</v>
      </c>
      <c r="E12684" s="2" t="s">
        <v>38982</v>
      </c>
      <c r="F12684" s="2" t="s">
        <v>36333</v>
      </c>
      <c r="G12684" s="8">
        <v>213</v>
      </c>
      <c r="H12684" s="5">
        <v>6</v>
      </c>
      <c r="I12684" s="5" t="s">
        <v>1518</v>
      </c>
      <c r="J12684" s="5" t="s">
        <v>36264</v>
      </c>
      <c r="K12684" s="2" t="s">
        <v>36265</v>
      </c>
      <c r="L12684" s="5" t="s">
        <v>36264</v>
      </c>
      <c r="M12684" s="2" t="s">
        <v>36265</v>
      </c>
      <c r="N12684" s="5" t="s">
        <v>36266</v>
      </c>
      <c r="O12684" s="5" t="s">
        <v>38</v>
      </c>
      <c r="P12684" s="5" t="s">
        <v>39</v>
      </c>
      <c r="Q12684" s="5" t="s">
        <v>40</v>
      </c>
      <c r="R12684" s="5" t="s">
        <v>1522</v>
      </c>
      <c r="S12684" s="5" t="s">
        <v>1523</v>
      </c>
      <c r="T12684" s="5" t="s">
        <v>42</v>
      </c>
      <c r="U12684" s="2">
        <v>1.9470000000000001</v>
      </c>
      <c r="V12684" s="2">
        <v>1.3069999999999999</v>
      </c>
      <c r="W12684" s="2">
        <v>0.02</v>
      </c>
      <c r="X12684" s="2">
        <v>159.1</v>
      </c>
      <c r="Y12684" s="2">
        <v>7.6</v>
      </c>
      <c r="Z12684" s="2">
        <v>16.7</v>
      </c>
      <c r="AA12684" s="5"/>
      <c r="AB12684" s="5" t="s">
        <v>43</v>
      </c>
      <c r="AC12684" s="5" t="s">
        <v>44</v>
      </c>
      <c r="AD12684" s="2"/>
      <c r="AE12684" s="1"/>
    </row>
    <row r="12685" spans="1:31" ht="14.45">
      <c r="A12685" s="11"/>
      <c r="B12685" s="20"/>
      <c r="C12685" s="2" t="s">
        <v>38983</v>
      </c>
      <c r="D12685" s="14" t="s">
        <v>38984</v>
      </c>
      <c r="E12685" s="2" t="s">
        <v>38985</v>
      </c>
      <c r="F12685" s="2" t="s">
        <v>36337</v>
      </c>
      <c r="G12685" s="8">
        <v>213</v>
      </c>
      <c r="H12685" s="5">
        <v>6</v>
      </c>
      <c r="I12685" s="5" t="s">
        <v>1518</v>
      </c>
      <c r="J12685" s="5" t="s">
        <v>36264</v>
      </c>
      <c r="K12685" s="2" t="s">
        <v>36265</v>
      </c>
      <c r="L12685" s="5" t="s">
        <v>36264</v>
      </c>
      <c r="M12685" s="2" t="s">
        <v>36265</v>
      </c>
      <c r="N12685" s="5" t="s">
        <v>36266</v>
      </c>
      <c r="O12685" s="5" t="s">
        <v>38</v>
      </c>
      <c r="P12685" s="5" t="s">
        <v>39</v>
      </c>
      <c r="Q12685" s="5" t="s">
        <v>40</v>
      </c>
      <c r="R12685" s="5" t="s">
        <v>1522</v>
      </c>
      <c r="S12685" s="5" t="s">
        <v>1523</v>
      </c>
      <c r="T12685" s="5" t="s">
        <v>42</v>
      </c>
      <c r="U12685" s="2">
        <v>1.9159999999999999</v>
      </c>
      <c r="V12685" s="2">
        <v>1.276</v>
      </c>
      <c r="W12685" s="2">
        <v>0.02</v>
      </c>
      <c r="X12685" s="2">
        <v>159.1</v>
      </c>
      <c r="Y12685" s="2">
        <v>7.6</v>
      </c>
      <c r="Z12685" s="2">
        <v>16.7</v>
      </c>
      <c r="AA12685" s="5"/>
      <c r="AB12685" s="5" t="s">
        <v>43</v>
      </c>
      <c r="AC12685" s="5" t="s">
        <v>44</v>
      </c>
      <c r="AD12685" s="2"/>
      <c r="AE12685" s="1"/>
    </row>
    <row r="12686" spans="1:31" ht="14.45">
      <c r="A12686" s="11"/>
      <c r="B12686" s="20"/>
      <c r="C12686" s="2" t="s">
        <v>38986</v>
      </c>
      <c r="D12686" s="14" t="s">
        <v>38987</v>
      </c>
      <c r="E12686" s="2" t="s">
        <v>38988</v>
      </c>
      <c r="F12686" s="2" t="s">
        <v>36341</v>
      </c>
      <c r="G12686" s="8">
        <v>213</v>
      </c>
      <c r="H12686" s="5">
        <v>6</v>
      </c>
      <c r="I12686" s="5" t="s">
        <v>1518</v>
      </c>
      <c r="J12686" s="5" t="s">
        <v>36264</v>
      </c>
      <c r="K12686" s="2" t="s">
        <v>36265</v>
      </c>
      <c r="L12686" s="5" t="s">
        <v>36264</v>
      </c>
      <c r="M12686" s="2" t="s">
        <v>36265</v>
      </c>
      <c r="N12686" s="5" t="s">
        <v>36266</v>
      </c>
      <c r="O12686" s="5" t="s">
        <v>38</v>
      </c>
      <c r="P12686" s="5" t="s">
        <v>39</v>
      </c>
      <c r="Q12686" s="5" t="s">
        <v>40</v>
      </c>
      <c r="R12686" s="5" t="s">
        <v>1522</v>
      </c>
      <c r="S12686" s="5" t="s">
        <v>1523</v>
      </c>
      <c r="T12686" s="5" t="s">
        <v>42</v>
      </c>
      <c r="U12686" s="2">
        <v>1.9470000000000001</v>
      </c>
      <c r="V12686" s="2">
        <v>1.3069999999999999</v>
      </c>
      <c r="W12686" s="2">
        <v>0.02</v>
      </c>
      <c r="X12686" s="2">
        <v>159.1</v>
      </c>
      <c r="Y12686" s="2">
        <v>7.6</v>
      </c>
      <c r="Z12686" s="2">
        <v>16.7</v>
      </c>
      <c r="AA12686" s="5"/>
      <c r="AB12686" s="5" t="s">
        <v>43</v>
      </c>
      <c r="AC12686" s="5" t="s">
        <v>44</v>
      </c>
      <c r="AD12686" s="2"/>
      <c r="AE12686" s="1"/>
    </row>
    <row r="12687" spans="1:31" ht="14.45">
      <c r="A12687" s="11"/>
      <c r="B12687" s="20"/>
      <c r="C12687" s="2" t="s">
        <v>38989</v>
      </c>
      <c r="D12687" s="14" t="s">
        <v>38990</v>
      </c>
      <c r="E12687" s="2" t="s">
        <v>38991</v>
      </c>
      <c r="F12687" s="2" t="s">
        <v>36345</v>
      </c>
      <c r="G12687" s="8">
        <v>213</v>
      </c>
      <c r="H12687" s="5">
        <v>6</v>
      </c>
      <c r="I12687" s="5" t="s">
        <v>1518</v>
      </c>
      <c r="J12687" s="5" t="s">
        <v>36264</v>
      </c>
      <c r="K12687" s="2" t="s">
        <v>36265</v>
      </c>
      <c r="L12687" s="5" t="s">
        <v>36264</v>
      </c>
      <c r="M12687" s="2" t="s">
        <v>36265</v>
      </c>
      <c r="N12687" s="5" t="s">
        <v>36266</v>
      </c>
      <c r="O12687" s="5" t="s">
        <v>38</v>
      </c>
      <c r="P12687" s="5" t="s">
        <v>39</v>
      </c>
      <c r="Q12687" s="5" t="s">
        <v>40</v>
      </c>
      <c r="R12687" s="5" t="s">
        <v>1522</v>
      </c>
      <c r="S12687" s="5" t="s">
        <v>1523</v>
      </c>
      <c r="T12687" s="5" t="s">
        <v>42</v>
      </c>
      <c r="U12687" s="2">
        <v>1.9159999999999999</v>
      </c>
      <c r="V12687" s="2">
        <v>1.276</v>
      </c>
      <c r="W12687" s="2">
        <v>0.02</v>
      </c>
      <c r="X12687" s="2">
        <v>159.1</v>
      </c>
      <c r="Y12687" s="2">
        <v>7.6</v>
      </c>
      <c r="Z12687" s="2">
        <v>16.7</v>
      </c>
      <c r="AA12687" s="5"/>
      <c r="AB12687" s="5" t="s">
        <v>43</v>
      </c>
      <c r="AC12687" s="5" t="s">
        <v>44</v>
      </c>
      <c r="AD12687" s="2"/>
      <c r="AE12687" s="1"/>
    </row>
    <row r="12688" spans="1:31" ht="14.45">
      <c r="A12688" s="11"/>
      <c r="B12688" s="20"/>
      <c r="C12688" s="2" t="s">
        <v>38992</v>
      </c>
      <c r="D12688" s="14" t="s">
        <v>38993</v>
      </c>
      <c r="E12688" s="2" t="s">
        <v>38994</v>
      </c>
      <c r="F12688" s="2" t="s">
        <v>36349</v>
      </c>
      <c r="G12688" s="8">
        <v>213</v>
      </c>
      <c r="H12688" s="5">
        <v>6</v>
      </c>
      <c r="I12688" s="5" t="s">
        <v>1518</v>
      </c>
      <c r="J12688" s="5" t="s">
        <v>36264</v>
      </c>
      <c r="K12688" s="2" t="s">
        <v>36265</v>
      </c>
      <c r="L12688" s="5" t="s">
        <v>36264</v>
      </c>
      <c r="M12688" s="2" t="s">
        <v>36265</v>
      </c>
      <c r="N12688" s="5" t="s">
        <v>36266</v>
      </c>
      <c r="O12688" s="5" t="s">
        <v>38</v>
      </c>
      <c r="P12688" s="5" t="s">
        <v>39</v>
      </c>
      <c r="Q12688" s="5" t="s">
        <v>40</v>
      </c>
      <c r="R12688" s="5" t="s">
        <v>1522</v>
      </c>
      <c r="S12688" s="5" t="s">
        <v>1523</v>
      </c>
      <c r="T12688" s="5" t="s">
        <v>42</v>
      </c>
      <c r="U12688" s="2">
        <v>1.9470000000000001</v>
      </c>
      <c r="V12688" s="2">
        <v>1.3069999999999999</v>
      </c>
      <c r="W12688" s="2">
        <v>0.02</v>
      </c>
      <c r="X12688" s="2">
        <v>159.1</v>
      </c>
      <c r="Y12688" s="2">
        <v>7.6</v>
      </c>
      <c r="Z12688" s="2">
        <v>16.7</v>
      </c>
      <c r="AA12688" s="5"/>
      <c r="AB12688" s="5" t="s">
        <v>43</v>
      </c>
      <c r="AC12688" s="5" t="s">
        <v>44</v>
      </c>
      <c r="AD12688" s="2"/>
      <c r="AE12688" s="1"/>
    </row>
    <row r="12689" spans="1:31" ht="14.45">
      <c r="A12689" s="11"/>
      <c r="B12689" s="20"/>
      <c r="C12689" s="2" t="s">
        <v>38995</v>
      </c>
      <c r="D12689" s="14" t="s">
        <v>38996</v>
      </c>
      <c r="E12689" s="2" t="s">
        <v>38997</v>
      </c>
      <c r="F12689" s="2" t="s">
        <v>36353</v>
      </c>
      <c r="G12689" s="8">
        <v>213</v>
      </c>
      <c r="H12689" s="5">
        <v>6</v>
      </c>
      <c r="I12689" s="5" t="s">
        <v>1518</v>
      </c>
      <c r="J12689" s="5" t="s">
        <v>36264</v>
      </c>
      <c r="K12689" s="2" t="s">
        <v>36265</v>
      </c>
      <c r="L12689" s="5" t="s">
        <v>36264</v>
      </c>
      <c r="M12689" s="2" t="s">
        <v>36265</v>
      </c>
      <c r="N12689" s="5" t="s">
        <v>36266</v>
      </c>
      <c r="O12689" s="5" t="s">
        <v>38</v>
      </c>
      <c r="P12689" s="5" t="s">
        <v>39</v>
      </c>
      <c r="Q12689" s="5" t="s">
        <v>40</v>
      </c>
      <c r="R12689" s="5" t="s">
        <v>1522</v>
      </c>
      <c r="S12689" s="5" t="s">
        <v>1523</v>
      </c>
      <c r="T12689" s="5" t="s">
        <v>42</v>
      </c>
      <c r="U12689" s="2">
        <v>1.9159999999999999</v>
      </c>
      <c r="V12689" s="2">
        <v>1.276</v>
      </c>
      <c r="W12689" s="2">
        <v>0.02</v>
      </c>
      <c r="X12689" s="2">
        <v>159.1</v>
      </c>
      <c r="Y12689" s="2">
        <v>7.6</v>
      </c>
      <c r="Z12689" s="2">
        <v>16.7</v>
      </c>
      <c r="AA12689" s="5"/>
      <c r="AB12689" s="5" t="s">
        <v>43</v>
      </c>
      <c r="AC12689" s="5" t="s">
        <v>44</v>
      </c>
      <c r="AD12689" s="2"/>
      <c r="AE12689" s="1"/>
    </row>
    <row r="12690" spans="1:31" ht="14.45">
      <c r="A12690" s="11"/>
      <c r="B12690" s="20"/>
      <c r="C12690" s="2" t="s">
        <v>38998</v>
      </c>
      <c r="D12690" s="14" t="s">
        <v>38999</v>
      </c>
      <c r="E12690" s="2" t="s">
        <v>39000</v>
      </c>
      <c r="F12690" s="2" t="s">
        <v>36357</v>
      </c>
      <c r="G12690" s="8">
        <v>213</v>
      </c>
      <c r="H12690" s="5">
        <v>6</v>
      </c>
      <c r="I12690" s="5" t="s">
        <v>1518</v>
      </c>
      <c r="J12690" s="5" t="s">
        <v>36264</v>
      </c>
      <c r="K12690" s="2" t="s">
        <v>36265</v>
      </c>
      <c r="L12690" s="5" t="s">
        <v>36264</v>
      </c>
      <c r="M12690" s="2" t="s">
        <v>36265</v>
      </c>
      <c r="N12690" s="5" t="s">
        <v>36266</v>
      </c>
      <c r="O12690" s="5" t="s">
        <v>38</v>
      </c>
      <c r="P12690" s="5" t="s">
        <v>39</v>
      </c>
      <c r="Q12690" s="5" t="s">
        <v>40</v>
      </c>
      <c r="R12690" s="5" t="s">
        <v>1522</v>
      </c>
      <c r="S12690" s="5" t="s">
        <v>1523</v>
      </c>
      <c r="T12690" s="5" t="s">
        <v>42</v>
      </c>
      <c r="U12690" s="2">
        <v>1.9470000000000001</v>
      </c>
      <c r="V12690" s="2">
        <v>1.3069999999999999</v>
      </c>
      <c r="W12690" s="2">
        <v>0.02</v>
      </c>
      <c r="X12690" s="2">
        <v>159.1</v>
      </c>
      <c r="Y12690" s="2">
        <v>7.6</v>
      </c>
      <c r="Z12690" s="2">
        <v>16.7</v>
      </c>
      <c r="AA12690" s="5"/>
      <c r="AB12690" s="5" t="s">
        <v>43</v>
      </c>
      <c r="AC12690" s="5" t="s">
        <v>44</v>
      </c>
      <c r="AD12690" s="2"/>
      <c r="AE12690" s="1"/>
    </row>
    <row r="12691" spans="1:31" ht="14.45">
      <c r="A12691" s="11"/>
      <c r="B12691" s="20"/>
      <c r="C12691" s="2" t="s">
        <v>39001</v>
      </c>
      <c r="D12691" s="14" t="s">
        <v>39002</v>
      </c>
      <c r="E12691" s="2" t="s">
        <v>39003</v>
      </c>
      <c r="F12691" s="2" t="s">
        <v>36361</v>
      </c>
      <c r="G12691" s="8">
        <v>213</v>
      </c>
      <c r="H12691" s="5">
        <v>6</v>
      </c>
      <c r="I12691" s="5" t="s">
        <v>1518</v>
      </c>
      <c r="J12691" s="5" t="s">
        <v>36264</v>
      </c>
      <c r="K12691" s="2" t="s">
        <v>36265</v>
      </c>
      <c r="L12691" s="5" t="s">
        <v>36264</v>
      </c>
      <c r="M12691" s="2" t="s">
        <v>36265</v>
      </c>
      <c r="N12691" s="5" t="s">
        <v>36266</v>
      </c>
      <c r="O12691" s="5" t="s">
        <v>38</v>
      </c>
      <c r="P12691" s="5" t="s">
        <v>39</v>
      </c>
      <c r="Q12691" s="5" t="s">
        <v>40</v>
      </c>
      <c r="R12691" s="5" t="s">
        <v>1522</v>
      </c>
      <c r="S12691" s="5" t="s">
        <v>1523</v>
      </c>
      <c r="T12691" s="5" t="s">
        <v>42</v>
      </c>
      <c r="U12691" s="2">
        <v>1.9159999999999999</v>
      </c>
      <c r="V12691" s="2">
        <v>1.276</v>
      </c>
      <c r="W12691" s="2">
        <v>0.02</v>
      </c>
      <c r="X12691" s="2">
        <v>159.1</v>
      </c>
      <c r="Y12691" s="2">
        <v>7.6</v>
      </c>
      <c r="Z12691" s="2">
        <v>16.7</v>
      </c>
      <c r="AA12691" s="5"/>
      <c r="AB12691" s="5" t="s">
        <v>43</v>
      </c>
      <c r="AC12691" s="5" t="s">
        <v>44</v>
      </c>
      <c r="AD12691" s="2"/>
      <c r="AE12691" s="1"/>
    </row>
    <row r="12692" spans="1:31" ht="14.45">
      <c r="A12692" s="11"/>
      <c r="B12692" s="20"/>
      <c r="C12692" s="2" t="s">
        <v>39004</v>
      </c>
      <c r="D12692" s="14" t="s">
        <v>39005</v>
      </c>
      <c r="E12692" s="2" t="s">
        <v>39006</v>
      </c>
      <c r="F12692" s="2" t="s">
        <v>36365</v>
      </c>
      <c r="G12692" s="8">
        <v>213</v>
      </c>
      <c r="H12692" s="5">
        <v>6</v>
      </c>
      <c r="I12692" s="5" t="s">
        <v>1518</v>
      </c>
      <c r="J12692" s="5" t="s">
        <v>36264</v>
      </c>
      <c r="K12692" s="2" t="s">
        <v>36265</v>
      </c>
      <c r="L12692" s="5" t="s">
        <v>36264</v>
      </c>
      <c r="M12692" s="2" t="s">
        <v>36265</v>
      </c>
      <c r="N12692" s="5" t="s">
        <v>36266</v>
      </c>
      <c r="O12692" s="5" t="s">
        <v>38</v>
      </c>
      <c r="P12692" s="5" t="s">
        <v>39</v>
      </c>
      <c r="Q12692" s="5" t="s">
        <v>40</v>
      </c>
      <c r="R12692" s="5" t="s">
        <v>1522</v>
      </c>
      <c r="S12692" s="5" t="s">
        <v>1523</v>
      </c>
      <c r="T12692" s="5" t="s">
        <v>42</v>
      </c>
      <c r="U12692" s="2">
        <v>1.9470000000000001</v>
      </c>
      <c r="V12692" s="2">
        <v>1.3069999999999999</v>
      </c>
      <c r="W12692" s="2">
        <v>0.02</v>
      </c>
      <c r="X12692" s="2">
        <v>159.1</v>
      </c>
      <c r="Y12692" s="2">
        <v>7.6</v>
      </c>
      <c r="Z12692" s="2">
        <v>16.7</v>
      </c>
      <c r="AA12692" s="5"/>
      <c r="AB12692" s="5" t="s">
        <v>43</v>
      </c>
      <c r="AC12692" s="5" t="s">
        <v>44</v>
      </c>
      <c r="AD12692" s="2"/>
      <c r="AE12692" s="1"/>
    </row>
    <row r="12693" spans="1:31" ht="14.45">
      <c r="A12693" s="11"/>
      <c r="B12693" s="20"/>
      <c r="C12693" s="2" t="s">
        <v>39007</v>
      </c>
      <c r="D12693" s="14" t="s">
        <v>39008</v>
      </c>
      <c r="E12693" s="2" t="s">
        <v>39009</v>
      </c>
      <c r="F12693" s="2" t="s">
        <v>36644</v>
      </c>
      <c r="G12693" s="8">
        <v>213</v>
      </c>
      <c r="H12693" s="5">
        <v>6</v>
      </c>
      <c r="I12693" s="5" t="s">
        <v>1518</v>
      </c>
      <c r="J12693" s="5" t="s">
        <v>36264</v>
      </c>
      <c r="K12693" s="2" t="s">
        <v>36265</v>
      </c>
      <c r="L12693" s="5" t="s">
        <v>36264</v>
      </c>
      <c r="M12693" s="2" t="s">
        <v>36265</v>
      </c>
      <c r="N12693" s="5" t="s">
        <v>36266</v>
      </c>
      <c r="O12693" s="5" t="s">
        <v>38</v>
      </c>
      <c r="P12693" s="5" t="s">
        <v>39</v>
      </c>
      <c r="Q12693" s="5" t="s">
        <v>40</v>
      </c>
      <c r="R12693" s="5" t="s">
        <v>1522</v>
      </c>
      <c r="S12693" s="5" t="s">
        <v>1523</v>
      </c>
      <c r="T12693" s="5" t="s">
        <v>42</v>
      </c>
      <c r="U12693" s="2">
        <v>1.9159999999999999</v>
      </c>
      <c r="V12693" s="2">
        <v>1.276</v>
      </c>
      <c r="W12693" s="2">
        <v>0.02</v>
      </c>
      <c r="X12693" s="2">
        <v>159.1</v>
      </c>
      <c r="Y12693" s="2">
        <v>7.6</v>
      </c>
      <c r="Z12693" s="2">
        <v>16.7</v>
      </c>
      <c r="AA12693" s="5"/>
      <c r="AB12693" s="5" t="s">
        <v>43</v>
      </c>
      <c r="AC12693" s="5" t="s">
        <v>44</v>
      </c>
      <c r="AD12693" s="2"/>
      <c r="AE12693" s="1"/>
    </row>
    <row r="12694" spans="1:31" ht="14.45">
      <c r="A12694" s="11"/>
      <c r="B12694" s="20"/>
      <c r="C12694" s="2" t="s">
        <v>39010</v>
      </c>
      <c r="D12694" s="14" t="s">
        <v>39011</v>
      </c>
      <c r="E12694" s="2" t="s">
        <v>39012</v>
      </c>
      <c r="F12694" s="2" t="s">
        <v>36648</v>
      </c>
      <c r="G12694" s="8">
        <v>213</v>
      </c>
      <c r="H12694" s="5">
        <v>6</v>
      </c>
      <c r="I12694" s="5" t="s">
        <v>1518</v>
      </c>
      <c r="J12694" s="5" t="s">
        <v>36264</v>
      </c>
      <c r="K12694" s="2" t="s">
        <v>36265</v>
      </c>
      <c r="L12694" s="5" t="s">
        <v>36264</v>
      </c>
      <c r="M12694" s="2" t="s">
        <v>36265</v>
      </c>
      <c r="N12694" s="5" t="s">
        <v>36266</v>
      </c>
      <c r="O12694" s="5" t="s">
        <v>38</v>
      </c>
      <c r="P12694" s="5" t="s">
        <v>39</v>
      </c>
      <c r="Q12694" s="5" t="s">
        <v>40</v>
      </c>
      <c r="R12694" s="5" t="s">
        <v>1522</v>
      </c>
      <c r="S12694" s="5" t="s">
        <v>1523</v>
      </c>
      <c r="T12694" s="5" t="s">
        <v>42</v>
      </c>
      <c r="U12694" s="2">
        <v>1.9470000000000001</v>
      </c>
      <c r="V12694" s="2">
        <v>1.3069999999999999</v>
      </c>
      <c r="W12694" s="2">
        <v>0.02</v>
      </c>
      <c r="X12694" s="2">
        <v>159.1</v>
      </c>
      <c r="Y12694" s="2">
        <v>7.6</v>
      </c>
      <c r="Z12694" s="2">
        <v>16.7</v>
      </c>
      <c r="AA12694" s="5"/>
      <c r="AB12694" s="5" t="s">
        <v>43</v>
      </c>
      <c r="AC12694" s="5" t="s">
        <v>44</v>
      </c>
      <c r="AD12694" s="2"/>
      <c r="AE12694" s="1"/>
    </row>
    <row r="12695" spans="1:31" ht="14.45">
      <c r="A12695" s="11"/>
      <c r="B12695" s="20"/>
      <c r="C12695" s="2" t="s">
        <v>39013</v>
      </c>
      <c r="D12695" s="14" t="s">
        <v>39014</v>
      </c>
      <c r="E12695" s="2" t="s">
        <v>39015</v>
      </c>
      <c r="F12695" s="2" t="s">
        <v>36377</v>
      </c>
      <c r="G12695" s="8">
        <v>213</v>
      </c>
      <c r="H12695" s="5">
        <v>6</v>
      </c>
      <c r="I12695" s="5" t="s">
        <v>1518</v>
      </c>
      <c r="J12695" s="5" t="s">
        <v>36264</v>
      </c>
      <c r="K12695" s="2" t="s">
        <v>36265</v>
      </c>
      <c r="L12695" s="5" t="s">
        <v>36264</v>
      </c>
      <c r="M12695" s="2" t="s">
        <v>36265</v>
      </c>
      <c r="N12695" s="5" t="s">
        <v>36266</v>
      </c>
      <c r="O12695" s="5" t="s">
        <v>38</v>
      </c>
      <c r="P12695" s="5" t="s">
        <v>39</v>
      </c>
      <c r="Q12695" s="5" t="s">
        <v>40</v>
      </c>
      <c r="R12695" s="5" t="s">
        <v>1522</v>
      </c>
      <c r="S12695" s="5" t="s">
        <v>1523</v>
      </c>
      <c r="T12695" s="5" t="s">
        <v>42</v>
      </c>
      <c r="U12695" s="2">
        <v>1.9159999999999999</v>
      </c>
      <c r="V12695" s="2">
        <v>1.276</v>
      </c>
      <c r="W12695" s="2">
        <v>0.02</v>
      </c>
      <c r="X12695" s="2">
        <v>159.1</v>
      </c>
      <c r="Y12695" s="2">
        <v>7.6</v>
      </c>
      <c r="Z12695" s="2">
        <v>16.7</v>
      </c>
      <c r="AA12695" s="5"/>
      <c r="AB12695" s="5" t="s">
        <v>43</v>
      </c>
      <c r="AC12695" s="5" t="s">
        <v>44</v>
      </c>
      <c r="AD12695" s="2"/>
      <c r="AE12695" s="1"/>
    </row>
    <row r="12696" spans="1:31" ht="14.45">
      <c r="A12696" s="11"/>
      <c r="B12696" s="20"/>
      <c r="C12696" s="2" t="s">
        <v>39016</v>
      </c>
      <c r="D12696" s="14" t="s">
        <v>39017</v>
      </c>
      <c r="E12696" s="2" t="s">
        <v>39018</v>
      </c>
      <c r="F12696" s="2" t="s">
        <v>36381</v>
      </c>
      <c r="G12696" s="8">
        <v>213</v>
      </c>
      <c r="H12696" s="5">
        <v>6</v>
      </c>
      <c r="I12696" s="5" t="s">
        <v>1518</v>
      </c>
      <c r="J12696" s="5" t="s">
        <v>36264</v>
      </c>
      <c r="K12696" s="2" t="s">
        <v>36265</v>
      </c>
      <c r="L12696" s="5" t="s">
        <v>36264</v>
      </c>
      <c r="M12696" s="2" t="s">
        <v>36265</v>
      </c>
      <c r="N12696" s="5" t="s">
        <v>36266</v>
      </c>
      <c r="O12696" s="5" t="s">
        <v>38</v>
      </c>
      <c r="P12696" s="5" t="s">
        <v>39</v>
      </c>
      <c r="Q12696" s="5" t="s">
        <v>40</v>
      </c>
      <c r="R12696" s="5" t="s">
        <v>1522</v>
      </c>
      <c r="S12696" s="5" t="s">
        <v>1523</v>
      </c>
      <c r="T12696" s="5" t="s">
        <v>42</v>
      </c>
      <c r="U12696" s="2">
        <v>1.9470000000000001</v>
      </c>
      <c r="V12696" s="2">
        <v>1.3069999999999999</v>
      </c>
      <c r="W12696" s="2">
        <v>0.02</v>
      </c>
      <c r="X12696" s="2">
        <v>159.1</v>
      </c>
      <c r="Y12696" s="2">
        <v>7.6</v>
      </c>
      <c r="Z12696" s="2">
        <v>16.7</v>
      </c>
      <c r="AA12696" s="5"/>
      <c r="AB12696" s="5" t="s">
        <v>43</v>
      </c>
      <c r="AC12696" s="5" t="s">
        <v>44</v>
      </c>
      <c r="AD12696" s="2"/>
      <c r="AE12696" s="1"/>
    </row>
    <row r="12697" spans="1:31" ht="14.45">
      <c r="A12697" s="11"/>
      <c r="B12697" s="20"/>
      <c r="C12697" s="2" t="s">
        <v>39019</v>
      </c>
      <c r="D12697" s="14" t="s">
        <v>39020</v>
      </c>
      <c r="E12697" s="2" t="s">
        <v>39021</v>
      </c>
      <c r="F12697" s="2" t="s">
        <v>36385</v>
      </c>
      <c r="G12697" s="8">
        <v>213</v>
      </c>
      <c r="H12697" s="5">
        <v>6</v>
      </c>
      <c r="I12697" s="5" t="s">
        <v>1518</v>
      </c>
      <c r="J12697" s="5" t="s">
        <v>36264</v>
      </c>
      <c r="K12697" s="2" t="s">
        <v>36265</v>
      </c>
      <c r="L12697" s="5" t="s">
        <v>36264</v>
      </c>
      <c r="M12697" s="2" t="s">
        <v>36265</v>
      </c>
      <c r="N12697" s="5" t="s">
        <v>36266</v>
      </c>
      <c r="O12697" s="5" t="s">
        <v>38</v>
      </c>
      <c r="P12697" s="5" t="s">
        <v>39</v>
      </c>
      <c r="Q12697" s="5" t="s">
        <v>40</v>
      </c>
      <c r="R12697" s="5" t="s">
        <v>1522</v>
      </c>
      <c r="S12697" s="5" t="s">
        <v>1523</v>
      </c>
      <c r="T12697" s="5" t="s">
        <v>42</v>
      </c>
      <c r="U12697" s="2">
        <v>1.9159999999999999</v>
      </c>
      <c r="V12697" s="2">
        <v>1.276</v>
      </c>
      <c r="W12697" s="2">
        <v>0.02</v>
      </c>
      <c r="X12697" s="2">
        <v>159.1</v>
      </c>
      <c r="Y12697" s="2">
        <v>7.6</v>
      </c>
      <c r="Z12697" s="2">
        <v>16.7</v>
      </c>
      <c r="AA12697" s="5"/>
      <c r="AB12697" s="5" t="s">
        <v>43</v>
      </c>
      <c r="AC12697" s="5" t="s">
        <v>44</v>
      </c>
      <c r="AD12697" s="2"/>
      <c r="AE12697" s="1"/>
    </row>
    <row r="12698" spans="1:31" ht="14.45">
      <c r="A12698" s="11"/>
      <c r="B12698" s="20"/>
      <c r="C12698" s="2" t="s">
        <v>39022</v>
      </c>
      <c r="D12698" s="14" t="s">
        <v>39023</v>
      </c>
      <c r="E12698" s="2" t="s">
        <v>39024</v>
      </c>
      <c r="F12698" s="2" t="s">
        <v>36389</v>
      </c>
      <c r="G12698" s="8">
        <v>213</v>
      </c>
      <c r="H12698" s="5">
        <v>6</v>
      </c>
      <c r="I12698" s="5" t="s">
        <v>1518</v>
      </c>
      <c r="J12698" s="5" t="s">
        <v>36264</v>
      </c>
      <c r="K12698" s="2" t="s">
        <v>36265</v>
      </c>
      <c r="L12698" s="5" t="s">
        <v>36264</v>
      </c>
      <c r="M12698" s="2" t="s">
        <v>36265</v>
      </c>
      <c r="N12698" s="5" t="s">
        <v>36266</v>
      </c>
      <c r="O12698" s="5" t="s">
        <v>38</v>
      </c>
      <c r="P12698" s="5" t="s">
        <v>39</v>
      </c>
      <c r="Q12698" s="5" t="s">
        <v>40</v>
      </c>
      <c r="R12698" s="5" t="s">
        <v>1522</v>
      </c>
      <c r="S12698" s="5" t="s">
        <v>1523</v>
      </c>
      <c r="T12698" s="5" t="s">
        <v>42</v>
      </c>
      <c r="U12698" s="2">
        <v>1.9470000000000001</v>
      </c>
      <c r="V12698" s="2">
        <v>1.3069999999999999</v>
      </c>
      <c r="W12698" s="2">
        <v>0.02</v>
      </c>
      <c r="X12698" s="2">
        <v>159.1</v>
      </c>
      <c r="Y12698" s="2">
        <v>7.6</v>
      </c>
      <c r="Z12698" s="2">
        <v>16.7</v>
      </c>
      <c r="AA12698" s="5"/>
      <c r="AB12698" s="5" t="s">
        <v>43</v>
      </c>
      <c r="AC12698" s="5" t="s">
        <v>44</v>
      </c>
      <c r="AD12698" s="2"/>
      <c r="AE12698" s="1"/>
    </row>
    <row r="12699" spans="1:31" ht="14.45">
      <c r="A12699" s="11"/>
      <c r="B12699" s="20"/>
      <c r="C12699" s="2" t="s">
        <v>39025</v>
      </c>
      <c r="D12699" s="14" t="s">
        <v>39026</v>
      </c>
      <c r="E12699" s="2" t="s">
        <v>39027</v>
      </c>
      <c r="F12699" s="2" t="s">
        <v>7204</v>
      </c>
      <c r="G12699" s="8">
        <v>179</v>
      </c>
      <c r="H12699" s="5">
        <v>6</v>
      </c>
      <c r="I12699" s="5" t="s">
        <v>1518</v>
      </c>
      <c r="J12699" s="5" t="s">
        <v>36264</v>
      </c>
      <c r="K12699" s="2" t="s">
        <v>36265</v>
      </c>
      <c r="L12699" s="5" t="s">
        <v>36264</v>
      </c>
      <c r="M12699" s="2" t="s">
        <v>36265</v>
      </c>
      <c r="N12699" s="5" t="s">
        <v>36266</v>
      </c>
      <c r="O12699" s="5" t="s">
        <v>38</v>
      </c>
      <c r="P12699" s="5" t="s">
        <v>39</v>
      </c>
      <c r="Q12699" s="5" t="s">
        <v>40</v>
      </c>
      <c r="R12699" s="5" t="s">
        <v>1522</v>
      </c>
      <c r="S12699" s="5" t="s">
        <v>1523</v>
      </c>
      <c r="T12699" s="5" t="s">
        <v>42</v>
      </c>
      <c r="U12699" s="2">
        <v>1.5329999999999999</v>
      </c>
      <c r="V12699" s="2">
        <v>1.075</v>
      </c>
      <c r="W12699" s="2">
        <v>1.4999999999999999E-2</v>
      </c>
      <c r="X12699" s="2">
        <v>118.9</v>
      </c>
      <c r="Y12699" s="2">
        <v>7.6</v>
      </c>
      <c r="Z12699" s="2">
        <v>16.7</v>
      </c>
      <c r="AA12699" s="5"/>
      <c r="AB12699" s="5" t="s">
        <v>43</v>
      </c>
      <c r="AC12699" s="5" t="s">
        <v>44</v>
      </c>
      <c r="AD12699" s="2"/>
      <c r="AE12699" s="1"/>
    </row>
    <row r="12700" spans="1:31" ht="14.45">
      <c r="A12700" s="11"/>
      <c r="B12700" s="20"/>
      <c r="C12700" s="2" t="s">
        <v>39028</v>
      </c>
      <c r="D12700" s="14" t="s">
        <v>39029</v>
      </c>
      <c r="E12700" s="2" t="s">
        <v>39030</v>
      </c>
      <c r="F12700" s="2" t="s">
        <v>7514</v>
      </c>
      <c r="G12700" s="8">
        <v>179</v>
      </c>
      <c r="H12700" s="5">
        <v>6</v>
      </c>
      <c r="I12700" s="5" t="s">
        <v>1518</v>
      </c>
      <c r="J12700" s="5" t="s">
        <v>36264</v>
      </c>
      <c r="K12700" s="2" t="s">
        <v>36265</v>
      </c>
      <c r="L12700" s="5" t="s">
        <v>36264</v>
      </c>
      <c r="M12700" s="2" t="s">
        <v>36265</v>
      </c>
      <c r="N12700" s="5" t="s">
        <v>36266</v>
      </c>
      <c r="O12700" s="5" t="s">
        <v>38</v>
      </c>
      <c r="P12700" s="5" t="s">
        <v>39</v>
      </c>
      <c r="Q12700" s="5" t="s">
        <v>40</v>
      </c>
      <c r="R12700" s="5" t="s">
        <v>1522</v>
      </c>
      <c r="S12700" s="5" t="s">
        <v>1523</v>
      </c>
      <c r="T12700" s="5" t="s">
        <v>42</v>
      </c>
      <c r="U12700" s="2">
        <v>1.5740000000000001</v>
      </c>
      <c r="V12700" s="2">
        <v>1.1160000000000001</v>
      </c>
      <c r="W12700" s="2">
        <v>1.4999999999999999E-2</v>
      </c>
      <c r="X12700" s="2">
        <v>118.9</v>
      </c>
      <c r="Y12700" s="2">
        <v>7.6</v>
      </c>
      <c r="Z12700" s="2">
        <v>16.7</v>
      </c>
      <c r="AA12700" s="5"/>
      <c r="AB12700" s="5" t="s">
        <v>43</v>
      </c>
      <c r="AC12700" s="5" t="s">
        <v>44</v>
      </c>
      <c r="AD12700" s="2"/>
      <c r="AE12700" s="1"/>
    </row>
    <row r="12701" spans="1:31" ht="14.45">
      <c r="A12701" s="11"/>
      <c r="B12701" s="20"/>
      <c r="C12701" s="2" t="s">
        <v>39031</v>
      </c>
      <c r="D12701" s="14" t="s">
        <v>39032</v>
      </c>
      <c r="E12701" s="2" t="s">
        <v>39033</v>
      </c>
      <c r="F12701" s="2" t="s">
        <v>36273</v>
      </c>
      <c r="G12701" s="8">
        <v>179</v>
      </c>
      <c r="H12701" s="5">
        <v>6</v>
      </c>
      <c r="I12701" s="5" t="s">
        <v>1518</v>
      </c>
      <c r="J12701" s="5" t="s">
        <v>36264</v>
      </c>
      <c r="K12701" s="2" t="s">
        <v>36265</v>
      </c>
      <c r="L12701" s="5" t="s">
        <v>36264</v>
      </c>
      <c r="M12701" s="2" t="s">
        <v>36265</v>
      </c>
      <c r="N12701" s="5" t="s">
        <v>36266</v>
      </c>
      <c r="O12701" s="5" t="s">
        <v>38</v>
      </c>
      <c r="P12701" s="5" t="s">
        <v>39</v>
      </c>
      <c r="Q12701" s="5" t="s">
        <v>40</v>
      </c>
      <c r="R12701" s="5" t="s">
        <v>1522</v>
      </c>
      <c r="S12701" s="5" t="s">
        <v>1523</v>
      </c>
      <c r="T12701" s="5" t="s">
        <v>42</v>
      </c>
      <c r="U12701" s="2">
        <v>1.5329999999999999</v>
      </c>
      <c r="V12701" s="2">
        <v>1.075</v>
      </c>
      <c r="W12701" s="2">
        <v>1.4999999999999999E-2</v>
      </c>
      <c r="X12701" s="2">
        <v>118.9</v>
      </c>
      <c r="Y12701" s="2">
        <v>7.6</v>
      </c>
      <c r="Z12701" s="2">
        <v>16.7</v>
      </c>
      <c r="AA12701" s="5"/>
      <c r="AB12701" s="5" t="s">
        <v>43</v>
      </c>
      <c r="AC12701" s="5" t="s">
        <v>44</v>
      </c>
      <c r="AD12701" s="2"/>
      <c r="AE12701" s="1"/>
    </row>
    <row r="12702" spans="1:31" ht="14.45">
      <c r="A12702" s="11"/>
      <c r="B12702" s="20"/>
      <c r="C12702" s="2" t="s">
        <v>39034</v>
      </c>
      <c r="D12702" s="14" t="s">
        <v>39035</v>
      </c>
      <c r="E12702" s="2" t="s">
        <v>39036</v>
      </c>
      <c r="F12702" s="2" t="s">
        <v>36277</v>
      </c>
      <c r="G12702" s="8">
        <v>179</v>
      </c>
      <c r="H12702" s="5">
        <v>6</v>
      </c>
      <c r="I12702" s="5" t="s">
        <v>1518</v>
      </c>
      <c r="J12702" s="5" t="s">
        <v>36264</v>
      </c>
      <c r="K12702" s="2" t="s">
        <v>36265</v>
      </c>
      <c r="L12702" s="5" t="s">
        <v>36264</v>
      </c>
      <c r="M12702" s="2" t="s">
        <v>36265</v>
      </c>
      <c r="N12702" s="5" t="s">
        <v>36266</v>
      </c>
      <c r="O12702" s="5" t="s">
        <v>38</v>
      </c>
      <c r="P12702" s="5" t="s">
        <v>39</v>
      </c>
      <c r="Q12702" s="5" t="s">
        <v>40</v>
      </c>
      <c r="R12702" s="5" t="s">
        <v>1522</v>
      </c>
      <c r="S12702" s="5" t="s">
        <v>1523</v>
      </c>
      <c r="T12702" s="5" t="s">
        <v>42</v>
      </c>
      <c r="U12702" s="2">
        <v>1.5740000000000001</v>
      </c>
      <c r="V12702" s="2">
        <v>1.1160000000000001</v>
      </c>
      <c r="W12702" s="2">
        <v>1.4999999999999999E-2</v>
      </c>
      <c r="X12702" s="2">
        <v>118.9</v>
      </c>
      <c r="Y12702" s="2">
        <v>7.6</v>
      </c>
      <c r="Z12702" s="2">
        <v>16.7</v>
      </c>
      <c r="AA12702" s="5"/>
      <c r="AB12702" s="5" t="s">
        <v>43</v>
      </c>
      <c r="AC12702" s="5" t="s">
        <v>44</v>
      </c>
      <c r="AD12702" s="2"/>
      <c r="AE12702" s="1"/>
    </row>
    <row r="12703" spans="1:31" ht="14.45">
      <c r="A12703" s="11"/>
      <c r="B12703" s="20"/>
      <c r="C12703" s="2" t="s">
        <v>39037</v>
      </c>
      <c r="D12703" s="14" t="s">
        <v>39038</v>
      </c>
      <c r="E12703" s="2" t="s">
        <v>39039</v>
      </c>
      <c r="F12703" s="2" t="s">
        <v>36281</v>
      </c>
      <c r="G12703" s="8">
        <v>206</v>
      </c>
      <c r="H12703" s="5">
        <v>6</v>
      </c>
      <c r="I12703" s="5" t="s">
        <v>1518</v>
      </c>
      <c r="J12703" s="5" t="s">
        <v>36264</v>
      </c>
      <c r="K12703" s="2" t="s">
        <v>36265</v>
      </c>
      <c r="L12703" s="5" t="s">
        <v>36264</v>
      </c>
      <c r="M12703" s="2" t="s">
        <v>36265</v>
      </c>
      <c r="N12703" s="5" t="s">
        <v>36266</v>
      </c>
      <c r="O12703" s="5" t="s">
        <v>38</v>
      </c>
      <c r="P12703" s="5" t="s">
        <v>39</v>
      </c>
      <c r="Q12703" s="5" t="s">
        <v>40</v>
      </c>
      <c r="R12703" s="5" t="s">
        <v>1522</v>
      </c>
      <c r="S12703" s="5" t="s">
        <v>1523</v>
      </c>
      <c r="T12703" s="5" t="s">
        <v>42</v>
      </c>
      <c r="U12703" s="2">
        <v>1.5329999999999999</v>
      </c>
      <c r="V12703" s="2">
        <v>1.075</v>
      </c>
      <c r="W12703" s="2">
        <v>1.4999999999999999E-2</v>
      </c>
      <c r="X12703" s="2">
        <v>118.9</v>
      </c>
      <c r="Y12703" s="2">
        <v>7.6</v>
      </c>
      <c r="Z12703" s="2">
        <v>16.7</v>
      </c>
      <c r="AA12703" s="5"/>
      <c r="AB12703" s="5" t="s">
        <v>43</v>
      </c>
      <c r="AC12703" s="5" t="s">
        <v>44</v>
      </c>
      <c r="AD12703" s="2"/>
      <c r="AE12703" s="1"/>
    </row>
    <row r="12704" spans="1:31" ht="14.45">
      <c r="A12704" s="11"/>
      <c r="B12704" s="20"/>
      <c r="C12704" s="2" t="s">
        <v>39040</v>
      </c>
      <c r="D12704" s="14" t="s">
        <v>39041</v>
      </c>
      <c r="E12704" s="2" t="s">
        <v>39042</v>
      </c>
      <c r="F12704" s="2" t="s">
        <v>36285</v>
      </c>
      <c r="G12704" s="8">
        <v>206</v>
      </c>
      <c r="H12704" s="5">
        <v>6</v>
      </c>
      <c r="I12704" s="5" t="s">
        <v>1518</v>
      </c>
      <c r="J12704" s="5" t="s">
        <v>36264</v>
      </c>
      <c r="K12704" s="2" t="s">
        <v>36265</v>
      </c>
      <c r="L12704" s="5" t="s">
        <v>36264</v>
      </c>
      <c r="M12704" s="2" t="s">
        <v>36265</v>
      </c>
      <c r="N12704" s="5" t="s">
        <v>36266</v>
      </c>
      <c r="O12704" s="5" t="s">
        <v>38</v>
      </c>
      <c r="P12704" s="5" t="s">
        <v>39</v>
      </c>
      <c r="Q12704" s="5" t="s">
        <v>40</v>
      </c>
      <c r="R12704" s="5" t="s">
        <v>1522</v>
      </c>
      <c r="S12704" s="5" t="s">
        <v>1523</v>
      </c>
      <c r="T12704" s="5" t="s">
        <v>42</v>
      </c>
      <c r="U12704" s="2">
        <v>1.5740000000000001</v>
      </c>
      <c r="V12704" s="2">
        <v>1.1160000000000001</v>
      </c>
      <c r="W12704" s="2">
        <v>1.4999999999999999E-2</v>
      </c>
      <c r="X12704" s="2">
        <v>118.9</v>
      </c>
      <c r="Y12704" s="2">
        <v>7.6</v>
      </c>
      <c r="Z12704" s="2">
        <v>16.7</v>
      </c>
      <c r="AA12704" s="5"/>
      <c r="AB12704" s="5" t="s">
        <v>43</v>
      </c>
      <c r="AC12704" s="5" t="s">
        <v>44</v>
      </c>
      <c r="AD12704" s="2"/>
      <c r="AE12704" s="1"/>
    </row>
    <row r="12705" spans="1:31" ht="14.45">
      <c r="A12705" s="11"/>
      <c r="B12705" s="20"/>
      <c r="C12705" s="2" t="s">
        <v>39043</v>
      </c>
      <c r="D12705" s="14" t="s">
        <v>39044</v>
      </c>
      <c r="E12705" s="2" t="s">
        <v>39045</v>
      </c>
      <c r="F12705" s="2" t="s">
        <v>36289</v>
      </c>
      <c r="G12705" s="8">
        <v>206</v>
      </c>
      <c r="H12705" s="5">
        <v>6</v>
      </c>
      <c r="I12705" s="5" t="s">
        <v>1518</v>
      </c>
      <c r="J12705" s="5" t="s">
        <v>36264</v>
      </c>
      <c r="K12705" s="2" t="s">
        <v>36265</v>
      </c>
      <c r="L12705" s="5" t="s">
        <v>36264</v>
      </c>
      <c r="M12705" s="2" t="s">
        <v>36265</v>
      </c>
      <c r="N12705" s="5" t="s">
        <v>36266</v>
      </c>
      <c r="O12705" s="5" t="s">
        <v>38</v>
      </c>
      <c r="P12705" s="5" t="s">
        <v>39</v>
      </c>
      <c r="Q12705" s="5" t="s">
        <v>40</v>
      </c>
      <c r="R12705" s="5" t="s">
        <v>1522</v>
      </c>
      <c r="S12705" s="5" t="s">
        <v>1523</v>
      </c>
      <c r="T12705" s="5" t="s">
        <v>42</v>
      </c>
      <c r="U12705" s="2">
        <v>1.5329999999999999</v>
      </c>
      <c r="V12705" s="2">
        <v>1.075</v>
      </c>
      <c r="W12705" s="2">
        <v>1.4999999999999999E-2</v>
      </c>
      <c r="X12705" s="2">
        <v>118.9</v>
      </c>
      <c r="Y12705" s="2">
        <v>7.6</v>
      </c>
      <c r="Z12705" s="2">
        <v>16.7</v>
      </c>
      <c r="AA12705" s="5"/>
      <c r="AB12705" s="5" t="s">
        <v>43</v>
      </c>
      <c r="AC12705" s="5" t="s">
        <v>44</v>
      </c>
      <c r="AD12705" s="2"/>
      <c r="AE12705" s="1"/>
    </row>
    <row r="12706" spans="1:31" ht="14.45">
      <c r="A12706" s="11"/>
      <c r="B12706" s="20"/>
      <c r="C12706" s="2" t="s">
        <v>39046</v>
      </c>
      <c r="D12706" s="14" t="s">
        <v>39047</v>
      </c>
      <c r="E12706" s="2" t="s">
        <v>39048</v>
      </c>
      <c r="F12706" s="2" t="s">
        <v>36293</v>
      </c>
      <c r="G12706" s="8">
        <v>206</v>
      </c>
      <c r="H12706" s="5">
        <v>6</v>
      </c>
      <c r="I12706" s="5" t="s">
        <v>1518</v>
      </c>
      <c r="J12706" s="5" t="s">
        <v>36264</v>
      </c>
      <c r="K12706" s="2" t="s">
        <v>36265</v>
      </c>
      <c r="L12706" s="5" t="s">
        <v>36264</v>
      </c>
      <c r="M12706" s="2" t="s">
        <v>36265</v>
      </c>
      <c r="N12706" s="5" t="s">
        <v>36266</v>
      </c>
      <c r="O12706" s="5" t="s">
        <v>38</v>
      </c>
      <c r="P12706" s="5" t="s">
        <v>39</v>
      </c>
      <c r="Q12706" s="5" t="s">
        <v>40</v>
      </c>
      <c r="R12706" s="5" t="s">
        <v>1522</v>
      </c>
      <c r="S12706" s="5" t="s">
        <v>1523</v>
      </c>
      <c r="T12706" s="5" t="s">
        <v>42</v>
      </c>
      <c r="U12706" s="2">
        <v>1.5740000000000001</v>
      </c>
      <c r="V12706" s="2">
        <v>1.1160000000000001</v>
      </c>
      <c r="W12706" s="2">
        <v>1.4999999999999999E-2</v>
      </c>
      <c r="X12706" s="2">
        <v>118.9</v>
      </c>
      <c r="Y12706" s="2">
        <v>7.6</v>
      </c>
      <c r="Z12706" s="2">
        <v>16.7</v>
      </c>
      <c r="AA12706" s="5"/>
      <c r="AB12706" s="5" t="s">
        <v>43</v>
      </c>
      <c r="AC12706" s="5" t="s">
        <v>44</v>
      </c>
      <c r="AD12706" s="2"/>
      <c r="AE12706" s="1"/>
    </row>
    <row r="12707" spans="1:31" ht="14.45">
      <c r="A12707" s="11"/>
      <c r="B12707" s="20"/>
      <c r="C12707" s="2" t="s">
        <v>39049</v>
      </c>
      <c r="D12707" s="14" t="s">
        <v>39050</v>
      </c>
      <c r="E12707" s="2" t="s">
        <v>39051</v>
      </c>
      <c r="F12707" s="2" t="s">
        <v>36297</v>
      </c>
      <c r="G12707" s="8">
        <v>179</v>
      </c>
      <c r="H12707" s="5">
        <v>6</v>
      </c>
      <c r="I12707" s="5" t="s">
        <v>1518</v>
      </c>
      <c r="J12707" s="5" t="s">
        <v>36264</v>
      </c>
      <c r="K12707" s="2" t="s">
        <v>36265</v>
      </c>
      <c r="L12707" s="5" t="s">
        <v>36264</v>
      </c>
      <c r="M12707" s="2" t="s">
        <v>36265</v>
      </c>
      <c r="N12707" s="5" t="s">
        <v>36266</v>
      </c>
      <c r="O12707" s="5" t="s">
        <v>38</v>
      </c>
      <c r="P12707" s="5" t="s">
        <v>39</v>
      </c>
      <c r="Q12707" s="5" t="s">
        <v>40</v>
      </c>
      <c r="R12707" s="5" t="s">
        <v>1522</v>
      </c>
      <c r="S12707" s="5" t="s">
        <v>1523</v>
      </c>
      <c r="T12707" s="5" t="s">
        <v>42</v>
      </c>
      <c r="U12707" s="2">
        <v>1.5329999999999999</v>
      </c>
      <c r="V12707" s="2">
        <v>1.075</v>
      </c>
      <c r="W12707" s="2">
        <v>1.4999999999999999E-2</v>
      </c>
      <c r="X12707" s="2">
        <v>118.9</v>
      </c>
      <c r="Y12707" s="2">
        <v>7.6</v>
      </c>
      <c r="Z12707" s="2">
        <v>16.7</v>
      </c>
      <c r="AA12707" s="5"/>
      <c r="AB12707" s="5" t="s">
        <v>43</v>
      </c>
      <c r="AC12707" s="5" t="s">
        <v>44</v>
      </c>
      <c r="AD12707" s="2"/>
      <c r="AE12707" s="1"/>
    </row>
    <row r="12708" spans="1:31" ht="14.45">
      <c r="A12708" s="11"/>
      <c r="B12708" s="20"/>
      <c r="C12708" s="2" t="s">
        <v>39052</v>
      </c>
      <c r="D12708" s="14" t="s">
        <v>39053</v>
      </c>
      <c r="E12708" s="2" t="s">
        <v>39054</v>
      </c>
      <c r="F12708" s="2" t="s">
        <v>36301</v>
      </c>
      <c r="G12708" s="8">
        <v>179</v>
      </c>
      <c r="H12708" s="5">
        <v>6</v>
      </c>
      <c r="I12708" s="5" t="s">
        <v>1518</v>
      </c>
      <c r="J12708" s="5" t="s">
        <v>36264</v>
      </c>
      <c r="K12708" s="2" t="s">
        <v>36265</v>
      </c>
      <c r="L12708" s="5" t="s">
        <v>36264</v>
      </c>
      <c r="M12708" s="2" t="s">
        <v>36265</v>
      </c>
      <c r="N12708" s="5" t="s">
        <v>36266</v>
      </c>
      <c r="O12708" s="5" t="s">
        <v>38</v>
      </c>
      <c r="P12708" s="5" t="s">
        <v>39</v>
      </c>
      <c r="Q12708" s="5" t="s">
        <v>40</v>
      </c>
      <c r="R12708" s="5" t="s">
        <v>1522</v>
      </c>
      <c r="S12708" s="5" t="s">
        <v>1523</v>
      </c>
      <c r="T12708" s="5" t="s">
        <v>42</v>
      </c>
      <c r="U12708" s="2">
        <v>1.5740000000000001</v>
      </c>
      <c r="V12708" s="2">
        <v>1.1160000000000001</v>
      </c>
      <c r="W12708" s="2">
        <v>1.4999999999999999E-2</v>
      </c>
      <c r="X12708" s="2">
        <v>118.9</v>
      </c>
      <c r="Y12708" s="2">
        <v>7.6</v>
      </c>
      <c r="Z12708" s="2">
        <v>16.7</v>
      </c>
      <c r="AA12708" s="5"/>
      <c r="AB12708" s="5" t="s">
        <v>43</v>
      </c>
      <c r="AC12708" s="5" t="s">
        <v>44</v>
      </c>
      <c r="AD12708" s="2"/>
      <c r="AE12708" s="1"/>
    </row>
    <row r="12709" spans="1:31" ht="14.45">
      <c r="A12709" s="11"/>
      <c r="B12709" s="20"/>
      <c r="C12709" s="2" t="s">
        <v>39055</v>
      </c>
      <c r="D12709" s="14" t="s">
        <v>39056</v>
      </c>
      <c r="E12709" s="2" t="s">
        <v>39057</v>
      </c>
      <c r="F12709" s="2" t="s">
        <v>36305</v>
      </c>
      <c r="G12709" s="8">
        <v>179</v>
      </c>
      <c r="H12709" s="5">
        <v>6</v>
      </c>
      <c r="I12709" s="5" t="s">
        <v>1518</v>
      </c>
      <c r="J12709" s="5" t="s">
        <v>36264</v>
      </c>
      <c r="K12709" s="2" t="s">
        <v>36265</v>
      </c>
      <c r="L12709" s="5" t="s">
        <v>36264</v>
      </c>
      <c r="M12709" s="2" t="s">
        <v>36265</v>
      </c>
      <c r="N12709" s="5" t="s">
        <v>36266</v>
      </c>
      <c r="O12709" s="5" t="s">
        <v>38</v>
      </c>
      <c r="P12709" s="5" t="s">
        <v>39</v>
      </c>
      <c r="Q12709" s="5" t="s">
        <v>40</v>
      </c>
      <c r="R12709" s="5" t="s">
        <v>1522</v>
      </c>
      <c r="S12709" s="5" t="s">
        <v>1523</v>
      </c>
      <c r="T12709" s="5" t="s">
        <v>42</v>
      </c>
      <c r="U12709" s="2">
        <v>1.5329999999999999</v>
      </c>
      <c r="V12709" s="2">
        <v>1.075</v>
      </c>
      <c r="W12709" s="2">
        <v>1.4999999999999999E-2</v>
      </c>
      <c r="X12709" s="2">
        <v>118.9</v>
      </c>
      <c r="Y12709" s="2">
        <v>7.6</v>
      </c>
      <c r="Z12709" s="2">
        <v>16.7</v>
      </c>
      <c r="AA12709" s="5"/>
      <c r="AB12709" s="5" t="s">
        <v>43</v>
      </c>
      <c r="AC12709" s="5" t="s">
        <v>44</v>
      </c>
      <c r="AD12709" s="2"/>
      <c r="AE12709" s="1"/>
    </row>
    <row r="12710" spans="1:31" ht="14.45">
      <c r="A12710" s="11"/>
      <c r="B12710" s="20"/>
      <c r="C12710" s="2" t="s">
        <v>39058</v>
      </c>
      <c r="D12710" s="14" t="s">
        <v>39059</v>
      </c>
      <c r="E12710" s="2" t="s">
        <v>39060</v>
      </c>
      <c r="F12710" s="2" t="s">
        <v>36309</v>
      </c>
      <c r="G12710" s="8">
        <v>179</v>
      </c>
      <c r="H12710" s="5">
        <v>6</v>
      </c>
      <c r="I12710" s="5" t="s">
        <v>1518</v>
      </c>
      <c r="J12710" s="5" t="s">
        <v>36264</v>
      </c>
      <c r="K12710" s="2" t="s">
        <v>36265</v>
      </c>
      <c r="L12710" s="5" t="s">
        <v>36264</v>
      </c>
      <c r="M12710" s="2" t="s">
        <v>36265</v>
      </c>
      <c r="N12710" s="5" t="s">
        <v>36266</v>
      </c>
      <c r="O12710" s="5" t="s">
        <v>38</v>
      </c>
      <c r="P12710" s="5" t="s">
        <v>39</v>
      </c>
      <c r="Q12710" s="5" t="s">
        <v>40</v>
      </c>
      <c r="R12710" s="5" t="s">
        <v>1522</v>
      </c>
      <c r="S12710" s="5" t="s">
        <v>1523</v>
      </c>
      <c r="T12710" s="5" t="s">
        <v>42</v>
      </c>
      <c r="U12710" s="2">
        <v>1.5740000000000001</v>
      </c>
      <c r="V12710" s="2">
        <v>1.1160000000000001</v>
      </c>
      <c r="W12710" s="2">
        <v>1.4999999999999999E-2</v>
      </c>
      <c r="X12710" s="2">
        <v>118.9</v>
      </c>
      <c r="Y12710" s="2">
        <v>7.6</v>
      </c>
      <c r="Z12710" s="2">
        <v>16.7</v>
      </c>
      <c r="AA12710" s="5"/>
      <c r="AB12710" s="5" t="s">
        <v>43</v>
      </c>
      <c r="AC12710" s="5" t="s">
        <v>44</v>
      </c>
      <c r="AD12710" s="2"/>
      <c r="AE12710" s="1"/>
    </row>
    <row r="12711" spans="1:31" ht="14.45">
      <c r="A12711" s="11"/>
      <c r="B12711" s="20"/>
      <c r="C12711" s="2" t="s">
        <v>39061</v>
      </c>
      <c r="D12711" s="14" t="s">
        <v>39062</v>
      </c>
      <c r="E12711" s="2" t="s">
        <v>39063</v>
      </c>
      <c r="F12711" s="2" t="s">
        <v>36313</v>
      </c>
      <c r="G12711" s="8">
        <v>206</v>
      </c>
      <c r="H12711" s="5">
        <v>6</v>
      </c>
      <c r="I12711" s="5" t="s">
        <v>1518</v>
      </c>
      <c r="J12711" s="5" t="s">
        <v>36264</v>
      </c>
      <c r="K12711" s="2" t="s">
        <v>36265</v>
      </c>
      <c r="L12711" s="5" t="s">
        <v>36264</v>
      </c>
      <c r="M12711" s="2" t="s">
        <v>36265</v>
      </c>
      <c r="N12711" s="5" t="s">
        <v>36266</v>
      </c>
      <c r="O12711" s="5" t="s">
        <v>38</v>
      </c>
      <c r="P12711" s="5" t="s">
        <v>39</v>
      </c>
      <c r="Q12711" s="5" t="s">
        <v>40</v>
      </c>
      <c r="R12711" s="5" t="s">
        <v>1522</v>
      </c>
      <c r="S12711" s="5" t="s">
        <v>1523</v>
      </c>
      <c r="T12711" s="5" t="s">
        <v>42</v>
      </c>
      <c r="U12711" s="2">
        <v>1.5329999999999999</v>
      </c>
      <c r="V12711" s="2">
        <v>1.075</v>
      </c>
      <c r="W12711" s="2">
        <v>1.4999999999999999E-2</v>
      </c>
      <c r="X12711" s="2">
        <v>118.9</v>
      </c>
      <c r="Y12711" s="2">
        <v>7.6</v>
      </c>
      <c r="Z12711" s="2">
        <v>16.7</v>
      </c>
      <c r="AA12711" s="5"/>
      <c r="AB12711" s="5" t="s">
        <v>43</v>
      </c>
      <c r="AC12711" s="5" t="s">
        <v>44</v>
      </c>
      <c r="AD12711" s="2"/>
      <c r="AE12711" s="1"/>
    </row>
    <row r="12712" spans="1:31" ht="14.45">
      <c r="A12712" s="11"/>
      <c r="B12712" s="20"/>
      <c r="C12712" s="2" t="s">
        <v>39064</v>
      </c>
      <c r="D12712" s="14" t="s">
        <v>39065</v>
      </c>
      <c r="E12712" s="2" t="s">
        <v>39066</v>
      </c>
      <c r="F12712" s="2" t="s">
        <v>36317</v>
      </c>
      <c r="G12712" s="8">
        <v>206</v>
      </c>
      <c r="H12712" s="5">
        <v>6</v>
      </c>
      <c r="I12712" s="5" t="s">
        <v>1518</v>
      </c>
      <c r="J12712" s="5" t="s">
        <v>36264</v>
      </c>
      <c r="K12712" s="2" t="s">
        <v>36265</v>
      </c>
      <c r="L12712" s="5" t="s">
        <v>36264</v>
      </c>
      <c r="M12712" s="2" t="s">
        <v>36265</v>
      </c>
      <c r="N12712" s="5" t="s">
        <v>36266</v>
      </c>
      <c r="O12712" s="5" t="s">
        <v>38</v>
      </c>
      <c r="P12712" s="5" t="s">
        <v>39</v>
      </c>
      <c r="Q12712" s="5" t="s">
        <v>40</v>
      </c>
      <c r="R12712" s="5" t="s">
        <v>1522</v>
      </c>
      <c r="S12712" s="5" t="s">
        <v>1523</v>
      </c>
      <c r="T12712" s="5" t="s">
        <v>42</v>
      </c>
      <c r="U12712" s="2">
        <v>1.5740000000000001</v>
      </c>
      <c r="V12712" s="2">
        <v>1.1160000000000001</v>
      </c>
      <c r="W12712" s="2">
        <v>1.4999999999999999E-2</v>
      </c>
      <c r="X12712" s="2">
        <v>118.9</v>
      </c>
      <c r="Y12712" s="2">
        <v>7.6</v>
      </c>
      <c r="Z12712" s="2">
        <v>16.7</v>
      </c>
      <c r="AA12712" s="5"/>
      <c r="AB12712" s="5" t="s">
        <v>43</v>
      </c>
      <c r="AC12712" s="5" t="s">
        <v>44</v>
      </c>
      <c r="AD12712" s="2"/>
      <c r="AE12712" s="1"/>
    </row>
    <row r="12713" spans="1:31" ht="14.45">
      <c r="A12713" s="11"/>
      <c r="B12713" s="20"/>
      <c r="C12713" s="2" t="s">
        <v>39067</v>
      </c>
      <c r="D12713" s="14" t="s">
        <v>39068</v>
      </c>
      <c r="E12713" s="2" t="s">
        <v>39069</v>
      </c>
      <c r="F12713" s="2" t="s">
        <v>36321</v>
      </c>
      <c r="G12713" s="8">
        <v>206</v>
      </c>
      <c r="H12713" s="5">
        <v>6</v>
      </c>
      <c r="I12713" s="5" t="s">
        <v>1518</v>
      </c>
      <c r="J12713" s="5" t="s">
        <v>36264</v>
      </c>
      <c r="K12713" s="2" t="s">
        <v>36265</v>
      </c>
      <c r="L12713" s="5" t="s">
        <v>36264</v>
      </c>
      <c r="M12713" s="2" t="s">
        <v>36265</v>
      </c>
      <c r="N12713" s="5" t="s">
        <v>36266</v>
      </c>
      <c r="O12713" s="5" t="s">
        <v>38</v>
      </c>
      <c r="P12713" s="5" t="s">
        <v>39</v>
      </c>
      <c r="Q12713" s="5" t="s">
        <v>40</v>
      </c>
      <c r="R12713" s="5" t="s">
        <v>1522</v>
      </c>
      <c r="S12713" s="5" t="s">
        <v>1523</v>
      </c>
      <c r="T12713" s="5" t="s">
        <v>42</v>
      </c>
      <c r="U12713" s="2">
        <v>1.5329999999999999</v>
      </c>
      <c r="V12713" s="2">
        <v>1.075</v>
      </c>
      <c r="W12713" s="2">
        <v>1.4999999999999999E-2</v>
      </c>
      <c r="X12713" s="2">
        <v>118.9</v>
      </c>
      <c r="Y12713" s="2">
        <v>7.6</v>
      </c>
      <c r="Z12713" s="2">
        <v>16.7</v>
      </c>
      <c r="AA12713" s="5"/>
      <c r="AB12713" s="5" t="s">
        <v>43</v>
      </c>
      <c r="AC12713" s="5" t="s">
        <v>44</v>
      </c>
      <c r="AD12713" s="2"/>
      <c r="AE12713" s="1"/>
    </row>
    <row r="12714" spans="1:31" ht="14.45">
      <c r="A12714" s="11"/>
      <c r="B12714" s="20"/>
      <c r="C12714" s="2" t="s">
        <v>39070</v>
      </c>
      <c r="D12714" s="14" t="s">
        <v>39071</v>
      </c>
      <c r="E12714" s="2" t="s">
        <v>39072</v>
      </c>
      <c r="F12714" s="2" t="s">
        <v>36325</v>
      </c>
      <c r="G12714" s="8">
        <v>206</v>
      </c>
      <c r="H12714" s="5">
        <v>6</v>
      </c>
      <c r="I12714" s="5" t="s">
        <v>1518</v>
      </c>
      <c r="J12714" s="5" t="s">
        <v>36264</v>
      </c>
      <c r="K12714" s="2" t="s">
        <v>36265</v>
      </c>
      <c r="L12714" s="5" t="s">
        <v>36264</v>
      </c>
      <c r="M12714" s="2" t="s">
        <v>36265</v>
      </c>
      <c r="N12714" s="5" t="s">
        <v>36266</v>
      </c>
      <c r="O12714" s="5" t="s">
        <v>38</v>
      </c>
      <c r="P12714" s="5" t="s">
        <v>39</v>
      </c>
      <c r="Q12714" s="5" t="s">
        <v>40</v>
      </c>
      <c r="R12714" s="5" t="s">
        <v>1522</v>
      </c>
      <c r="S12714" s="5" t="s">
        <v>1523</v>
      </c>
      <c r="T12714" s="5" t="s">
        <v>42</v>
      </c>
      <c r="U12714" s="2">
        <v>1.5740000000000001</v>
      </c>
      <c r="V12714" s="2">
        <v>1.1160000000000001</v>
      </c>
      <c r="W12714" s="2">
        <v>1.4999999999999999E-2</v>
      </c>
      <c r="X12714" s="2">
        <v>118.9</v>
      </c>
      <c r="Y12714" s="2">
        <v>7.6</v>
      </c>
      <c r="Z12714" s="2">
        <v>16.7</v>
      </c>
      <c r="AA12714" s="5"/>
      <c r="AB12714" s="5" t="s">
        <v>43</v>
      </c>
      <c r="AC12714" s="5" t="s">
        <v>44</v>
      </c>
      <c r="AD12714" s="2"/>
      <c r="AE12714" s="1"/>
    </row>
    <row r="12715" spans="1:31" ht="14.45">
      <c r="A12715" s="11"/>
      <c r="B12715" s="20"/>
      <c r="C12715" s="2" t="s">
        <v>39073</v>
      </c>
      <c r="D12715" s="14" t="s">
        <v>39074</v>
      </c>
      <c r="E12715" s="2" t="s">
        <v>39075</v>
      </c>
      <c r="F12715" s="2" t="s">
        <v>36329</v>
      </c>
      <c r="G12715" s="8">
        <v>206</v>
      </c>
      <c r="H12715" s="5">
        <v>6</v>
      </c>
      <c r="I12715" s="5" t="s">
        <v>1518</v>
      </c>
      <c r="J12715" s="5" t="s">
        <v>36264</v>
      </c>
      <c r="K12715" s="2" t="s">
        <v>36265</v>
      </c>
      <c r="L12715" s="5" t="s">
        <v>36264</v>
      </c>
      <c r="M12715" s="2" t="s">
        <v>36265</v>
      </c>
      <c r="N12715" s="5" t="s">
        <v>36266</v>
      </c>
      <c r="O12715" s="5" t="s">
        <v>38</v>
      </c>
      <c r="P12715" s="5" t="s">
        <v>39</v>
      </c>
      <c r="Q12715" s="5" t="s">
        <v>40</v>
      </c>
      <c r="R12715" s="5" t="s">
        <v>1522</v>
      </c>
      <c r="S12715" s="5" t="s">
        <v>1523</v>
      </c>
      <c r="T12715" s="5" t="s">
        <v>42</v>
      </c>
      <c r="U12715" s="2">
        <v>1.5329999999999999</v>
      </c>
      <c r="V12715" s="2">
        <v>1.075</v>
      </c>
      <c r="W12715" s="2">
        <v>1.4999999999999999E-2</v>
      </c>
      <c r="X12715" s="2">
        <v>118.9</v>
      </c>
      <c r="Y12715" s="2">
        <v>7.6</v>
      </c>
      <c r="Z12715" s="2">
        <v>16.7</v>
      </c>
      <c r="AA12715" s="5"/>
      <c r="AB12715" s="5" t="s">
        <v>43</v>
      </c>
      <c r="AC12715" s="5" t="s">
        <v>44</v>
      </c>
      <c r="AD12715" s="2"/>
      <c r="AE12715" s="1"/>
    </row>
    <row r="12716" spans="1:31" ht="14.45">
      <c r="A12716" s="11"/>
      <c r="B12716" s="20"/>
      <c r="C12716" s="2" t="s">
        <v>39076</v>
      </c>
      <c r="D12716" s="14" t="s">
        <v>39077</v>
      </c>
      <c r="E12716" s="2" t="s">
        <v>39078</v>
      </c>
      <c r="F12716" s="2" t="s">
        <v>36333</v>
      </c>
      <c r="G12716" s="8">
        <v>206</v>
      </c>
      <c r="H12716" s="5">
        <v>6</v>
      </c>
      <c r="I12716" s="5" t="s">
        <v>1518</v>
      </c>
      <c r="J12716" s="5" t="s">
        <v>36264</v>
      </c>
      <c r="K12716" s="2" t="s">
        <v>36265</v>
      </c>
      <c r="L12716" s="5" t="s">
        <v>36264</v>
      </c>
      <c r="M12716" s="2" t="s">
        <v>36265</v>
      </c>
      <c r="N12716" s="5" t="s">
        <v>36266</v>
      </c>
      <c r="O12716" s="5" t="s">
        <v>38</v>
      </c>
      <c r="P12716" s="5" t="s">
        <v>39</v>
      </c>
      <c r="Q12716" s="5" t="s">
        <v>40</v>
      </c>
      <c r="R12716" s="5" t="s">
        <v>1522</v>
      </c>
      <c r="S12716" s="5" t="s">
        <v>1523</v>
      </c>
      <c r="T12716" s="5" t="s">
        <v>42</v>
      </c>
      <c r="U12716" s="2">
        <v>1.5740000000000001</v>
      </c>
      <c r="V12716" s="2">
        <v>1.1160000000000001</v>
      </c>
      <c r="W12716" s="2">
        <v>1.4999999999999999E-2</v>
      </c>
      <c r="X12716" s="2">
        <v>118.9</v>
      </c>
      <c r="Y12716" s="2">
        <v>7.6</v>
      </c>
      <c r="Z12716" s="2">
        <v>16.7</v>
      </c>
      <c r="AA12716" s="5"/>
      <c r="AB12716" s="5" t="s">
        <v>43</v>
      </c>
      <c r="AC12716" s="5" t="s">
        <v>44</v>
      </c>
      <c r="AD12716" s="2"/>
      <c r="AE12716" s="1"/>
    </row>
    <row r="12717" spans="1:31" ht="14.45">
      <c r="A12717" s="11"/>
      <c r="B12717" s="20"/>
      <c r="C12717" s="2" t="s">
        <v>39079</v>
      </c>
      <c r="D12717" s="14" t="s">
        <v>39080</v>
      </c>
      <c r="E12717" s="2" t="s">
        <v>39081</v>
      </c>
      <c r="F12717" s="2" t="s">
        <v>36337</v>
      </c>
      <c r="G12717" s="8">
        <v>206</v>
      </c>
      <c r="H12717" s="5">
        <v>6</v>
      </c>
      <c r="I12717" s="5" t="s">
        <v>1518</v>
      </c>
      <c r="J12717" s="5" t="s">
        <v>36264</v>
      </c>
      <c r="K12717" s="2" t="s">
        <v>36265</v>
      </c>
      <c r="L12717" s="5" t="s">
        <v>36264</v>
      </c>
      <c r="M12717" s="2" t="s">
        <v>36265</v>
      </c>
      <c r="N12717" s="5" t="s">
        <v>36266</v>
      </c>
      <c r="O12717" s="5" t="s">
        <v>38</v>
      </c>
      <c r="P12717" s="5" t="s">
        <v>39</v>
      </c>
      <c r="Q12717" s="5" t="s">
        <v>40</v>
      </c>
      <c r="R12717" s="5" t="s">
        <v>1522</v>
      </c>
      <c r="S12717" s="5" t="s">
        <v>1523</v>
      </c>
      <c r="T12717" s="5" t="s">
        <v>42</v>
      </c>
      <c r="U12717" s="2">
        <v>1.5329999999999999</v>
      </c>
      <c r="V12717" s="2">
        <v>1.075</v>
      </c>
      <c r="W12717" s="2">
        <v>1.4999999999999999E-2</v>
      </c>
      <c r="X12717" s="2">
        <v>118.9</v>
      </c>
      <c r="Y12717" s="2">
        <v>7.6</v>
      </c>
      <c r="Z12717" s="2">
        <v>16.7</v>
      </c>
      <c r="AA12717" s="5"/>
      <c r="AB12717" s="5" t="s">
        <v>43</v>
      </c>
      <c r="AC12717" s="5" t="s">
        <v>44</v>
      </c>
      <c r="AD12717" s="2"/>
      <c r="AE12717" s="1"/>
    </row>
    <row r="12718" spans="1:31" ht="14.45">
      <c r="A12718" s="11"/>
      <c r="B12718" s="20"/>
      <c r="C12718" s="2" t="s">
        <v>39082</v>
      </c>
      <c r="D12718" s="14" t="s">
        <v>39083</v>
      </c>
      <c r="E12718" s="2" t="s">
        <v>39084</v>
      </c>
      <c r="F12718" s="2" t="s">
        <v>36341</v>
      </c>
      <c r="G12718" s="8">
        <v>206</v>
      </c>
      <c r="H12718" s="5">
        <v>6</v>
      </c>
      <c r="I12718" s="5" t="s">
        <v>1518</v>
      </c>
      <c r="J12718" s="5" t="s">
        <v>36264</v>
      </c>
      <c r="K12718" s="2" t="s">
        <v>36265</v>
      </c>
      <c r="L12718" s="5" t="s">
        <v>36264</v>
      </c>
      <c r="M12718" s="2" t="s">
        <v>36265</v>
      </c>
      <c r="N12718" s="5" t="s">
        <v>36266</v>
      </c>
      <c r="O12718" s="5" t="s">
        <v>38</v>
      </c>
      <c r="P12718" s="5" t="s">
        <v>39</v>
      </c>
      <c r="Q12718" s="5" t="s">
        <v>40</v>
      </c>
      <c r="R12718" s="5" t="s">
        <v>1522</v>
      </c>
      <c r="S12718" s="5" t="s">
        <v>1523</v>
      </c>
      <c r="T12718" s="5" t="s">
        <v>42</v>
      </c>
      <c r="U12718" s="2">
        <v>1.5740000000000001</v>
      </c>
      <c r="V12718" s="2">
        <v>1.1160000000000001</v>
      </c>
      <c r="W12718" s="2">
        <v>1.4999999999999999E-2</v>
      </c>
      <c r="X12718" s="2">
        <v>118.9</v>
      </c>
      <c r="Y12718" s="2">
        <v>7.6</v>
      </c>
      <c r="Z12718" s="2">
        <v>16.7</v>
      </c>
      <c r="AA12718" s="5"/>
      <c r="AB12718" s="5" t="s">
        <v>43</v>
      </c>
      <c r="AC12718" s="5" t="s">
        <v>44</v>
      </c>
      <c r="AD12718" s="2"/>
      <c r="AE12718" s="1"/>
    </row>
    <row r="12719" spans="1:31" ht="14.45">
      <c r="A12719" s="11"/>
      <c r="B12719" s="20"/>
      <c r="C12719" s="2" t="s">
        <v>39085</v>
      </c>
      <c r="D12719" s="14" t="s">
        <v>39086</v>
      </c>
      <c r="E12719" s="2" t="s">
        <v>39087</v>
      </c>
      <c r="F12719" s="2" t="s">
        <v>36345</v>
      </c>
      <c r="G12719" s="8">
        <v>206</v>
      </c>
      <c r="H12719" s="5">
        <v>6</v>
      </c>
      <c r="I12719" s="5" t="s">
        <v>1518</v>
      </c>
      <c r="J12719" s="5" t="s">
        <v>36264</v>
      </c>
      <c r="K12719" s="2" t="s">
        <v>36265</v>
      </c>
      <c r="L12719" s="5" t="s">
        <v>36264</v>
      </c>
      <c r="M12719" s="2" t="s">
        <v>36265</v>
      </c>
      <c r="N12719" s="5" t="s">
        <v>36266</v>
      </c>
      <c r="O12719" s="5" t="s">
        <v>38</v>
      </c>
      <c r="P12719" s="5" t="s">
        <v>39</v>
      </c>
      <c r="Q12719" s="5" t="s">
        <v>40</v>
      </c>
      <c r="R12719" s="5" t="s">
        <v>1522</v>
      </c>
      <c r="S12719" s="5" t="s">
        <v>1523</v>
      </c>
      <c r="T12719" s="5" t="s">
        <v>42</v>
      </c>
      <c r="U12719" s="2">
        <v>1.5329999999999999</v>
      </c>
      <c r="V12719" s="2">
        <v>1.075</v>
      </c>
      <c r="W12719" s="2">
        <v>1.4999999999999999E-2</v>
      </c>
      <c r="X12719" s="2">
        <v>118.9</v>
      </c>
      <c r="Y12719" s="2">
        <v>7.6</v>
      </c>
      <c r="Z12719" s="2">
        <v>16.7</v>
      </c>
      <c r="AA12719" s="5"/>
      <c r="AB12719" s="5" t="s">
        <v>43</v>
      </c>
      <c r="AC12719" s="5" t="s">
        <v>44</v>
      </c>
      <c r="AD12719" s="2"/>
      <c r="AE12719" s="1"/>
    </row>
    <row r="12720" spans="1:31" ht="14.45">
      <c r="A12720" s="11"/>
      <c r="B12720" s="20"/>
      <c r="C12720" s="2" t="s">
        <v>39088</v>
      </c>
      <c r="D12720" s="14" t="s">
        <v>39089</v>
      </c>
      <c r="E12720" s="2" t="s">
        <v>39090</v>
      </c>
      <c r="F12720" s="2" t="s">
        <v>36349</v>
      </c>
      <c r="G12720" s="8">
        <v>206</v>
      </c>
      <c r="H12720" s="5">
        <v>6</v>
      </c>
      <c r="I12720" s="5" t="s">
        <v>1518</v>
      </c>
      <c r="J12720" s="5" t="s">
        <v>36264</v>
      </c>
      <c r="K12720" s="2" t="s">
        <v>36265</v>
      </c>
      <c r="L12720" s="5" t="s">
        <v>36264</v>
      </c>
      <c r="M12720" s="2" t="s">
        <v>36265</v>
      </c>
      <c r="N12720" s="5" t="s">
        <v>36266</v>
      </c>
      <c r="O12720" s="5" t="s">
        <v>38</v>
      </c>
      <c r="P12720" s="5" t="s">
        <v>39</v>
      </c>
      <c r="Q12720" s="5" t="s">
        <v>40</v>
      </c>
      <c r="R12720" s="5" t="s">
        <v>1522</v>
      </c>
      <c r="S12720" s="5" t="s">
        <v>1523</v>
      </c>
      <c r="T12720" s="5" t="s">
        <v>42</v>
      </c>
      <c r="U12720" s="2">
        <v>1.5740000000000001</v>
      </c>
      <c r="V12720" s="2">
        <v>1.1160000000000001</v>
      </c>
      <c r="W12720" s="2">
        <v>1.4999999999999999E-2</v>
      </c>
      <c r="X12720" s="2">
        <v>118.9</v>
      </c>
      <c r="Y12720" s="2">
        <v>7.6</v>
      </c>
      <c r="Z12720" s="2">
        <v>16.7</v>
      </c>
      <c r="AA12720" s="5"/>
      <c r="AB12720" s="5" t="s">
        <v>43</v>
      </c>
      <c r="AC12720" s="5" t="s">
        <v>44</v>
      </c>
      <c r="AD12720" s="2"/>
      <c r="AE12720" s="1"/>
    </row>
    <row r="12721" spans="1:31" ht="14.45">
      <c r="A12721" s="11"/>
      <c r="B12721" s="20"/>
      <c r="C12721" s="2" t="s">
        <v>39091</v>
      </c>
      <c r="D12721" s="14" t="s">
        <v>39092</v>
      </c>
      <c r="E12721" s="2" t="s">
        <v>39093</v>
      </c>
      <c r="F12721" s="2" t="s">
        <v>36353</v>
      </c>
      <c r="G12721" s="8">
        <v>206</v>
      </c>
      <c r="H12721" s="5">
        <v>6</v>
      </c>
      <c r="I12721" s="5" t="s">
        <v>1518</v>
      </c>
      <c r="J12721" s="5" t="s">
        <v>36264</v>
      </c>
      <c r="K12721" s="2" t="s">
        <v>36265</v>
      </c>
      <c r="L12721" s="5" t="s">
        <v>36264</v>
      </c>
      <c r="M12721" s="2" t="s">
        <v>36265</v>
      </c>
      <c r="N12721" s="5" t="s">
        <v>36266</v>
      </c>
      <c r="O12721" s="5" t="s">
        <v>38</v>
      </c>
      <c r="P12721" s="5" t="s">
        <v>39</v>
      </c>
      <c r="Q12721" s="5" t="s">
        <v>40</v>
      </c>
      <c r="R12721" s="5" t="s">
        <v>1522</v>
      </c>
      <c r="S12721" s="5" t="s">
        <v>1523</v>
      </c>
      <c r="T12721" s="5" t="s">
        <v>42</v>
      </c>
      <c r="U12721" s="2">
        <v>1.5329999999999999</v>
      </c>
      <c r="V12721" s="2">
        <v>1.075</v>
      </c>
      <c r="W12721" s="2">
        <v>1.4999999999999999E-2</v>
      </c>
      <c r="X12721" s="2">
        <v>118.9</v>
      </c>
      <c r="Y12721" s="2">
        <v>7.6</v>
      </c>
      <c r="Z12721" s="2">
        <v>16.7</v>
      </c>
      <c r="AA12721" s="5"/>
      <c r="AB12721" s="5" t="s">
        <v>43</v>
      </c>
      <c r="AC12721" s="5" t="s">
        <v>44</v>
      </c>
      <c r="AD12721" s="2"/>
      <c r="AE12721" s="1"/>
    </row>
    <row r="12722" spans="1:31" ht="14.45">
      <c r="A12722" s="11"/>
      <c r="B12722" s="20"/>
      <c r="C12722" s="2" t="s">
        <v>39094</v>
      </c>
      <c r="D12722" s="14" t="s">
        <v>39095</v>
      </c>
      <c r="E12722" s="2" t="s">
        <v>39096</v>
      </c>
      <c r="F12722" s="2" t="s">
        <v>36357</v>
      </c>
      <c r="G12722" s="8">
        <v>206</v>
      </c>
      <c r="H12722" s="5">
        <v>6</v>
      </c>
      <c r="I12722" s="5" t="s">
        <v>1518</v>
      </c>
      <c r="J12722" s="5" t="s">
        <v>36264</v>
      </c>
      <c r="K12722" s="2" t="s">
        <v>36265</v>
      </c>
      <c r="L12722" s="5" t="s">
        <v>36264</v>
      </c>
      <c r="M12722" s="2" t="s">
        <v>36265</v>
      </c>
      <c r="N12722" s="5" t="s">
        <v>36266</v>
      </c>
      <c r="O12722" s="5" t="s">
        <v>38</v>
      </c>
      <c r="P12722" s="5" t="s">
        <v>39</v>
      </c>
      <c r="Q12722" s="5" t="s">
        <v>40</v>
      </c>
      <c r="R12722" s="5" t="s">
        <v>1522</v>
      </c>
      <c r="S12722" s="5" t="s">
        <v>1523</v>
      </c>
      <c r="T12722" s="5" t="s">
        <v>42</v>
      </c>
      <c r="U12722" s="2">
        <v>1.5740000000000001</v>
      </c>
      <c r="V12722" s="2">
        <v>1.1160000000000001</v>
      </c>
      <c r="W12722" s="2">
        <v>1.4999999999999999E-2</v>
      </c>
      <c r="X12722" s="2">
        <v>118.9</v>
      </c>
      <c r="Y12722" s="2">
        <v>7.6</v>
      </c>
      <c r="Z12722" s="2">
        <v>16.7</v>
      </c>
      <c r="AA12722" s="5"/>
      <c r="AB12722" s="5" t="s">
        <v>43</v>
      </c>
      <c r="AC12722" s="5" t="s">
        <v>44</v>
      </c>
      <c r="AD12722" s="2"/>
      <c r="AE12722" s="1"/>
    </row>
    <row r="12723" spans="1:31" ht="14.45">
      <c r="A12723" s="11"/>
      <c r="B12723" s="20"/>
      <c r="C12723" s="2" t="s">
        <v>39097</v>
      </c>
      <c r="D12723" s="14" t="s">
        <v>39098</v>
      </c>
      <c r="E12723" s="2" t="s">
        <v>39099</v>
      </c>
      <c r="F12723" s="2" t="s">
        <v>36361</v>
      </c>
      <c r="G12723" s="8">
        <v>206</v>
      </c>
      <c r="H12723" s="5">
        <v>6</v>
      </c>
      <c r="I12723" s="5" t="s">
        <v>1518</v>
      </c>
      <c r="J12723" s="5" t="s">
        <v>36264</v>
      </c>
      <c r="K12723" s="2" t="s">
        <v>36265</v>
      </c>
      <c r="L12723" s="5" t="s">
        <v>36264</v>
      </c>
      <c r="M12723" s="2" t="s">
        <v>36265</v>
      </c>
      <c r="N12723" s="5" t="s">
        <v>36266</v>
      </c>
      <c r="O12723" s="5" t="s">
        <v>38</v>
      </c>
      <c r="P12723" s="5" t="s">
        <v>39</v>
      </c>
      <c r="Q12723" s="5" t="s">
        <v>40</v>
      </c>
      <c r="R12723" s="5" t="s">
        <v>1522</v>
      </c>
      <c r="S12723" s="5" t="s">
        <v>1523</v>
      </c>
      <c r="T12723" s="5" t="s">
        <v>42</v>
      </c>
      <c r="U12723" s="2">
        <v>1.5329999999999999</v>
      </c>
      <c r="V12723" s="2">
        <v>1.075</v>
      </c>
      <c r="W12723" s="2">
        <v>1.4999999999999999E-2</v>
      </c>
      <c r="X12723" s="2">
        <v>118.9</v>
      </c>
      <c r="Y12723" s="2">
        <v>7.6</v>
      </c>
      <c r="Z12723" s="2">
        <v>16.7</v>
      </c>
      <c r="AA12723" s="5"/>
      <c r="AB12723" s="5" t="s">
        <v>43</v>
      </c>
      <c r="AC12723" s="5" t="s">
        <v>44</v>
      </c>
      <c r="AD12723" s="2"/>
      <c r="AE12723" s="1"/>
    </row>
    <row r="12724" spans="1:31" ht="14.45">
      <c r="A12724" s="11"/>
      <c r="B12724" s="20"/>
      <c r="C12724" s="2" t="s">
        <v>39100</v>
      </c>
      <c r="D12724" s="14" t="s">
        <v>39101</v>
      </c>
      <c r="E12724" s="2" t="s">
        <v>39102</v>
      </c>
      <c r="F12724" s="2" t="s">
        <v>36365</v>
      </c>
      <c r="G12724" s="8">
        <v>206</v>
      </c>
      <c r="H12724" s="5">
        <v>6</v>
      </c>
      <c r="I12724" s="5" t="s">
        <v>1518</v>
      </c>
      <c r="J12724" s="5" t="s">
        <v>36264</v>
      </c>
      <c r="K12724" s="2" t="s">
        <v>36265</v>
      </c>
      <c r="L12724" s="5" t="s">
        <v>36264</v>
      </c>
      <c r="M12724" s="2" t="s">
        <v>36265</v>
      </c>
      <c r="N12724" s="5" t="s">
        <v>36266</v>
      </c>
      <c r="O12724" s="5" t="s">
        <v>38</v>
      </c>
      <c r="P12724" s="5" t="s">
        <v>39</v>
      </c>
      <c r="Q12724" s="5" t="s">
        <v>40</v>
      </c>
      <c r="R12724" s="5" t="s">
        <v>1522</v>
      </c>
      <c r="S12724" s="5" t="s">
        <v>1523</v>
      </c>
      <c r="T12724" s="5" t="s">
        <v>42</v>
      </c>
      <c r="U12724" s="2">
        <v>1.5740000000000001</v>
      </c>
      <c r="V12724" s="2">
        <v>1.1160000000000001</v>
      </c>
      <c r="W12724" s="2">
        <v>1.4999999999999999E-2</v>
      </c>
      <c r="X12724" s="2">
        <v>118.9</v>
      </c>
      <c r="Y12724" s="2">
        <v>7.6</v>
      </c>
      <c r="Z12724" s="2">
        <v>16.7</v>
      </c>
      <c r="AA12724" s="5"/>
      <c r="AB12724" s="5" t="s">
        <v>43</v>
      </c>
      <c r="AC12724" s="5" t="s">
        <v>44</v>
      </c>
      <c r="AD12724" s="2"/>
      <c r="AE12724" s="1"/>
    </row>
    <row r="12725" spans="1:31" ht="14.45">
      <c r="A12725" s="11"/>
      <c r="B12725" s="20"/>
      <c r="C12725" s="2" t="s">
        <v>39103</v>
      </c>
      <c r="D12725" s="14" t="s">
        <v>39104</v>
      </c>
      <c r="E12725" s="2" t="s">
        <v>39105</v>
      </c>
      <c r="F12725" s="2" t="s">
        <v>36369</v>
      </c>
      <c r="G12725" s="8">
        <v>206</v>
      </c>
      <c r="H12725" s="5">
        <v>6</v>
      </c>
      <c r="I12725" s="5" t="s">
        <v>1518</v>
      </c>
      <c r="J12725" s="5" t="s">
        <v>36264</v>
      </c>
      <c r="K12725" s="2" t="s">
        <v>36265</v>
      </c>
      <c r="L12725" s="5" t="s">
        <v>36264</v>
      </c>
      <c r="M12725" s="2" t="s">
        <v>36265</v>
      </c>
      <c r="N12725" s="5" t="s">
        <v>36266</v>
      </c>
      <c r="O12725" s="5" t="s">
        <v>38</v>
      </c>
      <c r="P12725" s="5" t="s">
        <v>39</v>
      </c>
      <c r="Q12725" s="5" t="s">
        <v>40</v>
      </c>
      <c r="R12725" s="5" t="s">
        <v>1522</v>
      </c>
      <c r="S12725" s="5" t="s">
        <v>1523</v>
      </c>
      <c r="T12725" s="5" t="s">
        <v>42</v>
      </c>
      <c r="U12725" s="2">
        <v>1.5329999999999999</v>
      </c>
      <c r="V12725" s="2">
        <v>1.075</v>
      </c>
      <c r="W12725" s="2">
        <v>1.4999999999999999E-2</v>
      </c>
      <c r="X12725" s="2">
        <v>118.9</v>
      </c>
      <c r="Y12725" s="2">
        <v>7.6</v>
      </c>
      <c r="Z12725" s="2">
        <v>16.7</v>
      </c>
      <c r="AA12725" s="5"/>
      <c r="AB12725" s="5" t="s">
        <v>43</v>
      </c>
      <c r="AC12725" s="5" t="s">
        <v>44</v>
      </c>
      <c r="AD12725" s="2"/>
      <c r="AE12725" s="1"/>
    </row>
    <row r="12726" spans="1:31" ht="14.45">
      <c r="A12726" s="11"/>
      <c r="B12726" s="20"/>
      <c r="C12726" s="2" t="s">
        <v>39106</v>
      </c>
      <c r="D12726" s="14" t="s">
        <v>39107</v>
      </c>
      <c r="E12726" s="2" t="s">
        <v>39108</v>
      </c>
      <c r="F12726" s="2" t="s">
        <v>36373</v>
      </c>
      <c r="G12726" s="8">
        <v>206</v>
      </c>
      <c r="H12726" s="5">
        <v>6</v>
      </c>
      <c r="I12726" s="5" t="s">
        <v>1518</v>
      </c>
      <c r="J12726" s="5" t="s">
        <v>36264</v>
      </c>
      <c r="K12726" s="2" t="s">
        <v>36265</v>
      </c>
      <c r="L12726" s="5" t="s">
        <v>36264</v>
      </c>
      <c r="M12726" s="2" t="s">
        <v>36265</v>
      </c>
      <c r="N12726" s="5" t="s">
        <v>36266</v>
      </c>
      <c r="O12726" s="5" t="s">
        <v>38</v>
      </c>
      <c r="P12726" s="5" t="s">
        <v>39</v>
      </c>
      <c r="Q12726" s="5" t="s">
        <v>40</v>
      </c>
      <c r="R12726" s="5" t="s">
        <v>1522</v>
      </c>
      <c r="S12726" s="5" t="s">
        <v>1523</v>
      </c>
      <c r="T12726" s="5" t="s">
        <v>42</v>
      </c>
      <c r="U12726" s="2">
        <v>1.5740000000000001</v>
      </c>
      <c r="V12726" s="2">
        <v>1.1160000000000001</v>
      </c>
      <c r="W12726" s="2">
        <v>1.4999999999999999E-2</v>
      </c>
      <c r="X12726" s="2">
        <v>118.9</v>
      </c>
      <c r="Y12726" s="2">
        <v>7.6</v>
      </c>
      <c r="Z12726" s="2">
        <v>16.7</v>
      </c>
      <c r="AA12726" s="5"/>
      <c r="AB12726" s="5" t="s">
        <v>43</v>
      </c>
      <c r="AC12726" s="5" t="s">
        <v>44</v>
      </c>
      <c r="AD12726" s="2"/>
      <c r="AE12726" s="1"/>
    </row>
    <row r="12727" spans="1:31" ht="14.45">
      <c r="A12727" s="11"/>
      <c r="B12727" s="20"/>
      <c r="C12727" s="2" t="s">
        <v>39109</v>
      </c>
      <c r="D12727" s="14" t="s">
        <v>39110</v>
      </c>
      <c r="E12727" s="2" t="s">
        <v>39111</v>
      </c>
      <c r="F12727" s="2" t="s">
        <v>36377</v>
      </c>
      <c r="G12727" s="8">
        <v>206</v>
      </c>
      <c r="H12727" s="5">
        <v>6</v>
      </c>
      <c r="I12727" s="5" t="s">
        <v>1518</v>
      </c>
      <c r="J12727" s="5" t="s">
        <v>36264</v>
      </c>
      <c r="K12727" s="2" t="s">
        <v>36265</v>
      </c>
      <c r="L12727" s="5" t="s">
        <v>36264</v>
      </c>
      <c r="M12727" s="2" t="s">
        <v>36265</v>
      </c>
      <c r="N12727" s="5" t="s">
        <v>36266</v>
      </c>
      <c r="O12727" s="5" t="s">
        <v>38</v>
      </c>
      <c r="P12727" s="5" t="s">
        <v>39</v>
      </c>
      <c r="Q12727" s="5" t="s">
        <v>40</v>
      </c>
      <c r="R12727" s="5" t="s">
        <v>1522</v>
      </c>
      <c r="S12727" s="5" t="s">
        <v>1523</v>
      </c>
      <c r="T12727" s="5" t="s">
        <v>42</v>
      </c>
      <c r="U12727" s="2">
        <v>1.5329999999999999</v>
      </c>
      <c r="V12727" s="2">
        <v>1.075</v>
      </c>
      <c r="W12727" s="2">
        <v>1.4999999999999999E-2</v>
      </c>
      <c r="X12727" s="2">
        <v>118.9</v>
      </c>
      <c r="Y12727" s="2">
        <v>7.6</v>
      </c>
      <c r="Z12727" s="2">
        <v>16.7</v>
      </c>
      <c r="AA12727" s="5"/>
      <c r="AB12727" s="5" t="s">
        <v>43</v>
      </c>
      <c r="AC12727" s="5" t="s">
        <v>44</v>
      </c>
      <c r="AD12727" s="2"/>
      <c r="AE12727" s="1"/>
    </row>
    <row r="12728" spans="1:31" ht="14.45">
      <c r="A12728" s="11"/>
      <c r="B12728" s="20"/>
      <c r="C12728" s="2" t="s">
        <v>39112</v>
      </c>
      <c r="D12728" s="14" t="s">
        <v>39113</v>
      </c>
      <c r="E12728" s="2" t="s">
        <v>39114</v>
      </c>
      <c r="F12728" s="2" t="s">
        <v>36381</v>
      </c>
      <c r="G12728" s="8">
        <v>206</v>
      </c>
      <c r="H12728" s="5">
        <v>6</v>
      </c>
      <c r="I12728" s="5" t="s">
        <v>1518</v>
      </c>
      <c r="J12728" s="5" t="s">
        <v>36264</v>
      </c>
      <c r="K12728" s="2" t="s">
        <v>36265</v>
      </c>
      <c r="L12728" s="5" t="s">
        <v>36264</v>
      </c>
      <c r="M12728" s="2" t="s">
        <v>36265</v>
      </c>
      <c r="N12728" s="5" t="s">
        <v>36266</v>
      </c>
      <c r="O12728" s="5" t="s">
        <v>38</v>
      </c>
      <c r="P12728" s="5" t="s">
        <v>39</v>
      </c>
      <c r="Q12728" s="5" t="s">
        <v>40</v>
      </c>
      <c r="R12728" s="5" t="s">
        <v>1522</v>
      </c>
      <c r="S12728" s="5" t="s">
        <v>1523</v>
      </c>
      <c r="T12728" s="5" t="s">
        <v>42</v>
      </c>
      <c r="U12728" s="2">
        <v>1.5740000000000001</v>
      </c>
      <c r="V12728" s="2">
        <v>1.1160000000000001</v>
      </c>
      <c r="W12728" s="2">
        <v>1.4999999999999999E-2</v>
      </c>
      <c r="X12728" s="2">
        <v>118.9</v>
      </c>
      <c r="Y12728" s="2">
        <v>7.6</v>
      </c>
      <c r="Z12728" s="2">
        <v>16.7</v>
      </c>
      <c r="AA12728" s="5"/>
      <c r="AB12728" s="5" t="s">
        <v>43</v>
      </c>
      <c r="AC12728" s="5" t="s">
        <v>44</v>
      </c>
      <c r="AD12728" s="2"/>
      <c r="AE12728" s="1"/>
    </row>
    <row r="12729" spans="1:31" ht="14.45">
      <c r="A12729" s="11"/>
      <c r="B12729" s="20"/>
      <c r="C12729" s="2" t="s">
        <v>39115</v>
      </c>
      <c r="D12729" s="14" t="s">
        <v>39116</v>
      </c>
      <c r="E12729" s="2" t="s">
        <v>39117</v>
      </c>
      <c r="F12729" s="2" t="s">
        <v>36385</v>
      </c>
      <c r="G12729" s="8">
        <v>206</v>
      </c>
      <c r="H12729" s="5">
        <v>6</v>
      </c>
      <c r="I12729" s="5" t="s">
        <v>1518</v>
      </c>
      <c r="J12729" s="5" t="s">
        <v>36264</v>
      </c>
      <c r="K12729" s="2" t="s">
        <v>36265</v>
      </c>
      <c r="L12729" s="5" t="s">
        <v>36264</v>
      </c>
      <c r="M12729" s="2" t="s">
        <v>36265</v>
      </c>
      <c r="N12729" s="5" t="s">
        <v>36266</v>
      </c>
      <c r="O12729" s="5" t="s">
        <v>38</v>
      </c>
      <c r="P12729" s="5" t="s">
        <v>39</v>
      </c>
      <c r="Q12729" s="5" t="s">
        <v>40</v>
      </c>
      <c r="R12729" s="5" t="s">
        <v>1522</v>
      </c>
      <c r="S12729" s="5" t="s">
        <v>1523</v>
      </c>
      <c r="T12729" s="5" t="s">
        <v>42</v>
      </c>
      <c r="U12729" s="2">
        <v>1.5329999999999999</v>
      </c>
      <c r="V12729" s="2">
        <v>1.075</v>
      </c>
      <c r="W12729" s="2">
        <v>1.4999999999999999E-2</v>
      </c>
      <c r="X12729" s="2">
        <v>118.9</v>
      </c>
      <c r="Y12729" s="2">
        <v>7.6</v>
      </c>
      <c r="Z12729" s="2">
        <v>16.7</v>
      </c>
      <c r="AA12729" s="5"/>
      <c r="AB12729" s="5" t="s">
        <v>43</v>
      </c>
      <c r="AC12729" s="5" t="s">
        <v>44</v>
      </c>
      <c r="AD12729" s="2"/>
      <c r="AE12729" s="1"/>
    </row>
    <row r="12730" spans="1:31" ht="14.45">
      <c r="A12730" s="11"/>
      <c r="B12730" s="20"/>
      <c r="C12730" s="2" t="s">
        <v>39118</v>
      </c>
      <c r="D12730" s="14" t="s">
        <v>39119</v>
      </c>
      <c r="E12730" s="2" t="s">
        <v>39120</v>
      </c>
      <c r="F12730" s="2" t="s">
        <v>36389</v>
      </c>
      <c r="G12730" s="8">
        <v>206</v>
      </c>
      <c r="H12730" s="5">
        <v>6</v>
      </c>
      <c r="I12730" s="5" t="s">
        <v>1518</v>
      </c>
      <c r="J12730" s="5" t="s">
        <v>36264</v>
      </c>
      <c r="K12730" s="2" t="s">
        <v>36265</v>
      </c>
      <c r="L12730" s="5" t="s">
        <v>36264</v>
      </c>
      <c r="M12730" s="2" t="s">
        <v>36265</v>
      </c>
      <c r="N12730" s="5" t="s">
        <v>36266</v>
      </c>
      <c r="O12730" s="5" t="s">
        <v>38</v>
      </c>
      <c r="P12730" s="5" t="s">
        <v>39</v>
      </c>
      <c r="Q12730" s="5" t="s">
        <v>40</v>
      </c>
      <c r="R12730" s="5" t="s">
        <v>1522</v>
      </c>
      <c r="S12730" s="5" t="s">
        <v>1523</v>
      </c>
      <c r="T12730" s="5" t="s">
        <v>42</v>
      </c>
      <c r="U12730" s="2">
        <v>1.5740000000000001</v>
      </c>
      <c r="V12730" s="2">
        <v>1.1160000000000001</v>
      </c>
      <c r="W12730" s="2">
        <v>1.4999999999999999E-2</v>
      </c>
      <c r="X12730" s="2">
        <v>118.9</v>
      </c>
      <c r="Y12730" s="2">
        <v>7.6</v>
      </c>
      <c r="Z12730" s="2">
        <v>16.7</v>
      </c>
      <c r="AA12730" s="5"/>
      <c r="AB12730" s="5" t="s">
        <v>43</v>
      </c>
      <c r="AC12730" s="5" t="s">
        <v>44</v>
      </c>
      <c r="AD12730" s="2"/>
      <c r="AE12730" s="1"/>
    </row>
    <row r="12731" spans="1:31" ht="14.45">
      <c r="A12731" s="11"/>
      <c r="B12731" s="20"/>
      <c r="C12731" s="2" t="s">
        <v>39121</v>
      </c>
      <c r="D12731" s="14" t="s">
        <v>39122</v>
      </c>
      <c r="E12731" s="2" t="s">
        <v>39123</v>
      </c>
      <c r="F12731" s="2" t="s">
        <v>7204</v>
      </c>
      <c r="G12731" s="8">
        <v>179</v>
      </c>
      <c r="H12731" s="5">
        <v>6</v>
      </c>
      <c r="I12731" s="5" t="s">
        <v>1518</v>
      </c>
      <c r="J12731" s="5" t="s">
        <v>36264</v>
      </c>
      <c r="K12731" s="2" t="s">
        <v>36265</v>
      </c>
      <c r="L12731" s="5" t="s">
        <v>36264</v>
      </c>
      <c r="M12731" s="2" t="s">
        <v>36265</v>
      </c>
      <c r="N12731" s="5" t="s">
        <v>36266</v>
      </c>
      <c r="O12731" s="5" t="s">
        <v>38</v>
      </c>
      <c r="P12731" s="5" t="s">
        <v>39</v>
      </c>
      <c r="Q12731" s="5" t="s">
        <v>40</v>
      </c>
      <c r="R12731" s="5" t="s">
        <v>1522</v>
      </c>
      <c r="S12731" s="5" t="s">
        <v>1523</v>
      </c>
      <c r="T12731" s="5" t="s">
        <v>42</v>
      </c>
      <c r="U12731" s="2">
        <v>1.6459999999999999</v>
      </c>
      <c r="V12731" s="2">
        <v>1.1879999999999999</v>
      </c>
      <c r="W12731" s="2">
        <v>1.4999999999999999E-2</v>
      </c>
      <c r="X12731" s="2">
        <v>118.9</v>
      </c>
      <c r="Y12731" s="2">
        <v>7.6</v>
      </c>
      <c r="Z12731" s="2">
        <v>16.7</v>
      </c>
      <c r="AA12731" s="5"/>
      <c r="AB12731" s="5" t="s">
        <v>43</v>
      </c>
      <c r="AC12731" s="5" t="s">
        <v>44</v>
      </c>
      <c r="AD12731" s="2"/>
      <c r="AE12731" s="1"/>
    </row>
    <row r="12732" spans="1:31" ht="14.45">
      <c r="A12732" s="11"/>
      <c r="B12732" s="20"/>
      <c r="C12732" s="2" t="s">
        <v>39124</v>
      </c>
      <c r="D12732" s="14" t="s">
        <v>39125</v>
      </c>
      <c r="E12732" s="2" t="s">
        <v>39126</v>
      </c>
      <c r="F12732" s="2" t="s">
        <v>7514</v>
      </c>
      <c r="G12732" s="8">
        <v>179</v>
      </c>
      <c r="H12732" s="5">
        <v>6</v>
      </c>
      <c r="I12732" s="5" t="s">
        <v>1518</v>
      </c>
      <c r="J12732" s="5" t="s">
        <v>36264</v>
      </c>
      <c r="K12732" s="2" t="s">
        <v>36265</v>
      </c>
      <c r="L12732" s="5" t="s">
        <v>36264</v>
      </c>
      <c r="M12732" s="2" t="s">
        <v>36265</v>
      </c>
      <c r="N12732" s="5" t="s">
        <v>36266</v>
      </c>
      <c r="O12732" s="5" t="s">
        <v>38</v>
      </c>
      <c r="P12732" s="5" t="s">
        <v>39</v>
      </c>
      <c r="Q12732" s="5" t="s">
        <v>40</v>
      </c>
      <c r="R12732" s="5" t="s">
        <v>1522</v>
      </c>
      <c r="S12732" s="5" t="s">
        <v>1523</v>
      </c>
      <c r="T12732" s="5" t="s">
        <v>42</v>
      </c>
      <c r="U12732" s="2">
        <v>1.6870000000000001</v>
      </c>
      <c r="V12732" s="2">
        <v>1.2290000000000001</v>
      </c>
      <c r="W12732" s="2">
        <v>1.4999999999999999E-2</v>
      </c>
      <c r="X12732" s="2">
        <v>118.9</v>
      </c>
      <c r="Y12732" s="2">
        <v>7.6</v>
      </c>
      <c r="Z12732" s="2">
        <v>16.7</v>
      </c>
      <c r="AA12732" s="5"/>
      <c r="AB12732" s="5" t="s">
        <v>43</v>
      </c>
      <c r="AC12732" s="5" t="s">
        <v>44</v>
      </c>
      <c r="AD12732" s="2"/>
      <c r="AE12732" s="1"/>
    </row>
    <row r="12733" spans="1:31" ht="14.45">
      <c r="A12733" s="11"/>
      <c r="B12733" s="20"/>
      <c r="C12733" s="2" t="s">
        <v>39127</v>
      </c>
      <c r="D12733" s="14" t="s">
        <v>39128</v>
      </c>
      <c r="E12733" s="2" t="s">
        <v>39129</v>
      </c>
      <c r="F12733" s="2" t="s">
        <v>36273</v>
      </c>
      <c r="G12733" s="8">
        <v>179</v>
      </c>
      <c r="H12733" s="5">
        <v>6</v>
      </c>
      <c r="I12733" s="5" t="s">
        <v>1518</v>
      </c>
      <c r="J12733" s="5" t="s">
        <v>36264</v>
      </c>
      <c r="K12733" s="2" t="s">
        <v>36265</v>
      </c>
      <c r="L12733" s="5" t="s">
        <v>36264</v>
      </c>
      <c r="M12733" s="2" t="s">
        <v>36265</v>
      </c>
      <c r="N12733" s="5" t="s">
        <v>36266</v>
      </c>
      <c r="O12733" s="5" t="s">
        <v>38</v>
      </c>
      <c r="P12733" s="5" t="s">
        <v>39</v>
      </c>
      <c r="Q12733" s="5" t="s">
        <v>40</v>
      </c>
      <c r="R12733" s="5" t="s">
        <v>1522</v>
      </c>
      <c r="S12733" s="5" t="s">
        <v>1523</v>
      </c>
      <c r="T12733" s="5" t="s">
        <v>42</v>
      </c>
      <c r="U12733" s="2">
        <v>1.6459999999999999</v>
      </c>
      <c r="V12733" s="2">
        <v>1.1879999999999999</v>
      </c>
      <c r="W12733" s="2">
        <v>1.4999999999999999E-2</v>
      </c>
      <c r="X12733" s="2">
        <v>118.9</v>
      </c>
      <c r="Y12733" s="2">
        <v>7.6</v>
      </c>
      <c r="Z12733" s="2">
        <v>16.7</v>
      </c>
      <c r="AA12733" s="5"/>
      <c r="AB12733" s="5" t="s">
        <v>43</v>
      </c>
      <c r="AC12733" s="5" t="s">
        <v>44</v>
      </c>
      <c r="AD12733" s="2"/>
      <c r="AE12733" s="1"/>
    </row>
    <row r="12734" spans="1:31" ht="14.45">
      <c r="A12734" s="11"/>
      <c r="B12734" s="20"/>
      <c r="C12734" s="2" t="s">
        <v>39130</v>
      </c>
      <c r="D12734" s="14" t="s">
        <v>39131</v>
      </c>
      <c r="E12734" s="2" t="s">
        <v>39132</v>
      </c>
      <c r="F12734" s="2" t="s">
        <v>36277</v>
      </c>
      <c r="G12734" s="8">
        <v>179</v>
      </c>
      <c r="H12734" s="5">
        <v>6</v>
      </c>
      <c r="I12734" s="5" t="s">
        <v>1518</v>
      </c>
      <c r="J12734" s="5" t="s">
        <v>36264</v>
      </c>
      <c r="K12734" s="2" t="s">
        <v>36265</v>
      </c>
      <c r="L12734" s="5" t="s">
        <v>36264</v>
      </c>
      <c r="M12734" s="2" t="s">
        <v>36265</v>
      </c>
      <c r="N12734" s="5" t="s">
        <v>36266</v>
      </c>
      <c r="O12734" s="5" t="s">
        <v>38</v>
      </c>
      <c r="P12734" s="5" t="s">
        <v>39</v>
      </c>
      <c r="Q12734" s="5" t="s">
        <v>40</v>
      </c>
      <c r="R12734" s="5" t="s">
        <v>1522</v>
      </c>
      <c r="S12734" s="5" t="s">
        <v>1523</v>
      </c>
      <c r="T12734" s="5" t="s">
        <v>42</v>
      </c>
      <c r="U12734" s="2">
        <v>1.6870000000000001</v>
      </c>
      <c r="V12734" s="2">
        <v>1.2290000000000001</v>
      </c>
      <c r="W12734" s="2">
        <v>1.4999999999999999E-2</v>
      </c>
      <c r="X12734" s="2">
        <v>118.9</v>
      </c>
      <c r="Y12734" s="2">
        <v>7.6</v>
      </c>
      <c r="Z12734" s="2">
        <v>16.7</v>
      </c>
      <c r="AA12734" s="5"/>
      <c r="AB12734" s="5" t="s">
        <v>43</v>
      </c>
      <c r="AC12734" s="5" t="s">
        <v>44</v>
      </c>
      <c r="AD12734" s="2"/>
      <c r="AE12734" s="1"/>
    </row>
    <row r="12735" spans="1:31" ht="14.45">
      <c r="A12735" s="11"/>
      <c r="B12735" s="20"/>
      <c r="C12735" s="2" t="s">
        <v>39133</v>
      </c>
      <c r="D12735" s="14" t="s">
        <v>39134</v>
      </c>
      <c r="E12735" s="2" t="s">
        <v>39135</v>
      </c>
      <c r="F12735" s="2" t="s">
        <v>36281</v>
      </c>
      <c r="G12735" s="8">
        <v>206</v>
      </c>
      <c r="H12735" s="5">
        <v>6</v>
      </c>
      <c r="I12735" s="5" t="s">
        <v>1518</v>
      </c>
      <c r="J12735" s="5" t="s">
        <v>36264</v>
      </c>
      <c r="K12735" s="2" t="s">
        <v>36265</v>
      </c>
      <c r="L12735" s="5" t="s">
        <v>36264</v>
      </c>
      <c r="M12735" s="2" t="s">
        <v>36265</v>
      </c>
      <c r="N12735" s="5" t="s">
        <v>36266</v>
      </c>
      <c r="O12735" s="5" t="s">
        <v>38</v>
      </c>
      <c r="P12735" s="5" t="s">
        <v>39</v>
      </c>
      <c r="Q12735" s="5" t="s">
        <v>40</v>
      </c>
      <c r="R12735" s="5" t="s">
        <v>1522</v>
      </c>
      <c r="S12735" s="5" t="s">
        <v>1523</v>
      </c>
      <c r="T12735" s="5" t="s">
        <v>42</v>
      </c>
      <c r="U12735" s="2">
        <v>1.6459999999999999</v>
      </c>
      <c r="V12735" s="2">
        <v>1.1879999999999999</v>
      </c>
      <c r="W12735" s="2">
        <v>1.4999999999999999E-2</v>
      </c>
      <c r="X12735" s="2">
        <v>118.9</v>
      </c>
      <c r="Y12735" s="2">
        <v>7.6</v>
      </c>
      <c r="Z12735" s="2">
        <v>16.7</v>
      </c>
      <c r="AA12735" s="5"/>
      <c r="AB12735" s="5" t="s">
        <v>43</v>
      </c>
      <c r="AC12735" s="5" t="s">
        <v>44</v>
      </c>
      <c r="AD12735" s="2"/>
      <c r="AE12735" s="1"/>
    </row>
    <row r="12736" spans="1:31" ht="14.45">
      <c r="A12736" s="11"/>
      <c r="B12736" s="20"/>
      <c r="C12736" s="2" t="s">
        <v>39136</v>
      </c>
      <c r="D12736" s="14" t="s">
        <v>39137</v>
      </c>
      <c r="E12736" s="2" t="s">
        <v>39138</v>
      </c>
      <c r="F12736" s="2" t="s">
        <v>36285</v>
      </c>
      <c r="G12736" s="8">
        <v>206</v>
      </c>
      <c r="H12736" s="5">
        <v>6</v>
      </c>
      <c r="I12736" s="5" t="s">
        <v>1518</v>
      </c>
      <c r="J12736" s="5" t="s">
        <v>36264</v>
      </c>
      <c r="K12736" s="2" t="s">
        <v>36265</v>
      </c>
      <c r="L12736" s="5" t="s">
        <v>36264</v>
      </c>
      <c r="M12736" s="2" t="s">
        <v>36265</v>
      </c>
      <c r="N12736" s="5" t="s">
        <v>36266</v>
      </c>
      <c r="O12736" s="5" t="s">
        <v>38</v>
      </c>
      <c r="P12736" s="5" t="s">
        <v>39</v>
      </c>
      <c r="Q12736" s="5" t="s">
        <v>40</v>
      </c>
      <c r="R12736" s="5" t="s">
        <v>1522</v>
      </c>
      <c r="S12736" s="5" t="s">
        <v>1523</v>
      </c>
      <c r="T12736" s="5" t="s">
        <v>42</v>
      </c>
      <c r="U12736" s="2">
        <v>1.6870000000000001</v>
      </c>
      <c r="V12736" s="2">
        <v>1.2290000000000001</v>
      </c>
      <c r="W12736" s="2">
        <v>1.4999999999999999E-2</v>
      </c>
      <c r="X12736" s="2">
        <v>118.9</v>
      </c>
      <c r="Y12736" s="2">
        <v>7.6</v>
      </c>
      <c r="Z12736" s="2">
        <v>16.7</v>
      </c>
      <c r="AA12736" s="5"/>
      <c r="AB12736" s="5" t="s">
        <v>43</v>
      </c>
      <c r="AC12736" s="5" t="s">
        <v>44</v>
      </c>
      <c r="AD12736" s="2"/>
      <c r="AE12736" s="1"/>
    </row>
    <row r="12737" spans="1:31" ht="14.45">
      <c r="A12737" s="11"/>
      <c r="B12737" s="20"/>
      <c r="C12737" s="2" t="s">
        <v>39139</v>
      </c>
      <c r="D12737" s="14" t="s">
        <v>39140</v>
      </c>
      <c r="E12737" s="2" t="s">
        <v>39141</v>
      </c>
      <c r="F12737" s="2" t="s">
        <v>36289</v>
      </c>
      <c r="G12737" s="8">
        <v>206</v>
      </c>
      <c r="H12737" s="5">
        <v>6</v>
      </c>
      <c r="I12737" s="5" t="s">
        <v>1518</v>
      </c>
      <c r="J12737" s="5" t="s">
        <v>36264</v>
      </c>
      <c r="K12737" s="2" t="s">
        <v>36265</v>
      </c>
      <c r="L12737" s="5" t="s">
        <v>36264</v>
      </c>
      <c r="M12737" s="2" t="s">
        <v>36265</v>
      </c>
      <c r="N12737" s="5" t="s">
        <v>36266</v>
      </c>
      <c r="O12737" s="5" t="s">
        <v>38</v>
      </c>
      <c r="P12737" s="5" t="s">
        <v>39</v>
      </c>
      <c r="Q12737" s="5" t="s">
        <v>40</v>
      </c>
      <c r="R12737" s="5" t="s">
        <v>1522</v>
      </c>
      <c r="S12737" s="5" t="s">
        <v>1523</v>
      </c>
      <c r="T12737" s="5" t="s">
        <v>42</v>
      </c>
      <c r="U12737" s="2">
        <v>1.6459999999999999</v>
      </c>
      <c r="V12737" s="2">
        <v>1.1879999999999999</v>
      </c>
      <c r="W12737" s="2">
        <v>1.4999999999999999E-2</v>
      </c>
      <c r="X12737" s="2">
        <v>118.9</v>
      </c>
      <c r="Y12737" s="2">
        <v>7.6</v>
      </c>
      <c r="Z12737" s="2">
        <v>16.7</v>
      </c>
      <c r="AA12737" s="5"/>
      <c r="AB12737" s="5" t="s">
        <v>43</v>
      </c>
      <c r="AC12737" s="5" t="s">
        <v>44</v>
      </c>
      <c r="AD12737" s="2"/>
      <c r="AE12737" s="1"/>
    </row>
    <row r="12738" spans="1:31" ht="14.45">
      <c r="A12738" s="11"/>
      <c r="B12738" s="20"/>
      <c r="C12738" s="2" t="s">
        <v>39142</v>
      </c>
      <c r="D12738" s="14" t="s">
        <v>39143</v>
      </c>
      <c r="E12738" s="2" t="s">
        <v>39144</v>
      </c>
      <c r="F12738" s="2" t="s">
        <v>36293</v>
      </c>
      <c r="G12738" s="8">
        <v>206</v>
      </c>
      <c r="H12738" s="5">
        <v>6</v>
      </c>
      <c r="I12738" s="5" t="s">
        <v>1518</v>
      </c>
      <c r="J12738" s="5" t="s">
        <v>36264</v>
      </c>
      <c r="K12738" s="2" t="s">
        <v>36265</v>
      </c>
      <c r="L12738" s="5" t="s">
        <v>36264</v>
      </c>
      <c r="M12738" s="2" t="s">
        <v>36265</v>
      </c>
      <c r="N12738" s="5" t="s">
        <v>36266</v>
      </c>
      <c r="O12738" s="5" t="s">
        <v>38</v>
      </c>
      <c r="P12738" s="5" t="s">
        <v>39</v>
      </c>
      <c r="Q12738" s="5" t="s">
        <v>40</v>
      </c>
      <c r="R12738" s="5" t="s">
        <v>1522</v>
      </c>
      <c r="S12738" s="5" t="s">
        <v>1523</v>
      </c>
      <c r="T12738" s="5" t="s">
        <v>42</v>
      </c>
      <c r="U12738" s="2">
        <v>1.6870000000000001</v>
      </c>
      <c r="V12738" s="2">
        <v>1.2290000000000001</v>
      </c>
      <c r="W12738" s="2">
        <v>1.4999999999999999E-2</v>
      </c>
      <c r="X12738" s="2">
        <v>118.9</v>
      </c>
      <c r="Y12738" s="2">
        <v>7.6</v>
      </c>
      <c r="Z12738" s="2">
        <v>16.7</v>
      </c>
      <c r="AA12738" s="5"/>
      <c r="AB12738" s="5" t="s">
        <v>43</v>
      </c>
      <c r="AC12738" s="5" t="s">
        <v>44</v>
      </c>
      <c r="AD12738" s="2"/>
      <c r="AE12738" s="1"/>
    </row>
    <row r="12739" spans="1:31" ht="14.45">
      <c r="A12739" s="11"/>
      <c r="B12739" s="20"/>
      <c r="C12739" s="2" t="s">
        <v>39145</v>
      </c>
      <c r="D12739" s="14" t="s">
        <v>39146</v>
      </c>
      <c r="E12739" s="2" t="s">
        <v>39147</v>
      </c>
      <c r="F12739" s="2" t="s">
        <v>36297</v>
      </c>
      <c r="G12739" s="8">
        <v>179</v>
      </c>
      <c r="H12739" s="5">
        <v>6</v>
      </c>
      <c r="I12739" s="5" t="s">
        <v>1518</v>
      </c>
      <c r="J12739" s="5" t="s">
        <v>36264</v>
      </c>
      <c r="K12739" s="2" t="s">
        <v>36265</v>
      </c>
      <c r="L12739" s="5" t="s">
        <v>36264</v>
      </c>
      <c r="M12739" s="2" t="s">
        <v>36265</v>
      </c>
      <c r="N12739" s="5" t="s">
        <v>36266</v>
      </c>
      <c r="O12739" s="5" t="s">
        <v>38</v>
      </c>
      <c r="P12739" s="5" t="s">
        <v>39</v>
      </c>
      <c r="Q12739" s="5" t="s">
        <v>40</v>
      </c>
      <c r="R12739" s="5" t="s">
        <v>1522</v>
      </c>
      <c r="S12739" s="5" t="s">
        <v>1523</v>
      </c>
      <c r="T12739" s="5" t="s">
        <v>42</v>
      </c>
      <c r="U12739" s="2">
        <v>1.6459999999999999</v>
      </c>
      <c r="V12739" s="2">
        <v>1.1879999999999999</v>
      </c>
      <c r="W12739" s="2">
        <v>1.4999999999999999E-2</v>
      </c>
      <c r="X12739" s="2">
        <v>118.9</v>
      </c>
      <c r="Y12739" s="2">
        <v>7.6</v>
      </c>
      <c r="Z12739" s="2">
        <v>16.7</v>
      </c>
      <c r="AA12739" s="5"/>
      <c r="AB12739" s="5" t="s">
        <v>43</v>
      </c>
      <c r="AC12739" s="5" t="s">
        <v>44</v>
      </c>
      <c r="AD12739" s="2"/>
      <c r="AE12739" s="1"/>
    </row>
    <row r="12740" spans="1:31" ht="14.45">
      <c r="A12740" s="11"/>
      <c r="B12740" s="20"/>
      <c r="C12740" s="2" t="s">
        <v>39148</v>
      </c>
      <c r="D12740" s="14" t="s">
        <v>39149</v>
      </c>
      <c r="E12740" s="2" t="s">
        <v>39150</v>
      </c>
      <c r="F12740" s="2" t="s">
        <v>36301</v>
      </c>
      <c r="G12740" s="8">
        <v>179</v>
      </c>
      <c r="H12740" s="5">
        <v>6</v>
      </c>
      <c r="I12740" s="5" t="s">
        <v>1518</v>
      </c>
      <c r="J12740" s="5" t="s">
        <v>36264</v>
      </c>
      <c r="K12740" s="2" t="s">
        <v>36265</v>
      </c>
      <c r="L12740" s="5" t="s">
        <v>36264</v>
      </c>
      <c r="M12740" s="2" t="s">
        <v>36265</v>
      </c>
      <c r="N12740" s="5" t="s">
        <v>36266</v>
      </c>
      <c r="O12740" s="5" t="s">
        <v>38</v>
      </c>
      <c r="P12740" s="5" t="s">
        <v>39</v>
      </c>
      <c r="Q12740" s="5" t="s">
        <v>40</v>
      </c>
      <c r="R12740" s="5" t="s">
        <v>1522</v>
      </c>
      <c r="S12740" s="5" t="s">
        <v>1523</v>
      </c>
      <c r="T12740" s="5" t="s">
        <v>42</v>
      </c>
      <c r="U12740" s="2">
        <v>1.6870000000000001</v>
      </c>
      <c r="V12740" s="2">
        <v>1.2290000000000001</v>
      </c>
      <c r="W12740" s="2">
        <v>1.4999999999999999E-2</v>
      </c>
      <c r="X12740" s="2">
        <v>118.9</v>
      </c>
      <c r="Y12740" s="2">
        <v>7.6</v>
      </c>
      <c r="Z12740" s="2">
        <v>16.7</v>
      </c>
      <c r="AA12740" s="5"/>
      <c r="AB12740" s="5" t="s">
        <v>43</v>
      </c>
      <c r="AC12740" s="5" t="s">
        <v>44</v>
      </c>
      <c r="AD12740" s="2"/>
      <c r="AE12740" s="1"/>
    </row>
    <row r="12741" spans="1:31" ht="14.45">
      <c r="A12741" s="11"/>
      <c r="B12741" s="20"/>
      <c r="C12741" s="2" t="s">
        <v>39151</v>
      </c>
      <c r="D12741" s="14" t="s">
        <v>39152</v>
      </c>
      <c r="E12741" s="2" t="s">
        <v>39153</v>
      </c>
      <c r="F12741" s="2" t="s">
        <v>36305</v>
      </c>
      <c r="G12741" s="8">
        <v>179</v>
      </c>
      <c r="H12741" s="5">
        <v>6</v>
      </c>
      <c r="I12741" s="5" t="s">
        <v>1518</v>
      </c>
      <c r="J12741" s="5" t="s">
        <v>36264</v>
      </c>
      <c r="K12741" s="2" t="s">
        <v>36265</v>
      </c>
      <c r="L12741" s="5" t="s">
        <v>36264</v>
      </c>
      <c r="M12741" s="2" t="s">
        <v>36265</v>
      </c>
      <c r="N12741" s="5" t="s">
        <v>36266</v>
      </c>
      <c r="O12741" s="5" t="s">
        <v>38</v>
      </c>
      <c r="P12741" s="5" t="s">
        <v>39</v>
      </c>
      <c r="Q12741" s="5" t="s">
        <v>40</v>
      </c>
      <c r="R12741" s="5" t="s">
        <v>1522</v>
      </c>
      <c r="S12741" s="5" t="s">
        <v>1523</v>
      </c>
      <c r="T12741" s="5" t="s">
        <v>42</v>
      </c>
      <c r="U12741" s="2">
        <v>1.6459999999999999</v>
      </c>
      <c r="V12741" s="2">
        <v>1.1879999999999999</v>
      </c>
      <c r="W12741" s="2">
        <v>1.4999999999999999E-2</v>
      </c>
      <c r="X12741" s="2">
        <v>118.9</v>
      </c>
      <c r="Y12741" s="2">
        <v>7.6</v>
      </c>
      <c r="Z12741" s="2">
        <v>16.7</v>
      </c>
      <c r="AA12741" s="5"/>
      <c r="AB12741" s="5" t="s">
        <v>43</v>
      </c>
      <c r="AC12741" s="5" t="s">
        <v>44</v>
      </c>
      <c r="AD12741" s="2"/>
      <c r="AE12741" s="1"/>
    </row>
    <row r="12742" spans="1:31" ht="14.45">
      <c r="A12742" s="11"/>
      <c r="B12742" s="20"/>
      <c r="C12742" s="2" t="s">
        <v>39154</v>
      </c>
      <c r="D12742" s="14" t="s">
        <v>39155</v>
      </c>
      <c r="E12742" s="2" t="s">
        <v>39156</v>
      </c>
      <c r="F12742" s="2" t="s">
        <v>36309</v>
      </c>
      <c r="G12742" s="8">
        <v>179</v>
      </c>
      <c r="H12742" s="5">
        <v>6</v>
      </c>
      <c r="I12742" s="5" t="s">
        <v>1518</v>
      </c>
      <c r="J12742" s="5" t="s">
        <v>36264</v>
      </c>
      <c r="K12742" s="2" t="s">
        <v>36265</v>
      </c>
      <c r="L12742" s="5" t="s">
        <v>36264</v>
      </c>
      <c r="M12742" s="2" t="s">
        <v>36265</v>
      </c>
      <c r="N12742" s="5" t="s">
        <v>36266</v>
      </c>
      <c r="O12742" s="5" t="s">
        <v>38</v>
      </c>
      <c r="P12742" s="5" t="s">
        <v>39</v>
      </c>
      <c r="Q12742" s="5" t="s">
        <v>40</v>
      </c>
      <c r="R12742" s="5" t="s">
        <v>1522</v>
      </c>
      <c r="S12742" s="5" t="s">
        <v>1523</v>
      </c>
      <c r="T12742" s="5" t="s">
        <v>42</v>
      </c>
      <c r="U12742" s="2">
        <v>1.6870000000000001</v>
      </c>
      <c r="V12742" s="2">
        <v>1.2290000000000001</v>
      </c>
      <c r="W12742" s="2">
        <v>1.4999999999999999E-2</v>
      </c>
      <c r="X12742" s="2">
        <v>118.9</v>
      </c>
      <c r="Y12742" s="2">
        <v>7.6</v>
      </c>
      <c r="Z12742" s="2">
        <v>16.7</v>
      </c>
      <c r="AA12742" s="5"/>
      <c r="AB12742" s="5" t="s">
        <v>43</v>
      </c>
      <c r="AC12742" s="5" t="s">
        <v>44</v>
      </c>
      <c r="AD12742" s="2"/>
      <c r="AE12742" s="1"/>
    </row>
    <row r="12743" spans="1:31" ht="14.45">
      <c r="A12743" s="11"/>
      <c r="B12743" s="20"/>
      <c r="C12743" s="2" t="s">
        <v>39157</v>
      </c>
      <c r="D12743" s="14" t="s">
        <v>39158</v>
      </c>
      <c r="E12743" s="2" t="s">
        <v>39159</v>
      </c>
      <c r="F12743" s="2" t="s">
        <v>36313</v>
      </c>
      <c r="G12743" s="8">
        <v>206</v>
      </c>
      <c r="H12743" s="5">
        <v>6</v>
      </c>
      <c r="I12743" s="5" t="s">
        <v>1518</v>
      </c>
      <c r="J12743" s="5" t="s">
        <v>36264</v>
      </c>
      <c r="K12743" s="2" t="s">
        <v>36265</v>
      </c>
      <c r="L12743" s="5" t="s">
        <v>36264</v>
      </c>
      <c r="M12743" s="2" t="s">
        <v>36265</v>
      </c>
      <c r="N12743" s="5" t="s">
        <v>36266</v>
      </c>
      <c r="O12743" s="5" t="s">
        <v>38</v>
      </c>
      <c r="P12743" s="5" t="s">
        <v>39</v>
      </c>
      <c r="Q12743" s="5" t="s">
        <v>40</v>
      </c>
      <c r="R12743" s="5" t="s">
        <v>1522</v>
      </c>
      <c r="S12743" s="5" t="s">
        <v>1523</v>
      </c>
      <c r="T12743" s="5" t="s">
        <v>42</v>
      </c>
      <c r="U12743" s="2">
        <v>1.6459999999999999</v>
      </c>
      <c r="V12743" s="2">
        <v>1.1879999999999999</v>
      </c>
      <c r="W12743" s="2">
        <v>1.4999999999999999E-2</v>
      </c>
      <c r="X12743" s="2">
        <v>118.9</v>
      </c>
      <c r="Y12743" s="2">
        <v>7.6</v>
      </c>
      <c r="Z12743" s="2">
        <v>16.7</v>
      </c>
      <c r="AA12743" s="5"/>
      <c r="AB12743" s="5" t="s">
        <v>43</v>
      </c>
      <c r="AC12743" s="5" t="s">
        <v>44</v>
      </c>
      <c r="AD12743" s="2"/>
      <c r="AE12743" s="1"/>
    </row>
    <row r="12744" spans="1:31" ht="14.45">
      <c r="A12744" s="11"/>
      <c r="B12744" s="20"/>
      <c r="C12744" s="2" t="s">
        <v>39160</v>
      </c>
      <c r="D12744" s="14" t="s">
        <v>39161</v>
      </c>
      <c r="E12744" s="2" t="s">
        <v>39162</v>
      </c>
      <c r="F12744" s="2" t="s">
        <v>36317</v>
      </c>
      <c r="G12744" s="8">
        <v>206</v>
      </c>
      <c r="H12744" s="5">
        <v>6</v>
      </c>
      <c r="I12744" s="5" t="s">
        <v>1518</v>
      </c>
      <c r="J12744" s="5" t="s">
        <v>36264</v>
      </c>
      <c r="K12744" s="2" t="s">
        <v>36265</v>
      </c>
      <c r="L12744" s="5" t="s">
        <v>36264</v>
      </c>
      <c r="M12744" s="2" t="s">
        <v>36265</v>
      </c>
      <c r="N12744" s="5" t="s">
        <v>36266</v>
      </c>
      <c r="O12744" s="5" t="s">
        <v>38</v>
      </c>
      <c r="P12744" s="5" t="s">
        <v>39</v>
      </c>
      <c r="Q12744" s="5" t="s">
        <v>40</v>
      </c>
      <c r="R12744" s="5" t="s">
        <v>1522</v>
      </c>
      <c r="S12744" s="5" t="s">
        <v>1523</v>
      </c>
      <c r="T12744" s="5" t="s">
        <v>42</v>
      </c>
      <c r="U12744" s="2">
        <v>1.6870000000000001</v>
      </c>
      <c r="V12744" s="2">
        <v>1.2290000000000001</v>
      </c>
      <c r="W12744" s="2">
        <v>1.4999999999999999E-2</v>
      </c>
      <c r="X12744" s="2">
        <v>118.9</v>
      </c>
      <c r="Y12744" s="2">
        <v>7.6</v>
      </c>
      <c r="Z12744" s="2">
        <v>16.7</v>
      </c>
      <c r="AA12744" s="5"/>
      <c r="AB12744" s="5" t="s">
        <v>43</v>
      </c>
      <c r="AC12744" s="5" t="s">
        <v>44</v>
      </c>
      <c r="AD12744" s="2"/>
      <c r="AE12744" s="1"/>
    </row>
    <row r="12745" spans="1:31" ht="14.45">
      <c r="A12745" s="11"/>
      <c r="B12745" s="20"/>
      <c r="C12745" s="2" t="s">
        <v>39163</v>
      </c>
      <c r="D12745" s="14" t="s">
        <v>39164</v>
      </c>
      <c r="E12745" s="2" t="s">
        <v>39165</v>
      </c>
      <c r="F12745" s="2" t="s">
        <v>36321</v>
      </c>
      <c r="G12745" s="8">
        <v>206</v>
      </c>
      <c r="H12745" s="5">
        <v>6</v>
      </c>
      <c r="I12745" s="5" t="s">
        <v>1518</v>
      </c>
      <c r="J12745" s="5" t="s">
        <v>36264</v>
      </c>
      <c r="K12745" s="2" t="s">
        <v>36265</v>
      </c>
      <c r="L12745" s="5" t="s">
        <v>36264</v>
      </c>
      <c r="M12745" s="2" t="s">
        <v>36265</v>
      </c>
      <c r="N12745" s="5" t="s">
        <v>36266</v>
      </c>
      <c r="O12745" s="5" t="s">
        <v>38</v>
      </c>
      <c r="P12745" s="5" t="s">
        <v>39</v>
      </c>
      <c r="Q12745" s="5" t="s">
        <v>40</v>
      </c>
      <c r="R12745" s="5" t="s">
        <v>1522</v>
      </c>
      <c r="S12745" s="5" t="s">
        <v>1523</v>
      </c>
      <c r="T12745" s="5" t="s">
        <v>42</v>
      </c>
      <c r="U12745" s="2">
        <v>1.6459999999999999</v>
      </c>
      <c r="V12745" s="2">
        <v>1.1879999999999999</v>
      </c>
      <c r="W12745" s="2">
        <v>1.4999999999999999E-2</v>
      </c>
      <c r="X12745" s="2">
        <v>118.9</v>
      </c>
      <c r="Y12745" s="2">
        <v>7.6</v>
      </c>
      <c r="Z12745" s="2">
        <v>16.7</v>
      </c>
      <c r="AA12745" s="5"/>
      <c r="AB12745" s="5" t="s">
        <v>43</v>
      </c>
      <c r="AC12745" s="5" t="s">
        <v>44</v>
      </c>
      <c r="AD12745" s="2"/>
      <c r="AE12745" s="1"/>
    </row>
    <row r="12746" spans="1:31" ht="14.45">
      <c r="A12746" s="11"/>
      <c r="B12746" s="20"/>
      <c r="C12746" s="2" t="s">
        <v>39166</v>
      </c>
      <c r="D12746" s="14" t="s">
        <v>39167</v>
      </c>
      <c r="E12746" s="2" t="s">
        <v>39168</v>
      </c>
      <c r="F12746" s="2" t="s">
        <v>36325</v>
      </c>
      <c r="G12746" s="8">
        <v>206</v>
      </c>
      <c r="H12746" s="5">
        <v>6</v>
      </c>
      <c r="I12746" s="5" t="s">
        <v>1518</v>
      </c>
      <c r="J12746" s="5" t="s">
        <v>36264</v>
      </c>
      <c r="K12746" s="2" t="s">
        <v>36265</v>
      </c>
      <c r="L12746" s="5" t="s">
        <v>36264</v>
      </c>
      <c r="M12746" s="2" t="s">
        <v>36265</v>
      </c>
      <c r="N12746" s="5" t="s">
        <v>36266</v>
      </c>
      <c r="O12746" s="5" t="s">
        <v>38</v>
      </c>
      <c r="P12746" s="5" t="s">
        <v>39</v>
      </c>
      <c r="Q12746" s="5" t="s">
        <v>40</v>
      </c>
      <c r="R12746" s="5" t="s">
        <v>1522</v>
      </c>
      <c r="S12746" s="5" t="s">
        <v>1523</v>
      </c>
      <c r="T12746" s="5" t="s">
        <v>42</v>
      </c>
      <c r="U12746" s="2">
        <v>1.6870000000000001</v>
      </c>
      <c r="V12746" s="2">
        <v>1.2290000000000001</v>
      </c>
      <c r="W12746" s="2">
        <v>1.4999999999999999E-2</v>
      </c>
      <c r="X12746" s="2">
        <v>118.9</v>
      </c>
      <c r="Y12746" s="2">
        <v>7.6</v>
      </c>
      <c r="Z12746" s="2">
        <v>16.7</v>
      </c>
      <c r="AA12746" s="5"/>
      <c r="AB12746" s="5" t="s">
        <v>43</v>
      </c>
      <c r="AC12746" s="5" t="s">
        <v>44</v>
      </c>
      <c r="AD12746" s="2"/>
      <c r="AE12746" s="1"/>
    </row>
    <row r="12747" spans="1:31" ht="14.45">
      <c r="A12747" s="11"/>
      <c r="B12747" s="20"/>
      <c r="C12747" s="2" t="s">
        <v>39169</v>
      </c>
      <c r="D12747" s="14" t="s">
        <v>39170</v>
      </c>
      <c r="E12747" s="2" t="s">
        <v>39171</v>
      </c>
      <c r="F12747" s="2" t="s">
        <v>36329</v>
      </c>
      <c r="G12747" s="8">
        <v>206</v>
      </c>
      <c r="H12747" s="5">
        <v>6</v>
      </c>
      <c r="I12747" s="5" t="s">
        <v>1518</v>
      </c>
      <c r="J12747" s="5" t="s">
        <v>36264</v>
      </c>
      <c r="K12747" s="2" t="s">
        <v>36265</v>
      </c>
      <c r="L12747" s="5" t="s">
        <v>36264</v>
      </c>
      <c r="M12747" s="2" t="s">
        <v>36265</v>
      </c>
      <c r="N12747" s="5" t="s">
        <v>36266</v>
      </c>
      <c r="O12747" s="5" t="s">
        <v>38</v>
      </c>
      <c r="P12747" s="5" t="s">
        <v>39</v>
      </c>
      <c r="Q12747" s="5" t="s">
        <v>40</v>
      </c>
      <c r="R12747" s="5" t="s">
        <v>1522</v>
      </c>
      <c r="S12747" s="5" t="s">
        <v>1523</v>
      </c>
      <c r="T12747" s="5" t="s">
        <v>42</v>
      </c>
      <c r="U12747" s="2">
        <v>1.6459999999999999</v>
      </c>
      <c r="V12747" s="2">
        <v>1.1879999999999999</v>
      </c>
      <c r="W12747" s="2">
        <v>1.4999999999999999E-2</v>
      </c>
      <c r="X12747" s="2">
        <v>118.9</v>
      </c>
      <c r="Y12747" s="2">
        <v>7.6</v>
      </c>
      <c r="Z12747" s="2">
        <v>16.7</v>
      </c>
      <c r="AA12747" s="5"/>
      <c r="AB12747" s="5" t="s">
        <v>43</v>
      </c>
      <c r="AC12747" s="5" t="s">
        <v>44</v>
      </c>
      <c r="AD12747" s="2"/>
      <c r="AE12747" s="1"/>
    </row>
    <row r="12748" spans="1:31" ht="14.45">
      <c r="A12748" s="11"/>
      <c r="B12748" s="20"/>
      <c r="C12748" s="2" t="s">
        <v>39172</v>
      </c>
      <c r="D12748" s="14" t="s">
        <v>39173</v>
      </c>
      <c r="E12748" s="2" t="s">
        <v>39174</v>
      </c>
      <c r="F12748" s="2" t="s">
        <v>36333</v>
      </c>
      <c r="G12748" s="8">
        <v>206</v>
      </c>
      <c r="H12748" s="5">
        <v>6</v>
      </c>
      <c r="I12748" s="5" t="s">
        <v>1518</v>
      </c>
      <c r="J12748" s="5" t="s">
        <v>36264</v>
      </c>
      <c r="K12748" s="2" t="s">
        <v>36265</v>
      </c>
      <c r="L12748" s="5" t="s">
        <v>36264</v>
      </c>
      <c r="M12748" s="2" t="s">
        <v>36265</v>
      </c>
      <c r="N12748" s="5" t="s">
        <v>36266</v>
      </c>
      <c r="O12748" s="5" t="s">
        <v>38</v>
      </c>
      <c r="P12748" s="5" t="s">
        <v>39</v>
      </c>
      <c r="Q12748" s="5" t="s">
        <v>40</v>
      </c>
      <c r="R12748" s="5" t="s">
        <v>1522</v>
      </c>
      <c r="S12748" s="5" t="s">
        <v>1523</v>
      </c>
      <c r="T12748" s="5" t="s">
        <v>42</v>
      </c>
      <c r="U12748" s="2">
        <v>1.6870000000000001</v>
      </c>
      <c r="V12748" s="2">
        <v>1.2290000000000001</v>
      </c>
      <c r="W12748" s="2">
        <v>1.4999999999999999E-2</v>
      </c>
      <c r="X12748" s="2">
        <v>118.9</v>
      </c>
      <c r="Y12748" s="2">
        <v>7.6</v>
      </c>
      <c r="Z12748" s="2">
        <v>16.7</v>
      </c>
      <c r="AA12748" s="5"/>
      <c r="AB12748" s="5" t="s">
        <v>43</v>
      </c>
      <c r="AC12748" s="5" t="s">
        <v>44</v>
      </c>
      <c r="AD12748" s="2"/>
      <c r="AE12748" s="1"/>
    </row>
    <row r="12749" spans="1:31" ht="14.45">
      <c r="A12749" s="11"/>
      <c r="B12749" s="20"/>
      <c r="C12749" s="2" t="s">
        <v>39175</v>
      </c>
      <c r="D12749" s="14" t="s">
        <v>39176</v>
      </c>
      <c r="E12749" s="2" t="s">
        <v>39177</v>
      </c>
      <c r="F12749" s="2" t="s">
        <v>36337</v>
      </c>
      <c r="G12749" s="8">
        <v>206</v>
      </c>
      <c r="H12749" s="5">
        <v>6</v>
      </c>
      <c r="I12749" s="5" t="s">
        <v>1518</v>
      </c>
      <c r="J12749" s="5" t="s">
        <v>36264</v>
      </c>
      <c r="K12749" s="2" t="s">
        <v>36265</v>
      </c>
      <c r="L12749" s="5" t="s">
        <v>36264</v>
      </c>
      <c r="M12749" s="2" t="s">
        <v>36265</v>
      </c>
      <c r="N12749" s="5" t="s">
        <v>36266</v>
      </c>
      <c r="O12749" s="5" t="s">
        <v>38</v>
      </c>
      <c r="P12749" s="5" t="s">
        <v>39</v>
      </c>
      <c r="Q12749" s="5" t="s">
        <v>40</v>
      </c>
      <c r="R12749" s="5" t="s">
        <v>1522</v>
      </c>
      <c r="S12749" s="5" t="s">
        <v>1523</v>
      </c>
      <c r="T12749" s="5" t="s">
        <v>42</v>
      </c>
      <c r="U12749" s="2">
        <v>1.6459999999999999</v>
      </c>
      <c r="V12749" s="2">
        <v>1.1879999999999999</v>
      </c>
      <c r="W12749" s="2">
        <v>1.4999999999999999E-2</v>
      </c>
      <c r="X12749" s="2">
        <v>118.9</v>
      </c>
      <c r="Y12749" s="2">
        <v>7.6</v>
      </c>
      <c r="Z12749" s="2">
        <v>16.7</v>
      </c>
      <c r="AA12749" s="5"/>
      <c r="AB12749" s="5" t="s">
        <v>43</v>
      </c>
      <c r="AC12749" s="5" t="s">
        <v>44</v>
      </c>
      <c r="AD12749" s="2"/>
      <c r="AE12749" s="1"/>
    </row>
    <row r="12750" spans="1:31" ht="14.45">
      <c r="A12750" s="11"/>
      <c r="B12750" s="20"/>
      <c r="C12750" s="2" t="s">
        <v>39178</v>
      </c>
      <c r="D12750" s="14" t="s">
        <v>39179</v>
      </c>
      <c r="E12750" s="2" t="s">
        <v>39180</v>
      </c>
      <c r="F12750" s="2" t="s">
        <v>36341</v>
      </c>
      <c r="G12750" s="8">
        <v>206</v>
      </c>
      <c r="H12750" s="5">
        <v>6</v>
      </c>
      <c r="I12750" s="5" t="s">
        <v>1518</v>
      </c>
      <c r="J12750" s="5" t="s">
        <v>36264</v>
      </c>
      <c r="K12750" s="2" t="s">
        <v>36265</v>
      </c>
      <c r="L12750" s="5" t="s">
        <v>36264</v>
      </c>
      <c r="M12750" s="2" t="s">
        <v>36265</v>
      </c>
      <c r="N12750" s="5" t="s">
        <v>36266</v>
      </c>
      <c r="O12750" s="5" t="s">
        <v>38</v>
      </c>
      <c r="P12750" s="5" t="s">
        <v>39</v>
      </c>
      <c r="Q12750" s="5" t="s">
        <v>40</v>
      </c>
      <c r="R12750" s="5" t="s">
        <v>1522</v>
      </c>
      <c r="S12750" s="5" t="s">
        <v>1523</v>
      </c>
      <c r="T12750" s="5" t="s">
        <v>42</v>
      </c>
      <c r="U12750" s="2">
        <v>1.6870000000000001</v>
      </c>
      <c r="V12750" s="2">
        <v>1.2290000000000001</v>
      </c>
      <c r="W12750" s="2">
        <v>1.4999999999999999E-2</v>
      </c>
      <c r="X12750" s="2">
        <v>118.9</v>
      </c>
      <c r="Y12750" s="2">
        <v>7.6</v>
      </c>
      <c r="Z12750" s="2">
        <v>16.7</v>
      </c>
      <c r="AA12750" s="5"/>
      <c r="AB12750" s="5" t="s">
        <v>43</v>
      </c>
      <c r="AC12750" s="5" t="s">
        <v>44</v>
      </c>
      <c r="AD12750" s="2"/>
      <c r="AE12750" s="1"/>
    </row>
    <row r="12751" spans="1:31" ht="14.45">
      <c r="A12751" s="11"/>
      <c r="B12751" s="20"/>
      <c r="C12751" s="2" t="s">
        <v>39181</v>
      </c>
      <c r="D12751" s="14" t="s">
        <v>39182</v>
      </c>
      <c r="E12751" s="2" t="s">
        <v>39183</v>
      </c>
      <c r="F12751" s="2" t="s">
        <v>36345</v>
      </c>
      <c r="G12751" s="8">
        <v>206</v>
      </c>
      <c r="H12751" s="5">
        <v>6</v>
      </c>
      <c r="I12751" s="5" t="s">
        <v>1518</v>
      </c>
      <c r="J12751" s="5" t="s">
        <v>36264</v>
      </c>
      <c r="K12751" s="2" t="s">
        <v>36265</v>
      </c>
      <c r="L12751" s="5" t="s">
        <v>36264</v>
      </c>
      <c r="M12751" s="2" t="s">
        <v>36265</v>
      </c>
      <c r="N12751" s="5" t="s">
        <v>36266</v>
      </c>
      <c r="O12751" s="5" t="s">
        <v>38</v>
      </c>
      <c r="P12751" s="5" t="s">
        <v>39</v>
      </c>
      <c r="Q12751" s="5" t="s">
        <v>40</v>
      </c>
      <c r="R12751" s="5" t="s">
        <v>1522</v>
      </c>
      <c r="S12751" s="5" t="s">
        <v>1523</v>
      </c>
      <c r="T12751" s="5" t="s">
        <v>42</v>
      </c>
      <c r="U12751" s="2">
        <v>1.6459999999999999</v>
      </c>
      <c r="V12751" s="2">
        <v>1.1879999999999999</v>
      </c>
      <c r="W12751" s="2">
        <v>1.4999999999999999E-2</v>
      </c>
      <c r="X12751" s="2">
        <v>118.9</v>
      </c>
      <c r="Y12751" s="2">
        <v>7.6</v>
      </c>
      <c r="Z12751" s="2">
        <v>16.7</v>
      </c>
      <c r="AA12751" s="5"/>
      <c r="AB12751" s="5" t="s">
        <v>43</v>
      </c>
      <c r="AC12751" s="5" t="s">
        <v>44</v>
      </c>
      <c r="AD12751" s="2"/>
      <c r="AE12751" s="1"/>
    </row>
    <row r="12752" spans="1:31" ht="14.45">
      <c r="A12752" s="11"/>
      <c r="B12752" s="20"/>
      <c r="C12752" s="2" t="s">
        <v>39184</v>
      </c>
      <c r="D12752" s="14" t="s">
        <v>39185</v>
      </c>
      <c r="E12752" s="2" t="s">
        <v>39186</v>
      </c>
      <c r="F12752" s="2" t="s">
        <v>36349</v>
      </c>
      <c r="G12752" s="8">
        <v>206</v>
      </c>
      <c r="H12752" s="5">
        <v>6</v>
      </c>
      <c r="I12752" s="5" t="s">
        <v>1518</v>
      </c>
      <c r="J12752" s="5" t="s">
        <v>36264</v>
      </c>
      <c r="K12752" s="2" t="s">
        <v>36265</v>
      </c>
      <c r="L12752" s="5" t="s">
        <v>36264</v>
      </c>
      <c r="M12752" s="2" t="s">
        <v>36265</v>
      </c>
      <c r="N12752" s="5" t="s">
        <v>36266</v>
      </c>
      <c r="O12752" s="5" t="s">
        <v>38</v>
      </c>
      <c r="P12752" s="5" t="s">
        <v>39</v>
      </c>
      <c r="Q12752" s="5" t="s">
        <v>40</v>
      </c>
      <c r="R12752" s="5" t="s">
        <v>1522</v>
      </c>
      <c r="S12752" s="5" t="s">
        <v>1523</v>
      </c>
      <c r="T12752" s="5" t="s">
        <v>42</v>
      </c>
      <c r="U12752" s="2">
        <v>1.6870000000000001</v>
      </c>
      <c r="V12752" s="2">
        <v>1.2290000000000001</v>
      </c>
      <c r="W12752" s="2">
        <v>1.4999999999999999E-2</v>
      </c>
      <c r="X12752" s="2">
        <v>118.9</v>
      </c>
      <c r="Y12752" s="2">
        <v>7.6</v>
      </c>
      <c r="Z12752" s="2">
        <v>16.7</v>
      </c>
      <c r="AA12752" s="5"/>
      <c r="AB12752" s="5" t="s">
        <v>43</v>
      </c>
      <c r="AC12752" s="5" t="s">
        <v>44</v>
      </c>
      <c r="AD12752" s="2"/>
      <c r="AE12752" s="1"/>
    </row>
    <row r="12753" spans="1:31" ht="14.45">
      <c r="A12753" s="11"/>
      <c r="B12753" s="20"/>
      <c r="C12753" s="2" t="s">
        <v>39187</v>
      </c>
      <c r="D12753" s="14" t="s">
        <v>39188</v>
      </c>
      <c r="E12753" s="2" t="s">
        <v>39189</v>
      </c>
      <c r="F12753" s="2" t="s">
        <v>36353</v>
      </c>
      <c r="G12753" s="8">
        <v>206</v>
      </c>
      <c r="H12753" s="5">
        <v>6</v>
      </c>
      <c r="I12753" s="5" t="s">
        <v>1518</v>
      </c>
      <c r="J12753" s="5" t="s">
        <v>36264</v>
      </c>
      <c r="K12753" s="2" t="s">
        <v>36265</v>
      </c>
      <c r="L12753" s="5" t="s">
        <v>36264</v>
      </c>
      <c r="M12753" s="2" t="s">
        <v>36265</v>
      </c>
      <c r="N12753" s="5" t="s">
        <v>36266</v>
      </c>
      <c r="O12753" s="5" t="s">
        <v>38</v>
      </c>
      <c r="P12753" s="5" t="s">
        <v>39</v>
      </c>
      <c r="Q12753" s="5" t="s">
        <v>40</v>
      </c>
      <c r="R12753" s="5" t="s">
        <v>1522</v>
      </c>
      <c r="S12753" s="5" t="s">
        <v>1523</v>
      </c>
      <c r="T12753" s="5" t="s">
        <v>42</v>
      </c>
      <c r="U12753" s="2">
        <v>1.6459999999999999</v>
      </c>
      <c r="V12753" s="2">
        <v>1.1879999999999999</v>
      </c>
      <c r="W12753" s="2">
        <v>1.4999999999999999E-2</v>
      </c>
      <c r="X12753" s="2">
        <v>118.9</v>
      </c>
      <c r="Y12753" s="2">
        <v>7.6</v>
      </c>
      <c r="Z12753" s="2">
        <v>16.7</v>
      </c>
      <c r="AA12753" s="5"/>
      <c r="AB12753" s="5" t="s">
        <v>43</v>
      </c>
      <c r="AC12753" s="5" t="s">
        <v>44</v>
      </c>
      <c r="AD12753" s="2"/>
      <c r="AE12753" s="1"/>
    </row>
    <row r="12754" spans="1:31" ht="14.45">
      <c r="A12754" s="11"/>
      <c r="B12754" s="20"/>
      <c r="C12754" s="2" t="s">
        <v>39190</v>
      </c>
      <c r="D12754" s="14" t="s">
        <v>39191</v>
      </c>
      <c r="E12754" s="2" t="s">
        <v>39192</v>
      </c>
      <c r="F12754" s="2" t="s">
        <v>36357</v>
      </c>
      <c r="G12754" s="8">
        <v>206</v>
      </c>
      <c r="H12754" s="5">
        <v>6</v>
      </c>
      <c r="I12754" s="5" t="s">
        <v>1518</v>
      </c>
      <c r="J12754" s="5" t="s">
        <v>36264</v>
      </c>
      <c r="K12754" s="2" t="s">
        <v>36265</v>
      </c>
      <c r="L12754" s="5" t="s">
        <v>36264</v>
      </c>
      <c r="M12754" s="2" t="s">
        <v>36265</v>
      </c>
      <c r="N12754" s="5" t="s">
        <v>36266</v>
      </c>
      <c r="O12754" s="5" t="s">
        <v>38</v>
      </c>
      <c r="P12754" s="5" t="s">
        <v>39</v>
      </c>
      <c r="Q12754" s="5" t="s">
        <v>40</v>
      </c>
      <c r="R12754" s="5" t="s">
        <v>1522</v>
      </c>
      <c r="S12754" s="5" t="s">
        <v>1523</v>
      </c>
      <c r="T12754" s="5" t="s">
        <v>42</v>
      </c>
      <c r="U12754" s="2">
        <v>1.6870000000000001</v>
      </c>
      <c r="V12754" s="2">
        <v>1.2290000000000001</v>
      </c>
      <c r="W12754" s="2">
        <v>1.4999999999999999E-2</v>
      </c>
      <c r="X12754" s="2">
        <v>118.9</v>
      </c>
      <c r="Y12754" s="2">
        <v>7.6</v>
      </c>
      <c r="Z12754" s="2">
        <v>16.7</v>
      </c>
      <c r="AA12754" s="5"/>
      <c r="AB12754" s="5" t="s">
        <v>43</v>
      </c>
      <c r="AC12754" s="5" t="s">
        <v>44</v>
      </c>
      <c r="AD12754" s="2"/>
      <c r="AE12754" s="1"/>
    </row>
    <row r="12755" spans="1:31" ht="14.45">
      <c r="A12755" s="11"/>
      <c r="B12755" s="20"/>
      <c r="C12755" s="2" t="s">
        <v>39193</v>
      </c>
      <c r="D12755" s="14" t="s">
        <v>39194</v>
      </c>
      <c r="E12755" s="2" t="s">
        <v>39195</v>
      </c>
      <c r="F12755" s="2" t="s">
        <v>36361</v>
      </c>
      <c r="G12755" s="8">
        <v>206</v>
      </c>
      <c r="H12755" s="5">
        <v>6</v>
      </c>
      <c r="I12755" s="5" t="s">
        <v>1518</v>
      </c>
      <c r="J12755" s="5" t="s">
        <v>36264</v>
      </c>
      <c r="K12755" s="2" t="s">
        <v>36265</v>
      </c>
      <c r="L12755" s="5" t="s">
        <v>36264</v>
      </c>
      <c r="M12755" s="2" t="s">
        <v>36265</v>
      </c>
      <c r="N12755" s="5" t="s">
        <v>36266</v>
      </c>
      <c r="O12755" s="5" t="s">
        <v>38</v>
      </c>
      <c r="P12755" s="5" t="s">
        <v>39</v>
      </c>
      <c r="Q12755" s="5" t="s">
        <v>40</v>
      </c>
      <c r="R12755" s="5" t="s">
        <v>1522</v>
      </c>
      <c r="S12755" s="5" t="s">
        <v>1523</v>
      </c>
      <c r="T12755" s="5" t="s">
        <v>42</v>
      </c>
      <c r="U12755" s="2">
        <v>1.6459999999999999</v>
      </c>
      <c r="V12755" s="2">
        <v>1.1879999999999999</v>
      </c>
      <c r="W12755" s="2">
        <v>1.4999999999999999E-2</v>
      </c>
      <c r="X12755" s="2">
        <v>118.9</v>
      </c>
      <c r="Y12755" s="2">
        <v>7.6</v>
      </c>
      <c r="Z12755" s="2">
        <v>16.7</v>
      </c>
      <c r="AA12755" s="5"/>
      <c r="AB12755" s="5" t="s">
        <v>43</v>
      </c>
      <c r="AC12755" s="5" t="s">
        <v>44</v>
      </c>
      <c r="AD12755" s="2"/>
      <c r="AE12755" s="1"/>
    </row>
    <row r="12756" spans="1:31" ht="14.45">
      <c r="A12756" s="11"/>
      <c r="B12756" s="20"/>
      <c r="C12756" s="2" t="s">
        <v>39196</v>
      </c>
      <c r="D12756" s="14" t="s">
        <v>39197</v>
      </c>
      <c r="E12756" s="2" t="s">
        <v>39198</v>
      </c>
      <c r="F12756" s="2" t="s">
        <v>36365</v>
      </c>
      <c r="G12756" s="8">
        <v>206</v>
      </c>
      <c r="H12756" s="5">
        <v>6</v>
      </c>
      <c r="I12756" s="5" t="s">
        <v>1518</v>
      </c>
      <c r="J12756" s="5" t="s">
        <v>36264</v>
      </c>
      <c r="K12756" s="2" t="s">
        <v>36265</v>
      </c>
      <c r="L12756" s="5" t="s">
        <v>36264</v>
      </c>
      <c r="M12756" s="2" t="s">
        <v>36265</v>
      </c>
      <c r="N12756" s="5" t="s">
        <v>36266</v>
      </c>
      <c r="O12756" s="5" t="s">
        <v>38</v>
      </c>
      <c r="P12756" s="5" t="s">
        <v>39</v>
      </c>
      <c r="Q12756" s="5" t="s">
        <v>40</v>
      </c>
      <c r="R12756" s="5" t="s">
        <v>1522</v>
      </c>
      <c r="S12756" s="5" t="s">
        <v>1523</v>
      </c>
      <c r="T12756" s="5" t="s">
        <v>42</v>
      </c>
      <c r="U12756" s="2">
        <v>1.6870000000000001</v>
      </c>
      <c r="V12756" s="2">
        <v>1.2290000000000001</v>
      </c>
      <c r="W12756" s="2">
        <v>1.4999999999999999E-2</v>
      </c>
      <c r="X12756" s="2">
        <v>118.9</v>
      </c>
      <c r="Y12756" s="2">
        <v>7.6</v>
      </c>
      <c r="Z12756" s="2">
        <v>16.7</v>
      </c>
      <c r="AA12756" s="5"/>
      <c r="AB12756" s="5" t="s">
        <v>43</v>
      </c>
      <c r="AC12756" s="5" t="s">
        <v>44</v>
      </c>
      <c r="AD12756" s="2"/>
      <c r="AE12756" s="1"/>
    </row>
    <row r="12757" spans="1:31" ht="14.45">
      <c r="A12757" s="11"/>
      <c r="B12757" s="20"/>
      <c r="C12757" s="2" t="s">
        <v>39199</v>
      </c>
      <c r="D12757" s="14" t="s">
        <v>39200</v>
      </c>
      <c r="E12757" s="2" t="s">
        <v>39201</v>
      </c>
      <c r="F12757" s="2" t="s">
        <v>36369</v>
      </c>
      <c r="G12757" s="8">
        <v>206</v>
      </c>
      <c r="H12757" s="5">
        <v>6</v>
      </c>
      <c r="I12757" s="5" t="s">
        <v>1518</v>
      </c>
      <c r="J12757" s="5" t="s">
        <v>36264</v>
      </c>
      <c r="K12757" s="2" t="s">
        <v>36265</v>
      </c>
      <c r="L12757" s="5" t="s">
        <v>36264</v>
      </c>
      <c r="M12757" s="2" t="s">
        <v>36265</v>
      </c>
      <c r="N12757" s="5" t="s">
        <v>36266</v>
      </c>
      <c r="O12757" s="5" t="s">
        <v>38</v>
      </c>
      <c r="P12757" s="5" t="s">
        <v>39</v>
      </c>
      <c r="Q12757" s="5" t="s">
        <v>40</v>
      </c>
      <c r="R12757" s="5" t="s">
        <v>1522</v>
      </c>
      <c r="S12757" s="5" t="s">
        <v>1523</v>
      </c>
      <c r="T12757" s="5" t="s">
        <v>42</v>
      </c>
      <c r="U12757" s="2">
        <v>1.6459999999999999</v>
      </c>
      <c r="V12757" s="2">
        <v>1.1879999999999999</v>
      </c>
      <c r="W12757" s="2">
        <v>1.4999999999999999E-2</v>
      </c>
      <c r="X12757" s="2">
        <v>118.9</v>
      </c>
      <c r="Y12757" s="2">
        <v>7.6</v>
      </c>
      <c r="Z12757" s="2">
        <v>16.7</v>
      </c>
      <c r="AA12757" s="5"/>
      <c r="AB12757" s="5" t="s">
        <v>43</v>
      </c>
      <c r="AC12757" s="5" t="s">
        <v>44</v>
      </c>
      <c r="AD12757" s="2"/>
      <c r="AE12757" s="1"/>
    </row>
    <row r="12758" spans="1:31" ht="14.45">
      <c r="A12758" s="11"/>
      <c r="B12758" s="20"/>
      <c r="C12758" s="2" t="s">
        <v>39202</v>
      </c>
      <c r="D12758" s="14" t="s">
        <v>39203</v>
      </c>
      <c r="E12758" s="2" t="s">
        <v>39204</v>
      </c>
      <c r="F12758" s="2" t="s">
        <v>36373</v>
      </c>
      <c r="G12758" s="8">
        <v>206</v>
      </c>
      <c r="H12758" s="5">
        <v>6</v>
      </c>
      <c r="I12758" s="5" t="s">
        <v>1518</v>
      </c>
      <c r="J12758" s="5" t="s">
        <v>36264</v>
      </c>
      <c r="K12758" s="2" t="s">
        <v>36265</v>
      </c>
      <c r="L12758" s="5" t="s">
        <v>36264</v>
      </c>
      <c r="M12758" s="2" t="s">
        <v>36265</v>
      </c>
      <c r="N12758" s="5" t="s">
        <v>36266</v>
      </c>
      <c r="O12758" s="5" t="s">
        <v>38</v>
      </c>
      <c r="P12758" s="5" t="s">
        <v>39</v>
      </c>
      <c r="Q12758" s="5" t="s">
        <v>40</v>
      </c>
      <c r="R12758" s="5" t="s">
        <v>1522</v>
      </c>
      <c r="S12758" s="5" t="s">
        <v>1523</v>
      </c>
      <c r="T12758" s="5" t="s">
        <v>42</v>
      </c>
      <c r="U12758" s="2">
        <v>1.6870000000000001</v>
      </c>
      <c r="V12758" s="2">
        <v>1.2290000000000001</v>
      </c>
      <c r="W12758" s="2">
        <v>1.4999999999999999E-2</v>
      </c>
      <c r="X12758" s="2">
        <v>118.9</v>
      </c>
      <c r="Y12758" s="2">
        <v>7.6</v>
      </c>
      <c r="Z12758" s="2">
        <v>16.7</v>
      </c>
      <c r="AA12758" s="5"/>
      <c r="AB12758" s="5" t="s">
        <v>43</v>
      </c>
      <c r="AC12758" s="5" t="s">
        <v>44</v>
      </c>
      <c r="AD12758" s="2"/>
      <c r="AE12758" s="1"/>
    </row>
    <row r="12759" spans="1:31" ht="14.45">
      <c r="A12759" s="11"/>
      <c r="B12759" s="20"/>
      <c r="C12759" s="2" t="s">
        <v>39205</v>
      </c>
      <c r="D12759" s="14" t="s">
        <v>39206</v>
      </c>
      <c r="E12759" s="2" t="s">
        <v>39207</v>
      </c>
      <c r="F12759" s="2" t="s">
        <v>36377</v>
      </c>
      <c r="G12759" s="8">
        <v>206</v>
      </c>
      <c r="H12759" s="5">
        <v>6</v>
      </c>
      <c r="I12759" s="5" t="s">
        <v>1518</v>
      </c>
      <c r="J12759" s="5" t="s">
        <v>36264</v>
      </c>
      <c r="K12759" s="2" t="s">
        <v>36265</v>
      </c>
      <c r="L12759" s="5" t="s">
        <v>36264</v>
      </c>
      <c r="M12759" s="2" t="s">
        <v>36265</v>
      </c>
      <c r="N12759" s="5" t="s">
        <v>36266</v>
      </c>
      <c r="O12759" s="5" t="s">
        <v>38</v>
      </c>
      <c r="P12759" s="5" t="s">
        <v>39</v>
      </c>
      <c r="Q12759" s="5" t="s">
        <v>40</v>
      </c>
      <c r="R12759" s="5" t="s">
        <v>1522</v>
      </c>
      <c r="S12759" s="5" t="s">
        <v>1523</v>
      </c>
      <c r="T12759" s="5" t="s">
        <v>42</v>
      </c>
      <c r="U12759" s="2">
        <v>1.6459999999999999</v>
      </c>
      <c r="V12759" s="2">
        <v>1.1879999999999999</v>
      </c>
      <c r="W12759" s="2">
        <v>1.4999999999999999E-2</v>
      </c>
      <c r="X12759" s="2">
        <v>118.9</v>
      </c>
      <c r="Y12759" s="2">
        <v>7.6</v>
      </c>
      <c r="Z12759" s="2">
        <v>16.7</v>
      </c>
      <c r="AA12759" s="5"/>
      <c r="AB12759" s="5" t="s">
        <v>43</v>
      </c>
      <c r="AC12759" s="5" t="s">
        <v>44</v>
      </c>
      <c r="AD12759" s="2"/>
      <c r="AE12759" s="1"/>
    </row>
    <row r="12760" spans="1:31" ht="14.45">
      <c r="A12760" s="11"/>
      <c r="B12760" s="20"/>
      <c r="C12760" s="2" t="s">
        <v>39208</v>
      </c>
      <c r="D12760" s="14" t="s">
        <v>39209</v>
      </c>
      <c r="E12760" s="2" t="s">
        <v>39210</v>
      </c>
      <c r="F12760" s="2" t="s">
        <v>36381</v>
      </c>
      <c r="G12760" s="8">
        <v>206</v>
      </c>
      <c r="H12760" s="5">
        <v>6</v>
      </c>
      <c r="I12760" s="5" t="s">
        <v>1518</v>
      </c>
      <c r="J12760" s="5" t="s">
        <v>36264</v>
      </c>
      <c r="K12760" s="2" t="s">
        <v>36265</v>
      </c>
      <c r="L12760" s="5" t="s">
        <v>36264</v>
      </c>
      <c r="M12760" s="2" t="s">
        <v>36265</v>
      </c>
      <c r="N12760" s="5" t="s">
        <v>36266</v>
      </c>
      <c r="O12760" s="5" t="s">
        <v>38</v>
      </c>
      <c r="P12760" s="5" t="s">
        <v>39</v>
      </c>
      <c r="Q12760" s="5" t="s">
        <v>40</v>
      </c>
      <c r="R12760" s="5" t="s">
        <v>1522</v>
      </c>
      <c r="S12760" s="5" t="s">
        <v>1523</v>
      </c>
      <c r="T12760" s="5" t="s">
        <v>42</v>
      </c>
      <c r="U12760" s="2">
        <v>1.6870000000000001</v>
      </c>
      <c r="V12760" s="2">
        <v>1.2290000000000001</v>
      </c>
      <c r="W12760" s="2">
        <v>1.4999999999999999E-2</v>
      </c>
      <c r="X12760" s="2">
        <v>118.9</v>
      </c>
      <c r="Y12760" s="2">
        <v>7.6</v>
      </c>
      <c r="Z12760" s="2">
        <v>16.7</v>
      </c>
      <c r="AA12760" s="5"/>
      <c r="AB12760" s="5" t="s">
        <v>43</v>
      </c>
      <c r="AC12760" s="5" t="s">
        <v>44</v>
      </c>
      <c r="AD12760" s="2"/>
      <c r="AE12760" s="1"/>
    </row>
    <row r="12761" spans="1:31" ht="14.45">
      <c r="A12761" s="11"/>
      <c r="B12761" s="20"/>
      <c r="C12761" s="2" t="s">
        <v>39211</v>
      </c>
      <c r="D12761" s="14" t="s">
        <v>39212</v>
      </c>
      <c r="E12761" s="2" t="s">
        <v>39213</v>
      </c>
      <c r="F12761" s="2" t="s">
        <v>36385</v>
      </c>
      <c r="G12761" s="8">
        <v>206</v>
      </c>
      <c r="H12761" s="5">
        <v>6</v>
      </c>
      <c r="I12761" s="5" t="s">
        <v>1518</v>
      </c>
      <c r="J12761" s="5" t="s">
        <v>36264</v>
      </c>
      <c r="K12761" s="2" t="s">
        <v>36265</v>
      </c>
      <c r="L12761" s="5" t="s">
        <v>36264</v>
      </c>
      <c r="M12761" s="2" t="s">
        <v>36265</v>
      </c>
      <c r="N12761" s="5" t="s">
        <v>36266</v>
      </c>
      <c r="O12761" s="5" t="s">
        <v>38</v>
      </c>
      <c r="P12761" s="5" t="s">
        <v>39</v>
      </c>
      <c r="Q12761" s="5" t="s">
        <v>40</v>
      </c>
      <c r="R12761" s="5" t="s">
        <v>1522</v>
      </c>
      <c r="S12761" s="5" t="s">
        <v>1523</v>
      </c>
      <c r="T12761" s="5" t="s">
        <v>42</v>
      </c>
      <c r="U12761" s="2">
        <v>1.6459999999999999</v>
      </c>
      <c r="V12761" s="2">
        <v>1.1879999999999999</v>
      </c>
      <c r="W12761" s="2">
        <v>1.4999999999999999E-2</v>
      </c>
      <c r="X12761" s="2">
        <v>118.9</v>
      </c>
      <c r="Y12761" s="2">
        <v>7.6</v>
      </c>
      <c r="Z12761" s="2">
        <v>16.7</v>
      </c>
      <c r="AA12761" s="5"/>
      <c r="AB12761" s="5" t="s">
        <v>43</v>
      </c>
      <c r="AC12761" s="5" t="s">
        <v>44</v>
      </c>
      <c r="AD12761" s="2"/>
      <c r="AE12761" s="1"/>
    </row>
    <row r="12762" spans="1:31" ht="14.45">
      <c r="A12762" s="11"/>
      <c r="B12762" s="20"/>
      <c r="C12762" s="2" t="s">
        <v>39214</v>
      </c>
      <c r="D12762" s="14" t="s">
        <v>39215</v>
      </c>
      <c r="E12762" s="2" t="s">
        <v>39216</v>
      </c>
      <c r="F12762" s="2" t="s">
        <v>36389</v>
      </c>
      <c r="G12762" s="8">
        <v>206</v>
      </c>
      <c r="H12762" s="5">
        <v>6</v>
      </c>
      <c r="I12762" s="5" t="s">
        <v>1518</v>
      </c>
      <c r="J12762" s="5" t="s">
        <v>36264</v>
      </c>
      <c r="K12762" s="2" t="s">
        <v>36265</v>
      </c>
      <c r="L12762" s="5" t="s">
        <v>36264</v>
      </c>
      <c r="M12762" s="2" t="s">
        <v>36265</v>
      </c>
      <c r="N12762" s="5" t="s">
        <v>36266</v>
      </c>
      <c r="O12762" s="5" t="s">
        <v>38</v>
      </c>
      <c r="P12762" s="5" t="s">
        <v>39</v>
      </c>
      <c r="Q12762" s="5" t="s">
        <v>40</v>
      </c>
      <c r="R12762" s="5" t="s">
        <v>1522</v>
      </c>
      <c r="S12762" s="5" t="s">
        <v>1523</v>
      </c>
      <c r="T12762" s="5" t="s">
        <v>42</v>
      </c>
      <c r="U12762" s="2">
        <v>1.6870000000000001</v>
      </c>
      <c r="V12762" s="2">
        <v>1.2290000000000001</v>
      </c>
      <c r="W12762" s="2">
        <v>1.4999999999999999E-2</v>
      </c>
      <c r="X12762" s="2">
        <v>118.9</v>
      </c>
      <c r="Y12762" s="2">
        <v>7.6</v>
      </c>
      <c r="Z12762" s="2">
        <v>16.7</v>
      </c>
      <c r="AA12762" s="5"/>
      <c r="AB12762" s="5" t="s">
        <v>43</v>
      </c>
      <c r="AC12762" s="5" t="s">
        <v>44</v>
      </c>
      <c r="AD12762" s="2"/>
      <c r="AE12762" s="1"/>
    </row>
    <row r="12763" spans="1:31" ht="14.45">
      <c r="A12763" s="11"/>
      <c r="B12763" s="20"/>
      <c r="C12763" s="2" t="s">
        <v>39217</v>
      </c>
      <c r="D12763" s="14" t="s">
        <v>39218</v>
      </c>
      <c r="E12763" s="2" t="s">
        <v>39219</v>
      </c>
      <c r="F12763" s="2" t="s">
        <v>7204</v>
      </c>
      <c r="G12763" s="8">
        <v>190</v>
      </c>
      <c r="H12763" s="5">
        <v>6</v>
      </c>
      <c r="I12763" s="5" t="s">
        <v>1518</v>
      </c>
      <c r="J12763" s="5" t="s">
        <v>36264</v>
      </c>
      <c r="K12763" s="2" t="s">
        <v>36265</v>
      </c>
      <c r="L12763" s="5" t="s">
        <v>36264</v>
      </c>
      <c r="M12763" s="2" t="s">
        <v>36265</v>
      </c>
      <c r="N12763" s="5" t="s">
        <v>36266</v>
      </c>
      <c r="O12763" s="5" t="s">
        <v>38</v>
      </c>
      <c r="P12763" s="5" t="s">
        <v>39</v>
      </c>
      <c r="Q12763" s="5" t="s">
        <v>40</v>
      </c>
      <c r="R12763" s="5" t="s">
        <v>1522</v>
      </c>
      <c r="S12763" s="5" t="s">
        <v>1523</v>
      </c>
      <c r="T12763" s="5" t="s">
        <v>42</v>
      </c>
      <c r="U12763" s="2">
        <v>1.845</v>
      </c>
      <c r="V12763" s="2">
        <v>1.31</v>
      </c>
      <c r="W12763" s="2">
        <v>1.7999999999999999E-2</v>
      </c>
      <c r="X12763" s="2">
        <v>139.1</v>
      </c>
      <c r="Y12763" s="2">
        <v>7.6</v>
      </c>
      <c r="Z12763" s="2">
        <v>16.7</v>
      </c>
      <c r="AA12763" s="5"/>
      <c r="AB12763" s="5" t="s">
        <v>43</v>
      </c>
      <c r="AC12763" s="5" t="s">
        <v>44</v>
      </c>
      <c r="AD12763" s="2"/>
      <c r="AE12763" s="1"/>
    </row>
    <row r="12764" spans="1:31" ht="14.45">
      <c r="A12764" s="11"/>
      <c r="B12764" s="20"/>
      <c r="C12764" s="2" t="s">
        <v>39220</v>
      </c>
      <c r="D12764" s="14" t="s">
        <v>39221</v>
      </c>
      <c r="E12764" s="2" t="s">
        <v>39222</v>
      </c>
      <c r="F12764" s="2" t="s">
        <v>7514</v>
      </c>
      <c r="G12764" s="8">
        <v>190</v>
      </c>
      <c r="H12764" s="5">
        <v>6</v>
      </c>
      <c r="I12764" s="5" t="s">
        <v>1518</v>
      </c>
      <c r="J12764" s="5" t="s">
        <v>36264</v>
      </c>
      <c r="K12764" s="2" t="s">
        <v>36265</v>
      </c>
      <c r="L12764" s="5" t="s">
        <v>36264</v>
      </c>
      <c r="M12764" s="2" t="s">
        <v>36265</v>
      </c>
      <c r="N12764" s="5" t="s">
        <v>36266</v>
      </c>
      <c r="O12764" s="5" t="s">
        <v>38</v>
      </c>
      <c r="P12764" s="5" t="s">
        <v>39</v>
      </c>
      <c r="Q12764" s="5" t="s">
        <v>40</v>
      </c>
      <c r="R12764" s="5" t="s">
        <v>1522</v>
      </c>
      <c r="S12764" s="5" t="s">
        <v>1523</v>
      </c>
      <c r="T12764" s="5" t="s">
        <v>42</v>
      </c>
      <c r="U12764" s="2">
        <v>1.8859999999999999</v>
      </c>
      <c r="V12764" s="2">
        <v>1.351</v>
      </c>
      <c r="W12764" s="2">
        <v>1.7999999999999999E-2</v>
      </c>
      <c r="X12764" s="2">
        <v>139.1</v>
      </c>
      <c r="Y12764" s="2">
        <v>7.6</v>
      </c>
      <c r="Z12764" s="2">
        <v>16.7</v>
      </c>
      <c r="AA12764" s="5"/>
      <c r="AB12764" s="5" t="s">
        <v>43</v>
      </c>
      <c r="AC12764" s="5" t="s">
        <v>44</v>
      </c>
      <c r="AD12764" s="2"/>
      <c r="AE12764" s="1"/>
    </row>
    <row r="12765" spans="1:31" ht="14.45">
      <c r="A12765" s="11"/>
      <c r="B12765" s="20"/>
      <c r="C12765" s="2" t="s">
        <v>39223</v>
      </c>
      <c r="D12765" s="14" t="s">
        <v>39224</v>
      </c>
      <c r="E12765" s="2" t="s">
        <v>39225</v>
      </c>
      <c r="F12765" s="2" t="s">
        <v>36273</v>
      </c>
      <c r="G12765" s="8">
        <v>190</v>
      </c>
      <c r="H12765" s="5">
        <v>6</v>
      </c>
      <c r="I12765" s="5" t="s">
        <v>1518</v>
      </c>
      <c r="J12765" s="5" t="s">
        <v>36264</v>
      </c>
      <c r="K12765" s="2" t="s">
        <v>36265</v>
      </c>
      <c r="L12765" s="5" t="s">
        <v>36264</v>
      </c>
      <c r="M12765" s="2" t="s">
        <v>36265</v>
      </c>
      <c r="N12765" s="5" t="s">
        <v>36266</v>
      </c>
      <c r="O12765" s="5" t="s">
        <v>38</v>
      </c>
      <c r="P12765" s="5" t="s">
        <v>39</v>
      </c>
      <c r="Q12765" s="5" t="s">
        <v>40</v>
      </c>
      <c r="R12765" s="5" t="s">
        <v>1522</v>
      </c>
      <c r="S12765" s="5" t="s">
        <v>1523</v>
      </c>
      <c r="T12765" s="5" t="s">
        <v>42</v>
      </c>
      <c r="U12765" s="2">
        <v>1.845</v>
      </c>
      <c r="V12765" s="2">
        <v>1.31</v>
      </c>
      <c r="W12765" s="2">
        <v>1.7999999999999999E-2</v>
      </c>
      <c r="X12765" s="2">
        <v>139.1</v>
      </c>
      <c r="Y12765" s="2">
        <v>7.6</v>
      </c>
      <c r="Z12765" s="2">
        <v>16.7</v>
      </c>
      <c r="AA12765" s="5"/>
      <c r="AB12765" s="5" t="s">
        <v>43</v>
      </c>
      <c r="AC12765" s="5" t="s">
        <v>44</v>
      </c>
      <c r="AD12765" s="2"/>
      <c r="AE12765" s="1"/>
    </row>
    <row r="12766" spans="1:31" ht="14.45">
      <c r="A12766" s="11"/>
      <c r="B12766" s="20"/>
      <c r="C12766" s="2" t="s">
        <v>39226</v>
      </c>
      <c r="D12766" s="14" t="s">
        <v>39227</v>
      </c>
      <c r="E12766" s="2" t="s">
        <v>39228</v>
      </c>
      <c r="F12766" s="2" t="s">
        <v>36277</v>
      </c>
      <c r="G12766" s="8">
        <v>190</v>
      </c>
      <c r="H12766" s="5">
        <v>6</v>
      </c>
      <c r="I12766" s="5" t="s">
        <v>1518</v>
      </c>
      <c r="J12766" s="5" t="s">
        <v>36264</v>
      </c>
      <c r="K12766" s="2" t="s">
        <v>36265</v>
      </c>
      <c r="L12766" s="5" t="s">
        <v>36264</v>
      </c>
      <c r="M12766" s="2" t="s">
        <v>36265</v>
      </c>
      <c r="N12766" s="5" t="s">
        <v>36266</v>
      </c>
      <c r="O12766" s="5" t="s">
        <v>38</v>
      </c>
      <c r="P12766" s="5" t="s">
        <v>39</v>
      </c>
      <c r="Q12766" s="5" t="s">
        <v>40</v>
      </c>
      <c r="R12766" s="5" t="s">
        <v>1522</v>
      </c>
      <c r="S12766" s="5" t="s">
        <v>1523</v>
      </c>
      <c r="T12766" s="5" t="s">
        <v>42</v>
      </c>
      <c r="U12766" s="2">
        <v>1.8859999999999999</v>
      </c>
      <c r="V12766" s="2">
        <v>1.351</v>
      </c>
      <c r="W12766" s="2">
        <v>1.7999999999999999E-2</v>
      </c>
      <c r="X12766" s="2">
        <v>139.1</v>
      </c>
      <c r="Y12766" s="2">
        <v>7.6</v>
      </c>
      <c r="Z12766" s="2">
        <v>16.7</v>
      </c>
      <c r="AA12766" s="5"/>
      <c r="AB12766" s="5" t="s">
        <v>43</v>
      </c>
      <c r="AC12766" s="5" t="s">
        <v>44</v>
      </c>
      <c r="AD12766" s="2"/>
      <c r="AE12766" s="1"/>
    </row>
    <row r="12767" spans="1:31" ht="14.45">
      <c r="A12767" s="11"/>
      <c r="B12767" s="20"/>
      <c r="C12767" s="2" t="s">
        <v>39229</v>
      </c>
      <c r="D12767" s="14" t="s">
        <v>39230</v>
      </c>
      <c r="E12767" s="2" t="s">
        <v>39231</v>
      </c>
      <c r="F12767" s="2" t="s">
        <v>36281</v>
      </c>
      <c r="G12767" s="8">
        <v>218</v>
      </c>
      <c r="H12767" s="5">
        <v>6</v>
      </c>
      <c r="I12767" s="5" t="s">
        <v>1518</v>
      </c>
      <c r="J12767" s="5" t="s">
        <v>36264</v>
      </c>
      <c r="K12767" s="2" t="s">
        <v>36265</v>
      </c>
      <c r="L12767" s="5" t="s">
        <v>36264</v>
      </c>
      <c r="M12767" s="2" t="s">
        <v>36265</v>
      </c>
      <c r="N12767" s="5" t="s">
        <v>36266</v>
      </c>
      <c r="O12767" s="5" t="s">
        <v>38</v>
      </c>
      <c r="P12767" s="5" t="s">
        <v>39</v>
      </c>
      <c r="Q12767" s="5" t="s">
        <v>40</v>
      </c>
      <c r="R12767" s="5" t="s">
        <v>1522</v>
      </c>
      <c r="S12767" s="5" t="s">
        <v>1523</v>
      </c>
      <c r="T12767" s="5" t="s">
        <v>42</v>
      </c>
      <c r="U12767" s="2">
        <v>1.845</v>
      </c>
      <c r="V12767" s="2">
        <v>1.31</v>
      </c>
      <c r="W12767" s="2">
        <v>1.7999999999999999E-2</v>
      </c>
      <c r="X12767" s="2">
        <v>139.1</v>
      </c>
      <c r="Y12767" s="2">
        <v>7.6</v>
      </c>
      <c r="Z12767" s="2">
        <v>16.7</v>
      </c>
      <c r="AA12767" s="5"/>
      <c r="AB12767" s="5" t="s">
        <v>43</v>
      </c>
      <c r="AC12767" s="5" t="s">
        <v>44</v>
      </c>
      <c r="AD12767" s="2"/>
      <c r="AE12767" s="1"/>
    </row>
    <row r="12768" spans="1:31" ht="14.45">
      <c r="A12768" s="11"/>
      <c r="B12768" s="20"/>
      <c r="C12768" s="2" t="s">
        <v>39232</v>
      </c>
      <c r="D12768" s="14" t="s">
        <v>39233</v>
      </c>
      <c r="E12768" s="2" t="s">
        <v>39234</v>
      </c>
      <c r="F12768" s="2" t="s">
        <v>36285</v>
      </c>
      <c r="G12768" s="8">
        <v>218</v>
      </c>
      <c r="H12768" s="5">
        <v>6</v>
      </c>
      <c r="I12768" s="5" t="s">
        <v>1518</v>
      </c>
      <c r="J12768" s="5" t="s">
        <v>36264</v>
      </c>
      <c r="K12768" s="2" t="s">
        <v>36265</v>
      </c>
      <c r="L12768" s="5" t="s">
        <v>36264</v>
      </c>
      <c r="M12768" s="2" t="s">
        <v>36265</v>
      </c>
      <c r="N12768" s="5" t="s">
        <v>36266</v>
      </c>
      <c r="O12768" s="5" t="s">
        <v>38</v>
      </c>
      <c r="P12768" s="5" t="s">
        <v>39</v>
      </c>
      <c r="Q12768" s="5" t="s">
        <v>40</v>
      </c>
      <c r="R12768" s="5" t="s">
        <v>1522</v>
      </c>
      <c r="S12768" s="5" t="s">
        <v>1523</v>
      </c>
      <c r="T12768" s="5" t="s">
        <v>42</v>
      </c>
      <c r="U12768" s="2">
        <v>1.8859999999999999</v>
      </c>
      <c r="V12768" s="2">
        <v>1.351</v>
      </c>
      <c r="W12768" s="2">
        <v>1.7999999999999999E-2</v>
      </c>
      <c r="X12768" s="2">
        <v>139.1</v>
      </c>
      <c r="Y12768" s="2">
        <v>7.6</v>
      </c>
      <c r="Z12768" s="2">
        <v>16.7</v>
      </c>
      <c r="AA12768" s="5"/>
      <c r="AB12768" s="5" t="s">
        <v>43</v>
      </c>
      <c r="AC12768" s="5" t="s">
        <v>44</v>
      </c>
      <c r="AD12768" s="2"/>
      <c r="AE12768" s="1"/>
    </row>
    <row r="12769" spans="1:31" ht="14.45">
      <c r="A12769" s="11"/>
      <c r="B12769" s="20"/>
      <c r="C12769" s="2" t="s">
        <v>39235</v>
      </c>
      <c r="D12769" s="14" t="s">
        <v>39236</v>
      </c>
      <c r="E12769" s="2" t="s">
        <v>39237</v>
      </c>
      <c r="F12769" s="2" t="s">
        <v>36289</v>
      </c>
      <c r="G12769" s="8">
        <v>218</v>
      </c>
      <c r="H12769" s="5">
        <v>6</v>
      </c>
      <c r="I12769" s="5" t="s">
        <v>1518</v>
      </c>
      <c r="J12769" s="5" t="s">
        <v>36264</v>
      </c>
      <c r="K12769" s="2" t="s">
        <v>36265</v>
      </c>
      <c r="L12769" s="5" t="s">
        <v>36264</v>
      </c>
      <c r="M12769" s="2" t="s">
        <v>36265</v>
      </c>
      <c r="N12769" s="5" t="s">
        <v>36266</v>
      </c>
      <c r="O12769" s="5" t="s">
        <v>38</v>
      </c>
      <c r="P12769" s="5" t="s">
        <v>39</v>
      </c>
      <c r="Q12769" s="5" t="s">
        <v>40</v>
      </c>
      <c r="R12769" s="5" t="s">
        <v>1522</v>
      </c>
      <c r="S12769" s="5" t="s">
        <v>1523</v>
      </c>
      <c r="T12769" s="5" t="s">
        <v>42</v>
      </c>
      <c r="U12769" s="2">
        <v>1.845</v>
      </c>
      <c r="V12769" s="2">
        <v>1.31</v>
      </c>
      <c r="W12769" s="2">
        <v>1.7999999999999999E-2</v>
      </c>
      <c r="X12769" s="2">
        <v>139.1</v>
      </c>
      <c r="Y12769" s="2">
        <v>7.6</v>
      </c>
      <c r="Z12769" s="2">
        <v>16.7</v>
      </c>
      <c r="AA12769" s="5"/>
      <c r="AB12769" s="5" t="s">
        <v>43</v>
      </c>
      <c r="AC12769" s="5" t="s">
        <v>44</v>
      </c>
      <c r="AD12769" s="2"/>
      <c r="AE12769" s="1"/>
    </row>
    <row r="12770" spans="1:31" ht="14.45">
      <c r="A12770" s="11"/>
      <c r="B12770" s="20"/>
      <c r="C12770" s="2" t="s">
        <v>39238</v>
      </c>
      <c r="D12770" s="14" t="s">
        <v>39239</v>
      </c>
      <c r="E12770" s="2" t="s">
        <v>39240</v>
      </c>
      <c r="F12770" s="2" t="s">
        <v>36293</v>
      </c>
      <c r="G12770" s="8">
        <v>218</v>
      </c>
      <c r="H12770" s="5">
        <v>6</v>
      </c>
      <c r="I12770" s="5" t="s">
        <v>1518</v>
      </c>
      <c r="J12770" s="5" t="s">
        <v>36264</v>
      </c>
      <c r="K12770" s="2" t="s">
        <v>36265</v>
      </c>
      <c r="L12770" s="5" t="s">
        <v>36264</v>
      </c>
      <c r="M12770" s="2" t="s">
        <v>36265</v>
      </c>
      <c r="N12770" s="5" t="s">
        <v>36266</v>
      </c>
      <c r="O12770" s="5" t="s">
        <v>38</v>
      </c>
      <c r="P12770" s="5" t="s">
        <v>39</v>
      </c>
      <c r="Q12770" s="5" t="s">
        <v>40</v>
      </c>
      <c r="R12770" s="5" t="s">
        <v>1522</v>
      </c>
      <c r="S12770" s="5" t="s">
        <v>1523</v>
      </c>
      <c r="T12770" s="5" t="s">
        <v>42</v>
      </c>
      <c r="U12770" s="2">
        <v>1.8859999999999999</v>
      </c>
      <c r="V12770" s="2">
        <v>1.351</v>
      </c>
      <c r="W12770" s="2">
        <v>1.7999999999999999E-2</v>
      </c>
      <c r="X12770" s="2">
        <v>139.1</v>
      </c>
      <c r="Y12770" s="2">
        <v>7.6</v>
      </c>
      <c r="Z12770" s="2">
        <v>16.7</v>
      </c>
      <c r="AA12770" s="5"/>
      <c r="AB12770" s="5" t="s">
        <v>43</v>
      </c>
      <c r="AC12770" s="5" t="s">
        <v>44</v>
      </c>
      <c r="AD12770" s="2"/>
      <c r="AE12770" s="1"/>
    </row>
    <row r="12771" spans="1:31" ht="14.45">
      <c r="A12771" s="11"/>
      <c r="B12771" s="20"/>
      <c r="C12771" s="2" t="s">
        <v>39241</v>
      </c>
      <c r="D12771" s="14" t="s">
        <v>39242</v>
      </c>
      <c r="E12771" s="2" t="s">
        <v>39243</v>
      </c>
      <c r="F12771" s="2" t="s">
        <v>36297</v>
      </c>
      <c r="G12771" s="8">
        <v>190</v>
      </c>
      <c r="H12771" s="5">
        <v>6</v>
      </c>
      <c r="I12771" s="5" t="s">
        <v>1518</v>
      </c>
      <c r="J12771" s="5" t="s">
        <v>36264</v>
      </c>
      <c r="K12771" s="2" t="s">
        <v>36265</v>
      </c>
      <c r="L12771" s="5" t="s">
        <v>36264</v>
      </c>
      <c r="M12771" s="2" t="s">
        <v>36265</v>
      </c>
      <c r="N12771" s="5" t="s">
        <v>36266</v>
      </c>
      <c r="O12771" s="5" t="s">
        <v>38</v>
      </c>
      <c r="P12771" s="5" t="s">
        <v>39</v>
      </c>
      <c r="Q12771" s="5" t="s">
        <v>40</v>
      </c>
      <c r="R12771" s="5" t="s">
        <v>1522</v>
      </c>
      <c r="S12771" s="5" t="s">
        <v>1523</v>
      </c>
      <c r="T12771" s="5" t="s">
        <v>42</v>
      </c>
      <c r="U12771" s="2">
        <v>1.845</v>
      </c>
      <c r="V12771" s="2">
        <v>1.31</v>
      </c>
      <c r="W12771" s="2">
        <v>1.7999999999999999E-2</v>
      </c>
      <c r="X12771" s="2">
        <v>139.1</v>
      </c>
      <c r="Y12771" s="2">
        <v>7.6</v>
      </c>
      <c r="Z12771" s="2">
        <v>16.7</v>
      </c>
      <c r="AA12771" s="5"/>
      <c r="AB12771" s="5" t="s">
        <v>43</v>
      </c>
      <c r="AC12771" s="5" t="s">
        <v>44</v>
      </c>
      <c r="AD12771" s="2"/>
      <c r="AE12771" s="1"/>
    </row>
    <row r="12772" spans="1:31" ht="14.45">
      <c r="A12772" s="11"/>
      <c r="B12772" s="20"/>
      <c r="C12772" s="2" t="s">
        <v>39244</v>
      </c>
      <c r="D12772" s="14" t="s">
        <v>39245</v>
      </c>
      <c r="E12772" s="2" t="s">
        <v>39246</v>
      </c>
      <c r="F12772" s="2" t="s">
        <v>36301</v>
      </c>
      <c r="G12772" s="8">
        <v>190</v>
      </c>
      <c r="H12772" s="5">
        <v>6</v>
      </c>
      <c r="I12772" s="5" t="s">
        <v>1518</v>
      </c>
      <c r="J12772" s="5" t="s">
        <v>36264</v>
      </c>
      <c r="K12772" s="2" t="s">
        <v>36265</v>
      </c>
      <c r="L12772" s="5" t="s">
        <v>36264</v>
      </c>
      <c r="M12772" s="2" t="s">
        <v>36265</v>
      </c>
      <c r="N12772" s="5" t="s">
        <v>36266</v>
      </c>
      <c r="O12772" s="5" t="s">
        <v>38</v>
      </c>
      <c r="P12772" s="5" t="s">
        <v>39</v>
      </c>
      <c r="Q12772" s="5" t="s">
        <v>40</v>
      </c>
      <c r="R12772" s="5" t="s">
        <v>1522</v>
      </c>
      <c r="S12772" s="5" t="s">
        <v>1523</v>
      </c>
      <c r="T12772" s="5" t="s">
        <v>42</v>
      </c>
      <c r="U12772" s="2">
        <v>1.8859999999999999</v>
      </c>
      <c r="V12772" s="2">
        <v>1.351</v>
      </c>
      <c r="W12772" s="2">
        <v>1.7999999999999999E-2</v>
      </c>
      <c r="X12772" s="2">
        <v>139.1</v>
      </c>
      <c r="Y12772" s="2">
        <v>7.6</v>
      </c>
      <c r="Z12772" s="2">
        <v>16.7</v>
      </c>
      <c r="AA12772" s="5"/>
      <c r="AB12772" s="5" t="s">
        <v>43</v>
      </c>
      <c r="AC12772" s="5" t="s">
        <v>44</v>
      </c>
      <c r="AD12772" s="2"/>
      <c r="AE12772" s="1"/>
    </row>
    <row r="12773" spans="1:31" ht="14.45">
      <c r="A12773" s="11"/>
      <c r="B12773" s="20"/>
      <c r="C12773" s="2" t="s">
        <v>39247</v>
      </c>
      <c r="D12773" s="14" t="s">
        <v>39248</v>
      </c>
      <c r="E12773" s="2" t="s">
        <v>39249</v>
      </c>
      <c r="F12773" s="2" t="s">
        <v>36305</v>
      </c>
      <c r="G12773" s="8">
        <v>190</v>
      </c>
      <c r="H12773" s="5">
        <v>6</v>
      </c>
      <c r="I12773" s="5" t="s">
        <v>1518</v>
      </c>
      <c r="J12773" s="5" t="s">
        <v>36264</v>
      </c>
      <c r="K12773" s="2" t="s">
        <v>36265</v>
      </c>
      <c r="L12773" s="5" t="s">
        <v>36264</v>
      </c>
      <c r="M12773" s="2" t="s">
        <v>36265</v>
      </c>
      <c r="N12773" s="5" t="s">
        <v>36266</v>
      </c>
      <c r="O12773" s="5" t="s">
        <v>38</v>
      </c>
      <c r="P12773" s="5" t="s">
        <v>39</v>
      </c>
      <c r="Q12773" s="5" t="s">
        <v>40</v>
      </c>
      <c r="R12773" s="5" t="s">
        <v>1522</v>
      </c>
      <c r="S12773" s="5" t="s">
        <v>1523</v>
      </c>
      <c r="T12773" s="5" t="s">
        <v>42</v>
      </c>
      <c r="U12773" s="2">
        <v>1.845</v>
      </c>
      <c r="V12773" s="2">
        <v>1.31</v>
      </c>
      <c r="W12773" s="2">
        <v>1.7999999999999999E-2</v>
      </c>
      <c r="X12773" s="2">
        <v>139.1</v>
      </c>
      <c r="Y12773" s="2">
        <v>7.6</v>
      </c>
      <c r="Z12773" s="2">
        <v>16.7</v>
      </c>
      <c r="AA12773" s="5"/>
      <c r="AB12773" s="5" t="s">
        <v>43</v>
      </c>
      <c r="AC12773" s="5" t="s">
        <v>44</v>
      </c>
      <c r="AD12773" s="2"/>
      <c r="AE12773" s="1"/>
    </row>
    <row r="12774" spans="1:31" ht="14.45">
      <c r="A12774" s="11"/>
      <c r="B12774" s="20"/>
      <c r="C12774" s="2" t="s">
        <v>39250</v>
      </c>
      <c r="D12774" s="14" t="s">
        <v>39251</v>
      </c>
      <c r="E12774" s="2" t="s">
        <v>39252</v>
      </c>
      <c r="F12774" s="2" t="s">
        <v>36309</v>
      </c>
      <c r="G12774" s="8">
        <v>190</v>
      </c>
      <c r="H12774" s="5">
        <v>6</v>
      </c>
      <c r="I12774" s="5" t="s">
        <v>1518</v>
      </c>
      <c r="J12774" s="5" t="s">
        <v>36264</v>
      </c>
      <c r="K12774" s="2" t="s">
        <v>36265</v>
      </c>
      <c r="L12774" s="5" t="s">
        <v>36264</v>
      </c>
      <c r="M12774" s="2" t="s">
        <v>36265</v>
      </c>
      <c r="N12774" s="5" t="s">
        <v>36266</v>
      </c>
      <c r="O12774" s="5" t="s">
        <v>38</v>
      </c>
      <c r="P12774" s="5" t="s">
        <v>39</v>
      </c>
      <c r="Q12774" s="5" t="s">
        <v>40</v>
      </c>
      <c r="R12774" s="5" t="s">
        <v>1522</v>
      </c>
      <c r="S12774" s="5" t="s">
        <v>1523</v>
      </c>
      <c r="T12774" s="5" t="s">
        <v>42</v>
      </c>
      <c r="U12774" s="2">
        <v>1.8859999999999999</v>
      </c>
      <c r="V12774" s="2">
        <v>1.351</v>
      </c>
      <c r="W12774" s="2">
        <v>1.7999999999999999E-2</v>
      </c>
      <c r="X12774" s="2">
        <v>139.1</v>
      </c>
      <c r="Y12774" s="2">
        <v>7.6</v>
      </c>
      <c r="Z12774" s="2">
        <v>16.7</v>
      </c>
      <c r="AA12774" s="5"/>
      <c r="AB12774" s="5" t="s">
        <v>43</v>
      </c>
      <c r="AC12774" s="5" t="s">
        <v>44</v>
      </c>
      <c r="AD12774" s="2"/>
      <c r="AE12774" s="1"/>
    </row>
    <row r="12775" spans="1:31" ht="14.45">
      <c r="A12775" s="11"/>
      <c r="B12775" s="20"/>
      <c r="C12775" s="2" t="s">
        <v>39253</v>
      </c>
      <c r="D12775" s="14" t="s">
        <v>39254</v>
      </c>
      <c r="E12775" s="2" t="s">
        <v>39255</v>
      </c>
      <c r="F12775" s="2" t="s">
        <v>36313</v>
      </c>
      <c r="G12775" s="8">
        <v>218</v>
      </c>
      <c r="H12775" s="5">
        <v>6</v>
      </c>
      <c r="I12775" s="5" t="s">
        <v>1518</v>
      </c>
      <c r="J12775" s="5" t="s">
        <v>36264</v>
      </c>
      <c r="K12775" s="2" t="s">
        <v>36265</v>
      </c>
      <c r="L12775" s="5" t="s">
        <v>36264</v>
      </c>
      <c r="M12775" s="2" t="s">
        <v>36265</v>
      </c>
      <c r="N12775" s="5" t="s">
        <v>36266</v>
      </c>
      <c r="O12775" s="5" t="s">
        <v>38</v>
      </c>
      <c r="P12775" s="5" t="s">
        <v>39</v>
      </c>
      <c r="Q12775" s="5" t="s">
        <v>40</v>
      </c>
      <c r="R12775" s="5" t="s">
        <v>1522</v>
      </c>
      <c r="S12775" s="5" t="s">
        <v>1523</v>
      </c>
      <c r="T12775" s="5" t="s">
        <v>42</v>
      </c>
      <c r="U12775" s="2">
        <v>1.845</v>
      </c>
      <c r="V12775" s="2">
        <v>1.31</v>
      </c>
      <c r="W12775" s="2">
        <v>1.7999999999999999E-2</v>
      </c>
      <c r="X12775" s="2">
        <v>139.1</v>
      </c>
      <c r="Y12775" s="2">
        <v>7.6</v>
      </c>
      <c r="Z12775" s="2">
        <v>16.7</v>
      </c>
      <c r="AA12775" s="5"/>
      <c r="AB12775" s="5" t="s">
        <v>43</v>
      </c>
      <c r="AC12775" s="5" t="s">
        <v>44</v>
      </c>
      <c r="AD12775" s="2"/>
      <c r="AE12775" s="1"/>
    </row>
    <row r="12776" spans="1:31" ht="14.45">
      <c r="A12776" s="11"/>
      <c r="B12776" s="20"/>
      <c r="C12776" s="2" t="s">
        <v>39256</v>
      </c>
      <c r="D12776" s="14" t="s">
        <v>39257</v>
      </c>
      <c r="E12776" s="2" t="s">
        <v>39258</v>
      </c>
      <c r="F12776" s="2" t="s">
        <v>36317</v>
      </c>
      <c r="G12776" s="8">
        <v>218</v>
      </c>
      <c r="H12776" s="5">
        <v>6</v>
      </c>
      <c r="I12776" s="5" t="s">
        <v>1518</v>
      </c>
      <c r="J12776" s="5" t="s">
        <v>36264</v>
      </c>
      <c r="K12776" s="2" t="s">
        <v>36265</v>
      </c>
      <c r="L12776" s="5" t="s">
        <v>36264</v>
      </c>
      <c r="M12776" s="2" t="s">
        <v>36265</v>
      </c>
      <c r="N12776" s="5" t="s">
        <v>36266</v>
      </c>
      <c r="O12776" s="5" t="s">
        <v>38</v>
      </c>
      <c r="P12776" s="5" t="s">
        <v>39</v>
      </c>
      <c r="Q12776" s="5" t="s">
        <v>40</v>
      </c>
      <c r="R12776" s="5" t="s">
        <v>1522</v>
      </c>
      <c r="S12776" s="5" t="s">
        <v>1523</v>
      </c>
      <c r="T12776" s="5" t="s">
        <v>42</v>
      </c>
      <c r="U12776" s="2">
        <v>1.8859999999999999</v>
      </c>
      <c r="V12776" s="2">
        <v>1.351</v>
      </c>
      <c r="W12776" s="2">
        <v>1.7999999999999999E-2</v>
      </c>
      <c r="X12776" s="2">
        <v>139.1</v>
      </c>
      <c r="Y12776" s="2">
        <v>7.6</v>
      </c>
      <c r="Z12776" s="2">
        <v>16.7</v>
      </c>
      <c r="AA12776" s="5"/>
      <c r="AB12776" s="5" t="s">
        <v>43</v>
      </c>
      <c r="AC12776" s="5" t="s">
        <v>44</v>
      </c>
      <c r="AD12776" s="2"/>
      <c r="AE12776" s="1"/>
    </row>
    <row r="12777" spans="1:31" ht="14.45">
      <c r="A12777" s="11"/>
      <c r="B12777" s="20"/>
      <c r="C12777" s="2" t="s">
        <v>39259</v>
      </c>
      <c r="D12777" s="14" t="s">
        <v>39260</v>
      </c>
      <c r="E12777" s="2" t="s">
        <v>39261</v>
      </c>
      <c r="F12777" s="2" t="s">
        <v>36321</v>
      </c>
      <c r="G12777" s="8">
        <v>218</v>
      </c>
      <c r="H12777" s="5">
        <v>6</v>
      </c>
      <c r="I12777" s="5" t="s">
        <v>1518</v>
      </c>
      <c r="J12777" s="5" t="s">
        <v>36264</v>
      </c>
      <c r="K12777" s="2" t="s">
        <v>36265</v>
      </c>
      <c r="L12777" s="5" t="s">
        <v>36264</v>
      </c>
      <c r="M12777" s="2" t="s">
        <v>36265</v>
      </c>
      <c r="N12777" s="5" t="s">
        <v>36266</v>
      </c>
      <c r="O12777" s="5" t="s">
        <v>38</v>
      </c>
      <c r="P12777" s="5" t="s">
        <v>39</v>
      </c>
      <c r="Q12777" s="5" t="s">
        <v>40</v>
      </c>
      <c r="R12777" s="5" t="s">
        <v>1522</v>
      </c>
      <c r="S12777" s="5" t="s">
        <v>1523</v>
      </c>
      <c r="T12777" s="5" t="s">
        <v>42</v>
      </c>
      <c r="U12777" s="2">
        <v>1.845</v>
      </c>
      <c r="V12777" s="2">
        <v>1.31</v>
      </c>
      <c r="W12777" s="2">
        <v>1.7999999999999999E-2</v>
      </c>
      <c r="X12777" s="2">
        <v>139.1</v>
      </c>
      <c r="Y12777" s="2">
        <v>7.6</v>
      </c>
      <c r="Z12777" s="2">
        <v>16.7</v>
      </c>
      <c r="AA12777" s="5"/>
      <c r="AB12777" s="5" t="s">
        <v>43</v>
      </c>
      <c r="AC12777" s="5" t="s">
        <v>44</v>
      </c>
      <c r="AD12777" s="2"/>
      <c r="AE12777" s="1"/>
    </row>
    <row r="12778" spans="1:31" ht="14.45">
      <c r="A12778" s="11"/>
      <c r="B12778" s="20"/>
      <c r="C12778" s="2" t="s">
        <v>39262</v>
      </c>
      <c r="D12778" s="14" t="s">
        <v>39263</v>
      </c>
      <c r="E12778" s="2" t="s">
        <v>39264</v>
      </c>
      <c r="F12778" s="2" t="s">
        <v>36325</v>
      </c>
      <c r="G12778" s="8">
        <v>218</v>
      </c>
      <c r="H12778" s="5">
        <v>6</v>
      </c>
      <c r="I12778" s="5" t="s">
        <v>1518</v>
      </c>
      <c r="J12778" s="5" t="s">
        <v>36264</v>
      </c>
      <c r="K12778" s="2" t="s">
        <v>36265</v>
      </c>
      <c r="L12778" s="5" t="s">
        <v>36264</v>
      </c>
      <c r="M12778" s="2" t="s">
        <v>36265</v>
      </c>
      <c r="N12778" s="5" t="s">
        <v>36266</v>
      </c>
      <c r="O12778" s="5" t="s">
        <v>38</v>
      </c>
      <c r="P12778" s="5" t="s">
        <v>39</v>
      </c>
      <c r="Q12778" s="5" t="s">
        <v>40</v>
      </c>
      <c r="R12778" s="5" t="s">
        <v>1522</v>
      </c>
      <c r="S12778" s="5" t="s">
        <v>1523</v>
      </c>
      <c r="T12778" s="5" t="s">
        <v>42</v>
      </c>
      <c r="U12778" s="2">
        <v>1.8859999999999999</v>
      </c>
      <c r="V12778" s="2">
        <v>1.351</v>
      </c>
      <c r="W12778" s="2">
        <v>1.7999999999999999E-2</v>
      </c>
      <c r="X12778" s="2">
        <v>139.1</v>
      </c>
      <c r="Y12778" s="2">
        <v>7.6</v>
      </c>
      <c r="Z12778" s="2">
        <v>16.7</v>
      </c>
      <c r="AA12778" s="5"/>
      <c r="AB12778" s="5" t="s">
        <v>43</v>
      </c>
      <c r="AC12778" s="5" t="s">
        <v>44</v>
      </c>
      <c r="AD12778" s="2"/>
      <c r="AE12778" s="1"/>
    </row>
    <row r="12779" spans="1:31" ht="14.45">
      <c r="A12779" s="11"/>
      <c r="B12779" s="20"/>
      <c r="C12779" s="2" t="s">
        <v>39265</v>
      </c>
      <c r="D12779" s="14" t="s">
        <v>39266</v>
      </c>
      <c r="E12779" s="2" t="s">
        <v>39267</v>
      </c>
      <c r="F12779" s="2" t="s">
        <v>36329</v>
      </c>
      <c r="G12779" s="8">
        <v>218</v>
      </c>
      <c r="H12779" s="5">
        <v>6</v>
      </c>
      <c r="I12779" s="5" t="s">
        <v>1518</v>
      </c>
      <c r="J12779" s="5" t="s">
        <v>36264</v>
      </c>
      <c r="K12779" s="2" t="s">
        <v>36265</v>
      </c>
      <c r="L12779" s="5" t="s">
        <v>36264</v>
      </c>
      <c r="M12779" s="2" t="s">
        <v>36265</v>
      </c>
      <c r="N12779" s="5" t="s">
        <v>36266</v>
      </c>
      <c r="O12779" s="5" t="s">
        <v>38</v>
      </c>
      <c r="P12779" s="5" t="s">
        <v>39</v>
      </c>
      <c r="Q12779" s="5" t="s">
        <v>40</v>
      </c>
      <c r="R12779" s="5" t="s">
        <v>1522</v>
      </c>
      <c r="S12779" s="5" t="s">
        <v>1523</v>
      </c>
      <c r="T12779" s="5" t="s">
        <v>42</v>
      </c>
      <c r="U12779" s="2">
        <v>1.845</v>
      </c>
      <c r="V12779" s="2">
        <v>1.31</v>
      </c>
      <c r="W12779" s="2">
        <v>1.7999999999999999E-2</v>
      </c>
      <c r="X12779" s="2">
        <v>139.1</v>
      </c>
      <c r="Y12779" s="2">
        <v>7.6</v>
      </c>
      <c r="Z12779" s="2">
        <v>16.7</v>
      </c>
      <c r="AA12779" s="5"/>
      <c r="AB12779" s="5" t="s">
        <v>43</v>
      </c>
      <c r="AC12779" s="5" t="s">
        <v>44</v>
      </c>
      <c r="AD12779" s="2"/>
      <c r="AE12779" s="1"/>
    </row>
    <row r="12780" spans="1:31" ht="14.45">
      <c r="A12780" s="11"/>
      <c r="B12780" s="20"/>
      <c r="C12780" s="2" t="s">
        <v>39268</v>
      </c>
      <c r="D12780" s="14" t="s">
        <v>39269</v>
      </c>
      <c r="E12780" s="2" t="s">
        <v>39270</v>
      </c>
      <c r="F12780" s="2" t="s">
        <v>36333</v>
      </c>
      <c r="G12780" s="8">
        <v>218</v>
      </c>
      <c r="H12780" s="5">
        <v>6</v>
      </c>
      <c r="I12780" s="5" t="s">
        <v>1518</v>
      </c>
      <c r="J12780" s="5" t="s">
        <v>36264</v>
      </c>
      <c r="K12780" s="2" t="s">
        <v>36265</v>
      </c>
      <c r="L12780" s="5" t="s">
        <v>36264</v>
      </c>
      <c r="M12780" s="2" t="s">
        <v>36265</v>
      </c>
      <c r="N12780" s="5" t="s">
        <v>36266</v>
      </c>
      <c r="O12780" s="5" t="s">
        <v>38</v>
      </c>
      <c r="P12780" s="5" t="s">
        <v>39</v>
      </c>
      <c r="Q12780" s="5" t="s">
        <v>40</v>
      </c>
      <c r="R12780" s="5" t="s">
        <v>1522</v>
      </c>
      <c r="S12780" s="5" t="s">
        <v>1523</v>
      </c>
      <c r="T12780" s="5" t="s">
        <v>42</v>
      </c>
      <c r="U12780" s="2">
        <v>1.8859999999999999</v>
      </c>
      <c r="V12780" s="2">
        <v>1.351</v>
      </c>
      <c r="W12780" s="2">
        <v>1.7999999999999999E-2</v>
      </c>
      <c r="X12780" s="2">
        <v>139.1</v>
      </c>
      <c r="Y12780" s="2">
        <v>7.6</v>
      </c>
      <c r="Z12780" s="2">
        <v>16.7</v>
      </c>
      <c r="AA12780" s="5"/>
      <c r="AB12780" s="5" t="s">
        <v>43</v>
      </c>
      <c r="AC12780" s="5" t="s">
        <v>44</v>
      </c>
      <c r="AD12780" s="2"/>
      <c r="AE12780" s="1"/>
    </row>
    <row r="12781" spans="1:31" ht="14.45">
      <c r="A12781" s="11"/>
      <c r="B12781" s="20"/>
      <c r="C12781" s="2" t="s">
        <v>39271</v>
      </c>
      <c r="D12781" s="14" t="s">
        <v>39272</v>
      </c>
      <c r="E12781" s="2" t="s">
        <v>39273</v>
      </c>
      <c r="F12781" s="2" t="s">
        <v>36337</v>
      </c>
      <c r="G12781" s="8">
        <v>218</v>
      </c>
      <c r="H12781" s="5">
        <v>6</v>
      </c>
      <c r="I12781" s="5" t="s">
        <v>1518</v>
      </c>
      <c r="J12781" s="5" t="s">
        <v>36264</v>
      </c>
      <c r="K12781" s="2" t="s">
        <v>36265</v>
      </c>
      <c r="L12781" s="5" t="s">
        <v>36264</v>
      </c>
      <c r="M12781" s="2" t="s">
        <v>36265</v>
      </c>
      <c r="N12781" s="5" t="s">
        <v>36266</v>
      </c>
      <c r="O12781" s="5" t="s">
        <v>38</v>
      </c>
      <c r="P12781" s="5" t="s">
        <v>39</v>
      </c>
      <c r="Q12781" s="5" t="s">
        <v>40</v>
      </c>
      <c r="R12781" s="5" t="s">
        <v>1522</v>
      </c>
      <c r="S12781" s="5" t="s">
        <v>1523</v>
      </c>
      <c r="T12781" s="5" t="s">
        <v>42</v>
      </c>
      <c r="U12781" s="2">
        <v>1.845</v>
      </c>
      <c r="V12781" s="2">
        <v>1.31</v>
      </c>
      <c r="W12781" s="2">
        <v>1.7999999999999999E-2</v>
      </c>
      <c r="X12781" s="2">
        <v>139.1</v>
      </c>
      <c r="Y12781" s="2">
        <v>7.6</v>
      </c>
      <c r="Z12781" s="2">
        <v>16.7</v>
      </c>
      <c r="AA12781" s="5"/>
      <c r="AB12781" s="5" t="s">
        <v>43</v>
      </c>
      <c r="AC12781" s="5" t="s">
        <v>44</v>
      </c>
      <c r="AD12781" s="2"/>
      <c r="AE12781" s="1"/>
    </row>
    <row r="12782" spans="1:31" ht="14.45">
      <c r="A12782" s="11"/>
      <c r="B12782" s="20"/>
      <c r="C12782" s="2" t="s">
        <v>39274</v>
      </c>
      <c r="D12782" s="14" t="s">
        <v>39275</v>
      </c>
      <c r="E12782" s="2" t="s">
        <v>39276</v>
      </c>
      <c r="F12782" s="2" t="s">
        <v>36341</v>
      </c>
      <c r="G12782" s="8">
        <v>218</v>
      </c>
      <c r="H12782" s="5">
        <v>6</v>
      </c>
      <c r="I12782" s="5" t="s">
        <v>1518</v>
      </c>
      <c r="J12782" s="5" t="s">
        <v>36264</v>
      </c>
      <c r="K12782" s="2" t="s">
        <v>36265</v>
      </c>
      <c r="L12782" s="5" t="s">
        <v>36264</v>
      </c>
      <c r="M12782" s="2" t="s">
        <v>36265</v>
      </c>
      <c r="N12782" s="5" t="s">
        <v>36266</v>
      </c>
      <c r="O12782" s="5" t="s">
        <v>38</v>
      </c>
      <c r="P12782" s="5" t="s">
        <v>39</v>
      </c>
      <c r="Q12782" s="5" t="s">
        <v>40</v>
      </c>
      <c r="R12782" s="5" t="s">
        <v>1522</v>
      </c>
      <c r="S12782" s="5" t="s">
        <v>1523</v>
      </c>
      <c r="T12782" s="5" t="s">
        <v>42</v>
      </c>
      <c r="U12782" s="2">
        <v>1.8859999999999999</v>
      </c>
      <c r="V12782" s="2">
        <v>1.351</v>
      </c>
      <c r="W12782" s="2">
        <v>1.7999999999999999E-2</v>
      </c>
      <c r="X12782" s="2">
        <v>139.1</v>
      </c>
      <c r="Y12782" s="2">
        <v>7.6</v>
      </c>
      <c r="Z12782" s="2">
        <v>16.7</v>
      </c>
      <c r="AA12782" s="5"/>
      <c r="AB12782" s="5" t="s">
        <v>43</v>
      </c>
      <c r="AC12782" s="5" t="s">
        <v>44</v>
      </c>
      <c r="AD12782" s="2"/>
      <c r="AE12782" s="1"/>
    </row>
    <row r="12783" spans="1:31" ht="14.45">
      <c r="A12783" s="11"/>
      <c r="B12783" s="20"/>
      <c r="C12783" s="2" t="s">
        <v>39277</v>
      </c>
      <c r="D12783" s="14" t="s">
        <v>39278</v>
      </c>
      <c r="E12783" s="2" t="s">
        <v>39279</v>
      </c>
      <c r="F12783" s="2" t="s">
        <v>36345</v>
      </c>
      <c r="G12783" s="8">
        <v>218</v>
      </c>
      <c r="H12783" s="5">
        <v>6</v>
      </c>
      <c r="I12783" s="5" t="s">
        <v>1518</v>
      </c>
      <c r="J12783" s="5" t="s">
        <v>36264</v>
      </c>
      <c r="K12783" s="2" t="s">
        <v>36265</v>
      </c>
      <c r="L12783" s="5" t="s">
        <v>36264</v>
      </c>
      <c r="M12783" s="2" t="s">
        <v>36265</v>
      </c>
      <c r="N12783" s="5" t="s">
        <v>36266</v>
      </c>
      <c r="O12783" s="5" t="s">
        <v>38</v>
      </c>
      <c r="P12783" s="5" t="s">
        <v>39</v>
      </c>
      <c r="Q12783" s="5" t="s">
        <v>40</v>
      </c>
      <c r="R12783" s="5" t="s">
        <v>1522</v>
      </c>
      <c r="S12783" s="5" t="s">
        <v>1523</v>
      </c>
      <c r="T12783" s="5" t="s">
        <v>42</v>
      </c>
      <c r="U12783" s="2">
        <v>1.845</v>
      </c>
      <c r="V12783" s="2">
        <v>1.31</v>
      </c>
      <c r="W12783" s="2">
        <v>1.7999999999999999E-2</v>
      </c>
      <c r="X12783" s="2">
        <v>139.1</v>
      </c>
      <c r="Y12783" s="2">
        <v>7.6</v>
      </c>
      <c r="Z12783" s="2">
        <v>16.7</v>
      </c>
      <c r="AA12783" s="5"/>
      <c r="AB12783" s="5" t="s">
        <v>43</v>
      </c>
      <c r="AC12783" s="5" t="s">
        <v>44</v>
      </c>
      <c r="AD12783" s="2"/>
      <c r="AE12783" s="1"/>
    </row>
    <row r="12784" spans="1:31" ht="14.45">
      <c r="A12784" s="11"/>
      <c r="B12784" s="20"/>
      <c r="C12784" s="2" t="s">
        <v>39280</v>
      </c>
      <c r="D12784" s="14" t="s">
        <v>39281</v>
      </c>
      <c r="E12784" s="2" t="s">
        <v>39282</v>
      </c>
      <c r="F12784" s="2" t="s">
        <v>36349</v>
      </c>
      <c r="G12784" s="8">
        <v>218</v>
      </c>
      <c r="H12784" s="5">
        <v>6</v>
      </c>
      <c r="I12784" s="5" t="s">
        <v>1518</v>
      </c>
      <c r="J12784" s="5" t="s">
        <v>36264</v>
      </c>
      <c r="K12784" s="2" t="s">
        <v>36265</v>
      </c>
      <c r="L12784" s="5" t="s">
        <v>36264</v>
      </c>
      <c r="M12784" s="2" t="s">
        <v>36265</v>
      </c>
      <c r="N12784" s="5" t="s">
        <v>36266</v>
      </c>
      <c r="O12784" s="5" t="s">
        <v>38</v>
      </c>
      <c r="P12784" s="5" t="s">
        <v>39</v>
      </c>
      <c r="Q12784" s="5" t="s">
        <v>40</v>
      </c>
      <c r="R12784" s="5" t="s">
        <v>1522</v>
      </c>
      <c r="S12784" s="5" t="s">
        <v>1523</v>
      </c>
      <c r="T12784" s="5" t="s">
        <v>42</v>
      </c>
      <c r="U12784" s="2">
        <v>1.8859999999999999</v>
      </c>
      <c r="V12784" s="2">
        <v>1.351</v>
      </c>
      <c r="W12784" s="2">
        <v>1.7999999999999999E-2</v>
      </c>
      <c r="X12784" s="2">
        <v>139.1</v>
      </c>
      <c r="Y12784" s="2">
        <v>7.6</v>
      </c>
      <c r="Z12784" s="2">
        <v>16.7</v>
      </c>
      <c r="AA12784" s="5"/>
      <c r="AB12784" s="5" t="s">
        <v>43</v>
      </c>
      <c r="AC12784" s="5" t="s">
        <v>44</v>
      </c>
      <c r="AD12784" s="2"/>
      <c r="AE12784" s="1"/>
    </row>
    <row r="12785" spans="1:31" ht="14.45">
      <c r="A12785" s="11"/>
      <c r="B12785" s="20"/>
      <c r="C12785" s="2" t="s">
        <v>39283</v>
      </c>
      <c r="D12785" s="14" t="s">
        <v>39284</v>
      </c>
      <c r="E12785" s="2" t="s">
        <v>39285</v>
      </c>
      <c r="F12785" s="2" t="s">
        <v>36353</v>
      </c>
      <c r="G12785" s="8">
        <v>218</v>
      </c>
      <c r="H12785" s="5">
        <v>6</v>
      </c>
      <c r="I12785" s="5" t="s">
        <v>1518</v>
      </c>
      <c r="J12785" s="5" t="s">
        <v>36264</v>
      </c>
      <c r="K12785" s="2" t="s">
        <v>36265</v>
      </c>
      <c r="L12785" s="5" t="s">
        <v>36264</v>
      </c>
      <c r="M12785" s="2" t="s">
        <v>36265</v>
      </c>
      <c r="N12785" s="5" t="s">
        <v>36266</v>
      </c>
      <c r="O12785" s="5" t="s">
        <v>38</v>
      </c>
      <c r="P12785" s="5" t="s">
        <v>39</v>
      </c>
      <c r="Q12785" s="5" t="s">
        <v>40</v>
      </c>
      <c r="R12785" s="5" t="s">
        <v>1522</v>
      </c>
      <c r="S12785" s="5" t="s">
        <v>1523</v>
      </c>
      <c r="T12785" s="5" t="s">
        <v>42</v>
      </c>
      <c r="U12785" s="2">
        <v>1.845</v>
      </c>
      <c r="V12785" s="2">
        <v>1.31</v>
      </c>
      <c r="W12785" s="2">
        <v>1.7999999999999999E-2</v>
      </c>
      <c r="X12785" s="2">
        <v>139.1</v>
      </c>
      <c r="Y12785" s="2">
        <v>7.6</v>
      </c>
      <c r="Z12785" s="2">
        <v>16.7</v>
      </c>
      <c r="AA12785" s="5"/>
      <c r="AB12785" s="5" t="s">
        <v>43</v>
      </c>
      <c r="AC12785" s="5" t="s">
        <v>44</v>
      </c>
      <c r="AD12785" s="2"/>
      <c r="AE12785" s="1"/>
    </row>
    <row r="12786" spans="1:31" ht="14.45">
      <c r="A12786" s="11"/>
      <c r="B12786" s="20"/>
      <c r="C12786" s="2" t="s">
        <v>39286</v>
      </c>
      <c r="D12786" s="14" t="s">
        <v>39287</v>
      </c>
      <c r="E12786" s="2" t="s">
        <v>39288</v>
      </c>
      <c r="F12786" s="2" t="s">
        <v>36357</v>
      </c>
      <c r="G12786" s="8">
        <v>218</v>
      </c>
      <c r="H12786" s="5">
        <v>6</v>
      </c>
      <c r="I12786" s="5" t="s">
        <v>1518</v>
      </c>
      <c r="J12786" s="5" t="s">
        <v>36264</v>
      </c>
      <c r="K12786" s="2" t="s">
        <v>36265</v>
      </c>
      <c r="L12786" s="5" t="s">
        <v>36264</v>
      </c>
      <c r="M12786" s="2" t="s">
        <v>36265</v>
      </c>
      <c r="N12786" s="5" t="s">
        <v>36266</v>
      </c>
      <c r="O12786" s="5" t="s">
        <v>38</v>
      </c>
      <c r="P12786" s="5" t="s">
        <v>39</v>
      </c>
      <c r="Q12786" s="5" t="s">
        <v>40</v>
      </c>
      <c r="R12786" s="5" t="s">
        <v>1522</v>
      </c>
      <c r="S12786" s="5" t="s">
        <v>1523</v>
      </c>
      <c r="T12786" s="5" t="s">
        <v>42</v>
      </c>
      <c r="U12786" s="2">
        <v>1.8859999999999999</v>
      </c>
      <c r="V12786" s="2">
        <v>1.351</v>
      </c>
      <c r="W12786" s="2">
        <v>1.7999999999999999E-2</v>
      </c>
      <c r="X12786" s="2">
        <v>139.1</v>
      </c>
      <c r="Y12786" s="2">
        <v>7.6</v>
      </c>
      <c r="Z12786" s="2">
        <v>16.7</v>
      </c>
      <c r="AA12786" s="5"/>
      <c r="AB12786" s="5" t="s">
        <v>43</v>
      </c>
      <c r="AC12786" s="5" t="s">
        <v>44</v>
      </c>
      <c r="AD12786" s="2"/>
      <c r="AE12786" s="1"/>
    </row>
    <row r="12787" spans="1:31" ht="14.45">
      <c r="A12787" s="11"/>
      <c r="B12787" s="20"/>
      <c r="C12787" s="2" t="s">
        <v>39289</v>
      </c>
      <c r="D12787" s="14" t="s">
        <v>39290</v>
      </c>
      <c r="E12787" s="2" t="s">
        <v>39291</v>
      </c>
      <c r="F12787" s="2" t="s">
        <v>36361</v>
      </c>
      <c r="G12787" s="8">
        <v>218</v>
      </c>
      <c r="H12787" s="5">
        <v>6</v>
      </c>
      <c r="I12787" s="5" t="s">
        <v>1518</v>
      </c>
      <c r="J12787" s="5" t="s">
        <v>36264</v>
      </c>
      <c r="K12787" s="2" t="s">
        <v>36265</v>
      </c>
      <c r="L12787" s="5" t="s">
        <v>36264</v>
      </c>
      <c r="M12787" s="2" t="s">
        <v>36265</v>
      </c>
      <c r="N12787" s="5" t="s">
        <v>36266</v>
      </c>
      <c r="O12787" s="5" t="s">
        <v>38</v>
      </c>
      <c r="P12787" s="5" t="s">
        <v>39</v>
      </c>
      <c r="Q12787" s="5" t="s">
        <v>40</v>
      </c>
      <c r="R12787" s="5" t="s">
        <v>1522</v>
      </c>
      <c r="S12787" s="5" t="s">
        <v>1523</v>
      </c>
      <c r="T12787" s="5" t="s">
        <v>42</v>
      </c>
      <c r="U12787" s="2">
        <v>1.845</v>
      </c>
      <c r="V12787" s="2">
        <v>1.31</v>
      </c>
      <c r="W12787" s="2">
        <v>1.7999999999999999E-2</v>
      </c>
      <c r="X12787" s="2">
        <v>139.1</v>
      </c>
      <c r="Y12787" s="2">
        <v>7.6</v>
      </c>
      <c r="Z12787" s="2">
        <v>16.7</v>
      </c>
      <c r="AA12787" s="5"/>
      <c r="AB12787" s="5" t="s">
        <v>43</v>
      </c>
      <c r="AC12787" s="5" t="s">
        <v>44</v>
      </c>
      <c r="AD12787" s="2"/>
      <c r="AE12787" s="1"/>
    </row>
    <row r="12788" spans="1:31" ht="14.45">
      <c r="A12788" s="11"/>
      <c r="B12788" s="20"/>
      <c r="C12788" s="2" t="s">
        <v>39292</v>
      </c>
      <c r="D12788" s="14" t="s">
        <v>39293</v>
      </c>
      <c r="E12788" s="2" t="s">
        <v>39294</v>
      </c>
      <c r="F12788" s="2" t="s">
        <v>36365</v>
      </c>
      <c r="G12788" s="8">
        <v>218</v>
      </c>
      <c r="H12788" s="5">
        <v>6</v>
      </c>
      <c r="I12788" s="5" t="s">
        <v>1518</v>
      </c>
      <c r="J12788" s="5" t="s">
        <v>36264</v>
      </c>
      <c r="K12788" s="2" t="s">
        <v>36265</v>
      </c>
      <c r="L12788" s="5" t="s">
        <v>36264</v>
      </c>
      <c r="M12788" s="2" t="s">
        <v>36265</v>
      </c>
      <c r="N12788" s="5" t="s">
        <v>36266</v>
      </c>
      <c r="O12788" s="5" t="s">
        <v>38</v>
      </c>
      <c r="P12788" s="5" t="s">
        <v>39</v>
      </c>
      <c r="Q12788" s="5" t="s">
        <v>40</v>
      </c>
      <c r="R12788" s="5" t="s">
        <v>1522</v>
      </c>
      <c r="S12788" s="5" t="s">
        <v>1523</v>
      </c>
      <c r="T12788" s="5" t="s">
        <v>42</v>
      </c>
      <c r="U12788" s="2">
        <v>1.8859999999999999</v>
      </c>
      <c r="V12788" s="2">
        <v>1.351</v>
      </c>
      <c r="W12788" s="2">
        <v>1.7999999999999999E-2</v>
      </c>
      <c r="X12788" s="2">
        <v>139.1</v>
      </c>
      <c r="Y12788" s="2">
        <v>7.6</v>
      </c>
      <c r="Z12788" s="2">
        <v>16.7</v>
      </c>
      <c r="AA12788" s="5"/>
      <c r="AB12788" s="5" t="s">
        <v>43</v>
      </c>
      <c r="AC12788" s="5" t="s">
        <v>44</v>
      </c>
      <c r="AD12788" s="2"/>
      <c r="AE12788" s="1"/>
    </row>
    <row r="12789" spans="1:31" ht="14.45">
      <c r="A12789" s="11"/>
      <c r="B12789" s="20"/>
      <c r="C12789" s="2" t="s">
        <v>39295</v>
      </c>
      <c r="D12789" s="14" t="s">
        <v>39296</v>
      </c>
      <c r="E12789" s="2" t="s">
        <v>39297</v>
      </c>
      <c r="F12789" s="2" t="s">
        <v>36369</v>
      </c>
      <c r="G12789" s="8">
        <v>218</v>
      </c>
      <c r="H12789" s="5">
        <v>6</v>
      </c>
      <c r="I12789" s="5" t="s">
        <v>1518</v>
      </c>
      <c r="J12789" s="5" t="s">
        <v>36264</v>
      </c>
      <c r="K12789" s="2" t="s">
        <v>36265</v>
      </c>
      <c r="L12789" s="5" t="s">
        <v>36264</v>
      </c>
      <c r="M12789" s="2" t="s">
        <v>36265</v>
      </c>
      <c r="N12789" s="5" t="s">
        <v>36266</v>
      </c>
      <c r="O12789" s="5" t="s">
        <v>38</v>
      </c>
      <c r="P12789" s="5" t="s">
        <v>39</v>
      </c>
      <c r="Q12789" s="5" t="s">
        <v>40</v>
      </c>
      <c r="R12789" s="5" t="s">
        <v>1522</v>
      </c>
      <c r="S12789" s="5" t="s">
        <v>1523</v>
      </c>
      <c r="T12789" s="5" t="s">
        <v>42</v>
      </c>
      <c r="U12789" s="2">
        <v>1.845</v>
      </c>
      <c r="V12789" s="2">
        <v>1.31</v>
      </c>
      <c r="W12789" s="2">
        <v>1.7999999999999999E-2</v>
      </c>
      <c r="X12789" s="2">
        <v>139.1</v>
      </c>
      <c r="Y12789" s="2">
        <v>7.6</v>
      </c>
      <c r="Z12789" s="2">
        <v>16.7</v>
      </c>
      <c r="AA12789" s="5"/>
      <c r="AB12789" s="5" t="s">
        <v>43</v>
      </c>
      <c r="AC12789" s="5" t="s">
        <v>44</v>
      </c>
      <c r="AD12789" s="2"/>
      <c r="AE12789" s="1"/>
    </row>
    <row r="12790" spans="1:31" ht="14.45">
      <c r="A12790" s="11"/>
      <c r="B12790" s="20"/>
      <c r="C12790" s="2" t="s">
        <v>39298</v>
      </c>
      <c r="D12790" s="14" t="s">
        <v>39299</v>
      </c>
      <c r="E12790" s="2" t="s">
        <v>39300</v>
      </c>
      <c r="F12790" s="2" t="s">
        <v>36373</v>
      </c>
      <c r="G12790" s="8">
        <v>218</v>
      </c>
      <c r="H12790" s="5">
        <v>6</v>
      </c>
      <c r="I12790" s="5" t="s">
        <v>1518</v>
      </c>
      <c r="J12790" s="5" t="s">
        <v>36264</v>
      </c>
      <c r="K12790" s="2" t="s">
        <v>36265</v>
      </c>
      <c r="L12790" s="5" t="s">
        <v>36264</v>
      </c>
      <c r="M12790" s="2" t="s">
        <v>36265</v>
      </c>
      <c r="N12790" s="5" t="s">
        <v>36266</v>
      </c>
      <c r="O12790" s="5" t="s">
        <v>38</v>
      </c>
      <c r="P12790" s="5" t="s">
        <v>39</v>
      </c>
      <c r="Q12790" s="5" t="s">
        <v>40</v>
      </c>
      <c r="R12790" s="5" t="s">
        <v>1522</v>
      </c>
      <c r="S12790" s="5" t="s">
        <v>1523</v>
      </c>
      <c r="T12790" s="5" t="s">
        <v>42</v>
      </c>
      <c r="U12790" s="2">
        <v>1.8859999999999999</v>
      </c>
      <c r="V12790" s="2">
        <v>1.351</v>
      </c>
      <c r="W12790" s="2">
        <v>1.7999999999999999E-2</v>
      </c>
      <c r="X12790" s="2">
        <v>139.1</v>
      </c>
      <c r="Y12790" s="2">
        <v>7.6</v>
      </c>
      <c r="Z12790" s="2">
        <v>16.7</v>
      </c>
      <c r="AA12790" s="5"/>
      <c r="AB12790" s="5" t="s">
        <v>43</v>
      </c>
      <c r="AC12790" s="5" t="s">
        <v>44</v>
      </c>
      <c r="AD12790" s="2"/>
      <c r="AE12790" s="1"/>
    </row>
    <row r="12791" spans="1:31" ht="14.45">
      <c r="A12791" s="11"/>
      <c r="B12791" s="20"/>
      <c r="C12791" s="2" t="s">
        <v>39301</v>
      </c>
      <c r="D12791" s="14" t="s">
        <v>39302</v>
      </c>
      <c r="E12791" s="2" t="s">
        <v>39303</v>
      </c>
      <c r="F12791" s="2" t="s">
        <v>36377</v>
      </c>
      <c r="G12791" s="8">
        <v>218</v>
      </c>
      <c r="H12791" s="5">
        <v>6</v>
      </c>
      <c r="I12791" s="5" t="s">
        <v>1518</v>
      </c>
      <c r="J12791" s="5" t="s">
        <v>36264</v>
      </c>
      <c r="K12791" s="2" t="s">
        <v>36265</v>
      </c>
      <c r="L12791" s="5" t="s">
        <v>36264</v>
      </c>
      <c r="M12791" s="2" t="s">
        <v>36265</v>
      </c>
      <c r="N12791" s="5" t="s">
        <v>36266</v>
      </c>
      <c r="O12791" s="5" t="s">
        <v>38</v>
      </c>
      <c r="P12791" s="5" t="s">
        <v>39</v>
      </c>
      <c r="Q12791" s="5" t="s">
        <v>40</v>
      </c>
      <c r="R12791" s="5" t="s">
        <v>1522</v>
      </c>
      <c r="S12791" s="5" t="s">
        <v>1523</v>
      </c>
      <c r="T12791" s="5" t="s">
        <v>42</v>
      </c>
      <c r="U12791" s="2">
        <v>1.845</v>
      </c>
      <c r="V12791" s="2">
        <v>1.31</v>
      </c>
      <c r="W12791" s="2">
        <v>1.7999999999999999E-2</v>
      </c>
      <c r="X12791" s="2">
        <v>139.1</v>
      </c>
      <c r="Y12791" s="2">
        <v>7.6</v>
      </c>
      <c r="Z12791" s="2">
        <v>16.7</v>
      </c>
      <c r="AA12791" s="5"/>
      <c r="AB12791" s="5" t="s">
        <v>43</v>
      </c>
      <c r="AC12791" s="5" t="s">
        <v>44</v>
      </c>
      <c r="AD12791" s="2"/>
      <c r="AE12791" s="1"/>
    </row>
    <row r="12792" spans="1:31" ht="14.45">
      <c r="A12792" s="11"/>
      <c r="B12792" s="20"/>
      <c r="C12792" s="2" t="s">
        <v>39304</v>
      </c>
      <c r="D12792" s="14" t="s">
        <v>39305</v>
      </c>
      <c r="E12792" s="2" t="s">
        <v>39306</v>
      </c>
      <c r="F12792" s="2" t="s">
        <v>36381</v>
      </c>
      <c r="G12792" s="8">
        <v>218</v>
      </c>
      <c r="H12792" s="5">
        <v>6</v>
      </c>
      <c r="I12792" s="5" t="s">
        <v>1518</v>
      </c>
      <c r="J12792" s="5" t="s">
        <v>36264</v>
      </c>
      <c r="K12792" s="2" t="s">
        <v>36265</v>
      </c>
      <c r="L12792" s="5" t="s">
        <v>36264</v>
      </c>
      <c r="M12792" s="2" t="s">
        <v>36265</v>
      </c>
      <c r="N12792" s="5" t="s">
        <v>36266</v>
      </c>
      <c r="O12792" s="5" t="s">
        <v>38</v>
      </c>
      <c r="P12792" s="5" t="s">
        <v>39</v>
      </c>
      <c r="Q12792" s="5" t="s">
        <v>40</v>
      </c>
      <c r="R12792" s="5" t="s">
        <v>1522</v>
      </c>
      <c r="S12792" s="5" t="s">
        <v>1523</v>
      </c>
      <c r="T12792" s="5" t="s">
        <v>42</v>
      </c>
      <c r="U12792" s="2">
        <v>1.8859999999999999</v>
      </c>
      <c r="V12792" s="2">
        <v>1.351</v>
      </c>
      <c r="W12792" s="2">
        <v>1.7999999999999999E-2</v>
      </c>
      <c r="X12792" s="2">
        <v>139.1</v>
      </c>
      <c r="Y12792" s="2">
        <v>7.6</v>
      </c>
      <c r="Z12792" s="2">
        <v>16.7</v>
      </c>
      <c r="AA12792" s="5"/>
      <c r="AB12792" s="5" t="s">
        <v>43</v>
      </c>
      <c r="AC12792" s="5" t="s">
        <v>44</v>
      </c>
      <c r="AD12792" s="2"/>
      <c r="AE12792" s="1"/>
    </row>
    <row r="12793" spans="1:31" ht="14.45">
      <c r="A12793" s="11"/>
      <c r="B12793" s="20"/>
      <c r="C12793" s="2" t="s">
        <v>39307</v>
      </c>
      <c r="D12793" s="14" t="s">
        <v>39308</v>
      </c>
      <c r="E12793" s="2" t="s">
        <v>39309</v>
      </c>
      <c r="F12793" s="2" t="s">
        <v>36385</v>
      </c>
      <c r="G12793" s="8">
        <v>218</v>
      </c>
      <c r="H12793" s="5">
        <v>6</v>
      </c>
      <c r="I12793" s="5" t="s">
        <v>1518</v>
      </c>
      <c r="J12793" s="5" t="s">
        <v>36264</v>
      </c>
      <c r="K12793" s="2" t="s">
        <v>36265</v>
      </c>
      <c r="L12793" s="5" t="s">
        <v>36264</v>
      </c>
      <c r="M12793" s="2" t="s">
        <v>36265</v>
      </c>
      <c r="N12793" s="5" t="s">
        <v>36266</v>
      </c>
      <c r="O12793" s="5" t="s">
        <v>38</v>
      </c>
      <c r="P12793" s="5" t="s">
        <v>39</v>
      </c>
      <c r="Q12793" s="5" t="s">
        <v>40</v>
      </c>
      <c r="R12793" s="5" t="s">
        <v>1522</v>
      </c>
      <c r="S12793" s="5" t="s">
        <v>1523</v>
      </c>
      <c r="T12793" s="5" t="s">
        <v>42</v>
      </c>
      <c r="U12793" s="2">
        <v>1.845</v>
      </c>
      <c r="V12793" s="2">
        <v>1.31</v>
      </c>
      <c r="W12793" s="2">
        <v>1.7999999999999999E-2</v>
      </c>
      <c r="X12793" s="2">
        <v>139.1</v>
      </c>
      <c r="Y12793" s="2">
        <v>7.6</v>
      </c>
      <c r="Z12793" s="2">
        <v>16.7</v>
      </c>
      <c r="AA12793" s="5"/>
      <c r="AB12793" s="5" t="s">
        <v>43</v>
      </c>
      <c r="AC12793" s="5" t="s">
        <v>44</v>
      </c>
      <c r="AD12793" s="2"/>
      <c r="AE12793" s="1"/>
    </row>
    <row r="12794" spans="1:31" ht="14.45">
      <c r="A12794" s="11"/>
      <c r="B12794" s="20"/>
      <c r="C12794" s="2" t="s">
        <v>39310</v>
      </c>
      <c r="D12794" s="14" t="s">
        <v>39311</v>
      </c>
      <c r="E12794" s="2" t="s">
        <v>39312</v>
      </c>
      <c r="F12794" s="2" t="s">
        <v>36389</v>
      </c>
      <c r="G12794" s="8">
        <v>218</v>
      </c>
      <c r="H12794" s="5">
        <v>6</v>
      </c>
      <c r="I12794" s="5" t="s">
        <v>1518</v>
      </c>
      <c r="J12794" s="5" t="s">
        <v>36264</v>
      </c>
      <c r="K12794" s="2" t="s">
        <v>36265</v>
      </c>
      <c r="L12794" s="5" t="s">
        <v>36264</v>
      </c>
      <c r="M12794" s="2" t="s">
        <v>36265</v>
      </c>
      <c r="N12794" s="5" t="s">
        <v>36266</v>
      </c>
      <c r="O12794" s="5" t="s">
        <v>38</v>
      </c>
      <c r="P12794" s="5" t="s">
        <v>39</v>
      </c>
      <c r="Q12794" s="5" t="s">
        <v>40</v>
      </c>
      <c r="R12794" s="5" t="s">
        <v>1522</v>
      </c>
      <c r="S12794" s="5" t="s">
        <v>1523</v>
      </c>
      <c r="T12794" s="5" t="s">
        <v>42</v>
      </c>
      <c r="U12794" s="2">
        <v>1.8859999999999999</v>
      </c>
      <c r="V12794" s="2">
        <v>1.351</v>
      </c>
      <c r="W12794" s="2">
        <v>1.7999999999999999E-2</v>
      </c>
      <c r="X12794" s="2">
        <v>139.1</v>
      </c>
      <c r="Y12794" s="2">
        <v>7.6</v>
      </c>
      <c r="Z12794" s="2">
        <v>16.7</v>
      </c>
      <c r="AA12794" s="5"/>
      <c r="AB12794" s="5" t="s">
        <v>43</v>
      </c>
      <c r="AC12794" s="5" t="s">
        <v>44</v>
      </c>
      <c r="AD12794" s="2"/>
      <c r="AE12794" s="1"/>
    </row>
    <row r="12795" spans="1:31" ht="14.45">
      <c r="A12795" s="11"/>
      <c r="B12795" s="20"/>
      <c r="C12795" s="2" t="s">
        <v>39313</v>
      </c>
      <c r="D12795" s="14" t="s">
        <v>39314</v>
      </c>
      <c r="E12795" s="2" t="s">
        <v>39315</v>
      </c>
      <c r="F12795" s="2" t="s">
        <v>7204</v>
      </c>
      <c r="G12795" s="8">
        <v>213</v>
      </c>
      <c r="H12795" s="5">
        <v>6</v>
      </c>
      <c r="I12795" s="5" t="s">
        <v>1518</v>
      </c>
      <c r="J12795" s="5" t="s">
        <v>36264</v>
      </c>
      <c r="K12795" s="2" t="s">
        <v>36265</v>
      </c>
      <c r="L12795" s="5" t="s">
        <v>36264</v>
      </c>
      <c r="M12795" s="2" t="s">
        <v>36265</v>
      </c>
      <c r="N12795" s="5" t="s">
        <v>36266</v>
      </c>
      <c r="O12795" s="5" t="s">
        <v>38</v>
      </c>
      <c r="P12795" s="5" t="s">
        <v>39</v>
      </c>
      <c r="Q12795" s="5" t="s">
        <v>40</v>
      </c>
      <c r="R12795" s="5" t="s">
        <v>1522</v>
      </c>
      <c r="S12795" s="5" t="s">
        <v>1523</v>
      </c>
      <c r="T12795" s="5" t="s">
        <v>42</v>
      </c>
      <c r="U12795" s="2">
        <v>2.0430000000000001</v>
      </c>
      <c r="V12795" s="2">
        <v>1.425</v>
      </c>
      <c r="W12795" s="2">
        <v>0.02</v>
      </c>
      <c r="X12795" s="2">
        <v>159.1</v>
      </c>
      <c r="Y12795" s="2">
        <v>7.6</v>
      </c>
      <c r="Z12795" s="2">
        <v>16.7</v>
      </c>
      <c r="AA12795" s="5"/>
      <c r="AB12795" s="5" t="s">
        <v>43</v>
      </c>
      <c r="AC12795" s="5" t="s">
        <v>44</v>
      </c>
      <c r="AD12795" s="2"/>
      <c r="AE12795" s="1"/>
    </row>
    <row r="12796" spans="1:31" ht="14.45">
      <c r="A12796" s="11"/>
      <c r="B12796" s="20"/>
      <c r="C12796" s="2" t="s">
        <v>39316</v>
      </c>
      <c r="D12796" s="14" t="s">
        <v>39317</v>
      </c>
      <c r="E12796" s="2" t="s">
        <v>39318</v>
      </c>
      <c r="F12796" s="2" t="s">
        <v>7514</v>
      </c>
      <c r="G12796" s="8">
        <v>213</v>
      </c>
      <c r="H12796" s="5">
        <v>6</v>
      </c>
      <c r="I12796" s="5" t="s">
        <v>1518</v>
      </c>
      <c r="J12796" s="5" t="s">
        <v>36264</v>
      </c>
      <c r="K12796" s="2" t="s">
        <v>36265</v>
      </c>
      <c r="L12796" s="5" t="s">
        <v>36264</v>
      </c>
      <c r="M12796" s="2" t="s">
        <v>36265</v>
      </c>
      <c r="N12796" s="5" t="s">
        <v>36266</v>
      </c>
      <c r="O12796" s="5" t="s">
        <v>38</v>
      </c>
      <c r="P12796" s="5" t="s">
        <v>39</v>
      </c>
      <c r="Q12796" s="5" t="s">
        <v>40</v>
      </c>
      <c r="R12796" s="5" t="s">
        <v>1522</v>
      </c>
      <c r="S12796" s="5" t="s">
        <v>1523</v>
      </c>
      <c r="T12796" s="5" t="s">
        <v>42</v>
      </c>
      <c r="U12796" s="2">
        <v>2.0840000000000001</v>
      </c>
      <c r="V12796" s="2">
        <v>1.466</v>
      </c>
      <c r="W12796" s="2">
        <v>0.02</v>
      </c>
      <c r="X12796" s="2">
        <v>159.1</v>
      </c>
      <c r="Y12796" s="2">
        <v>7.6</v>
      </c>
      <c r="Z12796" s="2">
        <v>16.7</v>
      </c>
      <c r="AA12796" s="5"/>
      <c r="AB12796" s="5" t="s">
        <v>43</v>
      </c>
      <c r="AC12796" s="5" t="s">
        <v>44</v>
      </c>
      <c r="AD12796" s="2"/>
      <c r="AE12796" s="1"/>
    </row>
    <row r="12797" spans="1:31" ht="14.45">
      <c r="A12797" s="11"/>
      <c r="B12797" s="20"/>
      <c r="C12797" s="2" t="s">
        <v>39319</v>
      </c>
      <c r="D12797" s="14" t="s">
        <v>39320</v>
      </c>
      <c r="E12797" s="2" t="s">
        <v>39321</v>
      </c>
      <c r="F12797" s="2" t="s">
        <v>36273</v>
      </c>
      <c r="G12797" s="8">
        <v>213</v>
      </c>
      <c r="H12797" s="5">
        <v>6</v>
      </c>
      <c r="I12797" s="5" t="s">
        <v>1518</v>
      </c>
      <c r="J12797" s="5" t="s">
        <v>36264</v>
      </c>
      <c r="K12797" s="2" t="s">
        <v>36265</v>
      </c>
      <c r="L12797" s="5" t="s">
        <v>36264</v>
      </c>
      <c r="M12797" s="2" t="s">
        <v>36265</v>
      </c>
      <c r="N12797" s="5" t="s">
        <v>36266</v>
      </c>
      <c r="O12797" s="5" t="s">
        <v>38</v>
      </c>
      <c r="P12797" s="5" t="s">
        <v>39</v>
      </c>
      <c r="Q12797" s="5" t="s">
        <v>40</v>
      </c>
      <c r="R12797" s="5" t="s">
        <v>1522</v>
      </c>
      <c r="S12797" s="5" t="s">
        <v>1523</v>
      </c>
      <c r="T12797" s="5" t="s">
        <v>42</v>
      </c>
      <c r="U12797" s="2">
        <v>2.0430000000000001</v>
      </c>
      <c r="V12797" s="2">
        <v>1.425</v>
      </c>
      <c r="W12797" s="2">
        <v>0.02</v>
      </c>
      <c r="X12797" s="2">
        <v>159.1</v>
      </c>
      <c r="Y12797" s="2">
        <v>7.6</v>
      </c>
      <c r="Z12797" s="2">
        <v>16.7</v>
      </c>
      <c r="AA12797" s="5"/>
      <c r="AB12797" s="5" t="s">
        <v>43</v>
      </c>
      <c r="AC12797" s="5" t="s">
        <v>44</v>
      </c>
      <c r="AD12797" s="2"/>
      <c r="AE12797" s="1"/>
    </row>
    <row r="12798" spans="1:31" ht="14.45">
      <c r="A12798" s="11"/>
      <c r="B12798" s="20"/>
      <c r="C12798" s="2" t="s">
        <v>39322</v>
      </c>
      <c r="D12798" s="14" t="s">
        <v>39323</v>
      </c>
      <c r="E12798" s="2" t="s">
        <v>39324</v>
      </c>
      <c r="F12798" s="2" t="s">
        <v>36277</v>
      </c>
      <c r="G12798" s="8">
        <v>213</v>
      </c>
      <c r="H12798" s="5">
        <v>6</v>
      </c>
      <c r="I12798" s="5" t="s">
        <v>1518</v>
      </c>
      <c r="J12798" s="5" t="s">
        <v>36264</v>
      </c>
      <c r="K12798" s="2" t="s">
        <v>36265</v>
      </c>
      <c r="L12798" s="5" t="s">
        <v>36264</v>
      </c>
      <c r="M12798" s="2" t="s">
        <v>36265</v>
      </c>
      <c r="N12798" s="5" t="s">
        <v>36266</v>
      </c>
      <c r="O12798" s="5" t="s">
        <v>38</v>
      </c>
      <c r="P12798" s="5" t="s">
        <v>39</v>
      </c>
      <c r="Q12798" s="5" t="s">
        <v>40</v>
      </c>
      <c r="R12798" s="5" t="s">
        <v>1522</v>
      </c>
      <c r="S12798" s="5" t="s">
        <v>1523</v>
      </c>
      <c r="T12798" s="5" t="s">
        <v>42</v>
      </c>
      <c r="U12798" s="2">
        <v>2.0840000000000001</v>
      </c>
      <c r="V12798" s="2">
        <v>1.466</v>
      </c>
      <c r="W12798" s="2">
        <v>0.02</v>
      </c>
      <c r="X12798" s="2">
        <v>159.1</v>
      </c>
      <c r="Y12798" s="2">
        <v>7.6</v>
      </c>
      <c r="Z12798" s="2">
        <v>16.7</v>
      </c>
      <c r="AA12798" s="5"/>
      <c r="AB12798" s="5" t="s">
        <v>43</v>
      </c>
      <c r="AC12798" s="5" t="s">
        <v>44</v>
      </c>
      <c r="AD12798" s="2"/>
      <c r="AE12798" s="1"/>
    </row>
    <row r="12799" spans="1:31" ht="14.45">
      <c r="A12799" s="11"/>
      <c r="B12799" s="20"/>
      <c r="C12799" s="2" t="s">
        <v>39325</v>
      </c>
      <c r="D12799" s="14" t="s">
        <v>39326</v>
      </c>
      <c r="E12799" s="2" t="s">
        <v>39327</v>
      </c>
      <c r="F12799" s="2" t="s">
        <v>36281</v>
      </c>
      <c r="G12799" s="8">
        <v>245</v>
      </c>
      <c r="H12799" s="5">
        <v>6</v>
      </c>
      <c r="I12799" s="5" t="s">
        <v>1518</v>
      </c>
      <c r="J12799" s="5" t="s">
        <v>36264</v>
      </c>
      <c r="K12799" s="2" t="s">
        <v>36265</v>
      </c>
      <c r="L12799" s="5" t="s">
        <v>36264</v>
      </c>
      <c r="M12799" s="2" t="s">
        <v>36265</v>
      </c>
      <c r="N12799" s="5" t="s">
        <v>36266</v>
      </c>
      <c r="O12799" s="5" t="s">
        <v>38</v>
      </c>
      <c r="P12799" s="5" t="s">
        <v>39</v>
      </c>
      <c r="Q12799" s="5" t="s">
        <v>40</v>
      </c>
      <c r="R12799" s="5" t="s">
        <v>1522</v>
      </c>
      <c r="S12799" s="5" t="s">
        <v>1523</v>
      </c>
      <c r="T12799" s="5" t="s">
        <v>42</v>
      </c>
      <c r="U12799" s="2">
        <v>2.0430000000000001</v>
      </c>
      <c r="V12799" s="2">
        <v>1.425</v>
      </c>
      <c r="W12799" s="2">
        <v>0.02</v>
      </c>
      <c r="X12799" s="2">
        <v>159.1</v>
      </c>
      <c r="Y12799" s="2">
        <v>7.6</v>
      </c>
      <c r="Z12799" s="2">
        <v>16.7</v>
      </c>
      <c r="AA12799" s="5"/>
      <c r="AB12799" s="5" t="s">
        <v>43</v>
      </c>
      <c r="AC12799" s="5" t="s">
        <v>44</v>
      </c>
      <c r="AD12799" s="2"/>
      <c r="AE12799" s="1"/>
    </row>
    <row r="12800" spans="1:31" ht="14.45">
      <c r="A12800" s="11"/>
      <c r="B12800" s="20"/>
      <c r="C12800" s="2" t="s">
        <v>39328</v>
      </c>
      <c r="D12800" s="14" t="s">
        <v>39329</v>
      </c>
      <c r="E12800" s="2" t="s">
        <v>39330</v>
      </c>
      <c r="F12800" s="2" t="s">
        <v>36285</v>
      </c>
      <c r="G12800" s="8">
        <v>245</v>
      </c>
      <c r="H12800" s="5">
        <v>6</v>
      </c>
      <c r="I12800" s="5" t="s">
        <v>1518</v>
      </c>
      <c r="J12800" s="5" t="s">
        <v>36264</v>
      </c>
      <c r="K12800" s="2" t="s">
        <v>36265</v>
      </c>
      <c r="L12800" s="5" t="s">
        <v>36264</v>
      </c>
      <c r="M12800" s="2" t="s">
        <v>36265</v>
      </c>
      <c r="N12800" s="5" t="s">
        <v>36266</v>
      </c>
      <c r="O12800" s="5" t="s">
        <v>38</v>
      </c>
      <c r="P12800" s="5" t="s">
        <v>39</v>
      </c>
      <c r="Q12800" s="5" t="s">
        <v>40</v>
      </c>
      <c r="R12800" s="5" t="s">
        <v>1522</v>
      </c>
      <c r="S12800" s="5" t="s">
        <v>1523</v>
      </c>
      <c r="T12800" s="5" t="s">
        <v>42</v>
      </c>
      <c r="U12800" s="2">
        <v>2.0840000000000001</v>
      </c>
      <c r="V12800" s="2">
        <v>1.466</v>
      </c>
      <c r="W12800" s="2">
        <v>0.02</v>
      </c>
      <c r="X12800" s="2">
        <v>159.1</v>
      </c>
      <c r="Y12800" s="2">
        <v>7.6</v>
      </c>
      <c r="Z12800" s="2">
        <v>16.7</v>
      </c>
      <c r="AA12800" s="5"/>
      <c r="AB12800" s="5" t="s">
        <v>43</v>
      </c>
      <c r="AC12800" s="5" t="s">
        <v>44</v>
      </c>
      <c r="AD12800" s="2"/>
      <c r="AE12800" s="1"/>
    </row>
    <row r="12801" spans="1:31" ht="14.45">
      <c r="A12801" s="11"/>
      <c r="B12801" s="20"/>
      <c r="C12801" s="2" t="s">
        <v>39331</v>
      </c>
      <c r="D12801" s="14" t="s">
        <v>39332</v>
      </c>
      <c r="E12801" s="2" t="s">
        <v>39333</v>
      </c>
      <c r="F12801" s="2" t="s">
        <v>36289</v>
      </c>
      <c r="G12801" s="8">
        <v>245</v>
      </c>
      <c r="H12801" s="5">
        <v>6</v>
      </c>
      <c r="I12801" s="5" t="s">
        <v>1518</v>
      </c>
      <c r="J12801" s="5" t="s">
        <v>36264</v>
      </c>
      <c r="K12801" s="2" t="s">
        <v>36265</v>
      </c>
      <c r="L12801" s="5" t="s">
        <v>36264</v>
      </c>
      <c r="M12801" s="2" t="s">
        <v>36265</v>
      </c>
      <c r="N12801" s="5" t="s">
        <v>36266</v>
      </c>
      <c r="O12801" s="5" t="s">
        <v>38</v>
      </c>
      <c r="P12801" s="5" t="s">
        <v>39</v>
      </c>
      <c r="Q12801" s="5" t="s">
        <v>40</v>
      </c>
      <c r="R12801" s="5" t="s">
        <v>1522</v>
      </c>
      <c r="S12801" s="5" t="s">
        <v>1523</v>
      </c>
      <c r="T12801" s="5" t="s">
        <v>42</v>
      </c>
      <c r="U12801" s="2">
        <v>2.0430000000000001</v>
      </c>
      <c r="V12801" s="2">
        <v>1.425</v>
      </c>
      <c r="W12801" s="2">
        <v>0.02</v>
      </c>
      <c r="X12801" s="2">
        <v>159.1</v>
      </c>
      <c r="Y12801" s="2">
        <v>7.6</v>
      </c>
      <c r="Z12801" s="2">
        <v>16.7</v>
      </c>
      <c r="AA12801" s="5"/>
      <c r="AB12801" s="5" t="s">
        <v>43</v>
      </c>
      <c r="AC12801" s="5" t="s">
        <v>44</v>
      </c>
      <c r="AD12801" s="2"/>
      <c r="AE12801" s="1"/>
    </row>
    <row r="12802" spans="1:31" ht="14.45">
      <c r="A12802" s="11"/>
      <c r="B12802" s="20"/>
      <c r="C12802" s="2" t="s">
        <v>39334</v>
      </c>
      <c r="D12802" s="14" t="s">
        <v>39335</v>
      </c>
      <c r="E12802" s="2" t="s">
        <v>39336</v>
      </c>
      <c r="F12802" s="2" t="s">
        <v>36293</v>
      </c>
      <c r="G12802" s="8">
        <v>245</v>
      </c>
      <c r="H12802" s="5">
        <v>6</v>
      </c>
      <c r="I12802" s="5" t="s">
        <v>1518</v>
      </c>
      <c r="J12802" s="5" t="s">
        <v>36264</v>
      </c>
      <c r="K12802" s="2" t="s">
        <v>36265</v>
      </c>
      <c r="L12802" s="5" t="s">
        <v>36264</v>
      </c>
      <c r="M12802" s="2" t="s">
        <v>36265</v>
      </c>
      <c r="N12802" s="5" t="s">
        <v>36266</v>
      </c>
      <c r="O12802" s="5" t="s">
        <v>38</v>
      </c>
      <c r="P12802" s="5" t="s">
        <v>39</v>
      </c>
      <c r="Q12802" s="5" t="s">
        <v>40</v>
      </c>
      <c r="R12802" s="5" t="s">
        <v>1522</v>
      </c>
      <c r="S12802" s="5" t="s">
        <v>1523</v>
      </c>
      <c r="T12802" s="5" t="s">
        <v>42</v>
      </c>
      <c r="U12802" s="2">
        <v>2.0840000000000001</v>
      </c>
      <c r="V12802" s="2">
        <v>1.466</v>
      </c>
      <c r="W12802" s="2">
        <v>0.02</v>
      </c>
      <c r="X12802" s="2">
        <v>159.1</v>
      </c>
      <c r="Y12802" s="2">
        <v>7.6</v>
      </c>
      <c r="Z12802" s="2">
        <v>16.7</v>
      </c>
      <c r="AA12802" s="5"/>
      <c r="AB12802" s="5" t="s">
        <v>43</v>
      </c>
      <c r="AC12802" s="5" t="s">
        <v>44</v>
      </c>
      <c r="AD12802" s="2"/>
      <c r="AE12802" s="1"/>
    </row>
    <row r="12803" spans="1:31" ht="14.45">
      <c r="A12803" s="11"/>
      <c r="B12803" s="20"/>
      <c r="C12803" s="2" t="s">
        <v>39337</v>
      </c>
      <c r="D12803" s="14" t="s">
        <v>39338</v>
      </c>
      <c r="E12803" s="2" t="s">
        <v>39339</v>
      </c>
      <c r="F12803" s="2" t="s">
        <v>36297</v>
      </c>
      <c r="G12803" s="8">
        <v>213</v>
      </c>
      <c r="H12803" s="5">
        <v>6</v>
      </c>
      <c r="I12803" s="5" t="s">
        <v>1518</v>
      </c>
      <c r="J12803" s="5" t="s">
        <v>36264</v>
      </c>
      <c r="K12803" s="2" t="s">
        <v>36265</v>
      </c>
      <c r="L12803" s="5" t="s">
        <v>36264</v>
      </c>
      <c r="M12803" s="2" t="s">
        <v>36265</v>
      </c>
      <c r="N12803" s="5" t="s">
        <v>36266</v>
      </c>
      <c r="O12803" s="5" t="s">
        <v>38</v>
      </c>
      <c r="P12803" s="5" t="s">
        <v>39</v>
      </c>
      <c r="Q12803" s="5" t="s">
        <v>40</v>
      </c>
      <c r="R12803" s="5" t="s">
        <v>1522</v>
      </c>
      <c r="S12803" s="5" t="s">
        <v>1523</v>
      </c>
      <c r="T12803" s="5" t="s">
        <v>42</v>
      </c>
      <c r="U12803" s="2">
        <v>2.0430000000000001</v>
      </c>
      <c r="V12803" s="2">
        <v>1.425</v>
      </c>
      <c r="W12803" s="2">
        <v>0.02</v>
      </c>
      <c r="X12803" s="2">
        <v>159.1</v>
      </c>
      <c r="Y12803" s="2">
        <v>7.6</v>
      </c>
      <c r="Z12803" s="2">
        <v>16.7</v>
      </c>
      <c r="AA12803" s="5"/>
      <c r="AB12803" s="5" t="s">
        <v>43</v>
      </c>
      <c r="AC12803" s="5" t="s">
        <v>44</v>
      </c>
      <c r="AD12803" s="2"/>
      <c r="AE12803" s="1"/>
    </row>
    <row r="12804" spans="1:31" ht="14.45">
      <c r="A12804" s="11"/>
      <c r="B12804" s="20"/>
      <c r="C12804" s="2" t="s">
        <v>39340</v>
      </c>
      <c r="D12804" s="14" t="s">
        <v>39341</v>
      </c>
      <c r="E12804" s="2" t="s">
        <v>39342</v>
      </c>
      <c r="F12804" s="2" t="s">
        <v>36301</v>
      </c>
      <c r="G12804" s="8">
        <v>213</v>
      </c>
      <c r="H12804" s="5">
        <v>6</v>
      </c>
      <c r="I12804" s="5" t="s">
        <v>1518</v>
      </c>
      <c r="J12804" s="5" t="s">
        <v>36264</v>
      </c>
      <c r="K12804" s="2" t="s">
        <v>36265</v>
      </c>
      <c r="L12804" s="5" t="s">
        <v>36264</v>
      </c>
      <c r="M12804" s="2" t="s">
        <v>36265</v>
      </c>
      <c r="N12804" s="5" t="s">
        <v>36266</v>
      </c>
      <c r="O12804" s="5" t="s">
        <v>38</v>
      </c>
      <c r="P12804" s="5" t="s">
        <v>39</v>
      </c>
      <c r="Q12804" s="5" t="s">
        <v>40</v>
      </c>
      <c r="R12804" s="5" t="s">
        <v>1522</v>
      </c>
      <c r="S12804" s="5" t="s">
        <v>1523</v>
      </c>
      <c r="T12804" s="5" t="s">
        <v>42</v>
      </c>
      <c r="U12804" s="2">
        <v>2.0840000000000001</v>
      </c>
      <c r="V12804" s="2">
        <v>1.466</v>
      </c>
      <c r="W12804" s="2">
        <v>0.02</v>
      </c>
      <c r="X12804" s="2">
        <v>159.1</v>
      </c>
      <c r="Y12804" s="2">
        <v>7.6</v>
      </c>
      <c r="Z12804" s="2">
        <v>16.7</v>
      </c>
      <c r="AA12804" s="5"/>
      <c r="AB12804" s="5" t="s">
        <v>43</v>
      </c>
      <c r="AC12804" s="5" t="s">
        <v>44</v>
      </c>
      <c r="AD12804" s="2"/>
      <c r="AE12804" s="1"/>
    </row>
    <row r="12805" spans="1:31" ht="14.45">
      <c r="A12805" s="11"/>
      <c r="B12805" s="20"/>
      <c r="C12805" s="2" t="s">
        <v>39343</v>
      </c>
      <c r="D12805" s="14" t="s">
        <v>39344</v>
      </c>
      <c r="E12805" s="2" t="s">
        <v>39345</v>
      </c>
      <c r="F12805" s="2" t="s">
        <v>36305</v>
      </c>
      <c r="G12805" s="8">
        <v>213</v>
      </c>
      <c r="H12805" s="5">
        <v>6</v>
      </c>
      <c r="I12805" s="5" t="s">
        <v>1518</v>
      </c>
      <c r="J12805" s="5" t="s">
        <v>36264</v>
      </c>
      <c r="K12805" s="2" t="s">
        <v>36265</v>
      </c>
      <c r="L12805" s="5" t="s">
        <v>36264</v>
      </c>
      <c r="M12805" s="2" t="s">
        <v>36265</v>
      </c>
      <c r="N12805" s="5" t="s">
        <v>36266</v>
      </c>
      <c r="O12805" s="5" t="s">
        <v>38</v>
      </c>
      <c r="P12805" s="5" t="s">
        <v>39</v>
      </c>
      <c r="Q12805" s="5" t="s">
        <v>40</v>
      </c>
      <c r="R12805" s="5" t="s">
        <v>1522</v>
      </c>
      <c r="S12805" s="5" t="s">
        <v>1523</v>
      </c>
      <c r="T12805" s="5" t="s">
        <v>42</v>
      </c>
      <c r="U12805" s="2">
        <v>2.0430000000000001</v>
      </c>
      <c r="V12805" s="2">
        <v>1.425</v>
      </c>
      <c r="W12805" s="2">
        <v>0.02</v>
      </c>
      <c r="X12805" s="2">
        <v>159.1</v>
      </c>
      <c r="Y12805" s="2">
        <v>7.6</v>
      </c>
      <c r="Z12805" s="2">
        <v>16.7</v>
      </c>
      <c r="AA12805" s="5"/>
      <c r="AB12805" s="5" t="s">
        <v>43</v>
      </c>
      <c r="AC12805" s="5" t="s">
        <v>44</v>
      </c>
      <c r="AD12805" s="2"/>
      <c r="AE12805" s="1"/>
    </row>
    <row r="12806" spans="1:31" ht="14.45">
      <c r="A12806" s="11"/>
      <c r="B12806" s="20"/>
      <c r="C12806" s="2" t="s">
        <v>39346</v>
      </c>
      <c r="D12806" s="14" t="s">
        <v>39347</v>
      </c>
      <c r="E12806" s="2" t="s">
        <v>39348</v>
      </c>
      <c r="F12806" s="2" t="s">
        <v>36309</v>
      </c>
      <c r="G12806" s="8">
        <v>213</v>
      </c>
      <c r="H12806" s="5">
        <v>6</v>
      </c>
      <c r="I12806" s="5" t="s">
        <v>1518</v>
      </c>
      <c r="J12806" s="5" t="s">
        <v>36264</v>
      </c>
      <c r="K12806" s="2" t="s">
        <v>36265</v>
      </c>
      <c r="L12806" s="5" t="s">
        <v>36264</v>
      </c>
      <c r="M12806" s="2" t="s">
        <v>36265</v>
      </c>
      <c r="N12806" s="5" t="s">
        <v>36266</v>
      </c>
      <c r="O12806" s="5" t="s">
        <v>38</v>
      </c>
      <c r="P12806" s="5" t="s">
        <v>39</v>
      </c>
      <c r="Q12806" s="5" t="s">
        <v>40</v>
      </c>
      <c r="R12806" s="5" t="s">
        <v>1522</v>
      </c>
      <c r="S12806" s="5" t="s">
        <v>1523</v>
      </c>
      <c r="T12806" s="5" t="s">
        <v>42</v>
      </c>
      <c r="U12806" s="2">
        <v>2.0840000000000001</v>
      </c>
      <c r="V12806" s="2">
        <v>1.466</v>
      </c>
      <c r="W12806" s="2">
        <v>0.02</v>
      </c>
      <c r="X12806" s="2">
        <v>159.1</v>
      </c>
      <c r="Y12806" s="2">
        <v>7.6</v>
      </c>
      <c r="Z12806" s="2">
        <v>16.7</v>
      </c>
      <c r="AA12806" s="5"/>
      <c r="AB12806" s="5" t="s">
        <v>43</v>
      </c>
      <c r="AC12806" s="5" t="s">
        <v>44</v>
      </c>
      <c r="AD12806" s="2"/>
      <c r="AE12806" s="1"/>
    </row>
    <row r="12807" spans="1:31" ht="14.45">
      <c r="A12807" s="11"/>
      <c r="B12807" s="20"/>
      <c r="C12807" s="2" t="s">
        <v>39349</v>
      </c>
      <c r="D12807" s="14" t="s">
        <v>39350</v>
      </c>
      <c r="E12807" s="2" t="s">
        <v>39351</v>
      </c>
      <c r="F12807" s="2" t="s">
        <v>36313</v>
      </c>
      <c r="G12807" s="8">
        <v>245</v>
      </c>
      <c r="H12807" s="5">
        <v>6</v>
      </c>
      <c r="I12807" s="5" t="s">
        <v>1518</v>
      </c>
      <c r="J12807" s="5" t="s">
        <v>36264</v>
      </c>
      <c r="K12807" s="2" t="s">
        <v>36265</v>
      </c>
      <c r="L12807" s="5" t="s">
        <v>36264</v>
      </c>
      <c r="M12807" s="2" t="s">
        <v>36265</v>
      </c>
      <c r="N12807" s="5" t="s">
        <v>36266</v>
      </c>
      <c r="O12807" s="5" t="s">
        <v>38</v>
      </c>
      <c r="P12807" s="5" t="s">
        <v>39</v>
      </c>
      <c r="Q12807" s="5" t="s">
        <v>40</v>
      </c>
      <c r="R12807" s="5" t="s">
        <v>1522</v>
      </c>
      <c r="S12807" s="5" t="s">
        <v>1523</v>
      </c>
      <c r="T12807" s="5" t="s">
        <v>42</v>
      </c>
      <c r="U12807" s="2">
        <v>2.0430000000000001</v>
      </c>
      <c r="V12807" s="2">
        <v>1.425</v>
      </c>
      <c r="W12807" s="2">
        <v>0.02</v>
      </c>
      <c r="X12807" s="2">
        <v>159.1</v>
      </c>
      <c r="Y12807" s="2">
        <v>7.6</v>
      </c>
      <c r="Z12807" s="2">
        <v>16.7</v>
      </c>
      <c r="AA12807" s="5"/>
      <c r="AB12807" s="5" t="s">
        <v>43</v>
      </c>
      <c r="AC12807" s="5" t="s">
        <v>44</v>
      </c>
      <c r="AD12807" s="2"/>
      <c r="AE12807" s="1"/>
    </row>
    <row r="12808" spans="1:31" ht="14.45">
      <c r="A12808" s="11"/>
      <c r="B12808" s="20"/>
      <c r="C12808" s="2" t="s">
        <v>39352</v>
      </c>
      <c r="D12808" s="14" t="s">
        <v>39353</v>
      </c>
      <c r="E12808" s="2" t="s">
        <v>39354</v>
      </c>
      <c r="F12808" s="2" t="s">
        <v>36317</v>
      </c>
      <c r="G12808" s="8">
        <v>245</v>
      </c>
      <c r="H12808" s="5">
        <v>6</v>
      </c>
      <c r="I12808" s="5" t="s">
        <v>1518</v>
      </c>
      <c r="J12808" s="5" t="s">
        <v>36264</v>
      </c>
      <c r="K12808" s="2" t="s">
        <v>36265</v>
      </c>
      <c r="L12808" s="5" t="s">
        <v>36264</v>
      </c>
      <c r="M12808" s="2" t="s">
        <v>36265</v>
      </c>
      <c r="N12808" s="5" t="s">
        <v>36266</v>
      </c>
      <c r="O12808" s="5" t="s">
        <v>38</v>
      </c>
      <c r="P12808" s="5" t="s">
        <v>39</v>
      </c>
      <c r="Q12808" s="5" t="s">
        <v>40</v>
      </c>
      <c r="R12808" s="5" t="s">
        <v>1522</v>
      </c>
      <c r="S12808" s="5" t="s">
        <v>1523</v>
      </c>
      <c r="T12808" s="5" t="s">
        <v>42</v>
      </c>
      <c r="U12808" s="2">
        <v>2.0840000000000001</v>
      </c>
      <c r="V12808" s="2">
        <v>1.466</v>
      </c>
      <c r="W12808" s="2">
        <v>0.02</v>
      </c>
      <c r="X12808" s="2">
        <v>159.1</v>
      </c>
      <c r="Y12808" s="2">
        <v>7.6</v>
      </c>
      <c r="Z12808" s="2">
        <v>16.7</v>
      </c>
      <c r="AA12808" s="5"/>
      <c r="AB12808" s="5" t="s">
        <v>43</v>
      </c>
      <c r="AC12808" s="5" t="s">
        <v>44</v>
      </c>
      <c r="AD12808" s="2"/>
      <c r="AE12808" s="1"/>
    </row>
    <row r="12809" spans="1:31" ht="14.45">
      <c r="A12809" s="11"/>
      <c r="B12809" s="20"/>
      <c r="C12809" s="2" t="s">
        <v>39355</v>
      </c>
      <c r="D12809" s="14" t="s">
        <v>39356</v>
      </c>
      <c r="E12809" s="2" t="s">
        <v>39357</v>
      </c>
      <c r="F12809" s="2" t="s">
        <v>36321</v>
      </c>
      <c r="G12809" s="8">
        <v>245</v>
      </c>
      <c r="H12809" s="5">
        <v>6</v>
      </c>
      <c r="I12809" s="5" t="s">
        <v>1518</v>
      </c>
      <c r="J12809" s="5" t="s">
        <v>36264</v>
      </c>
      <c r="K12809" s="2" t="s">
        <v>36265</v>
      </c>
      <c r="L12809" s="5" t="s">
        <v>36264</v>
      </c>
      <c r="M12809" s="2" t="s">
        <v>36265</v>
      </c>
      <c r="N12809" s="5" t="s">
        <v>36266</v>
      </c>
      <c r="O12809" s="5" t="s">
        <v>38</v>
      </c>
      <c r="P12809" s="5" t="s">
        <v>39</v>
      </c>
      <c r="Q12809" s="5" t="s">
        <v>40</v>
      </c>
      <c r="R12809" s="5" t="s">
        <v>1522</v>
      </c>
      <c r="S12809" s="5" t="s">
        <v>1523</v>
      </c>
      <c r="T12809" s="5" t="s">
        <v>42</v>
      </c>
      <c r="U12809" s="2">
        <v>2.0430000000000001</v>
      </c>
      <c r="V12809" s="2">
        <v>1.425</v>
      </c>
      <c r="W12809" s="2">
        <v>0.02</v>
      </c>
      <c r="X12809" s="2">
        <v>159.1</v>
      </c>
      <c r="Y12809" s="2">
        <v>7.6</v>
      </c>
      <c r="Z12809" s="2">
        <v>16.7</v>
      </c>
      <c r="AA12809" s="5"/>
      <c r="AB12809" s="5" t="s">
        <v>43</v>
      </c>
      <c r="AC12809" s="5" t="s">
        <v>44</v>
      </c>
      <c r="AD12809" s="2"/>
      <c r="AE12809" s="1"/>
    </row>
    <row r="12810" spans="1:31" ht="14.45">
      <c r="A12810" s="11"/>
      <c r="B12810" s="20"/>
      <c r="C12810" s="2" t="s">
        <v>39358</v>
      </c>
      <c r="D12810" s="14" t="s">
        <v>39359</v>
      </c>
      <c r="E12810" s="2" t="s">
        <v>39360</v>
      </c>
      <c r="F12810" s="2" t="s">
        <v>36325</v>
      </c>
      <c r="G12810" s="8">
        <v>245</v>
      </c>
      <c r="H12810" s="5">
        <v>6</v>
      </c>
      <c r="I12810" s="5" t="s">
        <v>1518</v>
      </c>
      <c r="J12810" s="5" t="s">
        <v>36264</v>
      </c>
      <c r="K12810" s="2" t="s">
        <v>36265</v>
      </c>
      <c r="L12810" s="5" t="s">
        <v>36264</v>
      </c>
      <c r="M12810" s="2" t="s">
        <v>36265</v>
      </c>
      <c r="N12810" s="5" t="s">
        <v>36266</v>
      </c>
      <c r="O12810" s="5" t="s">
        <v>38</v>
      </c>
      <c r="P12810" s="5" t="s">
        <v>39</v>
      </c>
      <c r="Q12810" s="5" t="s">
        <v>40</v>
      </c>
      <c r="R12810" s="5" t="s">
        <v>1522</v>
      </c>
      <c r="S12810" s="5" t="s">
        <v>1523</v>
      </c>
      <c r="T12810" s="5" t="s">
        <v>42</v>
      </c>
      <c r="U12810" s="2">
        <v>2.0840000000000001</v>
      </c>
      <c r="V12810" s="2">
        <v>1.466</v>
      </c>
      <c r="W12810" s="2">
        <v>0.02</v>
      </c>
      <c r="X12810" s="2">
        <v>159.1</v>
      </c>
      <c r="Y12810" s="2">
        <v>7.6</v>
      </c>
      <c r="Z12810" s="2">
        <v>16.7</v>
      </c>
      <c r="AA12810" s="5"/>
      <c r="AB12810" s="5" t="s">
        <v>43</v>
      </c>
      <c r="AC12810" s="5" t="s">
        <v>44</v>
      </c>
      <c r="AD12810" s="2"/>
      <c r="AE12810" s="1"/>
    </row>
    <row r="12811" spans="1:31" ht="14.45">
      <c r="A12811" s="11"/>
      <c r="B12811" s="20"/>
      <c r="C12811" s="2" t="s">
        <v>39361</v>
      </c>
      <c r="D12811" s="14" t="s">
        <v>39362</v>
      </c>
      <c r="E12811" s="2" t="s">
        <v>39363</v>
      </c>
      <c r="F12811" s="2" t="s">
        <v>36329</v>
      </c>
      <c r="G12811" s="8">
        <v>245</v>
      </c>
      <c r="H12811" s="5">
        <v>6</v>
      </c>
      <c r="I12811" s="5" t="s">
        <v>1518</v>
      </c>
      <c r="J12811" s="5" t="s">
        <v>36264</v>
      </c>
      <c r="K12811" s="2" t="s">
        <v>36265</v>
      </c>
      <c r="L12811" s="5" t="s">
        <v>36264</v>
      </c>
      <c r="M12811" s="2" t="s">
        <v>36265</v>
      </c>
      <c r="N12811" s="5" t="s">
        <v>36266</v>
      </c>
      <c r="O12811" s="5" t="s">
        <v>38</v>
      </c>
      <c r="P12811" s="5" t="s">
        <v>39</v>
      </c>
      <c r="Q12811" s="5" t="s">
        <v>40</v>
      </c>
      <c r="R12811" s="5" t="s">
        <v>1522</v>
      </c>
      <c r="S12811" s="5" t="s">
        <v>1523</v>
      </c>
      <c r="T12811" s="5" t="s">
        <v>42</v>
      </c>
      <c r="U12811" s="2">
        <v>2.0430000000000001</v>
      </c>
      <c r="V12811" s="2">
        <v>1.425</v>
      </c>
      <c r="W12811" s="2">
        <v>0.02</v>
      </c>
      <c r="X12811" s="2">
        <v>159.1</v>
      </c>
      <c r="Y12811" s="2">
        <v>7.6</v>
      </c>
      <c r="Z12811" s="2">
        <v>16.7</v>
      </c>
      <c r="AA12811" s="5"/>
      <c r="AB12811" s="5" t="s">
        <v>43</v>
      </c>
      <c r="AC12811" s="5" t="s">
        <v>44</v>
      </c>
      <c r="AD12811" s="2"/>
      <c r="AE12811" s="1"/>
    </row>
    <row r="12812" spans="1:31" ht="14.45">
      <c r="A12812" s="11"/>
      <c r="B12812" s="20"/>
      <c r="C12812" s="2" t="s">
        <v>39364</v>
      </c>
      <c r="D12812" s="14" t="s">
        <v>39365</v>
      </c>
      <c r="E12812" s="2" t="s">
        <v>39366</v>
      </c>
      <c r="F12812" s="2" t="s">
        <v>36333</v>
      </c>
      <c r="G12812" s="8">
        <v>245</v>
      </c>
      <c r="H12812" s="5">
        <v>6</v>
      </c>
      <c r="I12812" s="5" t="s">
        <v>1518</v>
      </c>
      <c r="J12812" s="5" t="s">
        <v>36264</v>
      </c>
      <c r="K12812" s="2" t="s">
        <v>36265</v>
      </c>
      <c r="L12812" s="5" t="s">
        <v>36264</v>
      </c>
      <c r="M12812" s="2" t="s">
        <v>36265</v>
      </c>
      <c r="N12812" s="5" t="s">
        <v>36266</v>
      </c>
      <c r="O12812" s="5" t="s">
        <v>38</v>
      </c>
      <c r="P12812" s="5" t="s">
        <v>39</v>
      </c>
      <c r="Q12812" s="5" t="s">
        <v>40</v>
      </c>
      <c r="R12812" s="5" t="s">
        <v>1522</v>
      </c>
      <c r="S12812" s="5" t="s">
        <v>1523</v>
      </c>
      <c r="T12812" s="5" t="s">
        <v>42</v>
      </c>
      <c r="U12812" s="2">
        <v>2.0840000000000001</v>
      </c>
      <c r="V12812" s="2">
        <v>1.466</v>
      </c>
      <c r="W12812" s="2">
        <v>0.02</v>
      </c>
      <c r="X12812" s="2">
        <v>159.1</v>
      </c>
      <c r="Y12812" s="2">
        <v>7.6</v>
      </c>
      <c r="Z12812" s="2">
        <v>16.7</v>
      </c>
      <c r="AA12812" s="5"/>
      <c r="AB12812" s="5" t="s">
        <v>43</v>
      </c>
      <c r="AC12812" s="5" t="s">
        <v>44</v>
      </c>
      <c r="AD12812" s="2"/>
      <c r="AE12812" s="1"/>
    </row>
    <row r="12813" spans="1:31" ht="14.45">
      <c r="A12813" s="11"/>
      <c r="B12813" s="20"/>
      <c r="C12813" s="2" t="s">
        <v>39367</v>
      </c>
      <c r="D12813" s="14" t="s">
        <v>39368</v>
      </c>
      <c r="E12813" s="2" t="s">
        <v>39369</v>
      </c>
      <c r="F12813" s="2" t="s">
        <v>36337</v>
      </c>
      <c r="G12813" s="8">
        <v>245</v>
      </c>
      <c r="H12813" s="5">
        <v>6</v>
      </c>
      <c r="I12813" s="5" t="s">
        <v>1518</v>
      </c>
      <c r="J12813" s="5" t="s">
        <v>36264</v>
      </c>
      <c r="K12813" s="2" t="s">
        <v>36265</v>
      </c>
      <c r="L12813" s="5" t="s">
        <v>36264</v>
      </c>
      <c r="M12813" s="2" t="s">
        <v>36265</v>
      </c>
      <c r="N12813" s="5" t="s">
        <v>36266</v>
      </c>
      <c r="O12813" s="5" t="s">
        <v>38</v>
      </c>
      <c r="P12813" s="5" t="s">
        <v>39</v>
      </c>
      <c r="Q12813" s="5" t="s">
        <v>40</v>
      </c>
      <c r="R12813" s="5" t="s">
        <v>1522</v>
      </c>
      <c r="S12813" s="5" t="s">
        <v>1523</v>
      </c>
      <c r="T12813" s="5" t="s">
        <v>42</v>
      </c>
      <c r="U12813" s="2">
        <v>2.0430000000000001</v>
      </c>
      <c r="V12813" s="2">
        <v>1.425</v>
      </c>
      <c r="W12813" s="2">
        <v>0.02</v>
      </c>
      <c r="X12813" s="2">
        <v>159.1</v>
      </c>
      <c r="Y12813" s="2">
        <v>7.6</v>
      </c>
      <c r="Z12813" s="2">
        <v>16.7</v>
      </c>
      <c r="AA12813" s="5"/>
      <c r="AB12813" s="5" t="s">
        <v>43</v>
      </c>
      <c r="AC12813" s="5" t="s">
        <v>44</v>
      </c>
      <c r="AD12813" s="2"/>
      <c r="AE12813" s="1"/>
    </row>
    <row r="12814" spans="1:31" ht="14.45">
      <c r="A12814" s="11"/>
      <c r="B12814" s="20"/>
      <c r="C12814" s="2" t="s">
        <v>39370</v>
      </c>
      <c r="D12814" s="14" t="s">
        <v>39371</v>
      </c>
      <c r="E12814" s="2" t="s">
        <v>39372</v>
      </c>
      <c r="F12814" s="2" t="s">
        <v>36341</v>
      </c>
      <c r="G12814" s="8">
        <v>245</v>
      </c>
      <c r="H12814" s="5">
        <v>6</v>
      </c>
      <c r="I12814" s="5" t="s">
        <v>1518</v>
      </c>
      <c r="J12814" s="5" t="s">
        <v>36264</v>
      </c>
      <c r="K12814" s="2" t="s">
        <v>36265</v>
      </c>
      <c r="L12814" s="5" t="s">
        <v>36264</v>
      </c>
      <c r="M12814" s="2" t="s">
        <v>36265</v>
      </c>
      <c r="N12814" s="5" t="s">
        <v>36266</v>
      </c>
      <c r="O12814" s="5" t="s">
        <v>38</v>
      </c>
      <c r="P12814" s="5" t="s">
        <v>39</v>
      </c>
      <c r="Q12814" s="5" t="s">
        <v>40</v>
      </c>
      <c r="R12814" s="5" t="s">
        <v>1522</v>
      </c>
      <c r="S12814" s="5" t="s">
        <v>1523</v>
      </c>
      <c r="T12814" s="5" t="s">
        <v>42</v>
      </c>
      <c r="U12814" s="2">
        <v>2.0840000000000001</v>
      </c>
      <c r="V12814" s="2">
        <v>1.466</v>
      </c>
      <c r="W12814" s="2">
        <v>0.02</v>
      </c>
      <c r="X12814" s="2">
        <v>159.1</v>
      </c>
      <c r="Y12814" s="2">
        <v>7.6</v>
      </c>
      <c r="Z12814" s="2">
        <v>16.7</v>
      </c>
      <c r="AA12814" s="5"/>
      <c r="AB12814" s="5" t="s">
        <v>43</v>
      </c>
      <c r="AC12814" s="5" t="s">
        <v>44</v>
      </c>
      <c r="AD12814" s="2"/>
      <c r="AE12814" s="1"/>
    </row>
    <row r="12815" spans="1:31" ht="14.45">
      <c r="A12815" s="11"/>
      <c r="B12815" s="20"/>
      <c r="C12815" s="2" t="s">
        <v>39373</v>
      </c>
      <c r="D12815" s="14" t="s">
        <v>39374</v>
      </c>
      <c r="E12815" s="2" t="s">
        <v>39375</v>
      </c>
      <c r="F12815" s="2" t="s">
        <v>36345</v>
      </c>
      <c r="G12815" s="8">
        <v>245</v>
      </c>
      <c r="H12815" s="5">
        <v>6</v>
      </c>
      <c r="I12815" s="5" t="s">
        <v>1518</v>
      </c>
      <c r="J12815" s="5" t="s">
        <v>36264</v>
      </c>
      <c r="K12815" s="2" t="s">
        <v>36265</v>
      </c>
      <c r="L12815" s="5" t="s">
        <v>36264</v>
      </c>
      <c r="M12815" s="2" t="s">
        <v>36265</v>
      </c>
      <c r="N12815" s="5" t="s">
        <v>36266</v>
      </c>
      <c r="O12815" s="5" t="s">
        <v>38</v>
      </c>
      <c r="P12815" s="5" t="s">
        <v>39</v>
      </c>
      <c r="Q12815" s="5" t="s">
        <v>40</v>
      </c>
      <c r="R12815" s="5" t="s">
        <v>1522</v>
      </c>
      <c r="S12815" s="5" t="s">
        <v>1523</v>
      </c>
      <c r="T12815" s="5" t="s">
        <v>42</v>
      </c>
      <c r="U12815" s="2">
        <v>2.0430000000000001</v>
      </c>
      <c r="V12815" s="2">
        <v>1.425</v>
      </c>
      <c r="W12815" s="2">
        <v>0.02</v>
      </c>
      <c r="X12815" s="2">
        <v>159.1</v>
      </c>
      <c r="Y12815" s="2">
        <v>7.6</v>
      </c>
      <c r="Z12815" s="2">
        <v>16.7</v>
      </c>
      <c r="AA12815" s="5"/>
      <c r="AB12815" s="5" t="s">
        <v>43</v>
      </c>
      <c r="AC12815" s="5" t="s">
        <v>44</v>
      </c>
      <c r="AD12815" s="2"/>
      <c r="AE12815" s="1"/>
    </row>
    <row r="12816" spans="1:31" ht="14.45">
      <c r="A12816" s="11"/>
      <c r="B12816" s="20"/>
      <c r="C12816" s="2" t="s">
        <v>39376</v>
      </c>
      <c r="D12816" s="14" t="s">
        <v>39377</v>
      </c>
      <c r="E12816" s="2" t="s">
        <v>39378</v>
      </c>
      <c r="F12816" s="2" t="s">
        <v>36349</v>
      </c>
      <c r="G12816" s="8">
        <v>245</v>
      </c>
      <c r="H12816" s="5">
        <v>6</v>
      </c>
      <c r="I12816" s="5" t="s">
        <v>1518</v>
      </c>
      <c r="J12816" s="5" t="s">
        <v>36264</v>
      </c>
      <c r="K12816" s="2" t="s">
        <v>36265</v>
      </c>
      <c r="L12816" s="5" t="s">
        <v>36264</v>
      </c>
      <c r="M12816" s="2" t="s">
        <v>36265</v>
      </c>
      <c r="N12816" s="5" t="s">
        <v>36266</v>
      </c>
      <c r="O12816" s="5" t="s">
        <v>38</v>
      </c>
      <c r="P12816" s="5" t="s">
        <v>39</v>
      </c>
      <c r="Q12816" s="5" t="s">
        <v>40</v>
      </c>
      <c r="R12816" s="5" t="s">
        <v>1522</v>
      </c>
      <c r="S12816" s="5" t="s">
        <v>1523</v>
      </c>
      <c r="T12816" s="5" t="s">
        <v>42</v>
      </c>
      <c r="U12816" s="2">
        <v>2.0840000000000001</v>
      </c>
      <c r="V12816" s="2">
        <v>1.466</v>
      </c>
      <c r="W12816" s="2">
        <v>0.02</v>
      </c>
      <c r="X12816" s="2">
        <v>159.1</v>
      </c>
      <c r="Y12816" s="2">
        <v>7.6</v>
      </c>
      <c r="Z12816" s="2">
        <v>16.7</v>
      </c>
      <c r="AA12816" s="5"/>
      <c r="AB12816" s="5" t="s">
        <v>43</v>
      </c>
      <c r="AC12816" s="5" t="s">
        <v>44</v>
      </c>
      <c r="AD12816" s="2"/>
      <c r="AE12816" s="1"/>
    </row>
    <row r="12817" spans="1:31" ht="14.45">
      <c r="A12817" s="11"/>
      <c r="B12817" s="20"/>
      <c r="C12817" s="2" t="s">
        <v>39379</v>
      </c>
      <c r="D12817" s="14" t="s">
        <v>39380</v>
      </c>
      <c r="E12817" s="2" t="s">
        <v>39381</v>
      </c>
      <c r="F12817" s="2" t="s">
        <v>36353</v>
      </c>
      <c r="G12817" s="8">
        <v>245</v>
      </c>
      <c r="H12817" s="5">
        <v>6</v>
      </c>
      <c r="I12817" s="5" t="s">
        <v>1518</v>
      </c>
      <c r="J12817" s="5" t="s">
        <v>36264</v>
      </c>
      <c r="K12817" s="2" t="s">
        <v>36265</v>
      </c>
      <c r="L12817" s="5" t="s">
        <v>36264</v>
      </c>
      <c r="M12817" s="2" t="s">
        <v>36265</v>
      </c>
      <c r="N12817" s="5" t="s">
        <v>36266</v>
      </c>
      <c r="O12817" s="5" t="s">
        <v>38</v>
      </c>
      <c r="P12817" s="5" t="s">
        <v>39</v>
      </c>
      <c r="Q12817" s="5" t="s">
        <v>40</v>
      </c>
      <c r="R12817" s="5" t="s">
        <v>1522</v>
      </c>
      <c r="S12817" s="5" t="s">
        <v>1523</v>
      </c>
      <c r="T12817" s="5" t="s">
        <v>42</v>
      </c>
      <c r="U12817" s="2">
        <v>2.0430000000000001</v>
      </c>
      <c r="V12817" s="2">
        <v>1.425</v>
      </c>
      <c r="W12817" s="2">
        <v>0.02</v>
      </c>
      <c r="X12817" s="2">
        <v>159.1</v>
      </c>
      <c r="Y12817" s="2">
        <v>7.6</v>
      </c>
      <c r="Z12817" s="2">
        <v>16.7</v>
      </c>
      <c r="AA12817" s="5"/>
      <c r="AB12817" s="5" t="s">
        <v>43</v>
      </c>
      <c r="AC12817" s="5" t="s">
        <v>44</v>
      </c>
      <c r="AD12817" s="2"/>
      <c r="AE12817" s="1"/>
    </row>
    <row r="12818" spans="1:31" ht="14.45">
      <c r="A12818" s="11"/>
      <c r="B12818" s="20"/>
      <c r="C12818" s="2" t="s">
        <v>39382</v>
      </c>
      <c r="D12818" s="14" t="s">
        <v>39383</v>
      </c>
      <c r="E12818" s="2" t="s">
        <v>39384</v>
      </c>
      <c r="F12818" s="2" t="s">
        <v>36357</v>
      </c>
      <c r="G12818" s="8">
        <v>245</v>
      </c>
      <c r="H12818" s="5">
        <v>6</v>
      </c>
      <c r="I12818" s="5" t="s">
        <v>1518</v>
      </c>
      <c r="J12818" s="5" t="s">
        <v>36264</v>
      </c>
      <c r="K12818" s="2" t="s">
        <v>36265</v>
      </c>
      <c r="L12818" s="5" t="s">
        <v>36264</v>
      </c>
      <c r="M12818" s="2" t="s">
        <v>36265</v>
      </c>
      <c r="N12818" s="5" t="s">
        <v>36266</v>
      </c>
      <c r="O12818" s="5" t="s">
        <v>38</v>
      </c>
      <c r="P12818" s="5" t="s">
        <v>39</v>
      </c>
      <c r="Q12818" s="5" t="s">
        <v>40</v>
      </c>
      <c r="R12818" s="5" t="s">
        <v>1522</v>
      </c>
      <c r="S12818" s="5" t="s">
        <v>1523</v>
      </c>
      <c r="T12818" s="5" t="s">
        <v>42</v>
      </c>
      <c r="U12818" s="2">
        <v>2.0840000000000001</v>
      </c>
      <c r="V12818" s="2">
        <v>1.466</v>
      </c>
      <c r="W12818" s="2">
        <v>0.02</v>
      </c>
      <c r="X12818" s="2">
        <v>159.1</v>
      </c>
      <c r="Y12818" s="2">
        <v>7.6</v>
      </c>
      <c r="Z12818" s="2">
        <v>16.7</v>
      </c>
      <c r="AA12818" s="5"/>
      <c r="AB12818" s="5" t="s">
        <v>43</v>
      </c>
      <c r="AC12818" s="5" t="s">
        <v>44</v>
      </c>
      <c r="AD12818" s="2"/>
      <c r="AE12818" s="1"/>
    </row>
    <row r="12819" spans="1:31" ht="14.45">
      <c r="A12819" s="11"/>
      <c r="B12819" s="20"/>
      <c r="C12819" s="2" t="s">
        <v>39385</v>
      </c>
      <c r="D12819" s="14" t="s">
        <v>39386</v>
      </c>
      <c r="E12819" s="2" t="s">
        <v>39387</v>
      </c>
      <c r="F12819" s="2" t="s">
        <v>36361</v>
      </c>
      <c r="G12819" s="8">
        <v>245</v>
      </c>
      <c r="H12819" s="5">
        <v>6</v>
      </c>
      <c r="I12819" s="5" t="s">
        <v>1518</v>
      </c>
      <c r="J12819" s="5" t="s">
        <v>36264</v>
      </c>
      <c r="K12819" s="2" t="s">
        <v>36265</v>
      </c>
      <c r="L12819" s="5" t="s">
        <v>36264</v>
      </c>
      <c r="M12819" s="2" t="s">
        <v>36265</v>
      </c>
      <c r="N12819" s="5" t="s">
        <v>36266</v>
      </c>
      <c r="O12819" s="5" t="s">
        <v>38</v>
      </c>
      <c r="P12819" s="5" t="s">
        <v>39</v>
      </c>
      <c r="Q12819" s="5" t="s">
        <v>40</v>
      </c>
      <c r="R12819" s="5" t="s">
        <v>1522</v>
      </c>
      <c r="S12819" s="5" t="s">
        <v>1523</v>
      </c>
      <c r="T12819" s="5" t="s">
        <v>42</v>
      </c>
      <c r="U12819" s="2">
        <v>2.0430000000000001</v>
      </c>
      <c r="V12819" s="2">
        <v>1.425</v>
      </c>
      <c r="W12819" s="2">
        <v>0.02</v>
      </c>
      <c r="X12819" s="2">
        <v>159.1</v>
      </c>
      <c r="Y12819" s="2">
        <v>7.6</v>
      </c>
      <c r="Z12819" s="2">
        <v>16.7</v>
      </c>
      <c r="AA12819" s="5"/>
      <c r="AB12819" s="5" t="s">
        <v>43</v>
      </c>
      <c r="AC12819" s="5" t="s">
        <v>44</v>
      </c>
      <c r="AD12819" s="2"/>
      <c r="AE12819" s="1"/>
    </row>
    <row r="12820" spans="1:31" ht="14.45">
      <c r="A12820" s="11"/>
      <c r="B12820" s="20"/>
      <c r="C12820" s="2" t="s">
        <v>39388</v>
      </c>
      <c r="D12820" s="14" t="s">
        <v>39389</v>
      </c>
      <c r="E12820" s="2" t="s">
        <v>39390</v>
      </c>
      <c r="F12820" s="2" t="s">
        <v>36365</v>
      </c>
      <c r="G12820" s="8">
        <v>245</v>
      </c>
      <c r="H12820" s="5">
        <v>6</v>
      </c>
      <c r="I12820" s="5" t="s">
        <v>1518</v>
      </c>
      <c r="J12820" s="5" t="s">
        <v>36264</v>
      </c>
      <c r="K12820" s="2" t="s">
        <v>36265</v>
      </c>
      <c r="L12820" s="5" t="s">
        <v>36264</v>
      </c>
      <c r="M12820" s="2" t="s">
        <v>36265</v>
      </c>
      <c r="N12820" s="5" t="s">
        <v>36266</v>
      </c>
      <c r="O12820" s="5" t="s">
        <v>38</v>
      </c>
      <c r="P12820" s="5" t="s">
        <v>39</v>
      </c>
      <c r="Q12820" s="5" t="s">
        <v>40</v>
      </c>
      <c r="R12820" s="5" t="s">
        <v>1522</v>
      </c>
      <c r="S12820" s="5" t="s">
        <v>1523</v>
      </c>
      <c r="T12820" s="5" t="s">
        <v>42</v>
      </c>
      <c r="U12820" s="2">
        <v>2.0840000000000001</v>
      </c>
      <c r="V12820" s="2">
        <v>1.466</v>
      </c>
      <c r="W12820" s="2">
        <v>0.02</v>
      </c>
      <c r="X12820" s="2">
        <v>159.1</v>
      </c>
      <c r="Y12820" s="2">
        <v>7.6</v>
      </c>
      <c r="Z12820" s="2">
        <v>16.7</v>
      </c>
      <c r="AA12820" s="5"/>
      <c r="AB12820" s="5" t="s">
        <v>43</v>
      </c>
      <c r="AC12820" s="5" t="s">
        <v>44</v>
      </c>
      <c r="AD12820" s="2"/>
      <c r="AE12820" s="1"/>
    </row>
    <row r="12821" spans="1:31" ht="14.45">
      <c r="A12821" s="11"/>
      <c r="B12821" s="20"/>
      <c r="C12821" s="2" t="s">
        <v>39391</v>
      </c>
      <c r="D12821" s="14" t="s">
        <v>39392</v>
      </c>
      <c r="E12821" s="2" t="s">
        <v>39393</v>
      </c>
      <c r="F12821" s="2" t="s">
        <v>36369</v>
      </c>
      <c r="G12821" s="8">
        <v>245</v>
      </c>
      <c r="H12821" s="5">
        <v>6</v>
      </c>
      <c r="I12821" s="5" t="s">
        <v>1518</v>
      </c>
      <c r="J12821" s="5" t="s">
        <v>36264</v>
      </c>
      <c r="K12821" s="2" t="s">
        <v>36265</v>
      </c>
      <c r="L12821" s="5" t="s">
        <v>36264</v>
      </c>
      <c r="M12821" s="2" t="s">
        <v>36265</v>
      </c>
      <c r="N12821" s="5" t="s">
        <v>36266</v>
      </c>
      <c r="O12821" s="5" t="s">
        <v>38</v>
      </c>
      <c r="P12821" s="5" t="s">
        <v>39</v>
      </c>
      <c r="Q12821" s="5" t="s">
        <v>40</v>
      </c>
      <c r="R12821" s="5" t="s">
        <v>1522</v>
      </c>
      <c r="S12821" s="5" t="s">
        <v>1523</v>
      </c>
      <c r="T12821" s="5" t="s">
        <v>42</v>
      </c>
      <c r="U12821" s="2">
        <v>2.0430000000000001</v>
      </c>
      <c r="V12821" s="2">
        <v>1.425</v>
      </c>
      <c r="W12821" s="2">
        <v>0.02</v>
      </c>
      <c r="X12821" s="2">
        <v>159.1</v>
      </c>
      <c r="Y12821" s="2">
        <v>7.6</v>
      </c>
      <c r="Z12821" s="2">
        <v>16.7</v>
      </c>
      <c r="AA12821" s="5"/>
      <c r="AB12821" s="5" t="s">
        <v>43</v>
      </c>
      <c r="AC12821" s="5" t="s">
        <v>44</v>
      </c>
      <c r="AD12821" s="2"/>
      <c r="AE12821" s="1"/>
    </row>
    <row r="12822" spans="1:31" ht="14.45">
      <c r="A12822" s="11"/>
      <c r="B12822" s="20"/>
      <c r="C12822" s="2" t="s">
        <v>39394</v>
      </c>
      <c r="D12822" s="14" t="s">
        <v>39395</v>
      </c>
      <c r="E12822" s="2" t="s">
        <v>39396</v>
      </c>
      <c r="F12822" s="2" t="s">
        <v>36373</v>
      </c>
      <c r="G12822" s="8">
        <v>245</v>
      </c>
      <c r="H12822" s="5">
        <v>6</v>
      </c>
      <c r="I12822" s="5" t="s">
        <v>1518</v>
      </c>
      <c r="J12822" s="5" t="s">
        <v>36264</v>
      </c>
      <c r="K12822" s="2" t="s">
        <v>36265</v>
      </c>
      <c r="L12822" s="5" t="s">
        <v>36264</v>
      </c>
      <c r="M12822" s="2" t="s">
        <v>36265</v>
      </c>
      <c r="N12822" s="5" t="s">
        <v>36266</v>
      </c>
      <c r="O12822" s="5" t="s">
        <v>38</v>
      </c>
      <c r="P12822" s="5" t="s">
        <v>39</v>
      </c>
      <c r="Q12822" s="5" t="s">
        <v>40</v>
      </c>
      <c r="R12822" s="5" t="s">
        <v>1522</v>
      </c>
      <c r="S12822" s="5" t="s">
        <v>1523</v>
      </c>
      <c r="T12822" s="5" t="s">
        <v>42</v>
      </c>
      <c r="U12822" s="2">
        <v>2.0840000000000001</v>
      </c>
      <c r="V12822" s="2">
        <v>1.466</v>
      </c>
      <c r="W12822" s="2">
        <v>0.02</v>
      </c>
      <c r="X12822" s="2">
        <v>159.1</v>
      </c>
      <c r="Y12822" s="2">
        <v>7.6</v>
      </c>
      <c r="Z12822" s="2">
        <v>16.7</v>
      </c>
      <c r="AA12822" s="5"/>
      <c r="AB12822" s="5" t="s">
        <v>43</v>
      </c>
      <c r="AC12822" s="5" t="s">
        <v>44</v>
      </c>
      <c r="AD12822" s="2"/>
      <c r="AE12822" s="1"/>
    </row>
    <row r="12823" spans="1:31" ht="14.45">
      <c r="A12823" s="11"/>
      <c r="B12823" s="20"/>
      <c r="C12823" s="2" t="s">
        <v>39397</v>
      </c>
      <c r="D12823" s="14" t="s">
        <v>39398</v>
      </c>
      <c r="E12823" s="2" t="s">
        <v>39399</v>
      </c>
      <c r="F12823" s="2" t="s">
        <v>36377</v>
      </c>
      <c r="G12823" s="8">
        <v>245</v>
      </c>
      <c r="H12823" s="5">
        <v>6</v>
      </c>
      <c r="I12823" s="5" t="s">
        <v>1518</v>
      </c>
      <c r="J12823" s="5" t="s">
        <v>36264</v>
      </c>
      <c r="K12823" s="2" t="s">
        <v>36265</v>
      </c>
      <c r="L12823" s="5" t="s">
        <v>36264</v>
      </c>
      <c r="M12823" s="2" t="s">
        <v>36265</v>
      </c>
      <c r="N12823" s="5" t="s">
        <v>36266</v>
      </c>
      <c r="O12823" s="5" t="s">
        <v>38</v>
      </c>
      <c r="P12823" s="5" t="s">
        <v>39</v>
      </c>
      <c r="Q12823" s="5" t="s">
        <v>40</v>
      </c>
      <c r="R12823" s="5" t="s">
        <v>1522</v>
      </c>
      <c r="S12823" s="5" t="s">
        <v>1523</v>
      </c>
      <c r="T12823" s="5" t="s">
        <v>42</v>
      </c>
      <c r="U12823" s="2">
        <v>2.0430000000000001</v>
      </c>
      <c r="V12823" s="2">
        <v>1.425</v>
      </c>
      <c r="W12823" s="2">
        <v>0.02</v>
      </c>
      <c r="X12823" s="2">
        <v>159.1</v>
      </c>
      <c r="Y12823" s="2">
        <v>7.6</v>
      </c>
      <c r="Z12823" s="2">
        <v>16.7</v>
      </c>
      <c r="AA12823" s="5"/>
      <c r="AB12823" s="5" t="s">
        <v>43</v>
      </c>
      <c r="AC12823" s="5" t="s">
        <v>44</v>
      </c>
      <c r="AD12823" s="2"/>
      <c r="AE12823" s="1"/>
    </row>
    <row r="12824" spans="1:31" ht="14.45">
      <c r="A12824" s="11"/>
      <c r="B12824" s="20"/>
      <c r="C12824" s="2" t="s">
        <v>39400</v>
      </c>
      <c r="D12824" s="14" t="s">
        <v>39401</v>
      </c>
      <c r="E12824" s="2" t="s">
        <v>39402</v>
      </c>
      <c r="F12824" s="2" t="s">
        <v>36381</v>
      </c>
      <c r="G12824" s="8">
        <v>245</v>
      </c>
      <c r="H12824" s="5">
        <v>6</v>
      </c>
      <c r="I12824" s="5" t="s">
        <v>1518</v>
      </c>
      <c r="J12824" s="5" t="s">
        <v>36264</v>
      </c>
      <c r="K12824" s="2" t="s">
        <v>36265</v>
      </c>
      <c r="L12824" s="5" t="s">
        <v>36264</v>
      </c>
      <c r="M12824" s="2" t="s">
        <v>36265</v>
      </c>
      <c r="N12824" s="5" t="s">
        <v>36266</v>
      </c>
      <c r="O12824" s="5" t="s">
        <v>38</v>
      </c>
      <c r="P12824" s="5" t="s">
        <v>39</v>
      </c>
      <c r="Q12824" s="5" t="s">
        <v>40</v>
      </c>
      <c r="R12824" s="5" t="s">
        <v>1522</v>
      </c>
      <c r="S12824" s="5" t="s">
        <v>1523</v>
      </c>
      <c r="T12824" s="5" t="s">
        <v>42</v>
      </c>
      <c r="U12824" s="2">
        <v>2.0840000000000001</v>
      </c>
      <c r="V12824" s="2">
        <v>1.466</v>
      </c>
      <c r="W12824" s="2">
        <v>0.02</v>
      </c>
      <c r="X12824" s="2">
        <v>159.1</v>
      </c>
      <c r="Y12824" s="2">
        <v>7.6</v>
      </c>
      <c r="Z12824" s="2">
        <v>16.7</v>
      </c>
      <c r="AA12824" s="5"/>
      <c r="AB12824" s="5" t="s">
        <v>43</v>
      </c>
      <c r="AC12824" s="5" t="s">
        <v>44</v>
      </c>
      <c r="AD12824" s="2"/>
      <c r="AE12824" s="1"/>
    </row>
    <row r="12825" spans="1:31" ht="14.45">
      <c r="A12825" s="11"/>
      <c r="B12825" s="20"/>
      <c r="C12825" s="2" t="s">
        <v>39403</v>
      </c>
      <c r="D12825" s="14" t="s">
        <v>39404</v>
      </c>
      <c r="E12825" s="2" t="s">
        <v>39405</v>
      </c>
      <c r="F12825" s="2" t="s">
        <v>36385</v>
      </c>
      <c r="G12825" s="8">
        <v>245</v>
      </c>
      <c r="H12825" s="5">
        <v>6</v>
      </c>
      <c r="I12825" s="5" t="s">
        <v>1518</v>
      </c>
      <c r="J12825" s="5" t="s">
        <v>36264</v>
      </c>
      <c r="K12825" s="2" t="s">
        <v>36265</v>
      </c>
      <c r="L12825" s="5" t="s">
        <v>36264</v>
      </c>
      <c r="M12825" s="2" t="s">
        <v>36265</v>
      </c>
      <c r="N12825" s="5" t="s">
        <v>36266</v>
      </c>
      <c r="O12825" s="5" t="s">
        <v>38</v>
      </c>
      <c r="P12825" s="5" t="s">
        <v>39</v>
      </c>
      <c r="Q12825" s="5" t="s">
        <v>40</v>
      </c>
      <c r="R12825" s="5" t="s">
        <v>1522</v>
      </c>
      <c r="S12825" s="5" t="s">
        <v>1523</v>
      </c>
      <c r="T12825" s="5" t="s">
        <v>42</v>
      </c>
      <c r="U12825" s="2">
        <v>2.0430000000000001</v>
      </c>
      <c r="V12825" s="2">
        <v>1.425</v>
      </c>
      <c r="W12825" s="2">
        <v>0.02</v>
      </c>
      <c r="X12825" s="2">
        <v>159.1</v>
      </c>
      <c r="Y12825" s="2">
        <v>7.6</v>
      </c>
      <c r="Z12825" s="2">
        <v>16.7</v>
      </c>
      <c r="AA12825" s="5"/>
      <c r="AB12825" s="5" t="s">
        <v>43</v>
      </c>
      <c r="AC12825" s="5" t="s">
        <v>44</v>
      </c>
      <c r="AD12825" s="2"/>
      <c r="AE12825" s="1"/>
    </row>
    <row r="12826" spans="1:31" ht="14.45">
      <c r="A12826" s="11"/>
      <c r="B12826" s="20"/>
      <c r="C12826" s="2" t="s">
        <v>39406</v>
      </c>
      <c r="D12826" s="14" t="s">
        <v>39407</v>
      </c>
      <c r="E12826" s="2" t="s">
        <v>39408</v>
      </c>
      <c r="F12826" s="2" t="s">
        <v>36389</v>
      </c>
      <c r="G12826" s="8">
        <v>245</v>
      </c>
      <c r="H12826" s="5">
        <v>6</v>
      </c>
      <c r="I12826" s="5" t="s">
        <v>1518</v>
      </c>
      <c r="J12826" s="5" t="s">
        <v>36264</v>
      </c>
      <c r="K12826" s="2" t="s">
        <v>36265</v>
      </c>
      <c r="L12826" s="5" t="s">
        <v>36264</v>
      </c>
      <c r="M12826" s="2" t="s">
        <v>36265</v>
      </c>
      <c r="N12826" s="5" t="s">
        <v>36266</v>
      </c>
      <c r="O12826" s="5" t="s">
        <v>38</v>
      </c>
      <c r="P12826" s="5" t="s">
        <v>39</v>
      </c>
      <c r="Q12826" s="5" t="s">
        <v>40</v>
      </c>
      <c r="R12826" s="5" t="s">
        <v>1522</v>
      </c>
      <c r="S12826" s="5" t="s">
        <v>1523</v>
      </c>
      <c r="T12826" s="5" t="s">
        <v>42</v>
      </c>
      <c r="U12826" s="2">
        <v>2.0840000000000001</v>
      </c>
      <c r="V12826" s="2">
        <v>1.466</v>
      </c>
      <c r="W12826" s="2">
        <v>0.02</v>
      </c>
      <c r="X12826" s="2">
        <v>159.1</v>
      </c>
      <c r="Y12826" s="2">
        <v>7.6</v>
      </c>
      <c r="Z12826" s="2">
        <v>16.7</v>
      </c>
      <c r="AA12826" s="5"/>
      <c r="AB12826" s="5" t="s">
        <v>43</v>
      </c>
      <c r="AC12826" s="5" t="s">
        <v>44</v>
      </c>
      <c r="AD12826" s="2"/>
      <c r="AE12826" s="1"/>
    </row>
    <row r="12827" spans="1:31" ht="14.45">
      <c r="A12827" s="11"/>
      <c r="B12827" s="20"/>
      <c r="C12827" s="2" t="s">
        <v>39409</v>
      </c>
      <c r="D12827" s="14" t="s">
        <v>39410</v>
      </c>
      <c r="E12827" s="2" t="s">
        <v>39411</v>
      </c>
      <c r="F12827" s="2" t="s">
        <v>7204</v>
      </c>
      <c r="G12827" s="8">
        <v>179</v>
      </c>
      <c r="H12827" s="5">
        <v>6</v>
      </c>
      <c r="I12827" s="5" t="s">
        <v>1518</v>
      </c>
      <c r="J12827" s="5" t="s">
        <v>36264</v>
      </c>
      <c r="K12827" s="2" t="s">
        <v>36265</v>
      </c>
      <c r="L12827" s="5" t="s">
        <v>36264</v>
      </c>
      <c r="M12827" s="2" t="s">
        <v>36265</v>
      </c>
      <c r="N12827" s="5" t="s">
        <v>36266</v>
      </c>
      <c r="O12827" s="5" t="s">
        <v>38</v>
      </c>
      <c r="P12827" s="5" t="s">
        <v>39</v>
      </c>
      <c r="Q12827" s="5" t="s">
        <v>40</v>
      </c>
      <c r="R12827" s="5" t="s">
        <v>1522</v>
      </c>
      <c r="S12827" s="5" t="s">
        <v>1523</v>
      </c>
      <c r="T12827" s="5" t="s">
        <v>42</v>
      </c>
      <c r="U12827" s="2">
        <v>1.329</v>
      </c>
      <c r="V12827" s="2">
        <v>0.871</v>
      </c>
      <c r="W12827" s="2">
        <v>1.4999999999999999E-2</v>
      </c>
      <c r="X12827" s="2">
        <v>118.9</v>
      </c>
      <c r="Y12827" s="2">
        <v>7.6</v>
      </c>
      <c r="Z12827" s="2">
        <v>16.7</v>
      </c>
      <c r="AA12827" s="5"/>
      <c r="AB12827" s="5" t="s">
        <v>43</v>
      </c>
      <c r="AC12827" s="5" t="s">
        <v>44</v>
      </c>
      <c r="AD12827" s="2"/>
      <c r="AE12827" s="1"/>
    </row>
    <row r="12828" spans="1:31" ht="14.45">
      <c r="A12828" s="11"/>
      <c r="B12828" s="20"/>
      <c r="C12828" s="2" t="s">
        <v>39412</v>
      </c>
      <c r="D12828" s="14" t="s">
        <v>39413</v>
      </c>
      <c r="E12828" s="2" t="s">
        <v>39414</v>
      </c>
      <c r="F12828" s="2" t="s">
        <v>7514</v>
      </c>
      <c r="G12828" s="8">
        <v>179</v>
      </c>
      <c r="H12828" s="5">
        <v>6</v>
      </c>
      <c r="I12828" s="5" t="s">
        <v>1518</v>
      </c>
      <c r="J12828" s="5" t="s">
        <v>36264</v>
      </c>
      <c r="K12828" s="2" t="s">
        <v>36265</v>
      </c>
      <c r="L12828" s="5" t="s">
        <v>36264</v>
      </c>
      <c r="M12828" s="2" t="s">
        <v>36265</v>
      </c>
      <c r="N12828" s="5" t="s">
        <v>36266</v>
      </c>
      <c r="O12828" s="5" t="s">
        <v>38</v>
      </c>
      <c r="P12828" s="5" t="s">
        <v>39</v>
      </c>
      <c r="Q12828" s="5" t="s">
        <v>40</v>
      </c>
      <c r="R12828" s="5" t="s">
        <v>1522</v>
      </c>
      <c r="S12828" s="5" t="s">
        <v>1523</v>
      </c>
      <c r="T12828" s="5" t="s">
        <v>42</v>
      </c>
      <c r="U12828" s="2">
        <v>1.37</v>
      </c>
      <c r="V12828" s="2">
        <v>0.91200000000000003</v>
      </c>
      <c r="W12828" s="2">
        <v>1.4999999999999999E-2</v>
      </c>
      <c r="X12828" s="2">
        <v>118.9</v>
      </c>
      <c r="Y12828" s="2">
        <v>7.6</v>
      </c>
      <c r="Z12828" s="2">
        <v>16.7</v>
      </c>
      <c r="AA12828" s="5"/>
      <c r="AB12828" s="5" t="s">
        <v>43</v>
      </c>
      <c r="AC12828" s="5" t="s">
        <v>44</v>
      </c>
      <c r="AD12828" s="2"/>
      <c r="AE12828" s="1"/>
    </row>
    <row r="12829" spans="1:31" ht="14.45">
      <c r="A12829" s="11"/>
      <c r="B12829" s="20"/>
      <c r="C12829" s="2" t="s">
        <v>39415</v>
      </c>
      <c r="D12829" s="14" t="s">
        <v>39416</v>
      </c>
      <c r="E12829" s="2" t="s">
        <v>39417</v>
      </c>
      <c r="F12829" s="2" t="s">
        <v>36273</v>
      </c>
      <c r="G12829" s="8">
        <v>179</v>
      </c>
      <c r="H12829" s="5">
        <v>6</v>
      </c>
      <c r="I12829" s="5" t="s">
        <v>1518</v>
      </c>
      <c r="J12829" s="5" t="s">
        <v>36264</v>
      </c>
      <c r="K12829" s="2" t="s">
        <v>36265</v>
      </c>
      <c r="L12829" s="5" t="s">
        <v>36264</v>
      </c>
      <c r="M12829" s="2" t="s">
        <v>36265</v>
      </c>
      <c r="N12829" s="5" t="s">
        <v>36266</v>
      </c>
      <c r="O12829" s="5" t="s">
        <v>38</v>
      </c>
      <c r="P12829" s="5" t="s">
        <v>39</v>
      </c>
      <c r="Q12829" s="5" t="s">
        <v>40</v>
      </c>
      <c r="R12829" s="5" t="s">
        <v>1522</v>
      </c>
      <c r="S12829" s="5" t="s">
        <v>1523</v>
      </c>
      <c r="T12829" s="5" t="s">
        <v>42</v>
      </c>
      <c r="U12829" s="2">
        <v>1.329</v>
      </c>
      <c r="V12829" s="2">
        <v>0.871</v>
      </c>
      <c r="W12829" s="2">
        <v>1.4999999999999999E-2</v>
      </c>
      <c r="X12829" s="2">
        <v>118.9</v>
      </c>
      <c r="Y12829" s="2">
        <v>7.6</v>
      </c>
      <c r="Z12829" s="2">
        <v>16.7</v>
      </c>
      <c r="AA12829" s="5"/>
      <c r="AB12829" s="5" t="s">
        <v>43</v>
      </c>
      <c r="AC12829" s="5" t="s">
        <v>44</v>
      </c>
      <c r="AD12829" s="2"/>
      <c r="AE12829" s="1"/>
    </row>
    <row r="12830" spans="1:31" ht="14.45">
      <c r="A12830" s="11"/>
      <c r="B12830" s="20"/>
      <c r="C12830" s="2" t="s">
        <v>39418</v>
      </c>
      <c r="D12830" s="14" t="s">
        <v>39419</v>
      </c>
      <c r="E12830" s="2" t="s">
        <v>39420</v>
      </c>
      <c r="F12830" s="2" t="s">
        <v>36277</v>
      </c>
      <c r="G12830" s="8">
        <v>179</v>
      </c>
      <c r="H12830" s="5">
        <v>6</v>
      </c>
      <c r="I12830" s="5" t="s">
        <v>1518</v>
      </c>
      <c r="J12830" s="5" t="s">
        <v>36264</v>
      </c>
      <c r="K12830" s="2" t="s">
        <v>36265</v>
      </c>
      <c r="L12830" s="5" t="s">
        <v>36264</v>
      </c>
      <c r="M12830" s="2" t="s">
        <v>36265</v>
      </c>
      <c r="N12830" s="5" t="s">
        <v>36266</v>
      </c>
      <c r="O12830" s="5" t="s">
        <v>38</v>
      </c>
      <c r="P12830" s="5" t="s">
        <v>39</v>
      </c>
      <c r="Q12830" s="5" t="s">
        <v>40</v>
      </c>
      <c r="R12830" s="5" t="s">
        <v>1522</v>
      </c>
      <c r="S12830" s="5" t="s">
        <v>1523</v>
      </c>
      <c r="T12830" s="5" t="s">
        <v>42</v>
      </c>
      <c r="U12830" s="2">
        <v>1.37</v>
      </c>
      <c r="V12830" s="2">
        <v>0.91200000000000003</v>
      </c>
      <c r="W12830" s="2">
        <v>1.4999999999999999E-2</v>
      </c>
      <c r="X12830" s="2">
        <v>118.9</v>
      </c>
      <c r="Y12830" s="2">
        <v>7.6</v>
      </c>
      <c r="Z12830" s="2">
        <v>16.7</v>
      </c>
      <c r="AA12830" s="5"/>
      <c r="AB12830" s="5" t="s">
        <v>43</v>
      </c>
      <c r="AC12830" s="5" t="s">
        <v>44</v>
      </c>
      <c r="AD12830" s="2"/>
      <c r="AE12830" s="1"/>
    </row>
    <row r="12831" spans="1:31" ht="14.45">
      <c r="A12831" s="11"/>
      <c r="B12831" s="20"/>
      <c r="C12831" s="2" t="s">
        <v>39421</v>
      </c>
      <c r="D12831" s="14" t="s">
        <v>39422</v>
      </c>
      <c r="E12831" s="2" t="s">
        <v>39423</v>
      </c>
      <c r="F12831" s="2" t="s">
        <v>36289</v>
      </c>
      <c r="G12831" s="8">
        <v>206</v>
      </c>
      <c r="H12831" s="5">
        <v>6</v>
      </c>
      <c r="I12831" s="5" t="s">
        <v>1518</v>
      </c>
      <c r="J12831" s="5" t="s">
        <v>36264</v>
      </c>
      <c r="K12831" s="2" t="s">
        <v>36265</v>
      </c>
      <c r="L12831" s="5" t="s">
        <v>36264</v>
      </c>
      <c r="M12831" s="2" t="s">
        <v>36265</v>
      </c>
      <c r="N12831" s="5" t="s">
        <v>36266</v>
      </c>
      <c r="O12831" s="5" t="s">
        <v>38</v>
      </c>
      <c r="P12831" s="5" t="s">
        <v>39</v>
      </c>
      <c r="Q12831" s="5" t="s">
        <v>40</v>
      </c>
      <c r="R12831" s="5" t="s">
        <v>1522</v>
      </c>
      <c r="S12831" s="5" t="s">
        <v>1523</v>
      </c>
      <c r="T12831" s="5" t="s">
        <v>42</v>
      </c>
      <c r="U12831" s="2">
        <v>1.329</v>
      </c>
      <c r="V12831" s="2">
        <v>0.871</v>
      </c>
      <c r="W12831" s="2">
        <v>1.4999999999999999E-2</v>
      </c>
      <c r="X12831" s="2">
        <v>118.9</v>
      </c>
      <c r="Y12831" s="2">
        <v>7.6</v>
      </c>
      <c r="Z12831" s="2">
        <v>16.7</v>
      </c>
      <c r="AA12831" s="5"/>
      <c r="AB12831" s="5" t="s">
        <v>43</v>
      </c>
      <c r="AC12831" s="5" t="s">
        <v>44</v>
      </c>
      <c r="AD12831" s="2"/>
      <c r="AE12831" s="1"/>
    </row>
    <row r="12832" spans="1:31" ht="14.45">
      <c r="A12832" s="11"/>
      <c r="B12832" s="20"/>
      <c r="C12832" s="2" t="s">
        <v>39424</v>
      </c>
      <c r="D12832" s="14" t="s">
        <v>39425</v>
      </c>
      <c r="E12832" s="2" t="s">
        <v>39426</v>
      </c>
      <c r="F12832" s="2" t="s">
        <v>36293</v>
      </c>
      <c r="G12832" s="8">
        <v>206</v>
      </c>
      <c r="H12832" s="5">
        <v>6</v>
      </c>
      <c r="I12832" s="5" t="s">
        <v>1518</v>
      </c>
      <c r="J12832" s="5" t="s">
        <v>36264</v>
      </c>
      <c r="K12832" s="2" t="s">
        <v>36265</v>
      </c>
      <c r="L12832" s="5" t="s">
        <v>36264</v>
      </c>
      <c r="M12832" s="2" t="s">
        <v>36265</v>
      </c>
      <c r="N12832" s="5" t="s">
        <v>36266</v>
      </c>
      <c r="O12832" s="5" t="s">
        <v>38</v>
      </c>
      <c r="P12832" s="5" t="s">
        <v>39</v>
      </c>
      <c r="Q12832" s="5" t="s">
        <v>40</v>
      </c>
      <c r="R12832" s="5" t="s">
        <v>1522</v>
      </c>
      <c r="S12832" s="5" t="s">
        <v>1523</v>
      </c>
      <c r="T12832" s="5" t="s">
        <v>42</v>
      </c>
      <c r="U12832" s="2">
        <v>1.37</v>
      </c>
      <c r="V12832" s="2">
        <v>0.91200000000000003</v>
      </c>
      <c r="W12832" s="2">
        <v>1.4999999999999999E-2</v>
      </c>
      <c r="X12832" s="2">
        <v>118.9</v>
      </c>
      <c r="Y12832" s="2">
        <v>7.6</v>
      </c>
      <c r="Z12832" s="2">
        <v>16.7</v>
      </c>
      <c r="AA12832" s="5"/>
      <c r="AB12832" s="5" t="s">
        <v>43</v>
      </c>
      <c r="AC12832" s="5" t="s">
        <v>44</v>
      </c>
      <c r="AD12832" s="2"/>
      <c r="AE12832" s="1"/>
    </row>
    <row r="12833" spans="1:31" ht="14.45">
      <c r="A12833" s="11"/>
      <c r="B12833" s="20"/>
      <c r="C12833" s="2" t="s">
        <v>39427</v>
      </c>
      <c r="D12833" s="14" t="s">
        <v>39428</v>
      </c>
      <c r="E12833" s="2" t="s">
        <v>39429</v>
      </c>
      <c r="F12833" s="2" t="s">
        <v>36301</v>
      </c>
      <c r="G12833" s="8">
        <v>179</v>
      </c>
      <c r="H12833" s="5">
        <v>6</v>
      </c>
      <c r="I12833" s="5" t="s">
        <v>1518</v>
      </c>
      <c r="J12833" s="5" t="s">
        <v>36264</v>
      </c>
      <c r="K12833" s="2" t="s">
        <v>36265</v>
      </c>
      <c r="L12833" s="5" t="s">
        <v>36264</v>
      </c>
      <c r="M12833" s="2" t="s">
        <v>36265</v>
      </c>
      <c r="N12833" s="5" t="s">
        <v>36266</v>
      </c>
      <c r="O12833" s="5" t="s">
        <v>38</v>
      </c>
      <c r="P12833" s="5" t="s">
        <v>39</v>
      </c>
      <c r="Q12833" s="5" t="s">
        <v>40</v>
      </c>
      <c r="R12833" s="5" t="s">
        <v>1522</v>
      </c>
      <c r="S12833" s="5" t="s">
        <v>1523</v>
      </c>
      <c r="T12833" s="5" t="s">
        <v>42</v>
      </c>
      <c r="U12833" s="2">
        <v>1.37</v>
      </c>
      <c r="V12833" s="2">
        <v>0.91200000000000003</v>
      </c>
      <c r="W12833" s="2">
        <v>1.4999999999999999E-2</v>
      </c>
      <c r="X12833" s="2">
        <v>118.9</v>
      </c>
      <c r="Y12833" s="2">
        <v>7.6</v>
      </c>
      <c r="Z12833" s="2">
        <v>16.7</v>
      </c>
      <c r="AA12833" s="5"/>
      <c r="AB12833" s="5" t="s">
        <v>43</v>
      </c>
      <c r="AC12833" s="5" t="s">
        <v>44</v>
      </c>
      <c r="AD12833" s="2"/>
      <c r="AE12833" s="1"/>
    </row>
    <row r="12834" spans="1:31" ht="14.45">
      <c r="A12834" s="11"/>
      <c r="B12834" s="20"/>
      <c r="C12834" s="2" t="s">
        <v>39430</v>
      </c>
      <c r="D12834" s="14" t="s">
        <v>39431</v>
      </c>
      <c r="E12834" s="2" t="s">
        <v>39432</v>
      </c>
      <c r="F12834" s="2" t="s">
        <v>36329</v>
      </c>
      <c r="G12834" s="8">
        <v>206</v>
      </c>
      <c r="H12834" s="5">
        <v>6</v>
      </c>
      <c r="I12834" s="5" t="s">
        <v>1518</v>
      </c>
      <c r="J12834" s="5" t="s">
        <v>36264</v>
      </c>
      <c r="K12834" s="2" t="s">
        <v>36265</v>
      </c>
      <c r="L12834" s="5" t="s">
        <v>36264</v>
      </c>
      <c r="M12834" s="2" t="s">
        <v>36265</v>
      </c>
      <c r="N12834" s="5" t="s">
        <v>36266</v>
      </c>
      <c r="O12834" s="5" t="s">
        <v>38</v>
      </c>
      <c r="P12834" s="5" t="s">
        <v>39</v>
      </c>
      <c r="Q12834" s="5" t="s">
        <v>40</v>
      </c>
      <c r="R12834" s="5" t="s">
        <v>1522</v>
      </c>
      <c r="S12834" s="5" t="s">
        <v>1523</v>
      </c>
      <c r="T12834" s="5" t="s">
        <v>42</v>
      </c>
      <c r="U12834" s="2">
        <v>1.329</v>
      </c>
      <c r="V12834" s="2">
        <v>0.871</v>
      </c>
      <c r="W12834" s="2">
        <v>1.4999999999999999E-2</v>
      </c>
      <c r="X12834" s="2">
        <v>118.9</v>
      </c>
      <c r="Y12834" s="2">
        <v>7.6</v>
      </c>
      <c r="Z12834" s="2">
        <v>16.7</v>
      </c>
      <c r="AA12834" s="5"/>
      <c r="AB12834" s="5" t="s">
        <v>43</v>
      </c>
      <c r="AC12834" s="5" t="s">
        <v>44</v>
      </c>
      <c r="AD12834" s="2"/>
      <c r="AE12834" s="1"/>
    </row>
    <row r="12835" spans="1:31" ht="14.45">
      <c r="A12835" s="11"/>
      <c r="B12835" s="20"/>
      <c r="C12835" s="2" t="s">
        <v>39433</v>
      </c>
      <c r="D12835" s="14" t="s">
        <v>39434</v>
      </c>
      <c r="E12835" s="2" t="s">
        <v>39435</v>
      </c>
      <c r="F12835" s="2" t="s">
        <v>36337</v>
      </c>
      <c r="G12835" s="8">
        <v>206</v>
      </c>
      <c r="H12835" s="5">
        <v>6</v>
      </c>
      <c r="I12835" s="5" t="s">
        <v>1518</v>
      </c>
      <c r="J12835" s="5" t="s">
        <v>36264</v>
      </c>
      <c r="K12835" s="2" t="s">
        <v>36265</v>
      </c>
      <c r="L12835" s="5" t="s">
        <v>36264</v>
      </c>
      <c r="M12835" s="2" t="s">
        <v>36265</v>
      </c>
      <c r="N12835" s="5" t="s">
        <v>36266</v>
      </c>
      <c r="O12835" s="5" t="s">
        <v>38</v>
      </c>
      <c r="P12835" s="5" t="s">
        <v>39</v>
      </c>
      <c r="Q12835" s="5" t="s">
        <v>40</v>
      </c>
      <c r="R12835" s="5" t="s">
        <v>1522</v>
      </c>
      <c r="S12835" s="5" t="s">
        <v>1523</v>
      </c>
      <c r="T12835" s="5" t="s">
        <v>42</v>
      </c>
      <c r="U12835" s="2">
        <v>1.329</v>
      </c>
      <c r="V12835" s="2">
        <v>0.871</v>
      </c>
      <c r="W12835" s="2">
        <v>1.4999999999999999E-2</v>
      </c>
      <c r="X12835" s="2">
        <v>118.9</v>
      </c>
      <c r="Y12835" s="2">
        <v>7.6</v>
      </c>
      <c r="Z12835" s="2">
        <v>16.7</v>
      </c>
      <c r="AA12835" s="5"/>
      <c r="AB12835" s="5" t="s">
        <v>43</v>
      </c>
      <c r="AC12835" s="5" t="s">
        <v>44</v>
      </c>
      <c r="AD12835" s="2"/>
      <c r="AE12835" s="1"/>
    </row>
    <row r="12836" spans="1:31" ht="14.45">
      <c r="A12836" s="11"/>
      <c r="B12836" s="20"/>
      <c r="C12836" s="2" t="s">
        <v>39436</v>
      </c>
      <c r="D12836" s="14" t="s">
        <v>39437</v>
      </c>
      <c r="E12836" s="2" t="s">
        <v>39438</v>
      </c>
      <c r="F12836" s="2" t="s">
        <v>36349</v>
      </c>
      <c r="G12836" s="8">
        <v>206</v>
      </c>
      <c r="H12836" s="5">
        <v>6</v>
      </c>
      <c r="I12836" s="5" t="s">
        <v>1518</v>
      </c>
      <c r="J12836" s="5" t="s">
        <v>36264</v>
      </c>
      <c r="K12836" s="2" t="s">
        <v>36265</v>
      </c>
      <c r="L12836" s="5" t="s">
        <v>36264</v>
      </c>
      <c r="M12836" s="2" t="s">
        <v>36265</v>
      </c>
      <c r="N12836" s="5" t="s">
        <v>36266</v>
      </c>
      <c r="O12836" s="5" t="s">
        <v>38</v>
      </c>
      <c r="P12836" s="5" t="s">
        <v>39</v>
      </c>
      <c r="Q12836" s="5" t="s">
        <v>40</v>
      </c>
      <c r="R12836" s="5" t="s">
        <v>1522</v>
      </c>
      <c r="S12836" s="5" t="s">
        <v>1523</v>
      </c>
      <c r="T12836" s="5" t="s">
        <v>42</v>
      </c>
      <c r="U12836" s="2">
        <v>1.37</v>
      </c>
      <c r="V12836" s="2">
        <v>0.91200000000000003</v>
      </c>
      <c r="W12836" s="2">
        <v>1.4999999999999999E-2</v>
      </c>
      <c r="X12836" s="2">
        <v>118.9</v>
      </c>
      <c r="Y12836" s="2">
        <v>7.6</v>
      </c>
      <c r="Z12836" s="2">
        <v>16.7</v>
      </c>
      <c r="AA12836" s="5"/>
      <c r="AB12836" s="5" t="s">
        <v>43</v>
      </c>
      <c r="AC12836" s="5" t="s">
        <v>44</v>
      </c>
      <c r="AD12836" s="2"/>
      <c r="AE12836" s="1"/>
    </row>
    <row r="12837" spans="1:31" ht="14.45">
      <c r="A12837" s="11"/>
      <c r="B12837" s="20"/>
      <c r="C12837" s="2" t="s">
        <v>39439</v>
      </c>
      <c r="D12837" s="14" t="s">
        <v>39440</v>
      </c>
      <c r="E12837" s="2" t="s">
        <v>39441</v>
      </c>
      <c r="F12837" s="2" t="s">
        <v>36361</v>
      </c>
      <c r="G12837" s="8">
        <v>206</v>
      </c>
      <c r="H12837" s="5">
        <v>6</v>
      </c>
      <c r="I12837" s="5" t="s">
        <v>1518</v>
      </c>
      <c r="J12837" s="5" t="s">
        <v>36264</v>
      </c>
      <c r="K12837" s="2" t="s">
        <v>36265</v>
      </c>
      <c r="L12837" s="5" t="s">
        <v>36264</v>
      </c>
      <c r="M12837" s="2" t="s">
        <v>36265</v>
      </c>
      <c r="N12837" s="5" t="s">
        <v>36266</v>
      </c>
      <c r="O12837" s="5" t="s">
        <v>38</v>
      </c>
      <c r="P12837" s="5" t="s">
        <v>39</v>
      </c>
      <c r="Q12837" s="5" t="s">
        <v>40</v>
      </c>
      <c r="R12837" s="5" t="s">
        <v>1522</v>
      </c>
      <c r="S12837" s="5" t="s">
        <v>1523</v>
      </c>
      <c r="T12837" s="5" t="s">
        <v>42</v>
      </c>
      <c r="U12837" s="2">
        <v>1.329</v>
      </c>
      <c r="V12837" s="2">
        <v>0.871</v>
      </c>
      <c r="W12837" s="2">
        <v>1.4999999999999999E-2</v>
      </c>
      <c r="X12837" s="2">
        <v>118.9</v>
      </c>
      <c r="Y12837" s="2">
        <v>7.6</v>
      </c>
      <c r="Z12837" s="2">
        <v>16.7</v>
      </c>
      <c r="AA12837" s="5"/>
      <c r="AB12837" s="5" t="s">
        <v>43</v>
      </c>
      <c r="AC12837" s="5" t="s">
        <v>44</v>
      </c>
      <c r="AD12837" s="2"/>
      <c r="AE12837" s="1"/>
    </row>
    <row r="12838" spans="1:31" ht="14.45">
      <c r="A12838" s="11"/>
      <c r="B12838" s="20"/>
      <c r="C12838" s="2" t="s">
        <v>39442</v>
      </c>
      <c r="D12838" s="14" t="s">
        <v>39443</v>
      </c>
      <c r="E12838" s="2" t="s">
        <v>39444</v>
      </c>
      <c r="F12838" s="2" t="s">
        <v>36365</v>
      </c>
      <c r="G12838" s="8">
        <v>206</v>
      </c>
      <c r="H12838" s="5">
        <v>6</v>
      </c>
      <c r="I12838" s="5" t="s">
        <v>1518</v>
      </c>
      <c r="J12838" s="5" t="s">
        <v>36264</v>
      </c>
      <c r="K12838" s="2" t="s">
        <v>36265</v>
      </c>
      <c r="L12838" s="5" t="s">
        <v>36264</v>
      </c>
      <c r="M12838" s="2" t="s">
        <v>36265</v>
      </c>
      <c r="N12838" s="5" t="s">
        <v>36266</v>
      </c>
      <c r="O12838" s="5" t="s">
        <v>38</v>
      </c>
      <c r="P12838" s="5" t="s">
        <v>39</v>
      </c>
      <c r="Q12838" s="5" t="s">
        <v>40</v>
      </c>
      <c r="R12838" s="5" t="s">
        <v>1522</v>
      </c>
      <c r="S12838" s="5" t="s">
        <v>1523</v>
      </c>
      <c r="T12838" s="5" t="s">
        <v>42</v>
      </c>
      <c r="U12838" s="2">
        <v>1.37</v>
      </c>
      <c r="V12838" s="2">
        <v>0.91200000000000003</v>
      </c>
      <c r="W12838" s="2">
        <v>1.4999999999999999E-2</v>
      </c>
      <c r="X12838" s="2">
        <v>118.9</v>
      </c>
      <c r="Y12838" s="2">
        <v>7.6</v>
      </c>
      <c r="Z12838" s="2">
        <v>16.7</v>
      </c>
      <c r="AA12838" s="5"/>
      <c r="AB12838" s="5" t="s">
        <v>43</v>
      </c>
      <c r="AC12838" s="5" t="s">
        <v>44</v>
      </c>
      <c r="AD12838" s="2"/>
      <c r="AE12838" s="1"/>
    </row>
    <row r="12839" spans="1:31" ht="14.45">
      <c r="A12839" s="11"/>
      <c r="B12839" s="20"/>
      <c r="C12839" s="2" t="s">
        <v>39445</v>
      </c>
      <c r="D12839" s="14" t="s">
        <v>39446</v>
      </c>
      <c r="E12839" s="2" t="s">
        <v>39447</v>
      </c>
      <c r="F12839" s="2" t="s">
        <v>36369</v>
      </c>
      <c r="G12839" s="8">
        <v>206</v>
      </c>
      <c r="H12839" s="5">
        <v>6</v>
      </c>
      <c r="I12839" s="5" t="s">
        <v>1518</v>
      </c>
      <c r="J12839" s="5" t="s">
        <v>36264</v>
      </c>
      <c r="K12839" s="2" t="s">
        <v>36265</v>
      </c>
      <c r="L12839" s="5" t="s">
        <v>36264</v>
      </c>
      <c r="M12839" s="2" t="s">
        <v>36265</v>
      </c>
      <c r="N12839" s="5" t="s">
        <v>36266</v>
      </c>
      <c r="O12839" s="5" t="s">
        <v>38</v>
      </c>
      <c r="P12839" s="5" t="s">
        <v>39</v>
      </c>
      <c r="Q12839" s="5" t="s">
        <v>40</v>
      </c>
      <c r="R12839" s="5" t="s">
        <v>1522</v>
      </c>
      <c r="S12839" s="5" t="s">
        <v>1523</v>
      </c>
      <c r="T12839" s="5" t="s">
        <v>42</v>
      </c>
      <c r="U12839" s="2">
        <v>1.329</v>
      </c>
      <c r="V12839" s="2">
        <v>0.871</v>
      </c>
      <c r="W12839" s="2">
        <v>1.4999999999999999E-2</v>
      </c>
      <c r="X12839" s="2">
        <v>118.9</v>
      </c>
      <c r="Y12839" s="2">
        <v>7.6</v>
      </c>
      <c r="Z12839" s="2">
        <v>16.7</v>
      </c>
      <c r="AA12839" s="5"/>
      <c r="AB12839" s="5" t="s">
        <v>43</v>
      </c>
      <c r="AC12839" s="5" t="s">
        <v>44</v>
      </c>
      <c r="AD12839" s="2"/>
      <c r="AE12839" s="1"/>
    </row>
    <row r="12840" spans="1:31" ht="14.45">
      <c r="A12840" s="11"/>
      <c r="B12840" s="20"/>
      <c r="C12840" s="2" t="s">
        <v>39448</v>
      </c>
      <c r="D12840" s="14" t="s">
        <v>39449</v>
      </c>
      <c r="E12840" s="2" t="s">
        <v>39450</v>
      </c>
      <c r="F12840" s="2" t="s">
        <v>36373</v>
      </c>
      <c r="G12840" s="8">
        <v>206</v>
      </c>
      <c r="H12840" s="5">
        <v>6</v>
      </c>
      <c r="I12840" s="5" t="s">
        <v>1518</v>
      </c>
      <c r="J12840" s="5" t="s">
        <v>36264</v>
      </c>
      <c r="K12840" s="2" t="s">
        <v>36265</v>
      </c>
      <c r="L12840" s="5" t="s">
        <v>36264</v>
      </c>
      <c r="M12840" s="2" t="s">
        <v>36265</v>
      </c>
      <c r="N12840" s="5" t="s">
        <v>36266</v>
      </c>
      <c r="O12840" s="5" t="s">
        <v>38</v>
      </c>
      <c r="P12840" s="5" t="s">
        <v>39</v>
      </c>
      <c r="Q12840" s="5" t="s">
        <v>40</v>
      </c>
      <c r="R12840" s="5" t="s">
        <v>1522</v>
      </c>
      <c r="S12840" s="5" t="s">
        <v>1523</v>
      </c>
      <c r="T12840" s="5" t="s">
        <v>42</v>
      </c>
      <c r="U12840" s="2">
        <v>1.37</v>
      </c>
      <c r="V12840" s="2">
        <v>0.91200000000000003</v>
      </c>
      <c r="W12840" s="2">
        <v>1.4999999999999999E-2</v>
      </c>
      <c r="X12840" s="2">
        <v>118.9</v>
      </c>
      <c r="Y12840" s="2">
        <v>7.6</v>
      </c>
      <c r="Z12840" s="2">
        <v>16.7</v>
      </c>
      <c r="AA12840" s="5"/>
      <c r="AB12840" s="5" t="s">
        <v>43</v>
      </c>
      <c r="AC12840" s="5" t="s">
        <v>44</v>
      </c>
      <c r="AD12840" s="2"/>
      <c r="AE12840" s="1"/>
    </row>
    <row r="12841" spans="1:31" ht="14.45">
      <c r="A12841" s="11"/>
      <c r="B12841" s="20"/>
      <c r="C12841" s="2" t="s">
        <v>39451</v>
      </c>
      <c r="D12841" s="14" t="s">
        <v>39452</v>
      </c>
      <c r="E12841" s="2" t="s">
        <v>39453</v>
      </c>
      <c r="F12841" s="2" t="s">
        <v>36377</v>
      </c>
      <c r="G12841" s="8">
        <v>206</v>
      </c>
      <c r="H12841" s="5">
        <v>6</v>
      </c>
      <c r="I12841" s="5" t="s">
        <v>1518</v>
      </c>
      <c r="J12841" s="5" t="s">
        <v>36264</v>
      </c>
      <c r="K12841" s="2" t="s">
        <v>36265</v>
      </c>
      <c r="L12841" s="5" t="s">
        <v>36264</v>
      </c>
      <c r="M12841" s="2" t="s">
        <v>36265</v>
      </c>
      <c r="N12841" s="5" t="s">
        <v>36266</v>
      </c>
      <c r="O12841" s="5" t="s">
        <v>38</v>
      </c>
      <c r="P12841" s="5" t="s">
        <v>39</v>
      </c>
      <c r="Q12841" s="5" t="s">
        <v>40</v>
      </c>
      <c r="R12841" s="5" t="s">
        <v>1522</v>
      </c>
      <c r="S12841" s="5" t="s">
        <v>1523</v>
      </c>
      <c r="T12841" s="5" t="s">
        <v>42</v>
      </c>
      <c r="U12841" s="2">
        <v>1.329</v>
      </c>
      <c r="V12841" s="2">
        <v>0.871</v>
      </c>
      <c r="W12841" s="2">
        <v>1.4999999999999999E-2</v>
      </c>
      <c r="X12841" s="2">
        <v>118.9</v>
      </c>
      <c r="Y12841" s="2">
        <v>7.6</v>
      </c>
      <c r="Z12841" s="2">
        <v>16.7</v>
      </c>
      <c r="AA12841" s="5"/>
      <c r="AB12841" s="5" t="s">
        <v>43</v>
      </c>
      <c r="AC12841" s="5" t="s">
        <v>44</v>
      </c>
      <c r="AD12841" s="2"/>
      <c r="AE12841" s="1"/>
    </row>
    <row r="12842" spans="1:31" ht="14.45">
      <c r="A12842" s="11"/>
      <c r="B12842" s="20"/>
      <c r="C12842" s="2" t="s">
        <v>39454</v>
      </c>
      <c r="D12842" s="14" t="s">
        <v>39455</v>
      </c>
      <c r="E12842" s="2" t="s">
        <v>39456</v>
      </c>
      <c r="F12842" s="2" t="s">
        <v>36381</v>
      </c>
      <c r="G12842" s="8">
        <v>206</v>
      </c>
      <c r="H12842" s="5">
        <v>6</v>
      </c>
      <c r="I12842" s="5" t="s">
        <v>1518</v>
      </c>
      <c r="J12842" s="5" t="s">
        <v>36264</v>
      </c>
      <c r="K12842" s="2" t="s">
        <v>36265</v>
      </c>
      <c r="L12842" s="5" t="s">
        <v>36264</v>
      </c>
      <c r="M12842" s="2" t="s">
        <v>36265</v>
      </c>
      <c r="N12842" s="5" t="s">
        <v>36266</v>
      </c>
      <c r="O12842" s="5" t="s">
        <v>38</v>
      </c>
      <c r="P12842" s="5" t="s">
        <v>39</v>
      </c>
      <c r="Q12842" s="5" t="s">
        <v>40</v>
      </c>
      <c r="R12842" s="5" t="s">
        <v>1522</v>
      </c>
      <c r="S12842" s="5" t="s">
        <v>1523</v>
      </c>
      <c r="T12842" s="5" t="s">
        <v>42</v>
      </c>
      <c r="U12842" s="2">
        <v>1.37</v>
      </c>
      <c r="V12842" s="2">
        <v>0.91200000000000003</v>
      </c>
      <c r="W12842" s="2">
        <v>1.4999999999999999E-2</v>
      </c>
      <c r="X12842" s="2">
        <v>118.9</v>
      </c>
      <c r="Y12842" s="2">
        <v>7.6</v>
      </c>
      <c r="Z12842" s="2">
        <v>16.7</v>
      </c>
      <c r="AA12842" s="5"/>
      <c r="AB12842" s="5" t="s">
        <v>43</v>
      </c>
      <c r="AC12842" s="5" t="s">
        <v>44</v>
      </c>
      <c r="AD12842" s="2"/>
      <c r="AE12842" s="1"/>
    </row>
    <row r="12843" spans="1:31" ht="14.45">
      <c r="A12843" s="11"/>
      <c r="B12843" s="20"/>
      <c r="C12843" s="2" t="s">
        <v>39457</v>
      </c>
      <c r="D12843" s="14" t="s">
        <v>39458</v>
      </c>
      <c r="E12843" s="2" t="s">
        <v>39459</v>
      </c>
      <c r="F12843" s="2" t="s">
        <v>36385</v>
      </c>
      <c r="G12843" s="8">
        <v>206</v>
      </c>
      <c r="H12843" s="5">
        <v>6</v>
      </c>
      <c r="I12843" s="5" t="s">
        <v>1518</v>
      </c>
      <c r="J12843" s="5" t="s">
        <v>36264</v>
      </c>
      <c r="K12843" s="2" t="s">
        <v>36265</v>
      </c>
      <c r="L12843" s="5" t="s">
        <v>36264</v>
      </c>
      <c r="M12843" s="2" t="s">
        <v>36265</v>
      </c>
      <c r="N12843" s="5" t="s">
        <v>36266</v>
      </c>
      <c r="O12843" s="5" t="s">
        <v>38</v>
      </c>
      <c r="P12843" s="5" t="s">
        <v>39</v>
      </c>
      <c r="Q12843" s="5" t="s">
        <v>40</v>
      </c>
      <c r="R12843" s="5" t="s">
        <v>1522</v>
      </c>
      <c r="S12843" s="5" t="s">
        <v>1523</v>
      </c>
      <c r="T12843" s="5" t="s">
        <v>42</v>
      </c>
      <c r="U12843" s="2">
        <v>1.329</v>
      </c>
      <c r="V12843" s="2">
        <v>0.871</v>
      </c>
      <c r="W12843" s="2">
        <v>1.4999999999999999E-2</v>
      </c>
      <c r="X12843" s="2">
        <v>118.9</v>
      </c>
      <c r="Y12843" s="2">
        <v>7.6</v>
      </c>
      <c r="Z12843" s="2">
        <v>16.7</v>
      </c>
      <c r="AA12843" s="5"/>
      <c r="AB12843" s="5" t="s">
        <v>43</v>
      </c>
      <c r="AC12843" s="5" t="s">
        <v>44</v>
      </c>
      <c r="AD12843" s="2"/>
      <c r="AE12843" s="1"/>
    </row>
    <row r="12844" spans="1:31" ht="14.45">
      <c r="A12844" s="11"/>
      <c r="B12844" s="20"/>
      <c r="C12844" s="2" t="s">
        <v>39460</v>
      </c>
      <c r="D12844" s="14" t="s">
        <v>39461</v>
      </c>
      <c r="E12844" s="2" t="s">
        <v>39462</v>
      </c>
      <c r="F12844" s="2" t="s">
        <v>7204</v>
      </c>
      <c r="G12844" s="8">
        <v>179</v>
      </c>
      <c r="H12844" s="5">
        <v>6</v>
      </c>
      <c r="I12844" s="5" t="s">
        <v>1518</v>
      </c>
      <c r="J12844" s="5" t="s">
        <v>36264</v>
      </c>
      <c r="K12844" s="2" t="s">
        <v>36265</v>
      </c>
      <c r="L12844" s="5" t="s">
        <v>36264</v>
      </c>
      <c r="M12844" s="2" t="s">
        <v>36265</v>
      </c>
      <c r="N12844" s="5" t="s">
        <v>36266</v>
      </c>
      <c r="O12844" s="5" t="s">
        <v>38</v>
      </c>
      <c r="P12844" s="5" t="s">
        <v>39</v>
      </c>
      <c r="Q12844" s="5" t="s">
        <v>40</v>
      </c>
      <c r="R12844" s="5" t="s">
        <v>1522</v>
      </c>
      <c r="S12844" s="5" t="s">
        <v>1523</v>
      </c>
      <c r="T12844" s="5" t="s">
        <v>42</v>
      </c>
      <c r="U12844" s="2">
        <v>1.677</v>
      </c>
      <c r="V12844" s="2">
        <v>1.2190000000000001</v>
      </c>
      <c r="W12844" s="2">
        <v>1.4999999999999999E-2</v>
      </c>
      <c r="X12844" s="2">
        <v>118.9</v>
      </c>
      <c r="Y12844" s="2">
        <v>7.6</v>
      </c>
      <c r="Z12844" s="2">
        <v>16.7</v>
      </c>
      <c r="AA12844" s="5"/>
      <c r="AB12844" s="5" t="s">
        <v>43</v>
      </c>
      <c r="AC12844" s="5" t="s">
        <v>44</v>
      </c>
      <c r="AD12844" s="2"/>
      <c r="AE12844" s="1"/>
    </row>
    <row r="12845" spans="1:31" ht="14.45">
      <c r="A12845" s="11"/>
      <c r="B12845" s="20"/>
      <c r="C12845" s="2" t="s">
        <v>39463</v>
      </c>
      <c r="D12845" s="14" t="s">
        <v>39464</v>
      </c>
      <c r="E12845" s="2" t="s">
        <v>39465</v>
      </c>
      <c r="F12845" s="2" t="s">
        <v>7514</v>
      </c>
      <c r="G12845" s="8">
        <v>179</v>
      </c>
      <c r="H12845" s="5">
        <v>6</v>
      </c>
      <c r="I12845" s="5" t="s">
        <v>1518</v>
      </c>
      <c r="J12845" s="5" t="s">
        <v>36264</v>
      </c>
      <c r="K12845" s="2" t="s">
        <v>36265</v>
      </c>
      <c r="L12845" s="5" t="s">
        <v>36264</v>
      </c>
      <c r="M12845" s="2" t="s">
        <v>36265</v>
      </c>
      <c r="N12845" s="5" t="s">
        <v>36266</v>
      </c>
      <c r="O12845" s="5" t="s">
        <v>38</v>
      </c>
      <c r="P12845" s="5" t="s">
        <v>39</v>
      </c>
      <c r="Q12845" s="5" t="s">
        <v>40</v>
      </c>
      <c r="R12845" s="5" t="s">
        <v>1522</v>
      </c>
      <c r="S12845" s="5" t="s">
        <v>1523</v>
      </c>
      <c r="T12845" s="5" t="s">
        <v>42</v>
      </c>
      <c r="U12845" s="2">
        <v>1.718</v>
      </c>
      <c r="V12845" s="2">
        <v>1.26</v>
      </c>
      <c r="W12845" s="2">
        <v>1.4999999999999999E-2</v>
      </c>
      <c r="X12845" s="2">
        <v>118.9</v>
      </c>
      <c r="Y12845" s="2">
        <v>7.6</v>
      </c>
      <c r="Z12845" s="2">
        <v>16.7</v>
      </c>
      <c r="AA12845" s="5"/>
      <c r="AB12845" s="5" t="s">
        <v>43</v>
      </c>
      <c r="AC12845" s="5" t="s">
        <v>44</v>
      </c>
      <c r="AD12845" s="2"/>
      <c r="AE12845" s="1"/>
    </row>
    <row r="12846" spans="1:31" ht="14.45">
      <c r="A12846" s="11"/>
      <c r="B12846" s="20"/>
      <c r="C12846" s="2" t="s">
        <v>39466</v>
      </c>
      <c r="D12846" s="14" t="s">
        <v>39467</v>
      </c>
      <c r="E12846" s="2" t="s">
        <v>39468</v>
      </c>
      <c r="F12846" s="2" t="s">
        <v>36273</v>
      </c>
      <c r="G12846" s="8">
        <v>179</v>
      </c>
      <c r="H12846" s="5">
        <v>6</v>
      </c>
      <c r="I12846" s="5" t="s">
        <v>1518</v>
      </c>
      <c r="J12846" s="5" t="s">
        <v>36264</v>
      </c>
      <c r="K12846" s="2" t="s">
        <v>36265</v>
      </c>
      <c r="L12846" s="5" t="s">
        <v>36264</v>
      </c>
      <c r="M12846" s="2" t="s">
        <v>36265</v>
      </c>
      <c r="N12846" s="5" t="s">
        <v>36266</v>
      </c>
      <c r="O12846" s="5" t="s">
        <v>38</v>
      </c>
      <c r="P12846" s="5" t="s">
        <v>39</v>
      </c>
      <c r="Q12846" s="5" t="s">
        <v>40</v>
      </c>
      <c r="R12846" s="5" t="s">
        <v>1522</v>
      </c>
      <c r="S12846" s="5" t="s">
        <v>1523</v>
      </c>
      <c r="T12846" s="5" t="s">
        <v>42</v>
      </c>
      <c r="U12846" s="2">
        <v>1.677</v>
      </c>
      <c r="V12846" s="2">
        <v>1.2190000000000001</v>
      </c>
      <c r="W12846" s="2">
        <v>1.4999999999999999E-2</v>
      </c>
      <c r="X12846" s="2">
        <v>118.9</v>
      </c>
      <c r="Y12846" s="2">
        <v>7.6</v>
      </c>
      <c r="Z12846" s="2">
        <v>16.7</v>
      </c>
      <c r="AA12846" s="5"/>
      <c r="AB12846" s="5" t="s">
        <v>43</v>
      </c>
      <c r="AC12846" s="5" t="s">
        <v>44</v>
      </c>
      <c r="AD12846" s="2"/>
      <c r="AE12846" s="1"/>
    </row>
    <row r="12847" spans="1:31" ht="14.45">
      <c r="A12847" s="11"/>
      <c r="B12847" s="20"/>
      <c r="C12847" s="2" t="s">
        <v>39469</v>
      </c>
      <c r="D12847" s="14" t="s">
        <v>39470</v>
      </c>
      <c r="E12847" s="2" t="s">
        <v>39471</v>
      </c>
      <c r="F12847" s="2" t="s">
        <v>36277</v>
      </c>
      <c r="G12847" s="8">
        <v>179</v>
      </c>
      <c r="H12847" s="5">
        <v>6</v>
      </c>
      <c r="I12847" s="5" t="s">
        <v>1518</v>
      </c>
      <c r="J12847" s="5" t="s">
        <v>36264</v>
      </c>
      <c r="K12847" s="2" t="s">
        <v>36265</v>
      </c>
      <c r="L12847" s="5" t="s">
        <v>36264</v>
      </c>
      <c r="M12847" s="2" t="s">
        <v>36265</v>
      </c>
      <c r="N12847" s="5" t="s">
        <v>36266</v>
      </c>
      <c r="O12847" s="5" t="s">
        <v>38</v>
      </c>
      <c r="P12847" s="5" t="s">
        <v>39</v>
      </c>
      <c r="Q12847" s="5" t="s">
        <v>40</v>
      </c>
      <c r="R12847" s="5" t="s">
        <v>1522</v>
      </c>
      <c r="S12847" s="5" t="s">
        <v>1523</v>
      </c>
      <c r="T12847" s="5" t="s">
        <v>42</v>
      </c>
      <c r="U12847" s="2">
        <v>1.718</v>
      </c>
      <c r="V12847" s="2">
        <v>1.26</v>
      </c>
      <c r="W12847" s="2">
        <v>1.4999999999999999E-2</v>
      </c>
      <c r="X12847" s="2">
        <v>118.9</v>
      </c>
      <c r="Y12847" s="2">
        <v>7.6</v>
      </c>
      <c r="Z12847" s="2">
        <v>16.7</v>
      </c>
      <c r="AA12847" s="5"/>
      <c r="AB12847" s="5" t="s">
        <v>43</v>
      </c>
      <c r="AC12847" s="5" t="s">
        <v>44</v>
      </c>
      <c r="AD12847" s="2"/>
      <c r="AE12847" s="1"/>
    </row>
    <row r="12848" spans="1:31" ht="14.45">
      <c r="A12848" s="11"/>
      <c r="B12848" s="20"/>
      <c r="C12848" s="2" t="s">
        <v>39472</v>
      </c>
      <c r="D12848" s="14" t="s">
        <v>39473</v>
      </c>
      <c r="E12848" s="2" t="s">
        <v>39474</v>
      </c>
      <c r="F12848" s="2" t="s">
        <v>36281</v>
      </c>
      <c r="G12848" s="8">
        <v>206</v>
      </c>
      <c r="H12848" s="5">
        <v>6</v>
      </c>
      <c r="I12848" s="5" t="s">
        <v>1518</v>
      </c>
      <c r="J12848" s="5" t="s">
        <v>36264</v>
      </c>
      <c r="K12848" s="2" t="s">
        <v>36265</v>
      </c>
      <c r="L12848" s="5" t="s">
        <v>36264</v>
      </c>
      <c r="M12848" s="2" t="s">
        <v>36265</v>
      </c>
      <c r="N12848" s="5" t="s">
        <v>36266</v>
      </c>
      <c r="O12848" s="5" t="s">
        <v>38</v>
      </c>
      <c r="P12848" s="5" t="s">
        <v>39</v>
      </c>
      <c r="Q12848" s="5" t="s">
        <v>40</v>
      </c>
      <c r="R12848" s="5" t="s">
        <v>1522</v>
      </c>
      <c r="S12848" s="5" t="s">
        <v>1523</v>
      </c>
      <c r="T12848" s="5" t="s">
        <v>42</v>
      </c>
      <c r="U12848" s="2">
        <v>1.677</v>
      </c>
      <c r="V12848" s="2">
        <v>1.2190000000000001</v>
      </c>
      <c r="W12848" s="2">
        <v>1.4999999999999999E-2</v>
      </c>
      <c r="X12848" s="2">
        <v>118.9</v>
      </c>
      <c r="Y12848" s="2">
        <v>7.6</v>
      </c>
      <c r="Z12848" s="2">
        <v>16.7</v>
      </c>
      <c r="AA12848" s="5"/>
      <c r="AB12848" s="5" t="s">
        <v>43</v>
      </c>
      <c r="AC12848" s="5" t="s">
        <v>44</v>
      </c>
      <c r="AD12848" s="2"/>
      <c r="AE12848" s="1"/>
    </row>
    <row r="12849" spans="1:31" ht="14.45">
      <c r="A12849" s="11"/>
      <c r="B12849" s="20"/>
      <c r="C12849" s="2" t="s">
        <v>39475</v>
      </c>
      <c r="D12849" s="14" t="s">
        <v>39476</v>
      </c>
      <c r="E12849" s="2" t="s">
        <v>39477</v>
      </c>
      <c r="F12849" s="2" t="s">
        <v>36285</v>
      </c>
      <c r="G12849" s="8">
        <v>206</v>
      </c>
      <c r="H12849" s="5">
        <v>6</v>
      </c>
      <c r="I12849" s="5" t="s">
        <v>1518</v>
      </c>
      <c r="J12849" s="5" t="s">
        <v>36264</v>
      </c>
      <c r="K12849" s="2" t="s">
        <v>36265</v>
      </c>
      <c r="L12849" s="5" t="s">
        <v>36264</v>
      </c>
      <c r="M12849" s="2" t="s">
        <v>36265</v>
      </c>
      <c r="N12849" s="5" t="s">
        <v>36266</v>
      </c>
      <c r="O12849" s="5" t="s">
        <v>38</v>
      </c>
      <c r="P12849" s="5" t="s">
        <v>39</v>
      </c>
      <c r="Q12849" s="5" t="s">
        <v>40</v>
      </c>
      <c r="R12849" s="5" t="s">
        <v>1522</v>
      </c>
      <c r="S12849" s="5" t="s">
        <v>1523</v>
      </c>
      <c r="T12849" s="5" t="s">
        <v>42</v>
      </c>
      <c r="U12849" s="2">
        <v>1.718</v>
      </c>
      <c r="V12849" s="2">
        <v>1.26</v>
      </c>
      <c r="W12849" s="2">
        <v>1.4999999999999999E-2</v>
      </c>
      <c r="X12849" s="2">
        <v>118.9</v>
      </c>
      <c r="Y12849" s="2">
        <v>7.6</v>
      </c>
      <c r="Z12849" s="2">
        <v>16.7</v>
      </c>
      <c r="AA12849" s="5"/>
      <c r="AB12849" s="5" t="s">
        <v>43</v>
      </c>
      <c r="AC12849" s="5" t="s">
        <v>44</v>
      </c>
      <c r="AD12849" s="2"/>
      <c r="AE12849" s="1"/>
    </row>
    <row r="12850" spans="1:31" ht="14.45">
      <c r="A12850" s="11"/>
      <c r="B12850" s="20"/>
      <c r="C12850" s="2" t="s">
        <v>39478</v>
      </c>
      <c r="D12850" s="14" t="s">
        <v>39479</v>
      </c>
      <c r="E12850" s="2" t="s">
        <v>39480</v>
      </c>
      <c r="F12850" s="2" t="s">
        <v>36289</v>
      </c>
      <c r="G12850" s="8">
        <v>206</v>
      </c>
      <c r="H12850" s="5">
        <v>6</v>
      </c>
      <c r="I12850" s="5" t="s">
        <v>1518</v>
      </c>
      <c r="J12850" s="5" t="s">
        <v>36264</v>
      </c>
      <c r="K12850" s="2" t="s">
        <v>36265</v>
      </c>
      <c r="L12850" s="5" t="s">
        <v>36264</v>
      </c>
      <c r="M12850" s="2" t="s">
        <v>36265</v>
      </c>
      <c r="N12850" s="5" t="s">
        <v>36266</v>
      </c>
      <c r="O12850" s="5" t="s">
        <v>38</v>
      </c>
      <c r="P12850" s="5" t="s">
        <v>39</v>
      </c>
      <c r="Q12850" s="5" t="s">
        <v>40</v>
      </c>
      <c r="R12850" s="5" t="s">
        <v>1522</v>
      </c>
      <c r="S12850" s="5" t="s">
        <v>1523</v>
      </c>
      <c r="T12850" s="5" t="s">
        <v>42</v>
      </c>
      <c r="U12850" s="2">
        <v>1.677</v>
      </c>
      <c r="V12850" s="2">
        <v>1.2190000000000001</v>
      </c>
      <c r="W12850" s="2">
        <v>1.4999999999999999E-2</v>
      </c>
      <c r="X12850" s="2">
        <v>118.9</v>
      </c>
      <c r="Y12850" s="2">
        <v>7.6</v>
      </c>
      <c r="Z12850" s="2">
        <v>16.7</v>
      </c>
      <c r="AA12850" s="5"/>
      <c r="AB12850" s="5" t="s">
        <v>43</v>
      </c>
      <c r="AC12850" s="5" t="s">
        <v>44</v>
      </c>
      <c r="AD12850" s="2"/>
      <c r="AE12850" s="1"/>
    </row>
    <row r="12851" spans="1:31" ht="14.45">
      <c r="A12851" s="11"/>
      <c r="B12851" s="20"/>
      <c r="C12851" s="2" t="s">
        <v>39481</v>
      </c>
      <c r="D12851" s="14" t="s">
        <v>39482</v>
      </c>
      <c r="E12851" s="2" t="s">
        <v>39483</v>
      </c>
      <c r="F12851" s="2" t="s">
        <v>36293</v>
      </c>
      <c r="G12851" s="8">
        <v>206</v>
      </c>
      <c r="H12851" s="5">
        <v>6</v>
      </c>
      <c r="I12851" s="5" t="s">
        <v>1518</v>
      </c>
      <c r="J12851" s="5" t="s">
        <v>36264</v>
      </c>
      <c r="K12851" s="2" t="s">
        <v>36265</v>
      </c>
      <c r="L12851" s="5" t="s">
        <v>36264</v>
      </c>
      <c r="M12851" s="2" t="s">
        <v>36265</v>
      </c>
      <c r="N12851" s="5" t="s">
        <v>36266</v>
      </c>
      <c r="O12851" s="5" t="s">
        <v>38</v>
      </c>
      <c r="P12851" s="5" t="s">
        <v>39</v>
      </c>
      <c r="Q12851" s="5" t="s">
        <v>40</v>
      </c>
      <c r="R12851" s="5" t="s">
        <v>1522</v>
      </c>
      <c r="S12851" s="5" t="s">
        <v>1523</v>
      </c>
      <c r="T12851" s="5" t="s">
        <v>42</v>
      </c>
      <c r="U12851" s="2">
        <v>1.718</v>
      </c>
      <c r="V12851" s="2">
        <v>1.26</v>
      </c>
      <c r="W12851" s="2">
        <v>1.4999999999999999E-2</v>
      </c>
      <c r="X12851" s="2">
        <v>118.9</v>
      </c>
      <c r="Y12851" s="2">
        <v>7.6</v>
      </c>
      <c r="Z12851" s="2">
        <v>16.7</v>
      </c>
      <c r="AA12851" s="5"/>
      <c r="AB12851" s="5" t="s">
        <v>43</v>
      </c>
      <c r="AC12851" s="5" t="s">
        <v>44</v>
      </c>
      <c r="AD12851" s="2"/>
      <c r="AE12851" s="1"/>
    </row>
    <row r="12852" spans="1:31" ht="14.45">
      <c r="A12852" s="11"/>
      <c r="B12852" s="20"/>
      <c r="C12852" s="2" t="s">
        <v>39484</v>
      </c>
      <c r="D12852" s="14" t="s">
        <v>39485</v>
      </c>
      <c r="E12852" s="2" t="s">
        <v>39486</v>
      </c>
      <c r="F12852" s="2" t="s">
        <v>36297</v>
      </c>
      <c r="G12852" s="8">
        <v>179</v>
      </c>
      <c r="H12852" s="5">
        <v>6</v>
      </c>
      <c r="I12852" s="5" t="s">
        <v>1518</v>
      </c>
      <c r="J12852" s="5" t="s">
        <v>36264</v>
      </c>
      <c r="K12852" s="2" t="s">
        <v>36265</v>
      </c>
      <c r="L12852" s="5" t="s">
        <v>36264</v>
      </c>
      <c r="M12852" s="2" t="s">
        <v>36265</v>
      </c>
      <c r="N12852" s="5" t="s">
        <v>36266</v>
      </c>
      <c r="O12852" s="5" t="s">
        <v>38</v>
      </c>
      <c r="P12852" s="5" t="s">
        <v>39</v>
      </c>
      <c r="Q12852" s="5" t="s">
        <v>40</v>
      </c>
      <c r="R12852" s="5" t="s">
        <v>1522</v>
      </c>
      <c r="S12852" s="5" t="s">
        <v>1523</v>
      </c>
      <c r="T12852" s="5" t="s">
        <v>42</v>
      </c>
      <c r="U12852" s="2">
        <v>1.677</v>
      </c>
      <c r="V12852" s="2">
        <v>1.2190000000000001</v>
      </c>
      <c r="W12852" s="2">
        <v>1.4999999999999999E-2</v>
      </c>
      <c r="X12852" s="2">
        <v>118.9</v>
      </c>
      <c r="Y12852" s="2">
        <v>7.6</v>
      </c>
      <c r="Z12852" s="2">
        <v>16.7</v>
      </c>
      <c r="AA12852" s="5"/>
      <c r="AB12852" s="5" t="s">
        <v>43</v>
      </c>
      <c r="AC12852" s="5" t="s">
        <v>44</v>
      </c>
      <c r="AD12852" s="2"/>
      <c r="AE12852" s="1"/>
    </row>
    <row r="12853" spans="1:31" ht="14.45">
      <c r="A12853" s="11"/>
      <c r="B12853" s="20"/>
      <c r="C12853" s="2" t="s">
        <v>39487</v>
      </c>
      <c r="D12853" s="14" t="s">
        <v>39488</v>
      </c>
      <c r="E12853" s="2" t="s">
        <v>39489</v>
      </c>
      <c r="F12853" s="2" t="s">
        <v>36592</v>
      </c>
      <c r="G12853" s="8">
        <v>179</v>
      </c>
      <c r="H12853" s="5">
        <v>6</v>
      </c>
      <c r="I12853" s="5" t="s">
        <v>1518</v>
      </c>
      <c r="J12853" s="5" t="s">
        <v>36264</v>
      </c>
      <c r="K12853" s="2" t="s">
        <v>36265</v>
      </c>
      <c r="L12853" s="5" t="s">
        <v>36264</v>
      </c>
      <c r="M12853" s="2" t="s">
        <v>36265</v>
      </c>
      <c r="N12853" s="5" t="s">
        <v>36266</v>
      </c>
      <c r="O12853" s="5" t="s">
        <v>38</v>
      </c>
      <c r="P12853" s="5" t="s">
        <v>39</v>
      </c>
      <c r="Q12853" s="5" t="s">
        <v>40</v>
      </c>
      <c r="R12853" s="5" t="s">
        <v>1522</v>
      </c>
      <c r="S12853" s="5" t="s">
        <v>1523</v>
      </c>
      <c r="T12853" s="5" t="s">
        <v>42</v>
      </c>
      <c r="U12853" s="2">
        <v>1.718</v>
      </c>
      <c r="V12853" s="2">
        <v>1.26</v>
      </c>
      <c r="W12853" s="2">
        <v>1.4999999999999999E-2</v>
      </c>
      <c r="X12853" s="2">
        <v>118.9</v>
      </c>
      <c r="Y12853" s="2">
        <v>7.6</v>
      </c>
      <c r="Z12853" s="2">
        <v>16.7</v>
      </c>
      <c r="AA12853" s="5"/>
      <c r="AB12853" s="5" t="s">
        <v>43</v>
      </c>
      <c r="AC12853" s="5" t="s">
        <v>44</v>
      </c>
      <c r="AD12853" s="2"/>
      <c r="AE12853" s="1"/>
    </row>
    <row r="12854" spans="1:31" ht="14.45">
      <c r="A12854" s="11"/>
      <c r="B12854" s="20"/>
      <c r="C12854" s="2" t="s">
        <v>39490</v>
      </c>
      <c r="D12854" s="14" t="s">
        <v>39491</v>
      </c>
      <c r="E12854" s="2" t="s">
        <v>39492</v>
      </c>
      <c r="F12854" s="2" t="s">
        <v>36305</v>
      </c>
      <c r="G12854" s="8">
        <v>179</v>
      </c>
      <c r="H12854" s="5">
        <v>6</v>
      </c>
      <c r="I12854" s="5" t="s">
        <v>1518</v>
      </c>
      <c r="J12854" s="5" t="s">
        <v>36264</v>
      </c>
      <c r="K12854" s="2" t="s">
        <v>36265</v>
      </c>
      <c r="L12854" s="5" t="s">
        <v>36264</v>
      </c>
      <c r="M12854" s="2" t="s">
        <v>36265</v>
      </c>
      <c r="N12854" s="5" t="s">
        <v>36266</v>
      </c>
      <c r="O12854" s="5" t="s">
        <v>38</v>
      </c>
      <c r="P12854" s="5" t="s">
        <v>39</v>
      </c>
      <c r="Q12854" s="5" t="s">
        <v>40</v>
      </c>
      <c r="R12854" s="5" t="s">
        <v>1522</v>
      </c>
      <c r="S12854" s="5" t="s">
        <v>1523</v>
      </c>
      <c r="T12854" s="5" t="s">
        <v>42</v>
      </c>
      <c r="U12854" s="2">
        <v>1.677</v>
      </c>
      <c r="V12854" s="2">
        <v>1.2190000000000001</v>
      </c>
      <c r="W12854" s="2">
        <v>1.4999999999999999E-2</v>
      </c>
      <c r="X12854" s="2">
        <v>118.9</v>
      </c>
      <c r="Y12854" s="2">
        <v>7.6</v>
      </c>
      <c r="Z12854" s="2">
        <v>16.7</v>
      </c>
      <c r="AA12854" s="5"/>
      <c r="AB12854" s="5" t="s">
        <v>43</v>
      </c>
      <c r="AC12854" s="5" t="s">
        <v>44</v>
      </c>
      <c r="AD12854" s="2"/>
      <c r="AE12854" s="1"/>
    </row>
    <row r="12855" spans="1:31" ht="14.45">
      <c r="A12855" s="11"/>
      <c r="B12855" s="20"/>
      <c r="C12855" s="2" t="s">
        <v>39493</v>
      </c>
      <c r="D12855" s="14" t="s">
        <v>39494</v>
      </c>
      <c r="E12855" s="2" t="s">
        <v>39495</v>
      </c>
      <c r="F12855" s="2" t="s">
        <v>36309</v>
      </c>
      <c r="G12855" s="8">
        <v>179</v>
      </c>
      <c r="H12855" s="5">
        <v>6</v>
      </c>
      <c r="I12855" s="5" t="s">
        <v>1518</v>
      </c>
      <c r="J12855" s="5" t="s">
        <v>36264</v>
      </c>
      <c r="K12855" s="2" t="s">
        <v>36265</v>
      </c>
      <c r="L12855" s="5" t="s">
        <v>36264</v>
      </c>
      <c r="M12855" s="2" t="s">
        <v>36265</v>
      </c>
      <c r="N12855" s="5" t="s">
        <v>36266</v>
      </c>
      <c r="O12855" s="5" t="s">
        <v>38</v>
      </c>
      <c r="P12855" s="5" t="s">
        <v>39</v>
      </c>
      <c r="Q12855" s="5" t="s">
        <v>40</v>
      </c>
      <c r="R12855" s="5" t="s">
        <v>1522</v>
      </c>
      <c r="S12855" s="5" t="s">
        <v>1523</v>
      </c>
      <c r="T12855" s="5" t="s">
        <v>42</v>
      </c>
      <c r="U12855" s="2">
        <v>1.718</v>
      </c>
      <c r="V12855" s="2">
        <v>1.26</v>
      </c>
      <c r="W12855" s="2">
        <v>1.4999999999999999E-2</v>
      </c>
      <c r="X12855" s="2">
        <v>118.9</v>
      </c>
      <c r="Y12855" s="2">
        <v>7.6</v>
      </c>
      <c r="Z12855" s="2">
        <v>16.7</v>
      </c>
      <c r="AA12855" s="5"/>
      <c r="AB12855" s="5" t="s">
        <v>43</v>
      </c>
      <c r="AC12855" s="5" t="s">
        <v>44</v>
      </c>
      <c r="AD12855" s="2"/>
      <c r="AE12855" s="1"/>
    </row>
    <row r="12856" spans="1:31" ht="14.45">
      <c r="A12856" s="11"/>
      <c r="B12856" s="20"/>
      <c r="C12856" s="2" t="s">
        <v>39496</v>
      </c>
      <c r="D12856" s="14" t="s">
        <v>39497</v>
      </c>
      <c r="E12856" s="2" t="s">
        <v>39498</v>
      </c>
      <c r="F12856" s="2" t="s">
        <v>36313</v>
      </c>
      <c r="G12856" s="8">
        <v>206</v>
      </c>
      <c r="H12856" s="5">
        <v>6</v>
      </c>
      <c r="I12856" s="5" t="s">
        <v>1518</v>
      </c>
      <c r="J12856" s="5" t="s">
        <v>36264</v>
      </c>
      <c r="K12856" s="2" t="s">
        <v>36265</v>
      </c>
      <c r="L12856" s="5" t="s">
        <v>36264</v>
      </c>
      <c r="M12856" s="2" t="s">
        <v>36265</v>
      </c>
      <c r="N12856" s="5" t="s">
        <v>36266</v>
      </c>
      <c r="O12856" s="5" t="s">
        <v>38</v>
      </c>
      <c r="P12856" s="5" t="s">
        <v>39</v>
      </c>
      <c r="Q12856" s="5" t="s">
        <v>40</v>
      </c>
      <c r="R12856" s="5" t="s">
        <v>1522</v>
      </c>
      <c r="S12856" s="5" t="s">
        <v>1523</v>
      </c>
      <c r="T12856" s="5" t="s">
        <v>42</v>
      </c>
      <c r="U12856" s="2">
        <v>1.677</v>
      </c>
      <c r="V12856" s="2">
        <v>1.2190000000000001</v>
      </c>
      <c r="W12856" s="2">
        <v>1.4999999999999999E-2</v>
      </c>
      <c r="X12856" s="2">
        <v>118.9</v>
      </c>
      <c r="Y12856" s="2">
        <v>7.6</v>
      </c>
      <c r="Z12856" s="2">
        <v>16.7</v>
      </c>
      <c r="AA12856" s="5"/>
      <c r="AB12856" s="5" t="s">
        <v>43</v>
      </c>
      <c r="AC12856" s="5" t="s">
        <v>44</v>
      </c>
      <c r="AD12856" s="2"/>
      <c r="AE12856" s="1"/>
    </row>
    <row r="12857" spans="1:31" ht="14.45">
      <c r="A12857" s="11"/>
      <c r="B12857" s="20"/>
      <c r="C12857" s="2" t="s">
        <v>39499</v>
      </c>
      <c r="D12857" s="14" t="s">
        <v>39500</v>
      </c>
      <c r="E12857" s="2" t="s">
        <v>39501</v>
      </c>
      <c r="F12857" s="2" t="s">
        <v>36317</v>
      </c>
      <c r="G12857" s="8">
        <v>206</v>
      </c>
      <c r="H12857" s="5">
        <v>6</v>
      </c>
      <c r="I12857" s="5" t="s">
        <v>1518</v>
      </c>
      <c r="J12857" s="5" t="s">
        <v>36264</v>
      </c>
      <c r="K12857" s="2" t="s">
        <v>36265</v>
      </c>
      <c r="L12857" s="5" t="s">
        <v>36264</v>
      </c>
      <c r="M12857" s="2" t="s">
        <v>36265</v>
      </c>
      <c r="N12857" s="5" t="s">
        <v>36266</v>
      </c>
      <c r="O12857" s="5" t="s">
        <v>38</v>
      </c>
      <c r="P12857" s="5" t="s">
        <v>39</v>
      </c>
      <c r="Q12857" s="5" t="s">
        <v>40</v>
      </c>
      <c r="R12857" s="5" t="s">
        <v>1522</v>
      </c>
      <c r="S12857" s="5" t="s">
        <v>1523</v>
      </c>
      <c r="T12857" s="5" t="s">
        <v>42</v>
      </c>
      <c r="U12857" s="2">
        <v>1.718</v>
      </c>
      <c r="V12857" s="2">
        <v>1.26</v>
      </c>
      <c r="W12857" s="2">
        <v>1.4999999999999999E-2</v>
      </c>
      <c r="X12857" s="2">
        <v>118.9</v>
      </c>
      <c r="Y12857" s="2">
        <v>7.6</v>
      </c>
      <c r="Z12857" s="2">
        <v>16.7</v>
      </c>
      <c r="AA12857" s="5"/>
      <c r="AB12857" s="5" t="s">
        <v>43</v>
      </c>
      <c r="AC12857" s="5" t="s">
        <v>44</v>
      </c>
      <c r="AD12857" s="2"/>
      <c r="AE12857" s="1"/>
    </row>
    <row r="12858" spans="1:31" ht="14.45">
      <c r="A12858" s="11"/>
      <c r="B12858" s="20"/>
      <c r="C12858" s="2" t="s">
        <v>39502</v>
      </c>
      <c r="D12858" s="14" t="s">
        <v>39503</v>
      </c>
      <c r="E12858" s="2" t="s">
        <v>39504</v>
      </c>
      <c r="F12858" s="2" t="s">
        <v>36321</v>
      </c>
      <c r="G12858" s="8">
        <v>206</v>
      </c>
      <c r="H12858" s="5">
        <v>6</v>
      </c>
      <c r="I12858" s="5" t="s">
        <v>1518</v>
      </c>
      <c r="J12858" s="5" t="s">
        <v>36264</v>
      </c>
      <c r="K12858" s="2" t="s">
        <v>36265</v>
      </c>
      <c r="L12858" s="5" t="s">
        <v>36264</v>
      </c>
      <c r="M12858" s="2" t="s">
        <v>36265</v>
      </c>
      <c r="N12858" s="5" t="s">
        <v>36266</v>
      </c>
      <c r="O12858" s="5" t="s">
        <v>38</v>
      </c>
      <c r="P12858" s="5" t="s">
        <v>39</v>
      </c>
      <c r="Q12858" s="5" t="s">
        <v>40</v>
      </c>
      <c r="R12858" s="5" t="s">
        <v>1522</v>
      </c>
      <c r="S12858" s="5" t="s">
        <v>1523</v>
      </c>
      <c r="T12858" s="5" t="s">
        <v>42</v>
      </c>
      <c r="U12858" s="2">
        <v>1.677</v>
      </c>
      <c r="V12858" s="2">
        <v>1.2190000000000001</v>
      </c>
      <c r="W12858" s="2">
        <v>1.4999999999999999E-2</v>
      </c>
      <c r="X12858" s="2">
        <v>118.9</v>
      </c>
      <c r="Y12858" s="2">
        <v>7.6</v>
      </c>
      <c r="Z12858" s="2">
        <v>16.7</v>
      </c>
      <c r="AA12858" s="5"/>
      <c r="AB12858" s="5" t="s">
        <v>43</v>
      </c>
      <c r="AC12858" s="5" t="s">
        <v>44</v>
      </c>
      <c r="AD12858" s="2"/>
      <c r="AE12858" s="1"/>
    </row>
    <row r="12859" spans="1:31" ht="14.45">
      <c r="A12859" s="11"/>
      <c r="B12859" s="20"/>
      <c r="C12859" s="2" t="s">
        <v>39505</v>
      </c>
      <c r="D12859" s="14" t="s">
        <v>39506</v>
      </c>
      <c r="E12859" s="2" t="s">
        <v>39507</v>
      </c>
      <c r="F12859" s="2" t="s">
        <v>36325</v>
      </c>
      <c r="G12859" s="8">
        <v>206</v>
      </c>
      <c r="H12859" s="5">
        <v>6</v>
      </c>
      <c r="I12859" s="5" t="s">
        <v>1518</v>
      </c>
      <c r="J12859" s="5" t="s">
        <v>36264</v>
      </c>
      <c r="K12859" s="2" t="s">
        <v>36265</v>
      </c>
      <c r="L12859" s="5" t="s">
        <v>36264</v>
      </c>
      <c r="M12859" s="2" t="s">
        <v>36265</v>
      </c>
      <c r="N12859" s="5" t="s">
        <v>36266</v>
      </c>
      <c r="O12859" s="5" t="s">
        <v>38</v>
      </c>
      <c r="P12859" s="5" t="s">
        <v>39</v>
      </c>
      <c r="Q12859" s="5" t="s">
        <v>40</v>
      </c>
      <c r="R12859" s="5" t="s">
        <v>1522</v>
      </c>
      <c r="S12859" s="5" t="s">
        <v>1523</v>
      </c>
      <c r="T12859" s="5" t="s">
        <v>42</v>
      </c>
      <c r="U12859" s="2">
        <v>1.718</v>
      </c>
      <c r="V12859" s="2">
        <v>1.26</v>
      </c>
      <c r="W12859" s="2">
        <v>1.4999999999999999E-2</v>
      </c>
      <c r="X12859" s="2">
        <v>118.9</v>
      </c>
      <c r="Y12859" s="2">
        <v>7.6</v>
      </c>
      <c r="Z12859" s="2">
        <v>16.7</v>
      </c>
      <c r="AA12859" s="5"/>
      <c r="AB12859" s="5" t="s">
        <v>43</v>
      </c>
      <c r="AC12859" s="5" t="s">
        <v>44</v>
      </c>
      <c r="AD12859" s="2"/>
      <c r="AE12859" s="1"/>
    </row>
    <row r="12860" spans="1:31" ht="14.45">
      <c r="A12860" s="11"/>
      <c r="B12860" s="20"/>
      <c r="C12860" s="2" t="s">
        <v>39508</v>
      </c>
      <c r="D12860" s="14" t="s">
        <v>39509</v>
      </c>
      <c r="E12860" s="2" t="s">
        <v>39510</v>
      </c>
      <c r="F12860" s="2" t="s">
        <v>36329</v>
      </c>
      <c r="G12860" s="8">
        <v>206</v>
      </c>
      <c r="H12860" s="5">
        <v>6</v>
      </c>
      <c r="I12860" s="5" t="s">
        <v>1518</v>
      </c>
      <c r="J12860" s="5" t="s">
        <v>36264</v>
      </c>
      <c r="K12860" s="2" t="s">
        <v>36265</v>
      </c>
      <c r="L12860" s="5" t="s">
        <v>36264</v>
      </c>
      <c r="M12860" s="2" t="s">
        <v>36265</v>
      </c>
      <c r="N12860" s="5" t="s">
        <v>36266</v>
      </c>
      <c r="O12860" s="5" t="s">
        <v>38</v>
      </c>
      <c r="P12860" s="5" t="s">
        <v>39</v>
      </c>
      <c r="Q12860" s="5" t="s">
        <v>40</v>
      </c>
      <c r="R12860" s="5" t="s">
        <v>1522</v>
      </c>
      <c r="S12860" s="5" t="s">
        <v>1523</v>
      </c>
      <c r="T12860" s="5" t="s">
        <v>42</v>
      </c>
      <c r="U12860" s="2">
        <v>1.677</v>
      </c>
      <c r="V12860" s="2">
        <v>1.2190000000000001</v>
      </c>
      <c r="W12860" s="2">
        <v>1.4999999999999999E-2</v>
      </c>
      <c r="X12860" s="2">
        <v>118.9</v>
      </c>
      <c r="Y12860" s="2">
        <v>7.6</v>
      </c>
      <c r="Z12860" s="2">
        <v>16.7</v>
      </c>
      <c r="AA12860" s="5"/>
      <c r="AB12860" s="5" t="s">
        <v>43</v>
      </c>
      <c r="AC12860" s="5" t="s">
        <v>44</v>
      </c>
      <c r="AD12860" s="2"/>
      <c r="AE12860" s="1"/>
    </row>
    <row r="12861" spans="1:31" ht="14.45">
      <c r="A12861" s="11"/>
      <c r="B12861" s="20"/>
      <c r="C12861" s="2" t="s">
        <v>39511</v>
      </c>
      <c r="D12861" s="14" t="s">
        <v>39512</v>
      </c>
      <c r="E12861" s="2" t="s">
        <v>39513</v>
      </c>
      <c r="F12861" s="2" t="s">
        <v>36333</v>
      </c>
      <c r="G12861" s="8">
        <v>206</v>
      </c>
      <c r="H12861" s="5">
        <v>6</v>
      </c>
      <c r="I12861" s="5" t="s">
        <v>1518</v>
      </c>
      <c r="J12861" s="5" t="s">
        <v>36264</v>
      </c>
      <c r="K12861" s="2" t="s">
        <v>36265</v>
      </c>
      <c r="L12861" s="5" t="s">
        <v>36264</v>
      </c>
      <c r="M12861" s="2" t="s">
        <v>36265</v>
      </c>
      <c r="N12861" s="5" t="s">
        <v>36266</v>
      </c>
      <c r="O12861" s="5" t="s">
        <v>38</v>
      </c>
      <c r="P12861" s="5" t="s">
        <v>39</v>
      </c>
      <c r="Q12861" s="5" t="s">
        <v>40</v>
      </c>
      <c r="R12861" s="5" t="s">
        <v>1522</v>
      </c>
      <c r="S12861" s="5" t="s">
        <v>1523</v>
      </c>
      <c r="T12861" s="5" t="s">
        <v>42</v>
      </c>
      <c r="U12861" s="2">
        <v>1.718</v>
      </c>
      <c r="V12861" s="2">
        <v>1.26</v>
      </c>
      <c r="W12861" s="2">
        <v>1.4999999999999999E-2</v>
      </c>
      <c r="X12861" s="2">
        <v>118.9</v>
      </c>
      <c r="Y12861" s="2">
        <v>7.6</v>
      </c>
      <c r="Z12861" s="2">
        <v>16.7</v>
      </c>
      <c r="AA12861" s="5"/>
      <c r="AB12861" s="5" t="s">
        <v>43</v>
      </c>
      <c r="AC12861" s="5" t="s">
        <v>44</v>
      </c>
      <c r="AD12861" s="2"/>
      <c r="AE12861" s="1"/>
    </row>
    <row r="12862" spans="1:31" ht="14.45">
      <c r="A12862" s="11"/>
      <c r="B12862" s="20"/>
      <c r="C12862" s="2" t="s">
        <v>39514</v>
      </c>
      <c r="D12862" s="14" t="s">
        <v>39515</v>
      </c>
      <c r="E12862" s="2" t="s">
        <v>39516</v>
      </c>
      <c r="F12862" s="2" t="s">
        <v>36337</v>
      </c>
      <c r="G12862" s="8">
        <v>206</v>
      </c>
      <c r="H12862" s="5">
        <v>6</v>
      </c>
      <c r="I12862" s="5" t="s">
        <v>1518</v>
      </c>
      <c r="J12862" s="5" t="s">
        <v>36264</v>
      </c>
      <c r="K12862" s="2" t="s">
        <v>36265</v>
      </c>
      <c r="L12862" s="5" t="s">
        <v>36264</v>
      </c>
      <c r="M12862" s="2" t="s">
        <v>36265</v>
      </c>
      <c r="N12862" s="5" t="s">
        <v>36266</v>
      </c>
      <c r="O12862" s="5" t="s">
        <v>38</v>
      </c>
      <c r="P12862" s="5" t="s">
        <v>39</v>
      </c>
      <c r="Q12862" s="5" t="s">
        <v>40</v>
      </c>
      <c r="R12862" s="5" t="s">
        <v>1522</v>
      </c>
      <c r="S12862" s="5" t="s">
        <v>1523</v>
      </c>
      <c r="T12862" s="5" t="s">
        <v>42</v>
      </c>
      <c r="U12862" s="2">
        <v>1.677</v>
      </c>
      <c r="V12862" s="2">
        <v>1.2190000000000001</v>
      </c>
      <c r="W12862" s="2">
        <v>1.4999999999999999E-2</v>
      </c>
      <c r="X12862" s="2">
        <v>118.9</v>
      </c>
      <c r="Y12862" s="2">
        <v>7.6</v>
      </c>
      <c r="Z12862" s="2">
        <v>16.7</v>
      </c>
      <c r="AA12862" s="5"/>
      <c r="AB12862" s="5" t="s">
        <v>43</v>
      </c>
      <c r="AC12862" s="5" t="s">
        <v>44</v>
      </c>
      <c r="AD12862" s="2"/>
      <c r="AE12862" s="1"/>
    </row>
    <row r="12863" spans="1:31" ht="14.45">
      <c r="A12863" s="11"/>
      <c r="B12863" s="20"/>
      <c r="C12863" s="2" t="s">
        <v>39517</v>
      </c>
      <c r="D12863" s="14" t="s">
        <v>39518</v>
      </c>
      <c r="E12863" s="2" t="s">
        <v>39519</v>
      </c>
      <c r="F12863" s="2" t="s">
        <v>36341</v>
      </c>
      <c r="G12863" s="8">
        <v>206</v>
      </c>
      <c r="H12863" s="5">
        <v>6</v>
      </c>
      <c r="I12863" s="5" t="s">
        <v>1518</v>
      </c>
      <c r="J12863" s="5" t="s">
        <v>36264</v>
      </c>
      <c r="K12863" s="2" t="s">
        <v>36265</v>
      </c>
      <c r="L12863" s="5" t="s">
        <v>36264</v>
      </c>
      <c r="M12863" s="2" t="s">
        <v>36265</v>
      </c>
      <c r="N12863" s="5" t="s">
        <v>36266</v>
      </c>
      <c r="O12863" s="5" t="s">
        <v>38</v>
      </c>
      <c r="P12863" s="5" t="s">
        <v>39</v>
      </c>
      <c r="Q12863" s="5" t="s">
        <v>40</v>
      </c>
      <c r="R12863" s="5" t="s">
        <v>1522</v>
      </c>
      <c r="S12863" s="5" t="s">
        <v>1523</v>
      </c>
      <c r="T12863" s="5" t="s">
        <v>42</v>
      </c>
      <c r="U12863" s="2">
        <v>1.718</v>
      </c>
      <c r="V12863" s="2">
        <v>1.26</v>
      </c>
      <c r="W12863" s="2">
        <v>1.4999999999999999E-2</v>
      </c>
      <c r="X12863" s="2">
        <v>118.9</v>
      </c>
      <c r="Y12863" s="2">
        <v>7.6</v>
      </c>
      <c r="Z12863" s="2">
        <v>16.7</v>
      </c>
      <c r="AA12863" s="5"/>
      <c r="AB12863" s="5" t="s">
        <v>43</v>
      </c>
      <c r="AC12863" s="5" t="s">
        <v>44</v>
      </c>
      <c r="AD12863" s="2"/>
      <c r="AE12863" s="1"/>
    </row>
    <row r="12864" spans="1:31" ht="14.45">
      <c r="A12864" s="11"/>
      <c r="B12864" s="20"/>
      <c r="C12864" s="2" t="s">
        <v>39520</v>
      </c>
      <c r="D12864" s="14" t="s">
        <v>39521</v>
      </c>
      <c r="E12864" s="2" t="s">
        <v>39522</v>
      </c>
      <c r="F12864" s="2" t="s">
        <v>36345</v>
      </c>
      <c r="G12864" s="8">
        <v>206</v>
      </c>
      <c r="H12864" s="5">
        <v>6</v>
      </c>
      <c r="I12864" s="5" t="s">
        <v>1518</v>
      </c>
      <c r="J12864" s="5" t="s">
        <v>36264</v>
      </c>
      <c r="K12864" s="2" t="s">
        <v>36265</v>
      </c>
      <c r="L12864" s="5" t="s">
        <v>36264</v>
      </c>
      <c r="M12864" s="2" t="s">
        <v>36265</v>
      </c>
      <c r="N12864" s="5" t="s">
        <v>36266</v>
      </c>
      <c r="O12864" s="5" t="s">
        <v>38</v>
      </c>
      <c r="P12864" s="5" t="s">
        <v>39</v>
      </c>
      <c r="Q12864" s="5" t="s">
        <v>40</v>
      </c>
      <c r="R12864" s="5" t="s">
        <v>1522</v>
      </c>
      <c r="S12864" s="5" t="s">
        <v>1523</v>
      </c>
      <c r="T12864" s="5" t="s">
        <v>42</v>
      </c>
      <c r="U12864" s="2">
        <v>1.677</v>
      </c>
      <c r="V12864" s="2">
        <v>1.2190000000000001</v>
      </c>
      <c r="W12864" s="2">
        <v>1.4999999999999999E-2</v>
      </c>
      <c r="X12864" s="2">
        <v>118.9</v>
      </c>
      <c r="Y12864" s="2">
        <v>7.6</v>
      </c>
      <c r="Z12864" s="2">
        <v>16.7</v>
      </c>
      <c r="AA12864" s="5"/>
      <c r="AB12864" s="5" t="s">
        <v>43</v>
      </c>
      <c r="AC12864" s="5" t="s">
        <v>44</v>
      </c>
      <c r="AD12864" s="2"/>
      <c r="AE12864" s="1"/>
    </row>
    <row r="12865" spans="1:31" ht="14.45">
      <c r="A12865" s="11"/>
      <c r="B12865" s="20"/>
      <c r="C12865" s="2" t="s">
        <v>39523</v>
      </c>
      <c r="D12865" s="14" t="s">
        <v>39524</v>
      </c>
      <c r="E12865" s="2" t="s">
        <v>39525</v>
      </c>
      <c r="F12865" s="2" t="s">
        <v>36349</v>
      </c>
      <c r="G12865" s="8">
        <v>206</v>
      </c>
      <c r="H12865" s="5">
        <v>6</v>
      </c>
      <c r="I12865" s="5" t="s">
        <v>1518</v>
      </c>
      <c r="J12865" s="5" t="s">
        <v>36264</v>
      </c>
      <c r="K12865" s="2" t="s">
        <v>36265</v>
      </c>
      <c r="L12865" s="5" t="s">
        <v>36264</v>
      </c>
      <c r="M12865" s="2" t="s">
        <v>36265</v>
      </c>
      <c r="N12865" s="5" t="s">
        <v>36266</v>
      </c>
      <c r="O12865" s="5" t="s">
        <v>38</v>
      </c>
      <c r="P12865" s="5" t="s">
        <v>39</v>
      </c>
      <c r="Q12865" s="5" t="s">
        <v>40</v>
      </c>
      <c r="R12865" s="5" t="s">
        <v>1522</v>
      </c>
      <c r="S12865" s="5" t="s">
        <v>1523</v>
      </c>
      <c r="T12865" s="5" t="s">
        <v>42</v>
      </c>
      <c r="U12865" s="2">
        <v>1.718</v>
      </c>
      <c r="V12865" s="2">
        <v>1.26</v>
      </c>
      <c r="W12865" s="2">
        <v>1.4999999999999999E-2</v>
      </c>
      <c r="X12865" s="2">
        <v>118.9</v>
      </c>
      <c r="Y12865" s="2">
        <v>7.6</v>
      </c>
      <c r="Z12865" s="2">
        <v>16.7</v>
      </c>
      <c r="AA12865" s="5"/>
      <c r="AB12865" s="5" t="s">
        <v>43</v>
      </c>
      <c r="AC12865" s="5" t="s">
        <v>44</v>
      </c>
      <c r="AD12865" s="2"/>
      <c r="AE12865" s="1"/>
    </row>
    <row r="12866" spans="1:31" ht="14.45">
      <c r="A12866" s="11"/>
      <c r="B12866" s="20"/>
      <c r="C12866" s="2" t="s">
        <v>39526</v>
      </c>
      <c r="D12866" s="14" t="s">
        <v>39527</v>
      </c>
      <c r="E12866" s="2" t="s">
        <v>39528</v>
      </c>
      <c r="F12866" s="2" t="s">
        <v>36353</v>
      </c>
      <c r="G12866" s="8">
        <v>206</v>
      </c>
      <c r="H12866" s="5">
        <v>6</v>
      </c>
      <c r="I12866" s="5" t="s">
        <v>1518</v>
      </c>
      <c r="J12866" s="5" t="s">
        <v>36264</v>
      </c>
      <c r="K12866" s="2" t="s">
        <v>36265</v>
      </c>
      <c r="L12866" s="5" t="s">
        <v>36264</v>
      </c>
      <c r="M12866" s="2" t="s">
        <v>36265</v>
      </c>
      <c r="N12866" s="5" t="s">
        <v>36266</v>
      </c>
      <c r="O12866" s="5" t="s">
        <v>38</v>
      </c>
      <c r="P12866" s="5" t="s">
        <v>39</v>
      </c>
      <c r="Q12866" s="5" t="s">
        <v>40</v>
      </c>
      <c r="R12866" s="5" t="s">
        <v>1522</v>
      </c>
      <c r="S12866" s="5" t="s">
        <v>1523</v>
      </c>
      <c r="T12866" s="5" t="s">
        <v>42</v>
      </c>
      <c r="U12866" s="2">
        <v>1.677</v>
      </c>
      <c r="V12866" s="2">
        <v>1.2190000000000001</v>
      </c>
      <c r="W12866" s="2">
        <v>1.4999999999999999E-2</v>
      </c>
      <c r="X12866" s="2">
        <v>118.9</v>
      </c>
      <c r="Y12866" s="2">
        <v>7.6</v>
      </c>
      <c r="Z12866" s="2">
        <v>16.7</v>
      </c>
      <c r="AA12866" s="5"/>
      <c r="AB12866" s="5" t="s">
        <v>43</v>
      </c>
      <c r="AC12866" s="5" t="s">
        <v>44</v>
      </c>
      <c r="AD12866" s="2"/>
      <c r="AE12866" s="1"/>
    </row>
    <row r="12867" spans="1:31" ht="14.45">
      <c r="A12867" s="11"/>
      <c r="B12867" s="20"/>
      <c r="C12867" s="2" t="s">
        <v>39529</v>
      </c>
      <c r="D12867" s="14" t="s">
        <v>39530</v>
      </c>
      <c r="E12867" s="2" t="s">
        <v>39531</v>
      </c>
      <c r="F12867" s="2" t="s">
        <v>36357</v>
      </c>
      <c r="G12867" s="8">
        <v>206</v>
      </c>
      <c r="H12867" s="5">
        <v>6</v>
      </c>
      <c r="I12867" s="5" t="s">
        <v>1518</v>
      </c>
      <c r="J12867" s="5" t="s">
        <v>36264</v>
      </c>
      <c r="K12867" s="2" t="s">
        <v>36265</v>
      </c>
      <c r="L12867" s="5" t="s">
        <v>36264</v>
      </c>
      <c r="M12867" s="2" t="s">
        <v>36265</v>
      </c>
      <c r="N12867" s="5" t="s">
        <v>36266</v>
      </c>
      <c r="O12867" s="5" t="s">
        <v>38</v>
      </c>
      <c r="P12867" s="5" t="s">
        <v>39</v>
      </c>
      <c r="Q12867" s="5" t="s">
        <v>40</v>
      </c>
      <c r="R12867" s="5" t="s">
        <v>1522</v>
      </c>
      <c r="S12867" s="5" t="s">
        <v>1523</v>
      </c>
      <c r="T12867" s="5" t="s">
        <v>42</v>
      </c>
      <c r="U12867" s="2">
        <v>1.718</v>
      </c>
      <c r="V12867" s="2">
        <v>1.26</v>
      </c>
      <c r="W12867" s="2">
        <v>1.4999999999999999E-2</v>
      </c>
      <c r="X12867" s="2">
        <v>118.9</v>
      </c>
      <c r="Y12867" s="2">
        <v>7.6</v>
      </c>
      <c r="Z12867" s="2">
        <v>16.7</v>
      </c>
      <c r="AA12867" s="5"/>
      <c r="AB12867" s="5" t="s">
        <v>43</v>
      </c>
      <c r="AC12867" s="5" t="s">
        <v>44</v>
      </c>
      <c r="AD12867" s="2"/>
      <c r="AE12867" s="1"/>
    </row>
    <row r="12868" spans="1:31" ht="14.45">
      <c r="A12868" s="11"/>
      <c r="B12868" s="20"/>
      <c r="C12868" s="2" t="s">
        <v>39532</v>
      </c>
      <c r="D12868" s="14" t="s">
        <v>39533</v>
      </c>
      <c r="E12868" s="2" t="s">
        <v>39534</v>
      </c>
      <c r="F12868" s="2" t="s">
        <v>36361</v>
      </c>
      <c r="G12868" s="8">
        <v>206</v>
      </c>
      <c r="H12868" s="5">
        <v>6</v>
      </c>
      <c r="I12868" s="5" t="s">
        <v>1518</v>
      </c>
      <c r="J12868" s="5" t="s">
        <v>36264</v>
      </c>
      <c r="K12868" s="2" t="s">
        <v>36265</v>
      </c>
      <c r="L12868" s="5" t="s">
        <v>36264</v>
      </c>
      <c r="M12868" s="2" t="s">
        <v>36265</v>
      </c>
      <c r="N12868" s="5" t="s">
        <v>36266</v>
      </c>
      <c r="O12868" s="5" t="s">
        <v>38</v>
      </c>
      <c r="P12868" s="5" t="s">
        <v>39</v>
      </c>
      <c r="Q12868" s="5" t="s">
        <v>40</v>
      </c>
      <c r="R12868" s="5" t="s">
        <v>1522</v>
      </c>
      <c r="S12868" s="5" t="s">
        <v>1523</v>
      </c>
      <c r="T12868" s="5" t="s">
        <v>42</v>
      </c>
      <c r="U12868" s="2">
        <v>1.677</v>
      </c>
      <c r="V12868" s="2">
        <v>1.2190000000000001</v>
      </c>
      <c r="W12868" s="2">
        <v>1.4999999999999999E-2</v>
      </c>
      <c r="X12868" s="2">
        <v>118.9</v>
      </c>
      <c r="Y12868" s="2">
        <v>7.6</v>
      </c>
      <c r="Z12868" s="2">
        <v>16.7</v>
      </c>
      <c r="AA12868" s="5"/>
      <c r="AB12868" s="5" t="s">
        <v>43</v>
      </c>
      <c r="AC12868" s="5" t="s">
        <v>44</v>
      </c>
      <c r="AD12868" s="2"/>
      <c r="AE12868" s="1"/>
    </row>
    <row r="12869" spans="1:31" ht="14.45">
      <c r="A12869" s="11"/>
      <c r="B12869" s="20"/>
      <c r="C12869" s="2" t="s">
        <v>39535</v>
      </c>
      <c r="D12869" s="14" t="s">
        <v>39536</v>
      </c>
      <c r="E12869" s="2" t="s">
        <v>39537</v>
      </c>
      <c r="F12869" s="2" t="s">
        <v>36365</v>
      </c>
      <c r="G12869" s="8">
        <v>206</v>
      </c>
      <c r="H12869" s="5">
        <v>6</v>
      </c>
      <c r="I12869" s="5" t="s">
        <v>1518</v>
      </c>
      <c r="J12869" s="5" t="s">
        <v>36264</v>
      </c>
      <c r="K12869" s="2" t="s">
        <v>36265</v>
      </c>
      <c r="L12869" s="5" t="s">
        <v>36264</v>
      </c>
      <c r="M12869" s="2" t="s">
        <v>36265</v>
      </c>
      <c r="N12869" s="5" t="s">
        <v>36266</v>
      </c>
      <c r="O12869" s="5" t="s">
        <v>38</v>
      </c>
      <c r="P12869" s="5" t="s">
        <v>39</v>
      </c>
      <c r="Q12869" s="5" t="s">
        <v>40</v>
      </c>
      <c r="R12869" s="5" t="s">
        <v>1522</v>
      </c>
      <c r="S12869" s="5" t="s">
        <v>1523</v>
      </c>
      <c r="T12869" s="5" t="s">
        <v>42</v>
      </c>
      <c r="U12869" s="2">
        <v>1.718</v>
      </c>
      <c r="V12869" s="2">
        <v>1.26</v>
      </c>
      <c r="W12869" s="2">
        <v>1.4999999999999999E-2</v>
      </c>
      <c r="X12869" s="2">
        <v>118.9</v>
      </c>
      <c r="Y12869" s="2">
        <v>7.6</v>
      </c>
      <c r="Z12869" s="2">
        <v>16.7</v>
      </c>
      <c r="AA12869" s="5"/>
      <c r="AB12869" s="5" t="s">
        <v>43</v>
      </c>
      <c r="AC12869" s="5" t="s">
        <v>44</v>
      </c>
      <c r="AD12869" s="2"/>
      <c r="AE12869" s="1"/>
    </row>
    <row r="12870" spans="1:31" ht="14.45">
      <c r="A12870" s="11"/>
      <c r="B12870" s="20"/>
      <c r="C12870" s="2" t="s">
        <v>39538</v>
      </c>
      <c r="D12870" s="14" t="s">
        <v>39539</v>
      </c>
      <c r="E12870" s="2" t="s">
        <v>39540</v>
      </c>
      <c r="F12870" s="2" t="s">
        <v>36644</v>
      </c>
      <c r="G12870" s="8">
        <v>206</v>
      </c>
      <c r="H12870" s="5">
        <v>6</v>
      </c>
      <c r="I12870" s="5" t="s">
        <v>1518</v>
      </c>
      <c r="J12870" s="5" t="s">
        <v>36264</v>
      </c>
      <c r="K12870" s="2" t="s">
        <v>36265</v>
      </c>
      <c r="L12870" s="5" t="s">
        <v>36264</v>
      </c>
      <c r="M12870" s="2" t="s">
        <v>36265</v>
      </c>
      <c r="N12870" s="5" t="s">
        <v>36266</v>
      </c>
      <c r="O12870" s="5" t="s">
        <v>38</v>
      </c>
      <c r="P12870" s="5" t="s">
        <v>39</v>
      </c>
      <c r="Q12870" s="5" t="s">
        <v>40</v>
      </c>
      <c r="R12870" s="5" t="s">
        <v>1522</v>
      </c>
      <c r="S12870" s="5" t="s">
        <v>1523</v>
      </c>
      <c r="T12870" s="5" t="s">
        <v>42</v>
      </c>
      <c r="U12870" s="2">
        <v>1.677</v>
      </c>
      <c r="V12870" s="2">
        <v>1.2190000000000001</v>
      </c>
      <c r="W12870" s="2">
        <v>1.4999999999999999E-2</v>
      </c>
      <c r="X12870" s="2">
        <v>118.9</v>
      </c>
      <c r="Y12870" s="2">
        <v>7.6</v>
      </c>
      <c r="Z12870" s="2">
        <v>16.7</v>
      </c>
      <c r="AA12870" s="5"/>
      <c r="AB12870" s="5" t="s">
        <v>43</v>
      </c>
      <c r="AC12870" s="5" t="s">
        <v>44</v>
      </c>
      <c r="AD12870" s="2"/>
      <c r="AE12870" s="1"/>
    </row>
    <row r="12871" spans="1:31" ht="14.45">
      <c r="A12871" s="11"/>
      <c r="B12871" s="20"/>
      <c r="C12871" s="2" t="s">
        <v>39541</v>
      </c>
      <c r="D12871" s="14" t="s">
        <v>39542</v>
      </c>
      <c r="E12871" s="2" t="s">
        <v>39543</v>
      </c>
      <c r="F12871" s="2" t="s">
        <v>36648</v>
      </c>
      <c r="G12871" s="8">
        <v>206</v>
      </c>
      <c r="H12871" s="5">
        <v>6</v>
      </c>
      <c r="I12871" s="5" t="s">
        <v>1518</v>
      </c>
      <c r="J12871" s="5" t="s">
        <v>36264</v>
      </c>
      <c r="K12871" s="2" t="s">
        <v>36265</v>
      </c>
      <c r="L12871" s="5" t="s">
        <v>36264</v>
      </c>
      <c r="M12871" s="2" t="s">
        <v>36265</v>
      </c>
      <c r="N12871" s="5" t="s">
        <v>36266</v>
      </c>
      <c r="O12871" s="5" t="s">
        <v>38</v>
      </c>
      <c r="P12871" s="5" t="s">
        <v>39</v>
      </c>
      <c r="Q12871" s="5" t="s">
        <v>40</v>
      </c>
      <c r="R12871" s="5" t="s">
        <v>1522</v>
      </c>
      <c r="S12871" s="5" t="s">
        <v>1523</v>
      </c>
      <c r="T12871" s="5" t="s">
        <v>42</v>
      </c>
      <c r="U12871" s="2">
        <v>1.718</v>
      </c>
      <c r="V12871" s="2">
        <v>1.26</v>
      </c>
      <c r="W12871" s="2">
        <v>1.4999999999999999E-2</v>
      </c>
      <c r="X12871" s="2">
        <v>118.9</v>
      </c>
      <c r="Y12871" s="2">
        <v>7.6</v>
      </c>
      <c r="Z12871" s="2">
        <v>16.7</v>
      </c>
      <c r="AA12871" s="5"/>
      <c r="AB12871" s="5" t="s">
        <v>43</v>
      </c>
      <c r="AC12871" s="5" t="s">
        <v>44</v>
      </c>
      <c r="AD12871" s="2"/>
      <c r="AE12871" s="1"/>
    </row>
    <row r="12872" spans="1:31" ht="14.45">
      <c r="A12872" s="11"/>
      <c r="B12872" s="20"/>
      <c r="C12872" s="2" t="s">
        <v>39544</v>
      </c>
      <c r="D12872" s="14" t="s">
        <v>39545</v>
      </c>
      <c r="E12872" s="2" t="s">
        <v>39546</v>
      </c>
      <c r="F12872" s="2" t="s">
        <v>36377</v>
      </c>
      <c r="G12872" s="8">
        <v>206</v>
      </c>
      <c r="H12872" s="5">
        <v>6</v>
      </c>
      <c r="I12872" s="5" t="s">
        <v>1518</v>
      </c>
      <c r="J12872" s="5" t="s">
        <v>36264</v>
      </c>
      <c r="K12872" s="2" t="s">
        <v>36265</v>
      </c>
      <c r="L12872" s="5" t="s">
        <v>36264</v>
      </c>
      <c r="M12872" s="2" t="s">
        <v>36265</v>
      </c>
      <c r="N12872" s="5" t="s">
        <v>36266</v>
      </c>
      <c r="O12872" s="5" t="s">
        <v>38</v>
      </c>
      <c r="P12872" s="5" t="s">
        <v>39</v>
      </c>
      <c r="Q12872" s="5" t="s">
        <v>40</v>
      </c>
      <c r="R12872" s="5" t="s">
        <v>1522</v>
      </c>
      <c r="S12872" s="5" t="s">
        <v>1523</v>
      </c>
      <c r="T12872" s="5" t="s">
        <v>42</v>
      </c>
      <c r="U12872" s="2">
        <v>1.677</v>
      </c>
      <c r="V12872" s="2">
        <v>1.2190000000000001</v>
      </c>
      <c r="W12872" s="2">
        <v>1.4999999999999999E-2</v>
      </c>
      <c r="X12872" s="2">
        <v>118.9</v>
      </c>
      <c r="Y12872" s="2">
        <v>7.6</v>
      </c>
      <c r="Z12872" s="2">
        <v>16.7</v>
      </c>
      <c r="AA12872" s="5"/>
      <c r="AB12872" s="5" t="s">
        <v>43</v>
      </c>
      <c r="AC12872" s="5" t="s">
        <v>44</v>
      </c>
      <c r="AD12872" s="2"/>
      <c r="AE12872" s="1"/>
    </row>
    <row r="12873" spans="1:31" ht="14.45">
      <c r="A12873" s="11"/>
      <c r="B12873" s="20"/>
      <c r="C12873" s="2" t="s">
        <v>39547</v>
      </c>
      <c r="D12873" s="14" t="s">
        <v>39548</v>
      </c>
      <c r="E12873" s="2" t="s">
        <v>39549</v>
      </c>
      <c r="F12873" s="2" t="s">
        <v>36381</v>
      </c>
      <c r="G12873" s="8">
        <v>206</v>
      </c>
      <c r="H12873" s="5">
        <v>6</v>
      </c>
      <c r="I12873" s="5" t="s">
        <v>1518</v>
      </c>
      <c r="J12873" s="5" t="s">
        <v>36264</v>
      </c>
      <c r="K12873" s="2" t="s">
        <v>36265</v>
      </c>
      <c r="L12873" s="5" t="s">
        <v>36264</v>
      </c>
      <c r="M12873" s="2" t="s">
        <v>36265</v>
      </c>
      <c r="N12873" s="5" t="s">
        <v>36266</v>
      </c>
      <c r="O12873" s="5" t="s">
        <v>38</v>
      </c>
      <c r="P12873" s="5" t="s">
        <v>39</v>
      </c>
      <c r="Q12873" s="5" t="s">
        <v>40</v>
      </c>
      <c r="R12873" s="5" t="s">
        <v>1522</v>
      </c>
      <c r="S12873" s="5" t="s">
        <v>1523</v>
      </c>
      <c r="T12873" s="5" t="s">
        <v>42</v>
      </c>
      <c r="U12873" s="2">
        <v>1.718</v>
      </c>
      <c r="V12873" s="2">
        <v>1.26</v>
      </c>
      <c r="W12873" s="2">
        <v>1.4999999999999999E-2</v>
      </c>
      <c r="X12873" s="2">
        <v>118.9</v>
      </c>
      <c r="Y12873" s="2">
        <v>7.6</v>
      </c>
      <c r="Z12873" s="2">
        <v>16.7</v>
      </c>
      <c r="AA12873" s="5"/>
      <c r="AB12873" s="5" t="s">
        <v>43</v>
      </c>
      <c r="AC12873" s="5" t="s">
        <v>44</v>
      </c>
      <c r="AD12873" s="2"/>
      <c r="AE12873" s="1"/>
    </row>
    <row r="12874" spans="1:31" ht="14.45">
      <c r="A12874" s="11"/>
      <c r="B12874" s="20"/>
      <c r="C12874" s="2" t="s">
        <v>39550</v>
      </c>
      <c r="D12874" s="14" t="s">
        <v>39551</v>
      </c>
      <c r="E12874" s="2" t="s">
        <v>39552</v>
      </c>
      <c r="F12874" s="2" t="s">
        <v>36385</v>
      </c>
      <c r="G12874" s="8">
        <v>206</v>
      </c>
      <c r="H12874" s="5">
        <v>6</v>
      </c>
      <c r="I12874" s="5" t="s">
        <v>1518</v>
      </c>
      <c r="J12874" s="5" t="s">
        <v>36264</v>
      </c>
      <c r="K12874" s="2" t="s">
        <v>36265</v>
      </c>
      <c r="L12874" s="5" t="s">
        <v>36264</v>
      </c>
      <c r="M12874" s="2" t="s">
        <v>36265</v>
      </c>
      <c r="N12874" s="5" t="s">
        <v>36266</v>
      </c>
      <c r="O12874" s="5" t="s">
        <v>38</v>
      </c>
      <c r="P12874" s="5" t="s">
        <v>39</v>
      </c>
      <c r="Q12874" s="5" t="s">
        <v>40</v>
      </c>
      <c r="R12874" s="5" t="s">
        <v>1522</v>
      </c>
      <c r="S12874" s="5" t="s">
        <v>1523</v>
      </c>
      <c r="T12874" s="5" t="s">
        <v>42</v>
      </c>
      <c r="U12874" s="2">
        <v>1.677</v>
      </c>
      <c r="V12874" s="2">
        <v>1.2190000000000001</v>
      </c>
      <c r="W12874" s="2">
        <v>1.4999999999999999E-2</v>
      </c>
      <c r="X12874" s="2">
        <v>118.9</v>
      </c>
      <c r="Y12874" s="2">
        <v>7.6</v>
      </c>
      <c r="Z12874" s="2">
        <v>16.7</v>
      </c>
      <c r="AA12874" s="5"/>
      <c r="AB12874" s="5" t="s">
        <v>43</v>
      </c>
      <c r="AC12874" s="5" t="s">
        <v>44</v>
      </c>
      <c r="AD12874" s="2"/>
      <c r="AE12874" s="1"/>
    </row>
    <row r="12875" spans="1:31" ht="14.45">
      <c r="A12875" s="11"/>
      <c r="B12875" s="20"/>
      <c r="C12875" s="2" t="s">
        <v>39553</v>
      </c>
      <c r="D12875" s="14" t="s">
        <v>39554</v>
      </c>
      <c r="E12875" s="2" t="s">
        <v>39555</v>
      </c>
      <c r="F12875" s="2" t="s">
        <v>36389</v>
      </c>
      <c r="G12875" s="8">
        <v>206</v>
      </c>
      <c r="H12875" s="5">
        <v>6</v>
      </c>
      <c r="I12875" s="5" t="s">
        <v>1518</v>
      </c>
      <c r="J12875" s="5" t="s">
        <v>36264</v>
      </c>
      <c r="K12875" s="2" t="s">
        <v>36265</v>
      </c>
      <c r="L12875" s="5" t="s">
        <v>36264</v>
      </c>
      <c r="M12875" s="2" t="s">
        <v>36265</v>
      </c>
      <c r="N12875" s="5" t="s">
        <v>36266</v>
      </c>
      <c r="O12875" s="5" t="s">
        <v>38</v>
      </c>
      <c r="P12875" s="5" t="s">
        <v>39</v>
      </c>
      <c r="Q12875" s="5" t="s">
        <v>40</v>
      </c>
      <c r="R12875" s="5" t="s">
        <v>1522</v>
      </c>
      <c r="S12875" s="5" t="s">
        <v>1523</v>
      </c>
      <c r="T12875" s="5" t="s">
        <v>42</v>
      </c>
      <c r="U12875" s="2">
        <v>1.718</v>
      </c>
      <c r="V12875" s="2">
        <v>1.26</v>
      </c>
      <c r="W12875" s="2">
        <v>1.4999999999999999E-2</v>
      </c>
      <c r="X12875" s="2">
        <v>118.9</v>
      </c>
      <c r="Y12875" s="2">
        <v>7.6</v>
      </c>
      <c r="Z12875" s="2">
        <v>16.7</v>
      </c>
      <c r="AA12875" s="5"/>
      <c r="AB12875" s="5" t="s">
        <v>43</v>
      </c>
      <c r="AC12875" s="5" t="s">
        <v>44</v>
      </c>
      <c r="AD12875" s="2"/>
      <c r="AE12875" s="1"/>
    </row>
    <row r="12876" spans="1:31" ht="14.45">
      <c r="A12876" s="11"/>
      <c r="B12876" s="20"/>
      <c r="C12876" s="2" t="s">
        <v>39556</v>
      </c>
      <c r="D12876" s="14" t="s">
        <v>39557</v>
      </c>
      <c r="E12876" s="2" t="s">
        <v>39558</v>
      </c>
      <c r="F12876" s="2" t="s">
        <v>7204</v>
      </c>
      <c r="G12876" s="8">
        <v>190</v>
      </c>
      <c r="H12876" s="5">
        <v>6</v>
      </c>
      <c r="I12876" s="5" t="s">
        <v>1518</v>
      </c>
      <c r="J12876" s="5" t="s">
        <v>36264</v>
      </c>
      <c r="K12876" s="2" t="s">
        <v>36265</v>
      </c>
      <c r="L12876" s="5" t="s">
        <v>36264</v>
      </c>
      <c r="M12876" s="2" t="s">
        <v>36265</v>
      </c>
      <c r="N12876" s="5" t="s">
        <v>36266</v>
      </c>
      <c r="O12876" s="5" t="s">
        <v>38</v>
      </c>
      <c r="P12876" s="5" t="s">
        <v>39</v>
      </c>
      <c r="Q12876" s="5" t="s">
        <v>40</v>
      </c>
      <c r="R12876" s="5" t="s">
        <v>1522</v>
      </c>
      <c r="S12876" s="5" t="s">
        <v>1523</v>
      </c>
      <c r="T12876" s="5" t="s">
        <v>42</v>
      </c>
      <c r="U12876" s="2">
        <v>1.8779999999999999</v>
      </c>
      <c r="V12876" s="2">
        <v>1.343</v>
      </c>
      <c r="W12876" s="2">
        <v>1.7999999999999999E-2</v>
      </c>
      <c r="X12876" s="2">
        <v>139.1</v>
      </c>
      <c r="Y12876" s="2">
        <v>7.6</v>
      </c>
      <c r="Z12876" s="2">
        <v>16.7</v>
      </c>
      <c r="AA12876" s="5"/>
      <c r="AB12876" s="5" t="s">
        <v>43</v>
      </c>
      <c r="AC12876" s="5" t="s">
        <v>44</v>
      </c>
      <c r="AD12876" s="2"/>
      <c r="AE12876" s="1"/>
    </row>
    <row r="12877" spans="1:31" ht="14.45">
      <c r="A12877" s="11"/>
      <c r="B12877" s="20"/>
      <c r="C12877" s="2" t="s">
        <v>39559</v>
      </c>
      <c r="D12877" s="14" t="s">
        <v>39560</v>
      </c>
      <c r="E12877" s="2" t="s">
        <v>39561</v>
      </c>
      <c r="F12877" s="2" t="s">
        <v>7514</v>
      </c>
      <c r="G12877" s="8">
        <v>190</v>
      </c>
      <c r="H12877" s="5">
        <v>6</v>
      </c>
      <c r="I12877" s="5" t="s">
        <v>1518</v>
      </c>
      <c r="J12877" s="5" t="s">
        <v>36264</v>
      </c>
      <c r="K12877" s="2" t="s">
        <v>36265</v>
      </c>
      <c r="L12877" s="5" t="s">
        <v>36264</v>
      </c>
      <c r="M12877" s="2" t="s">
        <v>36265</v>
      </c>
      <c r="N12877" s="5" t="s">
        <v>36266</v>
      </c>
      <c r="O12877" s="5" t="s">
        <v>38</v>
      </c>
      <c r="P12877" s="5" t="s">
        <v>39</v>
      </c>
      <c r="Q12877" s="5" t="s">
        <v>40</v>
      </c>
      <c r="R12877" s="5" t="s">
        <v>1522</v>
      </c>
      <c r="S12877" s="5" t="s">
        <v>1523</v>
      </c>
      <c r="T12877" s="5" t="s">
        <v>42</v>
      </c>
      <c r="U12877" s="2">
        <v>1.919</v>
      </c>
      <c r="V12877" s="2">
        <v>1.3839999999999999</v>
      </c>
      <c r="W12877" s="2">
        <v>1.7999999999999999E-2</v>
      </c>
      <c r="X12877" s="2">
        <v>139.1</v>
      </c>
      <c r="Y12877" s="2">
        <v>7.6</v>
      </c>
      <c r="Z12877" s="2">
        <v>16.7</v>
      </c>
      <c r="AA12877" s="5"/>
      <c r="AB12877" s="5" t="s">
        <v>43</v>
      </c>
      <c r="AC12877" s="5" t="s">
        <v>44</v>
      </c>
      <c r="AD12877" s="2"/>
      <c r="AE12877" s="1"/>
    </row>
    <row r="12878" spans="1:31" ht="14.45">
      <c r="A12878" s="11"/>
      <c r="B12878" s="20"/>
      <c r="C12878" s="2" t="s">
        <v>39562</v>
      </c>
      <c r="D12878" s="14" t="s">
        <v>39563</v>
      </c>
      <c r="E12878" s="2" t="s">
        <v>39564</v>
      </c>
      <c r="F12878" s="2" t="s">
        <v>36273</v>
      </c>
      <c r="G12878" s="8">
        <v>190</v>
      </c>
      <c r="H12878" s="5">
        <v>6</v>
      </c>
      <c r="I12878" s="5" t="s">
        <v>1518</v>
      </c>
      <c r="J12878" s="5" t="s">
        <v>36264</v>
      </c>
      <c r="K12878" s="2" t="s">
        <v>36265</v>
      </c>
      <c r="L12878" s="5" t="s">
        <v>36264</v>
      </c>
      <c r="M12878" s="2" t="s">
        <v>36265</v>
      </c>
      <c r="N12878" s="5" t="s">
        <v>36266</v>
      </c>
      <c r="O12878" s="5" t="s">
        <v>38</v>
      </c>
      <c r="P12878" s="5" t="s">
        <v>39</v>
      </c>
      <c r="Q12878" s="5" t="s">
        <v>40</v>
      </c>
      <c r="R12878" s="5" t="s">
        <v>1522</v>
      </c>
      <c r="S12878" s="5" t="s">
        <v>1523</v>
      </c>
      <c r="T12878" s="5" t="s">
        <v>42</v>
      </c>
      <c r="U12878" s="2">
        <v>1.8779999999999999</v>
      </c>
      <c r="V12878" s="2">
        <v>1.343</v>
      </c>
      <c r="W12878" s="2">
        <v>1.7999999999999999E-2</v>
      </c>
      <c r="X12878" s="2">
        <v>139.1</v>
      </c>
      <c r="Y12878" s="2">
        <v>7.6</v>
      </c>
      <c r="Z12878" s="2">
        <v>16.7</v>
      </c>
      <c r="AA12878" s="5"/>
      <c r="AB12878" s="5" t="s">
        <v>43</v>
      </c>
      <c r="AC12878" s="5" t="s">
        <v>44</v>
      </c>
      <c r="AD12878" s="2"/>
      <c r="AE12878" s="1"/>
    </row>
    <row r="12879" spans="1:31" ht="14.45">
      <c r="A12879" s="11"/>
      <c r="B12879" s="20"/>
      <c r="C12879" s="2" t="s">
        <v>39565</v>
      </c>
      <c r="D12879" s="14" t="s">
        <v>39566</v>
      </c>
      <c r="E12879" s="2" t="s">
        <v>39567</v>
      </c>
      <c r="F12879" s="2" t="s">
        <v>36277</v>
      </c>
      <c r="G12879" s="8">
        <v>190</v>
      </c>
      <c r="H12879" s="5">
        <v>6</v>
      </c>
      <c r="I12879" s="5" t="s">
        <v>1518</v>
      </c>
      <c r="J12879" s="5" t="s">
        <v>36264</v>
      </c>
      <c r="K12879" s="2" t="s">
        <v>36265</v>
      </c>
      <c r="L12879" s="5" t="s">
        <v>36264</v>
      </c>
      <c r="M12879" s="2" t="s">
        <v>36265</v>
      </c>
      <c r="N12879" s="5" t="s">
        <v>36266</v>
      </c>
      <c r="O12879" s="5" t="s">
        <v>38</v>
      </c>
      <c r="P12879" s="5" t="s">
        <v>39</v>
      </c>
      <c r="Q12879" s="5" t="s">
        <v>40</v>
      </c>
      <c r="R12879" s="5" t="s">
        <v>1522</v>
      </c>
      <c r="S12879" s="5" t="s">
        <v>1523</v>
      </c>
      <c r="T12879" s="5" t="s">
        <v>42</v>
      </c>
      <c r="U12879" s="2">
        <v>1.919</v>
      </c>
      <c r="V12879" s="2">
        <v>1.3839999999999999</v>
      </c>
      <c r="W12879" s="2">
        <v>1.7999999999999999E-2</v>
      </c>
      <c r="X12879" s="2">
        <v>139.1</v>
      </c>
      <c r="Y12879" s="2">
        <v>7.6</v>
      </c>
      <c r="Z12879" s="2">
        <v>16.7</v>
      </c>
      <c r="AA12879" s="5"/>
      <c r="AB12879" s="5" t="s">
        <v>43</v>
      </c>
      <c r="AC12879" s="5" t="s">
        <v>44</v>
      </c>
      <c r="AD12879" s="2"/>
      <c r="AE12879" s="1"/>
    </row>
    <row r="12880" spans="1:31" ht="14.45">
      <c r="A12880" s="11"/>
      <c r="B12880" s="20"/>
      <c r="C12880" s="2" t="s">
        <v>39568</v>
      </c>
      <c r="D12880" s="14" t="s">
        <v>39569</v>
      </c>
      <c r="E12880" s="2" t="s">
        <v>39570</v>
      </c>
      <c r="F12880" s="2" t="s">
        <v>36281</v>
      </c>
      <c r="G12880" s="8">
        <v>218</v>
      </c>
      <c r="H12880" s="5">
        <v>6</v>
      </c>
      <c r="I12880" s="5" t="s">
        <v>1518</v>
      </c>
      <c r="J12880" s="5" t="s">
        <v>36264</v>
      </c>
      <c r="K12880" s="2" t="s">
        <v>36265</v>
      </c>
      <c r="L12880" s="5" t="s">
        <v>36264</v>
      </c>
      <c r="M12880" s="2" t="s">
        <v>36265</v>
      </c>
      <c r="N12880" s="5" t="s">
        <v>36266</v>
      </c>
      <c r="O12880" s="5" t="s">
        <v>38</v>
      </c>
      <c r="P12880" s="5" t="s">
        <v>39</v>
      </c>
      <c r="Q12880" s="5" t="s">
        <v>40</v>
      </c>
      <c r="R12880" s="5" t="s">
        <v>1522</v>
      </c>
      <c r="S12880" s="5" t="s">
        <v>1523</v>
      </c>
      <c r="T12880" s="5" t="s">
        <v>42</v>
      </c>
      <c r="U12880" s="2">
        <v>1.8779999999999999</v>
      </c>
      <c r="V12880" s="2">
        <v>1.343</v>
      </c>
      <c r="W12880" s="2">
        <v>1.7999999999999999E-2</v>
      </c>
      <c r="X12880" s="2">
        <v>139.1</v>
      </c>
      <c r="Y12880" s="2">
        <v>7.6</v>
      </c>
      <c r="Z12880" s="2">
        <v>16.7</v>
      </c>
      <c r="AA12880" s="5"/>
      <c r="AB12880" s="5" t="s">
        <v>43</v>
      </c>
      <c r="AC12880" s="5" t="s">
        <v>44</v>
      </c>
      <c r="AD12880" s="2"/>
      <c r="AE12880" s="1"/>
    </row>
    <row r="12881" spans="1:31" ht="14.45">
      <c r="A12881" s="11"/>
      <c r="B12881" s="20"/>
      <c r="C12881" s="2" t="s">
        <v>39571</v>
      </c>
      <c r="D12881" s="14" t="s">
        <v>39572</v>
      </c>
      <c r="E12881" s="2" t="s">
        <v>39573</v>
      </c>
      <c r="F12881" s="2" t="s">
        <v>36285</v>
      </c>
      <c r="G12881" s="8">
        <v>218</v>
      </c>
      <c r="H12881" s="5">
        <v>6</v>
      </c>
      <c r="I12881" s="5" t="s">
        <v>1518</v>
      </c>
      <c r="J12881" s="5" t="s">
        <v>36264</v>
      </c>
      <c r="K12881" s="2" t="s">
        <v>36265</v>
      </c>
      <c r="L12881" s="5" t="s">
        <v>36264</v>
      </c>
      <c r="M12881" s="2" t="s">
        <v>36265</v>
      </c>
      <c r="N12881" s="5" t="s">
        <v>36266</v>
      </c>
      <c r="O12881" s="5" t="s">
        <v>38</v>
      </c>
      <c r="P12881" s="5" t="s">
        <v>39</v>
      </c>
      <c r="Q12881" s="5" t="s">
        <v>40</v>
      </c>
      <c r="R12881" s="5" t="s">
        <v>1522</v>
      </c>
      <c r="S12881" s="5" t="s">
        <v>1523</v>
      </c>
      <c r="T12881" s="5" t="s">
        <v>42</v>
      </c>
      <c r="U12881" s="2">
        <v>1.919</v>
      </c>
      <c r="V12881" s="2">
        <v>1.3839999999999999</v>
      </c>
      <c r="W12881" s="2">
        <v>1.7999999999999999E-2</v>
      </c>
      <c r="X12881" s="2">
        <v>139.1</v>
      </c>
      <c r="Y12881" s="2">
        <v>7.6</v>
      </c>
      <c r="Z12881" s="2">
        <v>16.7</v>
      </c>
      <c r="AA12881" s="5"/>
      <c r="AB12881" s="5" t="s">
        <v>43</v>
      </c>
      <c r="AC12881" s="5" t="s">
        <v>44</v>
      </c>
      <c r="AD12881" s="2"/>
      <c r="AE12881" s="1"/>
    </row>
    <row r="12882" spans="1:31" ht="14.45">
      <c r="A12882" s="11"/>
      <c r="B12882" s="20"/>
      <c r="C12882" s="2" t="s">
        <v>39574</v>
      </c>
      <c r="D12882" s="14" t="s">
        <v>39575</v>
      </c>
      <c r="E12882" s="2" t="s">
        <v>39576</v>
      </c>
      <c r="F12882" s="2" t="s">
        <v>36289</v>
      </c>
      <c r="G12882" s="8">
        <v>218</v>
      </c>
      <c r="H12882" s="5">
        <v>6</v>
      </c>
      <c r="I12882" s="5" t="s">
        <v>1518</v>
      </c>
      <c r="J12882" s="5" t="s">
        <v>36264</v>
      </c>
      <c r="K12882" s="2" t="s">
        <v>36265</v>
      </c>
      <c r="L12882" s="5" t="s">
        <v>36264</v>
      </c>
      <c r="M12882" s="2" t="s">
        <v>36265</v>
      </c>
      <c r="N12882" s="5" t="s">
        <v>36266</v>
      </c>
      <c r="O12882" s="5" t="s">
        <v>38</v>
      </c>
      <c r="P12882" s="5" t="s">
        <v>39</v>
      </c>
      <c r="Q12882" s="5" t="s">
        <v>40</v>
      </c>
      <c r="R12882" s="5" t="s">
        <v>1522</v>
      </c>
      <c r="S12882" s="5" t="s">
        <v>1523</v>
      </c>
      <c r="T12882" s="5" t="s">
        <v>42</v>
      </c>
      <c r="U12882" s="2">
        <v>1.8779999999999999</v>
      </c>
      <c r="V12882" s="2">
        <v>1.343</v>
      </c>
      <c r="W12882" s="2">
        <v>1.7999999999999999E-2</v>
      </c>
      <c r="X12882" s="2">
        <v>139.1</v>
      </c>
      <c r="Y12882" s="2">
        <v>7.6</v>
      </c>
      <c r="Z12882" s="2">
        <v>16.7</v>
      </c>
      <c r="AA12882" s="5"/>
      <c r="AB12882" s="5" t="s">
        <v>43</v>
      </c>
      <c r="AC12882" s="5" t="s">
        <v>44</v>
      </c>
      <c r="AD12882" s="2"/>
      <c r="AE12882" s="1"/>
    </row>
    <row r="12883" spans="1:31" ht="14.45">
      <c r="A12883" s="11"/>
      <c r="B12883" s="20"/>
      <c r="C12883" s="2" t="s">
        <v>39577</v>
      </c>
      <c r="D12883" s="14" t="s">
        <v>39578</v>
      </c>
      <c r="E12883" s="2" t="s">
        <v>39579</v>
      </c>
      <c r="F12883" s="2" t="s">
        <v>36293</v>
      </c>
      <c r="G12883" s="8">
        <v>218</v>
      </c>
      <c r="H12883" s="5">
        <v>6</v>
      </c>
      <c r="I12883" s="5" t="s">
        <v>1518</v>
      </c>
      <c r="J12883" s="5" t="s">
        <v>36264</v>
      </c>
      <c r="K12883" s="2" t="s">
        <v>36265</v>
      </c>
      <c r="L12883" s="5" t="s">
        <v>36264</v>
      </c>
      <c r="M12883" s="2" t="s">
        <v>36265</v>
      </c>
      <c r="N12883" s="5" t="s">
        <v>36266</v>
      </c>
      <c r="O12883" s="5" t="s">
        <v>38</v>
      </c>
      <c r="P12883" s="5" t="s">
        <v>39</v>
      </c>
      <c r="Q12883" s="5" t="s">
        <v>40</v>
      </c>
      <c r="R12883" s="5" t="s">
        <v>1522</v>
      </c>
      <c r="S12883" s="5" t="s">
        <v>1523</v>
      </c>
      <c r="T12883" s="5" t="s">
        <v>42</v>
      </c>
      <c r="U12883" s="2">
        <v>1.919</v>
      </c>
      <c r="V12883" s="2">
        <v>1.3839999999999999</v>
      </c>
      <c r="W12883" s="2">
        <v>1.7999999999999999E-2</v>
      </c>
      <c r="X12883" s="2">
        <v>139.1</v>
      </c>
      <c r="Y12883" s="2">
        <v>7.6</v>
      </c>
      <c r="Z12883" s="2">
        <v>16.7</v>
      </c>
      <c r="AA12883" s="5"/>
      <c r="AB12883" s="5" t="s">
        <v>43</v>
      </c>
      <c r="AC12883" s="5" t="s">
        <v>44</v>
      </c>
      <c r="AD12883" s="2"/>
      <c r="AE12883" s="1"/>
    </row>
    <row r="12884" spans="1:31" ht="14.45">
      <c r="A12884" s="11"/>
      <c r="B12884" s="20"/>
      <c r="C12884" s="2" t="s">
        <v>39580</v>
      </c>
      <c r="D12884" s="14" t="s">
        <v>39581</v>
      </c>
      <c r="E12884" s="2" t="s">
        <v>39582</v>
      </c>
      <c r="F12884" s="2" t="s">
        <v>36588</v>
      </c>
      <c r="G12884" s="8">
        <v>190</v>
      </c>
      <c r="H12884" s="5">
        <v>6</v>
      </c>
      <c r="I12884" s="5" t="s">
        <v>1518</v>
      </c>
      <c r="J12884" s="5" t="s">
        <v>36264</v>
      </c>
      <c r="K12884" s="2" t="s">
        <v>36265</v>
      </c>
      <c r="L12884" s="5" t="s">
        <v>36264</v>
      </c>
      <c r="M12884" s="2" t="s">
        <v>36265</v>
      </c>
      <c r="N12884" s="5" t="s">
        <v>36266</v>
      </c>
      <c r="O12884" s="5" t="s">
        <v>38</v>
      </c>
      <c r="P12884" s="5" t="s">
        <v>39</v>
      </c>
      <c r="Q12884" s="5" t="s">
        <v>40</v>
      </c>
      <c r="R12884" s="5" t="s">
        <v>1522</v>
      </c>
      <c r="S12884" s="5" t="s">
        <v>1523</v>
      </c>
      <c r="T12884" s="5" t="s">
        <v>42</v>
      </c>
      <c r="U12884" s="2">
        <v>1.8779999999999999</v>
      </c>
      <c r="V12884" s="2">
        <v>1.343</v>
      </c>
      <c r="W12884" s="2">
        <v>1.7999999999999999E-2</v>
      </c>
      <c r="X12884" s="2">
        <v>139.1</v>
      </c>
      <c r="Y12884" s="2">
        <v>7.6</v>
      </c>
      <c r="Z12884" s="2">
        <v>16.7</v>
      </c>
      <c r="AA12884" s="5"/>
      <c r="AB12884" s="5" t="s">
        <v>43</v>
      </c>
      <c r="AC12884" s="5" t="s">
        <v>44</v>
      </c>
      <c r="AD12884" s="2"/>
      <c r="AE12884" s="1"/>
    </row>
    <row r="12885" spans="1:31" ht="14.45">
      <c r="A12885" s="11"/>
      <c r="B12885" s="20"/>
      <c r="C12885" s="2" t="s">
        <v>39583</v>
      </c>
      <c r="D12885" s="14" t="s">
        <v>39584</v>
      </c>
      <c r="E12885" s="2" t="s">
        <v>39585</v>
      </c>
      <c r="F12885" s="2" t="s">
        <v>36592</v>
      </c>
      <c r="G12885" s="8">
        <v>190</v>
      </c>
      <c r="H12885" s="5">
        <v>6</v>
      </c>
      <c r="I12885" s="5" t="s">
        <v>1518</v>
      </c>
      <c r="J12885" s="5" t="s">
        <v>36264</v>
      </c>
      <c r="K12885" s="2" t="s">
        <v>36265</v>
      </c>
      <c r="L12885" s="5" t="s">
        <v>36264</v>
      </c>
      <c r="M12885" s="2" t="s">
        <v>36265</v>
      </c>
      <c r="N12885" s="5" t="s">
        <v>36266</v>
      </c>
      <c r="O12885" s="5" t="s">
        <v>38</v>
      </c>
      <c r="P12885" s="5" t="s">
        <v>39</v>
      </c>
      <c r="Q12885" s="5" t="s">
        <v>40</v>
      </c>
      <c r="R12885" s="5" t="s">
        <v>1522</v>
      </c>
      <c r="S12885" s="5" t="s">
        <v>1523</v>
      </c>
      <c r="T12885" s="5" t="s">
        <v>42</v>
      </c>
      <c r="U12885" s="2">
        <v>1.919</v>
      </c>
      <c r="V12885" s="2">
        <v>1.3839999999999999</v>
      </c>
      <c r="W12885" s="2">
        <v>1.7999999999999999E-2</v>
      </c>
      <c r="X12885" s="2">
        <v>139.1</v>
      </c>
      <c r="Y12885" s="2">
        <v>7.6</v>
      </c>
      <c r="Z12885" s="2">
        <v>16.7</v>
      </c>
      <c r="AA12885" s="5"/>
      <c r="AB12885" s="5" t="s">
        <v>43</v>
      </c>
      <c r="AC12885" s="5" t="s">
        <v>44</v>
      </c>
      <c r="AD12885" s="2"/>
      <c r="AE12885" s="1"/>
    </row>
    <row r="12886" spans="1:31" ht="14.45">
      <c r="A12886" s="11"/>
      <c r="B12886" s="20"/>
      <c r="C12886" s="2" t="s">
        <v>39586</v>
      </c>
      <c r="D12886" s="14" t="s">
        <v>39587</v>
      </c>
      <c r="E12886" s="2" t="s">
        <v>39588</v>
      </c>
      <c r="F12886" s="2" t="s">
        <v>36305</v>
      </c>
      <c r="G12886" s="8">
        <v>190</v>
      </c>
      <c r="H12886" s="5">
        <v>6</v>
      </c>
      <c r="I12886" s="5" t="s">
        <v>1518</v>
      </c>
      <c r="J12886" s="5" t="s">
        <v>36264</v>
      </c>
      <c r="K12886" s="2" t="s">
        <v>36265</v>
      </c>
      <c r="L12886" s="5" t="s">
        <v>36264</v>
      </c>
      <c r="M12886" s="2" t="s">
        <v>36265</v>
      </c>
      <c r="N12886" s="5" t="s">
        <v>36266</v>
      </c>
      <c r="O12886" s="5" t="s">
        <v>38</v>
      </c>
      <c r="P12886" s="5" t="s">
        <v>39</v>
      </c>
      <c r="Q12886" s="5" t="s">
        <v>40</v>
      </c>
      <c r="R12886" s="5" t="s">
        <v>1522</v>
      </c>
      <c r="S12886" s="5" t="s">
        <v>1523</v>
      </c>
      <c r="T12886" s="5" t="s">
        <v>42</v>
      </c>
      <c r="U12886" s="2">
        <v>1.8779999999999999</v>
      </c>
      <c r="V12886" s="2">
        <v>1.343</v>
      </c>
      <c r="W12886" s="2">
        <v>1.7999999999999999E-2</v>
      </c>
      <c r="X12886" s="2">
        <v>139.1</v>
      </c>
      <c r="Y12886" s="2">
        <v>7.6</v>
      </c>
      <c r="Z12886" s="2">
        <v>16.7</v>
      </c>
      <c r="AA12886" s="5"/>
      <c r="AB12886" s="5" t="s">
        <v>43</v>
      </c>
      <c r="AC12886" s="5" t="s">
        <v>44</v>
      </c>
      <c r="AD12886" s="2"/>
      <c r="AE12886" s="1"/>
    </row>
    <row r="12887" spans="1:31" ht="14.45">
      <c r="A12887" s="11"/>
      <c r="B12887" s="20"/>
      <c r="C12887" s="2" t="s">
        <v>39589</v>
      </c>
      <c r="D12887" s="14" t="s">
        <v>39590</v>
      </c>
      <c r="E12887" s="2" t="s">
        <v>39591</v>
      </c>
      <c r="F12887" s="2" t="s">
        <v>36309</v>
      </c>
      <c r="G12887" s="8">
        <v>190</v>
      </c>
      <c r="H12887" s="5">
        <v>6</v>
      </c>
      <c r="I12887" s="5" t="s">
        <v>1518</v>
      </c>
      <c r="J12887" s="5" t="s">
        <v>36264</v>
      </c>
      <c r="K12887" s="2" t="s">
        <v>36265</v>
      </c>
      <c r="L12887" s="5" t="s">
        <v>36264</v>
      </c>
      <c r="M12887" s="2" t="s">
        <v>36265</v>
      </c>
      <c r="N12887" s="5" t="s">
        <v>36266</v>
      </c>
      <c r="O12887" s="5" t="s">
        <v>38</v>
      </c>
      <c r="P12887" s="5" t="s">
        <v>39</v>
      </c>
      <c r="Q12887" s="5" t="s">
        <v>40</v>
      </c>
      <c r="R12887" s="5" t="s">
        <v>1522</v>
      </c>
      <c r="S12887" s="5" t="s">
        <v>1523</v>
      </c>
      <c r="T12887" s="5" t="s">
        <v>42</v>
      </c>
      <c r="U12887" s="2">
        <v>1.919</v>
      </c>
      <c r="V12887" s="2">
        <v>1.3839999999999999</v>
      </c>
      <c r="W12887" s="2">
        <v>1.7999999999999999E-2</v>
      </c>
      <c r="X12887" s="2">
        <v>139.1</v>
      </c>
      <c r="Y12887" s="2">
        <v>7.6</v>
      </c>
      <c r="Z12887" s="2">
        <v>16.7</v>
      </c>
      <c r="AA12887" s="5"/>
      <c r="AB12887" s="5" t="s">
        <v>43</v>
      </c>
      <c r="AC12887" s="5" t="s">
        <v>44</v>
      </c>
      <c r="AD12887" s="2"/>
      <c r="AE12887" s="1"/>
    </row>
    <row r="12888" spans="1:31" ht="14.45">
      <c r="A12888" s="11"/>
      <c r="B12888" s="20"/>
      <c r="C12888" s="2" t="s">
        <v>39592</v>
      </c>
      <c r="D12888" s="14" t="s">
        <v>39593</v>
      </c>
      <c r="E12888" s="2" t="s">
        <v>39594</v>
      </c>
      <c r="F12888" s="2" t="s">
        <v>36313</v>
      </c>
      <c r="G12888" s="8">
        <v>218</v>
      </c>
      <c r="H12888" s="5">
        <v>6</v>
      </c>
      <c r="I12888" s="5" t="s">
        <v>1518</v>
      </c>
      <c r="J12888" s="5" t="s">
        <v>36264</v>
      </c>
      <c r="K12888" s="2" t="s">
        <v>36265</v>
      </c>
      <c r="L12888" s="5" t="s">
        <v>36264</v>
      </c>
      <c r="M12888" s="2" t="s">
        <v>36265</v>
      </c>
      <c r="N12888" s="5" t="s">
        <v>36266</v>
      </c>
      <c r="O12888" s="5" t="s">
        <v>38</v>
      </c>
      <c r="P12888" s="5" t="s">
        <v>39</v>
      </c>
      <c r="Q12888" s="5" t="s">
        <v>40</v>
      </c>
      <c r="R12888" s="5" t="s">
        <v>1522</v>
      </c>
      <c r="S12888" s="5" t="s">
        <v>1523</v>
      </c>
      <c r="T12888" s="5" t="s">
        <v>42</v>
      </c>
      <c r="U12888" s="2">
        <v>1.8779999999999999</v>
      </c>
      <c r="V12888" s="2">
        <v>1.343</v>
      </c>
      <c r="W12888" s="2">
        <v>1.7999999999999999E-2</v>
      </c>
      <c r="X12888" s="2">
        <v>139.1</v>
      </c>
      <c r="Y12888" s="2">
        <v>7.6</v>
      </c>
      <c r="Z12888" s="2">
        <v>16.7</v>
      </c>
      <c r="AA12888" s="5"/>
      <c r="AB12888" s="5" t="s">
        <v>43</v>
      </c>
      <c r="AC12888" s="5" t="s">
        <v>44</v>
      </c>
      <c r="AD12888" s="2"/>
      <c r="AE12888" s="1"/>
    </row>
    <row r="12889" spans="1:31" ht="14.45">
      <c r="A12889" s="11"/>
      <c r="B12889" s="20"/>
      <c r="C12889" s="2" t="s">
        <v>39595</v>
      </c>
      <c r="D12889" s="14" t="s">
        <v>39596</v>
      </c>
      <c r="E12889" s="2" t="s">
        <v>39597</v>
      </c>
      <c r="F12889" s="2" t="s">
        <v>36317</v>
      </c>
      <c r="G12889" s="8">
        <v>218</v>
      </c>
      <c r="H12889" s="5">
        <v>6</v>
      </c>
      <c r="I12889" s="5" t="s">
        <v>1518</v>
      </c>
      <c r="J12889" s="5" t="s">
        <v>36264</v>
      </c>
      <c r="K12889" s="2" t="s">
        <v>36265</v>
      </c>
      <c r="L12889" s="5" t="s">
        <v>36264</v>
      </c>
      <c r="M12889" s="2" t="s">
        <v>36265</v>
      </c>
      <c r="N12889" s="5" t="s">
        <v>36266</v>
      </c>
      <c r="O12889" s="5" t="s">
        <v>38</v>
      </c>
      <c r="P12889" s="5" t="s">
        <v>39</v>
      </c>
      <c r="Q12889" s="5" t="s">
        <v>40</v>
      </c>
      <c r="R12889" s="5" t="s">
        <v>1522</v>
      </c>
      <c r="S12889" s="5" t="s">
        <v>1523</v>
      </c>
      <c r="T12889" s="5" t="s">
        <v>42</v>
      </c>
      <c r="U12889" s="2">
        <v>1.919</v>
      </c>
      <c r="V12889" s="2">
        <v>1.3839999999999999</v>
      </c>
      <c r="W12889" s="2">
        <v>1.7999999999999999E-2</v>
      </c>
      <c r="X12889" s="2">
        <v>139.1</v>
      </c>
      <c r="Y12889" s="2">
        <v>7.6</v>
      </c>
      <c r="Z12889" s="2">
        <v>16.7</v>
      </c>
      <c r="AA12889" s="5"/>
      <c r="AB12889" s="5" t="s">
        <v>43</v>
      </c>
      <c r="AC12889" s="5" t="s">
        <v>44</v>
      </c>
      <c r="AD12889" s="2"/>
      <c r="AE12889" s="1"/>
    </row>
    <row r="12890" spans="1:31" ht="14.45">
      <c r="A12890" s="11"/>
      <c r="B12890" s="20"/>
      <c r="C12890" s="2" t="s">
        <v>39598</v>
      </c>
      <c r="D12890" s="14" t="s">
        <v>39599</v>
      </c>
      <c r="E12890" s="2" t="s">
        <v>39600</v>
      </c>
      <c r="F12890" s="2" t="s">
        <v>36321</v>
      </c>
      <c r="G12890" s="8">
        <v>218</v>
      </c>
      <c r="H12890" s="5">
        <v>6</v>
      </c>
      <c r="I12890" s="5" t="s">
        <v>1518</v>
      </c>
      <c r="J12890" s="5" t="s">
        <v>36264</v>
      </c>
      <c r="K12890" s="2" t="s">
        <v>36265</v>
      </c>
      <c r="L12890" s="5" t="s">
        <v>36264</v>
      </c>
      <c r="M12890" s="2" t="s">
        <v>36265</v>
      </c>
      <c r="N12890" s="5" t="s">
        <v>36266</v>
      </c>
      <c r="O12890" s="5" t="s">
        <v>38</v>
      </c>
      <c r="P12890" s="5" t="s">
        <v>39</v>
      </c>
      <c r="Q12890" s="5" t="s">
        <v>40</v>
      </c>
      <c r="R12890" s="5" t="s">
        <v>1522</v>
      </c>
      <c r="S12890" s="5" t="s">
        <v>1523</v>
      </c>
      <c r="T12890" s="5" t="s">
        <v>42</v>
      </c>
      <c r="U12890" s="2">
        <v>1.8779999999999999</v>
      </c>
      <c r="V12890" s="2">
        <v>1.343</v>
      </c>
      <c r="W12890" s="2">
        <v>1.7999999999999999E-2</v>
      </c>
      <c r="X12890" s="2">
        <v>139.1</v>
      </c>
      <c r="Y12890" s="2">
        <v>7.6</v>
      </c>
      <c r="Z12890" s="2">
        <v>16.7</v>
      </c>
      <c r="AA12890" s="5"/>
      <c r="AB12890" s="5" t="s">
        <v>43</v>
      </c>
      <c r="AC12890" s="5" t="s">
        <v>44</v>
      </c>
      <c r="AD12890" s="2"/>
      <c r="AE12890" s="1"/>
    </row>
    <row r="12891" spans="1:31" ht="14.45">
      <c r="A12891" s="11"/>
      <c r="B12891" s="20"/>
      <c r="C12891" s="2" t="s">
        <v>39601</v>
      </c>
      <c r="D12891" s="14" t="s">
        <v>39602</v>
      </c>
      <c r="E12891" s="2" t="s">
        <v>39603</v>
      </c>
      <c r="F12891" s="2" t="s">
        <v>36325</v>
      </c>
      <c r="G12891" s="8">
        <v>218</v>
      </c>
      <c r="H12891" s="5">
        <v>6</v>
      </c>
      <c r="I12891" s="5" t="s">
        <v>1518</v>
      </c>
      <c r="J12891" s="5" t="s">
        <v>36264</v>
      </c>
      <c r="K12891" s="2" t="s">
        <v>36265</v>
      </c>
      <c r="L12891" s="5" t="s">
        <v>36264</v>
      </c>
      <c r="M12891" s="2" t="s">
        <v>36265</v>
      </c>
      <c r="N12891" s="5" t="s">
        <v>36266</v>
      </c>
      <c r="O12891" s="5" t="s">
        <v>38</v>
      </c>
      <c r="P12891" s="5" t="s">
        <v>39</v>
      </c>
      <c r="Q12891" s="5" t="s">
        <v>40</v>
      </c>
      <c r="R12891" s="5" t="s">
        <v>1522</v>
      </c>
      <c r="S12891" s="5" t="s">
        <v>1523</v>
      </c>
      <c r="T12891" s="5" t="s">
        <v>42</v>
      </c>
      <c r="U12891" s="2">
        <v>1.919</v>
      </c>
      <c r="V12891" s="2">
        <v>1.3839999999999999</v>
      </c>
      <c r="W12891" s="2">
        <v>1.7999999999999999E-2</v>
      </c>
      <c r="X12891" s="2">
        <v>139.1</v>
      </c>
      <c r="Y12891" s="2">
        <v>7.6</v>
      </c>
      <c r="Z12891" s="2">
        <v>16.7</v>
      </c>
      <c r="AA12891" s="5"/>
      <c r="AB12891" s="5" t="s">
        <v>43</v>
      </c>
      <c r="AC12891" s="5" t="s">
        <v>44</v>
      </c>
      <c r="AD12891" s="2"/>
      <c r="AE12891" s="1"/>
    </row>
    <row r="12892" spans="1:31" ht="14.45">
      <c r="A12892" s="11"/>
      <c r="B12892" s="20"/>
      <c r="C12892" s="2" t="s">
        <v>39604</v>
      </c>
      <c r="D12892" s="14" t="s">
        <v>39605</v>
      </c>
      <c r="E12892" s="2" t="s">
        <v>39606</v>
      </c>
      <c r="F12892" s="2" t="s">
        <v>36329</v>
      </c>
      <c r="G12892" s="8">
        <v>218</v>
      </c>
      <c r="H12892" s="5">
        <v>6</v>
      </c>
      <c r="I12892" s="5" t="s">
        <v>1518</v>
      </c>
      <c r="J12892" s="5" t="s">
        <v>36264</v>
      </c>
      <c r="K12892" s="2" t="s">
        <v>36265</v>
      </c>
      <c r="L12892" s="5" t="s">
        <v>36264</v>
      </c>
      <c r="M12892" s="2" t="s">
        <v>36265</v>
      </c>
      <c r="N12892" s="5" t="s">
        <v>36266</v>
      </c>
      <c r="O12892" s="5" t="s">
        <v>38</v>
      </c>
      <c r="P12892" s="5" t="s">
        <v>39</v>
      </c>
      <c r="Q12892" s="5" t="s">
        <v>40</v>
      </c>
      <c r="R12892" s="5" t="s">
        <v>1522</v>
      </c>
      <c r="S12892" s="5" t="s">
        <v>1523</v>
      </c>
      <c r="T12892" s="5" t="s">
        <v>42</v>
      </c>
      <c r="U12892" s="2">
        <v>1.8779999999999999</v>
      </c>
      <c r="V12892" s="2">
        <v>1.343</v>
      </c>
      <c r="W12892" s="2">
        <v>1.7999999999999999E-2</v>
      </c>
      <c r="X12892" s="2">
        <v>139.1</v>
      </c>
      <c r="Y12892" s="2">
        <v>7.6</v>
      </c>
      <c r="Z12892" s="2">
        <v>16.7</v>
      </c>
      <c r="AA12892" s="5"/>
      <c r="AB12892" s="5" t="s">
        <v>43</v>
      </c>
      <c r="AC12892" s="5" t="s">
        <v>44</v>
      </c>
      <c r="AD12892" s="2"/>
      <c r="AE12892" s="1"/>
    </row>
    <row r="12893" spans="1:31" ht="14.45">
      <c r="A12893" s="11"/>
      <c r="B12893" s="20"/>
      <c r="C12893" s="2" t="s">
        <v>39607</v>
      </c>
      <c r="D12893" s="14" t="s">
        <v>39608</v>
      </c>
      <c r="E12893" s="2" t="s">
        <v>39609</v>
      </c>
      <c r="F12893" s="2" t="s">
        <v>36333</v>
      </c>
      <c r="G12893" s="8">
        <v>218</v>
      </c>
      <c r="H12893" s="5">
        <v>6</v>
      </c>
      <c r="I12893" s="5" t="s">
        <v>1518</v>
      </c>
      <c r="J12893" s="5" t="s">
        <v>36264</v>
      </c>
      <c r="K12893" s="2" t="s">
        <v>36265</v>
      </c>
      <c r="L12893" s="5" t="s">
        <v>36264</v>
      </c>
      <c r="M12893" s="2" t="s">
        <v>36265</v>
      </c>
      <c r="N12893" s="5" t="s">
        <v>36266</v>
      </c>
      <c r="O12893" s="5" t="s">
        <v>38</v>
      </c>
      <c r="P12893" s="5" t="s">
        <v>39</v>
      </c>
      <c r="Q12893" s="5" t="s">
        <v>40</v>
      </c>
      <c r="R12893" s="5" t="s">
        <v>1522</v>
      </c>
      <c r="S12893" s="5" t="s">
        <v>1523</v>
      </c>
      <c r="T12893" s="5" t="s">
        <v>42</v>
      </c>
      <c r="U12893" s="2">
        <v>1.919</v>
      </c>
      <c r="V12893" s="2">
        <v>1.3839999999999999</v>
      </c>
      <c r="W12893" s="2">
        <v>1.7999999999999999E-2</v>
      </c>
      <c r="X12893" s="2">
        <v>139.1</v>
      </c>
      <c r="Y12893" s="2">
        <v>7.6</v>
      </c>
      <c r="Z12893" s="2">
        <v>16.7</v>
      </c>
      <c r="AA12893" s="5"/>
      <c r="AB12893" s="5" t="s">
        <v>43</v>
      </c>
      <c r="AC12893" s="5" t="s">
        <v>44</v>
      </c>
      <c r="AD12893" s="2"/>
      <c r="AE12893" s="1"/>
    </row>
    <row r="12894" spans="1:31" ht="14.45">
      <c r="A12894" s="11"/>
      <c r="B12894" s="20"/>
      <c r="C12894" s="2" t="s">
        <v>39610</v>
      </c>
      <c r="D12894" s="14" t="s">
        <v>39611</v>
      </c>
      <c r="E12894" s="2" t="s">
        <v>39612</v>
      </c>
      <c r="F12894" s="2" t="s">
        <v>36337</v>
      </c>
      <c r="G12894" s="8">
        <v>218</v>
      </c>
      <c r="H12894" s="5">
        <v>6</v>
      </c>
      <c r="I12894" s="5" t="s">
        <v>1518</v>
      </c>
      <c r="J12894" s="5" t="s">
        <v>36264</v>
      </c>
      <c r="K12894" s="2" t="s">
        <v>36265</v>
      </c>
      <c r="L12894" s="5" t="s">
        <v>36264</v>
      </c>
      <c r="M12894" s="2" t="s">
        <v>36265</v>
      </c>
      <c r="N12894" s="5" t="s">
        <v>36266</v>
      </c>
      <c r="O12894" s="5" t="s">
        <v>38</v>
      </c>
      <c r="P12894" s="5" t="s">
        <v>39</v>
      </c>
      <c r="Q12894" s="5" t="s">
        <v>40</v>
      </c>
      <c r="R12894" s="5" t="s">
        <v>1522</v>
      </c>
      <c r="S12894" s="5" t="s">
        <v>1523</v>
      </c>
      <c r="T12894" s="5" t="s">
        <v>42</v>
      </c>
      <c r="U12894" s="2">
        <v>1.8779999999999999</v>
      </c>
      <c r="V12894" s="2">
        <v>1.343</v>
      </c>
      <c r="W12894" s="2">
        <v>1.7999999999999999E-2</v>
      </c>
      <c r="X12894" s="2">
        <v>139.1</v>
      </c>
      <c r="Y12894" s="2">
        <v>7.6</v>
      </c>
      <c r="Z12894" s="2">
        <v>16.7</v>
      </c>
      <c r="AA12894" s="5"/>
      <c r="AB12894" s="5" t="s">
        <v>43</v>
      </c>
      <c r="AC12894" s="5" t="s">
        <v>44</v>
      </c>
      <c r="AD12894" s="2"/>
      <c r="AE12894" s="1"/>
    </row>
    <row r="12895" spans="1:31" ht="14.45">
      <c r="A12895" s="11"/>
      <c r="B12895" s="20"/>
      <c r="C12895" s="2" t="s">
        <v>39613</v>
      </c>
      <c r="D12895" s="14" t="s">
        <v>39614</v>
      </c>
      <c r="E12895" s="2" t="s">
        <v>39615</v>
      </c>
      <c r="F12895" s="2" t="s">
        <v>36341</v>
      </c>
      <c r="G12895" s="8">
        <v>218</v>
      </c>
      <c r="H12895" s="5">
        <v>6</v>
      </c>
      <c r="I12895" s="5" t="s">
        <v>1518</v>
      </c>
      <c r="J12895" s="5" t="s">
        <v>36264</v>
      </c>
      <c r="K12895" s="2" t="s">
        <v>36265</v>
      </c>
      <c r="L12895" s="5" t="s">
        <v>36264</v>
      </c>
      <c r="M12895" s="2" t="s">
        <v>36265</v>
      </c>
      <c r="N12895" s="5" t="s">
        <v>36266</v>
      </c>
      <c r="O12895" s="5" t="s">
        <v>38</v>
      </c>
      <c r="P12895" s="5" t="s">
        <v>39</v>
      </c>
      <c r="Q12895" s="5" t="s">
        <v>40</v>
      </c>
      <c r="R12895" s="5" t="s">
        <v>1522</v>
      </c>
      <c r="S12895" s="5" t="s">
        <v>1523</v>
      </c>
      <c r="T12895" s="5" t="s">
        <v>42</v>
      </c>
      <c r="U12895" s="2">
        <v>1.919</v>
      </c>
      <c r="V12895" s="2">
        <v>1.3839999999999999</v>
      </c>
      <c r="W12895" s="2">
        <v>1.7999999999999999E-2</v>
      </c>
      <c r="X12895" s="2">
        <v>139.1</v>
      </c>
      <c r="Y12895" s="2">
        <v>7.6</v>
      </c>
      <c r="Z12895" s="2">
        <v>16.7</v>
      </c>
      <c r="AA12895" s="5"/>
      <c r="AB12895" s="5" t="s">
        <v>43</v>
      </c>
      <c r="AC12895" s="5" t="s">
        <v>44</v>
      </c>
      <c r="AD12895" s="2"/>
      <c r="AE12895" s="1"/>
    </row>
    <row r="12896" spans="1:31" ht="14.45">
      <c r="A12896" s="11"/>
      <c r="B12896" s="20"/>
      <c r="C12896" s="2" t="s">
        <v>39616</v>
      </c>
      <c r="D12896" s="14" t="s">
        <v>39617</v>
      </c>
      <c r="E12896" s="2" t="s">
        <v>39618</v>
      </c>
      <c r="F12896" s="2" t="s">
        <v>36345</v>
      </c>
      <c r="G12896" s="8">
        <v>218</v>
      </c>
      <c r="H12896" s="5">
        <v>6</v>
      </c>
      <c r="I12896" s="5" t="s">
        <v>1518</v>
      </c>
      <c r="J12896" s="5" t="s">
        <v>36264</v>
      </c>
      <c r="K12896" s="2" t="s">
        <v>36265</v>
      </c>
      <c r="L12896" s="5" t="s">
        <v>36264</v>
      </c>
      <c r="M12896" s="2" t="s">
        <v>36265</v>
      </c>
      <c r="N12896" s="5" t="s">
        <v>36266</v>
      </c>
      <c r="O12896" s="5" t="s">
        <v>38</v>
      </c>
      <c r="P12896" s="5" t="s">
        <v>39</v>
      </c>
      <c r="Q12896" s="5" t="s">
        <v>40</v>
      </c>
      <c r="R12896" s="5" t="s">
        <v>1522</v>
      </c>
      <c r="S12896" s="5" t="s">
        <v>1523</v>
      </c>
      <c r="T12896" s="5" t="s">
        <v>42</v>
      </c>
      <c r="U12896" s="2">
        <v>1.8779999999999999</v>
      </c>
      <c r="V12896" s="2">
        <v>1.343</v>
      </c>
      <c r="W12896" s="2">
        <v>1.7999999999999999E-2</v>
      </c>
      <c r="X12896" s="2">
        <v>139.1</v>
      </c>
      <c r="Y12896" s="2">
        <v>7.6</v>
      </c>
      <c r="Z12896" s="2">
        <v>16.7</v>
      </c>
      <c r="AA12896" s="5"/>
      <c r="AB12896" s="5" t="s">
        <v>43</v>
      </c>
      <c r="AC12896" s="5" t="s">
        <v>44</v>
      </c>
      <c r="AD12896" s="2"/>
      <c r="AE12896" s="1"/>
    </row>
    <row r="12897" spans="1:31" ht="14.45">
      <c r="A12897" s="11"/>
      <c r="B12897" s="20"/>
      <c r="C12897" s="2" t="s">
        <v>39619</v>
      </c>
      <c r="D12897" s="14" t="s">
        <v>39620</v>
      </c>
      <c r="E12897" s="2" t="s">
        <v>39621</v>
      </c>
      <c r="F12897" s="2" t="s">
        <v>36349</v>
      </c>
      <c r="G12897" s="8">
        <v>218</v>
      </c>
      <c r="H12897" s="5">
        <v>6</v>
      </c>
      <c r="I12897" s="5" t="s">
        <v>1518</v>
      </c>
      <c r="J12897" s="5" t="s">
        <v>36264</v>
      </c>
      <c r="K12897" s="2" t="s">
        <v>36265</v>
      </c>
      <c r="L12897" s="5" t="s">
        <v>36264</v>
      </c>
      <c r="M12897" s="2" t="s">
        <v>36265</v>
      </c>
      <c r="N12897" s="5" t="s">
        <v>36266</v>
      </c>
      <c r="O12897" s="5" t="s">
        <v>38</v>
      </c>
      <c r="P12897" s="5" t="s">
        <v>39</v>
      </c>
      <c r="Q12897" s="5" t="s">
        <v>40</v>
      </c>
      <c r="R12897" s="5" t="s">
        <v>1522</v>
      </c>
      <c r="S12897" s="5" t="s">
        <v>1523</v>
      </c>
      <c r="T12897" s="5" t="s">
        <v>42</v>
      </c>
      <c r="U12897" s="2">
        <v>1.919</v>
      </c>
      <c r="V12897" s="2">
        <v>1.3839999999999999</v>
      </c>
      <c r="W12897" s="2">
        <v>1.7999999999999999E-2</v>
      </c>
      <c r="X12897" s="2">
        <v>139.1</v>
      </c>
      <c r="Y12897" s="2">
        <v>7.6</v>
      </c>
      <c r="Z12897" s="2">
        <v>16.7</v>
      </c>
      <c r="AA12897" s="5"/>
      <c r="AB12897" s="5" t="s">
        <v>43</v>
      </c>
      <c r="AC12897" s="5" t="s">
        <v>44</v>
      </c>
      <c r="AD12897" s="2"/>
      <c r="AE12897" s="1"/>
    </row>
    <row r="12898" spans="1:31" ht="14.45">
      <c r="A12898" s="11"/>
      <c r="B12898" s="20"/>
      <c r="C12898" s="2" t="s">
        <v>39622</v>
      </c>
      <c r="D12898" s="14" t="s">
        <v>39623</v>
      </c>
      <c r="E12898" s="2" t="s">
        <v>39624</v>
      </c>
      <c r="F12898" s="2" t="s">
        <v>36353</v>
      </c>
      <c r="G12898" s="8">
        <v>218</v>
      </c>
      <c r="H12898" s="5">
        <v>6</v>
      </c>
      <c r="I12898" s="5" t="s">
        <v>1518</v>
      </c>
      <c r="J12898" s="5" t="s">
        <v>36264</v>
      </c>
      <c r="K12898" s="2" t="s">
        <v>36265</v>
      </c>
      <c r="L12898" s="5" t="s">
        <v>36264</v>
      </c>
      <c r="M12898" s="2" t="s">
        <v>36265</v>
      </c>
      <c r="N12898" s="5" t="s">
        <v>36266</v>
      </c>
      <c r="O12898" s="5" t="s">
        <v>38</v>
      </c>
      <c r="P12898" s="5" t="s">
        <v>39</v>
      </c>
      <c r="Q12898" s="5" t="s">
        <v>40</v>
      </c>
      <c r="R12898" s="5" t="s">
        <v>1522</v>
      </c>
      <c r="S12898" s="5" t="s">
        <v>1523</v>
      </c>
      <c r="T12898" s="5" t="s">
        <v>42</v>
      </c>
      <c r="U12898" s="2">
        <v>1.8779999999999999</v>
      </c>
      <c r="V12898" s="2">
        <v>1.343</v>
      </c>
      <c r="W12898" s="2">
        <v>1.7999999999999999E-2</v>
      </c>
      <c r="X12898" s="2">
        <v>139.1</v>
      </c>
      <c r="Y12898" s="2">
        <v>7.6</v>
      </c>
      <c r="Z12898" s="2">
        <v>16.7</v>
      </c>
      <c r="AA12898" s="5"/>
      <c r="AB12898" s="5" t="s">
        <v>43</v>
      </c>
      <c r="AC12898" s="5" t="s">
        <v>44</v>
      </c>
      <c r="AD12898" s="2"/>
      <c r="AE12898" s="1"/>
    </row>
    <row r="12899" spans="1:31" ht="14.45">
      <c r="A12899" s="11"/>
      <c r="B12899" s="20"/>
      <c r="C12899" s="2" t="s">
        <v>39625</v>
      </c>
      <c r="D12899" s="14" t="s">
        <v>39626</v>
      </c>
      <c r="E12899" s="2" t="s">
        <v>39627</v>
      </c>
      <c r="F12899" s="2" t="s">
        <v>36357</v>
      </c>
      <c r="G12899" s="8">
        <v>218</v>
      </c>
      <c r="H12899" s="5">
        <v>6</v>
      </c>
      <c r="I12899" s="5" t="s">
        <v>1518</v>
      </c>
      <c r="J12899" s="5" t="s">
        <v>36264</v>
      </c>
      <c r="K12899" s="2" t="s">
        <v>36265</v>
      </c>
      <c r="L12899" s="5" t="s">
        <v>36264</v>
      </c>
      <c r="M12899" s="2" t="s">
        <v>36265</v>
      </c>
      <c r="N12899" s="5" t="s">
        <v>36266</v>
      </c>
      <c r="O12899" s="5" t="s">
        <v>38</v>
      </c>
      <c r="P12899" s="5" t="s">
        <v>39</v>
      </c>
      <c r="Q12899" s="5" t="s">
        <v>40</v>
      </c>
      <c r="R12899" s="5" t="s">
        <v>1522</v>
      </c>
      <c r="S12899" s="5" t="s">
        <v>1523</v>
      </c>
      <c r="T12899" s="5" t="s">
        <v>42</v>
      </c>
      <c r="U12899" s="2">
        <v>1.919</v>
      </c>
      <c r="V12899" s="2">
        <v>1.3839999999999999</v>
      </c>
      <c r="W12899" s="2">
        <v>1.7999999999999999E-2</v>
      </c>
      <c r="X12899" s="2">
        <v>139.1</v>
      </c>
      <c r="Y12899" s="2">
        <v>7.6</v>
      </c>
      <c r="Z12899" s="2">
        <v>16.7</v>
      </c>
      <c r="AA12899" s="5"/>
      <c r="AB12899" s="5" t="s">
        <v>43</v>
      </c>
      <c r="AC12899" s="5" t="s">
        <v>44</v>
      </c>
      <c r="AD12899" s="2"/>
      <c r="AE12899" s="1"/>
    </row>
    <row r="12900" spans="1:31" ht="14.45">
      <c r="A12900" s="11"/>
      <c r="B12900" s="20"/>
      <c r="C12900" s="2" t="s">
        <v>39628</v>
      </c>
      <c r="D12900" s="14" t="s">
        <v>39629</v>
      </c>
      <c r="E12900" s="2" t="s">
        <v>39630</v>
      </c>
      <c r="F12900" s="2" t="s">
        <v>36361</v>
      </c>
      <c r="G12900" s="8">
        <v>218</v>
      </c>
      <c r="H12900" s="5">
        <v>6</v>
      </c>
      <c r="I12900" s="5" t="s">
        <v>1518</v>
      </c>
      <c r="J12900" s="5" t="s">
        <v>36264</v>
      </c>
      <c r="K12900" s="2" t="s">
        <v>36265</v>
      </c>
      <c r="L12900" s="5" t="s">
        <v>36264</v>
      </c>
      <c r="M12900" s="2" t="s">
        <v>36265</v>
      </c>
      <c r="N12900" s="5" t="s">
        <v>36266</v>
      </c>
      <c r="O12900" s="5" t="s">
        <v>38</v>
      </c>
      <c r="P12900" s="5" t="s">
        <v>39</v>
      </c>
      <c r="Q12900" s="5" t="s">
        <v>40</v>
      </c>
      <c r="R12900" s="5" t="s">
        <v>1522</v>
      </c>
      <c r="S12900" s="5" t="s">
        <v>1523</v>
      </c>
      <c r="T12900" s="5" t="s">
        <v>42</v>
      </c>
      <c r="U12900" s="2">
        <v>1.8779999999999999</v>
      </c>
      <c r="V12900" s="2">
        <v>1.343</v>
      </c>
      <c r="W12900" s="2">
        <v>1.7999999999999999E-2</v>
      </c>
      <c r="X12900" s="2">
        <v>139.1</v>
      </c>
      <c r="Y12900" s="2">
        <v>7.6</v>
      </c>
      <c r="Z12900" s="2">
        <v>16.7</v>
      </c>
      <c r="AA12900" s="5"/>
      <c r="AB12900" s="5" t="s">
        <v>43</v>
      </c>
      <c r="AC12900" s="5" t="s">
        <v>44</v>
      </c>
      <c r="AD12900" s="2"/>
      <c r="AE12900" s="1"/>
    </row>
    <row r="12901" spans="1:31" ht="14.45">
      <c r="A12901" s="11"/>
      <c r="B12901" s="20"/>
      <c r="C12901" s="2" t="s">
        <v>39631</v>
      </c>
      <c r="D12901" s="14" t="s">
        <v>39632</v>
      </c>
      <c r="E12901" s="2" t="s">
        <v>39633</v>
      </c>
      <c r="F12901" s="2" t="s">
        <v>36365</v>
      </c>
      <c r="G12901" s="8">
        <v>218</v>
      </c>
      <c r="H12901" s="5">
        <v>6</v>
      </c>
      <c r="I12901" s="5" t="s">
        <v>1518</v>
      </c>
      <c r="J12901" s="5" t="s">
        <v>36264</v>
      </c>
      <c r="K12901" s="2" t="s">
        <v>36265</v>
      </c>
      <c r="L12901" s="5" t="s">
        <v>36264</v>
      </c>
      <c r="M12901" s="2" t="s">
        <v>36265</v>
      </c>
      <c r="N12901" s="5" t="s">
        <v>36266</v>
      </c>
      <c r="O12901" s="5" t="s">
        <v>38</v>
      </c>
      <c r="P12901" s="5" t="s">
        <v>39</v>
      </c>
      <c r="Q12901" s="5" t="s">
        <v>40</v>
      </c>
      <c r="R12901" s="5" t="s">
        <v>1522</v>
      </c>
      <c r="S12901" s="5" t="s">
        <v>1523</v>
      </c>
      <c r="T12901" s="5" t="s">
        <v>42</v>
      </c>
      <c r="U12901" s="2">
        <v>1.919</v>
      </c>
      <c r="V12901" s="2">
        <v>1.3839999999999999</v>
      </c>
      <c r="W12901" s="2">
        <v>1.7999999999999999E-2</v>
      </c>
      <c r="X12901" s="2">
        <v>139.1</v>
      </c>
      <c r="Y12901" s="2">
        <v>7.6</v>
      </c>
      <c r="Z12901" s="2">
        <v>16.7</v>
      </c>
      <c r="AA12901" s="5"/>
      <c r="AB12901" s="5" t="s">
        <v>43</v>
      </c>
      <c r="AC12901" s="5" t="s">
        <v>44</v>
      </c>
      <c r="AD12901" s="2"/>
      <c r="AE12901" s="1"/>
    </row>
    <row r="12902" spans="1:31" ht="14.45">
      <c r="A12902" s="11"/>
      <c r="B12902" s="20"/>
      <c r="C12902" s="2" t="s">
        <v>39634</v>
      </c>
      <c r="D12902" s="14" t="s">
        <v>39635</v>
      </c>
      <c r="E12902" s="2" t="s">
        <v>39636</v>
      </c>
      <c r="F12902" s="2" t="s">
        <v>36644</v>
      </c>
      <c r="G12902" s="8">
        <v>218</v>
      </c>
      <c r="H12902" s="5">
        <v>6</v>
      </c>
      <c r="I12902" s="5" t="s">
        <v>1518</v>
      </c>
      <c r="J12902" s="5" t="s">
        <v>36264</v>
      </c>
      <c r="K12902" s="2" t="s">
        <v>36265</v>
      </c>
      <c r="L12902" s="5" t="s">
        <v>36264</v>
      </c>
      <c r="M12902" s="2" t="s">
        <v>36265</v>
      </c>
      <c r="N12902" s="5" t="s">
        <v>36266</v>
      </c>
      <c r="O12902" s="5" t="s">
        <v>38</v>
      </c>
      <c r="P12902" s="5" t="s">
        <v>39</v>
      </c>
      <c r="Q12902" s="5" t="s">
        <v>40</v>
      </c>
      <c r="R12902" s="5" t="s">
        <v>1522</v>
      </c>
      <c r="S12902" s="5" t="s">
        <v>1523</v>
      </c>
      <c r="T12902" s="5" t="s">
        <v>42</v>
      </c>
      <c r="U12902" s="2">
        <v>1.8779999999999999</v>
      </c>
      <c r="V12902" s="2">
        <v>1.343</v>
      </c>
      <c r="W12902" s="2">
        <v>1.7999999999999999E-2</v>
      </c>
      <c r="X12902" s="2">
        <v>139.1</v>
      </c>
      <c r="Y12902" s="2">
        <v>7.6</v>
      </c>
      <c r="Z12902" s="2">
        <v>16.7</v>
      </c>
      <c r="AA12902" s="5"/>
      <c r="AB12902" s="5" t="s">
        <v>43</v>
      </c>
      <c r="AC12902" s="5" t="s">
        <v>44</v>
      </c>
      <c r="AD12902" s="2"/>
      <c r="AE12902" s="1"/>
    </row>
    <row r="12903" spans="1:31" ht="14.45">
      <c r="A12903" s="11"/>
      <c r="B12903" s="20"/>
      <c r="C12903" s="2" t="s">
        <v>39637</v>
      </c>
      <c r="D12903" s="14" t="s">
        <v>39638</v>
      </c>
      <c r="E12903" s="2" t="s">
        <v>39639</v>
      </c>
      <c r="F12903" s="2" t="s">
        <v>36648</v>
      </c>
      <c r="G12903" s="8">
        <v>218</v>
      </c>
      <c r="H12903" s="5">
        <v>6</v>
      </c>
      <c r="I12903" s="5" t="s">
        <v>1518</v>
      </c>
      <c r="J12903" s="5" t="s">
        <v>36264</v>
      </c>
      <c r="K12903" s="2" t="s">
        <v>36265</v>
      </c>
      <c r="L12903" s="5" t="s">
        <v>36264</v>
      </c>
      <c r="M12903" s="2" t="s">
        <v>36265</v>
      </c>
      <c r="N12903" s="5" t="s">
        <v>36266</v>
      </c>
      <c r="O12903" s="5" t="s">
        <v>38</v>
      </c>
      <c r="P12903" s="5" t="s">
        <v>39</v>
      </c>
      <c r="Q12903" s="5" t="s">
        <v>40</v>
      </c>
      <c r="R12903" s="5" t="s">
        <v>1522</v>
      </c>
      <c r="S12903" s="5" t="s">
        <v>1523</v>
      </c>
      <c r="T12903" s="5" t="s">
        <v>42</v>
      </c>
      <c r="U12903" s="2">
        <v>1.919</v>
      </c>
      <c r="V12903" s="2">
        <v>1.3839999999999999</v>
      </c>
      <c r="W12903" s="2">
        <v>1.7999999999999999E-2</v>
      </c>
      <c r="X12903" s="2">
        <v>139.1</v>
      </c>
      <c r="Y12903" s="2">
        <v>7.6</v>
      </c>
      <c r="Z12903" s="2">
        <v>16.7</v>
      </c>
      <c r="AA12903" s="5"/>
      <c r="AB12903" s="5" t="s">
        <v>43</v>
      </c>
      <c r="AC12903" s="5" t="s">
        <v>44</v>
      </c>
      <c r="AD12903" s="2"/>
      <c r="AE12903" s="1"/>
    </row>
    <row r="12904" spans="1:31" ht="14.45">
      <c r="A12904" s="11"/>
      <c r="B12904" s="20"/>
      <c r="C12904" s="2" t="s">
        <v>39640</v>
      </c>
      <c r="D12904" s="14" t="s">
        <v>39641</v>
      </c>
      <c r="E12904" s="2" t="s">
        <v>39642</v>
      </c>
      <c r="F12904" s="2" t="s">
        <v>36377</v>
      </c>
      <c r="G12904" s="8">
        <v>218</v>
      </c>
      <c r="H12904" s="5">
        <v>6</v>
      </c>
      <c r="I12904" s="5" t="s">
        <v>1518</v>
      </c>
      <c r="J12904" s="5" t="s">
        <v>36264</v>
      </c>
      <c r="K12904" s="2" t="s">
        <v>36265</v>
      </c>
      <c r="L12904" s="5" t="s">
        <v>36264</v>
      </c>
      <c r="M12904" s="2" t="s">
        <v>36265</v>
      </c>
      <c r="N12904" s="5" t="s">
        <v>36266</v>
      </c>
      <c r="O12904" s="5" t="s">
        <v>38</v>
      </c>
      <c r="P12904" s="5" t="s">
        <v>39</v>
      </c>
      <c r="Q12904" s="5" t="s">
        <v>40</v>
      </c>
      <c r="R12904" s="5" t="s">
        <v>1522</v>
      </c>
      <c r="S12904" s="5" t="s">
        <v>1523</v>
      </c>
      <c r="T12904" s="5" t="s">
        <v>42</v>
      </c>
      <c r="U12904" s="2">
        <v>1.8779999999999999</v>
      </c>
      <c r="V12904" s="2">
        <v>1.343</v>
      </c>
      <c r="W12904" s="2">
        <v>1.7999999999999999E-2</v>
      </c>
      <c r="X12904" s="2">
        <v>139.1</v>
      </c>
      <c r="Y12904" s="2">
        <v>7.6</v>
      </c>
      <c r="Z12904" s="2">
        <v>16.7</v>
      </c>
      <c r="AA12904" s="5"/>
      <c r="AB12904" s="5" t="s">
        <v>43</v>
      </c>
      <c r="AC12904" s="5" t="s">
        <v>44</v>
      </c>
      <c r="AD12904" s="2"/>
      <c r="AE12904" s="1"/>
    </row>
    <row r="12905" spans="1:31" ht="14.45">
      <c r="A12905" s="11"/>
      <c r="B12905" s="20"/>
      <c r="C12905" s="2" t="s">
        <v>39643</v>
      </c>
      <c r="D12905" s="14" t="s">
        <v>39644</v>
      </c>
      <c r="E12905" s="2" t="s">
        <v>39645</v>
      </c>
      <c r="F12905" s="2" t="s">
        <v>36381</v>
      </c>
      <c r="G12905" s="8">
        <v>218</v>
      </c>
      <c r="H12905" s="5">
        <v>6</v>
      </c>
      <c r="I12905" s="5" t="s">
        <v>1518</v>
      </c>
      <c r="J12905" s="5" t="s">
        <v>36264</v>
      </c>
      <c r="K12905" s="2" t="s">
        <v>36265</v>
      </c>
      <c r="L12905" s="5" t="s">
        <v>36264</v>
      </c>
      <c r="M12905" s="2" t="s">
        <v>36265</v>
      </c>
      <c r="N12905" s="5" t="s">
        <v>36266</v>
      </c>
      <c r="O12905" s="5" t="s">
        <v>38</v>
      </c>
      <c r="P12905" s="5" t="s">
        <v>39</v>
      </c>
      <c r="Q12905" s="5" t="s">
        <v>40</v>
      </c>
      <c r="R12905" s="5" t="s">
        <v>1522</v>
      </c>
      <c r="S12905" s="5" t="s">
        <v>1523</v>
      </c>
      <c r="T12905" s="5" t="s">
        <v>42</v>
      </c>
      <c r="U12905" s="2">
        <v>1.919</v>
      </c>
      <c r="V12905" s="2">
        <v>1.3839999999999999</v>
      </c>
      <c r="W12905" s="2">
        <v>1.7999999999999999E-2</v>
      </c>
      <c r="X12905" s="2">
        <v>139.1</v>
      </c>
      <c r="Y12905" s="2">
        <v>7.6</v>
      </c>
      <c r="Z12905" s="2">
        <v>16.7</v>
      </c>
      <c r="AA12905" s="5"/>
      <c r="AB12905" s="5" t="s">
        <v>43</v>
      </c>
      <c r="AC12905" s="5" t="s">
        <v>44</v>
      </c>
      <c r="AD12905" s="2"/>
      <c r="AE12905" s="1"/>
    </row>
    <row r="12906" spans="1:31" ht="14.45">
      <c r="A12906" s="11"/>
      <c r="B12906" s="20"/>
      <c r="C12906" s="2" t="s">
        <v>39646</v>
      </c>
      <c r="D12906" s="14" t="s">
        <v>39647</v>
      </c>
      <c r="E12906" s="2" t="s">
        <v>39648</v>
      </c>
      <c r="F12906" s="2" t="s">
        <v>36385</v>
      </c>
      <c r="G12906" s="8">
        <v>218</v>
      </c>
      <c r="H12906" s="5">
        <v>6</v>
      </c>
      <c r="I12906" s="5" t="s">
        <v>1518</v>
      </c>
      <c r="J12906" s="5" t="s">
        <v>36264</v>
      </c>
      <c r="K12906" s="2" t="s">
        <v>36265</v>
      </c>
      <c r="L12906" s="5" t="s">
        <v>36264</v>
      </c>
      <c r="M12906" s="2" t="s">
        <v>36265</v>
      </c>
      <c r="N12906" s="5" t="s">
        <v>36266</v>
      </c>
      <c r="O12906" s="5" t="s">
        <v>38</v>
      </c>
      <c r="P12906" s="5" t="s">
        <v>39</v>
      </c>
      <c r="Q12906" s="5" t="s">
        <v>40</v>
      </c>
      <c r="R12906" s="5" t="s">
        <v>1522</v>
      </c>
      <c r="S12906" s="5" t="s">
        <v>1523</v>
      </c>
      <c r="T12906" s="5" t="s">
        <v>42</v>
      </c>
      <c r="U12906" s="2">
        <v>1.8779999999999999</v>
      </c>
      <c r="V12906" s="2">
        <v>1.343</v>
      </c>
      <c r="W12906" s="2">
        <v>1.7999999999999999E-2</v>
      </c>
      <c r="X12906" s="2">
        <v>139.1</v>
      </c>
      <c r="Y12906" s="2">
        <v>7.6</v>
      </c>
      <c r="Z12906" s="2">
        <v>16.7</v>
      </c>
      <c r="AA12906" s="5"/>
      <c r="AB12906" s="5" t="s">
        <v>43</v>
      </c>
      <c r="AC12906" s="5" t="s">
        <v>44</v>
      </c>
      <c r="AD12906" s="2"/>
      <c r="AE12906" s="1"/>
    </row>
    <row r="12907" spans="1:31" ht="14.45">
      <c r="A12907" s="11"/>
      <c r="B12907" s="20"/>
      <c r="C12907" s="2" t="s">
        <v>39649</v>
      </c>
      <c r="D12907" s="14" t="s">
        <v>39650</v>
      </c>
      <c r="E12907" s="2" t="s">
        <v>39651</v>
      </c>
      <c r="F12907" s="2" t="s">
        <v>36389</v>
      </c>
      <c r="G12907" s="8">
        <v>218</v>
      </c>
      <c r="H12907" s="5">
        <v>6</v>
      </c>
      <c r="I12907" s="5" t="s">
        <v>1518</v>
      </c>
      <c r="J12907" s="5" t="s">
        <v>36264</v>
      </c>
      <c r="K12907" s="2" t="s">
        <v>36265</v>
      </c>
      <c r="L12907" s="5" t="s">
        <v>36264</v>
      </c>
      <c r="M12907" s="2" t="s">
        <v>36265</v>
      </c>
      <c r="N12907" s="5" t="s">
        <v>36266</v>
      </c>
      <c r="O12907" s="5" t="s">
        <v>38</v>
      </c>
      <c r="P12907" s="5" t="s">
        <v>39</v>
      </c>
      <c r="Q12907" s="5" t="s">
        <v>40</v>
      </c>
      <c r="R12907" s="5" t="s">
        <v>1522</v>
      </c>
      <c r="S12907" s="5" t="s">
        <v>1523</v>
      </c>
      <c r="T12907" s="5" t="s">
        <v>42</v>
      </c>
      <c r="U12907" s="2">
        <v>1.919</v>
      </c>
      <c r="V12907" s="2">
        <v>1.3839999999999999</v>
      </c>
      <c r="W12907" s="2">
        <v>1.7999999999999999E-2</v>
      </c>
      <c r="X12907" s="2">
        <v>139.1</v>
      </c>
      <c r="Y12907" s="2">
        <v>7.6</v>
      </c>
      <c r="Z12907" s="2">
        <v>16.7</v>
      </c>
      <c r="AA12907" s="5"/>
      <c r="AB12907" s="5" t="s">
        <v>43</v>
      </c>
      <c r="AC12907" s="5" t="s">
        <v>44</v>
      </c>
      <c r="AD12907" s="2"/>
      <c r="AE12907" s="1"/>
    </row>
    <row r="12908" spans="1:31" ht="14.45">
      <c r="A12908" s="11"/>
      <c r="B12908" s="20"/>
      <c r="C12908" s="2" t="s">
        <v>39652</v>
      </c>
      <c r="D12908" s="14" t="s">
        <v>39653</v>
      </c>
      <c r="E12908" s="2" t="s">
        <v>39654</v>
      </c>
      <c r="F12908" s="2" t="s">
        <v>7204</v>
      </c>
      <c r="G12908" s="8">
        <v>213</v>
      </c>
      <c r="H12908" s="5">
        <v>6</v>
      </c>
      <c r="I12908" s="5" t="s">
        <v>1518</v>
      </c>
      <c r="J12908" s="5" t="s">
        <v>36264</v>
      </c>
      <c r="K12908" s="2" t="s">
        <v>36265</v>
      </c>
      <c r="L12908" s="5" t="s">
        <v>36264</v>
      </c>
      <c r="M12908" s="2" t="s">
        <v>36265</v>
      </c>
      <c r="N12908" s="5" t="s">
        <v>36266</v>
      </c>
      <c r="O12908" s="5" t="s">
        <v>38</v>
      </c>
      <c r="P12908" s="5" t="s">
        <v>39</v>
      </c>
      <c r="Q12908" s="5" t="s">
        <v>40</v>
      </c>
      <c r="R12908" s="5" t="s">
        <v>1522</v>
      </c>
      <c r="S12908" s="5" t="s">
        <v>1523</v>
      </c>
      <c r="T12908" s="5" t="s">
        <v>42</v>
      </c>
      <c r="U12908" s="2">
        <v>2.0750000000000002</v>
      </c>
      <c r="V12908" s="2">
        <v>1.4570000000000001</v>
      </c>
      <c r="W12908" s="2">
        <v>0.02</v>
      </c>
      <c r="X12908" s="2">
        <v>159.1</v>
      </c>
      <c r="Y12908" s="2">
        <v>7.6</v>
      </c>
      <c r="Z12908" s="2">
        <v>16.7</v>
      </c>
      <c r="AA12908" s="5"/>
      <c r="AB12908" s="5" t="s">
        <v>43</v>
      </c>
      <c r="AC12908" s="5" t="s">
        <v>44</v>
      </c>
      <c r="AD12908" s="2"/>
      <c r="AE12908" s="1"/>
    </row>
    <row r="12909" spans="1:31" ht="14.45">
      <c r="A12909" s="11"/>
      <c r="B12909" s="20"/>
      <c r="C12909" s="2" t="s">
        <v>39655</v>
      </c>
      <c r="D12909" s="14" t="s">
        <v>39656</v>
      </c>
      <c r="E12909" s="2" t="s">
        <v>39657</v>
      </c>
      <c r="F12909" s="2" t="s">
        <v>7514</v>
      </c>
      <c r="G12909" s="8">
        <v>213</v>
      </c>
      <c r="H12909" s="5">
        <v>6</v>
      </c>
      <c r="I12909" s="5" t="s">
        <v>1518</v>
      </c>
      <c r="J12909" s="5" t="s">
        <v>36264</v>
      </c>
      <c r="K12909" s="2" t="s">
        <v>36265</v>
      </c>
      <c r="L12909" s="5" t="s">
        <v>36264</v>
      </c>
      <c r="M12909" s="2" t="s">
        <v>36265</v>
      </c>
      <c r="N12909" s="5" t="s">
        <v>36266</v>
      </c>
      <c r="O12909" s="5" t="s">
        <v>38</v>
      </c>
      <c r="P12909" s="5" t="s">
        <v>39</v>
      </c>
      <c r="Q12909" s="5" t="s">
        <v>40</v>
      </c>
      <c r="R12909" s="5" t="s">
        <v>1522</v>
      </c>
      <c r="S12909" s="5" t="s">
        <v>1523</v>
      </c>
      <c r="T12909" s="5" t="s">
        <v>42</v>
      </c>
      <c r="U12909" s="2">
        <v>2.1160000000000001</v>
      </c>
      <c r="V12909" s="2">
        <v>1.498</v>
      </c>
      <c r="W12909" s="2">
        <v>0.02</v>
      </c>
      <c r="X12909" s="2">
        <v>159.1</v>
      </c>
      <c r="Y12909" s="2">
        <v>7.6</v>
      </c>
      <c r="Z12909" s="2">
        <v>16.7</v>
      </c>
      <c r="AA12909" s="5"/>
      <c r="AB12909" s="5" t="s">
        <v>43</v>
      </c>
      <c r="AC12909" s="5" t="s">
        <v>44</v>
      </c>
      <c r="AD12909" s="2"/>
      <c r="AE12909" s="1"/>
    </row>
    <row r="12910" spans="1:31" ht="14.45">
      <c r="A12910" s="11"/>
      <c r="B12910" s="20"/>
      <c r="C12910" s="2" t="s">
        <v>39658</v>
      </c>
      <c r="D12910" s="14" t="s">
        <v>39659</v>
      </c>
      <c r="E12910" s="2" t="s">
        <v>39660</v>
      </c>
      <c r="F12910" s="2" t="s">
        <v>36273</v>
      </c>
      <c r="G12910" s="8">
        <v>213</v>
      </c>
      <c r="H12910" s="5">
        <v>6</v>
      </c>
      <c r="I12910" s="5" t="s">
        <v>1518</v>
      </c>
      <c r="J12910" s="5" t="s">
        <v>36264</v>
      </c>
      <c r="K12910" s="2" t="s">
        <v>36265</v>
      </c>
      <c r="L12910" s="5" t="s">
        <v>36264</v>
      </c>
      <c r="M12910" s="2" t="s">
        <v>36265</v>
      </c>
      <c r="N12910" s="5" t="s">
        <v>36266</v>
      </c>
      <c r="O12910" s="5" t="s">
        <v>38</v>
      </c>
      <c r="P12910" s="5" t="s">
        <v>39</v>
      </c>
      <c r="Q12910" s="5" t="s">
        <v>40</v>
      </c>
      <c r="R12910" s="5" t="s">
        <v>1522</v>
      </c>
      <c r="S12910" s="5" t="s">
        <v>1523</v>
      </c>
      <c r="T12910" s="5" t="s">
        <v>42</v>
      </c>
      <c r="U12910" s="2">
        <v>2.0750000000000002</v>
      </c>
      <c r="V12910" s="2">
        <v>1.4570000000000001</v>
      </c>
      <c r="W12910" s="2">
        <v>0.02</v>
      </c>
      <c r="X12910" s="2">
        <v>159.1</v>
      </c>
      <c r="Y12910" s="2">
        <v>7.6</v>
      </c>
      <c r="Z12910" s="2">
        <v>16.7</v>
      </c>
      <c r="AA12910" s="5"/>
      <c r="AB12910" s="5" t="s">
        <v>43</v>
      </c>
      <c r="AC12910" s="5" t="s">
        <v>44</v>
      </c>
      <c r="AD12910" s="2"/>
      <c r="AE12910" s="1"/>
    </row>
    <row r="12911" spans="1:31" ht="14.45">
      <c r="A12911" s="11"/>
      <c r="B12911" s="20"/>
      <c r="C12911" s="2" t="s">
        <v>39661</v>
      </c>
      <c r="D12911" s="14" t="s">
        <v>39662</v>
      </c>
      <c r="E12911" s="2" t="s">
        <v>39663</v>
      </c>
      <c r="F12911" s="2" t="s">
        <v>36277</v>
      </c>
      <c r="G12911" s="8">
        <v>213</v>
      </c>
      <c r="H12911" s="5">
        <v>6</v>
      </c>
      <c r="I12911" s="5" t="s">
        <v>1518</v>
      </c>
      <c r="J12911" s="5" t="s">
        <v>36264</v>
      </c>
      <c r="K12911" s="2" t="s">
        <v>36265</v>
      </c>
      <c r="L12911" s="5" t="s">
        <v>36264</v>
      </c>
      <c r="M12911" s="2" t="s">
        <v>36265</v>
      </c>
      <c r="N12911" s="5" t="s">
        <v>36266</v>
      </c>
      <c r="O12911" s="5" t="s">
        <v>38</v>
      </c>
      <c r="P12911" s="5" t="s">
        <v>39</v>
      </c>
      <c r="Q12911" s="5" t="s">
        <v>40</v>
      </c>
      <c r="R12911" s="5" t="s">
        <v>1522</v>
      </c>
      <c r="S12911" s="5" t="s">
        <v>1523</v>
      </c>
      <c r="T12911" s="5" t="s">
        <v>42</v>
      </c>
      <c r="U12911" s="2">
        <v>2.1160000000000001</v>
      </c>
      <c r="V12911" s="2">
        <v>1.498</v>
      </c>
      <c r="W12911" s="2">
        <v>0.02</v>
      </c>
      <c r="X12911" s="2">
        <v>159.1</v>
      </c>
      <c r="Y12911" s="2">
        <v>7.6</v>
      </c>
      <c r="Z12911" s="2">
        <v>16.7</v>
      </c>
      <c r="AA12911" s="5"/>
      <c r="AB12911" s="5" t="s">
        <v>43</v>
      </c>
      <c r="AC12911" s="5" t="s">
        <v>44</v>
      </c>
      <c r="AD12911" s="2"/>
      <c r="AE12911" s="1"/>
    </row>
    <row r="12912" spans="1:31" ht="14.45">
      <c r="A12912" s="11"/>
      <c r="B12912" s="20"/>
      <c r="C12912" s="2" t="s">
        <v>39664</v>
      </c>
      <c r="D12912" s="14" t="s">
        <v>39665</v>
      </c>
      <c r="E12912" s="2" t="s">
        <v>39666</v>
      </c>
      <c r="F12912" s="2" t="s">
        <v>36281</v>
      </c>
      <c r="G12912" s="8">
        <v>245</v>
      </c>
      <c r="H12912" s="5">
        <v>6</v>
      </c>
      <c r="I12912" s="5" t="s">
        <v>1518</v>
      </c>
      <c r="J12912" s="5" t="s">
        <v>36264</v>
      </c>
      <c r="K12912" s="2" t="s">
        <v>36265</v>
      </c>
      <c r="L12912" s="5" t="s">
        <v>36264</v>
      </c>
      <c r="M12912" s="2" t="s">
        <v>36265</v>
      </c>
      <c r="N12912" s="5" t="s">
        <v>36266</v>
      </c>
      <c r="O12912" s="5" t="s">
        <v>38</v>
      </c>
      <c r="P12912" s="5" t="s">
        <v>39</v>
      </c>
      <c r="Q12912" s="5" t="s">
        <v>40</v>
      </c>
      <c r="R12912" s="5" t="s">
        <v>1522</v>
      </c>
      <c r="S12912" s="5" t="s">
        <v>1523</v>
      </c>
      <c r="T12912" s="5" t="s">
        <v>42</v>
      </c>
      <c r="U12912" s="2">
        <v>2.0750000000000002</v>
      </c>
      <c r="V12912" s="2">
        <v>1.4570000000000001</v>
      </c>
      <c r="W12912" s="2">
        <v>0.02</v>
      </c>
      <c r="X12912" s="2">
        <v>159.1</v>
      </c>
      <c r="Y12912" s="2">
        <v>7.6</v>
      </c>
      <c r="Z12912" s="2">
        <v>16.7</v>
      </c>
      <c r="AA12912" s="5"/>
      <c r="AB12912" s="5" t="s">
        <v>43</v>
      </c>
      <c r="AC12912" s="5" t="s">
        <v>44</v>
      </c>
      <c r="AD12912" s="2"/>
      <c r="AE12912" s="1"/>
    </row>
    <row r="12913" spans="1:31" ht="14.45">
      <c r="A12913" s="11"/>
      <c r="B12913" s="20"/>
      <c r="C12913" s="2" t="s">
        <v>39667</v>
      </c>
      <c r="D12913" s="14" t="s">
        <v>39668</v>
      </c>
      <c r="E12913" s="2" t="s">
        <v>39669</v>
      </c>
      <c r="F12913" s="2" t="s">
        <v>36285</v>
      </c>
      <c r="G12913" s="8">
        <v>245</v>
      </c>
      <c r="H12913" s="5">
        <v>6</v>
      </c>
      <c r="I12913" s="5" t="s">
        <v>1518</v>
      </c>
      <c r="J12913" s="5" t="s">
        <v>36264</v>
      </c>
      <c r="K12913" s="2" t="s">
        <v>36265</v>
      </c>
      <c r="L12913" s="5" t="s">
        <v>36264</v>
      </c>
      <c r="M12913" s="2" t="s">
        <v>36265</v>
      </c>
      <c r="N12913" s="5" t="s">
        <v>36266</v>
      </c>
      <c r="O12913" s="5" t="s">
        <v>38</v>
      </c>
      <c r="P12913" s="5" t="s">
        <v>39</v>
      </c>
      <c r="Q12913" s="5" t="s">
        <v>40</v>
      </c>
      <c r="R12913" s="5" t="s">
        <v>1522</v>
      </c>
      <c r="S12913" s="5" t="s">
        <v>1523</v>
      </c>
      <c r="T12913" s="5" t="s">
        <v>42</v>
      </c>
      <c r="U12913" s="2">
        <v>2.1160000000000001</v>
      </c>
      <c r="V12913" s="2">
        <v>1.498</v>
      </c>
      <c r="W12913" s="2">
        <v>0.02</v>
      </c>
      <c r="X12913" s="2">
        <v>159.1</v>
      </c>
      <c r="Y12913" s="2">
        <v>7.6</v>
      </c>
      <c r="Z12913" s="2">
        <v>16.7</v>
      </c>
      <c r="AA12913" s="5"/>
      <c r="AB12913" s="5" t="s">
        <v>43</v>
      </c>
      <c r="AC12913" s="5" t="s">
        <v>44</v>
      </c>
      <c r="AD12913" s="2"/>
      <c r="AE12913" s="1"/>
    </row>
    <row r="12914" spans="1:31" ht="14.45">
      <c r="A12914" s="11"/>
      <c r="B12914" s="20"/>
      <c r="C12914" s="2" t="s">
        <v>39670</v>
      </c>
      <c r="D12914" s="14" t="s">
        <v>39671</v>
      </c>
      <c r="E12914" s="2" t="s">
        <v>39672</v>
      </c>
      <c r="F12914" s="2" t="s">
        <v>36289</v>
      </c>
      <c r="G12914" s="8">
        <v>245</v>
      </c>
      <c r="H12914" s="5">
        <v>6</v>
      </c>
      <c r="I12914" s="5" t="s">
        <v>1518</v>
      </c>
      <c r="J12914" s="5" t="s">
        <v>36264</v>
      </c>
      <c r="K12914" s="2" t="s">
        <v>36265</v>
      </c>
      <c r="L12914" s="5" t="s">
        <v>36264</v>
      </c>
      <c r="M12914" s="2" t="s">
        <v>36265</v>
      </c>
      <c r="N12914" s="5" t="s">
        <v>36266</v>
      </c>
      <c r="O12914" s="5" t="s">
        <v>38</v>
      </c>
      <c r="P12914" s="5" t="s">
        <v>39</v>
      </c>
      <c r="Q12914" s="5" t="s">
        <v>40</v>
      </c>
      <c r="R12914" s="5" t="s">
        <v>1522</v>
      </c>
      <c r="S12914" s="5" t="s">
        <v>1523</v>
      </c>
      <c r="T12914" s="5" t="s">
        <v>42</v>
      </c>
      <c r="U12914" s="2">
        <v>2.0750000000000002</v>
      </c>
      <c r="V12914" s="2">
        <v>1.4570000000000001</v>
      </c>
      <c r="W12914" s="2">
        <v>0.02</v>
      </c>
      <c r="X12914" s="2">
        <v>159.1</v>
      </c>
      <c r="Y12914" s="2">
        <v>7.6</v>
      </c>
      <c r="Z12914" s="2">
        <v>16.7</v>
      </c>
      <c r="AA12914" s="5"/>
      <c r="AB12914" s="5" t="s">
        <v>43</v>
      </c>
      <c r="AC12914" s="5" t="s">
        <v>44</v>
      </c>
      <c r="AD12914" s="2"/>
      <c r="AE12914" s="1"/>
    </row>
    <row r="12915" spans="1:31" ht="14.45">
      <c r="A12915" s="11"/>
      <c r="B12915" s="20"/>
      <c r="C12915" s="2" t="s">
        <v>39673</v>
      </c>
      <c r="D12915" s="14" t="s">
        <v>39674</v>
      </c>
      <c r="E12915" s="2" t="s">
        <v>39675</v>
      </c>
      <c r="F12915" s="2" t="s">
        <v>36293</v>
      </c>
      <c r="G12915" s="8">
        <v>245</v>
      </c>
      <c r="H12915" s="5">
        <v>6</v>
      </c>
      <c r="I12915" s="5" t="s">
        <v>1518</v>
      </c>
      <c r="J12915" s="5" t="s">
        <v>36264</v>
      </c>
      <c r="K12915" s="2" t="s">
        <v>36265</v>
      </c>
      <c r="L12915" s="5" t="s">
        <v>36264</v>
      </c>
      <c r="M12915" s="2" t="s">
        <v>36265</v>
      </c>
      <c r="N12915" s="5" t="s">
        <v>36266</v>
      </c>
      <c r="O12915" s="5" t="s">
        <v>38</v>
      </c>
      <c r="P12915" s="5" t="s">
        <v>39</v>
      </c>
      <c r="Q12915" s="5" t="s">
        <v>40</v>
      </c>
      <c r="R12915" s="5" t="s">
        <v>1522</v>
      </c>
      <c r="S12915" s="5" t="s">
        <v>1523</v>
      </c>
      <c r="T12915" s="5" t="s">
        <v>42</v>
      </c>
      <c r="U12915" s="2">
        <v>2.1160000000000001</v>
      </c>
      <c r="V12915" s="2">
        <v>1.498</v>
      </c>
      <c r="W12915" s="2">
        <v>0.02</v>
      </c>
      <c r="X12915" s="2">
        <v>159.1</v>
      </c>
      <c r="Y12915" s="2">
        <v>7.6</v>
      </c>
      <c r="Z12915" s="2">
        <v>16.7</v>
      </c>
      <c r="AA12915" s="5"/>
      <c r="AB12915" s="5" t="s">
        <v>43</v>
      </c>
      <c r="AC12915" s="5" t="s">
        <v>44</v>
      </c>
      <c r="AD12915" s="2"/>
      <c r="AE12915" s="1"/>
    </row>
    <row r="12916" spans="1:31" ht="14.45">
      <c r="A12916" s="11"/>
      <c r="B12916" s="20"/>
      <c r="C12916" s="2" t="s">
        <v>39676</v>
      </c>
      <c r="D12916" s="14" t="s">
        <v>39677</v>
      </c>
      <c r="E12916" s="2" t="s">
        <v>39678</v>
      </c>
      <c r="F12916" s="2" t="s">
        <v>36588</v>
      </c>
      <c r="G12916" s="8">
        <v>213</v>
      </c>
      <c r="H12916" s="5">
        <v>6</v>
      </c>
      <c r="I12916" s="5" t="s">
        <v>1518</v>
      </c>
      <c r="J12916" s="5" t="s">
        <v>36264</v>
      </c>
      <c r="K12916" s="2" t="s">
        <v>36265</v>
      </c>
      <c r="L12916" s="5" t="s">
        <v>36264</v>
      </c>
      <c r="M12916" s="2" t="s">
        <v>36265</v>
      </c>
      <c r="N12916" s="5" t="s">
        <v>36266</v>
      </c>
      <c r="O12916" s="5" t="s">
        <v>38</v>
      </c>
      <c r="P12916" s="5" t="s">
        <v>39</v>
      </c>
      <c r="Q12916" s="5" t="s">
        <v>40</v>
      </c>
      <c r="R12916" s="5" t="s">
        <v>1522</v>
      </c>
      <c r="S12916" s="5" t="s">
        <v>1523</v>
      </c>
      <c r="T12916" s="5" t="s">
        <v>42</v>
      </c>
      <c r="U12916" s="2">
        <v>2.0750000000000002</v>
      </c>
      <c r="V12916" s="2">
        <v>1.4570000000000001</v>
      </c>
      <c r="W12916" s="2">
        <v>0.02</v>
      </c>
      <c r="X12916" s="2">
        <v>159.1</v>
      </c>
      <c r="Y12916" s="2">
        <v>7.6</v>
      </c>
      <c r="Z12916" s="2">
        <v>16.7</v>
      </c>
      <c r="AA12916" s="5"/>
      <c r="AB12916" s="5" t="s">
        <v>43</v>
      </c>
      <c r="AC12916" s="5" t="s">
        <v>44</v>
      </c>
      <c r="AD12916" s="2"/>
      <c r="AE12916" s="1"/>
    </row>
    <row r="12917" spans="1:31" ht="14.45">
      <c r="A12917" s="11"/>
      <c r="B12917" s="20"/>
      <c r="C12917" s="2" t="s">
        <v>39679</v>
      </c>
      <c r="D12917" s="14" t="s">
        <v>39680</v>
      </c>
      <c r="E12917" s="2" t="s">
        <v>39681</v>
      </c>
      <c r="F12917" s="2" t="s">
        <v>36592</v>
      </c>
      <c r="G12917" s="8">
        <v>213</v>
      </c>
      <c r="H12917" s="5">
        <v>6</v>
      </c>
      <c r="I12917" s="5" t="s">
        <v>1518</v>
      </c>
      <c r="J12917" s="5" t="s">
        <v>36264</v>
      </c>
      <c r="K12917" s="2" t="s">
        <v>36265</v>
      </c>
      <c r="L12917" s="5" t="s">
        <v>36264</v>
      </c>
      <c r="M12917" s="2" t="s">
        <v>36265</v>
      </c>
      <c r="N12917" s="5" t="s">
        <v>36266</v>
      </c>
      <c r="O12917" s="5" t="s">
        <v>38</v>
      </c>
      <c r="P12917" s="5" t="s">
        <v>39</v>
      </c>
      <c r="Q12917" s="5" t="s">
        <v>40</v>
      </c>
      <c r="R12917" s="5" t="s">
        <v>1522</v>
      </c>
      <c r="S12917" s="5" t="s">
        <v>1523</v>
      </c>
      <c r="T12917" s="5" t="s">
        <v>42</v>
      </c>
      <c r="U12917" s="2">
        <v>2.1160000000000001</v>
      </c>
      <c r="V12917" s="2">
        <v>1.498</v>
      </c>
      <c r="W12917" s="2">
        <v>0.02</v>
      </c>
      <c r="X12917" s="2">
        <v>159.1</v>
      </c>
      <c r="Y12917" s="2">
        <v>7.6</v>
      </c>
      <c r="Z12917" s="2">
        <v>16.7</v>
      </c>
      <c r="AA12917" s="5"/>
      <c r="AB12917" s="5" t="s">
        <v>43</v>
      </c>
      <c r="AC12917" s="5" t="s">
        <v>44</v>
      </c>
      <c r="AD12917" s="2"/>
      <c r="AE12917" s="1"/>
    </row>
    <row r="12918" spans="1:31" ht="14.45">
      <c r="A12918" s="11"/>
      <c r="B12918" s="20"/>
      <c r="C12918" s="2" t="s">
        <v>39682</v>
      </c>
      <c r="D12918" s="14" t="s">
        <v>39683</v>
      </c>
      <c r="E12918" s="2" t="s">
        <v>39684</v>
      </c>
      <c r="F12918" s="2" t="s">
        <v>36305</v>
      </c>
      <c r="G12918" s="8">
        <v>213</v>
      </c>
      <c r="H12918" s="5">
        <v>6</v>
      </c>
      <c r="I12918" s="5" t="s">
        <v>1518</v>
      </c>
      <c r="J12918" s="5" t="s">
        <v>36264</v>
      </c>
      <c r="K12918" s="2" t="s">
        <v>36265</v>
      </c>
      <c r="L12918" s="5" t="s">
        <v>36264</v>
      </c>
      <c r="M12918" s="2" t="s">
        <v>36265</v>
      </c>
      <c r="N12918" s="5" t="s">
        <v>36266</v>
      </c>
      <c r="O12918" s="5" t="s">
        <v>38</v>
      </c>
      <c r="P12918" s="5" t="s">
        <v>39</v>
      </c>
      <c r="Q12918" s="5" t="s">
        <v>40</v>
      </c>
      <c r="R12918" s="5" t="s">
        <v>1522</v>
      </c>
      <c r="S12918" s="5" t="s">
        <v>1523</v>
      </c>
      <c r="T12918" s="5" t="s">
        <v>42</v>
      </c>
      <c r="U12918" s="2">
        <v>2.0750000000000002</v>
      </c>
      <c r="V12918" s="2">
        <v>1.4570000000000001</v>
      </c>
      <c r="W12918" s="2">
        <v>0.02</v>
      </c>
      <c r="X12918" s="2">
        <v>159.1</v>
      </c>
      <c r="Y12918" s="2">
        <v>7.6</v>
      </c>
      <c r="Z12918" s="2">
        <v>16.7</v>
      </c>
      <c r="AA12918" s="5"/>
      <c r="AB12918" s="5" t="s">
        <v>43</v>
      </c>
      <c r="AC12918" s="5" t="s">
        <v>44</v>
      </c>
      <c r="AD12918" s="2"/>
      <c r="AE12918" s="1"/>
    </row>
    <row r="12919" spans="1:31" ht="14.45">
      <c r="A12919" s="11"/>
      <c r="B12919" s="20"/>
      <c r="C12919" s="2" t="s">
        <v>39685</v>
      </c>
      <c r="D12919" s="14" t="s">
        <v>39686</v>
      </c>
      <c r="E12919" s="2" t="s">
        <v>39687</v>
      </c>
      <c r="F12919" s="2" t="s">
        <v>36309</v>
      </c>
      <c r="G12919" s="8">
        <v>213</v>
      </c>
      <c r="H12919" s="5">
        <v>6</v>
      </c>
      <c r="I12919" s="5" t="s">
        <v>1518</v>
      </c>
      <c r="J12919" s="5" t="s">
        <v>36264</v>
      </c>
      <c r="K12919" s="2" t="s">
        <v>36265</v>
      </c>
      <c r="L12919" s="5" t="s">
        <v>36264</v>
      </c>
      <c r="M12919" s="2" t="s">
        <v>36265</v>
      </c>
      <c r="N12919" s="5" t="s">
        <v>36266</v>
      </c>
      <c r="O12919" s="5" t="s">
        <v>38</v>
      </c>
      <c r="P12919" s="5" t="s">
        <v>39</v>
      </c>
      <c r="Q12919" s="5" t="s">
        <v>40</v>
      </c>
      <c r="R12919" s="5" t="s">
        <v>1522</v>
      </c>
      <c r="S12919" s="5" t="s">
        <v>1523</v>
      </c>
      <c r="T12919" s="5" t="s">
        <v>42</v>
      </c>
      <c r="U12919" s="2">
        <v>2.1160000000000001</v>
      </c>
      <c r="V12919" s="2">
        <v>1.498</v>
      </c>
      <c r="W12919" s="2">
        <v>0.02</v>
      </c>
      <c r="X12919" s="2">
        <v>159.1</v>
      </c>
      <c r="Y12919" s="2">
        <v>7.6</v>
      </c>
      <c r="Z12919" s="2">
        <v>16.7</v>
      </c>
      <c r="AA12919" s="5"/>
      <c r="AB12919" s="5" t="s">
        <v>43</v>
      </c>
      <c r="AC12919" s="5" t="s">
        <v>44</v>
      </c>
      <c r="AD12919" s="2"/>
      <c r="AE12919" s="1"/>
    </row>
    <row r="12920" spans="1:31" ht="14.45">
      <c r="A12920" s="11"/>
      <c r="B12920" s="20"/>
      <c r="C12920" s="2" t="s">
        <v>39688</v>
      </c>
      <c r="D12920" s="14" t="s">
        <v>39689</v>
      </c>
      <c r="E12920" s="2" t="s">
        <v>39690</v>
      </c>
      <c r="F12920" s="2" t="s">
        <v>36313</v>
      </c>
      <c r="G12920" s="8">
        <v>245</v>
      </c>
      <c r="H12920" s="5">
        <v>6</v>
      </c>
      <c r="I12920" s="5" t="s">
        <v>1518</v>
      </c>
      <c r="J12920" s="5" t="s">
        <v>36264</v>
      </c>
      <c r="K12920" s="2" t="s">
        <v>36265</v>
      </c>
      <c r="L12920" s="5" t="s">
        <v>36264</v>
      </c>
      <c r="M12920" s="2" t="s">
        <v>36265</v>
      </c>
      <c r="N12920" s="5" t="s">
        <v>36266</v>
      </c>
      <c r="O12920" s="5" t="s">
        <v>38</v>
      </c>
      <c r="P12920" s="5" t="s">
        <v>39</v>
      </c>
      <c r="Q12920" s="5" t="s">
        <v>40</v>
      </c>
      <c r="R12920" s="5" t="s">
        <v>1522</v>
      </c>
      <c r="S12920" s="5" t="s">
        <v>1523</v>
      </c>
      <c r="T12920" s="5" t="s">
        <v>42</v>
      </c>
      <c r="U12920" s="2">
        <v>2.0750000000000002</v>
      </c>
      <c r="V12920" s="2">
        <v>1.4570000000000001</v>
      </c>
      <c r="W12920" s="2">
        <v>0.02</v>
      </c>
      <c r="X12920" s="2">
        <v>159.1</v>
      </c>
      <c r="Y12920" s="2">
        <v>7.6</v>
      </c>
      <c r="Z12920" s="2">
        <v>16.7</v>
      </c>
      <c r="AA12920" s="5"/>
      <c r="AB12920" s="5" t="s">
        <v>43</v>
      </c>
      <c r="AC12920" s="5" t="s">
        <v>44</v>
      </c>
      <c r="AD12920" s="2"/>
      <c r="AE12920" s="1"/>
    </row>
    <row r="12921" spans="1:31" ht="14.45">
      <c r="A12921" s="11"/>
      <c r="B12921" s="20"/>
      <c r="C12921" s="2" t="s">
        <v>39691</v>
      </c>
      <c r="D12921" s="14" t="s">
        <v>39692</v>
      </c>
      <c r="E12921" s="2" t="s">
        <v>39693</v>
      </c>
      <c r="F12921" s="2" t="s">
        <v>36317</v>
      </c>
      <c r="G12921" s="8">
        <v>245</v>
      </c>
      <c r="H12921" s="5">
        <v>6</v>
      </c>
      <c r="I12921" s="5" t="s">
        <v>1518</v>
      </c>
      <c r="J12921" s="5" t="s">
        <v>36264</v>
      </c>
      <c r="K12921" s="2" t="s">
        <v>36265</v>
      </c>
      <c r="L12921" s="5" t="s">
        <v>36264</v>
      </c>
      <c r="M12921" s="2" t="s">
        <v>36265</v>
      </c>
      <c r="N12921" s="5" t="s">
        <v>36266</v>
      </c>
      <c r="O12921" s="5" t="s">
        <v>38</v>
      </c>
      <c r="P12921" s="5" t="s">
        <v>39</v>
      </c>
      <c r="Q12921" s="5" t="s">
        <v>40</v>
      </c>
      <c r="R12921" s="5" t="s">
        <v>1522</v>
      </c>
      <c r="S12921" s="5" t="s">
        <v>1523</v>
      </c>
      <c r="T12921" s="5" t="s">
        <v>42</v>
      </c>
      <c r="U12921" s="2">
        <v>2.1160000000000001</v>
      </c>
      <c r="V12921" s="2">
        <v>1.498</v>
      </c>
      <c r="W12921" s="2">
        <v>0.02</v>
      </c>
      <c r="X12921" s="2">
        <v>159.1</v>
      </c>
      <c r="Y12921" s="2">
        <v>7.6</v>
      </c>
      <c r="Z12921" s="2">
        <v>16.7</v>
      </c>
      <c r="AA12921" s="5"/>
      <c r="AB12921" s="5" t="s">
        <v>43</v>
      </c>
      <c r="AC12921" s="5" t="s">
        <v>44</v>
      </c>
      <c r="AD12921" s="2"/>
      <c r="AE12921" s="1"/>
    </row>
    <row r="12922" spans="1:31" ht="14.45">
      <c r="A12922" s="11"/>
      <c r="B12922" s="20"/>
      <c r="C12922" s="2" t="s">
        <v>39694</v>
      </c>
      <c r="D12922" s="14" t="s">
        <v>39695</v>
      </c>
      <c r="E12922" s="2" t="s">
        <v>39696</v>
      </c>
      <c r="F12922" s="2" t="s">
        <v>36321</v>
      </c>
      <c r="G12922" s="8">
        <v>245</v>
      </c>
      <c r="H12922" s="5">
        <v>6</v>
      </c>
      <c r="I12922" s="5" t="s">
        <v>1518</v>
      </c>
      <c r="J12922" s="5" t="s">
        <v>36264</v>
      </c>
      <c r="K12922" s="2" t="s">
        <v>36265</v>
      </c>
      <c r="L12922" s="5" t="s">
        <v>36264</v>
      </c>
      <c r="M12922" s="2" t="s">
        <v>36265</v>
      </c>
      <c r="N12922" s="5" t="s">
        <v>36266</v>
      </c>
      <c r="O12922" s="5" t="s">
        <v>38</v>
      </c>
      <c r="P12922" s="5" t="s">
        <v>39</v>
      </c>
      <c r="Q12922" s="5" t="s">
        <v>40</v>
      </c>
      <c r="R12922" s="5" t="s">
        <v>1522</v>
      </c>
      <c r="S12922" s="5" t="s">
        <v>1523</v>
      </c>
      <c r="T12922" s="5" t="s">
        <v>42</v>
      </c>
      <c r="U12922" s="2">
        <v>2.0750000000000002</v>
      </c>
      <c r="V12922" s="2">
        <v>1.4570000000000001</v>
      </c>
      <c r="W12922" s="2">
        <v>0.02</v>
      </c>
      <c r="X12922" s="2">
        <v>159.1</v>
      </c>
      <c r="Y12922" s="2">
        <v>7.6</v>
      </c>
      <c r="Z12922" s="2">
        <v>16.7</v>
      </c>
      <c r="AA12922" s="5"/>
      <c r="AB12922" s="5" t="s">
        <v>43</v>
      </c>
      <c r="AC12922" s="5" t="s">
        <v>44</v>
      </c>
      <c r="AD12922" s="2"/>
      <c r="AE12922" s="1"/>
    </row>
    <row r="12923" spans="1:31" ht="14.45">
      <c r="A12923" s="11"/>
      <c r="B12923" s="20"/>
      <c r="C12923" s="2" t="s">
        <v>39697</v>
      </c>
      <c r="D12923" s="14" t="s">
        <v>39698</v>
      </c>
      <c r="E12923" s="2" t="s">
        <v>39699</v>
      </c>
      <c r="F12923" s="2" t="s">
        <v>36325</v>
      </c>
      <c r="G12923" s="8">
        <v>245</v>
      </c>
      <c r="H12923" s="5">
        <v>6</v>
      </c>
      <c r="I12923" s="5" t="s">
        <v>1518</v>
      </c>
      <c r="J12923" s="5" t="s">
        <v>36264</v>
      </c>
      <c r="K12923" s="2" t="s">
        <v>36265</v>
      </c>
      <c r="L12923" s="5" t="s">
        <v>36264</v>
      </c>
      <c r="M12923" s="2" t="s">
        <v>36265</v>
      </c>
      <c r="N12923" s="5" t="s">
        <v>36266</v>
      </c>
      <c r="O12923" s="5" t="s">
        <v>38</v>
      </c>
      <c r="P12923" s="5" t="s">
        <v>39</v>
      </c>
      <c r="Q12923" s="5" t="s">
        <v>40</v>
      </c>
      <c r="R12923" s="5" t="s">
        <v>1522</v>
      </c>
      <c r="S12923" s="5" t="s">
        <v>1523</v>
      </c>
      <c r="T12923" s="5" t="s">
        <v>42</v>
      </c>
      <c r="U12923" s="2">
        <v>2.1160000000000001</v>
      </c>
      <c r="V12923" s="2">
        <v>1.498</v>
      </c>
      <c r="W12923" s="2">
        <v>0.02</v>
      </c>
      <c r="X12923" s="2">
        <v>159.1</v>
      </c>
      <c r="Y12923" s="2">
        <v>7.6</v>
      </c>
      <c r="Z12923" s="2">
        <v>16.7</v>
      </c>
      <c r="AA12923" s="5"/>
      <c r="AB12923" s="5" t="s">
        <v>43</v>
      </c>
      <c r="AC12923" s="5" t="s">
        <v>44</v>
      </c>
      <c r="AD12923" s="2"/>
      <c r="AE12923" s="1"/>
    </row>
    <row r="12924" spans="1:31" ht="14.45">
      <c r="A12924" s="11"/>
      <c r="B12924" s="20"/>
      <c r="C12924" s="2" t="s">
        <v>39700</v>
      </c>
      <c r="D12924" s="14" t="s">
        <v>39701</v>
      </c>
      <c r="E12924" s="2" t="s">
        <v>39702</v>
      </c>
      <c r="F12924" s="2" t="s">
        <v>36329</v>
      </c>
      <c r="G12924" s="8">
        <v>245</v>
      </c>
      <c r="H12924" s="5">
        <v>6</v>
      </c>
      <c r="I12924" s="5" t="s">
        <v>1518</v>
      </c>
      <c r="J12924" s="5" t="s">
        <v>36264</v>
      </c>
      <c r="K12924" s="2" t="s">
        <v>36265</v>
      </c>
      <c r="L12924" s="5" t="s">
        <v>36264</v>
      </c>
      <c r="M12924" s="2" t="s">
        <v>36265</v>
      </c>
      <c r="N12924" s="5" t="s">
        <v>36266</v>
      </c>
      <c r="O12924" s="5" t="s">
        <v>38</v>
      </c>
      <c r="P12924" s="5" t="s">
        <v>39</v>
      </c>
      <c r="Q12924" s="5" t="s">
        <v>40</v>
      </c>
      <c r="R12924" s="5" t="s">
        <v>1522</v>
      </c>
      <c r="S12924" s="5" t="s">
        <v>1523</v>
      </c>
      <c r="T12924" s="5" t="s">
        <v>42</v>
      </c>
      <c r="U12924" s="2">
        <v>2.0750000000000002</v>
      </c>
      <c r="V12924" s="2">
        <v>1.4570000000000001</v>
      </c>
      <c r="W12924" s="2">
        <v>0.02</v>
      </c>
      <c r="X12924" s="2">
        <v>159.1</v>
      </c>
      <c r="Y12924" s="2">
        <v>7.6</v>
      </c>
      <c r="Z12924" s="2">
        <v>16.7</v>
      </c>
      <c r="AA12924" s="5"/>
      <c r="AB12924" s="5" t="s">
        <v>43</v>
      </c>
      <c r="AC12924" s="5" t="s">
        <v>44</v>
      </c>
      <c r="AD12924" s="2"/>
      <c r="AE12924" s="1"/>
    </row>
    <row r="12925" spans="1:31" ht="14.45">
      <c r="A12925" s="11"/>
      <c r="B12925" s="20"/>
      <c r="C12925" s="2" t="s">
        <v>39703</v>
      </c>
      <c r="D12925" s="14" t="s">
        <v>39704</v>
      </c>
      <c r="E12925" s="2" t="s">
        <v>39705</v>
      </c>
      <c r="F12925" s="2" t="s">
        <v>36333</v>
      </c>
      <c r="G12925" s="8">
        <v>245</v>
      </c>
      <c r="H12925" s="5">
        <v>6</v>
      </c>
      <c r="I12925" s="5" t="s">
        <v>1518</v>
      </c>
      <c r="J12925" s="5" t="s">
        <v>36264</v>
      </c>
      <c r="K12925" s="2" t="s">
        <v>36265</v>
      </c>
      <c r="L12925" s="5" t="s">
        <v>36264</v>
      </c>
      <c r="M12925" s="2" t="s">
        <v>36265</v>
      </c>
      <c r="N12925" s="5" t="s">
        <v>36266</v>
      </c>
      <c r="O12925" s="5" t="s">
        <v>38</v>
      </c>
      <c r="P12925" s="5" t="s">
        <v>39</v>
      </c>
      <c r="Q12925" s="5" t="s">
        <v>40</v>
      </c>
      <c r="R12925" s="5" t="s">
        <v>1522</v>
      </c>
      <c r="S12925" s="5" t="s">
        <v>1523</v>
      </c>
      <c r="T12925" s="5" t="s">
        <v>42</v>
      </c>
      <c r="U12925" s="2">
        <v>2.1160000000000001</v>
      </c>
      <c r="V12925" s="2">
        <v>1.498</v>
      </c>
      <c r="W12925" s="2">
        <v>0.02</v>
      </c>
      <c r="X12925" s="2">
        <v>159.1</v>
      </c>
      <c r="Y12925" s="2">
        <v>7.6</v>
      </c>
      <c r="Z12925" s="2">
        <v>16.7</v>
      </c>
      <c r="AA12925" s="5"/>
      <c r="AB12925" s="5" t="s">
        <v>43</v>
      </c>
      <c r="AC12925" s="5" t="s">
        <v>44</v>
      </c>
      <c r="AD12925" s="2"/>
      <c r="AE12925" s="1"/>
    </row>
    <row r="12926" spans="1:31" ht="14.45">
      <c r="A12926" s="11"/>
      <c r="B12926" s="20"/>
      <c r="C12926" s="2" t="s">
        <v>39706</v>
      </c>
      <c r="D12926" s="14" t="s">
        <v>39707</v>
      </c>
      <c r="E12926" s="2" t="s">
        <v>39708</v>
      </c>
      <c r="F12926" s="2" t="s">
        <v>36337</v>
      </c>
      <c r="G12926" s="8">
        <v>245</v>
      </c>
      <c r="H12926" s="5">
        <v>6</v>
      </c>
      <c r="I12926" s="5" t="s">
        <v>1518</v>
      </c>
      <c r="J12926" s="5" t="s">
        <v>36264</v>
      </c>
      <c r="K12926" s="2" t="s">
        <v>36265</v>
      </c>
      <c r="L12926" s="5" t="s">
        <v>36264</v>
      </c>
      <c r="M12926" s="2" t="s">
        <v>36265</v>
      </c>
      <c r="N12926" s="5" t="s">
        <v>36266</v>
      </c>
      <c r="O12926" s="5" t="s">
        <v>38</v>
      </c>
      <c r="P12926" s="5" t="s">
        <v>39</v>
      </c>
      <c r="Q12926" s="5" t="s">
        <v>40</v>
      </c>
      <c r="R12926" s="5" t="s">
        <v>1522</v>
      </c>
      <c r="S12926" s="5" t="s">
        <v>1523</v>
      </c>
      <c r="T12926" s="5" t="s">
        <v>42</v>
      </c>
      <c r="U12926" s="2">
        <v>2.0750000000000002</v>
      </c>
      <c r="V12926" s="2">
        <v>1.4570000000000001</v>
      </c>
      <c r="W12926" s="2">
        <v>0.02</v>
      </c>
      <c r="X12926" s="2">
        <v>159.1</v>
      </c>
      <c r="Y12926" s="2">
        <v>7.6</v>
      </c>
      <c r="Z12926" s="2">
        <v>16.7</v>
      </c>
      <c r="AA12926" s="5"/>
      <c r="AB12926" s="5" t="s">
        <v>43</v>
      </c>
      <c r="AC12926" s="5" t="s">
        <v>44</v>
      </c>
      <c r="AD12926" s="2"/>
      <c r="AE12926" s="1"/>
    </row>
    <row r="12927" spans="1:31" ht="14.45">
      <c r="A12927" s="11"/>
      <c r="B12927" s="20"/>
      <c r="C12927" s="2" t="s">
        <v>39709</v>
      </c>
      <c r="D12927" s="14" t="s">
        <v>39710</v>
      </c>
      <c r="E12927" s="2" t="s">
        <v>39711</v>
      </c>
      <c r="F12927" s="2" t="s">
        <v>36341</v>
      </c>
      <c r="G12927" s="8">
        <v>245</v>
      </c>
      <c r="H12927" s="5">
        <v>6</v>
      </c>
      <c r="I12927" s="5" t="s">
        <v>1518</v>
      </c>
      <c r="J12927" s="5" t="s">
        <v>36264</v>
      </c>
      <c r="K12927" s="2" t="s">
        <v>36265</v>
      </c>
      <c r="L12927" s="5" t="s">
        <v>36264</v>
      </c>
      <c r="M12927" s="2" t="s">
        <v>36265</v>
      </c>
      <c r="N12927" s="5" t="s">
        <v>36266</v>
      </c>
      <c r="O12927" s="5" t="s">
        <v>38</v>
      </c>
      <c r="P12927" s="5" t="s">
        <v>39</v>
      </c>
      <c r="Q12927" s="5" t="s">
        <v>40</v>
      </c>
      <c r="R12927" s="5" t="s">
        <v>1522</v>
      </c>
      <c r="S12927" s="5" t="s">
        <v>1523</v>
      </c>
      <c r="T12927" s="5" t="s">
        <v>42</v>
      </c>
      <c r="U12927" s="2">
        <v>2.1160000000000001</v>
      </c>
      <c r="V12927" s="2">
        <v>1.498</v>
      </c>
      <c r="W12927" s="2">
        <v>0.02</v>
      </c>
      <c r="X12927" s="2">
        <v>159.1</v>
      </c>
      <c r="Y12927" s="2">
        <v>7.6</v>
      </c>
      <c r="Z12927" s="2">
        <v>16.7</v>
      </c>
      <c r="AA12927" s="5"/>
      <c r="AB12927" s="5" t="s">
        <v>43</v>
      </c>
      <c r="AC12927" s="5" t="s">
        <v>44</v>
      </c>
      <c r="AD12927" s="2"/>
      <c r="AE12927" s="1"/>
    </row>
    <row r="12928" spans="1:31" ht="14.45">
      <c r="A12928" s="11"/>
      <c r="B12928" s="20"/>
      <c r="C12928" s="2" t="s">
        <v>39712</v>
      </c>
      <c r="D12928" s="14" t="s">
        <v>39713</v>
      </c>
      <c r="E12928" s="2" t="s">
        <v>39714</v>
      </c>
      <c r="F12928" s="2" t="s">
        <v>36345</v>
      </c>
      <c r="G12928" s="8">
        <v>245</v>
      </c>
      <c r="H12928" s="5">
        <v>6</v>
      </c>
      <c r="I12928" s="5" t="s">
        <v>1518</v>
      </c>
      <c r="J12928" s="5" t="s">
        <v>36264</v>
      </c>
      <c r="K12928" s="2" t="s">
        <v>36265</v>
      </c>
      <c r="L12928" s="5" t="s">
        <v>36264</v>
      </c>
      <c r="M12928" s="2" t="s">
        <v>36265</v>
      </c>
      <c r="N12928" s="5" t="s">
        <v>36266</v>
      </c>
      <c r="O12928" s="5" t="s">
        <v>38</v>
      </c>
      <c r="P12928" s="5" t="s">
        <v>39</v>
      </c>
      <c r="Q12928" s="5" t="s">
        <v>40</v>
      </c>
      <c r="R12928" s="5" t="s">
        <v>1522</v>
      </c>
      <c r="S12928" s="5" t="s">
        <v>1523</v>
      </c>
      <c r="T12928" s="5" t="s">
        <v>42</v>
      </c>
      <c r="U12928" s="2">
        <v>2.0750000000000002</v>
      </c>
      <c r="V12928" s="2">
        <v>1.4570000000000001</v>
      </c>
      <c r="W12928" s="2">
        <v>0.02</v>
      </c>
      <c r="X12928" s="2">
        <v>159.1</v>
      </c>
      <c r="Y12928" s="2">
        <v>7.6</v>
      </c>
      <c r="Z12928" s="2">
        <v>16.7</v>
      </c>
      <c r="AA12928" s="5"/>
      <c r="AB12928" s="5" t="s">
        <v>43</v>
      </c>
      <c r="AC12928" s="5" t="s">
        <v>44</v>
      </c>
      <c r="AD12928" s="2"/>
      <c r="AE12928" s="1"/>
    </row>
    <row r="12929" spans="1:31" ht="14.45">
      <c r="A12929" s="11"/>
      <c r="B12929" s="20"/>
      <c r="C12929" s="2" t="s">
        <v>39715</v>
      </c>
      <c r="D12929" s="14" t="s">
        <v>39716</v>
      </c>
      <c r="E12929" s="2" t="s">
        <v>39717</v>
      </c>
      <c r="F12929" s="2" t="s">
        <v>36349</v>
      </c>
      <c r="G12929" s="8">
        <v>245</v>
      </c>
      <c r="H12929" s="5">
        <v>6</v>
      </c>
      <c r="I12929" s="5" t="s">
        <v>1518</v>
      </c>
      <c r="J12929" s="5" t="s">
        <v>36264</v>
      </c>
      <c r="K12929" s="2" t="s">
        <v>36265</v>
      </c>
      <c r="L12929" s="5" t="s">
        <v>36264</v>
      </c>
      <c r="M12929" s="2" t="s">
        <v>36265</v>
      </c>
      <c r="N12929" s="5" t="s">
        <v>36266</v>
      </c>
      <c r="O12929" s="5" t="s">
        <v>38</v>
      </c>
      <c r="P12929" s="5" t="s">
        <v>39</v>
      </c>
      <c r="Q12929" s="5" t="s">
        <v>40</v>
      </c>
      <c r="R12929" s="5" t="s">
        <v>1522</v>
      </c>
      <c r="S12929" s="5" t="s">
        <v>1523</v>
      </c>
      <c r="T12929" s="5" t="s">
        <v>42</v>
      </c>
      <c r="U12929" s="2">
        <v>2.1160000000000001</v>
      </c>
      <c r="V12929" s="2">
        <v>1.498</v>
      </c>
      <c r="W12929" s="2">
        <v>0.02</v>
      </c>
      <c r="X12929" s="2">
        <v>159.1</v>
      </c>
      <c r="Y12929" s="2">
        <v>7.6</v>
      </c>
      <c r="Z12929" s="2">
        <v>16.7</v>
      </c>
      <c r="AA12929" s="5"/>
      <c r="AB12929" s="5" t="s">
        <v>43</v>
      </c>
      <c r="AC12929" s="5" t="s">
        <v>44</v>
      </c>
      <c r="AD12929" s="2"/>
      <c r="AE12929" s="1"/>
    </row>
    <row r="12930" spans="1:31" ht="14.45">
      <c r="A12930" s="11"/>
      <c r="B12930" s="20"/>
      <c r="C12930" s="2" t="s">
        <v>39718</v>
      </c>
      <c r="D12930" s="14" t="s">
        <v>39719</v>
      </c>
      <c r="E12930" s="2" t="s">
        <v>39720</v>
      </c>
      <c r="F12930" s="2" t="s">
        <v>36353</v>
      </c>
      <c r="G12930" s="8">
        <v>245</v>
      </c>
      <c r="H12930" s="5">
        <v>6</v>
      </c>
      <c r="I12930" s="5" t="s">
        <v>1518</v>
      </c>
      <c r="J12930" s="5" t="s">
        <v>36264</v>
      </c>
      <c r="K12930" s="2" t="s">
        <v>36265</v>
      </c>
      <c r="L12930" s="5" t="s">
        <v>36264</v>
      </c>
      <c r="M12930" s="2" t="s">
        <v>36265</v>
      </c>
      <c r="N12930" s="5" t="s">
        <v>36266</v>
      </c>
      <c r="O12930" s="5" t="s">
        <v>38</v>
      </c>
      <c r="P12930" s="5" t="s">
        <v>39</v>
      </c>
      <c r="Q12930" s="5" t="s">
        <v>40</v>
      </c>
      <c r="R12930" s="5" t="s">
        <v>1522</v>
      </c>
      <c r="S12930" s="5" t="s">
        <v>1523</v>
      </c>
      <c r="T12930" s="5" t="s">
        <v>42</v>
      </c>
      <c r="U12930" s="2">
        <v>2.0750000000000002</v>
      </c>
      <c r="V12930" s="2">
        <v>1.4570000000000001</v>
      </c>
      <c r="W12930" s="2">
        <v>0.02</v>
      </c>
      <c r="X12930" s="2">
        <v>159.1</v>
      </c>
      <c r="Y12930" s="2">
        <v>7.6</v>
      </c>
      <c r="Z12930" s="2">
        <v>16.7</v>
      </c>
      <c r="AA12930" s="5"/>
      <c r="AB12930" s="5" t="s">
        <v>43</v>
      </c>
      <c r="AC12930" s="5" t="s">
        <v>44</v>
      </c>
      <c r="AD12930" s="2"/>
      <c r="AE12930" s="1"/>
    </row>
    <row r="12931" spans="1:31" ht="14.45">
      <c r="A12931" s="11"/>
      <c r="B12931" s="20"/>
      <c r="C12931" s="2" t="s">
        <v>39721</v>
      </c>
      <c r="D12931" s="14" t="s">
        <v>39722</v>
      </c>
      <c r="E12931" s="2" t="s">
        <v>39723</v>
      </c>
      <c r="F12931" s="2" t="s">
        <v>36357</v>
      </c>
      <c r="G12931" s="8">
        <v>245</v>
      </c>
      <c r="H12931" s="5">
        <v>6</v>
      </c>
      <c r="I12931" s="5" t="s">
        <v>1518</v>
      </c>
      <c r="J12931" s="5" t="s">
        <v>36264</v>
      </c>
      <c r="K12931" s="2" t="s">
        <v>36265</v>
      </c>
      <c r="L12931" s="5" t="s">
        <v>36264</v>
      </c>
      <c r="M12931" s="2" t="s">
        <v>36265</v>
      </c>
      <c r="N12931" s="5" t="s">
        <v>36266</v>
      </c>
      <c r="O12931" s="5" t="s">
        <v>38</v>
      </c>
      <c r="P12931" s="5" t="s">
        <v>39</v>
      </c>
      <c r="Q12931" s="5" t="s">
        <v>40</v>
      </c>
      <c r="R12931" s="5" t="s">
        <v>1522</v>
      </c>
      <c r="S12931" s="5" t="s">
        <v>1523</v>
      </c>
      <c r="T12931" s="5" t="s">
        <v>42</v>
      </c>
      <c r="U12931" s="2">
        <v>2.1160000000000001</v>
      </c>
      <c r="V12931" s="2">
        <v>1.498</v>
      </c>
      <c r="W12931" s="2">
        <v>0.02</v>
      </c>
      <c r="X12931" s="2">
        <v>159.1</v>
      </c>
      <c r="Y12931" s="2">
        <v>7.6</v>
      </c>
      <c r="Z12931" s="2">
        <v>16.7</v>
      </c>
      <c r="AA12931" s="5"/>
      <c r="AB12931" s="5" t="s">
        <v>43</v>
      </c>
      <c r="AC12931" s="5" t="s">
        <v>44</v>
      </c>
      <c r="AD12931" s="2"/>
      <c r="AE12931" s="1"/>
    </row>
    <row r="12932" spans="1:31" ht="14.45">
      <c r="A12932" s="11"/>
      <c r="B12932" s="20"/>
      <c r="C12932" s="2" t="s">
        <v>39724</v>
      </c>
      <c r="D12932" s="14" t="s">
        <v>39725</v>
      </c>
      <c r="E12932" s="2" t="s">
        <v>39726</v>
      </c>
      <c r="F12932" s="2" t="s">
        <v>36361</v>
      </c>
      <c r="G12932" s="8">
        <v>245</v>
      </c>
      <c r="H12932" s="5">
        <v>6</v>
      </c>
      <c r="I12932" s="5" t="s">
        <v>1518</v>
      </c>
      <c r="J12932" s="5" t="s">
        <v>36264</v>
      </c>
      <c r="K12932" s="2" t="s">
        <v>36265</v>
      </c>
      <c r="L12932" s="5" t="s">
        <v>36264</v>
      </c>
      <c r="M12932" s="2" t="s">
        <v>36265</v>
      </c>
      <c r="N12932" s="5" t="s">
        <v>36266</v>
      </c>
      <c r="O12932" s="5" t="s">
        <v>38</v>
      </c>
      <c r="P12932" s="5" t="s">
        <v>39</v>
      </c>
      <c r="Q12932" s="5" t="s">
        <v>40</v>
      </c>
      <c r="R12932" s="5" t="s">
        <v>1522</v>
      </c>
      <c r="S12932" s="5" t="s">
        <v>1523</v>
      </c>
      <c r="T12932" s="5" t="s">
        <v>42</v>
      </c>
      <c r="U12932" s="2">
        <v>2.0750000000000002</v>
      </c>
      <c r="V12932" s="2">
        <v>1.4570000000000001</v>
      </c>
      <c r="W12932" s="2">
        <v>0.02</v>
      </c>
      <c r="X12932" s="2">
        <v>159.1</v>
      </c>
      <c r="Y12932" s="2">
        <v>7.6</v>
      </c>
      <c r="Z12932" s="2">
        <v>16.7</v>
      </c>
      <c r="AA12932" s="5"/>
      <c r="AB12932" s="5" t="s">
        <v>43</v>
      </c>
      <c r="AC12932" s="5" t="s">
        <v>44</v>
      </c>
      <c r="AD12932" s="2"/>
      <c r="AE12932" s="1"/>
    </row>
    <row r="12933" spans="1:31" ht="14.45">
      <c r="A12933" s="11"/>
      <c r="B12933" s="20"/>
      <c r="C12933" s="2" t="s">
        <v>39727</v>
      </c>
      <c r="D12933" s="14" t="s">
        <v>39728</v>
      </c>
      <c r="E12933" s="2" t="s">
        <v>39729</v>
      </c>
      <c r="F12933" s="2" t="s">
        <v>36365</v>
      </c>
      <c r="G12933" s="8">
        <v>245</v>
      </c>
      <c r="H12933" s="5">
        <v>6</v>
      </c>
      <c r="I12933" s="5" t="s">
        <v>1518</v>
      </c>
      <c r="J12933" s="5" t="s">
        <v>36264</v>
      </c>
      <c r="K12933" s="2" t="s">
        <v>36265</v>
      </c>
      <c r="L12933" s="5" t="s">
        <v>36264</v>
      </c>
      <c r="M12933" s="2" t="s">
        <v>36265</v>
      </c>
      <c r="N12933" s="5" t="s">
        <v>36266</v>
      </c>
      <c r="O12933" s="5" t="s">
        <v>38</v>
      </c>
      <c r="P12933" s="5" t="s">
        <v>39</v>
      </c>
      <c r="Q12933" s="5" t="s">
        <v>40</v>
      </c>
      <c r="R12933" s="5" t="s">
        <v>1522</v>
      </c>
      <c r="S12933" s="5" t="s">
        <v>1523</v>
      </c>
      <c r="T12933" s="5" t="s">
        <v>42</v>
      </c>
      <c r="U12933" s="2">
        <v>2.1160000000000001</v>
      </c>
      <c r="V12933" s="2">
        <v>1.498</v>
      </c>
      <c r="W12933" s="2">
        <v>0.02</v>
      </c>
      <c r="X12933" s="2">
        <v>159.1</v>
      </c>
      <c r="Y12933" s="2">
        <v>7.6</v>
      </c>
      <c r="Z12933" s="2">
        <v>16.7</v>
      </c>
      <c r="AA12933" s="5"/>
      <c r="AB12933" s="5" t="s">
        <v>43</v>
      </c>
      <c r="AC12933" s="5" t="s">
        <v>44</v>
      </c>
      <c r="AD12933" s="2"/>
      <c r="AE12933" s="1"/>
    </row>
    <row r="12934" spans="1:31" ht="14.45">
      <c r="A12934" s="11"/>
      <c r="B12934" s="20"/>
      <c r="C12934" s="2" t="s">
        <v>39730</v>
      </c>
      <c r="D12934" s="14" t="s">
        <v>39731</v>
      </c>
      <c r="E12934" s="2" t="s">
        <v>39732</v>
      </c>
      <c r="F12934" s="2" t="s">
        <v>36644</v>
      </c>
      <c r="G12934" s="8">
        <v>245</v>
      </c>
      <c r="H12934" s="5">
        <v>6</v>
      </c>
      <c r="I12934" s="5" t="s">
        <v>1518</v>
      </c>
      <c r="J12934" s="5" t="s">
        <v>36264</v>
      </c>
      <c r="K12934" s="2" t="s">
        <v>36265</v>
      </c>
      <c r="L12934" s="5" t="s">
        <v>36264</v>
      </c>
      <c r="M12934" s="2" t="s">
        <v>36265</v>
      </c>
      <c r="N12934" s="5" t="s">
        <v>36266</v>
      </c>
      <c r="O12934" s="5" t="s">
        <v>38</v>
      </c>
      <c r="P12934" s="5" t="s">
        <v>39</v>
      </c>
      <c r="Q12934" s="5" t="s">
        <v>40</v>
      </c>
      <c r="R12934" s="5" t="s">
        <v>1522</v>
      </c>
      <c r="S12934" s="5" t="s">
        <v>1523</v>
      </c>
      <c r="T12934" s="5" t="s">
        <v>42</v>
      </c>
      <c r="U12934" s="2">
        <v>2.0750000000000002</v>
      </c>
      <c r="V12934" s="2">
        <v>1.4570000000000001</v>
      </c>
      <c r="W12934" s="2">
        <v>0.02</v>
      </c>
      <c r="X12934" s="2">
        <v>159.1</v>
      </c>
      <c r="Y12934" s="2">
        <v>7.6</v>
      </c>
      <c r="Z12934" s="2">
        <v>16.7</v>
      </c>
      <c r="AA12934" s="5"/>
      <c r="AB12934" s="5" t="s">
        <v>43</v>
      </c>
      <c r="AC12934" s="5" t="s">
        <v>44</v>
      </c>
      <c r="AD12934" s="2"/>
      <c r="AE12934" s="1"/>
    </row>
    <row r="12935" spans="1:31" ht="14.45">
      <c r="A12935" s="11"/>
      <c r="B12935" s="20"/>
      <c r="C12935" s="2" t="s">
        <v>39733</v>
      </c>
      <c r="D12935" s="14" t="s">
        <v>39734</v>
      </c>
      <c r="E12935" s="2" t="s">
        <v>39735</v>
      </c>
      <c r="F12935" s="2" t="s">
        <v>36648</v>
      </c>
      <c r="G12935" s="8">
        <v>245</v>
      </c>
      <c r="H12935" s="5">
        <v>6</v>
      </c>
      <c r="I12935" s="5" t="s">
        <v>1518</v>
      </c>
      <c r="J12935" s="5" t="s">
        <v>36264</v>
      </c>
      <c r="K12935" s="2" t="s">
        <v>36265</v>
      </c>
      <c r="L12935" s="5" t="s">
        <v>36264</v>
      </c>
      <c r="M12935" s="2" t="s">
        <v>36265</v>
      </c>
      <c r="N12935" s="5" t="s">
        <v>36266</v>
      </c>
      <c r="O12935" s="5" t="s">
        <v>38</v>
      </c>
      <c r="P12935" s="5" t="s">
        <v>39</v>
      </c>
      <c r="Q12935" s="5" t="s">
        <v>40</v>
      </c>
      <c r="R12935" s="5" t="s">
        <v>1522</v>
      </c>
      <c r="S12935" s="5" t="s">
        <v>1523</v>
      </c>
      <c r="T12935" s="5" t="s">
        <v>42</v>
      </c>
      <c r="U12935" s="2">
        <v>2.1160000000000001</v>
      </c>
      <c r="V12935" s="2">
        <v>1.498</v>
      </c>
      <c r="W12935" s="2">
        <v>0.02</v>
      </c>
      <c r="X12935" s="2">
        <v>159.1</v>
      </c>
      <c r="Y12935" s="2">
        <v>7.6</v>
      </c>
      <c r="Z12935" s="2">
        <v>16.7</v>
      </c>
      <c r="AA12935" s="5"/>
      <c r="AB12935" s="5" t="s">
        <v>43</v>
      </c>
      <c r="AC12935" s="5" t="s">
        <v>44</v>
      </c>
      <c r="AD12935" s="2"/>
      <c r="AE12935" s="1"/>
    </row>
    <row r="12936" spans="1:31" ht="14.45">
      <c r="A12936" s="11"/>
      <c r="B12936" s="20"/>
      <c r="C12936" s="2" t="s">
        <v>39736</v>
      </c>
      <c r="D12936" s="14" t="s">
        <v>39737</v>
      </c>
      <c r="E12936" s="2" t="s">
        <v>39738</v>
      </c>
      <c r="F12936" s="2" t="s">
        <v>36377</v>
      </c>
      <c r="G12936" s="8">
        <v>245</v>
      </c>
      <c r="H12936" s="5">
        <v>6</v>
      </c>
      <c r="I12936" s="5" t="s">
        <v>1518</v>
      </c>
      <c r="J12936" s="5" t="s">
        <v>36264</v>
      </c>
      <c r="K12936" s="2" t="s">
        <v>36265</v>
      </c>
      <c r="L12936" s="5" t="s">
        <v>36264</v>
      </c>
      <c r="M12936" s="2" t="s">
        <v>36265</v>
      </c>
      <c r="N12936" s="5" t="s">
        <v>36266</v>
      </c>
      <c r="O12936" s="5" t="s">
        <v>38</v>
      </c>
      <c r="P12936" s="5" t="s">
        <v>39</v>
      </c>
      <c r="Q12936" s="5" t="s">
        <v>40</v>
      </c>
      <c r="R12936" s="5" t="s">
        <v>1522</v>
      </c>
      <c r="S12936" s="5" t="s">
        <v>1523</v>
      </c>
      <c r="T12936" s="5" t="s">
        <v>42</v>
      </c>
      <c r="U12936" s="2">
        <v>2.0750000000000002</v>
      </c>
      <c r="V12936" s="2">
        <v>1.4570000000000001</v>
      </c>
      <c r="W12936" s="2">
        <v>0.02</v>
      </c>
      <c r="X12936" s="2">
        <v>159.1</v>
      </c>
      <c r="Y12936" s="2">
        <v>7.6</v>
      </c>
      <c r="Z12936" s="2">
        <v>16.7</v>
      </c>
      <c r="AA12936" s="5"/>
      <c r="AB12936" s="5" t="s">
        <v>43</v>
      </c>
      <c r="AC12936" s="5" t="s">
        <v>44</v>
      </c>
      <c r="AD12936" s="2"/>
      <c r="AE12936" s="1"/>
    </row>
    <row r="12937" spans="1:31" ht="14.45">
      <c r="A12937" s="11"/>
      <c r="B12937" s="20"/>
      <c r="C12937" s="2" t="s">
        <v>39739</v>
      </c>
      <c r="D12937" s="14" t="s">
        <v>39740</v>
      </c>
      <c r="E12937" s="2" t="s">
        <v>39741</v>
      </c>
      <c r="F12937" s="2" t="s">
        <v>36381</v>
      </c>
      <c r="G12937" s="8">
        <v>245</v>
      </c>
      <c r="H12937" s="5">
        <v>6</v>
      </c>
      <c r="I12937" s="5" t="s">
        <v>1518</v>
      </c>
      <c r="J12937" s="5" t="s">
        <v>36264</v>
      </c>
      <c r="K12937" s="2" t="s">
        <v>36265</v>
      </c>
      <c r="L12937" s="5" t="s">
        <v>36264</v>
      </c>
      <c r="M12937" s="2" t="s">
        <v>36265</v>
      </c>
      <c r="N12937" s="5" t="s">
        <v>36266</v>
      </c>
      <c r="O12937" s="5" t="s">
        <v>38</v>
      </c>
      <c r="P12937" s="5" t="s">
        <v>39</v>
      </c>
      <c r="Q12937" s="5" t="s">
        <v>40</v>
      </c>
      <c r="R12937" s="5" t="s">
        <v>1522</v>
      </c>
      <c r="S12937" s="5" t="s">
        <v>1523</v>
      </c>
      <c r="T12937" s="5" t="s">
        <v>42</v>
      </c>
      <c r="U12937" s="2">
        <v>2.1160000000000001</v>
      </c>
      <c r="V12937" s="2">
        <v>1.498</v>
      </c>
      <c r="W12937" s="2">
        <v>0.02</v>
      </c>
      <c r="X12937" s="2">
        <v>159.1</v>
      </c>
      <c r="Y12937" s="2">
        <v>7.6</v>
      </c>
      <c r="Z12937" s="2">
        <v>16.7</v>
      </c>
      <c r="AA12937" s="5"/>
      <c r="AB12937" s="5" t="s">
        <v>43</v>
      </c>
      <c r="AC12937" s="5" t="s">
        <v>44</v>
      </c>
      <c r="AD12937" s="2"/>
      <c r="AE12937" s="1"/>
    </row>
    <row r="12938" spans="1:31" ht="14.45">
      <c r="A12938" s="11"/>
      <c r="B12938" s="20"/>
      <c r="C12938" s="2" t="s">
        <v>39742</v>
      </c>
      <c r="D12938" s="14" t="s">
        <v>39743</v>
      </c>
      <c r="E12938" s="2" t="s">
        <v>39744</v>
      </c>
      <c r="F12938" s="2" t="s">
        <v>36385</v>
      </c>
      <c r="G12938" s="8">
        <v>245</v>
      </c>
      <c r="H12938" s="5">
        <v>6</v>
      </c>
      <c r="I12938" s="5" t="s">
        <v>1518</v>
      </c>
      <c r="J12938" s="5" t="s">
        <v>36264</v>
      </c>
      <c r="K12938" s="2" t="s">
        <v>36265</v>
      </c>
      <c r="L12938" s="5" t="s">
        <v>36264</v>
      </c>
      <c r="M12938" s="2" t="s">
        <v>36265</v>
      </c>
      <c r="N12938" s="5" t="s">
        <v>36266</v>
      </c>
      <c r="O12938" s="5" t="s">
        <v>38</v>
      </c>
      <c r="P12938" s="5" t="s">
        <v>39</v>
      </c>
      <c r="Q12938" s="5" t="s">
        <v>40</v>
      </c>
      <c r="R12938" s="5" t="s">
        <v>1522</v>
      </c>
      <c r="S12938" s="5" t="s">
        <v>1523</v>
      </c>
      <c r="T12938" s="5" t="s">
        <v>42</v>
      </c>
      <c r="U12938" s="2">
        <v>2.0750000000000002</v>
      </c>
      <c r="V12938" s="2">
        <v>1.4570000000000001</v>
      </c>
      <c r="W12938" s="2">
        <v>0.02</v>
      </c>
      <c r="X12938" s="2">
        <v>159.1</v>
      </c>
      <c r="Y12938" s="2">
        <v>7.6</v>
      </c>
      <c r="Z12938" s="2">
        <v>16.7</v>
      </c>
      <c r="AA12938" s="5"/>
      <c r="AB12938" s="5" t="s">
        <v>43</v>
      </c>
      <c r="AC12938" s="5" t="s">
        <v>44</v>
      </c>
      <c r="AD12938" s="2"/>
      <c r="AE12938" s="1"/>
    </row>
    <row r="12939" spans="1:31" ht="14.45">
      <c r="A12939" s="11"/>
      <c r="B12939" s="20"/>
      <c r="C12939" s="2" t="s">
        <v>39745</v>
      </c>
      <c r="D12939" s="14" t="s">
        <v>39746</v>
      </c>
      <c r="E12939" s="2" t="s">
        <v>39747</v>
      </c>
      <c r="F12939" s="2" t="s">
        <v>36389</v>
      </c>
      <c r="G12939" s="8">
        <v>245</v>
      </c>
      <c r="H12939" s="5">
        <v>6</v>
      </c>
      <c r="I12939" s="5" t="s">
        <v>1518</v>
      </c>
      <c r="J12939" s="5" t="s">
        <v>36264</v>
      </c>
      <c r="K12939" s="2" t="s">
        <v>36265</v>
      </c>
      <c r="L12939" s="5" t="s">
        <v>36264</v>
      </c>
      <c r="M12939" s="2" t="s">
        <v>36265</v>
      </c>
      <c r="N12939" s="5" t="s">
        <v>36266</v>
      </c>
      <c r="O12939" s="5" t="s">
        <v>38</v>
      </c>
      <c r="P12939" s="5" t="s">
        <v>39</v>
      </c>
      <c r="Q12939" s="5" t="s">
        <v>40</v>
      </c>
      <c r="R12939" s="5" t="s">
        <v>1522</v>
      </c>
      <c r="S12939" s="5" t="s">
        <v>1523</v>
      </c>
      <c r="T12939" s="5" t="s">
        <v>42</v>
      </c>
      <c r="U12939" s="2">
        <v>2.1160000000000001</v>
      </c>
      <c r="V12939" s="2">
        <v>1.498</v>
      </c>
      <c r="W12939" s="2">
        <v>0.02</v>
      </c>
      <c r="X12939" s="2">
        <v>159.1</v>
      </c>
      <c r="Y12939" s="2">
        <v>7.6</v>
      </c>
      <c r="Z12939" s="2">
        <v>16.7</v>
      </c>
      <c r="AA12939" s="5"/>
      <c r="AB12939" s="5" t="s">
        <v>43</v>
      </c>
      <c r="AC12939" s="5" t="s">
        <v>44</v>
      </c>
      <c r="AD12939" s="2"/>
      <c r="AE12939" s="1"/>
    </row>
    <row r="12940" spans="1:31" ht="14.45">
      <c r="A12940" s="11"/>
      <c r="B12940" s="20"/>
      <c r="C12940" s="2" t="s">
        <v>39748</v>
      </c>
      <c r="D12940" s="14" t="s">
        <v>39749</v>
      </c>
      <c r="E12940" s="2" t="s">
        <v>39750</v>
      </c>
      <c r="F12940" s="2" t="s">
        <v>7204</v>
      </c>
      <c r="G12940" s="8">
        <v>190</v>
      </c>
      <c r="H12940" s="5">
        <v>6</v>
      </c>
      <c r="I12940" s="5" t="s">
        <v>1518</v>
      </c>
      <c r="J12940" s="5" t="s">
        <v>36264</v>
      </c>
      <c r="K12940" s="2" t="s">
        <v>36265</v>
      </c>
      <c r="L12940" s="5" t="s">
        <v>36264</v>
      </c>
      <c r="M12940" s="2" t="s">
        <v>36265</v>
      </c>
      <c r="N12940" s="5" t="s">
        <v>36266</v>
      </c>
      <c r="O12940" s="5" t="s">
        <v>38</v>
      </c>
      <c r="P12940" s="5" t="s">
        <v>39</v>
      </c>
      <c r="Q12940" s="5" t="s">
        <v>40</v>
      </c>
      <c r="R12940" s="5" t="s">
        <v>1522</v>
      </c>
      <c r="S12940" s="5" t="s">
        <v>1523</v>
      </c>
      <c r="T12940" s="5" t="s">
        <v>42</v>
      </c>
      <c r="U12940" s="2">
        <v>1.736</v>
      </c>
      <c r="V12940" s="2">
        <v>1.224</v>
      </c>
      <c r="W12940" s="2">
        <v>1.7999999999999999E-2</v>
      </c>
      <c r="X12940" s="2">
        <v>139.1</v>
      </c>
      <c r="Y12940" s="2">
        <v>7.6</v>
      </c>
      <c r="Z12940" s="2">
        <v>16.7</v>
      </c>
      <c r="AA12940" s="5"/>
      <c r="AB12940" s="5" t="s">
        <v>43</v>
      </c>
      <c r="AC12940" s="5" t="s">
        <v>44</v>
      </c>
      <c r="AD12940" s="2"/>
      <c r="AE12940" s="1"/>
    </row>
    <row r="12941" spans="1:31" ht="14.45">
      <c r="A12941" s="11"/>
      <c r="B12941" s="20"/>
      <c r="C12941" s="2" t="s">
        <v>39751</v>
      </c>
      <c r="D12941" s="14" t="s">
        <v>39752</v>
      </c>
      <c r="E12941" s="2" t="s">
        <v>39753</v>
      </c>
      <c r="F12941" s="2" t="s">
        <v>7514</v>
      </c>
      <c r="G12941" s="8">
        <v>190</v>
      </c>
      <c r="H12941" s="5">
        <v>6</v>
      </c>
      <c r="I12941" s="5" t="s">
        <v>1518</v>
      </c>
      <c r="J12941" s="5" t="s">
        <v>36264</v>
      </c>
      <c r="K12941" s="2" t="s">
        <v>36265</v>
      </c>
      <c r="L12941" s="5" t="s">
        <v>36264</v>
      </c>
      <c r="M12941" s="2" t="s">
        <v>36265</v>
      </c>
      <c r="N12941" s="5" t="s">
        <v>36266</v>
      </c>
      <c r="O12941" s="5" t="s">
        <v>38</v>
      </c>
      <c r="P12941" s="5" t="s">
        <v>39</v>
      </c>
      <c r="Q12941" s="5" t="s">
        <v>40</v>
      </c>
      <c r="R12941" s="5" t="s">
        <v>1522</v>
      </c>
      <c r="S12941" s="5" t="s">
        <v>1523</v>
      </c>
      <c r="T12941" s="5" t="s">
        <v>42</v>
      </c>
      <c r="U12941" s="2">
        <v>1.786</v>
      </c>
      <c r="V12941" s="2">
        <v>1.274</v>
      </c>
      <c r="W12941" s="2">
        <v>1.7999999999999999E-2</v>
      </c>
      <c r="X12941" s="2">
        <v>139.1</v>
      </c>
      <c r="Y12941" s="2">
        <v>7.6</v>
      </c>
      <c r="Z12941" s="2">
        <v>16.7</v>
      </c>
      <c r="AA12941" s="5"/>
      <c r="AB12941" s="5" t="s">
        <v>43</v>
      </c>
      <c r="AC12941" s="5" t="s">
        <v>44</v>
      </c>
      <c r="AD12941" s="2"/>
      <c r="AE12941" s="1"/>
    </row>
    <row r="12942" spans="1:31" ht="14.45">
      <c r="A12942" s="11"/>
      <c r="B12942" s="20"/>
      <c r="C12942" s="2" t="s">
        <v>39754</v>
      </c>
      <c r="D12942" s="14" t="s">
        <v>39755</v>
      </c>
      <c r="E12942" s="2" t="s">
        <v>39756</v>
      </c>
      <c r="F12942" s="2" t="s">
        <v>36273</v>
      </c>
      <c r="G12942" s="8">
        <v>190</v>
      </c>
      <c r="H12942" s="5">
        <v>6</v>
      </c>
      <c r="I12942" s="5" t="s">
        <v>1518</v>
      </c>
      <c r="J12942" s="5" t="s">
        <v>36264</v>
      </c>
      <c r="K12942" s="2" t="s">
        <v>36265</v>
      </c>
      <c r="L12942" s="5" t="s">
        <v>36264</v>
      </c>
      <c r="M12942" s="2" t="s">
        <v>36265</v>
      </c>
      <c r="N12942" s="5" t="s">
        <v>36266</v>
      </c>
      <c r="O12942" s="5" t="s">
        <v>38</v>
      </c>
      <c r="P12942" s="5" t="s">
        <v>39</v>
      </c>
      <c r="Q12942" s="5" t="s">
        <v>40</v>
      </c>
      <c r="R12942" s="5" t="s">
        <v>1522</v>
      </c>
      <c r="S12942" s="5" t="s">
        <v>1523</v>
      </c>
      <c r="T12942" s="5" t="s">
        <v>42</v>
      </c>
      <c r="U12942" s="2">
        <v>1.736</v>
      </c>
      <c r="V12942" s="2">
        <v>1.224</v>
      </c>
      <c r="W12942" s="2">
        <v>1.7999999999999999E-2</v>
      </c>
      <c r="X12942" s="2">
        <v>139.1</v>
      </c>
      <c r="Y12942" s="2">
        <v>7.6</v>
      </c>
      <c r="Z12942" s="2">
        <v>16.7</v>
      </c>
      <c r="AA12942" s="5"/>
      <c r="AB12942" s="5" t="s">
        <v>43</v>
      </c>
      <c r="AC12942" s="5" t="s">
        <v>44</v>
      </c>
      <c r="AD12942" s="2"/>
      <c r="AE12942" s="1"/>
    </row>
    <row r="12943" spans="1:31" ht="14.45">
      <c r="A12943" s="11"/>
      <c r="B12943" s="20"/>
      <c r="C12943" s="2" t="s">
        <v>39757</v>
      </c>
      <c r="D12943" s="14" t="s">
        <v>39758</v>
      </c>
      <c r="E12943" s="2" t="s">
        <v>39759</v>
      </c>
      <c r="F12943" s="2" t="s">
        <v>36277</v>
      </c>
      <c r="G12943" s="8">
        <v>190</v>
      </c>
      <c r="H12943" s="5">
        <v>6</v>
      </c>
      <c r="I12943" s="5" t="s">
        <v>1518</v>
      </c>
      <c r="J12943" s="5" t="s">
        <v>36264</v>
      </c>
      <c r="K12943" s="2" t="s">
        <v>36265</v>
      </c>
      <c r="L12943" s="5" t="s">
        <v>36264</v>
      </c>
      <c r="M12943" s="2" t="s">
        <v>36265</v>
      </c>
      <c r="N12943" s="5" t="s">
        <v>36266</v>
      </c>
      <c r="O12943" s="5" t="s">
        <v>38</v>
      </c>
      <c r="P12943" s="5" t="s">
        <v>39</v>
      </c>
      <c r="Q12943" s="5" t="s">
        <v>40</v>
      </c>
      <c r="R12943" s="5" t="s">
        <v>1522</v>
      </c>
      <c r="S12943" s="5" t="s">
        <v>1523</v>
      </c>
      <c r="T12943" s="5" t="s">
        <v>42</v>
      </c>
      <c r="U12943" s="2">
        <v>1.786</v>
      </c>
      <c r="V12943" s="2">
        <v>1.274</v>
      </c>
      <c r="W12943" s="2">
        <v>1.7999999999999999E-2</v>
      </c>
      <c r="X12943" s="2">
        <v>139.1</v>
      </c>
      <c r="Y12943" s="2">
        <v>7.6</v>
      </c>
      <c r="Z12943" s="2">
        <v>16.7</v>
      </c>
      <c r="AA12943" s="5"/>
      <c r="AB12943" s="5" t="s">
        <v>43</v>
      </c>
      <c r="AC12943" s="5" t="s">
        <v>44</v>
      </c>
      <c r="AD12943" s="2"/>
      <c r="AE12943" s="1"/>
    </row>
    <row r="12944" spans="1:31" ht="14.45">
      <c r="A12944" s="11"/>
      <c r="B12944" s="20"/>
      <c r="C12944" s="2" t="s">
        <v>39760</v>
      </c>
      <c r="D12944" s="14" t="s">
        <v>39761</v>
      </c>
      <c r="E12944" s="2" t="s">
        <v>39762</v>
      </c>
      <c r="F12944" s="2" t="s">
        <v>36281</v>
      </c>
      <c r="G12944" s="8">
        <v>218</v>
      </c>
      <c r="H12944" s="5">
        <v>6</v>
      </c>
      <c r="I12944" s="5" t="s">
        <v>1518</v>
      </c>
      <c r="J12944" s="5" t="s">
        <v>36264</v>
      </c>
      <c r="K12944" s="2" t="s">
        <v>36265</v>
      </c>
      <c r="L12944" s="5" t="s">
        <v>36264</v>
      </c>
      <c r="M12944" s="2" t="s">
        <v>36265</v>
      </c>
      <c r="N12944" s="5" t="s">
        <v>36266</v>
      </c>
      <c r="O12944" s="5" t="s">
        <v>38</v>
      </c>
      <c r="P12944" s="5" t="s">
        <v>39</v>
      </c>
      <c r="Q12944" s="5" t="s">
        <v>40</v>
      </c>
      <c r="R12944" s="5" t="s">
        <v>1522</v>
      </c>
      <c r="S12944" s="5" t="s">
        <v>1523</v>
      </c>
      <c r="T12944" s="5" t="s">
        <v>42</v>
      </c>
      <c r="U12944" s="2">
        <v>1.736</v>
      </c>
      <c r="V12944" s="2">
        <v>1.224</v>
      </c>
      <c r="W12944" s="2">
        <v>1.7999999999999999E-2</v>
      </c>
      <c r="X12944" s="2">
        <v>139.1</v>
      </c>
      <c r="Y12944" s="2">
        <v>7.6</v>
      </c>
      <c r="Z12944" s="2">
        <v>16.7</v>
      </c>
      <c r="AA12944" s="5"/>
      <c r="AB12944" s="5" t="s">
        <v>43</v>
      </c>
      <c r="AC12944" s="5" t="s">
        <v>44</v>
      </c>
      <c r="AD12944" s="2"/>
      <c r="AE12944" s="1"/>
    </row>
    <row r="12945" spans="1:31" ht="14.45">
      <c r="A12945" s="11"/>
      <c r="B12945" s="20"/>
      <c r="C12945" s="2" t="s">
        <v>39763</v>
      </c>
      <c r="D12945" s="14" t="s">
        <v>39764</v>
      </c>
      <c r="E12945" s="2" t="s">
        <v>39765</v>
      </c>
      <c r="F12945" s="2" t="s">
        <v>36285</v>
      </c>
      <c r="G12945" s="8">
        <v>218</v>
      </c>
      <c r="H12945" s="5">
        <v>6</v>
      </c>
      <c r="I12945" s="5" t="s">
        <v>1518</v>
      </c>
      <c r="J12945" s="5" t="s">
        <v>36264</v>
      </c>
      <c r="K12945" s="2" t="s">
        <v>36265</v>
      </c>
      <c r="L12945" s="5" t="s">
        <v>36264</v>
      </c>
      <c r="M12945" s="2" t="s">
        <v>36265</v>
      </c>
      <c r="N12945" s="5" t="s">
        <v>36266</v>
      </c>
      <c r="O12945" s="5" t="s">
        <v>38</v>
      </c>
      <c r="P12945" s="5" t="s">
        <v>39</v>
      </c>
      <c r="Q12945" s="5" t="s">
        <v>40</v>
      </c>
      <c r="R12945" s="5" t="s">
        <v>1522</v>
      </c>
      <c r="S12945" s="5" t="s">
        <v>1523</v>
      </c>
      <c r="T12945" s="5" t="s">
        <v>42</v>
      </c>
      <c r="U12945" s="2">
        <v>1.786</v>
      </c>
      <c r="V12945" s="2">
        <v>1.274</v>
      </c>
      <c r="W12945" s="2">
        <v>1.7999999999999999E-2</v>
      </c>
      <c r="X12945" s="2">
        <v>139.1</v>
      </c>
      <c r="Y12945" s="2">
        <v>7.6</v>
      </c>
      <c r="Z12945" s="2">
        <v>16.7</v>
      </c>
      <c r="AA12945" s="5"/>
      <c r="AB12945" s="5" t="s">
        <v>43</v>
      </c>
      <c r="AC12945" s="5" t="s">
        <v>44</v>
      </c>
      <c r="AD12945" s="2"/>
      <c r="AE12945" s="1"/>
    </row>
    <row r="12946" spans="1:31" ht="14.45">
      <c r="A12946" s="11"/>
      <c r="B12946" s="20"/>
      <c r="C12946" s="2" t="s">
        <v>39766</v>
      </c>
      <c r="D12946" s="14" t="s">
        <v>39767</v>
      </c>
      <c r="E12946" s="2" t="s">
        <v>39768</v>
      </c>
      <c r="F12946" s="2" t="s">
        <v>36289</v>
      </c>
      <c r="G12946" s="8">
        <v>218</v>
      </c>
      <c r="H12946" s="5">
        <v>6</v>
      </c>
      <c r="I12946" s="5" t="s">
        <v>1518</v>
      </c>
      <c r="J12946" s="5" t="s">
        <v>36264</v>
      </c>
      <c r="K12946" s="2" t="s">
        <v>36265</v>
      </c>
      <c r="L12946" s="5" t="s">
        <v>36264</v>
      </c>
      <c r="M12946" s="2" t="s">
        <v>36265</v>
      </c>
      <c r="N12946" s="5" t="s">
        <v>36266</v>
      </c>
      <c r="O12946" s="5" t="s">
        <v>38</v>
      </c>
      <c r="P12946" s="5" t="s">
        <v>39</v>
      </c>
      <c r="Q12946" s="5" t="s">
        <v>40</v>
      </c>
      <c r="R12946" s="5" t="s">
        <v>1522</v>
      </c>
      <c r="S12946" s="5" t="s">
        <v>1523</v>
      </c>
      <c r="T12946" s="5" t="s">
        <v>42</v>
      </c>
      <c r="U12946" s="2">
        <v>1.736</v>
      </c>
      <c r="V12946" s="2">
        <v>1.224</v>
      </c>
      <c r="W12946" s="2">
        <v>1.7999999999999999E-2</v>
      </c>
      <c r="X12946" s="2">
        <v>139.1</v>
      </c>
      <c r="Y12946" s="2">
        <v>7.6</v>
      </c>
      <c r="Z12946" s="2">
        <v>16.7</v>
      </c>
      <c r="AA12946" s="5"/>
      <c r="AB12946" s="5" t="s">
        <v>43</v>
      </c>
      <c r="AC12946" s="5" t="s">
        <v>44</v>
      </c>
      <c r="AD12946" s="2"/>
      <c r="AE12946" s="1"/>
    </row>
    <row r="12947" spans="1:31" ht="14.45">
      <c r="A12947" s="11"/>
      <c r="B12947" s="20"/>
      <c r="C12947" s="2" t="s">
        <v>39769</v>
      </c>
      <c r="D12947" s="14" t="s">
        <v>39770</v>
      </c>
      <c r="E12947" s="2" t="s">
        <v>39771</v>
      </c>
      <c r="F12947" s="2" t="s">
        <v>36293</v>
      </c>
      <c r="G12947" s="8">
        <v>218</v>
      </c>
      <c r="H12947" s="5">
        <v>6</v>
      </c>
      <c r="I12947" s="5" t="s">
        <v>1518</v>
      </c>
      <c r="J12947" s="5" t="s">
        <v>36264</v>
      </c>
      <c r="K12947" s="2" t="s">
        <v>36265</v>
      </c>
      <c r="L12947" s="5" t="s">
        <v>36264</v>
      </c>
      <c r="M12947" s="2" t="s">
        <v>36265</v>
      </c>
      <c r="N12947" s="5" t="s">
        <v>36266</v>
      </c>
      <c r="O12947" s="5" t="s">
        <v>38</v>
      </c>
      <c r="P12947" s="5" t="s">
        <v>39</v>
      </c>
      <c r="Q12947" s="5" t="s">
        <v>40</v>
      </c>
      <c r="R12947" s="5" t="s">
        <v>1522</v>
      </c>
      <c r="S12947" s="5" t="s">
        <v>1523</v>
      </c>
      <c r="T12947" s="5" t="s">
        <v>42</v>
      </c>
      <c r="U12947" s="2">
        <v>1.786</v>
      </c>
      <c r="V12947" s="2">
        <v>1.274</v>
      </c>
      <c r="W12947" s="2">
        <v>1.7999999999999999E-2</v>
      </c>
      <c r="X12947" s="2">
        <v>139.1</v>
      </c>
      <c r="Y12947" s="2">
        <v>7.6</v>
      </c>
      <c r="Z12947" s="2">
        <v>16.7</v>
      </c>
      <c r="AA12947" s="5"/>
      <c r="AB12947" s="5" t="s">
        <v>43</v>
      </c>
      <c r="AC12947" s="5" t="s">
        <v>44</v>
      </c>
      <c r="AD12947" s="2"/>
      <c r="AE12947" s="1"/>
    </row>
    <row r="12948" spans="1:31" ht="14.45">
      <c r="A12948" s="11"/>
      <c r="B12948" s="20"/>
      <c r="C12948" s="2" t="s">
        <v>39772</v>
      </c>
      <c r="D12948" s="14" t="s">
        <v>39773</v>
      </c>
      <c r="E12948" s="2" t="s">
        <v>39774</v>
      </c>
      <c r="F12948" s="2" t="s">
        <v>36297</v>
      </c>
      <c r="G12948" s="8">
        <v>190</v>
      </c>
      <c r="H12948" s="5">
        <v>6</v>
      </c>
      <c r="I12948" s="5" t="s">
        <v>1518</v>
      </c>
      <c r="J12948" s="5" t="s">
        <v>36264</v>
      </c>
      <c r="K12948" s="2" t="s">
        <v>36265</v>
      </c>
      <c r="L12948" s="5" t="s">
        <v>36264</v>
      </c>
      <c r="M12948" s="2" t="s">
        <v>36265</v>
      </c>
      <c r="N12948" s="5" t="s">
        <v>36266</v>
      </c>
      <c r="O12948" s="5" t="s">
        <v>38</v>
      </c>
      <c r="P12948" s="5" t="s">
        <v>39</v>
      </c>
      <c r="Q12948" s="5" t="s">
        <v>40</v>
      </c>
      <c r="R12948" s="5" t="s">
        <v>1522</v>
      </c>
      <c r="S12948" s="5" t="s">
        <v>1523</v>
      </c>
      <c r="T12948" s="5" t="s">
        <v>42</v>
      </c>
      <c r="U12948" s="2">
        <v>1.736</v>
      </c>
      <c r="V12948" s="2">
        <v>1.224</v>
      </c>
      <c r="W12948" s="2">
        <v>1.7999999999999999E-2</v>
      </c>
      <c r="X12948" s="2">
        <v>139.1</v>
      </c>
      <c r="Y12948" s="2">
        <v>7.6</v>
      </c>
      <c r="Z12948" s="2">
        <v>16.7</v>
      </c>
      <c r="AA12948" s="5"/>
      <c r="AB12948" s="5" t="s">
        <v>43</v>
      </c>
      <c r="AC12948" s="5" t="s">
        <v>44</v>
      </c>
      <c r="AD12948" s="2"/>
      <c r="AE12948" s="1"/>
    </row>
    <row r="12949" spans="1:31" ht="14.45">
      <c r="A12949" s="11"/>
      <c r="B12949" s="20"/>
      <c r="C12949" s="2" t="s">
        <v>39775</v>
      </c>
      <c r="D12949" s="14" t="s">
        <v>39776</v>
      </c>
      <c r="E12949" s="2" t="s">
        <v>39777</v>
      </c>
      <c r="F12949" s="2" t="s">
        <v>36301</v>
      </c>
      <c r="G12949" s="8">
        <v>190</v>
      </c>
      <c r="H12949" s="5">
        <v>6</v>
      </c>
      <c r="I12949" s="5" t="s">
        <v>1518</v>
      </c>
      <c r="J12949" s="5" t="s">
        <v>36264</v>
      </c>
      <c r="K12949" s="2" t="s">
        <v>36265</v>
      </c>
      <c r="L12949" s="5" t="s">
        <v>36264</v>
      </c>
      <c r="M12949" s="2" t="s">
        <v>36265</v>
      </c>
      <c r="N12949" s="5" t="s">
        <v>36266</v>
      </c>
      <c r="O12949" s="5" t="s">
        <v>38</v>
      </c>
      <c r="P12949" s="5" t="s">
        <v>39</v>
      </c>
      <c r="Q12949" s="5" t="s">
        <v>40</v>
      </c>
      <c r="R12949" s="5" t="s">
        <v>1522</v>
      </c>
      <c r="S12949" s="5" t="s">
        <v>1523</v>
      </c>
      <c r="T12949" s="5" t="s">
        <v>42</v>
      </c>
      <c r="U12949" s="2">
        <v>1.786</v>
      </c>
      <c r="V12949" s="2">
        <v>1.274</v>
      </c>
      <c r="W12949" s="2">
        <v>1.7999999999999999E-2</v>
      </c>
      <c r="X12949" s="2">
        <v>139.1</v>
      </c>
      <c r="Y12949" s="2">
        <v>7.6</v>
      </c>
      <c r="Z12949" s="2">
        <v>16.7</v>
      </c>
      <c r="AA12949" s="5"/>
      <c r="AB12949" s="5" t="s">
        <v>43</v>
      </c>
      <c r="AC12949" s="5" t="s">
        <v>44</v>
      </c>
      <c r="AD12949" s="2"/>
      <c r="AE12949" s="1"/>
    </row>
    <row r="12950" spans="1:31" ht="14.45">
      <c r="A12950" s="11"/>
      <c r="B12950" s="20"/>
      <c r="C12950" s="2" t="s">
        <v>39778</v>
      </c>
      <c r="D12950" s="14" t="s">
        <v>39779</v>
      </c>
      <c r="E12950" s="2" t="s">
        <v>39780</v>
      </c>
      <c r="F12950" s="2" t="s">
        <v>36305</v>
      </c>
      <c r="G12950" s="8">
        <v>190</v>
      </c>
      <c r="H12950" s="5">
        <v>6</v>
      </c>
      <c r="I12950" s="5" t="s">
        <v>1518</v>
      </c>
      <c r="J12950" s="5" t="s">
        <v>36264</v>
      </c>
      <c r="K12950" s="2" t="s">
        <v>36265</v>
      </c>
      <c r="L12950" s="5" t="s">
        <v>36264</v>
      </c>
      <c r="M12950" s="2" t="s">
        <v>36265</v>
      </c>
      <c r="N12950" s="5" t="s">
        <v>36266</v>
      </c>
      <c r="O12950" s="5" t="s">
        <v>38</v>
      </c>
      <c r="P12950" s="5" t="s">
        <v>39</v>
      </c>
      <c r="Q12950" s="5" t="s">
        <v>40</v>
      </c>
      <c r="R12950" s="5" t="s">
        <v>1522</v>
      </c>
      <c r="S12950" s="5" t="s">
        <v>1523</v>
      </c>
      <c r="T12950" s="5" t="s">
        <v>42</v>
      </c>
      <c r="U12950" s="2">
        <v>1.736</v>
      </c>
      <c r="V12950" s="2">
        <v>1.224</v>
      </c>
      <c r="W12950" s="2">
        <v>1.7999999999999999E-2</v>
      </c>
      <c r="X12950" s="2">
        <v>139.1</v>
      </c>
      <c r="Y12950" s="2">
        <v>7.6</v>
      </c>
      <c r="Z12950" s="2">
        <v>16.7</v>
      </c>
      <c r="AA12950" s="5"/>
      <c r="AB12950" s="5" t="s">
        <v>43</v>
      </c>
      <c r="AC12950" s="5" t="s">
        <v>44</v>
      </c>
      <c r="AD12950" s="2"/>
      <c r="AE12950" s="1"/>
    </row>
    <row r="12951" spans="1:31" ht="14.45">
      <c r="A12951" s="11"/>
      <c r="B12951" s="20"/>
      <c r="C12951" s="2" t="s">
        <v>39781</v>
      </c>
      <c r="D12951" s="14" t="s">
        <v>39782</v>
      </c>
      <c r="E12951" s="2" t="s">
        <v>39783</v>
      </c>
      <c r="F12951" s="2" t="s">
        <v>36309</v>
      </c>
      <c r="G12951" s="8">
        <v>190</v>
      </c>
      <c r="H12951" s="5">
        <v>6</v>
      </c>
      <c r="I12951" s="5" t="s">
        <v>1518</v>
      </c>
      <c r="J12951" s="5" t="s">
        <v>36264</v>
      </c>
      <c r="K12951" s="2" t="s">
        <v>36265</v>
      </c>
      <c r="L12951" s="5" t="s">
        <v>36264</v>
      </c>
      <c r="M12951" s="2" t="s">
        <v>36265</v>
      </c>
      <c r="N12951" s="5" t="s">
        <v>36266</v>
      </c>
      <c r="O12951" s="5" t="s">
        <v>38</v>
      </c>
      <c r="P12951" s="5" t="s">
        <v>39</v>
      </c>
      <c r="Q12951" s="5" t="s">
        <v>40</v>
      </c>
      <c r="R12951" s="5" t="s">
        <v>1522</v>
      </c>
      <c r="S12951" s="5" t="s">
        <v>1523</v>
      </c>
      <c r="T12951" s="5" t="s">
        <v>42</v>
      </c>
      <c r="U12951" s="2">
        <v>1.786</v>
      </c>
      <c r="V12951" s="2">
        <v>1.274</v>
      </c>
      <c r="W12951" s="2">
        <v>1.7999999999999999E-2</v>
      </c>
      <c r="X12951" s="2">
        <v>139.1</v>
      </c>
      <c r="Y12951" s="2">
        <v>7.6</v>
      </c>
      <c r="Z12951" s="2">
        <v>16.7</v>
      </c>
      <c r="AA12951" s="5"/>
      <c r="AB12951" s="5" t="s">
        <v>43</v>
      </c>
      <c r="AC12951" s="5" t="s">
        <v>44</v>
      </c>
      <c r="AD12951" s="2"/>
      <c r="AE12951" s="1"/>
    </row>
    <row r="12952" spans="1:31" ht="14.45">
      <c r="A12952" s="11"/>
      <c r="B12952" s="20"/>
      <c r="C12952" s="2" t="s">
        <v>39784</v>
      </c>
      <c r="D12952" s="14" t="s">
        <v>39785</v>
      </c>
      <c r="E12952" s="2" t="s">
        <v>39786</v>
      </c>
      <c r="F12952" s="2" t="s">
        <v>36313</v>
      </c>
      <c r="G12952" s="8">
        <v>218</v>
      </c>
      <c r="H12952" s="5">
        <v>6</v>
      </c>
      <c r="I12952" s="5" t="s">
        <v>1518</v>
      </c>
      <c r="J12952" s="5" t="s">
        <v>36264</v>
      </c>
      <c r="K12952" s="2" t="s">
        <v>36265</v>
      </c>
      <c r="L12952" s="5" t="s">
        <v>36264</v>
      </c>
      <c r="M12952" s="2" t="s">
        <v>36265</v>
      </c>
      <c r="N12952" s="5" t="s">
        <v>36266</v>
      </c>
      <c r="O12952" s="5" t="s">
        <v>38</v>
      </c>
      <c r="P12952" s="5" t="s">
        <v>39</v>
      </c>
      <c r="Q12952" s="5" t="s">
        <v>40</v>
      </c>
      <c r="R12952" s="5" t="s">
        <v>1522</v>
      </c>
      <c r="S12952" s="5" t="s">
        <v>1523</v>
      </c>
      <c r="T12952" s="5" t="s">
        <v>42</v>
      </c>
      <c r="U12952" s="2">
        <v>1.736</v>
      </c>
      <c r="V12952" s="2">
        <v>1.224</v>
      </c>
      <c r="W12952" s="2">
        <v>1.7999999999999999E-2</v>
      </c>
      <c r="X12952" s="2">
        <v>139.1</v>
      </c>
      <c r="Y12952" s="2">
        <v>7.6</v>
      </c>
      <c r="Z12952" s="2">
        <v>16.7</v>
      </c>
      <c r="AA12952" s="5"/>
      <c r="AB12952" s="5" t="s">
        <v>43</v>
      </c>
      <c r="AC12952" s="5" t="s">
        <v>44</v>
      </c>
      <c r="AD12952" s="2"/>
      <c r="AE12952" s="1"/>
    </row>
    <row r="12953" spans="1:31" ht="14.45">
      <c r="A12953" s="11"/>
      <c r="B12953" s="20"/>
      <c r="C12953" s="2" t="s">
        <v>39787</v>
      </c>
      <c r="D12953" s="14" t="s">
        <v>39788</v>
      </c>
      <c r="E12953" s="2" t="s">
        <v>39789</v>
      </c>
      <c r="F12953" s="2" t="s">
        <v>36317</v>
      </c>
      <c r="G12953" s="8">
        <v>218</v>
      </c>
      <c r="H12953" s="5">
        <v>6</v>
      </c>
      <c r="I12953" s="5" t="s">
        <v>1518</v>
      </c>
      <c r="J12953" s="5" t="s">
        <v>36264</v>
      </c>
      <c r="K12953" s="2" t="s">
        <v>36265</v>
      </c>
      <c r="L12953" s="5" t="s">
        <v>36264</v>
      </c>
      <c r="M12953" s="2" t="s">
        <v>36265</v>
      </c>
      <c r="N12953" s="5" t="s">
        <v>36266</v>
      </c>
      <c r="O12953" s="5" t="s">
        <v>38</v>
      </c>
      <c r="P12953" s="5" t="s">
        <v>39</v>
      </c>
      <c r="Q12953" s="5" t="s">
        <v>40</v>
      </c>
      <c r="R12953" s="5" t="s">
        <v>1522</v>
      </c>
      <c r="S12953" s="5" t="s">
        <v>1523</v>
      </c>
      <c r="T12953" s="5" t="s">
        <v>42</v>
      </c>
      <c r="U12953" s="2">
        <v>1.786</v>
      </c>
      <c r="V12953" s="2">
        <v>1.274</v>
      </c>
      <c r="W12953" s="2">
        <v>1.7999999999999999E-2</v>
      </c>
      <c r="X12953" s="2">
        <v>139.1</v>
      </c>
      <c r="Y12953" s="2">
        <v>7.6</v>
      </c>
      <c r="Z12953" s="2">
        <v>16.7</v>
      </c>
      <c r="AA12953" s="5"/>
      <c r="AB12953" s="5" t="s">
        <v>43</v>
      </c>
      <c r="AC12953" s="5" t="s">
        <v>44</v>
      </c>
      <c r="AD12953" s="2"/>
      <c r="AE12953" s="1"/>
    </row>
    <row r="12954" spans="1:31" ht="14.45">
      <c r="A12954" s="11"/>
      <c r="B12954" s="20"/>
      <c r="C12954" s="2" t="s">
        <v>39790</v>
      </c>
      <c r="D12954" s="14" t="s">
        <v>39791</v>
      </c>
      <c r="E12954" s="2" t="s">
        <v>39792</v>
      </c>
      <c r="F12954" s="2" t="s">
        <v>36321</v>
      </c>
      <c r="G12954" s="8">
        <v>218</v>
      </c>
      <c r="H12954" s="5">
        <v>6</v>
      </c>
      <c r="I12954" s="5" t="s">
        <v>1518</v>
      </c>
      <c r="J12954" s="5" t="s">
        <v>36264</v>
      </c>
      <c r="K12954" s="2" t="s">
        <v>36265</v>
      </c>
      <c r="L12954" s="5" t="s">
        <v>36264</v>
      </c>
      <c r="M12954" s="2" t="s">
        <v>36265</v>
      </c>
      <c r="N12954" s="5" t="s">
        <v>36266</v>
      </c>
      <c r="O12954" s="5" t="s">
        <v>38</v>
      </c>
      <c r="P12954" s="5" t="s">
        <v>39</v>
      </c>
      <c r="Q12954" s="5" t="s">
        <v>40</v>
      </c>
      <c r="R12954" s="5" t="s">
        <v>1522</v>
      </c>
      <c r="S12954" s="5" t="s">
        <v>1523</v>
      </c>
      <c r="T12954" s="5" t="s">
        <v>42</v>
      </c>
      <c r="U12954" s="2">
        <v>1.736</v>
      </c>
      <c r="V12954" s="2">
        <v>1.224</v>
      </c>
      <c r="W12954" s="2">
        <v>1.7999999999999999E-2</v>
      </c>
      <c r="X12954" s="2">
        <v>139.1</v>
      </c>
      <c r="Y12954" s="2">
        <v>7.6</v>
      </c>
      <c r="Z12954" s="2">
        <v>16.7</v>
      </c>
      <c r="AA12954" s="5"/>
      <c r="AB12954" s="5" t="s">
        <v>43</v>
      </c>
      <c r="AC12954" s="5" t="s">
        <v>44</v>
      </c>
      <c r="AD12954" s="2"/>
      <c r="AE12954" s="1"/>
    </row>
    <row r="12955" spans="1:31" ht="14.45">
      <c r="A12955" s="11"/>
      <c r="B12955" s="20"/>
      <c r="C12955" s="2" t="s">
        <v>39793</v>
      </c>
      <c r="D12955" s="14" t="s">
        <v>39794</v>
      </c>
      <c r="E12955" s="2" t="s">
        <v>39795</v>
      </c>
      <c r="F12955" s="2" t="s">
        <v>36325</v>
      </c>
      <c r="G12955" s="8">
        <v>218</v>
      </c>
      <c r="H12955" s="5">
        <v>6</v>
      </c>
      <c r="I12955" s="5" t="s">
        <v>1518</v>
      </c>
      <c r="J12955" s="5" t="s">
        <v>36264</v>
      </c>
      <c r="K12955" s="2" t="s">
        <v>36265</v>
      </c>
      <c r="L12955" s="5" t="s">
        <v>36264</v>
      </c>
      <c r="M12955" s="2" t="s">
        <v>36265</v>
      </c>
      <c r="N12955" s="5" t="s">
        <v>36266</v>
      </c>
      <c r="O12955" s="5" t="s">
        <v>38</v>
      </c>
      <c r="P12955" s="5" t="s">
        <v>39</v>
      </c>
      <c r="Q12955" s="5" t="s">
        <v>40</v>
      </c>
      <c r="R12955" s="5" t="s">
        <v>1522</v>
      </c>
      <c r="S12955" s="5" t="s">
        <v>1523</v>
      </c>
      <c r="T12955" s="5" t="s">
        <v>42</v>
      </c>
      <c r="U12955" s="2">
        <v>1.786</v>
      </c>
      <c r="V12955" s="2">
        <v>1.274</v>
      </c>
      <c r="W12955" s="2">
        <v>1.7999999999999999E-2</v>
      </c>
      <c r="X12955" s="2">
        <v>139.1</v>
      </c>
      <c r="Y12955" s="2">
        <v>7.6</v>
      </c>
      <c r="Z12955" s="2">
        <v>16.7</v>
      </c>
      <c r="AA12955" s="5"/>
      <c r="AB12955" s="5" t="s">
        <v>43</v>
      </c>
      <c r="AC12955" s="5" t="s">
        <v>44</v>
      </c>
      <c r="AD12955" s="2"/>
      <c r="AE12955" s="1"/>
    </row>
    <row r="12956" spans="1:31" ht="14.45">
      <c r="A12956" s="11"/>
      <c r="B12956" s="20"/>
      <c r="C12956" s="2" t="s">
        <v>39796</v>
      </c>
      <c r="D12956" s="14" t="s">
        <v>39797</v>
      </c>
      <c r="E12956" s="2" t="s">
        <v>39798</v>
      </c>
      <c r="F12956" s="2" t="s">
        <v>36329</v>
      </c>
      <c r="G12956" s="8">
        <v>218</v>
      </c>
      <c r="H12956" s="5">
        <v>6</v>
      </c>
      <c r="I12956" s="5" t="s">
        <v>1518</v>
      </c>
      <c r="J12956" s="5" t="s">
        <v>36264</v>
      </c>
      <c r="K12956" s="2" t="s">
        <v>36265</v>
      </c>
      <c r="L12956" s="5" t="s">
        <v>36264</v>
      </c>
      <c r="M12956" s="2" t="s">
        <v>36265</v>
      </c>
      <c r="N12956" s="5" t="s">
        <v>36266</v>
      </c>
      <c r="O12956" s="5" t="s">
        <v>38</v>
      </c>
      <c r="P12956" s="5" t="s">
        <v>39</v>
      </c>
      <c r="Q12956" s="5" t="s">
        <v>40</v>
      </c>
      <c r="R12956" s="5" t="s">
        <v>1522</v>
      </c>
      <c r="S12956" s="5" t="s">
        <v>1523</v>
      </c>
      <c r="T12956" s="5" t="s">
        <v>42</v>
      </c>
      <c r="U12956" s="2">
        <v>1.736</v>
      </c>
      <c r="V12956" s="2">
        <v>1.224</v>
      </c>
      <c r="W12956" s="2">
        <v>1.7999999999999999E-2</v>
      </c>
      <c r="X12956" s="2">
        <v>139.1</v>
      </c>
      <c r="Y12956" s="2">
        <v>7.6</v>
      </c>
      <c r="Z12956" s="2">
        <v>16.7</v>
      </c>
      <c r="AA12956" s="5"/>
      <c r="AB12956" s="5" t="s">
        <v>43</v>
      </c>
      <c r="AC12956" s="5" t="s">
        <v>44</v>
      </c>
      <c r="AD12956" s="2"/>
      <c r="AE12956" s="1"/>
    </row>
    <row r="12957" spans="1:31" ht="14.45">
      <c r="A12957" s="11"/>
      <c r="B12957" s="20"/>
      <c r="C12957" s="2" t="s">
        <v>39799</v>
      </c>
      <c r="D12957" s="14" t="s">
        <v>39800</v>
      </c>
      <c r="E12957" s="2" t="s">
        <v>39801</v>
      </c>
      <c r="F12957" s="2" t="s">
        <v>36333</v>
      </c>
      <c r="G12957" s="8">
        <v>218</v>
      </c>
      <c r="H12957" s="5">
        <v>6</v>
      </c>
      <c r="I12957" s="5" t="s">
        <v>1518</v>
      </c>
      <c r="J12957" s="5" t="s">
        <v>36264</v>
      </c>
      <c r="K12957" s="2" t="s">
        <v>36265</v>
      </c>
      <c r="L12957" s="5" t="s">
        <v>36264</v>
      </c>
      <c r="M12957" s="2" t="s">
        <v>36265</v>
      </c>
      <c r="N12957" s="5" t="s">
        <v>36266</v>
      </c>
      <c r="O12957" s="5" t="s">
        <v>38</v>
      </c>
      <c r="P12957" s="5" t="s">
        <v>39</v>
      </c>
      <c r="Q12957" s="5" t="s">
        <v>40</v>
      </c>
      <c r="R12957" s="5" t="s">
        <v>1522</v>
      </c>
      <c r="S12957" s="5" t="s">
        <v>1523</v>
      </c>
      <c r="T12957" s="5" t="s">
        <v>42</v>
      </c>
      <c r="U12957" s="2">
        <v>1.786</v>
      </c>
      <c r="V12957" s="2">
        <v>1.274</v>
      </c>
      <c r="W12957" s="2">
        <v>1.7999999999999999E-2</v>
      </c>
      <c r="X12957" s="2">
        <v>139.1</v>
      </c>
      <c r="Y12957" s="2">
        <v>7.6</v>
      </c>
      <c r="Z12957" s="2">
        <v>16.7</v>
      </c>
      <c r="AA12957" s="5"/>
      <c r="AB12957" s="5" t="s">
        <v>43</v>
      </c>
      <c r="AC12957" s="5" t="s">
        <v>44</v>
      </c>
      <c r="AD12957" s="2"/>
      <c r="AE12957" s="1"/>
    </row>
    <row r="12958" spans="1:31" ht="14.45">
      <c r="A12958" s="11"/>
      <c r="B12958" s="20"/>
      <c r="C12958" s="2" t="s">
        <v>39802</v>
      </c>
      <c r="D12958" s="14" t="s">
        <v>39803</v>
      </c>
      <c r="E12958" s="2" t="s">
        <v>39804</v>
      </c>
      <c r="F12958" s="2" t="s">
        <v>36337</v>
      </c>
      <c r="G12958" s="8">
        <v>218</v>
      </c>
      <c r="H12958" s="5">
        <v>6</v>
      </c>
      <c r="I12958" s="5" t="s">
        <v>1518</v>
      </c>
      <c r="J12958" s="5" t="s">
        <v>36264</v>
      </c>
      <c r="K12958" s="2" t="s">
        <v>36265</v>
      </c>
      <c r="L12958" s="5" t="s">
        <v>36264</v>
      </c>
      <c r="M12958" s="2" t="s">
        <v>36265</v>
      </c>
      <c r="N12958" s="5" t="s">
        <v>36266</v>
      </c>
      <c r="O12958" s="5" t="s">
        <v>38</v>
      </c>
      <c r="P12958" s="5" t="s">
        <v>39</v>
      </c>
      <c r="Q12958" s="5" t="s">
        <v>40</v>
      </c>
      <c r="R12958" s="5" t="s">
        <v>1522</v>
      </c>
      <c r="S12958" s="5" t="s">
        <v>1523</v>
      </c>
      <c r="T12958" s="5" t="s">
        <v>42</v>
      </c>
      <c r="U12958" s="2">
        <v>1.736</v>
      </c>
      <c r="V12958" s="2">
        <v>1.224</v>
      </c>
      <c r="W12958" s="2">
        <v>1.7999999999999999E-2</v>
      </c>
      <c r="X12958" s="2">
        <v>139.1</v>
      </c>
      <c r="Y12958" s="2">
        <v>7.6</v>
      </c>
      <c r="Z12958" s="2">
        <v>16.7</v>
      </c>
      <c r="AA12958" s="5"/>
      <c r="AB12958" s="5" t="s">
        <v>43</v>
      </c>
      <c r="AC12958" s="5" t="s">
        <v>44</v>
      </c>
      <c r="AD12958" s="2"/>
      <c r="AE12958" s="1"/>
    </row>
    <row r="12959" spans="1:31" ht="14.45">
      <c r="A12959" s="11"/>
      <c r="B12959" s="20"/>
      <c r="C12959" s="2" t="s">
        <v>39805</v>
      </c>
      <c r="D12959" s="14" t="s">
        <v>39806</v>
      </c>
      <c r="E12959" s="2" t="s">
        <v>39807</v>
      </c>
      <c r="F12959" s="2" t="s">
        <v>36341</v>
      </c>
      <c r="G12959" s="8">
        <v>218</v>
      </c>
      <c r="H12959" s="5">
        <v>6</v>
      </c>
      <c r="I12959" s="5" t="s">
        <v>1518</v>
      </c>
      <c r="J12959" s="5" t="s">
        <v>36264</v>
      </c>
      <c r="K12959" s="2" t="s">
        <v>36265</v>
      </c>
      <c r="L12959" s="5" t="s">
        <v>36264</v>
      </c>
      <c r="M12959" s="2" t="s">
        <v>36265</v>
      </c>
      <c r="N12959" s="5" t="s">
        <v>36266</v>
      </c>
      <c r="O12959" s="5" t="s">
        <v>38</v>
      </c>
      <c r="P12959" s="5" t="s">
        <v>39</v>
      </c>
      <c r="Q12959" s="5" t="s">
        <v>40</v>
      </c>
      <c r="R12959" s="5" t="s">
        <v>1522</v>
      </c>
      <c r="S12959" s="5" t="s">
        <v>1523</v>
      </c>
      <c r="T12959" s="5" t="s">
        <v>42</v>
      </c>
      <c r="U12959" s="2">
        <v>1.786</v>
      </c>
      <c r="V12959" s="2">
        <v>1.274</v>
      </c>
      <c r="W12959" s="2">
        <v>1.7999999999999999E-2</v>
      </c>
      <c r="X12959" s="2">
        <v>139.1</v>
      </c>
      <c r="Y12959" s="2">
        <v>7.6</v>
      </c>
      <c r="Z12959" s="2">
        <v>16.7</v>
      </c>
      <c r="AA12959" s="5"/>
      <c r="AB12959" s="5" t="s">
        <v>43</v>
      </c>
      <c r="AC12959" s="5" t="s">
        <v>44</v>
      </c>
      <c r="AD12959" s="2"/>
      <c r="AE12959" s="1"/>
    </row>
    <row r="12960" spans="1:31" ht="14.45">
      <c r="A12960" s="11"/>
      <c r="B12960" s="20"/>
      <c r="C12960" s="2" t="s">
        <v>39808</v>
      </c>
      <c r="D12960" s="14" t="s">
        <v>39809</v>
      </c>
      <c r="E12960" s="2" t="s">
        <v>39810</v>
      </c>
      <c r="F12960" s="2" t="s">
        <v>36345</v>
      </c>
      <c r="G12960" s="8">
        <v>218</v>
      </c>
      <c r="H12960" s="5">
        <v>6</v>
      </c>
      <c r="I12960" s="5" t="s">
        <v>1518</v>
      </c>
      <c r="J12960" s="5" t="s">
        <v>36264</v>
      </c>
      <c r="K12960" s="2" t="s">
        <v>36265</v>
      </c>
      <c r="L12960" s="5" t="s">
        <v>36264</v>
      </c>
      <c r="M12960" s="2" t="s">
        <v>36265</v>
      </c>
      <c r="N12960" s="5" t="s">
        <v>36266</v>
      </c>
      <c r="O12960" s="5" t="s">
        <v>38</v>
      </c>
      <c r="P12960" s="5" t="s">
        <v>39</v>
      </c>
      <c r="Q12960" s="5" t="s">
        <v>40</v>
      </c>
      <c r="R12960" s="5" t="s">
        <v>1522</v>
      </c>
      <c r="S12960" s="5" t="s">
        <v>1523</v>
      </c>
      <c r="T12960" s="5" t="s">
        <v>42</v>
      </c>
      <c r="U12960" s="2">
        <v>1.736</v>
      </c>
      <c r="V12960" s="2">
        <v>1.224</v>
      </c>
      <c r="W12960" s="2">
        <v>1.7999999999999999E-2</v>
      </c>
      <c r="X12960" s="2">
        <v>139.1</v>
      </c>
      <c r="Y12960" s="2">
        <v>7.6</v>
      </c>
      <c r="Z12960" s="2">
        <v>16.7</v>
      </c>
      <c r="AA12960" s="5"/>
      <c r="AB12960" s="5" t="s">
        <v>43</v>
      </c>
      <c r="AC12960" s="5" t="s">
        <v>44</v>
      </c>
      <c r="AD12960" s="2"/>
      <c r="AE12960" s="1"/>
    </row>
    <row r="12961" spans="1:31" ht="14.45">
      <c r="A12961" s="11"/>
      <c r="B12961" s="20"/>
      <c r="C12961" s="2" t="s">
        <v>39811</v>
      </c>
      <c r="D12961" s="14" t="s">
        <v>39812</v>
      </c>
      <c r="E12961" s="2" t="s">
        <v>39813</v>
      </c>
      <c r="F12961" s="2" t="s">
        <v>36349</v>
      </c>
      <c r="G12961" s="8">
        <v>218</v>
      </c>
      <c r="H12961" s="5">
        <v>6</v>
      </c>
      <c r="I12961" s="5" t="s">
        <v>1518</v>
      </c>
      <c r="J12961" s="5" t="s">
        <v>36264</v>
      </c>
      <c r="K12961" s="2" t="s">
        <v>36265</v>
      </c>
      <c r="L12961" s="5" t="s">
        <v>36264</v>
      </c>
      <c r="M12961" s="2" t="s">
        <v>36265</v>
      </c>
      <c r="N12961" s="5" t="s">
        <v>36266</v>
      </c>
      <c r="O12961" s="5" t="s">
        <v>38</v>
      </c>
      <c r="P12961" s="5" t="s">
        <v>39</v>
      </c>
      <c r="Q12961" s="5" t="s">
        <v>40</v>
      </c>
      <c r="R12961" s="5" t="s">
        <v>1522</v>
      </c>
      <c r="S12961" s="5" t="s">
        <v>1523</v>
      </c>
      <c r="T12961" s="5" t="s">
        <v>42</v>
      </c>
      <c r="U12961" s="2">
        <v>1.786</v>
      </c>
      <c r="V12961" s="2">
        <v>1.274</v>
      </c>
      <c r="W12961" s="2">
        <v>1.7999999999999999E-2</v>
      </c>
      <c r="X12961" s="2">
        <v>139.1</v>
      </c>
      <c r="Y12961" s="2">
        <v>7.6</v>
      </c>
      <c r="Z12961" s="2">
        <v>16.7</v>
      </c>
      <c r="AA12961" s="5"/>
      <c r="AB12961" s="5" t="s">
        <v>43</v>
      </c>
      <c r="AC12961" s="5" t="s">
        <v>44</v>
      </c>
      <c r="AD12961" s="2"/>
      <c r="AE12961" s="1"/>
    </row>
    <row r="12962" spans="1:31" ht="14.45">
      <c r="A12962" s="11"/>
      <c r="B12962" s="20"/>
      <c r="C12962" s="2" t="s">
        <v>39814</v>
      </c>
      <c r="D12962" s="14" t="s">
        <v>39815</v>
      </c>
      <c r="E12962" s="2" t="s">
        <v>39816</v>
      </c>
      <c r="F12962" s="2" t="s">
        <v>36353</v>
      </c>
      <c r="G12962" s="8">
        <v>218</v>
      </c>
      <c r="H12962" s="5">
        <v>6</v>
      </c>
      <c r="I12962" s="5" t="s">
        <v>1518</v>
      </c>
      <c r="J12962" s="5" t="s">
        <v>36264</v>
      </c>
      <c r="K12962" s="2" t="s">
        <v>36265</v>
      </c>
      <c r="L12962" s="5" t="s">
        <v>36264</v>
      </c>
      <c r="M12962" s="2" t="s">
        <v>36265</v>
      </c>
      <c r="N12962" s="5" t="s">
        <v>36266</v>
      </c>
      <c r="O12962" s="5" t="s">
        <v>38</v>
      </c>
      <c r="P12962" s="5" t="s">
        <v>39</v>
      </c>
      <c r="Q12962" s="5" t="s">
        <v>40</v>
      </c>
      <c r="R12962" s="5" t="s">
        <v>1522</v>
      </c>
      <c r="S12962" s="5" t="s">
        <v>1523</v>
      </c>
      <c r="T12962" s="5" t="s">
        <v>42</v>
      </c>
      <c r="U12962" s="2">
        <v>1.736</v>
      </c>
      <c r="V12962" s="2">
        <v>1.224</v>
      </c>
      <c r="W12962" s="2">
        <v>1.7999999999999999E-2</v>
      </c>
      <c r="X12962" s="2">
        <v>139.1</v>
      </c>
      <c r="Y12962" s="2">
        <v>7.6</v>
      </c>
      <c r="Z12962" s="2">
        <v>16.7</v>
      </c>
      <c r="AA12962" s="5"/>
      <c r="AB12962" s="5" t="s">
        <v>43</v>
      </c>
      <c r="AC12962" s="5" t="s">
        <v>44</v>
      </c>
      <c r="AD12962" s="2"/>
      <c r="AE12962" s="1"/>
    </row>
    <row r="12963" spans="1:31" ht="14.45">
      <c r="A12963" s="11"/>
      <c r="B12963" s="20"/>
      <c r="C12963" s="2" t="s">
        <v>39817</v>
      </c>
      <c r="D12963" s="14" t="s">
        <v>39818</v>
      </c>
      <c r="E12963" s="2" t="s">
        <v>39819</v>
      </c>
      <c r="F12963" s="2" t="s">
        <v>36357</v>
      </c>
      <c r="G12963" s="8">
        <v>218</v>
      </c>
      <c r="H12963" s="5">
        <v>6</v>
      </c>
      <c r="I12963" s="5" t="s">
        <v>1518</v>
      </c>
      <c r="J12963" s="5" t="s">
        <v>36264</v>
      </c>
      <c r="K12963" s="2" t="s">
        <v>36265</v>
      </c>
      <c r="L12963" s="5" t="s">
        <v>36264</v>
      </c>
      <c r="M12963" s="2" t="s">
        <v>36265</v>
      </c>
      <c r="N12963" s="5" t="s">
        <v>36266</v>
      </c>
      <c r="O12963" s="5" t="s">
        <v>38</v>
      </c>
      <c r="P12963" s="5" t="s">
        <v>39</v>
      </c>
      <c r="Q12963" s="5" t="s">
        <v>40</v>
      </c>
      <c r="R12963" s="5" t="s">
        <v>1522</v>
      </c>
      <c r="S12963" s="5" t="s">
        <v>1523</v>
      </c>
      <c r="T12963" s="5" t="s">
        <v>42</v>
      </c>
      <c r="U12963" s="2">
        <v>1.786</v>
      </c>
      <c r="V12963" s="2">
        <v>1.274</v>
      </c>
      <c r="W12963" s="2">
        <v>1.7999999999999999E-2</v>
      </c>
      <c r="X12963" s="2">
        <v>139.1</v>
      </c>
      <c r="Y12963" s="2">
        <v>7.6</v>
      </c>
      <c r="Z12963" s="2">
        <v>16.7</v>
      </c>
      <c r="AA12963" s="5"/>
      <c r="AB12963" s="5" t="s">
        <v>43</v>
      </c>
      <c r="AC12963" s="5" t="s">
        <v>44</v>
      </c>
      <c r="AD12963" s="2"/>
      <c r="AE12963" s="1"/>
    </row>
    <row r="12964" spans="1:31" ht="14.45">
      <c r="A12964" s="11"/>
      <c r="B12964" s="20"/>
      <c r="C12964" s="2" t="s">
        <v>39820</v>
      </c>
      <c r="D12964" s="14" t="s">
        <v>39821</v>
      </c>
      <c r="E12964" s="2" t="s">
        <v>39822</v>
      </c>
      <c r="F12964" s="2" t="s">
        <v>36361</v>
      </c>
      <c r="G12964" s="8">
        <v>218</v>
      </c>
      <c r="H12964" s="5">
        <v>6</v>
      </c>
      <c r="I12964" s="5" t="s">
        <v>1518</v>
      </c>
      <c r="J12964" s="5" t="s">
        <v>36264</v>
      </c>
      <c r="K12964" s="2" t="s">
        <v>36265</v>
      </c>
      <c r="L12964" s="5" t="s">
        <v>36264</v>
      </c>
      <c r="M12964" s="2" t="s">
        <v>36265</v>
      </c>
      <c r="N12964" s="5" t="s">
        <v>36266</v>
      </c>
      <c r="O12964" s="5" t="s">
        <v>38</v>
      </c>
      <c r="P12964" s="5" t="s">
        <v>39</v>
      </c>
      <c r="Q12964" s="5" t="s">
        <v>40</v>
      </c>
      <c r="R12964" s="5" t="s">
        <v>1522</v>
      </c>
      <c r="S12964" s="5" t="s">
        <v>1523</v>
      </c>
      <c r="T12964" s="5" t="s">
        <v>42</v>
      </c>
      <c r="U12964" s="2">
        <v>1.736</v>
      </c>
      <c r="V12964" s="2">
        <v>1.224</v>
      </c>
      <c r="W12964" s="2">
        <v>1.7999999999999999E-2</v>
      </c>
      <c r="X12964" s="2">
        <v>139.1</v>
      </c>
      <c r="Y12964" s="2">
        <v>7.6</v>
      </c>
      <c r="Z12964" s="2">
        <v>16.7</v>
      </c>
      <c r="AA12964" s="5"/>
      <c r="AB12964" s="5" t="s">
        <v>43</v>
      </c>
      <c r="AC12964" s="5" t="s">
        <v>44</v>
      </c>
      <c r="AD12964" s="2"/>
      <c r="AE12964" s="1"/>
    </row>
    <row r="12965" spans="1:31" ht="14.45">
      <c r="A12965" s="11"/>
      <c r="B12965" s="20"/>
      <c r="C12965" s="2" t="s">
        <v>39823</v>
      </c>
      <c r="D12965" s="14" t="s">
        <v>39824</v>
      </c>
      <c r="E12965" s="2" t="s">
        <v>39825</v>
      </c>
      <c r="F12965" s="2" t="s">
        <v>36365</v>
      </c>
      <c r="G12965" s="8">
        <v>218</v>
      </c>
      <c r="H12965" s="5">
        <v>6</v>
      </c>
      <c r="I12965" s="5" t="s">
        <v>1518</v>
      </c>
      <c r="J12965" s="5" t="s">
        <v>36264</v>
      </c>
      <c r="K12965" s="2" t="s">
        <v>36265</v>
      </c>
      <c r="L12965" s="5" t="s">
        <v>36264</v>
      </c>
      <c r="M12965" s="2" t="s">
        <v>36265</v>
      </c>
      <c r="N12965" s="5" t="s">
        <v>36266</v>
      </c>
      <c r="O12965" s="5" t="s">
        <v>38</v>
      </c>
      <c r="P12965" s="5" t="s">
        <v>39</v>
      </c>
      <c r="Q12965" s="5" t="s">
        <v>40</v>
      </c>
      <c r="R12965" s="5" t="s">
        <v>1522</v>
      </c>
      <c r="S12965" s="5" t="s">
        <v>1523</v>
      </c>
      <c r="T12965" s="5" t="s">
        <v>42</v>
      </c>
      <c r="U12965" s="2">
        <v>1.786</v>
      </c>
      <c r="V12965" s="2">
        <v>1.274</v>
      </c>
      <c r="W12965" s="2">
        <v>1.7999999999999999E-2</v>
      </c>
      <c r="X12965" s="2">
        <v>139.1</v>
      </c>
      <c r="Y12965" s="2">
        <v>7.6</v>
      </c>
      <c r="Z12965" s="2">
        <v>16.7</v>
      </c>
      <c r="AA12965" s="5"/>
      <c r="AB12965" s="5" t="s">
        <v>43</v>
      </c>
      <c r="AC12965" s="5" t="s">
        <v>44</v>
      </c>
      <c r="AD12965" s="2"/>
      <c r="AE12965" s="1"/>
    </row>
    <row r="12966" spans="1:31" ht="14.45">
      <c r="A12966" s="11"/>
      <c r="B12966" s="20"/>
      <c r="C12966" s="2" t="s">
        <v>39826</v>
      </c>
      <c r="D12966" s="14" t="s">
        <v>39827</v>
      </c>
      <c r="E12966" s="2" t="s">
        <v>39828</v>
      </c>
      <c r="F12966" s="2" t="s">
        <v>36369</v>
      </c>
      <c r="G12966" s="8">
        <v>218</v>
      </c>
      <c r="H12966" s="5">
        <v>6</v>
      </c>
      <c r="I12966" s="5" t="s">
        <v>1518</v>
      </c>
      <c r="J12966" s="5" t="s">
        <v>36264</v>
      </c>
      <c r="K12966" s="2" t="s">
        <v>36265</v>
      </c>
      <c r="L12966" s="5" t="s">
        <v>36264</v>
      </c>
      <c r="M12966" s="2" t="s">
        <v>36265</v>
      </c>
      <c r="N12966" s="5" t="s">
        <v>36266</v>
      </c>
      <c r="O12966" s="5" t="s">
        <v>38</v>
      </c>
      <c r="P12966" s="5" t="s">
        <v>39</v>
      </c>
      <c r="Q12966" s="5" t="s">
        <v>40</v>
      </c>
      <c r="R12966" s="5" t="s">
        <v>1522</v>
      </c>
      <c r="S12966" s="5" t="s">
        <v>1523</v>
      </c>
      <c r="T12966" s="5" t="s">
        <v>42</v>
      </c>
      <c r="U12966" s="2">
        <v>1.736</v>
      </c>
      <c r="V12966" s="2">
        <v>1.224</v>
      </c>
      <c r="W12966" s="2">
        <v>1.7999999999999999E-2</v>
      </c>
      <c r="X12966" s="2">
        <v>139.1</v>
      </c>
      <c r="Y12966" s="2">
        <v>7.6</v>
      </c>
      <c r="Z12966" s="2">
        <v>16.7</v>
      </c>
      <c r="AA12966" s="5"/>
      <c r="AB12966" s="5" t="s">
        <v>43</v>
      </c>
      <c r="AC12966" s="5" t="s">
        <v>44</v>
      </c>
      <c r="AD12966" s="2"/>
      <c r="AE12966" s="1"/>
    </row>
    <row r="12967" spans="1:31" ht="14.45">
      <c r="A12967" s="11"/>
      <c r="B12967" s="20"/>
      <c r="C12967" s="2" t="s">
        <v>39829</v>
      </c>
      <c r="D12967" s="14" t="s">
        <v>39830</v>
      </c>
      <c r="E12967" s="2" t="s">
        <v>39831</v>
      </c>
      <c r="F12967" s="2" t="s">
        <v>36373</v>
      </c>
      <c r="G12967" s="8">
        <v>218</v>
      </c>
      <c r="H12967" s="5">
        <v>6</v>
      </c>
      <c r="I12967" s="5" t="s">
        <v>1518</v>
      </c>
      <c r="J12967" s="5" t="s">
        <v>36264</v>
      </c>
      <c r="K12967" s="2" t="s">
        <v>36265</v>
      </c>
      <c r="L12967" s="5" t="s">
        <v>36264</v>
      </c>
      <c r="M12967" s="2" t="s">
        <v>36265</v>
      </c>
      <c r="N12967" s="5" t="s">
        <v>36266</v>
      </c>
      <c r="O12967" s="5" t="s">
        <v>38</v>
      </c>
      <c r="P12967" s="5" t="s">
        <v>39</v>
      </c>
      <c r="Q12967" s="5" t="s">
        <v>40</v>
      </c>
      <c r="R12967" s="5" t="s">
        <v>1522</v>
      </c>
      <c r="S12967" s="5" t="s">
        <v>1523</v>
      </c>
      <c r="T12967" s="5" t="s">
        <v>42</v>
      </c>
      <c r="U12967" s="2">
        <v>1.786</v>
      </c>
      <c r="V12967" s="2">
        <v>1.274</v>
      </c>
      <c r="W12967" s="2">
        <v>1.7999999999999999E-2</v>
      </c>
      <c r="X12967" s="2">
        <v>139.1</v>
      </c>
      <c r="Y12967" s="2">
        <v>7.6</v>
      </c>
      <c r="Z12967" s="2">
        <v>16.7</v>
      </c>
      <c r="AA12967" s="5"/>
      <c r="AB12967" s="5" t="s">
        <v>43</v>
      </c>
      <c r="AC12967" s="5" t="s">
        <v>44</v>
      </c>
      <c r="AD12967" s="2"/>
      <c r="AE12967" s="1"/>
    </row>
    <row r="12968" spans="1:31" ht="14.45">
      <c r="A12968" s="11"/>
      <c r="B12968" s="20"/>
      <c r="C12968" s="2" t="s">
        <v>39832</v>
      </c>
      <c r="D12968" s="14" t="s">
        <v>39833</v>
      </c>
      <c r="E12968" s="2" t="s">
        <v>39834</v>
      </c>
      <c r="F12968" s="2" t="s">
        <v>36377</v>
      </c>
      <c r="G12968" s="8">
        <v>218</v>
      </c>
      <c r="H12968" s="5">
        <v>6</v>
      </c>
      <c r="I12968" s="5" t="s">
        <v>1518</v>
      </c>
      <c r="J12968" s="5" t="s">
        <v>36264</v>
      </c>
      <c r="K12968" s="2" t="s">
        <v>36265</v>
      </c>
      <c r="L12968" s="5" t="s">
        <v>36264</v>
      </c>
      <c r="M12968" s="2" t="s">
        <v>36265</v>
      </c>
      <c r="N12968" s="5" t="s">
        <v>36266</v>
      </c>
      <c r="O12968" s="5" t="s">
        <v>38</v>
      </c>
      <c r="P12968" s="5" t="s">
        <v>39</v>
      </c>
      <c r="Q12968" s="5" t="s">
        <v>40</v>
      </c>
      <c r="R12968" s="5" t="s">
        <v>1522</v>
      </c>
      <c r="S12968" s="5" t="s">
        <v>1523</v>
      </c>
      <c r="T12968" s="5" t="s">
        <v>42</v>
      </c>
      <c r="U12968" s="2">
        <v>1.736</v>
      </c>
      <c r="V12968" s="2">
        <v>1.224</v>
      </c>
      <c r="W12968" s="2">
        <v>1.7999999999999999E-2</v>
      </c>
      <c r="X12968" s="2">
        <v>139.1</v>
      </c>
      <c r="Y12968" s="2">
        <v>7.6</v>
      </c>
      <c r="Z12968" s="2">
        <v>16.7</v>
      </c>
      <c r="AA12968" s="5"/>
      <c r="AB12968" s="5" t="s">
        <v>43</v>
      </c>
      <c r="AC12968" s="5" t="s">
        <v>44</v>
      </c>
      <c r="AD12968" s="2"/>
      <c r="AE12968" s="1"/>
    </row>
    <row r="12969" spans="1:31" ht="14.45">
      <c r="A12969" s="11"/>
      <c r="B12969" s="20"/>
      <c r="C12969" s="2" t="s">
        <v>39835</v>
      </c>
      <c r="D12969" s="14" t="s">
        <v>39836</v>
      </c>
      <c r="E12969" s="2" t="s">
        <v>39837</v>
      </c>
      <c r="F12969" s="2" t="s">
        <v>36381</v>
      </c>
      <c r="G12969" s="8">
        <v>218</v>
      </c>
      <c r="H12969" s="5">
        <v>6</v>
      </c>
      <c r="I12969" s="5" t="s">
        <v>1518</v>
      </c>
      <c r="J12969" s="5" t="s">
        <v>36264</v>
      </c>
      <c r="K12969" s="2" t="s">
        <v>36265</v>
      </c>
      <c r="L12969" s="5" t="s">
        <v>36264</v>
      </c>
      <c r="M12969" s="2" t="s">
        <v>36265</v>
      </c>
      <c r="N12969" s="5" t="s">
        <v>36266</v>
      </c>
      <c r="O12969" s="5" t="s">
        <v>38</v>
      </c>
      <c r="P12969" s="5" t="s">
        <v>39</v>
      </c>
      <c r="Q12969" s="5" t="s">
        <v>40</v>
      </c>
      <c r="R12969" s="5" t="s">
        <v>1522</v>
      </c>
      <c r="S12969" s="5" t="s">
        <v>1523</v>
      </c>
      <c r="T12969" s="5" t="s">
        <v>42</v>
      </c>
      <c r="U12969" s="2">
        <v>1.786</v>
      </c>
      <c r="V12969" s="2">
        <v>1.274</v>
      </c>
      <c r="W12969" s="2">
        <v>1.7999999999999999E-2</v>
      </c>
      <c r="X12969" s="2">
        <v>139.1</v>
      </c>
      <c r="Y12969" s="2">
        <v>7.6</v>
      </c>
      <c r="Z12969" s="2">
        <v>16.7</v>
      </c>
      <c r="AA12969" s="5"/>
      <c r="AB12969" s="5" t="s">
        <v>43</v>
      </c>
      <c r="AC12969" s="5" t="s">
        <v>44</v>
      </c>
      <c r="AD12969" s="2"/>
      <c r="AE12969" s="1"/>
    </row>
    <row r="12970" spans="1:31" ht="14.45">
      <c r="A12970" s="11"/>
      <c r="B12970" s="20"/>
      <c r="C12970" s="2" t="s">
        <v>39838</v>
      </c>
      <c r="D12970" s="14" t="s">
        <v>39839</v>
      </c>
      <c r="E12970" s="2" t="s">
        <v>39840</v>
      </c>
      <c r="F12970" s="2" t="s">
        <v>36385</v>
      </c>
      <c r="G12970" s="8">
        <v>218</v>
      </c>
      <c r="H12970" s="5">
        <v>6</v>
      </c>
      <c r="I12970" s="5" t="s">
        <v>1518</v>
      </c>
      <c r="J12970" s="5" t="s">
        <v>36264</v>
      </c>
      <c r="K12970" s="2" t="s">
        <v>36265</v>
      </c>
      <c r="L12970" s="5" t="s">
        <v>36264</v>
      </c>
      <c r="M12970" s="2" t="s">
        <v>36265</v>
      </c>
      <c r="N12970" s="5" t="s">
        <v>36266</v>
      </c>
      <c r="O12970" s="5" t="s">
        <v>38</v>
      </c>
      <c r="P12970" s="5" t="s">
        <v>39</v>
      </c>
      <c r="Q12970" s="5" t="s">
        <v>40</v>
      </c>
      <c r="R12970" s="5" t="s">
        <v>1522</v>
      </c>
      <c r="S12970" s="5" t="s">
        <v>1523</v>
      </c>
      <c r="T12970" s="5" t="s">
        <v>42</v>
      </c>
      <c r="U12970" s="2">
        <v>1.736</v>
      </c>
      <c r="V12970" s="2">
        <v>1.224</v>
      </c>
      <c r="W12970" s="2">
        <v>1.7999999999999999E-2</v>
      </c>
      <c r="X12970" s="2">
        <v>139.1</v>
      </c>
      <c r="Y12970" s="2">
        <v>7.6</v>
      </c>
      <c r="Z12970" s="2">
        <v>16.7</v>
      </c>
      <c r="AA12970" s="5"/>
      <c r="AB12970" s="5" t="s">
        <v>43</v>
      </c>
      <c r="AC12970" s="5" t="s">
        <v>44</v>
      </c>
      <c r="AD12970" s="2"/>
      <c r="AE12970" s="1"/>
    </row>
    <row r="12971" spans="1:31" ht="14.45">
      <c r="A12971" s="11"/>
      <c r="B12971" s="20"/>
      <c r="C12971" s="2" t="s">
        <v>39841</v>
      </c>
      <c r="D12971" s="14" t="s">
        <v>39842</v>
      </c>
      <c r="E12971" s="2" t="s">
        <v>39843</v>
      </c>
      <c r="F12971" s="2" t="s">
        <v>36389</v>
      </c>
      <c r="G12971" s="8">
        <v>218</v>
      </c>
      <c r="H12971" s="5">
        <v>6</v>
      </c>
      <c r="I12971" s="5" t="s">
        <v>1518</v>
      </c>
      <c r="J12971" s="5" t="s">
        <v>36264</v>
      </c>
      <c r="K12971" s="2" t="s">
        <v>36265</v>
      </c>
      <c r="L12971" s="5" t="s">
        <v>36264</v>
      </c>
      <c r="M12971" s="2" t="s">
        <v>36265</v>
      </c>
      <c r="N12971" s="5" t="s">
        <v>36266</v>
      </c>
      <c r="O12971" s="5" t="s">
        <v>38</v>
      </c>
      <c r="P12971" s="5" t="s">
        <v>39</v>
      </c>
      <c r="Q12971" s="5" t="s">
        <v>40</v>
      </c>
      <c r="R12971" s="5" t="s">
        <v>1522</v>
      </c>
      <c r="S12971" s="5" t="s">
        <v>1523</v>
      </c>
      <c r="T12971" s="5" t="s">
        <v>42</v>
      </c>
      <c r="U12971" s="2">
        <v>1.786</v>
      </c>
      <c r="V12971" s="2">
        <v>1.274</v>
      </c>
      <c r="W12971" s="2">
        <v>1.7999999999999999E-2</v>
      </c>
      <c r="X12971" s="2">
        <v>139.1</v>
      </c>
      <c r="Y12971" s="2">
        <v>7.6</v>
      </c>
      <c r="Z12971" s="2">
        <v>16.7</v>
      </c>
      <c r="AA12971" s="5"/>
      <c r="AB12971" s="5" t="s">
        <v>43</v>
      </c>
      <c r="AC12971" s="5" t="s">
        <v>44</v>
      </c>
      <c r="AD12971" s="2"/>
      <c r="AE12971" s="1"/>
    </row>
    <row r="12972" spans="1:31" ht="14.45">
      <c r="A12972" s="11"/>
      <c r="B12972" s="20"/>
      <c r="C12972" s="2" t="s">
        <v>39844</v>
      </c>
      <c r="D12972" s="14" t="s">
        <v>39845</v>
      </c>
      <c r="E12972" s="2" t="s">
        <v>39846</v>
      </c>
      <c r="F12972" s="2" t="s">
        <v>7204</v>
      </c>
      <c r="G12972" s="8">
        <v>206</v>
      </c>
      <c r="H12972" s="5">
        <v>6</v>
      </c>
      <c r="I12972" s="5" t="s">
        <v>1518</v>
      </c>
      <c r="J12972" s="5" t="s">
        <v>36264</v>
      </c>
      <c r="K12972" s="2" t="s">
        <v>36265</v>
      </c>
      <c r="L12972" s="5" t="s">
        <v>36264</v>
      </c>
      <c r="M12972" s="2" t="s">
        <v>36265</v>
      </c>
      <c r="N12972" s="5" t="s">
        <v>36266</v>
      </c>
      <c r="O12972" s="5" t="s">
        <v>38</v>
      </c>
      <c r="P12972" s="5" t="s">
        <v>39</v>
      </c>
      <c r="Q12972" s="5" t="s">
        <v>40</v>
      </c>
      <c r="R12972" s="5" t="s">
        <v>1522</v>
      </c>
      <c r="S12972" s="5" t="s">
        <v>1523</v>
      </c>
      <c r="T12972" s="5" t="s">
        <v>42</v>
      </c>
      <c r="U12972" s="2">
        <v>1.992</v>
      </c>
      <c r="V12972" s="2">
        <v>1.48</v>
      </c>
      <c r="W12972" s="2">
        <v>1.7999999999999999E-2</v>
      </c>
      <c r="X12972" s="2">
        <v>139.1</v>
      </c>
      <c r="Y12972" s="2">
        <v>7.6</v>
      </c>
      <c r="Z12972" s="2">
        <v>16.7</v>
      </c>
      <c r="AA12972" s="5"/>
      <c r="AB12972" s="5" t="s">
        <v>43</v>
      </c>
      <c r="AC12972" s="5" t="s">
        <v>44</v>
      </c>
      <c r="AD12972" s="2"/>
      <c r="AE12972" s="1"/>
    </row>
    <row r="12973" spans="1:31" ht="14.45">
      <c r="A12973" s="11"/>
      <c r="B12973" s="20"/>
      <c r="C12973" s="2" t="s">
        <v>39847</v>
      </c>
      <c r="D12973" s="14" t="s">
        <v>39848</v>
      </c>
      <c r="E12973" s="2" t="s">
        <v>39849</v>
      </c>
      <c r="F12973" s="2" t="s">
        <v>7514</v>
      </c>
      <c r="G12973" s="8">
        <v>206</v>
      </c>
      <c r="H12973" s="5">
        <v>6</v>
      </c>
      <c r="I12973" s="5" t="s">
        <v>1518</v>
      </c>
      <c r="J12973" s="5" t="s">
        <v>36264</v>
      </c>
      <c r="K12973" s="2" t="s">
        <v>36265</v>
      </c>
      <c r="L12973" s="5" t="s">
        <v>36264</v>
      </c>
      <c r="M12973" s="2" t="s">
        <v>36265</v>
      </c>
      <c r="N12973" s="5" t="s">
        <v>36266</v>
      </c>
      <c r="O12973" s="5" t="s">
        <v>38</v>
      </c>
      <c r="P12973" s="5" t="s">
        <v>39</v>
      </c>
      <c r="Q12973" s="5" t="s">
        <v>40</v>
      </c>
      <c r="R12973" s="5" t="s">
        <v>1522</v>
      </c>
      <c r="S12973" s="5" t="s">
        <v>1523</v>
      </c>
      <c r="T12973" s="5" t="s">
        <v>42</v>
      </c>
      <c r="U12973" s="2">
        <v>2.0419999999999998</v>
      </c>
      <c r="V12973" s="2">
        <v>1.53</v>
      </c>
      <c r="W12973" s="2">
        <v>1.7999999999999999E-2</v>
      </c>
      <c r="X12973" s="2">
        <v>139.1</v>
      </c>
      <c r="Y12973" s="2">
        <v>7.6</v>
      </c>
      <c r="Z12973" s="2">
        <v>16.7</v>
      </c>
      <c r="AA12973" s="5"/>
      <c r="AB12973" s="5" t="s">
        <v>43</v>
      </c>
      <c r="AC12973" s="5" t="s">
        <v>44</v>
      </c>
      <c r="AD12973" s="2"/>
      <c r="AE12973" s="1"/>
    </row>
    <row r="12974" spans="1:31" ht="14.45">
      <c r="A12974" s="11"/>
      <c r="B12974" s="20"/>
      <c r="C12974" s="2" t="s">
        <v>39850</v>
      </c>
      <c r="D12974" s="14" t="s">
        <v>39851</v>
      </c>
      <c r="E12974" s="2" t="s">
        <v>39852</v>
      </c>
      <c r="F12974" s="2" t="s">
        <v>36273</v>
      </c>
      <c r="G12974" s="8">
        <v>206</v>
      </c>
      <c r="H12974" s="5">
        <v>6</v>
      </c>
      <c r="I12974" s="5" t="s">
        <v>1518</v>
      </c>
      <c r="J12974" s="5" t="s">
        <v>36264</v>
      </c>
      <c r="K12974" s="2" t="s">
        <v>36265</v>
      </c>
      <c r="L12974" s="5" t="s">
        <v>36264</v>
      </c>
      <c r="M12974" s="2" t="s">
        <v>36265</v>
      </c>
      <c r="N12974" s="5" t="s">
        <v>36266</v>
      </c>
      <c r="O12974" s="5" t="s">
        <v>38</v>
      </c>
      <c r="P12974" s="5" t="s">
        <v>39</v>
      </c>
      <c r="Q12974" s="5" t="s">
        <v>40</v>
      </c>
      <c r="R12974" s="5" t="s">
        <v>1522</v>
      </c>
      <c r="S12974" s="5" t="s">
        <v>1523</v>
      </c>
      <c r="T12974" s="5" t="s">
        <v>42</v>
      </c>
      <c r="U12974" s="2">
        <v>1.992</v>
      </c>
      <c r="V12974" s="2">
        <v>1.48</v>
      </c>
      <c r="W12974" s="2">
        <v>1.7999999999999999E-2</v>
      </c>
      <c r="X12974" s="2">
        <v>139.1</v>
      </c>
      <c r="Y12974" s="2">
        <v>7.6</v>
      </c>
      <c r="Z12974" s="2">
        <v>16.7</v>
      </c>
      <c r="AA12974" s="5"/>
      <c r="AB12974" s="5" t="s">
        <v>43</v>
      </c>
      <c r="AC12974" s="5" t="s">
        <v>44</v>
      </c>
      <c r="AD12974" s="2"/>
      <c r="AE12974" s="1"/>
    </row>
    <row r="12975" spans="1:31" ht="14.45">
      <c r="A12975" s="11"/>
      <c r="B12975" s="20"/>
      <c r="C12975" s="2" t="s">
        <v>39853</v>
      </c>
      <c r="D12975" s="14" t="s">
        <v>39854</v>
      </c>
      <c r="E12975" s="2" t="s">
        <v>39855</v>
      </c>
      <c r="F12975" s="2" t="s">
        <v>36277</v>
      </c>
      <c r="G12975" s="8">
        <v>206</v>
      </c>
      <c r="H12975" s="5">
        <v>6</v>
      </c>
      <c r="I12975" s="5" t="s">
        <v>1518</v>
      </c>
      <c r="J12975" s="5" t="s">
        <v>36264</v>
      </c>
      <c r="K12975" s="2" t="s">
        <v>36265</v>
      </c>
      <c r="L12975" s="5" t="s">
        <v>36264</v>
      </c>
      <c r="M12975" s="2" t="s">
        <v>36265</v>
      </c>
      <c r="N12975" s="5" t="s">
        <v>36266</v>
      </c>
      <c r="O12975" s="5" t="s">
        <v>38</v>
      </c>
      <c r="P12975" s="5" t="s">
        <v>39</v>
      </c>
      <c r="Q12975" s="5" t="s">
        <v>40</v>
      </c>
      <c r="R12975" s="5" t="s">
        <v>1522</v>
      </c>
      <c r="S12975" s="5" t="s">
        <v>1523</v>
      </c>
      <c r="T12975" s="5" t="s">
        <v>42</v>
      </c>
      <c r="U12975" s="2">
        <v>2.0419999999999998</v>
      </c>
      <c r="V12975" s="2">
        <v>1.53</v>
      </c>
      <c r="W12975" s="2">
        <v>1.7999999999999999E-2</v>
      </c>
      <c r="X12975" s="2">
        <v>139.1</v>
      </c>
      <c r="Y12975" s="2">
        <v>7.6</v>
      </c>
      <c r="Z12975" s="2">
        <v>16.7</v>
      </c>
      <c r="AA12975" s="5"/>
      <c r="AB12975" s="5" t="s">
        <v>43</v>
      </c>
      <c r="AC12975" s="5" t="s">
        <v>44</v>
      </c>
      <c r="AD12975" s="2"/>
      <c r="AE12975" s="1"/>
    </row>
    <row r="12976" spans="1:31" ht="14.45">
      <c r="A12976" s="11"/>
      <c r="B12976" s="20"/>
      <c r="C12976" s="2" t="s">
        <v>39856</v>
      </c>
      <c r="D12976" s="14" t="s">
        <v>39857</v>
      </c>
      <c r="E12976" s="2" t="s">
        <v>39858</v>
      </c>
      <c r="F12976" s="2" t="s">
        <v>36281</v>
      </c>
      <c r="G12976" s="8">
        <v>237</v>
      </c>
      <c r="H12976" s="5">
        <v>6</v>
      </c>
      <c r="I12976" s="5" t="s">
        <v>1518</v>
      </c>
      <c r="J12976" s="5" t="s">
        <v>36264</v>
      </c>
      <c r="K12976" s="2" t="s">
        <v>36265</v>
      </c>
      <c r="L12976" s="5" t="s">
        <v>36264</v>
      </c>
      <c r="M12976" s="2" t="s">
        <v>36265</v>
      </c>
      <c r="N12976" s="5" t="s">
        <v>36266</v>
      </c>
      <c r="O12976" s="5" t="s">
        <v>38</v>
      </c>
      <c r="P12976" s="5" t="s">
        <v>39</v>
      </c>
      <c r="Q12976" s="5" t="s">
        <v>40</v>
      </c>
      <c r="R12976" s="5" t="s">
        <v>1522</v>
      </c>
      <c r="S12976" s="5" t="s">
        <v>1523</v>
      </c>
      <c r="T12976" s="5" t="s">
        <v>42</v>
      </c>
      <c r="U12976" s="2">
        <v>1.992</v>
      </c>
      <c r="V12976" s="2">
        <v>1.48</v>
      </c>
      <c r="W12976" s="2">
        <v>1.7999999999999999E-2</v>
      </c>
      <c r="X12976" s="2">
        <v>139.1</v>
      </c>
      <c r="Y12976" s="2">
        <v>7.6</v>
      </c>
      <c r="Z12976" s="2">
        <v>16.7</v>
      </c>
      <c r="AA12976" s="5"/>
      <c r="AB12976" s="5" t="s">
        <v>43</v>
      </c>
      <c r="AC12976" s="5" t="s">
        <v>44</v>
      </c>
      <c r="AD12976" s="2"/>
      <c r="AE12976" s="1"/>
    </row>
    <row r="12977" spans="1:31" ht="14.45">
      <c r="A12977" s="11"/>
      <c r="B12977" s="20"/>
      <c r="C12977" s="2" t="s">
        <v>39859</v>
      </c>
      <c r="D12977" s="14" t="s">
        <v>39860</v>
      </c>
      <c r="E12977" s="2" t="s">
        <v>39861</v>
      </c>
      <c r="F12977" s="2" t="s">
        <v>36285</v>
      </c>
      <c r="G12977" s="8">
        <v>237</v>
      </c>
      <c r="H12977" s="5">
        <v>6</v>
      </c>
      <c r="I12977" s="5" t="s">
        <v>1518</v>
      </c>
      <c r="J12977" s="5" t="s">
        <v>36264</v>
      </c>
      <c r="K12977" s="2" t="s">
        <v>36265</v>
      </c>
      <c r="L12977" s="5" t="s">
        <v>36264</v>
      </c>
      <c r="M12977" s="2" t="s">
        <v>36265</v>
      </c>
      <c r="N12977" s="5" t="s">
        <v>36266</v>
      </c>
      <c r="O12977" s="5" t="s">
        <v>38</v>
      </c>
      <c r="P12977" s="5" t="s">
        <v>39</v>
      </c>
      <c r="Q12977" s="5" t="s">
        <v>40</v>
      </c>
      <c r="R12977" s="5" t="s">
        <v>1522</v>
      </c>
      <c r="S12977" s="5" t="s">
        <v>1523</v>
      </c>
      <c r="T12977" s="5" t="s">
        <v>42</v>
      </c>
      <c r="U12977" s="2">
        <v>2.0419999999999998</v>
      </c>
      <c r="V12977" s="2">
        <v>1.53</v>
      </c>
      <c r="W12977" s="2">
        <v>1.7999999999999999E-2</v>
      </c>
      <c r="X12977" s="2">
        <v>139.1</v>
      </c>
      <c r="Y12977" s="2">
        <v>7.6</v>
      </c>
      <c r="Z12977" s="2">
        <v>16.7</v>
      </c>
      <c r="AA12977" s="5"/>
      <c r="AB12977" s="5" t="s">
        <v>43</v>
      </c>
      <c r="AC12977" s="5" t="s">
        <v>44</v>
      </c>
      <c r="AD12977" s="2"/>
      <c r="AE12977" s="1"/>
    </row>
    <row r="12978" spans="1:31" ht="14.45">
      <c r="A12978" s="11"/>
      <c r="B12978" s="20"/>
      <c r="C12978" s="2" t="s">
        <v>39862</v>
      </c>
      <c r="D12978" s="14" t="s">
        <v>39863</v>
      </c>
      <c r="E12978" s="2" t="s">
        <v>39864</v>
      </c>
      <c r="F12978" s="2" t="s">
        <v>36289</v>
      </c>
      <c r="G12978" s="8">
        <v>237</v>
      </c>
      <c r="H12978" s="5">
        <v>6</v>
      </c>
      <c r="I12978" s="5" t="s">
        <v>1518</v>
      </c>
      <c r="J12978" s="5" t="s">
        <v>36264</v>
      </c>
      <c r="K12978" s="2" t="s">
        <v>36265</v>
      </c>
      <c r="L12978" s="5" t="s">
        <v>36264</v>
      </c>
      <c r="M12978" s="2" t="s">
        <v>36265</v>
      </c>
      <c r="N12978" s="5" t="s">
        <v>36266</v>
      </c>
      <c r="O12978" s="5" t="s">
        <v>38</v>
      </c>
      <c r="P12978" s="5" t="s">
        <v>39</v>
      </c>
      <c r="Q12978" s="5" t="s">
        <v>40</v>
      </c>
      <c r="R12978" s="5" t="s">
        <v>1522</v>
      </c>
      <c r="S12978" s="5" t="s">
        <v>1523</v>
      </c>
      <c r="T12978" s="5" t="s">
        <v>42</v>
      </c>
      <c r="U12978" s="2">
        <v>1.992</v>
      </c>
      <c r="V12978" s="2">
        <v>1.48</v>
      </c>
      <c r="W12978" s="2">
        <v>1.7999999999999999E-2</v>
      </c>
      <c r="X12978" s="2">
        <v>139.1</v>
      </c>
      <c r="Y12978" s="2">
        <v>7.6</v>
      </c>
      <c r="Z12978" s="2">
        <v>16.7</v>
      </c>
      <c r="AA12978" s="5"/>
      <c r="AB12978" s="5" t="s">
        <v>43</v>
      </c>
      <c r="AC12978" s="5" t="s">
        <v>44</v>
      </c>
      <c r="AD12978" s="2"/>
      <c r="AE12978" s="1"/>
    </row>
    <row r="12979" spans="1:31" ht="14.45">
      <c r="A12979" s="11"/>
      <c r="B12979" s="20"/>
      <c r="C12979" s="2" t="s">
        <v>39865</v>
      </c>
      <c r="D12979" s="14" t="s">
        <v>39866</v>
      </c>
      <c r="E12979" s="2" t="s">
        <v>39867</v>
      </c>
      <c r="F12979" s="2" t="s">
        <v>36293</v>
      </c>
      <c r="G12979" s="8">
        <v>237</v>
      </c>
      <c r="H12979" s="5">
        <v>6</v>
      </c>
      <c r="I12979" s="5" t="s">
        <v>1518</v>
      </c>
      <c r="J12979" s="5" t="s">
        <v>36264</v>
      </c>
      <c r="K12979" s="2" t="s">
        <v>36265</v>
      </c>
      <c r="L12979" s="5" t="s">
        <v>36264</v>
      </c>
      <c r="M12979" s="2" t="s">
        <v>36265</v>
      </c>
      <c r="N12979" s="5" t="s">
        <v>36266</v>
      </c>
      <c r="O12979" s="5" t="s">
        <v>38</v>
      </c>
      <c r="P12979" s="5" t="s">
        <v>39</v>
      </c>
      <c r="Q12979" s="5" t="s">
        <v>40</v>
      </c>
      <c r="R12979" s="5" t="s">
        <v>1522</v>
      </c>
      <c r="S12979" s="5" t="s">
        <v>1523</v>
      </c>
      <c r="T12979" s="5" t="s">
        <v>42</v>
      </c>
      <c r="U12979" s="2">
        <v>2.0419999999999998</v>
      </c>
      <c r="V12979" s="2">
        <v>1.53</v>
      </c>
      <c r="W12979" s="2">
        <v>1.7999999999999999E-2</v>
      </c>
      <c r="X12979" s="2">
        <v>139.1</v>
      </c>
      <c r="Y12979" s="2">
        <v>7.6</v>
      </c>
      <c r="Z12979" s="2">
        <v>16.7</v>
      </c>
      <c r="AA12979" s="5"/>
      <c r="AB12979" s="5" t="s">
        <v>43</v>
      </c>
      <c r="AC12979" s="5" t="s">
        <v>44</v>
      </c>
      <c r="AD12979" s="2"/>
      <c r="AE12979" s="1"/>
    </row>
    <row r="12980" spans="1:31" ht="14.45">
      <c r="A12980" s="11"/>
      <c r="B12980" s="20"/>
      <c r="C12980" s="2" t="s">
        <v>39868</v>
      </c>
      <c r="D12980" s="14" t="s">
        <v>39869</v>
      </c>
      <c r="E12980" s="2" t="s">
        <v>39870</v>
      </c>
      <c r="F12980" s="2" t="s">
        <v>36297</v>
      </c>
      <c r="G12980" s="8">
        <v>206</v>
      </c>
      <c r="H12980" s="5">
        <v>6</v>
      </c>
      <c r="I12980" s="5" t="s">
        <v>1518</v>
      </c>
      <c r="J12980" s="5" t="s">
        <v>36264</v>
      </c>
      <c r="K12980" s="2" t="s">
        <v>36265</v>
      </c>
      <c r="L12980" s="5" t="s">
        <v>36264</v>
      </c>
      <c r="M12980" s="2" t="s">
        <v>36265</v>
      </c>
      <c r="N12980" s="5" t="s">
        <v>36266</v>
      </c>
      <c r="O12980" s="5" t="s">
        <v>38</v>
      </c>
      <c r="P12980" s="5" t="s">
        <v>39</v>
      </c>
      <c r="Q12980" s="5" t="s">
        <v>40</v>
      </c>
      <c r="R12980" s="5" t="s">
        <v>1522</v>
      </c>
      <c r="S12980" s="5" t="s">
        <v>1523</v>
      </c>
      <c r="T12980" s="5" t="s">
        <v>42</v>
      </c>
      <c r="U12980" s="2">
        <v>1.992</v>
      </c>
      <c r="V12980" s="2">
        <v>1.48</v>
      </c>
      <c r="W12980" s="2">
        <v>1.7999999999999999E-2</v>
      </c>
      <c r="X12980" s="2">
        <v>139.1</v>
      </c>
      <c r="Y12980" s="2">
        <v>7.6</v>
      </c>
      <c r="Z12980" s="2">
        <v>16.7</v>
      </c>
      <c r="AA12980" s="5"/>
      <c r="AB12980" s="5" t="s">
        <v>43</v>
      </c>
      <c r="AC12980" s="5" t="s">
        <v>44</v>
      </c>
      <c r="AD12980" s="2"/>
      <c r="AE12980" s="1"/>
    </row>
    <row r="12981" spans="1:31" ht="14.45">
      <c r="A12981" s="11"/>
      <c r="B12981" s="20"/>
      <c r="C12981" s="2" t="s">
        <v>39871</v>
      </c>
      <c r="D12981" s="14" t="s">
        <v>39872</v>
      </c>
      <c r="E12981" s="2" t="s">
        <v>39873</v>
      </c>
      <c r="F12981" s="2" t="s">
        <v>36301</v>
      </c>
      <c r="G12981" s="8">
        <v>206</v>
      </c>
      <c r="H12981" s="5">
        <v>6</v>
      </c>
      <c r="I12981" s="5" t="s">
        <v>1518</v>
      </c>
      <c r="J12981" s="5" t="s">
        <v>36264</v>
      </c>
      <c r="K12981" s="2" t="s">
        <v>36265</v>
      </c>
      <c r="L12981" s="5" t="s">
        <v>36264</v>
      </c>
      <c r="M12981" s="2" t="s">
        <v>36265</v>
      </c>
      <c r="N12981" s="5" t="s">
        <v>36266</v>
      </c>
      <c r="O12981" s="5" t="s">
        <v>38</v>
      </c>
      <c r="P12981" s="5" t="s">
        <v>39</v>
      </c>
      <c r="Q12981" s="5" t="s">
        <v>40</v>
      </c>
      <c r="R12981" s="5" t="s">
        <v>1522</v>
      </c>
      <c r="S12981" s="5" t="s">
        <v>1523</v>
      </c>
      <c r="T12981" s="5" t="s">
        <v>42</v>
      </c>
      <c r="U12981" s="2">
        <v>2.0419999999999998</v>
      </c>
      <c r="V12981" s="2">
        <v>1.53</v>
      </c>
      <c r="W12981" s="2">
        <v>1.7999999999999999E-2</v>
      </c>
      <c r="X12981" s="2">
        <v>139.1</v>
      </c>
      <c r="Y12981" s="2">
        <v>7.6</v>
      </c>
      <c r="Z12981" s="2">
        <v>16.7</v>
      </c>
      <c r="AA12981" s="5"/>
      <c r="AB12981" s="5" t="s">
        <v>43</v>
      </c>
      <c r="AC12981" s="5" t="s">
        <v>44</v>
      </c>
      <c r="AD12981" s="2"/>
      <c r="AE12981" s="1"/>
    </row>
    <row r="12982" spans="1:31" ht="14.45">
      <c r="A12982" s="11"/>
      <c r="B12982" s="20"/>
      <c r="C12982" s="2" t="s">
        <v>39874</v>
      </c>
      <c r="D12982" s="14" t="s">
        <v>39875</v>
      </c>
      <c r="E12982" s="2" t="s">
        <v>39876</v>
      </c>
      <c r="F12982" s="2" t="s">
        <v>36305</v>
      </c>
      <c r="G12982" s="8">
        <v>206</v>
      </c>
      <c r="H12982" s="5">
        <v>6</v>
      </c>
      <c r="I12982" s="5" t="s">
        <v>1518</v>
      </c>
      <c r="J12982" s="5" t="s">
        <v>36264</v>
      </c>
      <c r="K12982" s="2" t="s">
        <v>36265</v>
      </c>
      <c r="L12982" s="5" t="s">
        <v>36264</v>
      </c>
      <c r="M12982" s="2" t="s">
        <v>36265</v>
      </c>
      <c r="N12982" s="5" t="s">
        <v>36266</v>
      </c>
      <c r="O12982" s="5" t="s">
        <v>38</v>
      </c>
      <c r="P12982" s="5" t="s">
        <v>39</v>
      </c>
      <c r="Q12982" s="5" t="s">
        <v>40</v>
      </c>
      <c r="R12982" s="5" t="s">
        <v>1522</v>
      </c>
      <c r="S12982" s="5" t="s">
        <v>1523</v>
      </c>
      <c r="T12982" s="5" t="s">
        <v>42</v>
      </c>
      <c r="U12982" s="2">
        <v>1.992</v>
      </c>
      <c r="V12982" s="2">
        <v>1.48</v>
      </c>
      <c r="W12982" s="2">
        <v>1.7999999999999999E-2</v>
      </c>
      <c r="X12982" s="2">
        <v>139.1</v>
      </c>
      <c r="Y12982" s="2">
        <v>7.6</v>
      </c>
      <c r="Z12982" s="2">
        <v>16.7</v>
      </c>
      <c r="AA12982" s="5"/>
      <c r="AB12982" s="5" t="s">
        <v>43</v>
      </c>
      <c r="AC12982" s="5" t="s">
        <v>44</v>
      </c>
      <c r="AD12982" s="2"/>
      <c r="AE12982" s="1"/>
    </row>
    <row r="12983" spans="1:31" ht="14.45">
      <c r="A12983" s="11"/>
      <c r="B12983" s="20"/>
      <c r="C12983" s="2" t="s">
        <v>39877</v>
      </c>
      <c r="D12983" s="14" t="s">
        <v>39878</v>
      </c>
      <c r="E12983" s="2" t="s">
        <v>39879</v>
      </c>
      <c r="F12983" s="2" t="s">
        <v>36309</v>
      </c>
      <c r="G12983" s="8">
        <v>206</v>
      </c>
      <c r="H12983" s="5">
        <v>6</v>
      </c>
      <c r="I12983" s="5" t="s">
        <v>1518</v>
      </c>
      <c r="J12983" s="5" t="s">
        <v>36264</v>
      </c>
      <c r="K12983" s="2" t="s">
        <v>36265</v>
      </c>
      <c r="L12983" s="5" t="s">
        <v>36264</v>
      </c>
      <c r="M12983" s="2" t="s">
        <v>36265</v>
      </c>
      <c r="N12983" s="5" t="s">
        <v>36266</v>
      </c>
      <c r="O12983" s="5" t="s">
        <v>38</v>
      </c>
      <c r="P12983" s="5" t="s">
        <v>39</v>
      </c>
      <c r="Q12983" s="5" t="s">
        <v>40</v>
      </c>
      <c r="R12983" s="5" t="s">
        <v>1522</v>
      </c>
      <c r="S12983" s="5" t="s">
        <v>1523</v>
      </c>
      <c r="T12983" s="5" t="s">
        <v>42</v>
      </c>
      <c r="U12983" s="2">
        <v>2.0419999999999998</v>
      </c>
      <c r="V12983" s="2">
        <v>1.53</v>
      </c>
      <c r="W12983" s="2">
        <v>1.7999999999999999E-2</v>
      </c>
      <c r="X12983" s="2">
        <v>139.1</v>
      </c>
      <c r="Y12983" s="2">
        <v>7.6</v>
      </c>
      <c r="Z12983" s="2">
        <v>16.7</v>
      </c>
      <c r="AA12983" s="5"/>
      <c r="AB12983" s="5" t="s">
        <v>43</v>
      </c>
      <c r="AC12983" s="5" t="s">
        <v>44</v>
      </c>
      <c r="AD12983" s="2"/>
      <c r="AE12983" s="1"/>
    </row>
    <row r="12984" spans="1:31" ht="14.45">
      <c r="A12984" s="11"/>
      <c r="B12984" s="20"/>
      <c r="C12984" s="2" t="s">
        <v>39880</v>
      </c>
      <c r="D12984" s="14" t="s">
        <v>39881</v>
      </c>
      <c r="E12984" s="2" t="s">
        <v>39882</v>
      </c>
      <c r="F12984" s="2" t="s">
        <v>36313</v>
      </c>
      <c r="G12984" s="8">
        <v>237</v>
      </c>
      <c r="H12984" s="5">
        <v>6</v>
      </c>
      <c r="I12984" s="5" t="s">
        <v>1518</v>
      </c>
      <c r="J12984" s="5" t="s">
        <v>36264</v>
      </c>
      <c r="K12984" s="2" t="s">
        <v>36265</v>
      </c>
      <c r="L12984" s="5" t="s">
        <v>36264</v>
      </c>
      <c r="M12984" s="2" t="s">
        <v>36265</v>
      </c>
      <c r="N12984" s="5" t="s">
        <v>36266</v>
      </c>
      <c r="O12984" s="5" t="s">
        <v>38</v>
      </c>
      <c r="P12984" s="5" t="s">
        <v>39</v>
      </c>
      <c r="Q12984" s="5" t="s">
        <v>40</v>
      </c>
      <c r="R12984" s="5" t="s">
        <v>1522</v>
      </c>
      <c r="S12984" s="5" t="s">
        <v>1523</v>
      </c>
      <c r="T12984" s="5" t="s">
        <v>42</v>
      </c>
      <c r="U12984" s="2">
        <v>1.992</v>
      </c>
      <c r="V12984" s="2">
        <v>1.48</v>
      </c>
      <c r="W12984" s="2">
        <v>1.7999999999999999E-2</v>
      </c>
      <c r="X12984" s="2">
        <v>139.1</v>
      </c>
      <c r="Y12984" s="2">
        <v>7.6</v>
      </c>
      <c r="Z12984" s="2">
        <v>16.7</v>
      </c>
      <c r="AA12984" s="5"/>
      <c r="AB12984" s="5" t="s">
        <v>43</v>
      </c>
      <c r="AC12984" s="5" t="s">
        <v>44</v>
      </c>
      <c r="AD12984" s="2"/>
      <c r="AE12984" s="1"/>
    </row>
    <row r="12985" spans="1:31" ht="14.45">
      <c r="A12985" s="11"/>
      <c r="B12985" s="20"/>
      <c r="C12985" s="2" t="s">
        <v>39883</v>
      </c>
      <c r="D12985" s="14" t="s">
        <v>39884</v>
      </c>
      <c r="E12985" s="2" t="s">
        <v>39885</v>
      </c>
      <c r="F12985" s="2" t="s">
        <v>36317</v>
      </c>
      <c r="G12985" s="8">
        <v>237</v>
      </c>
      <c r="H12985" s="5">
        <v>6</v>
      </c>
      <c r="I12985" s="5" t="s">
        <v>1518</v>
      </c>
      <c r="J12985" s="5" t="s">
        <v>36264</v>
      </c>
      <c r="K12985" s="2" t="s">
        <v>36265</v>
      </c>
      <c r="L12985" s="5" t="s">
        <v>36264</v>
      </c>
      <c r="M12985" s="2" t="s">
        <v>36265</v>
      </c>
      <c r="N12985" s="5" t="s">
        <v>36266</v>
      </c>
      <c r="O12985" s="5" t="s">
        <v>38</v>
      </c>
      <c r="P12985" s="5" t="s">
        <v>39</v>
      </c>
      <c r="Q12985" s="5" t="s">
        <v>40</v>
      </c>
      <c r="R12985" s="5" t="s">
        <v>1522</v>
      </c>
      <c r="S12985" s="5" t="s">
        <v>1523</v>
      </c>
      <c r="T12985" s="5" t="s">
        <v>42</v>
      </c>
      <c r="U12985" s="2">
        <v>2.0419999999999998</v>
      </c>
      <c r="V12985" s="2">
        <v>1.53</v>
      </c>
      <c r="W12985" s="2">
        <v>1.7999999999999999E-2</v>
      </c>
      <c r="X12985" s="2">
        <v>139.1</v>
      </c>
      <c r="Y12985" s="2">
        <v>7.6</v>
      </c>
      <c r="Z12985" s="2">
        <v>16.7</v>
      </c>
      <c r="AA12985" s="5"/>
      <c r="AB12985" s="5" t="s">
        <v>43</v>
      </c>
      <c r="AC12985" s="5" t="s">
        <v>44</v>
      </c>
      <c r="AD12985" s="2"/>
      <c r="AE12985" s="1"/>
    </row>
    <row r="12986" spans="1:31" ht="14.45">
      <c r="A12986" s="11"/>
      <c r="B12986" s="20"/>
      <c r="C12986" s="2" t="s">
        <v>39886</v>
      </c>
      <c r="D12986" s="14" t="s">
        <v>39887</v>
      </c>
      <c r="E12986" s="2" t="s">
        <v>39888</v>
      </c>
      <c r="F12986" s="2" t="s">
        <v>36321</v>
      </c>
      <c r="G12986" s="8">
        <v>237</v>
      </c>
      <c r="H12986" s="5">
        <v>6</v>
      </c>
      <c r="I12986" s="5" t="s">
        <v>1518</v>
      </c>
      <c r="J12986" s="5" t="s">
        <v>36264</v>
      </c>
      <c r="K12986" s="2" t="s">
        <v>36265</v>
      </c>
      <c r="L12986" s="5" t="s">
        <v>36264</v>
      </c>
      <c r="M12986" s="2" t="s">
        <v>36265</v>
      </c>
      <c r="N12986" s="5" t="s">
        <v>36266</v>
      </c>
      <c r="O12986" s="5" t="s">
        <v>38</v>
      </c>
      <c r="P12986" s="5" t="s">
        <v>39</v>
      </c>
      <c r="Q12986" s="5" t="s">
        <v>40</v>
      </c>
      <c r="R12986" s="5" t="s">
        <v>1522</v>
      </c>
      <c r="S12986" s="5" t="s">
        <v>1523</v>
      </c>
      <c r="T12986" s="5" t="s">
        <v>42</v>
      </c>
      <c r="U12986" s="2">
        <v>1.992</v>
      </c>
      <c r="V12986" s="2">
        <v>1.48</v>
      </c>
      <c r="W12986" s="2">
        <v>1.7999999999999999E-2</v>
      </c>
      <c r="X12986" s="2">
        <v>139.1</v>
      </c>
      <c r="Y12986" s="2">
        <v>7.6</v>
      </c>
      <c r="Z12986" s="2">
        <v>16.7</v>
      </c>
      <c r="AA12986" s="5"/>
      <c r="AB12986" s="5" t="s">
        <v>43</v>
      </c>
      <c r="AC12986" s="5" t="s">
        <v>44</v>
      </c>
      <c r="AD12986" s="2"/>
      <c r="AE12986" s="1"/>
    </row>
    <row r="12987" spans="1:31" ht="14.45">
      <c r="A12987" s="11"/>
      <c r="B12987" s="20"/>
      <c r="C12987" s="2" t="s">
        <v>39889</v>
      </c>
      <c r="D12987" s="14" t="s">
        <v>39890</v>
      </c>
      <c r="E12987" s="2" t="s">
        <v>39891</v>
      </c>
      <c r="F12987" s="2" t="s">
        <v>36325</v>
      </c>
      <c r="G12987" s="8">
        <v>237</v>
      </c>
      <c r="H12987" s="5">
        <v>6</v>
      </c>
      <c r="I12987" s="5" t="s">
        <v>1518</v>
      </c>
      <c r="J12987" s="5" t="s">
        <v>36264</v>
      </c>
      <c r="K12987" s="2" t="s">
        <v>36265</v>
      </c>
      <c r="L12987" s="5" t="s">
        <v>36264</v>
      </c>
      <c r="M12987" s="2" t="s">
        <v>36265</v>
      </c>
      <c r="N12987" s="5" t="s">
        <v>36266</v>
      </c>
      <c r="O12987" s="5" t="s">
        <v>38</v>
      </c>
      <c r="P12987" s="5" t="s">
        <v>39</v>
      </c>
      <c r="Q12987" s="5" t="s">
        <v>40</v>
      </c>
      <c r="R12987" s="5" t="s">
        <v>1522</v>
      </c>
      <c r="S12987" s="5" t="s">
        <v>1523</v>
      </c>
      <c r="T12987" s="5" t="s">
        <v>42</v>
      </c>
      <c r="U12987" s="2">
        <v>2.0419999999999998</v>
      </c>
      <c r="V12987" s="2">
        <v>1.53</v>
      </c>
      <c r="W12987" s="2">
        <v>1.7999999999999999E-2</v>
      </c>
      <c r="X12987" s="2">
        <v>139.1</v>
      </c>
      <c r="Y12987" s="2">
        <v>7.6</v>
      </c>
      <c r="Z12987" s="2">
        <v>16.7</v>
      </c>
      <c r="AA12987" s="5"/>
      <c r="AB12987" s="5" t="s">
        <v>43</v>
      </c>
      <c r="AC12987" s="5" t="s">
        <v>44</v>
      </c>
      <c r="AD12987" s="2"/>
      <c r="AE12987" s="1"/>
    </row>
    <row r="12988" spans="1:31" ht="14.45">
      <c r="A12988" s="11"/>
      <c r="B12988" s="20"/>
      <c r="C12988" s="2" t="s">
        <v>39892</v>
      </c>
      <c r="D12988" s="14" t="s">
        <v>39893</v>
      </c>
      <c r="E12988" s="2" t="s">
        <v>39894</v>
      </c>
      <c r="F12988" s="2" t="s">
        <v>36329</v>
      </c>
      <c r="G12988" s="8">
        <v>237</v>
      </c>
      <c r="H12988" s="5">
        <v>6</v>
      </c>
      <c r="I12988" s="5" t="s">
        <v>1518</v>
      </c>
      <c r="J12988" s="5" t="s">
        <v>36264</v>
      </c>
      <c r="K12988" s="2" t="s">
        <v>36265</v>
      </c>
      <c r="L12988" s="5" t="s">
        <v>36264</v>
      </c>
      <c r="M12988" s="2" t="s">
        <v>36265</v>
      </c>
      <c r="N12988" s="5" t="s">
        <v>36266</v>
      </c>
      <c r="O12988" s="5" t="s">
        <v>38</v>
      </c>
      <c r="P12988" s="5" t="s">
        <v>39</v>
      </c>
      <c r="Q12988" s="5" t="s">
        <v>40</v>
      </c>
      <c r="R12988" s="5" t="s">
        <v>1522</v>
      </c>
      <c r="S12988" s="5" t="s">
        <v>1523</v>
      </c>
      <c r="T12988" s="5" t="s">
        <v>42</v>
      </c>
      <c r="U12988" s="2">
        <v>1.992</v>
      </c>
      <c r="V12988" s="2">
        <v>1.48</v>
      </c>
      <c r="W12988" s="2">
        <v>1.7999999999999999E-2</v>
      </c>
      <c r="X12988" s="2">
        <v>139.1</v>
      </c>
      <c r="Y12988" s="2">
        <v>7.6</v>
      </c>
      <c r="Z12988" s="2">
        <v>16.7</v>
      </c>
      <c r="AA12988" s="5"/>
      <c r="AB12988" s="5" t="s">
        <v>43</v>
      </c>
      <c r="AC12988" s="5" t="s">
        <v>44</v>
      </c>
      <c r="AD12988" s="2"/>
      <c r="AE12988" s="1"/>
    </row>
    <row r="12989" spans="1:31" ht="14.45">
      <c r="A12989" s="11"/>
      <c r="B12989" s="20"/>
      <c r="C12989" s="2" t="s">
        <v>39895</v>
      </c>
      <c r="D12989" s="14" t="s">
        <v>39896</v>
      </c>
      <c r="E12989" s="2" t="s">
        <v>39897</v>
      </c>
      <c r="F12989" s="2" t="s">
        <v>36333</v>
      </c>
      <c r="G12989" s="8">
        <v>237</v>
      </c>
      <c r="H12989" s="5">
        <v>6</v>
      </c>
      <c r="I12989" s="5" t="s">
        <v>1518</v>
      </c>
      <c r="J12989" s="5" t="s">
        <v>36264</v>
      </c>
      <c r="K12989" s="2" t="s">
        <v>36265</v>
      </c>
      <c r="L12989" s="5" t="s">
        <v>36264</v>
      </c>
      <c r="M12989" s="2" t="s">
        <v>36265</v>
      </c>
      <c r="N12989" s="5" t="s">
        <v>36266</v>
      </c>
      <c r="O12989" s="5" t="s">
        <v>38</v>
      </c>
      <c r="P12989" s="5" t="s">
        <v>39</v>
      </c>
      <c r="Q12989" s="5" t="s">
        <v>40</v>
      </c>
      <c r="R12989" s="5" t="s">
        <v>1522</v>
      </c>
      <c r="S12989" s="5" t="s">
        <v>1523</v>
      </c>
      <c r="T12989" s="5" t="s">
        <v>42</v>
      </c>
      <c r="U12989" s="2">
        <v>2.0419999999999998</v>
      </c>
      <c r="V12989" s="2">
        <v>1.53</v>
      </c>
      <c r="W12989" s="2">
        <v>1.7999999999999999E-2</v>
      </c>
      <c r="X12989" s="2">
        <v>139.1</v>
      </c>
      <c r="Y12989" s="2">
        <v>7.6</v>
      </c>
      <c r="Z12989" s="2">
        <v>16.7</v>
      </c>
      <c r="AA12989" s="5"/>
      <c r="AB12989" s="5" t="s">
        <v>43</v>
      </c>
      <c r="AC12989" s="5" t="s">
        <v>44</v>
      </c>
      <c r="AD12989" s="2"/>
      <c r="AE12989" s="1"/>
    </row>
    <row r="12990" spans="1:31" ht="14.45">
      <c r="A12990" s="11"/>
      <c r="B12990" s="20"/>
      <c r="C12990" s="2" t="s">
        <v>39898</v>
      </c>
      <c r="D12990" s="14" t="s">
        <v>39899</v>
      </c>
      <c r="E12990" s="2" t="s">
        <v>39900</v>
      </c>
      <c r="F12990" s="2" t="s">
        <v>36337</v>
      </c>
      <c r="G12990" s="8">
        <v>237</v>
      </c>
      <c r="H12990" s="5">
        <v>6</v>
      </c>
      <c r="I12990" s="5" t="s">
        <v>1518</v>
      </c>
      <c r="J12990" s="5" t="s">
        <v>36264</v>
      </c>
      <c r="K12990" s="2" t="s">
        <v>36265</v>
      </c>
      <c r="L12990" s="5" t="s">
        <v>36264</v>
      </c>
      <c r="M12990" s="2" t="s">
        <v>36265</v>
      </c>
      <c r="N12990" s="5" t="s">
        <v>36266</v>
      </c>
      <c r="O12990" s="5" t="s">
        <v>38</v>
      </c>
      <c r="P12990" s="5" t="s">
        <v>39</v>
      </c>
      <c r="Q12990" s="5" t="s">
        <v>40</v>
      </c>
      <c r="R12990" s="5" t="s">
        <v>1522</v>
      </c>
      <c r="S12990" s="5" t="s">
        <v>1523</v>
      </c>
      <c r="T12990" s="5" t="s">
        <v>42</v>
      </c>
      <c r="U12990" s="2">
        <v>1.992</v>
      </c>
      <c r="V12990" s="2">
        <v>1.48</v>
      </c>
      <c r="W12990" s="2">
        <v>1.7999999999999999E-2</v>
      </c>
      <c r="X12990" s="2">
        <v>139.1</v>
      </c>
      <c r="Y12990" s="2">
        <v>7.6</v>
      </c>
      <c r="Z12990" s="2">
        <v>16.7</v>
      </c>
      <c r="AA12990" s="5"/>
      <c r="AB12990" s="5" t="s">
        <v>43</v>
      </c>
      <c r="AC12990" s="5" t="s">
        <v>44</v>
      </c>
      <c r="AD12990" s="2"/>
      <c r="AE12990" s="1"/>
    </row>
    <row r="12991" spans="1:31" ht="14.45">
      <c r="A12991" s="11"/>
      <c r="B12991" s="20"/>
      <c r="C12991" s="2" t="s">
        <v>39901</v>
      </c>
      <c r="D12991" s="14" t="s">
        <v>39902</v>
      </c>
      <c r="E12991" s="2" t="s">
        <v>39903</v>
      </c>
      <c r="F12991" s="2" t="s">
        <v>36341</v>
      </c>
      <c r="G12991" s="8">
        <v>237</v>
      </c>
      <c r="H12991" s="5">
        <v>6</v>
      </c>
      <c r="I12991" s="5" t="s">
        <v>1518</v>
      </c>
      <c r="J12991" s="5" t="s">
        <v>36264</v>
      </c>
      <c r="K12991" s="2" t="s">
        <v>36265</v>
      </c>
      <c r="L12991" s="5" t="s">
        <v>36264</v>
      </c>
      <c r="M12991" s="2" t="s">
        <v>36265</v>
      </c>
      <c r="N12991" s="5" t="s">
        <v>36266</v>
      </c>
      <c r="O12991" s="5" t="s">
        <v>38</v>
      </c>
      <c r="P12991" s="5" t="s">
        <v>39</v>
      </c>
      <c r="Q12991" s="5" t="s">
        <v>40</v>
      </c>
      <c r="R12991" s="5" t="s">
        <v>1522</v>
      </c>
      <c r="S12991" s="5" t="s">
        <v>1523</v>
      </c>
      <c r="T12991" s="5" t="s">
        <v>42</v>
      </c>
      <c r="U12991" s="2">
        <v>2.0419999999999998</v>
      </c>
      <c r="V12991" s="2">
        <v>1.53</v>
      </c>
      <c r="W12991" s="2">
        <v>1.7999999999999999E-2</v>
      </c>
      <c r="X12991" s="2">
        <v>139.1</v>
      </c>
      <c r="Y12991" s="2">
        <v>7.6</v>
      </c>
      <c r="Z12991" s="2">
        <v>16.7</v>
      </c>
      <c r="AA12991" s="5"/>
      <c r="AB12991" s="5" t="s">
        <v>43</v>
      </c>
      <c r="AC12991" s="5" t="s">
        <v>44</v>
      </c>
      <c r="AD12991" s="2"/>
      <c r="AE12991" s="1"/>
    </row>
    <row r="12992" spans="1:31" ht="14.45">
      <c r="A12992" s="11"/>
      <c r="B12992" s="20"/>
      <c r="C12992" s="2" t="s">
        <v>39904</v>
      </c>
      <c r="D12992" s="14" t="s">
        <v>39905</v>
      </c>
      <c r="E12992" s="2" t="s">
        <v>39906</v>
      </c>
      <c r="F12992" s="2" t="s">
        <v>36345</v>
      </c>
      <c r="G12992" s="8">
        <v>237</v>
      </c>
      <c r="H12992" s="5">
        <v>6</v>
      </c>
      <c r="I12992" s="5" t="s">
        <v>1518</v>
      </c>
      <c r="J12992" s="5" t="s">
        <v>36264</v>
      </c>
      <c r="K12992" s="2" t="s">
        <v>36265</v>
      </c>
      <c r="L12992" s="5" t="s">
        <v>36264</v>
      </c>
      <c r="M12992" s="2" t="s">
        <v>36265</v>
      </c>
      <c r="N12992" s="5" t="s">
        <v>36266</v>
      </c>
      <c r="O12992" s="5" t="s">
        <v>38</v>
      </c>
      <c r="P12992" s="5" t="s">
        <v>39</v>
      </c>
      <c r="Q12992" s="5" t="s">
        <v>40</v>
      </c>
      <c r="R12992" s="5" t="s">
        <v>1522</v>
      </c>
      <c r="S12992" s="5" t="s">
        <v>1523</v>
      </c>
      <c r="T12992" s="5" t="s">
        <v>42</v>
      </c>
      <c r="U12992" s="2">
        <v>1.992</v>
      </c>
      <c r="V12992" s="2">
        <v>1.48</v>
      </c>
      <c r="W12992" s="2">
        <v>1.7999999999999999E-2</v>
      </c>
      <c r="X12992" s="2">
        <v>139.1</v>
      </c>
      <c r="Y12992" s="2">
        <v>7.6</v>
      </c>
      <c r="Z12992" s="2">
        <v>16.7</v>
      </c>
      <c r="AA12992" s="5"/>
      <c r="AB12992" s="5" t="s">
        <v>43</v>
      </c>
      <c r="AC12992" s="5" t="s">
        <v>44</v>
      </c>
      <c r="AD12992" s="2"/>
      <c r="AE12992" s="1"/>
    </row>
    <row r="12993" spans="1:31" ht="14.45">
      <c r="A12993" s="11"/>
      <c r="B12993" s="20"/>
      <c r="C12993" s="2" t="s">
        <v>39907</v>
      </c>
      <c r="D12993" s="14" t="s">
        <v>39908</v>
      </c>
      <c r="E12993" s="2" t="s">
        <v>39909</v>
      </c>
      <c r="F12993" s="2" t="s">
        <v>36349</v>
      </c>
      <c r="G12993" s="8">
        <v>237</v>
      </c>
      <c r="H12993" s="5">
        <v>6</v>
      </c>
      <c r="I12993" s="5" t="s">
        <v>1518</v>
      </c>
      <c r="J12993" s="5" t="s">
        <v>36264</v>
      </c>
      <c r="K12993" s="2" t="s">
        <v>36265</v>
      </c>
      <c r="L12993" s="5" t="s">
        <v>36264</v>
      </c>
      <c r="M12993" s="2" t="s">
        <v>36265</v>
      </c>
      <c r="N12993" s="5" t="s">
        <v>36266</v>
      </c>
      <c r="O12993" s="5" t="s">
        <v>38</v>
      </c>
      <c r="P12993" s="5" t="s">
        <v>39</v>
      </c>
      <c r="Q12993" s="5" t="s">
        <v>40</v>
      </c>
      <c r="R12993" s="5" t="s">
        <v>1522</v>
      </c>
      <c r="S12993" s="5" t="s">
        <v>1523</v>
      </c>
      <c r="T12993" s="5" t="s">
        <v>42</v>
      </c>
      <c r="U12993" s="2">
        <v>2.0419999999999998</v>
      </c>
      <c r="V12993" s="2">
        <v>1.53</v>
      </c>
      <c r="W12993" s="2">
        <v>1.7999999999999999E-2</v>
      </c>
      <c r="X12993" s="2">
        <v>139.1</v>
      </c>
      <c r="Y12993" s="2">
        <v>7.6</v>
      </c>
      <c r="Z12993" s="2">
        <v>16.7</v>
      </c>
      <c r="AA12993" s="5"/>
      <c r="AB12993" s="5" t="s">
        <v>43</v>
      </c>
      <c r="AC12993" s="5" t="s">
        <v>44</v>
      </c>
      <c r="AD12993" s="2"/>
      <c r="AE12993" s="1"/>
    </row>
    <row r="12994" spans="1:31" ht="14.45">
      <c r="A12994" s="11"/>
      <c r="B12994" s="20"/>
      <c r="C12994" s="2" t="s">
        <v>39910</v>
      </c>
      <c r="D12994" s="14" t="s">
        <v>39911</v>
      </c>
      <c r="E12994" s="2" t="s">
        <v>39912</v>
      </c>
      <c r="F12994" s="2" t="s">
        <v>36353</v>
      </c>
      <c r="G12994" s="8">
        <v>237</v>
      </c>
      <c r="H12994" s="5">
        <v>6</v>
      </c>
      <c r="I12994" s="5" t="s">
        <v>1518</v>
      </c>
      <c r="J12994" s="5" t="s">
        <v>36264</v>
      </c>
      <c r="K12994" s="2" t="s">
        <v>36265</v>
      </c>
      <c r="L12994" s="5" t="s">
        <v>36264</v>
      </c>
      <c r="M12994" s="2" t="s">
        <v>36265</v>
      </c>
      <c r="N12994" s="5" t="s">
        <v>36266</v>
      </c>
      <c r="O12994" s="5" t="s">
        <v>38</v>
      </c>
      <c r="P12994" s="5" t="s">
        <v>39</v>
      </c>
      <c r="Q12994" s="5" t="s">
        <v>40</v>
      </c>
      <c r="R12994" s="5" t="s">
        <v>1522</v>
      </c>
      <c r="S12994" s="5" t="s">
        <v>1523</v>
      </c>
      <c r="T12994" s="5" t="s">
        <v>42</v>
      </c>
      <c r="U12994" s="2">
        <v>1.992</v>
      </c>
      <c r="V12994" s="2">
        <v>1.48</v>
      </c>
      <c r="W12994" s="2">
        <v>1.7999999999999999E-2</v>
      </c>
      <c r="X12994" s="2">
        <v>139.1</v>
      </c>
      <c r="Y12994" s="2">
        <v>7.6</v>
      </c>
      <c r="Z12994" s="2">
        <v>16.7</v>
      </c>
      <c r="AA12994" s="5"/>
      <c r="AB12994" s="5" t="s">
        <v>43</v>
      </c>
      <c r="AC12994" s="5" t="s">
        <v>44</v>
      </c>
      <c r="AD12994" s="2"/>
      <c r="AE12994" s="1"/>
    </row>
    <row r="12995" spans="1:31" ht="14.45">
      <c r="A12995" s="11"/>
      <c r="B12995" s="20"/>
      <c r="C12995" s="2" t="s">
        <v>39913</v>
      </c>
      <c r="D12995" s="14" t="s">
        <v>39914</v>
      </c>
      <c r="E12995" s="2" t="s">
        <v>39915</v>
      </c>
      <c r="F12995" s="2" t="s">
        <v>36357</v>
      </c>
      <c r="G12995" s="8">
        <v>237</v>
      </c>
      <c r="H12995" s="5">
        <v>6</v>
      </c>
      <c r="I12995" s="5" t="s">
        <v>1518</v>
      </c>
      <c r="J12995" s="5" t="s">
        <v>36264</v>
      </c>
      <c r="K12995" s="2" t="s">
        <v>36265</v>
      </c>
      <c r="L12995" s="5" t="s">
        <v>36264</v>
      </c>
      <c r="M12995" s="2" t="s">
        <v>36265</v>
      </c>
      <c r="N12995" s="5" t="s">
        <v>36266</v>
      </c>
      <c r="O12995" s="5" t="s">
        <v>38</v>
      </c>
      <c r="P12995" s="5" t="s">
        <v>39</v>
      </c>
      <c r="Q12995" s="5" t="s">
        <v>40</v>
      </c>
      <c r="R12995" s="5" t="s">
        <v>1522</v>
      </c>
      <c r="S12995" s="5" t="s">
        <v>1523</v>
      </c>
      <c r="T12995" s="5" t="s">
        <v>42</v>
      </c>
      <c r="U12995" s="2">
        <v>2.0419999999999998</v>
      </c>
      <c r="V12995" s="2">
        <v>1.53</v>
      </c>
      <c r="W12995" s="2">
        <v>1.7999999999999999E-2</v>
      </c>
      <c r="X12995" s="2">
        <v>139.1</v>
      </c>
      <c r="Y12995" s="2">
        <v>7.6</v>
      </c>
      <c r="Z12995" s="2">
        <v>16.7</v>
      </c>
      <c r="AA12995" s="5"/>
      <c r="AB12995" s="5" t="s">
        <v>43</v>
      </c>
      <c r="AC12995" s="5" t="s">
        <v>44</v>
      </c>
      <c r="AD12995" s="2"/>
      <c r="AE12995" s="1"/>
    </row>
    <row r="12996" spans="1:31" ht="14.45">
      <c r="A12996" s="11"/>
      <c r="B12996" s="20"/>
      <c r="C12996" s="2" t="s">
        <v>39916</v>
      </c>
      <c r="D12996" s="14" t="s">
        <v>39917</v>
      </c>
      <c r="E12996" s="2" t="s">
        <v>39918</v>
      </c>
      <c r="F12996" s="2" t="s">
        <v>36361</v>
      </c>
      <c r="G12996" s="8">
        <v>237</v>
      </c>
      <c r="H12996" s="5">
        <v>6</v>
      </c>
      <c r="I12996" s="5" t="s">
        <v>1518</v>
      </c>
      <c r="J12996" s="5" t="s">
        <v>36264</v>
      </c>
      <c r="K12996" s="2" t="s">
        <v>36265</v>
      </c>
      <c r="L12996" s="5" t="s">
        <v>36264</v>
      </c>
      <c r="M12996" s="2" t="s">
        <v>36265</v>
      </c>
      <c r="N12996" s="5" t="s">
        <v>36266</v>
      </c>
      <c r="O12996" s="5" t="s">
        <v>38</v>
      </c>
      <c r="P12996" s="5" t="s">
        <v>39</v>
      </c>
      <c r="Q12996" s="5" t="s">
        <v>40</v>
      </c>
      <c r="R12996" s="5" t="s">
        <v>1522</v>
      </c>
      <c r="S12996" s="5" t="s">
        <v>1523</v>
      </c>
      <c r="T12996" s="5" t="s">
        <v>42</v>
      </c>
      <c r="U12996" s="2">
        <v>1.992</v>
      </c>
      <c r="V12996" s="2">
        <v>1.48</v>
      </c>
      <c r="W12996" s="2">
        <v>1.7999999999999999E-2</v>
      </c>
      <c r="X12996" s="2">
        <v>139.1</v>
      </c>
      <c r="Y12996" s="2">
        <v>7.6</v>
      </c>
      <c r="Z12996" s="2">
        <v>16.7</v>
      </c>
      <c r="AA12996" s="5"/>
      <c r="AB12996" s="5" t="s">
        <v>43</v>
      </c>
      <c r="AC12996" s="5" t="s">
        <v>44</v>
      </c>
      <c r="AD12996" s="2"/>
      <c r="AE12996" s="1"/>
    </row>
    <row r="12997" spans="1:31" ht="14.45">
      <c r="A12997" s="11"/>
      <c r="B12997" s="20"/>
      <c r="C12997" s="2" t="s">
        <v>39919</v>
      </c>
      <c r="D12997" s="14" t="s">
        <v>39920</v>
      </c>
      <c r="E12997" s="2" t="s">
        <v>39921</v>
      </c>
      <c r="F12997" s="2" t="s">
        <v>36365</v>
      </c>
      <c r="G12997" s="8">
        <v>237</v>
      </c>
      <c r="H12997" s="5">
        <v>6</v>
      </c>
      <c r="I12997" s="5" t="s">
        <v>1518</v>
      </c>
      <c r="J12997" s="5" t="s">
        <v>36264</v>
      </c>
      <c r="K12997" s="2" t="s">
        <v>36265</v>
      </c>
      <c r="L12997" s="5" t="s">
        <v>36264</v>
      </c>
      <c r="M12997" s="2" t="s">
        <v>36265</v>
      </c>
      <c r="N12997" s="5" t="s">
        <v>36266</v>
      </c>
      <c r="O12997" s="5" t="s">
        <v>38</v>
      </c>
      <c r="P12997" s="5" t="s">
        <v>39</v>
      </c>
      <c r="Q12997" s="5" t="s">
        <v>40</v>
      </c>
      <c r="R12997" s="5" t="s">
        <v>1522</v>
      </c>
      <c r="S12997" s="5" t="s">
        <v>1523</v>
      </c>
      <c r="T12997" s="5" t="s">
        <v>42</v>
      </c>
      <c r="U12997" s="2">
        <v>2.0419999999999998</v>
      </c>
      <c r="V12997" s="2">
        <v>1.53</v>
      </c>
      <c r="W12997" s="2">
        <v>1.7999999999999999E-2</v>
      </c>
      <c r="X12997" s="2">
        <v>139.1</v>
      </c>
      <c r="Y12997" s="2">
        <v>7.6</v>
      </c>
      <c r="Z12997" s="2">
        <v>16.7</v>
      </c>
      <c r="AA12997" s="5"/>
      <c r="AB12997" s="5" t="s">
        <v>43</v>
      </c>
      <c r="AC12997" s="5" t="s">
        <v>44</v>
      </c>
      <c r="AD12997" s="2"/>
      <c r="AE12997" s="1"/>
    </row>
    <row r="12998" spans="1:31" ht="14.45">
      <c r="A12998" s="11"/>
      <c r="B12998" s="20"/>
      <c r="C12998" s="2" t="s">
        <v>39922</v>
      </c>
      <c r="D12998" s="14" t="s">
        <v>39923</v>
      </c>
      <c r="E12998" s="2" t="s">
        <v>39924</v>
      </c>
      <c r="F12998" s="2" t="s">
        <v>36369</v>
      </c>
      <c r="G12998" s="8">
        <v>237</v>
      </c>
      <c r="H12998" s="5">
        <v>6</v>
      </c>
      <c r="I12998" s="5" t="s">
        <v>1518</v>
      </c>
      <c r="J12998" s="5" t="s">
        <v>36264</v>
      </c>
      <c r="K12998" s="2" t="s">
        <v>36265</v>
      </c>
      <c r="L12998" s="5" t="s">
        <v>36264</v>
      </c>
      <c r="M12998" s="2" t="s">
        <v>36265</v>
      </c>
      <c r="N12998" s="5" t="s">
        <v>36266</v>
      </c>
      <c r="O12998" s="5" t="s">
        <v>38</v>
      </c>
      <c r="P12998" s="5" t="s">
        <v>39</v>
      </c>
      <c r="Q12998" s="5" t="s">
        <v>40</v>
      </c>
      <c r="R12998" s="5" t="s">
        <v>1522</v>
      </c>
      <c r="S12998" s="5" t="s">
        <v>1523</v>
      </c>
      <c r="T12998" s="5" t="s">
        <v>42</v>
      </c>
      <c r="U12998" s="2">
        <v>1.992</v>
      </c>
      <c r="V12998" s="2">
        <v>1.48</v>
      </c>
      <c r="W12998" s="2">
        <v>1.7999999999999999E-2</v>
      </c>
      <c r="X12998" s="2">
        <v>139.1</v>
      </c>
      <c r="Y12998" s="2">
        <v>7.6</v>
      </c>
      <c r="Z12998" s="2">
        <v>16.7</v>
      </c>
      <c r="AA12998" s="5"/>
      <c r="AB12998" s="5" t="s">
        <v>43</v>
      </c>
      <c r="AC12998" s="5" t="s">
        <v>44</v>
      </c>
      <c r="AD12998" s="2"/>
      <c r="AE12998" s="1"/>
    </row>
    <row r="12999" spans="1:31" ht="14.45">
      <c r="A12999" s="11"/>
      <c r="B12999" s="20"/>
      <c r="C12999" s="2" t="s">
        <v>39925</v>
      </c>
      <c r="D12999" s="14" t="s">
        <v>39926</v>
      </c>
      <c r="E12999" s="2" t="s">
        <v>39927</v>
      </c>
      <c r="F12999" s="2" t="s">
        <v>36373</v>
      </c>
      <c r="G12999" s="8">
        <v>237</v>
      </c>
      <c r="H12999" s="5">
        <v>6</v>
      </c>
      <c r="I12999" s="5" t="s">
        <v>1518</v>
      </c>
      <c r="J12999" s="5" t="s">
        <v>36264</v>
      </c>
      <c r="K12999" s="2" t="s">
        <v>36265</v>
      </c>
      <c r="L12999" s="5" t="s">
        <v>36264</v>
      </c>
      <c r="M12999" s="2" t="s">
        <v>36265</v>
      </c>
      <c r="N12999" s="5" t="s">
        <v>36266</v>
      </c>
      <c r="O12999" s="5" t="s">
        <v>38</v>
      </c>
      <c r="P12999" s="5" t="s">
        <v>39</v>
      </c>
      <c r="Q12999" s="5" t="s">
        <v>40</v>
      </c>
      <c r="R12999" s="5" t="s">
        <v>1522</v>
      </c>
      <c r="S12999" s="5" t="s">
        <v>1523</v>
      </c>
      <c r="T12999" s="5" t="s">
        <v>42</v>
      </c>
      <c r="U12999" s="2">
        <v>2.0419999999999998</v>
      </c>
      <c r="V12999" s="2">
        <v>1.53</v>
      </c>
      <c r="W12999" s="2">
        <v>1.7999999999999999E-2</v>
      </c>
      <c r="X12999" s="2">
        <v>139.1</v>
      </c>
      <c r="Y12999" s="2">
        <v>7.6</v>
      </c>
      <c r="Z12999" s="2">
        <v>16.7</v>
      </c>
      <c r="AA12999" s="5"/>
      <c r="AB12999" s="5" t="s">
        <v>43</v>
      </c>
      <c r="AC12999" s="5" t="s">
        <v>44</v>
      </c>
      <c r="AD12999" s="2"/>
      <c r="AE12999" s="1"/>
    </row>
    <row r="13000" spans="1:31" ht="14.45">
      <c r="A13000" s="11"/>
      <c r="B13000" s="20"/>
      <c r="C13000" s="2" t="s">
        <v>39928</v>
      </c>
      <c r="D13000" s="14" t="s">
        <v>39929</v>
      </c>
      <c r="E13000" s="2" t="s">
        <v>39930</v>
      </c>
      <c r="F13000" s="2" t="s">
        <v>36377</v>
      </c>
      <c r="G13000" s="8">
        <v>237</v>
      </c>
      <c r="H13000" s="5">
        <v>6</v>
      </c>
      <c r="I13000" s="5" t="s">
        <v>1518</v>
      </c>
      <c r="J13000" s="5" t="s">
        <v>36264</v>
      </c>
      <c r="K13000" s="2" t="s">
        <v>36265</v>
      </c>
      <c r="L13000" s="5" t="s">
        <v>36264</v>
      </c>
      <c r="M13000" s="2" t="s">
        <v>36265</v>
      </c>
      <c r="N13000" s="5" t="s">
        <v>36266</v>
      </c>
      <c r="O13000" s="5" t="s">
        <v>38</v>
      </c>
      <c r="P13000" s="5" t="s">
        <v>39</v>
      </c>
      <c r="Q13000" s="5" t="s">
        <v>40</v>
      </c>
      <c r="R13000" s="5" t="s">
        <v>1522</v>
      </c>
      <c r="S13000" s="5" t="s">
        <v>1523</v>
      </c>
      <c r="T13000" s="5" t="s">
        <v>42</v>
      </c>
      <c r="U13000" s="2">
        <v>1.992</v>
      </c>
      <c r="V13000" s="2">
        <v>1.48</v>
      </c>
      <c r="W13000" s="2">
        <v>1.7999999999999999E-2</v>
      </c>
      <c r="X13000" s="2">
        <v>139.1</v>
      </c>
      <c r="Y13000" s="2">
        <v>7.6</v>
      </c>
      <c r="Z13000" s="2">
        <v>16.7</v>
      </c>
      <c r="AA13000" s="5"/>
      <c r="AB13000" s="5" t="s">
        <v>43</v>
      </c>
      <c r="AC13000" s="5" t="s">
        <v>44</v>
      </c>
      <c r="AD13000" s="2"/>
      <c r="AE13000" s="1"/>
    </row>
    <row r="13001" spans="1:31" ht="14.45">
      <c r="A13001" s="11"/>
      <c r="B13001" s="20"/>
      <c r="C13001" s="2" t="s">
        <v>39931</v>
      </c>
      <c r="D13001" s="14" t="s">
        <v>39932</v>
      </c>
      <c r="E13001" s="2" t="s">
        <v>39933</v>
      </c>
      <c r="F13001" s="2" t="s">
        <v>36381</v>
      </c>
      <c r="G13001" s="8">
        <v>237</v>
      </c>
      <c r="H13001" s="5">
        <v>6</v>
      </c>
      <c r="I13001" s="5" t="s">
        <v>1518</v>
      </c>
      <c r="J13001" s="5" t="s">
        <v>36264</v>
      </c>
      <c r="K13001" s="2" t="s">
        <v>36265</v>
      </c>
      <c r="L13001" s="5" t="s">
        <v>36264</v>
      </c>
      <c r="M13001" s="2" t="s">
        <v>36265</v>
      </c>
      <c r="N13001" s="5" t="s">
        <v>36266</v>
      </c>
      <c r="O13001" s="5" t="s">
        <v>38</v>
      </c>
      <c r="P13001" s="5" t="s">
        <v>39</v>
      </c>
      <c r="Q13001" s="5" t="s">
        <v>40</v>
      </c>
      <c r="R13001" s="5" t="s">
        <v>1522</v>
      </c>
      <c r="S13001" s="5" t="s">
        <v>1523</v>
      </c>
      <c r="T13001" s="5" t="s">
        <v>42</v>
      </c>
      <c r="U13001" s="2">
        <v>2.0419999999999998</v>
      </c>
      <c r="V13001" s="2">
        <v>1.53</v>
      </c>
      <c r="W13001" s="2">
        <v>1.7999999999999999E-2</v>
      </c>
      <c r="X13001" s="2">
        <v>139.1</v>
      </c>
      <c r="Y13001" s="2">
        <v>7.6</v>
      </c>
      <c r="Z13001" s="2">
        <v>16.7</v>
      </c>
      <c r="AA13001" s="5"/>
      <c r="AB13001" s="5" t="s">
        <v>43</v>
      </c>
      <c r="AC13001" s="5" t="s">
        <v>44</v>
      </c>
      <c r="AD13001" s="2"/>
      <c r="AE13001" s="1"/>
    </row>
    <row r="13002" spans="1:31" ht="14.45">
      <c r="A13002" s="11"/>
      <c r="B13002" s="20"/>
      <c r="C13002" s="2" t="s">
        <v>39934</v>
      </c>
      <c r="D13002" s="14" t="s">
        <v>39935</v>
      </c>
      <c r="E13002" s="2" t="s">
        <v>39936</v>
      </c>
      <c r="F13002" s="2" t="s">
        <v>36385</v>
      </c>
      <c r="G13002" s="8">
        <v>237</v>
      </c>
      <c r="H13002" s="5">
        <v>6</v>
      </c>
      <c r="I13002" s="5" t="s">
        <v>1518</v>
      </c>
      <c r="J13002" s="5" t="s">
        <v>36264</v>
      </c>
      <c r="K13002" s="2" t="s">
        <v>36265</v>
      </c>
      <c r="L13002" s="5" t="s">
        <v>36264</v>
      </c>
      <c r="M13002" s="2" t="s">
        <v>36265</v>
      </c>
      <c r="N13002" s="5" t="s">
        <v>36266</v>
      </c>
      <c r="O13002" s="5" t="s">
        <v>38</v>
      </c>
      <c r="P13002" s="5" t="s">
        <v>39</v>
      </c>
      <c r="Q13002" s="5" t="s">
        <v>40</v>
      </c>
      <c r="R13002" s="5" t="s">
        <v>1522</v>
      </c>
      <c r="S13002" s="5" t="s">
        <v>1523</v>
      </c>
      <c r="T13002" s="5" t="s">
        <v>42</v>
      </c>
      <c r="U13002" s="2">
        <v>1.992</v>
      </c>
      <c r="V13002" s="2">
        <v>1.48</v>
      </c>
      <c r="W13002" s="2">
        <v>1.7999999999999999E-2</v>
      </c>
      <c r="X13002" s="2">
        <v>139.1</v>
      </c>
      <c r="Y13002" s="2">
        <v>7.6</v>
      </c>
      <c r="Z13002" s="2">
        <v>16.7</v>
      </c>
      <c r="AA13002" s="5"/>
      <c r="AB13002" s="5" t="s">
        <v>43</v>
      </c>
      <c r="AC13002" s="5" t="s">
        <v>44</v>
      </c>
      <c r="AD13002" s="2"/>
      <c r="AE13002" s="1"/>
    </row>
    <row r="13003" spans="1:31" ht="14.45">
      <c r="A13003" s="11"/>
      <c r="B13003" s="20"/>
      <c r="C13003" s="2" t="s">
        <v>39937</v>
      </c>
      <c r="D13003" s="14" t="s">
        <v>39938</v>
      </c>
      <c r="E13003" s="2" t="s">
        <v>39939</v>
      </c>
      <c r="F13003" s="2" t="s">
        <v>36389</v>
      </c>
      <c r="G13003" s="8">
        <v>237</v>
      </c>
      <c r="H13003" s="5">
        <v>6</v>
      </c>
      <c r="I13003" s="5" t="s">
        <v>1518</v>
      </c>
      <c r="J13003" s="5" t="s">
        <v>36264</v>
      </c>
      <c r="K13003" s="2" t="s">
        <v>36265</v>
      </c>
      <c r="L13003" s="5" t="s">
        <v>36264</v>
      </c>
      <c r="M13003" s="2" t="s">
        <v>36265</v>
      </c>
      <c r="N13003" s="5" t="s">
        <v>36266</v>
      </c>
      <c r="O13003" s="5" t="s">
        <v>38</v>
      </c>
      <c r="P13003" s="5" t="s">
        <v>39</v>
      </c>
      <c r="Q13003" s="5" t="s">
        <v>40</v>
      </c>
      <c r="R13003" s="5" t="s">
        <v>1522</v>
      </c>
      <c r="S13003" s="5" t="s">
        <v>1523</v>
      </c>
      <c r="T13003" s="5" t="s">
        <v>42</v>
      </c>
      <c r="U13003" s="2">
        <v>2.0419999999999998</v>
      </c>
      <c r="V13003" s="2">
        <v>1.53</v>
      </c>
      <c r="W13003" s="2">
        <v>1.7999999999999999E-2</v>
      </c>
      <c r="X13003" s="2">
        <v>139.1</v>
      </c>
      <c r="Y13003" s="2">
        <v>7.6</v>
      </c>
      <c r="Z13003" s="2">
        <v>16.7</v>
      </c>
      <c r="AA13003" s="5"/>
      <c r="AB13003" s="5" t="s">
        <v>43</v>
      </c>
      <c r="AC13003" s="5" t="s">
        <v>44</v>
      </c>
      <c r="AD13003" s="2"/>
      <c r="AE13003" s="1"/>
    </row>
    <row r="13004" spans="1:31" ht="14.45">
      <c r="A13004" s="11"/>
      <c r="B13004" s="20"/>
      <c r="C13004" s="2" t="s">
        <v>39940</v>
      </c>
      <c r="D13004" s="14" t="s">
        <v>39941</v>
      </c>
      <c r="E13004" s="2" t="s">
        <v>39942</v>
      </c>
      <c r="F13004" s="2" t="s">
        <v>7204</v>
      </c>
      <c r="G13004" s="8">
        <v>228</v>
      </c>
      <c r="H13004" s="5">
        <v>6</v>
      </c>
      <c r="I13004" s="5" t="s">
        <v>1518</v>
      </c>
      <c r="J13004" s="5" t="s">
        <v>36264</v>
      </c>
      <c r="K13004" s="2" t="s">
        <v>36265</v>
      </c>
      <c r="L13004" s="5" t="s">
        <v>36264</v>
      </c>
      <c r="M13004" s="2" t="s">
        <v>36265</v>
      </c>
      <c r="N13004" s="5" t="s">
        <v>36266</v>
      </c>
      <c r="O13004" s="5" t="s">
        <v>38</v>
      </c>
      <c r="P13004" s="5" t="s">
        <v>39</v>
      </c>
      <c r="Q13004" s="5" t="s">
        <v>40</v>
      </c>
      <c r="R13004" s="5" t="s">
        <v>1522</v>
      </c>
      <c r="S13004" s="5" t="s">
        <v>1523</v>
      </c>
      <c r="T13004" s="5" t="s">
        <v>42</v>
      </c>
      <c r="U13004" s="2">
        <v>2.2000000000000002</v>
      </c>
      <c r="V13004" s="2">
        <v>1.605</v>
      </c>
      <c r="W13004" s="2">
        <v>0.02</v>
      </c>
      <c r="X13004" s="2">
        <v>159.1</v>
      </c>
      <c r="Y13004" s="2">
        <v>7.6</v>
      </c>
      <c r="Z13004" s="2">
        <v>16.7</v>
      </c>
      <c r="AA13004" s="5"/>
      <c r="AB13004" s="5" t="s">
        <v>43</v>
      </c>
      <c r="AC13004" s="5" t="s">
        <v>44</v>
      </c>
      <c r="AD13004" s="2"/>
      <c r="AE13004" s="1"/>
    </row>
    <row r="13005" spans="1:31" ht="14.45">
      <c r="A13005" s="11"/>
      <c r="B13005" s="20"/>
      <c r="C13005" s="2" t="s">
        <v>39943</v>
      </c>
      <c r="D13005" s="14" t="s">
        <v>39944</v>
      </c>
      <c r="E13005" s="2" t="s">
        <v>39945</v>
      </c>
      <c r="F13005" s="2" t="s">
        <v>7514</v>
      </c>
      <c r="G13005" s="8">
        <v>228</v>
      </c>
      <c r="H13005" s="5">
        <v>6</v>
      </c>
      <c r="I13005" s="5" t="s">
        <v>1518</v>
      </c>
      <c r="J13005" s="5" t="s">
        <v>36264</v>
      </c>
      <c r="K13005" s="2" t="s">
        <v>36265</v>
      </c>
      <c r="L13005" s="5" t="s">
        <v>36264</v>
      </c>
      <c r="M13005" s="2" t="s">
        <v>36265</v>
      </c>
      <c r="N13005" s="5" t="s">
        <v>36266</v>
      </c>
      <c r="O13005" s="5" t="s">
        <v>38</v>
      </c>
      <c r="P13005" s="5" t="s">
        <v>39</v>
      </c>
      <c r="Q13005" s="5" t="s">
        <v>40</v>
      </c>
      <c r="R13005" s="5" t="s">
        <v>1522</v>
      </c>
      <c r="S13005" s="5" t="s">
        <v>1523</v>
      </c>
      <c r="T13005" s="5" t="s">
        <v>42</v>
      </c>
      <c r="U13005" s="2">
        <v>2.25</v>
      </c>
      <c r="V13005" s="2">
        <v>1.655</v>
      </c>
      <c r="W13005" s="2">
        <v>0.02</v>
      </c>
      <c r="X13005" s="2">
        <v>159.1</v>
      </c>
      <c r="Y13005" s="2">
        <v>7.6</v>
      </c>
      <c r="Z13005" s="2">
        <v>16.7</v>
      </c>
      <c r="AA13005" s="5"/>
      <c r="AB13005" s="5" t="s">
        <v>43</v>
      </c>
      <c r="AC13005" s="5" t="s">
        <v>44</v>
      </c>
      <c r="AD13005" s="2"/>
      <c r="AE13005" s="1"/>
    </row>
    <row r="13006" spans="1:31" ht="14.45">
      <c r="A13006" s="11"/>
      <c r="B13006" s="20"/>
      <c r="C13006" s="2" t="s">
        <v>39946</v>
      </c>
      <c r="D13006" s="14" t="s">
        <v>39947</v>
      </c>
      <c r="E13006" s="2" t="s">
        <v>39948</v>
      </c>
      <c r="F13006" s="2" t="s">
        <v>36273</v>
      </c>
      <c r="G13006" s="8">
        <v>228</v>
      </c>
      <c r="H13006" s="5">
        <v>6</v>
      </c>
      <c r="I13006" s="5" t="s">
        <v>1518</v>
      </c>
      <c r="J13006" s="5" t="s">
        <v>36264</v>
      </c>
      <c r="K13006" s="2" t="s">
        <v>36265</v>
      </c>
      <c r="L13006" s="5" t="s">
        <v>36264</v>
      </c>
      <c r="M13006" s="2" t="s">
        <v>36265</v>
      </c>
      <c r="N13006" s="5" t="s">
        <v>36266</v>
      </c>
      <c r="O13006" s="5" t="s">
        <v>38</v>
      </c>
      <c r="P13006" s="5" t="s">
        <v>39</v>
      </c>
      <c r="Q13006" s="5" t="s">
        <v>40</v>
      </c>
      <c r="R13006" s="5" t="s">
        <v>1522</v>
      </c>
      <c r="S13006" s="5" t="s">
        <v>1523</v>
      </c>
      <c r="T13006" s="5" t="s">
        <v>42</v>
      </c>
      <c r="U13006" s="2">
        <v>2.2000000000000002</v>
      </c>
      <c r="V13006" s="2">
        <v>1.605</v>
      </c>
      <c r="W13006" s="2">
        <v>0.02</v>
      </c>
      <c r="X13006" s="2">
        <v>159.1</v>
      </c>
      <c r="Y13006" s="2">
        <v>7.6</v>
      </c>
      <c r="Z13006" s="2">
        <v>16.7</v>
      </c>
      <c r="AA13006" s="5"/>
      <c r="AB13006" s="5" t="s">
        <v>43</v>
      </c>
      <c r="AC13006" s="5" t="s">
        <v>44</v>
      </c>
      <c r="AD13006" s="2"/>
      <c r="AE13006" s="1"/>
    </row>
    <row r="13007" spans="1:31" ht="14.45">
      <c r="A13007" s="11"/>
      <c r="B13007" s="20"/>
      <c r="C13007" s="2" t="s">
        <v>39949</v>
      </c>
      <c r="D13007" s="14" t="s">
        <v>39950</v>
      </c>
      <c r="E13007" s="2" t="s">
        <v>39951</v>
      </c>
      <c r="F13007" s="2" t="s">
        <v>36277</v>
      </c>
      <c r="G13007" s="8">
        <v>228</v>
      </c>
      <c r="H13007" s="5">
        <v>6</v>
      </c>
      <c r="I13007" s="5" t="s">
        <v>1518</v>
      </c>
      <c r="J13007" s="5" t="s">
        <v>36264</v>
      </c>
      <c r="K13007" s="2" t="s">
        <v>36265</v>
      </c>
      <c r="L13007" s="5" t="s">
        <v>36264</v>
      </c>
      <c r="M13007" s="2" t="s">
        <v>36265</v>
      </c>
      <c r="N13007" s="5" t="s">
        <v>36266</v>
      </c>
      <c r="O13007" s="5" t="s">
        <v>38</v>
      </c>
      <c r="P13007" s="5" t="s">
        <v>39</v>
      </c>
      <c r="Q13007" s="5" t="s">
        <v>40</v>
      </c>
      <c r="R13007" s="5" t="s">
        <v>1522</v>
      </c>
      <c r="S13007" s="5" t="s">
        <v>1523</v>
      </c>
      <c r="T13007" s="5" t="s">
        <v>42</v>
      </c>
      <c r="U13007" s="2">
        <v>2.25</v>
      </c>
      <c r="V13007" s="2">
        <v>1.655</v>
      </c>
      <c r="W13007" s="2">
        <v>0.02</v>
      </c>
      <c r="X13007" s="2">
        <v>159.1</v>
      </c>
      <c r="Y13007" s="2">
        <v>7.6</v>
      </c>
      <c r="Z13007" s="2">
        <v>16.7</v>
      </c>
      <c r="AA13007" s="5"/>
      <c r="AB13007" s="5" t="s">
        <v>43</v>
      </c>
      <c r="AC13007" s="5" t="s">
        <v>44</v>
      </c>
      <c r="AD13007" s="2"/>
      <c r="AE13007" s="1"/>
    </row>
    <row r="13008" spans="1:31" ht="14.45">
      <c r="A13008" s="11"/>
      <c r="B13008" s="20"/>
      <c r="C13008" s="2" t="s">
        <v>39952</v>
      </c>
      <c r="D13008" s="14" t="s">
        <v>39953</v>
      </c>
      <c r="E13008" s="2" t="s">
        <v>39954</v>
      </c>
      <c r="F13008" s="2" t="s">
        <v>36281</v>
      </c>
      <c r="G13008" s="8">
        <v>262</v>
      </c>
      <c r="H13008" s="5">
        <v>6</v>
      </c>
      <c r="I13008" s="5" t="s">
        <v>1518</v>
      </c>
      <c r="J13008" s="5" t="s">
        <v>36264</v>
      </c>
      <c r="K13008" s="2" t="s">
        <v>36265</v>
      </c>
      <c r="L13008" s="5" t="s">
        <v>36264</v>
      </c>
      <c r="M13008" s="2" t="s">
        <v>36265</v>
      </c>
      <c r="N13008" s="5" t="s">
        <v>36266</v>
      </c>
      <c r="O13008" s="5" t="s">
        <v>38</v>
      </c>
      <c r="P13008" s="5" t="s">
        <v>39</v>
      </c>
      <c r="Q13008" s="5" t="s">
        <v>40</v>
      </c>
      <c r="R13008" s="5" t="s">
        <v>1522</v>
      </c>
      <c r="S13008" s="5" t="s">
        <v>1523</v>
      </c>
      <c r="T13008" s="5" t="s">
        <v>42</v>
      </c>
      <c r="U13008" s="2">
        <v>2.2000000000000002</v>
      </c>
      <c r="V13008" s="2">
        <v>1.605</v>
      </c>
      <c r="W13008" s="2">
        <v>0.02</v>
      </c>
      <c r="X13008" s="2">
        <v>159.1</v>
      </c>
      <c r="Y13008" s="2">
        <v>7.6</v>
      </c>
      <c r="Z13008" s="2">
        <v>16.7</v>
      </c>
      <c r="AA13008" s="5"/>
      <c r="AB13008" s="5" t="s">
        <v>43</v>
      </c>
      <c r="AC13008" s="5" t="s">
        <v>44</v>
      </c>
      <c r="AD13008" s="2"/>
      <c r="AE13008" s="1"/>
    </row>
    <row r="13009" spans="1:31" ht="14.45">
      <c r="A13009" s="11"/>
      <c r="B13009" s="20"/>
      <c r="C13009" s="2" t="s">
        <v>39955</v>
      </c>
      <c r="D13009" s="14" t="s">
        <v>39956</v>
      </c>
      <c r="E13009" s="2" t="s">
        <v>39957</v>
      </c>
      <c r="F13009" s="2" t="s">
        <v>36289</v>
      </c>
      <c r="G13009" s="8">
        <v>262</v>
      </c>
      <c r="H13009" s="5">
        <v>6</v>
      </c>
      <c r="I13009" s="5" t="s">
        <v>1518</v>
      </c>
      <c r="J13009" s="5" t="s">
        <v>36264</v>
      </c>
      <c r="K13009" s="2" t="s">
        <v>36265</v>
      </c>
      <c r="L13009" s="5" t="s">
        <v>36264</v>
      </c>
      <c r="M13009" s="2" t="s">
        <v>36265</v>
      </c>
      <c r="N13009" s="5" t="s">
        <v>36266</v>
      </c>
      <c r="O13009" s="5" t="s">
        <v>38</v>
      </c>
      <c r="P13009" s="5" t="s">
        <v>39</v>
      </c>
      <c r="Q13009" s="5" t="s">
        <v>40</v>
      </c>
      <c r="R13009" s="5" t="s">
        <v>1522</v>
      </c>
      <c r="S13009" s="5" t="s">
        <v>1523</v>
      </c>
      <c r="T13009" s="5" t="s">
        <v>42</v>
      </c>
      <c r="U13009" s="2">
        <v>2.2000000000000002</v>
      </c>
      <c r="V13009" s="2">
        <v>1.605</v>
      </c>
      <c r="W13009" s="2">
        <v>0.02</v>
      </c>
      <c r="X13009" s="2">
        <v>159.1</v>
      </c>
      <c r="Y13009" s="2">
        <v>7.6</v>
      </c>
      <c r="Z13009" s="2">
        <v>16.7</v>
      </c>
      <c r="AA13009" s="5"/>
      <c r="AB13009" s="5" t="s">
        <v>43</v>
      </c>
      <c r="AC13009" s="5" t="s">
        <v>44</v>
      </c>
      <c r="AD13009" s="2"/>
      <c r="AE13009" s="1"/>
    </row>
    <row r="13010" spans="1:31" ht="14.45">
      <c r="A13010" s="11"/>
      <c r="B13010" s="20"/>
      <c r="C13010" s="2" t="s">
        <v>39958</v>
      </c>
      <c r="D13010" s="14" t="s">
        <v>39959</v>
      </c>
      <c r="E13010" s="2" t="s">
        <v>39960</v>
      </c>
      <c r="F13010" s="2" t="s">
        <v>36293</v>
      </c>
      <c r="G13010" s="8">
        <v>262</v>
      </c>
      <c r="H13010" s="5">
        <v>6</v>
      </c>
      <c r="I13010" s="5" t="s">
        <v>1518</v>
      </c>
      <c r="J13010" s="5" t="s">
        <v>36264</v>
      </c>
      <c r="K13010" s="2" t="s">
        <v>36265</v>
      </c>
      <c r="L13010" s="5" t="s">
        <v>36264</v>
      </c>
      <c r="M13010" s="2" t="s">
        <v>36265</v>
      </c>
      <c r="N13010" s="5" t="s">
        <v>36266</v>
      </c>
      <c r="O13010" s="5" t="s">
        <v>38</v>
      </c>
      <c r="P13010" s="5" t="s">
        <v>39</v>
      </c>
      <c r="Q13010" s="5" t="s">
        <v>40</v>
      </c>
      <c r="R13010" s="5" t="s">
        <v>1522</v>
      </c>
      <c r="S13010" s="5" t="s">
        <v>1523</v>
      </c>
      <c r="T13010" s="5" t="s">
        <v>42</v>
      </c>
      <c r="U13010" s="2">
        <v>2.25</v>
      </c>
      <c r="V13010" s="2">
        <v>1.655</v>
      </c>
      <c r="W13010" s="2">
        <v>0.02</v>
      </c>
      <c r="X13010" s="2">
        <v>159.1</v>
      </c>
      <c r="Y13010" s="2">
        <v>7.6</v>
      </c>
      <c r="Z13010" s="2">
        <v>16.7</v>
      </c>
      <c r="AA13010" s="5"/>
      <c r="AB13010" s="5" t="s">
        <v>43</v>
      </c>
      <c r="AC13010" s="5" t="s">
        <v>44</v>
      </c>
      <c r="AD13010" s="2"/>
      <c r="AE13010" s="1"/>
    </row>
    <row r="13011" spans="1:31" ht="14.45">
      <c r="A13011" s="11"/>
      <c r="B13011" s="20"/>
      <c r="C13011" s="2" t="s">
        <v>39961</v>
      </c>
      <c r="D13011" s="14" t="s">
        <v>39962</v>
      </c>
      <c r="E13011" s="2" t="s">
        <v>39963</v>
      </c>
      <c r="F13011" s="2" t="s">
        <v>36297</v>
      </c>
      <c r="G13011" s="8">
        <v>228</v>
      </c>
      <c r="H13011" s="5">
        <v>6</v>
      </c>
      <c r="I13011" s="5" t="s">
        <v>1518</v>
      </c>
      <c r="J13011" s="5" t="s">
        <v>36264</v>
      </c>
      <c r="K13011" s="2" t="s">
        <v>36265</v>
      </c>
      <c r="L13011" s="5" t="s">
        <v>36264</v>
      </c>
      <c r="M13011" s="2" t="s">
        <v>36265</v>
      </c>
      <c r="N13011" s="5" t="s">
        <v>36266</v>
      </c>
      <c r="O13011" s="5" t="s">
        <v>38</v>
      </c>
      <c r="P13011" s="5" t="s">
        <v>39</v>
      </c>
      <c r="Q13011" s="5" t="s">
        <v>40</v>
      </c>
      <c r="R13011" s="5" t="s">
        <v>1522</v>
      </c>
      <c r="S13011" s="5" t="s">
        <v>1523</v>
      </c>
      <c r="T13011" s="5" t="s">
        <v>42</v>
      </c>
      <c r="U13011" s="2">
        <v>2.2000000000000002</v>
      </c>
      <c r="V13011" s="2">
        <v>1.605</v>
      </c>
      <c r="W13011" s="2">
        <v>0.02</v>
      </c>
      <c r="X13011" s="2">
        <v>159.1</v>
      </c>
      <c r="Y13011" s="2">
        <v>7.6</v>
      </c>
      <c r="Z13011" s="2">
        <v>16.7</v>
      </c>
      <c r="AA13011" s="5"/>
      <c r="AB13011" s="5" t="s">
        <v>43</v>
      </c>
      <c r="AC13011" s="5" t="s">
        <v>44</v>
      </c>
      <c r="AD13011" s="2"/>
      <c r="AE13011" s="1"/>
    </row>
    <row r="13012" spans="1:31" ht="14.45">
      <c r="A13012" s="11"/>
      <c r="B13012" s="20"/>
      <c r="C13012" s="2" t="s">
        <v>39964</v>
      </c>
      <c r="D13012" s="14" t="s">
        <v>39965</v>
      </c>
      <c r="E13012" s="2" t="s">
        <v>39966</v>
      </c>
      <c r="F13012" s="2" t="s">
        <v>36301</v>
      </c>
      <c r="G13012" s="8">
        <v>228</v>
      </c>
      <c r="H13012" s="5">
        <v>6</v>
      </c>
      <c r="I13012" s="5" t="s">
        <v>1518</v>
      </c>
      <c r="J13012" s="5" t="s">
        <v>36264</v>
      </c>
      <c r="K13012" s="2" t="s">
        <v>36265</v>
      </c>
      <c r="L13012" s="5" t="s">
        <v>36264</v>
      </c>
      <c r="M13012" s="2" t="s">
        <v>36265</v>
      </c>
      <c r="N13012" s="5" t="s">
        <v>36266</v>
      </c>
      <c r="O13012" s="5" t="s">
        <v>38</v>
      </c>
      <c r="P13012" s="5" t="s">
        <v>39</v>
      </c>
      <c r="Q13012" s="5" t="s">
        <v>40</v>
      </c>
      <c r="R13012" s="5" t="s">
        <v>1522</v>
      </c>
      <c r="S13012" s="5" t="s">
        <v>1523</v>
      </c>
      <c r="T13012" s="5" t="s">
        <v>42</v>
      </c>
      <c r="U13012" s="2">
        <v>2.25</v>
      </c>
      <c r="V13012" s="2">
        <v>1.655</v>
      </c>
      <c r="W13012" s="2">
        <v>0.02</v>
      </c>
      <c r="X13012" s="2">
        <v>159.1</v>
      </c>
      <c r="Y13012" s="2">
        <v>7.6</v>
      </c>
      <c r="Z13012" s="2">
        <v>16.7</v>
      </c>
      <c r="AA13012" s="5"/>
      <c r="AB13012" s="5" t="s">
        <v>43</v>
      </c>
      <c r="AC13012" s="5" t="s">
        <v>44</v>
      </c>
      <c r="AD13012" s="2"/>
      <c r="AE13012" s="1"/>
    </row>
    <row r="13013" spans="1:31" ht="14.45">
      <c r="A13013" s="11"/>
      <c r="B13013" s="20"/>
      <c r="C13013" s="2" t="s">
        <v>39967</v>
      </c>
      <c r="D13013" s="14" t="s">
        <v>39968</v>
      </c>
      <c r="E13013" s="2" t="s">
        <v>39969</v>
      </c>
      <c r="F13013" s="2" t="s">
        <v>36305</v>
      </c>
      <c r="G13013" s="8">
        <v>228</v>
      </c>
      <c r="H13013" s="5">
        <v>6</v>
      </c>
      <c r="I13013" s="5" t="s">
        <v>1518</v>
      </c>
      <c r="J13013" s="5" t="s">
        <v>36264</v>
      </c>
      <c r="K13013" s="2" t="s">
        <v>36265</v>
      </c>
      <c r="L13013" s="5" t="s">
        <v>36264</v>
      </c>
      <c r="M13013" s="2" t="s">
        <v>36265</v>
      </c>
      <c r="N13013" s="5" t="s">
        <v>36266</v>
      </c>
      <c r="O13013" s="5" t="s">
        <v>38</v>
      </c>
      <c r="P13013" s="5" t="s">
        <v>39</v>
      </c>
      <c r="Q13013" s="5" t="s">
        <v>40</v>
      </c>
      <c r="R13013" s="5" t="s">
        <v>1522</v>
      </c>
      <c r="S13013" s="5" t="s">
        <v>1523</v>
      </c>
      <c r="T13013" s="5" t="s">
        <v>42</v>
      </c>
      <c r="U13013" s="2">
        <v>2.2000000000000002</v>
      </c>
      <c r="V13013" s="2">
        <v>1.605</v>
      </c>
      <c r="W13013" s="2">
        <v>0.02</v>
      </c>
      <c r="X13013" s="2">
        <v>159.1</v>
      </c>
      <c r="Y13013" s="2">
        <v>7.6</v>
      </c>
      <c r="Z13013" s="2">
        <v>16.7</v>
      </c>
      <c r="AA13013" s="5"/>
      <c r="AB13013" s="5" t="s">
        <v>43</v>
      </c>
      <c r="AC13013" s="5" t="s">
        <v>44</v>
      </c>
      <c r="AD13013" s="2"/>
      <c r="AE13013" s="1"/>
    </row>
    <row r="13014" spans="1:31" ht="14.45">
      <c r="A13014" s="11"/>
      <c r="B13014" s="20"/>
      <c r="C13014" s="2" t="s">
        <v>39970</v>
      </c>
      <c r="D13014" s="14" t="s">
        <v>39971</v>
      </c>
      <c r="E13014" s="2" t="s">
        <v>39972</v>
      </c>
      <c r="F13014" s="2" t="s">
        <v>36309</v>
      </c>
      <c r="G13014" s="8">
        <v>228</v>
      </c>
      <c r="H13014" s="5">
        <v>6</v>
      </c>
      <c r="I13014" s="5" t="s">
        <v>1518</v>
      </c>
      <c r="J13014" s="5" t="s">
        <v>36264</v>
      </c>
      <c r="K13014" s="2" t="s">
        <v>36265</v>
      </c>
      <c r="L13014" s="5" t="s">
        <v>36264</v>
      </c>
      <c r="M13014" s="2" t="s">
        <v>36265</v>
      </c>
      <c r="N13014" s="5" t="s">
        <v>36266</v>
      </c>
      <c r="O13014" s="5" t="s">
        <v>38</v>
      </c>
      <c r="P13014" s="5" t="s">
        <v>39</v>
      </c>
      <c r="Q13014" s="5" t="s">
        <v>40</v>
      </c>
      <c r="R13014" s="5" t="s">
        <v>1522</v>
      </c>
      <c r="S13014" s="5" t="s">
        <v>1523</v>
      </c>
      <c r="T13014" s="5" t="s">
        <v>42</v>
      </c>
      <c r="U13014" s="2">
        <v>2.25</v>
      </c>
      <c r="V13014" s="2">
        <v>1.655</v>
      </c>
      <c r="W13014" s="2">
        <v>0.02</v>
      </c>
      <c r="X13014" s="2">
        <v>159.1</v>
      </c>
      <c r="Y13014" s="2">
        <v>7.6</v>
      </c>
      <c r="Z13014" s="2">
        <v>16.7</v>
      </c>
      <c r="AA13014" s="5"/>
      <c r="AB13014" s="5" t="s">
        <v>43</v>
      </c>
      <c r="AC13014" s="5" t="s">
        <v>44</v>
      </c>
      <c r="AD13014" s="2"/>
      <c r="AE13014" s="1"/>
    </row>
    <row r="13015" spans="1:31" ht="14.45">
      <c r="A13015" s="11"/>
      <c r="B13015" s="20"/>
      <c r="C13015" s="2" t="s">
        <v>39973</v>
      </c>
      <c r="D13015" s="14" t="s">
        <v>39974</v>
      </c>
      <c r="E13015" s="2" t="s">
        <v>39975</v>
      </c>
      <c r="F13015" s="2" t="s">
        <v>36313</v>
      </c>
      <c r="G13015" s="8">
        <v>262</v>
      </c>
      <c r="H13015" s="5">
        <v>6</v>
      </c>
      <c r="I13015" s="5" t="s">
        <v>1518</v>
      </c>
      <c r="J13015" s="5" t="s">
        <v>36264</v>
      </c>
      <c r="K13015" s="2" t="s">
        <v>36265</v>
      </c>
      <c r="L13015" s="5" t="s">
        <v>36264</v>
      </c>
      <c r="M13015" s="2" t="s">
        <v>36265</v>
      </c>
      <c r="N13015" s="5" t="s">
        <v>36266</v>
      </c>
      <c r="O13015" s="5" t="s">
        <v>38</v>
      </c>
      <c r="P13015" s="5" t="s">
        <v>39</v>
      </c>
      <c r="Q13015" s="5" t="s">
        <v>40</v>
      </c>
      <c r="R13015" s="5" t="s">
        <v>1522</v>
      </c>
      <c r="S13015" s="5" t="s">
        <v>1523</v>
      </c>
      <c r="T13015" s="5" t="s">
        <v>42</v>
      </c>
      <c r="U13015" s="2">
        <v>2.2000000000000002</v>
      </c>
      <c r="V13015" s="2">
        <v>1.605</v>
      </c>
      <c r="W13015" s="2">
        <v>0.02</v>
      </c>
      <c r="X13015" s="2">
        <v>159.1</v>
      </c>
      <c r="Y13015" s="2">
        <v>7.6</v>
      </c>
      <c r="Z13015" s="2">
        <v>16.7</v>
      </c>
      <c r="AA13015" s="5"/>
      <c r="AB13015" s="5" t="s">
        <v>43</v>
      </c>
      <c r="AC13015" s="5" t="s">
        <v>44</v>
      </c>
      <c r="AD13015" s="2"/>
      <c r="AE13015" s="1"/>
    </row>
    <row r="13016" spans="1:31" ht="14.45">
      <c r="A13016" s="11"/>
      <c r="B13016" s="20"/>
      <c r="C13016" s="2" t="s">
        <v>39976</v>
      </c>
      <c r="D13016" s="14" t="s">
        <v>39977</v>
      </c>
      <c r="E13016" s="2" t="s">
        <v>39978</v>
      </c>
      <c r="F13016" s="2" t="s">
        <v>36321</v>
      </c>
      <c r="G13016" s="8">
        <v>262</v>
      </c>
      <c r="H13016" s="5">
        <v>6</v>
      </c>
      <c r="I13016" s="5" t="s">
        <v>1518</v>
      </c>
      <c r="J13016" s="5" t="s">
        <v>36264</v>
      </c>
      <c r="K13016" s="2" t="s">
        <v>36265</v>
      </c>
      <c r="L13016" s="5" t="s">
        <v>36264</v>
      </c>
      <c r="M13016" s="2" t="s">
        <v>36265</v>
      </c>
      <c r="N13016" s="5" t="s">
        <v>36266</v>
      </c>
      <c r="O13016" s="5" t="s">
        <v>38</v>
      </c>
      <c r="P13016" s="5" t="s">
        <v>39</v>
      </c>
      <c r="Q13016" s="5" t="s">
        <v>40</v>
      </c>
      <c r="R13016" s="5" t="s">
        <v>1522</v>
      </c>
      <c r="S13016" s="5" t="s">
        <v>1523</v>
      </c>
      <c r="T13016" s="5" t="s">
        <v>42</v>
      </c>
      <c r="U13016" s="2">
        <v>2.2000000000000002</v>
      </c>
      <c r="V13016" s="2">
        <v>1.605</v>
      </c>
      <c r="W13016" s="2">
        <v>0.02</v>
      </c>
      <c r="X13016" s="2">
        <v>159.1</v>
      </c>
      <c r="Y13016" s="2">
        <v>7.6</v>
      </c>
      <c r="Z13016" s="2">
        <v>16.7</v>
      </c>
      <c r="AA13016" s="5"/>
      <c r="AB13016" s="5" t="s">
        <v>43</v>
      </c>
      <c r="AC13016" s="5" t="s">
        <v>44</v>
      </c>
      <c r="AD13016" s="2"/>
      <c r="AE13016" s="1"/>
    </row>
    <row r="13017" spans="1:31" ht="14.45">
      <c r="A13017" s="11"/>
      <c r="B13017" s="20"/>
      <c r="C13017" s="2" t="s">
        <v>39979</v>
      </c>
      <c r="D13017" s="14" t="s">
        <v>39980</v>
      </c>
      <c r="E13017" s="2" t="s">
        <v>39981</v>
      </c>
      <c r="F13017" s="2" t="s">
        <v>36329</v>
      </c>
      <c r="G13017" s="8">
        <v>262</v>
      </c>
      <c r="H13017" s="5">
        <v>6</v>
      </c>
      <c r="I13017" s="5" t="s">
        <v>1518</v>
      </c>
      <c r="J13017" s="5" t="s">
        <v>36264</v>
      </c>
      <c r="K13017" s="2" t="s">
        <v>36265</v>
      </c>
      <c r="L13017" s="5" t="s">
        <v>36264</v>
      </c>
      <c r="M13017" s="2" t="s">
        <v>36265</v>
      </c>
      <c r="N13017" s="5" t="s">
        <v>36266</v>
      </c>
      <c r="O13017" s="5" t="s">
        <v>38</v>
      </c>
      <c r="P13017" s="5" t="s">
        <v>39</v>
      </c>
      <c r="Q13017" s="5" t="s">
        <v>40</v>
      </c>
      <c r="R13017" s="5" t="s">
        <v>1522</v>
      </c>
      <c r="S13017" s="5" t="s">
        <v>1523</v>
      </c>
      <c r="T13017" s="5" t="s">
        <v>42</v>
      </c>
      <c r="U13017" s="2">
        <v>2.2000000000000002</v>
      </c>
      <c r="V13017" s="2">
        <v>1.605</v>
      </c>
      <c r="W13017" s="2">
        <v>0.02</v>
      </c>
      <c r="X13017" s="2">
        <v>159.1</v>
      </c>
      <c r="Y13017" s="2">
        <v>7.6</v>
      </c>
      <c r="Z13017" s="2">
        <v>16.7</v>
      </c>
      <c r="AA13017" s="5"/>
      <c r="AB13017" s="5" t="s">
        <v>43</v>
      </c>
      <c r="AC13017" s="5" t="s">
        <v>44</v>
      </c>
      <c r="AD13017" s="2"/>
      <c r="AE13017" s="1"/>
    </row>
    <row r="13018" spans="1:31" ht="14.45">
      <c r="A13018" s="11"/>
      <c r="B13018" s="20"/>
      <c r="C13018" s="2" t="s">
        <v>39982</v>
      </c>
      <c r="D13018" s="14" t="s">
        <v>39983</v>
      </c>
      <c r="E13018" s="2" t="s">
        <v>39984</v>
      </c>
      <c r="F13018" s="2" t="s">
        <v>36333</v>
      </c>
      <c r="G13018" s="8">
        <v>262</v>
      </c>
      <c r="H13018" s="5">
        <v>6</v>
      </c>
      <c r="I13018" s="5" t="s">
        <v>1518</v>
      </c>
      <c r="J13018" s="5" t="s">
        <v>36264</v>
      </c>
      <c r="K13018" s="2" t="s">
        <v>36265</v>
      </c>
      <c r="L13018" s="5" t="s">
        <v>36264</v>
      </c>
      <c r="M13018" s="2" t="s">
        <v>36265</v>
      </c>
      <c r="N13018" s="5" t="s">
        <v>36266</v>
      </c>
      <c r="O13018" s="5" t="s">
        <v>38</v>
      </c>
      <c r="P13018" s="5" t="s">
        <v>39</v>
      </c>
      <c r="Q13018" s="5" t="s">
        <v>40</v>
      </c>
      <c r="R13018" s="5" t="s">
        <v>1522</v>
      </c>
      <c r="S13018" s="5" t="s">
        <v>1523</v>
      </c>
      <c r="T13018" s="5" t="s">
        <v>42</v>
      </c>
      <c r="U13018" s="2">
        <v>2.25</v>
      </c>
      <c r="V13018" s="2">
        <v>1.655</v>
      </c>
      <c r="W13018" s="2">
        <v>0.02</v>
      </c>
      <c r="X13018" s="2">
        <v>159.1</v>
      </c>
      <c r="Y13018" s="2">
        <v>7.6</v>
      </c>
      <c r="Z13018" s="2">
        <v>16.7</v>
      </c>
      <c r="AA13018" s="5"/>
      <c r="AB13018" s="5" t="s">
        <v>43</v>
      </c>
      <c r="AC13018" s="5" t="s">
        <v>44</v>
      </c>
      <c r="AD13018" s="2"/>
      <c r="AE13018" s="1"/>
    </row>
    <row r="13019" spans="1:31" ht="14.45">
      <c r="A13019" s="11"/>
      <c r="B13019" s="20"/>
      <c r="C13019" s="2" t="s">
        <v>39985</v>
      </c>
      <c r="D13019" s="14" t="s">
        <v>39986</v>
      </c>
      <c r="E13019" s="2" t="s">
        <v>39987</v>
      </c>
      <c r="F13019" s="2" t="s">
        <v>36337</v>
      </c>
      <c r="G13019" s="8">
        <v>262</v>
      </c>
      <c r="H13019" s="5">
        <v>6</v>
      </c>
      <c r="I13019" s="5" t="s">
        <v>1518</v>
      </c>
      <c r="J13019" s="5" t="s">
        <v>36264</v>
      </c>
      <c r="K13019" s="2" t="s">
        <v>36265</v>
      </c>
      <c r="L13019" s="5" t="s">
        <v>36264</v>
      </c>
      <c r="M13019" s="2" t="s">
        <v>36265</v>
      </c>
      <c r="N13019" s="5" t="s">
        <v>36266</v>
      </c>
      <c r="O13019" s="5" t="s">
        <v>38</v>
      </c>
      <c r="P13019" s="5" t="s">
        <v>39</v>
      </c>
      <c r="Q13019" s="5" t="s">
        <v>40</v>
      </c>
      <c r="R13019" s="5" t="s">
        <v>1522</v>
      </c>
      <c r="S13019" s="5" t="s">
        <v>1523</v>
      </c>
      <c r="T13019" s="5" t="s">
        <v>42</v>
      </c>
      <c r="U13019" s="2">
        <v>2.2000000000000002</v>
      </c>
      <c r="V13019" s="2">
        <v>1.605</v>
      </c>
      <c r="W13019" s="2">
        <v>0.02</v>
      </c>
      <c r="X13019" s="2">
        <v>159.1</v>
      </c>
      <c r="Y13019" s="2">
        <v>7.6</v>
      </c>
      <c r="Z13019" s="2">
        <v>16.7</v>
      </c>
      <c r="AA13019" s="5"/>
      <c r="AB13019" s="5" t="s">
        <v>43</v>
      </c>
      <c r="AC13019" s="5" t="s">
        <v>44</v>
      </c>
      <c r="AD13019" s="2"/>
      <c r="AE13019" s="1"/>
    </row>
    <row r="13020" spans="1:31" ht="14.45">
      <c r="A13020" s="11"/>
      <c r="B13020" s="20"/>
      <c r="C13020" s="2" t="s">
        <v>39988</v>
      </c>
      <c r="D13020" s="14" t="s">
        <v>39989</v>
      </c>
      <c r="E13020" s="2" t="s">
        <v>39990</v>
      </c>
      <c r="F13020" s="2" t="s">
        <v>36345</v>
      </c>
      <c r="G13020" s="8">
        <v>262</v>
      </c>
      <c r="H13020" s="5">
        <v>6</v>
      </c>
      <c r="I13020" s="5" t="s">
        <v>1518</v>
      </c>
      <c r="J13020" s="5" t="s">
        <v>36264</v>
      </c>
      <c r="K13020" s="2" t="s">
        <v>36265</v>
      </c>
      <c r="L13020" s="5" t="s">
        <v>36264</v>
      </c>
      <c r="M13020" s="2" t="s">
        <v>36265</v>
      </c>
      <c r="N13020" s="5" t="s">
        <v>36266</v>
      </c>
      <c r="O13020" s="5" t="s">
        <v>38</v>
      </c>
      <c r="P13020" s="5" t="s">
        <v>39</v>
      </c>
      <c r="Q13020" s="5" t="s">
        <v>40</v>
      </c>
      <c r="R13020" s="5" t="s">
        <v>1522</v>
      </c>
      <c r="S13020" s="5" t="s">
        <v>1523</v>
      </c>
      <c r="T13020" s="5" t="s">
        <v>42</v>
      </c>
      <c r="U13020" s="2">
        <v>2.2000000000000002</v>
      </c>
      <c r="V13020" s="2">
        <v>1.605</v>
      </c>
      <c r="W13020" s="2">
        <v>0.02</v>
      </c>
      <c r="X13020" s="2">
        <v>159.1</v>
      </c>
      <c r="Y13020" s="2">
        <v>7.6</v>
      </c>
      <c r="Z13020" s="2">
        <v>16.7</v>
      </c>
      <c r="AA13020" s="5"/>
      <c r="AB13020" s="5" t="s">
        <v>43</v>
      </c>
      <c r="AC13020" s="5" t="s">
        <v>44</v>
      </c>
      <c r="AD13020" s="2"/>
      <c r="AE13020" s="1"/>
    </row>
    <row r="13021" spans="1:31" ht="14.45">
      <c r="A13021" s="11"/>
      <c r="B13021" s="20"/>
      <c r="C13021" s="2" t="s">
        <v>39991</v>
      </c>
      <c r="D13021" s="14" t="s">
        <v>39992</v>
      </c>
      <c r="E13021" s="2" t="s">
        <v>39993</v>
      </c>
      <c r="F13021" s="2" t="s">
        <v>36353</v>
      </c>
      <c r="G13021" s="8">
        <v>262</v>
      </c>
      <c r="H13021" s="5">
        <v>6</v>
      </c>
      <c r="I13021" s="5" t="s">
        <v>1518</v>
      </c>
      <c r="J13021" s="5" t="s">
        <v>36264</v>
      </c>
      <c r="K13021" s="2" t="s">
        <v>36265</v>
      </c>
      <c r="L13021" s="5" t="s">
        <v>36264</v>
      </c>
      <c r="M13021" s="2" t="s">
        <v>36265</v>
      </c>
      <c r="N13021" s="5" t="s">
        <v>36266</v>
      </c>
      <c r="O13021" s="5" t="s">
        <v>38</v>
      </c>
      <c r="P13021" s="5" t="s">
        <v>39</v>
      </c>
      <c r="Q13021" s="5" t="s">
        <v>40</v>
      </c>
      <c r="R13021" s="5" t="s">
        <v>1522</v>
      </c>
      <c r="S13021" s="5" t="s">
        <v>1523</v>
      </c>
      <c r="T13021" s="5" t="s">
        <v>42</v>
      </c>
      <c r="U13021" s="2">
        <v>2.2000000000000002</v>
      </c>
      <c r="V13021" s="2">
        <v>1.605</v>
      </c>
      <c r="W13021" s="2">
        <v>0.02</v>
      </c>
      <c r="X13021" s="2">
        <v>159.1</v>
      </c>
      <c r="Y13021" s="2">
        <v>7.6</v>
      </c>
      <c r="Z13021" s="2">
        <v>16.7</v>
      </c>
      <c r="AA13021" s="5"/>
      <c r="AB13021" s="5" t="s">
        <v>43</v>
      </c>
      <c r="AC13021" s="5" t="s">
        <v>44</v>
      </c>
      <c r="AD13021" s="2"/>
      <c r="AE13021" s="1"/>
    </row>
    <row r="13022" spans="1:31" ht="14.45">
      <c r="A13022" s="11"/>
      <c r="B13022" s="20"/>
      <c r="C13022" s="2" t="s">
        <v>39994</v>
      </c>
      <c r="D13022" s="14" t="s">
        <v>39995</v>
      </c>
      <c r="E13022" s="2" t="s">
        <v>39996</v>
      </c>
      <c r="F13022" s="2" t="s">
        <v>36361</v>
      </c>
      <c r="G13022" s="8">
        <v>262</v>
      </c>
      <c r="H13022" s="5">
        <v>6</v>
      </c>
      <c r="I13022" s="5" t="s">
        <v>1518</v>
      </c>
      <c r="J13022" s="5" t="s">
        <v>36264</v>
      </c>
      <c r="K13022" s="2" t="s">
        <v>36265</v>
      </c>
      <c r="L13022" s="5" t="s">
        <v>36264</v>
      </c>
      <c r="M13022" s="2" t="s">
        <v>36265</v>
      </c>
      <c r="N13022" s="5" t="s">
        <v>36266</v>
      </c>
      <c r="O13022" s="5" t="s">
        <v>38</v>
      </c>
      <c r="P13022" s="5" t="s">
        <v>39</v>
      </c>
      <c r="Q13022" s="5" t="s">
        <v>40</v>
      </c>
      <c r="R13022" s="5" t="s">
        <v>1522</v>
      </c>
      <c r="S13022" s="5" t="s">
        <v>1523</v>
      </c>
      <c r="T13022" s="5" t="s">
        <v>42</v>
      </c>
      <c r="U13022" s="2">
        <v>2.2000000000000002</v>
      </c>
      <c r="V13022" s="2">
        <v>1.605</v>
      </c>
      <c r="W13022" s="2">
        <v>0.02</v>
      </c>
      <c r="X13022" s="2">
        <v>159.1</v>
      </c>
      <c r="Y13022" s="2">
        <v>7.6</v>
      </c>
      <c r="Z13022" s="2">
        <v>16.7</v>
      </c>
      <c r="AA13022" s="5"/>
      <c r="AB13022" s="5" t="s">
        <v>43</v>
      </c>
      <c r="AC13022" s="5" t="s">
        <v>44</v>
      </c>
      <c r="AD13022" s="2"/>
      <c r="AE13022" s="1"/>
    </row>
    <row r="13023" spans="1:31" ht="14.45">
      <c r="A13023" s="11"/>
      <c r="B13023" s="20"/>
      <c r="C13023" s="2" t="s">
        <v>39997</v>
      </c>
      <c r="D13023" s="14" t="s">
        <v>39998</v>
      </c>
      <c r="E13023" s="2" t="s">
        <v>39999</v>
      </c>
      <c r="F13023" s="2" t="s">
        <v>36369</v>
      </c>
      <c r="G13023" s="8">
        <v>262</v>
      </c>
      <c r="H13023" s="5">
        <v>6</v>
      </c>
      <c r="I13023" s="5" t="s">
        <v>1518</v>
      </c>
      <c r="J13023" s="5" t="s">
        <v>36264</v>
      </c>
      <c r="K13023" s="2" t="s">
        <v>36265</v>
      </c>
      <c r="L13023" s="5" t="s">
        <v>36264</v>
      </c>
      <c r="M13023" s="2" t="s">
        <v>36265</v>
      </c>
      <c r="N13023" s="5" t="s">
        <v>36266</v>
      </c>
      <c r="O13023" s="5" t="s">
        <v>38</v>
      </c>
      <c r="P13023" s="5" t="s">
        <v>39</v>
      </c>
      <c r="Q13023" s="5" t="s">
        <v>40</v>
      </c>
      <c r="R13023" s="5" t="s">
        <v>1522</v>
      </c>
      <c r="S13023" s="5" t="s">
        <v>1523</v>
      </c>
      <c r="T13023" s="5" t="s">
        <v>42</v>
      </c>
      <c r="U13023" s="2">
        <v>2.2000000000000002</v>
      </c>
      <c r="V13023" s="2">
        <v>1.605</v>
      </c>
      <c r="W13023" s="2">
        <v>0.02</v>
      </c>
      <c r="X13023" s="2">
        <v>159.1</v>
      </c>
      <c r="Y13023" s="2">
        <v>7.6</v>
      </c>
      <c r="Z13023" s="2">
        <v>16.7</v>
      </c>
      <c r="AA13023" s="5"/>
      <c r="AB13023" s="5" t="s">
        <v>43</v>
      </c>
      <c r="AC13023" s="5" t="s">
        <v>44</v>
      </c>
      <c r="AD13023" s="2"/>
      <c r="AE13023" s="1"/>
    </row>
    <row r="13024" spans="1:31" ht="14.45">
      <c r="A13024" s="11"/>
      <c r="B13024" s="20"/>
      <c r="C13024" s="2" t="s">
        <v>40000</v>
      </c>
      <c r="D13024" s="14" t="s">
        <v>40001</v>
      </c>
      <c r="E13024" s="2" t="s">
        <v>40002</v>
      </c>
      <c r="F13024" s="2" t="s">
        <v>36377</v>
      </c>
      <c r="G13024" s="8">
        <v>262</v>
      </c>
      <c r="H13024" s="5">
        <v>6</v>
      </c>
      <c r="I13024" s="5" t="s">
        <v>1518</v>
      </c>
      <c r="J13024" s="5" t="s">
        <v>36264</v>
      </c>
      <c r="K13024" s="2" t="s">
        <v>36265</v>
      </c>
      <c r="L13024" s="5" t="s">
        <v>36264</v>
      </c>
      <c r="M13024" s="2" t="s">
        <v>36265</v>
      </c>
      <c r="N13024" s="5" t="s">
        <v>36266</v>
      </c>
      <c r="O13024" s="5" t="s">
        <v>38</v>
      </c>
      <c r="P13024" s="5" t="s">
        <v>39</v>
      </c>
      <c r="Q13024" s="5" t="s">
        <v>40</v>
      </c>
      <c r="R13024" s="5" t="s">
        <v>1522</v>
      </c>
      <c r="S13024" s="5" t="s">
        <v>1523</v>
      </c>
      <c r="T13024" s="5" t="s">
        <v>42</v>
      </c>
      <c r="U13024" s="2">
        <v>2.2000000000000002</v>
      </c>
      <c r="V13024" s="2">
        <v>1.605</v>
      </c>
      <c r="W13024" s="2">
        <v>0.02</v>
      </c>
      <c r="X13024" s="2">
        <v>159.1</v>
      </c>
      <c r="Y13024" s="2">
        <v>7.6</v>
      </c>
      <c r="Z13024" s="2">
        <v>16.7</v>
      </c>
      <c r="AA13024" s="5"/>
      <c r="AB13024" s="5" t="s">
        <v>43</v>
      </c>
      <c r="AC13024" s="5" t="s">
        <v>44</v>
      </c>
      <c r="AD13024" s="2"/>
      <c r="AE13024" s="1"/>
    </row>
    <row r="13025" spans="1:31" ht="14.45">
      <c r="A13025" s="11"/>
      <c r="B13025" s="20"/>
      <c r="C13025" s="2" t="s">
        <v>40003</v>
      </c>
      <c r="D13025" s="14" t="s">
        <v>40004</v>
      </c>
      <c r="E13025" s="2" t="s">
        <v>40005</v>
      </c>
      <c r="F13025" s="2" t="s">
        <v>36381</v>
      </c>
      <c r="G13025" s="8">
        <v>262</v>
      </c>
      <c r="H13025" s="5">
        <v>6</v>
      </c>
      <c r="I13025" s="5" t="s">
        <v>1518</v>
      </c>
      <c r="J13025" s="5" t="s">
        <v>36264</v>
      </c>
      <c r="K13025" s="2" t="s">
        <v>36265</v>
      </c>
      <c r="L13025" s="5" t="s">
        <v>36264</v>
      </c>
      <c r="M13025" s="2" t="s">
        <v>36265</v>
      </c>
      <c r="N13025" s="5" t="s">
        <v>36266</v>
      </c>
      <c r="O13025" s="5" t="s">
        <v>38</v>
      </c>
      <c r="P13025" s="5" t="s">
        <v>39</v>
      </c>
      <c r="Q13025" s="5" t="s">
        <v>40</v>
      </c>
      <c r="R13025" s="5" t="s">
        <v>1522</v>
      </c>
      <c r="S13025" s="5" t="s">
        <v>1523</v>
      </c>
      <c r="T13025" s="5" t="s">
        <v>42</v>
      </c>
      <c r="U13025" s="2">
        <v>2.25</v>
      </c>
      <c r="V13025" s="2">
        <v>1.655</v>
      </c>
      <c r="W13025" s="2">
        <v>0.02</v>
      </c>
      <c r="X13025" s="2">
        <v>159.1</v>
      </c>
      <c r="Y13025" s="2">
        <v>7.6</v>
      </c>
      <c r="Z13025" s="2">
        <v>16.7</v>
      </c>
      <c r="AA13025" s="5"/>
      <c r="AB13025" s="5" t="s">
        <v>43</v>
      </c>
      <c r="AC13025" s="5" t="s">
        <v>44</v>
      </c>
      <c r="AD13025" s="2"/>
      <c r="AE13025" s="1"/>
    </row>
    <row r="13026" spans="1:31" ht="14.45">
      <c r="A13026" s="11"/>
      <c r="B13026" s="20"/>
      <c r="C13026" s="2" t="s">
        <v>40006</v>
      </c>
      <c r="D13026" s="14" t="s">
        <v>40007</v>
      </c>
      <c r="E13026" s="2" t="s">
        <v>40008</v>
      </c>
      <c r="F13026" s="2" t="s">
        <v>36385</v>
      </c>
      <c r="G13026" s="8">
        <v>262</v>
      </c>
      <c r="H13026" s="5">
        <v>6</v>
      </c>
      <c r="I13026" s="5" t="s">
        <v>1518</v>
      </c>
      <c r="J13026" s="5" t="s">
        <v>36264</v>
      </c>
      <c r="K13026" s="2" t="s">
        <v>36265</v>
      </c>
      <c r="L13026" s="5" t="s">
        <v>36264</v>
      </c>
      <c r="M13026" s="2" t="s">
        <v>36265</v>
      </c>
      <c r="N13026" s="5" t="s">
        <v>36266</v>
      </c>
      <c r="O13026" s="5" t="s">
        <v>38</v>
      </c>
      <c r="P13026" s="5" t="s">
        <v>39</v>
      </c>
      <c r="Q13026" s="5" t="s">
        <v>40</v>
      </c>
      <c r="R13026" s="5" t="s">
        <v>1522</v>
      </c>
      <c r="S13026" s="5" t="s">
        <v>1523</v>
      </c>
      <c r="T13026" s="5" t="s">
        <v>42</v>
      </c>
      <c r="U13026" s="2">
        <v>2.2000000000000002</v>
      </c>
      <c r="V13026" s="2">
        <v>1.605</v>
      </c>
      <c r="W13026" s="2">
        <v>0.02</v>
      </c>
      <c r="X13026" s="2">
        <v>159.1</v>
      </c>
      <c r="Y13026" s="2">
        <v>7.6</v>
      </c>
      <c r="Z13026" s="2">
        <v>16.7</v>
      </c>
      <c r="AA13026" s="5"/>
      <c r="AB13026" s="5" t="s">
        <v>43</v>
      </c>
      <c r="AC13026" s="5" t="s">
        <v>44</v>
      </c>
      <c r="AD13026" s="2"/>
      <c r="AE13026" s="1"/>
    </row>
    <row r="13027" spans="1:31" ht="14.45">
      <c r="A13027" s="11"/>
      <c r="B13027" s="20"/>
      <c r="C13027" s="2" t="s">
        <v>40009</v>
      </c>
      <c r="D13027" s="14" t="s">
        <v>40010</v>
      </c>
      <c r="E13027" s="2" t="s">
        <v>40011</v>
      </c>
      <c r="F13027" s="2" t="s">
        <v>7204</v>
      </c>
      <c r="G13027" s="8">
        <v>190</v>
      </c>
      <c r="H13027" s="5">
        <v>6</v>
      </c>
      <c r="I13027" s="5" t="s">
        <v>1518</v>
      </c>
      <c r="J13027" s="5" t="s">
        <v>36264</v>
      </c>
      <c r="K13027" s="2" t="s">
        <v>36265</v>
      </c>
      <c r="L13027" s="5" t="s">
        <v>36264</v>
      </c>
      <c r="M13027" s="2" t="s">
        <v>36265</v>
      </c>
      <c r="N13027" s="5" t="s">
        <v>36266</v>
      </c>
      <c r="O13027" s="5" t="s">
        <v>38</v>
      </c>
      <c r="P13027" s="5" t="s">
        <v>39</v>
      </c>
      <c r="Q13027" s="5" t="s">
        <v>40</v>
      </c>
      <c r="R13027" s="5" t="s">
        <v>1522</v>
      </c>
      <c r="S13027" s="5" t="s">
        <v>1523</v>
      </c>
      <c r="T13027" s="5" t="s">
        <v>42</v>
      </c>
      <c r="U13027" s="2">
        <v>1.518</v>
      </c>
      <c r="V13027" s="2">
        <v>1.006</v>
      </c>
      <c r="W13027" s="2">
        <v>1.7999999999999999E-2</v>
      </c>
      <c r="X13027" s="2">
        <v>139.1</v>
      </c>
      <c r="Y13027" s="2">
        <v>7.6</v>
      </c>
      <c r="Z13027" s="2">
        <v>16.7</v>
      </c>
      <c r="AA13027" s="5"/>
      <c r="AB13027" s="5" t="s">
        <v>43</v>
      </c>
      <c r="AC13027" s="5" t="s">
        <v>44</v>
      </c>
      <c r="AD13027" s="2"/>
      <c r="AE13027" s="1"/>
    </row>
    <row r="13028" spans="1:31" ht="14.45">
      <c r="A13028" s="11"/>
      <c r="B13028" s="20"/>
      <c r="C13028" s="2" t="s">
        <v>40012</v>
      </c>
      <c r="D13028" s="14" t="s">
        <v>40013</v>
      </c>
      <c r="E13028" s="2" t="s">
        <v>40014</v>
      </c>
      <c r="F13028" s="2" t="s">
        <v>7514</v>
      </c>
      <c r="G13028" s="8">
        <v>190</v>
      </c>
      <c r="H13028" s="5">
        <v>6</v>
      </c>
      <c r="I13028" s="5" t="s">
        <v>1518</v>
      </c>
      <c r="J13028" s="5" t="s">
        <v>36264</v>
      </c>
      <c r="K13028" s="2" t="s">
        <v>36265</v>
      </c>
      <c r="L13028" s="5" t="s">
        <v>36264</v>
      </c>
      <c r="M13028" s="2" t="s">
        <v>36265</v>
      </c>
      <c r="N13028" s="5" t="s">
        <v>36266</v>
      </c>
      <c r="O13028" s="5" t="s">
        <v>38</v>
      </c>
      <c r="P13028" s="5" t="s">
        <v>39</v>
      </c>
      <c r="Q13028" s="5" t="s">
        <v>40</v>
      </c>
      <c r="R13028" s="5" t="s">
        <v>1522</v>
      </c>
      <c r="S13028" s="5" t="s">
        <v>1523</v>
      </c>
      <c r="T13028" s="5" t="s">
        <v>42</v>
      </c>
      <c r="U13028" s="2">
        <v>1.5680000000000001</v>
      </c>
      <c r="V13028" s="2">
        <v>1.056</v>
      </c>
      <c r="W13028" s="2">
        <v>0.02</v>
      </c>
      <c r="X13028" s="2">
        <v>159.1</v>
      </c>
      <c r="Y13028" s="2">
        <v>7.6</v>
      </c>
      <c r="Z13028" s="2">
        <v>16.7</v>
      </c>
      <c r="AA13028" s="5"/>
      <c r="AB13028" s="5" t="s">
        <v>43</v>
      </c>
      <c r="AC13028" s="5" t="s">
        <v>44</v>
      </c>
      <c r="AD13028" s="2"/>
      <c r="AE13028" s="1"/>
    </row>
    <row r="13029" spans="1:31" ht="14.45">
      <c r="A13029" s="11"/>
      <c r="B13029" s="20"/>
      <c r="C13029" s="2" t="s">
        <v>40015</v>
      </c>
      <c r="D13029" s="14" t="s">
        <v>40016</v>
      </c>
      <c r="E13029" s="2" t="s">
        <v>40017</v>
      </c>
      <c r="F13029" s="2" t="s">
        <v>36273</v>
      </c>
      <c r="G13029" s="8">
        <v>190</v>
      </c>
      <c r="H13029" s="5">
        <v>6</v>
      </c>
      <c r="I13029" s="5" t="s">
        <v>1518</v>
      </c>
      <c r="J13029" s="5" t="s">
        <v>36264</v>
      </c>
      <c r="K13029" s="2" t="s">
        <v>36265</v>
      </c>
      <c r="L13029" s="5" t="s">
        <v>36264</v>
      </c>
      <c r="M13029" s="2" t="s">
        <v>36265</v>
      </c>
      <c r="N13029" s="5" t="s">
        <v>36266</v>
      </c>
      <c r="O13029" s="5" t="s">
        <v>38</v>
      </c>
      <c r="P13029" s="5" t="s">
        <v>39</v>
      </c>
      <c r="Q13029" s="5" t="s">
        <v>40</v>
      </c>
      <c r="R13029" s="5" t="s">
        <v>1522</v>
      </c>
      <c r="S13029" s="5" t="s">
        <v>1523</v>
      </c>
      <c r="T13029" s="5" t="s">
        <v>42</v>
      </c>
      <c r="U13029" s="2">
        <v>1.518</v>
      </c>
      <c r="V13029" s="2">
        <v>1.006</v>
      </c>
      <c r="W13029" s="2">
        <v>1.7999999999999999E-2</v>
      </c>
      <c r="X13029" s="2">
        <v>139.1</v>
      </c>
      <c r="Y13029" s="2">
        <v>7.6</v>
      </c>
      <c r="Z13029" s="2">
        <v>16.7</v>
      </c>
      <c r="AA13029" s="5"/>
      <c r="AB13029" s="5" t="s">
        <v>43</v>
      </c>
      <c r="AC13029" s="5" t="s">
        <v>44</v>
      </c>
      <c r="AD13029" s="2"/>
      <c r="AE13029" s="1"/>
    </row>
    <row r="13030" spans="1:31" ht="14.45">
      <c r="A13030" s="11"/>
      <c r="B13030" s="20"/>
      <c r="C13030" s="2" t="s">
        <v>40018</v>
      </c>
      <c r="D13030" s="14" t="s">
        <v>40019</v>
      </c>
      <c r="E13030" s="2" t="s">
        <v>40020</v>
      </c>
      <c r="F13030" s="2" t="s">
        <v>36289</v>
      </c>
      <c r="G13030" s="8">
        <v>218</v>
      </c>
      <c r="H13030" s="5">
        <v>6</v>
      </c>
      <c r="I13030" s="5" t="s">
        <v>1518</v>
      </c>
      <c r="J13030" s="5" t="s">
        <v>36264</v>
      </c>
      <c r="K13030" s="2" t="s">
        <v>36265</v>
      </c>
      <c r="L13030" s="5" t="s">
        <v>36264</v>
      </c>
      <c r="M13030" s="2" t="s">
        <v>36265</v>
      </c>
      <c r="N13030" s="5" t="s">
        <v>36266</v>
      </c>
      <c r="O13030" s="5" t="s">
        <v>38</v>
      </c>
      <c r="P13030" s="5" t="s">
        <v>39</v>
      </c>
      <c r="Q13030" s="5" t="s">
        <v>40</v>
      </c>
      <c r="R13030" s="5" t="s">
        <v>1522</v>
      </c>
      <c r="S13030" s="5" t="s">
        <v>1523</v>
      </c>
      <c r="T13030" s="5" t="s">
        <v>42</v>
      </c>
      <c r="U13030" s="2">
        <v>1.518</v>
      </c>
      <c r="V13030" s="2">
        <v>1.006</v>
      </c>
      <c r="W13030" s="2">
        <v>0.02</v>
      </c>
      <c r="X13030" s="2">
        <v>159.1</v>
      </c>
      <c r="Y13030" s="2">
        <v>7.6</v>
      </c>
      <c r="Z13030" s="2">
        <v>16.7</v>
      </c>
      <c r="AA13030" s="5"/>
      <c r="AB13030" s="5" t="s">
        <v>43</v>
      </c>
      <c r="AC13030" s="5" t="s">
        <v>44</v>
      </c>
      <c r="AD13030" s="2"/>
      <c r="AE13030" s="1"/>
    </row>
    <row r="13031" spans="1:31" ht="14.45">
      <c r="A13031" s="11"/>
      <c r="B13031" s="20"/>
      <c r="C13031" s="2" t="s">
        <v>40021</v>
      </c>
      <c r="D13031" s="14" t="s">
        <v>40022</v>
      </c>
      <c r="E13031" s="2" t="s">
        <v>40023</v>
      </c>
      <c r="F13031" s="2" t="s">
        <v>36377</v>
      </c>
      <c r="G13031" s="8">
        <v>218</v>
      </c>
      <c r="H13031" s="5">
        <v>6</v>
      </c>
      <c r="I13031" s="5" t="s">
        <v>1518</v>
      </c>
      <c r="J13031" s="5" t="s">
        <v>36264</v>
      </c>
      <c r="K13031" s="2" t="s">
        <v>36265</v>
      </c>
      <c r="L13031" s="5" t="s">
        <v>36264</v>
      </c>
      <c r="M13031" s="2" t="s">
        <v>36265</v>
      </c>
      <c r="N13031" s="5" t="s">
        <v>36266</v>
      </c>
      <c r="O13031" s="5" t="s">
        <v>38</v>
      </c>
      <c r="P13031" s="5" t="s">
        <v>39</v>
      </c>
      <c r="Q13031" s="5" t="s">
        <v>40</v>
      </c>
      <c r="R13031" s="5" t="s">
        <v>1522</v>
      </c>
      <c r="S13031" s="5" t="s">
        <v>1523</v>
      </c>
      <c r="T13031" s="5" t="s">
        <v>42</v>
      </c>
      <c r="U13031" s="2">
        <v>1.518</v>
      </c>
      <c r="V13031" s="2">
        <v>1.006</v>
      </c>
      <c r="W13031" s="2">
        <v>0.02</v>
      </c>
      <c r="X13031" s="2">
        <v>159.1</v>
      </c>
      <c r="Y13031" s="2">
        <v>7.6</v>
      </c>
      <c r="Z13031" s="2">
        <v>16.7</v>
      </c>
      <c r="AA13031" s="5"/>
      <c r="AB13031" s="5" t="s">
        <v>43</v>
      </c>
      <c r="AC13031" s="5" t="s">
        <v>44</v>
      </c>
      <c r="AD13031" s="2"/>
      <c r="AE13031" s="1"/>
    </row>
    <row r="13032" spans="1:31" ht="14.45">
      <c r="A13032" s="11"/>
      <c r="B13032" s="20"/>
      <c r="C13032" s="2" t="s">
        <v>40024</v>
      </c>
      <c r="D13032" s="14" t="s">
        <v>40025</v>
      </c>
      <c r="E13032" s="2" t="s">
        <v>40026</v>
      </c>
      <c r="F13032" s="2" t="s">
        <v>36381</v>
      </c>
      <c r="G13032" s="8">
        <v>218</v>
      </c>
      <c r="H13032" s="5">
        <v>6</v>
      </c>
      <c r="I13032" s="5" t="s">
        <v>1518</v>
      </c>
      <c r="J13032" s="5" t="s">
        <v>36264</v>
      </c>
      <c r="K13032" s="2" t="s">
        <v>36265</v>
      </c>
      <c r="L13032" s="5" t="s">
        <v>36264</v>
      </c>
      <c r="M13032" s="2" t="s">
        <v>36265</v>
      </c>
      <c r="N13032" s="5" t="s">
        <v>36266</v>
      </c>
      <c r="O13032" s="5" t="s">
        <v>38</v>
      </c>
      <c r="P13032" s="5" t="s">
        <v>39</v>
      </c>
      <c r="Q13032" s="5" t="s">
        <v>40</v>
      </c>
      <c r="R13032" s="5" t="s">
        <v>1522</v>
      </c>
      <c r="S13032" s="5" t="s">
        <v>1523</v>
      </c>
      <c r="T13032" s="5" t="s">
        <v>42</v>
      </c>
      <c r="U13032" s="2">
        <v>1.5680000000000001</v>
      </c>
      <c r="V13032" s="2">
        <v>1.056</v>
      </c>
      <c r="W13032" s="2">
        <v>0.02</v>
      </c>
      <c r="X13032" s="2">
        <v>159.1</v>
      </c>
      <c r="Y13032" s="2">
        <v>7.6</v>
      </c>
      <c r="Z13032" s="2">
        <v>16.7</v>
      </c>
      <c r="AA13032" s="5"/>
      <c r="AB13032" s="5" t="s">
        <v>43</v>
      </c>
      <c r="AC13032" s="5" t="s">
        <v>44</v>
      </c>
      <c r="AD13032" s="2"/>
      <c r="AE13032" s="1"/>
    </row>
    <row r="13033" spans="1:31" ht="14.45">
      <c r="A13033" s="11"/>
      <c r="B13033" s="20"/>
      <c r="C13033" s="2" t="s">
        <v>40027</v>
      </c>
      <c r="D13033" s="14" t="s">
        <v>40028</v>
      </c>
      <c r="E13033" s="2" t="s">
        <v>40029</v>
      </c>
      <c r="F13033" s="2" t="s">
        <v>7204</v>
      </c>
      <c r="G13033" s="8">
        <v>190</v>
      </c>
      <c r="H13033" s="5">
        <v>6</v>
      </c>
      <c r="I13033" s="5" t="s">
        <v>1518</v>
      </c>
      <c r="J13033" s="5" t="s">
        <v>36264</v>
      </c>
      <c r="K13033" s="2" t="s">
        <v>36265</v>
      </c>
      <c r="L13033" s="5" t="s">
        <v>36264</v>
      </c>
      <c r="M13033" s="2" t="s">
        <v>36265</v>
      </c>
      <c r="N13033" s="5" t="s">
        <v>36266</v>
      </c>
      <c r="O13033" s="5" t="s">
        <v>38</v>
      </c>
      <c r="P13033" s="5" t="s">
        <v>39</v>
      </c>
      <c r="Q13033" s="5" t="s">
        <v>40</v>
      </c>
      <c r="R13033" s="5" t="s">
        <v>1522</v>
      </c>
      <c r="S13033" s="5" t="s">
        <v>1523</v>
      </c>
      <c r="T13033" s="5" t="s">
        <v>42</v>
      </c>
      <c r="U13033" s="2">
        <v>1.7689999999999999</v>
      </c>
      <c r="V13033" s="2">
        <v>1.2569999999999999</v>
      </c>
      <c r="W13033" s="2">
        <v>1.7999999999999999E-2</v>
      </c>
      <c r="X13033" s="2">
        <v>139.1</v>
      </c>
      <c r="Y13033" s="2">
        <v>7.6</v>
      </c>
      <c r="Z13033" s="2">
        <v>16.7</v>
      </c>
      <c r="AA13033" s="5"/>
      <c r="AB13033" s="5" t="s">
        <v>43</v>
      </c>
      <c r="AC13033" s="5" t="s">
        <v>44</v>
      </c>
      <c r="AD13033" s="2"/>
      <c r="AE13033" s="1"/>
    </row>
    <row r="13034" spans="1:31" ht="14.45">
      <c r="A13034" s="11"/>
      <c r="B13034" s="20"/>
      <c r="C13034" s="2" t="s">
        <v>40030</v>
      </c>
      <c r="D13034" s="14" t="s">
        <v>40031</v>
      </c>
      <c r="E13034" s="2" t="s">
        <v>40032</v>
      </c>
      <c r="F13034" s="2" t="s">
        <v>7514</v>
      </c>
      <c r="G13034" s="8">
        <v>190</v>
      </c>
      <c r="H13034" s="5">
        <v>6</v>
      </c>
      <c r="I13034" s="5" t="s">
        <v>1518</v>
      </c>
      <c r="J13034" s="5" t="s">
        <v>36264</v>
      </c>
      <c r="K13034" s="2" t="s">
        <v>36265</v>
      </c>
      <c r="L13034" s="5" t="s">
        <v>36264</v>
      </c>
      <c r="M13034" s="2" t="s">
        <v>36265</v>
      </c>
      <c r="N13034" s="5" t="s">
        <v>36266</v>
      </c>
      <c r="O13034" s="5" t="s">
        <v>38</v>
      </c>
      <c r="P13034" s="5" t="s">
        <v>39</v>
      </c>
      <c r="Q13034" s="5" t="s">
        <v>40</v>
      </c>
      <c r="R13034" s="5" t="s">
        <v>1522</v>
      </c>
      <c r="S13034" s="5" t="s">
        <v>1523</v>
      </c>
      <c r="T13034" s="5" t="s">
        <v>42</v>
      </c>
      <c r="U13034" s="2">
        <v>1.819</v>
      </c>
      <c r="V13034" s="2">
        <v>1.3069999999999999</v>
      </c>
      <c r="W13034" s="2">
        <v>1.7999999999999999E-2</v>
      </c>
      <c r="X13034" s="2">
        <v>139.1</v>
      </c>
      <c r="Y13034" s="2">
        <v>7.6</v>
      </c>
      <c r="Z13034" s="2">
        <v>16.7</v>
      </c>
      <c r="AA13034" s="5"/>
      <c r="AB13034" s="5" t="s">
        <v>43</v>
      </c>
      <c r="AC13034" s="5" t="s">
        <v>44</v>
      </c>
      <c r="AD13034" s="2"/>
      <c r="AE13034" s="1"/>
    </row>
    <row r="13035" spans="1:31" ht="14.45">
      <c r="A13035" s="11"/>
      <c r="B13035" s="20"/>
      <c r="C13035" s="2" t="s">
        <v>40033</v>
      </c>
      <c r="D13035" s="14" t="s">
        <v>40034</v>
      </c>
      <c r="E13035" s="2" t="s">
        <v>40035</v>
      </c>
      <c r="F13035" s="2" t="s">
        <v>36273</v>
      </c>
      <c r="G13035" s="8">
        <v>190</v>
      </c>
      <c r="H13035" s="5">
        <v>6</v>
      </c>
      <c r="I13035" s="5" t="s">
        <v>1518</v>
      </c>
      <c r="J13035" s="5" t="s">
        <v>36264</v>
      </c>
      <c r="K13035" s="2" t="s">
        <v>36265</v>
      </c>
      <c r="L13035" s="5" t="s">
        <v>36264</v>
      </c>
      <c r="M13035" s="2" t="s">
        <v>36265</v>
      </c>
      <c r="N13035" s="5" t="s">
        <v>36266</v>
      </c>
      <c r="O13035" s="5" t="s">
        <v>38</v>
      </c>
      <c r="P13035" s="5" t="s">
        <v>39</v>
      </c>
      <c r="Q13035" s="5" t="s">
        <v>40</v>
      </c>
      <c r="R13035" s="5" t="s">
        <v>1522</v>
      </c>
      <c r="S13035" s="5" t="s">
        <v>1523</v>
      </c>
      <c r="T13035" s="5" t="s">
        <v>42</v>
      </c>
      <c r="U13035" s="2">
        <v>1.7689999999999999</v>
      </c>
      <c r="V13035" s="2">
        <v>1.2569999999999999</v>
      </c>
      <c r="W13035" s="2">
        <v>1.7999999999999999E-2</v>
      </c>
      <c r="X13035" s="2">
        <v>139.1</v>
      </c>
      <c r="Y13035" s="2">
        <v>7.6</v>
      </c>
      <c r="Z13035" s="2">
        <v>16.7</v>
      </c>
      <c r="AA13035" s="5"/>
      <c r="AB13035" s="5" t="s">
        <v>43</v>
      </c>
      <c r="AC13035" s="5" t="s">
        <v>44</v>
      </c>
      <c r="AD13035" s="2"/>
      <c r="AE13035" s="1"/>
    </row>
    <row r="13036" spans="1:31" ht="14.45">
      <c r="A13036" s="11"/>
      <c r="B13036" s="20"/>
      <c r="C13036" s="2" t="s">
        <v>40036</v>
      </c>
      <c r="D13036" s="14" t="s">
        <v>40037</v>
      </c>
      <c r="E13036" s="2" t="s">
        <v>40038</v>
      </c>
      <c r="F13036" s="2" t="s">
        <v>36277</v>
      </c>
      <c r="G13036" s="8">
        <v>190</v>
      </c>
      <c r="H13036" s="5">
        <v>6</v>
      </c>
      <c r="I13036" s="5" t="s">
        <v>1518</v>
      </c>
      <c r="J13036" s="5" t="s">
        <v>36264</v>
      </c>
      <c r="K13036" s="2" t="s">
        <v>36265</v>
      </c>
      <c r="L13036" s="5" t="s">
        <v>36264</v>
      </c>
      <c r="M13036" s="2" t="s">
        <v>36265</v>
      </c>
      <c r="N13036" s="5" t="s">
        <v>36266</v>
      </c>
      <c r="O13036" s="5" t="s">
        <v>38</v>
      </c>
      <c r="P13036" s="5" t="s">
        <v>39</v>
      </c>
      <c r="Q13036" s="5" t="s">
        <v>40</v>
      </c>
      <c r="R13036" s="5" t="s">
        <v>1522</v>
      </c>
      <c r="S13036" s="5" t="s">
        <v>1523</v>
      </c>
      <c r="T13036" s="5" t="s">
        <v>42</v>
      </c>
      <c r="U13036" s="2">
        <v>1.819</v>
      </c>
      <c r="V13036" s="2">
        <v>1.3069999999999999</v>
      </c>
      <c r="W13036" s="2">
        <v>1.7999999999999999E-2</v>
      </c>
      <c r="X13036" s="2">
        <v>139.1</v>
      </c>
      <c r="Y13036" s="2">
        <v>7.6</v>
      </c>
      <c r="Z13036" s="2">
        <v>16.7</v>
      </c>
      <c r="AA13036" s="5"/>
      <c r="AB13036" s="5" t="s">
        <v>43</v>
      </c>
      <c r="AC13036" s="5" t="s">
        <v>44</v>
      </c>
      <c r="AD13036" s="2"/>
      <c r="AE13036" s="1"/>
    </row>
    <row r="13037" spans="1:31" ht="14.45">
      <c r="A13037" s="11"/>
      <c r="B13037" s="20"/>
      <c r="C13037" s="2" t="s">
        <v>40039</v>
      </c>
      <c r="D13037" s="14" t="s">
        <v>40040</v>
      </c>
      <c r="E13037" s="2" t="s">
        <v>40041</v>
      </c>
      <c r="F13037" s="2" t="s">
        <v>36281</v>
      </c>
      <c r="G13037" s="8">
        <v>218</v>
      </c>
      <c r="H13037" s="5">
        <v>6</v>
      </c>
      <c r="I13037" s="5" t="s">
        <v>1518</v>
      </c>
      <c r="J13037" s="5" t="s">
        <v>36264</v>
      </c>
      <c r="K13037" s="2" t="s">
        <v>36265</v>
      </c>
      <c r="L13037" s="5" t="s">
        <v>36264</v>
      </c>
      <c r="M13037" s="2" t="s">
        <v>36265</v>
      </c>
      <c r="N13037" s="5" t="s">
        <v>36266</v>
      </c>
      <c r="O13037" s="5" t="s">
        <v>38</v>
      </c>
      <c r="P13037" s="5" t="s">
        <v>39</v>
      </c>
      <c r="Q13037" s="5" t="s">
        <v>40</v>
      </c>
      <c r="R13037" s="5" t="s">
        <v>1522</v>
      </c>
      <c r="S13037" s="5" t="s">
        <v>1523</v>
      </c>
      <c r="T13037" s="5" t="s">
        <v>42</v>
      </c>
      <c r="U13037" s="2">
        <v>1.7689999999999999</v>
      </c>
      <c r="V13037" s="2">
        <v>1.2569999999999999</v>
      </c>
      <c r="W13037" s="2">
        <v>1.7999999999999999E-2</v>
      </c>
      <c r="X13037" s="2">
        <v>139.1</v>
      </c>
      <c r="Y13037" s="2">
        <v>7.6</v>
      </c>
      <c r="Z13037" s="2">
        <v>16.7</v>
      </c>
      <c r="AA13037" s="5"/>
      <c r="AB13037" s="5" t="s">
        <v>43</v>
      </c>
      <c r="AC13037" s="5" t="s">
        <v>44</v>
      </c>
      <c r="AD13037" s="2"/>
      <c r="AE13037" s="1"/>
    </row>
    <row r="13038" spans="1:31" ht="14.45">
      <c r="A13038" s="11"/>
      <c r="B13038" s="20"/>
      <c r="C13038" s="2" t="s">
        <v>40042</v>
      </c>
      <c r="D13038" s="14" t="s">
        <v>40043</v>
      </c>
      <c r="E13038" s="2" t="s">
        <v>40044</v>
      </c>
      <c r="F13038" s="2" t="s">
        <v>36285</v>
      </c>
      <c r="G13038" s="8">
        <v>218</v>
      </c>
      <c r="H13038" s="5">
        <v>6</v>
      </c>
      <c r="I13038" s="5" t="s">
        <v>1518</v>
      </c>
      <c r="J13038" s="5" t="s">
        <v>36264</v>
      </c>
      <c r="K13038" s="2" t="s">
        <v>36265</v>
      </c>
      <c r="L13038" s="5" t="s">
        <v>36264</v>
      </c>
      <c r="M13038" s="2" t="s">
        <v>36265</v>
      </c>
      <c r="N13038" s="5" t="s">
        <v>36266</v>
      </c>
      <c r="O13038" s="5" t="s">
        <v>38</v>
      </c>
      <c r="P13038" s="5" t="s">
        <v>39</v>
      </c>
      <c r="Q13038" s="5" t="s">
        <v>40</v>
      </c>
      <c r="R13038" s="5" t="s">
        <v>1522</v>
      </c>
      <c r="S13038" s="5" t="s">
        <v>1523</v>
      </c>
      <c r="T13038" s="5" t="s">
        <v>42</v>
      </c>
      <c r="U13038" s="2">
        <v>1.819</v>
      </c>
      <c r="V13038" s="2">
        <v>1.3069999999999999</v>
      </c>
      <c r="W13038" s="2">
        <v>1.7999999999999999E-2</v>
      </c>
      <c r="X13038" s="2">
        <v>139.1</v>
      </c>
      <c r="Y13038" s="2">
        <v>7.6</v>
      </c>
      <c r="Z13038" s="2">
        <v>16.7</v>
      </c>
      <c r="AA13038" s="5"/>
      <c r="AB13038" s="5" t="s">
        <v>43</v>
      </c>
      <c r="AC13038" s="5" t="s">
        <v>44</v>
      </c>
      <c r="AD13038" s="2"/>
      <c r="AE13038" s="1"/>
    </row>
    <row r="13039" spans="1:31" ht="14.45">
      <c r="A13039" s="11"/>
      <c r="B13039" s="20"/>
      <c r="C13039" s="2" t="s">
        <v>40045</v>
      </c>
      <c r="D13039" s="14" t="s">
        <v>40046</v>
      </c>
      <c r="E13039" s="2" t="s">
        <v>40047</v>
      </c>
      <c r="F13039" s="2" t="s">
        <v>36289</v>
      </c>
      <c r="G13039" s="8">
        <v>218</v>
      </c>
      <c r="H13039" s="5">
        <v>6</v>
      </c>
      <c r="I13039" s="5" t="s">
        <v>1518</v>
      </c>
      <c r="J13039" s="5" t="s">
        <v>36264</v>
      </c>
      <c r="K13039" s="2" t="s">
        <v>36265</v>
      </c>
      <c r="L13039" s="5" t="s">
        <v>36264</v>
      </c>
      <c r="M13039" s="2" t="s">
        <v>36265</v>
      </c>
      <c r="N13039" s="5" t="s">
        <v>36266</v>
      </c>
      <c r="O13039" s="5" t="s">
        <v>38</v>
      </c>
      <c r="P13039" s="5" t="s">
        <v>39</v>
      </c>
      <c r="Q13039" s="5" t="s">
        <v>40</v>
      </c>
      <c r="R13039" s="5" t="s">
        <v>1522</v>
      </c>
      <c r="S13039" s="5" t="s">
        <v>1523</v>
      </c>
      <c r="T13039" s="5" t="s">
        <v>42</v>
      </c>
      <c r="U13039" s="2">
        <v>1.7689999999999999</v>
      </c>
      <c r="V13039" s="2">
        <v>1.2569999999999999</v>
      </c>
      <c r="W13039" s="2">
        <v>1.7999999999999999E-2</v>
      </c>
      <c r="X13039" s="2">
        <v>139.1</v>
      </c>
      <c r="Y13039" s="2">
        <v>7.6</v>
      </c>
      <c r="Z13039" s="2">
        <v>16.7</v>
      </c>
      <c r="AA13039" s="5"/>
      <c r="AB13039" s="5" t="s">
        <v>43</v>
      </c>
      <c r="AC13039" s="5" t="s">
        <v>44</v>
      </c>
      <c r="AD13039" s="2"/>
      <c r="AE13039" s="1"/>
    </row>
    <row r="13040" spans="1:31" ht="14.45">
      <c r="A13040" s="11"/>
      <c r="B13040" s="20"/>
      <c r="C13040" s="2" t="s">
        <v>40048</v>
      </c>
      <c r="D13040" s="14" t="s">
        <v>40049</v>
      </c>
      <c r="E13040" s="2" t="s">
        <v>40050</v>
      </c>
      <c r="F13040" s="2" t="s">
        <v>36293</v>
      </c>
      <c r="G13040" s="8">
        <v>218</v>
      </c>
      <c r="H13040" s="5">
        <v>6</v>
      </c>
      <c r="I13040" s="5" t="s">
        <v>1518</v>
      </c>
      <c r="J13040" s="5" t="s">
        <v>36264</v>
      </c>
      <c r="K13040" s="2" t="s">
        <v>36265</v>
      </c>
      <c r="L13040" s="5" t="s">
        <v>36264</v>
      </c>
      <c r="M13040" s="2" t="s">
        <v>36265</v>
      </c>
      <c r="N13040" s="5" t="s">
        <v>36266</v>
      </c>
      <c r="O13040" s="5" t="s">
        <v>38</v>
      </c>
      <c r="P13040" s="5" t="s">
        <v>39</v>
      </c>
      <c r="Q13040" s="5" t="s">
        <v>40</v>
      </c>
      <c r="R13040" s="5" t="s">
        <v>1522</v>
      </c>
      <c r="S13040" s="5" t="s">
        <v>1523</v>
      </c>
      <c r="T13040" s="5" t="s">
        <v>42</v>
      </c>
      <c r="U13040" s="2">
        <v>1.819</v>
      </c>
      <c r="V13040" s="2">
        <v>1.3069999999999999</v>
      </c>
      <c r="W13040" s="2">
        <v>1.7999999999999999E-2</v>
      </c>
      <c r="X13040" s="2">
        <v>139.1</v>
      </c>
      <c r="Y13040" s="2">
        <v>7.6</v>
      </c>
      <c r="Z13040" s="2">
        <v>16.7</v>
      </c>
      <c r="AA13040" s="5"/>
      <c r="AB13040" s="5" t="s">
        <v>43</v>
      </c>
      <c r="AC13040" s="5" t="s">
        <v>44</v>
      </c>
      <c r="AD13040" s="2"/>
      <c r="AE13040" s="1"/>
    </row>
    <row r="13041" spans="1:31" ht="14.45">
      <c r="A13041" s="11"/>
      <c r="B13041" s="20"/>
      <c r="C13041" s="2" t="s">
        <v>40051</v>
      </c>
      <c r="D13041" s="14" t="s">
        <v>40052</v>
      </c>
      <c r="E13041" s="2" t="s">
        <v>40053</v>
      </c>
      <c r="F13041" s="2" t="s">
        <v>36588</v>
      </c>
      <c r="G13041" s="8">
        <v>190</v>
      </c>
      <c r="H13041" s="5">
        <v>6</v>
      </c>
      <c r="I13041" s="5" t="s">
        <v>1518</v>
      </c>
      <c r="J13041" s="5" t="s">
        <v>36264</v>
      </c>
      <c r="K13041" s="2" t="s">
        <v>36265</v>
      </c>
      <c r="L13041" s="5" t="s">
        <v>36264</v>
      </c>
      <c r="M13041" s="2" t="s">
        <v>36265</v>
      </c>
      <c r="N13041" s="5" t="s">
        <v>36266</v>
      </c>
      <c r="O13041" s="5" t="s">
        <v>38</v>
      </c>
      <c r="P13041" s="5" t="s">
        <v>39</v>
      </c>
      <c r="Q13041" s="5" t="s">
        <v>40</v>
      </c>
      <c r="R13041" s="5" t="s">
        <v>1522</v>
      </c>
      <c r="S13041" s="5" t="s">
        <v>1523</v>
      </c>
      <c r="T13041" s="5" t="s">
        <v>42</v>
      </c>
      <c r="U13041" s="2">
        <v>1.7689999999999999</v>
      </c>
      <c r="V13041" s="2">
        <v>1.2569999999999999</v>
      </c>
      <c r="W13041" s="2">
        <v>1.7999999999999999E-2</v>
      </c>
      <c r="X13041" s="2">
        <v>139.1</v>
      </c>
      <c r="Y13041" s="2">
        <v>7.6</v>
      </c>
      <c r="Z13041" s="2">
        <v>16.7</v>
      </c>
      <c r="AA13041" s="5"/>
      <c r="AB13041" s="5" t="s">
        <v>43</v>
      </c>
      <c r="AC13041" s="5" t="s">
        <v>44</v>
      </c>
      <c r="AD13041" s="2"/>
      <c r="AE13041" s="1"/>
    </row>
    <row r="13042" spans="1:31" ht="14.45">
      <c r="A13042" s="11"/>
      <c r="B13042" s="20"/>
      <c r="C13042" s="2" t="s">
        <v>40054</v>
      </c>
      <c r="D13042" s="14" t="s">
        <v>40055</v>
      </c>
      <c r="E13042" s="2" t="s">
        <v>40056</v>
      </c>
      <c r="F13042" s="2" t="s">
        <v>36592</v>
      </c>
      <c r="G13042" s="8">
        <v>190</v>
      </c>
      <c r="H13042" s="5">
        <v>6</v>
      </c>
      <c r="I13042" s="5" t="s">
        <v>1518</v>
      </c>
      <c r="J13042" s="5" t="s">
        <v>36264</v>
      </c>
      <c r="K13042" s="2" t="s">
        <v>36265</v>
      </c>
      <c r="L13042" s="5" t="s">
        <v>36264</v>
      </c>
      <c r="M13042" s="2" t="s">
        <v>36265</v>
      </c>
      <c r="N13042" s="5" t="s">
        <v>36266</v>
      </c>
      <c r="O13042" s="5" t="s">
        <v>38</v>
      </c>
      <c r="P13042" s="5" t="s">
        <v>39</v>
      </c>
      <c r="Q13042" s="5" t="s">
        <v>40</v>
      </c>
      <c r="R13042" s="5" t="s">
        <v>1522</v>
      </c>
      <c r="S13042" s="5" t="s">
        <v>1523</v>
      </c>
      <c r="T13042" s="5" t="s">
        <v>42</v>
      </c>
      <c r="U13042" s="2">
        <v>1.819</v>
      </c>
      <c r="V13042" s="2">
        <v>1.3069999999999999</v>
      </c>
      <c r="W13042" s="2">
        <v>1.7999999999999999E-2</v>
      </c>
      <c r="X13042" s="2">
        <v>139.1</v>
      </c>
      <c r="Y13042" s="2">
        <v>7.6</v>
      </c>
      <c r="Z13042" s="2">
        <v>16.7</v>
      </c>
      <c r="AA13042" s="5"/>
      <c r="AB13042" s="5" t="s">
        <v>43</v>
      </c>
      <c r="AC13042" s="5" t="s">
        <v>44</v>
      </c>
      <c r="AD13042" s="2"/>
      <c r="AE13042" s="1"/>
    </row>
    <row r="13043" spans="1:31" ht="14.45">
      <c r="A13043" s="11"/>
      <c r="B13043" s="20"/>
      <c r="C13043" s="2" t="s">
        <v>40057</v>
      </c>
      <c r="D13043" s="14" t="s">
        <v>40058</v>
      </c>
      <c r="E13043" s="2" t="s">
        <v>40059</v>
      </c>
      <c r="F13043" s="2" t="s">
        <v>36305</v>
      </c>
      <c r="G13043" s="8">
        <v>190</v>
      </c>
      <c r="H13043" s="5">
        <v>6</v>
      </c>
      <c r="I13043" s="5" t="s">
        <v>1518</v>
      </c>
      <c r="J13043" s="5" t="s">
        <v>36264</v>
      </c>
      <c r="K13043" s="2" t="s">
        <v>36265</v>
      </c>
      <c r="L13043" s="5" t="s">
        <v>36264</v>
      </c>
      <c r="M13043" s="2" t="s">
        <v>36265</v>
      </c>
      <c r="N13043" s="5" t="s">
        <v>36266</v>
      </c>
      <c r="O13043" s="5" t="s">
        <v>38</v>
      </c>
      <c r="P13043" s="5" t="s">
        <v>39</v>
      </c>
      <c r="Q13043" s="5" t="s">
        <v>40</v>
      </c>
      <c r="R13043" s="5" t="s">
        <v>1522</v>
      </c>
      <c r="S13043" s="5" t="s">
        <v>1523</v>
      </c>
      <c r="T13043" s="5" t="s">
        <v>42</v>
      </c>
      <c r="U13043" s="2">
        <v>1.7689999999999999</v>
      </c>
      <c r="V13043" s="2">
        <v>1.2569999999999999</v>
      </c>
      <c r="W13043" s="2">
        <v>1.7999999999999999E-2</v>
      </c>
      <c r="X13043" s="2">
        <v>139.1</v>
      </c>
      <c r="Y13043" s="2">
        <v>7.6</v>
      </c>
      <c r="Z13043" s="2">
        <v>16.7</v>
      </c>
      <c r="AA13043" s="5"/>
      <c r="AB13043" s="5" t="s">
        <v>43</v>
      </c>
      <c r="AC13043" s="5" t="s">
        <v>44</v>
      </c>
      <c r="AD13043" s="2"/>
      <c r="AE13043" s="1"/>
    </row>
    <row r="13044" spans="1:31" ht="14.45">
      <c r="A13044" s="11"/>
      <c r="B13044" s="20"/>
      <c r="C13044" s="2" t="s">
        <v>40060</v>
      </c>
      <c r="D13044" s="14" t="s">
        <v>40061</v>
      </c>
      <c r="E13044" s="2" t="s">
        <v>40062</v>
      </c>
      <c r="F13044" s="2" t="s">
        <v>36309</v>
      </c>
      <c r="G13044" s="8">
        <v>190</v>
      </c>
      <c r="H13044" s="5">
        <v>6</v>
      </c>
      <c r="I13044" s="5" t="s">
        <v>1518</v>
      </c>
      <c r="J13044" s="5" t="s">
        <v>36264</v>
      </c>
      <c r="K13044" s="2" t="s">
        <v>36265</v>
      </c>
      <c r="L13044" s="5" t="s">
        <v>36264</v>
      </c>
      <c r="M13044" s="2" t="s">
        <v>36265</v>
      </c>
      <c r="N13044" s="5" t="s">
        <v>36266</v>
      </c>
      <c r="O13044" s="5" t="s">
        <v>38</v>
      </c>
      <c r="P13044" s="5" t="s">
        <v>39</v>
      </c>
      <c r="Q13044" s="5" t="s">
        <v>40</v>
      </c>
      <c r="R13044" s="5" t="s">
        <v>1522</v>
      </c>
      <c r="S13044" s="5" t="s">
        <v>1523</v>
      </c>
      <c r="T13044" s="5" t="s">
        <v>42</v>
      </c>
      <c r="U13044" s="2">
        <v>1.819</v>
      </c>
      <c r="V13044" s="2">
        <v>1.3069999999999999</v>
      </c>
      <c r="W13044" s="2">
        <v>1.7999999999999999E-2</v>
      </c>
      <c r="X13044" s="2">
        <v>139.1</v>
      </c>
      <c r="Y13044" s="2">
        <v>7.6</v>
      </c>
      <c r="Z13044" s="2">
        <v>16.7</v>
      </c>
      <c r="AA13044" s="5"/>
      <c r="AB13044" s="5" t="s">
        <v>43</v>
      </c>
      <c r="AC13044" s="5" t="s">
        <v>44</v>
      </c>
      <c r="AD13044" s="2"/>
      <c r="AE13044" s="1"/>
    </row>
    <row r="13045" spans="1:31" ht="14.45">
      <c r="A13045" s="11"/>
      <c r="B13045" s="20"/>
      <c r="C13045" s="2" t="s">
        <v>40063</v>
      </c>
      <c r="D13045" s="14" t="s">
        <v>40064</v>
      </c>
      <c r="E13045" s="2" t="s">
        <v>40065</v>
      </c>
      <c r="F13045" s="2" t="s">
        <v>36313</v>
      </c>
      <c r="G13045" s="8">
        <v>218</v>
      </c>
      <c r="H13045" s="5">
        <v>6</v>
      </c>
      <c r="I13045" s="5" t="s">
        <v>1518</v>
      </c>
      <c r="J13045" s="5" t="s">
        <v>36264</v>
      </c>
      <c r="K13045" s="2" t="s">
        <v>36265</v>
      </c>
      <c r="L13045" s="5" t="s">
        <v>36264</v>
      </c>
      <c r="M13045" s="2" t="s">
        <v>36265</v>
      </c>
      <c r="N13045" s="5" t="s">
        <v>36266</v>
      </c>
      <c r="O13045" s="5" t="s">
        <v>38</v>
      </c>
      <c r="P13045" s="5" t="s">
        <v>39</v>
      </c>
      <c r="Q13045" s="5" t="s">
        <v>40</v>
      </c>
      <c r="R13045" s="5" t="s">
        <v>1522</v>
      </c>
      <c r="S13045" s="5" t="s">
        <v>1523</v>
      </c>
      <c r="T13045" s="5" t="s">
        <v>42</v>
      </c>
      <c r="U13045" s="2">
        <v>1.7689999999999999</v>
      </c>
      <c r="V13045" s="2">
        <v>1.2569999999999999</v>
      </c>
      <c r="W13045" s="2">
        <v>1.7999999999999999E-2</v>
      </c>
      <c r="X13045" s="2">
        <v>139.1</v>
      </c>
      <c r="Y13045" s="2">
        <v>7.6</v>
      </c>
      <c r="Z13045" s="2">
        <v>16.7</v>
      </c>
      <c r="AA13045" s="5"/>
      <c r="AB13045" s="5" t="s">
        <v>43</v>
      </c>
      <c r="AC13045" s="5" t="s">
        <v>44</v>
      </c>
      <c r="AD13045" s="2"/>
      <c r="AE13045" s="1"/>
    </row>
    <row r="13046" spans="1:31" ht="14.45">
      <c r="A13046" s="11"/>
      <c r="B13046" s="20"/>
      <c r="C13046" s="2" t="s">
        <v>40066</v>
      </c>
      <c r="D13046" s="14" t="s">
        <v>40067</v>
      </c>
      <c r="E13046" s="2" t="s">
        <v>40068</v>
      </c>
      <c r="F13046" s="2" t="s">
        <v>36317</v>
      </c>
      <c r="G13046" s="8">
        <v>218</v>
      </c>
      <c r="H13046" s="5">
        <v>6</v>
      </c>
      <c r="I13046" s="5" t="s">
        <v>1518</v>
      </c>
      <c r="J13046" s="5" t="s">
        <v>36264</v>
      </c>
      <c r="K13046" s="2" t="s">
        <v>36265</v>
      </c>
      <c r="L13046" s="5" t="s">
        <v>36264</v>
      </c>
      <c r="M13046" s="2" t="s">
        <v>36265</v>
      </c>
      <c r="N13046" s="5" t="s">
        <v>36266</v>
      </c>
      <c r="O13046" s="5" t="s">
        <v>38</v>
      </c>
      <c r="P13046" s="5" t="s">
        <v>39</v>
      </c>
      <c r="Q13046" s="5" t="s">
        <v>40</v>
      </c>
      <c r="R13046" s="5" t="s">
        <v>1522</v>
      </c>
      <c r="S13046" s="5" t="s">
        <v>1523</v>
      </c>
      <c r="T13046" s="5" t="s">
        <v>42</v>
      </c>
      <c r="U13046" s="2">
        <v>1.819</v>
      </c>
      <c r="V13046" s="2">
        <v>1.3069999999999999</v>
      </c>
      <c r="W13046" s="2">
        <v>1.7999999999999999E-2</v>
      </c>
      <c r="X13046" s="2">
        <v>139.1</v>
      </c>
      <c r="Y13046" s="2">
        <v>7.6</v>
      </c>
      <c r="Z13046" s="2">
        <v>16.7</v>
      </c>
      <c r="AA13046" s="5"/>
      <c r="AB13046" s="5" t="s">
        <v>43</v>
      </c>
      <c r="AC13046" s="5" t="s">
        <v>44</v>
      </c>
      <c r="AD13046" s="2"/>
      <c r="AE13046" s="1"/>
    </row>
    <row r="13047" spans="1:31" ht="14.45">
      <c r="A13047" s="11"/>
      <c r="B13047" s="20"/>
      <c r="C13047" s="2" t="s">
        <v>40069</v>
      </c>
      <c r="D13047" s="14" t="s">
        <v>40070</v>
      </c>
      <c r="E13047" s="2" t="s">
        <v>40071</v>
      </c>
      <c r="F13047" s="2" t="s">
        <v>36321</v>
      </c>
      <c r="G13047" s="8">
        <v>218</v>
      </c>
      <c r="H13047" s="5">
        <v>6</v>
      </c>
      <c r="I13047" s="5" t="s">
        <v>1518</v>
      </c>
      <c r="J13047" s="5" t="s">
        <v>36264</v>
      </c>
      <c r="K13047" s="2" t="s">
        <v>36265</v>
      </c>
      <c r="L13047" s="5" t="s">
        <v>36264</v>
      </c>
      <c r="M13047" s="2" t="s">
        <v>36265</v>
      </c>
      <c r="N13047" s="5" t="s">
        <v>36266</v>
      </c>
      <c r="O13047" s="5" t="s">
        <v>38</v>
      </c>
      <c r="P13047" s="5" t="s">
        <v>39</v>
      </c>
      <c r="Q13047" s="5" t="s">
        <v>40</v>
      </c>
      <c r="R13047" s="5" t="s">
        <v>1522</v>
      </c>
      <c r="S13047" s="5" t="s">
        <v>1523</v>
      </c>
      <c r="T13047" s="5" t="s">
        <v>42</v>
      </c>
      <c r="U13047" s="2">
        <v>1.7689999999999999</v>
      </c>
      <c r="V13047" s="2">
        <v>1.2569999999999999</v>
      </c>
      <c r="W13047" s="2">
        <v>1.7999999999999999E-2</v>
      </c>
      <c r="X13047" s="2">
        <v>139.1</v>
      </c>
      <c r="Y13047" s="2">
        <v>7.6</v>
      </c>
      <c r="Z13047" s="2">
        <v>16.7</v>
      </c>
      <c r="AA13047" s="5"/>
      <c r="AB13047" s="5" t="s">
        <v>43</v>
      </c>
      <c r="AC13047" s="5" t="s">
        <v>44</v>
      </c>
      <c r="AD13047" s="2"/>
      <c r="AE13047" s="1"/>
    </row>
    <row r="13048" spans="1:31" ht="14.45">
      <c r="A13048" s="11"/>
      <c r="B13048" s="20"/>
      <c r="C13048" s="2" t="s">
        <v>40072</v>
      </c>
      <c r="D13048" s="14" t="s">
        <v>40073</v>
      </c>
      <c r="E13048" s="2" t="s">
        <v>40074</v>
      </c>
      <c r="F13048" s="2" t="s">
        <v>36325</v>
      </c>
      <c r="G13048" s="8">
        <v>218</v>
      </c>
      <c r="H13048" s="5">
        <v>6</v>
      </c>
      <c r="I13048" s="5" t="s">
        <v>1518</v>
      </c>
      <c r="J13048" s="5" t="s">
        <v>36264</v>
      </c>
      <c r="K13048" s="2" t="s">
        <v>36265</v>
      </c>
      <c r="L13048" s="5" t="s">
        <v>36264</v>
      </c>
      <c r="M13048" s="2" t="s">
        <v>36265</v>
      </c>
      <c r="N13048" s="5" t="s">
        <v>36266</v>
      </c>
      <c r="O13048" s="5" t="s">
        <v>38</v>
      </c>
      <c r="P13048" s="5" t="s">
        <v>39</v>
      </c>
      <c r="Q13048" s="5" t="s">
        <v>40</v>
      </c>
      <c r="R13048" s="5" t="s">
        <v>1522</v>
      </c>
      <c r="S13048" s="5" t="s">
        <v>1523</v>
      </c>
      <c r="T13048" s="5" t="s">
        <v>42</v>
      </c>
      <c r="U13048" s="2">
        <v>1.819</v>
      </c>
      <c r="V13048" s="2">
        <v>1.3069999999999999</v>
      </c>
      <c r="W13048" s="2">
        <v>1.7999999999999999E-2</v>
      </c>
      <c r="X13048" s="2">
        <v>139.1</v>
      </c>
      <c r="Y13048" s="2">
        <v>7.6</v>
      </c>
      <c r="Z13048" s="2">
        <v>16.7</v>
      </c>
      <c r="AA13048" s="5"/>
      <c r="AB13048" s="5" t="s">
        <v>43</v>
      </c>
      <c r="AC13048" s="5" t="s">
        <v>44</v>
      </c>
      <c r="AD13048" s="2"/>
      <c r="AE13048" s="1"/>
    </row>
    <row r="13049" spans="1:31" ht="14.45">
      <c r="A13049" s="11"/>
      <c r="B13049" s="20"/>
      <c r="C13049" s="2" t="s">
        <v>40075</v>
      </c>
      <c r="D13049" s="14" t="s">
        <v>40076</v>
      </c>
      <c r="E13049" s="2" t="s">
        <v>40077</v>
      </c>
      <c r="F13049" s="2" t="s">
        <v>36329</v>
      </c>
      <c r="G13049" s="8">
        <v>218</v>
      </c>
      <c r="H13049" s="5">
        <v>6</v>
      </c>
      <c r="I13049" s="5" t="s">
        <v>1518</v>
      </c>
      <c r="J13049" s="5" t="s">
        <v>36264</v>
      </c>
      <c r="K13049" s="2" t="s">
        <v>36265</v>
      </c>
      <c r="L13049" s="5" t="s">
        <v>36264</v>
      </c>
      <c r="M13049" s="2" t="s">
        <v>36265</v>
      </c>
      <c r="N13049" s="5" t="s">
        <v>36266</v>
      </c>
      <c r="O13049" s="5" t="s">
        <v>38</v>
      </c>
      <c r="P13049" s="5" t="s">
        <v>39</v>
      </c>
      <c r="Q13049" s="5" t="s">
        <v>40</v>
      </c>
      <c r="R13049" s="5" t="s">
        <v>1522</v>
      </c>
      <c r="S13049" s="5" t="s">
        <v>1523</v>
      </c>
      <c r="T13049" s="5" t="s">
        <v>42</v>
      </c>
      <c r="U13049" s="2">
        <v>1.7689999999999999</v>
      </c>
      <c r="V13049" s="2">
        <v>1.2569999999999999</v>
      </c>
      <c r="W13049" s="2">
        <v>1.7999999999999999E-2</v>
      </c>
      <c r="X13049" s="2">
        <v>139.1</v>
      </c>
      <c r="Y13049" s="2">
        <v>7.6</v>
      </c>
      <c r="Z13049" s="2">
        <v>16.7</v>
      </c>
      <c r="AA13049" s="5"/>
      <c r="AB13049" s="5" t="s">
        <v>43</v>
      </c>
      <c r="AC13049" s="5" t="s">
        <v>44</v>
      </c>
      <c r="AD13049" s="2"/>
      <c r="AE13049" s="1"/>
    </row>
    <row r="13050" spans="1:31" ht="14.45">
      <c r="A13050" s="11"/>
      <c r="B13050" s="20"/>
      <c r="C13050" s="2" t="s">
        <v>40078</v>
      </c>
      <c r="D13050" s="14" t="s">
        <v>40079</v>
      </c>
      <c r="E13050" s="2" t="s">
        <v>40080</v>
      </c>
      <c r="F13050" s="2" t="s">
        <v>36333</v>
      </c>
      <c r="G13050" s="8">
        <v>218</v>
      </c>
      <c r="H13050" s="5">
        <v>6</v>
      </c>
      <c r="I13050" s="5" t="s">
        <v>1518</v>
      </c>
      <c r="J13050" s="5" t="s">
        <v>36264</v>
      </c>
      <c r="K13050" s="2" t="s">
        <v>36265</v>
      </c>
      <c r="L13050" s="5" t="s">
        <v>36264</v>
      </c>
      <c r="M13050" s="2" t="s">
        <v>36265</v>
      </c>
      <c r="N13050" s="5" t="s">
        <v>36266</v>
      </c>
      <c r="O13050" s="5" t="s">
        <v>38</v>
      </c>
      <c r="P13050" s="5" t="s">
        <v>39</v>
      </c>
      <c r="Q13050" s="5" t="s">
        <v>40</v>
      </c>
      <c r="R13050" s="5" t="s">
        <v>1522</v>
      </c>
      <c r="S13050" s="5" t="s">
        <v>1523</v>
      </c>
      <c r="T13050" s="5" t="s">
        <v>42</v>
      </c>
      <c r="U13050" s="2">
        <v>1.819</v>
      </c>
      <c r="V13050" s="2">
        <v>1.3069999999999999</v>
      </c>
      <c r="W13050" s="2">
        <v>1.7999999999999999E-2</v>
      </c>
      <c r="X13050" s="2">
        <v>139.1</v>
      </c>
      <c r="Y13050" s="2">
        <v>7.6</v>
      </c>
      <c r="Z13050" s="2">
        <v>16.7</v>
      </c>
      <c r="AA13050" s="5"/>
      <c r="AB13050" s="5" t="s">
        <v>43</v>
      </c>
      <c r="AC13050" s="5" t="s">
        <v>44</v>
      </c>
      <c r="AD13050" s="2"/>
      <c r="AE13050" s="1"/>
    </row>
    <row r="13051" spans="1:31" ht="14.45">
      <c r="A13051" s="11"/>
      <c r="B13051" s="20"/>
      <c r="C13051" s="2" t="s">
        <v>40081</v>
      </c>
      <c r="D13051" s="14" t="s">
        <v>40082</v>
      </c>
      <c r="E13051" s="2" t="s">
        <v>40083</v>
      </c>
      <c r="F13051" s="2" t="s">
        <v>36337</v>
      </c>
      <c r="G13051" s="8">
        <v>218</v>
      </c>
      <c r="H13051" s="5">
        <v>6</v>
      </c>
      <c r="I13051" s="5" t="s">
        <v>1518</v>
      </c>
      <c r="J13051" s="5" t="s">
        <v>36264</v>
      </c>
      <c r="K13051" s="2" t="s">
        <v>36265</v>
      </c>
      <c r="L13051" s="5" t="s">
        <v>36264</v>
      </c>
      <c r="M13051" s="2" t="s">
        <v>36265</v>
      </c>
      <c r="N13051" s="5" t="s">
        <v>36266</v>
      </c>
      <c r="O13051" s="5" t="s">
        <v>38</v>
      </c>
      <c r="P13051" s="5" t="s">
        <v>39</v>
      </c>
      <c r="Q13051" s="5" t="s">
        <v>40</v>
      </c>
      <c r="R13051" s="5" t="s">
        <v>1522</v>
      </c>
      <c r="S13051" s="5" t="s">
        <v>1523</v>
      </c>
      <c r="T13051" s="5" t="s">
        <v>42</v>
      </c>
      <c r="U13051" s="2">
        <v>1.7689999999999999</v>
      </c>
      <c r="V13051" s="2">
        <v>1.2569999999999999</v>
      </c>
      <c r="W13051" s="2">
        <v>1.7999999999999999E-2</v>
      </c>
      <c r="X13051" s="2">
        <v>139.1</v>
      </c>
      <c r="Y13051" s="2">
        <v>7.6</v>
      </c>
      <c r="Z13051" s="2">
        <v>16.7</v>
      </c>
      <c r="AA13051" s="5"/>
      <c r="AB13051" s="5" t="s">
        <v>43</v>
      </c>
      <c r="AC13051" s="5" t="s">
        <v>44</v>
      </c>
      <c r="AD13051" s="2"/>
      <c r="AE13051" s="1"/>
    </row>
    <row r="13052" spans="1:31" ht="14.45">
      <c r="A13052" s="11"/>
      <c r="B13052" s="20"/>
      <c r="C13052" s="2" t="s">
        <v>40084</v>
      </c>
      <c r="D13052" s="14" t="s">
        <v>40085</v>
      </c>
      <c r="E13052" s="2" t="s">
        <v>40086</v>
      </c>
      <c r="F13052" s="2" t="s">
        <v>36341</v>
      </c>
      <c r="G13052" s="8">
        <v>218</v>
      </c>
      <c r="H13052" s="5">
        <v>6</v>
      </c>
      <c r="I13052" s="5" t="s">
        <v>1518</v>
      </c>
      <c r="J13052" s="5" t="s">
        <v>36264</v>
      </c>
      <c r="K13052" s="2" t="s">
        <v>36265</v>
      </c>
      <c r="L13052" s="5" t="s">
        <v>36264</v>
      </c>
      <c r="M13052" s="2" t="s">
        <v>36265</v>
      </c>
      <c r="N13052" s="5" t="s">
        <v>36266</v>
      </c>
      <c r="O13052" s="5" t="s">
        <v>38</v>
      </c>
      <c r="P13052" s="5" t="s">
        <v>39</v>
      </c>
      <c r="Q13052" s="5" t="s">
        <v>40</v>
      </c>
      <c r="R13052" s="5" t="s">
        <v>1522</v>
      </c>
      <c r="S13052" s="5" t="s">
        <v>1523</v>
      </c>
      <c r="T13052" s="5" t="s">
        <v>42</v>
      </c>
      <c r="U13052" s="2">
        <v>1.819</v>
      </c>
      <c r="V13052" s="2">
        <v>1.3069999999999999</v>
      </c>
      <c r="W13052" s="2">
        <v>1.7999999999999999E-2</v>
      </c>
      <c r="X13052" s="2">
        <v>139.1</v>
      </c>
      <c r="Y13052" s="2">
        <v>7.6</v>
      </c>
      <c r="Z13052" s="2">
        <v>16.7</v>
      </c>
      <c r="AA13052" s="5"/>
      <c r="AB13052" s="5" t="s">
        <v>43</v>
      </c>
      <c r="AC13052" s="5" t="s">
        <v>44</v>
      </c>
      <c r="AD13052" s="2"/>
      <c r="AE13052" s="1"/>
    </row>
    <row r="13053" spans="1:31" ht="14.45">
      <c r="A13053" s="11"/>
      <c r="B13053" s="20"/>
      <c r="C13053" s="2" t="s">
        <v>40087</v>
      </c>
      <c r="D13053" s="14" t="s">
        <v>40088</v>
      </c>
      <c r="E13053" s="2" t="s">
        <v>40089</v>
      </c>
      <c r="F13053" s="2" t="s">
        <v>36345</v>
      </c>
      <c r="G13053" s="8">
        <v>218</v>
      </c>
      <c r="H13053" s="5">
        <v>6</v>
      </c>
      <c r="I13053" s="5" t="s">
        <v>1518</v>
      </c>
      <c r="J13053" s="5" t="s">
        <v>36264</v>
      </c>
      <c r="K13053" s="2" t="s">
        <v>36265</v>
      </c>
      <c r="L13053" s="5" t="s">
        <v>36264</v>
      </c>
      <c r="M13053" s="2" t="s">
        <v>36265</v>
      </c>
      <c r="N13053" s="5" t="s">
        <v>36266</v>
      </c>
      <c r="O13053" s="5" t="s">
        <v>38</v>
      </c>
      <c r="P13053" s="5" t="s">
        <v>39</v>
      </c>
      <c r="Q13053" s="5" t="s">
        <v>40</v>
      </c>
      <c r="R13053" s="5" t="s">
        <v>1522</v>
      </c>
      <c r="S13053" s="5" t="s">
        <v>1523</v>
      </c>
      <c r="T13053" s="5" t="s">
        <v>42</v>
      </c>
      <c r="U13053" s="2">
        <v>1.7689999999999999</v>
      </c>
      <c r="V13053" s="2">
        <v>1.2569999999999999</v>
      </c>
      <c r="W13053" s="2">
        <v>1.7999999999999999E-2</v>
      </c>
      <c r="X13053" s="2">
        <v>139.1</v>
      </c>
      <c r="Y13053" s="2">
        <v>7.6</v>
      </c>
      <c r="Z13053" s="2">
        <v>16.7</v>
      </c>
      <c r="AA13053" s="5"/>
      <c r="AB13053" s="5" t="s">
        <v>43</v>
      </c>
      <c r="AC13053" s="5" t="s">
        <v>44</v>
      </c>
      <c r="AD13053" s="2"/>
      <c r="AE13053" s="1"/>
    </row>
    <row r="13054" spans="1:31" ht="14.45">
      <c r="A13054" s="11"/>
      <c r="B13054" s="20"/>
      <c r="C13054" s="2" t="s">
        <v>40090</v>
      </c>
      <c r="D13054" s="14" t="s">
        <v>40091</v>
      </c>
      <c r="E13054" s="2" t="s">
        <v>40092</v>
      </c>
      <c r="F13054" s="2" t="s">
        <v>36349</v>
      </c>
      <c r="G13054" s="8">
        <v>218</v>
      </c>
      <c r="H13054" s="5">
        <v>6</v>
      </c>
      <c r="I13054" s="5" t="s">
        <v>1518</v>
      </c>
      <c r="J13054" s="5" t="s">
        <v>36264</v>
      </c>
      <c r="K13054" s="2" t="s">
        <v>36265</v>
      </c>
      <c r="L13054" s="5" t="s">
        <v>36264</v>
      </c>
      <c r="M13054" s="2" t="s">
        <v>36265</v>
      </c>
      <c r="N13054" s="5" t="s">
        <v>36266</v>
      </c>
      <c r="O13054" s="5" t="s">
        <v>38</v>
      </c>
      <c r="P13054" s="5" t="s">
        <v>39</v>
      </c>
      <c r="Q13054" s="5" t="s">
        <v>40</v>
      </c>
      <c r="R13054" s="5" t="s">
        <v>1522</v>
      </c>
      <c r="S13054" s="5" t="s">
        <v>1523</v>
      </c>
      <c r="T13054" s="5" t="s">
        <v>42</v>
      </c>
      <c r="U13054" s="2">
        <v>1.819</v>
      </c>
      <c r="V13054" s="2">
        <v>1.3069999999999999</v>
      </c>
      <c r="W13054" s="2">
        <v>1.7999999999999999E-2</v>
      </c>
      <c r="X13054" s="2">
        <v>139.1</v>
      </c>
      <c r="Y13054" s="2">
        <v>7.6</v>
      </c>
      <c r="Z13054" s="2">
        <v>16.7</v>
      </c>
      <c r="AA13054" s="5"/>
      <c r="AB13054" s="5" t="s">
        <v>43</v>
      </c>
      <c r="AC13054" s="5" t="s">
        <v>44</v>
      </c>
      <c r="AD13054" s="2"/>
      <c r="AE13054" s="1"/>
    </row>
    <row r="13055" spans="1:31" ht="14.45">
      <c r="A13055" s="11"/>
      <c r="B13055" s="20"/>
      <c r="C13055" s="2" t="s">
        <v>40093</v>
      </c>
      <c r="D13055" s="14" t="s">
        <v>40094</v>
      </c>
      <c r="E13055" s="2" t="s">
        <v>40095</v>
      </c>
      <c r="F13055" s="2" t="s">
        <v>36353</v>
      </c>
      <c r="G13055" s="8">
        <v>218</v>
      </c>
      <c r="H13055" s="5">
        <v>6</v>
      </c>
      <c r="I13055" s="5" t="s">
        <v>1518</v>
      </c>
      <c r="J13055" s="5" t="s">
        <v>36264</v>
      </c>
      <c r="K13055" s="2" t="s">
        <v>36265</v>
      </c>
      <c r="L13055" s="5" t="s">
        <v>36264</v>
      </c>
      <c r="M13055" s="2" t="s">
        <v>36265</v>
      </c>
      <c r="N13055" s="5" t="s">
        <v>36266</v>
      </c>
      <c r="O13055" s="5" t="s">
        <v>38</v>
      </c>
      <c r="P13055" s="5" t="s">
        <v>39</v>
      </c>
      <c r="Q13055" s="5" t="s">
        <v>40</v>
      </c>
      <c r="R13055" s="5" t="s">
        <v>1522</v>
      </c>
      <c r="S13055" s="5" t="s">
        <v>1523</v>
      </c>
      <c r="T13055" s="5" t="s">
        <v>42</v>
      </c>
      <c r="U13055" s="2">
        <v>1.7689999999999999</v>
      </c>
      <c r="V13055" s="2">
        <v>1.2569999999999999</v>
      </c>
      <c r="W13055" s="2">
        <v>1.7999999999999999E-2</v>
      </c>
      <c r="X13055" s="2">
        <v>139.1</v>
      </c>
      <c r="Y13055" s="2">
        <v>7.6</v>
      </c>
      <c r="Z13055" s="2">
        <v>16.7</v>
      </c>
      <c r="AA13055" s="5"/>
      <c r="AB13055" s="5" t="s">
        <v>43</v>
      </c>
      <c r="AC13055" s="5" t="s">
        <v>44</v>
      </c>
      <c r="AD13055" s="2"/>
      <c r="AE13055" s="1"/>
    </row>
    <row r="13056" spans="1:31" ht="14.45">
      <c r="A13056" s="11"/>
      <c r="B13056" s="20"/>
      <c r="C13056" s="2" t="s">
        <v>40096</v>
      </c>
      <c r="D13056" s="14" t="s">
        <v>40097</v>
      </c>
      <c r="E13056" s="2" t="s">
        <v>40098</v>
      </c>
      <c r="F13056" s="2" t="s">
        <v>36357</v>
      </c>
      <c r="G13056" s="8">
        <v>218</v>
      </c>
      <c r="H13056" s="5">
        <v>6</v>
      </c>
      <c r="I13056" s="5" t="s">
        <v>1518</v>
      </c>
      <c r="J13056" s="5" t="s">
        <v>36264</v>
      </c>
      <c r="K13056" s="2" t="s">
        <v>36265</v>
      </c>
      <c r="L13056" s="5" t="s">
        <v>36264</v>
      </c>
      <c r="M13056" s="2" t="s">
        <v>36265</v>
      </c>
      <c r="N13056" s="5" t="s">
        <v>36266</v>
      </c>
      <c r="O13056" s="5" t="s">
        <v>38</v>
      </c>
      <c r="P13056" s="5" t="s">
        <v>39</v>
      </c>
      <c r="Q13056" s="5" t="s">
        <v>40</v>
      </c>
      <c r="R13056" s="5" t="s">
        <v>1522</v>
      </c>
      <c r="S13056" s="5" t="s">
        <v>1523</v>
      </c>
      <c r="T13056" s="5" t="s">
        <v>42</v>
      </c>
      <c r="U13056" s="2">
        <v>1.819</v>
      </c>
      <c r="V13056" s="2">
        <v>1.3069999999999999</v>
      </c>
      <c r="W13056" s="2">
        <v>1.7999999999999999E-2</v>
      </c>
      <c r="X13056" s="2">
        <v>139.1</v>
      </c>
      <c r="Y13056" s="2">
        <v>7.6</v>
      </c>
      <c r="Z13056" s="2">
        <v>16.7</v>
      </c>
      <c r="AA13056" s="5"/>
      <c r="AB13056" s="5" t="s">
        <v>43</v>
      </c>
      <c r="AC13056" s="5" t="s">
        <v>44</v>
      </c>
      <c r="AD13056" s="2"/>
      <c r="AE13056" s="1"/>
    </row>
    <row r="13057" spans="1:31" ht="14.45">
      <c r="A13057" s="11"/>
      <c r="B13057" s="20"/>
      <c r="C13057" s="2" t="s">
        <v>40099</v>
      </c>
      <c r="D13057" s="14" t="s">
        <v>40100</v>
      </c>
      <c r="E13057" s="2" t="s">
        <v>40101</v>
      </c>
      <c r="F13057" s="2" t="s">
        <v>36361</v>
      </c>
      <c r="G13057" s="8">
        <v>218</v>
      </c>
      <c r="H13057" s="5">
        <v>6</v>
      </c>
      <c r="I13057" s="5" t="s">
        <v>1518</v>
      </c>
      <c r="J13057" s="5" t="s">
        <v>36264</v>
      </c>
      <c r="K13057" s="2" t="s">
        <v>36265</v>
      </c>
      <c r="L13057" s="5" t="s">
        <v>36264</v>
      </c>
      <c r="M13057" s="2" t="s">
        <v>36265</v>
      </c>
      <c r="N13057" s="5" t="s">
        <v>36266</v>
      </c>
      <c r="O13057" s="5" t="s">
        <v>38</v>
      </c>
      <c r="P13057" s="5" t="s">
        <v>39</v>
      </c>
      <c r="Q13057" s="5" t="s">
        <v>40</v>
      </c>
      <c r="R13057" s="5" t="s">
        <v>1522</v>
      </c>
      <c r="S13057" s="5" t="s">
        <v>1523</v>
      </c>
      <c r="T13057" s="5" t="s">
        <v>42</v>
      </c>
      <c r="U13057" s="2">
        <v>1.7689999999999999</v>
      </c>
      <c r="V13057" s="2">
        <v>1.2569999999999999</v>
      </c>
      <c r="W13057" s="2">
        <v>1.7999999999999999E-2</v>
      </c>
      <c r="X13057" s="2">
        <v>139.1</v>
      </c>
      <c r="Y13057" s="2">
        <v>7.6</v>
      </c>
      <c r="Z13057" s="2">
        <v>16.7</v>
      </c>
      <c r="AA13057" s="5"/>
      <c r="AB13057" s="5" t="s">
        <v>43</v>
      </c>
      <c r="AC13057" s="5" t="s">
        <v>44</v>
      </c>
      <c r="AD13057" s="2"/>
      <c r="AE13057" s="1"/>
    </row>
    <row r="13058" spans="1:31" ht="14.45">
      <c r="A13058" s="11"/>
      <c r="B13058" s="20"/>
      <c r="C13058" s="2" t="s">
        <v>40102</v>
      </c>
      <c r="D13058" s="14" t="s">
        <v>40103</v>
      </c>
      <c r="E13058" s="2" t="s">
        <v>40104</v>
      </c>
      <c r="F13058" s="2" t="s">
        <v>36365</v>
      </c>
      <c r="G13058" s="8">
        <v>218</v>
      </c>
      <c r="H13058" s="5">
        <v>6</v>
      </c>
      <c r="I13058" s="5" t="s">
        <v>1518</v>
      </c>
      <c r="J13058" s="5" t="s">
        <v>36264</v>
      </c>
      <c r="K13058" s="2" t="s">
        <v>36265</v>
      </c>
      <c r="L13058" s="5" t="s">
        <v>36264</v>
      </c>
      <c r="M13058" s="2" t="s">
        <v>36265</v>
      </c>
      <c r="N13058" s="5" t="s">
        <v>36266</v>
      </c>
      <c r="O13058" s="5" t="s">
        <v>38</v>
      </c>
      <c r="P13058" s="5" t="s">
        <v>39</v>
      </c>
      <c r="Q13058" s="5" t="s">
        <v>40</v>
      </c>
      <c r="R13058" s="5" t="s">
        <v>1522</v>
      </c>
      <c r="S13058" s="5" t="s">
        <v>1523</v>
      </c>
      <c r="T13058" s="5" t="s">
        <v>42</v>
      </c>
      <c r="U13058" s="2">
        <v>1.819</v>
      </c>
      <c r="V13058" s="2">
        <v>1.3069999999999999</v>
      </c>
      <c r="W13058" s="2">
        <v>1.7999999999999999E-2</v>
      </c>
      <c r="X13058" s="2">
        <v>139.1</v>
      </c>
      <c r="Y13058" s="2">
        <v>7.6</v>
      </c>
      <c r="Z13058" s="2">
        <v>16.7</v>
      </c>
      <c r="AA13058" s="5"/>
      <c r="AB13058" s="5" t="s">
        <v>43</v>
      </c>
      <c r="AC13058" s="5" t="s">
        <v>44</v>
      </c>
      <c r="AD13058" s="2"/>
      <c r="AE13058" s="1"/>
    </row>
    <row r="13059" spans="1:31" ht="14.45">
      <c r="A13059" s="11"/>
      <c r="B13059" s="20"/>
      <c r="C13059" s="2" t="s">
        <v>40105</v>
      </c>
      <c r="D13059" s="14" t="s">
        <v>40106</v>
      </c>
      <c r="E13059" s="2" t="s">
        <v>40107</v>
      </c>
      <c r="F13059" s="2" t="s">
        <v>36644</v>
      </c>
      <c r="G13059" s="8">
        <v>218</v>
      </c>
      <c r="H13059" s="5">
        <v>6</v>
      </c>
      <c r="I13059" s="5" t="s">
        <v>1518</v>
      </c>
      <c r="J13059" s="5" t="s">
        <v>36264</v>
      </c>
      <c r="K13059" s="2" t="s">
        <v>36265</v>
      </c>
      <c r="L13059" s="5" t="s">
        <v>36264</v>
      </c>
      <c r="M13059" s="2" t="s">
        <v>36265</v>
      </c>
      <c r="N13059" s="5" t="s">
        <v>36266</v>
      </c>
      <c r="O13059" s="5" t="s">
        <v>38</v>
      </c>
      <c r="P13059" s="5" t="s">
        <v>39</v>
      </c>
      <c r="Q13059" s="5" t="s">
        <v>40</v>
      </c>
      <c r="R13059" s="5" t="s">
        <v>1522</v>
      </c>
      <c r="S13059" s="5" t="s">
        <v>1523</v>
      </c>
      <c r="T13059" s="5" t="s">
        <v>42</v>
      </c>
      <c r="U13059" s="2">
        <v>1.7689999999999999</v>
      </c>
      <c r="V13059" s="2">
        <v>1.2569999999999999</v>
      </c>
      <c r="W13059" s="2">
        <v>1.7999999999999999E-2</v>
      </c>
      <c r="X13059" s="2">
        <v>139.1</v>
      </c>
      <c r="Y13059" s="2">
        <v>7.6</v>
      </c>
      <c r="Z13059" s="2">
        <v>16.7</v>
      </c>
      <c r="AA13059" s="5"/>
      <c r="AB13059" s="5" t="s">
        <v>43</v>
      </c>
      <c r="AC13059" s="5" t="s">
        <v>44</v>
      </c>
      <c r="AD13059" s="2"/>
      <c r="AE13059" s="1"/>
    </row>
    <row r="13060" spans="1:31" ht="14.45">
      <c r="A13060" s="11"/>
      <c r="B13060" s="20"/>
      <c r="C13060" s="2" t="s">
        <v>40108</v>
      </c>
      <c r="D13060" s="14" t="s">
        <v>40109</v>
      </c>
      <c r="E13060" s="2" t="s">
        <v>40110</v>
      </c>
      <c r="F13060" s="2" t="s">
        <v>36648</v>
      </c>
      <c r="G13060" s="8">
        <v>218</v>
      </c>
      <c r="H13060" s="5">
        <v>6</v>
      </c>
      <c r="I13060" s="5" t="s">
        <v>1518</v>
      </c>
      <c r="J13060" s="5" t="s">
        <v>36264</v>
      </c>
      <c r="K13060" s="2" t="s">
        <v>36265</v>
      </c>
      <c r="L13060" s="5" t="s">
        <v>36264</v>
      </c>
      <c r="M13060" s="2" t="s">
        <v>36265</v>
      </c>
      <c r="N13060" s="5" t="s">
        <v>36266</v>
      </c>
      <c r="O13060" s="5" t="s">
        <v>38</v>
      </c>
      <c r="P13060" s="5" t="s">
        <v>39</v>
      </c>
      <c r="Q13060" s="5" t="s">
        <v>40</v>
      </c>
      <c r="R13060" s="5" t="s">
        <v>1522</v>
      </c>
      <c r="S13060" s="5" t="s">
        <v>1523</v>
      </c>
      <c r="T13060" s="5" t="s">
        <v>42</v>
      </c>
      <c r="U13060" s="2">
        <v>1.819</v>
      </c>
      <c r="V13060" s="2">
        <v>1.3069999999999999</v>
      </c>
      <c r="W13060" s="2">
        <v>1.7999999999999999E-2</v>
      </c>
      <c r="X13060" s="2">
        <v>139.1</v>
      </c>
      <c r="Y13060" s="2">
        <v>7.6</v>
      </c>
      <c r="Z13060" s="2">
        <v>16.7</v>
      </c>
      <c r="AA13060" s="5"/>
      <c r="AB13060" s="5" t="s">
        <v>43</v>
      </c>
      <c r="AC13060" s="5" t="s">
        <v>44</v>
      </c>
      <c r="AD13060" s="2"/>
      <c r="AE13060" s="1"/>
    </row>
    <row r="13061" spans="1:31" ht="14.45">
      <c r="A13061" s="11"/>
      <c r="B13061" s="20"/>
      <c r="C13061" s="2" t="s">
        <v>40111</v>
      </c>
      <c r="D13061" s="14" t="s">
        <v>40112</v>
      </c>
      <c r="E13061" s="2" t="s">
        <v>40113</v>
      </c>
      <c r="F13061" s="2" t="s">
        <v>36377</v>
      </c>
      <c r="G13061" s="8">
        <v>218</v>
      </c>
      <c r="H13061" s="5">
        <v>6</v>
      </c>
      <c r="I13061" s="5" t="s">
        <v>1518</v>
      </c>
      <c r="J13061" s="5" t="s">
        <v>36264</v>
      </c>
      <c r="K13061" s="2" t="s">
        <v>36265</v>
      </c>
      <c r="L13061" s="5" t="s">
        <v>36264</v>
      </c>
      <c r="M13061" s="2" t="s">
        <v>36265</v>
      </c>
      <c r="N13061" s="5" t="s">
        <v>36266</v>
      </c>
      <c r="O13061" s="5" t="s">
        <v>38</v>
      </c>
      <c r="P13061" s="5" t="s">
        <v>39</v>
      </c>
      <c r="Q13061" s="5" t="s">
        <v>40</v>
      </c>
      <c r="R13061" s="5" t="s">
        <v>1522</v>
      </c>
      <c r="S13061" s="5" t="s">
        <v>1523</v>
      </c>
      <c r="T13061" s="5" t="s">
        <v>42</v>
      </c>
      <c r="U13061" s="2">
        <v>1.7689999999999999</v>
      </c>
      <c r="V13061" s="2">
        <v>1.2569999999999999</v>
      </c>
      <c r="W13061" s="2">
        <v>1.7999999999999999E-2</v>
      </c>
      <c r="X13061" s="2">
        <v>139.1</v>
      </c>
      <c r="Y13061" s="2">
        <v>7.6</v>
      </c>
      <c r="Z13061" s="2">
        <v>16.7</v>
      </c>
      <c r="AA13061" s="5"/>
      <c r="AB13061" s="5" t="s">
        <v>43</v>
      </c>
      <c r="AC13061" s="5" t="s">
        <v>44</v>
      </c>
      <c r="AD13061" s="2"/>
      <c r="AE13061" s="1"/>
    </row>
    <row r="13062" spans="1:31" ht="14.45">
      <c r="A13062" s="11"/>
      <c r="B13062" s="20"/>
      <c r="C13062" s="2" t="s">
        <v>40114</v>
      </c>
      <c r="D13062" s="14" t="s">
        <v>40115</v>
      </c>
      <c r="E13062" s="2" t="s">
        <v>40116</v>
      </c>
      <c r="F13062" s="2" t="s">
        <v>36381</v>
      </c>
      <c r="G13062" s="8">
        <v>218</v>
      </c>
      <c r="H13062" s="5">
        <v>6</v>
      </c>
      <c r="I13062" s="5" t="s">
        <v>1518</v>
      </c>
      <c r="J13062" s="5" t="s">
        <v>36264</v>
      </c>
      <c r="K13062" s="2" t="s">
        <v>36265</v>
      </c>
      <c r="L13062" s="5" t="s">
        <v>36264</v>
      </c>
      <c r="M13062" s="2" t="s">
        <v>36265</v>
      </c>
      <c r="N13062" s="5" t="s">
        <v>36266</v>
      </c>
      <c r="O13062" s="5" t="s">
        <v>38</v>
      </c>
      <c r="P13062" s="5" t="s">
        <v>39</v>
      </c>
      <c r="Q13062" s="5" t="s">
        <v>40</v>
      </c>
      <c r="R13062" s="5" t="s">
        <v>1522</v>
      </c>
      <c r="S13062" s="5" t="s">
        <v>1523</v>
      </c>
      <c r="T13062" s="5" t="s">
        <v>42</v>
      </c>
      <c r="U13062" s="2">
        <v>1.819</v>
      </c>
      <c r="V13062" s="2">
        <v>1.3069999999999999</v>
      </c>
      <c r="W13062" s="2">
        <v>1.7999999999999999E-2</v>
      </c>
      <c r="X13062" s="2">
        <v>139.1</v>
      </c>
      <c r="Y13062" s="2">
        <v>7.6</v>
      </c>
      <c r="Z13062" s="2">
        <v>16.7</v>
      </c>
      <c r="AA13062" s="5"/>
      <c r="AB13062" s="5" t="s">
        <v>43</v>
      </c>
      <c r="AC13062" s="5" t="s">
        <v>44</v>
      </c>
      <c r="AD13062" s="2"/>
      <c r="AE13062" s="1"/>
    </row>
    <row r="13063" spans="1:31" ht="14.45">
      <c r="A13063" s="11"/>
      <c r="B13063" s="20"/>
      <c r="C13063" s="2" t="s">
        <v>40117</v>
      </c>
      <c r="D13063" s="14" t="s">
        <v>40118</v>
      </c>
      <c r="E13063" s="2" t="s">
        <v>40119</v>
      </c>
      <c r="F13063" s="2" t="s">
        <v>36385</v>
      </c>
      <c r="G13063" s="8">
        <v>218</v>
      </c>
      <c r="H13063" s="5">
        <v>6</v>
      </c>
      <c r="I13063" s="5" t="s">
        <v>1518</v>
      </c>
      <c r="J13063" s="5" t="s">
        <v>36264</v>
      </c>
      <c r="K13063" s="2" t="s">
        <v>36265</v>
      </c>
      <c r="L13063" s="5" t="s">
        <v>36264</v>
      </c>
      <c r="M13063" s="2" t="s">
        <v>36265</v>
      </c>
      <c r="N13063" s="5" t="s">
        <v>36266</v>
      </c>
      <c r="O13063" s="5" t="s">
        <v>38</v>
      </c>
      <c r="P13063" s="5" t="s">
        <v>39</v>
      </c>
      <c r="Q13063" s="5" t="s">
        <v>40</v>
      </c>
      <c r="R13063" s="5" t="s">
        <v>1522</v>
      </c>
      <c r="S13063" s="5" t="s">
        <v>1523</v>
      </c>
      <c r="T13063" s="5" t="s">
        <v>42</v>
      </c>
      <c r="U13063" s="2">
        <v>1.7689999999999999</v>
      </c>
      <c r="V13063" s="2">
        <v>1.2569999999999999</v>
      </c>
      <c r="W13063" s="2">
        <v>1.7999999999999999E-2</v>
      </c>
      <c r="X13063" s="2">
        <v>139.1</v>
      </c>
      <c r="Y13063" s="2">
        <v>7.6</v>
      </c>
      <c r="Z13063" s="2">
        <v>16.7</v>
      </c>
      <c r="AA13063" s="5"/>
      <c r="AB13063" s="5" t="s">
        <v>43</v>
      </c>
      <c r="AC13063" s="5" t="s">
        <v>44</v>
      </c>
      <c r="AD13063" s="2"/>
      <c r="AE13063" s="1"/>
    </row>
    <row r="13064" spans="1:31" ht="14.45">
      <c r="A13064" s="11"/>
      <c r="B13064" s="20"/>
      <c r="C13064" s="2" t="s">
        <v>40120</v>
      </c>
      <c r="D13064" s="14" t="s">
        <v>40121</v>
      </c>
      <c r="E13064" s="2" t="s">
        <v>40122</v>
      </c>
      <c r="F13064" s="2" t="s">
        <v>36389</v>
      </c>
      <c r="G13064" s="8">
        <v>218</v>
      </c>
      <c r="H13064" s="5">
        <v>6</v>
      </c>
      <c r="I13064" s="5" t="s">
        <v>1518</v>
      </c>
      <c r="J13064" s="5" t="s">
        <v>36264</v>
      </c>
      <c r="K13064" s="2" t="s">
        <v>36265</v>
      </c>
      <c r="L13064" s="5" t="s">
        <v>36264</v>
      </c>
      <c r="M13064" s="2" t="s">
        <v>36265</v>
      </c>
      <c r="N13064" s="5" t="s">
        <v>36266</v>
      </c>
      <c r="O13064" s="5" t="s">
        <v>38</v>
      </c>
      <c r="P13064" s="5" t="s">
        <v>39</v>
      </c>
      <c r="Q13064" s="5" t="s">
        <v>40</v>
      </c>
      <c r="R13064" s="5" t="s">
        <v>1522</v>
      </c>
      <c r="S13064" s="5" t="s">
        <v>1523</v>
      </c>
      <c r="T13064" s="5" t="s">
        <v>42</v>
      </c>
      <c r="U13064" s="2">
        <v>1.819</v>
      </c>
      <c r="V13064" s="2">
        <v>1.3069999999999999</v>
      </c>
      <c r="W13064" s="2">
        <v>1.7999999999999999E-2</v>
      </c>
      <c r="X13064" s="2">
        <v>139.1</v>
      </c>
      <c r="Y13064" s="2">
        <v>7.6</v>
      </c>
      <c r="Z13064" s="2">
        <v>16.7</v>
      </c>
      <c r="AA13064" s="5"/>
      <c r="AB13064" s="5" t="s">
        <v>43</v>
      </c>
      <c r="AC13064" s="5" t="s">
        <v>44</v>
      </c>
      <c r="AD13064" s="2"/>
      <c r="AE13064" s="1"/>
    </row>
    <row r="13065" spans="1:31" ht="14.45">
      <c r="A13065" s="11"/>
      <c r="B13065" s="20"/>
      <c r="C13065" s="2" t="s">
        <v>40123</v>
      </c>
      <c r="D13065" s="14" t="s">
        <v>40124</v>
      </c>
      <c r="E13065" s="2" t="s">
        <v>40125</v>
      </c>
      <c r="F13065" s="2" t="s">
        <v>7204</v>
      </c>
      <c r="G13065" s="8">
        <v>206</v>
      </c>
      <c r="H13065" s="5">
        <v>6</v>
      </c>
      <c r="I13065" s="5" t="s">
        <v>1518</v>
      </c>
      <c r="J13065" s="5" t="s">
        <v>36264</v>
      </c>
      <c r="K13065" s="2" t="s">
        <v>36265</v>
      </c>
      <c r="L13065" s="5" t="s">
        <v>36264</v>
      </c>
      <c r="M13065" s="2" t="s">
        <v>36265</v>
      </c>
      <c r="N13065" s="5" t="s">
        <v>36266</v>
      </c>
      <c r="O13065" s="5" t="s">
        <v>38</v>
      </c>
      <c r="P13065" s="5" t="s">
        <v>39</v>
      </c>
      <c r="Q13065" s="5" t="s">
        <v>40</v>
      </c>
      <c r="R13065" s="5" t="s">
        <v>1522</v>
      </c>
      <c r="S13065" s="5" t="s">
        <v>1523</v>
      </c>
      <c r="T13065" s="5" t="s">
        <v>42</v>
      </c>
      <c r="U13065" s="2">
        <v>2.0270000000000001</v>
      </c>
      <c r="V13065" s="2">
        <v>1.5149999999999999</v>
      </c>
      <c r="W13065" s="2">
        <v>1.7999999999999999E-2</v>
      </c>
      <c r="X13065" s="2">
        <v>139.1</v>
      </c>
      <c r="Y13065" s="2">
        <v>7.6</v>
      </c>
      <c r="Z13065" s="2">
        <v>16.7</v>
      </c>
      <c r="AA13065" s="5"/>
      <c r="AB13065" s="5" t="s">
        <v>43</v>
      </c>
      <c r="AC13065" s="5" t="s">
        <v>44</v>
      </c>
      <c r="AD13065" s="2"/>
      <c r="AE13065" s="1"/>
    </row>
    <row r="13066" spans="1:31" ht="14.45">
      <c r="A13066" s="11"/>
      <c r="B13066" s="20"/>
      <c r="C13066" s="2" t="s">
        <v>40126</v>
      </c>
      <c r="D13066" s="14" t="s">
        <v>40127</v>
      </c>
      <c r="E13066" s="2" t="s">
        <v>40128</v>
      </c>
      <c r="F13066" s="2" t="s">
        <v>7514</v>
      </c>
      <c r="G13066" s="8">
        <v>206</v>
      </c>
      <c r="H13066" s="5">
        <v>6</v>
      </c>
      <c r="I13066" s="5" t="s">
        <v>1518</v>
      </c>
      <c r="J13066" s="5" t="s">
        <v>36264</v>
      </c>
      <c r="K13066" s="2" t="s">
        <v>36265</v>
      </c>
      <c r="L13066" s="5" t="s">
        <v>36264</v>
      </c>
      <c r="M13066" s="2" t="s">
        <v>36265</v>
      </c>
      <c r="N13066" s="5" t="s">
        <v>36266</v>
      </c>
      <c r="O13066" s="5" t="s">
        <v>38</v>
      </c>
      <c r="P13066" s="5" t="s">
        <v>39</v>
      </c>
      <c r="Q13066" s="5" t="s">
        <v>40</v>
      </c>
      <c r="R13066" s="5" t="s">
        <v>1522</v>
      </c>
      <c r="S13066" s="5" t="s">
        <v>1523</v>
      </c>
      <c r="T13066" s="5" t="s">
        <v>42</v>
      </c>
      <c r="U13066" s="2">
        <v>2.077</v>
      </c>
      <c r="V13066" s="2">
        <v>1.5649999999999999</v>
      </c>
      <c r="W13066" s="2">
        <v>1.7999999999999999E-2</v>
      </c>
      <c r="X13066" s="2">
        <v>139.1</v>
      </c>
      <c r="Y13066" s="2">
        <v>7.6</v>
      </c>
      <c r="Z13066" s="2">
        <v>16.7</v>
      </c>
      <c r="AA13066" s="5"/>
      <c r="AB13066" s="5" t="s">
        <v>43</v>
      </c>
      <c r="AC13066" s="5" t="s">
        <v>44</v>
      </c>
      <c r="AD13066" s="2"/>
      <c r="AE13066" s="1"/>
    </row>
    <row r="13067" spans="1:31" ht="14.45">
      <c r="A13067" s="11"/>
      <c r="B13067" s="20"/>
      <c r="C13067" s="2" t="s">
        <v>40129</v>
      </c>
      <c r="D13067" s="14" t="s">
        <v>40130</v>
      </c>
      <c r="E13067" s="2" t="s">
        <v>40131</v>
      </c>
      <c r="F13067" s="2" t="s">
        <v>36273</v>
      </c>
      <c r="G13067" s="8">
        <v>206</v>
      </c>
      <c r="H13067" s="5">
        <v>6</v>
      </c>
      <c r="I13067" s="5" t="s">
        <v>1518</v>
      </c>
      <c r="J13067" s="5" t="s">
        <v>36264</v>
      </c>
      <c r="K13067" s="2" t="s">
        <v>36265</v>
      </c>
      <c r="L13067" s="5" t="s">
        <v>36264</v>
      </c>
      <c r="M13067" s="2" t="s">
        <v>36265</v>
      </c>
      <c r="N13067" s="5" t="s">
        <v>36266</v>
      </c>
      <c r="O13067" s="5" t="s">
        <v>38</v>
      </c>
      <c r="P13067" s="5" t="s">
        <v>39</v>
      </c>
      <c r="Q13067" s="5" t="s">
        <v>40</v>
      </c>
      <c r="R13067" s="5" t="s">
        <v>1522</v>
      </c>
      <c r="S13067" s="5" t="s">
        <v>1523</v>
      </c>
      <c r="T13067" s="5" t="s">
        <v>42</v>
      </c>
      <c r="U13067" s="2">
        <v>2.0270000000000001</v>
      </c>
      <c r="V13067" s="2">
        <v>1.5149999999999999</v>
      </c>
      <c r="W13067" s="2">
        <v>1.7999999999999999E-2</v>
      </c>
      <c r="X13067" s="2">
        <v>139.1</v>
      </c>
      <c r="Y13067" s="2">
        <v>7.6</v>
      </c>
      <c r="Z13067" s="2">
        <v>16.7</v>
      </c>
      <c r="AA13067" s="5"/>
      <c r="AB13067" s="5" t="s">
        <v>43</v>
      </c>
      <c r="AC13067" s="5" t="s">
        <v>44</v>
      </c>
      <c r="AD13067" s="2"/>
      <c r="AE13067" s="1"/>
    </row>
    <row r="13068" spans="1:31" ht="14.45">
      <c r="A13068" s="11"/>
      <c r="B13068" s="20"/>
      <c r="C13068" s="2" t="s">
        <v>40132</v>
      </c>
      <c r="D13068" s="14" t="s">
        <v>40133</v>
      </c>
      <c r="E13068" s="2" t="s">
        <v>40134</v>
      </c>
      <c r="F13068" s="2" t="s">
        <v>36277</v>
      </c>
      <c r="G13068" s="8">
        <v>206</v>
      </c>
      <c r="H13068" s="5">
        <v>6</v>
      </c>
      <c r="I13068" s="5" t="s">
        <v>1518</v>
      </c>
      <c r="J13068" s="5" t="s">
        <v>36264</v>
      </c>
      <c r="K13068" s="2" t="s">
        <v>36265</v>
      </c>
      <c r="L13068" s="5" t="s">
        <v>36264</v>
      </c>
      <c r="M13068" s="2" t="s">
        <v>36265</v>
      </c>
      <c r="N13068" s="5" t="s">
        <v>36266</v>
      </c>
      <c r="O13068" s="5" t="s">
        <v>38</v>
      </c>
      <c r="P13068" s="5" t="s">
        <v>39</v>
      </c>
      <c r="Q13068" s="5" t="s">
        <v>40</v>
      </c>
      <c r="R13068" s="5" t="s">
        <v>1522</v>
      </c>
      <c r="S13068" s="5" t="s">
        <v>1523</v>
      </c>
      <c r="T13068" s="5" t="s">
        <v>42</v>
      </c>
      <c r="U13068" s="2">
        <v>2.077</v>
      </c>
      <c r="V13068" s="2">
        <v>1.5649999999999999</v>
      </c>
      <c r="W13068" s="2">
        <v>1.7999999999999999E-2</v>
      </c>
      <c r="X13068" s="2">
        <v>139.1</v>
      </c>
      <c r="Y13068" s="2">
        <v>7.6</v>
      </c>
      <c r="Z13068" s="2">
        <v>16.7</v>
      </c>
      <c r="AA13068" s="5"/>
      <c r="AB13068" s="5" t="s">
        <v>43</v>
      </c>
      <c r="AC13068" s="5" t="s">
        <v>44</v>
      </c>
      <c r="AD13068" s="2"/>
      <c r="AE13068" s="1"/>
    </row>
    <row r="13069" spans="1:31" ht="14.45">
      <c r="A13069" s="11"/>
      <c r="B13069" s="20"/>
      <c r="C13069" s="2" t="s">
        <v>40135</v>
      </c>
      <c r="D13069" s="14" t="s">
        <v>40136</v>
      </c>
      <c r="E13069" s="2" t="s">
        <v>40137</v>
      </c>
      <c r="F13069" s="2" t="s">
        <v>36281</v>
      </c>
      <c r="G13069" s="8">
        <v>237</v>
      </c>
      <c r="H13069" s="5">
        <v>6</v>
      </c>
      <c r="I13069" s="5" t="s">
        <v>1518</v>
      </c>
      <c r="J13069" s="5" t="s">
        <v>36264</v>
      </c>
      <c r="K13069" s="2" t="s">
        <v>36265</v>
      </c>
      <c r="L13069" s="5" t="s">
        <v>36264</v>
      </c>
      <c r="M13069" s="2" t="s">
        <v>36265</v>
      </c>
      <c r="N13069" s="5" t="s">
        <v>36266</v>
      </c>
      <c r="O13069" s="5" t="s">
        <v>38</v>
      </c>
      <c r="P13069" s="5" t="s">
        <v>39</v>
      </c>
      <c r="Q13069" s="5" t="s">
        <v>40</v>
      </c>
      <c r="R13069" s="5" t="s">
        <v>1522</v>
      </c>
      <c r="S13069" s="5" t="s">
        <v>1523</v>
      </c>
      <c r="T13069" s="5" t="s">
        <v>42</v>
      </c>
      <c r="U13069" s="2">
        <v>2.0270000000000001</v>
      </c>
      <c r="V13069" s="2">
        <v>1.5149999999999999</v>
      </c>
      <c r="W13069" s="2">
        <v>1.7999999999999999E-2</v>
      </c>
      <c r="X13069" s="2">
        <v>139.1</v>
      </c>
      <c r="Y13069" s="2">
        <v>7.6</v>
      </c>
      <c r="Z13069" s="2">
        <v>16.7</v>
      </c>
      <c r="AA13069" s="5"/>
      <c r="AB13069" s="5" t="s">
        <v>43</v>
      </c>
      <c r="AC13069" s="5" t="s">
        <v>44</v>
      </c>
      <c r="AD13069" s="2"/>
      <c r="AE13069" s="1"/>
    </row>
    <row r="13070" spans="1:31" ht="14.45">
      <c r="A13070" s="11"/>
      <c r="B13070" s="20"/>
      <c r="C13070" s="2" t="s">
        <v>40138</v>
      </c>
      <c r="D13070" s="14" t="s">
        <v>40139</v>
      </c>
      <c r="E13070" s="2" t="s">
        <v>40140</v>
      </c>
      <c r="F13070" s="2" t="s">
        <v>36285</v>
      </c>
      <c r="G13070" s="8">
        <v>237</v>
      </c>
      <c r="H13070" s="5">
        <v>6</v>
      </c>
      <c r="I13070" s="5" t="s">
        <v>1518</v>
      </c>
      <c r="J13070" s="5" t="s">
        <v>36264</v>
      </c>
      <c r="K13070" s="2" t="s">
        <v>36265</v>
      </c>
      <c r="L13070" s="5" t="s">
        <v>36264</v>
      </c>
      <c r="M13070" s="2" t="s">
        <v>36265</v>
      </c>
      <c r="N13070" s="5" t="s">
        <v>36266</v>
      </c>
      <c r="O13070" s="5" t="s">
        <v>38</v>
      </c>
      <c r="P13070" s="5" t="s">
        <v>39</v>
      </c>
      <c r="Q13070" s="5" t="s">
        <v>40</v>
      </c>
      <c r="R13070" s="5" t="s">
        <v>1522</v>
      </c>
      <c r="S13070" s="5" t="s">
        <v>1523</v>
      </c>
      <c r="T13070" s="5" t="s">
        <v>42</v>
      </c>
      <c r="U13070" s="2">
        <v>2.077</v>
      </c>
      <c r="V13070" s="2">
        <v>1.5649999999999999</v>
      </c>
      <c r="W13070" s="2">
        <v>1.7999999999999999E-2</v>
      </c>
      <c r="X13070" s="2">
        <v>139.1</v>
      </c>
      <c r="Y13070" s="2">
        <v>7.6</v>
      </c>
      <c r="Z13070" s="2">
        <v>16.7</v>
      </c>
      <c r="AA13070" s="5"/>
      <c r="AB13070" s="5" t="s">
        <v>43</v>
      </c>
      <c r="AC13070" s="5" t="s">
        <v>44</v>
      </c>
      <c r="AD13070" s="2"/>
      <c r="AE13070" s="1"/>
    </row>
    <row r="13071" spans="1:31" ht="14.45">
      <c r="A13071" s="11"/>
      <c r="B13071" s="20"/>
      <c r="C13071" s="2" t="s">
        <v>40141</v>
      </c>
      <c r="D13071" s="14" t="s">
        <v>40142</v>
      </c>
      <c r="E13071" s="2" t="s">
        <v>40143</v>
      </c>
      <c r="F13071" s="2" t="s">
        <v>36289</v>
      </c>
      <c r="G13071" s="8">
        <v>237</v>
      </c>
      <c r="H13071" s="5">
        <v>6</v>
      </c>
      <c r="I13071" s="5" t="s">
        <v>1518</v>
      </c>
      <c r="J13071" s="5" t="s">
        <v>36264</v>
      </c>
      <c r="K13071" s="2" t="s">
        <v>36265</v>
      </c>
      <c r="L13071" s="5" t="s">
        <v>36264</v>
      </c>
      <c r="M13071" s="2" t="s">
        <v>36265</v>
      </c>
      <c r="N13071" s="5" t="s">
        <v>36266</v>
      </c>
      <c r="O13071" s="5" t="s">
        <v>38</v>
      </c>
      <c r="P13071" s="5" t="s">
        <v>39</v>
      </c>
      <c r="Q13071" s="5" t="s">
        <v>40</v>
      </c>
      <c r="R13071" s="5" t="s">
        <v>1522</v>
      </c>
      <c r="S13071" s="5" t="s">
        <v>1523</v>
      </c>
      <c r="T13071" s="5" t="s">
        <v>42</v>
      </c>
      <c r="U13071" s="2">
        <v>2.0270000000000001</v>
      </c>
      <c r="V13071" s="2">
        <v>1.5149999999999999</v>
      </c>
      <c r="W13071" s="2">
        <v>1.7999999999999999E-2</v>
      </c>
      <c r="X13071" s="2">
        <v>139.1</v>
      </c>
      <c r="Y13071" s="2">
        <v>7.6</v>
      </c>
      <c r="Z13071" s="2">
        <v>16.7</v>
      </c>
      <c r="AA13071" s="5"/>
      <c r="AB13071" s="5" t="s">
        <v>43</v>
      </c>
      <c r="AC13071" s="5" t="s">
        <v>44</v>
      </c>
      <c r="AD13071" s="2"/>
      <c r="AE13071" s="1"/>
    </row>
    <row r="13072" spans="1:31" ht="14.45">
      <c r="A13072" s="11"/>
      <c r="B13072" s="20"/>
      <c r="C13072" s="2" t="s">
        <v>40144</v>
      </c>
      <c r="D13072" s="14" t="s">
        <v>40145</v>
      </c>
      <c r="E13072" s="2" t="s">
        <v>40146</v>
      </c>
      <c r="F13072" s="2" t="s">
        <v>36293</v>
      </c>
      <c r="G13072" s="8">
        <v>237</v>
      </c>
      <c r="H13072" s="5">
        <v>6</v>
      </c>
      <c r="I13072" s="5" t="s">
        <v>1518</v>
      </c>
      <c r="J13072" s="5" t="s">
        <v>36264</v>
      </c>
      <c r="K13072" s="2" t="s">
        <v>36265</v>
      </c>
      <c r="L13072" s="5" t="s">
        <v>36264</v>
      </c>
      <c r="M13072" s="2" t="s">
        <v>36265</v>
      </c>
      <c r="N13072" s="5" t="s">
        <v>36266</v>
      </c>
      <c r="O13072" s="5" t="s">
        <v>38</v>
      </c>
      <c r="P13072" s="5" t="s">
        <v>39</v>
      </c>
      <c r="Q13072" s="5" t="s">
        <v>40</v>
      </c>
      <c r="R13072" s="5" t="s">
        <v>1522</v>
      </c>
      <c r="S13072" s="5" t="s">
        <v>1523</v>
      </c>
      <c r="T13072" s="5" t="s">
        <v>42</v>
      </c>
      <c r="U13072" s="2">
        <v>2.077</v>
      </c>
      <c r="V13072" s="2">
        <v>1.5649999999999999</v>
      </c>
      <c r="W13072" s="2">
        <v>1.7999999999999999E-2</v>
      </c>
      <c r="X13072" s="2">
        <v>139.1</v>
      </c>
      <c r="Y13072" s="2">
        <v>7.6</v>
      </c>
      <c r="Z13072" s="2">
        <v>16.7</v>
      </c>
      <c r="AA13072" s="5"/>
      <c r="AB13072" s="5" t="s">
        <v>43</v>
      </c>
      <c r="AC13072" s="5" t="s">
        <v>44</v>
      </c>
      <c r="AD13072" s="2"/>
      <c r="AE13072" s="1"/>
    </row>
    <row r="13073" spans="1:31" ht="14.45">
      <c r="A13073" s="11"/>
      <c r="B13073" s="20"/>
      <c r="C13073" s="2" t="s">
        <v>40147</v>
      </c>
      <c r="D13073" s="14" t="s">
        <v>40148</v>
      </c>
      <c r="E13073" s="2" t="s">
        <v>40149</v>
      </c>
      <c r="F13073" s="2" t="s">
        <v>36588</v>
      </c>
      <c r="G13073" s="8">
        <v>206</v>
      </c>
      <c r="H13073" s="5">
        <v>6</v>
      </c>
      <c r="I13073" s="5" t="s">
        <v>1518</v>
      </c>
      <c r="J13073" s="5" t="s">
        <v>36264</v>
      </c>
      <c r="K13073" s="2" t="s">
        <v>36265</v>
      </c>
      <c r="L13073" s="5" t="s">
        <v>36264</v>
      </c>
      <c r="M13073" s="2" t="s">
        <v>36265</v>
      </c>
      <c r="N13073" s="5" t="s">
        <v>36266</v>
      </c>
      <c r="O13073" s="5" t="s">
        <v>38</v>
      </c>
      <c r="P13073" s="5" t="s">
        <v>39</v>
      </c>
      <c r="Q13073" s="5" t="s">
        <v>40</v>
      </c>
      <c r="R13073" s="5" t="s">
        <v>1522</v>
      </c>
      <c r="S13073" s="5" t="s">
        <v>1523</v>
      </c>
      <c r="T13073" s="5" t="s">
        <v>42</v>
      </c>
      <c r="U13073" s="2">
        <v>2.0270000000000001</v>
      </c>
      <c r="V13073" s="2">
        <v>1.5149999999999999</v>
      </c>
      <c r="W13073" s="2">
        <v>1.7999999999999999E-2</v>
      </c>
      <c r="X13073" s="2">
        <v>139.1</v>
      </c>
      <c r="Y13073" s="2">
        <v>7.6</v>
      </c>
      <c r="Z13073" s="2">
        <v>16.7</v>
      </c>
      <c r="AA13073" s="5"/>
      <c r="AB13073" s="5" t="s">
        <v>43</v>
      </c>
      <c r="AC13073" s="5" t="s">
        <v>44</v>
      </c>
      <c r="AD13073" s="2"/>
      <c r="AE13073" s="1"/>
    </row>
    <row r="13074" spans="1:31" ht="14.45">
      <c r="A13074" s="11"/>
      <c r="B13074" s="20"/>
      <c r="C13074" s="2" t="s">
        <v>40150</v>
      </c>
      <c r="D13074" s="14" t="s">
        <v>40151</v>
      </c>
      <c r="E13074" s="2" t="s">
        <v>40152</v>
      </c>
      <c r="F13074" s="2" t="s">
        <v>36592</v>
      </c>
      <c r="G13074" s="8">
        <v>206</v>
      </c>
      <c r="H13074" s="5">
        <v>6</v>
      </c>
      <c r="I13074" s="5" t="s">
        <v>1518</v>
      </c>
      <c r="J13074" s="5" t="s">
        <v>36264</v>
      </c>
      <c r="K13074" s="2" t="s">
        <v>36265</v>
      </c>
      <c r="L13074" s="5" t="s">
        <v>36264</v>
      </c>
      <c r="M13074" s="2" t="s">
        <v>36265</v>
      </c>
      <c r="N13074" s="5" t="s">
        <v>36266</v>
      </c>
      <c r="O13074" s="5" t="s">
        <v>38</v>
      </c>
      <c r="P13074" s="5" t="s">
        <v>39</v>
      </c>
      <c r="Q13074" s="5" t="s">
        <v>40</v>
      </c>
      <c r="R13074" s="5" t="s">
        <v>1522</v>
      </c>
      <c r="S13074" s="5" t="s">
        <v>1523</v>
      </c>
      <c r="T13074" s="5" t="s">
        <v>42</v>
      </c>
      <c r="U13074" s="2">
        <v>2.077</v>
      </c>
      <c r="V13074" s="2">
        <v>1.5649999999999999</v>
      </c>
      <c r="W13074" s="2">
        <v>1.7999999999999999E-2</v>
      </c>
      <c r="X13074" s="2">
        <v>139.1</v>
      </c>
      <c r="Y13074" s="2">
        <v>7.6</v>
      </c>
      <c r="Z13074" s="2">
        <v>16.7</v>
      </c>
      <c r="AA13074" s="5"/>
      <c r="AB13074" s="5" t="s">
        <v>43</v>
      </c>
      <c r="AC13074" s="5" t="s">
        <v>44</v>
      </c>
      <c r="AD13074" s="2"/>
      <c r="AE13074" s="1"/>
    </row>
    <row r="13075" spans="1:31" ht="14.45">
      <c r="A13075" s="11"/>
      <c r="B13075" s="20"/>
      <c r="C13075" s="2" t="s">
        <v>40153</v>
      </c>
      <c r="D13075" s="14" t="s">
        <v>40154</v>
      </c>
      <c r="E13075" s="2" t="s">
        <v>40155</v>
      </c>
      <c r="F13075" s="2" t="s">
        <v>36305</v>
      </c>
      <c r="G13075" s="8">
        <v>206</v>
      </c>
      <c r="H13075" s="5">
        <v>6</v>
      </c>
      <c r="I13075" s="5" t="s">
        <v>1518</v>
      </c>
      <c r="J13075" s="5" t="s">
        <v>36264</v>
      </c>
      <c r="K13075" s="2" t="s">
        <v>36265</v>
      </c>
      <c r="L13075" s="5" t="s">
        <v>36264</v>
      </c>
      <c r="M13075" s="2" t="s">
        <v>36265</v>
      </c>
      <c r="N13075" s="5" t="s">
        <v>36266</v>
      </c>
      <c r="O13075" s="5" t="s">
        <v>38</v>
      </c>
      <c r="P13075" s="5" t="s">
        <v>39</v>
      </c>
      <c r="Q13075" s="5" t="s">
        <v>40</v>
      </c>
      <c r="R13075" s="5" t="s">
        <v>1522</v>
      </c>
      <c r="S13075" s="5" t="s">
        <v>1523</v>
      </c>
      <c r="T13075" s="5" t="s">
        <v>42</v>
      </c>
      <c r="U13075" s="2">
        <v>2.0270000000000001</v>
      </c>
      <c r="V13075" s="2">
        <v>1.5149999999999999</v>
      </c>
      <c r="W13075" s="2">
        <v>1.7999999999999999E-2</v>
      </c>
      <c r="X13075" s="2">
        <v>139.1</v>
      </c>
      <c r="Y13075" s="2">
        <v>7.6</v>
      </c>
      <c r="Z13075" s="2">
        <v>16.7</v>
      </c>
      <c r="AA13075" s="5"/>
      <c r="AB13075" s="5" t="s">
        <v>43</v>
      </c>
      <c r="AC13075" s="5" t="s">
        <v>44</v>
      </c>
      <c r="AD13075" s="2"/>
      <c r="AE13075" s="1"/>
    </row>
    <row r="13076" spans="1:31" ht="14.45">
      <c r="A13076" s="11"/>
      <c r="B13076" s="20"/>
      <c r="C13076" s="2" t="s">
        <v>40156</v>
      </c>
      <c r="D13076" s="14" t="s">
        <v>40157</v>
      </c>
      <c r="E13076" s="2" t="s">
        <v>40158</v>
      </c>
      <c r="F13076" s="2" t="s">
        <v>36309</v>
      </c>
      <c r="G13076" s="8">
        <v>206</v>
      </c>
      <c r="H13076" s="5">
        <v>6</v>
      </c>
      <c r="I13076" s="5" t="s">
        <v>1518</v>
      </c>
      <c r="J13076" s="5" t="s">
        <v>36264</v>
      </c>
      <c r="K13076" s="2" t="s">
        <v>36265</v>
      </c>
      <c r="L13076" s="5" t="s">
        <v>36264</v>
      </c>
      <c r="M13076" s="2" t="s">
        <v>36265</v>
      </c>
      <c r="N13076" s="5" t="s">
        <v>36266</v>
      </c>
      <c r="O13076" s="5" t="s">
        <v>38</v>
      </c>
      <c r="P13076" s="5" t="s">
        <v>39</v>
      </c>
      <c r="Q13076" s="5" t="s">
        <v>40</v>
      </c>
      <c r="R13076" s="5" t="s">
        <v>1522</v>
      </c>
      <c r="S13076" s="5" t="s">
        <v>1523</v>
      </c>
      <c r="T13076" s="5" t="s">
        <v>42</v>
      </c>
      <c r="U13076" s="2">
        <v>2.077</v>
      </c>
      <c r="V13076" s="2">
        <v>1.5649999999999999</v>
      </c>
      <c r="W13076" s="2">
        <v>1.7999999999999999E-2</v>
      </c>
      <c r="X13076" s="2">
        <v>139.1</v>
      </c>
      <c r="Y13076" s="2">
        <v>7.6</v>
      </c>
      <c r="Z13076" s="2">
        <v>16.7</v>
      </c>
      <c r="AA13076" s="5"/>
      <c r="AB13076" s="5" t="s">
        <v>43</v>
      </c>
      <c r="AC13076" s="5" t="s">
        <v>44</v>
      </c>
      <c r="AD13076" s="2"/>
      <c r="AE13076" s="1"/>
    </row>
    <row r="13077" spans="1:31" ht="14.45">
      <c r="A13077" s="11"/>
      <c r="B13077" s="20"/>
      <c r="C13077" s="2" t="s">
        <v>40159</v>
      </c>
      <c r="D13077" s="14" t="s">
        <v>40160</v>
      </c>
      <c r="E13077" s="2" t="s">
        <v>40161</v>
      </c>
      <c r="F13077" s="2" t="s">
        <v>36313</v>
      </c>
      <c r="G13077" s="8">
        <v>237</v>
      </c>
      <c r="H13077" s="5">
        <v>6</v>
      </c>
      <c r="I13077" s="5" t="s">
        <v>1518</v>
      </c>
      <c r="J13077" s="5" t="s">
        <v>36264</v>
      </c>
      <c r="K13077" s="2" t="s">
        <v>36265</v>
      </c>
      <c r="L13077" s="5" t="s">
        <v>36264</v>
      </c>
      <c r="M13077" s="2" t="s">
        <v>36265</v>
      </c>
      <c r="N13077" s="5" t="s">
        <v>36266</v>
      </c>
      <c r="O13077" s="5" t="s">
        <v>38</v>
      </c>
      <c r="P13077" s="5" t="s">
        <v>39</v>
      </c>
      <c r="Q13077" s="5" t="s">
        <v>40</v>
      </c>
      <c r="R13077" s="5" t="s">
        <v>1522</v>
      </c>
      <c r="S13077" s="5" t="s">
        <v>1523</v>
      </c>
      <c r="T13077" s="5" t="s">
        <v>42</v>
      </c>
      <c r="U13077" s="2">
        <v>2.0270000000000001</v>
      </c>
      <c r="V13077" s="2">
        <v>1.5149999999999999</v>
      </c>
      <c r="W13077" s="2">
        <v>1.7999999999999999E-2</v>
      </c>
      <c r="X13077" s="2">
        <v>139.1</v>
      </c>
      <c r="Y13077" s="2">
        <v>7.6</v>
      </c>
      <c r="Z13077" s="2">
        <v>16.7</v>
      </c>
      <c r="AA13077" s="5"/>
      <c r="AB13077" s="5" t="s">
        <v>43</v>
      </c>
      <c r="AC13077" s="5" t="s">
        <v>44</v>
      </c>
      <c r="AD13077" s="2"/>
      <c r="AE13077" s="1"/>
    </row>
    <row r="13078" spans="1:31" ht="14.45">
      <c r="A13078" s="11"/>
      <c r="B13078" s="20"/>
      <c r="C13078" s="2" t="s">
        <v>40162</v>
      </c>
      <c r="D13078" s="14" t="s">
        <v>40163</v>
      </c>
      <c r="E13078" s="2" t="s">
        <v>40164</v>
      </c>
      <c r="F13078" s="2" t="s">
        <v>36317</v>
      </c>
      <c r="G13078" s="8">
        <v>237</v>
      </c>
      <c r="H13078" s="5">
        <v>6</v>
      </c>
      <c r="I13078" s="5" t="s">
        <v>1518</v>
      </c>
      <c r="J13078" s="5" t="s">
        <v>36264</v>
      </c>
      <c r="K13078" s="2" t="s">
        <v>36265</v>
      </c>
      <c r="L13078" s="5" t="s">
        <v>36264</v>
      </c>
      <c r="M13078" s="2" t="s">
        <v>36265</v>
      </c>
      <c r="N13078" s="5" t="s">
        <v>36266</v>
      </c>
      <c r="O13078" s="5" t="s">
        <v>38</v>
      </c>
      <c r="P13078" s="5" t="s">
        <v>39</v>
      </c>
      <c r="Q13078" s="5" t="s">
        <v>40</v>
      </c>
      <c r="R13078" s="5" t="s">
        <v>1522</v>
      </c>
      <c r="S13078" s="5" t="s">
        <v>1523</v>
      </c>
      <c r="T13078" s="5" t="s">
        <v>42</v>
      </c>
      <c r="U13078" s="2">
        <v>2.077</v>
      </c>
      <c r="V13078" s="2">
        <v>1.5649999999999999</v>
      </c>
      <c r="W13078" s="2">
        <v>1.7999999999999999E-2</v>
      </c>
      <c r="X13078" s="2">
        <v>139.1</v>
      </c>
      <c r="Y13078" s="2">
        <v>7.6</v>
      </c>
      <c r="Z13078" s="2">
        <v>16.7</v>
      </c>
      <c r="AA13078" s="5"/>
      <c r="AB13078" s="5" t="s">
        <v>43</v>
      </c>
      <c r="AC13078" s="5" t="s">
        <v>44</v>
      </c>
      <c r="AD13078" s="2"/>
      <c r="AE13078" s="1"/>
    </row>
    <row r="13079" spans="1:31" ht="14.45">
      <c r="A13079" s="11"/>
      <c r="B13079" s="20"/>
      <c r="C13079" s="2" t="s">
        <v>40165</v>
      </c>
      <c r="D13079" s="14" t="s">
        <v>40166</v>
      </c>
      <c r="E13079" s="2" t="s">
        <v>40167</v>
      </c>
      <c r="F13079" s="2" t="s">
        <v>36321</v>
      </c>
      <c r="G13079" s="8">
        <v>237</v>
      </c>
      <c r="H13079" s="5">
        <v>6</v>
      </c>
      <c r="I13079" s="5" t="s">
        <v>1518</v>
      </c>
      <c r="J13079" s="5" t="s">
        <v>36264</v>
      </c>
      <c r="K13079" s="2" t="s">
        <v>36265</v>
      </c>
      <c r="L13079" s="5" t="s">
        <v>36264</v>
      </c>
      <c r="M13079" s="2" t="s">
        <v>36265</v>
      </c>
      <c r="N13079" s="5" t="s">
        <v>36266</v>
      </c>
      <c r="O13079" s="5" t="s">
        <v>38</v>
      </c>
      <c r="P13079" s="5" t="s">
        <v>39</v>
      </c>
      <c r="Q13079" s="5" t="s">
        <v>40</v>
      </c>
      <c r="R13079" s="5" t="s">
        <v>1522</v>
      </c>
      <c r="S13079" s="5" t="s">
        <v>1523</v>
      </c>
      <c r="T13079" s="5" t="s">
        <v>42</v>
      </c>
      <c r="U13079" s="2">
        <v>2.0270000000000001</v>
      </c>
      <c r="V13079" s="2">
        <v>1.5149999999999999</v>
      </c>
      <c r="W13079" s="2">
        <v>1.7999999999999999E-2</v>
      </c>
      <c r="X13079" s="2">
        <v>139.1</v>
      </c>
      <c r="Y13079" s="2">
        <v>7.6</v>
      </c>
      <c r="Z13079" s="2">
        <v>16.7</v>
      </c>
      <c r="AA13079" s="5"/>
      <c r="AB13079" s="5" t="s">
        <v>43</v>
      </c>
      <c r="AC13079" s="5" t="s">
        <v>44</v>
      </c>
      <c r="AD13079" s="2"/>
      <c r="AE13079" s="1"/>
    </row>
    <row r="13080" spans="1:31" ht="14.45">
      <c r="A13080" s="11"/>
      <c r="B13080" s="20"/>
      <c r="C13080" s="2" t="s">
        <v>40168</v>
      </c>
      <c r="D13080" s="14" t="s">
        <v>40169</v>
      </c>
      <c r="E13080" s="2" t="s">
        <v>40170</v>
      </c>
      <c r="F13080" s="2" t="s">
        <v>36325</v>
      </c>
      <c r="G13080" s="8">
        <v>237</v>
      </c>
      <c r="H13080" s="5">
        <v>6</v>
      </c>
      <c r="I13080" s="5" t="s">
        <v>1518</v>
      </c>
      <c r="J13080" s="5" t="s">
        <v>36264</v>
      </c>
      <c r="K13080" s="2" t="s">
        <v>36265</v>
      </c>
      <c r="L13080" s="5" t="s">
        <v>36264</v>
      </c>
      <c r="M13080" s="2" t="s">
        <v>36265</v>
      </c>
      <c r="N13080" s="5" t="s">
        <v>36266</v>
      </c>
      <c r="O13080" s="5" t="s">
        <v>38</v>
      </c>
      <c r="P13080" s="5" t="s">
        <v>39</v>
      </c>
      <c r="Q13080" s="5" t="s">
        <v>40</v>
      </c>
      <c r="R13080" s="5" t="s">
        <v>1522</v>
      </c>
      <c r="S13080" s="5" t="s">
        <v>1523</v>
      </c>
      <c r="T13080" s="5" t="s">
        <v>42</v>
      </c>
      <c r="U13080" s="2">
        <v>2.077</v>
      </c>
      <c r="V13080" s="2">
        <v>1.5649999999999999</v>
      </c>
      <c r="W13080" s="2">
        <v>1.7999999999999999E-2</v>
      </c>
      <c r="X13080" s="2">
        <v>139.1</v>
      </c>
      <c r="Y13080" s="2">
        <v>7.6</v>
      </c>
      <c r="Z13080" s="2">
        <v>16.7</v>
      </c>
      <c r="AA13080" s="5"/>
      <c r="AB13080" s="5" t="s">
        <v>43</v>
      </c>
      <c r="AC13080" s="5" t="s">
        <v>44</v>
      </c>
      <c r="AD13080" s="2"/>
      <c r="AE13080" s="1"/>
    </row>
    <row r="13081" spans="1:31" ht="14.45">
      <c r="A13081" s="11"/>
      <c r="B13081" s="20"/>
      <c r="C13081" s="2" t="s">
        <v>40171</v>
      </c>
      <c r="D13081" s="14" t="s">
        <v>40172</v>
      </c>
      <c r="E13081" s="2" t="s">
        <v>40173</v>
      </c>
      <c r="F13081" s="2" t="s">
        <v>36329</v>
      </c>
      <c r="G13081" s="8">
        <v>237</v>
      </c>
      <c r="H13081" s="5">
        <v>6</v>
      </c>
      <c r="I13081" s="5" t="s">
        <v>1518</v>
      </c>
      <c r="J13081" s="5" t="s">
        <v>36264</v>
      </c>
      <c r="K13081" s="2" t="s">
        <v>36265</v>
      </c>
      <c r="L13081" s="5" t="s">
        <v>36264</v>
      </c>
      <c r="M13081" s="2" t="s">
        <v>36265</v>
      </c>
      <c r="N13081" s="5" t="s">
        <v>36266</v>
      </c>
      <c r="O13081" s="5" t="s">
        <v>38</v>
      </c>
      <c r="P13081" s="5" t="s">
        <v>39</v>
      </c>
      <c r="Q13081" s="5" t="s">
        <v>40</v>
      </c>
      <c r="R13081" s="5" t="s">
        <v>1522</v>
      </c>
      <c r="S13081" s="5" t="s">
        <v>1523</v>
      </c>
      <c r="T13081" s="5" t="s">
        <v>42</v>
      </c>
      <c r="U13081" s="2">
        <v>2.0270000000000001</v>
      </c>
      <c r="V13081" s="2">
        <v>1.5149999999999999</v>
      </c>
      <c r="W13081" s="2">
        <v>1.7999999999999999E-2</v>
      </c>
      <c r="X13081" s="2">
        <v>139.1</v>
      </c>
      <c r="Y13081" s="2">
        <v>7.6</v>
      </c>
      <c r="Z13081" s="2">
        <v>16.7</v>
      </c>
      <c r="AA13081" s="5"/>
      <c r="AB13081" s="5" t="s">
        <v>43</v>
      </c>
      <c r="AC13081" s="5" t="s">
        <v>44</v>
      </c>
      <c r="AD13081" s="2"/>
      <c r="AE13081" s="1"/>
    </row>
    <row r="13082" spans="1:31" ht="14.45">
      <c r="A13082" s="11"/>
      <c r="B13082" s="20"/>
      <c r="C13082" s="2" t="s">
        <v>40174</v>
      </c>
      <c r="D13082" s="14" t="s">
        <v>40175</v>
      </c>
      <c r="E13082" s="2" t="s">
        <v>40176</v>
      </c>
      <c r="F13082" s="2" t="s">
        <v>36333</v>
      </c>
      <c r="G13082" s="8">
        <v>237</v>
      </c>
      <c r="H13082" s="5">
        <v>6</v>
      </c>
      <c r="I13082" s="5" t="s">
        <v>1518</v>
      </c>
      <c r="J13082" s="5" t="s">
        <v>36264</v>
      </c>
      <c r="K13082" s="2" t="s">
        <v>36265</v>
      </c>
      <c r="L13082" s="5" t="s">
        <v>36264</v>
      </c>
      <c r="M13082" s="2" t="s">
        <v>36265</v>
      </c>
      <c r="N13082" s="5" t="s">
        <v>36266</v>
      </c>
      <c r="O13082" s="5" t="s">
        <v>38</v>
      </c>
      <c r="P13082" s="5" t="s">
        <v>39</v>
      </c>
      <c r="Q13082" s="5" t="s">
        <v>40</v>
      </c>
      <c r="R13082" s="5" t="s">
        <v>1522</v>
      </c>
      <c r="S13082" s="5" t="s">
        <v>1523</v>
      </c>
      <c r="T13082" s="5" t="s">
        <v>42</v>
      </c>
      <c r="U13082" s="2">
        <v>2.077</v>
      </c>
      <c r="V13082" s="2">
        <v>1.5649999999999999</v>
      </c>
      <c r="W13082" s="2">
        <v>1.7999999999999999E-2</v>
      </c>
      <c r="X13082" s="2">
        <v>139.1</v>
      </c>
      <c r="Y13082" s="2">
        <v>7.6</v>
      </c>
      <c r="Z13082" s="2">
        <v>16.7</v>
      </c>
      <c r="AA13082" s="5"/>
      <c r="AB13082" s="5" t="s">
        <v>43</v>
      </c>
      <c r="AC13082" s="5" t="s">
        <v>44</v>
      </c>
      <c r="AD13082" s="2"/>
      <c r="AE13082" s="1"/>
    </row>
    <row r="13083" spans="1:31" ht="14.45">
      <c r="A13083" s="11"/>
      <c r="B13083" s="20"/>
      <c r="C13083" s="2" t="s">
        <v>40177</v>
      </c>
      <c r="D13083" s="14" t="s">
        <v>40178</v>
      </c>
      <c r="E13083" s="2" t="s">
        <v>40179</v>
      </c>
      <c r="F13083" s="2" t="s">
        <v>36337</v>
      </c>
      <c r="G13083" s="8">
        <v>237</v>
      </c>
      <c r="H13083" s="5">
        <v>6</v>
      </c>
      <c r="I13083" s="5" t="s">
        <v>1518</v>
      </c>
      <c r="J13083" s="5" t="s">
        <v>36264</v>
      </c>
      <c r="K13083" s="2" t="s">
        <v>36265</v>
      </c>
      <c r="L13083" s="5" t="s">
        <v>36264</v>
      </c>
      <c r="M13083" s="2" t="s">
        <v>36265</v>
      </c>
      <c r="N13083" s="5" t="s">
        <v>36266</v>
      </c>
      <c r="O13083" s="5" t="s">
        <v>38</v>
      </c>
      <c r="P13083" s="5" t="s">
        <v>39</v>
      </c>
      <c r="Q13083" s="5" t="s">
        <v>40</v>
      </c>
      <c r="R13083" s="5" t="s">
        <v>1522</v>
      </c>
      <c r="S13083" s="5" t="s">
        <v>1523</v>
      </c>
      <c r="T13083" s="5" t="s">
        <v>42</v>
      </c>
      <c r="U13083" s="2">
        <v>2.0270000000000001</v>
      </c>
      <c r="V13083" s="2">
        <v>1.5149999999999999</v>
      </c>
      <c r="W13083" s="2">
        <v>1.7999999999999999E-2</v>
      </c>
      <c r="X13083" s="2">
        <v>139.1</v>
      </c>
      <c r="Y13083" s="2">
        <v>7.6</v>
      </c>
      <c r="Z13083" s="2">
        <v>16.7</v>
      </c>
      <c r="AA13083" s="5"/>
      <c r="AB13083" s="5" t="s">
        <v>43</v>
      </c>
      <c r="AC13083" s="5" t="s">
        <v>44</v>
      </c>
      <c r="AD13083" s="2"/>
      <c r="AE13083" s="1"/>
    </row>
    <row r="13084" spans="1:31" ht="14.45">
      <c r="A13084" s="11"/>
      <c r="B13084" s="20"/>
      <c r="C13084" s="2" t="s">
        <v>40180</v>
      </c>
      <c r="D13084" s="14" t="s">
        <v>40181</v>
      </c>
      <c r="E13084" s="2" t="s">
        <v>40182</v>
      </c>
      <c r="F13084" s="2" t="s">
        <v>36341</v>
      </c>
      <c r="G13084" s="8">
        <v>237</v>
      </c>
      <c r="H13084" s="5">
        <v>6</v>
      </c>
      <c r="I13084" s="5" t="s">
        <v>1518</v>
      </c>
      <c r="J13084" s="5" t="s">
        <v>36264</v>
      </c>
      <c r="K13084" s="2" t="s">
        <v>36265</v>
      </c>
      <c r="L13084" s="5" t="s">
        <v>36264</v>
      </c>
      <c r="M13084" s="2" t="s">
        <v>36265</v>
      </c>
      <c r="N13084" s="5" t="s">
        <v>36266</v>
      </c>
      <c r="O13084" s="5" t="s">
        <v>38</v>
      </c>
      <c r="P13084" s="5" t="s">
        <v>39</v>
      </c>
      <c r="Q13084" s="5" t="s">
        <v>40</v>
      </c>
      <c r="R13084" s="5" t="s">
        <v>1522</v>
      </c>
      <c r="S13084" s="5" t="s">
        <v>1523</v>
      </c>
      <c r="T13084" s="5" t="s">
        <v>42</v>
      </c>
      <c r="U13084" s="2">
        <v>2.077</v>
      </c>
      <c r="V13084" s="2">
        <v>1.5649999999999999</v>
      </c>
      <c r="W13084" s="2">
        <v>1.7999999999999999E-2</v>
      </c>
      <c r="X13084" s="2">
        <v>139.1</v>
      </c>
      <c r="Y13084" s="2">
        <v>7.6</v>
      </c>
      <c r="Z13084" s="2">
        <v>16.7</v>
      </c>
      <c r="AA13084" s="5"/>
      <c r="AB13084" s="5" t="s">
        <v>43</v>
      </c>
      <c r="AC13084" s="5" t="s">
        <v>44</v>
      </c>
      <c r="AD13084" s="2"/>
      <c r="AE13084" s="1"/>
    </row>
    <row r="13085" spans="1:31" ht="14.45">
      <c r="A13085" s="11"/>
      <c r="B13085" s="20"/>
      <c r="C13085" s="2" t="s">
        <v>40183</v>
      </c>
      <c r="D13085" s="14" t="s">
        <v>40184</v>
      </c>
      <c r="E13085" s="2" t="s">
        <v>40185</v>
      </c>
      <c r="F13085" s="2" t="s">
        <v>36345</v>
      </c>
      <c r="G13085" s="8">
        <v>237</v>
      </c>
      <c r="H13085" s="5">
        <v>6</v>
      </c>
      <c r="I13085" s="5" t="s">
        <v>1518</v>
      </c>
      <c r="J13085" s="5" t="s">
        <v>36264</v>
      </c>
      <c r="K13085" s="2" t="s">
        <v>36265</v>
      </c>
      <c r="L13085" s="5" t="s">
        <v>36264</v>
      </c>
      <c r="M13085" s="2" t="s">
        <v>36265</v>
      </c>
      <c r="N13085" s="5" t="s">
        <v>36266</v>
      </c>
      <c r="O13085" s="5" t="s">
        <v>38</v>
      </c>
      <c r="P13085" s="5" t="s">
        <v>39</v>
      </c>
      <c r="Q13085" s="5" t="s">
        <v>40</v>
      </c>
      <c r="R13085" s="5" t="s">
        <v>1522</v>
      </c>
      <c r="S13085" s="5" t="s">
        <v>1523</v>
      </c>
      <c r="T13085" s="5" t="s">
        <v>42</v>
      </c>
      <c r="U13085" s="2">
        <v>2.0270000000000001</v>
      </c>
      <c r="V13085" s="2">
        <v>1.5149999999999999</v>
      </c>
      <c r="W13085" s="2">
        <v>1.7999999999999999E-2</v>
      </c>
      <c r="X13085" s="2">
        <v>139.1</v>
      </c>
      <c r="Y13085" s="2">
        <v>7.6</v>
      </c>
      <c r="Z13085" s="2">
        <v>16.7</v>
      </c>
      <c r="AA13085" s="5"/>
      <c r="AB13085" s="5" t="s">
        <v>43</v>
      </c>
      <c r="AC13085" s="5" t="s">
        <v>44</v>
      </c>
      <c r="AD13085" s="2"/>
      <c r="AE13085" s="1"/>
    </row>
    <row r="13086" spans="1:31" ht="14.45">
      <c r="A13086" s="11"/>
      <c r="B13086" s="20"/>
      <c r="C13086" s="2" t="s">
        <v>40186</v>
      </c>
      <c r="D13086" s="14" t="s">
        <v>40187</v>
      </c>
      <c r="E13086" s="2" t="s">
        <v>40188</v>
      </c>
      <c r="F13086" s="2" t="s">
        <v>36349</v>
      </c>
      <c r="G13086" s="8">
        <v>237</v>
      </c>
      <c r="H13086" s="5">
        <v>6</v>
      </c>
      <c r="I13086" s="5" t="s">
        <v>1518</v>
      </c>
      <c r="J13086" s="5" t="s">
        <v>36264</v>
      </c>
      <c r="K13086" s="2" t="s">
        <v>36265</v>
      </c>
      <c r="L13086" s="5" t="s">
        <v>36264</v>
      </c>
      <c r="M13086" s="2" t="s">
        <v>36265</v>
      </c>
      <c r="N13086" s="5" t="s">
        <v>36266</v>
      </c>
      <c r="O13086" s="5" t="s">
        <v>38</v>
      </c>
      <c r="P13086" s="5" t="s">
        <v>39</v>
      </c>
      <c r="Q13086" s="5" t="s">
        <v>40</v>
      </c>
      <c r="R13086" s="5" t="s">
        <v>1522</v>
      </c>
      <c r="S13086" s="5" t="s">
        <v>1523</v>
      </c>
      <c r="T13086" s="5" t="s">
        <v>42</v>
      </c>
      <c r="U13086" s="2">
        <v>2.077</v>
      </c>
      <c r="V13086" s="2">
        <v>1.5649999999999999</v>
      </c>
      <c r="W13086" s="2">
        <v>1.7999999999999999E-2</v>
      </c>
      <c r="X13086" s="2">
        <v>139.1</v>
      </c>
      <c r="Y13086" s="2">
        <v>7.6</v>
      </c>
      <c r="Z13086" s="2">
        <v>16.7</v>
      </c>
      <c r="AA13086" s="5"/>
      <c r="AB13086" s="5" t="s">
        <v>43</v>
      </c>
      <c r="AC13086" s="5" t="s">
        <v>44</v>
      </c>
      <c r="AD13086" s="2"/>
      <c r="AE13086" s="1"/>
    </row>
    <row r="13087" spans="1:31" ht="14.45">
      <c r="A13087" s="11"/>
      <c r="B13087" s="20"/>
      <c r="C13087" s="2" t="s">
        <v>40189</v>
      </c>
      <c r="D13087" s="14" t="s">
        <v>40190</v>
      </c>
      <c r="E13087" s="2" t="s">
        <v>40191</v>
      </c>
      <c r="F13087" s="2" t="s">
        <v>36353</v>
      </c>
      <c r="G13087" s="8">
        <v>237</v>
      </c>
      <c r="H13087" s="5">
        <v>6</v>
      </c>
      <c r="I13087" s="5" t="s">
        <v>1518</v>
      </c>
      <c r="J13087" s="5" t="s">
        <v>36264</v>
      </c>
      <c r="K13087" s="2" t="s">
        <v>36265</v>
      </c>
      <c r="L13087" s="5" t="s">
        <v>36264</v>
      </c>
      <c r="M13087" s="2" t="s">
        <v>36265</v>
      </c>
      <c r="N13087" s="5" t="s">
        <v>36266</v>
      </c>
      <c r="O13087" s="5" t="s">
        <v>38</v>
      </c>
      <c r="P13087" s="5" t="s">
        <v>39</v>
      </c>
      <c r="Q13087" s="5" t="s">
        <v>40</v>
      </c>
      <c r="R13087" s="5" t="s">
        <v>1522</v>
      </c>
      <c r="S13087" s="5" t="s">
        <v>1523</v>
      </c>
      <c r="T13087" s="5" t="s">
        <v>42</v>
      </c>
      <c r="U13087" s="2">
        <v>2.0270000000000001</v>
      </c>
      <c r="V13087" s="2">
        <v>1.5149999999999999</v>
      </c>
      <c r="W13087" s="2">
        <v>1.7999999999999999E-2</v>
      </c>
      <c r="X13087" s="2">
        <v>139.1</v>
      </c>
      <c r="Y13087" s="2">
        <v>7.6</v>
      </c>
      <c r="Z13087" s="2">
        <v>16.7</v>
      </c>
      <c r="AA13087" s="5"/>
      <c r="AB13087" s="5" t="s">
        <v>43</v>
      </c>
      <c r="AC13087" s="5" t="s">
        <v>44</v>
      </c>
      <c r="AD13087" s="2"/>
      <c r="AE13087" s="1"/>
    </row>
    <row r="13088" spans="1:31" ht="14.45">
      <c r="A13088" s="11"/>
      <c r="B13088" s="20"/>
      <c r="C13088" s="2" t="s">
        <v>40192</v>
      </c>
      <c r="D13088" s="14" t="s">
        <v>40193</v>
      </c>
      <c r="E13088" s="2" t="s">
        <v>40194</v>
      </c>
      <c r="F13088" s="2" t="s">
        <v>36357</v>
      </c>
      <c r="G13088" s="8">
        <v>237</v>
      </c>
      <c r="H13088" s="5">
        <v>6</v>
      </c>
      <c r="I13088" s="5" t="s">
        <v>1518</v>
      </c>
      <c r="J13088" s="5" t="s">
        <v>36264</v>
      </c>
      <c r="K13088" s="2" t="s">
        <v>36265</v>
      </c>
      <c r="L13088" s="5" t="s">
        <v>36264</v>
      </c>
      <c r="M13088" s="2" t="s">
        <v>36265</v>
      </c>
      <c r="N13088" s="5" t="s">
        <v>36266</v>
      </c>
      <c r="O13088" s="5" t="s">
        <v>38</v>
      </c>
      <c r="P13088" s="5" t="s">
        <v>39</v>
      </c>
      <c r="Q13088" s="5" t="s">
        <v>40</v>
      </c>
      <c r="R13088" s="5" t="s">
        <v>1522</v>
      </c>
      <c r="S13088" s="5" t="s">
        <v>1523</v>
      </c>
      <c r="T13088" s="5" t="s">
        <v>42</v>
      </c>
      <c r="U13088" s="2">
        <v>2.077</v>
      </c>
      <c r="V13088" s="2">
        <v>1.5649999999999999</v>
      </c>
      <c r="W13088" s="2">
        <v>1.7999999999999999E-2</v>
      </c>
      <c r="X13088" s="2">
        <v>139.1</v>
      </c>
      <c r="Y13088" s="2">
        <v>7.6</v>
      </c>
      <c r="Z13088" s="2">
        <v>16.7</v>
      </c>
      <c r="AA13088" s="5"/>
      <c r="AB13088" s="5" t="s">
        <v>43</v>
      </c>
      <c r="AC13088" s="5" t="s">
        <v>44</v>
      </c>
      <c r="AD13088" s="2"/>
      <c r="AE13088" s="1"/>
    </row>
    <row r="13089" spans="1:31" ht="14.45">
      <c r="A13089" s="11"/>
      <c r="B13089" s="20"/>
      <c r="C13089" s="2" t="s">
        <v>40195</v>
      </c>
      <c r="D13089" s="14" t="s">
        <v>40196</v>
      </c>
      <c r="E13089" s="2" t="s">
        <v>40197</v>
      </c>
      <c r="F13089" s="2" t="s">
        <v>36361</v>
      </c>
      <c r="G13089" s="8">
        <v>237</v>
      </c>
      <c r="H13089" s="5">
        <v>6</v>
      </c>
      <c r="I13089" s="5" t="s">
        <v>1518</v>
      </c>
      <c r="J13089" s="5" t="s">
        <v>36264</v>
      </c>
      <c r="K13089" s="2" t="s">
        <v>36265</v>
      </c>
      <c r="L13089" s="5" t="s">
        <v>36264</v>
      </c>
      <c r="M13089" s="2" t="s">
        <v>36265</v>
      </c>
      <c r="N13089" s="5" t="s">
        <v>36266</v>
      </c>
      <c r="O13089" s="5" t="s">
        <v>38</v>
      </c>
      <c r="P13089" s="5" t="s">
        <v>39</v>
      </c>
      <c r="Q13089" s="5" t="s">
        <v>40</v>
      </c>
      <c r="R13089" s="5" t="s">
        <v>1522</v>
      </c>
      <c r="S13089" s="5" t="s">
        <v>1523</v>
      </c>
      <c r="T13089" s="5" t="s">
        <v>42</v>
      </c>
      <c r="U13089" s="2">
        <v>2.0270000000000001</v>
      </c>
      <c r="V13089" s="2">
        <v>1.5149999999999999</v>
      </c>
      <c r="W13089" s="2">
        <v>1.7999999999999999E-2</v>
      </c>
      <c r="X13089" s="2">
        <v>139.1</v>
      </c>
      <c r="Y13089" s="2">
        <v>7.6</v>
      </c>
      <c r="Z13089" s="2">
        <v>16.7</v>
      </c>
      <c r="AA13089" s="5"/>
      <c r="AB13089" s="5" t="s">
        <v>43</v>
      </c>
      <c r="AC13089" s="5" t="s">
        <v>44</v>
      </c>
      <c r="AD13089" s="2"/>
      <c r="AE13089" s="1"/>
    </row>
    <row r="13090" spans="1:31" ht="14.45">
      <c r="A13090" s="11"/>
      <c r="B13090" s="20"/>
      <c r="C13090" s="2" t="s">
        <v>40198</v>
      </c>
      <c r="D13090" s="14" t="s">
        <v>40199</v>
      </c>
      <c r="E13090" s="2" t="s">
        <v>40200</v>
      </c>
      <c r="F13090" s="2" t="s">
        <v>36365</v>
      </c>
      <c r="G13090" s="8">
        <v>237</v>
      </c>
      <c r="H13090" s="5">
        <v>6</v>
      </c>
      <c r="I13090" s="5" t="s">
        <v>1518</v>
      </c>
      <c r="J13090" s="5" t="s">
        <v>36264</v>
      </c>
      <c r="K13090" s="2" t="s">
        <v>36265</v>
      </c>
      <c r="L13090" s="5" t="s">
        <v>36264</v>
      </c>
      <c r="M13090" s="2" t="s">
        <v>36265</v>
      </c>
      <c r="N13090" s="5" t="s">
        <v>36266</v>
      </c>
      <c r="O13090" s="5" t="s">
        <v>38</v>
      </c>
      <c r="P13090" s="5" t="s">
        <v>39</v>
      </c>
      <c r="Q13090" s="5" t="s">
        <v>40</v>
      </c>
      <c r="R13090" s="5" t="s">
        <v>1522</v>
      </c>
      <c r="S13090" s="5" t="s">
        <v>1523</v>
      </c>
      <c r="T13090" s="5" t="s">
        <v>42</v>
      </c>
      <c r="U13090" s="2">
        <v>2.077</v>
      </c>
      <c r="V13090" s="2">
        <v>1.5649999999999999</v>
      </c>
      <c r="W13090" s="2">
        <v>1.7999999999999999E-2</v>
      </c>
      <c r="X13090" s="2">
        <v>139.1</v>
      </c>
      <c r="Y13090" s="2">
        <v>7.6</v>
      </c>
      <c r="Z13090" s="2">
        <v>16.7</v>
      </c>
      <c r="AA13090" s="5"/>
      <c r="AB13090" s="5" t="s">
        <v>43</v>
      </c>
      <c r="AC13090" s="5" t="s">
        <v>44</v>
      </c>
      <c r="AD13090" s="2"/>
      <c r="AE13090" s="1"/>
    </row>
    <row r="13091" spans="1:31" ht="14.45">
      <c r="A13091" s="11"/>
      <c r="B13091" s="20"/>
      <c r="C13091" s="2" t="s">
        <v>40201</v>
      </c>
      <c r="D13091" s="14" t="s">
        <v>40202</v>
      </c>
      <c r="E13091" s="2" t="s">
        <v>40203</v>
      </c>
      <c r="F13091" s="2" t="s">
        <v>36644</v>
      </c>
      <c r="G13091" s="8">
        <v>237</v>
      </c>
      <c r="H13091" s="5">
        <v>6</v>
      </c>
      <c r="I13091" s="5" t="s">
        <v>1518</v>
      </c>
      <c r="J13091" s="5" t="s">
        <v>36264</v>
      </c>
      <c r="K13091" s="2" t="s">
        <v>36265</v>
      </c>
      <c r="L13091" s="5" t="s">
        <v>36264</v>
      </c>
      <c r="M13091" s="2" t="s">
        <v>36265</v>
      </c>
      <c r="N13091" s="5" t="s">
        <v>36266</v>
      </c>
      <c r="O13091" s="5" t="s">
        <v>38</v>
      </c>
      <c r="P13091" s="5" t="s">
        <v>39</v>
      </c>
      <c r="Q13091" s="5" t="s">
        <v>40</v>
      </c>
      <c r="R13091" s="5" t="s">
        <v>1522</v>
      </c>
      <c r="S13091" s="5" t="s">
        <v>1523</v>
      </c>
      <c r="T13091" s="5" t="s">
        <v>42</v>
      </c>
      <c r="U13091" s="2">
        <v>2.0270000000000001</v>
      </c>
      <c r="V13091" s="2">
        <v>1.5149999999999999</v>
      </c>
      <c r="W13091" s="2">
        <v>1.7999999999999999E-2</v>
      </c>
      <c r="X13091" s="2">
        <v>139.1</v>
      </c>
      <c r="Y13091" s="2">
        <v>7.6</v>
      </c>
      <c r="Z13091" s="2">
        <v>16.7</v>
      </c>
      <c r="AA13091" s="5"/>
      <c r="AB13091" s="5" t="s">
        <v>43</v>
      </c>
      <c r="AC13091" s="5" t="s">
        <v>44</v>
      </c>
      <c r="AD13091" s="2"/>
      <c r="AE13091" s="1"/>
    </row>
    <row r="13092" spans="1:31" ht="14.45">
      <c r="A13092" s="11"/>
      <c r="B13092" s="20"/>
      <c r="C13092" s="2" t="s">
        <v>40204</v>
      </c>
      <c r="D13092" s="14" t="s">
        <v>40205</v>
      </c>
      <c r="E13092" s="2" t="s">
        <v>40206</v>
      </c>
      <c r="F13092" s="2" t="s">
        <v>36648</v>
      </c>
      <c r="G13092" s="8">
        <v>237</v>
      </c>
      <c r="H13092" s="5">
        <v>6</v>
      </c>
      <c r="I13092" s="5" t="s">
        <v>1518</v>
      </c>
      <c r="J13092" s="5" t="s">
        <v>36264</v>
      </c>
      <c r="K13092" s="2" t="s">
        <v>36265</v>
      </c>
      <c r="L13092" s="5" t="s">
        <v>36264</v>
      </c>
      <c r="M13092" s="2" t="s">
        <v>36265</v>
      </c>
      <c r="N13092" s="5" t="s">
        <v>36266</v>
      </c>
      <c r="O13092" s="5" t="s">
        <v>38</v>
      </c>
      <c r="P13092" s="5" t="s">
        <v>39</v>
      </c>
      <c r="Q13092" s="5" t="s">
        <v>40</v>
      </c>
      <c r="R13092" s="5" t="s">
        <v>1522</v>
      </c>
      <c r="S13092" s="5" t="s">
        <v>1523</v>
      </c>
      <c r="T13092" s="5" t="s">
        <v>42</v>
      </c>
      <c r="U13092" s="2">
        <v>2.077</v>
      </c>
      <c r="V13092" s="2">
        <v>1.5649999999999999</v>
      </c>
      <c r="W13092" s="2">
        <v>1.7999999999999999E-2</v>
      </c>
      <c r="X13092" s="2">
        <v>139.1</v>
      </c>
      <c r="Y13092" s="2">
        <v>7.6</v>
      </c>
      <c r="Z13092" s="2">
        <v>16.7</v>
      </c>
      <c r="AA13092" s="5"/>
      <c r="AB13092" s="5" t="s">
        <v>43</v>
      </c>
      <c r="AC13092" s="5" t="s">
        <v>44</v>
      </c>
      <c r="AD13092" s="2"/>
      <c r="AE13092" s="1"/>
    </row>
    <row r="13093" spans="1:31" ht="14.45">
      <c r="A13093" s="11"/>
      <c r="B13093" s="20"/>
      <c r="C13093" s="2" t="s">
        <v>40207</v>
      </c>
      <c r="D13093" s="14" t="s">
        <v>40208</v>
      </c>
      <c r="E13093" s="2" t="s">
        <v>40209</v>
      </c>
      <c r="F13093" s="2" t="s">
        <v>36377</v>
      </c>
      <c r="G13093" s="8">
        <v>237</v>
      </c>
      <c r="H13093" s="5">
        <v>6</v>
      </c>
      <c r="I13093" s="5" t="s">
        <v>1518</v>
      </c>
      <c r="J13093" s="5" t="s">
        <v>36264</v>
      </c>
      <c r="K13093" s="2" t="s">
        <v>36265</v>
      </c>
      <c r="L13093" s="5" t="s">
        <v>36264</v>
      </c>
      <c r="M13093" s="2" t="s">
        <v>36265</v>
      </c>
      <c r="N13093" s="5" t="s">
        <v>36266</v>
      </c>
      <c r="O13093" s="5" t="s">
        <v>38</v>
      </c>
      <c r="P13093" s="5" t="s">
        <v>39</v>
      </c>
      <c r="Q13093" s="5" t="s">
        <v>40</v>
      </c>
      <c r="R13093" s="5" t="s">
        <v>1522</v>
      </c>
      <c r="S13093" s="5" t="s">
        <v>1523</v>
      </c>
      <c r="T13093" s="5" t="s">
        <v>42</v>
      </c>
      <c r="U13093" s="2">
        <v>2.0270000000000001</v>
      </c>
      <c r="V13093" s="2">
        <v>1.5149999999999999</v>
      </c>
      <c r="W13093" s="2">
        <v>1.7999999999999999E-2</v>
      </c>
      <c r="X13093" s="2">
        <v>139.1</v>
      </c>
      <c r="Y13093" s="2">
        <v>7.6</v>
      </c>
      <c r="Z13093" s="2">
        <v>16.7</v>
      </c>
      <c r="AA13093" s="5"/>
      <c r="AB13093" s="5" t="s">
        <v>43</v>
      </c>
      <c r="AC13093" s="5" t="s">
        <v>44</v>
      </c>
      <c r="AD13093" s="2"/>
      <c r="AE13093" s="1"/>
    </row>
    <row r="13094" spans="1:31" ht="14.45">
      <c r="A13094" s="11"/>
      <c r="B13094" s="20"/>
      <c r="C13094" s="2" t="s">
        <v>40210</v>
      </c>
      <c r="D13094" s="14" t="s">
        <v>40211</v>
      </c>
      <c r="E13094" s="2" t="s">
        <v>40212</v>
      </c>
      <c r="F13094" s="2" t="s">
        <v>36381</v>
      </c>
      <c r="G13094" s="8">
        <v>237</v>
      </c>
      <c r="H13094" s="5">
        <v>6</v>
      </c>
      <c r="I13094" s="5" t="s">
        <v>1518</v>
      </c>
      <c r="J13094" s="5" t="s">
        <v>36264</v>
      </c>
      <c r="K13094" s="2" t="s">
        <v>36265</v>
      </c>
      <c r="L13094" s="5" t="s">
        <v>36264</v>
      </c>
      <c r="M13094" s="2" t="s">
        <v>36265</v>
      </c>
      <c r="N13094" s="5" t="s">
        <v>36266</v>
      </c>
      <c r="O13094" s="5" t="s">
        <v>38</v>
      </c>
      <c r="P13094" s="5" t="s">
        <v>39</v>
      </c>
      <c r="Q13094" s="5" t="s">
        <v>40</v>
      </c>
      <c r="R13094" s="5" t="s">
        <v>1522</v>
      </c>
      <c r="S13094" s="5" t="s">
        <v>1523</v>
      </c>
      <c r="T13094" s="5" t="s">
        <v>42</v>
      </c>
      <c r="U13094" s="2">
        <v>2.077</v>
      </c>
      <c r="V13094" s="2">
        <v>1.5649999999999999</v>
      </c>
      <c r="W13094" s="2">
        <v>1.7999999999999999E-2</v>
      </c>
      <c r="X13094" s="2">
        <v>139.1</v>
      </c>
      <c r="Y13094" s="2">
        <v>7.6</v>
      </c>
      <c r="Z13094" s="2">
        <v>16.7</v>
      </c>
      <c r="AA13094" s="5"/>
      <c r="AB13094" s="5" t="s">
        <v>43</v>
      </c>
      <c r="AC13094" s="5" t="s">
        <v>44</v>
      </c>
      <c r="AD13094" s="2"/>
      <c r="AE13094" s="1"/>
    </row>
    <row r="13095" spans="1:31" ht="14.45">
      <c r="A13095" s="11"/>
      <c r="B13095" s="20"/>
      <c r="C13095" s="2" t="s">
        <v>40213</v>
      </c>
      <c r="D13095" s="14" t="s">
        <v>40214</v>
      </c>
      <c r="E13095" s="2" t="s">
        <v>40215</v>
      </c>
      <c r="F13095" s="2" t="s">
        <v>36385</v>
      </c>
      <c r="G13095" s="8">
        <v>237</v>
      </c>
      <c r="H13095" s="5">
        <v>6</v>
      </c>
      <c r="I13095" s="5" t="s">
        <v>1518</v>
      </c>
      <c r="J13095" s="5" t="s">
        <v>36264</v>
      </c>
      <c r="K13095" s="2" t="s">
        <v>36265</v>
      </c>
      <c r="L13095" s="5" t="s">
        <v>36264</v>
      </c>
      <c r="M13095" s="2" t="s">
        <v>36265</v>
      </c>
      <c r="N13095" s="5" t="s">
        <v>36266</v>
      </c>
      <c r="O13095" s="5" t="s">
        <v>38</v>
      </c>
      <c r="P13095" s="5" t="s">
        <v>39</v>
      </c>
      <c r="Q13095" s="5" t="s">
        <v>40</v>
      </c>
      <c r="R13095" s="5" t="s">
        <v>1522</v>
      </c>
      <c r="S13095" s="5" t="s">
        <v>1523</v>
      </c>
      <c r="T13095" s="5" t="s">
        <v>42</v>
      </c>
      <c r="U13095" s="2">
        <v>2.0270000000000001</v>
      </c>
      <c r="V13095" s="2">
        <v>1.5149999999999999</v>
      </c>
      <c r="W13095" s="2">
        <v>1.7999999999999999E-2</v>
      </c>
      <c r="X13095" s="2">
        <v>139.1</v>
      </c>
      <c r="Y13095" s="2">
        <v>7.6</v>
      </c>
      <c r="Z13095" s="2">
        <v>16.7</v>
      </c>
      <c r="AA13095" s="5"/>
      <c r="AB13095" s="5" t="s">
        <v>43</v>
      </c>
      <c r="AC13095" s="5" t="s">
        <v>44</v>
      </c>
      <c r="AD13095" s="2"/>
      <c r="AE13095" s="1"/>
    </row>
    <row r="13096" spans="1:31" ht="14.45">
      <c r="A13096" s="11"/>
      <c r="B13096" s="20"/>
      <c r="C13096" s="2" t="s">
        <v>40216</v>
      </c>
      <c r="D13096" s="14" t="s">
        <v>40217</v>
      </c>
      <c r="E13096" s="2" t="s">
        <v>40218</v>
      </c>
      <c r="F13096" s="2" t="s">
        <v>36389</v>
      </c>
      <c r="G13096" s="8">
        <v>237</v>
      </c>
      <c r="H13096" s="5">
        <v>6</v>
      </c>
      <c r="I13096" s="5" t="s">
        <v>1518</v>
      </c>
      <c r="J13096" s="5" t="s">
        <v>36264</v>
      </c>
      <c r="K13096" s="2" t="s">
        <v>36265</v>
      </c>
      <c r="L13096" s="5" t="s">
        <v>36264</v>
      </c>
      <c r="M13096" s="2" t="s">
        <v>36265</v>
      </c>
      <c r="N13096" s="5" t="s">
        <v>36266</v>
      </c>
      <c r="O13096" s="5" t="s">
        <v>38</v>
      </c>
      <c r="P13096" s="5" t="s">
        <v>39</v>
      </c>
      <c r="Q13096" s="5" t="s">
        <v>40</v>
      </c>
      <c r="R13096" s="5" t="s">
        <v>1522</v>
      </c>
      <c r="S13096" s="5" t="s">
        <v>1523</v>
      </c>
      <c r="T13096" s="5" t="s">
        <v>42</v>
      </c>
      <c r="U13096" s="2">
        <v>2.077</v>
      </c>
      <c r="V13096" s="2">
        <v>1.5649999999999999</v>
      </c>
      <c r="W13096" s="2">
        <v>1.7999999999999999E-2</v>
      </c>
      <c r="X13096" s="2">
        <v>139.1</v>
      </c>
      <c r="Y13096" s="2">
        <v>7.6</v>
      </c>
      <c r="Z13096" s="2">
        <v>16.7</v>
      </c>
      <c r="AA13096" s="5"/>
      <c r="AB13096" s="5" t="s">
        <v>43</v>
      </c>
      <c r="AC13096" s="5" t="s">
        <v>44</v>
      </c>
      <c r="AD13096" s="2"/>
      <c r="AE13096" s="1"/>
    </row>
    <row r="13097" spans="1:31" ht="14.45">
      <c r="A13097" s="11"/>
      <c r="B13097" s="20"/>
      <c r="C13097" s="2" t="s">
        <v>40219</v>
      </c>
      <c r="D13097" s="14" t="s">
        <v>40220</v>
      </c>
      <c r="E13097" s="2" t="s">
        <v>40221</v>
      </c>
      <c r="F13097" s="2" t="s">
        <v>7204</v>
      </c>
      <c r="G13097" s="8">
        <v>228</v>
      </c>
      <c r="H13097" s="5">
        <v>6</v>
      </c>
      <c r="I13097" s="5" t="s">
        <v>1518</v>
      </c>
      <c r="J13097" s="5" t="s">
        <v>36264</v>
      </c>
      <c r="K13097" s="2" t="s">
        <v>36265</v>
      </c>
      <c r="L13097" s="5" t="s">
        <v>36264</v>
      </c>
      <c r="M13097" s="2" t="s">
        <v>36265</v>
      </c>
      <c r="N13097" s="5" t="s">
        <v>36266</v>
      </c>
      <c r="O13097" s="5" t="s">
        <v>38</v>
      </c>
      <c r="P13097" s="5" t="s">
        <v>39</v>
      </c>
      <c r="Q13097" s="5" t="s">
        <v>40</v>
      </c>
      <c r="R13097" s="5" t="s">
        <v>1522</v>
      </c>
      <c r="S13097" s="5" t="s">
        <v>1523</v>
      </c>
      <c r="T13097" s="5" t="s">
        <v>42</v>
      </c>
      <c r="U13097" s="2">
        <v>2.2360000000000002</v>
      </c>
      <c r="V13097" s="2">
        <v>1.641</v>
      </c>
      <c r="W13097" s="2">
        <v>0.02</v>
      </c>
      <c r="X13097" s="2">
        <v>159.1</v>
      </c>
      <c r="Y13097" s="2">
        <v>7.6</v>
      </c>
      <c r="Z13097" s="2">
        <v>16.7</v>
      </c>
      <c r="AA13097" s="5"/>
      <c r="AB13097" s="5" t="s">
        <v>43</v>
      </c>
      <c r="AC13097" s="5" t="s">
        <v>44</v>
      </c>
      <c r="AD13097" s="2"/>
      <c r="AE13097" s="1"/>
    </row>
    <row r="13098" spans="1:31" ht="14.45">
      <c r="A13098" s="11"/>
      <c r="B13098" s="20"/>
      <c r="C13098" s="2" t="s">
        <v>40222</v>
      </c>
      <c r="D13098" s="14" t="s">
        <v>40223</v>
      </c>
      <c r="E13098" s="2" t="s">
        <v>40224</v>
      </c>
      <c r="F13098" s="2" t="s">
        <v>7514</v>
      </c>
      <c r="G13098" s="8">
        <v>228</v>
      </c>
      <c r="H13098" s="5">
        <v>6</v>
      </c>
      <c r="I13098" s="5" t="s">
        <v>1518</v>
      </c>
      <c r="J13098" s="5" t="s">
        <v>36264</v>
      </c>
      <c r="K13098" s="2" t="s">
        <v>36265</v>
      </c>
      <c r="L13098" s="5" t="s">
        <v>36264</v>
      </c>
      <c r="M13098" s="2" t="s">
        <v>36265</v>
      </c>
      <c r="N13098" s="5" t="s">
        <v>36266</v>
      </c>
      <c r="O13098" s="5" t="s">
        <v>38</v>
      </c>
      <c r="P13098" s="5" t="s">
        <v>39</v>
      </c>
      <c r="Q13098" s="5" t="s">
        <v>40</v>
      </c>
      <c r="R13098" s="5" t="s">
        <v>1522</v>
      </c>
      <c r="S13098" s="5" t="s">
        <v>1523</v>
      </c>
      <c r="T13098" s="5" t="s">
        <v>42</v>
      </c>
      <c r="U13098" s="2">
        <v>2.286</v>
      </c>
      <c r="V13098" s="2">
        <v>1.6910000000000001</v>
      </c>
      <c r="W13098" s="2">
        <v>0.02</v>
      </c>
      <c r="X13098" s="2">
        <v>159.1</v>
      </c>
      <c r="Y13098" s="2">
        <v>7.6</v>
      </c>
      <c r="Z13098" s="2">
        <v>16.7</v>
      </c>
      <c r="AA13098" s="5"/>
      <c r="AB13098" s="5" t="s">
        <v>43</v>
      </c>
      <c r="AC13098" s="5" t="s">
        <v>44</v>
      </c>
      <c r="AD13098" s="2"/>
      <c r="AE13098" s="1"/>
    </row>
    <row r="13099" spans="1:31" ht="14.45">
      <c r="A13099" s="11"/>
      <c r="B13099" s="20"/>
      <c r="C13099" s="2" t="s">
        <v>40225</v>
      </c>
      <c r="D13099" s="14" t="s">
        <v>40226</v>
      </c>
      <c r="E13099" s="2" t="s">
        <v>40227</v>
      </c>
      <c r="F13099" s="2" t="s">
        <v>36273</v>
      </c>
      <c r="G13099" s="8">
        <v>228</v>
      </c>
      <c r="H13099" s="5">
        <v>6</v>
      </c>
      <c r="I13099" s="5" t="s">
        <v>1518</v>
      </c>
      <c r="J13099" s="5" t="s">
        <v>36264</v>
      </c>
      <c r="K13099" s="2" t="s">
        <v>36265</v>
      </c>
      <c r="L13099" s="5" t="s">
        <v>36264</v>
      </c>
      <c r="M13099" s="2" t="s">
        <v>36265</v>
      </c>
      <c r="N13099" s="5" t="s">
        <v>36266</v>
      </c>
      <c r="O13099" s="5" t="s">
        <v>38</v>
      </c>
      <c r="P13099" s="5" t="s">
        <v>39</v>
      </c>
      <c r="Q13099" s="5" t="s">
        <v>40</v>
      </c>
      <c r="R13099" s="5" t="s">
        <v>1522</v>
      </c>
      <c r="S13099" s="5" t="s">
        <v>1523</v>
      </c>
      <c r="T13099" s="5" t="s">
        <v>42</v>
      </c>
      <c r="U13099" s="2">
        <v>2.2360000000000002</v>
      </c>
      <c r="V13099" s="2">
        <v>1.641</v>
      </c>
      <c r="W13099" s="2">
        <v>0.02</v>
      </c>
      <c r="X13099" s="2">
        <v>159.1</v>
      </c>
      <c r="Y13099" s="2">
        <v>7.6</v>
      </c>
      <c r="Z13099" s="2">
        <v>16.7</v>
      </c>
      <c r="AA13099" s="5"/>
      <c r="AB13099" s="5" t="s">
        <v>43</v>
      </c>
      <c r="AC13099" s="5" t="s">
        <v>44</v>
      </c>
      <c r="AD13099" s="2"/>
      <c r="AE13099" s="1"/>
    </row>
    <row r="13100" spans="1:31" ht="14.45">
      <c r="A13100" s="11"/>
      <c r="B13100" s="20"/>
      <c r="C13100" s="2" t="s">
        <v>40228</v>
      </c>
      <c r="D13100" s="14" t="s">
        <v>40229</v>
      </c>
      <c r="E13100" s="2" t="s">
        <v>40230</v>
      </c>
      <c r="F13100" s="2" t="s">
        <v>36277</v>
      </c>
      <c r="G13100" s="8">
        <v>228</v>
      </c>
      <c r="H13100" s="5">
        <v>6</v>
      </c>
      <c r="I13100" s="5" t="s">
        <v>1518</v>
      </c>
      <c r="J13100" s="5" t="s">
        <v>36264</v>
      </c>
      <c r="K13100" s="2" t="s">
        <v>36265</v>
      </c>
      <c r="L13100" s="5" t="s">
        <v>36264</v>
      </c>
      <c r="M13100" s="2" t="s">
        <v>36265</v>
      </c>
      <c r="N13100" s="5" t="s">
        <v>36266</v>
      </c>
      <c r="O13100" s="5" t="s">
        <v>38</v>
      </c>
      <c r="P13100" s="5" t="s">
        <v>39</v>
      </c>
      <c r="Q13100" s="5" t="s">
        <v>40</v>
      </c>
      <c r="R13100" s="5" t="s">
        <v>1522</v>
      </c>
      <c r="S13100" s="5" t="s">
        <v>1523</v>
      </c>
      <c r="T13100" s="5" t="s">
        <v>42</v>
      </c>
      <c r="U13100" s="2">
        <v>2.286</v>
      </c>
      <c r="V13100" s="2">
        <v>1.6910000000000001</v>
      </c>
      <c r="W13100" s="2">
        <v>0.02</v>
      </c>
      <c r="X13100" s="2">
        <v>159.1</v>
      </c>
      <c r="Y13100" s="2">
        <v>7.6</v>
      </c>
      <c r="Z13100" s="2">
        <v>16.7</v>
      </c>
      <c r="AA13100" s="5"/>
      <c r="AB13100" s="5" t="s">
        <v>43</v>
      </c>
      <c r="AC13100" s="5" t="s">
        <v>44</v>
      </c>
      <c r="AD13100" s="2"/>
      <c r="AE13100" s="1"/>
    </row>
    <row r="13101" spans="1:31" ht="14.45">
      <c r="A13101" s="11"/>
      <c r="B13101" s="20"/>
      <c r="C13101" s="2" t="s">
        <v>40231</v>
      </c>
      <c r="D13101" s="14" t="s">
        <v>40232</v>
      </c>
      <c r="E13101" s="2" t="s">
        <v>40233</v>
      </c>
      <c r="F13101" s="2" t="s">
        <v>36289</v>
      </c>
      <c r="G13101" s="8">
        <v>262</v>
      </c>
      <c r="H13101" s="5">
        <v>6</v>
      </c>
      <c r="I13101" s="5" t="s">
        <v>1518</v>
      </c>
      <c r="J13101" s="5" t="s">
        <v>36264</v>
      </c>
      <c r="K13101" s="2" t="s">
        <v>36265</v>
      </c>
      <c r="L13101" s="5" t="s">
        <v>36264</v>
      </c>
      <c r="M13101" s="2" t="s">
        <v>36265</v>
      </c>
      <c r="N13101" s="5" t="s">
        <v>36266</v>
      </c>
      <c r="O13101" s="5" t="s">
        <v>38</v>
      </c>
      <c r="P13101" s="5" t="s">
        <v>39</v>
      </c>
      <c r="Q13101" s="5" t="s">
        <v>40</v>
      </c>
      <c r="R13101" s="5" t="s">
        <v>1522</v>
      </c>
      <c r="S13101" s="5" t="s">
        <v>1523</v>
      </c>
      <c r="T13101" s="5" t="s">
        <v>42</v>
      </c>
      <c r="U13101" s="2">
        <v>2.2360000000000002</v>
      </c>
      <c r="V13101" s="2">
        <v>1.641</v>
      </c>
      <c r="W13101" s="2">
        <v>0.02</v>
      </c>
      <c r="X13101" s="2">
        <v>159.1</v>
      </c>
      <c r="Y13101" s="2">
        <v>7.6</v>
      </c>
      <c r="Z13101" s="2">
        <v>16.7</v>
      </c>
      <c r="AA13101" s="5"/>
      <c r="AB13101" s="5" t="s">
        <v>43</v>
      </c>
      <c r="AC13101" s="5" t="s">
        <v>44</v>
      </c>
      <c r="AD13101" s="2"/>
      <c r="AE13101" s="1"/>
    </row>
    <row r="13102" spans="1:31" ht="14.45">
      <c r="A13102" s="11"/>
      <c r="B13102" s="20"/>
      <c r="C13102" s="2" t="s">
        <v>40234</v>
      </c>
      <c r="D13102" s="14" t="s">
        <v>40235</v>
      </c>
      <c r="E13102" s="2" t="s">
        <v>40236</v>
      </c>
      <c r="F13102" s="2" t="s">
        <v>36293</v>
      </c>
      <c r="G13102" s="8">
        <v>262</v>
      </c>
      <c r="H13102" s="5">
        <v>6</v>
      </c>
      <c r="I13102" s="5" t="s">
        <v>1518</v>
      </c>
      <c r="J13102" s="5" t="s">
        <v>36264</v>
      </c>
      <c r="K13102" s="2" t="s">
        <v>36265</v>
      </c>
      <c r="L13102" s="5" t="s">
        <v>36264</v>
      </c>
      <c r="M13102" s="2" t="s">
        <v>36265</v>
      </c>
      <c r="N13102" s="5" t="s">
        <v>36266</v>
      </c>
      <c r="O13102" s="5" t="s">
        <v>38</v>
      </c>
      <c r="P13102" s="5" t="s">
        <v>39</v>
      </c>
      <c r="Q13102" s="5" t="s">
        <v>40</v>
      </c>
      <c r="R13102" s="5" t="s">
        <v>1522</v>
      </c>
      <c r="S13102" s="5" t="s">
        <v>1523</v>
      </c>
      <c r="T13102" s="5" t="s">
        <v>42</v>
      </c>
      <c r="U13102" s="2">
        <v>2.286</v>
      </c>
      <c r="V13102" s="2">
        <v>1.6910000000000001</v>
      </c>
      <c r="W13102" s="2">
        <v>0.02</v>
      </c>
      <c r="X13102" s="2">
        <v>159.1</v>
      </c>
      <c r="Y13102" s="2">
        <v>7.6</v>
      </c>
      <c r="Z13102" s="2">
        <v>16.7</v>
      </c>
      <c r="AA13102" s="5"/>
      <c r="AB13102" s="5" t="s">
        <v>43</v>
      </c>
      <c r="AC13102" s="5" t="s">
        <v>44</v>
      </c>
      <c r="AD13102" s="2"/>
      <c r="AE13102" s="1"/>
    </row>
    <row r="13103" spans="1:31" ht="14.45">
      <c r="A13103" s="11"/>
      <c r="B13103" s="20"/>
      <c r="C13103" s="2" t="s">
        <v>40237</v>
      </c>
      <c r="D13103" s="14" t="s">
        <v>40238</v>
      </c>
      <c r="E13103" s="2" t="s">
        <v>40239</v>
      </c>
      <c r="F13103" s="2" t="s">
        <v>36588</v>
      </c>
      <c r="G13103" s="8">
        <v>228</v>
      </c>
      <c r="H13103" s="5">
        <v>6</v>
      </c>
      <c r="I13103" s="5" t="s">
        <v>1518</v>
      </c>
      <c r="J13103" s="5" t="s">
        <v>36264</v>
      </c>
      <c r="K13103" s="2" t="s">
        <v>36265</v>
      </c>
      <c r="L13103" s="5" t="s">
        <v>36264</v>
      </c>
      <c r="M13103" s="2" t="s">
        <v>36265</v>
      </c>
      <c r="N13103" s="5" t="s">
        <v>36266</v>
      </c>
      <c r="O13103" s="5" t="s">
        <v>38</v>
      </c>
      <c r="P13103" s="5" t="s">
        <v>39</v>
      </c>
      <c r="Q13103" s="5" t="s">
        <v>40</v>
      </c>
      <c r="R13103" s="5" t="s">
        <v>1522</v>
      </c>
      <c r="S13103" s="5" t="s">
        <v>1523</v>
      </c>
      <c r="T13103" s="5" t="s">
        <v>42</v>
      </c>
      <c r="U13103" s="2">
        <v>2.2360000000000002</v>
      </c>
      <c r="V13103" s="2">
        <v>1.641</v>
      </c>
      <c r="W13103" s="2">
        <v>0.02</v>
      </c>
      <c r="X13103" s="2">
        <v>159.1</v>
      </c>
      <c r="Y13103" s="2">
        <v>7.6</v>
      </c>
      <c r="Z13103" s="2">
        <v>16.7</v>
      </c>
      <c r="AA13103" s="5"/>
      <c r="AB13103" s="5" t="s">
        <v>43</v>
      </c>
      <c r="AC13103" s="5" t="s">
        <v>44</v>
      </c>
      <c r="AD13103" s="2"/>
      <c r="AE13103" s="1"/>
    </row>
    <row r="13104" spans="1:31" ht="14.45">
      <c r="A13104" s="11"/>
      <c r="B13104" s="20"/>
      <c r="C13104" s="2" t="s">
        <v>40240</v>
      </c>
      <c r="D13104" s="14" t="s">
        <v>40241</v>
      </c>
      <c r="E13104" s="2" t="s">
        <v>40242</v>
      </c>
      <c r="F13104" s="2" t="s">
        <v>36592</v>
      </c>
      <c r="G13104" s="8">
        <v>228</v>
      </c>
      <c r="H13104" s="5">
        <v>6</v>
      </c>
      <c r="I13104" s="5" t="s">
        <v>1518</v>
      </c>
      <c r="J13104" s="5" t="s">
        <v>36264</v>
      </c>
      <c r="K13104" s="2" t="s">
        <v>36265</v>
      </c>
      <c r="L13104" s="5" t="s">
        <v>36264</v>
      </c>
      <c r="M13104" s="2" t="s">
        <v>36265</v>
      </c>
      <c r="N13104" s="5" t="s">
        <v>36266</v>
      </c>
      <c r="O13104" s="5" t="s">
        <v>38</v>
      </c>
      <c r="P13104" s="5" t="s">
        <v>39</v>
      </c>
      <c r="Q13104" s="5" t="s">
        <v>40</v>
      </c>
      <c r="R13104" s="5" t="s">
        <v>1522</v>
      </c>
      <c r="S13104" s="5" t="s">
        <v>1523</v>
      </c>
      <c r="T13104" s="5" t="s">
        <v>42</v>
      </c>
      <c r="U13104" s="2">
        <v>2.286</v>
      </c>
      <c r="V13104" s="2">
        <v>1.6910000000000001</v>
      </c>
      <c r="W13104" s="2">
        <v>0.02</v>
      </c>
      <c r="X13104" s="2">
        <v>159.1</v>
      </c>
      <c r="Y13104" s="2">
        <v>7.6</v>
      </c>
      <c r="Z13104" s="2">
        <v>16.7</v>
      </c>
      <c r="AA13104" s="5"/>
      <c r="AB13104" s="5" t="s">
        <v>43</v>
      </c>
      <c r="AC13104" s="5" t="s">
        <v>44</v>
      </c>
      <c r="AD13104" s="2"/>
      <c r="AE13104" s="1"/>
    </row>
    <row r="13105" spans="1:31" ht="14.45">
      <c r="A13105" s="11"/>
      <c r="B13105" s="20"/>
      <c r="C13105" s="2" t="s">
        <v>40243</v>
      </c>
      <c r="D13105" s="14" t="s">
        <v>40244</v>
      </c>
      <c r="E13105" s="2" t="s">
        <v>40245</v>
      </c>
      <c r="F13105" s="2" t="s">
        <v>36305</v>
      </c>
      <c r="G13105" s="8">
        <v>228</v>
      </c>
      <c r="H13105" s="5">
        <v>6</v>
      </c>
      <c r="I13105" s="5" t="s">
        <v>1518</v>
      </c>
      <c r="J13105" s="5" t="s">
        <v>36264</v>
      </c>
      <c r="K13105" s="2" t="s">
        <v>36265</v>
      </c>
      <c r="L13105" s="5" t="s">
        <v>36264</v>
      </c>
      <c r="M13105" s="2" t="s">
        <v>36265</v>
      </c>
      <c r="N13105" s="5" t="s">
        <v>36266</v>
      </c>
      <c r="O13105" s="5" t="s">
        <v>38</v>
      </c>
      <c r="P13105" s="5" t="s">
        <v>39</v>
      </c>
      <c r="Q13105" s="5" t="s">
        <v>40</v>
      </c>
      <c r="R13105" s="5" t="s">
        <v>1522</v>
      </c>
      <c r="S13105" s="5" t="s">
        <v>1523</v>
      </c>
      <c r="T13105" s="5" t="s">
        <v>42</v>
      </c>
      <c r="U13105" s="2">
        <v>2.2360000000000002</v>
      </c>
      <c r="V13105" s="2">
        <v>1.641</v>
      </c>
      <c r="W13105" s="2">
        <v>0.02</v>
      </c>
      <c r="X13105" s="2">
        <v>159.1</v>
      </c>
      <c r="Y13105" s="2">
        <v>7.6</v>
      </c>
      <c r="Z13105" s="2">
        <v>16.7</v>
      </c>
      <c r="AA13105" s="5"/>
      <c r="AB13105" s="5" t="s">
        <v>43</v>
      </c>
      <c r="AC13105" s="5" t="s">
        <v>44</v>
      </c>
      <c r="AD13105" s="2"/>
      <c r="AE13105" s="1"/>
    </row>
    <row r="13106" spans="1:31" ht="14.45">
      <c r="A13106" s="11"/>
      <c r="B13106" s="20"/>
      <c r="C13106" s="2" t="s">
        <v>40246</v>
      </c>
      <c r="D13106" s="14" t="s">
        <v>40247</v>
      </c>
      <c r="E13106" s="2" t="s">
        <v>40248</v>
      </c>
      <c r="F13106" s="2" t="s">
        <v>36309</v>
      </c>
      <c r="G13106" s="8">
        <v>228</v>
      </c>
      <c r="H13106" s="5">
        <v>6</v>
      </c>
      <c r="I13106" s="5" t="s">
        <v>1518</v>
      </c>
      <c r="J13106" s="5" t="s">
        <v>36264</v>
      </c>
      <c r="K13106" s="2" t="s">
        <v>36265</v>
      </c>
      <c r="L13106" s="5" t="s">
        <v>36264</v>
      </c>
      <c r="M13106" s="2" t="s">
        <v>36265</v>
      </c>
      <c r="N13106" s="5" t="s">
        <v>36266</v>
      </c>
      <c r="O13106" s="5" t="s">
        <v>38</v>
      </c>
      <c r="P13106" s="5" t="s">
        <v>39</v>
      </c>
      <c r="Q13106" s="5" t="s">
        <v>40</v>
      </c>
      <c r="R13106" s="5" t="s">
        <v>1522</v>
      </c>
      <c r="S13106" s="5" t="s">
        <v>1523</v>
      </c>
      <c r="T13106" s="5" t="s">
        <v>42</v>
      </c>
      <c r="U13106" s="2">
        <v>2.286</v>
      </c>
      <c r="V13106" s="2">
        <v>1.6910000000000001</v>
      </c>
      <c r="W13106" s="2">
        <v>0.02</v>
      </c>
      <c r="X13106" s="2">
        <v>159.1</v>
      </c>
      <c r="Y13106" s="2">
        <v>7.6</v>
      </c>
      <c r="Z13106" s="2">
        <v>16.7</v>
      </c>
      <c r="AA13106" s="5"/>
      <c r="AB13106" s="5" t="s">
        <v>43</v>
      </c>
      <c r="AC13106" s="5" t="s">
        <v>44</v>
      </c>
      <c r="AD13106" s="2"/>
      <c r="AE13106" s="1"/>
    </row>
    <row r="13107" spans="1:31" ht="14.45">
      <c r="A13107" s="11"/>
      <c r="B13107" s="20"/>
      <c r="C13107" s="2" t="s">
        <v>40249</v>
      </c>
      <c r="D13107" s="14" t="s">
        <v>40250</v>
      </c>
      <c r="E13107" s="2" t="s">
        <v>40251</v>
      </c>
      <c r="F13107" s="2" t="s">
        <v>36313</v>
      </c>
      <c r="G13107" s="8">
        <v>262</v>
      </c>
      <c r="H13107" s="5">
        <v>6</v>
      </c>
      <c r="I13107" s="5" t="s">
        <v>1518</v>
      </c>
      <c r="J13107" s="5" t="s">
        <v>36264</v>
      </c>
      <c r="K13107" s="2" t="s">
        <v>36265</v>
      </c>
      <c r="L13107" s="5" t="s">
        <v>36264</v>
      </c>
      <c r="M13107" s="2" t="s">
        <v>36265</v>
      </c>
      <c r="N13107" s="5" t="s">
        <v>36266</v>
      </c>
      <c r="O13107" s="5" t="s">
        <v>38</v>
      </c>
      <c r="P13107" s="5" t="s">
        <v>39</v>
      </c>
      <c r="Q13107" s="5" t="s">
        <v>40</v>
      </c>
      <c r="R13107" s="5" t="s">
        <v>1522</v>
      </c>
      <c r="S13107" s="5" t="s">
        <v>1523</v>
      </c>
      <c r="T13107" s="5" t="s">
        <v>42</v>
      </c>
      <c r="U13107" s="2">
        <v>2.2360000000000002</v>
      </c>
      <c r="V13107" s="2">
        <v>1.641</v>
      </c>
      <c r="W13107" s="2">
        <v>0.02</v>
      </c>
      <c r="X13107" s="2">
        <v>159.1</v>
      </c>
      <c r="Y13107" s="2">
        <v>7.6</v>
      </c>
      <c r="Z13107" s="2">
        <v>16.7</v>
      </c>
      <c r="AA13107" s="5"/>
      <c r="AB13107" s="5" t="s">
        <v>43</v>
      </c>
      <c r="AC13107" s="5" t="s">
        <v>44</v>
      </c>
      <c r="AD13107" s="2"/>
      <c r="AE13107" s="1"/>
    </row>
    <row r="13108" spans="1:31" ht="14.45">
      <c r="A13108" s="11"/>
      <c r="B13108" s="20"/>
      <c r="C13108" s="2" t="s">
        <v>40252</v>
      </c>
      <c r="D13108" s="14" t="s">
        <v>40253</v>
      </c>
      <c r="E13108" s="2" t="s">
        <v>40254</v>
      </c>
      <c r="F13108" s="2" t="s">
        <v>36317</v>
      </c>
      <c r="G13108" s="8">
        <v>262</v>
      </c>
      <c r="H13108" s="5">
        <v>6</v>
      </c>
      <c r="I13108" s="5" t="s">
        <v>1518</v>
      </c>
      <c r="J13108" s="5" t="s">
        <v>36264</v>
      </c>
      <c r="K13108" s="2" t="s">
        <v>36265</v>
      </c>
      <c r="L13108" s="5" t="s">
        <v>36264</v>
      </c>
      <c r="M13108" s="2" t="s">
        <v>36265</v>
      </c>
      <c r="N13108" s="5" t="s">
        <v>36266</v>
      </c>
      <c r="O13108" s="5" t="s">
        <v>38</v>
      </c>
      <c r="P13108" s="5" t="s">
        <v>39</v>
      </c>
      <c r="Q13108" s="5" t="s">
        <v>40</v>
      </c>
      <c r="R13108" s="5" t="s">
        <v>1522</v>
      </c>
      <c r="S13108" s="5" t="s">
        <v>1523</v>
      </c>
      <c r="T13108" s="5" t="s">
        <v>42</v>
      </c>
      <c r="U13108" s="2">
        <v>2.286</v>
      </c>
      <c r="V13108" s="2">
        <v>1.6910000000000001</v>
      </c>
      <c r="W13108" s="2">
        <v>0.02</v>
      </c>
      <c r="X13108" s="2">
        <v>159.1</v>
      </c>
      <c r="Y13108" s="2">
        <v>7.6</v>
      </c>
      <c r="Z13108" s="2">
        <v>16.7</v>
      </c>
      <c r="AA13108" s="5"/>
      <c r="AB13108" s="5" t="s">
        <v>43</v>
      </c>
      <c r="AC13108" s="5" t="s">
        <v>44</v>
      </c>
      <c r="AD13108" s="2"/>
      <c r="AE13108" s="1"/>
    </row>
    <row r="13109" spans="1:31" ht="14.45">
      <c r="A13109" s="11"/>
      <c r="B13109" s="20"/>
      <c r="C13109" s="2" t="s">
        <v>40255</v>
      </c>
      <c r="D13109" s="14" t="s">
        <v>40256</v>
      </c>
      <c r="E13109" s="2" t="s">
        <v>40257</v>
      </c>
      <c r="F13109" s="2" t="s">
        <v>36321</v>
      </c>
      <c r="G13109" s="8">
        <v>262</v>
      </c>
      <c r="H13109" s="5">
        <v>6</v>
      </c>
      <c r="I13109" s="5" t="s">
        <v>1518</v>
      </c>
      <c r="J13109" s="5" t="s">
        <v>36264</v>
      </c>
      <c r="K13109" s="2" t="s">
        <v>36265</v>
      </c>
      <c r="L13109" s="5" t="s">
        <v>36264</v>
      </c>
      <c r="M13109" s="2" t="s">
        <v>36265</v>
      </c>
      <c r="N13109" s="5" t="s">
        <v>36266</v>
      </c>
      <c r="O13109" s="5" t="s">
        <v>38</v>
      </c>
      <c r="P13109" s="5" t="s">
        <v>39</v>
      </c>
      <c r="Q13109" s="5" t="s">
        <v>40</v>
      </c>
      <c r="R13109" s="5" t="s">
        <v>1522</v>
      </c>
      <c r="S13109" s="5" t="s">
        <v>1523</v>
      </c>
      <c r="T13109" s="5" t="s">
        <v>42</v>
      </c>
      <c r="U13109" s="2">
        <v>2.2360000000000002</v>
      </c>
      <c r="V13109" s="2">
        <v>1.641</v>
      </c>
      <c r="W13109" s="2">
        <v>0.02</v>
      </c>
      <c r="X13109" s="2">
        <v>159.1</v>
      </c>
      <c r="Y13109" s="2">
        <v>7.6</v>
      </c>
      <c r="Z13109" s="2">
        <v>16.7</v>
      </c>
      <c r="AA13109" s="5"/>
      <c r="AB13109" s="5" t="s">
        <v>43</v>
      </c>
      <c r="AC13109" s="5" t="s">
        <v>44</v>
      </c>
      <c r="AD13109" s="2"/>
      <c r="AE13109" s="1"/>
    </row>
    <row r="13110" spans="1:31" ht="14.45">
      <c r="A13110" s="11"/>
      <c r="B13110" s="20"/>
      <c r="C13110" s="2" t="s">
        <v>40258</v>
      </c>
      <c r="D13110" s="14" t="s">
        <v>40259</v>
      </c>
      <c r="E13110" s="2" t="s">
        <v>40260</v>
      </c>
      <c r="F13110" s="2" t="s">
        <v>36325</v>
      </c>
      <c r="G13110" s="8">
        <v>262</v>
      </c>
      <c r="H13110" s="5">
        <v>6</v>
      </c>
      <c r="I13110" s="5" t="s">
        <v>1518</v>
      </c>
      <c r="J13110" s="5" t="s">
        <v>36264</v>
      </c>
      <c r="K13110" s="2" t="s">
        <v>36265</v>
      </c>
      <c r="L13110" s="5" t="s">
        <v>36264</v>
      </c>
      <c r="M13110" s="2" t="s">
        <v>36265</v>
      </c>
      <c r="N13110" s="5" t="s">
        <v>36266</v>
      </c>
      <c r="O13110" s="5" t="s">
        <v>38</v>
      </c>
      <c r="P13110" s="5" t="s">
        <v>39</v>
      </c>
      <c r="Q13110" s="5" t="s">
        <v>40</v>
      </c>
      <c r="R13110" s="5" t="s">
        <v>1522</v>
      </c>
      <c r="S13110" s="5" t="s">
        <v>1523</v>
      </c>
      <c r="T13110" s="5" t="s">
        <v>42</v>
      </c>
      <c r="U13110" s="2">
        <v>2.286</v>
      </c>
      <c r="V13110" s="2">
        <v>1.6910000000000001</v>
      </c>
      <c r="W13110" s="2">
        <v>0.02</v>
      </c>
      <c r="X13110" s="2">
        <v>159.1</v>
      </c>
      <c r="Y13110" s="2">
        <v>7.6</v>
      </c>
      <c r="Z13110" s="2">
        <v>16.7</v>
      </c>
      <c r="AA13110" s="5"/>
      <c r="AB13110" s="5" t="s">
        <v>43</v>
      </c>
      <c r="AC13110" s="5" t="s">
        <v>44</v>
      </c>
      <c r="AD13110" s="2"/>
      <c r="AE13110" s="1"/>
    </row>
    <row r="13111" spans="1:31" ht="14.45">
      <c r="A13111" s="11"/>
      <c r="B13111" s="20"/>
      <c r="C13111" s="2" t="s">
        <v>40261</v>
      </c>
      <c r="D13111" s="14" t="s">
        <v>40262</v>
      </c>
      <c r="E13111" s="2" t="s">
        <v>40263</v>
      </c>
      <c r="F13111" s="2" t="s">
        <v>36329</v>
      </c>
      <c r="G13111" s="8">
        <v>262</v>
      </c>
      <c r="H13111" s="5">
        <v>6</v>
      </c>
      <c r="I13111" s="5" t="s">
        <v>1518</v>
      </c>
      <c r="J13111" s="5" t="s">
        <v>36264</v>
      </c>
      <c r="K13111" s="2" t="s">
        <v>36265</v>
      </c>
      <c r="L13111" s="5" t="s">
        <v>36264</v>
      </c>
      <c r="M13111" s="2" t="s">
        <v>36265</v>
      </c>
      <c r="N13111" s="5" t="s">
        <v>36266</v>
      </c>
      <c r="O13111" s="5" t="s">
        <v>38</v>
      </c>
      <c r="P13111" s="5" t="s">
        <v>39</v>
      </c>
      <c r="Q13111" s="5" t="s">
        <v>40</v>
      </c>
      <c r="R13111" s="5" t="s">
        <v>1522</v>
      </c>
      <c r="S13111" s="5" t="s">
        <v>1523</v>
      </c>
      <c r="T13111" s="5" t="s">
        <v>42</v>
      </c>
      <c r="U13111" s="2">
        <v>2.2360000000000002</v>
      </c>
      <c r="V13111" s="2">
        <v>1.641</v>
      </c>
      <c r="W13111" s="2">
        <v>0.02</v>
      </c>
      <c r="X13111" s="2">
        <v>159.1</v>
      </c>
      <c r="Y13111" s="2">
        <v>7.6</v>
      </c>
      <c r="Z13111" s="2">
        <v>16.7</v>
      </c>
      <c r="AA13111" s="5"/>
      <c r="AB13111" s="5" t="s">
        <v>43</v>
      </c>
      <c r="AC13111" s="5" t="s">
        <v>44</v>
      </c>
      <c r="AD13111" s="2"/>
      <c r="AE13111" s="1"/>
    </row>
    <row r="13112" spans="1:31" ht="14.45">
      <c r="A13112" s="11"/>
      <c r="B13112" s="20"/>
      <c r="C13112" s="2" t="s">
        <v>40264</v>
      </c>
      <c r="D13112" s="14" t="s">
        <v>40265</v>
      </c>
      <c r="E13112" s="2" t="s">
        <v>40266</v>
      </c>
      <c r="F13112" s="2" t="s">
        <v>36333</v>
      </c>
      <c r="G13112" s="8">
        <v>262</v>
      </c>
      <c r="H13112" s="5">
        <v>6</v>
      </c>
      <c r="I13112" s="5" t="s">
        <v>1518</v>
      </c>
      <c r="J13112" s="5" t="s">
        <v>36264</v>
      </c>
      <c r="K13112" s="2" t="s">
        <v>36265</v>
      </c>
      <c r="L13112" s="5" t="s">
        <v>36264</v>
      </c>
      <c r="M13112" s="2" t="s">
        <v>36265</v>
      </c>
      <c r="N13112" s="5" t="s">
        <v>36266</v>
      </c>
      <c r="O13112" s="5" t="s">
        <v>38</v>
      </c>
      <c r="P13112" s="5" t="s">
        <v>39</v>
      </c>
      <c r="Q13112" s="5" t="s">
        <v>40</v>
      </c>
      <c r="R13112" s="5" t="s">
        <v>1522</v>
      </c>
      <c r="S13112" s="5" t="s">
        <v>1523</v>
      </c>
      <c r="T13112" s="5" t="s">
        <v>42</v>
      </c>
      <c r="U13112" s="2">
        <v>2.286</v>
      </c>
      <c r="V13112" s="2">
        <v>1.6910000000000001</v>
      </c>
      <c r="W13112" s="2">
        <v>0.02</v>
      </c>
      <c r="X13112" s="2">
        <v>159.1</v>
      </c>
      <c r="Y13112" s="2">
        <v>7.6</v>
      </c>
      <c r="Z13112" s="2">
        <v>16.7</v>
      </c>
      <c r="AA13112" s="5"/>
      <c r="AB13112" s="5" t="s">
        <v>43</v>
      </c>
      <c r="AC13112" s="5" t="s">
        <v>44</v>
      </c>
      <c r="AD13112" s="2"/>
      <c r="AE13112" s="1"/>
    </row>
    <row r="13113" spans="1:31" ht="14.45">
      <c r="A13113" s="11"/>
      <c r="B13113" s="20"/>
      <c r="C13113" s="2" t="s">
        <v>40267</v>
      </c>
      <c r="D13113" s="14" t="s">
        <v>40268</v>
      </c>
      <c r="E13113" s="2" t="s">
        <v>40269</v>
      </c>
      <c r="F13113" s="2" t="s">
        <v>36337</v>
      </c>
      <c r="G13113" s="8">
        <v>262</v>
      </c>
      <c r="H13113" s="5">
        <v>6</v>
      </c>
      <c r="I13113" s="5" t="s">
        <v>1518</v>
      </c>
      <c r="J13113" s="5" t="s">
        <v>36264</v>
      </c>
      <c r="K13113" s="2" t="s">
        <v>36265</v>
      </c>
      <c r="L13113" s="5" t="s">
        <v>36264</v>
      </c>
      <c r="M13113" s="2" t="s">
        <v>36265</v>
      </c>
      <c r="N13113" s="5" t="s">
        <v>36266</v>
      </c>
      <c r="O13113" s="5" t="s">
        <v>38</v>
      </c>
      <c r="P13113" s="5" t="s">
        <v>39</v>
      </c>
      <c r="Q13113" s="5" t="s">
        <v>40</v>
      </c>
      <c r="R13113" s="5" t="s">
        <v>1522</v>
      </c>
      <c r="S13113" s="5" t="s">
        <v>1523</v>
      </c>
      <c r="T13113" s="5" t="s">
        <v>42</v>
      </c>
      <c r="U13113" s="2">
        <v>2.2360000000000002</v>
      </c>
      <c r="V13113" s="2">
        <v>1.641</v>
      </c>
      <c r="W13113" s="2">
        <v>0.02</v>
      </c>
      <c r="X13113" s="2">
        <v>159.1</v>
      </c>
      <c r="Y13113" s="2">
        <v>7.6</v>
      </c>
      <c r="Z13113" s="2">
        <v>16.7</v>
      </c>
      <c r="AA13113" s="5"/>
      <c r="AB13113" s="5" t="s">
        <v>43</v>
      </c>
      <c r="AC13113" s="5" t="s">
        <v>44</v>
      </c>
      <c r="AD13113" s="2"/>
      <c r="AE13113" s="1"/>
    </row>
    <row r="13114" spans="1:31" ht="14.45">
      <c r="A13114" s="11"/>
      <c r="B13114" s="20"/>
      <c r="C13114" s="2" t="s">
        <v>40270</v>
      </c>
      <c r="D13114" s="14" t="s">
        <v>40271</v>
      </c>
      <c r="E13114" s="2" t="s">
        <v>40272</v>
      </c>
      <c r="F13114" s="2" t="s">
        <v>36341</v>
      </c>
      <c r="G13114" s="8">
        <v>262</v>
      </c>
      <c r="H13114" s="5">
        <v>6</v>
      </c>
      <c r="I13114" s="5" t="s">
        <v>1518</v>
      </c>
      <c r="J13114" s="5" t="s">
        <v>36264</v>
      </c>
      <c r="K13114" s="2" t="s">
        <v>36265</v>
      </c>
      <c r="L13114" s="5" t="s">
        <v>36264</v>
      </c>
      <c r="M13114" s="2" t="s">
        <v>36265</v>
      </c>
      <c r="N13114" s="5" t="s">
        <v>36266</v>
      </c>
      <c r="O13114" s="5" t="s">
        <v>38</v>
      </c>
      <c r="P13114" s="5" t="s">
        <v>39</v>
      </c>
      <c r="Q13114" s="5" t="s">
        <v>40</v>
      </c>
      <c r="R13114" s="5" t="s">
        <v>1522</v>
      </c>
      <c r="S13114" s="5" t="s">
        <v>1523</v>
      </c>
      <c r="T13114" s="5" t="s">
        <v>42</v>
      </c>
      <c r="U13114" s="2">
        <v>2.286</v>
      </c>
      <c r="V13114" s="2">
        <v>1.6910000000000001</v>
      </c>
      <c r="W13114" s="2">
        <v>0.02</v>
      </c>
      <c r="X13114" s="2">
        <v>159.1</v>
      </c>
      <c r="Y13114" s="2">
        <v>7.6</v>
      </c>
      <c r="Z13114" s="2">
        <v>16.7</v>
      </c>
      <c r="AA13114" s="5"/>
      <c r="AB13114" s="5" t="s">
        <v>43</v>
      </c>
      <c r="AC13114" s="5" t="s">
        <v>44</v>
      </c>
      <c r="AD13114" s="2"/>
      <c r="AE13114" s="1"/>
    </row>
    <row r="13115" spans="1:31" ht="14.45">
      <c r="A13115" s="11"/>
      <c r="B13115" s="20"/>
      <c r="C13115" s="2" t="s">
        <v>40273</v>
      </c>
      <c r="D13115" s="14" t="s">
        <v>40274</v>
      </c>
      <c r="E13115" s="2" t="s">
        <v>40275</v>
      </c>
      <c r="F13115" s="2" t="s">
        <v>36345</v>
      </c>
      <c r="G13115" s="8">
        <v>262</v>
      </c>
      <c r="H13115" s="5">
        <v>6</v>
      </c>
      <c r="I13115" s="5" t="s">
        <v>1518</v>
      </c>
      <c r="J13115" s="5" t="s">
        <v>36264</v>
      </c>
      <c r="K13115" s="2" t="s">
        <v>36265</v>
      </c>
      <c r="L13115" s="5" t="s">
        <v>36264</v>
      </c>
      <c r="M13115" s="2" t="s">
        <v>36265</v>
      </c>
      <c r="N13115" s="5" t="s">
        <v>36266</v>
      </c>
      <c r="O13115" s="5" t="s">
        <v>38</v>
      </c>
      <c r="P13115" s="5" t="s">
        <v>39</v>
      </c>
      <c r="Q13115" s="5" t="s">
        <v>40</v>
      </c>
      <c r="R13115" s="5" t="s">
        <v>1522</v>
      </c>
      <c r="S13115" s="5" t="s">
        <v>1523</v>
      </c>
      <c r="T13115" s="5" t="s">
        <v>42</v>
      </c>
      <c r="U13115" s="2">
        <v>2.2360000000000002</v>
      </c>
      <c r="V13115" s="2">
        <v>1.641</v>
      </c>
      <c r="W13115" s="2">
        <v>0.02</v>
      </c>
      <c r="X13115" s="2">
        <v>159.1</v>
      </c>
      <c r="Y13115" s="2">
        <v>7.6</v>
      </c>
      <c r="Z13115" s="2">
        <v>16.7</v>
      </c>
      <c r="AA13115" s="5"/>
      <c r="AB13115" s="5" t="s">
        <v>43</v>
      </c>
      <c r="AC13115" s="5" t="s">
        <v>44</v>
      </c>
      <c r="AD13115" s="2"/>
      <c r="AE13115" s="1"/>
    </row>
    <row r="13116" spans="1:31" ht="14.45">
      <c r="A13116" s="11"/>
      <c r="B13116" s="20"/>
      <c r="C13116" s="2" t="s">
        <v>40276</v>
      </c>
      <c r="D13116" s="14" t="s">
        <v>40277</v>
      </c>
      <c r="E13116" s="2" t="s">
        <v>40278</v>
      </c>
      <c r="F13116" s="2" t="s">
        <v>36349</v>
      </c>
      <c r="G13116" s="8">
        <v>262</v>
      </c>
      <c r="H13116" s="5">
        <v>6</v>
      </c>
      <c r="I13116" s="5" t="s">
        <v>1518</v>
      </c>
      <c r="J13116" s="5" t="s">
        <v>36264</v>
      </c>
      <c r="K13116" s="2" t="s">
        <v>36265</v>
      </c>
      <c r="L13116" s="5" t="s">
        <v>36264</v>
      </c>
      <c r="M13116" s="2" t="s">
        <v>36265</v>
      </c>
      <c r="N13116" s="5" t="s">
        <v>36266</v>
      </c>
      <c r="O13116" s="5" t="s">
        <v>38</v>
      </c>
      <c r="P13116" s="5" t="s">
        <v>39</v>
      </c>
      <c r="Q13116" s="5" t="s">
        <v>40</v>
      </c>
      <c r="R13116" s="5" t="s">
        <v>1522</v>
      </c>
      <c r="S13116" s="5" t="s">
        <v>1523</v>
      </c>
      <c r="T13116" s="5" t="s">
        <v>42</v>
      </c>
      <c r="U13116" s="2">
        <v>2.286</v>
      </c>
      <c r="V13116" s="2">
        <v>1.6910000000000001</v>
      </c>
      <c r="W13116" s="2">
        <v>0.02</v>
      </c>
      <c r="X13116" s="2">
        <v>159.1</v>
      </c>
      <c r="Y13116" s="2">
        <v>7.6</v>
      </c>
      <c r="Z13116" s="2">
        <v>16.7</v>
      </c>
      <c r="AA13116" s="5"/>
      <c r="AB13116" s="5" t="s">
        <v>43</v>
      </c>
      <c r="AC13116" s="5" t="s">
        <v>44</v>
      </c>
      <c r="AD13116" s="2"/>
      <c r="AE13116" s="1"/>
    </row>
    <row r="13117" spans="1:31" ht="14.45">
      <c r="A13117" s="11"/>
      <c r="B13117" s="20"/>
      <c r="C13117" s="2" t="s">
        <v>40279</v>
      </c>
      <c r="D13117" s="14" t="s">
        <v>40280</v>
      </c>
      <c r="E13117" s="2" t="s">
        <v>40281</v>
      </c>
      <c r="F13117" s="2" t="s">
        <v>36353</v>
      </c>
      <c r="G13117" s="8">
        <v>262</v>
      </c>
      <c r="H13117" s="5">
        <v>6</v>
      </c>
      <c r="I13117" s="5" t="s">
        <v>1518</v>
      </c>
      <c r="J13117" s="5" t="s">
        <v>36264</v>
      </c>
      <c r="K13117" s="2" t="s">
        <v>36265</v>
      </c>
      <c r="L13117" s="5" t="s">
        <v>36264</v>
      </c>
      <c r="M13117" s="2" t="s">
        <v>36265</v>
      </c>
      <c r="N13117" s="5" t="s">
        <v>36266</v>
      </c>
      <c r="O13117" s="5" t="s">
        <v>38</v>
      </c>
      <c r="P13117" s="5" t="s">
        <v>39</v>
      </c>
      <c r="Q13117" s="5" t="s">
        <v>40</v>
      </c>
      <c r="R13117" s="5" t="s">
        <v>1522</v>
      </c>
      <c r="S13117" s="5" t="s">
        <v>1523</v>
      </c>
      <c r="T13117" s="5" t="s">
        <v>42</v>
      </c>
      <c r="U13117" s="2">
        <v>2.2360000000000002</v>
      </c>
      <c r="V13117" s="2">
        <v>1.641</v>
      </c>
      <c r="W13117" s="2">
        <v>0.02</v>
      </c>
      <c r="X13117" s="2">
        <v>159.1</v>
      </c>
      <c r="Y13117" s="2">
        <v>7.6</v>
      </c>
      <c r="Z13117" s="2">
        <v>16.7</v>
      </c>
      <c r="AA13117" s="5"/>
      <c r="AB13117" s="5" t="s">
        <v>43</v>
      </c>
      <c r="AC13117" s="5" t="s">
        <v>44</v>
      </c>
      <c r="AD13117" s="2"/>
      <c r="AE13117" s="1"/>
    </row>
    <row r="13118" spans="1:31" ht="14.45">
      <c r="A13118" s="11"/>
      <c r="B13118" s="20"/>
      <c r="C13118" s="2" t="s">
        <v>40282</v>
      </c>
      <c r="D13118" s="14" t="s">
        <v>40283</v>
      </c>
      <c r="E13118" s="2" t="s">
        <v>40284</v>
      </c>
      <c r="F13118" s="2" t="s">
        <v>36361</v>
      </c>
      <c r="G13118" s="8">
        <v>262</v>
      </c>
      <c r="H13118" s="5">
        <v>6</v>
      </c>
      <c r="I13118" s="5" t="s">
        <v>1518</v>
      </c>
      <c r="J13118" s="5" t="s">
        <v>36264</v>
      </c>
      <c r="K13118" s="2" t="s">
        <v>36265</v>
      </c>
      <c r="L13118" s="5" t="s">
        <v>36264</v>
      </c>
      <c r="M13118" s="2" t="s">
        <v>36265</v>
      </c>
      <c r="N13118" s="5" t="s">
        <v>36266</v>
      </c>
      <c r="O13118" s="5" t="s">
        <v>38</v>
      </c>
      <c r="P13118" s="5" t="s">
        <v>39</v>
      </c>
      <c r="Q13118" s="5" t="s">
        <v>40</v>
      </c>
      <c r="R13118" s="5" t="s">
        <v>1522</v>
      </c>
      <c r="S13118" s="5" t="s">
        <v>1523</v>
      </c>
      <c r="T13118" s="5" t="s">
        <v>42</v>
      </c>
      <c r="U13118" s="2">
        <v>2.2360000000000002</v>
      </c>
      <c r="V13118" s="2">
        <v>1.641</v>
      </c>
      <c r="W13118" s="2">
        <v>0.02</v>
      </c>
      <c r="X13118" s="2">
        <v>159.1</v>
      </c>
      <c r="Y13118" s="2">
        <v>7.6</v>
      </c>
      <c r="Z13118" s="2">
        <v>16.7</v>
      </c>
      <c r="AA13118" s="5"/>
      <c r="AB13118" s="5" t="s">
        <v>43</v>
      </c>
      <c r="AC13118" s="5" t="s">
        <v>44</v>
      </c>
      <c r="AD13118" s="2"/>
      <c r="AE13118" s="1"/>
    </row>
    <row r="13119" spans="1:31" ht="14.45">
      <c r="A13119" s="11"/>
      <c r="B13119" s="20"/>
      <c r="C13119" s="2" t="s">
        <v>40285</v>
      </c>
      <c r="D13119" s="14" t="s">
        <v>40286</v>
      </c>
      <c r="E13119" s="2" t="s">
        <v>40287</v>
      </c>
      <c r="F13119" s="2" t="s">
        <v>36365</v>
      </c>
      <c r="G13119" s="8">
        <v>262</v>
      </c>
      <c r="H13119" s="5">
        <v>6</v>
      </c>
      <c r="I13119" s="5" t="s">
        <v>1518</v>
      </c>
      <c r="J13119" s="5" t="s">
        <v>36264</v>
      </c>
      <c r="K13119" s="2" t="s">
        <v>36265</v>
      </c>
      <c r="L13119" s="5" t="s">
        <v>36264</v>
      </c>
      <c r="M13119" s="2" t="s">
        <v>36265</v>
      </c>
      <c r="N13119" s="5" t="s">
        <v>36266</v>
      </c>
      <c r="O13119" s="5" t="s">
        <v>38</v>
      </c>
      <c r="P13119" s="5" t="s">
        <v>39</v>
      </c>
      <c r="Q13119" s="5" t="s">
        <v>40</v>
      </c>
      <c r="R13119" s="5" t="s">
        <v>1522</v>
      </c>
      <c r="S13119" s="5" t="s">
        <v>1523</v>
      </c>
      <c r="T13119" s="5" t="s">
        <v>42</v>
      </c>
      <c r="U13119" s="2">
        <v>2.286</v>
      </c>
      <c r="V13119" s="2">
        <v>1.6910000000000001</v>
      </c>
      <c r="W13119" s="2">
        <v>0.02</v>
      </c>
      <c r="X13119" s="2">
        <v>159.1</v>
      </c>
      <c r="Y13119" s="2">
        <v>7.6</v>
      </c>
      <c r="Z13119" s="2">
        <v>16.7</v>
      </c>
      <c r="AA13119" s="5"/>
      <c r="AB13119" s="5" t="s">
        <v>43</v>
      </c>
      <c r="AC13119" s="5" t="s">
        <v>44</v>
      </c>
      <c r="AD13119" s="2"/>
      <c r="AE13119" s="1"/>
    </row>
    <row r="13120" spans="1:31" ht="14.45">
      <c r="A13120" s="11"/>
      <c r="B13120" s="20"/>
      <c r="C13120" s="2" t="s">
        <v>40288</v>
      </c>
      <c r="D13120" s="14" t="s">
        <v>40289</v>
      </c>
      <c r="E13120" s="2" t="s">
        <v>40290</v>
      </c>
      <c r="F13120" s="2" t="s">
        <v>36644</v>
      </c>
      <c r="G13120" s="8">
        <v>262</v>
      </c>
      <c r="H13120" s="5">
        <v>6</v>
      </c>
      <c r="I13120" s="5" t="s">
        <v>1518</v>
      </c>
      <c r="J13120" s="5" t="s">
        <v>36264</v>
      </c>
      <c r="K13120" s="2" t="s">
        <v>36265</v>
      </c>
      <c r="L13120" s="5" t="s">
        <v>36264</v>
      </c>
      <c r="M13120" s="2" t="s">
        <v>36265</v>
      </c>
      <c r="N13120" s="5" t="s">
        <v>36266</v>
      </c>
      <c r="O13120" s="5" t="s">
        <v>38</v>
      </c>
      <c r="P13120" s="5" t="s">
        <v>39</v>
      </c>
      <c r="Q13120" s="5" t="s">
        <v>40</v>
      </c>
      <c r="R13120" s="5" t="s">
        <v>1522</v>
      </c>
      <c r="S13120" s="5" t="s">
        <v>1523</v>
      </c>
      <c r="T13120" s="5" t="s">
        <v>42</v>
      </c>
      <c r="U13120" s="2">
        <v>2.2360000000000002</v>
      </c>
      <c r="V13120" s="2">
        <v>1.641</v>
      </c>
      <c r="W13120" s="2">
        <v>0.02</v>
      </c>
      <c r="X13120" s="2">
        <v>159.1</v>
      </c>
      <c r="Y13120" s="2">
        <v>7.6</v>
      </c>
      <c r="Z13120" s="2">
        <v>16.7</v>
      </c>
      <c r="AA13120" s="5"/>
      <c r="AB13120" s="5" t="s">
        <v>43</v>
      </c>
      <c r="AC13120" s="5" t="s">
        <v>44</v>
      </c>
      <c r="AD13120" s="2"/>
      <c r="AE13120" s="1"/>
    </row>
    <row r="13121" spans="1:31" ht="14.45">
      <c r="A13121" s="11"/>
      <c r="B13121" s="20"/>
      <c r="C13121" s="2" t="s">
        <v>40291</v>
      </c>
      <c r="D13121" s="14" t="s">
        <v>40292</v>
      </c>
      <c r="E13121" s="2" t="s">
        <v>40293</v>
      </c>
      <c r="F13121" s="2" t="s">
        <v>36648</v>
      </c>
      <c r="G13121" s="8">
        <v>262</v>
      </c>
      <c r="H13121" s="5">
        <v>6</v>
      </c>
      <c r="I13121" s="5" t="s">
        <v>1518</v>
      </c>
      <c r="J13121" s="5" t="s">
        <v>36264</v>
      </c>
      <c r="K13121" s="2" t="s">
        <v>36265</v>
      </c>
      <c r="L13121" s="5" t="s">
        <v>36264</v>
      </c>
      <c r="M13121" s="2" t="s">
        <v>36265</v>
      </c>
      <c r="N13121" s="5" t="s">
        <v>36266</v>
      </c>
      <c r="O13121" s="5" t="s">
        <v>38</v>
      </c>
      <c r="P13121" s="5" t="s">
        <v>39</v>
      </c>
      <c r="Q13121" s="5" t="s">
        <v>40</v>
      </c>
      <c r="R13121" s="5" t="s">
        <v>1522</v>
      </c>
      <c r="S13121" s="5" t="s">
        <v>1523</v>
      </c>
      <c r="T13121" s="5" t="s">
        <v>42</v>
      </c>
      <c r="U13121" s="2">
        <v>2.286</v>
      </c>
      <c r="V13121" s="2">
        <v>1.6910000000000001</v>
      </c>
      <c r="W13121" s="2">
        <v>0.02</v>
      </c>
      <c r="X13121" s="2">
        <v>159.1</v>
      </c>
      <c r="Y13121" s="2">
        <v>7.6</v>
      </c>
      <c r="Z13121" s="2">
        <v>16.7</v>
      </c>
      <c r="AA13121" s="5"/>
      <c r="AB13121" s="5" t="s">
        <v>43</v>
      </c>
      <c r="AC13121" s="5" t="s">
        <v>44</v>
      </c>
      <c r="AD13121" s="2"/>
      <c r="AE13121" s="1"/>
    </row>
    <row r="13122" spans="1:31" ht="14.45">
      <c r="A13122" s="11"/>
      <c r="B13122" s="20"/>
      <c r="C13122" s="2" t="s">
        <v>40294</v>
      </c>
      <c r="D13122" s="14" t="s">
        <v>40295</v>
      </c>
      <c r="E13122" s="2" t="s">
        <v>40296</v>
      </c>
      <c r="F13122" s="2" t="s">
        <v>36377</v>
      </c>
      <c r="G13122" s="8">
        <v>262</v>
      </c>
      <c r="H13122" s="5">
        <v>6</v>
      </c>
      <c r="I13122" s="5" t="s">
        <v>1518</v>
      </c>
      <c r="J13122" s="5" t="s">
        <v>36264</v>
      </c>
      <c r="K13122" s="2" t="s">
        <v>36265</v>
      </c>
      <c r="L13122" s="5" t="s">
        <v>36264</v>
      </c>
      <c r="M13122" s="2" t="s">
        <v>36265</v>
      </c>
      <c r="N13122" s="5" t="s">
        <v>36266</v>
      </c>
      <c r="O13122" s="5" t="s">
        <v>38</v>
      </c>
      <c r="P13122" s="5" t="s">
        <v>39</v>
      </c>
      <c r="Q13122" s="5" t="s">
        <v>40</v>
      </c>
      <c r="R13122" s="5" t="s">
        <v>1522</v>
      </c>
      <c r="S13122" s="5" t="s">
        <v>1523</v>
      </c>
      <c r="T13122" s="5" t="s">
        <v>42</v>
      </c>
      <c r="U13122" s="2">
        <v>2.2360000000000002</v>
      </c>
      <c r="V13122" s="2">
        <v>1.641</v>
      </c>
      <c r="W13122" s="2">
        <v>0.02</v>
      </c>
      <c r="X13122" s="2">
        <v>159.1</v>
      </c>
      <c r="Y13122" s="2">
        <v>7.6</v>
      </c>
      <c r="Z13122" s="2">
        <v>16.7</v>
      </c>
      <c r="AA13122" s="5"/>
      <c r="AB13122" s="5" t="s">
        <v>43</v>
      </c>
      <c r="AC13122" s="5" t="s">
        <v>44</v>
      </c>
      <c r="AD13122" s="2"/>
      <c r="AE13122" s="1"/>
    </row>
    <row r="13123" spans="1:31" ht="14.45">
      <c r="A13123" s="11"/>
      <c r="B13123" s="20"/>
      <c r="C13123" s="2" t="s">
        <v>40297</v>
      </c>
      <c r="D13123" s="14" t="s">
        <v>40298</v>
      </c>
      <c r="E13123" s="2" t="s">
        <v>40299</v>
      </c>
      <c r="F13123" s="2" t="s">
        <v>36381</v>
      </c>
      <c r="G13123" s="8">
        <v>262</v>
      </c>
      <c r="H13123" s="5">
        <v>6</v>
      </c>
      <c r="I13123" s="5" t="s">
        <v>1518</v>
      </c>
      <c r="J13123" s="5" t="s">
        <v>36264</v>
      </c>
      <c r="K13123" s="2" t="s">
        <v>36265</v>
      </c>
      <c r="L13123" s="5" t="s">
        <v>36264</v>
      </c>
      <c r="M13123" s="2" t="s">
        <v>36265</v>
      </c>
      <c r="N13123" s="5" t="s">
        <v>36266</v>
      </c>
      <c r="O13123" s="5" t="s">
        <v>38</v>
      </c>
      <c r="P13123" s="5" t="s">
        <v>39</v>
      </c>
      <c r="Q13123" s="5" t="s">
        <v>40</v>
      </c>
      <c r="R13123" s="5" t="s">
        <v>1522</v>
      </c>
      <c r="S13123" s="5" t="s">
        <v>1523</v>
      </c>
      <c r="T13123" s="5" t="s">
        <v>42</v>
      </c>
      <c r="U13123" s="2">
        <v>2.286</v>
      </c>
      <c r="V13123" s="2">
        <v>1.6910000000000001</v>
      </c>
      <c r="W13123" s="2">
        <v>0.02</v>
      </c>
      <c r="X13123" s="2">
        <v>159.1</v>
      </c>
      <c r="Y13123" s="2">
        <v>7.6</v>
      </c>
      <c r="Z13123" s="2">
        <v>16.7</v>
      </c>
      <c r="AA13123" s="5"/>
      <c r="AB13123" s="5" t="s">
        <v>43</v>
      </c>
      <c r="AC13123" s="5" t="s">
        <v>44</v>
      </c>
      <c r="AD13123" s="2"/>
      <c r="AE13123" s="1"/>
    </row>
    <row r="13124" spans="1:31" ht="14.45">
      <c r="A13124" s="11"/>
      <c r="B13124" s="20"/>
      <c r="C13124" s="2" t="s">
        <v>40300</v>
      </c>
      <c r="D13124" s="14" t="s">
        <v>40301</v>
      </c>
      <c r="E13124" s="2" t="s">
        <v>40302</v>
      </c>
      <c r="F13124" s="2" t="s">
        <v>36385</v>
      </c>
      <c r="G13124" s="8">
        <v>262</v>
      </c>
      <c r="H13124" s="5">
        <v>6</v>
      </c>
      <c r="I13124" s="5" t="s">
        <v>1518</v>
      </c>
      <c r="J13124" s="5" t="s">
        <v>36264</v>
      </c>
      <c r="K13124" s="2" t="s">
        <v>36265</v>
      </c>
      <c r="L13124" s="5" t="s">
        <v>36264</v>
      </c>
      <c r="M13124" s="2" t="s">
        <v>36265</v>
      </c>
      <c r="N13124" s="5" t="s">
        <v>36266</v>
      </c>
      <c r="O13124" s="5" t="s">
        <v>38</v>
      </c>
      <c r="P13124" s="5" t="s">
        <v>39</v>
      </c>
      <c r="Q13124" s="5" t="s">
        <v>40</v>
      </c>
      <c r="R13124" s="5" t="s">
        <v>1522</v>
      </c>
      <c r="S13124" s="5" t="s">
        <v>1523</v>
      </c>
      <c r="T13124" s="5" t="s">
        <v>42</v>
      </c>
      <c r="U13124" s="2">
        <v>2.2360000000000002</v>
      </c>
      <c r="V13124" s="2">
        <v>1.641</v>
      </c>
      <c r="W13124" s="2">
        <v>0.02</v>
      </c>
      <c r="X13124" s="2">
        <v>159.1</v>
      </c>
      <c r="Y13124" s="2">
        <v>7.6</v>
      </c>
      <c r="Z13124" s="2">
        <v>16.7</v>
      </c>
      <c r="AA13124" s="5"/>
      <c r="AB13124" s="5" t="s">
        <v>43</v>
      </c>
      <c r="AC13124" s="5" t="s">
        <v>44</v>
      </c>
      <c r="AD13124" s="2"/>
      <c r="AE13124" s="1"/>
    </row>
    <row r="13125" spans="1:31" ht="14.45">
      <c r="A13125" s="11"/>
      <c r="B13125" s="20"/>
      <c r="C13125" s="2" t="s">
        <v>40303</v>
      </c>
      <c r="D13125" s="14" t="s">
        <v>40304</v>
      </c>
      <c r="E13125" s="2" t="s">
        <v>40305</v>
      </c>
      <c r="F13125" s="2" t="s">
        <v>36389</v>
      </c>
      <c r="G13125" s="8">
        <v>262</v>
      </c>
      <c r="H13125" s="5">
        <v>6</v>
      </c>
      <c r="I13125" s="5" t="s">
        <v>1518</v>
      </c>
      <c r="J13125" s="5" t="s">
        <v>36264</v>
      </c>
      <c r="K13125" s="2" t="s">
        <v>36265</v>
      </c>
      <c r="L13125" s="5" t="s">
        <v>36264</v>
      </c>
      <c r="M13125" s="2" t="s">
        <v>36265</v>
      </c>
      <c r="N13125" s="5" t="s">
        <v>36266</v>
      </c>
      <c r="O13125" s="5" t="s">
        <v>38</v>
      </c>
      <c r="P13125" s="5" t="s">
        <v>39</v>
      </c>
      <c r="Q13125" s="5" t="s">
        <v>40</v>
      </c>
      <c r="R13125" s="5" t="s">
        <v>1522</v>
      </c>
      <c r="S13125" s="5" t="s">
        <v>1523</v>
      </c>
      <c r="T13125" s="5" t="s">
        <v>42</v>
      </c>
      <c r="U13125" s="2">
        <v>2.286</v>
      </c>
      <c r="V13125" s="2">
        <v>1.6910000000000001</v>
      </c>
      <c r="W13125" s="2">
        <v>0.02</v>
      </c>
      <c r="X13125" s="2">
        <v>159.1</v>
      </c>
      <c r="Y13125" s="2">
        <v>7.6</v>
      </c>
      <c r="Z13125" s="2">
        <v>16.7</v>
      </c>
      <c r="AA13125" s="5"/>
      <c r="AB13125" s="5" t="s">
        <v>43</v>
      </c>
      <c r="AC13125" s="5" t="s">
        <v>44</v>
      </c>
      <c r="AD13125" s="2"/>
      <c r="AE13125" s="1"/>
    </row>
    <row r="13126" spans="1:31" ht="14.45">
      <c r="A13126" s="11"/>
      <c r="B13126" s="20"/>
      <c r="C13126" s="2" t="s">
        <v>40306</v>
      </c>
      <c r="D13126" s="14" t="s">
        <v>40307</v>
      </c>
      <c r="E13126" s="2" t="s">
        <v>40308</v>
      </c>
      <c r="F13126" s="2" t="s">
        <v>7204</v>
      </c>
      <c r="G13126" s="8">
        <v>104</v>
      </c>
      <c r="H13126" s="5">
        <v>6</v>
      </c>
      <c r="I13126" s="5" t="s">
        <v>1518</v>
      </c>
      <c r="J13126" s="5" t="s">
        <v>36264</v>
      </c>
      <c r="K13126" s="2" t="s">
        <v>36265</v>
      </c>
      <c r="L13126" s="5" t="s">
        <v>36264</v>
      </c>
      <c r="M13126" s="2" t="s">
        <v>36265</v>
      </c>
      <c r="N13126" s="5" t="s">
        <v>36266</v>
      </c>
      <c r="O13126" s="5" t="s">
        <v>38</v>
      </c>
      <c r="P13126" s="5" t="s">
        <v>39</v>
      </c>
      <c r="Q13126" s="5" t="s">
        <v>40</v>
      </c>
      <c r="R13126" s="5" t="s">
        <v>1522</v>
      </c>
      <c r="S13126" s="5" t="s">
        <v>1523</v>
      </c>
      <c r="T13126" s="5" t="s">
        <v>42</v>
      </c>
      <c r="U13126" s="2">
        <v>0.98499999999999999</v>
      </c>
      <c r="V13126" s="2">
        <v>0.56599999999999995</v>
      </c>
      <c r="W13126" s="2">
        <v>0.01</v>
      </c>
      <c r="X13126" s="2">
        <v>76.900000000000006</v>
      </c>
      <c r="Y13126" s="2">
        <v>7.6</v>
      </c>
      <c r="Z13126" s="2">
        <v>16.7</v>
      </c>
      <c r="AA13126" s="5"/>
      <c r="AB13126" s="5" t="s">
        <v>43</v>
      </c>
      <c r="AC13126" s="5" t="s">
        <v>44</v>
      </c>
      <c r="AD13126" s="2"/>
      <c r="AE13126" s="1"/>
    </row>
    <row r="13127" spans="1:31" ht="14.45">
      <c r="A13127" s="11"/>
      <c r="B13127" s="20"/>
      <c r="C13127" s="2" t="s">
        <v>40309</v>
      </c>
      <c r="D13127" s="14" t="s">
        <v>40310</v>
      </c>
      <c r="E13127" s="2" t="s">
        <v>40311</v>
      </c>
      <c r="F13127" s="2" t="s">
        <v>36273</v>
      </c>
      <c r="G13127" s="8">
        <v>104</v>
      </c>
      <c r="H13127" s="5">
        <v>6</v>
      </c>
      <c r="I13127" s="5" t="s">
        <v>1518</v>
      </c>
      <c r="J13127" s="5" t="s">
        <v>36264</v>
      </c>
      <c r="K13127" s="2" t="s">
        <v>36265</v>
      </c>
      <c r="L13127" s="5" t="s">
        <v>36264</v>
      </c>
      <c r="M13127" s="2" t="s">
        <v>36265</v>
      </c>
      <c r="N13127" s="5" t="s">
        <v>36266</v>
      </c>
      <c r="O13127" s="5" t="s">
        <v>38</v>
      </c>
      <c r="P13127" s="5" t="s">
        <v>39</v>
      </c>
      <c r="Q13127" s="5" t="s">
        <v>40</v>
      </c>
      <c r="R13127" s="5" t="s">
        <v>1522</v>
      </c>
      <c r="S13127" s="5" t="s">
        <v>1523</v>
      </c>
      <c r="T13127" s="5" t="s">
        <v>42</v>
      </c>
      <c r="U13127" s="2">
        <v>0.98499999999999999</v>
      </c>
      <c r="V13127" s="2">
        <v>0.56599999999999995</v>
      </c>
      <c r="W13127" s="2">
        <v>0.01</v>
      </c>
      <c r="X13127" s="2">
        <v>76.900000000000006</v>
      </c>
      <c r="Y13127" s="2">
        <v>7.6</v>
      </c>
      <c r="Z13127" s="2">
        <v>16.7</v>
      </c>
      <c r="AA13127" s="5"/>
      <c r="AB13127" s="5" t="s">
        <v>43</v>
      </c>
      <c r="AC13127" s="5" t="s">
        <v>44</v>
      </c>
      <c r="AD13127" s="2"/>
      <c r="AE13127" s="1"/>
    </row>
    <row r="13128" spans="1:31" ht="14.45">
      <c r="A13128" s="11"/>
      <c r="B13128" s="20"/>
      <c r="C13128" s="2" t="s">
        <v>40312</v>
      </c>
      <c r="D13128" s="14" t="s">
        <v>40313</v>
      </c>
      <c r="E13128" s="2" t="s">
        <v>40314</v>
      </c>
      <c r="F13128" s="2" t="s">
        <v>36281</v>
      </c>
      <c r="G13128" s="8">
        <v>119</v>
      </c>
      <c r="H13128" s="5">
        <v>6</v>
      </c>
      <c r="I13128" s="5" t="s">
        <v>1518</v>
      </c>
      <c r="J13128" s="5" t="s">
        <v>36264</v>
      </c>
      <c r="K13128" s="2" t="s">
        <v>36265</v>
      </c>
      <c r="L13128" s="5" t="s">
        <v>36264</v>
      </c>
      <c r="M13128" s="2" t="s">
        <v>36265</v>
      </c>
      <c r="N13128" s="5" t="s">
        <v>36266</v>
      </c>
      <c r="O13128" s="5" t="s">
        <v>38</v>
      </c>
      <c r="P13128" s="5" t="s">
        <v>39</v>
      </c>
      <c r="Q13128" s="5" t="s">
        <v>40</v>
      </c>
      <c r="R13128" s="5" t="s">
        <v>1522</v>
      </c>
      <c r="S13128" s="5" t="s">
        <v>1523</v>
      </c>
      <c r="T13128" s="5" t="s">
        <v>42</v>
      </c>
      <c r="U13128" s="2">
        <v>0.98499999999999999</v>
      </c>
      <c r="V13128" s="2">
        <v>0.56599999999999995</v>
      </c>
      <c r="W13128" s="2">
        <v>0.01</v>
      </c>
      <c r="X13128" s="2">
        <v>76.900000000000006</v>
      </c>
      <c r="Y13128" s="2">
        <v>7.6</v>
      </c>
      <c r="Z13128" s="2">
        <v>16.7</v>
      </c>
      <c r="AA13128" s="5"/>
      <c r="AB13128" s="5" t="s">
        <v>43</v>
      </c>
      <c r="AC13128" s="5" t="s">
        <v>44</v>
      </c>
      <c r="AD13128" s="2"/>
      <c r="AE13128" s="1"/>
    </row>
    <row r="13129" spans="1:31" ht="14.45">
      <c r="A13129" s="11"/>
      <c r="B13129" s="20"/>
      <c r="C13129" s="2" t="s">
        <v>40315</v>
      </c>
      <c r="D13129" s="14" t="s">
        <v>40316</v>
      </c>
      <c r="E13129" s="2" t="s">
        <v>40317</v>
      </c>
      <c r="F13129" s="2" t="s">
        <v>36289</v>
      </c>
      <c r="G13129" s="8">
        <v>119</v>
      </c>
      <c r="H13129" s="5">
        <v>6</v>
      </c>
      <c r="I13129" s="5" t="s">
        <v>1518</v>
      </c>
      <c r="J13129" s="5" t="s">
        <v>36264</v>
      </c>
      <c r="K13129" s="2" t="s">
        <v>36265</v>
      </c>
      <c r="L13129" s="5" t="s">
        <v>36264</v>
      </c>
      <c r="M13129" s="2" t="s">
        <v>36265</v>
      </c>
      <c r="N13129" s="5" t="s">
        <v>36266</v>
      </c>
      <c r="O13129" s="5" t="s">
        <v>38</v>
      </c>
      <c r="P13129" s="5" t="s">
        <v>39</v>
      </c>
      <c r="Q13129" s="5" t="s">
        <v>40</v>
      </c>
      <c r="R13129" s="5" t="s">
        <v>1522</v>
      </c>
      <c r="S13129" s="5" t="s">
        <v>1523</v>
      </c>
      <c r="T13129" s="5" t="s">
        <v>42</v>
      </c>
      <c r="U13129" s="2">
        <v>0.98499999999999999</v>
      </c>
      <c r="V13129" s="2">
        <v>0.56599999999999995</v>
      </c>
      <c r="W13129" s="2">
        <v>0.01</v>
      </c>
      <c r="X13129" s="2">
        <v>76.900000000000006</v>
      </c>
      <c r="Y13129" s="2">
        <v>7.6</v>
      </c>
      <c r="Z13129" s="2">
        <v>16.7</v>
      </c>
      <c r="AA13129" s="5"/>
      <c r="AB13129" s="5" t="s">
        <v>43</v>
      </c>
      <c r="AC13129" s="5" t="s">
        <v>44</v>
      </c>
      <c r="AD13129" s="2"/>
      <c r="AE13129" s="1"/>
    </row>
    <row r="13130" spans="1:31" ht="14.45">
      <c r="A13130" s="11"/>
      <c r="B13130" s="20"/>
      <c r="C13130" s="2" t="s">
        <v>40318</v>
      </c>
      <c r="D13130" s="14" t="s">
        <v>40319</v>
      </c>
      <c r="E13130" s="2" t="s">
        <v>40320</v>
      </c>
      <c r="F13130" s="2" t="s">
        <v>36297</v>
      </c>
      <c r="G13130" s="8">
        <v>104</v>
      </c>
      <c r="H13130" s="5">
        <v>6</v>
      </c>
      <c r="I13130" s="5" t="s">
        <v>1518</v>
      </c>
      <c r="J13130" s="5" t="s">
        <v>36264</v>
      </c>
      <c r="K13130" s="2" t="s">
        <v>36265</v>
      </c>
      <c r="L13130" s="5" t="s">
        <v>36264</v>
      </c>
      <c r="M13130" s="2" t="s">
        <v>36265</v>
      </c>
      <c r="N13130" s="5" t="s">
        <v>36266</v>
      </c>
      <c r="O13130" s="5" t="s">
        <v>38</v>
      </c>
      <c r="P13130" s="5" t="s">
        <v>39</v>
      </c>
      <c r="Q13130" s="5" t="s">
        <v>40</v>
      </c>
      <c r="R13130" s="5" t="s">
        <v>1522</v>
      </c>
      <c r="S13130" s="5" t="s">
        <v>1523</v>
      </c>
      <c r="T13130" s="5" t="s">
        <v>42</v>
      </c>
      <c r="U13130" s="2">
        <v>0.98499999999999999</v>
      </c>
      <c r="V13130" s="2">
        <v>0.56599999999999995</v>
      </c>
      <c r="W13130" s="2">
        <v>0.01</v>
      </c>
      <c r="X13130" s="2">
        <v>76.900000000000006</v>
      </c>
      <c r="Y13130" s="2">
        <v>7.6</v>
      </c>
      <c r="Z13130" s="2">
        <v>16.7</v>
      </c>
      <c r="AA13130" s="5"/>
      <c r="AB13130" s="5" t="s">
        <v>43</v>
      </c>
      <c r="AC13130" s="5" t="s">
        <v>44</v>
      </c>
      <c r="AD13130" s="2"/>
      <c r="AE13130" s="1"/>
    </row>
    <row r="13131" spans="1:31" ht="14.45">
      <c r="A13131" s="11"/>
      <c r="B13131" s="20"/>
      <c r="C13131" s="2" t="s">
        <v>40321</v>
      </c>
      <c r="D13131" s="14" t="s">
        <v>40322</v>
      </c>
      <c r="E13131" s="2" t="s">
        <v>40323</v>
      </c>
      <c r="F13131" s="2" t="s">
        <v>36305</v>
      </c>
      <c r="G13131" s="8">
        <v>104</v>
      </c>
      <c r="H13131" s="5">
        <v>6</v>
      </c>
      <c r="I13131" s="5" t="s">
        <v>1518</v>
      </c>
      <c r="J13131" s="5" t="s">
        <v>36264</v>
      </c>
      <c r="K13131" s="2" t="s">
        <v>36265</v>
      </c>
      <c r="L13131" s="5" t="s">
        <v>36264</v>
      </c>
      <c r="M13131" s="2" t="s">
        <v>36265</v>
      </c>
      <c r="N13131" s="5" t="s">
        <v>36266</v>
      </c>
      <c r="O13131" s="5" t="s">
        <v>38</v>
      </c>
      <c r="P13131" s="5" t="s">
        <v>39</v>
      </c>
      <c r="Q13131" s="5" t="s">
        <v>40</v>
      </c>
      <c r="R13131" s="5" t="s">
        <v>1522</v>
      </c>
      <c r="S13131" s="5" t="s">
        <v>1523</v>
      </c>
      <c r="T13131" s="5" t="s">
        <v>42</v>
      </c>
      <c r="U13131" s="2">
        <v>0.98499999999999999</v>
      </c>
      <c r="V13131" s="2">
        <v>0.56599999999999995</v>
      </c>
      <c r="W13131" s="2">
        <v>0.01</v>
      </c>
      <c r="X13131" s="2">
        <v>76.900000000000006</v>
      </c>
      <c r="Y13131" s="2">
        <v>7.6</v>
      </c>
      <c r="Z13131" s="2">
        <v>16.7</v>
      </c>
      <c r="AA13131" s="5"/>
      <c r="AB13131" s="5" t="s">
        <v>43</v>
      </c>
      <c r="AC13131" s="5" t="s">
        <v>44</v>
      </c>
      <c r="AD13131" s="2"/>
      <c r="AE13131" s="1"/>
    </row>
    <row r="13132" spans="1:31" ht="14.45">
      <c r="A13132" s="11"/>
      <c r="B13132" s="20"/>
      <c r="C13132" s="2" t="s">
        <v>40324</v>
      </c>
      <c r="D13132" s="14" t="s">
        <v>40325</v>
      </c>
      <c r="E13132" s="2" t="s">
        <v>40326</v>
      </c>
      <c r="F13132" s="2" t="s">
        <v>36329</v>
      </c>
      <c r="G13132" s="8">
        <v>119</v>
      </c>
      <c r="H13132" s="5">
        <v>6</v>
      </c>
      <c r="I13132" s="5" t="s">
        <v>1518</v>
      </c>
      <c r="J13132" s="5" t="s">
        <v>36264</v>
      </c>
      <c r="K13132" s="2" t="s">
        <v>36265</v>
      </c>
      <c r="L13132" s="5" t="s">
        <v>36264</v>
      </c>
      <c r="M13132" s="2" t="s">
        <v>36265</v>
      </c>
      <c r="N13132" s="5" t="s">
        <v>36266</v>
      </c>
      <c r="O13132" s="5" t="s">
        <v>38</v>
      </c>
      <c r="P13132" s="5" t="s">
        <v>39</v>
      </c>
      <c r="Q13132" s="5" t="s">
        <v>40</v>
      </c>
      <c r="R13132" s="5" t="s">
        <v>1522</v>
      </c>
      <c r="S13132" s="5" t="s">
        <v>1523</v>
      </c>
      <c r="T13132" s="5" t="s">
        <v>42</v>
      </c>
      <c r="U13132" s="2">
        <v>0.98499999999999999</v>
      </c>
      <c r="V13132" s="2">
        <v>0.56599999999999995</v>
      </c>
      <c r="W13132" s="2">
        <v>0.01</v>
      </c>
      <c r="X13132" s="2">
        <v>76.900000000000006</v>
      </c>
      <c r="Y13132" s="2">
        <v>7.6</v>
      </c>
      <c r="Z13132" s="2">
        <v>16.7</v>
      </c>
      <c r="AA13132" s="5"/>
      <c r="AB13132" s="5" t="s">
        <v>43</v>
      </c>
      <c r="AC13132" s="5" t="s">
        <v>44</v>
      </c>
      <c r="AD13132" s="2"/>
      <c r="AE13132" s="1"/>
    </row>
    <row r="13133" spans="1:31" ht="14.45">
      <c r="A13133" s="11"/>
      <c r="B13133" s="20"/>
      <c r="C13133" s="2" t="s">
        <v>40327</v>
      </c>
      <c r="D13133" s="14" t="s">
        <v>40328</v>
      </c>
      <c r="E13133" s="2" t="s">
        <v>40329</v>
      </c>
      <c r="F13133" s="2" t="s">
        <v>36353</v>
      </c>
      <c r="G13133" s="8">
        <v>119</v>
      </c>
      <c r="H13133" s="5">
        <v>6</v>
      </c>
      <c r="I13133" s="5" t="s">
        <v>1518</v>
      </c>
      <c r="J13133" s="5" t="s">
        <v>36264</v>
      </c>
      <c r="K13133" s="2" t="s">
        <v>36265</v>
      </c>
      <c r="L13133" s="5" t="s">
        <v>36264</v>
      </c>
      <c r="M13133" s="2" t="s">
        <v>36265</v>
      </c>
      <c r="N13133" s="5" t="s">
        <v>36266</v>
      </c>
      <c r="O13133" s="5" t="s">
        <v>38</v>
      </c>
      <c r="P13133" s="5" t="s">
        <v>39</v>
      </c>
      <c r="Q13133" s="5" t="s">
        <v>40</v>
      </c>
      <c r="R13133" s="5" t="s">
        <v>1522</v>
      </c>
      <c r="S13133" s="5" t="s">
        <v>1523</v>
      </c>
      <c r="T13133" s="5" t="s">
        <v>42</v>
      </c>
      <c r="U13133" s="2">
        <v>0.98499999999999999</v>
      </c>
      <c r="V13133" s="2">
        <v>0.56599999999999995</v>
      </c>
      <c r="W13133" s="2">
        <v>0.01</v>
      </c>
      <c r="X13133" s="2">
        <v>76.900000000000006</v>
      </c>
      <c r="Y13133" s="2">
        <v>7.6</v>
      </c>
      <c r="Z13133" s="2">
        <v>16.7</v>
      </c>
      <c r="AA13133" s="5"/>
      <c r="AB13133" s="5" t="s">
        <v>43</v>
      </c>
      <c r="AC13133" s="5" t="s">
        <v>44</v>
      </c>
      <c r="AD13133" s="2"/>
      <c r="AE13133" s="1"/>
    </row>
    <row r="13134" spans="1:31" ht="14.45">
      <c r="A13134" s="11"/>
      <c r="B13134" s="20"/>
      <c r="C13134" s="2" t="s">
        <v>40330</v>
      </c>
      <c r="D13134" s="14" t="s">
        <v>40331</v>
      </c>
      <c r="E13134" s="2" t="s">
        <v>40332</v>
      </c>
      <c r="F13134" s="2" t="s">
        <v>36361</v>
      </c>
      <c r="G13134" s="8">
        <v>119</v>
      </c>
      <c r="H13134" s="5">
        <v>6</v>
      </c>
      <c r="I13134" s="5" t="s">
        <v>1518</v>
      </c>
      <c r="J13134" s="5" t="s">
        <v>36264</v>
      </c>
      <c r="K13134" s="2" t="s">
        <v>36265</v>
      </c>
      <c r="L13134" s="5" t="s">
        <v>36264</v>
      </c>
      <c r="M13134" s="2" t="s">
        <v>36265</v>
      </c>
      <c r="N13134" s="5" t="s">
        <v>36266</v>
      </c>
      <c r="O13134" s="5" t="s">
        <v>38</v>
      </c>
      <c r="P13134" s="5" t="s">
        <v>39</v>
      </c>
      <c r="Q13134" s="5" t="s">
        <v>40</v>
      </c>
      <c r="R13134" s="5" t="s">
        <v>1522</v>
      </c>
      <c r="S13134" s="5" t="s">
        <v>1523</v>
      </c>
      <c r="T13134" s="5" t="s">
        <v>42</v>
      </c>
      <c r="U13134" s="2">
        <v>0.98499999999999999</v>
      </c>
      <c r="V13134" s="2">
        <v>0.56599999999999995</v>
      </c>
      <c r="W13134" s="2">
        <v>0.01</v>
      </c>
      <c r="X13134" s="2">
        <v>76.900000000000006</v>
      </c>
      <c r="Y13134" s="2">
        <v>7.6</v>
      </c>
      <c r="Z13134" s="2">
        <v>16.7</v>
      </c>
      <c r="AA13134" s="5"/>
      <c r="AB13134" s="5" t="s">
        <v>43</v>
      </c>
      <c r="AC13134" s="5" t="s">
        <v>44</v>
      </c>
      <c r="AD13134" s="2"/>
      <c r="AE13134" s="1"/>
    </row>
    <row r="13135" spans="1:31" ht="14.45">
      <c r="A13135" s="11"/>
      <c r="B13135" s="20"/>
      <c r="C13135" s="2" t="s">
        <v>40333</v>
      </c>
      <c r="D13135" s="14" t="s">
        <v>40334</v>
      </c>
      <c r="E13135" s="2" t="s">
        <v>40335</v>
      </c>
      <c r="F13135" s="2" t="s">
        <v>36369</v>
      </c>
      <c r="G13135" s="8">
        <v>119</v>
      </c>
      <c r="H13135" s="5">
        <v>6</v>
      </c>
      <c r="I13135" s="5" t="s">
        <v>1518</v>
      </c>
      <c r="J13135" s="5" t="s">
        <v>36264</v>
      </c>
      <c r="K13135" s="2" t="s">
        <v>36265</v>
      </c>
      <c r="L13135" s="5" t="s">
        <v>36264</v>
      </c>
      <c r="M13135" s="2" t="s">
        <v>36265</v>
      </c>
      <c r="N13135" s="5" t="s">
        <v>36266</v>
      </c>
      <c r="O13135" s="5" t="s">
        <v>38</v>
      </c>
      <c r="P13135" s="5" t="s">
        <v>39</v>
      </c>
      <c r="Q13135" s="5" t="s">
        <v>40</v>
      </c>
      <c r="R13135" s="5" t="s">
        <v>1522</v>
      </c>
      <c r="S13135" s="5" t="s">
        <v>1523</v>
      </c>
      <c r="T13135" s="5" t="s">
        <v>42</v>
      </c>
      <c r="U13135" s="2">
        <v>0.98499999999999999</v>
      </c>
      <c r="V13135" s="2">
        <v>0.56599999999999995</v>
      </c>
      <c r="W13135" s="2">
        <v>0.01</v>
      </c>
      <c r="X13135" s="2">
        <v>76.900000000000006</v>
      </c>
      <c r="Y13135" s="2">
        <v>7.6</v>
      </c>
      <c r="Z13135" s="2">
        <v>16.7</v>
      </c>
      <c r="AA13135" s="5"/>
      <c r="AB13135" s="5" t="s">
        <v>43</v>
      </c>
      <c r="AC13135" s="5" t="s">
        <v>44</v>
      </c>
      <c r="AD13135" s="2"/>
      <c r="AE13135" s="1"/>
    </row>
    <row r="13136" spans="1:31" ht="14.45">
      <c r="A13136" s="11"/>
      <c r="B13136" s="20"/>
      <c r="C13136" s="2" t="s">
        <v>40336</v>
      </c>
      <c r="D13136" s="14" t="s">
        <v>40337</v>
      </c>
      <c r="E13136" s="2" t="s">
        <v>40338</v>
      </c>
      <c r="F13136" s="2" t="s">
        <v>36377</v>
      </c>
      <c r="G13136" s="8">
        <v>119</v>
      </c>
      <c r="H13136" s="5">
        <v>6</v>
      </c>
      <c r="I13136" s="5" t="s">
        <v>1518</v>
      </c>
      <c r="J13136" s="5" t="s">
        <v>36264</v>
      </c>
      <c r="K13136" s="2" t="s">
        <v>36265</v>
      </c>
      <c r="L13136" s="5" t="s">
        <v>36264</v>
      </c>
      <c r="M13136" s="2" t="s">
        <v>36265</v>
      </c>
      <c r="N13136" s="5" t="s">
        <v>36266</v>
      </c>
      <c r="O13136" s="5" t="s">
        <v>38</v>
      </c>
      <c r="P13136" s="5" t="s">
        <v>39</v>
      </c>
      <c r="Q13136" s="5" t="s">
        <v>40</v>
      </c>
      <c r="R13136" s="5" t="s">
        <v>1522</v>
      </c>
      <c r="S13136" s="5" t="s">
        <v>1523</v>
      </c>
      <c r="T13136" s="5" t="s">
        <v>42</v>
      </c>
      <c r="U13136" s="2">
        <v>0.98499999999999999</v>
      </c>
      <c r="V13136" s="2">
        <v>0.56599999999999995</v>
      </c>
      <c r="W13136" s="2">
        <v>0.01</v>
      </c>
      <c r="X13136" s="2">
        <v>76.900000000000006</v>
      </c>
      <c r="Y13136" s="2">
        <v>7.6</v>
      </c>
      <c r="Z13136" s="2">
        <v>16.7</v>
      </c>
      <c r="AA13136" s="5"/>
      <c r="AB13136" s="5" t="s">
        <v>43</v>
      </c>
      <c r="AC13136" s="5" t="s">
        <v>44</v>
      </c>
      <c r="AD13136" s="2"/>
      <c r="AE13136" s="1"/>
    </row>
    <row r="13137" spans="1:31" ht="14.45">
      <c r="A13137" s="11"/>
      <c r="B13137" s="20"/>
      <c r="C13137" s="2" t="s">
        <v>40339</v>
      </c>
      <c r="D13137" s="14" t="s">
        <v>40340</v>
      </c>
      <c r="E13137" s="2" t="s">
        <v>40341</v>
      </c>
      <c r="F13137" s="2" t="s">
        <v>7204</v>
      </c>
      <c r="G13137" s="8">
        <v>119</v>
      </c>
      <c r="H13137" s="5">
        <v>6</v>
      </c>
      <c r="I13137" s="5" t="s">
        <v>1518</v>
      </c>
      <c r="J13137" s="5" t="s">
        <v>36264</v>
      </c>
      <c r="K13137" s="2" t="s">
        <v>36265</v>
      </c>
      <c r="L13137" s="5" t="s">
        <v>36264</v>
      </c>
      <c r="M13137" s="2" t="s">
        <v>36265</v>
      </c>
      <c r="N13137" s="5" t="s">
        <v>36266</v>
      </c>
      <c r="O13137" s="5" t="s">
        <v>38</v>
      </c>
      <c r="P13137" s="5" t="s">
        <v>39</v>
      </c>
      <c r="Q13137" s="5" t="s">
        <v>40</v>
      </c>
      <c r="R13137" s="5" t="s">
        <v>1522</v>
      </c>
      <c r="S13137" s="5" t="s">
        <v>1523</v>
      </c>
      <c r="T13137" s="5" t="s">
        <v>42</v>
      </c>
      <c r="U13137" s="2">
        <v>1.18</v>
      </c>
      <c r="V13137" s="2">
        <v>0.65300000000000002</v>
      </c>
      <c r="W13137" s="2">
        <v>1.2999999999999999E-2</v>
      </c>
      <c r="X13137" s="2">
        <v>99.1</v>
      </c>
      <c r="Y13137" s="2">
        <v>7.6</v>
      </c>
      <c r="Z13137" s="2">
        <v>16.7</v>
      </c>
      <c r="AA13137" s="5"/>
      <c r="AB13137" s="5" t="s">
        <v>43</v>
      </c>
      <c r="AC13137" s="5" t="s">
        <v>44</v>
      </c>
      <c r="AD13137" s="2"/>
      <c r="AE13137" s="1"/>
    </row>
    <row r="13138" spans="1:31" ht="14.45">
      <c r="A13138" s="11"/>
      <c r="B13138" s="20"/>
      <c r="C13138" s="2" t="s">
        <v>40342</v>
      </c>
      <c r="D13138" s="14" t="s">
        <v>40343</v>
      </c>
      <c r="E13138" s="2" t="s">
        <v>40344</v>
      </c>
      <c r="F13138" s="2" t="s">
        <v>36273</v>
      </c>
      <c r="G13138" s="8">
        <v>119</v>
      </c>
      <c r="H13138" s="5">
        <v>6</v>
      </c>
      <c r="I13138" s="5" t="s">
        <v>1518</v>
      </c>
      <c r="J13138" s="5" t="s">
        <v>36264</v>
      </c>
      <c r="K13138" s="2" t="s">
        <v>36265</v>
      </c>
      <c r="L13138" s="5" t="s">
        <v>36264</v>
      </c>
      <c r="M13138" s="2" t="s">
        <v>36265</v>
      </c>
      <c r="N13138" s="5" t="s">
        <v>36266</v>
      </c>
      <c r="O13138" s="5" t="s">
        <v>38</v>
      </c>
      <c r="P13138" s="5" t="s">
        <v>39</v>
      </c>
      <c r="Q13138" s="5" t="s">
        <v>40</v>
      </c>
      <c r="R13138" s="5" t="s">
        <v>1522</v>
      </c>
      <c r="S13138" s="5" t="s">
        <v>1523</v>
      </c>
      <c r="T13138" s="5" t="s">
        <v>42</v>
      </c>
      <c r="U13138" s="2">
        <v>1.18</v>
      </c>
      <c r="V13138" s="2">
        <v>0.65300000000000002</v>
      </c>
      <c r="W13138" s="2">
        <v>1.2999999999999999E-2</v>
      </c>
      <c r="X13138" s="2">
        <v>99.1</v>
      </c>
      <c r="Y13138" s="2">
        <v>7.6</v>
      </c>
      <c r="Z13138" s="2">
        <v>16.7</v>
      </c>
      <c r="AA13138" s="5"/>
      <c r="AB13138" s="5" t="s">
        <v>43</v>
      </c>
      <c r="AC13138" s="5" t="s">
        <v>44</v>
      </c>
      <c r="AD13138" s="2"/>
      <c r="AE13138" s="1"/>
    </row>
    <row r="13139" spans="1:31" ht="14.45">
      <c r="A13139" s="11"/>
      <c r="B13139" s="20"/>
      <c r="C13139" s="2" t="s">
        <v>40345</v>
      </c>
      <c r="D13139" s="14" t="s">
        <v>40346</v>
      </c>
      <c r="E13139" s="2" t="s">
        <v>40347</v>
      </c>
      <c r="F13139" s="2" t="s">
        <v>36281</v>
      </c>
      <c r="G13139" s="8">
        <v>136</v>
      </c>
      <c r="H13139" s="5">
        <v>6</v>
      </c>
      <c r="I13139" s="5" t="s">
        <v>1518</v>
      </c>
      <c r="J13139" s="5" t="s">
        <v>36264</v>
      </c>
      <c r="K13139" s="2" t="s">
        <v>36265</v>
      </c>
      <c r="L13139" s="5" t="s">
        <v>36264</v>
      </c>
      <c r="M13139" s="2" t="s">
        <v>36265</v>
      </c>
      <c r="N13139" s="5" t="s">
        <v>36266</v>
      </c>
      <c r="O13139" s="5" t="s">
        <v>38</v>
      </c>
      <c r="P13139" s="5" t="s">
        <v>39</v>
      </c>
      <c r="Q13139" s="5" t="s">
        <v>40</v>
      </c>
      <c r="R13139" s="5" t="s">
        <v>1522</v>
      </c>
      <c r="S13139" s="5" t="s">
        <v>1523</v>
      </c>
      <c r="T13139" s="5" t="s">
        <v>42</v>
      </c>
      <c r="U13139" s="2">
        <v>1.18</v>
      </c>
      <c r="V13139" s="2">
        <v>0.65300000000000002</v>
      </c>
      <c r="W13139" s="2">
        <v>1.2999999999999999E-2</v>
      </c>
      <c r="X13139" s="2">
        <v>99.1</v>
      </c>
      <c r="Y13139" s="2">
        <v>7.6</v>
      </c>
      <c r="Z13139" s="2">
        <v>16.7</v>
      </c>
      <c r="AA13139" s="5"/>
      <c r="AB13139" s="5" t="s">
        <v>43</v>
      </c>
      <c r="AC13139" s="5" t="s">
        <v>44</v>
      </c>
      <c r="AD13139" s="2"/>
      <c r="AE13139" s="1"/>
    </row>
    <row r="13140" spans="1:31" ht="14.45">
      <c r="A13140" s="11"/>
      <c r="B13140" s="20"/>
      <c r="C13140" s="2" t="s">
        <v>40348</v>
      </c>
      <c r="D13140" s="14" t="s">
        <v>40349</v>
      </c>
      <c r="E13140" s="2" t="s">
        <v>40350</v>
      </c>
      <c r="F13140" s="2" t="s">
        <v>36289</v>
      </c>
      <c r="G13140" s="8">
        <v>136</v>
      </c>
      <c r="H13140" s="5">
        <v>6</v>
      </c>
      <c r="I13140" s="5" t="s">
        <v>1518</v>
      </c>
      <c r="J13140" s="5" t="s">
        <v>36264</v>
      </c>
      <c r="K13140" s="2" t="s">
        <v>36265</v>
      </c>
      <c r="L13140" s="5" t="s">
        <v>36264</v>
      </c>
      <c r="M13140" s="2" t="s">
        <v>36265</v>
      </c>
      <c r="N13140" s="5" t="s">
        <v>36266</v>
      </c>
      <c r="O13140" s="5" t="s">
        <v>38</v>
      </c>
      <c r="P13140" s="5" t="s">
        <v>39</v>
      </c>
      <c r="Q13140" s="5" t="s">
        <v>40</v>
      </c>
      <c r="R13140" s="5" t="s">
        <v>1522</v>
      </c>
      <c r="S13140" s="5" t="s">
        <v>1523</v>
      </c>
      <c r="T13140" s="5" t="s">
        <v>42</v>
      </c>
      <c r="U13140" s="2">
        <v>1.18</v>
      </c>
      <c r="V13140" s="2">
        <v>0.65300000000000002</v>
      </c>
      <c r="W13140" s="2">
        <v>1.2999999999999999E-2</v>
      </c>
      <c r="X13140" s="2">
        <v>99.1</v>
      </c>
      <c r="Y13140" s="2">
        <v>7.6</v>
      </c>
      <c r="Z13140" s="2">
        <v>16.7</v>
      </c>
      <c r="AA13140" s="5"/>
      <c r="AB13140" s="5" t="s">
        <v>43</v>
      </c>
      <c r="AC13140" s="5" t="s">
        <v>44</v>
      </c>
      <c r="AD13140" s="2"/>
      <c r="AE13140" s="1"/>
    </row>
    <row r="13141" spans="1:31" ht="14.45">
      <c r="A13141" s="11"/>
      <c r="B13141" s="20"/>
      <c r="C13141" s="2" t="s">
        <v>40351</v>
      </c>
      <c r="D13141" s="14" t="s">
        <v>40352</v>
      </c>
      <c r="E13141" s="2" t="s">
        <v>40353</v>
      </c>
      <c r="F13141" s="2" t="s">
        <v>36297</v>
      </c>
      <c r="G13141" s="8">
        <v>119</v>
      </c>
      <c r="H13141" s="5">
        <v>6</v>
      </c>
      <c r="I13141" s="5" t="s">
        <v>1518</v>
      </c>
      <c r="J13141" s="5" t="s">
        <v>36264</v>
      </c>
      <c r="K13141" s="2" t="s">
        <v>36265</v>
      </c>
      <c r="L13141" s="5" t="s">
        <v>36264</v>
      </c>
      <c r="M13141" s="2" t="s">
        <v>36265</v>
      </c>
      <c r="N13141" s="5" t="s">
        <v>36266</v>
      </c>
      <c r="O13141" s="5" t="s">
        <v>38</v>
      </c>
      <c r="P13141" s="5" t="s">
        <v>39</v>
      </c>
      <c r="Q13141" s="5" t="s">
        <v>40</v>
      </c>
      <c r="R13141" s="5" t="s">
        <v>1522</v>
      </c>
      <c r="S13141" s="5" t="s">
        <v>1523</v>
      </c>
      <c r="T13141" s="5" t="s">
        <v>42</v>
      </c>
      <c r="U13141" s="2">
        <v>1.18</v>
      </c>
      <c r="V13141" s="2">
        <v>0.65300000000000002</v>
      </c>
      <c r="W13141" s="2">
        <v>1.2999999999999999E-2</v>
      </c>
      <c r="X13141" s="2">
        <v>99.1</v>
      </c>
      <c r="Y13141" s="2">
        <v>7.6</v>
      </c>
      <c r="Z13141" s="2">
        <v>16.7</v>
      </c>
      <c r="AA13141" s="5"/>
      <c r="AB13141" s="5" t="s">
        <v>43</v>
      </c>
      <c r="AC13141" s="5" t="s">
        <v>44</v>
      </c>
      <c r="AD13141" s="2"/>
      <c r="AE13141" s="1"/>
    </row>
    <row r="13142" spans="1:31" ht="14.45">
      <c r="A13142" s="11"/>
      <c r="B13142" s="20"/>
      <c r="C13142" s="2" t="s">
        <v>40354</v>
      </c>
      <c r="D13142" s="14" t="s">
        <v>40355</v>
      </c>
      <c r="E13142" s="2" t="s">
        <v>40356</v>
      </c>
      <c r="F13142" s="2" t="s">
        <v>36305</v>
      </c>
      <c r="G13142" s="8">
        <v>119</v>
      </c>
      <c r="H13142" s="5">
        <v>6</v>
      </c>
      <c r="I13142" s="5" t="s">
        <v>1518</v>
      </c>
      <c r="J13142" s="5" t="s">
        <v>36264</v>
      </c>
      <c r="K13142" s="2" t="s">
        <v>36265</v>
      </c>
      <c r="L13142" s="5" t="s">
        <v>36264</v>
      </c>
      <c r="M13142" s="2" t="s">
        <v>36265</v>
      </c>
      <c r="N13142" s="5" t="s">
        <v>36266</v>
      </c>
      <c r="O13142" s="5" t="s">
        <v>38</v>
      </c>
      <c r="P13142" s="5" t="s">
        <v>39</v>
      </c>
      <c r="Q13142" s="5" t="s">
        <v>40</v>
      </c>
      <c r="R13142" s="5" t="s">
        <v>1522</v>
      </c>
      <c r="S13142" s="5" t="s">
        <v>1523</v>
      </c>
      <c r="T13142" s="5" t="s">
        <v>42</v>
      </c>
      <c r="U13142" s="2">
        <v>1.18</v>
      </c>
      <c r="V13142" s="2">
        <v>0.65300000000000002</v>
      </c>
      <c r="W13142" s="2">
        <v>1.2999999999999999E-2</v>
      </c>
      <c r="X13142" s="2">
        <v>99.1</v>
      </c>
      <c r="Y13142" s="2">
        <v>7.6</v>
      </c>
      <c r="Z13142" s="2">
        <v>16.7</v>
      </c>
      <c r="AA13142" s="5"/>
      <c r="AB13142" s="5" t="s">
        <v>43</v>
      </c>
      <c r="AC13142" s="5" t="s">
        <v>44</v>
      </c>
      <c r="AD13142" s="2"/>
      <c r="AE13142" s="1"/>
    </row>
    <row r="13143" spans="1:31" ht="14.45">
      <c r="A13143" s="11"/>
      <c r="B13143" s="20"/>
      <c r="C13143" s="2" t="s">
        <v>40357</v>
      </c>
      <c r="D13143" s="14" t="s">
        <v>40358</v>
      </c>
      <c r="E13143" s="2" t="s">
        <v>40359</v>
      </c>
      <c r="F13143" s="2" t="s">
        <v>36313</v>
      </c>
      <c r="G13143" s="8">
        <v>136</v>
      </c>
      <c r="H13143" s="5">
        <v>6</v>
      </c>
      <c r="I13143" s="5" t="s">
        <v>1518</v>
      </c>
      <c r="J13143" s="5" t="s">
        <v>36264</v>
      </c>
      <c r="K13143" s="2" t="s">
        <v>36265</v>
      </c>
      <c r="L13143" s="5" t="s">
        <v>36264</v>
      </c>
      <c r="M13143" s="2" t="s">
        <v>36265</v>
      </c>
      <c r="N13143" s="5" t="s">
        <v>36266</v>
      </c>
      <c r="O13143" s="5" t="s">
        <v>38</v>
      </c>
      <c r="P13143" s="5" t="s">
        <v>39</v>
      </c>
      <c r="Q13143" s="5" t="s">
        <v>40</v>
      </c>
      <c r="R13143" s="5" t="s">
        <v>1522</v>
      </c>
      <c r="S13143" s="5" t="s">
        <v>1523</v>
      </c>
      <c r="T13143" s="5" t="s">
        <v>42</v>
      </c>
      <c r="U13143" s="2">
        <v>1.18</v>
      </c>
      <c r="V13143" s="2">
        <v>0.65300000000000002</v>
      </c>
      <c r="W13143" s="2">
        <v>1.2999999999999999E-2</v>
      </c>
      <c r="X13143" s="2">
        <v>99.1</v>
      </c>
      <c r="Y13143" s="2">
        <v>7.6</v>
      </c>
      <c r="Z13143" s="2">
        <v>16.7</v>
      </c>
      <c r="AA13143" s="5"/>
      <c r="AB13143" s="5" t="s">
        <v>43</v>
      </c>
      <c r="AC13143" s="5" t="s">
        <v>44</v>
      </c>
      <c r="AD13143" s="2"/>
      <c r="AE13143" s="1"/>
    </row>
    <row r="13144" spans="1:31" ht="14.45">
      <c r="A13144" s="11"/>
      <c r="B13144" s="20"/>
      <c r="C13144" s="2" t="s">
        <v>40360</v>
      </c>
      <c r="D13144" s="14" t="s">
        <v>40361</v>
      </c>
      <c r="E13144" s="2" t="s">
        <v>40362</v>
      </c>
      <c r="F13144" s="2" t="s">
        <v>36321</v>
      </c>
      <c r="G13144" s="8">
        <v>136</v>
      </c>
      <c r="H13144" s="5">
        <v>6</v>
      </c>
      <c r="I13144" s="5" t="s">
        <v>1518</v>
      </c>
      <c r="J13144" s="5" t="s">
        <v>36264</v>
      </c>
      <c r="K13144" s="2" t="s">
        <v>36265</v>
      </c>
      <c r="L13144" s="5" t="s">
        <v>36264</v>
      </c>
      <c r="M13144" s="2" t="s">
        <v>36265</v>
      </c>
      <c r="N13144" s="5" t="s">
        <v>36266</v>
      </c>
      <c r="O13144" s="5" t="s">
        <v>38</v>
      </c>
      <c r="P13144" s="5" t="s">
        <v>39</v>
      </c>
      <c r="Q13144" s="5" t="s">
        <v>40</v>
      </c>
      <c r="R13144" s="5" t="s">
        <v>1522</v>
      </c>
      <c r="S13144" s="5" t="s">
        <v>1523</v>
      </c>
      <c r="T13144" s="5" t="s">
        <v>42</v>
      </c>
      <c r="U13144" s="2">
        <v>1.18</v>
      </c>
      <c r="V13144" s="2">
        <v>0.65300000000000002</v>
      </c>
      <c r="W13144" s="2">
        <v>1.2999999999999999E-2</v>
      </c>
      <c r="X13144" s="2">
        <v>99.1</v>
      </c>
      <c r="Y13144" s="2">
        <v>7.6</v>
      </c>
      <c r="Z13144" s="2">
        <v>16.7</v>
      </c>
      <c r="AA13144" s="5"/>
      <c r="AB13144" s="5" t="s">
        <v>43</v>
      </c>
      <c r="AC13144" s="5" t="s">
        <v>44</v>
      </c>
      <c r="AD13144" s="2"/>
      <c r="AE13144" s="1"/>
    </row>
    <row r="13145" spans="1:31" ht="14.45">
      <c r="A13145" s="11"/>
      <c r="B13145" s="20"/>
      <c r="C13145" s="2" t="s">
        <v>40363</v>
      </c>
      <c r="D13145" s="14" t="s">
        <v>40364</v>
      </c>
      <c r="E13145" s="2" t="s">
        <v>40365</v>
      </c>
      <c r="F13145" s="2" t="s">
        <v>36329</v>
      </c>
      <c r="G13145" s="8">
        <v>136</v>
      </c>
      <c r="H13145" s="5">
        <v>6</v>
      </c>
      <c r="I13145" s="5" t="s">
        <v>1518</v>
      </c>
      <c r="J13145" s="5" t="s">
        <v>36264</v>
      </c>
      <c r="K13145" s="2" t="s">
        <v>36265</v>
      </c>
      <c r="L13145" s="5" t="s">
        <v>36264</v>
      </c>
      <c r="M13145" s="2" t="s">
        <v>36265</v>
      </c>
      <c r="N13145" s="5" t="s">
        <v>36266</v>
      </c>
      <c r="O13145" s="5" t="s">
        <v>38</v>
      </c>
      <c r="P13145" s="5" t="s">
        <v>39</v>
      </c>
      <c r="Q13145" s="5" t="s">
        <v>40</v>
      </c>
      <c r="R13145" s="5" t="s">
        <v>1522</v>
      </c>
      <c r="S13145" s="5" t="s">
        <v>1523</v>
      </c>
      <c r="T13145" s="5" t="s">
        <v>42</v>
      </c>
      <c r="U13145" s="2">
        <v>1.18</v>
      </c>
      <c r="V13145" s="2">
        <v>0.65300000000000002</v>
      </c>
      <c r="W13145" s="2">
        <v>1.2999999999999999E-2</v>
      </c>
      <c r="X13145" s="2">
        <v>99.1</v>
      </c>
      <c r="Y13145" s="2">
        <v>7.6</v>
      </c>
      <c r="Z13145" s="2">
        <v>16.7</v>
      </c>
      <c r="AA13145" s="5"/>
      <c r="AB13145" s="5" t="s">
        <v>43</v>
      </c>
      <c r="AC13145" s="5" t="s">
        <v>44</v>
      </c>
      <c r="AD13145" s="2"/>
      <c r="AE13145" s="1"/>
    </row>
    <row r="13146" spans="1:31" ht="14.45">
      <c r="A13146" s="11"/>
      <c r="B13146" s="20"/>
      <c r="C13146" s="2" t="s">
        <v>40366</v>
      </c>
      <c r="D13146" s="14" t="s">
        <v>40367</v>
      </c>
      <c r="E13146" s="2" t="s">
        <v>40368</v>
      </c>
      <c r="F13146" s="2" t="s">
        <v>36337</v>
      </c>
      <c r="G13146" s="8">
        <v>136</v>
      </c>
      <c r="H13146" s="5">
        <v>6</v>
      </c>
      <c r="I13146" s="5" t="s">
        <v>1518</v>
      </c>
      <c r="J13146" s="5" t="s">
        <v>36264</v>
      </c>
      <c r="K13146" s="2" t="s">
        <v>36265</v>
      </c>
      <c r="L13146" s="5" t="s">
        <v>36264</v>
      </c>
      <c r="M13146" s="2" t="s">
        <v>36265</v>
      </c>
      <c r="N13146" s="5" t="s">
        <v>36266</v>
      </c>
      <c r="O13146" s="5" t="s">
        <v>38</v>
      </c>
      <c r="P13146" s="5" t="s">
        <v>39</v>
      </c>
      <c r="Q13146" s="5" t="s">
        <v>40</v>
      </c>
      <c r="R13146" s="5" t="s">
        <v>1522</v>
      </c>
      <c r="S13146" s="5" t="s">
        <v>1523</v>
      </c>
      <c r="T13146" s="5" t="s">
        <v>42</v>
      </c>
      <c r="U13146" s="2">
        <v>1.18</v>
      </c>
      <c r="V13146" s="2">
        <v>0.65300000000000002</v>
      </c>
      <c r="W13146" s="2">
        <v>1.2999999999999999E-2</v>
      </c>
      <c r="X13146" s="2">
        <v>99.1</v>
      </c>
      <c r="Y13146" s="2">
        <v>7.6</v>
      </c>
      <c r="Z13146" s="2">
        <v>16.7</v>
      </c>
      <c r="AA13146" s="5"/>
      <c r="AB13146" s="5" t="s">
        <v>43</v>
      </c>
      <c r="AC13146" s="5" t="s">
        <v>44</v>
      </c>
      <c r="AD13146" s="2"/>
      <c r="AE13146" s="1"/>
    </row>
    <row r="13147" spans="1:31" ht="14.45">
      <c r="A13147" s="11"/>
      <c r="B13147" s="20"/>
      <c r="C13147" s="2" t="s">
        <v>40369</v>
      </c>
      <c r="D13147" s="14" t="s">
        <v>40370</v>
      </c>
      <c r="E13147" s="2" t="s">
        <v>40371</v>
      </c>
      <c r="F13147" s="2" t="s">
        <v>36345</v>
      </c>
      <c r="G13147" s="8">
        <v>136</v>
      </c>
      <c r="H13147" s="5">
        <v>6</v>
      </c>
      <c r="I13147" s="5" t="s">
        <v>1518</v>
      </c>
      <c r="J13147" s="5" t="s">
        <v>36264</v>
      </c>
      <c r="K13147" s="2" t="s">
        <v>36265</v>
      </c>
      <c r="L13147" s="5" t="s">
        <v>36264</v>
      </c>
      <c r="M13147" s="2" t="s">
        <v>36265</v>
      </c>
      <c r="N13147" s="5" t="s">
        <v>36266</v>
      </c>
      <c r="O13147" s="5" t="s">
        <v>38</v>
      </c>
      <c r="P13147" s="5" t="s">
        <v>39</v>
      </c>
      <c r="Q13147" s="5" t="s">
        <v>40</v>
      </c>
      <c r="R13147" s="5" t="s">
        <v>1522</v>
      </c>
      <c r="S13147" s="5" t="s">
        <v>1523</v>
      </c>
      <c r="T13147" s="5" t="s">
        <v>42</v>
      </c>
      <c r="U13147" s="2">
        <v>1.18</v>
      </c>
      <c r="V13147" s="2">
        <v>0.65300000000000002</v>
      </c>
      <c r="W13147" s="2">
        <v>1.2999999999999999E-2</v>
      </c>
      <c r="X13147" s="2">
        <v>99.1</v>
      </c>
      <c r="Y13147" s="2">
        <v>7.6</v>
      </c>
      <c r="Z13147" s="2">
        <v>16.7</v>
      </c>
      <c r="AA13147" s="5"/>
      <c r="AB13147" s="5" t="s">
        <v>43</v>
      </c>
      <c r="AC13147" s="5" t="s">
        <v>44</v>
      </c>
      <c r="AD13147" s="2"/>
      <c r="AE13147" s="1"/>
    </row>
    <row r="13148" spans="1:31" ht="14.45">
      <c r="A13148" s="11"/>
      <c r="B13148" s="20"/>
      <c r="C13148" s="2" t="s">
        <v>40372</v>
      </c>
      <c r="D13148" s="14" t="s">
        <v>40373</v>
      </c>
      <c r="E13148" s="2" t="s">
        <v>40374</v>
      </c>
      <c r="F13148" s="2" t="s">
        <v>36353</v>
      </c>
      <c r="G13148" s="8">
        <v>136</v>
      </c>
      <c r="H13148" s="5">
        <v>6</v>
      </c>
      <c r="I13148" s="5" t="s">
        <v>1518</v>
      </c>
      <c r="J13148" s="5" t="s">
        <v>36264</v>
      </c>
      <c r="K13148" s="2" t="s">
        <v>36265</v>
      </c>
      <c r="L13148" s="5" t="s">
        <v>36264</v>
      </c>
      <c r="M13148" s="2" t="s">
        <v>36265</v>
      </c>
      <c r="N13148" s="5" t="s">
        <v>36266</v>
      </c>
      <c r="O13148" s="5" t="s">
        <v>38</v>
      </c>
      <c r="P13148" s="5" t="s">
        <v>39</v>
      </c>
      <c r="Q13148" s="5" t="s">
        <v>40</v>
      </c>
      <c r="R13148" s="5" t="s">
        <v>1522</v>
      </c>
      <c r="S13148" s="5" t="s">
        <v>1523</v>
      </c>
      <c r="T13148" s="5" t="s">
        <v>42</v>
      </c>
      <c r="U13148" s="2">
        <v>1.18</v>
      </c>
      <c r="V13148" s="2">
        <v>0.65300000000000002</v>
      </c>
      <c r="W13148" s="2">
        <v>1.2999999999999999E-2</v>
      </c>
      <c r="X13148" s="2">
        <v>99.1</v>
      </c>
      <c r="Y13148" s="2">
        <v>7.6</v>
      </c>
      <c r="Z13148" s="2">
        <v>16.7</v>
      </c>
      <c r="AA13148" s="5"/>
      <c r="AB13148" s="5" t="s">
        <v>43</v>
      </c>
      <c r="AC13148" s="5" t="s">
        <v>44</v>
      </c>
      <c r="AD13148" s="2"/>
      <c r="AE13148" s="1"/>
    </row>
    <row r="13149" spans="1:31" ht="14.45">
      <c r="A13149" s="11"/>
      <c r="B13149" s="20"/>
      <c r="C13149" s="2" t="s">
        <v>40375</v>
      </c>
      <c r="D13149" s="14" t="s">
        <v>40376</v>
      </c>
      <c r="E13149" s="2" t="s">
        <v>40377</v>
      </c>
      <c r="F13149" s="2" t="s">
        <v>36361</v>
      </c>
      <c r="G13149" s="8">
        <v>136</v>
      </c>
      <c r="H13149" s="5">
        <v>6</v>
      </c>
      <c r="I13149" s="5" t="s">
        <v>1518</v>
      </c>
      <c r="J13149" s="5" t="s">
        <v>36264</v>
      </c>
      <c r="K13149" s="2" t="s">
        <v>36265</v>
      </c>
      <c r="L13149" s="5" t="s">
        <v>36264</v>
      </c>
      <c r="M13149" s="2" t="s">
        <v>36265</v>
      </c>
      <c r="N13149" s="5" t="s">
        <v>36266</v>
      </c>
      <c r="O13149" s="5" t="s">
        <v>38</v>
      </c>
      <c r="P13149" s="5" t="s">
        <v>39</v>
      </c>
      <c r="Q13149" s="5" t="s">
        <v>40</v>
      </c>
      <c r="R13149" s="5" t="s">
        <v>1522</v>
      </c>
      <c r="S13149" s="5" t="s">
        <v>1523</v>
      </c>
      <c r="T13149" s="5" t="s">
        <v>42</v>
      </c>
      <c r="U13149" s="2">
        <v>1.18</v>
      </c>
      <c r="V13149" s="2">
        <v>0.65300000000000002</v>
      </c>
      <c r="W13149" s="2">
        <v>1.2999999999999999E-2</v>
      </c>
      <c r="X13149" s="2">
        <v>99.1</v>
      </c>
      <c r="Y13149" s="2">
        <v>7.6</v>
      </c>
      <c r="Z13149" s="2">
        <v>16.7</v>
      </c>
      <c r="AA13149" s="5"/>
      <c r="AB13149" s="5" t="s">
        <v>43</v>
      </c>
      <c r="AC13149" s="5" t="s">
        <v>44</v>
      </c>
      <c r="AD13149" s="2"/>
      <c r="AE13149" s="1"/>
    </row>
    <row r="13150" spans="1:31" ht="14.45">
      <c r="A13150" s="11"/>
      <c r="B13150" s="20"/>
      <c r="C13150" s="2" t="s">
        <v>40378</v>
      </c>
      <c r="D13150" s="14" t="s">
        <v>40379</v>
      </c>
      <c r="E13150" s="2" t="s">
        <v>40380</v>
      </c>
      <c r="F13150" s="2" t="s">
        <v>36369</v>
      </c>
      <c r="G13150" s="8">
        <v>136</v>
      </c>
      <c r="H13150" s="5">
        <v>6</v>
      </c>
      <c r="I13150" s="5" t="s">
        <v>1518</v>
      </c>
      <c r="J13150" s="5" t="s">
        <v>36264</v>
      </c>
      <c r="K13150" s="2" t="s">
        <v>36265</v>
      </c>
      <c r="L13150" s="5" t="s">
        <v>36264</v>
      </c>
      <c r="M13150" s="2" t="s">
        <v>36265</v>
      </c>
      <c r="N13150" s="5" t="s">
        <v>36266</v>
      </c>
      <c r="O13150" s="5" t="s">
        <v>38</v>
      </c>
      <c r="P13150" s="5" t="s">
        <v>39</v>
      </c>
      <c r="Q13150" s="5" t="s">
        <v>40</v>
      </c>
      <c r="R13150" s="5" t="s">
        <v>1522</v>
      </c>
      <c r="S13150" s="5" t="s">
        <v>1523</v>
      </c>
      <c r="T13150" s="5" t="s">
        <v>42</v>
      </c>
      <c r="U13150" s="2">
        <v>1.18</v>
      </c>
      <c r="V13150" s="2">
        <v>0.65300000000000002</v>
      </c>
      <c r="W13150" s="2">
        <v>1.2999999999999999E-2</v>
      </c>
      <c r="X13150" s="2">
        <v>99.1</v>
      </c>
      <c r="Y13150" s="2">
        <v>7.6</v>
      </c>
      <c r="Z13150" s="2">
        <v>16.7</v>
      </c>
      <c r="AA13150" s="5"/>
      <c r="AB13150" s="5" t="s">
        <v>43</v>
      </c>
      <c r="AC13150" s="5" t="s">
        <v>44</v>
      </c>
      <c r="AD13150" s="2"/>
      <c r="AE13150" s="1"/>
    </row>
    <row r="13151" spans="1:31" ht="14.45">
      <c r="A13151" s="11"/>
      <c r="B13151" s="20"/>
      <c r="C13151" s="2" t="s">
        <v>40381</v>
      </c>
      <c r="D13151" s="14" t="s">
        <v>40382</v>
      </c>
      <c r="E13151" s="2" t="s">
        <v>40383</v>
      </c>
      <c r="F13151" s="2" t="s">
        <v>36377</v>
      </c>
      <c r="G13151" s="8">
        <v>136</v>
      </c>
      <c r="H13151" s="5">
        <v>6</v>
      </c>
      <c r="I13151" s="5" t="s">
        <v>1518</v>
      </c>
      <c r="J13151" s="5" t="s">
        <v>36264</v>
      </c>
      <c r="K13151" s="2" t="s">
        <v>36265</v>
      </c>
      <c r="L13151" s="5" t="s">
        <v>36264</v>
      </c>
      <c r="M13151" s="2" t="s">
        <v>36265</v>
      </c>
      <c r="N13151" s="5" t="s">
        <v>36266</v>
      </c>
      <c r="O13151" s="5" t="s">
        <v>38</v>
      </c>
      <c r="P13151" s="5" t="s">
        <v>39</v>
      </c>
      <c r="Q13151" s="5" t="s">
        <v>40</v>
      </c>
      <c r="R13151" s="5" t="s">
        <v>1522</v>
      </c>
      <c r="S13151" s="5" t="s">
        <v>1523</v>
      </c>
      <c r="T13151" s="5" t="s">
        <v>42</v>
      </c>
      <c r="U13151" s="2">
        <v>1.18</v>
      </c>
      <c r="V13151" s="2">
        <v>0.65300000000000002</v>
      </c>
      <c r="W13151" s="2">
        <v>1.2999999999999999E-2</v>
      </c>
      <c r="X13151" s="2">
        <v>99.1</v>
      </c>
      <c r="Y13151" s="2">
        <v>7.6</v>
      </c>
      <c r="Z13151" s="2">
        <v>16.7</v>
      </c>
      <c r="AA13151" s="5"/>
      <c r="AB13151" s="5" t="s">
        <v>43</v>
      </c>
      <c r="AC13151" s="5" t="s">
        <v>44</v>
      </c>
      <c r="AD13151" s="2"/>
      <c r="AE13151" s="1"/>
    </row>
    <row r="13152" spans="1:31" ht="14.45">
      <c r="A13152" s="11"/>
      <c r="B13152" s="20"/>
      <c r="C13152" s="2" t="s">
        <v>40384</v>
      </c>
      <c r="D13152" s="14" t="s">
        <v>40385</v>
      </c>
      <c r="E13152" s="2" t="s">
        <v>40386</v>
      </c>
      <c r="F13152" s="2" t="s">
        <v>36385</v>
      </c>
      <c r="G13152" s="8">
        <v>136</v>
      </c>
      <c r="H13152" s="5">
        <v>6</v>
      </c>
      <c r="I13152" s="5" t="s">
        <v>1518</v>
      </c>
      <c r="J13152" s="5" t="s">
        <v>36264</v>
      </c>
      <c r="K13152" s="2" t="s">
        <v>36265</v>
      </c>
      <c r="L13152" s="5" t="s">
        <v>36264</v>
      </c>
      <c r="M13152" s="2" t="s">
        <v>36265</v>
      </c>
      <c r="N13152" s="5" t="s">
        <v>36266</v>
      </c>
      <c r="O13152" s="5" t="s">
        <v>38</v>
      </c>
      <c r="P13152" s="5" t="s">
        <v>39</v>
      </c>
      <c r="Q13152" s="5" t="s">
        <v>40</v>
      </c>
      <c r="R13152" s="5" t="s">
        <v>1522</v>
      </c>
      <c r="S13152" s="5" t="s">
        <v>1523</v>
      </c>
      <c r="T13152" s="5" t="s">
        <v>42</v>
      </c>
      <c r="U13152" s="2">
        <v>1.18</v>
      </c>
      <c r="V13152" s="2">
        <v>0.65300000000000002</v>
      </c>
      <c r="W13152" s="2">
        <v>1.2999999999999999E-2</v>
      </c>
      <c r="X13152" s="2">
        <v>99.1</v>
      </c>
      <c r="Y13152" s="2">
        <v>7.6</v>
      </c>
      <c r="Z13152" s="2">
        <v>16.7</v>
      </c>
      <c r="AA13152" s="5"/>
      <c r="AB13152" s="5" t="s">
        <v>43</v>
      </c>
      <c r="AC13152" s="5" t="s">
        <v>44</v>
      </c>
      <c r="AD13152" s="2"/>
      <c r="AE13152" s="1"/>
    </row>
    <row r="13153" spans="1:31" ht="14.45">
      <c r="A13153" s="11"/>
      <c r="B13153" s="20"/>
      <c r="C13153" s="2" t="s">
        <v>40387</v>
      </c>
      <c r="D13153" s="14" t="s">
        <v>40388</v>
      </c>
      <c r="E13153" s="2" t="s">
        <v>40389</v>
      </c>
      <c r="F13153" s="2" t="s">
        <v>7204</v>
      </c>
      <c r="G13153" s="8">
        <v>130</v>
      </c>
      <c r="H13153" s="5">
        <v>6</v>
      </c>
      <c r="I13153" s="5" t="s">
        <v>1518</v>
      </c>
      <c r="J13153" s="5" t="s">
        <v>36264</v>
      </c>
      <c r="K13153" s="2" t="s">
        <v>36265</v>
      </c>
      <c r="L13153" s="5" t="s">
        <v>36264</v>
      </c>
      <c r="M13153" s="2" t="s">
        <v>36265</v>
      </c>
      <c r="N13153" s="5" t="s">
        <v>36266</v>
      </c>
      <c r="O13153" s="5" t="s">
        <v>38</v>
      </c>
      <c r="P13153" s="5" t="s">
        <v>39</v>
      </c>
      <c r="Q13153" s="5" t="s">
        <v>40</v>
      </c>
      <c r="R13153" s="5" t="s">
        <v>1522</v>
      </c>
      <c r="S13153" s="5" t="s">
        <v>1523</v>
      </c>
      <c r="T13153" s="5" t="s">
        <v>42</v>
      </c>
      <c r="U13153" s="2">
        <v>1.2430000000000001</v>
      </c>
      <c r="V13153" s="2">
        <v>0.72799999999999998</v>
      </c>
      <c r="W13153" s="2">
        <v>1.2999999999999999E-2</v>
      </c>
      <c r="X13153" s="2">
        <v>99.1</v>
      </c>
      <c r="Y13153" s="2">
        <v>7.6</v>
      </c>
      <c r="Z13153" s="2">
        <v>16.7</v>
      </c>
      <c r="AA13153" s="5"/>
      <c r="AB13153" s="5" t="s">
        <v>43</v>
      </c>
      <c r="AC13153" s="5" t="s">
        <v>44</v>
      </c>
      <c r="AD13153" s="2"/>
      <c r="AE13153" s="1"/>
    </row>
    <row r="13154" spans="1:31" ht="14.45">
      <c r="A13154" s="11"/>
      <c r="B13154" s="20"/>
      <c r="C13154" s="2" t="s">
        <v>40390</v>
      </c>
      <c r="D13154" s="14" t="s">
        <v>40391</v>
      </c>
      <c r="E13154" s="2" t="s">
        <v>40392</v>
      </c>
      <c r="F13154" s="2" t="s">
        <v>36273</v>
      </c>
      <c r="G13154" s="8">
        <v>130</v>
      </c>
      <c r="H13154" s="5">
        <v>6</v>
      </c>
      <c r="I13154" s="5" t="s">
        <v>1518</v>
      </c>
      <c r="J13154" s="5" t="s">
        <v>36264</v>
      </c>
      <c r="K13154" s="2" t="s">
        <v>36265</v>
      </c>
      <c r="L13154" s="5" t="s">
        <v>36264</v>
      </c>
      <c r="M13154" s="2" t="s">
        <v>36265</v>
      </c>
      <c r="N13154" s="5" t="s">
        <v>36266</v>
      </c>
      <c r="O13154" s="5" t="s">
        <v>38</v>
      </c>
      <c r="P13154" s="5" t="s">
        <v>39</v>
      </c>
      <c r="Q13154" s="5" t="s">
        <v>40</v>
      </c>
      <c r="R13154" s="5" t="s">
        <v>1522</v>
      </c>
      <c r="S13154" s="5" t="s">
        <v>1523</v>
      </c>
      <c r="T13154" s="5" t="s">
        <v>42</v>
      </c>
      <c r="U13154" s="2">
        <v>1.2430000000000001</v>
      </c>
      <c r="V13154" s="2">
        <v>0.72799999999999998</v>
      </c>
      <c r="W13154" s="2">
        <v>1.2999999999999999E-2</v>
      </c>
      <c r="X13154" s="2">
        <v>99.1</v>
      </c>
      <c r="Y13154" s="2">
        <v>7.6</v>
      </c>
      <c r="Z13154" s="2">
        <v>16.7</v>
      </c>
      <c r="AA13154" s="5"/>
      <c r="AB13154" s="5" t="s">
        <v>43</v>
      </c>
      <c r="AC13154" s="5" t="s">
        <v>44</v>
      </c>
      <c r="AD13154" s="2"/>
      <c r="AE13154" s="1"/>
    </row>
    <row r="13155" spans="1:31" ht="14.45">
      <c r="A13155" s="11"/>
      <c r="B13155" s="20"/>
      <c r="C13155" s="2" t="s">
        <v>40393</v>
      </c>
      <c r="D13155" s="14" t="s">
        <v>40394</v>
      </c>
      <c r="E13155" s="2" t="s">
        <v>40395</v>
      </c>
      <c r="F13155" s="2" t="s">
        <v>36281</v>
      </c>
      <c r="G13155" s="8">
        <v>150</v>
      </c>
      <c r="H13155" s="5">
        <v>6</v>
      </c>
      <c r="I13155" s="5" t="s">
        <v>1518</v>
      </c>
      <c r="J13155" s="5" t="s">
        <v>36264</v>
      </c>
      <c r="K13155" s="2" t="s">
        <v>36265</v>
      </c>
      <c r="L13155" s="5" t="s">
        <v>36264</v>
      </c>
      <c r="M13155" s="2" t="s">
        <v>36265</v>
      </c>
      <c r="N13155" s="5" t="s">
        <v>36266</v>
      </c>
      <c r="O13155" s="5" t="s">
        <v>38</v>
      </c>
      <c r="P13155" s="5" t="s">
        <v>39</v>
      </c>
      <c r="Q13155" s="5" t="s">
        <v>40</v>
      </c>
      <c r="R13155" s="5" t="s">
        <v>1522</v>
      </c>
      <c r="S13155" s="5" t="s">
        <v>1523</v>
      </c>
      <c r="T13155" s="5" t="s">
        <v>42</v>
      </c>
      <c r="U13155" s="2">
        <v>1.2430000000000001</v>
      </c>
      <c r="V13155" s="2">
        <v>0.72799999999999998</v>
      </c>
      <c r="W13155" s="2">
        <v>1.2999999999999999E-2</v>
      </c>
      <c r="X13155" s="2">
        <v>99.1</v>
      </c>
      <c r="Y13155" s="2">
        <v>7.6</v>
      </c>
      <c r="Z13155" s="2">
        <v>16.7</v>
      </c>
      <c r="AA13155" s="5"/>
      <c r="AB13155" s="5" t="s">
        <v>43</v>
      </c>
      <c r="AC13155" s="5" t="s">
        <v>44</v>
      </c>
      <c r="AD13155" s="2"/>
      <c r="AE13155" s="1"/>
    </row>
    <row r="13156" spans="1:31" ht="14.45">
      <c r="A13156" s="11"/>
      <c r="B13156" s="20"/>
      <c r="C13156" s="2" t="s">
        <v>40396</v>
      </c>
      <c r="D13156" s="14" t="s">
        <v>40397</v>
      </c>
      <c r="E13156" s="2" t="s">
        <v>40398</v>
      </c>
      <c r="F13156" s="2" t="s">
        <v>36289</v>
      </c>
      <c r="G13156" s="8">
        <v>150</v>
      </c>
      <c r="H13156" s="5">
        <v>6</v>
      </c>
      <c r="I13156" s="5" t="s">
        <v>1518</v>
      </c>
      <c r="J13156" s="5" t="s">
        <v>36264</v>
      </c>
      <c r="K13156" s="2" t="s">
        <v>36265</v>
      </c>
      <c r="L13156" s="5" t="s">
        <v>36264</v>
      </c>
      <c r="M13156" s="2" t="s">
        <v>36265</v>
      </c>
      <c r="N13156" s="5" t="s">
        <v>36266</v>
      </c>
      <c r="O13156" s="5" t="s">
        <v>38</v>
      </c>
      <c r="P13156" s="5" t="s">
        <v>39</v>
      </c>
      <c r="Q13156" s="5" t="s">
        <v>40</v>
      </c>
      <c r="R13156" s="5" t="s">
        <v>1522</v>
      </c>
      <c r="S13156" s="5" t="s">
        <v>1523</v>
      </c>
      <c r="T13156" s="5" t="s">
        <v>42</v>
      </c>
      <c r="U13156" s="2">
        <v>1.2430000000000001</v>
      </c>
      <c r="V13156" s="2">
        <v>0.72799999999999998</v>
      </c>
      <c r="W13156" s="2">
        <v>1.2999999999999999E-2</v>
      </c>
      <c r="X13156" s="2">
        <v>99.1</v>
      </c>
      <c r="Y13156" s="2">
        <v>7.6</v>
      </c>
      <c r="Z13156" s="2">
        <v>16.7</v>
      </c>
      <c r="AA13156" s="5"/>
      <c r="AB13156" s="5" t="s">
        <v>43</v>
      </c>
      <c r="AC13156" s="5" t="s">
        <v>44</v>
      </c>
      <c r="AD13156" s="2"/>
      <c r="AE13156" s="1"/>
    </row>
    <row r="13157" spans="1:31" ht="14.45">
      <c r="A13157" s="11"/>
      <c r="B13157" s="20"/>
      <c r="C13157" s="2" t="s">
        <v>40399</v>
      </c>
      <c r="D13157" s="14" t="s">
        <v>40400</v>
      </c>
      <c r="E13157" s="2" t="s">
        <v>40401</v>
      </c>
      <c r="F13157" s="2" t="s">
        <v>36297</v>
      </c>
      <c r="G13157" s="8">
        <v>130</v>
      </c>
      <c r="H13157" s="5">
        <v>6</v>
      </c>
      <c r="I13157" s="5" t="s">
        <v>1518</v>
      </c>
      <c r="J13157" s="5" t="s">
        <v>36264</v>
      </c>
      <c r="K13157" s="2" t="s">
        <v>36265</v>
      </c>
      <c r="L13157" s="5" t="s">
        <v>36264</v>
      </c>
      <c r="M13157" s="2" t="s">
        <v>36265</v>
      </c>
      <c r="N13157" s="5" t="s">
        <v>36266</v>
      </c>
      <c r="O13157" s="5" t="s">
        <v>38</v>
      </c>
      <c r="P13157" s="5" t="s">
        <v>39</v>
      </c>
      <c r="Q13157" s="5" t="s">
        <v>40</v>
      </c>
      <c r="R13157" s="5" t="s">
        <v>1522</v>
      </c>
      <c r="S13157" s="5" t="s">
        <v>1523</v>
      </c>
      <c r="T13157" s="5" t="s">
        <v>42</v>
      </c>
      <c r="U13157" s="2">
        <v>1.2430000000000001</v>
      </c>
      <c r="V13157" s="2">
        <v>0.72799999999999998</v>
      </c>
      <c r="W13157" s="2">
        <v>1.2999999999999999E-2</v>
      </c>
      <c r="X13157" s="2">
        <v>99.1</v>
      </c>
      <c r="Y13157" s="2">
        <v>7.6</v>
      </c>
      <c r="Z13157" s="2">
        <v>16.7</v>
      </c>
      <c r="AA13157" s="5"/>
      <c r="AB13157" s="5" t="s">
        <v>43</v>
      </c>
      <c r="AC13157" s="5" t="s">
        <v>44</v>
      </c>
      <c r="AD13157" s="2"/>
      <c r="AE13157" s="1"/>
    </row>
    <row r="13158" spans="1:31" ht="14.45">
      <c r="A13158" s="11"/>
      <c r="B13158" s="20"/>
      <c r="C13158" s="2" t="s">
        <v>40402</v>
      </c>
      <c r="D13158" s="14" t="s">
        <v>40403</v>
      </c>
      <c r="E13158" s="2" t="s">
        <v>40404</v>
      </c>
      <c r="F13158" s="2" t="s">
        <v>36305</v>
      </c>
      <c r="G13158" s="8">
        <v>130</v>
      </c>
      <c r="H13158" s="5">
        <v>6</v>
      </c>
      <c r="I13158" s="5" t="s">
        <v>1518</v>
      </c>
      <c r="J13158" s="5" t="s">
        <v>36264</v>
      </c>
      <c r="K13158" s="2" t="s">
        <v>36265</v>
      </c>
      <c r="L13158" s="5" t="s">
        <v>36264</v>
      </c>
      <c r="M13158" s="2" t="s">
        <v>36265</v>
      </c>
      <c r="N13158" s="5" t="s">
        <v>36266</v>
      </c>
      <c r="O13158" s="5" t="s">
        <v>38</v>
      </c>
      <c r="P13158" s="5" t="s">
        <v>39</v>
      </c>
      <c r="Q13158" s="5" t="s">
        <v>40</v>
      </c>
      <c r="R13158" s="5" t="s">
        <v>1522</v>
      </c>
      <c r="S13158" s="5" t="s">
        <v>1523</v>
      </c>
      <c r="T13158" s="5" t="s">
        <v>42</v>
      </c>
      <c r="U13158" s="2">
        <v>1.2430000000000001</v>
      </c>
      <c r="V13158" s="2">
        <v>0.72799999999999998</v>
      </c>
      <c r="W13158" s="2">
        <v>1.2999999999999999E-2</v>
      </c>
      <c r="X13158" s="2">
        <v>99.1</v>
      </c>
      <c r="Y13158" s="2">
        <v>7.6</v>
      </c>
      <c r="Z13158" s="2">
        <v>16.7</v>
      </c>
      <c r="AA13158" s="5"/>
      <c r="AB13158" s="5" t="s">
        <v>43</v>
      </c>
      <c r="AC13158" s="5" t="s">
        <v>44</v>
      </c>
      <c r="AD13158" s="2"/>
      <c r="AE13158" s="1"/>
    </row>
    <row r="13159" spans="1:31" ht="14.45">
      <c r="A13159" s="11"/>
      <c r="B13159" s="20"/>
      <c r="C13159" s="2" t="s">
        <v>40405</v>
      </c>
      <c r="D13159" s="14" t="s">
        <v>40406</v>
      </c>
      <c r="E13159" s="2" t="s">
        <v>40407</v>
      </c>
      <c r="F13159" s="2" t="s">
        <v>36313</v>
      </c>
      <c r="G13159" s="8">
        <v>150</v>
      </c>
      <c r="H13159" s="5">
        <v>6</v>
      </c>
      <c r="I13159" s="5" t="s">
        <v>1518</v>
      </c>
      <c r="J13159" s="5" t="s">
        <v>36264</v>
      </c>
      <c r="K13159" s="2" t="s">
        <v>36265</v>
      </c>
      <c r="L13159" s="5" t="s">
        <v>36264</v>
      </c>
      <c r="M13159" s="2" t="s">
        <v>36265</v>
      </c>
      <c r="N13159" s="5" t="s">
        <v>36266</v>
      </c>
      <c r="O13159" s="5" t="s">
        <v>38</v>
      </c>
      <c r="P13159" s="5" t="s">
        <v>39</v>
      </c>
      <c r="Q13159" s="5" t="s">
        <v>40</v>
      </c>
      <c r="R13159" s="5" t="s">
        <v>1522</v>
      </c>
      <c r="S13159" s="5" t="s">
        <v>1523</v>
      </c>
      <c r="T13159" s="5" t="s">
        <v>42</v>
      </c>
      <c r="U13159" s="2">
        <v>1.2430000000000001</v>
      </c>
      <c r="V13159" s="2">
        <v>0.72799999999999998</v>
      </c>
      <c r="W13159" s="2">
        <v>1.2999999999999999E-2</v>
      </c>
      <c r="X13159" s="2">
        <v>99.1</v>
      </c>
      <c r="Y13159" s="2">
        <v>7.6</v>
      </c>
      <c r="Z13159" s="2">
        <v>16.7</v>
      </c>
      <c r="AA13159" s="5"/>
      <c r="AB13159" s="5" t="s">
        <v>43</v>
      </c>
      <c r="AC13159" s="5" t="s">
        <v>44</v>
      </c>
      <c r="AD13159" s="2"/>
      <c r="AE13159" s="1"/>
    </row>
    <row r="13160" spans="1:31" ht="14.45">
      <c r="A13160" s="11"/>
      <c r="B13160" s="20"/>
      <c r="C13160" s="2" t="s">
        <v>40408</v>
      </c>
      <c r="D13160" s="14" t="s">
        <v>40409</v>
      </c>
      <c r="E13160" s="2" t="s">
        <v>40410</v>
      </c>
      <c r="F13160" s="2" t="s">
        <v>36321</v>
      </c>
      <c r="G13160" s="8">
        <v>150</v>
      </c>
      <c r="H13160" s="5">
        <v>6</v>
      </c>
      <c r="I13160" s="5" t="s">
        <v>1518</v>
      </c>
      <c r="J13160" s="5" t="s">
        <v>36264</v>
      </c>
      <c r="K13160" s="2" t="s">
        <v>36265</v>
      </c>
      <c r="L13160" s="5" t="s">
        <v>36264</v>
      </c>
      <c r="M13160" s="2" t="s">
        <v>36265</v>
      </c>
      <c r="N13160" s="5" t="s">
        <v>36266</v>
      </c>
      <c r="O13160" s="5" t="s">
        <v>38</v>
      </c>
      <c r="P13160" s="5" t="s">
        <v>39</v>
      </c>
      <c r="Q13160" s="5" t="s">
        <v>40</v>
      </c>
      <c r="R13160" s="5" t="s">
        <v>1522</v>
      </c>
      <c r="S13160" s="5" t="s">
        <v>1523</v>
      </c>
      <c r="T13160" s="5" t="s">
        <v>42</v>
      </c>
      <c r="U13160" s="2">
        <v>1.2430000000000001</v>
      </c>
      <c r="V13160" s="2">
        <v>0.72799999999999998</v>
      </c>
      <c r="W13160" s="2">
        <v>1.2999999999999999E-2</v>
      </c>
      <c r="X13160" s="2">
        <v>99.1</v>
      </c>
      <c r="Y13160" s="2">
        <v>7.6</v>
      </c>
      <c r="Z13160" s="2">
        <v>16.7</v>
      </c>
      <c r="AA13160" s="5"/>
      <c r="AB13160" s="5" t="s">
        <v>43</v>
      </c>
      <c r="AC13160" s="5" t="s">
        <v>44</v>
      </c>
      <c r="AD13160" s="2"/>
      <c r="AE13160" s="1"/>
    </row>
    <row r="13161" spans="1:31" ht="14.45">
      <c r="A13161" s="11"/>
      <c r="B13161" s="20"/>
      <c r="C13161" s="2" t="s">
        <v>40411</v>
      </c>
      <c r="D13161" s="14" t="s">
        <v>40412</v>
      </c>
      <c r="E13161" s="2" t="s">
        <v>40413</v>
      </c>
      <c r="F13161" s="2" t="s">
        <v>36329</v>
      </c>
      <c r="G13161" s="8">
        <v>150</v>
      </c>
      <c r="H13161" s="5">
        <v>6</v>
      </c>
      <c r="I13161" s="5" t="s">
        <v>1518</v>
      </c>
      <c r="J13161" s="5" t="s">
        <v>36264</v>
      </c>
      <c r="K13161" s="2" t="s">
        <v>36265</v>
      </c>
      <c r="L13161" s="5" t="s">
        <v>36264</v>
      </c>
      <c r="M13161" s="2" t="s">
        <v>36265</v>
      </c>
      <c r="N13161" s="5" t="s">
        <v>36266</v>
      </c>
      <c r="O13161" s="5" t="s">
        <v>38</v>
      </c>
      <c r="P13161" s="5" t="s">
        <v>39</v>
      </c>
      <c r="Q13161" s="5" t="s">
        <v>40</v>
      </c>
      <c r="R13161" s="5" t="s">
        <v>1522</v>
      </c>
      <c r="S13161" s="5" t="s">
        <v>1523</v>
      </c>
      <c r="T13161" s="5" t="s">
        <v>42</v>
      </c>
      <c r="U13161" s="2">
        <v>1.2430000000000001</v>
      </c>
      <c r="V13161" s="2">
        <v>0.72799999999999998</v>
      </c>
      <c r="W13161" s="2">
        <v>1.2999999999999999E-2</v>
      </c>
      <c r="X13161" s="2">
        <v>99.1</v>
      </c>
      <c r="Y13161" s="2">
        <v>7.6</v>
      </c>
      <c r="Z13161" s="2">
        <v>16.7</v>
      </c>
      <c r="AA13161" s="5"/>
      <c r="AB13161" s="5" t="s">
        <v>43</v>
      </c>
      <c r="AC13161" s="5" t="s">
        <v>44</v>
      </c>
      <c r="AD13161" s="2"/>
      <c r="AE13161" s="1"/>
    </row>
    <row r="13162" spans="1:31" ht="14.45">
      <c r="A13162" s="11"/>
      <c r="B13162" s="20"/>
      <c r="C13162" s="2" t="s">
        <v>40414</v>
      </c>
      <c r="D13162" s="14" t="s">
        <v>40415</v>
      </c>
      <c r="E13162" s="2" t="s">
        <v>40416</v>
      </c>
      <c r="F13162" s="2" t="s">
        <v>36337</v>
      </c>
      <c r="G13162" s="8">
        <v>150</v>
      </c>
      <c r="H13162" s="5">
        <v>6</v>
      </c>
      <c r="I13162" s="5" t="s">
        <v>1518</v>
      </c>
      <c r="J13162" s="5" t="s">
        <v>36264</v>
      </c>
      <c r="K13162" s="2" t="s">
        <v>36265</v>
      </c>
      <c r="L13162" s="5" t="s">
        <v>36264</v>
      </c>
      <c r="M13162" s="2" t="s">
        <v>36265</v>
      </c>
      <c r="N13162" s="5" t="s">
        <v>36266</v>
      </c>
      <c r="O13162" s="5" t="s">
        <v>38</v>
      </c>
      <c r="P13162" s="5" t="s">
        <v>39</v>
      </c>
      <c r="Q13162" s="5" t="s">
        <v>40</v>
      </c>
      <c r="R13162" s="5" t="s">
        <v>1522</v>
      </c>
      <c r="S13162" s="5" t="s">
        <v>1523</v>
      </c>
      <c r="T13162" s="5" t="s">
        <v>42</v>
      </c>
      <c r="U13162" s="2">
        <v>1.2430000000000001</v>
      </c>
      <c r="V13162" s="2">
        <v>0.72799999999999998</v>
      </c>
      <c r="W13162" s="2">
        <v>1.2999999999999999E-2</v>
      </c>
      <c r="X13162" s="2">
        <v>99.1</v>
      </c>
      <c r="Y13162" s="2">
        <v>7.6</v>
      </c>
      <c r="Z13162" s="2">
        <v>16.7</v>
      </c>
      <c r="AA13162" s="5"/>
      <c r="AB13162" s="5" t="s">
        <v>43</v>
      </c>
      <c r="AC13162" s="5" t="s">
        <v>44</v>
      </c>
      <c r="AD13162" s="2"/>
      <c r="AE13162" s="1"/>
    </row>
    <row r="13163" spans="1:31" ht="14.45">
      <c r="A13163" s="11"/>
      <c r="B13163" s="20"/>
      <c r="C13163" s="2" t="s">
        <v>40417</v>
      </c>
      <c r="D13163" s="14" t="s">
        <v>40418</v>
      </c>
      <c r="E13163" s="2" t="s">
        <v>40419</v>
      </c>
      <c r="F13163" s="2" t="s">
        <v>36345</v>
      </c>
      <c r="G13163" s="8">
        <v>150</v>
      </c>
      <c r="H13163" s="5">
        <v>6</v>
      </c>
      <c r="I13163" s="5" t="s">
        <v>1518</v>
      </c>
      <c r="J13163" s="5" t="s">
        <v>36264</v>
      </c>
      <c r="K13163" s="2" t="s">
        <v>36265</v>
      </c>
      <c r="L13163" s="5" t="s">
        <v>36264</v>
      </c>
      <c r="M13163" s="2" t="s">
        <v>36265</v>
      </c>
      <c r="N13163" s="5" t="s">
        <v>36266</v>
      </c>
      <c r="O13163" s="5" t="s">
        <v>38</v>
      </c>
      <c r="P13163" s="5" t="s">
        <v>39</v>
      </c>
      <c r="Q13163" s="5" t="s">
        <v>40</v>
      </c>
      <c r="R13163" s="5" t="s">
        <v>1522</v>
      </c>
      <c r="S13163" s="5" t="s">
        <v>1523</v>
      </c>
      <c r="T13163" s="5" t="s">
        <v>42</v>
      </c>
      <c r="U13163" s="2">
        <v>1.2430000000000001</v>
      </c>
      <c r="V13163" s="2">
        <v>0.72799999999999998</v>
      </c>
      <c r="W13163" s="2">
        <v>1.2999999999999999E-2</v>
      </c>
      <c r="X13163" s="2">
        <v>99.1</v>
      </c>
      <c r="Y13163" s="2">
        <v>7.6</v>
      </c>
      <c r="Z13163" s="2">
        <v>16.7</v>
      </c>
      <c r="AA13163" s="5"/>
      <c r="AB13163" s="5" t="s">
        <v>43</v>
      </c>
      <c r="AC13163" s="5" t="s">
        <v>44</v>
      </c>
      <c r="AD13163" s="2"/>
      <c r="AE13163" s="1"/>
    </row>
    <row r="13164" spans="1:31" ht="14.45">
      <c r="A13164" s="11"/>
      <c r="B13164" s="20"/>
      <c r="C13164" s="2" t="s">
        <v>40420</v>
      </c>
      <c r="D13164" s="14" t="s">
        <v>40421</v>
      </c>
      <c r="E13164" s="2" t="s">
        <v>40422</v>
      </c>
      <c r="F13164" s="2" t="s">
        <v>36353</v>
      </c>
      <c r="G13164" s="8">
        <v>150</v>
      </c>
      <c r="H13164" s="5">
        <v>6</v>
      </c>
      <c r="I13164" s="5" t="s">
        <v>1518</v>
      </c>
      <c r="J13164" s="5" t="s">
        <v>36264</v>
      </c>
      <c r="K13164" s="2" t="s">
        <v>36265</v>
      </c>
      <c r="L13164" s="5" t="s">
        <v>36264</v>
      </c>
      <c r="M13164" s="2" t="s">
        <v>36265</v>
      </c>
      <c r="N13164" s="5" t="s">
        <v>36266</v>
      </c>
      <c r="O13164" s="5" t="s">
        <v>38</v>
      </c>
      <c r="P13164" s="5" t="s">
        <v>39</v>
      </c>
      <c r="Q13164" s="5" t="s">
        <v>40</v>
      </c>
      <c r="R13164" s="5" t="s">
        <v>1522</v>
      </c>
      <c r="S13164" s="5" t="s">
        <v>1523</v>
      </c>
      <c r="T13164" s="5" t="s">
        <v>42</v>
      </c>
      <c r="U13164" s="2">
        <v>1.2430000000000001</v>
      </c>
      <c r="V13164" s="2">
        <v>0.72799999999999998</v>
      </c>
      <c r="W13164" s="2">
        <v>1.2999999999999999E-2</v>
      </c>
      <c r="X13164" s="2">
        <v>99.1</v>
      </c>
      <c r="Y13164" s="2">
        <v>7.6</v>
      </c>
      <c r="Z13164" s="2">
        <v>16.7</v>
      </c>
      <c r="AA13164" s="5"/>
      <c r="AB13164" s="5" t="s">
        <v>43</v>
      </c>
      <c r="AC13164" s="5" t="s">
        <v>44</v>
      </c>
      <c r="AD13164" s="2"/>
      <c r="AE13164" s="1"/>
    </row>
    <row r="13165" spans="1:31" ht="14.45">
      <c r="A13165" s="11"/>
      <c r="B13165" s="20"/>
      <c r="C13165" s="2" t="s">
        <v>40423</v>
      </c>
      <c r="D13165" s="14" t="s">
        <v>40424</v>
      </c>
      <c r="E13165" s="2" t="s">
        <v>40425</v>
      </c>
      <c r="F13165" s="2" t="s">
        <v>36361</v>
      </c>
      <c r="G13165" s="8">
        <v>150</v>
      </c>
      <c r="H13165" s="5">
        <v>6</v>
      </c>
      <c r="I13165" s="5" t="s">
        <v>1518</v>
      </c>
      <c r="J13165" s="5" t="s">
        <v>36264</v>
      </c>
      <c r="K13165" s="2" t="s">
        <v>36265</v>
      </c>
      <c r="L13165" s="5" t="s">
        <v>36264</v>
      </c>
      <c r="M13165" s="2" t="s">
        <v>36265</v>
      </c>
      <c r="N13165" s="5" t="s">
        <v>36266</v>
      </c>
      <c r="O13165" s="5" t="s">
        <v>38</v>
      </c>
      <c r="P13165" s="5" t="s">
        <v>39</v>
      </c>
      <c r="Q13165" s="5" t="s">
        <v>40</v>
      </c>
      <c r="R13165" s="5" t="s">
        <v>1522</v>
      </c>
      <c r="S13165" s="5" t="s">
        <v>1523</v>
      </c>
      <c r="T13165" s="5" t="s">
        <v>42</v>
      </c>
      <c r="U13165" s="2">
        <v>1.2430000000000001</v>
      </c>
      <c r="V13165" s="2">
        <v>0.72799999999999998</v>
      </c>
      <c r="W13165" s="2">
        <v>1.2999999999999999E-2</v>
      </c>
      <c r="X13165" s="2">
        <v>99.1</v>
      </c>
      <c r="Y13165" s="2">
        <v>7.6</v>
      </c>
      <c r="Z13165" s="2">
        <v>16.7</v>
      </c>
      <c r="AA13165" s="5"/>
      <c r="AB13165" s="5" t="s">
        <v>43</v>
      </c>
      <c r="AC13165" s="5" t="s">
        <v>44</v>
      </c>
      <c r="AD13165" s="2"/>
      <c r="AE13165" s="1"/>
    </row>
    <row r="13166" spans="1:31" ht="14.45">
      <c r="A13166" s="11"/>
      <c r="B13166" s="20"/>
      <c r="C13166" s="2" t="s">
        <v>40426</v>
      </c>
      <c r="D13166" s="14" t="s">
        <v>40427</v>
      </c>
      <c r="E13166" s="2" t="s">
        <v>40428</v>
      </c>
      <c r="F13166" s="2" t="s">
        <v>36369</v>
      </c>
      <c r="G13166" s="8">
        <v>150</v>
      </c>
      <c r="H13166" s="5">
        <v>6</v>
      </c>
      <c r="I13166" s="5" t="s">
        <v>1518</v>
      </c>
      <c r="J13166" s="5" t="s">
        <v>36264</v>
      </c>
      <c r="K13166" s="2" t="s">
        <v>36265</v>
      </c>
      <c r="L13166" s="5" t="s">
        <v>36264</v>
      </c>
      <c r="M13166" s="2" t="s">
        <v>36265</v>
      </c>
      <c r="N13166" s="5" t="s">
        <v>36266</v>
      </c>
      <c r="O13166" s="5" t="s">
        <v>38</v>
      </c>
      <c r="P13166" s="5" t="s">
        <v>39</v>
      </c>
      <c r="Q13166" s="5" t="s">
        <v>40</v>
      </c>
      <c r="R13166" s="5" t="s">
        <v>1522</v>
      </c>
      <c r="S13166" s="5" t="s">
        <v>1523</v>
      </c>
      <c r="T13166" s="5" t="s">
        <v>42</v>
      </c>
      <c r="U13166" s="2">
        <v>1.2430000000000001</v>
      </c>
      <c r="V13166" s="2">
        <v>0.72799999999999998</v>
      </c>
      <c r="W13166" s="2">
        <v>1.2999999999999999E-2</v>
      </c>
      <c r="X13166" s="2">
        <v>99.1</v>
      </c>
      <c r="Y13166" s="2">
        <v>7.6</v>
      </c>
      <c r="Z13166" s="2">
        <v>16.7</v>
      </c>
      <c r="AA13166" s="5"/>
      <c r="AB13166" s="5" t="s">
        <v>43</v>
      </c>
      <c r="AC13166" s="5" t="s">
        <v>44</v>
      </c>
      <c r="AD13166" s="2"/>
      <c r="AE13166" s="1"/>
    </row>
    <row r="13167" spans="1:31" ht="14.45">
      <c r="A13167" s="11"/>
      <c r="B13167" s="20"/>
      <c r="C13167" s="2" t="s">
        <v>40429</v>
      </c>
      <c r="D13167" s="14" t="s">
        <v>40430</v>
      </c>
      <c r="E13167" s="2" t="s">
        <v>40431</v>
      </c>
      <c r="F13167" s="2" t="s">
        <v>36377</v>
      </c>
      <c r="G13167" s="8">
        <v>150</v>
      </c>
      <c r="H13167" s="5">
        <v>6</v>
      </c>
      <c r="I13167" s="5" t="s">
        <v>1518</v>
      </c>
      <c r="J13167" s="5" t="s">
        <v>36264</v>
      </c>
      <c r="K13167" s="2" t="s">
        <v>36265</v>
      </c>
      <c r="L13167" s="5" t="s">
        <v>36264</v>
      </c>
      <c r="M13167" s="2" t="s">
        <v>36265</v>
      </c>
      <c r="N13167" s="5" t="s">
        <v>36266</v>
      </c>
      <c r="O13167" s="5" t="s">
        <v>38</v>
      </c>
      <c r="P13167" s="5" t="s">
        <v>39</v>
      </c>
      <c r="Q13167" s="5" t="s">
        <v>40</v>
      </c>
      <c r="R13167" s="5" t="s">
        <v>1522</v>
      </c>
      <c r="S13167" s="5" t="s">
        <v>1523</v>
      </c>
      <c r="T13167" s="5" t="s">
        <v>42</v>
      </c>
      <c r="U13167" s="2">
        <v>1.2430000000000001</v>
      </c>
      <c r="V13167" s="2">
        <v>0.72799999999999998</v>
      </c>
      <c r="W13167" s="2">
        <v>1.2999999999999999E-2</v>
      </c>
      <c r="X13167" s="2">
        <v>99.1</v>
      </c>
      <c r="Y13167" s="2">
        <v>7.6</v>
      </c>
      <c r="Z13167" s="2">
        <v>16.7</v>
      </c>
      <c r="AA13167" s="5"/>
      <c r="AB13167" s="5" t="s">
        <v>43</v>
      </c>
      <c r="AC13167" s="5" t="s">
        <v>44</v>
      </c>
      <c r="AD13167" s="2"/>
      <c r="AE13167" s="1"/>
    </row>
    <row r="13168" spans="1:31" ht="14.45">
      <c r="A13168" s="11"/>
      <c r="B13168" s="20"/>
      <c r="C13168" s="2" t="s">
        <v>40432</v>
      </c>
      <c r="D13168" s="14" t="s">
        <v>40433</v>
      </c>
      <c r="E13168" s="2" t="s">
        <v>40434</v>
      </c>
      <c r="F13168" s="2" t="s">
        <v>36385</v>
      </c>
      <c r="G13168" s="8">
        <v>150</v>
      </c>
      <c r="H13168" s="5">
        <v>6</v>
      </c>
      <c r="I13168" s="5" t="s">
        <v>1518</v>
      </c>
      <c r="J13168" s="5" t="s">
        <v>36264</v>
      </c>
      <c r="K13168" s="2" t="s">
        <v>36265</v>
      </c>
      <c r="L13168" s="5" t="s">
        <v>36264</v>
      </c>
      <c r="M13168" s="2" t="s">
        <v>36265</v>
      </c>
      <c r="N13168" s="5" t="s">
        <v>36266</v>
      </c>
      <c r="O13168" s="5" t="s">
        <v>38</v>
      </c>
      <c r="P13168" s="5" t="s">
        <v>39</v>
      </c>
      <c r="Q13168" s="5" t="s">
        <v>40</v>
      </c>
      <c r="R13168" s="5" t="s">
        <v>1522</v>
      </c>
      <c r="S13168" s="5" t="s">
        <v>1523</v>
      </c>
      <c r="T13168" s="5" t="s">
        <v>42</v>
      </c>
      <c r="U13168" s="2">
        <v>1.2430000000000001</v>
      </c>
      <c r="V13168" s="2">
        <v>0.72799999999999998</v>
      </c>
      <c r="W13168" s="2">
        <v>1.2999999999999999E-2</v>
      </c>
      <c r="X13168" s="2">
        <v>99.1</v>
      </c>
      <c r="Y13168" s="2">
        <v>7.6</v>
      </c>
      <c r="Z13168" s="2">
        <v>16.7</v>
      </c>
      <c r="AA13168" s="5"/>
      <c r="AB13168" s="5" t="s">
        <v>43</v>
      </c>
      <c r="AC13168" s="5" t="s">
        <v>44</v>
      </c>
      <c r="AD13168" s="2"/>
      <c r="AE13168" s="1"/>
    </row>
    <row r="13169" spans="1:31" ht="14.45">
      <c r="A13169" s="11"/>
      <c r="B13169" s="20"/>
      <c r="C13169" s="2" t="s">
        <v>40435</v>
      </c>
      <c r="D13169" s="14" t="s">
        <v>40436</v>
      </c>
      <c r="E13169" s="2" t="s">
        <v>40437</v>
      </c>
      <c r="F13169" s="2" t="s">
        <v>7204</v>
      </c>
      <c r="G13169" s="8">
        <v>144</v>
      </c>
      <c r="H13169" s="5">
        <v>6</v>
      </c>
      <c r="I13169" s="5" t="s">
        <v>1518</v>
      </c>
      <c r="J13169" s="5" t="s">
        <v>36264</v>
      </c>
      <c r="K13169" s="2" t="s">
        <v>36265</v>
      </c>
      <c r="L13169" s="5" t="s">
        <v>36264</v>
      </c>
      <c r="M13169" s="2" t="s">
        <v>36265</v>
      </c>
      <c r="N13169" s="5" t="s">
        <v>36266</v>
      </c>
      <c r="O13169" s="5" t="s">
        <v>38</v>
      </c>
      <c r="P13169" s="5" t="s">
        <v>39</v>
      </c>
      <c r="Q13169" s="5" t="s">
        <v>40</v>
      </c>
      <c r="R13169" s="5" t="s">
        <v>1522</v>
      </c>
      <c r="S13169" s="5" t="s">
        <v>1523</v>
      </c>
      <c r="T13169" s="5" t="s">
        <v>42</v>
      </c>
      <c r="U13169" s="2">
        <v>1.3320000000000001</v>
      </c>
      <c r="V13169" s="2">
        <v>0.81699999999999995</v>
      </c>
      <c r="W13169" s="2">
        <v>1.4999999999999999E-2</v>
      </c>
      <c r="X13169" s="2">
        <v>118.9</v>
      </c>
      <c r="Y13169" s="2">
        <v>7.6</v>
      </c>
      <c r="Z13169" s="2">
        <v>16.7</v>
      </c>
      <c r="AA13169" s="5"/>
      <c r="AB13169" s="5" t="s">
        <v>43</v>
      </c>
      <c r="AC13169" s="5" t="s">
        <v>44</v>
      </c>
      <c r="AD13169" s="2"/>
      <c r="AE13169" s="1"/>
    </row>
    <row r="13170" spans="1:31" ht="14.45">
      <c r="A13170" s="11"/>
      <c r="B13170" s="20"/>
      <c r="C13170" s="2" t="s">
        <v>40438</v>
      </c>
      <c r="D13170" s="14" t="s">
        <v>40439</v>
      </c>
      <c r="E13170" s="2" t="s">
        <v>40440</v>
      </c>
      <c r="F13170" s="2" t="s">
        <v>36273</v>
      </c>
      <c r="G13170" s="8">
        <v>144</v>
      </c>
      <c r="H13170" s="5">
        <v>6</v>
      </c>
      <c r="I13170" s="5" t="s">
        <v>1518</v>
      </c>
      <c r="J13170" s="5" t="s">
        <v>36264</v>
      </c>
      <c r="K13170" s="2" t="s">
        <v>36265</v>
      </c>
      <c r="L13170" s="5" t="s">
        <v>36264</v>
      </c>
      <c r="M13170" s="2" t="s">
        <v>36265</v>
      </c>
      <c r="N13170" s="5" t="s">
        <v>36266</v>
      </c>
      <c r="O13170" s="5" t="s">
        <v>38</v>
      </c>
      <c r="P13170" s="5" t="s">
        <v>39</v>
      </c>
      <c r="Q13170" s="5" t="s">
        <v>40</v>
      </c>
      <c r="R13170" s="5" t="s">
        <v>1522</v>
      </c>
      <c r="S13170" s="5" t="s">
        <v>1523</v>
      </c>
      <c r="T13170" s="5" t="s">
        <v>42</v>
      </c>
      <c r="U13170" s="2">
        <v>1.3320000000000001</v>
      </c>
      <c r="V13170" s="2">
        <v>0.81699999999999995</v>
      </c>
      <c r="W13170" s="2">
        <v>1.4999999999999999E-2</v>
      </c>
      <c r="X13170" s="2">
        <v>118.9</v>
      </c>
      <c r="Y13170" s="2">
        <v>7.6</v>
      </c>
      <c r="Z13170" s="2">
        <v>16.7</v>
      </c>
      <c r="AA13170" s="5"/>
      <c r="AB13170" s="5" t="s">
        <v>43</v>
      </c>
      <c r="AC13170" s="5" t="s">
        <v>44</v>
      </c>
      <c r="AD13170" s="2"/>
      <c r="AE13170" s="1"/>
    </row>
    <row r="13171" spans="1:31" ht="14.45">
      <c r="A13171" s="11"/>
      <c r="B13171" s="20"/>
      <c r="C13171" s="2" t="s">
        <v>40441</v>
      </c>
      <c r="D13171" s="14" t="s">
        <v>40442</v>
      </c>
      <c r="E13171" s="2" t="s">
        <v>40443</v>
      </c>
      <c r="F13171" s="2" t="s">
        <v>36281</v>
      </c>
      <c r="G13171" s="8">
        <v>165</v>
      </c>
      <c r="H13171" s="5">
        <v>6</v>
      </c>
      <c r="I13171" s="5" t="s">
        <v>1518</v>
      </c>
      <c r="J13171" s="5" t="s">
        <v>36264</v>
      </c>
      <c r="K13171" s="2" t="s">
        <v>36265</v>
      </c>
      <c r="L13171" s="5" t="s">
        <v>36264</v>
      </c>
      <c r="M13171" s="2" t="s">
        <v>36265</v>
      </c>
      <c r="N13171" s="5" t="s">
        <v>36266</v>
      </c>
      <c r="O13171" s="5" t="s">
        <v>38</v>
      </c>
      <c r="P13171" s="5" t="s">
        <v>39</v>
      </c>
      <c r="Q13171" s="5" t="s">
        <v>40</v>
      </c>
      <c r="R13171" s="5" t="s">
        <v>1522</v>
      </c>
      <c r="S13171" s="5" t="s">
        <v>1523</v>
      </c>
      <c r="T13171" s="5" t="s">
        <v>42</v>
      </c>
      <c r="U13171" s="2">
        <v>1.3320000000000001</v>
      </c>
      <c r="V13171" s="2">
        <v>0.81699999999999995</v>
      </c>
      <c r="W13171" s="2">
        <v>1.4999999999999999E-2</v>
      </c>
      <c r="X13171" s="2">
        <v>118.9</v>
      </c>
      <c r="Y13171" s="2">
        <v>7.6</v>
      </c>
      <c r="Z13171" s="2">
        <v>16.7</v>
      </c>
      <c r="AA13171" s="5"/>
      <c r="AB13171" s="5" t="s">
        <v>43</v>
      </c>
      <c r="AC13171" s="5" t="s">
        <v>44</v>
      </c>
      <c r="AD13171" s="2"/>
      <c r="AE13171" s="1"/>
    </row>
    <row r="13172" spans="1:31" ht="14.45">
      <c r="A13172" s="11"/>
      <c r="B13172" s="20"/>
      <c r="C13172" s="2" t="s">
        <v>40444</v>
      </c>
      <c r="D13172" s="14" t="s">
        <v>40445</v>
      </c>
      <c r="E13172" s="2" t="s">
        <v>40446</v>
      </c>
      <c r="F13172" s="2" t="s">
        <v>36289</v>
      </c>
      <c r="G13172" s="8">
        <v>165</v>
      </c>
      <c r="H13172" s="5">
        <v>6</v>
      </c>
      <c r="I13172" s="5" t="s">
        <v>1518</v>
      </c>
      <c r="J13172" s="5" t="s">
        <v>36264</v>
      </c>
      <c r="K13172" s="2" t="s">
        <v>36265</v>
      </c>
      <c r="L13172" s="5" t="s">
        <v>36264</v>
      </c>
      <c r="M13172" s="2" t="s">
        <v>36265</v>
      </c>
      <c r="N13172" s="5" t="s">
        <v>36266</v>
      </c>
      <c r="O13172" s="5" t="s">
        <v>38</v>
      </c>
      <c r="P13172" s="5" t="s">
        <v>39</v>
      </c>
      <c r="Q13172" s="5" t="s">
        <v>40</v>
      </c>
      <c r="R13172" s="5" t="s">
        <v>1522</v>
      </c>
      <c r="S13172" s="5" t="s">
        <v>1523</v>
      </c>
      <c r="T13172" s="5" t="s">
        <v>42</v>
      </c>
      <c r="U13172" s="2">
        <v>1.3320000000000001</v>
      </c>
      <c r="V13172" s="2">
        <v>0.81699999999999995</v>
      </c>
      <c r="W13172" s="2">
        <v>1.4999999999999999E-2</v>
      </c>
      <c r="X13172" s="2">
        <v>118.9</v>
      </c>
      <c r="Y13172" s="2">
        <v>7.6</v>
      </c>
      <c r="Z13172" s="2">
        <v>16.7</v>
      </c>
      <c r="AA13172" s="5"/>
      <c r="AB13172" s="5" t="s">
        <v>43</v>
      </c>
      <c r="AC13172" s="5" t="s">
        <v>44</v>
      </c>
      <c r="AD13172" s="2"/>
      <c r="AE13172" s="1"/>
    </row>
    <row r="13173" spans="1:31" ht="14.45">
      <c r="A13173" s="11"/>
      <c r="B13173" s="20"/>
      <c r="C13173" s="2" t="s">
        <v>40447</v>
      </c>
      <c r="D13173" s="14" t="s">
        <v>40448</v>
      </c>
      <c r="E13173" s="2" t="s">
        <v>40449</v>
      </c>
      <c r="F13173" s="2" t="s">
        <v>36297</v>
      </c>
      <c r="G13173" s="8">
        <v>144</v>
      </c>
      <c r="H13173" s="5">
        <v>6</v>
      </c>
      <c r="I13173" s="5" t="s">
        <v>1518</v>
      </c>
      <c r="J13173" s="5" t="s">
        <v>36264</v>
      </c>
      <c r="K13173" s="2" t="s">
        <v>36265</v>
      </c>
      <c r="L13173" s="5" t="s">
        <v>36264</v>
      </c>
      <c r="M13173" s="2" t="s">
        <v>36265</v>
      </c>
      <c r="N13173" s="5" t="s">
        <v>36266</v>
      </c>
      <c r="O13173" s="5" t="s">
        <v>38</v>
      </c>
      <c r="P13173" s="5" t="s">
        <v>39</v>
      </c>
      <c r="Q13173" s="5" t="s">
        <v>40</v>
      </c>
      <c r="R13173" s="5" t="s">
        <v>1522</v>
      </c>
      <c r="S13173" s="5" t="s">
        <v>1523</v>
      </c>
      <c r="T13173" s="5" t="s">
        <v>42</v>
      </c>
      <c r="U13173" s="2">
        <v>1.3320000000000001</v>
      </c>
      <c r="V13173" s="2">
        <v>0.81699999999999995</v>
      </c>
      <c r="W13173" s="2">
        <v>1.4999999999999999E-2</v>
      </c>
      <c r="X13173" s="2">
        <v>118.9</v>
      </c>
      <c r="Y13173" s="2">
        <v>7.6</v>
      </c>
      <c r="Z13173" s="2">
        <v>16.7</v>
      </c>
      <c r="AA13173" s="5"/>
      <c r="AB13173" s="5" t="s">
        <v>43</v>
      </c>
      <c r="AC13173" s="5" t="s">
        <v>44</v>
      </c>
      <c r="AD13173" s="2"/>
      <c r="AE13173" s="1"/>
    </row>
    <row r="13174" spans="1:31" ht="14.45">
      <c r="A13174" s="11"/>
      <c r="B13174" s="20"/>
      <c r="C13174" s="2" t="s">
        <v>40450</v>
      </c>
      <c r="D13174" s="14" t="s">
        <v>40451</v>
      </c>
      <c r="E13174" s="2" t="s">
        <v>40452</v>
      </c>
      <c r="F13174" s="2" t="s">
        <v>36305</v>
      </c>
      <c r="G13174" s="8">
        <v>144</v>
      </c>
      <c r="H13174" s="5">
        <v>6</v>
      </c>
      <c r="I13174" s="5" t="s">
        <v>1518</v>
      </c>
      <c r="J13174" s="5" t="s">
        <v>36264</v>
      </c>
      <c r="K13174" s="2" t="s">
        <v>36265</v>
      </c>
      <c r="L13174" s="5" t="s">
        <v>36264</v>
      </c>
      <c r="M13174" s="2" t="s">
        <v>36265</v>
      </c>
      <c r="N13174" s="5" t="s">
        <v>36266</v>
      </c>
      <c r="O13174" s="5" t="s">
        <v>38</v>
      </c>
      <c r="P13174" s="5" t="s">
        <v>39</v>
      </c>
      <c r="Q13174" s="5" t="s">
        <v>40</v>
      </c>
      <c r="R13174" s="5" t="s">
        <v>1522</v>
      </c>
      <c r="S13174" s="5" t="s">
        <v>1523</v>
      </c>
      <c r="T13174" s="5" t="s">
        <v>42</v>
      </c>
      <c r="U13174" s="2">
        <v>1.3320000000000001</v>
      </c>
      <c r="V13174" s="2">
        <v>0.81699999999999995</v>
      </c>
      <c r="W13174" s="2">
        <v>1.4999999999999999E-2</v>
      </c>
      <c r="X13174" s="2">
        <v>118.9</v>
      </c>
      <c r="Y13174" s="2">
        <v>7.6</v>
      </c>
      <c r="Z13174" s="2">
        <v>16.7</v>
      </c>
      <c r="AA13174" s="5"/>
      <c r="AB13174" s="5" t="s">
        <v>43</v>
      </c>
      <c r="AC13174" s="5" t="s">
        <v>44</v>
      </c>
      <c r="AD13174" s="2"/>
      <c r="AE13174" s="1"/>
    </row>
    <row r="13175" spans="1:31" ht="14.45">
      <c r="A13175" s="11"/>
      <c r="B13175" s="20"/>
      <c r="C13175" s="2" t="s">
        <v>40453</v>
      </c>
      <c r="D13175" s="14" t="s">
        <v>40454</v>
      </c>
      <c r="E13175" s="2" t="s">
        <v>40455</v>
      </c>
      <c r="F13175" s="2" t="s">
        <v>36313</v>
      </c>
      <c r="G13175" s="8">
        <v>165</v>
      </c>
      <c r="H13175" s="5">
        <v>6</v>
      </c>
      <c r="I13175" s="5" t="s">
        <v>1518</v>
      </c>
      <c r="J13175" s="5" t="s">
        <v>36264</v>
      </c>
      <c r="K13175" s="2" t="s">
        <v>36265</v>
      </c>
      <c r="L13175" s="5" t="s">
        <v>36264</v>
      </c>
      <c r="M13175" s="2" t="s">
        <v>36265</v>
      </c>
      <c r="N13175" s="5" t="s">
        <v>36266</v>
      </c>
      <c r="O13175" s="5" t="s">
        <v>38</v>
      </c>
      <c r="P13175" s="5" t="s">
        <v>39</v>
      </c>
      <c r="Q13175" s="5" t="s">
        <v>40</v>
      </c>
      <c r="R13175" s="5" t="s">
        <v>1522</v>
      </c>
      <c r="S13175" s="5" t="s">
        <v>1523</v>
      </c>
      <c r="T13175" s="5" t="s">
        <v>42</v>
      </c>
      <c r="U13175" s="2">
        <v>1.3320000000000001</v>
      </c>
      <c r="V13175" s="2">
        <v>0.81699999999999995</v>
      </c>
      <c r="W13175" s="2">
        <v>1.4999999999999999E-2</v>
      </c>
      <c r="X13175" s="2">
        <v>118.9</v>
      </c>
      <c r="Y13175" s="2">
        <v>7.6</v>
      </c>
      <c r="Z13175" s="2">
        <v>16.7</v>
      </c>
      <c r="AA13175" s="5"/>
      <c r="AB13175" s="5" t="s">
        <v>43</v>
      </c>
      <c r="AC13175" s="5" t="s">
        <v>44</v>
      </c>
      <c r="AD13175" s="2"/>
      <c r="AE13175" s="1"/>
    </row>
    <row r="13176" spans="1:31" ht="14.45">
      <c r="A13176" s="11"/>
      <c r="B13176" s="20"/>
      <c r="C13176" s="2" t="s">
        <v>40456</v>
      </c>
      <c r="D13176" s="14" t="s">
        <v>40457</v>
      </c>
      <c r="E13176" s="2" t="s">
        <v>40458</v>
      </c>
      <c r="F13176" s="2" t="s">
        <v>36321</v>
      </c>
      <c r="G13176" s="8">
        <v>165</v>
      </c>
      <c r="H13176" s="5">
        <v>6</v>
      </c>
      <c r="I13176" s="5" t="s">
        <v>1518</v>
      </c>
      <c r="J13176" s="5" t="s">
        <v>36264</v>
      </c>
      <c r="K13176" s="2" t="s">
        <v>36265</v>
      </c>
      <c r="L13176" s="5" t="s">
        <v>36264</v>
      </c>
      <c r="M13176" s="2" t="s">
        <v>36265</v>
      </c>
      <c r="N13176" s="5" t="s">
        <v>36266</v>
      </c>
      <c r="O13176" s="5" t="s">
        <v>38</v>
      </c>
      <c r="P13176" s="5" t="s">
        <v>39</v>
      </c>
      <c r="Q13176" s="5" t="s">
        <v>40</v>
      </c>
      <c r="R13176" s="5" t="s">
        <v>1522</v>
      </c>
      <c r="S13176" s="5" t="s">
        <v>1523</v>
      </c>
      <c r="T13176" s="5" t="s">
        <v>42</v>
      </c>
      <c r="U13176" s="2">
        <v>1.3320000000000001</v>
      </c>
      <c r="V13176" s="2">
        <v>0.81699999999999995</v>
      </c>
      <c r="W13176" s="2">
        <v>1.4999999999999999E-2</v>
      </c>
      <c r="X13176" s="2">
        <v>118.9</v>
      </c>
      <c r="Y13176" s="2">
        <v>7.6</v>
      </c>
      <c r="Z13176" s="2">
        <v>16.7</v>
      </c>
      <c r="AA13176" s="5"/>
      <c r="AB13176" s="5" t="s">
        <v>43</v>
      </c>
      <c r="AC13176" s="5" t="s">
        <v>44</v>
      </c>
      <c r="AD13176" s="2"/>
      <c r="AE13176" s="1"/>
    </row>
    <row r="13177" spans="1:31" ht="14.45">
      <c r="A13177" s="11"/>
      <c r="B13177" s="20"/>
      <c r="C13177" s="2" t="s">
        <v>40459</v>
      </c>
      <c r="D13177" s="14" t="s">
        <v>40460</v>
      </c>
      <c r="E13177" s="2" t="s">
        <v>40461</v>
      </c>
      <c r="F13177" s="2" t="s">
        <v>36329</v>
      </c>
      <c r="G13177" s="8">
        <v>165</v>
      </c>
      <c r="H13177" s="5">
        <v>6</v>
      </c>
      <c r="I13177" s="5" t="s">
        <v>1518</v>
      </c>
      <c r="J13177" s="5" t="s">
        <v>36264</v>
      </c>
      <c r="K13177" s="2" t="s">
        <v>36265</v>
      </c>
      <c r="L13177" s="5" t="s">
        <v>36264</v>
      </c>
      <c r="M13177" s="2" t="s">
        <v>36265</v>
      </c>
      <c r="N13177" s="5" t="s">
        <v>36266</v>
      </c>
      <c r="O13177" s="5" t="s">
        <v>38</v>
      </c>
      <c r="P13177" s="5" t="s">
        <v>39</v>
      </c>
      <c r="Q13177" s="5" t="s">
        <v>40</v>
      </c>
      <c r="R13177" s="5" t="s">
        <v>1522</v>
      </c>
      <c r="S13177" s="5" t="s">
        <v>1523</v>
      </c>
      <c r="T13177" s="5" t="s">
        <v>42</v>
      </c>
      <c r="U13177" s="2">
        <v>1.3320000000000001</v>
      </c>
      <c r="V13177" s="2">
        <v>0.81699999999999995</v>
      </c>
      <c r="W13177" s="2">
        <v>1.4999999999999999E-2</v>
      </c>
      <c r="X13177" s="2">
        <v>118.9</v>
      </c>
      <c r="Y13177" s="2">
        <v>7.6</v>
      </c>
      <c r="Z13177" s="2">
        <v>16.7</v>
      </c>
      <c r="AA13177" s="5"/>
      <c r="AB13177" s="5" t="s">
        <v>43</v>
      </c>
      <c r="AC13177" s="5" t="s">
        <v>44</v>
      </c>
      <c r="AD13177" s="2"/>
      <c r="AE13177" s="1"/>
    </row>
    <row r="13178" spans="1:31" ht="14.45">
      <c r="A13178" s="11"/>
      <c r="B13178" s="20"/>
      <c r="C13178" s="2" t="s">
        <v>40462</v>
      </c>
      <c r="D13178" s="14" t="s">
        <v>40463</v>
      </c>
      <c r="E13178" s="2" t="s">
        <v>40464</v>
      </c>
      <c r="F13178" s="2" t="s">
        <v>36337</v>
      </c>
      <c r="G13178" s="8">
        <v>165</v>
      </c>
      <c r="H13178" s="5">
        <v>6</v>
      </c>
      <c r="I13178" s="5" t="s">
        <v>1518</v>
      </c>
      <c r="J13178" s="5" t="s">
        <v>36264</v>
      </c>
      <c r="K13178" s="2" t="s">
        <v>36265</v>
      </c>
      <c r="L13178" s="5" t="s">
        <v>36264</v>
      </c>
      <c r="M13178" s="2" t="s">
        <v>36265</v>
      </c>
      <c r="N13178" s="5" t="s">
        <v>36266</v>
      </c>
      <c r="O13178" s="5" t="s">
        <v>38</v>
      </c>
      <c r="P13178" s="5" t="s">
        <v>39</v>
      </c>
      <c r="Q13178" s="5" t="s">
        <v>40</v>
      </c>
      <c r="R13178" s="5" t="s">
        <v>1522</v>
      </c>
      <c r="S13178" s="5" t="s">
        <v>1523</v>
      </c>
      <c r="T13178" s="5" t="s">
        <v>42</v>
      </c>
      <c r="U13178" s="2">
        <v>1.3320000000000001</v>
      </c>
      <c r="V13178" s="2">
        <v>0.81699999999999995</v>
      </c>
      <c r="W13178" s="2">
        <v>1.4999999999999999E-2</v>
      </c>
      <c r="X13178" s="2">
        <v>118.9</v>
      </c>
      <c r="Y13178" s="2">
        <v>7.6</v>
      </c>
      <c r="Z13178" s="2">
        <v>16.7</v>
      </c>
      <c r="AA13178" s="5"/>
      <c r="AB13178" s="5" t="s">
        <v>43</v>
      </c>
      <c r="AC13178" s="5" t="s">
        <v>44</v>
      </c>
      <c r="AD13178" s="2"/>
      <c r="AE13178" s="1"/>
    </row>
    <row r="13179" spans="1:31" ht="14.45">
      <c r="A13179" s="11"/>
      <c r="B13179" s="20"/>
      <c r="C13179" s="2" t="s">
        <v>40465</v>
      </c>
      <c r="D13179" s="14" t="s">
        <v>40466</v>
      </c>
      <c r="E13179" s="2" t="s">
        <v>40467</v>
      </c>
      <c r="F13179" s="2" t="s">
        <v>36353</v>
      </c>
      <c r="G13179" s="8">
        <v>165</v>
      </c>
      <c r="H13179" s="5">
        <v>6</v>
      </c>
      <c r="I13179" s="5" t="s">
        <v>1518</v>
      </c>
      <c r="J13179" s="5" t="s">
        <v>36264</v>
      </c>
      <c r="K13179" s="2" t="s">
        <v>36265</v>
      </c>
      <c r="L13179" s="5" t="s">
        <v>36264</v>
      </c>
      <c r="M13179" s="2" t="s">
        <v>36265</v>
      </c>
      <c r="N13179" s="5" t="s">
        <v>36266</v>
      </c>
      <c r="O13179" s="5" t="s">
        <v>38</v>
      </c>
      <c r="P13179" s="5" t="s">
        <v>39</v>
      </c>
      <c r="Q13179" s="5" t="s">
        <v>40</v>
      </c>
      <c r="R13179" s="5" t="s">
        <v>1522</v>
      </c>
      <c r="S13179" s="5" t="s">
        <v>1523</v>
      </c>
      <c r="T13179" s="5" t="s">
        <v>42</v>
      </c>
      <c r="U13179" s="2">
        <v>1.3320000000000001</v>
      </c>
      <c r="V13179" s="2">
        <v>0.81699999999999995</v>
      </c>
      <c r="W13179" s="2">
        <v>1.4999999999999999E-2</v>
      </c>
      <c r="X13179" s="2">
        <v>118.9</v>
      </c>
      <c r="Y13179" s="2">
        <v>7.6</v>
      </c>
      <c r="Z13179" s="2">
        <v>16.7</v>
      </c>
      <c r="AA13179" s="5"/>
      <c r="AB13179" s="5" t="s">
        <v>43</v>
      </c>
      <c r="AC13179" s="5" t="s">
        <v>44</v>
      </c>
      <c r="AD13179" s="2"/>
      <c r="AE13179" s="1"/>
    </row>
    <row r="13180" spans="1:31" ht="14.45">
      <c r="A13180" s="11"/>
      <c r="B13180" s="20"/>
      <c r="C13180" s="2" t="s">
        <v>40468</v>
      </c>
      <c r="D13180" s="14" t="s">
        <v>40469</v>
      </c>
      <c r="E13180" s="2" t="s">
        <v>40470</v>
      </c>
      <c r="F13180" s="2" t="s">
        <v>36361</v>
      </c>
      <c r="G13180" s="8">
        <v>165</v>
      </c>
      <c r="H13180" s="5">
        <v>6</v>
      </c>
      <c r="I13180" s="5" t="s">
        <v>1518</v>
      </c>
      <c r="J13180" s="5" t="s">
        <v>36264</v>
      </c>
      <c r="K13180" s="2" t="s">
        <v>36265</v>
      </c>
      <c r="L13180" s="5" t="s">
        <v>36264</v>
      </c>
      <c r="M13180" s="2" t="s">
        <v>36265</v>
      </c>
      <c r="N13180" s="5" t="s">
        <v>36266</v>
      </c>
      <c r="O13180" s="5" t="s">
        <v>38</v>
      </c>
      <c r="P13180" s="5" t="s">
        <v>39</v>
      </c>
      <c r="Q13180" s="5" t="s">
        <v>40</v>
      </c>
      <c r="R13180" s="5" t="s">
        <v>1522</v>
      </c>
      <c r="S13180" s="5" t="s">
        <v>1523</v>
      </c>
      <c r="T13180" s="5" t="s">
        <v>42</v>
      </c>
      <c r="U13180" s="2">
        <v>1.3320000000000001</v>
      </c>
      <c r="V13180" s="2">
        <v>0.81699999999999995</v>
      </c>
      <c r="W13180" s="2">
        <v>1.4999999999999999E-2</v>
      </c>
      <c r="X13180" s="2">
        <v>118.9</v>
      </c>
      <c r="Y13180" s="2">
        <v>7.6</v>
      </c>
      <c r="Z13180" s="2">
        <v>16.7</v>
      </c>
      <c r="AA13180" s="5"/>
      <c r="AB13180" s="5" t="s">
        <v>43</v>
      </c>
      <c r="AC13180" s="5" t="s">
        <v>44</v>
      </c>
      <c r="AD13180" s="2"/>
      <c r="AE13180" s="1"/>
    </row>
    <row r="13181" spans="1:31" ht="14.45">
      <c r="A13181" s="11"/>
      <c r="B13181" s="20"/>
      <c r="C13181" s="2" t="s">
        <v>40471</v>
      </c>
      <c r="D13181" s="14" t="s">
        <v>40472</v>
      </c>
      <c r="E13181" s="2" t="s">
        <v>40473</v>
      </c>
      <c r="F13181" s="2" t="s">
        <v>36369</v>
      </c>
      <c r="G13181" s="8">
        <v>165</v>
      </c>
      <c r="H13181" s="5">
        <v>6</v>
      </c>
      <c r="I13181" s="5" t="s">
        <v>1518</v>
      </c>
      <c r="J13181" s="5" t="s">
        <v>36264</v>
      </c>
      <c r="K13181" s="2" t="s">
        <v>36265</v>
      </c>
      <c r="L13181" s="5" t="s">
        <v>36264</v>
      </c>
      <c r="M13181" s="2" t="s">
        <v>36265</v>
      </c>
      <c r="N13181" s="5" t="s">
        <v>36266</v>
      </c>
      <c r="O13181" s="5" t="s">
        <v>38</v>
      </c>
      <c r="P13181" s="5" t="s">
        <v>39</v>
      </c>
      <c r="Q13181" s="5" t="s">
        <v>40</v>
      </c>
      <c r="R13181" s="5" t="s">
        <v>1522</v>
      </c>
      <c r="S13181" s="5" t="s">
        <v>1523</v>
      </c>
      <c r="T13181" s="5" t="s">
        <v>42</v>
      </c>
      <c r="U13181" s="2">
        <v>1.3320000000000001</v>
      </c>
      <c r="V13181" s="2">
        <v>0.81699999999999995</v>
      </c>
      <c r="W13181" s="2">
        <v>1.4999999999999999E-2</v>
      </c>
      <c r="X13181" s="2">
        <v>118.9</v>
      </c>
      <c r="Y13181" s="2">
        <v>7.6</v>
      </c>
      <c r="Z13181" s="2">
        <v>16.7</v>
      </c>
      <c r="AA13181" s="5"/>
      <c r="AB13181" s="5" t="s">
        <v>43</v>
      </c>
      <c r="AC13181" s="5" t="s">
        <v>44</v>
      </c>
      <c r="AD13181" s="2"/>
      <c r="AE13181" s="1"/>
    </row>
    <row r="13182" spans="1:31" ht="14.45">
      <c r="A13182" s="11"/>
      <c r="B13182" s="20"/>
      <c r="C13182" s="2" t="s">
        <v>40474</v>
      </c>
      <c r="D13182" s="14" t="s">
        <v>40475</v>
      </c>
      <c r="E13182" s="2" t="s">
        <v>40476</v>
      </c>
      <c r="F13182" s="2" t="s">
        <v>36377</v>
      </c>
      <c r="G13182" s="8">
        <v>165</v>
      </c>
      <c r="H13182" s="5">
        <v>6</v>
      </c>
      <c r="I13182" s="5" t="s">
        <v>1518</v>
      </c>
      <c r="J13182" s="5" t="s">
        <v>36264</v>
      </c>
      <c r="K13182" s="2" t="s">
        <v>36265</v>
      </c>
      <c r="L13182" s="5" t="s">
        <v>36264</v>
      </c>
      <c r="M13182" s="2" t="s">
        <v>36265</v>
      </c>
      <c r="N13182" s="5" t="s">
        <v>36266</v>
      </c>
      <c r="O13182" s="5" t="s">
        <v>38</v>
      </c>
      <c r="P13182" s="5" t="s">
        <v>39</v>
      </c>
      <c r="Q13182" s="5" t="s">
        <v>40</v>
      </c>
      <c r="R13182" s="5" t="s">
        <v>1522</v>
      </c>
      <c r="S13182" s="5" t="s">
        <v>1523</v>
      </c>
      <c r="T13182" s="5" t="s">
        <v>42</v>
      </c>
      <c r="U13182" s="2">
        <v>1.3320000000000001</v>
      </c>
      <c r="V13182" s="2">
        <v>0.81699999999999995</v>
      </c>
      <c r="W13182" s="2">
        <v>1.4999999999999999E-2</v>
      </c>
      <c r="X13182" s="2">
        <v>118.9</v>
      </c>
      <c r="Y13182" s="2">
        <v>7.6</v>
      </c>
      <c r="Z13182" s="2">
        <v>16.7</v>
      </c>
      <c r="AA13182" s="5"/>
      <c r="AB13182" s="5" t="s">
        <v>43</v>
      </c>
      <c r="AC13182" s="5" t="s">
        <v>44</v>
      </c>
      <c r="AD13182" s="2"/>
      <c r="AE13182" s="1"/>
    </row>
    <row r="13183" spans="1:31" ht="14.45">
      <c r="A13183" s="11"/>
      <c r="B13183" s="20"/>
      <c r="C13183" s="2" t="s">
        <v>40477</v>
      </c>
      <c r="D13183" s="14" t="s">
        <v>40478</v>
      </c>
      <c r="E13183" s="2" t="s">
        <v>40479</v>
      </c>
      <c r="F13183" s="2" t="s">
        <v>7204</v>
      </c>
      <c r="G13183" s="8">
        <v>136</v>
      </c>
      <c r="H13183" s="5">
        <v>6</v>
      </c>
      <c r="I13183" s="5" t="s">
        <v>1518</v>
      </c>
      <c r="J13183" s="5" t="s">
        <v>36264</v>
      </c>
      <c r="K13183" s="2" t="s">
        <v>36265</v>
      </c>
      <c r="L13183" s="5" t="s">
        <v>36264</v>
      </c>
      <c r="M13183" s="2" t="s">
        <v>36265</v>
      </c>
      <c r="N13183" s="5" t="s">
        <v>36266</v>
      </c>
      <c r="O13183" s="5" t="s">
        <v>38</v>
      </c>
      <c r="P13183" s="5" t="s">
        <v>39</v>
      </c>
      <c r="Q13183" s="5" t="s">
        <v>40</v>
      </c>
      <c r="R13183" s="5" t="s">
        <v>1522</v>
      </c>
      <c r="S13183" s="5" t="s">
        <v>1523</v>
      </c>
      <c r="T13183" s="5" t="s">
        <v>42</v>
      </c>
      <c r="U13183" s="2">
        <v>1.3069999999999999</v>
      </c>
      <c r="V13183" s="2">
        <v>0.80300000000000005</v>
      </c>
      <c r="W13183" s="2">
        <v>1.2999999999999999E-2</v>
      </c>
      <c r="X13183" s="2">
        <v>99.1</v>
      </c>
      <c r="Y13183" s="2">
        <v>7.6</v>
      </c>
      <c r="Z13183" s="2">
        <v>16.7</v>
      </c>
      <c r="AA13183" s="5"/>
      <c r="AB13183" s="5" t="s">
        <v>43</v>
      </c>
      <c r="AC13183" s="5" t="s">
        <v>44</v>
      </c>
      <c r="AD13183" s="2"/>
      <c r="AE13183" s="1"/>
    </row>
    <row r="13184" spans="1:31" ht="14.45">
      <c r="A13184" s="11"/>
      <c r="B13184" s="20"/>
      <c r="C13184" s="2" t="s">
        <v>40480</v>
      </c>
      <c r="D13184" s="14" t="s">
        <v>40481</v>
      </c>
      <c r="E13184" s="2" t="s">
        <v>40482</v>
      </c>
      <c r="F13184" s="2" t="s">
        <v>36273</v>
      </c>
      <c r="G13184" s="8">
        <v>136</v>
      </c>
      <c r="H13184" s="5">
        <v>6</v>
      </c>
      <c r="I13184" s="5" t="s">
        <v>1518</v>
      </c>
      <c r="J13184" s="5" t="s">
        <v>36264</v>
      </c>
      <c r="K13184" s="2" t="s">
        <v>36265</v>
      </c>
      <c r="L13184" s="5" t="s">
        <v>36264</v>
      </c>
      <c r="M13184" s="2" t="s">
        <v>36265</v>
      </c>
      <c r="N13184" s="5" t="s">
        <v>36266</v>
      </c>
      <c r="O13184" s="5" t="s">
        <v>38</v>
      </c>
      <c r="P13184" s="5" t="s">
        <v>39</v>
      </c>
      <c r="Q13184" s="5" t="s">
        <v>40</v>
      </c>
      <c r="R13184" s="5" t="s">
        <v>1522</v>
      </c>
      <c r="S13184" s="5" t="s">
        <v>1523</v>
      </c>
      <c r="T13184" s="5" t="s">
        <v>42</v>
      </c>
      <c r="U13184" s="2">
        <v>1.3069999999999999</v>
      </c>
      <c r="V13184" s="2">
        <v>0.80300000000000005</v>
      </c>
      <c r="W13184" s="2">
        <v>1.2999999999999999E-2</v>
      </c>
      <c r="X13184" s="2">
        <v>99.1</v>
      </c>
      <c r="Y13184" s="2">
        <v>7.6</v>
      </c>
      <c r="Z13184" s="2">
        <v>16.7</v>
      </c>
      <c r="AA13184" s="5"/>
      <c r="AB13184" s="5" t="s">
        <v>43</v>
      </c>
      <c r="AC13184" s="5" t="s">
        <v>44</v>
      </c>
      <c r="AD13184" s="2"/>
      <c r="AE13184" s="1"/>
    </row>
    <row r="13185" spans="1:31" ht="14.45">
      <c r="A13185" s="11"/>
      <c r="B13185" s="20"/>
      <c r="C13185" s="2" t="s">
        <v>40483</v>
      </c>
      <c r="D13185" s="14" t="s">
        <v>40484</v>
      </c>
      <c r="E13185" s="2" t="s">
        <v>40485</v>
      </c>
      <c r="F13185" s="2" t="s">
        <v>36281</v>
      </c>
      <c r="G13185" s="8">
        <v>157</v>
      </c>
      <c r="H13185" s="5">
        <v>6</v>
      </c>
      <c r="I13185" s="5" t="s">
        <v>1518</v>
      </c>
      <c r="J13185" s="5" t="s">
        <v>36264</v>
      </c>
      <c r="K13185" s="2" t="s">
        <v>36265</v>
      </c>
      <c r="L13185" s="5" t="s">
        <v>36264</v>
      </c>
      <c r="M13185" s="2" t="s">
        <v>36265</v>
      </c>
      <c r="N13185" s="5" t="s">
        <v>36266</v>
      </c>
      <c r="O13185" s="5" t="s">
        <v>38</v>
      </c>
      <c r="P13185" s="5" t="s">
        <v>39</v>
      </c>
      <c r="Q13185" s="5" t="s">
        <v>40</v>
      </c>
      <c r="R13185" s="5" t="s">
        <v>1522</v>
      </c>
      <c r="S13185" s="5" t="s">
        <v>1523</v>
      </c>
      <c r="T13185" s="5" t="s">
        <v>42</v>
      </c>
      <c r="U13185" s="2">
        <v>1.3069999999999999</v>
      </c>
      <c r="V13185" s="2">
        <v>0.80300000000000005</v>
      </c>
      <c r="W13185" s="2">
        <v>1.2999999999999999E-2</v>
      </c>
      <c r="X13185" s="2">
        <v>99.1</v>
      </c>
      <c r="Y13185" s="2">
        <v>7.6</v>
      </c>
      <c r="Z13185" s="2">
        <v>16.7</v>
      </c>
      <c r="AA13185" s="5"/>
      <c r="AB13185" s="5" t="s">
        <v>43</v>
      </c>
      <c r="AC13185" s="5" t="s">
        <v>44</v>
      </c>
      <c r="AD13185" s="2"/>
      <c r="AE13185" s="1"/>
    </row>
    <row r="13186" spans="1:31" ht="14.45">
      <c r="A13186" s="11"/>
      <c r="B13186" s="20"/>
      <c r="C13186" s="2" t="s">
        <v>40486</v>
      </c>
      <c r="D13186" s="14" t="s">
        <v>40487</v>
      </c>
      <c r="E13186" s="2" t="s">
        <v>40488</v>
      </c>
      <c r="F13186" s="2" t="s">
        <v>36289</v>
      </c>
      <c r="G13186" s="8">
        <v>157</v>
      </c>
      <c r="H13186" s="5">
        <v>6</v>
      </c>
      <c r="I13186" s="5" t="s">
        <v>1518</v>
      </c>
      <c r="J13186" s="5" t="s">
        <v>36264</v>
      </c>
      <c r="K13186" s="2" t="s">
        <v>36265</v>
      </c>
      <c r="L13186" s="5" t="s">
        <v>36264</v>
      </c>
      <c r="M13186" s="2" t="s">
        <v>36265</v>
      </c>
      <c r="N13186" s="5" t="s">
        <v>36266</v>
      </c>
      <c r="O13186" s="5" t="s">
        <v>38</v>
      </c>
      <c r="P13186" s="5" t="s">
        <v>39</v>
      </c>
      <c r="Q13186" s="5" t="s">
        <v>40</v>
      </c>
      <c r="R13186" s="5" t="s">
        <v>1522</v>
      </c>
      <c r="S13186" s="5" t="s">
        <v>1523</v>
      </c>
      <c r="T13186" s="5" t="s">
        <v>42</v>
      </c>
      <c r="U13186" s="2">
        <v>1.3069999999999999</v>
      </c>
      <c r="V13186" s="2">
        <v>0.80300000000000005</v>
      </c>
      <c r="W13186" s="2">
        <v>1.2999999999999999E-2</v>
      </c>
      <c r="X13186" s="2">
        <v>99.1</v>
      </c>
      <c r="Y13186" s="2">
        <v>7.6</v>
      </c>
      <c r="Z13186" s="2">
        <v>16.7</v>
      </c>
      <c r="AA13186" s="5"/>
      <c r="AB13186" s="5" t="s">
        <v>43</v>
      </c>
      <c r="AC13186" s="5" t="s">
        <v>44</v>
      </c>
      <c r="AD13186" s="2"/>
      <c r="AE13186" s="1"/>
    </row>
    <row r="13187" spans="1:31" ht="14.45">
      <c r="A13187" s="11"/>
      <c r="B13187" s="20"/>
      <c r="C13187" s="2" t="s">
        <v>40489</v>
      </c>
      <c r="D13187" s="14" t="s">
        <v>40490</v>
      </c>
      <c r="E13187" s="2" t="s">
        <v>40491</v>
      </c>
      <c r="F13187" s="2" t="s">
        <v>36297</v>
      </c>
      <c r="G13187" s="8">
        <v>136</v>
      </c>
      <c r="H13187" s="5">
        <v>6</v>
      </c>
      <c r="I13187" s="5" t="s">
        <v>1518</v>
      </c>
      <c r="J13187" s="5" t="s">
        <v>36264</v>
      </c>
      <c r="K13187" s="2" t="s">
        <v>36265</v>
      </c>
      <c r="L13187" s="5" t="s">
        <v>36264</v>
      </c>
      <c r="M13187" s="2" t="s">
        <v>36265</v>
      </c>
      <c r="N13187" s="5" t="s">
        <v>36266</v>
      </c>
      <c r="O13187" s="5" t="s">
        <v>38</v>
      </c>
      <c r="P13187" s="5" t="s">
        <v>39</v>
      </c>
      <c r="Q13187" s="5" t="s">
        <v>40</v>
      </c>
      <c r="R13187" s="5" t="s">
        <v>1522</v>
      </c>
      <c r="S13187" s="5" t="s">
        <v>1523</v>
      </c>
      <c r="T13187" s="5" t="s">
        <v>42</v>
      </c>
      <c r="U13187" s="2">
        <v>1.3069999999999999</v>
      </c>
      <c r="V13187" s="2">
        <v>0.80300000000000005</v>
      </c>
      <c r="W13187" s="2">
        <v>1.2999999999999999E-2</v>
      </c>
      <c r="X13187" s="2">
        <v>99.1</v>
      </c>
      <c r="Y13187" s="2">
        <v>7.6</v>
      </c>
      <c r="Z13187" s="2">
        <v>16.7</v>
      </c>
      <c r="AA13187" s="5"/>
      <c r="AB13187" s="5" t="s">
        <v>43</v>
      </c>
      <c r="AC13187" s="5" t="s">
        <v>44</v>
      </c>
      <c r="AD13187" s="2"/>
      <c r="AE13187" s="1"/>
    </row>
    <row r="13188" spans="1:31" ht="14.45">
      <c r="A13188" s="11"/>
      <c r="B13188" s="20"/>
      <c r="C13188" s="2" t="s">
        <v>40492</v>
      </c>
      <c r="D13188" s="14" t="s">
        <v>40493</v>
      </c>
      <c r="E13188" s="2" t="s">
        <v>40494</v>
      </c>
      <c r="F13188" s="2" t="s">
        <v>36305</v>
      </c>
      <c r="G13188" s="8">
        <v>136</v>
      </c>
      <c r="H13188" s="5">
        <v>6</v>
      </c>
      <c r="I13188" s="5" t="s">
        <v>1518</v>
      </c>
      <c r="J13188" s="5" t="s">
        <v>36264</v>
      </c>
      <c r="K13188" s="2" t="s">
        <v>36265</v>
      </c>
      <c r="L13188" s="5" t="s">
        <v>36264</v>
      </c>
      <c r="M13188" s="2" t="s">
        <v>36265</v>
      </c>
      <c r="N13188" s="5" t="s">
        <v>36266</v>
      </c>
      <c r="O13188" s="5" t="s">
        <v>38</v>
      </c>
      <c r="P13188" s="5" t="s">
        <v>39</v>
      </c>
      <c r="Q13188" s="5" t="s">
        <v>40</v>
      </c>
      <c r="R13188" s="5" t="s">
        <v>1522</v>
      </c>
      <c r="S13188" s="5" t="s">
        <v>1523</v>
      </c>
      <c r="T13188" s="5" t="s">
        <v>42</v>
      </c>
      <c r="U13188" s="2">
        <v>1.3069999999999999</v>
      </c>
      <c r="V13188" s="2">
        <v>0.80300000000000005</v>
      </c>
      <c r="W13188" s="2">
        <v>1.2999999999999999E-2</v>
      </c>
      <c r="X13188" s="2">
        <v>99.1</v>
      </c>
      <c r="Y13188" s="2">
        <v>7.6</v>
      </c>
      <c r="Z13188" s="2">
        <v>16.7</v>
      </c>
      <c r="AA13188" s="5"/>
      <c r="AB13188" s="5" t="s">
        <v>43</v>
      </c>
      <c r="AC13188" s="5" t="s">
        <v>44</v>
      </c>
      <c r="AD13188" s="2"/>
      <c r="AE13188" s="1"/>
    </row>
    <row r="13189" spans="1:31" ht="14.45">
      <c r="A13189" s="11"/>
      <c r="B13189" s="20"/>
      <c r="C13189" s="2" t="s">
        <v>40495</v>
      </c>
      <c r="D13189" s="14" t="s">
        <v>40496</v>
      </c>
      <c r="E13189" s="2" t="s">
        <v>40497</v>
      </c>
      <c r="F13189" s="2" t="s">
        <v>36313</v>
      </c>
      <c r="G13189" s="8">
        <v>157</v>
      </c>
      <c r="H13189" s="5">
        <v>6</v>
      </c>
      <c r="I13189" s="5" t="s">
        <v>1518</v>
      </c>
      <c r="J13189" s="5" t="s">
        <v>36264</v>
      </c>
      <c r="K13189" s="2" t="s">
        <v>36265</v>
      </c>
      <c r="L13189" s="5" t="s">
        <v>36264</v>
      </c>
      <c r="M13189" s="2" t="s">
        <v>36265</v>
      </c>
      <c r="N13189" s="5" t="s">
        <v>36266</v>
      </c>
      <c r="O13189" s="5" t="s">
        <v>38</v>
      </c>
      <c r="P13189" s="5" t="s">
        <v>39</v>
      </c>
      <c r="Q13189" s="5" t="s">
        <v>40</v>
      </c>
      <c r="R13189" s="5" t="s">
        <v>1522</v>
      </c>
      <c r="S13189" s="5" t="s">
        <v>1523</v>
      </c>
      <c r="T13189" s="5" t="s">
        <v>42</v>
      </c>
      <c r="U13189" s="2">
        <v>1.3069999999999999</v>
      </c>
      <c r="V13189" s="2">
        <v>0.80300000000000005</v>
      </c>
      <c r="W13189" s="2">
        <v>1.2999999999999999E-2</v>
      </c>
      <c r="X13189" s="2">
        <v>99.1</v>
      </c>
      <c r="Y13189" s="2">
        <v>7.6</v>
      </c>
      <c r="Z13189" s="2">
        <v>16.7</v>
      </c>
      <c r="AA13189" s="5"/>
      <c r="AB13189" s="5" t="s">
        <v>43</v>
      </c>
      <c r="AC13189" s="5" t="s">
        <v>44</v>
      </c>
      <c r="AD13189" s="2"/>
      <c r="AE13189" s="1"/>
    </row>
    <row r="13190" spans="1:31" ht="14.45">
      <c r="A13190" s="11"/>
      <c r="B13190" s="20"/>
      <c r="C13190" s="2" t="s">
        <v>40498</v>
      </c>
      <c r="D13190" s="14" t="s">
        <v>40499</v>
      </c>
      <c r="E13190" s="2" t="s">
        <v>40500</v>
      </c>
      <c r="F13190" s="2" t="s">
        <v>36321</v>
      </c>
      <c r="G13190" s="8">
        <v>157</v>
      </c>
      <c r="H13190" s="5">
        <v>6</v>
      </c>
      <c r="I13190" s="5" t="s">
        <v>1518</v>
      </c>
      <c r="J13190" s="5" t="s">
        <v>36264</v>
      </c>
      <c r="K13190" s="2" t="s">
        <v>36265</v>
      </c>
      <c r="L13190" s="5" t="s">
        <v>36264</v>
      </c>
      <c r="M13190" s="2" t="s">
        <v>36265</v>
      </c>
      <c r="N13190" s="5" t="s">
        <v>36266</v>
      </c>
      <c r="O13190" s="5" t="s">
        <v>38</v>
      </c>
      <c r="P13190" s="5" t="s">
        <v>39</v>
      </c>
      <c r="Q13190" s="5" t="s">
        <v>40</v>
      </c>
      <c r="R13190" s="5" t="s">
        <v>1522</v>
      </c>
      <c r="S13190" s="5" t="s">
        <v>1523</v>
      </c>
      <c r="T13190" s="5" t="s">
        <v>42</v>
      </c>
      <c r="U13190" s="2">
        <v>1.3069999999999999</v>
      </c>
      <c r="V13190" s="2">
        <v>0.80300000000000005</v>
      </c>
      <c r="W13190" s="2">
        <v>1.2999999999999999E-2</v>
      </c>
      <c r="X13190" s="2">
        <v>99.1</v>
      </c>
      <c r="Y13190" s="2">
        <v>7.6</v>
      </c>
      <c r="Z13190" s="2">
        <v>16.7</v>
      </c>
      <c r="AA13190" s="5"/>
      <c r="AB13190" s="5" t="s">
        <v>43</v>
      </c>
      <c r="AC13190" s="5" t="s">
        <v>44</v>
      </c>
      <c r="AD13190" s="2"/>
      <c r="AE13190" s="1"/>
    </row>
    <row r="13191" spans="1:31" ht="14.45">
      <c r="A13191" s="11"/>
      <c r="B13191" s="20"/>
      <c r="C13191" s="2" t="s">
        <v>40501</v>
      </c>
      <c r="D13191" s="14" t="s">
        <v>40502</v>
      </c>
      <c r="E13191" s="2" t="s">
        <v>40503</v>
      </c>
      <c r="F13191" s="2" t="s">
        <v>36329</v>
      </c>
      <c r="G13191" s="8">
        <v>157</v>
      </c>
      <c r="H13191" s="5">
        <v>6</v>
      </c>
      <c r="I13191" s="5" t="s">
        <v>1518</v>
      </c>
      <c r="J13191" s="5" t="s">
        <v>36264</v>
      </c>
      <c r="K13191" s="2" t="s">
        <v>36265</v>
      </c>
      <c r="L13191" s="5" t="s">
        <v>36264</v>
      </c>
      <c r="M13191" s="2" t="s">
        <v>36265</v>
      </c>
      <c r="N13191" s="5" t="s">
        <v>36266</v>
      </c>
      <c r="O13191" s="5" t="s">
        <v>38</v>
      </c>
      <c r="P13191" s="5" t="s">
        <v>39</v>
      </c>
      <c r="Q13191" s="5" t="s">
        <v>40</v>
      </c>
      <c r="R13191" s="5" t="s">
        <v>1522</v>
      </c>
      <c r="S13191" s="5" t="s">
        <v>1523</v>
      </c>
      <c r="T13191" s="5" t="s">
        <v>42</v>
      </c>
      <c r="U13191" s="2">
        <v>1.3069999999999999</v>
      </c>
      <c r="V13191" s="2">
        <v>0.80300000000000005</v>
      </c>
      <c r="W13191" s="2">
        <v>1.2999999999999999E-2</v>
      </c>
      <c r="X13191" s="2">
        <v>99.1</v>
      </c>
      <c r="Y13191" s="2">
        <v>7.6</v>
      </c>
      <c r="Z13191" s="2">
        <v>16.7</v>
      </c>
      <c r="AA13191" s="5"/>
      <c r="AB13191" s="5" t="s">
        <v>43</v>
      </c>
      <c r="AC13191" s="5" t="s">
        <v>44</v>
      </c>
      <c r="AD13191" s="2"/>
      <c r="AE13191" s="1"/>
    </row>
    <row r="13192" spans="1:31" ht="14.45">
      <c r="A13192" s="11"/>
      <c r="B13192" s="20"/>
      <c r="C13192" s="2" t="s">
        <v>40504</v>
      </c>
      <c r="D13192" s="14" t="s">
        <v>40505</v>
      </c>
      <c r="E13192" s="2" t="s">
        <v>40506</v>
      </c>
      <c r="F13192" s="2" t="s">
        <v>36337</v>
      </c>
      <c r="G13192" s="8">
        <v>157</v>
      </c>
      <c r="H13192" s="5">
        <v>6</v>
      </c>
      <c r="I13192" s="5" t="s">
        <v>1518</v>
      </c>
      <c r="J13192" s="5" t="s">
        <v>36264</v>
      </c>
      <c r="K13192" s="2" t="s">
        <v>36265</v>
      </c>
      <c r="L13192" s="5" t="s">
        <v>36264</v>
      </c>
      <c r="M13192" s="2" t="s">
        <v>36265</v>
      </c>
      <c r="N13192" s="5" t="s">
        <v>36266</v>
      </c>
      <c r="O13192" s="5" t="s">
        <v>38</v>
      </c>
      <c r="P13192" s="5" t="s">
        <v>39</v>
      </c>
      <c r="Q13192" s="5" t="s">
        <v>40</v>
      </c>
      <c r="R13192" s="5" t="s">
        <v>1522</v>
      </c>
      <c r="S13192" s="5" t="s">
        <v>1523</v>
      </c>
      <c r="T13192" s="5" t="s">
        <v>42</v>
      </c>
      <c r="U13192" s="2">
        <v>1.3069999999999999</v>
      </c>
      <c r="V13192" s="2">
        <v>0.80300000000000005</v>
      </c>
      <c r="W13192" s="2">
        <v>1.2999999999999999E-2</v>
      </c>
      <c r="X13192" s="2">
        <v>99.1</v>
      </c>
      <c r="Y13192" s="2">
        <v>7.6</v>
      </c>
      <c r="Z13192" s="2">
        <v>16.7</v>
      </c>
      <c r="AA13192" s="5"/>
      <c r="AB13192" s="5" t="s">
        <v>43</v>
      </c>
      <c r="AC13192" s="5" t="s">
        <v>44</v>
      </c>
      <c r="AD13192" s="2"/>
      <c r="AE13192" s="1"/>
    </row>
    <row r="13193" spans="1:31" ht="14.45">
      <c r="A13193" s="11"/>
      <c r="B13193" s="20"/>
      <c r="C13193" s="2" t="s">
        <v>40507</v>
      </c>
      <c r="D13193" s="14" t="s">
        <v>40508</v>
      </c>
      <c r="E13193" s="2" t="s">
        <v>40509</v>
      </c>
      <c r="F13193" s="2" t="s">
        <v>36345</v>
      </c>
      <c r="G13193" s="8">
        <v>157</v>
      </c>
      <c r="H13193" s="5">
        <v>6</v>
      </c>
      <c r="I13193" s="5" t="s">
        <v>1518</v>
      </c>
      <c r="J13193" s="5" t="s">
        <v>36264</v>
      </c>
      <c r="K13193" s="2" t="s">
        <v>36265</v>
      </c>
      <c r="L13193" s="5" t="s">
        <v>36264</v>
      </c>
      <c r="M13193" s="2" t="s">
        <v>36265</v>
      </c>
      <c r="N13193" s="5" t="s">
        <v>36266</v>
      </c>
      <c r="O13193" s="5" t="s">
        <v>38</v>
      </c>
      <c r="P13193" s="5" t="s">
        <v>39</v>
      </c>
      <c r="Q13193" s="5" t="s">
        <v>40</v>
      </c>
      <c r="R13193" s="5" t="s">
        <v>1522</v>
      </c>
      <c r="S13193" s="5" t="s">
        <v>1523</v>
      </c>
      <c r="T13193" s="5" t="s">
        <v>42</v>
      </c>
      <c r="U13193" s="2">
        <v>1.3069999999999999</v>
      </c>
      <c r="V13193" s="2">
        <v>0.80300000000000005</v>
      </c>
      <c r="W13193" s="2">
        <v>1.2999999999999999E-2</v>
      </c>
      <c r="X13193" s="2">
        <v>99.1</v>
      </c>
      <c r="Y13193" s="2">
        <v>7.6</v>
      </c>
      <c r="Z13193" s="2">
        <v>16.7</v>
      </c>
      <c r="AA13193" s="5"/>
      <c r="AB13193" s="5" t="s">
        <v>43</v>
      </c>
      <c r="AC13193" s="5" t="s">
        <v>44</v>
      </c>
      <c r="AD13193" s="2"/>
      <c r="AE13193" s="1"/>
    </row>
    <row r="13194" spans="1:31" ht="14.45">
      <c r="A13194" s="11"/>
      <c r="B13194" s="20"/>
      <c r="C13194" s="2" t="s">
        <v>40510</v>
      </c>
      <c r="D13194" s="14" t="s">
        <v>40511</v>
      </c>
      <c r="E13194" s="2" t="s">
        <v>40512</v>
      </c>
      <c r="F13194" s="2" t="s">
        <v>36353</v>
      </c>
      <c r="G13194" s="8">
        <v>157</v>
      </c>
      <c r="H13194" s="5">
        <v>6</v>
      </c>
      <c r="I13194" s="5" t="s">
        <v>1518</v>
      </c>
      <c r="J13194" s="5" t="s">
        <v>36264</v>
      </c>
      <c r="K13194" s="2" t="s">
        <v>36265</v>
      </c>
      <c r="L13194" s="5" t="s">
        <v>36264</v>
      </c>
      <c r="M13194" s="2" t="s">
        <v>36265</v>
      </c>
      <c r="N13194" s="5" t="s">
        <v>36266</v>
      </c>
      <c r="O13194" s="5" t="s">
        <v>38</v>
      </c>
      <c r="P13194" s="5" t="s">
        <v>39</v>
      </c>
      <c r="Q13194" s="5" t="s">
        <v>40</v>
      </c>
      <c r="R13194" s="5" t="s">
        <v>1522</v>
      </c>
      <c r="S13194" s="5" t="s">
        <v>1523</v>
      </c>
      <c r="T13194" s="5" t="s">
        <v>42</v>
      </c>
      <c r="U13194" s="2">
        <v>1.3069999999999999</v>
      </c>
      <c r="V13194" s="2">
        <v>0.80300000000000005</v>
      </c>
      <c r="W13194" s="2">
        <v>1.2999999999999999E-2</v>
      </c>
      <c r="X13194" s="2">
        <v>99.1</v>
      </c>
      <c r="Y13194" s="2">
        <v>7.6</v>
      </c>
      <c r="Z13194" s="2">
        <v>16.7</v>
      </c>
      <c r="AA13194" s="5"/>
      <c r="AB13194" s="5" t="s">
        <v>43</v>
      </c>
      <c r="AC13194" s="5" t="s">
        <v>44</v>
      </c>
      <c r="AD13194" s="2"/>
      <c r="AE13194" s="1"/>
    </row>
    <row r="13195" spans="1:31" ht="14.45">
      <c r="A13195" s="11"/>
      <c r="B13195" s="20"/>
      <c r="C13195" s="2" t="s">
        <v>40513</v>
      </c>
      <c r="D13195" s="14" t="s">
        <v>40514</v>
      </c>
      <c r="E13195" s="2" t="s">
        <v>40515</v>
      </c>
      <c r="F13195" s="2" t="s">
        <v>36361</v>
      </c>
      <c r="G13195" s="8">
        <v>157</v>
      </c>
      <c r="H13195" s="5">
        <v>6</v>
      </c>
      <c r="I13195" s="5" t="s">
        <v>1518</v>
      </c>
      <c r="J13195" s="5" t="s">
        <v>36264</v>
      </c>
      <c r="K13195" s="2" t="s">
        <v>36265</v>
      </c>
      <c r="L13195" s="5" t="s">
        <v>36264</v>
      </c>
      <c r="M13195" s="2" t="s">
        <v>36265</v>
      </c>
      <c r="N13195" s="5" t="s">
        <v>36266</v>
      </c>
      <c r="O13195" s="5" t="s">
        <v>38</v>
      </c>
      <c r="P13195" s="5" t="s">
        <v>39</v>
      </c>
      <c r="Q13195" s="5" t="s">
        <v>40</v>
      </c>
      <c r="R13195" s="5" t="s">
        <v>1522</v>
      </c>
      <c r="S13195" s="5" t="s">
        <v>1523</v>
      </c>
      <c r="T13195" s="5" t="s">
        <v>42</v>
      </c>
      <c r="U13195" s="2">
        <v>1.3069999999999999</v>
      </c>
      <c r="V13195" s="2">
        <v>0.80300000000000005</v>
      </c>
      <c r="W13195" s="2">
        <v>1.2999999999999999E-2</v>
      </c>
      <c r="X13195" s="2">
        <v>99.1</v>
      </c>
      <c r="Y13195" s="2">
        <v>7.6</v>
      </c>
      <c r="Z13195" s="2">
        <v>16.7</v>
      </c>
      <c r="AA13195" s="5"/>
      <c r="AB13195" s="5" t="s">
        <v>43</v>
      </c>
      <c r="AC13195" s="5" t="s">
        <v>44</v>
      </c>
      <c r="AD13195" s="2"/>
      <c r="AE13195" s="1"/>
    </row>
    <row r="13196" spans="1:31" ht="14.45">
      <c r="A13196" s="11"/>
      <c r="B13196" s="20"/>
      <c r="C13196" s="2" t="s">
        <v>40516</v>
      </c>
      <c r="D13196" s="14" t="s">
        <v>40517</v>
      </c>
      <c r="E13196" s="2" t="s">
        <v>40518</v>
      </c>
      <c r="F13196" s="2" t="s">
        <v>36369</v>
      </c>
      <c r="G13196" s="8">
        <v>157</v>
      </c>
      <c r="H13196" s="5">
        <v>6</v>
      </c>
      <c r="I13196" s="5" t="s">
        <v>1518</v>
      </c>
      <c r="J13196" s="5" t="s">
        <v>36264</v>
      </c>
      <c r="K13196" s="2" t="s">
        <v>36265</v>
      </c>
      <c r="L13196" s="5" t="s">
        <v>36264</v>
      </c>
      <c r="M13196" s="2" t="s">
        <v>36265</v>
      </c>
      <c r="N13196" s="5" t="s">
        <v>36266</v>
      </c>
      <c r="O13196" s="5" t="s">
        <v>38</v>
      </c>
      <c r="P13196" s="5" t="s">
        <v>39</v>
      </c>
      <c r="Q13196" s="5" t="s">
        <v>40</v>
      </c>
      <c r="R13196" s="5" t="s">
        <v>1522</v>
      </c>
      <c r="S13196" s="5" t="s">
        <v>1523</v>
      </c>
      <c r="T13196" s="5" t="s">
        <v>42</v>
      </c>
      <c r="U13196" s="2">
        <v>1.3069999999999999</v>
      </c>
      <c r="V13196" s="2">
        <v>0.80300000000000005</v>
      </c>
      <c r="W13196" s="2">
        <v>1.2999999999999999E-2</v>
      </c>
      <c r="X13196" s="2">
        <v>99.1</v>
      </c>
      <c r="Y13196" s="2">
        <v>7.6</v>
      </c>
      <c r="Z13196" s="2">
        <v>16.7</v>
      </c>
      <c r="AA13196" s="5"/>
      <c r="AB13196" s="5" t="s">
        <v>43</v>
      </c>
      <c r="AC13196" s="5" t="s">
        <v>44</v>
      </c>
      <c r="AD13196" s="2"/>
      <c r="AE13196" s="1"/>
    </row>
    <row r="13197" spans="1:31" ht="14.45">
      <c r="A13197" s="11"/>
      <c r="B13197" s="20"/>
      <c r="C13197" s="2" t="s">
        <v>40519</v>
      </c>
      <c r="D13197" s="14" t="s">
        <v>40520</v>
      </c>
      <c r="E13197" s="2" t="s">
        <v>40521</v>
      </c>
      <c r="F13197" s="2" t="s">
        <v>36377</v>
      </c>
      <c r="G13197" s="8">
        <v>157</v>
      </c>
      <c r="H13197" s="5">
        <v>6</v>
      </c>
      <c r="I13197" s="5" t="s">
        <v>1518</v>
      </c>
      <c r="J13197" s="5" t="s">
        <v>36264</v>
      </c>
      <c r="K13197" s="2" t="s">
        <v>36265</v>
      </c>
      <c r="L13197" s="5" t="s">
        <v>36264</v>
      </c>
      <c r="M13197" s="2" t="s">
        <v>36265</v>
      </c>
      <c r="N13197" s="5" t="s">
        <v>36266</v>
      </c>
      <c r="O13197" s="5" t="s">
        <v>38</v>
      </c>
      <c r="P13197" s="5" t="s">
        <v>39</v>
      </c>
      <c r="Q13197" s="5" t="s">
        <v>40</v>
      </c>
      <c r="R13197" s="5" t="s">
        <v>1522</v>
      </c>
      <c r="S13197" s="5" t="s">
        <v>1523</v>
      </c>
      <c r="T13197" s="5" t="s">
        <v>42</v>
      </c>
      <c r="U13197" s="2">
        <v>1.3069999999999999</v>
      </c>
      <c r="V13197" s="2">
        <v>0.80300000000000005</v>
      </c>
      <c r="W13197" s="2">
        <v>1.2999999999999999E-2</v>
      </c>
      <c r="X13197" s="2">
        <v>99.1</v>
      </c>
      <c r="Y13197" s="2">
        <v>7.6</v>
      </c>
      <c r="Z13197" s="2">
        <v>16.7</v>
      </c>
      <c r="AA13197" s="5"/>
      <c r="AB13197" s="5" t="s">
        <v>43</v>
      </c>
      <c r="AC13197" s="5" t="s">
        <v>44</v>
      </c>
      <c r="AD13197" s="2"/>
      <c r="AE13197" s="1"/>
    </row>
    <row r="13198" spans="1:31" ht="14.45">
      <c r="A13198" s="11"/>
      <c r="B13198" s="20"/>
      <c r="C13198" s="2" t="s">
        <v>40522</v>
      </c>
      <c r="D13198" s="14" t="s">
        <v>40523</v>
      </c>
      <c r="E13198" s="2" t="s">
        <v>40524</v>
      </c>
      <c r="F13198" s="2" t="s">
        <v>36385</v>
      </c>
      <c r="G13198" s="8">
        <v>157</v>
      </c>
      <c r="H13198" s="5">
        <v>6</v>
      </c>
      <c r="I13198" s="5" t="s">
        <v>1518</v>
      </c>
      <c r="J13198" s="5" t="s">
        <v>36264</v>
      </c>
      <c r="K13198" s="2" t="s">
        <v>36265</v>
      </c>
      <c r="L13198" s="5" t="s">
        <v>36264</v>
      </c>
      <c r="M13198" s="2" t="s">
        <v>36265</v>
      </c>
      <c r="N13198" s="5" t="s">
        <v>36266</v>
      </c>
      <c r="O13198" s="5" t="s">
        <v>38</v>
      </c>
      <c r="P13198" s="5" t="s">
        <v>39</v>
      </c>
      <c r="Q13198" s="5" t="s">
        <v>40</v>
      </c>
      <c r="R13198" s="5" t="s">
        <v>1522</v>
      </c>
      <c r="S13198" s="5" t="s">
        <v>1523</v>
      </c>
      <c r="T13198" s="5" t="s">
        <v>42</v>
      </c>
      <c r="U13198" s="2">
        <v>1.3069999999999999</v>
      </c>
      <c r="V13198" s="2">
        <v>0.80300000000000005</v>
      </c>
      <c r="W13198" s="2">
        <v>1.2999999999999999E-2</v>
      </c>
      <c r="X13198" s="2">
        <v>99.1</v>
      </c>
      <c r="Y13198" s="2">
        <v>7.6</v>
      </c>
      <c r="Z13198" s="2">
        <v>16.7</v>
      </c>
      <c r="AA13198" s="5"/>
      <c r="AB13198" s="5" t="s">
        <v>43</v>
      </c>
      <c r="AC13198" s="5" t="s">
        <v>44</v>
      </c>
      <c r="AD13198" s="2"/>
      <c r="AE13198" s="1"/>
    </row>
    <row r="13199" spans="1:31" ht="14.45">
      <c r="A13199" s="11"/>
      <c r="B13199" s="20"/>
      <c r="C13199" s="2" t="s">
        <v>40525</v>
      </c>
      <c r="D13199" s="14" t="s">
        <v>40526</v>
      </c>
      <c r="E13199" s="2" t="s">
        <v>40527</v>
      </c>
      <c r="F13199" s="2" t="s">
        <v>7204</v>
      </c>
      <c r="G13199" s="8">
        <v>148</v>
      </c>
      <c r="H13199" s="5">
        <v>6</v>
      </c>
      <c r="I13199" s="5" t="s">
        <v>1518</v>
      </c>
      <c r="J13199" s="5" t="s">
        <v>36264</v>
      </c>
      <c r="K13199" s="2" t="s">
        <v>36265</v>
      </c>
      <c r="L13199" s="5" t="s">
        <v>36264</v>
      </c>
      <c r="M13199" s="2" t="s">
        <v>36265</v>
      </c>
      <c r="N13199" s="5" t="s">
        <v>36266</v>
      </c>
      <c r="O13199" s="5" t="s">
        <v>38</v>
      </c>
      <c r="P13199" s="5" t="s">
        <v>39</v>
      </c>
      <c r="Q13199" s="5" t="s">
        <v>40</v>
      </c>
      <c r="R13199" s="5" t="s">
        <v>1522</v>
      </c>
      <c r="S13199" s="5" t="s">
        <v>1523</v>
      </c>
      <c r="T13199" s="5" t="s">
        <v>42</v>
      </c>
      <c r="U13199" s="2">
        <v>1.403</v>
      </c>
      <c r="V13199" s="2">
        <v>0.9</v>
      </c>
      <c r="W13199" s="2">
        <v>1.4999999999999999E-2</v>
      </c>
      <c r="X13199" s="2">
        <v>118.9</v>
      </c>
      <c r="Y13199" s="2">
        <v>7.6</v>
      </c>
      <c r="Z13199" s="2">
        <v>16.7</v>
      </c>
      <c r="AA13199" s="5"/>
      <c r="AB13199" s="5" t="s">
        <v>43</v>
      </c>
      <c r="AC13199" s="5" t="s">
        <v>44</v>
      </c>
      <c r="AD13199" s="2"/>
      <c r="AE13199" s="1"/>
    </row>
    <row r="13200" spans="1:31" ht="14.45">
      <c r="A13200" s="11"/>
      <c r="B13200" s="20"/>
      <c r="C13200" s="2" t="s">
        <v>40528</v>
      </c>
      <c r="D13200" s="14" t="s">
        <v>40529</v>
      </c>
      <c r="E13200" s="2" t="s">
        <v>40530</v>
      </c>
      <c r="F13200" s="2" t="s">
        <v>36273</v>
      </c>
      <c r="G13200" s="8">
        <v>148</v>
      </c>
      <c r="H13200" s="5">
        <v>6</v>
      </c>
      <c r="I13200" s="5" t="s">
        <v>1518</v>
      </c>
      <c r="J13200" s="5" t="s">
        <v>36264</v>
      </c>
      <c r="K13200" s="2" t="s">
        <v>36265</v>
      </c>
      <c r="L13200" s="5" t="s">
        <v>36264</v>
      </c>
      <c r="M13200" s="2" t="s">
        <v>36265</v>
      </c>
      <c r="N13200" s="5" t="s">
        <v>36266</v>
      </c>
      <c r="O13200" s="5" t="s">
        <v>38</v>
      </c>
      <c r="P13200" s="5" t="s">
        <v>39</v>
      </c>
      <c r="Q13200" s="5" t="s">
        <v>40</v>
      </c>
      <c r="R13200" s="5" t="s">
        <v>1522</v>
      </c>
      <c r="S13200" s="5" t="s">
        <v>1523</v>
      </c>
      <c r="T13200" s="5" t="s">
        <v>42</v>
      </c>
      <c r="U13200" s="2">
        <v>1.403</v>
      </c>
      <c r="V13200" s="2">
        <v>0.9</v>
      </c>
      <c r="W13200" s="2">
        <v>1.4999999999999999E-2</v>
      </c>
      <c r="X13200" s="2">
        <v>118.9</v>
      </c>
      <c r="Y13200" s="2">
        <v>7.6</v>
      </c>
      <c r="Z13200" s="2">
        <v>16.7</v>
      </c>
      <c r="AA13200" s="5"/>
      <c r="AB13200" s="5" t="s">
        <v>43</v>
      </c>
      <c r="AC13200" s="5" t="s">
        <v>44</v>
      </c>
      <c r="AD13200" s="2"/>
      <c r="AE13200" s="1"/>
    </row>
    <row r="13201" spans="1:31" ht="14.45">
      <c r="A13201" s="11"/>
      <c r="B13201" s="20"/>
      <c r="C13201" s="2" t="s">
        <v>40531</v>
      </c>
      <c r="D13201" s="14" t="s">
        <v>40532</v>
      </c>
      <c r="E13201" s="2" t="s">
        <v>40533</v>
      </c>
      <c r="F13201" s="2" t="s">
        <v>36281</v>
      </c>
      <c r="G13201" s="8">
        <v>170</v>
      </c>
      <c r="H13201" s="5">
        <v>6</v>
      </c>
      <c r="I13201" s="5" t="s">
        <v>1518</v>
      </c>
      <c r="J13201" s="5" t="s">
        <v>36264</v>
      </c>
      <c r="K13201" s="2" t="s">
        <v>36265</v>
      </c>
      <c r="L13201" s="5" t="s">
        <v>36264</v>
      </c>
      <c r="M13201" s="2" t="s">
        <v>36265</v>
      </c>
      <c r="N13201" s="5" t="s">
        <v>36266</v>
      </c>
      <c r="O13201" s="5" t="s">
        <v>38</v>
      </c>
      <c r="P13201" s="5" t="s">
        <v>39</v>
      </c>
      <c r="Q13201" s="5" t="s">
        <v>40</v>
      </c>
      <c r="R13201" s="5" t="s">
        <v>1522</v>
      </c>
      <c r="S13201" s="5" t="s">
        <v>1523</v>
      </c>
      <c r="T13201" s="5" t="s">
        <v>42</v>
      </c>
      <c r="U13201" s="2">
        <v>1.403</v>
      </c>
      <c r="V13201" s="2">
        <v>0.9</v>
      </c>
      <c r="W13201" s="2">
        <v>1.4999999999999999E-2</v>
      </c>
      <c r="X13201" s="2">
        <v>118.9</v>
      </c>
      <c r="Y13201" s="2">
        <v>7.6</v>
      </c>
      <c r="Z13201" s="2">
        <v>16.7</v>
      </c>
      <c r="AA13201" s="5"/>
      <c r="AB13201" s="5" t="s">
        <v>43</v>
      </c>
      <c r="AC13201" s="5" t="s">
        <v>44</v>
      </c>
      <c r="AD13201" s="2"/>
      <c r="AE13201" s="1"/>
    </row>
    <row r="13202" spans="1:31" ht="14.45">
      <c r="A13202" s="11"/>
      <c r="B13202" s="20"/>
      <c r="C13202" s="2" t="s">
        <v>40534</v>
      </c>
      <c r="D13202" s="14" t="s">
        <v>40535</v>
      </c>
      <c r="E13202" s="2" t="s">
        <v>40536</v>
      </c>
      <c r="F13202" s="2" t="s">
        <v>36289</v>
      </c>
      <c r="G13202" s="8">
        <v>170</v>
      </c>
      <c r="H13202" s="5">
        <v>6</v>
      </c>
      <c r="I13202" s="5" t="s">
        <v>1518</v>
      </c>
      <c r="J13202" s="5" t="s">
        <v>36264</v>
      </c>
      <c r="K13202" s="2" t="s">
        <v>36265</v>
      </c>
      <c r="L13202" s="5" t="s">
        <v>36264</v>
      </c>
      <c r="M13202" s="2" t="s">
        <v>36265</v>
      </c>
      <c r="N13202" s="5" t="s">
        <v>36266</v>
      </c>
      <c r="O13202" s="5" t="s">
        <v>38</v>
      </c>
      <c r="P13202" s="5" t="s">
        <v>39</v>
      </c>
      <c r="Q13202" s="5" t="s">
        <v>40</v>
      </c>
      <c r="R13202" s="5" t="s">
        <v>1522</v>
      </c>
      <c r="S13202" s="5" t="s">
        <v>1523</v>
      </c>
      <c r="T13202" s="5" t="s">
        <v>42</v>
      </c>
      <c r="U13202" s="2">
        <v>1.403</v>
      </c>
      <c r="V13202" s="2">
        <v>0.9</v>
      </c>
      <c r="W13202" s="2">
        <v>1.4999999999999999E-2</v>
      </c>
      <c r="X13202" s="2">
        <v>118.9</v>
      </c>
      <c r="Y13202" s="2">
        <v>7.6</v>
      </c>
      <c r="Z13202" s="2">
        <v>16.7</v>
      </c>
      <c r="AA13202" s="5"/>
      <c r="AB13202" s="5" t="s">
        <v>43</v>
      </c>
      <c r="AC13202" s="5" t="s">
        <v>44</v>
      </c>
      <c r="AD13202" s="2"/>
      <c r="AE13202" s="1"/>
    </row>
    <row r="13203" spans="1:31" ht="14.45">
      <c r="A13203" s="11"/>
      <c r="B13203" s="20"/>
      <c r="C13203" s="2" t="s">
        <v>40537</v>
      </c>
      <c r="D13203" s="14" t="s">
        <v>40538</v>
      </c>
      <c r="E13203" s="2" t="s">
        <v>40539</v>
      </c>
      <c r="F13203" s="2" t="s">
        <v>36297</v>
      </c>
      <c r="G13203" s="8">
        <v>148</v>
      </c>
      <c r="H13203" s="5">
        <v>6</v>
      </c>
      <c r="I13203" s="5" t="s">
        <v>1518</v>
      </c>
      <c r="J13203" s="5" t="s">
        <v>36264</v>
      </c>
      <c r="K13203" s="2" t="s">
        <v>36265</v>
      </c>
      <c r="L13203" s="5" t="s">
        <v>36264</v>
      </c>
      <c r="M13203" s="2" t="s">
        <v>36265</v>
      </c>
      <c r="N13203" s="5" t="s">
        <v>36266</v>
      </c>
      <c r="O13203" s="5" t="s">
        <v>38</v>
      </c>
      <c r="P13203" s="5" t="s">
        <v>39</v>
      </c>
      <c r="Q13203" s="5" t="s">
        <v>40</v>
      </c>
      <c r="R13203" s="5" t="s">
        <v>1522</v>
      </c>
      <c r="S13203" s="5" t="s">
        <v>1523</v>
      </c>
      <c r="T13203" s="5" t="s">
        <v>42</v>
      </c>
      <c r="U13203" s="2">
        <v>1.403</v>
      </c>
      <c r="V13203" s="2">
        <v>0.9</v>
      </c>
      <c r="W13203" s="2">
        <v>1.4999999999999999E-2</v>
      </c>
      <c r="X13203" s="2">
        <v>118.9</v>
      </c>
      <c r="Y13203" s="2">
        <v>7.6</v>
      </c>
      <c r="Z13203" s="2">
        <v>16.7</v>
      </c>
      <c r="AA13203" s="5"/>
      <c r="AB13203" s="5" t="s">
        <v>43</v>
      </c>
      <c r="AC13203" s="5" t="s">
        <v>44</v>
      </c>
      <c r="AD13203" s="2"/>
      <c r="AE13203" s="1"/>
    </row>
    <row r="13204" spans="1:31" ht="14.45">
      <c r="A13204" s="11"/>
      <c r="B13204" s="20"/>
      <c r="C13204" s="2" t="s">
        <v>40540</v>
      </c>
      <c r="D13204" s="14" t="s">
        <v>40541</v>
      </c>
      <c r="E13204" s="2" t="s">
        <v>40542</v>
      </c>
      <c r="F13204" s="2" t="s">
        <v>36305</v>
      </c>
      <c r="G13204" s="8">
        <v>148</v>
      </c>
      <c r="H13204" s="5">
        <v>6</v>
      </c>
      <c r="I13204" s="5" t="s">
        <v>1518</v>
      </c>
      <c r="J13204" s="5" t="s">
        <v>36264</v>
      </c>
      <c r="K13204" s="2" t="s">
        <v>36265</v>
      </c>
      <c r="L13204" s="5" t="s">
        <v>36264</v>
      </c>
      <c r="M13204" s="2" t="s">
        <v>36265</v>
      </c>
      <c r="N13204" s="5" t="s">
        <v>36266</v>
      </c>
      <c r="O13204" s="5" t="s">
        <v>38</v>
      </c>
      <c r="P13204" s="5" t="s">
        <v>39</v>
      </c>
      <c r="Q13204" s="5" t="s">
        <v>40</v>
      </c>
      <c r="R13204" s="5" t="s">
        <v>1522</v>
      </c>
      <c r="S13204" s="5" t="s">
        <v>1523</v>
      </c>
      <c r="T13204" s="5" t="s">
        <v>42</v>
      </c>
      <c r="U13204" s="2">
        <v>1.403</v>
      </c>
      <c r="V13204" s="2">
        <v>0.9</v>
      </c>
      <c r="W13204" s="2">
        <v>1.4999999999999999E-2</v>
      </c>
      <c r="X13204" s="2">
        <v>118.9</v>
      </c>
      <c r="Y13204" s="2">
        <v>7.6</v>
      </c>
      <c r="Z13204" s="2">
        <v>16.7</v>
      </c>
      <c r="AA13204" s="5"/>
      <c r="AB13204" s="5" t="s">
        <v>43</v>
      </c>
      <c r="AC13204" s="5" t="s">
        <v>44</v>
      </c>
      <c r="AD13204" s="2"/>
      <c r="AE13204" s="1"/>
    </row>
    <row r="13205" spans="1:31" ht="14.45">
      <c r="A13205" s="11"/>
      <c r="B13205" s="20"/>
      <c r="C13205" s="2" t="s">
        <v>40543</v>
      </c>
      <c r="D13205" s="14" t="s">
        <v>40544</v>
      </c>
      <c r="E13205" s="2" t="s">
        <v>40545</v>
      </c>
      <c r="F13205" s="2" t="s">
        <v>36313</v>
      </c>
      <c r="G13205" s="8">
        <v>170</v>
      </c>
      <c r="H13205" s="5">
        <v>6</v>
      </c>
      <c r="I13205" s="5" t="s">
        <v>1518</v>
      </c>
      <c r="J13205" s="5" t="s">
        <v>36264</v>
      </c>
      <c r="K13205" s="2" t="s">
        <v>36265</v>
      </c>
      <c r="L13205" s="5" t="s">
        <v>36264</v>
      </c>
      <c r="M13205" s="2" t="s">
        <v>36265</v>
      </c>
      <c r="N13205" s="5" t="s">
        <v>36266</v>
      </c>
      <c r="O13205" s="5" t="s">
        <v>38</v>
      </c>
      <c r="P13205" s="5" t="s">
        <v>39</v>
      </c>
      <c r="Q13205" s="5" t="s">
        <v>40</v>
      </c>
      <c r="R13205" s="5" t="s">
        <v>1522</v>
      </c>
      <c r="S13205" s="5" t="s">
        <v>1523</v>
      </c>
      <c r="T13205" s="5" t="s">
        <v>42</v>
      </c>
      <c r="U13205" s="2">
        <v>1.403</v>
      </c>
      <c r="V13205" s="2">
        <v>0.9</v>
      </c>
      <c r="W13205" s="2">
        <v>1.4999999999999999E-2</v>
      </c>
      <c r="X13205" s="2">
        <v>118.9</v>
      </c>
      <c r="Y13205" s="2">
        <v>7.6</v>
      </c>
      <c r="Z13205" s="2">
        <v>16.7</v>
      </c>
      <c r="AA13205" s="5"/>
      <c r="AB13205" s="5" t="s">
        <v>43</v>
      </c>
      <c r="AC13205" s="5" t="s">
        <v>44</v>
      </c>
      <c r="AD13205" s="2"/>
      <c r="AE13205" s="1"/>
    </row>
    <row r="13206" spans="1:31" ht="14.45">
      <c r="A13206" s="11"/>
      <c r="B13206" s="20"/>
      <c r="C13206" s="2" t="s">
        <v>40546</v>
      </c>
      <c r="D13206" s="14" t="s">
        <v>40547</v>
      </c>
      <c r="E13206" s="2" t="s">
        <v>40548</v>
      </c>
      <c r="F13206" s="2" t="s">
        <v>36321</v>
      </c>
      <c r="G13206" s="8">
        <v>170</v>
      </c>
      <c r="H13206" s="5">
        <v>6</v>
      </c>
      <c r="I13206" s="5" t="s">
        <v>1518</v>
      </c>
      <c r="J13206" s="5" t="s">
        <v>36264</v>
      </c>
      <c r="K13206" s="2" t="s">
        <v>36265</v>
      </c>
      <c r="L13206" s="5" t="s">
        <v>36264</v>
      </c>
      <c r="M13206" s="2" t="s">
        <v>36265</v>
      </c>
      <c r="N13206" s="5" t="s">
        <v>36266</v>
      </c>
      <c r="O13206" s="5" t="s">
        <v>38</v>
      </c>
      <c r="P13206" s="5" t="s">
        <v>39</v>
      </c>
      <c r="Q13206" s="5" t="s">
        <v>40</v>
      </c>
      <c r="R13206" s="5" t="s">
        <v>1522</v>
      </c>
      <c r="S13206" s="5" t="s">
        <v>1523</v>
      </c>
      <c r="T13206" s="5" t="s">
        <v>42</v>
      </c>
      <c r="U13206" s="2">
        <v>1.403</v>
      </c>
      <c r="V13206" s="2">
        <v>0.9</v>
      </c>
      <c r="W13206" s="2">
        <v>1.4999999999999999E-2</v>
      </c>
      <c r="X13206" s="2">
        <v>118.9</v>
      </c>
      <c r="Y13206" s="2">
        <v>7.6</v>
      </c>
      <c r="Z13206" s="2">
        <v>16.7</v>
      </c>
      <c r="AA13206" s="5"/>
      <c r="AB13206" s="5" t="s">
        <v>43</v>
      </c>
      <c r="AC13206" s="5" t="s">
        <v>44</v>
      </c>
      <c r="AD13206" s="2"/>
      <c r="AE13206" s="1"/>
    </row>
    <row r="13207" spans="1:31" ht="14.45">
      <c r="A13207" s="11"/>
      <c r="B13207" s="20"/>
      <c r="C13207" s="2" t="s">
        <v>40549</v>
      </c>
      <c r="D13207" s="14" t="s">
        <v>40550</v>
      </c>
      <c r="E13207" s="2" t="s">
        <v>40551</v>
      </c>
      <c r="F13207" s="2" t="s">
        <v>36329</v>
      </c>
      <c r="G13207" s="8">
        <v>170</v>
      </c>
      <c r="H13207" s="5">
        <v>6</v>
      </c>
      <c r="I13207" s="5" t="s">
        <v>1518</v>
      </c>
      <c r="J13207" s="5" t="s">
        <v>36264</v>
      </c>
      <c r="K13207" s="2" t="s">
        <v>36265</v>
      </c>
      <c r="L13207" s="5" t="s">
        <v>36264</v>
      </c>
      <c r="M13207" s="2" t="s">
        <v>36265</v>
      </c>
      <c r="N13207" s="5" t="s">
        <v>36266</v>
      </c>
      <c r="O13207" s="5" t="s">
        <v>38</v>
      </c>
      <c r="P13207" s="5" t="s">
        <v>39</v>
      </c>
      <c r="Q13207" s="5" t="s">
        <v>40</v>
      </c>
      <c r="R13207" s="5" t="s">
        <v>1522</v>
      </c>
      <c r="S13207" s="5" t="s">
        <v>1523</v>
      </c>
      <c r="T13207" s="5" t="s">
        <v>42</v>
      </c>
      <c r="U13207" s="2">
        <v>1.403</v>
      </c>
      <c r="V13207" s="2">
        <v>0.9</v>
      </c>
      <c r="W13207" s="2">
        <v>1.4999999999999999E-2</v>
      </c>
      <c r="X13207" s="2">
        <v>118.9</v>
      </c>
      <c r="Y13207" s="2">
        <v>7.6</v>
      </c>
      <c r="Z13207" s="2">
        <v>16.7</v>
      </c>
      <c r="AA13207" s="5"/>
      <c r="AB13207" s="5" t="s">
        <v>43</v>
      </c>
      <c r="AC13207" s="5" t="s">
        <v>44</v>
      </c>
      <c r="AD13207" s="2"/>
      <c r="AE13207" s="1"/>
    </row>
    <row r="13208" spans="1:31" ht="14.45">
      <c r="A13208" s="11"/>
      <c r="B13208" s="20"/>
      <c r="C13208" s="2" t="s">
        <v>40552</v>
      </c>
      <c r="D13208" s="14" t="s">
        <v>40553</v>
      </c>
      <c r="E13208" s="2" t="s">
        <v>40554</v>
      </c>
      <c r="F13208" s="2" t="s">
        <v>36337</v>
      </c>
      <c r="G13208" s="8">
        <v>170</v>
      </c>
      <c r="H13208" s="5">
        <v>6</v>
      </c>
      <c r="I13208" s="5" t="s">
        <v>1518</v>
      </c>
      <c r="J13208" s="5" t="s">
        <v>36264</v>
      </c>
      <c r="K13208" s="2" t="s">
        <v>36265</v>
      </c>
      <c r="L13208" s="5" t="s">
        <v>36264</v>
      </c>
      <c r="M13208" s="2" t="s">
        <v>36265</v>
      </c>
      <c r="N13208" s="5" t="s">
        <v>36266</v>
      </c>
      <c r="O13208" s="5" t="s">
        <v>38</v>
      </c>
      <c r="P13208" s="5" t="s">
        <v>39</v>
      </c>
      <c r="Q13208" s="5" t="s">
        <v>40</v>
      </c>
      <c r="R13208" s="5" t="s">
        <v>1522</v>
      </c>
      <c r="S13208" s="5" t="s">
        <v>1523</v>
      </c>
      <c r="T13208" s="5" t="s">
        <v>42</v>
      </c>
      <c r="U13208" s="2">
        <v>1.403</v>
      </c>
      <c r="V13208" s="2">
        <v>0.9</v>
      </c>
      <c r="W13208" s="2">
        <v>1.4999999999999999E-2</v>
      </c>
      <c r="X13208" s="2">
        <v>118.9</v>
      </c>
      <c r="Y13208" s="2">
        <v>7.6</v>
      </c>
      <c r="Z13208" s="2">
        <v>16.7</v>
      </c>
      <c r="AA13208" s="5"/>
      <c r="AB13208" s="5" t="s">
        <v>43</v>
      </c>
      <c r="AC13208" s="5" t="s">
        <v>44</v>
      </c>
      <c r="AD13208" s="2"/>
      <c r="AE13208" s="1"/>
    </row>
    <row r="13209" spans="1:31" ht="14.45">
      <c r="A13209" s="11"/>
      <c r="B13209" s="20"/>
      <c r="C13209" s="2" t="s">
        <v>40555</v>
      </c>
      <c r="D13209" s="14" t="s">
        <v>40556</v>
      </c>
      <c r="E13209" s="2" t="s">
        <v>40557</v>
      </c>
      <c r="F13209" s="2" t="s">
        <v>36345</v>
      </c>
      <c r="G13209" s="8">
        <v>170</v>
      </c>
      <c r="H13209" s="5">
        <v>6</v>
      </c>
      <c r="I13209" s="5" t="s">
        <v>1518</v>
      </c>
      <c r="J13209" s="5" t="s">
        <v>36264</v>
      </c>
      <c r="K13209" s="2" t="s">
        <v>36265</v>
      </c>
      <c r="L13209" s="5" t="s">
        <v>36264</v>
      </c>
      <c r="M13209" s="2" t="s">
        <v>36265</v>
      </c>
      <c r="N13209" s="5" t="s">
        <v>36266</v>
      </c>
      <c r="O13209" s="5" t="s">
        <v>38</v>
      </c>
      <c r="P13209" s="5" t="s">
        <v>39</v>
      </c>
      <c r="Q13209" s="5" t="s">
        <v>40</v>
      </c>
      <c r="R13209" s="5" t="s">
        <v>1522</v>
      </c>
      <c r="S13209" s="5" t="s">
        <v>1523</v>
      </c>
      <c r="T13209" s="5" t="s">
        <v>42</v>
      </c>
      <c r="U13209" s="2">
        <v>1.403</v>
      </c>
      <c r="V13209" s="2">
        <v>0.9</v>
      </c>
      <c r="W13209" s="2">
        <v>1.4999999999999999E-2</v>
      </c>
      <c r="X13209" s="2">
        <v>118.9</v>
      </c>
      <c r="Y13209" s="2">
        <v>7.6</v>
      </c>
      <c r="Z13209" s="2">
        <v>16.7</v>
      </c>
      <c r="AA13209" s="5"/>
      <c r="AB13209" s="5" t="s">
        <v>43</v>
      </c>
      <c r="AC13209" s="5" t="s">
        <v>44</v>
      </c>
      <c r="AD13209" s="2"/>
      <c r="AE13209" s="1"/>
    </row>
    <row r="13210" spans="1:31" ht="14.45">
      <c r="A13210" s="11"/>
      <c r="B13210" s="20"/>
      <c r="C13210" s="2" t="s">
        <v>40558</v>
      </c>
      <c r="D13210" s="14" t="s">
        <v>40559</v>
      </c>
      <c r="E13210" s="2" t="s">
        <v>40560</v>
      </c>
      <c r="F13210" s="2" t="s">
        <v>36353</v>
      </c>
      <c r="G13210" s="8">
        <v>170</v>
      </c>
      <c r="H13210" s="5">
        <v>6</v>
      </c>
      <c r="I13210" s="5" t="s">
        <v>1518</v>
      </c>
      <c r="J13210" s="5" t="s">
        <v>36264</v>
      </c>
      <c r="K13210" s="2" t="s">
        <v>36265</v>
      </c>
      <c r="L13210" s="5" t="s">
        <v>36264</v>
      </c>
      <c r="M13210" s="2" t="s">
        <v>36265</v>
      </c>
      <c r="N13210" s="5" t="s">
        <v>36266</v>
      </c>
      <c r="O13210" s="5" t="s">
        <v>38</v>
      </c>
      <c r="P13210" s="5" t="s">
        <v>39</v>
      </c>
      <c r="Q13210" s="5" t="s">
        <v>40</v>
      </c>
      <c r="R13210" s="5" t="s">
        <v>1522</v>
      </c>
      <c r="S13210" s="5" t="s">
        <v>1523</v>
      </c>
      <c r="T13210" s="5" t="s">
        <v>42</v>
      </c>
      <c r="U13210" s="2">
        <v>1.403</v>
      </c>
      <c r="V13210" s="2">
        <v>0.9</v>
      </c>
      <c r="W13210" s="2">
        <v>1.4999999999999999E-2</v>
      </c>
      <c r="X13210" s="2">
        <v>118.9</v>
      </c>
      <c r="Y13210" s="2">
        <v>7.6</v>
      </c>
      <c r="Z13210" s="2">
        <v>16.7</v>
      </c>
      <c r="AA13210" s="5"/>
      <c r="AB13210" s="5" t="s">
        <v>43</v>
      </c>
      <c r="AC13210" s="5" t="s">
        <v>44</v>
      </c>
      <c r="AD13210" s="2"/>
      <c r="AE13210" s="1"/>
    </row>
    <row r="13211" spans="1:31" ht="14.45">
      <c r="A13211" s="11"/>
      <c r="B13211" s="20"/>
      <c r="C13211" s="2" t="s">
        <v>40561</v>
      </c>
      <c r="D13211" s="14" t="s">
        <v>40562</v>
      </c>
      <c r="E13211" s="2" t="s">
        <v>40563</v>
      </c>
      <c r="F13211" s="2" t="s">
        <v>36361</v>
      </c>
      <c r="G13211" s="8">
        <v>170</v>
      </c>
      <c r="H13211" s="5">
        <v>6</v>
      </c>
      <c r="I13211" s="5" t="s">
        <v>1518</v>
      </c>
      <c r="J13211" s="5" t="s">
        <v>36264</v>
      </c>
      <c r="K13211" s="2" t="s">
        <v>36265</v>
      </c>
      <c r="L13211" s="5" t="s">
        <v>36264</v>
      </c>
      <c r="M13211" s="2" t="s">
        <v>36265</v>
      </c>
      <c r="N13211" s="5" t="s">
        <v>36266</v>
      </c>
      <c r="O13211" s="5" t="s">
        <v>38</v>
      </c>
      <c r="P13211" s="5" t="s">
        <v>39</v>
      </c>
      <c r="Q13211" s="5" t="s">
        <v>40</v>
      </c>
      <c r="R13211" s="5" t="s">
        <v>1522</v>
      </c>
      <c r="S13211" s="5" t="s">
        <v>1523</v>
      </c>
      <c r="T13211" s="5" t="s">
        <v>42</v>
      </c>
      <c r="U13211" s="2">
        <v>1.403</v>
      </c>
      <c r="V13211" s="2">
        <v>0.9</v>
      </c>
      <c r="W13211" s="2">
        <v>1.4999999999999999E-2</v>
      </c>
      <c r="X13211" s="2">
        <v>118.9</v>
      </c>
      <c r="Y13211" s="2">
        <v>7.6</v>
      </c>
      <c r="Z13211" s="2">
        <v>16.7</v>
      </c>
      <c r="AA13211" s="5"/>
      <c r="AB13211" s="5" t="s">
        <v>43</v>
      </c>
      <c r="AC13211" s="5" t="s">
        <v>44</v>
      </c>
      <c r="AD13211" s="2"/>
      <c r="AE13211" s="1"/>
    </row>
    <row r="13212" spans="1:31" ht="14.45">
      <c r="A13212" s="11"/>
      <c r="B13212" s="20"/>
      <c r="C13212" s="2" t="s">
        <v>40564</v>
      </c>
      <c r="D13212" s="14" t="s">
        <v>40565</v>
      </c>
      <c r="E13212" s="2" t="s">
        <v>40566</v>
      </c>
      <c r="F13212" s="2" t="s">
        <v>36369</v>
      </c>
      <c r="G13212" s="8">
        <v>170</v>
      </c>
      <c r="H13212" s="5">
        <v>6</v>
      </c>
      <c r="I13212" s="5" t="s">
        <v>1518</v>
      </c>
      <c r="J13212" s="5" t="s">
        <v>36264</v>
      </c>
      <c r="K13212" s="2" t="s">
        <v>36265</v>
      </c>
      <c r="L13212" s="5" t="s">
        <v>36264</v>
      </c>
      <c r="M13212" s="2" t="s">
        <v>36265</v>
      </c>
      <c r="N13212" s="5" t="s">
        <v>36266</v>
      </c>
      <c r="O13212" s="5" t="s">
        <v>38</v>
      </c>
      <c r="P13212" s="5" t="s">
        <v>39</v>
      </c>
      <c r="Q13212" s="5" t="s">
        <v>40</v>
      </c>
      <c r="R13212" s="5" t="s">
        <v>1522</v>
      </c>
      <c r="S13212" s="5" t="s">
        <v>1523</v>
      </c>
      <c r="T13212" s="5" t="s">
        <v>42</v>
      </c>
      <c r="U13212" s="2">
        <v>1.403</v>
      </c>
      <c r="V13212" s="2">
        <v>0.9</v>
      </c>
      <c r="W13212" s="2">
        <v>1.4999999999999999E-2</v>
      </c>
      <c r="X13212" s="2">
        <v>118.9</v>
      </c>
      <c r="Y13212" s="2">
        <v>7.6</v>
      </c>
      <c r="Z13212" s="2">
        <v>16.7</v>
      </c>
      <c r="AA13212" s="5"/>
      <c r="AB13212" s="5" t="s">
        <v>43</v>
      </c>
      <c r="AC13212" s="5" t="s">
        <v>44</v>
      </c>
      <c r="AD13212" s="2"/>
      <c r="AE13212" s="1"/>
    </row>
    <row r="13213" spans="1:31" ht="14.45">
      <c r="A13213" s="11"/>
      <c r="B13213" s="20"/>
      <c r="C13213" s="2" t="s">
        <v>40567</v>
      </c>
      <c r="D13213" s="14" t="s">
        <v>40568</v>
      </c>
      <c r="E13213" s="2" t="s">
        <v>40569</v>
      </c>
      <c r="F13213" s="2" t="s">
        <v>36377</v>
      </c>
      <c r="G13213" s="8">
        <v>170</v>
      </c>
      <c r="H13213" s="5">
        <v>6</v>
      </c>
      <c r="I13213" s="5" t="s">
        <v>1518</v>
      </c>
      <c r="J13213" s="5" t="s">
        <v>36264</v>
      </c>
      <c r="K13213" s="2" t="s">
        <v>36265</v>
      </c>
      <c r="L13213" s="5" t="s">
        <v>36264</v>
      </c>
      <c r="M13213" s="2" t="s">
        <v>36265</v>
      </c>
      <c r="N13213" s="5" t="s">
        <v>36266</v>
      </c>
      <c r="O13213" s="5" t="s">
        <v>38</v>
      </c>
      <c r="P13213" s="5" t="s">
        <v>39</v>
      </c>
      <c r="Q13213" s="5" t="s">
        <v>40</v>
      </c>
      <c r="R13213" s="5" t="s">
        <v>1522</v>
      </c>
      <c r="S13213" s="5" t="s">
        <v>1523</v>
      </c>
      <c r="T13213" s="5" t="s">
        <v>42</v>
      </c>
      <c r="U13213" s="2">
        <v>1.403</v>
      </c>
      <c r="V13213" s="2">
        <v>0.9</v>
      </c>
      <c r="W13213" s="2">
        <v>1.4999999999999999E-2</v>
      </c>
      <c r="X13213" s="2">
        <v>118.9</v>
      </c>
      <c r="Y13213" s="2">
        <v>7.6</v>
      </c>
      <c r="Z13213" s="2">
        <v>16.7</v>
      </c>
      <c r="AA13213" s="5"/>
      <c r="AB13213" s="5" t="s">
        <v>43</v>
      </c>
      <c r="AC13213" s="5" t="s">
        <v>44</v>
      </c>
      <c r="AD13213" s="2"/>
      <c r="AE13213" s="1"/>
    </row>
    <row r="13214" spans="1:31" ht="14.45">
      <c r="A13214" s="11"/>
      <c r="B13214" s="20"/>
      <c r="C13214" s="2" t="s">
        <v>40570</v>
      </c>
      <c r="D13214" s="14" t="s">
        <v>40571</v>
      </c>
      <c r="E13214" s="2" t="s">
        <v>40572</v>
      </c>
      <c r="F13214" s="2" t="s">
        <v>36385</v>
      </c>
      <c r="G13214" s="8">
        <v>170</v>
      </c>
      <c r="H13214" s="5">
        <v>6</v>
      </c>
      <c r="I13214" s="5" t="s">
        <v>1518</v>
      </c>
      <c r="J13214" s="5" t="s">
        <v>36264</v>
      </c>
      <c r="K13214" s="2" t="s">
        <v>36265</v>
      </c>
      <c r="L13214" s="5" t="s">
        <v>36264</v>
      </c>
      <c r="M13214" s="2" t="s">
        <v>36265</v>
      </c>
      <c r="N13214" s="5" t="s">
        <v>36266</v>
      </c>
      <c r="O13214" s="5" t="s">
        <v>38</v>
      </c>
      <c r="P13214" s="5" t="s">
        <v>39</v>
      </c>
      <c r="Q13214" s="5" t="s">
        <v>40</v>
      </c>
      <c r="R13214" s="5" t="s">
        <v>1522</v>
      </c>
      <c r="S13214" s="5" t="s">
        <v>1523</v>
      </c>
      <c r="T13214" s="5" t="s">
        <v>42</v>
      </c>
      <c r="U13214" s="2">
        <v>1.403</v>
      </c>
      <c r="V13214" s="2">
        <v>0.9</v>
      </c>
      <c r="W13214" s="2">
        <v>1.4999999999999999E-2</v>
      </c>
      <c r="X13214" s="2">
        <v>118.9</v>
      </c>
      <c r="Y13214" s="2">
        <v>7.6</v>
      </c>
      <c r="Z13214" s="2">
        <v>16.7</v>
      </c>
      <c r="AA13214" s="5"/>
      <c r="AB13214" s="5" t="s">
        <v>43</v>
      </c>
      <c r="AC13214" s="5" t="s">
        <v>44</v>
      </c>
      <c r="AD13214" s="2"/>
      <c r="AE13214" s="1"/>
    </row>
    <row r="13215" spans="1:31" ht="14.45">
      <c r="A13215" s="11"/>
      <c r="B13215" s="20"/>
      <c r="C13215" s="2" t="s">
        <v>40573</v>
      </c>
      <c r="D13215" s="14" t="s">
        <v>40574</v>
      </c>
      <c r="E13215" s="2" t="s">
        <v>40575</v>
      </c>
      <c r="F13215" s="2" t="s">
        <v>7204</v>
      </c>
      <c r="G13215" s="8">
        <v>153</v>
      </c>
      <c r="H13215" s="5">
        <v>6</v>
      </c>
      <c r="I13215" s="5" t="s">
        <v>1518</v>
      </c>
      <c r="J13215" s="5" t="s">
        <v>36264</v>
      </c>
      <c r="K13215" s="2" t="s">
        <v>36265</v>
      </c>
      <c r="L13215" s="5" t="s">
        <v>36264</v>
      </c>
      <c r="M13215" s="2" t="s">
        <v>36265</v>
      </c>
      <c r="N13215" s="5" t="s">
        <v>36266</v>
      </c>
      <c r="O13215" s="5" t="s">
        <v>38</v>
      </c>
      <c r="P13215" s="5" t="s">
        <v>39</v>
      </c>
      <c r="Q13215" s="5" t="s">
        <v>40</v>
      </c>
      <c r="R13215" s="5" t="s">
        <v>1522</v>
      </c>
      <c r="S13215" s="5" t="s">
        <v>1523</v>
      </c>
      <c r="T13215" s="5" t="s">
        <v>42</v>
      </c>
      <c r="U13215" s="2">
        <v>1.575</v>
      </c>
      <c r="V13215" s="2">
        <v>0.995</v>
      </c>
      <c r="W13215" s="2">
        <v>1.7999999999999999E-2</v>
      </c>
      <c r="X13215" s="2">
        <v>139.1</v>
      </c>
      <c r="Y13215" s="2">
        <v>7.6</v>
      </c>
      <c r="Z13215" s="2">
        <v>16.7</v>
      </c>
      <c r="AA13215" s="5"/>
      <c r="AB13215" s="5" t="s">
        <v>43</v>
      </c>
      <c r="AC13215" s="5" t="s">
        <v>44</v>
      </c>
      <c r="AD13215" s="2"/>
      <c r="AE13215" s="1"/>
    </row>
    <row r="13216" spans="1:31" ht="14.45">
      <c r="A13216" s="11"/>
      <c r="B13216" s="20"/>
      <c r="C13216" s="2" t="s">
        <v>40576</v>
      </c>
      <c r="D13216" s="14" t="s">
        <v>40577</v>
      </c>
      <c r="E13216" s="2" t="s">
        <v>40578</v>
      </c>
      <c r="F13216" s="2" t="s">
        <v>36273</v>
      </c>
      <c r="G13216" s="8">
        <v>153</v>
      </c>
      <c r="H13216" s="5">
        <v>6</v>
      </c>
      <c r="I13216" s="5" t="s">
        <v>1518</v>
      </c>
      <c r="J13216" s="5" t="s">
        <v>36264</v>
      </c>
      <c r="K13216" s="2" t="s">
        <v>36265</v>
      </c>
      <c r="L13216" s="5" t="s">
        <v>36264</v>
      </c>
      <c r="M13216" s="2" t="s">
        <v>36265</v>
      </c>
      <c r="N13216" s="5" t="s">
        <v>36266</v>
      </c>
      <c r="O13216" s="5" t="s">
        <v>38</v>
      </c>
      <c r="P13216" s="5" t="s">
        <v>39</v>
      </c>
      <c r="Q13216" s="5" t="s">
        <v>40</v>
      </c>
      <c r="R13216" s="5" t="s">
        <v>1522</v>
      </c>
      <c r="S13216" s="5" t="s">
        <v>1523</v>
      </c>
      <c r="T13216" s="5" t="s">
        <v>42</v>
      </c>
      <c r="U13216" s="2">
        <v>1.575</v>
      </c>
      <c r="V13216" s="2">
        <v>0.995</v>
      </c>
      <c r="W13216" s="2">
        <v>1.7999999999999999E-2</v>
      </c>
      <c r="X13216" s="2">
        <v>139.1</v>
      </c>
      <c r="Y13216" s="2">
        <v>7.6</v>
      </c>
      <c r="Z13216" s="2">
        <v>16.7</v>
      </c>
      <c r="AA13216" s="5"/>
      <c r="AB13216" s="5" t="s">
        <v>43</v>
      </c>
      <c r="AC13216" s="5" t="s">
        <v>44</v>
      </c>
      <c r="AD13216" s="2"/>
      <c r="AE13216" s="1"/>
    </row>
    <row r="13217" spans="1:31" ht="14.45">
      <c r="A13217" s="11"/>
      <c r="B13217" s="20"/>
      <c r="C13217" s="2" t="s">
        <v>40579</v>
      </c>
      <c r="D13217" s="14" t="s">
        <v>40580</v>
      </c>
      <c r="E13217" s="2" t="s">
        <v>40581</v>
      </c>
      <c r="F13217" s="2" t="s">
        <v>36281</v>
      </c>
      <c r="G13217" s="8">
        <v>176</v>
      </c>
      <c r="H13217" s="5">
        <v>6</v>
      </c>
      <c r="I13217" s="5" t="s">
        <v>1518</v>
      </c>
      <c r="J13217" s="5" t="s">
        <v>36264</v>
      </c>
      <c r="K13217" s="2" t="s">
        <v>36265</v>
      </c>
      <c r="L13217" s="5" t="s">
        <v>36264</v>
      </c>
      <c r="M13217" s="2" t="s">
        <v>36265</v>
      </c>
      <c r="N13217" s="5" t="s">
        <v>36266</v>
      </c>
      <c r="O13217" s="5" t="s">
        <v>38</v>
      </c>
      <c r="P13217" s="5" t="s">
        <v>39</v>
      </c>
      <c r="Q13217" s="5" t="s">
        <v>40</v>
      </c>
      <c r="R13217" s="5" t="s">
        <v>1522</v>
      </c>
      <c r="S13217" s="5" t="s">
        <v>1523</v>
      </c>
      <c r="T13217" s="5" t="s">
        <v>42</v>
      </c>
      <c r="U13217" s="2">
        <v>1.575</v>
      </c>
      <c r="V13217" s="2">
        <v>0.995</v>
      </c>
      <c r="W13217" s="2">
        <v>1.7999999999999999E-2</v>
      </c>
      <c r="X13217" s="2">
        <v>139.1</v>
      </c>
      <c r="Y13217" s="2">
        <v>7.6</v>
      </c>
      <c r="Z13217" s="2">
        <v>16.7</v>
      </c>
      <c r="AA13217" s="5"/>
      <c r="AB13217" s="5" t="s">
        <v>43</v>
      </c>
      <c r="AC13217" s="5" t="s">
        <v>44</v>
      </c>
      <c r="AD13217" s="2"/>
      <c r="AE13217" s="1"/>
    </row>
    <row r="13218" spans="1:31" ht="14.45">
      <c r="A13218" s="11"/>
      <c r="B13218" s="20"/>
      <c r="C13218" s="2" t="s">
        <v>40582</v>
      </c>
      <c r="D13218" s="14" t="s">
        <v>40583</v>
      </c>
      <c r="E13218" s="2" t="s">
        <v>40584</v>
      </c>
      <c r="F13218" s="2" t="s">
        <v>36289</v>
      </c>
      <c r="G13218" s="8">
        <v>176</v>
      </c>
      <c r="H13218" s="5">
        <v>6</v>
      </c>
      <c r="I13218" s="5" t="s">
        <v>1518</v>
      </c>
      <c r="J13218" s="5" t="s">
        <v>36264</v>
      </c>
      <c r="K13218" s="2" t="s">
        <v>36265</v>
      </c>
      <c r="L13218" s="5" t="s">
        <v>36264</v>
      </c>
      <c r="M13218" s="2" t="s">
        <v>36265</v>
      </c>
      <c r="N13218" s="5" t="s">
        <v>36266</v>
      </c>
      <c r="O13218" s="5" t="s">
        <v>38</v>
      </c>
      <c r="P13218" s="5" t="s">
        <v>39</v>
      </c>
      <c r="Q13218" s="5" t="s">
        <v>40</v>
      </c>
      <c r="R13218" s="5" t="s">
        <v>1522</v>
      </c>
      <c r="S13218" s="5" t="s">
        <v>1523</v>
      </c>
      <c r="T13218" s="5" t="s">
        <v>42</v>
      </c>
      <c r="U13218" s="2">
        <v>1.575</v>
      </c>
      <c r="V13218" s="2">
        <v>0.995</v>
      </c>
      <c r="W13218" s="2">
        <v>1.7999999999999999E-2</v>
      </c>
      <c r="X13218" s="2">
        <v>139.1</v>
      </c>
      <c r="Y13218" s="2">
        <v>7.6</v>
      </c>
      <c r="Z13218" s="2">
        <v>16.7</v>
      </c>
      <c r="AA13218" s="5"/>
      <c r="AB13218" s="5" t="s">
        <v>43</v>
      </c>
      <c r="AC13218" s="5" t="s">
        <v>44</v>
      </c>
      <c r="AD13218" s="2"/>
      <c r="AE13218" s="1"/>
    </row>
    <row r="13219" spans="1:31" ht="14.45">
      <c r="A13219" s="11"/>
      <c r="B13219" s="20"/>
      <c r="C13219" s="2" t="s">
        <v>40585</v>
      </c>
      <c r="D13219" s="14" t="s">
        <v>40586</v>
      </c>
      <c r="E13219" s="2" t="s">
        <v>40587</v>
      </c>
      <c r="F13219" s="2" t="s">
        <v>36297</v>
      </c>
      <c r="G13219" s="8">
        <v>153</v>
      </c>
      <c r="H13219" s="5">
        <v>6</v>
      </c>
      <c r="I13219" s="5" t="s">
        <v>1518</v>
      </c>
      <c r="J13219" s="5" t="s">
        <v>36264</v>
      </c>
      <c r="K13219" s="2" t="s">
        <v>36265</v>
      </c>
      <c r="L13219" s="5" t="s">
        <v>36264</v>
      </c>
      <c r="M13219" s="2" t="s">
        <v>36265</v>
      </c>
      <c r="N13219" s="5" t="s">
        <v>36266</v>
      </c>
      <c r="O13219" s="5" t="s">
        <v>38</v>
      </c>
      <c r="P13219" s="5" t="s">
        <v>39</v>
      </c>
      <c r="Q13219" s="5" t="s">
        <v>40</v>
      </c>
      <c r="R13219" s="5" t="s">
        <v>1522</v>
      </c>
      <c r="S13219" s="5" t="s">
        <v>1523</v>
      </c>
      <c r="T13219" s="5" t="s">
        <v>42</v>
      </c>
      <c r="U13219" s="2">
        <v>1.575</v>
      </c>
      <c r="V13219" s="2">
        <v>0.995</v>
      </c>
      <c r="W13219" s="2">
        <v>1.7999999999999999E-2</v>
      </c>
      <c r="X13219" s="2">
        <v>139.1</v>
      </c>
      <c r="Y13219" s="2">
        <v>7.6</v>
      </c>
      <c r="Z13219" s="2">
        <v>16.7</v>
      </c>
      <c r="AA13219" s="5"/>
      <c r="AB13219" s="5" t="s">
        <v>43</v>
      </c>
      <c r="AC13219" s="5" t="s">
        <v>44</v>
      </c>
      <c r="AD13219" s="2"/>
      <c r="AE13219" s="1"/>
    </row>
    <row r="13220" spans="1:31" ht="14.45">
      <c r="A13220" s="11"/>
      <c r="B13220" s="20"/>
      <c r="C13220" s="2" t="s">
        <v>40588</v>
      </c>
      <c r="D13220" s="14" t="s">
        <v>40589</v>
      </c>
      <c r="E13220" s="2" t="s">
        <v>40590</v>
      </c>
      <c r="F13220" s="2" t="s">
        <v>36305</v>
      </c>
      <c r="G13220" s="8">
        <v>153</v>
      </c>
      <c r="H13220" s="5">
        <v>6</v>
      </c>
      <c r="I13220" s="5" t="s">
        <v>1518</v>
      </c>
      <c r="J13220" s="5" t="s">
        <v>36264</v>
      </c>
      <c r="K13220" s="2" t="s">
        <v>36265</v>
      </c>
      <c r="L13220" s="5" t="s">
        <v>36264</v>
      </c>
      <c r="M13220" s="2" t="s">
        <v>36265</v>
      </c>
      <c r="N13220" s="5" t="s">
        <v>36266</v>
      </c>
      <c r="O13220" s="5" t="s">
        <v>38</v>
      </c>
      <c r="P13220" s="5" t="s">
        <v>39</v>
      </c>
      <c r="Q13220" s="5" t="s">
        <v>40</v>
      </c>
      <c r="R13220" s="5" t="s">
        <v>1522</v>
      </c>
      <c r="S13220" s="5" t="s">
        <v>1523</v>
      </c>
      <c r="T13220" s="5" t="s">
        <v>42</v>
      </c>
      <c r="U13220" s="2">
        <v>1.575</v>
      </c>
      <c r="V13220" s="2">
        <v>0.995</v>
      </c>
      <c r="W13220" s="2">
        <v>1.7999999999999999E-2</v>
      </c>
      <c r="X13220" s="2">
        <v>139.1</v>
      </c>
      <c r="Y13220" s="2">
        <v>7.6</v>
      </c>
      <c r="Z13220" s="2">
        <v>16.7</v>
      </c>
      <c r="AA13220" s="5"/>
      <c r="AB13220" s="5" t="s">
        <v>43</v>
      </c>
      <c r="AC13220" s="5" t="s">
        <v>44</v>
      </c>
      <c r="AD13220" s="2"/>
      <c r="AE13220" s="1"/>
    </row>
    <row r="13221" spans="1:31" ht="14.45">
      <c r="A13221" s="11"/>
      <c r="B13221" s="20"/>
      <c r="C13221" s="2" t="s">
        <v>40591</v>
      </c>
      <c r="D13221" s="14" t="s">
        <v>40592</v>
      </c>
      <c r="E13221" s="2" t="s">
        <v>40593</v>
      </c>
      <c r="F13221" s="2" t="s">
        <v>36313</v>
      </c>
      <c r="G13221" s="8">
        <v>176</v>
      </c>
      <c r="H13221" s="5">
        <v>6</v>
      </c>
      <c r="I13221" s="5" t="s">
        <v>1518</v>
      </c>
      <c r="J13221" s="5" t="s">
        <v>36264</v>
      </c>
      <c r="K13221" s="2" t="s">
        <v>36265</v>
      </c>
      <c r="L13221" s="5" t="s">
        <v>36264</v>
      </c>
      <c r="M13221" s="2" t="s">
        <v>36265</v>
      </c>
      <c r="N13221" s="5" t="s">
        <v>36266</v>
      </c>
      <c r="O13221" s="5" t="s">
        <v>38</v>
      </c>
      <c r="P13221" s="5" t="s">
        <v>39</v>
      </c>
      <c r="Q13221" s="5" t="s">
        <v>40</v>
      </c>
      <c r="R13221" s="5" t="s">
        <v>1522</v>
      </c>
      <c r="S13221" s="5" t="s">
        <v>1523</v>
      </c>
      <c r="T13221" s="5" t="s">
        <v>42</v>
      </c>
      <c r="U13221" s="2">
        <v>1.575</v>
      </c>
      <c r="V13221" s="2">
        <v>0.995</v>
      </c>
      <c r="W13221" s="2">
        <v>1.7999999999999999E-2</v>
      </c>
      <c r="X13221" s="2">
        <v>139.1</v>
      </c>
      <c r="Y13221" s="2">
        <v>7.6</v>
      </c>
      <c r="Z13221" s="2">
        <v>16.7</v>
      </c>
      <c r="AA13221" s="5"/>
      <c r="AB13221" s="5" t="s">
        <v>43</v>
      </c>
      <c r="AC13221" s="5" t="s">
        <v>44</v>
      </c>
      <c r="AD13221" s="2"/>
      <c r="AE13221" s="1"/>
    </row>
    <row r="13222" spans="1:31" ht="14.45">
      <c r="A13222" s="11"/>
      <c r="B13222" s="20"/>
      <c r="C13222" s="2" t="s">
        <v>40594</v>
      </c>
      <c r="D13222" s="14" t="s">
        <v>40595</v>
      </c>
      <c r="E13222" s="2" t="s">
        <v>40596</v>
      </c>
      <c r="F13222" s="2" t="s">
        <v>36321</v>
      </c>
      <c r="G13222" s="8">
        <v>176</v>
      </c>
      <c r="H13222" s="5">
        <v>6</v>
      </c>
      <c r="I13222" s="5" t="s">
        <v>1518</v>
      </c>
      <c r="J13222" s="5" t="s">
        <v>36264</v>
      </c>
      <c r="K13222" s="2" t="s">
        <v>36265</v>
      </c>
      <c r="L13222" s="5" t="s">
        <v>36264</v>
      </c>
      <c r="M13222" s="2" t="s">
        <v>36265</v>
      </c>
      <c r="N13222" s="5" t="s">
        <v>36266</v>
      </c>
      <c r="O13222" s="5" t="s">
        <v>38</v>
      </c>
      <c r="P13222" s="5" t="s">
        <v>39</v>
      </c>
      <c r="Q13222" s="5" t="s">
        <v>40</v>
      </c>
      <c r="R13222" s="5" t="s">
        <v>1522</v>
      </c>
      <c r="S13222" s="5" t="s">
        <v>1523</v>
      </c>
      <c r="T13222" s="5" t="s">
        <v>42</v>
      </c>
      <c r="U13222" s="2">
        <v>1.575</v>
      </c>
      <c r="V13222" s="2">
        <v>0.995</v>
      </c>
      <c r="W13222" s="2">
        <v>1.7999999999999999E-2</v>
      </c>
      <c r="X13222" s="2">
        <v>139.1</v>
      </c>
      <c r="Y13222" s="2">
        <v>7.6</v>
      </c>
      <c r="Z13222" s="2">
        <v>16.7</v>
      </c>
      <c r="AA13222" s="5"/>
      <c r="AB13222" s="5" t="s">
        <v>43</v>
      </c>
      <c r="AC13222" s="5" t="s">
        <v>44</v>
      </c>
      <c r="AD13222" s="2"/>
      <c r="AE13222" s="1"/>
    </row>
    <row r="13223" spans="1:31" ht="14.45">
      <c r="A13223" s="11"/>
      <c r="B13223" s="20"/>
      <c r="C13223" s="2" t="s">
        <v>40597</v>
      </c>
      <c r="D13223" s="14" t="s">
        <v>40598</v>
      </c>
      <c r="E13223" s="2" t="s">
        <v>40599</v>
      </c>
      <c r="F13223" s="2" t="s">
        <v>36329</v>
      </c>
      <c r="G13223" s="8">
        <v>176</v>
      </c>
      <c r="H13223" s="5">
        <v>6</v>
      </c>
      <c r="I13223" s="5" t="s">
        <v>1518</v>
      </c>
      <c r="J13223" s="5" t="s">
        <v>36264</v>
      </c>
      <c r="K13223" s="2" t="s">
        <v>36265</v>
      </c>
      <c r="L13223" s="5" t="s">
        <v>36264</v>
      </c>
      <c r="M13223" s="2" t="s">
        <v>36265</v>
      </c>
      <c r="N13223" s="5" t="s">
        <v>36266</v>
      </c>
      <c r="O13223" s="5" t="s">
        <v>38</v>
      </c>
      <c r="P13223" s="5" t="s">
        <v>39</v>
      </c>
      <c r="Q13223" s="5" t="s">
        <v>40</v>
      </c>
      <c r="R13223" s="5" t="s">
        <v>1522</v>
      </c>
      <c r="S13223" s="5" t="s">
        <v>1523</v>
      </c>
      <c r="T13223" s="5" t="s">
        <v>42</v>
      </c>
      <c r="U13223" s="2">
        <v>1.575</v>
      </c>
      <c r="V13223" s="2">
        <v>0.995</v>
      </c>
      <c r="W13223" s="2">
        <v>1.7999999999999999E-2</v>
      </c>
      <c r="X13223" s="2">
        <v>139.1</v>
      </c>
      <c r="Y13223" s="2">
        <v>7.6</v>
      </c>
      <c r="Z13223" s="2">
        <v>16.7</v>
      </c>
      <c r="AA13223" s="5"/>
      <c r="AB13223" s="5" t="s">
        <v>43</v>
      </c>
      <c r="AC13223" s="5" t="s">
        <v>44</v>
      </c>
      <c r="AD13223" s="2"/>
      <c r="AE13223" s="1"/>
    </row>
    <row r="13224" spans="1:31" ht="14.45">
      <c r="A13224" s="11"/>
      <c r="B13224" s="20"/>
      <c r="C13224" s="2" t="s">
        <v>40600</v>
      </c>
      <c r="D13224" s="14" t="s">
        <v>40601</v>
      </c>
      <c r="E13224" s="2" t="s">
        <v>40602</v>
      </c>
      <c r="F13224" s="2" t="s">
        <v>36337</v>
      </c>
      <c r="G13224" s="8">
        <v>176</v>
      </c>
      <c r="H13224" s="5">
        <v>6</v>
      </c>
      <c r="I13224" s="5" t="s">
        <v>1518</v>
      </c>
      <c r="J13224" s="5" t="s">
        <v>36264</v>
      </c>
      <c r="K13224" s="2" t="s">
        <v>36265</v>
      </c>
      <c r="L13224" s="5" t="s">
        <v>36264</v>
      </c>
      <c r="M13224" s="2" t="s">
        <v>36265</v>
      </c>
      <c r="N13224" s="5" t="s">
        <v>36266</v>
      </c>
      <c r="O13224" s="5" t="s">
        <v>38</v>
      </c>
      <c r="P13224" s="5" t="s">
        <v>39</v>
      </c>
      <c r="Q13224" s="5" t="s">
        <v>40</v>
      </c>
      <c r="R13224" s="5" t="s">
        <v>1522</v>
      </c>
      <c r="S13224" s="5" t="s">
        <v>1523</v>
      </c>
      <c r="T13224" s="5" t="s">
        <v>42</v>
      </c>
      <c r="U13224" s="2">
        <v>1.575</v>
      </c>
      <c r="V13224" s="2">
        <v>0.995</v>
      </c>
      <c r="W13224" s="2">
        <v>1.7999999999999999E-2</v>
      </c>
      <c r="X13224" s="2">
        <v>139.1</v>
      </c>
      <c r="Y13224" s="2">
        <v>7.6</v>
      </c>
      <c r="Z13224" s="2">
        <v>16.7</v>
      </c>
      <c r="AA13224" s="5"/>
      <c r="AB13224" s="5" t="s">
        <v>43</v>
      </c>
      <c r="AC13224" s="5" t="s">
        <v>44</v>
      </c>
      <c r="AD13224" s="2"/>
      <c r="AE13224" s="1"/>
    </row>
    <row r="13225" spans="1:31" ht="14.45">
      <c r="A13225" s="11"/>
      <c r="B13225" s="20"/>
      <c r="C13225" s="2" t="s">
        <v>40603</v>
      </c>
      <c r="D13225" s="14" t="s">
        <v>40604</v>
      </c>
      <c r="E13225" s="2" t="s">
        <v>40605</v>
      </c>
      <c r="F13225" s="2" t="s">
        <v>36345</v>
      </c>
      <c r="G13225" s="8">
        <v>176</v>
      </c>
      <c r="H13225" s="5">
        <v>6</v>
      </c>
      <c r="I13225" s="5" t="s">
        <v>1518</v>
      </c>
      <c r="J13225" s="5" t="s">
        <v>36264</v>
      </c>
      <c r="K13225" s="2" t="s">
        <v>36265</v>
      </c>
      <c r="L13225" s="5" t="s">
        <v>36264</v>
      </c>
      <c r="M13225" s="2" t="s">
        <v>36265</v>
      </c>
      <c r="N13225" s="5" t="s">
        <v>36266</v>
      </c>
      <c r="O13225" s="5" t="s">
        <v>38</v>
      </c>
      <c r="P13225" s="5" t="s">
        <v>39</v>
      </c>
      <c r="Q13225" s="5" t="s">
        <v>40</v>
      </c>
      <c r="R13225" s="5" t="s">
        <v>1522</v>
      </c>
      <c r="S13225" s="5" t="s">
        <v>1523</v>
      </c>
      <c r="T13225" s="5" t="s">
        <v>42</v>
      </c>
      <c r="U13225" s="2">
        <v>1.575</v>
      </c>
      <c r="V13225" s="2">
        <v>0.995</v>
      </c>
      <c r="W13225" s="2">
        <v>1.7999999999999999E-2</v>
      </c>
      <c r="X13225" s="2">
        <v>139.1</v>
      </c>
      <c r="Y13225" s="2">
        <v>7.6</v>
      </c>
      <c r="Z13225" s="2">
        <v>16.7</v>
      </c>
      <c r="AA13225" s="5"/>
      <c r="AB13225" s="5" t="s">
        <v>43</v>
      </c>
      <c r="AC13225" s="5" t="s">
        <v>44</v>
      </c>
      <c r="AD13225" s="2"/>
      <c r="AE13225" s="1"/>
    </row>
    <row r="13226" spans="1:31" ht="14.45">
      <c r="A13226" s="11"/>
      <c r="B13226" s="20"/>
      <c r="C13226" s="2" t="s">
        <v>40606</v>
      </c>
      <c r="D13226" s="14" t="s">
        <v>40607</v>
      </c>
      <c r="E13226" s="2" t="s">
        <v>40608</v>
      </c>
      <c r="F13226" s="2" t="s">
        <v>36353</v>
      </c>
      <c r="G13226" s="8">
        <v>176</v>
      </c>
      <c r="H13226" s="5">
        <v>6</v>
      </c>
      <c r="I13226" s="5" t="s">
        <v>1518</v>
      </c>
      <c r="J13226" s="5" t="s">
        <v>36264</v>
      </c>
      <c r="K13226" s="2" t="s">
        <v>36265</v>
      </c>
      <c r="L13226" s="5" t="s">
        <v>36264</v>
      </c>
      <c r="M13226" s="2" t="s">
        <v>36265</v>
      </c>
      <c r="N13226" s="5" t="s">
        <v>36266</v>
      </c>
      <c r="O13226" s="5" t="s">
        <v>38</v>
      </c>
      <c r="P13226" s="5" t="s">
        <v>39</v>
      </c>
      <c r="Q13226" s="5" t="s">
        <v>40</v>
      </c>
      <c r="R13226" s="5" t="s">
        <v>1522</v>
      </c>
      <c r="S13226" s="5" t="s">
        <v>1523</v>
      </c>
      <c r="T13226" s="5" t="s">
        <v>42</v>
      </c>
      <c r="U13226" s="2">
        <v>1.575</v>
      </c>
      <c r="V13226" s="2">
        <v>0.995</v>
      </c>
      <c r="W13226" s="2">
        <v>1.7999999999999999E-2</v>
      </c>
      <c r="X13226" s="2">
        <v>139.1</v>
      </c>
      <c r="Y13226" s="2">
        <v>7.6</v>
      </c>
      <c r="Z13226" s="2">
        <v>16.7</v>
      </c>
      <c r="AA13226" s="5"/>
      <c r="AB13226" s="5" t="s">
        <v>43</v>
      </c>
      <c r="AC13226" s="5" t="s">
        <v>44</v>
      </c>
      <c r="AD13226" s="2"/>
      <c r="AE13226" s="1"/>
    </row>
    <row r="13227" spans="1:31" ht="14.45">
      <c r="A13227" s="11"/>
      <c r="B13227" s="20"/>
      <c r="C13227" s="2" t="s">
        <v>40609</v>
      </c>
      <c r="D13227" s="14" t="s">
        <v>40610</v>
      </c>
      <c r="E13227" s="2" t="s">
        <v>40611</v>
      </c>
      <c r="F13227" s="2" t="s">
        <v>36361</v>
      </c>
      <c r="G13227" s="8">
        <v>176</v>
      </c>
      <c r="H13227" s="5">
        <v>6</v>
      </c>
      <c r="I13227" s="5" t="s">
        <v>1518</v>
      </c>
      <c r="J13227" s="5" t="s">
        <v>36264</v>
      </c>
      <c r="K13227" s="2" t="s">
        <v>36265</v>
      </c>
      <c r="L13227" s="5" t="s">
        <v>36264</v>
      </c>
      <c r="M13227" s="2" t="s">
        <v>36265</v>
      </c>
      <c r="N13227" s="5" t="s">
        <v>36266</v>
      </c>
      <c r="O13227" s="5" t="s">
        <v>38</v>
      </c>
      <c r="P13227" s="5" t="s">
        <v>39</v>
      </c>
      <c r="Q13227" s="5" t="s">
        <v>40</v>
      </c>
      <c r="R13227" s="5" t="s">
        <v>1522</v>
      </c>
      <c r="S13227" s="5" t="s">
        <v>1523</v>
      </c>
      <c r="T13227" s="5" t="s">
        <v>42</v>
      </c>
      <c r="U13227" s="2">
        <v>1.575</v>
      </c>
      <c r="V13227" s="2">
        <v>0.995</v>
      </c>
      <c r="W13227" s="2">
        <v>1.7999999999999999E-2</v>
      </c>
      <c r="X13227" s="2">
        <v>139.1</v>
      </c>
      <c r="Y13227" s="2">
        <v>7.6</v>
      </c>
      <c r="Z13227" s="2">
        <v>16.7</v>
      </c>
      <c r="AA13227" s="5"/>
      <c r="AB13227" s="5" t="s">
        <v>43</v>
      </c>
      <c r="AC13227" s="5" t="s">
        <v>44</v>
      </c>
      <c r="AD13227" s="2"/>
      <c r="AE13227" s="1"/>
    </row>
    <row r="13228" spans="1:31" ht="14.45">
      <c r="A13228" s="11"/>
      <c r="B13228" s="20"/>
      <c r="C13228" s="2" t="s">
        <v>40612</v>
      </c>
      <c r="D13228" s="14" t="s">
        <v>40613</v>
      </c>
      <c r="E13228" s="2" t="s">
        <v>40614</v>
      </c>
      <c r="F13228" s="2" t="s">
        <v>36369</v>
      </c>
      <c r="G13228" s="8">
        <v>176</v>
      </c>
      <c r="H13228" s="5">
        <v>6</v>
      </c>
      <c r="I13228" s="5" t="s">
        <v>1518</v>
      </c>
      <c r="J13228" s="5" t="s">
        <v>36264</v>
      </c>
      <c r="K13228" s="2" t="s">
        <v>36265</v>
      </c>
      <c r="L13228" s="5" t="s">
        <v>36264</v>
      </c>
      <c r="M13228" s="2" t="s">
        <v>36265</v>
      </c>
      <c r="N13228" s="5" t="s">
        <v>36266</v>
      </c>
      <c r="O13228" s="5" t="s">
        <v>38</v>
      </c>
      <c r="P13228" s="5" t="s">
        <v>39</v>
      </c>
      <c r="Q13228" s="5" t="s">
        <v>40</v>
      </c>
      <c r="R13228" s="5" t="s">
        <v>1522</v>
      </c>
      <c r="S13228" s="5" t="s">
        <v>1523</v>
      </c>
      <c r="T13228" s="5" t="s">
        <v>42</v>
      </c>
      <c r="U13228" s="2">
        <v>1.575</v>
      </c>
      <c r="V13228" s="2">
        <v>0.995</v>
      </c>
      <c r="W13228" s="2">
        <v>1.7999999999999999E-2</v>
      </c>
      <c r="X13228" s="2">
        <v>139.1</v>
      </c>
      <c r="Y13228" s="2">
        <v>7.6</v>
      </c>
      <c r="Z13228" s="2">
        <v>16.7</v>
      </c>
      <c r="AA13228" s="5"/>
      <c r="AB13228" s="5" t="s">
        <v>43</v>
      </c>
      <c r="AC13228" s="5" t="s">
        <v>44</v>
      </c>
      <c r="AD13228" s="2"/>
      <c r="AE13228" s="1"/>
    </row>
    <row r="13229" spans="1:31" ht="14.45">
      <c r="A13229" s="11"/>
      <c r="B13229" s="20"/>
      <c r="C13229" s="2" t="s">
        <v>40615</v>
      </c>
      <c r="D13229" s="14" t="s">
        <v>40616</v>
      </c>
      <c r="E13229" s="2" t="s">
        <v>40617</v>
      </c>
      <c r="F13229" s="2" t="s">
        <v>36377</v>
      </c>
      <c r="G13229" s="8">
        <v>176</v>
      </c>
      <c r="H13229" s="5">
        <v>6</v>
      </c>
      <c r="I13229" s="5" t="s">
        <v>1518</v>
      </c>
      <c r="J13229" s="5" t="s">
        <v>36264</v>
      </c>
      <c r="K13229" s="2" t="s">
        <v>36265</v>
      </c>
      <c r="L13229" s="5" t="s">
        <v>36264</v>
      </c>
      <c r="M13229" s="2" t="s">
        <v>36265</v>
      </c>
      <c r="N13229" s="5" t="s">
        <v>36266</v>
      </c>
      <c r="O13229" s="5" t="s">
        <v>38</v>
      </c>
      <c r="P13229" s="5" t="s">
        <v>39</v>
      </c>
      <c r="Q13229" s="5" t="s">
        <v>40</v>
      </c>
      <c r="R13229" s="5" t="s">
        <v>1522</v>
      </c>
      <c r="S13229" s="5" t="s">
        <v>1523</v>
      </c>
      <c r="T13229" s="5" t="s">
        <v>42</v>
      </c>
      <c r="U13229" s="2">
        <v>1.575</v>
      </c>
      <c r="V13229" s="2">
        <v>0.995</v>
      </c>
      <c r="W13229" s="2">
        <v>1.7999999999999999E-2</v>
      </c>
      <c r="X13229" s="2">
        <v>139.1</v>
      </c>
      <c r="Y13229" s="2">
        <v>7.6</v>
      </c>
      <c r="Z13229" s="2">
        <v>16.7</v>
      </c>
      <c r="AA13229" s="5"/>
      <c r="AB13229" s="5" t="s">
        <v>43</v>
      </c>
      <c r="AC13229" s="5" t="s">
        <v>44</v>
      </c>
      <c r="AD13229" s="2"/>
      <c r="AE13229" s="1"/>
    </row>
    <row r="13230" spans="1:31" ht="14.45">
      <c r="A13230" s="11"/>
      <c r="B13230" s="20"/>
      <c r="C13230" s="2" t="s">
        <v>40618</v>
      </c>
      <c r="D13230" s="14" t="s">
        <v>40619</v>
      </c>
      <c r="E13230" s="2" t="s">
        <v>40620</v>
      </c>
      <c r="F13230" s="2" t="s">
        <v>36385</v>
      </c>
      <c r="G13230" s="8">
        <v>176</v>
      </c>
      <c r="H13230" s="5">
        <v>6</v>
      </c>
      <c r="I13230" s="5" t="s">
        <v>1518</v>
      </c>
      <c r="J13230" s="5" t="s">
        <v>36264</v>
      </c>
      <c r="K13230" s="2" t="s">
        <v>36265</v>
      </c>
      <c r="L13230" s="5" t="s">
        <v>36264</v>
      </c>
      <c r="M13230" s="2" t="s">
        <v>36265</v>
      </c>
      <c r="N13230" s="5" t="s">
        <v>36266</v>
      </c>
      <c r="O13230" s="5" t="s">
        <v>38</v>
      </c>
      <c r="P13230" s="5" t="s">
        <v>39</v>
      </c>
      <c r="Q13230" s="5" t="s">
        <v>40</v>
      </c>
      <c r="R13230" s="5" t="s">
        <v>1522</v>
      </c>
      <c r="S13230" s="5" t="s">
        <v>1523</v>
      </c>
      <c r="T13230" s="5" t="s">
        <v>42</v>
      </c>
      <c r="U13230" s="2">
        <v>1.575</v>
      </c>
      <c r="V13230" s="2">
        <v>0.995</v>
      </c>
      <c r="W13230" s="2">
        <v>1.7999999999999999E-2</v>
      </c>
      <c r="X13230" s="2">
        <v>139.1</v>
      </c>
      <c r="Y13230" s="2">
        <v>7.6</v>
      </c>
      <c r="Z13230" s="2">
        <v>16.7</v>
      </c>
      <c r="AA13230" s="5"/>
      <c r="AB13230" s="5" t="s">
        <v>43</v>
      </c>
      <c r="AC13230" s="5" t="s">
        <v>44</v>
      </c>
      <c r="AD13230" s="2"/>
      <c r="AE13230" s="1"/>
    </row>
    <row r="13231" spans="1:31" ht="14.45">
      <c r="A13231" s="11"/>
      <c r="B13231" s="20"/>
      <c r="C13231" s="2" t="s">
        <v>40621</v>
      </c>
      <c r="D13231" s="14" t="s">
        <v>40622</v>
      </c>
      <c r="E13231" s="2" t="s">
        <v>40623</v>
      </c>
      <c r="F13231" s="2" t="s">
        <v>7204</v>
      </c>
      <c r="G13231" s="8">
        <v>159</v>
      </c>
      <c r="H13231" s="5">
        <v>6</v>
      </c>
      <c r="I13231" s="5" t="s">
        <v>1518</v>
      </c>
      <c r="J13231" s="5" t="s">
        <v>36264</v>
      </c>
      <c r="K13231" s="2" t="s">
        <v>36265</v>
      </c>
      <c r="L13231" s="5" t="s">
        <v>36264</v>
      </c>
      <c r="M13231" s="2" t="s">
        <v>36265</v>
      </c>
      <c r="N13231" s="5" t="s">
        <v>36266</v>
      </c>
      <c r="O13231" s="5" t="s">
        <v>38</v>
      </c>
      <c r="P13231" s="5" t="s">
        <v>39</v>
      </c>
      <c r="Q13231" s="5" t="s">
        <v>40</v>
      </c>
      <c r="R13231" s="5" t="s">
        <v>1522</v>
      </c>
      <c r="S13231" s="5" t="s">
        <v>1523</v>
      </c>
      <c r="T13231" s="5" t="s">
        <v>42</v>
      </c>
      <c r="U13231" s="2">
        <v>1.5309999999999999</v>
      </c>
      <c r="V13231" s="2">
        <v>1.0489999999999999</v>
      </c>
      <c r="W13231" s="2">
        <v>1.4999999999999999E-2</v>
      </c>
      <c r="X13231" s="2">
        <v>118.9</v>
      </c>
      <c r="Y13231" s="2">
        <v>7.6</v>
      </c>
      <c r="Z13231" s="2">
        <v>16.7</v>
      </c>
      <c r="AA13231" s="5"/>
      <c r="AB13231" s="5" t="s">
        <v>43</v>
      </c>
      <c r="AC13231" s="5" t="s">
        <v>44</v>
      </c>
      <c r="AD13231" s="2"/>
      <c r="AE13231" s="1"/>
    </row>
    <row r="13232" spans="1:31" ht="14.45">
      <c r="A13232" s="11"/>
      <c r="B13232" s="20"/>
      <c r="C13232" s="2" t="s">
        <v>40624</v>
      </c>
      <c r="D13232" s="14" t="s">
        <v>40625</v>
      </c>
      <c r="E13232" s="2" t="s">
        <v>40626</v>
      </c>
      <c r="F13232" s="2" t="s">
        <v>36273</v>
      </c>
      <c r="G13232" s="8">
        <v>159</v>
      </c>
      <c r="H13232" s="5">
        <v>6</v>
      </c>
      <c r="I13232" s="5" t="s">
        <v>1518</v>
      </c>
      <c r="J13232" s="5" t="s">
        <v>36264</v>
      </c>
      <c r="K13232" s="2" t="s">
        <v>36265</v>
      </c>
      <c r="L13232" s="5" t="s">
        <v>36264</v>
      </c>
      <c r="M13232" s="2" t="s">
        <v>36265</v>
      </c>
      <c r="N13232" s="5" t="s">
        <v>36266</v>
      </c>
      <c r="O13232" s="5" t="s">
        <v>38</v>
      </c>
      <c r="P13232" s="5" t="s">
        <v>39</v>
      </c>
      <c r="Q13232" s="5" t="s">
        <v>40</v>
      </c>
      <c r="R13232" s="5" t="s">
        <v>1522</v>
      </c>
      <c r="S13232" s="5" t="s">
        <v>1523</v>
      </c>
      <c r="T13232" s="5" t="s">
        <v>42</v>
      </c>
      <c r="U13232" s="2">
        <v>1.5309999999999999</v>
      </c>
      <c r="V13232" s="2">
        <v>1.0489999999999999</v>
      </c>
      <c r="W13232" s="2">
        <v>1.4999999999999999E-2</v>
      </c>
      <c r="X13232" s="2">
        <v>118.9</v>
      </c>
      <c r="Y13232" s="2">
        <v>7.6</v>
      </c>
      <c r="Z13232" s="2">
        <v>16.7</v>
      </c>
      <c r="AA13232" s="5"/>
      <c r="AB13232" s="5" t="s">
        <v>43</v>
      </c>
      <c r="AC13232" s="5" t="s">
        <v>44</v>
      </c>
      <c r="AD13232" s="2"/>
      <c r="AE13232" s="1"/>
    </row>
    <row r="13233" spans="1:31" ht="14.45">
      <c r="A13233" s="11"/>
      <c r="B13233" s="20"/>
      <c r="C13233" s="2" t="s">
        <v>40627</v>
      </c>
      <c r="D13233" s="14" t="s">
        <v>40628</v>
      </c>
      <c r="E13233" s="2" t="s">
        <v>40629</v>
      </c>
      <c r="F13233" s="2" t="s">
        <v>36281</v>
      </c>
      <c r="G13233" s="8">
        <v>182</v>
      </c>
      <c r="H13233" s="5">
        <v>6</v>
      </c>
      <c r="I13233" s="5" t="s">
        <v>1518</v>
      </c>
      <c r="J13233" s="5" t="s">
        <v>36264</v>
      </c>
      <c r="K13233" s="2" t="s">
        <v>36265</v>
      </c>
      <c r="L13233" s="5" t="s">
        <v>36264</v>
      </c>
      <c r="M13233" s="2" t="s">
        <v>36265</v>
      </c>
      <c r="N13233" s="5" t="s">
        <v>36266</v>
      </c>
      <c r="O13233" s="5" t="s">
        <v>38</v>
      </c>
      <c r="P13233" s="5" t="s">
        <v>39</v>
      </c>
      <c r="Q13233" s="5" t="s">
        <v>40</v>
      </c>
      <c r="R13233" s="5" t="s">
        <v>1522</v>
      </c>
      <c r="S13233" s="5" t="s">
        <v>1523</v>
      </c>
      <c r="T13233" s="5" t="s">
        <v>42</v>
      </c>
      <c r="U13233" s="2">
        <v>1.5309999999999999</v>
      </c>
      <c r="V13233" s="2">
        <v>1.0489999999999999</v>
      </c>
      <c r="W13233" s="2">
        <v>1.4999999999999999E-2</v>
      </c>
      <c r="X13233" s="2">
        <v>118.9</v>
      </c>
      <c r="Y13233" s="2">
        <v>7.6</v>
      </c>
      <c r="Z13233" s="2">
        <v>16.7</v>
      </c>
      <c r="AA13233" s="5"/>
      <c r="AB13233" s="5" t="s">
        <v>43</v>
      </c>
      <c r="AC13233" s="5" t="s">
        <v>44</v>
      </c>
      <c r="AD13233" s="2"/>
      <c r="AE13233" s="1"/>
    </row>
    <row r="13234" spans="1:31" ht="14.45">
      <c r="A13234" s="11"/>
      <c r="B13234" s="20"/>
      <c r="C13234" s="2" t="s">
        <v>40630</v>
      </c>
      <c r="D13234" s="14" t="s">
        <v>40631</v>
      </c>
      <c r="E13234" s="2" t="s">
        <v>40632</v>
      </c>
      <c r="F13234" s="2" t="s">
        <v>36289</v>
      </c>
      <c r="G13234" s="8">
        <v>182</v>
      </c>
      <c r="H13234" s="5">
        <v>6</v>
      </c>
      <c r="I13234" s="5" t="s">
        <v>1518</v>
      </c>
      <c r="J13234" s="5" t="s">
        <v>36264</v>
      </c>
      <c r="K13234" s="2" t="s">
        <v>36265</v>
      </c>
      <c r="L13234" s="5" t="s">
        <v>36264</v>
      </c>
      <c r="M13234" s="2" t="s">
        <v>36265</v>
      </c>
      <c r="N13234" s="5" t="s">
        <v>36266</v>
      </c>
      <c r="O13234" s="5" t="s">
        <v>38</v>
      </c>
      <c r="P13234" s="5" t="s">
        <v>39</v>
      </c>
      <c r="Q13234" s="5" t="s">
        <v>40</v>
      </c>
      <c r="R13234" s="5" t="s">
        <v>1522</v>
      </c>
      <c r="S13234" s="5" t="s">
        <v>1523</v>
      </c>
      <c r="T13234" s="5" t="s">
        <v>42</v>
      </c>
      <c r="U13234" s="2">
        <v>1.5309999999999999</v>
      </c>
      <c r="V13234" s="2">
        <v>1.0489999999999999</v>
      </c>
      <c r="W13234" s="2">
        <v>1.4999999999999999E-2</v>
      </c>
      <c r="X13234" s="2">
        <v>118.9</v>
      </c>
      <c r="Y13234" s="2">
        <v>7.6</v>
      </c>
      <c r="Z13234" s="2">
        <v>16.7</v>
      </c>
      <c r="AA13234" s="5"/>
      <c r="AB13234" s="5" t="s">
        <v>43</v>
      </c>
      <c r="AC13234" s="5" t="s">
        <v>44</v>
      </c>
      <c r="AD13234" s="2"/>
      <c r="AE13234" s="1"/>
    </row>
    <row r="13235" spans="1:31" ht="14.45">
      <c r="A13235" s="11"/>
      <c r="B13235" s="20"/>
      <c r="C13235" s="2" t="s">
        <v>40633</v>
      </c>
      <c r="D13235" s="14" t="s">
        <v>40634</v>
      </c>
      <c r="E13235" s="2" t="s">
        <v>40635</v>
      </c>
      <c r="F13235" s="2" t="s">
        <v>36297</v>
      </c>
      <c r="G13235" s="8">
        <v>159</v>
      </c>
      <c r="H13235" s="5">
        <v>6</v>
      </c>
      <c r="I13235" s="5" t="s">
        <v>1518</v>
      </c>
      <c r="J13235" s="5" t="s">
        <v>36264</v>
      </c>
      <c r="K13235" s="2" t="s">
        <v>36265</v>
      </c>
      <c r="L13235" s="5" t="s">
        <v>36264</v>
      </c>
      <c r="M13235" s="2" t="s">
        <v>36265</v>
      </c>
      <c r="N13235" s="5" t="s">
        <v>36266</v>
      </c>
      <c r="O13235" s="5" t="s">
        <v>38</v>
      </c>
      <c r="P13235" s="5" t="s">
        <v>39</v>
      </c>
      <c r="Q13235" s="5" t="s">
        <v>40</v>
      </c>
      <c r="R13235" s="5" t="s">
        <v>1522</v>
      </c>
      <c r="S13235" s="5" t="s">
        <v>1523</v>
      </c>
      <c r="T13235" s="5" t="s">
        <v>42</v>
      </c>
      <c r="U13235" s="2">
        <v>1.5309999999999999</v>
      </c>
      <c r="V13235" s="2">
        <v>1.0489999999999999</v>
      </c>
      <c r="W13235" s="2">
        <v>1.4999999999999999E-2</v>
      </c>
      <c r="X13235" s="2">
        <v>118.9</v>
      </c>
      <c r="Y13235" s="2">
        <v>7.6</v>
      </c>
      <c r="Z13235" s="2">
        <v>16.7</v>
      </c>
      <c r="AA13235" s="5"/>
      <c r="AB13235" s="5" t="s">
        <v>43</v>
      </c>
      <c r="AC13235" s="5" t="s">
        <v>44</v>
      </c>
      <c r="AD13235" s="2"/>
      <c r="AE13235" s="1"/>
    </row>
    <row r="13236" spans="1:31" ht="14.45">
      <c r="A13236" s="11"/>
      <c r="B13236" s="20"/>
      <c r="C13236" s="2" t="s">
        <v>40636</v>
      </c>
      <c r="D13236" s="14" t="s">
        <v>40637</v>
      </c>
      <c r="E13236" s="2" t="s">
        <v>40638</v>
      </c>
      <c r="F13236" s="2" t="s">
        <v>36305</v>
      </c>
      <c r="G13236" s="8">
        <v>159</v>
      </c>
      <c r="H13236" s="5">
        <v>6</v>
      </c>
      <c r="I13236" s="5" t="s">
        <v>1518</v>
      </c>
      <c r="J13236" s="5" t="s">
        <v>36264</v>
      </c>
      <c r="K13236" s="2" t="s">
        <v>36265</v>
      </c>
      <c r="L13236" s="5" t="s">
        <v>36264</v>
      </c>
      <c r="M13236" s="2" t="s">
        <v>36265</v>
      </c>
      <c r="N13236" s="5" t="s">
        <v>36266</v>
      </c>
      <c r="O13236" s="5" t="s">
        <v>38</v>
      </c>
      <c r="P13236" s="5" t="s">
        <v>39</v>
      </c>
      <c r="Q13236" s="5" t="s">
        <v>40</v>
      </c>
      <c r="R13236" s="5" t="s">
        <v>1522</v>
      </c>
      <c r="S13236" s="5" t="s">
        <v>1523</v>
      </c>
      <c r="T13236" s="5" t="s">
        <v>42</v>
      </c>
      <c r="U13236" s="2">
        <v>1.5309999999999999</v>
      </c>
      <c r="V13236" s="2">
        <v>1.0489999999999999</v>
      </c>
      <c r="W13236" s="2">
        <v>1.4999999999999999E-2</v>
      </c>
      <c r="X13236" s="2">
        <v>118.9</v>
      </c>
      <c r="Y13236" s="2">
        <v>7.6</v>
      </c>
      <c r="Z13236" s="2">
        <v>16.7</v>
      </c>
      <c r="AA13236" s="5"/>
      <c r="AB13236" s="5" t="s">
        <v>43</v>
      </c>
      <c r="AC13236" s="5" t="s">
        <v>44</v>
      </c>
      <c r="AD13236" s="2"/>
      <c r="AE13236" s="1"/>
    </row>
    <row r="13237" spans="1:31" ht="14.45">
      <c r="A13237" s="11"/>
      <c r="B13237" s="20"/>
      <c r="C13237" s="2" t="s">
        <v>40639</v>
      </c>
      <c r="D13237" s="14" t="s">
        <v>40640</v>
      </c>
      <c r="E13237" s="2" t="s">
        <v>40641</v>
      </c>
      <c r="F13237" s="2" t="s">
        <v>36313</v>
      </c>
      <c r="G13237" s="8">
        <v>182</v>
      </c>
      <c r="H13237" s="5">
        <v>6</v>
      </c>
      <c r="I13237" s="5" t="s">
        <v>1518</v>
      </c>
      <c r="J13237" s="5" t="s">
        <v>36264</v>
      </c>
      <c r="K13237" s="2" t="s">
        <v>36265</v>
      </c>
      <c r="L13237" s="5" t="s">
        <v>36264</v>
      </c>
      <c r="M13237" s="2" t="s">
        <v>36265</v>
      </c>
      <c r="N13237" s="5" t="s">
        <v>36266</v>
      </c>
      <c r="O13237" s="5" t="s">
        <v>38</v>
      </c>
      <c r="P13237" s="5" t="s">
        <v>39</v>
      </c>
      <c r="Q13237" s="5" t="s">
        <v>40</v>
      </c>
      <c r="R13237" s="5" t="s">
        <v>1522</v>
      </c>
      <c r="S13237" s="5" t="s">
        <v>1523</v>
      </c>
      <c r="T13237" s="5" t="s">
        <v>42</v>
      </c>
      <c r="U13237" s="2">
        <v>1.5309999999999999</v>
      </c>
      <c r="V13237" s="2">
        <v>1.0489999999999999</v>
      </c>
      <c r="W13237" s="2">
        <v>1.4999999999999999E-2</v>
      </c>
      <c r="X13237" s="2">
        <v>118.9</v>
      </c>
      <c r="Y13237" s="2">
        <v>7.6</v>
      </c>
      <c r="Z13237" s="2">
        <v>16.7</v>
      </c>
      <c r="AA13237" s="5"/>
      <c r="AB13237" s="5" t="s">
        <v>43</v>
      </c>
      <c r="AC13237" s="5" t="s">
        <v>44</v>
      </c>
      <c r="AD13237" s="2"/>
      <c r="AE13237" s="1"/>
    </row>
    <row r="13238" spans="1:31" ht="14.45">
      <c r="A13238" s="11"/>
      <c r="B13238" s="20"/>
      <c r="C13238" s="2" t="s">
        <v>40642</v>
      </c>
      <c r="D13238" s="14" t="s">
        <v>40643</v>
      </c>
      <c r="E13238" s="2" t="s">
        <v>40644</v>
      </c>
      <c r="F13238" s="2" t="s">
        <v>36329</v>
      </c>
      <c r="G13238" s="8">
        <v>182</v>
      </c>
      <c r="H13238" s="5">
        <v>6</v>
      </c>
      <c r="I13238" s="5" t="s">
        <v>1518</v>
      </c>
      <c r="J13238" s="5" t="s">
        <v>36264</v>
      </c>
      <c r="K13238" s="2" t="s">
        <v>36265</v>
      </c>
      <c r="L13238" s="5" t="s">
        <v>36264</v>
      </c>
      <c r="M13238" s="2" t="s">
        <v>36265</v>
      </c>
      <c r="N13238" s="5" t="s">
        <v>36266</v>
      </c>
      <c r="O13238" s="5" t="s">
        <v>38</v>
      </c>
      <c r="P13238" s="5" t="s">
        <v>39</v>
      </c>
      <c r="Q13238" s="5" t="s">
        <v>40</v>
      </c>
      <c r="R13238" s="5" t="s">
        <v>1522</v>
      </c>
      <c r="S13238" s="5" t="s">
        <v>1523</v>
      </c>
      <c r="T13238" s="5" t="s">
        <v>42</v>
      </c>
      <c r="U13238" s="2">
        <v>1.5309999999999999</v>
      </c>
      <c r="V13238" s="2">
        <v>1.0489999999999999</v>
      </c>
      <c r="W13238" s="2">
        <v>1.4999999999999999E-2</v>
      </c>
      <c r="X13238" s="2">
        <v>118.9</v>
      </c>
      <c r="Y13238" s="2">
        <v>7.6</v>
      </c>
      <c r="Z13238" s="2">
        <v>16.7</v>
      </c>
      <c r="AA13238" s="5"/>
      <c r="AB13238" s="5" t="s">
        <v>43</v>
      </c>
      <c r="AC13238" s="5" t="s">
        <v>44</v>
      </c>
      <c r="AD13238" s="2"/>
      <c r="AE13238" s="1"/>
    </row>
    <row r="13239" spans="1:31" ht="14.45">
      <c r="A13239" s="11"/>
      <c r="B13239" s="20"/>
      <c r="C13239" s="2" t="s">
        <v>40645</v>
      </c>
      <c r="D13239" s="14" t="s">
        <v>40646</v>
      </c>
      <c r="E13239" s="2" t="s">
        <v>40647</v>
      </c>
      <c r="F13239" s="2" t="s">
        <v>36337</v>
      </c>
      <c r="G13239" s="8">
        <v>182</v>
      </c>
      <c r="H13239" s="5">
        <v>6</v>
      </c>
      <c r="I13239" s="5" t="s">
        <v>1518</v>
      </c>
      <c r="J13239" s="5" t="s">
        <v>36264</v>
      </c>
      <c r="K13239" s="2" t="s">
        <v>36265</v>
      </c>
      <c r="L13239" s="5" t="s">
        <v>36264</v>
      </c>
      <c r="M13239" s="2" t="s">
        <v>36265</v>
      </c>
      <c r="N13239" s="5" t="s">
        <v>36266</v>
      </c>
      <c r="O13239" s="5" t="s">
        <v>38</v>
      </c>
      <c r="P13239" s="5" t="s">
        <v>39</v>
      </c>
      <c r="Q13239" s="5" t="s">
        <v>40</v>
      </c>
      <c r="R13239" s="5" t="s">
        <v>1522</v>
      </c>
      <c r="S13239" s="5" t="s">
        <v>1523</v>
      </c>
      <c r="T13239" s="5" t="s">
        <v>42</v>
      </c>
      <c r="U13239" s="2">
        <v>1.5309999999999999</v>
      </c>
      <c r="V13239" s="2">
        <v>1.0489999999999999</v>
      </c>
      <c r="W13239" s="2">
        <v>1.4999999999999999E-2</v>
      </c>
      <c r="X13239" s="2">
        <v>118.9</v>
      </c>
      <c r="Y13239" s="2">
        <v>7.6</v>
      </c>
      <c r="Z13239" s="2">
        <v>16.7</v>
      </c>
      <c r="AA13239" s="5"/>
      <c r="AB13239" s="5" t="s">
        <v>43</v>
      </c>
      <c r="AC13239" s="5" t="s">
        <v>44</v>
      </c>
      <c r="AD13239" s="2"/>
      <c r="AE13239" s="1"/>
    </row>
    <row r="13240" spans="1:31" ht="14.45">
      <c r="A13240" s="11"/>
      <c r="B13240" s="20"/>
      <c r="C13240" s="2" t="s">
        <v>40648</v>
      </c>
      <c r="D13240" s="14" t="s">
        <v>40649</v>
      </c>
      <c r="E13240" s="2" t="s">
        <v>40650</v>
      </c>
      <c r="F13240" s="2" t="s">
        <v>36345</v>
      </c>
      <c r="G13240" s="8">
        <v>182</v>
      </c>
      <c r="H13240" s="5">
        <v>6</v>
      </c>
      <c r="I13240" s="5" t="s">
        <v>1518</v>
      </c>
      <c r="J13240" s="5" t="s">
        <v>36264</v>
      </c>
      <c r="K13240" s="2" t="s">
        <v>36265</v>
      </c>
      <c r="L13240" s="5" t="s">
        <v>36264</v>
      </c>
      <c r="M13240" s="2" t="s">
        <v>36265</v>
      </c>
      <c r="N13240" s="5" t="s">
        <v>36266</v>
      </c>
      <c r="O13240" s="5" t="s">
        <v>38</v>
      </c>
      <c r="P13240" s="5" t="s">
        <v>39</v>
      </c>
      <c r="Q13240" s="5" t="s">
        <v>40</v>
      </c>
      <c r="R13240" s="5" t="s">
        <v>1522</v>
      </c>
      <c r="S13240" s="5" t="s">
        <v>1523</v>
      </c>
      <c r="T13240" s="5" t="s">
        <v>42</v>
      </c>
      <c r="U13240" s="2">
        <v>1.5309999999999999</v>
      </c>
      <c r="V13240" s="2">
        <v>1.0489999999999999</v>
      </c>
      <c r="W13240" s="2">
        <v>1.4999999999999999E-2</v>
      </c>
      <c r="X13240" s="2">
        <v>118.9</v>
      </c>
      <c r="Y13240" s="2">
        <v>7.6</v>
      </c>
      <c r="Z13240" s="2">
        <v>16.7</v>
      </c>
      <c r="AA13240" s="5"/>
      <c r="AB13240" s="5" t="s">
        <v>43</v>
      </c>
      <c r="AC13240" s="5" t="s">
        <v>44</v>
      </c>
      <c r="AD13240" s="2"/>
      <c r="AE13240" s="1"/>
    </row>
    <row r="13241" spans="1:31" ht="14.45">
      <c r="A13241" s="11"/>
      <c r="B13241" s="20"/>
      <c r="C13241" s="2" t="s">
        <v>40651</v>
      </c>
      <c r="D13241" s="14" t="s">
        <v>40652</v>
      </c>
      <c r="E13241" s="2" t="s">
        <v>40653</v>
      </c>
      <c r="F13241" s="2" t="s">
        <v>36353</v>
      </c>
      <c r="G13241" s="8">
        <v>182</v>
      </c>
      <c r="H13241" s="5">
        <v>6</v>
      </c>
      <c r="I13241" s="5" t="s">
        <v>1518</v>
      </c>
      <c r="J13241" s="5" t="s">
        <v>36264</v>
      </c>
      <c r="K13241" s="2" t="s">
        <v>36265</v>
      </c>
      <c r="L13241" s="5" t="s">
        <v>36264</v>
      </c>
      <c r="M13241" s="2" t="s">
        <v>36265</v>
      </c>
      <c r="N13241" s="5" t="s">
        <v>36266</v>
      </c>
      <c r="O13241" s="5" t="s">
        <v>38</v>
      </c>
      <c r="P13241" s="5" t="s">
        <v>39</v>
      </c>
      <c r="Q13241" s="5" t="s">
        <v>40</v>
      </c>
      <c r="R13241" s="5" t="s">
        <v>1522</v>
      </c>
      <c r="S13241" s="5" t="s">
        <v>1523</v>
      </c>
      <c r="T13241" s="5" t="s">
        <v>42</v>
      </c>
      <c r="U13241" s="2">
        <v>1.5309999999999999</v>
      </c>
      <c r="V13241" s="2">
        <v>1.0489999999999999</v>
      </c>
      <c r="W13241" s="2">
        <v>1.4999999999999999E-2</v>
      </c>
      <c r="X13241" s="2">
        <v>118.9</v>
      </c>
      <c r="Y13241" s="2">
        <v>7.6</v>
      </c>
      <c r="Z13241" s="2">
        <v>16.7</v>
      </c>
      <c r="AA13241" s="5"/>
      <c r="AB13241" s="5" t="s">
        <v>43</v>
      </c>
      <c r="AC13241" s="5" t="s">
        <v>44</v>
      </c>
      <c r="AD13241" s="2"/>
      <c r="AE13241" s="1"/>
    </row>
    <row r="13242" spans="1:31" ht="14.45">
      <c r="A13242" s="11"/>
      <c r="B13242" s="20"/>
      <c r="C13242" s="2" t="s">
        <v>40654</v>
      </c>
      <c r="D13242" s="14" t="s">
        <v>40655</v>
      </c>
      <c r="E13242" s="2" t="s">
        <v>40656</v>
      </c>
      <c r="F13242" s="2" t="s">
        <v>36361</v>
      </c>
      <c r="G13242" s="8">
        <v>182</v>
      </c>
      <c r="H13242" s="5">
        <v>6</v>
      </c>
      <c r="I13242" s="5" t="s">
        <v>1518</v>
      </c>
      <c r="J13242" s="5" t="s">
        <v>36264</v>
      </c>
      <c r="K13242" s="2" t="s">
        <v>36265</v>
      </c>
      <c r="L13242" s="5" t="s">
        <v>36264</v>
      </c>
      <c r="M13242" s="2" t="s">
        <v>36265</v>
      </c>
      <c r="N13242" s="5" t="s">
        <v>36266</v>
      </c>
      <c r="O13242" s="5" t="s">
        <v>38</v>
      </c>
      <c r="P13242" s="5" t="s">
        <v>39</v>
      </c>
      <c r="Q13242" s="5" t="s">
        <v>40</v>
      </c>
      <c r="R13242" s="5" t="s">
        <v>1522</v>
      </c>
      <c r="S13242" s="5" t="s">
        <v>1523</v>
      </c>
      <c r="T13242" s="5" t="s">
        <v>42</v>
      </c>
      <c r="U13242" s="2">
        <v>1.5309999999999999</v>
      </c>
      <c r="V13242" s="2">
        <v>1.0489999999999999</v>
      </c>
      <c r="W13242" s="2">
        <v>1.4999999999999999E-2</v>
      </c>
      <c r="X13242" s="2">
        <v>118.9</v>
      </c>
      <c r="Y13242" s="2">
        <v>7.6</v>
      </c>
      <c r="Z13242" s="2">
        <v>16.7</v>
      </c>
      <c r="AA13242" s="5"/>
      <c r="AB13242" s="5" t="s">
        <v>43</v>
      </c>
      <c r="AC13242" s="5" t="s">
        <v>44</v>
      </c>
      <c r="AD13242" s="2"/>
      <c r="AE13242" s="1"/>
    </row>
    <row r="13243" spans="1:31" ht="14.45">
      <c r="A13243" s="11"/>
      <c r="B13243" s="20"/>
      <c r="C13243" s="2" t="s">
        <v>40657</v>
      </c>
      <c r="D13243" s="14" t="s">
        <v>40658</v>
      </c>
      <c r="E13243" s="2" t="s">
        <v>40659</v>
      </c>
      <c r="F13243" s="2" t="s">
        <v>36369</v>
      </c>
      <c r="G13243" s="8">
        <v>182</v>
      </c>
      <c r="H13243" s="5">
        <v>6</v>
      </c>
      <c r="I13243" s="5" t="s">
        <v>1518</v>
      </c>
      <c r="J13243" s="5" t="s">
        <v>36264</v>
      </c>
      <c r="K13243" s="2" t="s">
        <v>36265</v>
      </c>
      <c r="L13243" s="5" t="s">
        <v>36264</v>
      </c>
      <c r="M13243" s="2" t="s">
        <v>36265</v>
      </c>
      <c r="N13243" s="5" t="s">
        <v>36266</v>
      </c>
      <c r="O13243" s="5" t="s">
        <v>38</v>
      </c>
      <c r="P13243" s="5" t="s">
        <v>39</v>
      </c>
      <c r="Q13243" s="5" t="s">
        <v>40</v>
      </c>
      <c r="R13243" s="5" t="s">
        <v>1522</v>
      </c>
      <c r="S13243" s="5" t="s">
        <v>1523</v>
      </c>
      <c r="T13243" s="5" t="s">
        <v>42</v>
      </c>
      <c r="U13243" s="2">
        <v>1.5309999999999999</v>
      </c>
      <c r="V13243" s="2">
        <v>1.0489999999999999</v>
      </c>
      <c r="W13243" s="2">
        <v>1.4999999999999999E-2</v>
      </c>
      <c r="X13243" s="2">
        <v>118.9</v>
      </c>
      <c r="Y13243" s="2">
        <v>7.6</v>
      </c>
      <c r="Z13243" s="2">
        <v>16.7</v>
      </c>
      <c r="AA13243" s="5"/>
      <c r="AB13243" s="5" t="s">
        <v>43</v>
      </c>
      <c r="AC13243" s="5" t="s">
        <v>44</v>
      </c>
      <c r="AD13243" s="2"/>
      <c r="AE13243" s="1"/>
    </row>
    <row r="13244" spans="1:31" ht="14.45">
      <c r="A13244" s="11"/>
      <c r="B13244" s="20"/>
      <c r="C13244" s="2" t="s">
        <v>40660</v>
      </c>
      <c r="D13244" s="14" t="s">
        <v>40661</v>
      </c>
      <c r="E13244" s="2" t="s">
        <v>40662</v>
      </c>
      <c r="F13244" s="2" t="s">
        <v>36377</v>
      </c>
      <c r="G13244" s="8">
        <v>182</v>
      </c>
      <c r="H13244" s="5">
        <v>6</v>
      </c>
      <c r="I13244" s="5" t="s">
        <v>1518</v>
      </c>
      <c r="J13244" s="5" t="s">
        <v>36264</v>
      </c>
      <c r="K13244" s="2" t="s">
        <v>36265</v>
      </c>
      <c r="L13244" s="5" t="s">
        <v>36264</v>
      </c>
      <c r="M13244" s="2" t="s">
        <v>36265</v>
      </c>
      <c r="N13244" s="5" t="s">
        <v>36266</v>
      </c>
      <c r="O13244" s="5" t="s">
        <v>38</v>
      </c>
      <c r="P13244" s="5" t="s">
        <v>39</v>
      </c>
      <c r="Q13244" s="5" t="s">
        <v>40</v>
      </c>
      <c r="R13244" s="5" t="s">
        <v>1522</v>
      </c>
      <c r="S13244" s="5" t="s">
        <v>1523</v>
      </c>
      <c r="T13244" s="5" t="s">
        <v>42</v>
      </c>
      <c r="U13244" s="2">
        <v>1.5309999999999999</v>
      </c>
      <c r="V13244" s="2">
        <v>1.0489999999999999</v>
      </c>
      <c r="W13244" s="2">
        <v>1.4999999999999999E-2</v>
      </c>
      <c r="X13244" s="2">
        <v>118.9</v>
      </c>
      <c r="Y13244" s="2">
        <v>7.6</v>
      </c>
      <c r="Z13244" s="2">
        <v>16.7</v>
      </c>
      <c r="AA13244" s="5"/>
      <c r="AB13244" s="5" t="s">
        <v>43</v>
      </c>
      <c r="AC13244" s="5" t="s">
        <v>44</v>
      </c>
      <c r="AD13244" s="2"/>
      <c r="AE13244" s="1"/>
    </row>
    <row r="13245" spans="1:31" ht="14.45">
      <c r="A13245" s="11"/>
      <c r="B13245" s="20"/>
      <c r="C13245" s="2" t="s">
        <v>40663</v>
      </c>
      <c r="D13245" s="14" t="s">
        <v>40664</v>
      </c>
      <c r="E13245" s="2" t="s">
        <v>40665</v>
      </c>
      <c r="F13245" s="2" t="s">
        <v>36385</v>
      </c>
      <c r="G13245" s="8">
        <v>182</v>
      </c>
      <c r="H13245" s="5">
        <v>6</v>
      </c>
      <c r="I13245" s="5" t="s">
        <v>1518</v>
      </c>
      <c r="J13245" s="5" t="s">
        <v>36264</v>
      </c>
      <c r="K13245" s="2" t="s">
        <v>36265</v>
      </c>
      <c r="L13245" s="5" t="s">
        <v>36264</v>
      </c>
      <c r="M13245" s="2" t="s">
        <v>36265</v>
      </c>
      <c r="N13245" s="5" t="s">
        <v>36266</v>
      </c>
      <c r="O13245" s="5" t="s">
        <v>38</v>
      </c>
      <c r="P13245" s="5" t="s">
        <v>39</v>
      </c>
      <c r="Q13245" s="5" t="s">
        <v>40</v>
      </c>
      <c r="R13245" s="5" t="s">
        <v>1522</v>
      </c>
      <c r="S13245" s="5" t="s">
        <v>1523</v>
      </c>
      <c r="T13245" s="5" t="s">
        <v>42</v>
      </c>
      <c r="U13245" s="2">
        <v>1.5309999999999999</v>
      </c>
      <c r="V13245" s="2">
        <v>1.0489999999999999</v>
      </c>
      <c r="W13245" s="2">
        <v>1.4999999999999999E-2</v>
      </c>
      <c r="X13245" s="2">
        <v>118.9</v>
      </c>
      <c r="Y13245" s="2">
        <v>7.6</v>
      </c>
      <c r="Z13245" s="2">
        <v>16.7</v>
      </c>
      <c r="AA13245" s="5"/>
      <c r="AB13245" s="5" t="s">
        <v>43</v>
      </c>
      <c r="AC13245" s="5" t="s">
        <v>44</v>
      </c>
      <c r="AD13245" s="2"/>
      <c r="AE13245" s="1"/>
    </row>
    <row r="13246" spans="1:31" ht="14.45">
      <c r="A13246" s="11"/>
      <c r="B13246" s="20"/>
      <c r="C13246" s="2" t="s">
        <v>40666</v>
      </c>
      <c r="D13246" s="14" t="s">
        <v>40667</v>
      </c>
      <c r="E13246" s="2" t="s">
        <v>40668</v>
      </c>
      <c r="F13246" s="2" t="s">
        <v>7204</v>
      </c>
      <c r="G13246" s="8">
        <v>170</v>
      </c>
      <c r="H13246" s="5">
        <v>6</v>
      </c>
      <c r="I13246" s="5" t="s">
        <v>1518</v>
      </c>
      <c r="J13246" s="5" t="s">
        <v>36264</v>
      </c>
      <c r="K13246" s="2" t="s">
        <v>36265</v>
      </c>
      <c r="L13246" s="5" t="s">
        <v>36264</v>
      </c>
      <c r="M13246" s="2" t="s">
        <v>36265</v>
      </c>
      <c r="N13246" s="5" t="s">
        <v>36266</v>
      </c>
      <c r="O13246" s="5" t="s">
        <v>38</v>
      </c>
      <c r="P13246" s="5" t="s">
        <v>39</v>
      </c>
      <c r="Q13246" s="5" t="s">
        <v>40</v>
      </c>
      <c r="R13246" s="5" t="s">
        <v>1522</v>
      </c>
      <c r="S13246" s="5" t="s">
        <v>1523</v>
      </c>
      <c r="T13246" s="5" t="s">
        <v>42</v>
      </c>
      <c r="U13246" s="2">
        <v>1.7130000000000001</v>
      </c>
      <c r="V13246" s="2">
        <v>1.1539999999999999</v>
      </c>
      <c r="W13246" s="2">
        <v>1.7999999999999999E-2</v>
      </c>
      <c r="X13246" s="2">
        <v>139.1</v>
      </c>
      <c r="Y13246" s="2">
        <v>7.6</v>
      </c>
      <c r="Z13246" s="2">
        <v>16.7</v>
      </c>
      <c r="AA13246" s="5"/>
      <c r="AB13246" s="5" t="s">
        <v>43</v>
      </c>
      <c r="AC13246" s="5" t="s">
        <v>44</v>
      </c>
      <c r="AD13246" s="2"/>
      <c r="AE13246" s="1"/>
    </row>
    <row r="13247" spans="1:31" ht="14.45">
      <c r="A13247" s="11"/>
      <c r="B13247" s="20"/>
      <c r="C13247" s="2" t="s">
        <v>40669</v>
      </c>
      <c r="D13247" s="14" t="s">
        <v>40670</v>
      </c>
      <c r="E13247" s="2" t="s">
        <v>40671</v>
      </c>
      <c r="F13247" s="2" t="s">
        <v>36273</v>
      </c>
      <c r="G13247" s="8">
        <v>170</v>
      </c>
      <c r="H13247" s="5">
        <v>6</v>
      </c>
      <c r="I13247" s="5" t="s">
        <v>1518</v>
      </c>
      <c r="J13247" s="5" t="s">
        <v>36264</v>
      </c>
      <c r="K13247" s="2" t="s">
        <v>36265</v>
      </c>
      <c r="L13247" s="5" t="s">
        <v>36264</v>
      </c>
      <c r="M13247" s="2" t="s">
        <v>36265</v>
      </c>
      <c r="N13247" s="5" t="s">
        <v>36266</v>
      </c>
      <c r="O13247" s="5" t="s">
        <v>38</v>
      </c>
      <c r="P13247" s="5" t="s">
        <v>39</v>
      </c>
      <c r="Q13247" s="5" t="s">
        <v>40</v>
      </c>
      <c r="R13247" s="5" t="s">
        <v>1522</v>
      </c>
      <c r="S13247" s="5" t="s">
        <v>1523</v>
      </c>
      <c r="T13247" s="5" t="s">
        <v>42</v>
      </c>
      <c r="U13247" s="2">
        <v>1.7130000000000001</v>
      </c>
      <c r="V13247" s="2">
        <v>1.1539999999999999</v>
      </c>
      <c r="W13247" s="2">
        <v>1.7999999999999999E-2</v>
      </c>
      <c r="X13247" s="2">
        <v>139.1</v>
      </c>
      <c r="Y13247" s="2">
        <v>7.6</v>
      </c>
      <c r="Z13247" s="2">
        <v>16.7</v>
      </c>
      <c r="AA13247" s="5"/>
      <c r="AB13247" s="5" t="s">
        <v>43</v>
      </c>
      <c r="AC13247" s="5" t="s">
        <v>44</v>
      </c>
      <c r="AD13247" s="2"/>
      <c r="AE13247" s="1"/>
    </row>
    <row r="13248" spans="1:31" ht="14.45">
      <c r="A13248" s="11"/>
      <c r="B13248" s="20"/>
      <c r="C13248" s="2" t="s">
        <v>40672</v>
      </c>
      <c r="D13248" s="14" t="s">
        <v>40673</v>
      </c>
      <c r="E13248" s="2" t="s">
        <v>40674</v>
      </c>
      <c r="F13248" s="2" t="s">
        <v>36281</v>
      </c>
      <c r="G13248" s="8">
        <v>196</v>
      </c>
      <c r="H13248" s="5">
        <v>6</v>
      </c>
      <c r="I13248" s="5" t="s">
        <v>1518</v>
      </c>
      <c r="J13248" s="5" t="s">
        <v>36264</v>
      </c>
      <c r="K13248" s="2" t="s">
        <v>36265</v>
      </c>
      <c r="L13248" s="5" t="s">
        <v>36264</v>
      </c>
      <c r="M13248" s="2" t="s">
        <v>36265</v>
      </c>
      <c r="N13248" s="5" t="s">
        <v>36266</v>
      </c>
      <c r="O13248" s="5" t="s">
        <v>38</v>
      </c>
      <c r="P13248" s="5" t="s">
        <v>39</v>
      </c>
      <c r="Q13248" s="5" t="s">
        <v>40</v>
      </c>
      <c r="R13248" s="5" t="s">
        <v>1522</v>
      </c>
      <c r="S13248" s="5" t="s">
        <v>1523</v>
      </c>
      <c r="T13248" s="5" t="s">
        <v>42</v>
      </c>
      <c r="U13248" s="2">
        <v>1.7130000000000001</v>
      </c>
      <c r="V13248" s="2">
        <v>1.1539999999999999</v>
      </c>
      <c r="W13248" s="2">
        <v>1.7999999999999999E-2</v>
      </c>
      <c r="X13248" s="2">
        <v>139.1</v>
      </c>
      <c r="Y13248" s="2">
        <v>7.6</v>
      </c>
      <c r="Z13248" s="2">
        <v>16.7</v>
      </c>
      <c r="AA13248" s="5"/>
      <c r="AB13248" s="5" t="s">
        <v>43</v>
      </c>
      <c r="AC13248" s="5" t="s">
        <v>44</v>
      </c>
      <c r="AD13248" s="2"/>
      <c r="AE13248" s="1"/>
    </row>
    <row r="13249" spans="1:31" ht="14.45">
      <c r="A13249" s="11"/>
      <c r="B13249" s="20"/>
      <c r="C13249" s="2" t="s">
        <v>40675</v>
      </c>
      <c r="D13249" s="14" t="s">
        <v>40676</v>
      </c>
      <c r="E13249" s="2" t="s">
        <v>40677</v>
      </c>
      <c r="F13249" s="2" t="s">
        <v>36289</v>
      </c>
      <c r="G13249" s="8">
        <v>196</v>
      </c>
      <c r="H13249" s="5">
        <v>6</v>
      </c>
      <c r="I13249" s="5" t="s">
        <v>1518</v>
      </c>
      <c r="J13249" s="5" t="s">
        <v>36264</v>
      </c>
      <c r="K13249" s="2" t="s">
        <v>36265</v>
      </c>
      <c r="L13249" s="5" t="s">
        <v>36264</v>
      </c>
      <c r="M13249" s="2" t="s">
        <v>36265</v>
      </c>
      <c r="N13249" s="5" t="s">
        <v>36266</v>
      </c>
      <c r="O13249" s="5" t="s">
        <v>38</v>
      </c>
      <c r="P13249" s="5" t="s">
        <v>39</v>
      </c>
      <c r="Q13249" s="5" t="s">
        <v>40</v>
      </c>
      <c r="R13249" s="5" t="s">
        <v>1522</v>
      </c>
      <c r="S13249" s="5" t="s">
        <v>1523</v>
      </c>
      <c r="T13249" s="5" t="s">
        <v>42</v>
      </c>
      <c r="U13249" s="2">
        <v>1.7130000000000001</v>
      </c>
      <c r="V13249" s="2">
        <v>1.1539999999999999</v>
      </c>
      <c r="W13249" s="2">
        <v>1.7999999999999999E-2</v>
      </c>
      <c r="X13249" s="2">
        <v>139.1</v>
      </c>
      <c r="Y13249" s="2">
        <v>7.6</v>
      </c>
      <c r="Z13249" s="2">
        <v>16.7</v>
      </c>
      <c r="AA13249" s="5"/>
      <c r="AB13249" s="5" t="s">
        <v>43</v>
      </c>
      <c r="AC13249" s="5" t="s">
        <v>44</v>
      </c>
      <c r="AD13249" s="2"/>
      <c r="AE13249" s="1"/>
    </row>
    <row r="13250" spans="1:31" ht="14.45">
      <c r="A13250" s="11"/>
      <c r="B13250" s="20"/>
      <c r="C13250" s="2" t="s">
        <v>40678</v>
      </c>
      <c r="D13250" s="14" t="s">
        <v>40679</v>
      </c>
      <c r="E13250" s="2" t="s">
        <v>40680</v>
      </c>
      <c r="F13250" s="2" t="s">
        <v>36297</v>
      </c>
      <c r="G13250" s="8">
        <v>170</v>
      </c>
      <c r="H13250" s="5">
        <v>6</v>
      </c>
      <c r="I13250" s="5" t="s">
        <v>1518</v>
      </c>
      <c r="J13250" s="5" t="s">
        <v>36264</v>
      </c>
      <c r="K13250" s="2" t="s">
        <v>36265</v>
      </c>
      <c r="L13250" s="5" t="s">
        <v>36264</v>
      </c>
      <c r="M13250" s="2" t="s">
        <v>36265</v>
      </c>
      <c r="N13250" s="5" t="s">
        <v>36266</v>
      </c>
      <c r="O13250" s="5" t="s">
        <v>38</v>
      </c>
      <c r="P13250" s="5" t="s">
        <v>39</v>
      </c>
      <c r="Q13250" s="5" t="s">
        <v>40</v>
      </c>
      <c r="R13250" s="5" t="s">
        <v>1522</v>
      </c>
      <c r="S13250" s="5" t="s">
        <v>1523</v>
      </c>
      <c r="T13250" s="5" t="s">
        <v>42</v>
      </c>
      <c r="U13250" s="2">
        <v>1.7130000000000001</v>
      </c>
      <c r="V13250" s="2">
        <v>1.1539999999999999</v>
      </c>
      <c r="W13250" s="2">
        <v>1.7999999999999999E-2</v>
      </c>
      <c r="X13250" s="2">
        <v>139.1</v>
      </c>
      <c r="Y13250" s="2">
        <v>7.6</v>
      </c>
      <c r="Z13250" s="2">
        <v>16.7</v>
      </c>
      <c r="AA13250" s="5"/>
      <c r="AB13250" s="5" t="s">
        <v>43</v>
      </c>
      <c r="AC13250" s="5" t="s">
        <v>44</v>
      </c>
      <c r="AD13250" s="2"/>
      <c r="AE13250" s="1"/>
    </row>
    <row r="13251" spans="1:31" ht="14.45">
      <c r="A13251" s="11"/>
      <c r="B13251" s="20"/>
      <c r="C13251" s="2" t="s">
        <v>40681</v>
      </c>
      <c r="D13251" s="14" t="s">
        <v>40682</v>
      </c>
      <c r="E13251" s="2" t="s">
        <v>40683</v>
      </c>
      <c r="F13251" s="2" t="s">
        <v>36305</v>
      </c>
      <c r="G13251" s="8">
        <v>170</v>
      </c>
      <c r="H13251" s="5">
        <v>6</v>
      </c>
      <c r="I13251" s="5" t="s">
        <v>1518</v>
      </c>
      <c r="J13251" s="5" t="s">
        <v>36264</v>
      </c>
      <c r="K13251" s="2" t="s">
        <v>36265</v>
      </c>
      <c r="L13251" s="5" t="s">
        <v>36264</v>
      </c>
      <c r="M13251" s="2" t="s">
        <v>36265</v>
      </c>
      <c r="N13251" s="5" t="s">
        <v>36266</v>
      </c>
      <c r="O13251" s="5" t="s">
        <v>38</v>
      </c>
      <c r="P13251" s="5" t="s">
        <v>39</v>
      </c>
      <c r="Q13251" s="5" t="s">
        <v>40</v>
      </c>
      <c r="R13251" s="5" t="s">
        <v>1522</v>
      </c>
      <c r="S13251" s="5" t="s">
        <v>1523</v>
      </c>
      <c r="T13251" s="5" t="s">
        <v>42</v>
      </c>
      <c r="U13251" s="2">
        <v>1.7130000000000001</v>
      </c>
      <c r="V13251" s="2">
        <v>1.1539999999999999</v>
      </c>
      <c r="W13251" s="2">
        <v>1.7999999999999999E-2</v>
      </c>
      <c r="X13251" s="2">
        <v>139.1</v>
      </c>
      <c r="Y13251" s="2">
        <v>7.6</v>
      </c>
      <c r="Z13251" s="2">
        <v>16.7</v>
      </c>
      <c r="AA13251" s="5"/>
      <c r="AB13251" s="5" t="s">
        <v>43</v>
      </c>
      <c r="AC13251" s="5" t="s">
        <v>44</v>
      </c>
      <c r="AD13251" s="2"/>
      <c r="AE13251" s="1"/>
    </row>
    <row r="13252" spans="1:31" ht="14.45">
      <c r="A13252" s="11"/>
      <c r="B13252" s="20"/>
      <c r="C13252" s="2" t="s">
        <v>40684</v>
      </c>
      <c r="D13252" s="14" t="s">
        <v>40685</v>
      </c>
      <c r="E13252" s="2" t="s">
        <v>40686</v>
      </c>
      <c r="F13252" s="2" t="s">
        <v>36313</v>
      </c>
      <c r="G13252" s="8">
        <v>196</v>
      </c>
      <c r="H13252" s="5">
        <v>6</v>
      </c>
      <c r="I13252" s="5" t="s">
        <v>1518</v>
      </c>
      <c r="J13252" s="5" t="s">
        <v>36264</v>
      </c>
      <c r="K13252" s="2" t="s">
        <v>36265</v>
      </c>
      <c r="L13252" s="5" t="s">
        <v>36264</v>
      </c>
      <c r="M13252" s="2" t="s">
        <v>36265</v>
      </c>
      <c r="N13252" s="5" t="s">
        <v>36266</v>
      </c>
      <c r="O13252" s="5" t="s">
        <v>38</v>
      </c>
      <c r="P13252" s="5" t="s">
        <v>39</v>
      </c>
      <c r="Q13252" s="5" t="s">
        <v>40</v>
      </c>
      <c r="R13252" s="5" t="s">
        <v>1522</v>
      </c>
      <c r="S13252" s="5" t="s">
        <v>1523</v>
      </c>
      <c r="T13252" s="5" t="s">
        <v>42</v>
      </c>
      <c r="U13252" s="2">
        <v>1.7130000000000001</v>
      </c>
      <c r="V13252" s="2">
        <v>1.1539999999999999</v>
      </c>
      <c r="W13252" s="2">
        <v>1.7999999999999999E-2</v>
      </c>
      <c r="X13252" s="2">
        <v>139.1</v>
      </c>
      <c r="Y13252" s="2">
        <v>7.6</v>
      </c>
      <c r="Z13252" s="2">
        <v>16.7</v>
      </c>
      <c r="AA13252" s="5"/>
      <c r="AB13252" s="5" t="s">
        <v>43</v>
      </c>
      <c r="AC13252" s="5" t="s">
        <v>44</v>
      </c>
      <c r="AD13252" s="2"/>
      <c r="AE13252" s="1"/>
    </row>
    <row r="13253" spans="1:31" ht="14.45">
      <c r="A13253" s="11"/>
      <c r="B13253" s="20"/>
      <c r="C13253" s="2" t="s">
        <v>40687</v>
      </c>
      <c r="D13253" s="14" t="s">
        <v>40688</v>
      </c>
      <c r="E13253" s="2" t="s">
        <v>40689</v>
      </c>
      <c r="F13253" s="2" t="s">
        <v>36329</v>
      </c>
      <c r="G13253" s="8">
        <v>196</v>
      </c>
      <c r="H13253" s="5">
        <v>6</v>
      </c>
      <c r="I13253" s="5" t="s">
        <v>1518</v>
      </c>
      <c r="J13253" s="5" t="s">
        <v>36264</v>
      </c>
      <c r="K13253" s="2" t="s">
        <v>36265</v>
      </c>
      <c r="L13253" s="5" t="s">
        <v>36264</v>
      </c>
      <c r="M13253" s="2" t="s">
        <v>36265</v>
      </c>
      <c r="N13253" s="5" t="s">
        <v>36266</v>
      </c>
      <c r="O13253" s="5" t="s">
        <v>38</v>
      </c>
      <c r="P13253" s="5" t="s">
        <v>39</v>
      </c>
      <c r="Q13253" s="5" t="s">
        <v>40</v>
      </c>
      <c r="R13253" s="5" t="s">
        <v>1522</v>
      </c>
      <c r="S13253" s="5" t="s">
        <v>1523</v>
      </c>
      <c r="T13253" s="5" t="s">
        <v>42</v>
      </c>
      <c r="U13253" s="2">
        <v>1.7130000000000001</v>
      </c>
      <c r="V13253" s="2">
        <v>1.1539999999999999</v>
      </c>
      <c r="W13253" s="2">
        <v>1.7999999999999999E-2</v>
      </c>
      <c r="X13253" s="2">
        <v>139.1</v>
      </c>
      <c r="Y13253" s="2">
        <v>7.6</v>
      </c>
      <c r="Z13253" s="2">
        <v>16.7</v>
      </c>
      <c r="AA13253" s="5"/>
      <c r="AB13253" s="5" t="s">
        <v>43</v>
      </c>
      <c r="AC13253" s="5" t="s">
        <v>44</v>
      </c>
      <c r="AD13253" s="2"/>
      <c r="AE13253" s="1"/>
    </row>
    <row r="13254" spans="1:31" ht="14.45">
      <c r="A13254" s="11"/>
      <c r="B13254" s="20"/>
      <c r="C13254" s="2" t="s">
        <v>40690</v>
      </c>
      <c r="D13254" s="14" t="s">
        <v>40691</v>
      </c>
      <c r="E13254" s="2" t="s">
        <v>40692</v>
      </c>
      <c r="F13254" s="2" t="s">
        <v>36337</v>
      </c>
      <c r="G13254" s="8">
        <v>196</v>
      </c>
      <c r="H13254" s="5">
        <v>6</v>
      </c>
      <c r="I13254" s="5" t="s">
        <v>1518</v>
      </c>
      <c r="J13254" s="5" t="s">
        <v>36264</v>
      </c>
      <c r="K13254" s="2" t="s">
        <v>36265</v>
      </c>
      <c r="L13254" s="5" t="s">
        <v>36264</v>
      </c>
      <c r="M13254" s="2" t="s">
        <v>36265</v>
      </c>
      <c r="N13254" s="5" t="s">
        <v>36266</v>
      </c>
      <c r="O13254" s="5" t="s">
        <v>38</v>
      </c>
      <c r="P13254" s="5" t="s">
        <v>39</v>
      </c>
      <c r="Q13254" s="5" t="s">
        <v>40</v>
      </c>
      <c r="R13254" s="5" t="s">
        <v>1522</v>
      </c>
      <c r="S13254" s="5" t="s">
        <v>1523</v>
      </c>
      <c r="T13254" s="5" t="s">
        <v>42</v>
      </c>
      <c r="U13254" s="2">
        <v>1.7130000000000001</v>
      </c>
      <c r="V13254" s="2">
        <v>1.1539999999999999</v>
      </c>
      <c r="W13254" s="2">
        <v>1.7999999999999999E-2</v>
      </c>
      <c r="X13254" s="2">
        <v>139.1</v>
      </c>
      <c r="Y13254" s="2">
        <v>7.6</v>
      </c>
      <c r="Z13254" s="2">
        <v>16.7</v>
      </c>
      <c r="AA13254" s="5"/>
      <c r="AB13254" s="5" t="s">
        <v>43</v>
      </c>
      <c r="AC13254" s="5" t="s">
        <v>44</v>
      </c>
      <c r="AD13254" s="2"/>
      <c r="AE13254" s="1"/>
    </row>
    <row r="13255" spans="1:31" ht="14.45">
      <c r="A13255" s="11"/>
      <c r="B13255" s="20"/>
      <c r="C13255" s="2" t="s">
        <v>40693</v>
      </c>
      <c r="D13255" s="14" t="s">
        <v>40694</v>
      </c>
      <c r="E13255" s="2" t="s">
        <v>40695</v>
      </c>
      <c r="F13255" s="2" t="s">
        <v>36345</v>
      </c>
      <c r="G13255" s="8">
        <v>196</v>
      </c>
      <c r="H13255" s="5">
        <v>6</v>
      </c>
      <c r="I13255" s="5" t="s">
        <v>1518</v>
      </c>
      <c r="J13255" s="5" t="s">
        <v>36264</v>
      </c>
      <c r="K13255" s="2" t="s">
        <v>36265</v>
      </c>
      <c r="L13255" s="5" t="s">
        <v>36264</v>
      </c>
      <c r="M13255" s="2" t="s">
        <v>36265</v>
      </c>
      <c r="N13255" s="5" t="s">
        <v>36266</v>
      </c>
      <c r="O13255" s="5" t="s">
        <v>38</v>
      </c>
      <c r="P13255" s="5" t="s">
        <v>39</v>
      </c>
      <c r="Q13255" s="5" t="s">
        <v>40</v>
      </c>
      <c r="R13255" s="5" t="s">
        <v>1522</v>
      </c>
      <c r="S13255" s="5" t="s">
        <v>1523</v>
      </c>
      <c r="T13255" s="5" t="s">
        <v>42</v>
      </c>
      <c r="U13255" s="2">
        <v>1.7130000000000001</v>
      </c>
      <c r="V13255" s="2">
        <v>1.1539999999999999</v>
      </c>
      <c r="W13255" s="2">
        <v>1.7999999999999999E-2</v>
      </c>
      <c r="X13255" s="2">
        <v>139.1</v>
      </c>
      <c r="Y13255" s="2">
        <v>7.6</v>
      </c>
      <c r="Z13255" s="2">
        <v>16.7</v>
      </c>
      <c r="AA13255" s="5"/>
      <c r="AB13255" s="5" t="s">
        <v>43</v>
      </c>
      <c r="AC13255" s="5" t="s">
        <v>44</v>
      </c>
      <c r="AD13255" s="2"/>
      <c r="AE13255" s="1"/>
    </row>
    <row r="13256" spans="1:31" ht="14.45">
      <c r="A13256" s="11"/>
      <c r="B13256" s="20"/>
      <c r="C13256" s="2" t="s">
        <v>40696</v>
      </c>
      <c r="D13256" s="14" t="s">
        <v>40697</v>
      </c>
      <c r="E13256" s="2" t="s">
        <v>40698</v>
      </c>
      <c r="F13256" s="2" t="s">
        <v>36353</v>
      </c>
      <c r="G13256" s="8">
        <v>196</v>
      </c>
      <c r="H13256" s="5">
        <v>6</v>
      </c>
      <c r="I13256" s="5" t="s">
        <v>1518</v>
      </c>
      <c r="J13256" s="5" t="s">
        <v>36264</v>
      </c>
      <c r="K13256" s="2" t="s">
        <v>36265</v>
      </c>
      <c r="L13256" s="5" t="s">
        <v>36264</v>
      </c>
      <c r="M13256" s="2" t="s">
        <v>36265</v>
      </c>
      <c r="N13256" s="5" t="s">
        <v>36266</v>
      </c>
      <c r="O13256" s="5" t="s">
        <v>38</v>
      </c>
      <c r="P13256" s="5" t="s">
        <v>39</v>
      </c>
      <c r="Q13256" s="5" t="s">
        <v>40</v>
      </c>
      <c r="R13256" s="5" t="s">
        <v>1522</v>
      </c>
      <c r="S13256" s="5" t="s">
        <v>1523</v>
      </c>
      <c r="T13256" s="5" t="s">
        <v>42</v>
      </c>
      <c r="U13256" s="2">
        <v>1.7130000000000001</v>
      </c>
      <c r="V13256" s="2">
        <v>1.1539999999999999</v>
      </c>
      <c r="W13256" s="2">
        <v>1.7999999999999999E-2</v>
      </c>
      <c r="X13256" s="2">
        <v>139.1</v>
      </c>
      <c r="Y13256" s="2">
        <v>7.6</v>
      </c>
      <c r="Z13256" s="2">
        <v>16.7</v>
      </c>
      <c r="AA13256" s="5"/>
      <c r="AB13256" s="5" t="s">
        <v>43</v>
      </c>
      <c r="AC13256" s="5" t="s">
        <v>44</v>
      </c>
      <c r="AD13256" s="2"/>
      <c r="AE13256" s="1"/>
    </row>
    <row r="13257" spans="1:31" ht="14.45">
      <c r="A13257" s="11"/>
      <c r="B13257" s="20"/>
      <c r="C13257" s="2" t="s">
        <v>40699</v>
      </c>
      <c r="D13257" s="14" t="s">
        <v>40700</v>
      </c>
      <c r="E13257" s="2" t="s">
        <v>40701</v>
      </c>
      <c r="F13257" s="2" t="s">
        <v>36361</v>
      </c>
      <c r="G13257" s="8">
        <v>196</v>
      </c>
      <c r="H13257" s="5">
        <v>6</v>
      </c>
      <c r="I13257" s="5" t="s">
        <v>1518</v>
      </c>
      <c r="J13257" s="5" t="s">
        <v>36264</v>
      </c>
      <c r="K13257" s="2" t="s">
        <v>36265</v>
      </c>
      <c r="L13257" s="5" t="s">
        <v>36264</v>
      </c>
      <c r="M13257" s="2" t="s">
        <v>36265</v>
      </c>
      <c r="N13257" s="5" t="s">
        <v>36266</v>
      </c>
      <c r="O13257" s="5" t="s">
        <v>38</v>
      </c>
      <c r="P13257" s="5" t="s">
        <v>39</v>
      </c>
      <c r="Q13257" s="5" t="s">
        <v>40</v>
      </c>
      <c r="R13257" s="5" t="s">
        <v>1522</v>
      </c>
      <c r="S13257" s="5" t="s">
        <v>1523</v>
      </c>
      <c r="T13257" s="5" t="s">
        <v>42</v>
      </c>
      <c r="U13257" s="2">
        <v>1.7130000000000001</v>
      </c>
      <c r="V13257" s="2">
        <v>1.1539999999999999</v>
      </c>
      <c r="W13257" s="2">
        <v>1.7999999999999999E-2</v>
      </c>
      <c r="X13257" s="2">
        <v>139.1</v>
      </c>
      <c r="Y13257" s="2">
        <v>7.6</v>
      </c>
      <c r="Z13257" s="2">
        <v>16.7</v>
      </c>
      <c r="AA13257" s="5"/>
      <c r="AB13257" s="5" t="s">
        <v>43</v>
      </c>
      <c r="AC13257" s="5" t="s">
        <v>44</v>
      </c>
      <c r="AD13257" s="2"/>
      <c r="AE13257" s="1"/>
    </row>
    <row r="13258" spans="1:31" ht="14.45">
      <c r="A13258" s="11"/>
      <c r="B13258" s="20"/>
      <c r="C13258" s="2" t="s">
        <v>40702</v>
      </c>
      <c r="D13258" s="14" t="s">
        <v>40703</v>
      </c>
      <c r="E13258" s="2" t="s">
        <v>40704</v>
      </c>
      <c r="F13258" s="2" t="s">
        <v>36369</v>
      </c>
      <c r="G13258" s="8">
        <v>196</v>
      </c>
      <c r="H13258" s="5">
        <v>6</v>
      </c>
      <c r="I13258" s="5" t="s">
        <v>1518</v>
      </c>
      <c r="J13258" s="5" t="s">
        <v>36264</v>
      </c>
      <c r="K13258" s="2" t="s">
        <v>36265</v>
      </c>
      <c r="L13258" s="5" t="s">
        <v>36264</v>
      </c>
      <c r="M13258" s="2" t="s">
        <v>36265</v>
      </c>
      <c r="N13258" s="5" t="s">
        <v>36266</v>
      </c>
      <c r="O13258" s="5" t="s">
        <v>38</v>
      </c>
      <c r="P13258" s="5" t="s">
        <v>39</v>
      </c>
      <c r="Q13258" s="5" t="s">
        <v>40</v>
      </c>
      <c r="R13258" s="5" t="s">
        <v>1522</v>
      </c>
      <c r="S13258" s="5" t="s">
        <v>1523</v>
      </c>
      <c r="T13258" s="5" t="s">
        <v>42</v>
      </c>
      <c r="U13258" s="2">
        <v>1.7130000000000001</v>
      </c>
      <c r="V13258" s="2">
        <v>1.1539999999999999</v>
      </c>
      <c r="W13258" s="2">
        <v>1.7999999999999999E-2</v>
      </c>
      <c r="X13258" s="2">
        <v>139.1</v>
      </c>
      <c r="Y13258" s="2">
        <v>7.6</v>
      </c>
      <c r="Z13258" s="2">
        <v>16.7</v>
      </c>
      <c r="AA13258" s="5"/>
      <c r="AB13258" s="5" t="s">
        <v>43</v>
      </c>
      <c r="AC13258" s="5" t="s">
        <v>44</v>
      </c>
      <c r="AD13258" s="2"/>
      <c r="AE13258" s="1"/>
    </row>
    <row r="13259" spans="1:31" ht="14.45">
      <c r="A13259" s="11"/>
      <c r="B13259" s="20"/>
      <c r="C13259" s="2" t="s">
        <v>40705</v>
      </c>
      <c r="D13259" s="14" t="s">
        <v>40706</v>
      </c>
      <c r="E13259" s="2" t="s">
        <v>40707</v>
      </c>
      <c r="F13259" s="2" t="s">
        <v>36377</v>
      </c>
      <c r="G13259" s="8">
        <v>196</v>
      </c>
      <c r="H13259" s="5">
        <v>6</v>
      </c>
      <c r="I13259" s="5" t="s">
        <v>1518</v>
      </c>
      <c r="J13259" s="5" t="s">
        <v>36264</v>
      </c>
      <c r="K13259" s="2" t="s">
        <v>36265</v>
      </c>
      <c r="L13259" s="5" t="s">
        <v>36264</v>
      </c>
      <c r="M13259" s="2" t="s">
        <v>36265</v>
      </c>
      <c r="N13259" s="5" t="s">
        <v>36266</v>
      </c>
      <c r="O13259" s="5" t="s">
        <v>38</v>
      </c>
      <c r="P13259" s="5" t="s">
        <v>39</v>
      </c>
      <c r="Q13259" s="5" t="s">
        <v>40</v>
      </c>
      <c r="R13259" s="5" t="s">
        <v>1522</v>
      </c>
      <c r="S13259" s="5" t="s">
        <v>1523</v>
      </c>
      <c r="T13259" s="5" t="s">
        <v>42</v>
      </c>
      <c r="U13259" s="2">
        <v>1.7130000000000001</v>
      </c>
      <c r="V13259" s="2">
        <v>1.1539999999999999</v>
      </c>
      <c r="W13259" s="2">
        <v>1.7999999999999999E-2</v>
      </c>
      <c r="X13259" s="2">
        <v>139.1</v>
      </c>
      <c r="Y13259" s="2">
        <v>7.6</v>
      </c>
      <c r="Z13259" s="2">
        <v>16.7</v>
      </c>
      <c r="AA13259" s="5"/>
      <c r="AB13259" s="5" t="s">
        <v>43</v>
      </c>
      <c r="AC13259" s="5" t="s">
        <v>44</v>
      </c>
      <c r="AD13259" s="2"/>
      <c r="AE13259" s="1"/>
    </row>
    <row r="13260" spans="1:31" ht="14.45">
      <c r="A13260" s="11"/>
      <c r="B13260" s="20"/>
      <c r="C13260" s="2" t="s">
        <v>40708</v>
      </c>
      <c r="D13260" s="14" t="s">
        <v>40709</v>
      </c>
      <c r="E13260" s="2" t="s">
        <v>40710</v>
      </c>
      <c r="F13260" s="2" t="s">
        <v>36385</v>
      </c>
      <c r="G13260" s="8">
        <v>196</v>
      </c>
      <c r="H13260" s="5">
        <v>6</v>
      </c>
      <c r="I13260" s="5" t="s">
        <v>1518</v>
      </c>
      <c r="J13260" s="5" t="s">
        <v>36264</v>
      </c>
      <c r="K13260" s="2" t="s">
        <v>36265</v>
      </c>
      <c r="L13260" s="5" t="s">
        <v>36264</v>
      </c>
      <c r="M13260" s="2" t="s">
        <v>36265</v>
      </c>
      <c r="N13260" s="5" t="s">
        <v>36266</v>
      </c>
      <c r="O13260" s="5" t="s">
        <v>38</v>
      </c>
      <c r="P13260" s="5" t="s">
        <v>39</v>
      </c>
      <c r="Q13260" s="5" t="s">
        <v>40</v>
      </c>
      <c r="R13260" s="5" t="s">
        <v>1522</v>
      </c>
      <c r="S13260" s="5" t="s">
        <v>1523</v>
      </c>
      <c r="T13260" s="5" t="s">
        <v>42</v>
      </c>
      <c r="U13260" s="2">
        <v>1.7130000000000001</v>
      </c>
      <c r="V13260" s="2">
        <v>1.1539999999999999</v>
      </c>
      <c r="W13260" s="2">
        <v>1.7999999999999999E-2</v>
      </c>
      <c r="X13260" s="2">
        <v>139.1</v>
      </c>
      <c r="Y13260" s="2">
        <v>7.6</v>
      </c>
      <c r="Z13260" s="2">
        <v>16.7</v>
      </c>
      <c r="AA13260" s="5"/>
      <c r="AB13260" s="5" t="s">
        <v>43</v>
      </c>
      <c r="AC13260" s="5" t="s">
        <v>44</v>
      </c>
      <c r="AD13260" s="2"/>
      <c r="AE13260" s="1"/>
    </row>
    <row r="13261" spans="1:31" ht="14.45">
      <c r="A13261" s="11"/>
      <c r="B13261" s="20"/>
      <c r="C13261" s="2" t="s">
        <v>40711</v>
      </c>
      <c r="D13261" s="14" t="s">
        <v>40712</v>
      </c>
      <c r="E13261" s="2" t="s">
        <v>40713</v>
      </c>
      <c r="F13261" s="2" t="s">
        <v>7204</v>
      </c>
      <c r="G13261" s="8">
        <v>179</v>
      </c>
      <c r="H13261" s="5">
        <v>6</v>
      </c>
      <c r="I13261" s="5" t="s">
        <v>1518</v>
      </c>
      <c r="J13261" s="5" t="s">
        <v>36264</v>
      </c>
      <c r="K13261" s="2" t="s">
        <v>36265</v>
      </c>
      <c r="L13261" s="5" t="s">
        <v>36264</v>
      </c>
      <c r="M13261" s="2" t="s">
        <v>36265</v>
      </c>
      <c r="N13261" s="5" t="s">
        <v>36266</v>
      </c>
      <c r="O13261" s="5" t="s">
        <v>38</v>
      </c>
      <c r="P13261" s="5" t="s">
        <v>39</v>
      </c>
      <c r="Q13261" s="5" t="s">
        <v>40</v>
      </c>
      <c r="R13261" s="5" t="s">
        <v>1522</v>
      </c>
      <c r="S13261" s="5" t="s">
        <v>1523</v>
      </c>
      <c r="T13261" s="5" t="s">
        <v>42</v>
      </c>
      <c r="U13261" s="2">
        <v>1.669</v>
      </c>
      <c r="V13261" s="2">
        <v>1.21</v>
      </c>
      <c r="W13261" s="2">
        <v>1.4999999999999999E-2</v>
      </c>
      <c r="X13261" s="2">
        <v>118.9</v>
      </c>
      <c r="Y13261" s="2">
        <v>7.6</v>
      </c>
      <c r="Z13261" s="2">
        <v>16.7</v>
      </c>
      <c r="AA13261" s="5"/>
      <c r="AB13261" s="5" t="s">
        <v>43</v>
      </c>
      <c r="AC13261" s="5" t="s">
        <v>44</v>
      </c>
      <c r="AD13261" s="2"/>
      <c r="AE13261" s="1"/>
    </row>
    <row r="13262" spans="1:31" ht="14.45">
      <c r="A13262" s="11"/>
      <c r="B13262" s="20"/>
      <c r="C13262" s="2" t="s">
        <v>40714</v>
      </c>
      <c r="D13262" s="14" t="s">
        <v>40715</v>
      </c>
      <c r="E13262" s="2" t="s">
        <v>40716</v>
      </c>
      <c r="F13262" s="2" t="s">
        <v>36273</v>
      </c>
      <c r="G13262" s="8">
        <v>179</v>
      </c>
      <c r="H13262" s="5">
        <v>6</v>
      </c>
      <c r="I13262" s="5" t="s">
        <v>1518</v>
      </c>
      <c r="J13262" s="5" t="s">
        <v>36264</v>
      </c>
      <c r="K13262" s="2" t="s">
        <v>36265</v>
      </c>
      <c r="L13262" s="5" t="s">
        <v>36264</v>
      </c>
      <c r="M13262" s="2" t="s">
        <v>36265</v>
      </c>
      <c r="N13262" s="5" t="s">
        <v>36266</v>
      </c>
      <c r="O13262" s="5" t="s">
        <v>38</v>
      </c>
      <c r="P13262" s="5" t="s">
        <v>39</v>
      </c>
      <c r="Q13262" s="5" t="s">
        <v>40</v>
      </c>
      <c r="R13262" s="5" t="s">
        <v>1522</v>
      </c>
      <c r="S13262" s="5" t="s">
        <v>1523</v>
      </c>
      <c r="T13262" s="5" t="s">
        <v>42</v>
      </c>
      <c r="U13262" s="2">
        <v>1.669</v>
      </c>
      <c r="V13262" s="2">
        <v>1.21</v>
      </c>
      <c r="W13262" s="2">
        <v>1.4999999999999999E-2</v>
      </c>
      <c r="X13262" s="2">
        <v>118.9</v>
      </c>
      <c r="Y13262" s="2">
        <v>7.6</v>
      </c>
      <c r="Z13262" s="2">
        <v>16.7</v>
      </c>
      <c r="AA13262" s="5"/>
      <c r="AB13262" s="5" t="s">
        <v>43</v>
      </c>
      <c r="AC13262" s="5" t="s">
        <v>44</v>
      </c>
      <c r="AD13262" s="2"/>
      <c r="AE13262" s="1"/>
    </row>
    <row r="13263" spans="1:31" ht="14.45">
      <c r="A13263" s="11"/>
      <c r="B13263" s="20"/>
      <c r="C13263" s="2" t="s">
        <v>40717</v>
      </c>
      <c r="D13263" s="14" t="s">
        <v>40718</v>
      </c>
      <c r="E13263" s="2" t="s">
        <v>40719</v>
      </c>
      <c r="F13263" s="2" t="s">
        <v>36281</v>
      </c>
      <c r="G13263" s="8">
        <v>206</v>
      </c>
      <c r="H13263" s="5">
        <v>6</v>
      </c>
      <c r="I13263" s="5" t="s">
        <v>1518</v>
      </c>
      <c r="J13263" s="5" t="s">
        <v>36264</v>
      </c>
      <c r="K13263" s="2" t="s">
        <v>36265</v>
      </c>
      <c r="L13263" s="5" t="s">
        <v>36264</v>
      </c>
      <c r="M13263" s="2" t="s">
        <v>36265</v>
      </c>
      <c r="N13263" s="5" t="s">
        <v>36266</v>
      </c>
      <c r="O13263" s="5" t="s">
        <v>38</v>
      </c>
      <c r="P13263" s="5" t="s">
        <v>39</v>
      </c>
      <c r="Q13263" s="5" t="s">
        <v>40</v>
      </c>
      <c r="R13263" s="5" t="s">
        <v>1522</v>
      </c>
      <c r="S13263" s="5" t="s">
        <v>1523</v>
      </c>
      <c r="T13263" s="5" t="s">
        <v>42</v>
      </c>
      <c r="U13263" s="2">
        <v>1.669</v>
      </c>
      <c r="V13263" s="2">
        <v>1.21</v>
      </c>
      <c r="W13263" s="2">
        <v>1.4999999999999999E-2</v>
      </c>
      <c r="X13263" s="2">
        <v>118.9</v>
      </c>
      <c r="Y13263" s="2">
        <v>7.6</v>
      </c>
      <c r="Z13263" s="2">
        <v>16.7</v>
      </c>
      <c r="AA13263" s="5"/>
      <c r="AB13263" s="5" t="s">
        <v>43</v>
      </c>
      <c r="AC13263" s="5" t="s">
        <v>44</v>
      </c>
      <c r="AD13263" s="2"/>
      <c r="AE13263" s="1"/>
    </row>
    <row r="13264" spans="1:31" ht="14.45">
      <c r="A13264" s="11"/>
      <c r="B13264" s="20"/>
      <c r="C13264" s="2" t="s">
        <v>40720</v>
      </c>
      <c r="D13264" s="14" t="s">
        <v>40721</v>
      </c>
      <c r="E13264" s="2" t="s">
        <v>40722</v>
      </c>
      <c r="F13264" s="2" t="s">
        <v>36289</v>
      </c>
      <c r="G13264" s="8">
        <v>206</v>
      </c>
      <c r="H13264" s="5">
        <v>6</v>
      </c>
      <c r="I13264" s="5" t="s">
        <v>1518</v>
      </c>
      <c r="J13264" s="5" t="s">
        <v>36264</v>
      </c>
      <c r="K13264" s="2" t="s">
        <v>36265</v>
      </c>
      <c r="L13264" s="5" t="s">
        <v>36264</v>
      </c>
      <c r="M13264" s="2" t="s">
        <v>36265</v>
      </c>
      <c r="N13264" s="5" t="s">
        <v>36266</v>
      </c>
      <c r="O13264" s="5" t="s">
        <v>38</v>
      </c>
      <c r="P13264" s="5" t="s">
        <v>39</v>
      </c>
      <c r="Q13264" s="5" t="s">
        <v>40</v>
      </c>
      <c r="R13264" s="5" t="s">
        <v>1522</v>
      </c>
      <c r="S13264" s="5" t="s">
        <v>1523</v>
      </c>
      <c r="T13264" s="5" t="s">
        <v>42</v>
      </c>
      <c r="U13264" s="2">
        <v>1.669</v>
      </c>
      <c r="V13264" s="2">
        <v>1.21</v>
      </c>
      <c r="W13264" s="2">
        <v>1.4999999999999999E-2</v>
      </c>
      <c r="X13264" s="2">
        <v>118.9</v>
      </c>
      <c r="Y13264" s="2">
        <v>7.6</v>
      </c>
      <c r="Z13264" s="2">
        <v>16.7</v>
      </c>
      <c r="AA13264" s="5"/>
      <c r="AB13264" s="5" t="s">
        <v>43</v>
      </c>
      <c r="AC13264" s="5" t="s">
        <v>44</v>
      </c>
      <c r="AD13264" s="2"/>
      <c r="AE13264" s="1"/>
    </row>
    <row r="13265" spans="1:31" ht="14.45">
      <c r="A13265" s="11"/>
      <c r="B13265" s="20"/>
      <c r="C13265" s="2" t="s">
        <v>40723</v>
      </c>
      <c r="D13265" s="14" t="s">
        <v>40724</v>
      </c>
      <c r="E13265" s="2" t="s">
        <v>40725</v>
      </c>
      <c r="F13265" s="2" t="s">
        <v>36297</v>
      </c>
      <c r="G13265" s="8">
        <v>179</v>
      </c>
      <c r="H13265" s="5">
        <v>6</v>
      </c>
      <c r="I13265" s="5" t="s">
        <v>1518</v>
      </c>
      <c r="J13265" s="5" t="s">
        <v>36264</v>
      </c>
      <c r="K13265" s="2" t="s">
        <v>36265</v>
      </c>
      <c r="L13265" s="5" t="s">
        <v>36264</v>
      </c>
      <c r="M13265" s="2" t="s">
        <v>36265</v>
      </c>
      <c r="N13265" s="5" t="s">
        <v>36266</v>
      </c>
      <c r="O13265" s="5" t="s">
        <v>38</v>
      </c>
      <c r="P13265" s="5" t="s">
        <v>39</v>
      </c>
      <c r="Q13265" s="5" t="s">
        <v>40</v>
      </c>
      <c r="R13265" s="5" t="s">
        <v>1522</v>
      </c>
      <c r="S13265" s="5" t="s">
        <v>1523</v>
      </c>
      <c r="T13265" s="5" t="s">
        <v>42</v>
      </c>
      <c r="U13265" s="2">
        <v>1.669</v>
      </c>
      <c r="V13265" s="2">
        <v>1.21</v>
      </c>
      <c r="W13265" s="2">
        <v>1.4999999999999999E-2</v>
      </c>
      <c r="X13265" s="2">
        <v>118.9</v>
      </c>
      <c r="Y13265" s="2">
        <v>7.6</v>
      </c>
      <c r="Z13265" s="2">
        <v>16.7</v>
      </c>
      <c r="AA13265" s="5"/>
      <c r="AB13265" s="5" t="s">
        <v>43</v>
      </c>
      <c r="AC13265" s="5" t="s">
        <v>44</v>
      </c>
      <c r="AD13265" s="2"/>
      <c r="AE13265" s="1"/>
    </row>
    <row r="13266" spans="1:31" ht="14.45">
      <c r="A13266" s="11"/>
      <c r="B13266" s="20"/>
      <c r="C13266" s="2" t="s">
        <v>40726</v>
      </c>
      <c r="D13266" s="14" t="s">
        <v>40727</v>
      </c>
      <c r="E13266" s="2" t="s">
        <v>40728</v>
      </c>
      <c r="F13266" s="2" t="s">
        <v>36305</v>
      </c>
      <c r="G13266" s="8">
        <v>179</v>
      </c>
      <c r="H13266" s="5">
        <v>6</v>
      </c>
      <c r="I13266" s="5" t="s">
        <v>1518</v>
      </c>
      <c r="J13266" s="5" t="s">
        <v>36264</v>
      </c>
      <c r="K13266" s="2" t="s">
        <v>36265</v>
      </c>
      <c r="L13266" s="5" t="s">
        <v>36264</v>
      </c>
      <c r="M13266" s="2" t="s">
        <v>36265</v>
      </c>
      <c r="N13266" s="5" t="s">
        <v>36266</v>
      </c>
      <c r="O13266" s="5" t="s">
        <v>38</v>
      </c>
      <c r="P13266" s="5" t="s">
        <v>39</v>
      </c>
      <c r="Q13266" s="5" t="s">
        <v>40</v>
      </c>
      <c r="R13266" s="5" t="s">
        <v>1522</v>
      </c>
      <c r="S13266" s="5" t="s">
        <v>1523</v>
      </c>
      <c r="T13266" s="5" t="s">
        <v>42</v>
      </c>
      <c r="U13266" s="2">
        <v>1.669</v>
      </c>
      <c r="V13266" s="2">
        <v>1.21</v>
      </c>
      <c r="W13266" s="2">
        <v>1.4999999999999999E-2</v>
      </c>
      <c r="X13266" s="2">
        <v>118.9</v>
      </c>
      <c r="Y13266" s="2">
        <v>7.6</v>
      </c>
      <c r="Z13266" s="2">
        <v>16.7</v>
      </c>
      <c r="AA13266" s="5"/>
      <c r="AB13266" s="5" t="s">
        <v>43</v>
      </c>
      <c r="AC13266" s="5" t="s">
        <v>44</v>
      </c>
      <c r="AD13266" s="2"/>
      <c r="AE13266" s="1"/>
    </row>
    <row r="13267" spans="1:31" ht="14.45">
      <c r="A13267" s="11"/>
      <c r="B13267" s="20"/>
      <c r="C13267" s="2" t="s">
        <v>40729</v>
      </c>
      <c r="D13267" s="14" t="s">
        <v>40730</v>
      </c>
      <c r="E13267" s="2" t="s">
        <v>40731</v>
      </c>
      <c r="F13267" s="2" t="s">
        <v>36313</v>
      </c>
      <c r="G13267" s="8">
        <v>206</v>
      </c>
      <c r="H13267" s="5">
        <v>6</v>
      </c>
      <c r="I13267" s="5" t="s">
        <v>1518</v>
      </c>
      <c r="J13267" s="5" t="s">
        <v>36264</v>
      </c>
      <c r="K13267" s="2" t="s">
        <v>36265</v>
      </c>
      <c r="L13267" s="5" t="s">
        <v>36264</v>
      </c>
      <c r="M13267" s="2" t="s">
        <v>36265</v>
      </c>
      <c r="N13267" s="5" t="s">
        <v>36266</v>
      </c>
      <c r="O13267" s="5" t="s">
        <v>38</v>
      </c>
      <c r="P13267" s="5" t="s">
        <v>39</v>
      </c>
      <c r="Q13267" s="5" t="s">
        <v>40</v>
      </c>
      <c r="R13267" s="5" t="s">
        <v>1522</v>
      </c>
      <c r="S13267" s="5" t="s">
        <v>1523</v>
      </c>
      <c r="T13267" s="5" t="s">
        <v>42</v>
      </c>
      <c r="U13267" s="2">
        <v>1.669</v>
      </c>
      <c r="V13267" s="2">
        <v>1.21</v>
      </c>
      <c r="W13267" s="2">
        <v>1.4999999999999999E-2</v>
      </c>
      <c r="X13267" s="2">
        <v>118.9</v>
      </c>
      <c r="Y13267" s="2">
        <v>7.6</v>
      </c>
      <c r="Z13267" s="2">
        <v>16.7</v>
      </c>
      <c r="AA13267" s="5"/>
      <c r="AB13267" s="5" t="s">
        <v>43</v>
      </c>
      <c r="AC13267" s="5" t="s">
        <v>44</v>
      </c>
      <c r="AD13267" s="2"/>
      <c r="AE13267" s="1"/>
    </row>
    <row r="13268" spans="1:31" ht="14.45">
      <c r="A13268" s="11"/>
      <c r="B13268" s="20"/>
      <c r="C13268" s="2" t="s">
        <v>40732</v>
      </c>
      <c r="D13268" s="14" t="s">
        <v>40733</v>
      </c>
      <c r="E13268" s="2" t="s">
        <v>40734</v>
      </c>
      <c r="F13268" s="2" t="s">
        <v>36321</v>
      </c>
      <c r="G13268" s="8">
        <v>206</v>
      </c>
      <c r="H13268" s="5">
        <v>6</v>
      </c>
      <c r="I13268" s="5" t="s">
        <v>1518</v>
      </c>
      <c r="J13268" s="5" t="s">
        <v>36264</v>
      </c>
      <c r="K13268" s="2" t="s">
        <v>36265</v>
      </c>
      <c r="L13268" s="5" t="s">
        <v>36264</v>
      </c>
      <c r="M13268" s="2" t="s">
        <v>36265</v>
      </c>
      <c r="N13268" s="5" t="s">
        <v>36266</v>
      </c>
      <c r="O13268" s="5" t="s">
        <v>38</v>
      </c>
      <c r="P13268" s="5" t="s">
        <v>39</v>
      </c>
      <c r="Q13268" s="5" t="s">
        <v>40</v>
      </c>
      <c r="R13268" s="5" t="s">
        <v>1522</v>
      </c>
      <c r="S13268" s="5" t="s">
        <v>1523</v>
      </c>
      <c r="T13268" s="5" t="s">
        <v>42</v>
      </c>
      <c r="U13268" s="2">
        <v>1.669</v>
      </c>
      <c r="V13268" s="2">
        <v>1.21</v>
      </c>
      <c r="W13268" s="2">
        <v>1.4999999999999999E-2</v>
      </c>
      <c r="X13268" s="2">
        <v>118.9</v>
      </c>
      <c r="Y13268" s="2">
        <v>7.6</v>
      </c>
      <c r="Z13268" s="2">
        <v>16.7</v>
      </c>
      <c r="AA13268" s="5"/>
      <c r="AB13268" s="5" t="s">
        <v>43</v>
      </c>
      <c r="AC13268" s="5" t="s">
        <v>44</v>
      </c>
      <c r="AD13268" s="2"/>
      <c r="AE13268" s="1"/>
    </row>
    <row r="13269" spans="1:31" ht="14.45">
      <c r="A13269" s="11"/>
      <c r="B13269" s="20"/>
      <c r="C13269" s="2" t="s">
        <v>40735</v>
      </c>
      <c r="D13269" s="14" t="s">
        <v>40736</v>
      </c>
      <c r="E13269" s="2" t="s">
        <v>40737</v>
      </c>
      <c r="F13269" s="2" t="s">
        <v>36329</v>
      </c>
      <c r="G13269" s="8">
        <v>206</v>
      </c>
      <c r="H13269" s="5">
        <v>6</v>
      </c>
      <c r="I13269" s="5" t="s">
        <v>1518</v>
      </c>
      <c r="J13269" s="5" t="s">
        <v>36264</v>
      </c>
      <c r="K13269" s="2" t="s">
        <v>36265</v>
      </c>
      <c r="L13269" s="5" t="s">
        <v>36264</v>
      </c>
      <c r="M13269" s="2" t="s">
        <v>36265</v>
      </c>
      <c r="N13269" s="5" t="s">
        <v>36266</v>
      </c>
      <c r="O13269" s="5" t="s">
        <v>38</v>
      </c>
      <c r="P13269" s="5" t="s">
        <v>39</v>
      </c>
      <c r="Q13269" s="5" t="s">
        <v>40</v>
      </c>
      <c r="R13269" s="5" t="s">
        <v>1522</v>
      </c>
      <c r="S13269" s="5" t="s">
        <v>1523</v>
      </c>
      <c r="T13269" s="5" t="s">
        <v>42</v>
      </c>
      <c r="U13269" s="2">
        <v>1.669</v>
      </c>
      <c r="V13269" s="2">
        <v>1.21</v>
      </c>
      <c r="W13269" s="2">
        <v>1.4999999999999999E-2</v>
      </c>
      <c r="X13269" s="2">
        <v>118.9</v>
      </c>
      <c r="Y13269" s="2">
        <v>7.6</v>
      </c>
      <c r="Z13269" s="2">
        <v>16.7</v>
      </c>
      <c r="AA13269" s="5"/>
      <c r="AB13269" s="5" t="s">
        <v>43</v>
      </c>
      <c r="AC13269" s="5" t="s">
        <v>44</v>
      </c>
      <c r="AD13269" s="2"/>
      <c r="AE13269" s="1"/>
    </row>
    <row r="13270" spans="1:31" ht="14.45">
      <c r="A13270" s="11"/>
      <c r="B13270" s="20"/>
      <c r="C13270" s="2" t="s">
        <v>40738</v>
      </c>
      <c r="D13270" s="14" t="s">
        <v>40739</v>
      </c>
      <c r="E13270" s="2" t="s">
        <v>40740</v>
      </c>
      <c r="F13270" s="2" t="s">
        <v>36337</v>
      </c>
      <c r="G13270" s="8">
        <v>206</v>
      </c>
      <c r="H13270" s="5">
        <v>6</v>
      </c>
      <c r="I13270" s="5" t="s">
        <v>1518</v>
      </c>
      <c r="J13270" s="5" t="s">
        <v>36264</v>
      </c>
      <c r="K13270" s="2" t="s">
        <v>36265</v>
      </c>
      <c r="L13270" s="5" t="s">
        <v>36264</v>
      </c>
      <c r="M13270" s="2" t="s">
        <v>36265</v>
      </c>
      <c r="N13270" s="5" t="s">
        <v>36266</v>
      </c>
      <c r="O13270" s="5" t="s">
        <v>38</v>
      </c>
      <c r="P13270" s="5" t="s">
        <v>39</v>
      </c>
      <c r="Q13270" s="5" t="s">
        <v>40</v>
      </c>
      <c r="R13270" s="5" t="s">
        <v>1522</v>
      </c>
      <c r="S13270" s="5" t="s">
        <v>1523</v>
      </c>
      <c r="T13270" s="5" t="s">
        <v>42</v>
      </c>
      <c r="U13270" s="2">
        <v>1.669</v>
      </c>
      <c r="V13270" s="2">
        <v>1.21</v>
      </c>
      <c r="W13270" s="2">
        <v>1.4999999999999999E-2</v>
      </c>
      <c r="X13270" s="2">
        <v>118.9</v>
      </c>
      <c r="Y13270" s="2">
        <v>7.6</v>
      </c>
      <c r="Z13270" s="2">
        <v>16.7</v>
      </c>
      <c r="AA13270" s="5"/>
      <c r="AB13270" s="5" t="s">
        <v>43</v>
      </c>
      <c r="AC13270" s="5" t="s">
        <v>44</v>
      </c>
      <c r="AD13270" s="2"/>
      <c r="AE13270" s="1"/>
    </row>
    <row r="13271" spans="1:31" ht="14.45">
      <c r="A13271" s="11"/>
      <c r="B13271" s="20"/>
      <c r="C13271" s="2" t="s">
        <v>40741</v>
      </c>
      <c r="D13271" s="14" t="s">
        <v>40742</v>
      </c>
      <c r="E13271" s="2" t="s">
        <v>40743</v>
      </c>
      <c r="F13271" s="2" t="s">
        <v>36345</v>
      </c>
      <c r="G13271" s="8">
        <v>206</v>
      </c>
      <c r="H13271" s="5">
        <v>6</v>
      </c>
      <c r="I13271" s="5" t="s">
        <v>1518</v>
      </c>
      <c r="J13271" s="5" t="s">
        <v>36264</v>
      </c>
      <c r="K13271" s="2" t="s">
        <v>36265</v>
      </c>
      <c r="L13271" s="5" t="s">
        <v>36264</v>
      </c>
      <c r="M13271" s="2" t="s">
        <v>36265</v>
      </c>
      <c r="N13271" s="5" t="s">
        <v>36266</v>
      </c>
      <c r="O13271" s="5" t="s">
        <v>38</v>
      </c>
      <c r="P13271" s="5" t="s">
        <v>39</v>
      </c>
      <c r="Q13271" s="5" t="s">
        <v>40</v>
      </c>
      <c r="R13271" s="5" t="s">
        <v>1522</v>
      </c>
      <c r="S13271" s="5" t="s">
        <v>1523</v>
      </c>
      <c r="T13271" s="5" t="s">
        <v>42</v>
      </c>
      <c r="U13271" s="2">
        <v>1.669</v>
      </c>
      <c r="V13271" s="2">
        <v>1.21</v>
      </c>
      <c r="W13271" s="2">
        <v>1.4999999999999999E-2</v>
      </c>
      <c r="X13271" s="2">
        <v>118.9</v>
      </c>
      <c r="Y13271" s="2">
        <v>7.6</v>
      </c>
      <c r="Z13271" s="2">
        <v>16.7</v>
      </c>
      <c r="AA13271" s="5"/>
      <c r="AB13271" s="5" t="s">
        <v>43</v>
      </c>
      <c r="AC13271" s="5" t="s">
        <v>44</v>
      </c>
      <c r="AD13271" s="2"/>
      <c r="AE13271" s="1"/>
    </row>
    <row r="13272" spans="1:31" ht="14.45">
      <c r="A13272" s="11"/>
      <c r="B13272" s="20"/>
      <c r="C13272" s="2" t="s">
        <v>40744</v>
      </c>
      <c r="D13272" s="14" t="s">
        <v>40745</v>
      </c>
      <c r="E13272" s="2" t="s">
        <v>40746</v>
      </c>
      <c r="F13272" s="2" t="s">
        <v>36353</v>
      </c>
      <c r="G13272" s="8">
        <v>206</v>
      </c>
      <c r="H13272" s="5">
        <v>6</v>
      </c>
      <c r="I13272" s="5" t="s">
        <v>1518</v>
      </c>
      <c r="J13272" s="5" t="s">
        <v>36264</v>
      </c>
      <c r="K13272" s="2" t="s">
        <v>36265</v>
      </c>
      <c r="L13272" s="5" t="s">
        <v>36264</v>
      </c>
      <c r="M13272" s="2" t="s">
        <v>36265</v>
      </c>
      <c r="N13272" s="5" t="s">
        <v>36266</v>
      </c>
      <c r="O13272" s="5" t="s">
        <v>38</v>
      </c>
      <c r="P13272" s="5" t="s">
        <v>39</v>
      </c>
      <c r="Q13272" s="5" t="s">
        <v>40</v>
      </c>
      <c r="R13272" s="5" t="s">
        <v>1522</v>
      </c>
      <c r="S13272" s="5" t="s">
        <v>1523</v>
      </c>
      <c r="T13272" s="5" t="s">
        <v>42</v>
      </c>
      <c r="U13272" s="2">
        <v>1.669</v>
      </c>
      <c r="V13272" s="2">
        <v>1.21</v>
      </c>
      <c r="W13272" s="2">
        <v>1.4999999999999999E-2</v>
      </c>
      <c r="X13272" s="2">
        <v>118.9</v>
      </c>
      <c r="Y13272" s="2">
        <v>7.6</v>
      </c>
      <c r="Z13272" s="2">
        <v>16.7</v>
      </c>
      <c r="AA13272" s="5"/>
      <c r="AB13272" s="5" t="s">
        <v>43</v>
      </c>
      <c r="AC13272" s="5" t="s">
        <v>44</v>
      </c>
      <c r="AD13272" s="2"/>
      <c r="AE13272" s="1"/>
    </row>
    <row r="13273" spans="1:31" ht="14.45">
      <c r="A13273" s="11"/>
      <c r="B13273" s="20"/>
      <c r="C13273" s="2" t="s">
        <v>40747</v>
      </c>
      <c r="D13273" s="14" t="s">
        <v>40748</v>
      </c>
      <c r="E13273" s="2" t="s">
        <v>40749</v>
      </c>
      <c r="F13273" s="2" t="s">
        <v>36361</v>
      </c>
      <c r="G13273" s="8">
        <v>206</v>
      </c>
      <c r="H13273" s="5">
        <v>6</v>
      </c>
      <c r="I13273" s="5" t="s">
        <v>1518</v>
      </c>
      <c r="J13273" s="5" t="s">
        <v>36264</v>
      </c>
      <c r="K13273" s="2" t="s">
        <v>36265</v>
      </c>
      <c r="L13273" s="5" t="s">
        <v>36264</v>
      </c>
      <c r="M13273" s="2" t="s">
        <v>36265</v>
      </c>
      <c r="N13273" s="5" t="s">
        <v>36266</v>
      </c>
      <c r="O13273" s="5" t="s">
        <v>38</v>
      </c>
      <c r="P13273" s="5" t="s">
        <v>39</v>
      </c>
      <c r="Q13273" s="5" t="s">
        <v>40</v>
      </c>
      <c r="R13273" s="5" t="s">
        <v>1522</v>
      </c>
      <c r="S13273" s="5" t="s">
        <v>1523</v>
      </c>
      <c r="T13273" s="5" t="s">
        <v>42</v>
      </c>
      <c r="U13273" s="2">
        <v>1.669</v>
      </c>
      <c r="V13273" s="2">
        <v>1.21</v>
      </c>
      <c r="W13273" s="2">
        <v>1.4999999999999999E-2</v>
      </c>
      <c r="X13273" s="2">
        <v>118.9</v>
      </c>
      <c r="Y13273" s="2">
        <v>7.6</v>
      </c>
      <c r="Z13273" s="2">
        <v>16.7</v>
      </c>
      <c r="AA13273" s="5"/>
      <c r="AB13273" s="5" t="s">
        <v>43</v>
      </c>
      <c r="AC13273" s="5" t="s">
        <v>44</v>
      </c>
      <c r="AD13273" s="2"/>
      <c r="AE13273" s="1"/>
    </row>
    <row r="13274" spans="1:31" ht="14.45">
      <c r="A13274" s="11"/>
      <c r="B13274" s="20"/>
      <c r="C13274" s="2" t="s">
        <v>40750</v>
      </c>
      <c r="D13274" s="14" t="s">
        <v>40751</v>
      </c>
      <c r="E13274" s="2" t="s">
        <v>40752</v>
      </c>
      <c r="F13274" s="2" t="s">
        <v>36369</v>
      </c>
      <c r="G13274" s="8">
        <v>206</v>
      </c>
      <c r="H13274" s="5">
        <v>6</v>
      </c>
      <c r="I13274" s="5" t="s">
        <v>1518</v>
      </c>
      <c r="J13274" s="5" t="s">
        <v>36264</v>
      </c>
      <c r="K13274" s="2" t="s">
        <v>36265</v>
      </c>
      <c r="L13274" s="5" t="s">
        <v>36264</v>
      </c>
      <c r="M13274" s="2" t="s">
        <v>36265</v>
      </c>
      <c r="N13274" s="5" t="s">
        <v>36266</v>
      </c>
      <c r="O13274" s="5" t="s">
        <v>38</v>
      </c>
      <c r="P13274" s="5" t="s">
        <v>39</v>
      </c>
      <c r="Q13274" s="5" t="s">
        <v>40</v>
      </c>
      <c r="R13274" s="5" t="s">
        <v>1522</v>
      </c>
      <c r="S13274" s="5" t="s">
        <v>1523</v>
      </c>
      <c r="T13274" s="5" t="s">
        <v>42</v>
      </c>
      <c r="U13274" s="2">
        <v>1.669</v>
      </c>
      <c r="V13274" s="2">
        <v>1.21</v>
      </c>
      <c r="W13274" s="2">
        <v>1.4999999999999999E-2</v>
      </c>
      <c r="X13274" s="2">
        <v>118.9</v>
      </c>
      <c r="Y13274" s="2">
        <v>7.6</v>
      </c>
      <c r="Z13274" s="2">
        <v>16.7</v>
      </c>
      <c r="AA13274" s="5"/>
      <c r="AB13274" s="5" t="s">
        <v>43</v>
      </c>
      <c r="AC13274" s="5" t="s">
        <v>44</v>
      </c>
      <c r="AD13274" s="2"/>
      <c r="AE13274" s="1"/>
    </row>
    <row r="13275" spans="1:31" ht="14.45">
      <c r="A13275" s="11"/>
      <c r="B13275" s="20"/>
      <c r="C13275" s="2" t="s">
        <v>40753</v>
      </c>
      <c r="D13275" s="14" t="s">
        <v>40754</v>
      </c>
      <c r="E13275" s="2" t="s">
        <v>40755</v>
      </c>
      <c r="F13275" s="2" t="s">
        <v>36377</v>
      </c>
      <c r="G13275" s="8">
        <v>206</v>
      </c>
      <c r="H13275" s="5">
        <v>6</v>
      </c>
      <c r="I13275" s="5" t="s">
        <v>1518</v>
      </c>
      <c r="J13275" s="5" t="s">
        <v>36264</v>
      </c>
      <c r="K13275" s="2" t="s">
        <v>36265</v>
      </c>
      <c r="L13275" s="5" t="s">
        <v>36264</v>
      </c>
      <c r="M13275" s="2" t="s">
        <v>36265</v>
      </c>
      <c r="N13275" s="5" t="s">
        <v>36266</v>
      </c>
      <c r="O13275" s="5" t="s">
        <v>38</v>
      </c>
      <c r="P13275" s="5" t="s">
        <v>39</v>
      </c>
      <c r="Q13275" s="5" t="s">
        <v>40</v>
      </c>
      <c r="R13275" s="5" t="s">
        <v>1522</v>
      </c>
      <c r="S13275" s="5" t="s">
        <v>1523</v>
      </c>
      <c r="T13275" s="5" t="s">
        <v>42</v>
      </c>
      <c r="U13275" s="2">
        <v>1.669</v>
      </c>
      <c r="V13275" s="2">
        <v>1.21</v>
      </c>
      <c r="W13275" s="2">
        <v>1.4999999999999999E-2</v>
      </c>
      <c r="X13275" s="2">
        <v>118.9</v>
      </c>
      <c r="Y13275" s="2">
        <v>7.6</v>
      </c>
      <c r="Z13275" s="2">
        <v>16.7</v>
      </c>
      <c r="AA13275" s="5"/>
      <c r="AB13275" s="5" t="s">
        <v>43</v>
      </c>
      <c r="AC13275" s="5" t="s">
        <v>44</v>
      </c>
      <c r="AD13275" s="2"/>
      <c r="AE13275" s="1"/>
    </row>
    <row r="13276" spans="1:31" ht="14.45">
      <c r="A13276" s="11"/>
      <c r="B13276" s="20"/>
      <c r="C13276" s="2" t="s">
        <v>40756</v>
      </c>
      <c r="D13276" s="14" t="s">
        <v>40757</v>
      </c>
      <c r="E13276" s="2" t="s">
        <v>40758</v>
      </c>
      <c r="F13276" s="2" t="s">
        <v>36385</v>
      </c>
      <c r="G13276" s="8">
        <v>206</v>
      </c>
      <c r="H13276" s="5">
        <v>6</v>
      </c>
      <c r="I13276" s="5" t="s">
        <v>1518</v>
      </c>
      <c r="J13276" s="5" t="s">
        <v>36264</v>
      </c>
      <c r="K13276" s="2" t="s">
        <v>36265</v>
      </c>
      <c r="L13276" s="5" t="s">
        <v>36264</v>
      </c>
      <c r="M13276" s="2" t="s">
        <v>36265</v>
      </c>
      <c r="N13276" s="5" t="s">
        <v>36266</v>
      </c>
      <c r="O13276" s="5" t="s">
        <v>38</v>
      </c>
      <c r="P13276" s="5" t="s">
        <v>39</v>
      </c>
      <c r="Q13276" s="5" t="s">
        <v>40</v>
      </c>
      <c r="R13276" s="5" t="s">
        <v>1522</v>
      </c>
      <c r="S13276" s="5" t="s">
        <v>1523</v>
      </c>
      <c r="T13276" s="5" t="s">
        <v>42</v>
      </c>
      <c r="U13276" s="2">
        <v>1.669</v>
      </c>
      <c r="V13276" s="2">
        <v>1.21</v>
      </c>
      <c r="W13276" s="2">
        <v>1.4999999999999999E-2</v>
      </c>
      <c r="X13276" s="2">
        <v>118.9</v>
      </c>
      <c r="Y13276" s="2">
        <v>7.6</v>
      </c>
      <c r="Z13276" s="2">
        <v>16.7</v>
      </c>
      <c r="AA13276" s="5"/>
      <c r="AB13276" s="5" t="s">
        <v>43</v>
      </c>
      <c r="AC13276" s="5" t="s">
        <v>44</v>
      </c>
      <c r="AD13276" s="2"/>
      <c r="AE13276" s="1"/>
    </row>
    <row r="13277" spans="1:31" ht="14.45">
      <c r="A13277" s="11"/>
      <c r="B13277" s="20"/>
      <c r="C13277" s="2" t="s">
        <v>40759</v>
      </c>
      <c r="D13277" s="14" t="s">
        <v>40760</v>
      </c>
      <c r="E13277" s="2" t="s">
        <v>40761</v>
      </c>
      <c r="F13277" s="2" t="s">
        <v>7204</v>
      </c>
      <c r="G13277" s="8">
        <v>190</v>
      </c>
      <c r="H13277" s="5">
        <v>6</v>
      </c>
      <c r="I13277" s="5" t="s">
        <v>1518</v>
      </c>
      <c r="J13277" s="5" t="s">
        <v>36264</v>
      </c>
      <c r="K13277" s="2" t="s">
        <v>36265</v>
      </c>
      <c r="L13277" s="5" t="s">
        <v>36264</v>
      </c>
      <c r="M13277" s="2" t="s">
        <v>36265</v>
      </c>
      <c r="N13277" s="5" t="s">
        <v>36266</v>
      </c>
      <c r="O13277" s="5" t="s">
        <v>38</v>
      </c>
      <c r="P13277" s="5" t="s">
        <v>39</v>
      </c>
      <c r="Q13277" s="5" t="s">
        <v>40</v>
      </c>
      <c r="R13277" s="5" t="s">
        <v>1522</v>
      </c>
      <c r="S13277" s="5" t="s">
        <v>1523</v>
      </c>
      <c r="T13277" s="5" t="s">
        <v>42</v>
      </c>
      <c r="U13277" s="2">
        <v>1.859</v>
      </c>
      <c r="V13277" s="2">
        <v>1.323</v>
      </c>
      <c r="W13277" s="2">
        <v>1.7999999999999999E-2</v>
      </c>
      <c r="X13277" s="2">
        <v>139.1</v>
      </c>
      <c r="Y13277" s="2">
        <v>7.6</v>
      </c>
      <c r="Z13277" s="2">
        <v>16.7</v>
      </c>
      <c r="AA13277" s="5"/>
      <c r="AB13277" s="5" t="s">
        <v>43</v>
      </c>
      <c r="AC13277" s="5" t="s">
        <v>44</v>
      </c>
      <c r="AD13277" s="2"/>
      <c r="AE13277" s="1"/>
    </row>
    <row r="13278" spans="1:31" ht="14.45">
      <c r="A13278" s="11"/>
      <c r="B13278" s="20"/>
      <c r="C13278" s="2" t="s">
        <v>40762</v>
      </c>
      <c r="D13278" s="14" t="s">
        <v>40763</v>
      </c>
      <c r="E13278" s="2" t="s">
        <v>40764</v>
      </c>
      <c r="F13278" s="2" t="s">
        <v>36273</v>
      </c>
      <c r="G13278" s="8">
        <v>190</v>
      </c>
      <c r="H13278" s="5">
        <v>6</v>
      </c>
      <c r="I13278" s="5" t="s">
        <v>1518</v>
      </c>
      <c r="J13278" s="5" t="s">
        <v>36264</v>
      </c>
      <c r="K13278" s="2" t="s">
        <v>36265</v>
      </c>
      <c r="L13278" s="5" t="s">
        <v>36264</v>
      </c>
      <c r="M13278" s="2" t="s">
        <v>36265</v>
      </c>
      <c r="N13278" s="5" t="s">
        <v>36266</v>
      </c>
      <c r="O13278" s="5" t="s">
        <v>38</v>
      </c>
      <c r="P13278" s="5" t="s">
        <v>39</v>
      </c>
      <c r="Q13278" s="5" t="s">
        <v>40</v>
      </c>
      <c r="R13278" s="5" t="s">
        <v>1522</v>
      </c>
      <c r="S13278" s="5" t="s">
        <v>1523</v>
      </c>
      <c r="T13278" s="5" t="s">
        <v>42</v>
      </c>
      <c r="U13278" s="2">
        <v>1.859</v>
      </c>
      <c r="V13278" s="2">
        <v>1.323</v>
      </c>
      <c r="W13278" s="2">
        <v>1.7999999999999999E-2</v>
      </c>
      <c r="X13278" s="2">
        <v>139.1</v>
      </c>
      <c r="Y13278" s="2">
        <v>7.6</v>
      </c>
      <c r="Z13278" s="2">
        <v>16.7</v>
      </c>
      <c r="AA13278" s="5"/>
      <c r="AB13278" s="5" t="s">
        <v>43</v>
      </c>
      <c r="AC13278" s="5" t="s">
        <v>44</v>
      </c>
      <c r="AD13278" s="2"/>
      <c r="AE13278" s="1"/>
    </row>
    <row r="13279" spans="1:31" ht="14.45">
      <c r="A13279" s="11"/>
      <c r="B13279" s="20"/>
      <c r="C13279" s="2" t="s">
        <v>40765</v>
      </c>
      <c r="D13279" s="14" t="s">
        <v>40766</v>
      </c>
      <c r="E13279" s="2" t="s">
        <v>40767</v>
      </c>
      <c r="F13279" s="2" t="s">
        <v>36281</v>
      </c>
      <c r="G13279" s="8">
        <v>218</v>
      </c>
      <c r="H13279" s="5">
        <v>6</v>
      </c>
      <c r="I13279" s="5" t="s">
        <v>1518</v>
      </c>
      <c r="J13279" s="5" t="s">
        <v>36264</v>
      </c>
      <c r="K13279" s="2" t="s">
        <v>36265</v>
      </c>
      <c r="L13279" s="5" t="s">
        <v>36264</v>
      </c>
      <c r="M13279" s="2" t="s">
        <v>36265</v>
      </c>
      <c r="N13279" s="5" t="s">
        <v>36266</v>
      </c>
      <c r="O13279" s="5" t="s">
        <v>38</v>
      </c>
      <c r="P13279" s="5" t="s">
        <v>39</v>
      </c>
      <c r="Q13279" s="5" t="s">
        <v>40</v>
      </c>
      <c r="R13279" s="5" t="s">
        <v>1522</v>
      </c>
      <c r="S13279" s="5" t="s">
        <v>1523</v>
      </c>
      <c r="T13279" s="5" t="s">
        <v>42</v>
      </c>
      <c r="U13279" s="2">
        <v>1.859</v>
      </c>
      <c r="V13279" s="2">
        <v>1.323</v>
      </c>
      <c r="W13279" s="2">
        <v>1.7999999999999999E-2</v>
      </c>
      <c r="X13279" s="2">
        <v>139.1</v>
      </c>
      <c r="Y13279" s="2">
        <v>7.6</v>
      </c>
      <c r="Z13279" s="2">
        <v>16.7</v>
      </c>
      <c r="AA13279" s="5"/>
      <c r="AB13279" s="5" t="s">
        <v>43</v>
      </c>
      <c r="AC13279" s="5" t="s">
        <v>44</v>
      </c>
      <c r="AD13279" s="2"/>
      <c r="AE13279" s="1"/>
    </row>
    <row r="13280" spans="1:31" ht="14.45">
      <c r="A13280" s="11"/>
      <c r="B13280" s="20"/>
      <c r="C13280" s="2" t="s">
        <v>40768</v>
      </c>
      <c r="D13280" s="14" t="s">
        <v>40769</v>
      </c>
      <c r="E13280" s="2" t="s">
        <v>40770</v>
      </c>
      <c r="F13280" s="2" t="s">
        <v>36289</v>
      </c>
      <c r="G13280" s="8">
        <v>218</v>
      </c>
      <c r="H13280" s="5">
        <v>6</v>
      </c>
      <c r="I13280" s="5" t="s">
        <v>1518</v>
      </c>
      <c r="J13280" s="5" t="s">
        <v>36264</v>
      </c>
      <c r="K13280" s="2" t="s">
        <v>36265</v>
      </c>
      <c r="L13280" s="5" t="s">
        <v>36264</v>
      </c>
      <c r="M13280" s="2" t="s">
        <v>36265</v>
      </c>
      <c r="N13280" s="5" t="s">
        <v>36266</v>
      </c>
      <c r="O13280" s="5" t="s">
        <v>38</v>
      </c>
      <c r="P13280" s="5" t="s">
        <v>39</v>
      </c>
      <c r="Q13280" s="5" t="s">
        <v>40</v>
      </c>
      <c r="R13280" s="5" t="s">
        <v>1522</v>
      </c>
      <c r="S13280" s="5" t="s">
        <v>1523</v>
      </c>
      <c r="T13280" s="5" t="s">
        <v>42</v>
      </c>
      <c r="U13280" s="2">
        <v>1.859</v>
      </c>
      <c r="V13280" s="2">
        <v>1.323</v>
      </c>
      <c r="W13280" s="2">
        <v>1.7999999999999999E-2</v>
      </c>
      <c r="X13280" s="2">
        <v>139.1</v>
      </c>
      <c r="Y13280" s="2">
        <v>7.6</v>
      </c>
      <c r="Z13280" s="2">
        <v>16.7</v>
      </c>
      <c r="AA13280" s="5"/>
      <c r="AB13280" s="5" t="s">
        <v>43</v>
      </c>
      <c r="AC13280" s="5" t="s">
        <v>44</v>
      </c>
      <c r="AD13280" s="2"/>
      <c r="AE13280" s="1"/>
    </row>
    <row r="13281" spans="1:31" ht="14.45">
      <c r="A13281" s="11"/>
      <c r="B13281" s="20"/>
      <c r="C13281" s="2" t="s">
        <v>40771</v>
      </c>
      <c r="D13281" s="14" t="s">
        <v>40772</v>
      </c>
      <c r="E13281" s="2" t="s">
        <v>40773</v>
      </c>
      <c r="F13281" s="2" t="s">
        <v>36297</v>
      </c>
      <c r="G13281" s="8">
        <v>190</v>
      </c>
      <c r="H13281" s="5">
        <v>6</v>
      </c>
      <c r="I13281" s="5" t="s">
        <v>1518</v>
      </c>
      <c r="J13281" s="5" t="s">
        <v>36264</v>
      </c>
      <c r="K13281" s="2" t="s">
        <v>36265</v>
      </c>
      <c r="L13281" s="5" t="s">
        <v>36264</v>
      </c>
      <c r="M13281" s="2" t="s">
        <v>36265</v>
      </c>
      <c r="N13281" s="5" t="s">
        <v>36266</v>
      </c>
      <c r="O13281" s="5" t="s">
        <v>38</v>
      </c>
      <c r="P13281" s="5" t="s">
        <v>39</v>
      </c>
      <c r="Q13281" s="5" t="s">
        <v>40</v>
      </c>
      <c r="R13281" s="5" t="s">
        <v>1522</v>
      </c>
      <c r="S13281" s="5" t="s">
        <v>1523</v>
      </c>
      <c r="T13281" s="5" t="s">
        <v>42</v>
      </c>
      <c r="U13281" s="2">
        <v>1.859</v>
      </c>
      <c r="V13281" s="2">
        <v>1.323</v>
      </c>
      <c r="W13281" s="2">
        <v>1.7999999999999999E-2</v>
      </c>
      <c r="X13281" s="2">
        <v>139.1</v>
      </c>
      <c r="Y13281" s="2">
        <v>7.6</v>
      </c>
      <c r="Z13281" s="2">
        <v>16.7</v>
      </c>
      <c r="AA13281" s="5"/>
      <c r="AB13281" s="5" t="s">
        <v>43</v>
      </c>
      <c r="AC13281" s="5" t="s">
        <v>44</v>
      </c>
      <c r="AD13281" s="2"/>
      <c r="AE13281" s="1"/>
    </row>
    <row r="13282" spans="1:31" ht="14.45">
      <c r="A13282" s="11"/>
      <c r="B13282" s="20"/>
      <c r="C13282" s="2" t="s">
        <v>40774</v>
      </c>
      <c r="D13282" s="14" t="s">
        <v>40775</v>
      </c>
      <c r="E13282" s="2" t="s">
        <v>40776</v>
      </c>
      <c r="F13282" s="2" t="s">
        <v>36305</v>
      </c>
      <c r="G13282" s="8">
        <v>190</v>
      </c>
      <c r="H13282" s="5">
        <v>6</v>
      </c>
      <c r="I13282" s="5" t="s">
        <v>1518</v>
      </c>
      <c r="J13282" s="5" t="s">
        <v>36264</v>
      </c>
      <c r="K13282" s="2" t="s">
        <v>36265</v>
      </c>
      <c r="L13282" s="5" t="s">
        <v>36264</v>
      </c>
      <c r="M13282" s="2" t="s">
        <v>36265</v>
      </c>
      <c r="N13282" s="5" t="s">
        <v>36266</v>
      </c>
      <c r="O13282" s="5" t="s">
        <v>38</v>
      </c>
      <c r="P13282" s="5" t="s">
        <v>39</v>
      </c>
      <c r="Q13282" s="5" t="s">
        <v>40</v>
      </c>
      <c r="R13282" s="5" t="s">
        <v>1522</v>
      </c>
      <c r="S13282" s="5" t="s">
        <v>1523</v>
      </c>
      <c r="T13282" s="5" t="s">
        <v>42</v>
      </c>
      <c r="U13282" s="2">
        <v>1.859</v>
      </c>
      <c r="V13282" s="2">
        <v>1.323</v>
      </c>
      <c r="W13282" s="2">
        <v>1.7999999999999999E-2</v>
      </c>
      <c r="X13282" s="2">
        <v>139.1</v>
      </c>
      <c r="Y13282" s="2">
        <v>7.6</v>
      </c>
      <c r="Z13282" s="2">
        <v>16.7</v>
      </c>
      <c r="AA13282" s="5"/>
      <c r="AB13282" s="5" t="s">
        <v>43</v>
      </c>
      <c r="AC13282" s="5" t="s">
        <v>44</v>
      </c>
      <c r="AD13282" s="2"/>
      <c r="AE13282" s="1"/>
    </row>
    <row r="13283" spans="1:31" ht="14.45">
      <c r="A13283" s="11"/>
      <c r="B13283" s="20"/>
      <c r="C13283" s="2" t="s">
        <v>40777</v>
      </c>
      <c r="D13283" s="14" t="s">
        <v>40778</v>
      </c>
      <c r="E13283" s="2" t="s">
        <v>40779</v>
      </c>
      <c r="F13283" s="2" t="s">
        <v>36313</v>
      </c>
      <c r="G13283" s="8">
        <v>218</v>
      </c>
      <c r="H13283" s="5">
        <v>6</v>
      </c>
      <c r="I13283" s="5" t="s">
        <v>1518</v>
      </c>
      <c r="J13283" s="5" t="s">
        <v>36264</v>
      </c>
      <c r="K13283" s="2" t="s">
        <v>36265</v>
      </c>
      <c r="L13283" s="5" t="s">
        <v>36264</v>
      </c>
      <c r="M13283" s="2" t="s">
        <v>36265</v>
      </c>
      <c r="N13283" s="5" t="s">
        <v>36266</v>
      </c>
      <c r="O13283" s="5" t="s">
        <v>38</v>
      </c>
      <c r="P13283" s="5" t="s">
        <v>39</v>
      </c>
      <c r="Q13283" s="5" t="s">
        <v>40</v>
      </c>
      <c r="R13283" s="5" t="s">
        <v>1522</v>
      </c>
      <c r="S13283" s="5" t="s">
        <v>1523</v>
      </c>
      <c r="T13283" s="5" t="s">
        <v>42</v>
      </c>
      <c r="U13283" s="2">
        <v>1.859</v>
      </c>
      <c r="V13283" s="2">
        <v>1.323</v>
      </c>
      <c r="W13283" s="2">
        <v>1.7999999999999999E-2</v>
      </c>
      <c r="X13283" s="2">
        <v>139.1</v>
      </c>
      <c r="Y13283" s="2">
        <v>7.6</v>
      </c>
      <c r="Z13283" s="2">
        <v>16.7</v>
      </c>
      <c r="AA13283" s="5"/>
      <c r="AB13283" s="5" t="s">
        <v>43</v>
      </c>
      <c r="AC13283" s="5" t="s">
        <v>44</v>
      </c>
      <c r="AD13283" s="2"/>
      <c r="AE13283" s="1"/>
    </row>
    <row r="13284" spans="1:31" ht="14.45">
      <c r="A13284" s="11"/>
      <c r="B13284" s="20"/>
      <c r="C13284" s="2" t="s">
        <v>40780</v>
      </c>
      <c r="D13284" s="14" t="s">
        <v>40781</v>
      </c>
      <c r="E13284" s="2" t="s">
        <v>40782</v>
      </c>
      <c r="F13284" s="2" t="s">
        <v>36321</v>
      </c>
      <c r="G13284" s="8">
        <v>218</v>
      </c>
      <c r="H13284" s="5">
        <v>6</v>
      </c>
      <c r="I13284" s="5" t="s">
        <v>1518</v>
      </c>
      <c r="J13284" s="5" t="s">
        <v>36264</v>
      </c>
      <c r="K13284" s="2" t="s">
        <v>36265</v>
      </c>
      <c r="L13284" s="5" t="s">
        <v>36264</v>
      </c>
      <c r="M13284" s="2" t="s">
        <v>36265</v>
      </c>
      <c r="N13284" s="5" t="s">
        <v>36266</v>
      </c>
      <c r="O13284" s="5" t="s">
        <v>38</v>
      </c>
      <c r="P13284" s="5" t="s">
        <v>39</v>
      </c>
      <c r="Q13284" s="5" t="s">
        <v>40</v>
      </c>
      <c r="R13284" s="5" t="s">
        <v>1522</v>
      </c>
      <c r="S13284" s="5" t="s">
        <v>1523</v>
      </c>
      <c r="T13284" s="5" t="s">
        <v>42</v>
      </c>
      <c r="U13284" s="2">
        <v>1.859</v>
      </c>
      <c r="V13284" s="2">
        <v>1.323</v>
      </c>
      <c r="W13284" s="2">
        <v>1.7999999999999999E-2</v>
      </c>
      <c r="X13284" s="2">
        <v>139.1</v>
      </c>
      <c r="Y13284" s="2">
        <v>7.6</v>
      </c>
      <c r="Z13284" s="2">
        <v>16.7</v>
      </c>
      <c r="AA13284" s="5"/>
      <c r="AB13284" s="5" t="s">
        <v>43</v>
      </c>
      <c r="AC13284" s="5" t="s">
        <v>44</v>
      </c>
      <c r="AD13284" s="2"/>
      <c r="AE13284" s="1"/>
    </row>
    <row r="13285" spans="1:31" ht="14.45">
      <c r="A13285" s="11"/>
      <c r="B13285" s="20"/>
      <c r="C13285" s="2" t="s">
        <v>40783</v>
      </c>
      <c r="D13285" s="14" t="s">
        <v>40784</v>
      </c>
      <c r="E13285" s="2" t="s">
        <v>40785</v>
      </c>
      <c r="F13285" s="2" t="s">
        <v>36329</v>
      </c>
      <c r="G13285" s="8">
        <v>218</v>
      </c>
      <c r="H13285" s="5">
        <v>6</v>
      </c>
      <c r="I13285" s="5" t="s">
        <v>1518</v>
      </c>
      <c r="J13285" s="5" t="s">
        <v>36264</v>
      </c>
      <c r="K13285" s="2" t="s">
        <v>36265</v>
      </c>
      <c r="L13285" s="5" t="s">
        <v>36264</v>
      </c>
      <c r="M13285" s="2" t="s">
        <v>36265</v>
      </c>
      <c r="N13285" s="5" t="s">
        <v>36266</v>
      </c>
      <c r="O13285" s="5" t="s">
        <v>38</v>
      </c>
      <c r="P13285" s="5" t="s">
        <v>39</v>
      </c>
      <c r="Q13285" s="5" t="s">
        <v>40</v>
      </c>
      <c r="R13285" s="5" t="s">
        <v>1522</v>
      </c>
      <c r="S13285" s="5" t="s">
        <v>1523</v>
      </c>
      <c r="T13285" s="5" t="s">
        <v>42</v>
      </c>
      <c r="U13285" s="2">
        <v>1.859</v>
      </c>
      <c r="V13285" s="2">
        <v>1.323</v>
      </c>
      <c r="W13285" s="2">
        <v>1.7999999999999999E-2</v>
      </c>
      <c r="X13285" s="2">
        <v>139.1</v>
      </c>
      <c r="Y13285" s="2">
        <v>7.6</v>
      </c>
      <c r="Z13285" s="2">
        <v>16.7</v>
      </c>
      <c r="AA13285" s="5"/>
      <c r="AB13285" s="5" t="s">
        <v>43</v>
      </c>
      <c r="AC13285" s="5" t="s">
        <v>44</v>
      </c>
      <c r="AD13285" s="2"/>
      <c r="AE13285" s="1"/>
    </row>
    <row r="13286" spans="1:31" ht="14.45">
      <c r="A13286" s="11"/>
      <c r="B13286" s="20"/>
      <c r="C13286" s="2" t="s">
        <v>40786</v>
      </c>
      <c r="D13286" s="14" t="s">
        <v>40787</v>
      </c>
      <c r="E13286" s="2" t="s">
        <v>40788</v>
      </c>
      <c r="F13286" s="2" t="s">
        <v>36337</v>
      </c>
      <c r="G13286" s="8">
        <v>218</v>
      </c>
      <c r="H13286" s="5">
        <v>6</v>
      </c>
      <c r="I13286" s="5" t="s">
        <v>1518</v>
      </c>
      <c r="J13286" s="5" t="s">
        <v>36264</v>
      </c>
      <c r="K13286" s="2" t="s">
        <v>36265</v>
      </c>
      <c r="L13286" s="5" t="s">
        <v>36264</v>
      </c>
      <c r="M13286" s="2" t="s">
        <v>36265</v>
      </c>
      <c r="N13286" s="5" t="s">
        <v>36266</v>
      </c>
      <c r="O13286" s="5" t="s">
        <v>38</v>
      </c>
      <c r="P13286" s="5" t="s">
        <v>39</v>
      </c>
      <c r="Q13286" s="5" t="s">
        <v>40</v>
      </c>
      <c r="R13286" s="5" t="s">
        <v>1522</v>
      </c>
      <c r="S13286" s="5" t="s">
        <v>1523</v>
      </c>
      <c r="T13286" s="5" t="s">
        <v>42</v>
      </c>
      <c r="U13286" s="2">
        <v>1.859</v>
      </c>
      <c r="V13286" s="2">
        <v>1.323</v>
      </c>
      <c r="W13286" s="2">
        <v>1.7999999999999999E-2</v>
      </c>
      <c r="X13286" s="2">
        <v>139.1</v>
      </c>
      <c r="Y13286" s="2">
        <v>7.6</v>
      </c>
      <c r="Z13286" s="2">
        <v>16.7</v>
      </c>
      <c r="AA13286" s="5"/>
      <c r="AB13286" s="5" t="s">
        <v>43</v>
      </c>
      <c r="AC13286" s="5" t="s">
        <v>44</v>
      </c>
      <c r="AD13286" s="2"/>
      <c r="AE13286" s="1"/>
    </row>
    <row r="13287" spans="1:31" ht="14.45">
      <c r="A13287" s="11"/>
      <c r="B13287" s="20"/>
      <c r="C13287" s="2" t="s">
        <v>40789</v>
      </c>
      <c r="D13287" s="14" t="s">
        <v>40790</v>
      </c>
      <c r="E13287" s="2" t="s">
        <v>40791</v>
      </c>
      <c r="F13287" s="2" t="s">
        <v>36345</v>
      </c>
      <c r="G13287" s="8">
        <v>218</v>
      </c>
      <c r="H13287" s="5">
        <v>6</v>
      </c>
      <c r="I13287" s="5" t="s">
        <v>1518</v>
      </c>
      <c r="J13287" s="5" t="s">
        <v>36264</v>
      </c>
      <c r="K13287" s="2" t="s">
        <v>36265</v>
      </c>
      <c r="L13287" s="5" t="s">
        <v>36264</v>
      </c>
      <c r="M13287" s="2" t="s">
        <v>36265</v>
      </c>
      <c r="N13287" s="5" t="s">
        <v>36266</v>
      </c>
      <c r="O13287" s="5" t="s">
        <v>38</v>
      </c>
      <c r="P13287" s="5" t="s">
        <v>39</v>
      </c>
      <c r="Q13287" s="5" t="s">
        <v>40</v>
      </c>
      <c r="R13287" s="5" t="s">
        <v>1522</v>
      </c>
      <c r="S13287" s="5" t="s">
        <v>1523</v>
      </c>
      <c r="T13287" s="5" t="s">
        <v>42</v>
      </c>
      <c r="U13287" s="2">
        <v>1.859</v>
      </c>
      <c r="V13287" s="2">
        <v>1.323</v>
      </c>
      <c r="W13287" s="2">
        <v>1.7999999999999999E-2</v>
      </c>
      <c r="X13287" s="2">
        <v>139.1</v>
      </c>
      <c r="Y13287" s="2">
        <v>7.6</v>
      </c>
      <c r="Z13287" s="2">
        <v>16.7</v>
      </c>
      <c r="AA13287" s="5"/>
      <c r="AB13287" s="5" t="s">
        <v>43</v>
      </c>
      <c r="AC13287" s="5" t="s">
        <v>44</v>
      </c>
      <c r="AD13287" s="2"/>
      <c r="AE13287" s="1"/>
    </row>
    <row r="13288" spans="1:31" ht="14.45">
      <c r="A13288" s="11"/>
      <c r="B13288" s="20"/>
      <c r="C13288" s="2" t="s">
        <v>40792</v>
      </c>
      <c r="D13288" s="14" t="s">
        <v>40793</v>
      </c>
      <c r="E13288" s="2" t="s">
        <v>40794</v>
      </c>
      <c r="F13288" s="2" t="s">
        <v>36353</v>
      </c>
      <c r="G13288" s="8">
        <v>218</v>
      </c>
      <c r="H13288" s="5">
        <v>6</v>
      </c>
      <c r="I13288" s="5" t="s">
        <v>1518</v>
      </c>
      <c r="J13288" s="5" t="s">
        <v>36264</v>
      </c>
      <c r="K13288" s="2" t="s">
        <v>36265</v>
      </c>
      <c r="L13288" s="5" t="s">
        <v>36264</v>
      </c>
      <c r="M13288" s="2" t="s">
        <v>36265</v>
      </c>
      <c r="N13288" s="5" t="s">
        <v>36266</v>
      </c>
      <c r="O13288" s="5" t="s">
        <v>38</v>
      </c>
      <c r="P13288" s="5" t="s">
        <v>39</v>
      </c>
      <c r="Q13288" s="5" t="s">
        <v>40</v>
      </c>
      <c r="R13288" s="5" t="s">
        <v>1522</v>
      </c>
      <c r="S13288" s="5" t="s">
        <v>1523</v>
      </c>
      <c r="T13288" s="5" t="s">
        <v>42</v>
      </c>
      <c r="U13288" s="2">
        <v>1.859</v>
      </c>
      <c r="V13288" s="2">
        <v>1.323</v>
      </c>
      <c r="W13288" s="2">
        <v>1.7999999999999999E-2</v>
      </c>
      <c r="X13288" s="2">
        <v>139.1</v>
      </c>
      <c r="Y13288" s="2">
        <v>7.6</v>
      </c>
      <c r="Z13288" s="2">
        <v>16.7</v>
      </c>
      <c r="AA13288" s="5"/>
      <c r="AB13288" s="5" t="s">
        <v>43</v>
      </c>
      <c r="AC13288" s="5" t="s">
        <v>44</v>
      </c>
      <c r="AD13288" s="2"/>
      <c r="AE13288" s="1"/>
    </row>
    <row r="13289" spans="1:31" ht="14.45">
      <c r="A13289" s="11"/>
      <c r="B13289" s="20"/>
      <c r="C13289" s="2" t="s">
        <v>40795</v>
      </c>
      <c r="D13289" s="14" t="s">
        <v>40796</v>
      </c>
      <c r="E13289" s="2" t="s">
        <v>40797</v>
      </c>
      <c r="F13289" s="2" t="s">
        <v>36361</v>
      </c>
      <c r="G13289" s="8">
        <v>218</v>
      </c>
      <c r="H13289" s="5">
        <v>6</v>
      </c>
      <c r="I13289" s="5" t="s">
        <v>1518</v>
      </c>
      <c r="J13289" s="5" t="s">
        <v>36264</v>
      </c>
      <c r="K13289" s="2" t="s">
        <v>36265</v>
      </c>
      <c r="L13289" s="5" t="s">
        <v>36264</v>
      </c>
      <c r="M13289" s="2" t="s">
        <v>36265</v>
      </c>
      <c r="N13289" s="5" t="s">
        <v>36266</v>
      </c>
      <c r="O13289" s="5" t="s">
        <v>38</v>
      </c>
      <c r="P13289" s="5" t="s">
        <v>39</v>
      </c>
      <c r="Q13289" s="5" t="s">
        <v>40</v>
      </c>
      <c r="R13289" s="5" t="s">
        <v>1522</v>
      </c>
      <c r="S13289" s="5" t="s">
        <v>1523</v>
      </c>
      <c r="T13289" s="5" t="s">
        <v>42</v>
      </c>
      <c r="U13289" s="2">
        <v>1.859</v>
      </c>
      <c r="V13289" s="2">
        <v>1.323</v>
      </c>
      <c r="W13289" s="2">
        <v>1.7999999999999999E-2</v>
      </c>
      <c r="X13289" s="2">
        <v>139.1</v>
      </c>
      <c r="Y13289" s="2">
        <v>7.6</v>
      </c>
      <c r="Z13289" s="2">
        <v>16.7</v>
      </c>
      <c r="AA13289" s="5"/>
      <c r="AB13289" s="5" t="s">
        <v>43</v>
      </c>
      <c r="AC13289" s="5" t="s">
        <v>44</v>
      </c>
      <c r="AD13289" s="2"/>
      <c r="AE13289" s="1"/>
    </row>
    <row r="13290" spans="1:31" ht="14.45">
      <c r="A13290" s="11"/>
      <c r="B13290" s="20"/>
      <c r="C13290" s="2" t="s">
        <v>40798</v>
      </c>
      <c r="D13290" s="14" t="s">
        <v>40799</v>
      </c>
      <c r="E13290" s="2" t="s">
        <v>40800</v>
      </c>
      <c r="F13290" s="2" t="s">
        <v>36369</v>
      </c>
      <c r="G13290" s="8">
        <v>218</v>
      </c>
      <c r="H13290" s="5">
        <v>6</v>
      </c>
      <c r="I13290" s="5" t="s">
        <v>1518</v>
      </c>
      <c r="J13290" s="5" t="s">
        <v>36264</v>
      </c>
      <c r="K13290" s="2" t="s">
        <v>36265</v>
      </c>
      <c r="L13290" s="5" t="s">
        <v>36264</v>
      </c>
      <c r="M13290" s="2" t="s">
        <v>36265</v>
      </c>
      <c r="N13290" s="5" t="s">
        <v>36266</v>
      </c>
      <c r="O13290" s="5" t="s">
        <v>38</v>
      </c>
      <c r="P13290" s="5" t="s">
        <v>39</v>
      </c>
      <c r="Q13290" s="5" t="s">
        <v>40</v>
      </c>
      <c r="R13290" s="5" t="s">
        <v>1522</v>
      </c>
      <c r="S13290" s="5" t="s">
        <v>1523</v>
      </c>
      <c r="T13290" s="5" t="s">
        <v>42</v>
      </c>
      <c r="U13290" s="2">
        <v>1.859</v>
      </c>
      <c r="V13290" s="2">
        <v>1.323</v>
      </c>
      <c r="W13290" s="2">
        <v>1.7999999999999999E-2</v>
      </c>
      <c r="X13290" s="2">
        <v>139.1</v>
      </c>
      <c r="Y13290" s="2">
        <v>7.6</v>
      </c>
      <c r="Z13290" s="2">
        <v>16.7</v>
      </c>
      <c r="AA13290" s="5"/>
      <c r="AB13290" s="5" t="s">
        <v>43</v>
      </c>
      <c r="AC13290" s="5" t="s">
        <v>44</v>
      </c>
      <c r="AD13290" s="2"/>
      <c r="AE13290" s="1"/>
    </row>
    <row r="13291" spans="1:31" ht="14.45">
      <c r="A13291" s="11"/>
      <c r="B13291" s="20"/>
      <c r="C13291" s="2" t="s">
        <v>40801</v>
      </c>
      <c r="D13291" s="14" t="s">
        <v>40802</v>
      </c>
      <c r="E13291" s="2" t="s">
        <v>40803</v>
      </c>
      <c r="F13291" s="2" t="s">
        <v>36377</v>
      </c>
      <c r="G13291" s="8">
        <v>218</v>
      </c>
      <c r="H13291" s="5">
        <v>6</v>
      </c>
      <c r="I13291" s="5" t="s">
        <v>1518</v>
      </c>
      <c r="J13291" s="5" t="s">
        <v>36264</v>
      </c>
      <c r="K13291" s="2" t="s">
        <v>36265</v>
      </c>
      <c r="L13291" s="5" t="s">
        <v>36264</v>
      </c>
      <c r="M13291" s="2" t="s">
        <v>36265</v>
      </c>
      <c r="N13291" s="5" t="s">
        <v>36266</v>
      </c>
      <c r="O13291" s="5" t="s">
        <v>38</v>
      </c>
      <c r="P13291" s="5" t="s">
        <v>39</v>
      </c>
      <c r="Q13291" s="5" t="s">
        <v>40</v>
      </c>
      <c r="R13291" s="5" t="s">
        <v>1522</v>
      </c>
      <c r="S13291" s="5" t="s">
        <v>1523</v>
      </c>
      <c r="T13291" s="5" t="s">
        <v>42</v>
      </c>
      <c r="U13291" s="2">
        <v>1.859</v>
      </c>
      <c r="V13291" s="2">
        <v>1.323</v>
      </c>
      <c r="W13291" s="2">
        <v>1.7999999999999999E-2</v>
      </c>
      <c r="X13291" s="2">
        <v>139.1</v>
      </c>
      <c r="Y13291" s="2">
        <v>7.6</v>
      </c>
      <c r="Z13291" s="2">
        <v>16.7</v>
      </c>
      <c r="AA13291" s="5"/>
      <c r="AB13291" s="5" t="s">
        <v>43</v>
      </c>
      <c r="AC13291" s="5" t="s">
        <v>44</v>
      </c>
      <c r="AD13291" s="2"/>
      <c r="AE13291" s="1"/>
    </row>
    <row r="13292" spans="1:31" ht="14.45">
      <c r="A13292" s="11"/>
      <c r="B13292" s="20"/>
      <c r="C13292" s="2" t="s">
        <v>40804</v>
      </c>
      <c r="D13292" s="14" t="s">
        <v>40805</v>
      </c>
      <c r="E13292" s="2" t="s">
        <v>40806</v>
      </c>
      <c r="F13292" s="2" t="s">
        <v>36385</v>
      </c>
      <c r="G13292" s="8">
        <v>218</v>
      </c>
      <c r="H13292" s="5">
        <v>6</v>
      </c>
      <c r="I13292" s="5" t="s">
        <v>1518</v>
      </c>
      <c r="J13292" s="5" t="s">
        <v>36264</v>
      </c>
      <c r="K13292" s="2" t="s">
        <v>36265</v>
      </c>
      <c r="L13292" s="5" t="s">
        <v>36264</v>
      </c>
      <c r="M13292" s="2" t="s">
        <v>36265</v>
      </c>
      <c r="N13292" s="5" t="s">
        <v>36266</v>
      </c>
      <c r="O13292" s="5" t="s">
        <v>38</v>
      </c>
      <c r="P13292" s="5" t="s">
        <v>39</v>
      </c>
      <c r="Q13292" s="5" t="s">
        <v>40</v>
      </c>
      <c r="R13292" s="5" t="s">
        <v>1522</v>
      </c>
      <c r="S13292" s="5" t="s">
        <v>1523</v>
      </c>
      <c r="T13292" s="5" t="s">
        <v>42</v>
      </c>
      <c r="U13292" s="2">
        <v>1.859</v>
      </c>
      <c r="V13292" s="2">
        <v>1.323</v>
      </c>
      <c r="W13292" s="2">
        <v>1.7999999999999999E-2</v>
      </c>
      <c r="X13292" s="2">
        <v>139.1</v>
      </c>
      <c r="Y13292" s="2">
        <v>7.6</v>
      </c>
      <c r="Z13292" s="2">
        <v>16.7</v>
      </c>
      <c r="AA13292" s="5"/>
      <c r="AB13292" s="5" t="s">
        <v>43</v>
      </c>
      <c r="AC13292" s="5" t="s">
        <v>44</v>
      </c>
      <c r="AD13292" s="2"/>
      <c r="AE13292" s="1"/>
    </row>
    <row r="13293" spans="1:31" ht="14.45">
      <c r="A13293" s="11"/>
      <c r="B13293" s="20"/>
      <c r="C13293" s="2" t="s">
        <v>40807</v>
      </c>
      <c r="D13293" s="14" t="s">
        <v>40808</v>
      </c>
      <c r="E13293" s="2" t="s">
        <v>40809</v>
      </c>
      <c r="F13293" s="2" t="s">
        <v>7204</v>
      </c>
      <c r="G13293" s="8">
        <v>213</v>
      </c>
      <c r="H13293" s="5">
        <v>6</v>
      </c>
      <c r="I13293" s="5" t="s">
        <v>1518</v>
      </c>
      <c r="J13293" s="5" t="s">
        <v>36264</v>
      </c>
      <c r="K13293" s="2" t="s">
        <v>36265</v>
      </c>
      <c r="L13293" s="5" t="s">
        <v>36264</v>
      </c>
      <c r="M13293" s="2" t="s">
        <v>36265</v>
      </c>
      <c r="N13293" s="5" t="s">
        <v>36266</v>
      </c>
      <c r="O13293" s="5" t="s">
        <v>38</v>
      </c>
      <c r="P13293" s="5" t="s">
        <v>39</v>
      </c>
      <c r="Q13293" s="5" t="s">
        <v>40</v>
      </c>
      <c r="R13293" s="5" t="s">
        <v>1522</v>
      </c>
      <c r="S13293" s="5" t="s">
        <v>1523</v>
      </c>
      <c r="T13293" s="5" t="s">
        <v>42</v>
      </c>
      <c r="U13293" s="2">
        <v>2.056</v>
      </c>
      <c r="V13293" s="2">
        <v>1.4370000000000001</v>
      </c>
      <c r="W13293" s="2">
        <v>0.02</v>
      </c>
      <c r="X13293" s="2">
        <v>159.1</v>
      </c>
      <c r="Y13293" s="2">
        <v>7.6</v>
      </c>
      <c r="Z13293" s="2">
        <v>16.7</v>
      </c>
      <c r="AA13293" s="5"/>
      <c r="AB13293" s="5" t="s">
        <v>43</v>
      </c>
      <c r="AC13293" s="5" t="s">
        <v>44</v>
      </c>
      <c r="AD13293" s="2"/>
      <c r="AE13293" s="1"/>
    </row>
    <row r="13294" spans="1:31" ht="14.45">
      <c r="A13294" s="11"/>
      <c r="B13294" s="20"/>
      <c r="C13294" s="2" t="s">
        <v>40810</v>
      </c>
      <c r="D13294" s="14" t="s">
        <v>40811</v>
      </c>
      <c r="E13294" s="2" t="s">
        <v>40812</v>
      </c>
      <c r="F13294" s="2" t="s">
        <v>36273</v>
      </c>
      <c r="G13294" s="8">
        <v>213</v>
      </c>
      <c r="H13294" s="5">
        <v>6</v>
      </c>
      <c r="I13294" s="5" t="s">
        <v>1518</v>
      </c>
      <c r="J13294" s="5" t="s">
        <v>36264</v>
      </c>
      <c r="K13294" s="2" t="s">
        <v>36265</v>
      </c>
      <c r="L13294" s="5" t="s">
        <v>36264</v>
      </c>
      <c r="M13294" s="2" t="s">
        <v>36265</v>
      </c>
      <c r="N13294" s="5" t="s">
        <v>36266</v>
      </c>
      <c r="O13294" s="5" t="s">
        <v>38</v>
      </c>
      <c r="P13294" s="5" t="s">
        <v>39</v>
      </c>
      <c r="Q13294" s="5" t="s">
        <v>40</v>
      </c>
      <c r="R13294" s="5" t="s">
        <v>1522</v>
      </c>
      <c r="S13294" s="5" t="s">
        <v>1523</v>
      </c>
      <c r="T13294" s="5" t="s">
        <v>42</v>
      </c>
      <c r="U13294" s="2">
        <v>2.056</v>
      </c>
      <c r="V13294" s="2">
        <v>1.4370000000000001</v>
      </c>
      <c r="W13294" s="2">
        <v>0.02</v>
      </c>
      <c r="X13294" s="2">
        <v>159.1</v>
      </c>
      <c r="Y13294" s="2">
        <v>7.6</v>
      </c>
      <c r="Z13294" s="2">
        <v>16.7</v>
      </c>
      <c r="AA13294" s="5"/>
      <c r="AB13294" s="5" t="s">
        <v>43</v>
      </c>
      <c r="AC13294" s="5" t="s">
        <v>44</v>
      </c>
      <c r="AD13294" s="2"/>
      <c r="AE13294" s="1"/>
    </row>
    <row r="13295" spans="1:31" ht="14.45">
      <c r="A13295" s="11"/>
      <c r="B13295" s="20"/>
      <c r="C13295" s="2" t="s">
        <v>40813</v>
      </c>
      <c r="D13295" s="14" t="s">
        <v>40814</v>
      </c>
      <c r="E13295" s="2" t="s">
        <v>40815</v>
      </c>
      <c r="F13295" s="2" t="s">
        <v>36281</v>
      </c>
      <c r="G13295" s="8">
        <v>245</v>
      </c>
      <c r="H13295" s="5">
        <v>6</v>
      </c>
      <c r="I13295" s="5" t="s">
        <v>1518</v>
      </c>
      <c r="J13295" s="5" t="s">
        <v>36264</v>
      </c>
      <c r="K13295" s="2" t="s">
        <v>36265</v>
      </c>
      <c r="L13295" s="5" t="s">
        <v>36264</v>
      </c>
      <c r="M13295" s="2" t="s">
        <v>36265</v>
      </c>
      <c r="N13295" s="5" t="s">
        <v>36266</v>
      </c>
      <c r="O13295" s="5" t="s">
        <v>38</v>
      </c>
      <c r="P13295" s="5" t="s">
        <v>39</v>
      </c>
      <c r="Q13295" s="5" t="s">
        <v>40</v>
      </c>
      <c r="R13295" s="5" t="s">
        <v>1522</v>
      </c>
      <c r="S13295" s="5" t="s">
        <v>1523</v>
      </c>
      <c r="T13295" s="5" t="s">
        <v>42</v>
      </c>
      <c r="U13295" s="2">
        <v>2.056</v>
      </c>
      <c r="V13295" s="2">
        <v>1.4370000000000001</v>
      </c>
      <c r="W13295" s="2">
        <v>0.02</v>
      </c>
      <c r="X13295" s="2">
        <v>159.1</v>
      </c>
      <c r="Y13295" s="2">
        <v>7.6</v>
      </c>
      <c r="Z13295" s="2">
        <v>16.7</v>
      </c>
      <c r="AA13295" s="5"/>
      <c r="AB13295" s="5" t="s">
        <v>43</v>
      </c>
      <c r="AC13295" s="5" t="s">
        <v>44</v>
      </c>
      <c r="AD13295" s="2"/>
      <c r="AE13295" s="1"/>
    </row>
    <row r="13296" spans="1:31" ht="14.45">
      <c r="A13296" s="11"/>
      <c r="B13296" s="20"/>
      <c r="C13296" s="2" t="s">
        <v>40816</v>
      </c>
      <c r="D13296" s="14" t="s">
        <v>40817</v>
      </c>
      <c r="E13296" s="2" t="s">
        <v>40818</v>
      </c>
      <c r="F13296" s="2" t="s">
        <v>36289</v>
      </c>
      <c r="G13296" s="8">
        <v>245</v>
      </c>
      <c r="H13296" s="5">
        <v>6</v>
      </c>
      <c r="I13296" s="5" t="s">
        <v>1518</v>
      </c>
      <c r="J13296" s="5" t="s">
        <v>36264</v>
      </c>
      <c r="K13296" s="2" t="s">
        <v>36265</v>
      </c>
      <c r="L13296" s="5" t="s">
        <v>36264</v>
      </c>
      <c r="M13296" s="2" t="s">
        <v>36265</v>
      </c>
      <c r="N13296" s="5" t="s">
        <v>36266</v>
      </c>
      <c r="O13296" s="5" t="s">
        <v>38</v>
      </c>
      <c r="P13296" s="5" t="s">
        <v>39</v>
      </c>
      <c r="Q13296" s="5" t="s">
        <v>40</v>
      </c>
      <c r="R13296" s="5" t="s">
        <v>1522</v>
      </c>
      <c r="S13296" s="5" t="s">
        <v>1523</v>
      </c>
      <c r="T13296" s="5" t="s">
        <v>42</v>
      </c>
      <c r="U13296" s="2">
        <v>2.056</v>
      </c>
      <c r="V13296" s="2">
        <v>1.4370000000000001</v>
      </c>
      <c r="W13296" s="2">
        <v>0.02</v>
      </c>
      <c r="X13296" s="2">
        <v>159.1</v>
      </c>
      <c r="Y13296" s="2">
        <v>7.6</v>
      </c>
      <c r="Z13296" s="2">
        <v>16.7</v>
      </c>
      <c r="AA13296" s="5"/>
      <c r="AB13296" s="5" t="s">
        <v>43</v>
      </c>
      <c r="AC13296" s="5" t="s">
        <v>44</v>
      </c>
      <c r="AD13296" s="2"/>
      <c r="AE13296" s="1"/>
    </row>
    <row r="13297" spans="1:31" ht="14.45">
      <c r="A13297" s="11"/>
      <c r="B13297" s="20"/>
      <c r="C13297" s="2" t="s">
        <v>40819</v>
      </c>
      <c r="D13297" s="14" t="s">
        <v>40820</v>
      </c>
      <c r="E13297" s="2" t="s">
        <v>40821</v>
      </c>
      <c r="F13297" s="2" t="s">
        <v>36297</v>
      </c>
      <c r="G13297" s="8">
        <v>213</v>
      </c>
      <c r="H13297" s="5">
        <v>6</v>
      </c>
      <c r="I13297" s="5" t="s">
        <v>1518</v>
      </c>
      <c r="J13297" s="5" t="s">
        <v>36264</v>
      </c>
      <c r="K13297" s="2" t="s">
        <v>36265</v>
      </c>
      <c r="L13297" s="5" t="s">
        <v>36264</v>
      </c>
      <c r="M13297" s="2" t="s">
        <v>36265</v>
      </c>
      <c r="N13297" s="5" t="s">
        <v>36266</v>
      </c>
      <c r="O13297" s="5" t="s">
        <v>38</v>
      </c>
      <c r="P13297" s="5" t="s">
        <v>39</v>
      </c>
      <c r="Q13297" s="5" t="s">
        <v>40</v>
      </c>
      <c r="R13297" s="5" t="s">
        <v>1522</v>
      </c>
      <c r="S13297" s="5" t="s">
        <v>1523</v>
      </c>
      <c r="T13297" s="5" t="s">
        <v>42</v>
      </c>
      <c r="U13297" s="2">
        <v>2.056</v>
      </c>
      <c r="V13297" s="2">
        <v>1.4370000000000001</v>
      </c>
      <c r="W13297" s="2">
        <v>0.02</v>
      </c>
      <c r="X13297" s="2">
        <v>159.1</v>
      </c>
      <c r="Y13297" s="2">
        <v>7.6</v>
      </c>
      <c r="Z13297" s="2">
        <v>16.7</v>
      </c>
      <c r="AA13297" s="5"/>
      <c r="AB13297" s="5" t="s">
        <v>43</v>
      </c>
      <c r="AC13297" s="5" t="s">
        <v>44</v>
      </c>
      <c r="AD13297" s="2"/>
      <c r="AE13297" s="1"/>
    </row>
    <row r="13298" spans="1:31" ht="14.45">
      <c r="A13298" s="11"/>
      <c r="B13298" s="20"/>
      <c r="C13298" s="2" t="s">
        <v>40822</v>
      </c>
      <c r="D13298" s="14" t="s">
        <v>40823</v>
      </c>
      <c r="E13298" s="2" t="s">
        <v>40824</v>
      </c>
      <c r="F13298" s="2" t="s">
        <v>36305</v>
      </c>
      <c r="G13298" s="8">
        <v>213</v>
      </c>
      <c r="H13298" s="5">
        <v>6</v>
      </c>
      <c r="I13298" s="5" t="s">
        <v>1518</v>
      </c>
      <c r="J13298" s="5" t="s">
        <v>36264</v>
      </c>
      <c r="K13298" s="2" t="s">
        <v>36265</v>
      </c>
      <c r="L13298" s="5" t="s">
        <v>36264</v>
      </c>
      <c r="M13298" s="2" t="s">
        <v>36265</v>
      </c>
      <c r="N13298" s="5" t="s">
        <v>36266</v>
      </c>
      <c r="O13298" s="5" t="s">
        <v>38</v>
      </c>
      <c r="P13298" s="5" t="s">
        <v>39</v>
      </c>
      <c r="Q13298" s="5" t="s">
        <v>40</v>
      </c>
      <c r="R13298" s="5" t="s">
        <v>1522</v>
      </c>
      <c r="S13298" s="5" t="s">
        <v>1523</v>
      </c>
      <c r="T13298" s="5" t="s">
        <v>42</v>
      </c>
      <c r="U13298" s="2">
        <v>2.056</v>
      </c>
      <c r="V13298" s="2">
        <v>1.4370000000000001</v>
      </c>
      <c r="W13298" s="2">
        <v>0.02</v>
      </c>
      <c r="X13298" s="2">
        <v>159.1</v>
      </c>
      <c r="Y13298" s="2">
        <v>7.6</v>
      </c>
      <c r="Z13298" s="2">
        <v>16.7</v>
      </c>
      <c r="AA13298" s="5"/>
      <c r="AB13298" s="5" t="s">
        <v>43</v>
      </c>
      <c r="AC13298" s="5" t="s">
        <v>44</v>
      </c>
      <c r="AD13298" s="2"/>
      <c r="AE13298" s="1"/>
    </row>
    <row r="13299" spans="1:31" ht="14.45">
      <c r="A13299" s="11"/>
      <c r="B13299" s="20"/>
      <c r="C13299" s="2" t="s">
        <v>40825</v>
      </c>
      <c r="D13299" s="14" t="s">
        <v>40826</v>
      </c>
      <c r="E13299" s="2" t="s">
        <v>40827</v>
      </c>
      <c r="F13299" s="2" t="s">
        <v>36313</v>
      </c>
      <c r="G13299" s="8">
        <v>245</v>
      </c>
      <c r="H13299" s="5">
        <v>6</v>
      </c>
      <c r="I13299" s="5" t="s">
        <v>1518</v>
      </c>
      <c r="J13299" s="5" t="s">
        <v>36264</v>
      </c>
      <c r="K13299" s="2" t="s">
        <v>36265</v>
      </c>
      <c r="L13299" s="5" t="s">
        <v>36264</v>
      </c>
      <c r="M13299" s="2" t="s">
        <v>36265</v>
      </c>
      <c r="N13299" s="5" t="s">
        <v>36266</v>
      </c>
      <c r="O13299" s="5" t="s">
        <v>38</v>
      </c>
      <c r="P13299" s="5" t="s">
        <v>39</v>
      </c>
      <c r="Q13299" s="5" t="s">
        <v>40</v>
      </c>
      <c r="R13299" s="5" t="s">
        <v>1522</v>
      </c>
      <c r="S13299" s="5" t="s">
        <v>1523</v>
      </c>
      <c r="T13299" s="5" t="s">
        <v>42</v>
      </c>
      <c r="U13299" s="2">
        <v>2.056</v>
      </c>
      <c r="V13299" s="2">
        <v>1.4370000000000001</v>
      </c>
      <c r="W13299" s="2">
        <v>0.02</v>
      </c>
      <c r="X13299" s="2">
        <v>159.1</v>
      </c>
      <c r="Y13299" s="2">
        <v>7.6</v>
      </c>
      <c r="Z13299" s="2">
        <v>16.7</v>
      </c>
      <c r="AA13299" s="5"/>
      <c r="AB13299" s="5" t="s">
        <v>43</v>
      </c>
      <c r="AC13299" s="5" t="s">
        <v>44</v>
      </c>
      <c r="AD13299" s="2"/>
      <c r="AE13299" s="1"/>
    </row>
    <row r="13300" spans="1:31" ht="14.45">
      <c r="A13300" s="11"/>
      <c r="B13300" s="20"/>
      <c r="C13300" s="2" t="s">
        <v>40828</v>
      </c>
      <c r="D13300" s="14" t="s">
        <v>40829</v>
      </c>
      <c r="E13300" s="2" t="s">
        <v>40830</v>
      </c>
      <c r="F13300" s="2" t="s">
        <v>36321</v>
      </c>
      <c r="G13300" s="8">
        <v>245</v>
      </c>
      <c r="H13300" s="5">
        <v>6</v>
      </c>
      <c r="I13300" s="5" t="s">
        <v>1518</v>
      </c>
      <c r="J13300" s="5" t="s">
        <v>36264</v>
      </c>
      <c r="K13300" s="2" t="s">
        <v>36265</v>
      </c>
      <c r="L13300" s="5" t="s">
        <v>36264</v>
      </c>
      <c r="M13300" s="2" t="s">
        <v>36265</v>
      </c>
      <c r="N13300" s="5" t="s">
        <v>36266</v>
      </c>
      <c r="O13300" s="5" t="s">
        <v>38</v>
      </c>
      <c r="P13300" s="5" t="s">
        <v>39</v>
      </c>
      <c r="Q13300" s="5" t="s">
        <v>40</v>
      </c>
      <c r="R13300" s="5" t="s">
        <v>1522</v>
      </c>
      <c r="S13300" s="5" t="s">
        <v>1523</v>
      </c>
      <c r="T13300" s="5" t="s">
        <v>42</v>
      </c>
      <c r="U13300" s="2">
        <v>2.056</v>
      </c>
      <c r="V13300" s="2">
        <v>1.4370000000000001</v>
      </c>
      <c r="W13300" s="2">
        <v>0.02</v>
      </c>
      <c r="X13300" s="2">
        <v>159.1</v>
      </c>
      <c r="Y13300" s="2">
        <v>7.6</v>
      </c>
      <c r="Z13300" s="2">
        <v>16.7</v>
      </c>
      <c r="AA13300" s="5"/>
      <c r="AB13300" s="5" t="s">
        <v>43</v>
      </c>
      <c r="AC13300" s="5" t="s">
        <v>44</v>
      </c>
      <c r="AD13300" s="2"/>
      <c r="AE13300" s="1"/>
    </row>
    <row r="13301" spans="1:31" ht="14.45">
      <c r="A13301" s="11"/>
      <c r="B13301" s="20"/>
      <c r="C13301" s="2" t="s">
        <v>40831</v>
      </c>
      <c r="D13301" s="14" t="s">
        <v>40832</v>
      </c>
      <c r="E13301" s="2" t="s">
        <v>40833</v>
      </c>
      <c r="F13301" s="2" t="s">
        <v>36329</v>
      </c>
      <c r="G13301" s="8">
        <v>245</v>
      </c>
      <c r="H13301" s="5">
        <v>6</v>
      </c>
      <c r="I13301" s="5" t="s">
        <v>1518</v>
      </c>
      <c r="J13301" s="5" t="s">
        <v>36264</v>
      </c>
      <c r="K13301" s="2" t="s">
        <v>36265</v>
      </c>
      <c r="L13301" s="5" t="s">
        <v>36264</v>
      </c>
      <c r="M13301" s="2" t="s">
        <v>36265</v>
      </c>
      <c r="N13301" s="5" t="s">
        <v>36266</v>
      </c>
      <c r="O13301" s="5" t="s">
        <v>38</v>
      </c>
      <c r="P13301" s="5" t="s">
        <v>39</v>
      </c>
      <c r="Q13301" s="5" t="s">
        <v>40</v>
      </c>
      <c r="R13301" s="5" t="s">
        <v>1522</v>
      </c>
      <c r="S13301" s="5" t="s">
        <v>1523</v>
      </c>
      <c r="T13301" s="5" t="s">
        <v>42</v>
      </c>
      <c r="U13301" s="2">
        <v>2.056</v>
      </c>
      <c r="V13301" s="2">
        <v>1.4370000000000001</v>
      </c>
      <c r="W13301" s="2">
        <v>0.02</v>
      </c>
      <c r="X13301" s="2">
        <v>159.1</v>
      </c>
      <c r="Y13301" s="2">
        <v>7.6</v>
      </c>
      <c r="Z13301" s="2">
        <v>16.7</v>
      </c>
      <c r="AA13301" s="5"/>
      <c r="AB13301" s="5" t="s">
        <v>43</v>
      </c>
      <c r="AC13301" s="5" t="s">
        <v>44</v>
      </c>
      <c r="AD13301" s="2"/>
      <c r="AE13301" s="1"/>
    </row>
    <row r="13302" spans="1:31" ht="14.45">
      <c r="A13302" s="11"/>
      <c r="B13302" s="20"/>
      <c r="C13302" s="2" t="s">
        <v>40834</v>
      </c>
      <c r="D13302" s="14" t="s">
        <v>40835</v>
      </c>
      <c r="E13302" s="2" t="s">
        <v>40836</v>
      </c>
      <c r="F13302" s="2" t="s">
        <v>36345</v>
      </c>
      <c r="G13302" s="8">
        <v>245</v>
      </c>
      <c r="H13302" s="5">
        <v>6</v>
      </c>
      <c r="I13302" s="5" t="s">
        <v>1518</v>
      </c>
      <c r="J13302" s="5" t="s">
        <v>36264</v>
      </c>
      <c r="K13302" s="2" t="s">
        <v>36265</v>
      </c>
      <c r="L13302" s="5" t="s">
        <v>36264</v>
      </c>
      <c r="M13302" s="2" t="s">
        <v>36265</v>
      </c>
      <c r="N13302" s="5" t="s">
        <v>36266</v>
      </c>
      <c r="O13302" s="5" t="s">
        <v>38</v>
      </c>
      <c r="P13302" s="5" t="s">
        <v>39</v>
      </c>
      <c r="Q13302" s="5" t="s">
        <v>40</v>
      </c>
      <c r="R13302" s="5" t="s">
        <v>1522</v>
      </c>
      <c r="S13302" s="5" t="s">
        <v>1523</v>
      </c>
      <c r="T13302" s="5" t="s">
        <v>42</v>
      </c>
      <c r="U13302" s="2">
        <v>2.056</v>
      </c>
      <c r="V13302" s="2">
        <v>1.4370000000000001</v>
      </c>
      <c r="W13302" s="2">
        <v>0.02</v>
      </c>
      <c r="X13302" s="2">
        <v>159.1</v>
      </c>
      <c r="Y13302" s="2">
        <v>7.6</v>
      </c>
      <c r="Z13302" s="2">
        <v>16.7</v>
      </c>
      <c r="AA13302" s="5"/>
      <c r="AB13302" s="5" t="s">
        <v>43</v>
      </c>
      <c r="AC13302" s="5" t="s">
        <v>44</v>
      </c>
      <c r="AD13302" s="2"/>
      <c r="AE13302" s="1"/>
    </row>
    <row r="13303" spans="1:31" ht="14.45">
      <c r="A13303" s="11"/>
      <c r="B13303" s="20"/>
      <c r="C13303" s="2" t="s">
        <v>40837</v>
      </c>
      <c r="D13303" s="14" t="s">
        <v>40838</v>
      </c>
      <c r="E13303" s="2" t="s">
        <v>40839</v>
      </c>
      <c r="F13303" s="2" t="s">
        <v>36361</v>
      </c>
      <c r="G13303" s="8">
        <v>245</v>
      </c>
      <c r="H13303" s="5">
        <v>6</v>
      </c>
      <c r="I13303" s="5" t="s">
        <v>1518</v>
      </c>
      <c r="J13303" s="5" t="s">
        <v>36264</v>
      </c>
      <c r="K13303" s="2" t="s">
        <v>36265</v>
      </c>
      <c r="L13303" s="5" t="s">
        <v>36264</v>
      </c>
      <c r="M13303" s="2" t="s">
        <v>36265</v>
      </c>
      <c r="N13303" s="5" t="s">
        <v>36266</v>
      </c>
      <c r="O13303" s="5" t="s">
        <v>38</v>
      </c>
      <c r="P13303" s="5" t="s">
        <v>39</v>
      </c>
      <c r="Q13303" s="5" t="s">
        <v>40</v>
      </c>
      <c r="R13303" s="5" t="s">
        <v>1522</v>
      </c>
      <c r="S13303" s="5" t="s">
        <v>1523</v>
      </c>
      <c r="T13303" s="5" t="s">
        <v>42</v>
      </c>
      <c r="U13303" s="2">
        <v>2.056</v>
      </c>
      <c r="V13303" s="2">
        <v>1.4370000000000001</v>
      </c>
      <c r="W13303" s="2">
        <v>0.02</v>
      </c>
      <c r="X13303" s="2">
        <v>159.1</v>
      </c>
      <c r="Y13303" s="2">
        <v>7.6</v>
      </c>
      <c r="Z13303" s="2">
        <v>16.7</v>
      </c>
      <c r="AA13303" s="5"/>
      <c r="AB13303" s="5" t="s">
        <v>43</v>
      </c>
      <c r="AC13303" s="5" t="s">
        <v>44</v>
      </c>
      <c r="AD13303" s="2"/>
      <c r="AE13303" s="1"/>
    </row>
    <row r="13304" spans="1:31" ht="14.45">
      <c r="A13304" s="11"/>
      <c r="B13304" s="20"/>
      <c r="C13304" s="2" t="s">
        <v>40840</v>
      </c>
      <c r="D13304" s="14" t="s">
        <v>40841</v>
      </c>
      <c r="E13304" s="2" t="s">
        <v>40842</v>
      </c>
      <c r="F13304" s="2" t="s">
        <v>36369</v>
      </c>
      <c r="G13304" s="8">
        <v>245</v>
      </c>
      <c r="H13304" s="5">
        <v>6</v>
      </c>
      <c r="I13304" s="5" t="s">
        <v>1518</v>
      </c>
      <c r="J13304" s="5" t="s">
        <v>36264</v>
      </c>
      <c r="K13304" s="2" t="s">
        <v>36265</v>
      </c>
      <c r="L13304" s="5" t="s">
        <v>36264</v>
      </c>
      <c r="M13304" s="2" t="s">
        <v>36265</v>
      </c>
      <c r="N13304" s="5" t="s">
        <v>36266</v>
      </c>
      <c r="O13304" s="5" t="s">
        <v>38</v>
      </c>
      <c r="P13304" s="5" t="s">
        <v>39</v>
      </c>
      <c r="Q13304" s="5" t="s">
        <v>40</v>
      </c>
      <c r="R13304" s="5" t="s">
        <v>1522</v>
      </c>
      <c r="S13304" s="5" t="s">
        <v>1523</v>
      </c>
      <c r="T13304" s="5" t="s">
        <v>42</v>
      </c>
      <c r="U13304" s="2">
        <v>2.056</v>
      </c>
      <c r="V13304" s="2">
        <v>1.4370000000000001</v>
      </c>
      <c r="W13304" s="2">
        <v>0.02</v>
      </c>
      <c r="X13304" s="2">
        <v>159.1</v>
      </c>
      <c r="Y13304" s="2">
        <v>7.6</v>
      </c>
      <c r="Z13304" s="2">
        <v>16.7</v>
      </c>
      <c r="AA13304" s="5"/>
      <c r="AB13304" s="5" t="s">
        <v>43</v>
      </c>
      <c r="AC13304" s="5" t="s">
        <v>44</v>
      </c>
      <c r="AD13304" s="2"/>
      <c r="AE13304" s="1"/>
    </row>
    <row r="13305" spans="1:31" ht="14.45">
      <c r="A13305" s="11"/>
      <c r="B13305" s="20"/>
      <c r="C13305" s="2" t="s">
        <v>40843</v>
      </c>
      <c r="D13305" s="14" t="s">
        <v>40844</v>
      </c>
      <c r="E13305" s="2" t="s">
        <v>40845</v>
      </c>
      <c r="F13305" s="2" t="s">
        <v>36377</v>
      </c>
      <c r="G13305" s="8">
        <v>245</v>
      </c>
      <c r="H13305" s="5">
        <v>6</v>
      </c>
      <c r="I13305" s="5" t="s">
        <v>1518</v>
      </c>
      <c r="J13305" s="5" t="s">
        <v>36264</v>
      </c>
      <c r="K13305" s="2" t="s">
        <v>36265</v>
      </c>
      <c r="L13305" s="5" t="s">
        <v>36264</v>
      </c>
      <c r="M13305" s="2" t="s">
        <v>36265</v>
      </c>
      <c r="N13305" s="5" t="s">
        <v>36266</v>
      </c>
      <c r="O13305" s="5" t="s">
        <v>38</v>
      </c>
      <c r="P13305" s="5" t="s">
        <v>39</v>
      </c>
      <c r="Q13305" s="5" t="s">
        <v>40</v>
      </c>
      <c r="R13305" s="5" t="s">
        <v>1522</v>
      </c>
      <c r="S13305" s="5" t="s">
        <v>1523</v>
      </c>
      <c r="T13305" s="5" t="s">
        <v>42</v>
      </c>
      <c r="U13305" s="2">
        <v>2.056</v>
      </c>
      <c r="V13305" s="2">
        <v>1.4370000000000001</v>
      </c>
      <c r="W13305" s="2">
        <v>0.02</v>
      </c>
      <c r="X13305" s="2">
        <v>159.1</v>
      </c>
      <c r="Y13305" s="2">
        <v>7.6</v>
      </c>
      <c r="Z13305" s="2">
        <v>16.7</v>
      </c>
      <c r="AA13305" s="5"/>
      <c r="AB13305" s="5" t="s">
        <v>43</v>
      </c>
      <c r="AC13305" s="5" t="s">
        <v>44</v>
      </c>
      <c r="AD13305" s="2"/>
      <c r="AE13305" s="1"/>
    </row>
    <row r="13306" spans="1:31" ht="14.45">
      <c r="A13306" s="11"/>
      <c r="B13306" s="20"/>
      <c r="C13306" s="2" t="s">
        <v>40846</v>
      </c>
      <c r="D13306" s="14" t="s">
        <v>40847</v>
      </c>
      <c r="E13306" s="2" t="s">
        <v>40848</v>
      </c>
      <c r="F13306" s="2" t="s">
        <v>36385</v>
      </c>
      <c r="G13306" s="8">
        <v>245</v>
      </c>
      <c r="H13306" s="5">
        <v>6</v>
      </c>
      <c r="I13306" s="5" t="s">
        <v>1518</v>
      </c>
      <c r="J13306" s="5" t="s">
        <v>36264</v>
      </c>
      <c r="K13306" s="2" t="s">
        <v>36265</v>
      </c>
      <c r="L13306" s="5" t="s">
        <v>36264</v>
      </c>
      <c r="M13306" s="2" t="s">
        <v>36265</v>
      </c>
      <c r="N13306" s="5" t="s">
        <v>36266</v>
      </c>
      <c r="O13306" s="5" t="s">
        <v>38</v>
      </c>
      <c r="P13306" s="5" t="s">
        <v>39</v>
      </c>
      <c r="Q13306" s="5" t="s">
        <v>40</v>
      </c>
      <c r="R13306" s="5" t="s">
        <v>1522</v>
      </c>
      <c r="S13306" s="5" t="s">
        <v>1523</v>
      </c>
      <c r="T13306" s="5" t="s">
        <v>42</v>
      </c>
      <c r="U13306" s="2">
        <v>2.056</v>
      </c>
      <c r="V13306" s="2">
        <v>1.4370000000000001</v>
      </c>
      <c r="W13306" s="2">
        <v>0.02</v>
      </c>
      <c r="X13306" s="2">
        <v>159.1</v>
      </c>
      <c r="Y13306" s="2">
        <v>7.6</v>
      </c>
      <c r="Z13306" s="2">
        <v>16.7</v>
      </c>
      <c r="AA13306" s="5"/>
      <c r="AB13306" s="5" t="s">
        <v>43</v>
      </c>
      <c r="AC13306" s="5" t="s">
        <v>44</v>
      </c>
      <c r="AD13306" s="2"/>
      <c r="AE13306" s="1"/>
    </row>
    <row r="13307" spans="1:31" ht="14.45">
      <c r="A13307" s="11"/>
      <c r="B13307" s="20"/>
      <c r="C13307" s="2" t="s">
        <v>40849</v>
      </c>
      <c r="D13307" s="14" t="s">
        <v>40850</v>
      </c>
      <c r="E13307" s="2" t="s">
        <v>40851</v>
      </c>
      <c r="F13307" s="2" t="s">
        <v>7204</v>
      </c>
      <c r="G13307" s="8">
        <v>206</v>
      </c>
      <c r="H13307" s="5">
        <v>6</v>
      </c>
      <c r="I13307" s="5" t="s">
        <v>1518</v>
      </c>
      <c r="J13307" s="5" t="s">
        <v>36264</v>
      </c>
      <c r="K13307" s="2" t="s">
        <v>36265</v>
      </c>
      <c r="L13307" s="5" t="s">
        <v>36264</v>
      </c>
      <c r="M13307" s="2" t="s">
        <v>36265</v>
      </c>
      <c r="N13307" s="5" t="s">
        <v>36266</v>
      </c>
      <c r="O13307" s="5" t="s">
        <v>38</v>
      </c>
      <c r="P13307" s="5" t="s">
        <v>39</v>
      </c>
      <c r="Q13307" s="5" t="s">
        <v>40</v>
      </c>
      <c r="R13307" s="5" t="s">
        <v>1522</v>
      </c>
      <c r="S13307" s="5" t="s">
        <v>1523</v>
      </c>
      <c r="T13307" s="5" t="s">
        <v>42</v>
      </c>
      <c r="U13307" s="2">
        <v>2.0089999999999999</v>
      </c>
      <c r="V13307" s="2">
        <v>1.496</v>
      </c>
      <c r="W13307" s="2">
        <v>1.7999999999999999E-2</v>
      </c>
      <c r="X13307" s="2">
        <v>139.1</v>
      </c>
      <c r="Y13307" s="2">
        <v>7.6</v>
      </c>
      <c r="Z13307" s="2">
        <v>16.7</v>
      </c>
      <c r="AA13307" s="5"/>
      <c r="AB13307" s="5" t="s">
        <v>43</v>
      </c>
      <c r="AC13307" s="5" t="s">
        <v>44</v>
      </c>
      <c r="AD13307" s="2"/>
      <c r="AE13307" s="1"/>
    </row>
    <row r="13308" spans="1:31" ht="14.45">
      <c r="A13308" s="11"/>
      <c r="B13308" s="20"/>
      <c r="C13308" s="2" t="s">
        <v>40852</v>
      </c>
      <c r="D13308" s="14" t="s">
        <v>40853</v>
      </c>
      <c r="E13308" s="2" t="s">
        <v>40854</v>
      </c>
      <c r="F13308" s="2" t="s">
        <v>36273</v>
      </c>
      <c r="G13308" s="8">
        <v>206</v>
      </c>
      <c r="H13308" s="5">
        <v>6</v>
      </c>
      <c r="I13308" s="5" t="s">
        <v>1518</v>
      </c>
      <c r="J13308" s="5" t="s">
        <v>36264</v>
      </c>
      <c r="K13308" s="2" t="s">
        <v>36265</v>
      </c>
      <c r="L13308" s="5" t="s">
        <v>36264</v>
      </c>
      <c r="M13308" s="2" t="s">
        <v>36265</v>
      </c>
      <c r="N13308" s="5" t="s">
        <v>36266</v>
      </c>
      <c r="O13308" s="5" t="s">
        <v>38</v>
      </c>
      <c r="P13308" s="5" t="s">
        <v>39</v>
      </c>
      <c r="Q13308" s="5" t="s">
        <v>40</v>
      </c>
      <c r="R13308" s="5" t="s">
        <v>1522</v>
      </c>
      <c r="S13308" s="5" t="s">
        <v>1523</v>
      </c>
      <c r="T13308" s="5" t="s">
        <v>42</v>
      </c>
      <c r="U13308" s="2">
        <v>2.0089999999999999</v>
      </c>
      <c r="V13308" s="2">
        <v>1.496</v>
      </c>
      <c r="W13308" s="2">
        <v>1.7999999999999999E-2</v>
      </c>
      <c r="X13308" s="2">
        <v>139.1</v>
      </c>
      <c r="Y13308" s="2">
        <v>7.6</v>
      </c>
      <c r="Z13308" s="2">
        <v>16.7</v>
      </c>
      <c r="AA13308" s="5"/>
      <c r="AB13308" s="5" t="s">
        <v>43</v>
      </c>
      <c r="AC13308" s="5" t="s">
        <v>44</v>
      </c>
      <c r="AD13308" s="2"/>
      <c r="AE13308" s="1"/>
    </row>
    <row r="13309" spans="1:31" ht="14.45">
      <c r="A13309" s="11"/>
      <c r="B13309" s="20"/>
      <c r="C13309" s="2" t="s">
        <v>40855</v>
      </c>
      <c r="D13309" s="14" t="s">
        <v>40856</v>
      </c>
      <c r="E13309" s="2" t="s">
        <v>40857</v>
      </c>
      <c r="F13309" s="2" t="s">
        <v>36281</v>
      </c>
      <c r="G13309" s="8">
        <v>237</v>
      </c>
      <c r="H13309" s="5">
        <v>6</v>
      </c>
      <c r="I13309" s="5" t="s">
        <v>1518</v>
      </c>
      <c r="J13309" s="5" t="s">
        <v>36264</v>
      </c>
      <c r="K13309" s="2" t="s">
        <v>36265</v>
      </c>
      <c r="L13309" s="5" t="s">
        <v>36264</v>
      </c>
      <c r="M13309" s="2" t="s">
        <v>36265</v>
      </c>
      <c r="N13309" s="5" t="s">
        <v>36266</v>
      </c>
      <c r="O13309" s="5" t="s">
        <v>38</v>
      </c>
      <c r="P13309" s="5" t="s">
        <v>39</v>
      </c>
      <c r="Q13309" s="5" t="s">
        <v>40</v>
      </c>
      <c r="R13309" s="5" t="s">
        <v>1522</v>
      </c>
      <c r="S13309" s="5" t="s">
        <v>1523</v>
      </c>
      <c r="T13309" s="5" t="s">
        <v>42</v>
      </c>
      <c r="U13309" s="2">
        <v>2.0089999999999999</v>
      </c>
      <c r="V13309" s="2">
        <v>1.496</v>
      </c>
      <c r="W13309" s="2">
        <v>1.7999999999999999E-2</v>
      </c>
      <c r="X13309" s="2">
        <v>139.1</v>
      </c>
      <c r="Y13309" s="2">
        <v>7.6</v>
      </c>
      <c r="Z13309" s="2">
        <v>16.7</v>
      </c>
      <c r="AA13309" s="5"/>
      <c r="AB13309" s="5" t="s">
        <v>43</v>
      </c>
      <c r="AC13309" s="5" t="s">
        <v>44</v>
      </c>
      <c r="AD13309" s="2"/>
      <c r="AE13309" s="1"/>
    </row>
    <row r="13310" spans="1:31" ht="14.45">
      <c r="A13310" s="11"/>
      <c r="B13310" s="20"/>
      <c r="C13310" s="2" t="s">
        <v>40858</v>
      </c>
      <c r="D13310" s="14" t="s">
        <v>40859</v>
      </c>
      <c r="E13310" s="2" t="s">
        <v>40860</v>
      </c>
      <c r="F13310" s="2" t="s">
        <v>36289</v>
      </c>
      <c r="G13310" s="8">
        <v>237</v>
      </c>
      <c r="H13310" s="5">
        <v>6</v>
      </c>
      <c r="I13310" s="5" t="s">
        <v>1518</v>
      </c>
      <c r="J13310" s="5" t="s">
        <v>36264</v>
      </c>
      <c r="K13310" s="2" t="s">
        <v>36265</v>
      </c>
      <c r="L13310" s="5" t="s">
        <v>36264</v>
      </c>
      <c r="M13310" s="2" t="s">
        <v>36265</v>
      </c>
      <c r="N13310" s="5" t="s">
        <v>36266</v>
      </c>
      <c r="O13310" s="5" t="s">
        <v>38</v>
      </c>
      <c r="P13310" s="5" t="s">
        <v>39</v>
      </c>
      <c r="Q13310" s="5" t="s">
        <v>40</v>
      </c>
      <c r="R13310" s="5" t="s">
        <v>1522</v>
      </c>
      <c r="S13310" s="5" t="s">
        <v>1523</v>
      </c>
      <c r="T13310" s="5" t="s">
        <v>42</v>
      </c>
      <c r="U13310" s="2">
        <v>2.0089999999999999</v>
      </c>
      <c r="V13310" s="2">
        <v>1.496</v>
      </c>
      <c r="W13310" s="2">
        <v>1.7999999999999999E-2</v>
      </c>
      <c r="X13310" s="2">
        <v>139.1</v>
      </c>
      <c r="Y13310" s="2">
        <v>7.6</v>
      </c>
      <c r="Z13310" s="2">
        <v>16.7</v>
      </c>
      <c r="AA13310" s="5"/>
      <c r="AB13310" s="5" t="s">
        <v>43</v>
      </c>
      <c r="AC13310" s="5" t="s">
        <v>44</v>
      </c>
      <c r="AD13310" s="2"/>
      <c r="AE13310" s="1"/>
    </row>
    <row r="13311" spans="1:31" ht="14.45">
      <c r="A13311" s="11"/>
      <c r="B13311" s="20"/>
      <c r="C13311" s="2" t="s">
        <v>40861</v>
      </c>
      <c r="D13311" s="14" t="s">
        <v>40862</v>
      </c>
      <c r="E13311" s="2" t="s">
        <v>40863</v>
      </c>
      <c r="F13311" s="2" t="s">
        <v>36297</v>
      </c>
      <c r="G13311" s="8">
        <v>206</v>
      </c>
      <c r="H13311" s="5">
        <v>6</v>
      </c>
      <c r="I13311" s="5" t="s">
        <v>1518</v>
      </c>
      <c r="J13311" s="5" t="s">
        <v>36264</v>
      </c>
      <c r="K13311" s="2" t="s">
        <v>36265</v>
      </c>
      <c r="L13311" s="5" t="s">
        <v>36264</v>
      </c>
      <c r="M13311" s="2" t="s">
        <v>36265</v>
      </c>
      <c r="N13311" s="5" t="s">
        <v>36266</v>
      </c>
      <c r="O13311" s="5" t="s">
        <v>38</v>
      </c>
      <c r="P13311" s="5" t="s">
        <v>39</v>
      </c>
      <c r="Q13311" s="5" t="s">
        <v>40</v>
      </c>
      <c r="R13311" s="5" t="s">
        <v>1522</v>
      </c>
      <c r="S13311" s="5" t="s">
        <v>1523</v>
      </c>
      <c r="T13311" s="5" t="s">
        <v>42</v>
      </c>
      <c r="U13311" s="2">
        <v>2.0089999999999999</v>
      </c>
      <c r="V13311" s="2">
        <v>1.496</v>
      </c>
      <c r="W13311" s="2">
        <v>1.7999999999999999E-2</v>
      </c>
      <c r="X13311" s="2">
        <v>139.1</v>
      </c>
      <c r="Y13311" s="2">
        <v>7.6</v>
      </c>
      <c r="Z13311" s="2">
        <v>16.7</v>
      </c>
      <c r="AA13311" s="5"/>
      <c r="AB13311" s="5" t="s">
        <v>43</v>
      </c>
      <c r="AC13311" s="5" t="s">
        <v>44</v>
      </c>
      <c r="AD13311" s="2"/>
      <c r="AE13311" s="1"/>
    </row>
    <row r="13312" spans="1:31" ht="14.45">
      <c r="A13312" s="11"/>
      <c r="B13312" s="20"/>
      <c r="C13312" s="2" t="s">
        <v>40864</v>
      </c>
      <c r="D13312" s="14" t="s">
        <v>40865</v>
      </c>
      <c r="E13312" s="2" t="s">
        <v>40866</v>
      </c>
      <c r="F13312" s="2" t="s">
        <v>36305</v>
      </c>
      <c r="G13312" s="8">
        <v>206</v>
      </c>
      <c r="H13312" s="5">
        <v>6</v>
      </c>
      <c r="I13312" s="5" t="s">
        <v>1518</v>
      </c>
      <c r="J13312" s="5" t="s">
        <v>36264</v>
      </c>
      <c r="K13312" s="2" t="s">
        <v>36265</v>
      </c>
      <c r="L13312" s="5" t="s">
        <v>36264</v>
      </c>
      <c r="M13312" s="2" t="s">
        <v>36265</v>
      </c>
      <c r="N13312" s="5" t="s">
        <v>36266</v>
      </c>
      <c r="O13312" s="5" t="s">
        <v>38</v>
      </c>
      <c r="P13312" s="5" t="s">
        <v>39</v>
      </c>
      <c r="Q13312" s="5" t="s">
        <v>40</v>
      </c>
      <c r="R13312" s="5" t="s">
        <v>1522</v>
      </c>
      <c r="S13312" s="5" t="s">
        <v>1523</v>
      </c>
      <c r="T13312" s="5" t="s">
        <v>42</v>
      </c>
      <c r="U13312" s="2">
        <v>2.0089999999999999</v>
      </c>
      <c r="V13312" s="2">
        <v>1.496</v>
      </c>
      <c r="W13312" s="2">
        <v>1.7999999999999999E-2</v>
      </c>
      <c r="X13312" s="2">
        <v>139.1</v>
      </c>
      <c r="Y13312" s="2">
        <v>7.6</v>
      </c>
      <c r="Z13312" s="2">
        <v>16.7</v>
      </c>
      <c r="AA13312" s="5"/>
      <c r="AB13312" s="5" t="s">
        <v>43</v>
      </c>
      <c r="AC13312" s="5" t="s">
        <v>44</v>
      </c>
      <c r="AD13312" s="2"/>
      <c r="AE13312" s="1"/>
    </row>
    <row r="13313" spans="1:31" ht="14.45">
      <c r="A13313" s="11"/>
      <c r="B13313" s="20"/>
      <c r="C13313" s="2" t="s">
        <v>40867</v>
      </c>
      <c r="D13313" s="14" t="s">
        <v>40868</v>
      </c>
      <c r="E13313" s="2" t="s">
        <v>40869</v>
      </c>
      <c r="F13313" s="2" t="s">
        <v>36313</v>
      </c>
      <c r="G13313" s="8">
        <v>237</v>
      </c>
      <c r="H13313" s="5">
        <v>6</v>
      </c>
      <c r="I13313" s="5" t="s">
        <v>1518</v>
      </c>
      <c r="J13313" s="5" t="s">
        <v>36264</v>
      </c>
      <c r="K13313" s="2" t="s">
        <v>36265</v>
      </c>
      <c r="L13313" s="5" t="s">
        <v>36264</v>
      </c>
      <c r="M13313" s="2" t="s">
        <v>36265</v>
      </c>
      <c r="N13313" s="5" t="s">
        <v>36266</v>
      </c>
      <c r="O13313" s="5" t="s">
        <v>38</v>
      </c>
      <c r="P13313" s="5" t="s">
        <v>39</v>
      </c>
      <c r="Q13313" s="5" t="s">
        <v>40</v>
      </c>
      <c r="R13313" s="5" t="s">
        <v>1522</v>
      </c>
      <c r="S13313" s="5" t="s">
        <v>1523</v>
      </c>
      <c r="T13313" s="5" t="s">
        <v>42</v>
      </c>
      <c r="U13313" s="2">
        <v>2.0089999999999999</v>
      </c>
      <c r="V13313" s="2">
        <v>1.496</v>
      </c>
      <c r="W13313" s="2">
        <v>1.7999999999999999E-2</v>
      </c>
      <c r="X13313" s="2">
        <v>139.1</v>
      </c>
      <c r="Y13313" s="2">
        <v>7.6</v>
      </c>
      <c r="Z13313" s="2">
        <v>16.7</v>
      </c>
      <c r="AA13313" s="5"/>
      <c r="AB13313" s="5" t="s">
        <v>43</v>
      </c>
      <c r="AC13313" s="5" t="s">
        <v>44</v>
      </c>
      <c r="AD13313" s="2"/>
      <c r="AE13313" s="1"/>
    </row>
    <row r="13314" spans="1:31" ht="14.45">
      <c r="A13314" s="11"/>
      <c r="B13314" s="20"/>
      <c r="C13314" s="2" t="s">
        <v>40870</v>
      </c>
      <c r="D13314" s="14" t="s">
        <v>40871</v>
      </c>
      <c r="E13314" s="2" t="s">
        <v>40872</v>
      </c>
      <c r="F13314" s="2" t="s">
        <v>36321</v>
      </c>
      <c r="G13314" s="8">
        <v>237</v>
      </c>
      <c r="H13314" s="5">
        <v>6</v>
      </c>
      <c r="I13314" s="5" t="s">
        <v>1518</v>
      </c>
      <c r="J13314" s="5" t="s">
        <v>36264</v>
      </c>
      <c r="K13314" s="2" t="s">
        <v>36265</v>
      </c>
      <c r="L13314" s="5" t="s">
        <v>36264</v>
      </c>
      <c r="M13314" s="2" t="s">
        <v>36265</v>
      </c>
      <c r="N13314" s="5" t="s">
        <v>36266</v>
      </c>
      <c r="O13314" s="5" t="s">
        <v>38</v>
      </c>
      <c r="P13314" s="5" t="s">
        <v>39</v>
      </c>
      <c r="Q13314" s="5" t="s">
        <v>40</v>
      </c>
      <c r="R13314" s="5" t="s">
        <v>1522</v>
      </c>
      <c r="S13314" s="5" t="s">
        <v>1523</v>
      </c>
      <c r="T13314" s="5" t="s">
        <v>42</v>
      </c>
      <c r="U13314" s="2">
        <v>2.0089999999999999</v>
      </c>
      <c r="V13314" s="2">
        <v>1.496</v>
      </c>
      <c r="W13314" s="2">
        <v>1.7999999999999999E-2</v>
      </c>
      <c r="X13314" s="2">
        <v>139.1</v>
      </c>
      <c r="Y13314" s="2">
        <v>7.6</v>
      </c>
      <c r="Z13314" s="2">
        <v>16.7</v>
      </c>
      <c r="AA13314" s="5"/>
      <c r="AB13314" s="5" t="s">
        <v>43</v>
      </c>
      <c r="AC13314" s="5" t="s">
        <v>44</v>
      </c>
      <c r="AD13314" s="2"/>
      <c r="AE13314" s="1"/>
    </row>
    <row r="13315" spans="1:31" ht="14.45">
      <c r="A13315" s="11"/>
      <c r="B13315" s="20"/>
      <c r="C13315" s="2" t="s">
        <v>40873</v>
      </c>
      <c r="D13315" s="14" t="s">
        <v>40874</v>
      </c>
      <c r="E13315" s="2" t="s">
        <v>40875</v>
      </c>
      <c r="F13315" s="2" t="s">
        <v>36329</v>
      </c>
      <c r="G13315" s="8">
        <v>237</v>
      </c>
      <c r="H13315" s="5">
        <v>6</v>
      </c>
      <c r="I13315" s="5" t="s">
        <v>1518</v>
      </c>
      <c r="J13315" s="5" t="s">
        <v>36264</v>
      </c>
      <c r="K13315" s="2" t="s">
        <v>36265</v>
      </c>
      <c r="L13315" s="5" t="s">
        <v>36264</v>
      </c>
      <c r="M13315" s="2" t="s">
        <v>36265</v>
      </c>
      <c r="N13315" s="5" t="s">
        <v>36266</v>
      </c>
      <c r="O13315" s="5" t="s">
        <v>38</v>
      </c>
      <c r="P13315" s="5" t="s">
        <v>39</v>
      </c>
      <c r="Q13315" s="5" t="s">
        <v>40</v>
      </c>
      <c r="R13315" s="5" t="s">
        <v>1522</v>
      </c>
      <c r="S13315" s="5" t="s">
        <v>1523</v>
      </c>
      <c r="T13315" s="5" t="s">
        <v>42</v>
      </c>
      <c r="U13315" s="2">
        <v>2.0089999999999999</v>
      </c>
      <c r="V13315" s="2">
        <v>1.496</v>
      </c>
      <c r="W13315" s="2">
        <v>1.7999999999999999E-2</v>
      </c>
      <c r="X13315" s="2">
        <v>139.1</v>
      </c>
      <c r="Y13315" s="2">
        <v>7.6</v>
      </c>
      <c r="Z13315" s="2">
        <v>16.7</v>
      </c>
      <c r="AA13315" s="5"/>
      <c r="AB13315" s="5" t="s">
        <v>43</v>
      </c>
      <c r="AC13315" s="5" t="s">
        <v>44</v>
      </c>
      <c r="AD13315" s="2"/>
      <c r="AE13315" s="1"/>
    </row>
    <row r="13316" spans="1:31" ht="14.45">
      <c r="A13316" s="11"/>
      <c r="B13316" s="20"/>
      <c r="C13316" s="2" t="s">
        <v>40876</v>
      </c>
      <c r="D13316" s="14" t="s">
        <v>40877</v>
      </c>
      <c r="E13316" s="2" t="s">
        <v>40878</v>
      </c>
      <c r="F13316" s="2" t="s">
        <v>36337</v>
      </c>
      <c r="G13316" s="8">
        <v>237</v>
      </c>
      <c r="H13316" s="5">
        <v>6</v>
      </c>
      <c r="I13316" s="5" t="s">
        <v>1518</v>
      </c>
      <c r="J13316" s="5" t="s">
        <v>36264</v>
      </c>
      <c r="K13316" s="2" t="s">
        <v>36265</v>
      </c>
      <c r="L13316" s="5" t="s">
        <v>36264</v>
      </c>
      <c r="M13316" s="2" t="s">
        <v>36265</v>
      </c>
      <c r="N13316" s="5" t="s">
        <v>36266</v>
      </c>
      <c r="O13316" s="5" t="s">
        <v>38</v>
      </c>
      <c r="P13316" s="5" t="s">
        <v>39</v>
      </c>
      <c r="Q13316" s="5" t="s">
        <v>40</v>
      </c>
      <c r="R13316" s="5" t="s">
        <v>1522</v>
      </c>
      <c r="S13316" s="5" t="s">
        <v>1523</v>
      </c>
      <c r="T13316" s="5" t="s">
        <v>42</v>
      </c>
      <c r="U13316" s="2">
        <v>2.0089999999999999</v>
      </c>
      <c r="V13316" s="2">
        <v>1.496</v>
      </c>
      <c r="W13316" s="2">
        <v>1.7999999999999999E-2</v>
      </c>
      <c r="X13316" s="2">
        <v>139.1</v>
      </c>
      <c r="Y13316" s="2">
        <v>7.6</v>
      </c>
      <c r="Z13316" s="2">
        <v>16.7</v>
      </c>
      <c r="AA13316" s="5"/>
      <c r="AB13316" s="5" t="s">
        <v>43</v>
      </c>
      <c r="AC13316" s="5" t="s">
        <v>44</v>
      </c>
      <c r="AD13316" s="2"/>
      <c r="AE13316" s="1"/>
    </row>
    <row r="13317" spans="1:31" ht="14.45">
      <c r="A13317" s="11"/>
      <c r="B13317" s="20"/>
      <c r="C13317" s="2" t="s">
        <v>40879</v>
      </c>
      <c r="D13317" s="14" t="s">
        <v>40880</v>
      </c>
      <c r="E13317" s="2" t="s">
        <v>40881</v>
      </c>
      <c r="F13317" s="2" t="s">
        <v>36345</v>
      </c>
      <c r="G13317" s="8">
        <v>237</v>
      </c>
      <c r="H13317" s="5">
        <v>6</v>
      </c>
      <c r="I13317" s="5" t="s">
        <v>1518</v>
      </c>
      <c r="J13317" s="5" t="s">
        <v>36264</v>
      </c>
      <c r="K13317" s="2" t="s">
        <v>36265</v>
      </c>
      <c r="L13317" s="5" t="s">
        <v>36264</v>
      </c>
      <c r="M13317" s="2" t="s">
        <v>36265</v>
      </c>
      <c r="N13317" s="5" t="s">
        <v>36266</v>
      </c>
      <c r="O13317" s="5" t="s">
        <v>38</v>
      </c>
      <c r="P13317" s="5" t="s">
        <v>39</v>
      </c>
      <c r="Q13317" s="5" t="s">
        <v>40</v>
      </c>
      <c r="R13317" s="5" t="s">
        <v>1522</v>
      </c>
      <c r="S13317" s="5" t="s">
        <v>1523</v>
      </c>
      <c r="T13317" s="5" t="s">
        <v>42</v>
      </c>
      <c r="U13317" s="2">
        <v>2.0089999999999999</v>
      </c>
      <c r="V13317" s="2">
        <v>1.496</v>
      </c>
      <c r="W13317" s="2">
        <v>1.7999999999999999E-2</v>
      </c>
      <c r="X13317" s="2">
        <v>139.1</v>
      </c>
      <c r="Y13317" s="2">
        <v>7.6</v>
      </c>
      <c r="Z13317" s="2">
        <v>16.7</v>
      </c>
      <c r="AA13317" s="5"/>
      <c r="AB13317" s="5" t="s">
        <v>43</v>
      </c>
      <c r="AC13317" s="5" t="s">
        <v>44</v>
      </c>
      <c r="AD13317" s="2"/>
      <c r="AE13317" s="1"/>
    </row>
    <row r="13318" spans="1:31" ht="14.45">
      <c r="A13318" s="11"/>
      <c r="B13318" s="20"/>
      <c r="C13318" s="2" t="s">
        <v>40882</v>
      </c>
      <c r="D13318" s="14" t="s">
        <v>40883</v>
      </c>
      <c r="E13318" s="2" t="s">
        <v>40884</v>
      </c>
      <c r="F13318" s="2" t="s">
        <v>36353</v>
      </c>
      <c r="G13318" s="8">
        <v>237</v>
      </c>
      <c r="H13318" s="5">
        <v>6</v>
      </c>
      <c r="I13318" s="5" t="s">
        <v>1518</v>
      </c>
      <c r="J13318" s="5" t="s">
        <v>36264</v>
      </c>
      <c r="K13318" s="2" t="s">
        <v>36265</v>
      </c>
      <c r="L13318" s="5" t="s">
        <v>36264</v>
      </c>
      <c r="M13318" s="2" t="s">
        <v>36265</v>
      </c>
      <c r="N13318" s="5" t="s">
        <v>36266</v>
      </c>
      <c r="O13318" s="5" t="s">
        <v>38</v>
      </c>
      <c r="P13318" s="5" t="s">
        <v>39</v>
      </c>
      <c r="Q13318" s="5" t="s">
        <v>40</v>
      </c>
      <c r="R13318" s="5" t="s">
        <v>1522</v>
      </c>
      <c r="S13318" s="5" t="s">
        <v>1523</v>
      </c>
      <c r="T13318" s="5" t="s">
        <v>42</v>
      </c>
      <c r="U13318" s="2">
        <v>2.0089999999999999</v>
      </c>
      <c r="V13318" s="2">
        <v>1.496</v>
      </c>
      <c r="W13318" s="2">
        <v>1.7999999999999999E-2</v>
      </c>
      <c r="X13318" s="2">
        <v>139.1</v>
      </c>
      <c r="Y13318" s="2">
        <v>7.6</v>
      </c>
      <c r="Z13318" s="2">
        <v>16.7</v>
      </c>
      <c r="AA13318" s="5"/>
      <c r="AB13318" s="5" t="s">
        <v>43</v>
      </c>
      <c r="AC13318" s="5" t="s">
        <v>44</v>
      </c>
      <c r="AD13318" s="2"/>
      <c r="AE13318" s="1"/>
    </row>
    <row r="13319" spans="1:31" ht="14.45">
      <c r="A13319" s="11"/>
      <c r="B13319" s="20"/>
      <c r="C13319" s="2" t="s">
        <v>40885</v>
      </c>
      <c r="D13319" s="14" t="s">
        <v>40886</v>
      </c>
      <c r="E13319" s="2" t="s">
        <v>40887</v>
      </c>
      <c r="F13319" s="2" t="s">
        <v>36361</v>
      </c>
      <c r="G13319" s="8">
        <v>237</v>
      </c>
      <c r="H13319" s="5">
        <v>6</v>
      </c>
      <c r="I13319" s="5" t="s">
        <v>1518</v>
      </c>
      <c r="J13319" s="5" t="s">
        <v>36264</v>
      </c>
      <c r="K13319" s="2" t="s">
        <v>36265</v>
      </c>
      <c r="L13319" s="5" t="s">
        <v>36264</v>
      </c>
      <c r="M13319" s="2" t="s">
        <v>36265</v>
      </c>
      <c r="N13319" s="5" t="s">
        <v>36266</v>
      </c>
      <c r="O13319" s="5" t="s">
        <v>38</v>
      </c>
      <c r="P13319" s="5" t="s">
        <v>39</v>
      </c>
      <c r="Q13319" s="5" t="s">
        <v>40</v>
      </c>
      <c r="R13319" s="5" t="s">
        <v>1522</v>
      </c>
      <c r="S13319" s="5" t="s">
        <v>1523</v>
      </c>
      <c r="T13319" s="5" t="s">
        <v>42</v>
      </c>
      <c r="U13319" s="2">
        <v>2.0089999999999999</v>
      </c>
      <c r="V13319" s="2">
        <v>1.496</v>
      </c>
      <c r="W13319" s="2">
        <v>1.7999999999999999E-2</v>
      </c>
      <c r="X13319" s="2">
        <v>139.1</v>
      </c>
      <c r="Y13319" s="2">
        <v>7.6</v>
      </c>
      <c r="Z13319" s="2">
        <v>16.7</v>
      </c>
      <c r="AA13319" s="5"/>
      <c r="AB13319" s="5" t="s">
        <v>43</v>
      </c>
      <c r="AC13319" s="5" t="s">
        <v>44</v>
      </c>
      <c r="AD13319" s="2"/>
      <c r="AE13319" s="1"/>
    </row>
    <row r="13320" spans="1:31" ht="14.45">
      <c r="A13320" s="11"/>
      <c r="B13320" s="20"/>
      <c r="C13320" s="2" t="s">
        <v>40888</v>
      </c>
      <c r="D13320" s="14" t="s">
        <v>40889</v>
      </c>
      <c r="E13320" s="2" t="s">
        <v>40890</v>
      </c>
      <c r="F13320" s="2" t="s">
        <v>36369</v>
      </c>
      <c r="G13320" s="8">
        <v>237</v>
      </c>
      <c r="H13320" s="5">
        <v>6</v>
      </c>
      <c r="I13320" s="5" t="s">
        <v>1518</v>
      </c>
      <c r="J13320" s="5" t="s">
        <v>36264</v>
      </c>
      <c r="K13320" s="2" t="s">
        <v>36265</v>
      </c>
      <c r="L13320" s="5" t="s">
        <v>36264</v>
      </c>
      <c r="M13320" s="2" t="s">
        <v>36265</v>
      </c>
      <c r="N13320" s="5" t="s">
        <v>36266</v>
      </c>
      <c r="O13320" s="5" t="s">
        <v>38</v>
      </c>
      <c r="P13320" s="5" t="s">
        <v>39</v>
      </c>
      <c r="Q13320" s="5" t="s">
        <v>40</v>
      </c>
      <c r="R13320" s="5" t="s">
        <v>1522</v>
      </c>
      <c r="S13320" s="5" t="s">
        <v>1523</v>
      </c>
      <c r="T13320" s="5" t="s">
        <v>42</v>
      </c>
      <c r="U13320" s="2">
        <v>2.0089999999999999</v>
      </c>
      <c r="V13320" s="2">
        <v>1.496</v>
      </c>
      <c r="W13320" s="2">
        <v>1.7999999999999999E-2</v>
      </c>
      <c r="X13320" s="2">
        <v>139.1</v>
      </c>
      <c r="Y13320" s="2">
        <v>7.6</v>
      </c>
      <c r="Z13320" s="2">
        <v>16.7</v>
      </c>
      <c r="AA13320" s="5"/>
      <c r="AB13320" s="5" t="s">
        <v>43</v>
      </c>
      <c r="AC13320" s="5" t="s">
        <v>44</v>
      </c>
      <c r="AD13320" s="2"/>
      <c r="AE13320" s="1"/>
    </row>
    <row r="13321" spans="1:31" ht="14.45">
      <c r="A13321" s="11"/>
      <c r="B13321" s="20"/>
      <c r="C13321" s="2" t="s">
        <v>40891</v>
      </c>
      <c r="D13321" s="14" t="s">
        <v>40892</v>
      </c>
      <c r="E13321" s="2" t="s">
        <v>40893</v>
      </c>
      <c r="F13321" s="2" t="s">
        <v>36377</v>
      </c>
      <c r="G13321" s="8">
        <v>237</v>
      </c>
      <c r="H13321" s="5">
        <v>6</v>
      </c>
      <c r="I13321" s="5" t="s">
        <v>1518</v>
      </c>
      <c r="J13321" s="5" t="s">
        <v>36264</v>
      </c>
      <c r="K13321" s="2" t="s">
        <v>36265</v>
      </c>
      <c r="L13321" s="5" t="s">
        <v>36264</v>
      </c>
      <c r="M13321" s="2" t="s">
        <v>36265</v>
      </c>
      <c r="N13321" s="5" t="s">
        <v>36266</v>
      </c>
      <c r="O13321" s="5" t="s">
        <v>38</v>
      </c>
      <c r="P13321" s="5" t="s">
        <v>39</v>
      </c>
      <c r="Q13321" s="5" t="s">
        <v>40</v>
      </c>
      <c r="R13321" s="5" t="s">
        <v>1522</v>
      </c>
      <c r="S13321" s="5" t="s">
        <v>1523</v>
      </c>
      <c r="T13321" s="5" t="s">
        <v>42</v>
      </c>
      <c r="U13321" s="2">
        <v>2.0089999999999999</v>
      </c>
      <c r="V13321" s="2">
        <v>1.496</v>
      </c>
      <c r="W13321" s="2">
        <v>1.7999999999999999E-2</v>
      </c>
      <c r="X13321" s="2">
        <v>139.1</v>
      </c>
      <c r="Y13321" s="2">
        <v>7.6</v>
      </c>
      <c r="Z13321" s="2">
        <v>16.7</v>
      </c>
      <c r="AA13321" s="5"/>
      <c r="AB13321" s="5" t="s">
        <v>43</v>
      </c>
      <c r="AC13321" s="5" t="s">
        <v>44</v>
      </c>
      <c r="AD13321" s="2"/>
      <c r="AE13321" s="1"/>
    </row>
    <row r="13322" spans="1:31" ht="14.45">
      <c r="A13322" s="11"/>
      <c r="B13322" s="20"/>
      <c r="C13322" s="2" t="s">
        <v>40894</v>
      </c>
      <c r="D13322" s="14" t="s">
        <v>40895</v>
      </c>
      <c r="E13322" s="2" t="s">
        <v>40896</v>
      </c>
      <c r="F13322" s="2" t="s">
        <v>36385</v>
      </c>
      <c r="G13322" s="8">
        <v>237</v>
      </c>
      <c r="H13322" s="5">
        <v>6</v>
      </c>
      <c r="I13322" s="5" t="s">
        <v>1518</v>
      </c>
      <c r="J13322" s="5" t="s">
        <v>36264</v>
      </c>
      <c r="K13322" s="2" t="s">
        <v>36265</v>
      </c>
      <c r="L13322" s="5" t="s">
        <v>36264</v>
      </c>
      <c r="M13322" s="2" t="s">
        <v>36265</v>
      </c>
      <c r="N13322" s="5" t="s">
        <v>36266</v>
      </c>
      <c r="O13322" s="5" t="s">
        <v>38</v>
      </c>
      <c r="P13322" s="5" t="s">
        <v>39</v>
      </c>
      <c r="Q13322" s="5" t="s">
        <v>40</v>
      </c>
      <c r="R13322" s="5" t="s">
        <v>1522</v>
      </c>
      <c r="S13322" s="5" t="s">
        <v>1523</v>
      </c>
      <c r="T13322" s="5" t="s">
        <v>42</v>
      </c>
      <c r="U13322" s="2">
        <v>2.0089999999999999</v>
      </c>
      <c r="V13322" s="2">
        <v>1.496</v>
      </c>
      <c r="W13322" s="2">
        <v>1.7999999999999999E-2</v>
      </c>
      <c r="X13322" s="2">
        <v>139.1</v>
      </c>
      <c r="Y13322" s="2">
        <v>7.6</v>
      </c>
      <c r="Z13322" s="2">
        <v>16.7</v>
      </c>
      <c r="AA13322" s="5"/>
      <c r="AB13322" s="5" t="s">
        <v>43</v>
      </c>
      <c r="AC13322" s="5" t="s">
        <v>44</v>
      </c>
      <c r="AD13322" s="2"/>
      <c r="AE13322" s="1"/>
    </row>
    <row r="13323" spans="1:31" ht="14.45">
      <c r="A13323" s="11"/>
      <c r="B13323" s="20"/>
      <c r="C13323" s="2" t="s">
        <v>40897</v>
      </c>
      <c r="D13323" s="14" t="s">
        <v>40898</v>
      </c>
      <c r="E13323" s="2" t="s">
        <v>40899</v>
      </c>
      <c r="F13323" s="2" t="s">
        <v>7204</v>
      </c>
      <c r="G13323" s="8">
        <v>228</v>
      </c>
      <c r="H13323" s="5">
        <v>6</v>
      </c>
      <c r="I13323" s="5" t="s">
        <v>1518</v>
      </c>
      <c r="J13323" s="5" t="s">
        <v>36264</v>
      </c>
      <c r="K13323" s="2" t="s">
        <v>36265</v>
      </c>
      <c r="L13323" s="5" t="s">
        <v>36264</v>
      </c>
      <c r="M13323" s="2" t="s">
        <v>36265</v>
      </c>
      <c r="N13323" s="5" t="s">
        <v>36266</v>
      </c>
      <c r="O13323" s="5" t="s">
        <v>38</v>
      </c>
      <c r="P13323" s="5" t="s">
        <v>39</v>
      </c>
      <c r="Q13323" s="5" t="s">
        <v>40</v>
      </c>
      <c r="R13323" s="5" t="s">
        <v>1522</v>
      </c>
      <c r="S13323" s="5" t="s">
        <v>1523</v>
      </c>
      <c r="T13323" s="5" t="s">
        <v>42</v>
      </c>
      <c r="U13323" s="2">
        <v>2.2160000000000002</v>
      </c>
      <c r="V13323" s="2">
        <v>1.62</v>
      </c>
      <c r="W13323" s="2">
        <v>0.02</v>
      </c>
      <c r="X13323" s="2">
        <v>159.1</v>
      </c>
      <c r="Y13323" s="2">
        <v>7.6</v>
      </c>
      <c r="Z13323" s="2">
        <v>16.7</v>
      </c>
      <c r="AA13323" s="5"/>
      <c r="AB13323" s="5" t="s">
        <v>43</v>
      </c>
      <c r="AC13323" s="5" t="s">
        <v>44</v>
      </c>
      <c r="AD13323" s="2"/>
      <c r="AE13323" s="1"/>
    </row>
    <row r="13324" spans="1:31" ht="14.45">
      <c r="A13324" s="11"/>
      <c r="B13324" s="20"/>
      <c r="C13324" s="2" t="s">
        <v>40900</v>
      </c>
      <c r="D13324" s="14" t="s">
        <v>40901</v>
      </c>
      <c r="E13324" s="2" t="s">
        <v>40902</v>
      </c>
      <c r="F13324" s="2" t="s">
        <v>36273</v>
      </c>
      <c r="G13324" s="8">
        <v>228</v>
      </c>
      <c r="H13324" s="5">
        <v>6</v>
      </c>
      <c r="I13324" s="5" t="s">
        <v>1518</v>
      </c>
      <c r="J13324" s="5" t="s">
        <v>36264</v>
      </c>
      <c r="K13324" s="2" t="s">
        <v>36265</v>
      </c>
      <c r="L13324" s="5" t="s">
        <v>36264</v>
      </c>
      <c r="M13324" s="2" t="s">
        <v>36265</v>
      </c>
      <c r="N13324" s="5" t="s">
        <v>36266</v>
      </c>
      <c r="O13324" s="5" t="s">
        <v>38</v>
      </c>
      <c r="P13324" s="5" t="s">
        <v>39</v>
      </c>
      <c r="Q13324" s="5" t="s">
        <v>40</v>
      </c>
      <c r="R13324" s="5" t="s">
        <v>1522</v>
      </c>
      <c r="S13324" s="5" t="s">
        <v>1523</v>
      </c>
      <c r="T13324" s="5" t="s">
        <v>42</v>
      </c>
      <c r="U13324" s="2">
        <v>2.2160000000000002</v>
      </c>
      <c r="V13324" s="2">
        <v>1.62</v>
      </c>
      <c r="W13324" s="2">
        <v>0.02</v>
      </c>
      <c r="X13324" s="2">
        <v>159.1</v>
      </c>
      <c r="Y13324" s="2">
        <v>7.6</v>
      </c>
      <c r="Z13324" s="2">
        <v>16.7</v>
      </c>
      <c r="AA13324" s="5"/>
      <c r="AB13324" s="5" t="s">
        <v>43</v>
      </c>
      <c r="AC13324" s="5" t="s">
        <v>44</v>
      </c>
      <c r="AD13324" s="2"/>
      <c r="AE13324" s="1"/>
    </row>
    <row r="13325" spans="1:31" ht="14.45">
      <c r="A13325" s="11"/>
      <c r="B13325" s="20"/>
      <c r="C13325" s="2" t="s">
        <v>40903</v>
      </c>
      <c r="D13325" s="14" t="s">
        <v>40904</v>
      </c>
      <c r="E13325" s="2" t="s">
        <v>40905</v>
      </c>
      <c r="F13325" s="2" t="s">
        <v>36281</v>
      </c>
      <c r="G13325" s="8">
        <v>262</v>
      </c>
      <c r="H13325" s="5">
        <v>6</v>
      </c>
      <c r="I13325" s="5" t="s">
        <v>1518</v>
      </c>
      <c r="J13325" s="5" t="s">
        <v>36264</v>
      </c>
      <c r="K13325" s="2" t="s">
        <v>36265</v>
      </c>
      <c r="L13325" s="5" t="s">
        <v>36264</v>
      </c>
      <c r="M13325" s="2" t="s">
        <v>36265</v>
      </c>
      <c r="N13325" s="5" t="s">
        <v>36266</v>
      </c>
      <c r="O13325" s="5" t="s">
        <v>38</v>
      </c>
      <c r="P13325" s="5" t="s">
        <v>39</v>
      </c>
      <c r="Q13325" s="5" t="s">
        <v>40</v>
      </c>
      <c r="R13325" s="5" t="s">
        <v>1522</v>
      </c>
      <c r="S13325" s="5" t="s">
        <v>1523</v>
      </c>
      <c r="T13325" s="5" t="s">
        <v>42</v>
      </c>
      <c r="U13325" s="2">
        <v>2.2160000000000002</v>
      </c>
      <c r="V13325" s="2">
        <v>1.62</v>
      </c>
      <c r="W13325" s="2">
        <v>0.02</v>
      </c>
      <c r="X13325" s="2">
        <v>159.1</v>
      </c>
      <c r="Y13325" s="2">
        <v>7.6</v>
      </c>
      <c r="Z13325" s="2">
        <v>16.7</v>
      </c>
      <c r="AA13325" s="5"/>
      <c r="AB13325" s="5" t="s">
        <v>43</v>
      </c>
      <c r="AC13325" s="5" t="s">
        <v>44</v>
      </c>
      <c r="AD13325" s="2"/>
      <c r="AE13325" s="1"/>
    </row>
    <row r="13326" spans="1:31" ht="14.45">
      <c r="A13326" s="11"/>
      <c r="B13326" s="20"/>
      <c r="C13326" s="2" t="s">
        <v>40906</v>
      </c>
      <c r="D13326" s="14" t="s">
        <v>40907</v>
      </c>
      <c r="E13326" s="2" t="s">
        <v>40908</v>
      </c>
      <c r="F13326" s="2" t="s">
        <v>36289</v>
      </c>
      <c r="G13326" s="8">
        <v>262</v>
      </c>
      <c r="H13326" s="5">
        <v>6</v>
      </c>
      <c r="I13326" s="5" t="s">
        <v>1518</v>
      </c>
      <c r="J13326" s="5" t="s">
        <v>36264</v>
      </c>
      <c r="K13326" s="2" t="s">
        <v>36265</v>
      </c>
      <c r="L13326" s="5" t="s">
        <v>36264</v>
      </c>
      <c r="M13326" s="2" t="s">
        <v>36265</v>
      </c>
      <c r="N13326" s="5" t="s">
        <v>36266</v>
      </c>
      <c r="O13326" s="5" t="s">
        <v>38</v>
      </c>
      <c r="P13326" s="5" t="s">
        <v>39</v>
      </c>
      <c r="Q13326" s="5" t="s">
        <v>40</v>
      </c>
      <c r="R13326" s="5" t="s">
        <v>1522</v>
      </c>
      <c r="S13326" s="5" t="s">
        <v>1523</v>
      </c>
      <c r="T13326" s="5" t="s">
        <v>42</v>
      </c>
      <c r="U13326" s="2">
        <v>2.2160000000000002</v>
      </c>
      <c r="V13326" s="2">
        <v>1.62</v>
      </c>
      <c r="W13326" s="2">
        <v>0.02</v>
      </c>
      <c r="X13326" s="2">
        <v>159.1</v>
      </c>
      <c r="Y13326" s="2">
        <v>7.6</v>
      </c>
      <c r="Z13326" s="2">
        <v>16.7</v>
      </c>
      <c r="AA13326" s="5"/>
      <c r="AB13326" s="5" t="s">
        <v>43</v>
      </c>
      <c r="AC13326" s="5" t="s">
        <v>44</v>
      </c>
      <c r="AD13326" s="2"/>
      <c r="AE13326" s="1"/>
    </row>
    <row r="13327" spans="1:31" ht="14.45">
      <c r="A13327" s="11"/>
      <c r="B13327" s="20"/>
      <c r="C13327" s="2" t="s">
        <v>40909</v>
      </c>
      <c r="D13327" s="14" t="s">
        <v>40910</v>
      </c>
      <c r="E13327" s="2" t="s">
        <v>40911</v>
      </c>
      <c r="F13327" s="2" t="s">
        <v>36297</v>
      </c>
      <c r="G13327" s="8">
        <v>228</v>
      </c>
      <c r="H13327" s="5">
        <v>6</v>
      </c>
      <c r="I13327" s="5" t="s">
        <v>1518</v>
      </c>
      <c r="J13327" s="5" t="s">
        <v>36264</v>
      </c>
      <c r="K13327" s="2" t="s">
        <v>36265</v>
      </c>
      <c r="L13327" s="5" t="s">
        <v>36264</v>
      </c>
      <c r="M13327" s="2" t="s">
        <v>36265</v>
      </c>
      <c r="N13327" s="5" t="s">
        <v>36266</v>
      </c>
      <c r="O13327" s="5" t="s">
        <v>38</v>
      </c>
      <c r="P13327" s="5" t="s">
        <v>39</v>
      </c>
      <c r="Q13327" s="5" t="s">
        <v>40</v>
      </c>
      <c r="R13327" s="5" t="s">
        <v>1522</v>
      </c>
      <c r="S13327" s="5" t="s">
        <v>1523</v>
      </c>
      <c r="T13327" s="5" t="s">
        <v>42</v>
      </c>
      <c r="U13327" s="2">
        <v>2.2160000000000002</v>
      </c>
      <c r="V13327" s="2">
        <v>1.62</v>
      </c>
      <c r="W13327" s="2">
        <v>0.02</v>
      </c>
      <c r="X13327" s="2">
        <v>159.1</v>
      </c>
      <c r="Y13327" s="2">
        <v>7.6</v>
      </c>
      <c r="Z13327" s="2">
        <v>16.7</v>
      </c>
      <c r="AA13327" s="5"/>
      <c r="AB13327" s="5" t="s">
        <v>43</v>
      </c>
      <c r="AC13327" s="5" t="s">
        <v>44</v>
      </c>
      <c r="AD13327" s="2"/>
      <c r="AE13327" s="1"/>
    </row>
    <row r="13328" spans="1:31" ht="14.45">
      <c r="A13328" s="11"/>
      <c r="B13328" s="20"/>
      <c r="C13328" s="2" t="s">
        <v>40912</v>
      </c>
      <c r="D13328" s="14" t="s">
        <v>40913</v>
      </c>
      <c r="E13328" s="2" t="s">
        <v>40914</v>
      </c>
      <c r="F13328" s="2" t="s">
        <v>36305</v>
      </c>
      <c r="G13328" s="8">
        <v>228</v>
      </c>
      <c r="H13328" s="5">
        <v>6</v>
      </c>
      <c r="I13328" s="5" t="s">
        <v>1518</v>
      </c>
      <c r="J13328" s="5" t="s">
        <v>36264</v>
      </c>
      <c r="K13328" s="2" t="s">
        <v>36265</v>
      </c>
      <c r="L13328" s="5" t="s">
        <v>36264</v>
      </c>
      <c r="M13328" s="2" t="s">
        <v>36265</v>
      </c>
      <c r="N13328" s="5" t="s">
        <v>36266</v>
      </c>
      <c r="O13328" s="5" t="s">
        <v>38</v>
      </c>
      <c r="P13328" s="5" t="s">
        <v>39</v>
      </c>
      <c r="Q13328" s="5" t="s">
        <v>40</v>
      </c>
      <c r="R13328" s="5" t="s">
        <v>1522</v>
      </c>
      <c r="S13328" s="5" t="s">
        <v>1523</v>
      </c>
      <c r="T13328" s="5" t="s">
        <v>42</v>
      </c>
      <c r="U13328" s="2">
        <v>2.2160000000000002</v>
      </c>
      <c r="V13328" s="2">
        <v>1.62</v>
      </c>
      <c r="W13328" s="2">
        <v>0.02</v>
      </c>
      <c r="X13328" s="2">
        <v>159.1</v>
      </c>
      <c r="Y13328" s="2">
        <v>7.6</v>
      </c>
      <c r="Z13328" s="2">
        <v>16.7</v>
      </c>
      <c r="AA13328" s="5"/>
      <c r="AB13328" s="5" t="s">
        <v>43</v>
      </c>
      <c r="AC13328" s="5" t="s">
        <v>44</v>
      </c>
      <c r="AD13328" s="2"/>
      <c r="AE13328" s="1"/>
    </row>
    <row r="13329" spans="1:31" ht="14.45">
      <c r="A13329" s="11"/>
      <c r="B13329" s="20"/>
      <c r="C13329" s="2" t="s">
        <v>40915</v>
      </c>
      <c r="D13329" s="14" t="s">
        <v>40916</v>
      </c>
      <c r="E13329" s="2" t="s">
        <v>40917</v>
      </c>
      <c r="F13329" s="2" t="s">
        <v>36313</v>
      </c>
      <c r="G13329" s="8">
        <v>262</v>
      </c>
      <c r="H13329" s="5">
        <v>6</v>
      </c>
      <c r="I13329" s="5" t="s">
        <v>1518</v>
      </c>
      <c r="J13329" s="5" t="s">
        <v>36264</v>
      </c>
      <c r="K13329" s="2" t="s">
        <v>36265</v>
      </c>
      <c r="L13329" s="5" t="s">
        <v>36264</v>
      </c>
      <c r="M13329" s="2" t="s">
        <v>36265</v>
      </c>
      <c r="N13329" s="5" t="s">
        <v>36266</v>
      </c>
      <c r="O13329" s="5" t="s">
        <v>38</v>
      </c>
      <c r="P13329" s="5" t="s">
        <v>39</v>
      </c>
      <c r="Q13329" s="5" t="s">
        <v>40</v>
      </c>
      <c r="R13329" s="5" t="s">
        <v>1522</v>
      </c>
      <c r="S13329" s="5" t="s">
        <v>1523</v>
      </c>
      <c r="T13329" s="5" t="s">
        <v>42</v>
      </c>
      <c r="U13329" s="2">
        <v>2.2160000000000002</v>
      </c>
      <c r="V13329" s="2">
        <v>1.62</v>
      </c>
      <c r="W13329" s="2">
        <v>0.02</v>
      </c>
      <c r="X13329" s="2">
        <v>159.1</v>
      </c>
      <c r="Y13329" s="2">
        <v>7.6</v>
      </c>
      <c r="Z13329" s="2">
        <v>16.7</v>
      </c>
      <c r="AA13329" s="5"/>
      <c r="AB13329" s="5" t="s">
        <v>43</v>
      </c>
      <c r="AC13329" s="5" t="s">
        <v>44</v>
      </c>
      <c r="AD13329" s="2"/>
      <c r="AE13329" s="1"/>
    </row>
    <row r="13330" spans="1:31" ht="14.45">
      <c r="A13330" s="11"/>
      <c r="B13330" s="20"/>
      <c r="C13330" s="2" t="s">
        <v>40918</v>
      </c>
      <c r="D13330" s="14" t="s">
        <v>40919</v>
      </c>
      <c r="E13330" s="2" t="s">
        <v>40920</v>
      </c>
      <c r="F13330" s="2" t="s">
        <v>36329</v>
      </c>
      <c r="G13330" s="8">
        <v>262</v>
      </c>
      <c r="H13330" s="5">
        <v>6</v>
      </c>
      <c r="I13330" s="5" t="s">
        <v>1518</v>
      </c>
      <c r="J13330" s="5" t="s">
        <v>36264</v>
      </c>
      <c r="K13330" s="2" t="s">
        <v>36265</v>
      </c>
      <c r="L13330" s="5" t="s">
        <v>36264</v>
      </c>
      <c r="M13330" s="2" t="s">
        <v>36265</v>
      </c>
      <c r="N13330" s="5" t="s">
        <v>36266</v>
      </c>
      <c r="O13330" s="5" t="s">
        <v>38</v>
      </c>
      <c r="P13330" s="5" t="s">
        <v>39</v>
      </c>
      <c r="Q13330" s="5" t="s">
        <v>40</v>
      </c>
      <c r="R13330" s="5" t="s">
        <v>1522</v>
      </c>
      <c r="S13330" s="5" t="s">
        <v>1523</v>
      </c>
      <c r="T13330" s="5" t="s">
        <v>42</v>
      </c>
      <c r="U13330" s="2">
        <v>2.2160000000000002</v>
      </c>
      <c r="V13330" s="2">
        <v>1.62</v>
      </c>
      <c r="W13330" s="2">
        <v>0.02</v>
      </c>
      <c r="X13330" s="2">
        <v>159.1</v>
      </c>
      <c r="Y13330" s="2">
        <v>7.6</v>
      </c>
      <c r="Z13330" s="2">
        <v>16.7</v>
      </c>
      <c r="AA13330" s="5"/>
      <c r="AB13330" s="5" t="s">
        <v>43</v>
      </c>
      <c r="AC13330" s="5" t="s">
        <v>44</v>
      </c>
      <c r="AD13330" s="2"/>
      <c r="AE13330" s="1"/>
    </row>
    <row r="13331" spans="1:31" ht="14.45">
      <c r="A13331" s="11"/>
      <c r="B13331" s="20"/>
      <c r="C13331" s="2" t="s">
        <v>40921</v>
      </c>
      <c r="D13331" s="14" t="s">
        <v>40922</v>
      </c>
      <c r="E13331" s="2" t="s">
        <v>40923</v>
      </c>
      <c r="F13331" s="2" t="s">
        <v>36345</v>
      </c>
      <c r="G13331" s="8">
        <v>262</v>
      </c>
      <c r="H13331" s="5">
        <v>6</v>
      </c>
      <c r="I13331" s="5" t="s">
        <v>1518</v>
      </c>
      <c r="J13331" s="5" t="s">
        <v>36264</v>
      </c>
      <c r="K13331" s="2" t="s">
        <v>36265</v>
      </c>
      <c r="L13331" s="5" t="s">
        <v>36264</v>
      </c>
      <c r="M13331" s="2" t="s">
        <v>36265</v>
      </c>
      <c r="N13331" s="5" t="s">
        <v>36266</v>
      </c>
      <c r="O13331" s="5" t="s">
        <v>38</v>
      </c>
      <c r="P13331" s="5" t="s">
        <v>39</v>
      </c>
      <c r="Q13331" s="5" t="s">
        <v>40</v>
      </c>
      <c r="R13331" s="5" t="s">
        <v>1522</v>
      </c>
      <c r="S13331" s="5" t="s">
        <v>1523</v>
      </c>
      <c r="T13331" s="5" t="s">
        <v>42</v>
      </c>
      <c r="U13331" s="2">
        <v>2.2160000000000002</v>
      </c>
      <c r="V13331" s="2">
        <v>1.62</v>
      </c>
      <c r="W13331" s="2">
        <v>0.02</v>
      </c>
      <c r="X13331" s="2">
        <v>159.1</v>
      </c>
      <c r="Y13331" s="2">
        <v>7.6</v>
      </c>
      <c r="Z13331" s="2">
        <v>16.7</v>
      </c>
      <c r="AA13331" s="5"/>
      <c r="AB13331" s="5" t="s">
        <v>43</v>
      </c>
      <c r="AC13331" s="5" t="s">
        <v>44</v>
      </c>
      <c r="AD13331" s="2"/>
      <c r="AE13331" s="1"/>
    </row>
    <row r="13332" spans="1:31" ht="14.45">
      <c r="A13332" s="11"/>
      <c r="B13332" s="20"/>
      <c r="C13332" s="2" t="s">
        <v>40924</v>
      </c>
      <c r="D13332" s="14" t="s">
        <v>40925</v>
      </c>
      <c r="E13332" s="2" t="s">
        <v>40926</v>
      </c>
      <c r="F13332" s="2" t="s">
        <v>36361</v>
      </c>
      <c r="G13332" s="8">
        <v>262</v>
      </c>
      <c r="H13332" s="5">
        <v>6</v>
      </c>
      <c r="I13332" s="5" t="s">
        <v>1518</v>
      </c>
      <c r="J13332" s="5" t="s">
        <v>36264</v>
      </c>
      <c r="K13332" s="2" t="s">
        <v>36265</v>
      </c>
      <c r="L13332" s="5" t="s">
        <v>36264</v>
      </c>
      <c r="M13332" s="2" t="s">
        <v>36265</v>
      </c>
      <c r="N13332" s="5" t="s">
        <v>36266</v>
      </c>
      <c r="O13332" s="5" t="s">
        <v>38</v>
      </c>
      <c r="P13332" s="5" t="s">
        <v>39</v>
      </c>
      <c r="Q13332" s="5" t="s">
        <v>40</v>
      </c>
      <c r="R13332" s="5" t="s">
        <v>1522</v>
      </c>
      <c r="S13332" s="5" t="s">
        <v>1523</v>
      </c>
      <c r="T13332" s="5" t="s">
        <v>42</v>
      </c>
      <c r="U13332" s="2">
        <v>2.2160000000000002</v>
      </c>
      <c r="V13332" s="2">
        <v>1.62</v>
      </c>
      <c r="W13332" s="2">
        <v>0.02</v>
      </c>
      <c r="X13332" s="2">
        <v>159.1</v>
      </c>
      <c r="Y13332" s="2">
        <v>7.6</v>
      </c>
      <c r="Z13332" s="2">
        <v>16.7</v>
      </c>
      <c r="AA13332" s="5"/>
      <c r="AB13332" s="5" t="s">
        <v>43</v>
      </c>
      <c r="AC13332" s="5" t="s">
        <v>44</v>
      </c>
      <c r="AD13332" s="2"/>
      <c r="AE13332" s="1"/>
    </row>
    <row r="13333" spans="1:31" ht="14.45">
      <c r="A13333" s="11"/>
      <c r="B13333" s="20"/>
      <c r="C13333" s="2" t="s">
        <v>40927</v>
      </c>
      <c r="D13333" s="14" t="s">
        <v>40928</v>
      </c>
      <c r="E13333" s="2" t="s">
        <v>40929</v>
      </c>
      <c r="F13333" s="2" t="s">
        <v>36369</v>
      </c>
      <c r="G13333" s="8">
        <v>262</v>
      </c>
      <c r="H13333" s="5">
        <v>6</v>
      </c>
      <c r="I13333" s="5" t="s">
        <v>1518</v>
      </c>
      <c r="J13333" s="5" t="s">
        <v>36264</v>
      </c>
      <c r="K13333" s="2" t="s">
        <v>36265</v>
      </c>
      <c r="L13333" s="5" t="s">
        <v>36264</v>
      </c>
      <c r="M13333" s="2" t="s">
        <v>36265</v>
      </c>
      <c r="N13333" s="5" t="s">
        <v>36266</v>
      </c>
      <c r="O13333" s="5" t="s">
        <v>38</v>
      </c>
      <c r="P13333" s="5" t="s">
        <v>39</v>
      </c>
      <c r="Q13333" s="5" t="s">
        <v>40</v>
      </c>
      <c r="R13333" s="5" t="s">
        <v>1522</v>
      </c>
      <c r="S13333" s="5" t="s">
        <v>1523</v>
      </c>
      <c r="T13333" s="5" t="s">
        <v>42</v>
      </c>
      <c r="U13333" s="2">
        <v>2.2160000000000002</v>
      </c>
      <c r="V13333" s="2">
        <v>1.62</v>
      </c>
      <c r="W13333" s="2">
        <v>0.02</v>
      </c>
      <c r="X13333" s="2">
        <v>159.1</v>
      </c>
      <c r="Y13333" s="2">
        <v>7.6</v>
      </c>
      <c r="Z13333" s="2">
        <v>16.7</v>
      </c>
      <c r="AA13333" s="5"/>
      <c r="AB13333" s="5" t="s">
        <v>43</v>
      </c>
      <c r="AC13333" s="5" t="s">
        <v>44</v>
      </c>
      <c r="AD13333" s="2"/>
      <c r="AE13333" s="1"/>
    </row>
    <row r="13334" spans="1:31" ht="14.45">
      <c r="A13334" s="11"/>
      <c r="B13334" s="20"/>
      <c r="C13334" s="2" t="s">
        <v>40930</v>
      </c>
      <c r="D13334" s="14" t="s">
        <v>40931</v>
      </c>
      <c r="E13334" s="2" t="s">
        <v>40932</v>
      </c>
      <c r="F13334" s="2" t="s">
        <v>36377</v>
      </c>
      <c r="G13334" s="8">
        <v>262</v>
      </c>
      <c r="H13334" s="5">
        <v>6</v>
      </c>
      <c r="I13334" s="5" t="s">
        <v>1518</v>
      </c>
      <c r="J13334" s="5" t="s">
        <v>36264</v>
      </c>
      <c r="K13334" s="2" t="s">
        <v>36265</v>
      </c>
      <c r="L13334" s="5" t="s">
        <v>36264</v>
      </c>
      <c r="M13334" s="2" t="s">
        <v>36265</v>
      </c>
      <c r="N13334" s="5" t="s">
        <v>36266</v>
      </c>
      <c r="O13334" s="5" t="s">
        <v>38</v>
      </c>
      <c r="P13334" s="5" t="s">
        <v>39</v>
      </c>
      <c r="Q13334" s="5" t="s">
        <v>40</v>
      </c>
      <c r="R13334" s="5" t="s">
        <v>1522</v>
      </c>
      <c r="S13334" s="5" t="s">
        <v>1523</v>
      </c>
      <c r="T13334" s="5" t="s">
        <v>42</v>
      </c>
      <c r="U13334" s="2">
        <v>2.2160000000000002</v>
      </c>
      <c r="V13334" s="2">
        <v>1.62</v>
      </c>
      <c r="W13334" s="2">
        <v>0.02</v>
      </c>
      <c r="X13334" s="2">
        <v>159.1</v>
      </c>
      <c r="Y13334" s="2">
        <v>7.6</v>
      </c>
      <c r="Z13334" s="2">
        <v>16.7</v>
      </c>
      <c r="AA13334" s="5"/>
      <c r="AB13334" s="5" t="s">
        <v>43</v>
      </c>
      <c r="AC13334" s="5" t="s">
        <v>44</v>
      </c>
      <c r="AD13334" s="2"/>
      <c r="AE13334" s="1"/>
    </row>
    <row r="13335" spans="1:31" ht="14.45">
      <c r="A13335" s="11"/>
      <c r="B13335" s="20"/>
      <c r="C13335" s="2" t="s">
        <v>40933</v>
      </c>
      <c r="D13335" s="14" t="s">
        <v>40934</v>
      </c>
      <c r="E13335" s="2" t="s">
        <v>40935</v>
      </c>
      <c r="F13335" s="2" t="s">
        <v>36385</v>
      </c>
      <c r="G13335" s="8">
        <v>262</v>
      </c>
      <c r="H13335" s="5">
        <v>6</v>
      </c>
      <c r="I13335" s="5" t="s">
        <v>1518</v>
      </c>
      <c r="J13335" s="5" t="s">
        <v>36264</v>
      </c>
      <c r="K13335" s="2" t="s">
        <v>36265</v>
      </c>
      <c r="L13335" s="5" t="s">
        <v>36264</v>
      </c>
      <c r="M13335" s="2" t="s">
        <v>36265</v>
      </c>
      <c r="N13335" s="5" t="s">
        <v>36266</v>
      </c>
      <c r="O13335" s="5" t="s">
        <v>38</v>
      </c>
      <c r="P13335" s="5" t="s">
        <v>39</v>
      </c>
      <c r="Q13335" s="5" t="s">
        <v>40</v>
      </c>
      <c r="R13335" s="5" t="s">
        <v>1522</v>
      </c>
      <c r="S13335" s="5" t="s">
        <v>1523</v>
      </c>
      <c r="T13335" s="5" t="s">
        <v>42</v>
      </c>
      <c r="U13335" s="2">
        <v>2.2160000000000002</v>
      </c>
      <c r="V13335" s="2">
        <v>1.62</v>
      </c>
      <c r="W13335" s="2">
        <v>0.02</v>
      </c>
      <c r="X13335" s="2">
        <v>159.1</v>
      </c>
      <c r="Y13335" s="2">
        <v>7.6</v>
      </c>
      <c r="Z13335" s="2">
        <v>16.7</v>
      </c>
      <c r="AA13335" s="5"/>
      <c r="AB13335" s="5" t="s">
        <v>43</v>
      </c>
      <c r="AC13335" s="5" t="s">
        <v>44</v>
      </c>
      <c r="AD13335" s="2"/>
      <c r="AE13335" s="1"/>
    </row>
    <row r="13336" spans="1:31" ht="14.45">
      <c r="A13336" s="11"/>
      <c r="B13336" s="20"/>
      <c r="C13336" s="2" t="s">
        <v>40936</v>
      </c>
      <c r="D13336" s="14" t="s">
        <v>40937</v>
      </c>
      <c r="E13336" s="2" t="s">
        <v>40938</v>
      </c>
      <c r="F13336" s="2" t="s">
        <v>7204</v>
      </c>
      <c r="G13336" s="8">
        <v>96</v>
      </c>
      <c r="H13336" s="5">
        <v>6</v>
      </c>
      <c r="I13336" s="5" t="s">
        <v>1518</v>
      </c>
      <c r="J13336" s="5" t="s">
        <v>40939</v>
      </c>
      <c r="K13336" s="2" t="s">
        <v>40940</v>
      </c>
      <c r="L13336" s="5" t="s">
        <v>40939</v>
      </c>
      <c r="M13336" s="2" t="s">
        <v>40940</v>
      </c>
      <c r="N13336" s="5" t="s">
        <v>36266</v>
      </c>
      <c r="O13336" s="5" t="s">
        <v>38</v>
      </c>
      <c r="P13336" s="5" t="s">
        <v>39</v>
      </c>
      <c r="Q13336" s="5" t="s">
        <v>40</v>
      </c>
      <c r="R13336" s="5" t="s">
        <v>1522</v>
      </c>
      <c r="S13336" s="5" t="s">
        <v>1523</v>
      </c>
      <c r="T13336" s="5" t="s">
        <v>42</v>
      </c>
      <c r="U13336" s="2">
        <v>0.91100000000000003</v>
      </c>
      <c r="V13336" s="2">
        <v>0.49199999999999999</v>
      </c>
      <c r="W13336" s="2">
        <v>0.01</v>
      </c>
      <c r="X13336" s="2">
        <v>76.900000000000006</v>
      </c>
      <c r="Y13336" s="2">
        <v>7.6</v>
      </c>
      <c r="Z13336" s="2">
        <v>16.7</v>
      </c>
      <c r="AA13336" s="5"/>
      <c r="AB13336" s="5" t="s">
        <v>43</v>
      </c>
      <c r="AC13336" s="5" t="s">
        <v>44</v>
      </c>
      <c r="AD13336" s="2"/>
      <c r="AE13336" s="1"/>
    </row>
    <row r="13337" spans="1:31" ht="14.45">
      <c r="A13337" s="11"/>
      <c r="B13337" s="20"/>
      <c r="C13337" s="2" t="s">
        <v>40941</v>
      </c>
      <c r="D13337" s="14" t="s">
        <v>40942</v>
      </c>
      <c r="E13337" s="2" t="s">
        <v>40943</v>
      </c>
      <c r="F13337" s="2" t="s">
        <v>7514</v>
      </c>
      <c r="G13337" s="8">
        <v>96</v>
      </c>
      <c r="H13337" s="5">
        <v>6</v>
      </c>
      <c r="I13337" s="5" t="s">
        <v>1518</v>
      </c>
      <c r="J13337" s="5" t="s">
        <v>40939</v>
      </c>
      <c r="K13337" s="2" t="s">
        <v>40940</v>
      </c>
      <c r="L13337" s="5" t="s">
        <v>40939</v>
      </c>
      <c r="M13337" s="2" t="s">
        <v>40940</v>
      </c>
      <c r="N13337" s="5" t="s">
        <v>36266</v>
      </c>
      <c r="O13337" s="5" t="s">
        <v>38</v>
      </c>
      <c r="P13337" s="5" t="s">
        <v>39</v>
      </c>
      <c r="Q13337" s="5" t="s">
        <v>40</v>
      </c>
      <c r="R13337" s="5" t="s">
        <v>1522</v>
      </c>
      <c r="S13337" s="5" t="s">
        <v>1523</v>
      </c>
      <c r="T13337" s="5" t="s">
        <v>42</v>
      </c>
      <c r="U13337" s="2">
        <v>0.91600000000000004</v>
      </c>
      <c r="V13337" s="2">
        <v>0.497</v>
      </c>
      <c r="W13337" s="2">
        <v>0.01</v>
      </c>
      <c r="X13337" s="2">
        <v>76.900000000000006</v>
      </c>
      <c r="Y13337" s="2">
        <v>7.6</v>
      </c>
      <c r="Z13337" s="2">
        <v>16.7</v>
      </c>
      <c r="AA13337" s="5"/>
      <c r="AB13337" s="5" t="s">
        <v>43</v>
      </c>
      <c r="AC13337" s="5" t="s">
        <v>44</v>
      </c>
      <c r="AD13337" s="2"/>
      <c r="AE13337" s="1"/>
    </row>
    <row r="13338" spans="1:31" ht="14.45">
      <c r="A13338" s="11"/>
      <c r="B13338" s="20"/>
      <c r="C13338" s="2" t="s">
        <v>40944</v>
      </c>
      <c r="D13338" s="14" t="s">
        <v>40945</v>
      </c>
      <c r="E13338" s="2" t="s">
        <v>40946</v>
      </c>
      <c r="F13338" s="2" t="s">
        <v>40947</v>
      </c>
      <c r="G13338" s="8">
        <v>110</v>
      </c>
      <c r="H13338" s="5">
        <v>6</v>
      </c>
      <c r="I13338" s="5" t="s">
        <v>1518</v>
      </c>
      <c r="J13338" s="5" t="s">
        <v>40939</v>
      </c>
      <c r="K13338" s="2" t="s">
        <v>40940</v>
      </c>
      <c r="L13338" s="5" t="s">
        <v>40939</v>
      </c>
      <c r="M13338" s="2" t="s">
        <v>40940</v>
      </c>
      <c r="N13338" s="5" t="s">
        <v>36266</v>
      </c>
      <c r="O13338" s="5" t="s">
        <v>38</v>
      </c>
      <c r="P13338" s="5" t="s">
        <v>39</v>
      </c>
      <c r="Q13338" s="5" t="s">
        <v>40</v>
      </c>
      <c r="R13338" s="5" t="s">
        <v>1522</v>
      </c>
      <c r="S13338" s="5" t="s">
        <v>1523</v>
      </c>
      <c r="T13338" s="5" t="s">
        <v>42</v>
      </c>
      <c r="U13338" s="2">
        <v>0.91600000000000004</v>
      </c>
      <c r="V13338" s="2">
        <v>0.497</v>
      </c>
      <c r="W13338" s="2">
        <v>0.01</v>
      </c>
      <c r="X13338" s="2">
        <v>76.900000000000006</v>
      </c>
      <c r="Y13338" s="2">
        <v>7.6</v>
      </c>
      <c r="Z13338" s="2">
        <v>16.7</v>
      </c>
      <c r="AA13338" s="5"/>
      <c r="AB13338" s="5" t="s">
        <v>43</v>
      </c>
      <c r="AC13338" s="5" t="s">
        <v>44</v>
      </c>
      <c r="AD13338" s="2"/>
      <c r="AE13338" s="1"/>
    </row>
    <row r="13339" spans="1:31" ht="14.45">
      <c r="A13339" s="11"/>
      <c r="B13339" s="20"/>
      <c r="C13339" s="2" t="s">
        <v>40948</v>
      </c>
      <c r="D13339" s="14" t="s">
        <v>40949</v>
      </c>
      <c r="E13339" s="2" t="s">
        <v>40950</v>
      </c>
      <c r="F13339" s="2" t="s">
        <v>40951</v>
      </c>
      <c r="G13339" s="8">
        <v>110</v>
      </c>
      <c r="H13339" s="5">
        <v>6</v>
      </c>
      <c r="I13339" s="5" t="s">
        <v>1518</v>
      </c>
      <c r="J13339" s="5" t="s">
        <v>40939</v>
      </c>
      <c r="K13339" s="2" t="s">
        <v>40940</v>
      </c>
      <c r="L13339" s="5" t="s">
        <v>40939</v>
      </c>
      <c r="M13339" s="2" t="s">
        <v>40940</v>
      </c>
      <c r="N13339" s="5" t="s">
        <v>36266</v>
      </c>
      <c r="O13339" s="5" t="s">
        <v>38</v>
      </c>
      <c r="P13339" s="5" t="s">
        <v>39</v>
      </c>
      <c r="Q13339" s="5" t="s">
        <v>40</v>
      </c>
      <c r="R13339" s="5" t="s">
        <v>1522</v>
      </c>
      <c r="S13339" s="5" t="s">
        <v>1523</v>
      </c>
      <c r="T13339" s="5" t="s">
        <v>42</v>
      </c>
      <c r="U13339" s="2">
        <v>0.92100000000000004</v>
      </c>
      <c r="V13339" s="2">
        <v>0.502</v>
      </c>
      <c r="W13339" s="2">
        <v>0.01</v>
      </c>
      <c r="X13339" s="2">
        <v>76.900000000000006</v>
      </c>
      <c r="Y13339" s="2">
        <v>7.6</v>
      </c>
      <c r="Z13339" s="2">
        <v>16.7</v>
      </c>
      <c r="AA13339" s="5"/>
      <c r="AB13339" s="5" t="s">
        <v>43</v>
      </c>
      <c r="AC13339" s="5" t="s">
        <v>44</v>
      </c>
      <c r="AD13339" s="2"/>
      <c r="AE13339" s="1"/>
    </row>
    <row r="13340" spans="1:31" ht="14.45">
      <c r="A13340" s="11"/>
      <c r="B13340" s="20"/>
      <c r="C13340" s="2" t="s">
        <v>40952</v>
      </c>
      <c r="D13340" s="14" t="s">
        <v>40953</v>
      </c>
      <c r="E13340" s="2" t="s">
        <v>40954</v>
      </c>
      <c r="F13340" s="2" t="s">
        <v>7208</v>
      </c>
      <c r="G13340" s="8">
        <v>96</v>
      </c>
      <c r="H13340" s="5">
        <v>6</v>
      </c>
      <c r="I13340" s="5" t="s">
        <v>1518</v>
      </c>
      <c r="J13340" s="5" t="s">
        <v>40939</v>
      </c>
      <c r="K13340" s="2" t="s">
        <v>40940</v>
      </c>
      <c r="L13340" s="5" t="s">
        <v>40939</v>
      </c>
      <c r="M13340" s="2" t="s">
        <v>40940</v>
      </c>
      <c r="N13340" s="5" t="s">
        <v>36266</v>
      </c>
      <c r="O13340" s="5" t="s">
        <v>38</v>
      </c>
      <c r="P13340" s="5" t="s">
        <v>39</v>
      </c>
      <c r="Q13340" s="5" t="s">
        <v>40</v>
      </c>
      <c r="R13340" s="5" t="s">
        <v>1522</v>
      </c>
      <c r="S13340" s="5" t="s">
        <v>1523</v>
      </c>
      <c r="T13340" s="5" t="s">
        <v>42</v>
      </c>
      <c r="U13340" s="2">
        <v>0.91900000000000004</v>
      </c>
      <c r="V13340" s="2">
        <v>0.5</v>
      </c>
      <c r="W13340" s="2">
        <v>0.01</v>
      </c>
      <c r="X13340" s="2">
        <v>76.900000000000006</v>
      </c>
      <c r="Y13340" s="2">
        <v>7.6</v>
      </c>
      <c r="Z13340" s="2">
        <v>16.7</v>
      </c>
      <c r="AA13340" s="5"/>
      <c r="AB13340" s="5" t="s">
        <v>43</v>
      </c>
      <c r="AC13340" s="5" t="s">
        <v>44</v>
      </c>
      <c r="AD13340" s="2"/>
      <c r="AE13340" s="1"/>
    </row>
    <row r="13341" spans="1:31" ht="14.45">
      <c r="A13341" s="11"/>
      <c r="B13341" s="20"/>
      <c r="C13341" s="2" t="s">
        <v>40955</v>
      </c>
      <c r="D13341" s="14" t="s">
        <v>40956</v>
      </c>
      <c r="E13341" s="2" t="s">
        <v>40957</v>
      </c>
      <c r="F13341" s="2" t="s">
        <v>7521</v>
      </c>
      <c r="G13341" s="8">
        <v>96</v>
      </c>
      <c r="H13341" s="5">
        <v>6</v>
      </c>
      <c r="I13341" s="5" t="s">
        <v>1518</v>
      </c>
      <c r="J13341" s="5" t="s">
        <v>40939</v>
      </c>
      <c r="K13341" s="2" t="s">
        <v>40940</v>
      </c>
      <c r="L13341" s="5" t="s">
        <v>40939</v>
      </c>
      <c r="M13341" s="2" t="s">
        <v>40940</v>
      </c>
      <c r="N13341" s="5" t="s">
        <v>36266</v>
      </c>
      <c r="O13341" s="5" t="s">
        <v>38</v>
      </c>
      <c r="P13341" s="5" t="s">
        <v>39</v>
      </c>
      <c r="Q13341" s="5" t="s">
        <v>40</v>
      </c>
      <c r="R13341" s="5" t="s">
        <v>1522</v>
      </c>
      <c r="S13341" s="5" t="s">
        <v>1523</v>
      </c>
      <c r="T13341" s="5" t="s">
        <v>42</v>
      </c>
      <c r="U13341" s="2">
        <v>0.92400000000000004</v>
      </c>
      <c r="V13341" s="2">
        <v>0.505</v>
      </c>
      <c r="W13341" s="2">
        <v>0.01</v>
      </c>
      <c r="X13341" s="2">
        <v>76.900000000000006</v>
      </c>
      <c r="Y13341" s="2">
        <v>7.6</v>
      </c>
      <c r="Z13341" s="2">
        <v>16.7</v>
      </c>
      <c r="AA13341" s="5"/>
      <c r="AB13341" s="5" t="s">
        <v>43</v>
      </c>
      <c r="AC13341" s="5" t="s">
        <v>44</v>
      </c>
      <c r="AD13341" s="2"/>
      <c r="AE13341" s="1"/>
    </row>
    <row r="13342" spans="1:31" ht="14.45">
      <c r="A13342" s="11"/>
      <c r="B13342" s="20"/>
      <c r="C13342" s="2" t="s">
        <v>40958</v>
      </c>
      <c r="D13342" s="14" t="s">
        <v>40959</v>
      </c>
      <c r="E13342" s="2" t="s">
        <v>40960</v>
      </c>
      <c r="F13342" s="2" t="s">
        <v>36273</v>
      </c>
      <c r="G13342" s="8">
        <v>96</v>
      </c>
      <c r="H13342" s="5">
        <v>6</v>
      </c>
      <c r="I13342" s="5" t="s">
        <v>1518</v>
      </c>
      <c r="J13342" s="5" t="s">
        <v>40939</v>
      </c>
      <c r="K13342" s="2" t="s">
        <v>40940</v>
      </c>
      <c r="L13342" s="5" t="s">
        <v>40939</v>
      </c>
      <c r="M13342" s="2" t="s">
        <v>40940</v>
      </c>
      <c r="N13342" s="5" t="s">
        <v>36266</v>
      </c>
      <c r="O13342" s="5" t="s">
        <v>38</v>
      </c>
      <c r="P13342" s="5" t="s">
        <v>39</v>
      </c>
      <c r="Q13342" s="5" t="s">
        <v>40</v>
      </c>
      <c r="R13342" s="5" t="s">
        <v>1522</v>
      </c>
      <c r="S13342" s="5" t="s">
        <v>1523</v>
      </c>
      <c r="T13342" s="5" t="s">
        <v>42</v>
      </c>
      <c r="U13342" s="2">
        <v>0.92500000000000004</v>
      </c>
      <c r="V13342" s="2">
        <v>0.50600000000000001</v>
      </c>
      <c r="W13342" s="2">
        <v>0.01</v>
      </c>
      <c r="X13342" s="2">
        <v>76.900000000000006</v>
      </c>
      <c r="Y13342" s="2">
        <v>7.6</v>
      </c>
      <c r="Z13342" s="2">
        <v>16.7</v>
      </c>
      <c r="AA13342" s="5"/>
      <c r="AB13342" s="5" t="s">
        <v>43</v>
      </c>
      <c r="AC13342" s="5" t="s">
        <v>44</v>
      </c>
      <c r="AD13342" s="2"/>
      <c r="AE13342" s="1"/>
    </row>
    <row r="13343" spans="1:31" ht="14.45">
      <c r="A13343" s="11"/>
      <c r="B13343" s="20"/>
      <c r="C13343" s="2" t="s">
        <v>40961</v>
      </c>
      <c r="D13343" s="14" t="s">
        <v>40962</v>
      </c>
      <c r="E13343" s="2" t="s">
        <v>40963</v>
      </c>
      <c r="F13343" s="2" t="s">
        <v>36277</v>
      </c>
      <c r="G13343" s="8">
        <v>96</v>
      </c>
      <c r="H13343" s="5">
        <v>6</v>
      </c>
      <c r="I13343" s="5" t="s">
        <v>1518</v>
      </c>
      <c r="J13343" s="5" t="s">
        <v>40939</v>
      </c>
      <c r="K13343" s="2" t="s">
        <v>40940</v>
      </c>
      <c r="L13343" s="5" t="s">
        <v>40939</v>
      </c>
      <c r="M13343" s="2" t="s">
        <v>40940</v>
      </c>
      <c r="N13343" s="5" t="s">
        <v>36266</v>
      </c>
      <c r="O13343" s="5" t="s">
        <v>38</v>
      </c>
      <c r="P13343" s="5" t="s">
        <v>39</v>
      </c>
      <c r="Q13343" s="5" t="s">
        <v>40</v>
      </c>
      <c r="R13343" s="5" t="s">
        <v>1522</v>
      </c>
      <c r="S13343" s="5" t="s">
        <v>1523</v>
      </c>
      <c r="T13343" s="5" t="s">
        <v>42</v>
      </c>
      <c r="U13343" s="2">
        <v>0.93</v>
      </c>
      <c r="V13343" s="2">
        <v>0.51100000000000001</v>
      </c>
      <c r="W13343" s="2">
        <v>0.01</v>
      </c>
      <c r="X13343" s="2">
        <v>76.900000000000006</v>
      </c>
      <c r="Y13343" s="2">
        <v>7.6</v>
      </c>
      <c r="Z13343" s="2">
        <v>16.7</v>
      </c>
      <c r="AA13343" s="5"/>
      <c r="AB13343" s="5" t="s">
        <v>43</v>
      </c>
      <c r="AC13343" s="5" t="s">
        <v>44</v>
      </c>
      <c r="AD13343" s="2"/>
      <c r="AE13343" s="1"/>
    </row>
    <row r="13344" spans="1:31" ht="14.45">
      <c r="A13344" s="11"/>
      <c r="B13344" s="20"/>
      <c r="C13344" s="2" t="s">
        <v>40964</v>
      </c>
      <c r="D13344" s="14" t="s">
        <v>40965</v>
      </c>
      <c r="E13344" s="2" t="s">
        <v>40966</v>
      </c>
      <c r="F13344" s="2" t="s">
        <v>40967</v>
      </c>
      <c r="G13344" s="8">
        <v>110</v>
      </c>
      <c r="H13344" s="5">
        <v>6</v>
      </c>
      <c r="I13344" s="5" t="s">
        <v>1518</v>
      </c>
      <c r="J13344" s="5" t="s">
        <v>40939</v>
      </c>
      <c r="K13344" s="2" t="s">
        <v>40940</v>
      </c>
      <c r="L13344" s="5" t="s">
        <v>40939</v>
      </c>
      <c r="M13344" s="2" t="s">
        <v>40940</v>
      </c>
      <c r="N13344" s="5" t="s">
        <v>36266</v>
      </c>
      <c r="O13344" s="5" t="s">
        <v>38</v>
      </c>
      <c r="P13344" s="5" t="s">
        <v>39</v>
      </c>
      <c r="Q13344" s="5" t="s">
        <v>40</v>
      </c>
      <c r="R13344" s="5" t="s">
        <v>1522</v>
      </c>
      <c r="S13344" s="5" t="s">
        <v>1523</v>
      </c>
      <c r="T13344" s="5" t="s">
        <v>42</v>
      </c>
      <c r="U13344" s="2">
        <v>0.91900000000000004</v>
      </c>
      <c r="V13344" s="2">
        <v>0.5</v>
      </c>
      <c r="W13344" s="2">
        <v>0.01</v>
      </c>
      <c r="X13344" s="2">
        <v>76.900000000000006</v>
      </c>
      <c r="Y13344" s="2">
        <v>7.6</v>
      </c>
      <c r="Z13344" s="2">
        <v>16.7</v>
      </c>
      <c r="AA13344" s="5"/>
      <c r="AB13344" s="5" t="s">
        <v>43</v>
      </c>
      <c r="AC13344" s="5" t="s">
        <v>44</v>
      </c>
      <c r="AD13344" s="2"/>
      <c r="AE13344" s="1"/>
    </row>
    <row r="13345" spans="1:31" ht="14.45">
      <c r="A13345" s="11"/>
      <c r="B13345" s="20"/>
      <c r="C13345" s="2" t="s">
        <v>40968</v>
      </c>
      <c r="D13345" s="14" t="s">
        <v>40969</v>
      </c>
      <c r="E13345" s="2" t="s">
        <v>40970</v>
      </c>
      <c r="F13345" s="2" t="s">
        <v>40971</v>
      </c>
      <c r="G13345" s="8">
        <v>110</v>
      </c>
      <c r="H13345" s="5">
        <v>6</v>
      </c>
      <c r="I13345" s="5" t="s">
        <v>1518</v>
      </c>
      <c r="J13345" s="5" t="s">
        <v>40939</v>
      </c>
      <c r="K13345" s="2" t="s">
        <v>40940</v>
      </c>
      <c r="L13345" s="5" t="s">
        <v>40939</v>
      </c>
      <c r="M13345" s="2" t="s">
        <v>40940</v>
      </c>
      <c r="N13345" s="5" t="s">
        <v>36266</v>
      </c>
      <c r="O13345" s="5" t="s">
        <v>38</v>
      </c>
      <c r="P13345" s="5" t="s">
        <v>39</v>
      </c>
      <c r="Q13345" s="5" t="s">
        <v>40</v>
      </c>
      <c r="R13345" s="5" t="s">
        <v>1522</v>
      </c>
      <c r="S13345" s="5" t="s">
        <v>1523</v>
      </c>
      <c r="T13345" s="5" t="s">
        <v>42</v>
      </c>
      <c r="U13345" s="2">
        <v>0.92400000000000004</v>
      </c>
      <c r="V13345" s="2">
        <v>0.505</v>
      </c>
      <c r="W13345" s="2">
        <v>0.01</v>
      </c>
      <c r="X13345" s="2">
        <v>76.900000000000006</v>
      </c>
      <c r="Y13345" s="2">
        <v>7.6</v>
      </c>
      <c r="Z13345" s="2">
        <v>16.7</v>
      </c>
      <c r="AA13345" s="5"/>
      <c r="AB13345" s="5" t="s">
        <v>43</v>
      </c>
      <c r="AC13345" s="5" t="s">
        <v>44</v>
      </c>
      <c r="AD13345" s="2"/>
      <c r="AE13345" s="1"/>
    </row>
    <row r="13346" spans="1:31" ht="14.45">
      <c r="A13346" s="11"/>
      <c r="B13346" s="20"/>
      <c r="C13346" s="2" t="s">
        <v>40972</v>
      </c>
      <c r="D13346" s="14" t="s">
        <v>40973</v>
      </c>
      <c r="E13346" s="2" t="s">
        <v>40974</v>
      </c>
      <c r="F13346" s="2" t="s">
        <v>40975</v>
      </c>
      <c r="G13346" s="8">
        <v>110</v>
      </c>
      <c r="H13346" s="5">
        <v>6</v>
      </c>
      <c r="I13346" s="5" t="s">
        <v>1518</v>
      </c>
      <c r="J13346" s="5" t="s">
        <v>40939</v>
      </c>
      <c r="K13346" s="2" t="s">
        <v>40940</v>
      </c>
      <c r="L13346" s="5" t="s">
        <v>40939</v>
      </c>
      <c r="M13346" s="2" t="s">
        <v>40940</v>
      </c>
      <c r="N13346" s="5" t="s">
        <v>36266</v>
      </c>
      <c r="O13346" s="5" t="s">
        <v>38</v>
      </c>
      <c r="P13346" s="5" t="s">
        <v>39</v>
      </c>
      <c r="Q13346" s="5" t="s">
        <v>40</v>
      </c>
      <c r="R13346" s="5" t="s">
        <v>1522</v>
      </c>
      <c r="S13346" s="5" t="s">
        <v>1523</v>
      </c>
      <c r="T13346" s="5" t="s">
        <v>42</v>
      </c>
      <c r="U13346" s="2">
        <v>0.91900000000000004</v>
      </c>
      <c r="V13346" s="2">
        <v>0.5</v>
      </c>
      <c r="W13346" s="2">
        <v>0.01</v>
      </c>
      <c r="X13346" s="2">
        <v>76.900000000000006</v>
      </c>
      <c r="Y13346" s="2">
        <v>7.6</v>
      </c>
      <c r="Z13346" s="2">
        <v>16.7</v>
      </c>
      <c r="AA13346" s="5"/>
      <c r="AB13346" s="5" t="s">
        <v>43</v>
      </c>
      <c r="AC13346" s="5" t="s">
        <v>44</v>
      </c>
      <c r="AD13346" s="2"/>
      <c r="AE13346" s="1"/>
    </row>
    <row r="13347" spans="1:31" ht="14.45">
      <c r="A13347" s="11"/>
      <c r="B13347" s="20"/>
      <c r="C13347" s="2" t="s">
        <v>40976</v>
      </c>
      <c r="D13347" s="14" t="s">
        <v>40977</v>
      </c>
      <c r="E13347" s="2" t="s">
        <v>40978</v>
      </c>
      <c r="F13347" s="2" t="s">
        <v>40979</v>
      </c>
      <c r="G13347" s="8">
        <v>110</v>
      </c>
      <c r="H13347" s="5">
        <v>6</v>
      </c>
      <c r="I13347" s="5" t="s">
        <v>1518</v>
      </c>
      <c r="J13347" s="5" t="s">
        <v>40939</v>
      </c>
      <c r="K13347" s="2" t="s">
        <v>40940</v>
      </c>
      <c r="L13347" s="5" t="s">
        <v>40939</v>
      </c>
      <c r="M13347" s="2" t="s">
        <v>40940</v>
      </c>
      <c r="N13347" s="5" t="s">
        <v>36266</v>
      </c>
      <c r="O13347" s="5" t="s">
        <v>38</v>
      </c>
      <c r="P13347" s="5" t="s">
        <v>39</v>
      </c>
      <c r="Q13347" s="5" t="s">
        <v>40</v>
      </c>
      <c r="R13347" s="5" t="s">
        <v>1522</v>
      </c>
      <c r="S13347" s="5" t="s">
        <v>1523</v>
      </c>
      <c r="T13347" s="5" t="s">
        <v>42</v>
      </c>
      <c r="U13347" s="2">
        <v>0.92400000000000004</v>
      </c>
      <c r="V13347" s="2">
        <v>0.505</v>
      </c>
      <c r="W13347" s="2">
        <v>0.01</v>
      </c>
      <c r="X13347" s="2">
        <v>76.900000000000006</v>
      </c>
      <c r="Y13347" s="2">
        <v>7.6</v>
      </c>
      <c r="Z13347" s="2">
        <v>16.7</v>
      </c>
      <c r="AA13347" s="5"/>
      <c r="AB13347" s="5" t="s">
        <v>43</v>
      </c>
      <c r="AC13347" s="5" t="s">
        <v>44</v>
      </c>
      <c r="AD13347" s="2"/>
      <c r="AE13347" s="1"/>
    </row>
    <row r="13348" spans="1:31" ht="14.45">
      <c r="A13348" s="11"/>
      <c r="B13348" s="20"/>
      <c r="C13348" s="2" t="s">
        <v>40980</v>
      </c>
      <c r="D13348" s="14" t="s">
        <v>40981</v>
      </c>
      <c r="E13348" s="2" t="s">
        <v>40982</v>
      </c>
      <c r="F13348" s="2" t="s">
        <v>7539</v>
      </c>
      <c r="G13348" s="8">
        <v>110</v>
      </c>
      <c r="H13348" s="5">
        <v>6</v>
      </c>
      <c r="I13348" s="5" t="s">
        <v>1518</v>
      </c>
      <c r="J13348" s="5" t="s">
        <v>40939</v>
      </c>
      <c r="K13348" s="2" t="s">
        <v>40940</v>
      </c>
      <c r="L13348" s="5" t="s">
        <v>40939</v>
      </c>
      <c r="M13348" s="2" t="s">
        <v>40940</v>
      </c>
      <c r="N13348" s="5" t="s">
        <v>36266</v>
      </c>
      <c r="O13348" s="5" t="s">
        <v>38</v>
      </c>
      <c r="P13348" s="5" t="s">
        <v>39</v>
      </c>
      <c r="Q13348" s="5" t="s">
        <v>40</v>
      </c>
      <c r="R13348" s="5" t="s">
        <v>1522</v>
      </c>
      <c r="S13348" s="5" t="s">
        <v>1523</v>
      </c>
      <c r="T13348" s="5" t="s">
        <v>42</v>
      </c>
      <c r="U13348" s="2">
        <v>0.90500000000000003</v>
      </c>
      <c r="V13348" s="2">
        <v>0.48599999999999999</v>
      </c>
      <c r="W13348" s="2">
        <v>0.01</v>
      </c>
      <c r="X13348" s="2">
        <v>76.900000000000006</v>
      </c>
      <c r="Y13348" s="2">
        <v>7.6</v>
      </c>
      <c r="Z13348" s="2">
        <v>16.7</v>
      </c>
      <c r="AA13348" s="5"/>
      <c r="AB13348" s="5" t="s">
        <v>43</v>
      </c>
      <c r="AC13348" s="5" t="s">
        <v>44</v>
      </c>
      <c r="AD13348" s="2"/>
      <c r="AE13348" s="1"/>
    </row>
    <row r="13349" spans="1:31" ht="14.45">
      <c r="A13349" s="11"/>
      <c r="B13349" s="20"/>
      <c r="C13349" s="2" t="s">
        <v>40983</v>
      </c>
      <c r="D13349" s="14" t="s">
        <v>40984</v>
      </c>
      <c r="E13349" s="2" t="s">
        <v>40985</v>
      </c>
      <c r="F13349" s="2" t="s">
        <v>7543</v>
      </c>
      <c r="G13349" s="8">
        <v>110</v>
      </c>
      <c r="H13349" s="5">
        <v>6</v>
      </c>
      <c r="I13349" s="5" t="s">
        <v>1518</v>
      </c>
      <c r="J13349" s="5" t="s">
        <v>40939</v>
      </c>
      <c r="K13349" s="2" t="s">
        <v>40940</v>
      </c>
      <c r="L13349" s="5" t="s">
        <v>40939</v>
      </c>
      <c r="M13349" s="2" t="s">
        <v>40940</v>
      </c>
      <c r="N13349" s="5" t="s">
        <v>36266</v>
      </c>
      <c r="O13349" s="5" t="s">
        <v>38</v>
      </c>
      <c r="P13349" s="5" t="s">
        <v>39</v>
      </c>
      <c r="Q13349" s="5" t="s">
        <v>40</v>
      </c>
      <c r="R13349" s="5" t="s">
        <v>1522</v>
      </c>
      <c r="S13349" s="5" t="s">
        <v>1523</v>
      </c>
      <c r="T13349" s="5" t="s">
        <v>42</v>
      </c>
      <c r="U13349" s="2">
        <v>0.91</v>
      </c>
      <c r="V13349" s="2">
        <v>0.49099999999999999</v>
      </c>
      <c r="W13349" s="2">
        <v>0.01</v>
      </c>
      <c r="X13349" s="2">
        <v>76.900000000000006</v>
      </c>
      <c r="Y13349" s="2">
        <v>7.6</v>
      </c>
      <c r="Z13349" s="2">
        <v>16.7</v>
      </c>
      <c r="AA13349" s="5"/>
      <c r="AB13349" s="5" t="s">
        <v>43</v>
      </c>
      <c r="AC13349" s="5" t="s">
        <v>44</v>
      </c>
      <c r="AD13349" s="2"/>
      <c r="AE13349" s="1"/>
    </row>
    <row r="13350" spans="1:31" ht="14.45">
      <c r="A13350" s="11"/>
      <c r="B13350" s="20"/>
      <c r="C13350" s="2" t="s">
        <v>40986</v>
      </c>
      <c r="D13350" s="14" t="s">
        <v>40987</v>
      </c>
      <c r="E13350" s="2" t="s">
        <v>40988</v>
      </c>
      <c r="F13350" s="2" t="s">
        <v>40989</v>
      </c>
      <c r="G13350" s="8">
        <v>110</v>
      </c>
      <c r="H13350" s="5">
        <v>6</v>
      </c>
      <c r="I13350" s="5" t="s">
        <v>1518</v>
      </c>
      <c r="J13350" s="5" t="s">
        <v>40939</v>
      </c>
      <c r="K13350" s="2" t="s">
        <v>40940</v>
      </c>
      <c r="L13350" s="5" t="s">
        <v>40939</v>
      </c>
      <c r="M13350" s="2" t="s">
        <v>40940</v>
      </c>
      <c r="N13350" s="5" t="s">
        <v>36266</v>
      </c>
      <c r="O13350" s="5" t="s">
        <v>38</v>
      </c>
      <c r="P13350" s="5" t="s">
        <v>39</v>
      </c>
      <c r="Q13350" s="5" t="s">
        <v>40</v>
      </c>
      <c r="R13350" s="5" t="s">
        <v>1522</v>
      </c>
      <c r="S13350" s="5" t="s">
        <v>1523</v>
      </c>
      <c r="T13350" s="5" t="s">
        <v>42</v>
      </c>
      <c r="U13350" s="2">
        <v>0.91900000000000004</v>
      </c>
      <c r="V13350" s="2">
        <v>0.5</v>
      </c>
      <c r="W13350" s="2">
        <v>0.01</v>
      </c>
      <c r="X13350" s="2">
        <v>76.900000000000006</v>
      </c>
      <c r="Y13350" s="2">
        <v>7.6</v>
      </c>
      <c r="Z13350" s="2">
        <v>16.7</v>
      </c>
      <c r="AA13350" s="5"/>
      <c r="AB13350" s="5" t="s">
        <v>43</v>
      </c>
      <c r="AC13350" s="5" t="s">
        <v>44</v>
      </c>
      <c r="AD13350" s="2"/>
      <c r="AE13350" s="1"/>
    </row>
    <row r="13351" spans="1:31" ht="14.45">
      <c r="A13351" s="11"/>
      <c r="B13351" s="20"/>
      <c r="C13351" s="2" t="s">
        <v>40990</v>
      </c>
      <c r="D13351" s="14" t="s">
        <v>40991</v>
      </c>
      <c r="E13351" s="2" t="s">
        <v>40992</v>
      </c>
      <c r="F13351" s="2" t="s">
        <v>40993</v>
      </c>
      <c r="G13351" s="8">
        <v>110</v>
      </c>
      <c r="H13351" s="5">
        <v>6</v>
      </c>
      <c r="I13351" s="5" t="s">
        <v>1518</v>
      </c>
      <c r="J13351" s="5" t="s">
        <v>40939</v>
      </c>
      <c r="K13351" s="2" t="s">
        <v>40940</v>
      </c>
      <c r="L13351" s="5" t="s">
        <v>40939</v>
      </c>
      <c r="M13351" s="2" t="s">
        <v>40940</v>
      </c>
      <c r="N13351" s="5" t="s">
        <v>36266</v>
      </c>
      <c r="O13351" s="5" t="s">
        <v>38</v>
      </c>
      <c r="P13351" s="5" t="s">
        <v>39</v>
      </c>
      <c r="Q13351" s="5" t="s">
        <v>40</v>
      </c>
      <c r="R13351" s="5" t="s">
        <v>1522</v>
      </c>
      <c r="S13351" s="5" t="s">
        <v>1523</v>
      </c>
      <c r="T13351" s="5" t="s">
        <v>42</v>
      </c>
      <c r="U13351" s="2">
        <v>0.92400000000000004</v>
      </c>
      <c r="V13351" s="2">
        <v>0.505</v>
      </c>
      <c r="W13351" s="2">
        <v>0.01</v>
      </c>
      <c r="X13351" s="2">
        <v>76.900000000000006</v>
      </c>
      <c r="Y13351" s="2">
        <v>7.6</v>
      </c>
      <c r="Z13351" s="2">
        <v>16.7</v>
      </c>
      <c r="AA13351" s="5"/>
      <c r="AB13351" s="5" t="s">
        <v>43</v>
      </c>
      <c r="AC13351" s="5" t="s">
        <v>44</v>
      </c>
      <c r="AD13351" s="2"/>
      <c r="AE13351" s="1"/>
    </row>
    <row r="13352" spans="1:31" ht="14.45">
      <c r="A13352" s="11"/>
      <c r="B13352" s="20"/>
      <c r="C13352" s="2" t="s">
        <v>40994</v>
      </c>
      <c r="D13352" s="14" t="s">
        <v>40995</v>
      </c>
      <c r="E13352" s="2" t="s">
        <v>40996</v>
      </c>
      <c r="F13352" s="2" t="s">
        <v>40997</v>
      </c>
      <c r="G13352" s="8">
        <v>110</v>
      </c>
      <c r="H13352" s="5">
        <v>6</v>
      </c>
      <c r="I13352" s="5" t="s">
        <v>1518</v>
      </c>
      <c r="J13352" s="5" t="s">
        <v>40939</v>
      </c>
      <c r="K13352" s="2" t="s">
        <v>40940</v>
      </c>
      <c r="L13352" s="5" t="s">
        <v>40939</v>
      </c>
      <c r="M13352" s="2" t="s">
        <v>40940</v>
      </c>
      <c r="N13352" s="5" t="s">
        <v>36266</v>
      </c>
      <c r="O13352" s="5" t="s">
        <v>38</v>
      </c>
      <c r="P13352" s="5" t="s">
        <v>39</v>
      </c>
      <c r="Q13352" s="5" t="s">
        <v>40</v>
      </c>
      <c r="R13352" s="5" t="s">
        <v>1522</v>
      </c>
      <c r="S13352" s="5" t="s">
        <v>1523</v>
      </c>
      <c r="T13352" s="5" t="s">
        <v>42</v>
      </c>
      <c r="U13352" s="2">
        <v>0.90800000000000003</v>
      </c>
      <c r="V13352" s="2">
        <v>0.48899999999999999</v>
      </c>
      <c r="W13352" s="2">
        <v>0.01</v>
      </c>
      <c r="X13352" s="2">
        <v>76.900000000000006</v>
      </c>
      <c r="Y13352" s="2">
        <v>7.6</v>
      </c>
      <c r="Z13352" s="2">
        <v>16.7</v>
      </c>
      <c r="AA13352" s="5"/>
      <c r="AB13352" s="5" t="s">
        <v>43</v>
      </c>
      <c r="AC13352" s="5" t="s">
        <v>44</v>
      </c>
      <c r="AD13352" s="2"/>
      <c r="AE13352" s="1"/>
    </row>
    <row r="13353" spans="1:31" ht="14.45">
      <c r="A13353" s="11"/>
      <c r="B13353" s="20"/>
      <c r="C13353" s="2" t="s">
        <v>40998</v>
      </c>
      <c r="D13353" s="14" t="s">
        <v>40999</v>
      </c>
      <c r="E13353" s="2" t="s">
        <v>41000</v>
      </c>
      <c r="F13353" s="2" t="s">
        <v>41001</v>
      </c>
      <c r="G13353" s="8">
        <v>110</v>
      </c>
      <c r="H13353" s="5">
        <v>6</v>
      </c>
      <c r="I13353" s="5" t="s">
        <v>1518</v>
      </c>
      <c r="J13353" s="5" t="s">
        <v>40939</v>
      </c>
      <c r="K13353" s="2" t="s">
        <v>40940</v>
      </c>
      <c r="L13353" s="5" t="s">
        <v>40939</v>
      </c>
      <c r="M13353" s="2" t="s">
        <v>40940</v>
      </c>
      <c r="N13353" s="5" t="s">
        <v>36266</v>
      </c>
      <c r="O13353" s="5" t="s">
        <v>38</v>
      </c>
      <c r="P13353" s="5" t="s">
        <v>39</v>
      </c>
      <c r="Q13353" s="5" t="s">
        <v>40</v>
      </c>
      <c r="R13353" s="5" t="s">
        <v>1522</v>
      </c>
      <c r="S13353" s="5" t="s">
        <v>1523</v>
      </c>
      <c r="T13353" s="5" t="s">
        <v>42</v>
      </c>
      <c r="U13353" s="2">
        <v>0.91900000000000004</v>
      </c>
      <c r="V13353" s="2">
        <v>0.5</v>
      </c>
      <c r="W13353" s="2">
        <v>0.01</v>
      </c>
      <c r="X13353" s="2">
        <v>76.900000000000006</v>
      </c>
      <c r="Y13353" s="2">
        <v>7.6</v>
      </c>
      <c r="Z13353" s="2">
        <v>16.7</v>
      </c>
      <c r="AA13353" s="5"/>
      <c r="AB13353" s="5" t="s">
        <v>43</v>
      </c>
      <c r="AC13353" s="5" t="s">
        <v>44</v>
      </c>
      <c r="AD13353" s="2"/>
      <c r="AE13353" s="1"/>
    </row>
    <row r="13354" spans="1:31" ht="14.45">
      <c r="A13354" s="11"/>
      <c r="B13354" s="20"/>
      <c r="C13354" s="2" t="s">
        <v>41002</v>
      </c>
      <c r="D13354" s="14" t="s">
        <v>41003</v>
      </c>
      <c r="E13354" s="2" t="s">
        <v>41004</v>
      </c>
      <c r="F13354" s="2" t="s">
        <v>41005</v>
      </c>
      <c r="G13354" s="8">
        <v>110</v>
      </c>
      <c r="H13354" s="5">
        <v>6</v>
      </c>
      <c r="I13354" s="5" t="s">
        <v>1518</v>
      </c>
      <c r="J13354" s="5" t="s">
        <v>40939</v>
      </c>
      <c r="K13354" s="2" t="s">
        <v>40940</v>
      </c>
      <c r="L13354" s="5" t="s">
        <v>40939</v>
      </c>
      <c r="M13354" s="2" t="s">
        <v>40940</v>
      </c>
      <c r="N13354" s="5" t="s">
        <v>36266</v>
      </c>
      <c r="O13354" s="5" t="s">
        <v>38</v>
      </c>
      <c r="P13354" s="5" t="s">
        <v>39</v>
      </c>
      <c r="Q13354" s="5" t="s">
        <v>40</v>
      </c>
      <c r="R13354" s="5" t="s">
        <v>1522</v>
      </c>
      <c r="S13354" s="5" t="s">
        <v>1523</v>
      </c>
      <c r="T13354" s="5" t="s">
        <v>42</v>
      </c>
      <c r="U13354" s="2">
        <v>0.92400000000000004</v>
      </c>
      <c r="V13354" s="2">
        <v>0.505</v>
      </c>
      <c r="W13354" s="2">
        <v>0.01</v>
      </c>
      <c r="X13354" s="2">
        <v>76.900000000000006</v>
      </c>
      <c r="Y13354" s="2">
        <v>7.6</v>
      </c>
      <c r="Z13354" s="2">
        <v>16.7</v>
      </c>
      <c r="AA13354" s="5"/>
      <c r="AB13354" s="5" t="s">
        <v>43</v>
      </c>
      <c r="AC13354" s="5" t="s">
        <v>44</v>
      </c>
      <c r="AD13354" s="2"/>
      <c r="AE13354" s="1"/>
    </row>
    <row r="13355" spans="1:31" ht="14.45">
      <c r="A13355" s="11"/>
      <c r="B13355" s="20"/>
      <c r="C13355" s="2" t="s">
        <v>41006</v>
      </c>
      <c r="D13355" s="14" t="s">
        <v>41007</v>
      </c>
      <c r="E13355" s="2" t="s">
        <v>41008</v>
      </c>
      <c r="F13355" s="2" t="s">
        <v>41009</v>
      </c>
      <c r="G13355" s="8">
        <v>110</v>
      </c>
      <c r="H13355" s="5">
        <v>6</v>
      </c>
      <c r="I13355" s="5" t="s">
        <v>1518</v>
      </c>
      <c r="J13355" s="5" t="s">
        <v>40939</v>
      </c>
      <c r="K13355" s="2" t="s">
        <v>40940</v>
      </c>
      <c r="L13355" s="5" t="s">
        <v>40939</v>
      </c>
      <c r="M13355" s="2" t="s">
        <v>40940</v>
      </c>
      <c r="N13355" s="5" t="s">
        <v>36266</v>
      </c>
      <c r="O13355" s="5" t="s">
        <v>38</v>
      </c>
      <c r="P13355" s="5" t="s">
        <v>39</v>
      </c>
      <c r="Q13355" s="5" t="s">
        <v>40</v>
      </c>
      <c r="R13355" s="5" t="s">
        <v>1522</v>
      </c>
      <c r="S13355" s="5" t="s">
        <v>1523</v>
      </c>
      <c r="T13355" s="5" t="s">
        <v>42</v>
      </c>
      <c r="U13355" s="2">
        <v>0.92200000000000004</v>
      </c>
      <c r="V13355" s="2">
        <v>0.503</v>
      </c>
      <c r="W13355" s="2">
        <v>0.01</v>
      </c>
      <c r="X13355" s="2">
        <v>76.900000000000006</v>
      </c>
      <c r="Y13355" s="2">
        <v>7.6</v>
      </c>
      <c r="Z13355" s="2">
        <v>16.7</v>
      </c>
      <c r="AA13355" s="5"/>
      <c r="AB13355" s="5" t="s">
        <v>43</v>
      </c>
      <c r="AC13355" s="5" t="s">
        <v>44</v>
      </c>
      <c r="AD13355" s="2"/>
      <c r="AE13355" s="1"/>
    </row>
    <row r="13356" spans="1:31" ht="14.45">
      <c r="A13356" s="11"/>
      <c r="B13356" s="20"/>
      <c r="C13356" s="2" t="s">
        <v>41010</v>
      </c>
      <c r="D13356" s="14" t="s">
        <v>41011</v>
      </c>
      <c r="E13356" s="2" t="s">
        <v>41012</v>
      </c>
      <c r="F13356" s="2" t="s">
        <v>41013</v>
      </c>
      <c r="G13356" s="8">
        <v>110</v>
      </c>
      <c r="H13356" s="5">
        <v>6</v>
      </c>
      <c r="I13356" s="5" t="s">
        <v>1518</v>
      </c>
      <c r="J13356" s="5" t="s">
        <v>40939</v>
      </c>
      <c r="K13356" s="2" t="s">
        <v>40940</v>
      </c>
      <c r="L13356" s="5" t="s">
        <v>40939</v>
      </c>
      <c r="M13356" s="2" t="s">
        <v>40940</v>
      </c>
      <c r="N13356" s="5" t="s">
        <v>36266</v>
      </c>
      <c r="O13356" s="5" t="s">
        <v>38</v>
      </c>
      <c r="P13356" s="5" t="s">
        <v>39</v>
      </c>
      <c r="Q13356" s="5" t="s">
        <v>40</v>
      </c>
      <c r="R13356" s="5" t="s">
        <v>1522</v>
      </c>
      <c r="S13356" s="5" t="s">
        <v>1523</v>
      </c>
      <c r="T13356" s="5" t="s">
        <v>42</v>
      </c>
      <c r="U13356" s="2">
        <v>0.92700000000000005</v>
      </c>
      <c r="V13356" s="2">
        <v>0.50800000000000001</v>
      </c>
      <c r="W13356" s="2">
        <v>0.01</v>
      </c>
      <c r="X13356" s="2">
        <v>76.900000000000006</v>
      </c>
      <c r="Y13356" s="2">
        <v>7.6</v>
      </c>
      <c r="Z13356" s="2">
        <v>16.7</v>
      </c>
      <c r="AA13356" s="5"/>
      <c r="AB13356" s="5" t="s">
        <v>43</v>
      </c>
      <c r="AC13356" s="5" t="s">
        <v>44</v>
      </c>
      <c r="AD13356" s="2"/>
      <c r="AE13356" s="1"/>
    </row>
    <row r="13357" spans="1:31" ht="14.45">
      <c r="A13357" s="11"/>
      <c r="B13357" s="20"/>
      <c r="C13357" s="2" t="s">
        <v>41014</v>
      </c>
      <c r="D13357" s="14" t="s">
        <v>41015</v>
      </c>
      <c r="E13357" s="2" t="s">
        <v>41016</v>
      </c>
      <c r="F13357" s="2" t="s">
        <v>7396</v>
      </c>
      <c r="G13357" s="8">
        <v>96</v>
      </c>
      <c r="H13357" s="5">
        <v>6</v>
      </c>
      <c r="I13357" s="5" t="s">
        <v>1518</v>
      </c>
      <c r="J13357" s="5" t="s">
        <v>40939</v>
      </c>
      <c r="K13357" s="2" t="s">
        <v>40940</v>
      </c>
      <c r="L13357" s="5" t="s">
        <v>40939</v>
      </c>
      <c r="M13357" s="2" t="s">
        <v>40940</v>
      </c>
      <c r="N13357" s="5" t="s">
        <v>36266</v>
      </c>
      <c r="O13357" s="5" t="s">
        <v>38</v>
      </c>
      <c r="P13357" s="5" t="s">
        <v>39</v>
      </c>
      <c r="Q13357" s="5" t="s">
        <v>40</v>
      </c>
      <c r="R13357" s="5" t="s">
        <v>1522</v>
      </c>
      <c r="S13357" s="5" t="s">
        <v>1523</v>
      </c>
      <c r="T13357" s="5" t="s">
        <v>42</v>
      </c>
      <c r="U13357" s="2">
        <v>0.92200000000000004</v>
      </c>
      <c r="V13357" s="2">
        <v>0.503</v>
      </c>
      <c r="W13357" s="2">
        <v>0.01</v>
      </c>
      <c r="X13357" s="2">
        <v>76.900000000000006</v>
      </c>
      <c r="Y13357" s="2">
        <v>7.6</v>
      </c>
      <c r="Z13357" s="2">
        <v>16.7</v>
      </c>
      <c r="AA13357" s="5"/>
      <c r="AB13357" s="5" t="s">
        <v>43</v>
      </c>
      <c r="AC13357" s="5" t="s">
        <v>44</v>
      </c>
      <c r="AD13357" s="2"/>
      <c r="AE13357" s="1"/>
    </row>
    <row r="13358" spans="1:31" ht="14.45">
      <c r="A13358" s="11"/>
      <c r="B13358" s="20"/>
      <c r="C13358" s="2" t="s">
        <v>41017</v>
      </c>
      <c r="D13358" s="14" t="s">
        <v>41018</v>
      </c>
      <c r="E13358" s="2" t="s">
        <v>41019</v>
      </c>
      <c r="F13358" s="2" t="s">
        <v>7507</v>
      </c>
      <c r="G13358" s="8">
        <v>96</v>
      </c>
      <c r="H13358" s="5">
        <v>6</v>
      </c>
      <c r="I13358" s="5" t="s">
        <v>1518</v>
      </c>
      <c r="J13358" s="5" t="s">
        <v>40939</v>
      </c>
      <c r="K13358" s="2" t="s">
        <v>40940</v>
      </c>
      <c r="L13358" s="5" t="s">
        <v>40939</v>
      </c>
      <c r="M13358" s="2" t="s">
        <v>40940</v>
      </c>
      <c r="N13358" s="5" t="s">
        <v>36266</v>
      </c>
      <c r="O13358" s="5" t="s">
        <v>38</v>
      </c>
      <c r="P13358" s="5" t="s">
        <v>39</v>
      </c>
      <c r="Q13358" s="5" t="s">
        <v>40</v>
      </c>
      <c r="R13358" s="5" t="s">
        <v>1522</v>
      </c>
      <c r="S13358" s="5" t="s">
        <v>1523</v>
      </c>
      <c r="T13358" s="5" t="s">
        <v>42</v>
      </c>
      <c r="U13358" s="2">
        <v>0.92700000000000005</v>
      </c>
      <c r="V13358" s="2">
        <v>0.50800000000000001</v>
      </c>
      <c r="W13358" s="2">
        <v>0.01</v>
      </c>
      <c r="X13358" s="2">
        <v>76.900000000000006</v>
      </c>
      <c r="Y13358" s="2">
        <v>7.6</v>
      </c>
      <c r="Z13358" s="2">
        <v>16.7</v>
      </c>
      <c r="AA13358" s="5"/>
      <c r="AB13358" s="5" t="s">
        <v>43</v>
      </c>
      <c r="AC13358" s="5" t="s">
        <v>44</v>
      </c>
      <c r="AD13358" s="2"/>
      <c r="AE13358" s="1"/>
    </row>
    <row r="13359" spans="1:31" ht="14.45">
      <c r="A13359" s="11"/>
      <c r="B13359" s="20"/>
      <c r="C13359" s="2" t="s">
        <v>41020</v>
      </c>
      <c r="D13359" s="14" t="s">
        <v>41021</v>
      </c>
      <c r="E13359" s="2" t="s">
        <v>41022</v>
      </c>
      <c r="F13359" s="2" t="s">
        <v>41023</v>
      </c>
      <c r="G13359" s="8">
        <v>110</v>
      </c>
      <c r="H13359" s="5">
        <v>6</v>
      </c>
      <c r="I13359" s="5" t="s">
        <v>1518</v>
      </c>
      <c r="J13359" s="5" t="s">
        <v>40939</v>
      </c>
      <c r="K13359" s="2" t="s">
        <v>40940</v>
      </c>
      <c r="L13359" s="5" t="s">
        <v>40939</v>
      </c>
      <c r="M13359" s="2" t="s">
        <v>40940</v>
      </c>
      <c r="N13359" s="5" t="s">
        <v>36266</v>
      </c>
      <c r="O13359" s="5" t="s">
        <v>38</v>
      </c>
      <c r="P13359" s="5" t="s">
        <v>39</v>
      </c>
      <c r="Q13359" s="5" t="s">
        <v>40</v>
      </c>
      <c r="R13359" s="5" t="s">
        <v>1522</v>
      </c>
      <c r="S13359" s="5" t="s">
        <v>1523</v>
      </c>
      <c r="T13359" s="5" t="s">
        <v>42</v>
      </c>
      <c r="U13359" s="2">
        <v>0.90800000000000003</v>
      </c>
      <c r="V13359" s="2">
        <v>0.48899999999999999</v>
      </c>
      <c r="W13359" s="2">
        <v>0.01</v>
      </c>
      <c r="X13359" s="2">
        <v>76.900000000000006</v>
      </c>
      <c r="Y13359" s="2">
        <v>7.6</v>
      </c>
      <c r="Z13359" s="2">
        <v>16.7</v>
      </c>
      <c r="AA13359" s="5"/>
      <c r="AB13359" s="5" t="s">
        <v>43</v>
      </c>
      <c r="AC13359" s="5" t="s">
        <v>44</v>
      </c>
      <c r="AD13359" s="2"/>
      <c r="AE13359" s="1"/>
    </row>
    <row r="13360" spans="1:31" ht="14.45">
      <c r="A13360" s="11"/>
      <c r="B13360" s="20"/>
      <c r="C13360" s="2" t="s">
        <v>41024</v>
      </c>
      <c r="D13360" s="14" t="s">
        <v>41025</v>
      </c>
      <c r="E13360" s="2" t="s">
        <v>41026</v>
      </c>
      <c r="F13360" s="2" t="s">
        <v>41027</v>
      </c>
      <c r="G13360" s="8">
        <v>110</v>
      </c>
      <c r="H13360" s="5">
        <v>6</v>
      </c>
      <c r="I13360" s="5" t="s">
        <v>1518</v>
      </c>
      <c r="J13360" s="5" t="s">
        <v>40939</v>
      </c>
      <c r="K13360" s="2" t="s">
        <v>40940</v>
      </c>
      <c r="L13360" s="5" t="s">
        <v>40939</v>
      </c>
      <c r="M13360" s="2" t="s">
        <v>40940</v>
      </c>
      <c r="N13360" s="5" t="s">
        <v>36266</v>
      </c>
      <c r="O13360" s="5" t="s">
        <v>38</v>
      </c>
      <c r="P13360" s="5" t="s">
        <v>39</v>
      </c>
      <c r="Q13360" s="5" t="s">
        <v>40</v>
      </c>
      <c r="R13360" s="5" t="s">
        <v>1522</v>
      </c>
      <c r="S13360" s="5" t="s">
        <v>1523</v>
      </c>
      <c r="T13360" s="5" t="s">
        <v>42</v>
      </c>
      <c r="U13360" s="2">
        <v>0.91300000000000003</v>
      </c>
      <c r="V13360" s="2">
        <v>0.49399999999999999</v>
      </c>
      <c r="W13360" s="2">
        <v>0.01</v>
      </c>
      <c r="X13360" s="2">
        <v>76.900000000000006</v>
      </c>
      <c r="Y13360" s="2">
        <v>7.6</v>
      </c>
      <c r="Z13360" s="2">
        <v>16.7</v>
      </c>
      <c r="AA13360" s="5"/>
      <c r="AB13360" s="5" t="s">
        <v>43</v>
      </c>
      <c r="AC13360" s="5" t="s">
        <v>44</v>
      </c>
      <c r="AD13360" s="2"/>
      <c r="AE13360" s="1"/>
    </row>
    <row r="13361" spans="1:31" ht="14.45">
      <c r="A13361" s="11"/>
      <c r="B13361" s="20"/>
      <c r="C13361" s="2" t="s">
        <v>41028</v>
      </c>
      <c r="D13361" s="14" t="s">
        <v>41029</v>
      </c>
      <c r="E13361" s="2" t="s">
        <v>41030</v>
      </c>
      <c r="F13361" s="2" t="s">
        <v>41031</v>
      </c>
      <c r="G13361" s="8">
        <v>110</v>
      </c>
      <c r="H13361" s="5">
        <v>6</v>
      </c>
      <c r="I13361" s="5" t="s">
        <v>1518</v>
      </c>
      <c r="J13361" s="5" t="s">
        <v>40939</v>
      </c>
      <c r="K13361" s="2" t="s">
        <v>40940</v>
      </c>
      <c r="L13361" s="5" t="s">
        <v>40939</v>
      </c>
      <c r="M13361" s="2" t="s">
        <v>40940</v>
      </c>
      <c r="N13361" s="5" t="s">
        <v>36266</v>
      </c>
      <c r="O13361" s="5" t="s">
        <v>38</v>
      </c>
      <c r="P13361" s="5" t="s">
        <v>39</v>
      </c>
      <c r="Q13361" s="5" t="s">
        <v>40</v>
      </c>
      <c r="R13361" s="5" t="s">
        <v>1522</v>
      </c>
      <c r="S13361" s="5" t="s">
        <v>1523</v>
      </c>
      <c r="T13361" s="5" t="s">
        <v>42</v>
      </c>
      <c r="U13361" s="2">
        <v>0.90800000000000003</v>
      </c>
      <c r="V13361" s="2">
        <v>0.48899999999999999</v>
      </c>
      <c r="W13361" s="2">
        <v>0.01</v>
      </c>
      <c r="X13361" s="2">
        <v>76.900000000000006</v>
      </c>
      <c r="Y13361" s="2">
        <v>7.6</v>
      </c>
      <c r="Z13361" s="2">
        <v>16.7</v>
      </c>
      <c r="AA13361" s="5"/>
      <c r="AB13361" s="5" t="s">
        <v>43</v>
      </c>
      <c r="AC13361" s="5" t="s">
        <v>44</v>
      </c>
      <c r="AD13361" s="2"/>
      <c r="AE13361" s="1"/>
    </row>
    <row r="13362" spans="1:31" ht="14.45">
      <c r="A13362" s="11"/>
      <c r="B13362" s="20"/>
      <c r="C13362" s="2" t="s">
        <v>41032</v>
      </c>
      <c r="D13362" s="14" t="s">
        <v>41033</v>
      </c>
      <c r="E13362" s="2" t="s">
        <v>41034</v>
      </c>
      <c r="F13362" s="2" t="s">
        <v>41035</v>
      </c>
      <c r="G13362" s="8">
        <v>110</v>
      </c>
      <c r="H13362" s="5">
        <v>6</v>
      </c>
      <c r="I13362" s="5" t="s">
        <v>1518</v>
      </c>
      <c r="J13362" s="5" t="s">
        <v>40939</v>
      </c>
      <c r="K13362" s="2" t="s">
        <v>40940</v>
      </c>
      <c r="L13362" s="5" t="s">
        <v>40939</v>
      </c>
      <c r="M13362" s="2" t="s">
        <v>40940</v>
      </c>
      <c r="N13362" s="5" t="s">
        <v>36266</v>
      </c>
      <c r="O13362" s="5" t="s">
        <v>38</v>
      </c>
      <c r="P13362" s="5" t="s">
        <v>39</v>
      </c>
      <c r="Q13362" s="5" t="s">
        <v>40</v>
      </c>
      <c r="R13362" s="5" t="s">
        <v>1522</v>
      </c>
      <c r="S13362" s="5" t="s">
        <v>1523</v>
      </c>
      <c r="T13362" s="5" t="s">
        <v>42</v>
      </c>
      <c r="U13362" s="2">
        <v>0.91300000000000003</v>
      </c>
      <c r="V13362" s="2">
        <v>0.49399999999999999</v>
      </c>
      <c r="W13362" s="2">
        <v>0.01</v>
      </c>
      <c r="X13362" s="2">
        <v>76.900000000000006</v>
      </c>
      <c r="Y13362" s="2">
        <v>7.6</v>
      </c>
      <c r="Z13362" s="2">
        <v>16.7</v>
      </c>
      <c r="AA13362" s="5"/>
      <c r="AB13362" s="5" t="s">
        <v>43</v>
      </c>
      <c r="AC13362" s="5" t="s">
        <v>44</v>
      </c>
      <c r="AD13362" s="2"/>
      <c r="AE13362" s="1"/>
    </row>
    <row r="13363" spans="1:31" ht="14.45">
      <c r="A13363" s="11"/>
      <c r="B13363" s="20"/>
      <c r="C13363" s="2" t="s">
        <v>41036</v>
      </c>
      <c r="D13363" s="14" t="s">
        <v>41037</v>
      </c>
      <c r="E13363" s="2" t="s">
        <v>41038</v>
      </c>
      <c r="F13363" s="2" t="s">
        <v>7449</v>
      </c>
      <c r="G13363" s="8">
        <v>110</v>
      </c>
      <c r="H13363" s="5">
        <v>6</v>
      </c>
      <c r="I13363" s="5" t="s">
        <v>1518</v>
      </c>
      <c r="J13363" s="5" t="s">
        <v>40939</v>
      </c>
      <c r="K13363" s="2" t="s">
        <v>40940</v>
      </c>
      <c r="L13363" s="5" t="s">
        <v>40939</v>
      </c>
      <c r="M13363" s="2" t="s">
        <v>40940</v>
      </c>
      <c r="N13363" s="5" t="s">
        <v>36266</v>
      </c>
      <c r="O13363" s="5" t="s">
        <v>38</v>
      </c>
      <c r="P13363" s="5" t="s">
        <v>39</v>
      </c>
      <c r="Q13363" s="5" t="s">
        <v>40</v>
      </c>
      <c r="R13363" s="5" t="s">
        <v>1522</v>
      </c>
      <c r="S13363" s="5" t="s">
        <v>1523</v>
      </c>
      <c r="T13363" s="5" t="s">
        <v>42</v>
      </c>
      <c r="U13363" s="2">
        <v>0.90800000000000003</v>
      </c>
      <c r="V13363" s="2">
        <v>0.48899999999999999</v>
      </c>
      <c r="W13363" s="2">
        <v>0.01</v>
      </c>
      <c r="X13363" s="2">
        <v>76.900000000000006</v>
      </c>
      <c r="Y13363" s="2">
        <v>7.6</v>
      </c>
      <c r="Z13363" s="2">
        <v>16.7</v>
      </c>
      <c r="AA13363" s="5"/>
      <c r="AB13363" s="5" t="s">
        <v>43</v>
      </c>
      <c r="AC13363" s="5" t="s">
        <v>44</v>
      </c>
      <c r="AD13363" s="2"/>
      <c r="AE13363" s="1"/>
    </row>
    <row r="13364" spans="1:31" ht="14.45">
      <c r="A13364" s="11"/>
      <c r="B13364" s="20"/>
      <c r="C13364" s="2" t="s">
        <v>41039</v>
      </c>
      <c r="D13364" s="14" t="s">
        <v>41040</v>
      </c>
      <c r="E13364" s="2" t="s">
        <v>41041</v>
      </c>
      <c r="F13364" s="2" t="s">
        <v>7581</v>
      </c>
      <c r="G13364" s="8">
        <v>110</v>
      </c>
      <c r="H13364" s="5">
        <v>6</v>
      </c>
      <c r="I13364" s="5" t="s">
        <v>1518</v>
      </c>
      <c r="J13364" s="5" t="s">
        <v>40939</v>
      </c>
      <c r="K13364" s="2" t="s">
        <v>40940</v>
      </c>
      <c r="L13364" s="5" t="s">
        <v>40939</v>
      </c>
      <c r="M13364" s="2" t="s">
        <v>40940</v>
      </c>
      <c r="N13364" s="5" t="s">
        <v>36266</v>
      </c>
      <c r="O13364" s="5" t="s">
        <v>38</v>
      </c>
      <c r="P13364" s="5" t="s">
        <v>39</v>
      </c>
      <c r="Q13364" s="5" t="s">
        <v>40</v>
      </c>
      <c r="R13364" s="5" t="s">
        <v>1522</v>
      </c>
      <c r="S13364" s="5" t="s">
        <v>1523</v>
      </c>
      <c r="T13364" s="5" t="s">
        <v>42</v>
      </c>
      <c r="U13364" s="2">
        <v>0.91300000000000003</v>
      </c>
      <c r="V13364" s="2">
        <v>0.49399999999999999</v>
      </c>
      <c r="W13364" s="2">
        <v>0.01</v>
      </c>
      <c r="X13364" s="2">
        <v>76.900000000000006</v>
      </c>
      <c r="Y13364" s="2">
        <v>7.6</v>
      </c>
      <c r="Z13364" s="2">
        <v>16.7</v>
      </c>
      <c r="AA13364" s="5"/>
      <c r="AB13364" s="5" t="s">
        <v>43</v>
      </c>
      <c r="AC13364" s="5" t="s">
        <v>44</v>
      </c>
      <c r="AD13364" s="2"/>
      <c r="AE13364" s="1"/>
    </row>
    <row r="13365" spans="1:31" ht="14.45">
      <c r="A13365" s="11"/>
      <c r="B13365" s="20"/>
      <c r="C13365" s="2" t="s">
        <v>41042</v>
      </c>
      <c r="D13365" s="14" t="s">
        <v>41043</v>
      </c>
      <c r="E13365" s="2" t="s">
        <v>41044</v>
      </c>
      <c r="F13365" s="2" t="s">
        <v>41045</v>
      </c>
      <c r="G13365" s="8">
        <v>110</v>
      </c>
      <c r="H13365" s="5">
        <v>6</v>
      </c>
      <c r="I13365" s="5" t="s">
        <v>1518</v>
      </c>
      <c r="J13365" s="5" t="s">
        <v>40939</v>
      </c>
      <c r="K13365" s="2" t="s">
        <v>40940</v>
      </c>
      <c r="L13365" s="5" t="s">
        <v>40939</v>
      </c>
      <c r="M13365" s="2" t="s">
        <v>40940</v>
      </c>
      <c r="N13365" s="5" t="s">
        <v>36266</v>
      </c>
      <c r="O13365" s="5" t="s">
        <v>38</v>
      </c>
      <c r="P13365" s="5" t="s">
        <v>39</v>
      </c>
      <c r="Q13365" s="5" t="s">
        <v>40</v>
      </c>
      <c r="R13365" s="5" t="s">
        <v>1522</v>
      </c>
      <c r="S13365" s="5" t="s">
        <v>1523</v>
      </c>
      <c r="T13365" s="5" t="s">
        <v>42</v>
      </c>
      <c r="U13365" s="2">
        <v>0.92500000000000004</v>
      </c>
      <c r="V13365" s="2">
        <v>0.50600000000000001</v>
      </c>
      <c r="W13365" s="2">
        <v>0.01</v>
      </c>
      <c r="X13365" s="2">
        <v>76.900000000000006</v>
      </c>
      <c r="Y13365" s="2">
        <v>7.6</v>
      </c>
      <c r="Z13365" s="2">
        <v>16.7</v>
      </c>
      <c r="AA13365" s="5"/>
      <c r="AB13365" s="5" t="s">
        <v>43</v>
      </c>
      <c r="AC13365" s="5" t="s">
        <v>44</v>
      </c>
      <c r="AD13365" s="2"/>
      <c r="AE13365" s="1"/>
    </row>
    <row r="13366" spans="1:31" ht="14.45">
      <c r="A13366" s="11"/>
      <c r="B13366" s="20"/>
      <c r="C13366" s="2" t="s">
        <v>41046</v>
      </c>
      <c r="D13366" s="14" t="s">
        <v>41047</v>
      </c>
      <c r="E13366" s="2" t="s">
        <v>41048</v>
      </c>
      <c r="F13366" s="2" t="s">
        <v>41049</v>
      </c>
      <c r="G13366" s="8">
        <v>110</v>
      </c>
      <c r="H13366" s="5">
        <v>6</v>
      </c>
      <c r="I13366" s="5" t="s">
        <v>1518</v>
      </c>
      <c r="J13366" s="5" t="s">
        <v>40939</v>
      </c>
      <c r="K13366" s="2" t="s">
        <v>40940</v>
      </c>
      <c r="L13366" s="5" t="s">
        <v>40939</v>
      </c>
      <c r="M13366" s="2" t="s">
        <v>40940</v>
      </c>
      <c r="N13366" s="5" t="s">
        <v>36266</v>
      </c>
      <c r="O13366" s="5" t="s">
        <v>38</v>
      </c>
      <c r="P13366" s="5" t="s">
        <v>39</v>
      </c>
      <c r="Q13366" s="5" t="s">
        <v>40</v>
      </c>
      <c r="R13366" s="5" t="s">
        <v>1522</v>
      </c>
      <c r="S13366" s="5" t="s">
        <v>1523</v>
      </c>
      <c r="T13366" s="5" t="s">
        <v>42</v>
      </c>
      <c r="U13366" s="2">
        <v>0.93</v>
      </c>
      <c r="V13366" s="2">
        <v>0.51100000000000001</v>
      </c>
      <c r="W13366" s="2">
        <v>0.01</v>
      </c>
      <c r="X13366" s="2">
        <v>76.900000000000006</v>
      </c>
      <c r="Y13366" s="2">
        <v>7.6</v>
      </c>
      <c r="Z13366" s="2">
        <v>16.7</v>
      </c>
      <c r="AA13366" s="5"/>
      <c r="AB13366" s="5" t="s">
        <v>43</v>
      </c>
      <c r="AC13366" s="5" t="s">
        <v>44</v>
      </c>
      <c r="AD13366" s="2"/>
      <c r="AE13366" s="1"/>
    </row>
    <row r="13367" spans="1:31" ht="14.45">
      <c r="A13367" s="11"/>
      <c r="B13367" s="20"/>
      <c r="C13367" s="2" t="s">
        <v>41050</v>
      </c>
      <c r="D13367" s="14" t="s">
        <v>41051</v>
      </c>
      <c r="E13367" s="2" t="s">
        <v>41052</v>
      </c>
      <c r="F13367" s="2" t="s">
        <v>7204</v>
      </c>
      <c r="G13367" s="8">
        <v>109</v>
      </c>
      <c r="H13367" s="5">
        <v>6</v>
      </c>
      <c r="I13367" s="5" t="s">
        <v>1518</v>
      </c>
      <c r="J13367" s="5" t="s">
        <v>40939</v>
      </c>
      <c r="K13367" s="2" t="s">
        <v>40940</v>
      </c>
      <c r="L13367" s="5" t="s">
        <v>40939</v>
      </c>
      <c r="M13367" s="2" t="s">
        <v>40940</v>
      </c>
      <c r="N13367" s="5" t="s">
        <v>36266</v>
      </c>
      <c r="O13367" s="5" t="s">
        <v>38</v>
      </c>
      <c r="P13367" s="5" t="s">
        <v>39</v>
      </c>
      <c r="Q13367" s="5" t="s">
        <v>40</v>
      </c>
      <c r="R13367" s="5" t="s">
        <v>1522</v>
      </c>
      <c r="S13367" s="5" t="s">
        <v>1523</v>
      </c>
      <c r="T13367" s="5" t="s">
        <v>42</v>
      </c>
      <c r="U13367" s="2">
        <v>1.0029999999999999</v>
      </c>
      <c r="V13367" s="2">
        <v>0.55800000000000005</v>
      </c>
      <c r="W13367" s="2">
        <v>1.0999999999999999E-2</v>
      </c>
      <c r="X13367" s="2">
        <v>82.9</v>
      </c>
      <c r="Y13367" s="2">
        <v>7.6</v>
      </c>
      <c r="Z13367" s="2">
        <v>16.7</v>
      </c>
      <c r="AA13367" s="5"/>
      <c r="AB13367" s="5" t="s">
        <v>43</v>
      </c>
      <c r="AC13367" s="5" t="s">
        <v>44</v>
      </c>
      <c r="AD13367" s="2"/>
      <c r="AE13367" s="1"/>
    </row>
    <row r="13368" spans="1:31" ht="14.45">
      <c r="A13368" s="11"/>
      <c r="B13368" s="20"/>
      <c r="C13368" s="2" t="s">
        <v>41053</v>
      </c>
      <c r="D13368" s="14" t="s">
        <v>41054</v>
      </c>
      <c r="E13368" s="2" t="s">
        <v>41055</v>
      </c>
      <c r="F13368" s="2" t="s">
        <v>7514</v>
      </c>
      <c r="G13368" s="8">
        <v>109</v>
      </c>
      <c r="H13368" s="5">
        <v>6</v>
      </c>
      <c r="I13368" s="5" t="s">
        <v>1518</v>
      </c>
      <c r="J13368" s="5" t="s">
        <v>40939</v>
      </c>
      <c r="K13368" s="2" t="s">
        <v>40940</v>
      </c>
      <c r="L13368" s="5" t="s">
        <v>40939</v>
      </c>
      <c r="M13368" s="2" t="s">
        <v>40940</v>
      </c>
      <c r="N13368" s="5" t="s">
        <v>36266</v>
      </c>
      <c r="O13368" s="5" t="s">
        <v>38</v>
      </c>
      <c r="P13368" s="5" t="s">
        <v>39</v>
      </c>
      <c r="Q13368" s="5" t="s">
        <v>40</v>
      </c>
      <c r="R13368" s="5" t="s">
        <v>1522</v>
      </c>
      <c r="S13368" s="5" t="s">
        <v>1523</v>
      </c>
      <c r="T13368" s="5" t="s">
        <v>42</v>
      </c>
      <c r="U13368" s="2">
        <v>1.006</v>
      </c>
      <c r="V13368" s="2">
        <v>0.56100000000000005</v>
      </c>
      <c r="W13368" s="2">
        <v>1.0999999999999999E-2</v>
      </c>
      <c r="X13368" s="2">
        <v>82.9</v>
      </c>
      <c r="Y13368" s="2">
        <v>7.6</v>
      </c>
      <c r="Z13368" s="2">
        <v>16.7</v>
      </c>
      <c r="AA13368" s="5"/>
      <c r="AB13368" s="5" t="s">
        <v>43</v>
      </c>
      <c r="AC13368" s="5" t="s">
        <v>44</v>
      </c>
      <c r="AD13368" s="2"/>
      <c r="AE13368" s="1"/>
    </row>
    <row r="13369" spans="1:31" ht="14.45">
      <c r="A13369" s="11"/>
      <c r="B13369" s="20"/>
      <c r="C13369" s="2" t="s">
        <v>41056</v>
      </c>
      <c r="D13369" s="14" t="s">
        <v>41057</v>
      </c>
      <c r="E13369" s="2" t="s">
        <v>41058</v>
      </c>
      <c r="F13369" s="2" t="s">
        <v>40947</v>
      </c>
      <c r="G13369" s="8">
        <v>126</v>
      </c>
      <c r="H13369" s="5">
        <v>6</v>
      </c>
      <c r="I13369" s="5" t="s">
        <v>1518</v>
      </c>
      <c r="J13369" s="5" t="s">
        <v>40939</v>
      </c>
      <c r="K13369" s="2" t="s">
        <v>40940</v>
      </c>
      <c r="L13369" s="5" t="s">
        <v>40939</v>
      </c>
      <c r="M13369" s="2" t="s">
        <v>40940</v>
      </c>
      <c r="N13369" s="5" t="s">
        <v>36266</v>
      </c>
      <c r="O13369" s="5" t="s">
        <v>38</v>
      </c>
      <c r="P13369" s="5" t="s">
        <v>39</v>
      </c>
      <c r="Q13369" s="5" t="s">
        <v>40</v>
      </c>
      <c r="R13369" s="5" t="s">
        <v>1522</v>
      </c>
      <c r="S13369" s="5" t="s">
        <v>1523</v>
      </c>
      <c r="T13369" s="5" t="s">
        <v>42</v>
      </c>
      <c r="U13369" s="2">
        <v>1.01</v>
      </c>
      <c r="V13369" s="2">
        <v>0.56499999999999995</v>
      </c>
      <c r="W13369" s="2">
        <v>1.0999999999999999E-2</v>
      </c>
      <c r="X13369" s="2">
        <v>82.9</v>
      </c>
      <c r="Y13369" s="2">
        <v>7.6</v>
      </c>
      <c r="Z13369" s="2">
        <v>16.7</v>
      </c>
      <c r="AA13369" s="5"/>
      <c r="AB13369" s="5" t="s">
        <v>43</v>
      </c>
      <c r="AC13369" s="5" t="s">
        <v>44</v>
      </c>
      <c r="AD13369" s="2"/>
      <c r="AE13369" s="1"/>
    </row>
    <row r="13370" spans="1:31" ht="14.45">
      <c r="A13370" s="11"/>
      <c r="B13370" s="20"/>
      <c r="C13370" s="2" t="s">
        <v>41059</v>
      </c>
      <c r="D13370" s="14" t="s">
        <v>41060</v>
      </c>
      <c r="E13370" s="2" t="s">
        <v>41061</v>
      </c>
      <c r="F13370" s="2" t="s">
        <v>40951</v>
      </c>
      <c r="G13370" s="8">
        <v>126</v>
      </c>
      <c r="H13370" s="5">
        <v>6</v>
      </c>
      <c r="I13370" s="5" t="s">
        <v>1518</v>
      </c>
      <c r="J13370" s="5" t="s">
        <v>40939</v>
      </c>
      <c r="K13370" s="2" t="s">
        <v>40940</v>
      </c>
      <c r="L13370" s="5" t="s">
        <v>40939</v>
      </c>
      <c r="M13370" s="2" t="s">
        <v>40940</v>
      </c>
      <c r="N13370" s="5" t="s">
        <v>36266</v>
      </c>
      <c r="O13370" s="5" t="s">
        <v>38</v>
      </c>
      <c r="P13370" s="5" t="s">
        <v>39</v>
      </c>
      <c r="Q13370" s="5" t="s">
        <v>40</v>
      </c>
      <c r="R13370" s="5" t="s">
        <v>1522</v>
      </c>
      <c r="S13370" s="5" t="s">
        <v>1523</v>
      </c>
      <c r="T13370" s="5" t="s">
        <v>42</v>
      </c>
      <c r="U13370" s="2">
        <v>1.0129999999999999</v>
      </c>
      <c r="V13370" s="2">
        <v>0.56799999999999995</v>
      </c>
      <c r="W13370" s="2">
        <v>1.0999999999999999E-2</v>
      </c>
      <c r="X13370" s="2">
        <v>82.9</v>
      </c>
      <c r="Y13370" s="2">
        <v>7.6</v>
      </c>
      <c r="Z13370" s="2">
        <v>16.7</v>
      </c>
      <c r="AA13370" s="5"/>
      <c r="AB13370" s="5" t="s">
        <v>43</v>
      </c>
      <c r="AC13370" s="5" t="s">
        <v>44</v>
      </c>
      <c r="AD13370" s="2"/>
      <c r="AE13370" s="1"/>
    </row>
    <row r="13371" spans="1:31" ht="14.45">
      <c r="A13371" s="11"/>
      <c r="B13371" s="20"/>
      <c r="C13371" s="2" t="s">
        <v>41062</v>
      </c>
      <c r="D13371" s="14" t="s">
        <v>41063</v>
      </c>
      <c r="E13371" s="2" t="s">
        <v>41064</v>
      </c>
      <c r="F13371" s="2" t="s">
        <v>7208</v>
      </c>
      <c r="G13371" s="8">
        <v>109</v>
      </c>
      <c r="H13371" s="5">
        <v>6</v>
      </c>
      <c r="I13371" s="5" t="s">
        <v>1518</v>
      </c>
      <c r="J13371" s="5" t="s">
        <v>40939</v>
      </c>
      <c r="K13371" s="2" t="s">
        <v>40940</v>
      </c>
      <c r="L13371" s="5" t="s">
        <v>40939</v>
      </c>
      <c r="M13371" s="2" t="s">
        <v>40940</v>
      </c>
      <c r="N13371" s="5" t="s">
        <v>36266</v>
      </c>
      <c r="O13371" s="5" t="s">
        <v>38</v>
      </c>
      <c r="P13371" s="5" t="s">
        <v>39</v>
      </c>
      <c r="Q13371" s="5" t="s">
        <v>40</v>
      </c>
      <c r="R13371" s="5" t="s">
        <v>1522</v>
      </c>
      <c r="S13371" s="5" t="s">
        <v>1523</v>
      </c>
      <c r="T13371" s="5" t="s">
        <v>42</v>
      </c>
      <c r="U13371" s="2">
        <v>1.0129999999999999</v>
      </c>
      <c r="V13371" s="2">
        <v>0.56799999999999995</v>
      </c>
      <c r="W13371" s="2">
        <v>1.0999999999999999E-2</v>
      </c>
      <c r="X13371" s="2">
        <v>82.9</v>
      </c>
      <c r="Y13371" s="2">
        <v>7.6</v>
      </c>
      <c r="Z13371" s="2">
        <v>16.7</v>
      </c>
      <c r="AA13371" s="5"/>
      <c r="AB13371" s="5" t="s">
        <v>43</v>
      </c>
      <c r="AC13371" s="5" t="s">
        <v>44</v>
      </c>
      <c r="AD13371" s="2"/>
      <c r="AE13371" s="1"/>
    </row>
    <row r="13372" spans="1:31" ht="14.45">
      <c r="A13372" s="11"/>
      <c r="B13372" s="20"/>
      <c r="C13372" s="2" t="s">
        <v>41065</v>
      </c>
      <c r="D13372" s="14" t="s">
        <v>41066</v>
      </c>
      <c r="E13372" s="2" t="s">
        <v>41067</v>
      </c>
      <c r="F13372" s="2" t="s">
        <v>7521</v>
      </c>
      <c r="G13372" s="8">
        <v>109</v>
      </c>
      <c r="H13372" s="5">
        <v>6</v>
      </c>
      <c r="I13372" s="5" t="s">
        <v>1518</v>
      </c>
      <c r="J13372" s="5" t="s">
        <v>40939</v>
      </c>
      <c r="K13372" s="2" t="s">
        <v>40940</v>
      </c>
      <c r="L13372" s="5" t="s">
        <v>40939</v>
      </c>
      <c r="M13372" s="2" t="s">
        <v>40940</v>
      </c>
      <c r="N13372" s="5" t="s">
        <v>36266</v>
      </c>
      <c r="O13372" s="5" t="s">
        <v>38</v>
      </c>
      <c r="P13372" s="5" t="s">
        <v>39</v>
      </c>
      <c r="Q13372" s="5" t="s">
        <v>40</v>
      </c>
      <c r="R13372" s="5" t="s">
        <v>1522</v>
      </c>
      <c r="S13372" s="5" t="s">
        <v>1523</v>
      </c>
      <c r="T13372" s="5" t="s">
        <v>42</v>
      </c>
      <c r="U13372" s="2">
        <v>1.016</v>
      </c>
      <c r="V13372" s="2">
        <v>0.57099999999999995</v>
      </c>
      <c r="W13372" s="2">
        <v>1.0999999999999999E-2</v>
      </c>
      <c r="X13372" s="2">
        <v>82.9</v>
      </c>
      <c r="Y13372" s="2">
        <v>7.6</v>
      </c>
      <c r="Z13372" s="2">
        <v>16.7</v>
      </c>
      <c r="AA13372" s="5"/>
      <c r="AB13372" s="5" t="s">
        <v>43</v>
      </c>
      <c r="AC13372" s="5" t="s">
        <v>44</v>
      </c>
      <c r="AD13372" s="2"/>
      <c r="AE13372" s="1"/>
    </row>
    <row r="13373" spans="1:31" ht="14.45">
      <c r="A13373" s="11"/>
      <c r="B13373" s="20"/>
      <c r="C13373" s="2" t="s">
        <v>41068</v>
      </c>
      <c r="D13373" s="14" t="s">
        <v>41069</v>
      </c>
      <c r="E13373" s="2" t="s">
        <v>41070</v>
      </c>
      <c r="F13373" s="2" t="s">
        <v>36273</v>
      </c>
      <c r="G13373" s="8">
        <v>109</v>
      </c>
      <c r="H13373" s="5">
        <v>6</v>
      </c>
      <c r="I13373" s="5" t="s">
        <v>1518</v>
      </c>
      <c r="J13373" s="5" t="s">
        <v>40939</v>
      </c>
      <c r="K13373" s="2" t="s">
        <v>40940</v>
      </c>
      <c r="L13373" s="5" t="s">
        <v>40939</v>
      </c>
      <c r="M13373" s="2" t="s">
        <v>40940</v>
      </c>
      <c r="N13373" s="5" t="s">
        <v>36266</v>
      </c>
      <c r="O13373" s="5" t="s">
        <v>38</v>
      </c>
      <c r="P13373" s="5" t="s">
        <v>39</v>
      </c>
      <c r="Q13373" s="5" t="s">
        <v>40</v>
      </c>
      <c r="R13373" s="5" t="s">
        <v>1522</v>
      </c>
      <c r="S13373" s="5" t="s">
        <v>1523</v>
      </c>
      <c r="T13373" s="5" t="s">
        <v>42</v>
      </c>
      <c r="U13373" s="2">
        <v>1.02</v>
      </c>
      <c r="V13373" s="2">
        <v>0.57499999999999996</v>
      </c>
      <c r="W13373" s="2">
        <v>1.0999999999999999E-2</v>
      </c>
      <c r="X13373" s="2">
        <v>82.9</v>
      </c>
      <c r="Y13373" s="2">
        <v>7.6</v>
      </c>
      <c r="Z13373" s="2">
        <v>16.7</v>
      </c>
      <c r="AA13373" s="5"/>
      <c r="AB13373" s="5" t="s">
        <v>43</v>
      </c>
      <c r="AC13373" s="5" t="s">
        <v>44</v>
      </c>
      <c r="AD13373" s="2"/>
      <c r="AE13373" s="1"/>
    </row>
    <row r="13374" spans="1:31" ht="14.45">
      <c r="A13374" s="11"/>
      <c r="B13374" s="20"/>
      <c r="C13374" s="2" t="s">
        <v>41071</v>
      </c>
      <c r="D13374" s="14" t="s">
        <v>41072</v>
      </c>
      <c r="E13374" s="2" t="s">
        <v>41073</v>
      </c>
      <c r="F13374" s="2" t="s">
        <v>36277</v>
      </c>
      <c r="G13374" s="8">
        <v>109</v>
      </c>
      <c r="H13374" s="5">
        <v>6</v>
      </c>
      <c r="I13374" s="5" t="s">
        <v>1518</v>
      </c>
      <c r="J13374" s="5" t="s">
        <v>40939</v>
      </c>
      <c r="K13374" s="2" t="s">
        <v>40940</v>
      </c>
      <c r="L13374" s="5" t="s">
        <v>40939</v>
      </c>
      <c r="M13374" s="2" t="s">
        <v>40940</v>
      </c>
      <c r="N13374" s="5" t="s">
        <v>36266</v>
      </c>
      <c r="O13374" s="5" t="s">
        <v>38</v>
      </c>
      <c r="P13374" s="5" t="s">
        <v>39</v>
      </c>
      <c r="Q13374" s="5" t="s">
        <v>40</v>
      </c>
      <c r="R13374" s="5" t="s">
        <v>1522</v>
      </c>
      <c r="S13374" s="5" t="s">
        <v>1523</v>
      </c>
      <c r="T13374" s="5" t="s">
        <v>42</v>
      </c>
      <c r="U13374" s="2">
        <v>1.0229999999999999</v>
      </c>
      <c r="V13374" s="2">
        <v>0.57799999999999996</v>
      </c>
      <c r="W13374" s="2">
        <v>1.0999999999999999E-2</v>
      </c>
      <c r="X13374" s="2">
        <v>82.9</v>
      </c>
      <c r="Y13374" s="2">
        <v>7.6</v>
      </c>
      <c r="Z13374" s="2">
        <v>16.7</v>
      </c>
      <c r="AA13374" s="5"/>
      <c r="AB13374" s="5" t="s">
        <v>43</v>
      </c>
      <c r="AC13374" s="5" t="s">
        <v>44</v>
      </c>
      <c r="AD13374" s="2"/>
      <c r="AE13374" s="1"/>
    </row>
    <row r="13375" spans="1:31" ht="14.45">
      <c r="A13375" s="11"/>
      <c r="B13375" s="20"/>
      <c r="C13375" s="2" t="s">
        <v>41074</v>
      </c>
      <c r="D13375" s="14" t="s">
        <v>41075</v>
      </c>
      <c r="E13375" s="2" t="s">
        <v>41076</v>
      </c>
      <c r="F13375" s="2" t="s">
        <v>40967</v>
      </c>
      <c r="G13375" s="8">
        <v>126</v>
      </c>
      <c r="H13375" s="5">
        <v>6</v>
      </c>
      <c r="I13375" s="5" t="s">
        <v>1518</v>
      </c>
      <c r="J13375" s="5" t="s">
        <v>40939</v>
      </c>
      <c r="K13375" s="2" t="s">
        <v>40940</v>
      </c>
      <c r="L13375" s="5" t="s">
        <v>40939</v>
      </c>
      <c r="M13375" s="2" t="s">
        <v>40940</v>
      </c>
      <c r="N13375" s="5" t="s">
        <v>36266</v>
      </c>
      <c r="O13375" s="5" t="s">
        <v>38</v>
      </c>
      <c r="P13375" s="5" t="s">
        <v>39</v>
      </c>
      <c r="Q13375" s="5" t="s">
        <v>40</v>
      </c>
      <c r="R13375" s="5" t="s">
        <v>1522</v>
      </c>
      <c r="S13375" s="5" t="s">
        <v>1523</v>
      </c>
      <c r="T13375" s="5" t="s">
        <v>42</v>
      </c>
      <c r="U13375" s="2">
        <v>1.0129999999999999</v>
      </c>
      <c r="V13375" s="2">
        <v>0.56799999999999995</v>
      </c>
      <c r="W13375" s="2">
        <v>1.0999999999999999E-2</v>
      </c>
      <c r="X13375" s="2">
        <v>82.9</v>
      </c>
      <c r="Y13375" s="2">
        <v>7.6</v>
      </c>
      <c r="Z13375" s="2">
        <v>16.7</v>
      </c>
      <c r="AA13375" s="5"/>
      <c r="AB13375" s="5" t="s">
        <v>43</v>
      </c>
      <c r="AC13375" s="5" t="s">
        <v>44</v>
      </c>
      <c r="AD13375" s="2"/>
      <c r="AE13375" s="1"/>
    </row>
    <row r="13376" spans="1:31" ht="14.45">
      <c r="A13376" s="11"/>
      <c r="B13376" s="20"/>
      <c r="C13376" s="2" t="s">
        <v>41077</v>
      </c>
      <c r="D13376" s="14" t="s">
        <v>41078</v>
      </c>
      <c r="E13376" s="2" t="s">
        <v>41079</v>
      </c>
      <c r="F13376" s="2" t="s">
        <v>40971</v>
      </c>
      <c r="G13376" s="8">
        <v>126</v>
      </c>
      <c r="H13376" s="5">
        <v>6</v>
      </c>
      <c r="I13376" s="5" t="s">
        <v>1518</v>
      </c>
      <c r="J13376" s="5" t="s">
        <v>40939</v>
      </c>
      <c r="K13376" s="2" t="s">
        <v>40940</v>
      </c>
      <c r="L13376" s="5" t="s">
        <v>40939</v>
      </c>
      <c r="M13376" s="2" t="s">
        <v>40940</v>
      </c>
      <c r="N13376" s="5" t="s">
        <v>36266</v>
      </c>
      <c r="O13376" s="5" t="s">
        <v>38</v>
      </c>
      <c r="P13376" s="5" t="s">
        <v>39</v>
      </c>
      <c r="Q13376" s="5" t="s">
        <v>40</v>
      </c>
      <c r="R13376" s="5" t="s">
        <v>1522</v>
      </c>
      <c r="S13376" s="5" t="s">
        <v>1523</v>
      </c>
      <c r="T13376" s="5" t="s">
        <v>42</v>
      </c>
      <c r="U13376" s="2">
        <v>1.016</v>
      </c>
      <c r="V13376" s="2">
        <v>0.57099999999999995</v>
      </c>
      <c r="W13376" s="2">
        <v>1.0999999999999999E-2</v>
      </c>
      <c r="X13376" s="2">
        <v>82.9</v>
      </c>
      <c r="Y13376" s="2">
        <v>7.6</v>
      </c>
      <c r="Z13376" s="2">
        <v>16.7</v>
      </c>
      <c r="AA13376" s="5"/>
      <c r="AB13376" s="5" t="s">
        <v>43</v>
      </c>
      <c r="AC13376" s="5" t="s">
        <v>44</v>
      </c>
      <c r="AD13376" s="2"/>
      <c r="AE13376" s="1"/>
    </row>
    <row r="13377" spans="1:31" ht="14.45">
      <c r="A13377" s="11"/>
      <c r="B13377" s="20"/>
      <c r="C13377" s="2" t="s">
        <v>41080</v>
      </c>
      <c r="D13377" s="14" t="s">
        <v>41081</v>
      </c>
      <c r="E13377" s="2" t="s">
        <v>41082</v>
      </c>
      <c r="F13377" s="2" t="s">
        <v>40975</v>
      </c>
      <c r="G13377" s="8">
        <v>126</v>
      </c>
      <c r="H13377" s="5">
        <v>6</v>
      </c>
      <c r="I13377" s="5" t="s">
        <v>1518</v>
      </c>
      <c r="J13377" s="5" t="s">
        <v>40939</v>
      </c>
      <c r="K13377" s="2" t="s">
        <v>40940</v>
      </c>
      <c r="L13377" s="5" t="s">
        <v>40939</v>
      </c>
      <c r="M13377" s="2" t="s">
        <v>40940</v>
      </c>
      <c r="N13377" s="5" t="s">
        <v>36266</v>
      </c>
      <c r="O13377" s="5" t="s">
        <v>38</v>
      </c>
      <c r="P13377" s="5" t="s">
        <v>39</v>
      </c>
      <c r="Q13377" s="5" t="s">
        <v>40</v>
      </c>
      <c r="R13377" s="5" t="s">
        <v>1522</v>
      </c>
      <c r="S13377" s="5" t="s">
        <v>1523</v>
      </c>
      <c r="T13377" s="5" t="s">
        <v>42</v>
      </c>
      <c r="U13377" s="2">
        <v>1.0129999999999999</v>
      </c>
      <c r="V13377" s="2">
        <v>0.56799999999999995</v>
      </c>
      <c r="W13377" s="2">
        <v>1.0999999999999999E-2</v>
      </c>
      <c r="X13377" s="2">
        <v>82.9</v>
      </c>
      <c r="Y13377" s="2">
        <v>7.6</v>
      </c>
      <c r="Z13377" s="2">
        <v>16.7</v>
      </c>
      <c r="AA13377" s="5"/>
      <c r="AB13377" s="5" t="s">
        <v>43</v>
      </c>
      <c r="AC13377" s="5" t="s">
        <v>44</v>
      </c>
      <c r="AD13377" s="2"/>
      <c r="AE13377" s="1"/>
    </row>
    <row r="13378" spans="1:31" ht="14.45">
      <c r="A13378" s="11"/>
      <c r="B13378" s="20"/>
      <c r="C13378" s="2" t="s">
        <v>41083</v>
      </c>
      <c r="D13378" s="14" t="s">
        <v>41084</v>
      </c>
      <c r="E13378" s="2" t="s">
        <v>41085</v>
      </c>
      <c r="F13378" s="2" t="s">
        <v>40979</v>
      </c>
      <c r="G13378" s="8">
        <v>126</v>
      </c>
      <c r="H13378" s="5">
        <v>6</v>
      </c>
      <c r="I13378" s="5" t="s">
        <v>1518</v>
      </c>
      <c r="J13378" s="5" t="s">
        <v>40939</v>
      </c>
      <c r="K13378" s="2" t="s">
        <v>40940</v>
      </c>
      <c r="L13378" s="5" t="s">
        <v>40939</v>
      </c>
      <c r="M13378" s="2" t="s">
        <v>40940</v>
      </c>
      <c r="N13378" s="5" t="s">
        <v>36266</v>
      </c>
      <c r="O13378" s="5" t="s">
        <v>38</v>
      </c>
      <c r="P13378" s="5" t="s">
        <v>39</v>
      </c>
      <c r="Q13378" s="5" t="s">
        <v>40</v>
      </c>
      <c r="R13378" s="5" t="s">
        <v>1522</v>
      </c>
      <c r="S13378" s="5" t="s">
        <v>1523</v>
      </c>
      <c r="T13378" s="5" t="s">
        <v>42</v>
      </c>
      <c r="U13378" s="2">
        <v>1.016</v>
      </c>
      <c r="V13378" s="2">
        <v>0.57099999999999995</v>
      </c>
      <c r="W13378" s="2">
        <v>1.0999999999999999E-2</v>
      </c>
      <c r="X13378" s="2">
        <v>82.9</v>
      </c>
      <c r="Y13378" s="2">
        <v>7.6</v>
      </c>
      <c r="Z13378" s="2">
        <v>16.7</v>
      </c>
      <c r="AA13378" s="5"/>
      <c r="AB13378" s="5" t="s">
        <v>43</v>
      </c>
      <c r="AC13378" s="5" t="s">
        <v>44</v>
      </c>
      <c r="AD13378" s="2"/>
      <c r="AE13378" s="1"/>
    </row>
    <row r="13379" spans="1:31" ht="14.45">
      <c r="A13379" s="11"/>
      <c r="B13379" s="20"/>
      <c r="C13379" s="2" t="s">
        <v>41086</v>
      </c>
      <c r="D13379" s="14" t="s">
        <v>41087</v>
      </c>
      <c r="E13379" s="2" t="s">
        <v>41088</v>
      </c>
      <c r="F13379" s="2" t="s">
        <v>7539</v>
      </c>
      <c r="G13379" s="8">
        <v>126</v>
      </c>
      <c r="H13379" s="5">
        <v>6</v>
      </c>
      <c r="I13379" s="5" t="s">
        <v>1518</v>
      </c>
      <c r="J13379" s="5" t="s">
        <v>40939</v>
      </c>
      <c r="K13379" s="2" t="s">
        <v>40940</v>
      </c>
      <c r="L13379" s="5" t="s">
        <v>40939</v>
      </c>
      <c r="M13379" s="2" t="s">
        <v>40940</v>
      </c>
      <c r="N13379" s="5" t="s">
        <v>36266</v>
      </c>
      <c r="O13379" s="5" t="s">
        <v>38</v>
      </c>
      <c r="P13379" s="5" t="s">
        <v>39</v>
      </c>
      <c r="Q13379" s="5" t="s">
        <v>40</v>
      </c>
      <c r="R13379" s="5" t="s">
        <v>1522</v>
      </c>
      <c r="S13379" s="5" t="s">
        <v>1523</v>
      </c>
      <c r="T13379" s="5" t="s">
        <v>42</v>
      </c>
      <c r="U13379" s="2">
        <v>0.996</v>
      </c>
      <c r="V13379" s="2">
        <v>0.55100000000000005</v>
      </c>
      <c r="W13379" s="2">
        <v>1.0999999999999999E-2</v>
      </c>
      <c r="X13379" s="2">
        <v>82.9</v>
      </c>
      <c r="Y13379" s="2">
        <v>7.6</v>
      </c>
      <c r="Z13379" s="2">
        <v>16.7</v>
      </c>
      <c r="AA13379" s="5"/>
      <c r="AB13379" s="5" t="s">
        <v>43</v>
      </c>
      <c r="AC13379" s="5" t="s">
        <v>44</v>
      </c>
      <c r="AD13379" s="2"/>
      <c r="AE13379" s="1"/>
    </row>
    <row r="13380" spans="1:31" ht="14.45">
      <c r="A13380" s="11"/>
      <c r="B13380" s="20"/>
      <c r="C13380" s="2" t="s">
        <v>41089</v>
      </c>
      <c r="D13380" s="14" t="s">
        <v>41090</v>
      </c>
      <c r="E13380" s="2" t="s">
        <v>41091</v>
      </c>
      <c r="F13380" s="2" t="s">
        <v>7543</v>
      </c>
      <c r="G13380" s="8">
        <v>126</v>
      </c>
      <c r="H13380" s="5">
        <v>6</v>
      </c>
      <c r="I13380" s="5" t="s">
        <v>1518</v>
      </c>
      <c r="J13380" s="5" t="s">
        <v>40939</v>
      </c>
      <c r="K13380" s="2" t="s">
        <v>40940</v>
      </c>
      <c r="L13380" s="5" t="s">
        <v>40939</v>
      </c>
      <c r="M13380" s="2" t="s">
        <v>40940</v>
      </c>
      <c r="N13380" s="5" t="s">
        <v>36266</v>
      </c>
      <c r="O13380" s="5" t="s">
        <v>38</v>
      </c>
      <c r="P13380" s="5" t="s">
        <v>39</v>
      </c>
      <c r="Q13380" s="5" t="s">
        <v>40</v>
      </c>
      <c r="R13380" s="5" t="s">
        <v>1522</v>
      </c>
      <c r="S13380" s="5" t="s">
        <v>1523</v>
      </c>
      <c r="T13380" s="5" t="s">
        <v>42</v>
      </c>
      <c r="U13380" s="2">
        <v>0.999</v>
      </c>
      <c r="V13380" s="2">
        <v>0.55400000000000005</v>
      </c>
      <c r="W13380" s="2">
        <v>1.0999999999999999E-2</v>
      </c>
      <c r="X13380" s="2">
        <v>82.9</v>
      </c>
      <c r="Y13380" s="2">
        <v>7.6</v>
      </c>
      <c r="Z13380" s="2">
        <v>16.7</v>
      </c>
      <c r="AA13380" s="5"/>
      <c r="AB13380" s="5" t="s">
        <v>43</v>
      </c>
      <c r="AC13380" s="5" t="s">
        <v>44</v>
      </c>
      <c r="AD13380" s="2"/>
      <c r="AE13380" s="1"/>
    </row>
    <row r="13381" spans="1:31" ht="14.45">
      <c r="A13381" s="11"/>
      <c r="B13381" s="20"/>
      <c r="C13381" s="2" t="s">
        <v>41092</v>
      </c>
      <c r="D13381" s="14" t="s">
        <v>41093</v>
      </c>
      <c r="E13381" s="2" t="s">
        <v>41094</v>
      </c>
      <c r="F13381" s="2" t="s">
        <v>40989</v>
      </c>
      <c r="G13381" s="8">
        <v>126</v>
      </c>
      <c r="H13381" s="5">
        <v>6</v>
      </c>
      <c r="I13381" s="5" t="s">
        <v>1518</v>
      </c>
      <c r="J13381" s="5" t="s">
        <v>40939</v>
      </c>
      <c r="K13381" s="2" t="s">
        <v>40940</v>
      </c>
      <c r="L13381" s="5" t="s">
        <v>40939</v>
      </c>
      <c r="M13381" s="2" t="s">
        <v>40940</v>
      </c>
      <c r="N13381" s="5" t="s">
        <v>36266</v>
      </c>
      <c r="O13381" s="5" t="s">
        <v>38</v>
      </c>
      <c r="P13381" s="5" t="s">
        <v>39</v>
      </c>
      <c r="Q13381" s="5" t="s">
        <v>40</v>
      </c>
      <c r="R13381" s="5" t="s">
        <v>1522</v>
      </c>
      <c r="S13381" s="5" t="s">
        <v>1523</v>
      </c>
      <c r="T13381" s="5" t="s">
        <v>42</v>
      </c>
      <c r="U13381" s="2">
        <v>1.0129999999999999</v>
      </c>
      <c r="V13381" s="2">
        <v>0.56799999999999995</v>
      </c>
      <c r="W13381" s="2">
        <v>1.0999999999999999E-2</v>
      </c>
      <c r="X13381" s="2">
        <v>82.9</v>
      </c>
      <c r="Y13381" s="2">
        <v>7.6</v>
      </c>
      <c r="Z13381" s="2">
        <v>16.7</v>
      </c>
      <c r="AA13381" s="5"/>
      <c r="AB13381" s="5" t="s">
        <v>43</v>
      </c>
      <c r="AC13381" s="5" t="s">
        <v>44</v>
      </c>
      <c r="AD13381" s="2"/>
      <c r="AE13381" s="1"/>
    </row>
    <row r="13382" spans="1:31" ht="14.45">
      <c r="A13382" s="11"/>
      <c r="B13382" s="20"/>
      <c r="C13382" s="2" t="s">
        <v>41095</v>
      </c>
      <c r="D13382" s="14" t="s">
        <v>41096</v>
      </c>
      <c r="E13382" s="2" t="s">
        <v>41097</v>
      </c>
      <c r="F13382" s="2" t="s">
        <v>40993</v>
      </c>
      <c r="G13382" s="8">
        <v>126</v>
      </c>
      <c r="H13382" s="5">
        <v>6</v>
      </c>
      <c r="I13382" s="5" t="s">
        <v>1518</v>
      </c>
      <c r="J13382" s="5" t="s">
        <v>40939</v>
      </c>
      <c r="K13382" s="2" t="s">
        <v>40940</v>
      </c>
      <c r="L13382" s="5" t="s">
        <v>40939</v>
      </c>
      <c r="M13382" s="2" t="s">
        <v>40940</v>
      </c>
      <c r="N13382" s="5" t="s">
        <v>36266</v>
      </c>
      <c r="O13382" s="5" t="s">
        <v>38</v>
      </c>
      <c r="P13382" s="5" t="s">
        <v>39</v>
      </c>
      <c r="Q13382" s="5" t="s">
        <v>40</v>
      </c>
      <c r="R13382" s="5" t="s">
        <v>1522</v>
      </c>
      <c r="S13382" s="5" t="s">
        <v>1523</v>
      </c>
      <c r="T13382" s="5" t="s">
        <v>42</v>
      </c>
      <c r="U13382" s="2">
        <v>1.016</v>
      </c>
      <c r="V13382" s="2">
        <v>0.57099999999999995</v>
      </c>
      <c r="W13382" s="2">
        <v>1.0999999999999999E-2</v>
      </c>
      <c r="X13382" s="2">
        <v>82.9</v>
      </c>
      <c r="Y13382" s="2">
        <v>7.6</v>
      </c>
      <c r="Z13382" s="2">
        <v>16.7</v>
      </c>
      <c r="AA13382" s="5"/>
      <c r="AB13382" s="5" t="s">
        <v>43</v>
      </c>
      <c r="AC13382" s="5" t="s">
        <v>44</v>
      </c>
      <c r="AD13382" s="2"/>
      <c r="AE13382" s="1"/>
    </row>
    <row r="13383" spans="1:31" ht="14.45">
      <c r="A13383" s="11"/>
      <c r="B13383" s="20"/>
      <c r="C13383" s="2" t="s">
        <v>41098</v>
      </c>
      <c r="D13383" s="14" t="s">
        <v>41099</v>
      </c>
      <c r="E13383" s="2" t="s">
        <v>41100</v>
      </c>
      <c r="F13383" s="2" t="s">
        <v>40997</v>
      </c>
      <c r="G13383" s="8">
        <v>126</v>
      </c>
      <c r="H13383" s="5">
        <v>6</v>
      </c>
      <c r="I13383" s="5" t="s">
        <v>1518</v>
      </c>
      <c r="J13383" s="5" t="s">
        <v>40939</v>
      </c>
      <c r="K13383" s="2" t="s">
        <v>40940</v>
      </c>
      <c r="L13383" s="5" t="s">
        <v>40939</v>
      </c>
      <c r="M13383" s="2" t="s">
        <v>40940</v>
      </c>
      <c r="N13383" s="5" t="s">
        <v>36266</v>
      </c>
      <c r="O13383" s="5" t="s">
        <v>38</v>
      </c>
      <c r="P13383" s="5" t="s">
        <v>39</v>
      </c>
      <c r="Q13383" s="5" t="s">
        <v>40</v>
      </c>
      <c r="R13383" s="5" t="s">
        <v>1522</v>
      </c>
      <c r="S13383" s="5" t="s">
        <v>1523</v>
      </c>
      <c r="T13383" s="5" t="s">
        <v>42</v>
      </c>
      <c r="U13383" s="2">
        <v>0.999</v>
      </c>
      <c r="V13383" s="2">
        <v>0.55400000000000005</v>
      </c>
      <c r="W13383" s="2">
        <v>1.0999999999999999E-2</v>
      </c>
      <c r="X13383" s="2">
        <v>82.9</v>
      </c>
      <c r="Y13383" s="2">
        <v>7.6</v>
      </c>
      <c r="Z13383" s="2">
        <v>16.7</v>
      </c>
      <c r="AA13383" s="5"/>
      <c r="AB13383" s="5" t="s">
        <v>43</v>
      </c>
      <c r="AC13383" s="5" t="s">
        <v>44</v>
      </c>
      <c r="AD13383" s="2"/>
      <c r="AE13383" s="1"/>
    </row>
    <row r="13384" spans="1:31" ht="14.45">
      <c r="A13384" s="11"/>
      <c r="B13384" s="20"/>
      <c r="C13384" s="2" t="s">
        <v>41101</v>
      </c>
      <c r="D13384" s="14" t="s">
        <v>41102</v>
      </c>
      <c r="E13384" s="2" t="s">
        <v>41103</v>
      </c>
      <c r="F13384" s="2" t="s">
        <v>41001</v>
      </c>
      <c r="G13384" s="8">
        <v>126</v>
      </c>
      <c r="H13384" s="5">
        <v>6</v>
      </c>
      <c r="I13384" s="5" t="s">
        <v>1518</v>
      </c>
      <c r="J13384" s="5" t="s">
        <v>40939</v>
      </c>
      <c r="K13384" s="2" t="s">
        <v>40940</v>
      </c>
      <c r="L13384" s="5" t="s">
        <v>40939</v>
      </c>
      <c r="M13384" s="2" t="s">
        <v>40940</v>
      </c>
      <c r="N13384" s="5" t="s">
        <v>36266</v>
      </c>
      <c r="O13384" s="5" t="s">
        <v>38</v>
      </c>
      <c r="P13384" s="5" t="s">
        <v>39</v>
      </c>
      <c r="Q13384" s="5" t="s">
        <v>40</v>
      </c>
      <c r="R13384" s="5" t="s">
        <v>1522</v>
      </c>
      <c r="S13384" s="5" t="s">
        <v>1523</v>
      </c>
      <c r="T13384" s="5" t="s">
        <v>42</v>
      </c>
      <c r="U13384" s="2">
        <v>1.0129999999999999</v>
      </c>
      <c r="V13384" s="2">
        <v>0.56799999999999995</v>
      </c>
      <c r="W13384" s="2">
        <v>1.0999999999999999E-2</v>
      </c>
      <c r="X13384" s="2">
        <v>82.9</v>
      </c>
      <c r="Y13384" s="2">
        <v>7.6</v>
      </c>
      <c r="Z13384" s="2">
        <v>16.7</v>
      </c>
      <c r="AA13384" s="5"/>
      <c r="AB13384" s="5" t="s">
        <v>43</v>
      </c>
      <c r="AC13384" s="5" t="s">
        <v>44</v>
      </c>
      <c r="AD13384" s="2"/>
      <c r="AE13384" s="1"/>
    </row>
    <row r="13385" spans="1:31" ht="14.45">
      <c r="A13385" s="11"/>
      <c r="B13385" s="20"/>
      <c r="C13385" s="2" t="s">
        <v>41104</v>
      </c>
      <c r="D13385" s="14" t="s">
        <v>41105</v>
      </c>
      <c r="E13385" s="2" t="s">
        <v>41106</v>
      </c>
      <c r="F13385" s="2" t="s">
        <v>41005</v>
      </c>
      <c r="G13385" s="8">
        <v>126</v>
      </c>
      <c r="H13385" s="5">
        <v>6</v>
      </c>
      <c r="I13385" s="5" t="s">
        <v>1518</v>
      </c>
      <c r="J13385" s="5" t="s">
        <v>40939</v>
      </c>
      <c r="K13385" s="2" t="s">
        <v>40940</v>
      </c>
      <c r="L13385" s="5" t="s">
        <v>40939</v>
      </c>
      <c r="M13385" s="2" t="s">
        <v>40940</v>
      </c>
      <c r="N13385" s="5" t="s">
        <v>36266</v>
      </c>
      <c r="O13385" s="5" t="s">
        <v>38</v>
      </c>
      <c r="P13385" s="5" t="s">
        <v>39</v>
      </c>
      <c r="Q13385" s="5" t="s">
        <v>40</v>
      </c>
      <c r="R13385" s="5" t="s">
        <v>1522</v>
      </c>
      <c r="S13385" s="5" t="s">
        <v>1523</v>
      </c>
      <c r="T13385" s="5" t="s">
        <v>42</v>
      </c>
      <c r="U13385" s="2">
        <v>1.016</v>
      </c>
      <c r="V13385" s="2">
        <v>0.57099999999999995</v>
      </c>
      <c r="W13385" s="2">
        <v>1.0999999999999999E-2</v>
      </c>
      <c r="X13385" s="2">
        <v>82.9</v>
      </c>
      <c r="Y13385" s="2">
        <v>7.6</v>
      </c>
      <c r="Z13385" s="2">
        <v>16.7</v>
      </c>
      <c r="AA13385" s="5"/>
      <c r="AB13385" s="5" t="s">
        <v>43</v>
      </c>
      <c r="AC13385" s="5" t="s">
        <v>44</v>
      </c>
      <c r="AD13385" s="2"/>
      <c r="AE13385" s="1"/>
    </row>
    <row r="13386" spans="1:31" ht="14.45">
      <c r="A13386" s="11"/>
      <c r="B13386" s="20"/>
      <c r="C13386" s="2" t="s">
        <v>41107</v>
      </c>
      <c r="D13386" s="14" t="s">
        <v>41108</v>
      </c>
      <c r="E13386" s="2" t="s">
        <v>41109</v>
      </c>
      <c r="F13386" s="2" t="s">
        <v>41009</v>
      </c>
      <c r="G13386" s="8">
        <v>126</v>
      </c>
      <c r="H13386" s="5">
        <v>6</v>
      </c>
      <c r="I13386" s="5" t="s">
        <v>1518</v>
      </c>
      <c r="J13386" s="5" t="s">
        <v>40939</v>
      </c>
      <c r="K13386" s="2" t="s">
        <v>40940</v>
      </c>
      <c r="L13386" s="5" t="s">
        <v>40939</v>
      </c>
      <c r="M13386" s="2" t="s">
        <v>40940</v>
      </c>
      <c r="N13386" s="5" t="s">
        <v>36266</v>
      </c>
      <c r="O13386" s="5" t="s">
        <v>38</v>
      </c>
      <c r="P13386" s="5" t="s">
        <v>39</v>
      </c>
      <c r="Q13386" s="5" t="s">
        <v>40</v>
      </c>
      <c r="R13386" s="5" t="s">
        <v>1522</v>
      </c>
      <c r="S13386" s="5" t="s">
        <v>1523</v>
      </c>
      <c r="T13386" s="5" t="s">
        <v>42</v>
      </c>
      <c r="U13386" s="2">
        <v>1.0169999999999999</v>
      </c>
      <c r="V13386" s="2">
        <v>0.57199999999999995</v>
      </c>
      <c r="W13386" s="2">
        <v>1.0999999999999999E-2</v>
      </c>
      <c r="X13386" s="2">
        <v>82.9</v>
      </c>
      <c r="Y13386" s="2">
        <v>7.6</v>
      </c>
      <c r="Z13386" s="2">
        <v>16.7</v>
      </c>
      <c r="AA13386" s="5"/>
      <c r="AB13386" s="5" t="s">
        <v>43</v>
      </c>
      <c r="AC13386" s="5" t="s">
        <v>44</v>
      </c>
      <c r="AD13386" s="2"/>
      <c r="AE13386" s="1"/>
    </row>
    <row r="13387" spans="1:31" ht="14.45">
      <c r="A13387" s="11"/>
      <c r="B13387" s="20"/>
      <c r="C13387" s="2" t="s">
        <v>41110</v>
      </c>
      <c r="D13387" s="14" t="s">
        <v>41111</v>
      </c>
      <c r="E13387" s="2" t="s">
        <v>41112</v>
      </c>
      <c r="F13387" s="2" t="s">
        <v>41013</v>
      </c>
      <c r="G13387" s="8">
        <v>126</v>
      </c>
      <c r="H13387" s="5">
        <v>6</v>
      </c>
      <c r="I13387" s="5" t="s">
        <v>1518</v>
      </c>
      <c r="J13387" s="5" t="s">
        <v>40939</v>
      </c>
      <c r="K13387" s="2" t="s">
        <v>40940</v>
      </c>
      <c r="L13387" s="5" t="s">
        <v>40939</v>
      </c>
      <c r="M13387" s="2" t="s">
        <v>40940</v>
      </c>
      <c r="N13387" s="5" t="s">
        <v>36266</v>
      </c>
      <c r="O13387" s="5" t="s">
        <v>38</v>
      </c>
      <c r="P13387" s="5" t="s">
        <v>39</v>
      </c>
      <c r="Q13387" s="5" t="s">
        <v>40</v>
      </c>
      <c r="R13387" s="5" t="s">
        <v>1522</v>
      </c>
      <c r="S13387" s="5" t="s">
        <v>1523</v>
      </c>
      <c r="T13387" s="5" t="s">
        <v>42</v>
      </c>
      <c r="U13387" s="2">
        <v>1.02</v>
      </c>
      <c r="V13387" s="2">
        <v>0.57499999999999996</v>
      </c>
      <c r="W13387" s="2">
        <v>1.0999999999999999E-2</v>
      </c>
      <c r="X13387" s="2">
        <v>82.9</v>
      </c>
      <c r="Y13387" s="2">
        <v>7.6</v>
      </c>
      <c r="Z13387" s="2">
        <v>16.7</v>
      </c>
      <c r="AA13387" s="5"/>
      <c r="AB13387" s="5" t="s">
        <v>43</v>
      </c>
      <c r="AC13387" s="5" t="s">
        <v>44</v>
      </c>
      <c r="AD13387" s="2"/>
      <c r="AE13387" s="1"/>
    </row>
    <row r="13388" spans="1:31" ht="14.45">
      <c r="A13388" s="11"/>
      <c r="B13388" s="20"/>
      <c r="C13388" s="2" t="s">
        <v>41113</v>
      </c>
      <c r="D13388" s="14" t="s">
        <v>41114</v>
      </c>
      <c r="E13388" s="2" t="s">
        <v>41115</v>
      </c>
      <c r="F13388" s="2" t="s">
        <v>7396</v>
      </c>
      <c r="G13388" s="8">
        <v>109</v>
      </c>
      <c r="H13388" s="5">
        <v>6</v>
      </c>
      <c r="I13388" s="5" t="s">
        <v>1518</v>
      </c>
      <c r="J13388" s="5" t="s">
        <v>40939</v>
      </c>
      <c r="K13388" s="2" t="s">
        <v>40940</v>
      </c>
      <c r="L13388" s="5" t="s">
        <v>40939</v>
      </c>
      <c r="M13388" s="2" t="s">
        <v>40940</v>
      </c>
      <c r="N13388" s="5" t="s">
        <v>36266</v>
      </c>
      <c r="O13388" s="5" t="s">
        <v>38</v>
      </c>
      <c r="P13388" s="5" t="s">
        <v>39</v>
      </c>
      <c r="Q13388" s="5" t="s">
        <v>40</v>
      </c>
      <c r="R13388" s="5" t="s">
        <v>1522</v>
      </c>
      <c r="S13388" s="5" t="s">
        <v>1523</v>
      </c>
      <c r="T13388" s="5" t="s">
        <v>42</v>
      </c>
      <c r="U13388" s="2">
        <v>1.0169999999999999</v>
      </c>
      <c r="V13388" s="2">
        <v>0.57199999999999995</v>
      </c>
      <c r="W13388" s="2">
        <v>1.0999999999999999E-2</v>
      </c>
      <c r="X13388" s="2">
        <v>82.9</v>
      </c>
      <c r="Y13388" s="2">
        <v>7.6</v>
      </c>
      <c r="Z13388" s="2">
        <v>16.7</v>
      </c>
      <c r="AA13388" s="5"/>
      <c r="AB13388" s="5" t="s">
        <v>43</v>
      </c>
      <c r="AC13388" s="5" t="s">
        <v>44</v>
      </c>
      <c r="AD13388" s="2"/>
      <c r="AE13388" s="1"/>
    </row>
    <row r="13389" spans="1:31" ht="14.45">
      <c r="A13389" s="11"/>
      <c r="B13389" s="20"/>
      <c r="C13389" s="2" t="s">
        <v>41116</v>
      </c>
      <c r="D13389" s="14" t="s">
        <v>41117</v>
      </c>
      <c r="E13389" s="2" t="s">
        <v>41118</v>
      </c>
      <c r="F13389" s="2" t="s">
        <v>7507</v>
      </c>
      <c r="G13389" s="8">
        <v>109</v>
      </c>
      <c r="H13389" s="5">
        <v>6</v>
      </c>
      <c r="I13389" s="5" t="s">
        <v>1518</v>
      </c>
      <c r="J13389" s="5" t="s">
        <v>40939</v>
      </c>
      <c r="K13389" s="2" t="s">
        <v>40940</v>
      </c>
      <c r="L13389" s="5" t="s">
        <v>40939</v>
      </c>
      <c r="M13389" s="2" t="s">
        <v>40940</v>
      </c>
      <c r="N13389" s="5" t="s">
        <v>36266</v>
      </c>
      <c r="O13389" s="5" t="s">
        <v>38</v>
      </c>
      <c r="P13389" s="5" t="s">
        <v>39</v>
      </c>
      <c r="Q13389" s="5" t="s">
        <v>40</v>
      </c>
      <c r="R13389" s="5" t="s">
        <v>1522</v>
      </c>
      <c r="S13389" s="5" t="s">
        <v>1523</v>
      </c>
      <c r="T13389" s="5" t="s">
        <v>42</v>
      </c>
      <c r="U13389" s="2">
        <v>1.02</v>
      </c>
      <c r="V13389" s="2">
        <v>0.57499999999999996</v>
      </c>
      <c r="W13389" s="2">
        <v>1.0999999999999999E-2</v>
      </c>
      <c r="X13389" s="2">
        <v>82.9</v>
      </c>
      <c r="Y13389" s="2">
        <v>7.6</v>
      </c>
      <c r="Z13389" s="2">
        <v>16.7</v>
      </c>
      <c r="AA13389" s="5"/>
      <c r="AB13389" s="5" t="s">
        <v>43</v>
      </c>
      <c r="AC13389" s="5" t="s">
        <v>44</v>
      </c>
      <c r="AD13389" s="2"/>
      <c r="AE13389" s="1"/>
    </row>
    <row r="13390" spans="1:31" ht="14.45">
      <c r="A13390" s="11"/>
      <c r="B13390" s="20"/>
      <c r="C13390" s="2" t="s">
        <v>41119</v>
      </c>
      <c r="D13390" s="14" t="s">
        <v>41120</v>
      </c>
      <c r="E13390" s="2" t="s">
        <v>41121</v>
      </c>
      <c r="F13390" s="2" t="s">
        <v>41023</v>
      </c>
      <c r="G13390" s="8">
        <v>126</v>
      </c>
      <c r="H13390" s="5">
        <v>6</v>
      </c>
      <c r="I13390" s="5" t="s">
        <v>1518</v>
      </c>
      <c r="J13390" s="5" t="s">
        <v>40939</v>
      </c>
      <c r="K13390" s="2" t="s">
        <v>40940</v>
      </c>
      <c r="L13390" s="5" t="s">
        <v>40939</v>
      </c>
      <c r="M13390" s="2" t="s">
        <v>40940</v>
      </c>
      <c r="N13390" s="5" t="s">
        <v>36266</v>
      </c>
      <c r="O13390" s="5" t="s">
        <v>38</v>
      </c>
      <c r="P13390" s="5" t="s">
        <v>39</v>
      </c>
      <c r="Q13390" s="5" t="s">
        <v>40</v>
      </c>
      <c r="R13390" s="5" t="s">
        <v>1522</v>
      </c>
      <c r="S13390" s="5" t="s">
        <v>1523</v>
      </c>
      <c r="T13390" s="5" t="s">
        <v>42</v>
      </c>
      <c r="U13390" s="2">
        <v>0.999</v>
      </c>
      <c r="V13390" s="2">
        <v>0.55400000000000005</v>
      </c>
      <c r="W13390" s="2">
        <v>1.0999999999999999E-2</v>
      </c>
      <c r="X13390" s="2">
        <v>82.9</v>
      </c>
      <c r="Y13390" s="2">
        <v>7.6</v>
      </c>
      <c r="Z13390" s="2">
        <v>16.7</v>
      </c>
      <c r="AA13390" s="5"/>
      <c r="AB13390" s="5" t="s">
        <v>43</v>
      </c>
      <c r="AC13390" s="5" t="s">
        <v>44</v>
      </c>
      <c r="AD13390" s="2"/>
      <c r="AE13390" s="1"/>
    </row>
    <row r="13391" spans="1:31" ht="14.45">
      <c r="A13391" s="11"/>
      <c r="B13391" s="20"/>
      <c r="C13391" s="2" t="s">
        <v>41122</v>
      </c>
      <c r="D13391" s="14" t="s">
        <v>41123</v>
      </c>
      <c r="E13391" s="2" t="s">
        <v>41124</v>
      </c>
      <c r="F13391" s="2" t="s">
        <v>41027</v>
      </c>
      <c r="G13391" s="8">
        <v>126</v>
      </c>
      <c r="H13391" s="5">
        <v>6</v>
      </c>
      <c r="I13391" s="5" t="s">
        <v>1518</v>
      </c>
      <c r="J13391" s="5" t="s">
        <v>40939</v>
      </c>
      <c r="K13391" s="2" t="s">
        <v>40940</v>
      </c>
      <c r="L13391" s="5" t="s">
        <v>40939</v>
      </c>
      <c r="M13391" s="2" t="s">
        <v>40940</v>
      </c>
      <c r="N13391" s="5" t="s">
        <v>36266</v>
      </c>
      <c r="O13391" s="5" t="s">
        <v>38</v>
      </c>
      <c r="P13391" s="5" t="s">
        <v>39</v>
      </c>
      <c r="Q13391" s="5" t="s">
        <v>40</v>
      </c>
      <c r="R13391" s="5" t="s">
        <v>1522</v>
      </c>
      <c r="S13391" s="5" t="s">
        <v>1523</v>
      </c>
      <c r="T13391" s="5" t="s">
        <v>42</v>
      </c>
      <c r="U13391" s="2">
        <v>1.002</v>
      </c>
      <c r="V13391" s="2">
        <v>0.55700000000000005</v>
      </c>
      <c r="W13391" s="2">
        <v>1.0999999999999999E-2</v>
      </c>
      <c r="X13391" s="2">
        <v>82.9</v>
      </c>
      <c r="Y13391" s="2">
        <v>7.6</v>
      </c>
      <c r="Z13391" s="2">
        <v>16.7</v>
      </c>
      <c r="AA13391" s="5"/>
      <c r="AB13391" s="5" t="s">
        <v>43</v>
      </c>
      <c r="AC13391" s="5" t="s">
        <v>44</v>
      </c>
      <c r="AD13391" s="2"/>
      <c r="AE13391" s="1"/>
    </row>
    <row r="13392" spans="1:31" ht="14.45">
      <c r="A13392" s="11"/>
      <c r="B13392" s="20"/>
      <c r="C13392" s="2" t="s">
        <v>41125</v>
      </c>
      <c r="D13392" s="14" t="s">
        <v>41126</v>
      </c>
      <c r="E13392" s="2" t="s">
        <v>41127</v>
      </c>
      <c r="F13392" s="2" t="s">
        <v>41031</v>
      </c>
      <c r="G13392" s="8">
        <v>126</v>
      </c>
      <c r="H13392" s="5">
        <v>6</v>
      </c>
      <c r="I13392" s="5" t="s">
        <v>1518</v>
      </c>
      <c r="J13392" s="5" t="s">
        <v>40939</v>
      </c>
      <c r="K13392" s="2" t="s">
        <v>40940</v>
      </c>
      <c r="L13392" s="5" t="s">
        <v>40939</v>
      </c>
      <c r="M13392" s="2" t="s">
        <v>40940</v>
      </c>
      <c r="N13392" s="5" t="s">
        <v>36266</v>
      </c>
      <c r="O13392" s="5" t="s">
        <v>38</v>
      </c>
      <c r="P13392" s="5" t="s">
        <v>39</v>
      </c>
      <c r="Q13392" s="5" t="s">
        <v>40</v>
      </c>
      <c r="R13392" s="5" t="s">
        <v>1522</v>
      </c>
      <c r="S13392" s="5" t="s">
        <v>1523</v>
      </c>
      <c r="T13392" s="5" t="s">
        <v>42</v>
      </c>
      <c r="U13392" s="2">
        <v>0.999</v>
      </c>
      <c r="V13392" s="2">
        <v>0.55400000000000005</v>
      </c>
      <c r="W13392" s="2">
        <v>1.0999999999999999E-2</v>
      </c>
      <c r="X13392" s="2">
        <v>82.9</v>
      </c>
      <c r="Y13392" s="2">
        <v>7.6</v>
      </c>
      <c r="Z13392" s="2">
        <v>16.7</v>
      </c>
      <c r="AA13392" s="5"/>
      <c r="AB13392" s="5" t="s">
        <v>43</v>
      </c>
      <c r="AC13392" s="5" t="s">
        <v>44</v>
      </c>
      <c r="AD13392" s="2"/>
      <c r="AE13392" s="1"/>
    </row>
    <row r="13393" spans="1:31" ht="14.45">
      <c r="A13393" s="11"/>
      <c r="B13393" s="20"/>
      <c r="C13393" s="2" t="s">
        <v>41128</v>
      </c>
      <c r="D13393" s="14" t="s">
        <v>41129</v>
      </c>
      <c r="E13393" s="2" t="s">
        <v>41130</v>
      </c>
      <c r="F13393" s="2" t="s">
        <v>41035</v>
      </c>
      <c r="G13393" s="8">
        <v>126</v>
      </c>
      <c r="H13393" s="5">
        <v>6</v>
      </c>
      <c r="I13393" s="5" t="s">
        <v>1518</v>
      </c>
      <c r="J13393" s="5" t="s">
        <v>40939</v>
      </c>
      <c r="K13393" s="2" t="s">
        <v>40940</v>
      </c>
      <c r="L13393" s="5" t="s">
        <v>40939</v>
      </c>
      <c r="M13393" s="2" t="s">
        <v>40940</v>
      </c>
      <c r="N13393" s="5" t="s">
        <v>36266</v>
      </c>
      <c r="O13393" s="5" t="s">
        <v>38</v>
      </c>
      <c r="P13393" s="5" t="s">
        <v>39</v>
      </c>
      <c r="Q13393" s="5" t="s">
        <v>40</v>
      </c>
      <c r="R13393" s="5" t="s">
        <v>1522</v>
      </c>
      <c r="S13393" s="5" t="s">
        <v>1523</v>
      </c>
      <c r="T13393" s="5" t="s">
        <v>42</v>
      </c>
      <c r="U13393" s="2">
        <v>1.002</v>
      </c>
      <c r="V13393" s="2">
        <v>0.55700000000000005</v>
      </c>
      <c r="W13393" s="2">
        <v>1.0999999999999999E-2</v>
      </c>
      <c r="X13393" s="2">
        <v>82.9</v>
      </c>
      <c r="Y13393" s="2">
        <v>7.6</v>
      </c>
      <c r="Z13393" s="2">
        <v>16.7</v>
      </c>
      <c r="AA13393" s="5"/>
      <c r="AB13393" s="5" t="s">
        <v>43</v>
      </c>
      <c r="AC13393" s="5" t="s">
        <v>44</v>
      </c>
      <c r="AD13393" s="2"/>
      <c r="AE13393" s="1"/>
    </row>
    <row r="13394" spans="1:31" ht="14.45">
      <c r="A13394" s="11"/>
      <c r="B13394" s="20"/>
      <c r="C13394" s="2" t="s">
        <v>41131</v>
      </c>
      <c r="D13394" s="14" t="s">
        <v>41132</v>
      </c>
      <c r="E13394" s="2" t="s">
        <v>41133</v>
      </c>
      <c r="F13394" s="2" t="s">
        <v>7449</v>
      </c>
      <c r="G13394" s="8">
        <v>126</v>
      </c>
      <c r="H13394" s="5">
        <v>6</v>
      </c>
      <c r="I13394" s="5" t="s">
        <v>1518</v>
      </c>
      <c r="J13394" s="5" t="s">
        <v>40939</v>
      </c>
      <c r="K13394" s="2" t="s">
        <v>40940</v>
      </c>
      <c r="L13394" s="5" t="s">
        <v>40939</v>
      </c>
      <c r="M13394" s="2" t="s">
        <v>40940</v>
      </c>
      <c r="N13394" s="5" t="s">
        <v>36266</v>
      </c>
      <c r="O13394" s="5" t="s">
        <v>38</v>
      </c>
      <c r="P13394" s="5" t="s">
        <v>39</v>
      </c>
      <c r="Q13394" s="5" t="s">
        <v>40</v>
      </c>
      <c r="R13394" s="5" t="s">
        <v>1522</v>
      </c>
      <c r="S13394" s="5" t="s">
        <v>1523</v>
      </c>
      <c r="T13394" s="5" t="s">
        <v>42</v>
      </c>
      <c r="U13394" s="2">
        <v>0.999</v>
      </c>
      <c r="V13394" s="2">
        <v>0.55400000000000005</v>
      </c>
      <c r="W13394" s="2">
        <v>1.0999999999999999E-2</v>
      </c>
      <c r="X13394" s="2">
        <v>82.9</v>
      </c>
      <c r="Y13394" s="2">
        <v>7.6</v>
      </c>
      <c r="Z13394" s="2">
        <v>16.7</v>
      </c>
      <c r="AA13394" s="5"/>
      <c r="AB13394" s="5" t="s">
        <v>43</v>
      </c>
      <c r="AC13394" s="5" t="s">
        <v>44</v>
      </c>
      <c r="AD13394" s="2"/>
      <c r="AE13394" s="1"/>
    </row>
    <row r="13395" spans="1:31" ht="14.45">
      <c r="A13395" s="11"/>
      <c r="B13395" s="20"/>
      <c r="C13395" s="2" t="s">
        <v>41134</v>
      </c>
      <c r="D13395" s="14" t="s">
        <v>41135</v>
      </c>
      <c r="E13395" s="2" t="s">
        <v>41136</v>
      </c>
      <c r="F13395" s="2" t="s">
        <v>7581</v>
      </c>
      <c r="G13395" s="8">
        <v>126</v>
      </c>
      <c r="H13395" s="5">
        <v>6</v>
      </c>
      <c r="I13395" s="5" t="s">
        <v>1518</v>
      </c>
      <c r="J13395" s="5" t="s">
        <v>40939</v>
      </c>
      <c r="K13395" s="2" t="s">
        <v>40940</v>
      </c>
      <c r="L13395" s="5" t="s">
        <v>40939</v>
      </c>
      <c r="M13395" s="2" t="s">
        <v>40940</v>
      </c>
      <c r="N13395" s="5" t="s">
        <v>36266</v>
      </c>
      <c r="O13395" s="5" t="s">
        <v>38</v>
      </c>
      <c r="P13395" s="5" t="s">
        <v>39</v>
      </c>
      <c r="Q13395" s="5" t="s">
        <v>40</v>
      </c>
      <c r="R13395" s="5" t="s">
        <v>1522</v>
      </c>
      <c r="S13395" s="5" t="s">
        <v>1523</v>
      </c>
      <c r="T13395" s="5" t="s">
        <v>42</v>
      </c>
      <c r="U13395" s="2">
        <v>1.002</v>
      </c>
      <c r="V13395" s="2">
        <v>0.55700000000000005</v>
      </c>
      <c r="W13395" s="2">
        <v>1.0999999999999999E-2</v>
      </c>
      <c r="X13395" s="2">
        <v>82.9</v>
      </c>
      <c r="Y13395" s="2">
        <v>7.6</v>
      </c>
      <c r="Z13395" s="2">
        <v>16.7</v>
      </c>
      <c r="AA13395" s="5"/>
      <c r="AB13395" s="5" t="s">
        <v>43</v>
      </c>
      <c r="AC13395" s="5" t="s">
        <v>44</v>
      </c>
      <c r="AD13395" s="2"/>
      <c r="AE13395" s="1"/>
    </row>
    <row r="13396" spans="1:31" ht="14.45">
      <c r="A13396" s="11"/>
      <c r="B13396" s="20"/>
      <c r="C13396" s="2" t="s">
        <v>41137</v>
      </c>
      <c r="D13396" s="14" t="s">
        <v>41138</v>
      </c>
      <c r="E13396" s="2" t="s">
        <v>41139</v>
      </c>
      <c r="F13396" s="2" t="s">
        <v>41045</v>
      </c>
      <c r="G13396" s="8">
        <v>126</v>
      </c>
      <c r="H13396" s="5">
        <v>6</v>
      </c>
      <c r="I13396" s="5" t="s">
        <v>1518</v>
      </c>
      <c r="J13396" s="5" t="s">
        <v>40939</v>
      </c>
      <c r="K13396" s="2" t="s">
        <v>40940</v>
      </c>
      <c r="L13396" s="5" t="s">
        <v>40939</v>
      </c>
      <c r="M13396" s="2" t="s">
        <v>40940</v>
      </c>
      <c r="N13396" s="5" t="s">
        <v>36266</v>
      </c>
      <c r="O13396" s="5" t="s">
        <v>38</v>
      </c>
      <c r="P13396" s="5" t="s">
        <v>39</v>
      </c>
      <c r="Q13396" s="5" t="s">
        <v>40</v>
      </c>
      <c r="R13396" s="5" t="s">
        <v>1522</v>
      </c>
      <c r="S13396" s="5" t="s">
        <v>1523</v>
      </c>
      <c r="T13396" s="5" t="s">
        <v>42</v>
      </c>
      <c r="U13396" s="2">
        <v>1.02</v>
      </c>
      <c r="V13396" s="2">
        <v>0.57499999999999996</v>
      </c>
      <c r="W13396" s="2">
        <v>1.0999999999999999E-2</v>
      </c>
      <c r="X13396" s="2">
        <v>82.9</v>
      </c>
      <c r="Y13396" s="2">
        <v>7.6</v>
      </c>
      <c r="Z13396" s="2">
        <v>16.7</v>
      </c>
      <c r="AA13396" s="5"/>
      <c r="AB13396" s="5" t="s">
        <v>43</v>
      </c>
      <c r="AC13396" s="5" t="s">
        <v>44</v>
      </c>
      <c r="AD13396" s="2"/>
      <c r="AE13396" s="1"/>
    </row>
    <row r="13397" spans="1:31" ht="14.45">
      <c r="A13397" s="11"/>
      <c r="B13397" s="20"/>
      <c r="C13397" s="2" t="s">
        <v>41140</v>
      </c>
      <c r="D13397" s="14" t="s">
        <v>41141</v>
      </c>
      <c r="E13397" s="2" t="s">
        <v>41142</v>
      </c>
      <c r="F13397" s="2" t="s">
        <v>41049</v>
      </c>
      <c r="G13397" s="8">
        <v>126</v>
      </c>
      <c r="H13397" s="5">
        <v>6</v>
      </c>
      <c r="I13397" s="5" t="s">
        <v>1518</v>
      </c>
      <c r="J13397" s="5" t="s">
        <v>40939</v>
      </c>
      <c r="K13397" s="2" t="s">
        <v>40940</v>
      </c>
      <c r="L13397" s="5" t="s">
        <v>40939</v>
      </c>
      <c r="M13397" s="2" t="s">
        <v>40940</v>
      </c>
      <c r="N13397" s="5" t="s">
        <v>36266</v>
      </c>
      <c r="O13397" s="5" t="s">
        <v>38</v>
      </c>
      <c r="P13397" s="5" t="s">
        <v>39</v>
      </c>
      <c r="Q13397" s="5" t="s">
        <v>40</v>
      </c>
      <c r="R13397" s="5" t="s">
        <v>1522</v>
      </c>
      <c r="S13397" s="5" t="s">
        <v>1523</v>
      </c>
      <c r="T13397" s="5" t="s">
        <v>42</v>
      </c>
      <c r="U13397" s="2">
        <v>1.0229999999999999</v>
      </c>
      <c r="V13397" s="2">
        <v>0.57799999999999996</v>
      </c>
      <c r="W13397" s="2">
        <v>1.0999999999999999E-2</v>
      </c>
      <c r="X13397" s="2">
        <v>82.9</v>
      </c>
      <c r="Y13397" s="2">
        <v>7.6</v>
      </c>
      <c r="Z13397" s="2">
        <v>16.7</v>
      </c>
      <c r="AA13397" s="5"/>
      <c r="AB13397" s="5" t="s">
        <v>43</v>
      </c>
      <c r="AC13397" s="5" t="s">
        <v>44</v>
      </c>
      <c r="AD13397" s="2"/>
      <c r="AE13397" s="1"/>
    </row>
    <row r="13398" spans="1:31" ht="14.45">
      <c r="A13398" s="11"/>
      <c r="B13398" s="20"/>
      <c r="C13398" s="2" t="s">
        <v>41143</v>
      </c>
      <c r="D13398" s="14" t="s">
        <v>41144</v>
      </c>
      <c r="E13398" s="2" t="s">
        <v>41145</v>
      </c>
      <c r="F13398" s="2" t="s">
        <v>7204</v>
      </c>
      <c r="G13398" s="8">
        <v>122</v>
      </c>
      <c r="H13398" s="5">
        <v>6</v>
      </c>
      <c r="I13398" s="5" t="s">
        <v>1518</v>
      </c>
      <c r="J13398" s="5" t="s">
        <v>40939</v>
      </c>
      <c r="K13398" s="2" t="s">
        <v>40940</v>
      </c>
      <c r="L13398" s="5" t="s">
        <v>40939</v>
      </c>
      <c r="M13398" s="2" t="s">
        <v>40940</v>
      </c>
      <c r="N13398" s="5" t="s">
        <v>36266</v>
      </c>
      <c r="O13398" s="5" t="s">
        <v>38</v>
      </c>
      <c r="P13398" s="5" t="s">
        <v>39</v>
      </c>
      <c r="Q13398" s="5" t="s">
        <v>40</v>
      </c>
      <c r="R13398" s="5" t="s">
        <v>1522</v>
      </c>
      <c r="S13398" s="5" t="s">
        <v>1523</v>
      </c>
      <c r="T13398" s="5" t="s">
        <v>42</v>
      </c>
      <c r="U13398" s="2">
        <v>1.1479999999999999</v>
      </c>
      <c r="V13398" s="2">
        <v>0.622</v>
      </c>
      <c r="W13398" s="2">
        <v>1.4999999999999999E-2</v>
      </c>
      <c r="X13398" s="2">
        <v>118.9</v>
      </c>
      <c r="Y13398" s="2">
        <v>7.6</v>
      </c>
      <c r="Z13398" s="2">
        <v>16.7</v>
      </c>
      <c r="AA13398" s="5"/>
      <c r="AB13398" s="5" t="s">
        <v>43</v>
      </c>
      <c r="AC13398" s="5" t="s">
        <v>44</v>
      </c>
      <c r="AD13398" s="2"/>
      <c r="AE13398" s="1"/>
    </row>
    <row r="13399" spans="1:31" ht="14.45">
      <c r="A13399" s="11"/>
      <c r="B13399" s="20"/>
      <c r="C13399" s="2" t="s">
        <v>41146</v>
      </c>
      <c r="D13399" s="14" t="s">
        <v>41147</v>
      </c>
      <c r="E13399" s="2" t="s">
        <v>41148</v>
      </c>
      <c r="F13399" s="2" t="s">
        <v>7514</v>
      </c>
      <c r="G13399" s="8">
        <v>122</v>
      </c>
      <c r="H13399" s="5">
        <v>6</v>
      </c>
      <c r="I13399" s="5" t="s">
        <v>1518</v>
      </c>
      <c r="J13399" s="5" t="s">
        <v>40939</v>
      </c>
      <c r="K13399" s="2" t="s">
        <v>40940</v>
      </c>
      <c r="L13399" s="5" t="s">
        <v>40939</v>
      </c>
      <c r="M13399" s="2" t="s">
        <v>40940</v>
      </c>
      <c r="N13399" s="5" t="s">
        <v>36266</v>
      </c>
      <c r="O13399" s="5" t="s">
        <v>38</v>
      </c>
      <c r="P13399" s="5" t="s">
        <v>39</v>
      </c>
      <c r="Q13399" s="5" t="s">
        <v>40</v>
      </c>
      <c r="R13399" s="5" t="s">
        <v>1522</v>
      </c>
      <c r="S13399" s="5" t="s">
        <v>1523</v>
      </c>
      <c r="T13399" s="5" t="s">
        <v>42</v>
      </c>
      <c r="U13399" s="2">
        <v>1.1499999999999999</v>
      </c>
      <c r="V13399" s="2">
        <v>0.624</v>
      </c>
      <c r="W13399" s="2">
        <v>1.4999999999999999E-2</v>
      </c>
      <c r="X13399" s="2">
        <v>118.9</v>
      </c>
      <c r="Y13399" s="2">
        <v>7.6</v>
      </c>
      <c r="Z13399" s="2">
        <v>16.7</v>
      </c>
      <c r="AA13399" s="5"/>
      <c r="AB13399" s="5" t="s">
        <v>43</v>
      </c>
      <c r="AC13399" s="5" t="s">
        <v>44</v>
      </c>
      <c r="AD13399" s="2"/>
      <c r="AE13399" s="1"/>
    </row>
    <row r="13400" spans="1:31" ht="14.45">
      <c r="A13400" s="11"/>
      <c r="B13400" s="20"/>
      <c r="C13400" s="2" t="s">
        <v>41149</v>
      </c>
      <c r="D13400" s="14" t="s">
        <v>41150</v>
      </c>
      <c r="E13400" s="2" t="s">
        <v>41151</v>
      </c>
      <c r="F13400" s="2" t="s">
        <v>40947</v>
      </c>
      <c r="G13400" s="8">
        <v>140</v>
      </c>
      <c r="H13400" s="5">
        <v>6</v>
      </c>
      <c r="I13400" s="5" t="s">
        <v>1518</v>
      </c>
      <c r="J13400" s="5" t="s">
        <v>40939</v>
      </c>
      <c r="K13400" s="2" t="s">
        <v>40940</v>
      </c>
      <c r="L13400" s="5" t="s">
        <v>40939</v>
      </c>
      <c r="M13400" s="2" t="s">
        <v>40940</v>
      </c>
      <c r="N13400" s="5" t="s">
        <v>36266</v>
      </c>
      <c r="O13400" s="5" t="s">
        <v>38</v>
      </c>
      <c r="P13400" s="5" t="s">
        <v>39</v>
      </c>
      <c r="Q13400" s="5" t="s">
        <v>40</v>
      </c>
      <c r="R13400" s="5" t="s">
        <v>1522</v>
      </c>
      <c r="S13400" s="5" t="s">
        <v>1523</v>
      </c>
      <c r="T13400" s="5" t="s">
        <v>42</v>
      </c>
      <c r="U13400" s="2">
        <v>1.157</v>
      </c>
      <c r="V13400" s="2">
        <v>0.63100000000000001</v>
      </c>
      <c r="W13400" s="2">
        <v>1.4999999999999999E-2</v>
      </c>
      <c r="X13400" s="2">
        <v>118.9</v>
      </c>
      <c r="Y13400" s="2">
        <v>7.6</v>
      </c>
      <c r="Z13400" s="2">
        <v>16.7</v>
      </c>
      <c r="AA13400" s="5"/>
      <c r="AB13400" s="5" t="s">
        <v>43</v>
      </c>
      <c r="AC13400" s="5" t="s">
        <v>44</v>
      </c>
      <c r="AD13400" s="2"/>
      <c r="AE13400" s="1"/>
    </row>
    <row r="13401" spans="1:31" ht="14.45">
      <c r="A13401" s="11"/>
      <c r="B13401" s="20"/>
      <c r="C13401" s="2" t="s">
        <v>41152</v>
      </c>
      <c r="D13401" s="14" t="s">
        <v>41153</v>
      </c>
      <c r="E13401" s="2" t="s">
        <v>41154</v>
      </c>
      <c r="F13401" s="2" t="s">
        <v>40951</v>
      </c>
      <c r="G13401" s="8">
        <v>140</v>
      </c>
      <c r="H13401" s="5">
        <v>6</v>
      </c>
      <c r="I13401" s="5" t="s">
        <v>1518</v>
      </c>
      <c r="J13401" s="5" t="s">
        <v>40939</v>
      </c>
      <c r="K13401" s="2" t="s">
        <v>40940</v>
      </c>
      <c r="L13401" s="5" t="s">
        <v>40939</v>
      </c>
      <c r="M13401" s="2" t="s">
        <v>40940</v>
      </c>
      <c r="N13401" s="5" t="s">
        <v>36266</v>
      </c>
      <c r="O13401" s="5" t="s">
        <v>38</v>
      </c>
      <c r="P13401" s="5" t="s">
        <v>39</v>
      </c>
      <c r="Q13401" s="5" t="s">
        <v>40</v>
      </c>
      <c r="R13401" s="5" t="s">
        <v>1522</v>
      </c>
      <c r="S13401" s="5" t="s">
        <v>1523</v>
      </c>
      <c r="T13401" s="5" t="s">
        <v>42</v>
      </c>
      <c r="U13401" s="2">
        <v>1.159</v>
      </c>
      <c r="V13401" s="2">
        <v>0.63300000000000001</v>
      </c>
      <c r="W13401" s="2">
        <v>1.4999999999999999E-2</v>
      </c>
      <c r="X13401" s="2">
        <v>118.9</v>
      </c>
      <c r="Y13401" s="2">
        <v>7.6</v>
      </c>
      <c r="Z13401" s="2">
        <v>16.7</v>
      </c>
      <c r="AA13401" s="5"/>
      <c r="AB13401" s="5" t="s">
        <v>43</v>
      </c>
      <c r="AC13401" s="5" t="s">
        <v>44</v>
      </c>
      <c r="AD13401" s="2"/>
      <c r="AE13401" s="1"/>
    </row>
    <row r="13402" spans="1:31" ht="14.45">
      <c r="A13402" s="11"/>
      <c r="B13402" s="20"/>
      <c r="C13402" s="2" t="s">
        <v>41155</v>
      </c>
      <c r="D13402" s="14" t="s">
        <v>41156</v>
      </c>
      <c r="E13402" s="2" t="s">
        <v>41157</v>
      </c>
      <c r="F13402" s="2" t="s">
        <v>7208</v>
      </c>
      <c r="G13402" s="8">
        <v>122</v>
      </c>
      <c r="H13402" s="5">
        <v>6</v>
      </c>
      <c r="I13402" s="5" t="s">
        <v>1518</v>
      </c>
      <c r="J13402" s="5" t="s">
        <v>40939</v>
      </c>
      <c r="K13402" s="2" t="s">
        <v>40940</v>
      </c>
      <c r="L13402" s="5" t="s">
        <v>40939</v>
      </c>
      <c r="M13402" s="2" t="s">
        <v>40940</v>
      </c>
      <c r="N13402" s="5" t="s">
        <v>36266</v>
      </c>
      <c r="O13402" s="5" t="s">
        <v>38</v>
      </c>
      <c r="P13402" s="5" t="s">
        <v>39</v>
      </c>
      <c r="Q13402" s="5" t="s">
        <v>40</v>
      </c>
      <c r="R13402" s="5" t="s">
        <v>1522</v>
      </c>
      <c r="S13402" s="5" t="s">
        <v>1523</v>
      </c>
      <c r="T13402" s="5" t="s">
        <v>42</v>
      </c>
      <c r="U13402" s="2">
        <v>1.161</v>
      </c>
      <c r="V13402" s="2">
        <v>0.63500000000000001</v>
      </c>
      <c r="W13402" s="2">
        <v>1.4999999999999999E-2</v>
      </c>
      <c r="X13402" s="2">
        <v>118.9</v>
      </c>
      <c r="Y13402" s="2">
        <v>7.6</v>
      </c>
      <c r="Z13402" s="2">
        <v>16.7</v>
      </c>
      <c r="AA13402" s="5"/>
      <c r="AB13402" s="5" t="s">
        <v>43</v>
      </c>
      <c r="AC13402" s="5" t="s">
        <v>44</v>
      </c>
      <c r="AD13402" s="2"/>
      <c r="AE13402" s="1"/>
    </row>
    <row r="13403" spans="1:31" ht="14.45">
      <c r="A13403" s="11"/>
      <c r="B13403" s="20"/>
      <c r="C13403" s="2" t="s">
        <v>41158</v>
      </c>
      <c r="D13403" s="14" t="s">
        <v>41159</v>
      </c>
      <c r="E13403" s="2" t="s">
        <v>41160</v>
      </c>
      <c r="F13403" s="2" t="s">
        <v>7521</v>
      </c>
      <c r="G13403" s="8">
        <v>122</v>
      </c>
      <c r="H13403" s="5">
        <v>6</v>
      </c>
      <c r="I13403" s="5" t="s">
        <v>1518</v>
      </c>
      <c r="J13403" s="5" t="s">
        <v>40939</v>
      </c>
      <c r="K13403" s="2" t="s">
        <v>40940</v>
      </c>
      <c r="L13403" s="5" t="s">
        <v>40939</v>
      </c>
      <c r="M13403" s="2" t="s">
        <v>40940</v>
      </c>
      <c r="N13403" s="5" t="s">
        <v>36266</v>
      </c>
      <c r="O13403" s="5" t="s">
        <v>38</v>
      </c>
      <c r="P13403" s="5" t="s">
        <v>39</v>
      </c>
      <c r="Q13403" s="5" t="s">
        <v>40</v>
      </c>
      <c r="R13403" s="5" t="s">
        <v>1522</v>
      </c>
      <c r="S13403" s="5" t="s">
        <v>1523</v>
      </c>
      <c r="T13403" s="5" t="s">
        <v>42</v>
      </c>
      <c r="U13403" s="2">
        <v>1.163</v>
      </c>
      <c r="V13403" s="2">
        <v>0.63700000000000001</v>
      </c>
      <c r="W13403" s="2">
        <v>1.4999999999999999E-2</v>
      </c>
      <c r="X13403" s="2">
        <v>118.9</v>
      </c>
      <c r="Y13403" s="2">
        <v>7.6</v>
      </c>
      <c r="Z13403" s="2">
        <v>16.7</v>
      </c>
      <c r="AA13403" s="5"/>
      <c r="AB13403" s="5" t="s">
        <v>43</v>
      </c>
      <c r="AC13403" s="5" t="s">
        <v>44</v>
      </c>
      <c r="AD13403" s="2"/>
      <c r="AE13403" s="1"/>
    </row>
    <row r="13404" spans="1:31" ht="14.45">
      <c r="A13404" s="11"/>
      <c r="B13404" s="20"/>
      <c r="C13404" s="2" t="s">
        <v>41161</v>
      </c>
      <c r="D13404" s="14" t="s">
        <v>41162</v>
      </c>
      <c r="E13404" s="2" t="s">
        <v>41163</v>
      </c>
      <c r="F13404" s="2" t="s">
        <v>36273</v>
      </c>
      <c r="G13404" s="8">
        <v>122</v>
      </c>
      <c r="H13404" s="5">
        <v>6</v>
      </c>
      <c r="I13404" s="5" t="s">
        <v>1518</v>
      </c>
      <c r="J13404" s="5" t="s">
        <v>40939</v>
      </c>
      <c r="K13404" s="2" t="s">
        <v>40940</v>
      </c>
      <c r="L13404" s="5" t="s">
        <v>40939</v>
      </c>
      <c r="M13404" s="2" t="s">
        <v>40940</v>
      </c>
      <c r="N13404" s="5" t="s">
        <v>36266</v>
      </c>
      <c r="O13404" s="5" t="s">
        <v>38</v>
      </c>
      <c r="P13404" s="5" t="s">
        <v>39</v>
      </c>
      <c r="Q13404" s="5" t="s">
        <v>40</v>
      </c>
      <c r="R13404" s="5" t="s">
        <v>1522</v>
      </c>
      <c r="S13404" s="5" t="s">
        <v>1523</v>
      </c>
      <c r="T13404" s="5" t="s">
        <v>42</v>
      </c>
      <c r="U13404" s="2">
        <v>1.169</v>
      </c>
      <c r="V13404" s="2">
        <v>0.64300000000000002</v>
      </c>
      <c r="W13404" s="2">
        <v>1.4999999999999999E-2</v>
      </c>
      <c r="X13404" s="2">
        <v>118.9</v>
      </c>
      <c r="Y13404" s="2">
        <v>7.6</v>
      </c>
      <c r="Z13404" s="2">
        <v>16.7</v>
      </c>
      <c r="AA13404" s="5"/>
      <c r="AB13404" s="5" t="s">
        <v>43</v>
      </c>
      <c r="AC13404" s="5" t="s">
        <v>44</v>
      </c>
      <c r="AD13404" s="2"/>
      <c r="AE13404" s="1"/>
    </row>
    <row r="13405" spans="1:31" ht="14.45">
      <c r="A13405" s="11"/>
      <c r="B13405" s="20"/>
      <c r="C13405" s="2" t="s">
        <v>41164</v>
      </c>
      <c r="D13405" s="14" t="s">
        <v>41165</v>
      </c>
      <c r="E13405" s="2" t="s">
        <v>41166</v>
      </c>
      <c r="F13405" s="2" t="s">
        <v>36277</v>
      </c>
      <c r="G13405" s="8">
        <v>122</v>
      </c>
      <c r="H13405" s="5">
        <v>6</v>
      </c>
      <c r="I13405" s="5" t="s">
        <v>1518</v>
      </c>
      <c r="J13405" s="5" t="s">
        <v>40939</v>
      </c>
      <c r="K13405" s="2" t="s">
        <v>40940</v>
      </c>
      <c r="L13405" s="5" t="s">
        <v>40939</v>
      </c>
      <c r="M13405" s="2" t="s">
        <v>40940</v>
      </c>
      <c r="N13405" s="5" t="s">
        <v>36266</v>
      </c>
      <c r="O13405" s="5" t="s">
        <v>38</v>
      </c>
      <c r="P13405" s="5" t="s">
        <v>39</v>
      </c>
      <c r="Q13405" s="5" t="s">
        <v>40</v>
      </c>
      <c r="R13405" s="5" t="s">
        <v>1522</v>
      </c>
      <c r="S13405" s="5" t="s">
        <v>1523</v>
      </c>
      <c r="T13405" s="5" t="s">
        <v>42</v>
      </c>
      <c r="U13405" s="2">
        <v>1.171</v>
      </c>
      <c r="V13405" s="2">
        <v>0.64500000000000002</v>
      </c>
      <c r="W13405" s="2">
        <v>1.4999999999999999E-2</v>
      </c>
      <c r="X13405" s="2">
        <v>118.9</v>
      </c>
      <c r="Y13405" s="2">
        <v>7.6</v>
      </c>
      <c r="Z13405" s="2">
        <v>16.7</v>
      </c>
      <c r="AA13405" s="5"/>
      <c r="AB13405" s="5" t="s">
        <v>43</v>
      </c>
      <c r="AC13405" s="5" t="s">
        <v>44</v>
      </c>
      <c r="AD13405" s="2"/>
      <c r="AE13405" s="1"/>
    </row>
    <row r="13406" spans="1:31" ht="14.45">
      <c r="A13406" s="11"/>
      <c r="B13406" s="20"/>
      <c r="C13406" s="2" t="s">
        <v>41167</v>
      </c>
      <c r="D13406" s="14" t="s">
        <v>41168</v>
      </c>
      <c r="E13406" s="2" t="s">
        <v>41169</v>
      </c>
      <c r="F13406" s="2" t="s">
        <v>40971</v>
      </c>
      <c r="G13406" s="8">
        <v>140</v>
      </c>
      <c r="H13406" s="5">
        <v>6</v>
      </c>
      <c r="I13406" s="5" t="s">
        <v>1518</v>
      </c>
      <c r="J13406" s="5" t="s">
        <v>40939</v>
      </c>
      <c r="K13406" s="2" t="s">
        <v>40940</v>
      </c>
      <c r="L13406" s="5" t="s">
        <v>40939</v>
      </c>
      <c r="M13406" s="2" t="s">
        <v>40940</v>
      </c>
      <c r="N13406" s="5" t="s">
        <v>36266</v>
      </c>
      <c r="O13406" s="5" t="s">
        <v>38</v>
      </c>
      <c r="P13406" s="5" t="s">
        <v>39</v>
      </c>
      <c r="Q13406" s="5" t="s">
        <v>40</v>
      </c>
      <c r="R13406" s="5" t="s">
        <v>1522</v>
      </c>
      <c r="S13406" s="5" t="s">
        <v>1523</v>
      </c>
      <c r="T13406" s="5" t="s">
        <v>42</v>
      </c>
      <c r="U13406" s="2">
        <v>1.163</v>
      </c>
      <c r="V13406" s="2">
        <v>0.63700000000000001</v>
      </c>
      <c r="W13406" s="2">
        <v>1.4999999999999999E-2</v>
      </c>
      <c r="X13406" s="2">
        <v>118.9</v>
      </c>
      <c r="Y13406" s="2">
        <v>7.6</v>
      </c>
      <c r="Z13406" s="2">
        <v>16.7</v>
      </c>
      <c r="AA13406" s="5"/>
      <c r="AB13406" s="5" t="s">
        <v>43</v>
      </c>
      <c r="AC13406" s="5" t="s">
        <v>44</v>
      </c>
      <c r="AD13406" s="2"/>
      <c r="AE13406" s="1"/>
    </row>
    <row r="13407" spans="1:31" ht="14.45">
      <c r="A13407" s="11"/>
      <c r="B13407" s="20"/>
      <c r="C13407" s="2" t="s">
        <v>41170</v>
      </c>
      <c r="D13407" s="14" t="s">
        <v>41171</v>
      </c>
      <c r="E13407" s="2" t="s">
        <v>41172</v>
      </c>
      <c r="F13407" s="2" t="s">
        <v>40979</v>
      </c>
      <c r="G13407" s="8">
        <v>140</v>
      </c>
      <c r="H13407" s="5">
        <v>6</v>
      </c>
      <c r="I13407" s="5" t="s">
        <v>1518</v>
      </c>
      <c r="J13407" s="5" t="s">
        <v>40939</v>
      </c>
      <c r="K13407" s="2" t="s">
        <v>40940</v>
      </c>
      <c r="L13407" s="5" t="s">
        <v>40939</v>
      </c>
      <c r="M13407" s="2" t="s">
        <v>40940</v>
      </c>
      <c r="N13407" s="5" t="s">
        <v>36266</v>
      </c>
      <c r="O13407" s="5" t="s">
        <v>38</v>
      </c>
      <c r="P13407" s="5" t="s">
        <v>39</v>
      </c>
      <c r="Q13407" s="5" t="s">
        <v>40</v>
      </c>
      <c r="R13407" s="5" t="s">
        <v>1522</v>
      </c>
      <c r="S13407" s="5" t="s">
        <v>1523</v>
      </c>
      <c r="T13407" s="5" t="s">
        <v>42</v>
      </c>
      <c r="U13407" s="2">
        <v>1.163</v>
      </c>
      <c r="V13407" s="2">
        <v>0.63700000000000001</v>
      </c>
      <c r="W13407" s="2">
        <v>1.4999999999999999E-2</v>
      </c>
      <c r="X13407" s="2">
        <v>118.9</v>
      </c>
      <c r="Y13407" s="2">
        <v>7.6</v>
      </c>
      <c r="Z13407" s="2">
        <v>16.7</v>
      </c>
      <c r="AA13407" s="5"/>
      <c r="AB13407" s="5" t="s">
        <v>43</v>
      </c>
      <c r="AC13407" s="5" t="s">
        <v>44</v>
      </c>
      <c r="AD13407" s="2"/>
      <c r="AE13407" s="1"/>
    </row>
    <row r="13408" spans="1:31" ht="14.45">
      <c r="A13408" s="11"/>
      <c r="B13408" s="20"/>
      <c r="C13408" s="2" t="s">
        <v>41173</v>
      </c>
      <c r="D13408" s="14" t="s">
        <v>41174</v>
      </c>
      <c r="E13408" s="2" t="s">
        <v>41175</v>
      </c>
      <c r="F13408" s="2" t="s">
        <v>7543</v>
      </c>
      <c r="G13408" s="8">
        <v>140</v>
      </c>
      <c r="H13408" s="5">
        <v>6</v>
      </c>
      <c r="I13408" s="5" t="s">
        <v>1518</v>
      </c>
      <c r="J13408" s="5" t="s">
        <v>40939</v>
      </c>
      <c r="K13408" s="2" t="s">
        <v>40940</v>
      </c>
      <c r="L13408" s="5" t="s">
        <v>40939</v>
      </c>
      <c r="M13408" s="2" t="s">
        <v>40940</v>
      </c>
      <c r="N13408" s="5" t="s">
        <v>36266</v>
      </c>
      <c r="O13408" s="5" t="s">
        <v>38</v>
      </c>
      <c r="P13408" s="5" t="s">
        <v>39</v>
      </c>
      <c r="Q13408" s="5" t="s">
        <v>40</v>
      </c>
      <c r="R13408" s="5" t="s">
        <v>1522</v>
      </c>
      <c r="S13408" s="5" t="s">
        <v>1523</v>
      </c>
      <c r="T13408" s="5" t="s">
        <v>42</v>
      </c>
      <c r="U13408" s="2">
        <v>1.1419999999999999</v>
      </c>
      <c r="V13408" s="2">
        <v>0.61599999999999999</v>
      </c>
      <c r="W13408" s="2">
        <v>1.4999999999999999E-2</v>
      </c>
      <c r="X13408" s="2">
        <v>118.9</v>
      </c>
      <c r="Y13408" s="2">
        <v>7.6</v>
      </c>
      <c r="Z13408" s="2">
        <v>16.7</v>
      </c>
      <c r="AA13408" s="5"/>
      <c r="AB13408" s="5" t="s">
        <v>43</v>
      </c>
      <c r="AC13408" s="5" t="s">
        <v>44</v>
      </c>
      <c r="AD13408" s="2"/>
      <c r="AE13408" s="1"/>
    </row>
    <row r="13409" spans="1:31" ht="14.45">
      <c r="A13409" s="11"/>
      <c r="B13409" s="20"/>
      <c r="C13409" s="2" t="s">
        <v>41176</v>
      </c>
      <c r="D13409" s="14" t="s">
        <v>41177</v>
      </c>
      <c r="E13409" s="2" t="s">
        <v>41178</v>
      </c>
      <c r="F13409" s="2" t="s">
        <v>40989</v>
      </c>
      <c r="G13409" s="8">
        <v>140</v>
      </c>
      <c r="H13409" s="5">
        <v>6</v>
      </c>
      <c r="I13409" s="5" t="s">
        <v>1518</v>
      </c>
      <c r="J13409" s="5" t="s">
        <v>40939</v>
      </c>
      <c r="K13409" s="2" t="s">
        <v>40940</v>
      </c>
      <c r="L13409" s="5" t="s">
        <v>40939</v>
      </c>
      <c r="M13409" s="2" t="s">
        <v>40940</v>
      </c>
      <c r="N13409" s="5" t="s">
        <v>36266</v>
      </c>
      <c r="O13409" s="5" t="s">
        <v>38</v>
      </c>
      <c r="P13409" s="5" t="s">
        <v>39</v>
      </c>
      <c r="Q13409" s="5" t="s">
        <v>40</v>
      </c>
      <c r="R13409" s="5" t="s">
        <v>1522</v>
      </c>
      <c r="S13409" s="5" t="s">
        <v>1523</v>
      </c>
      <c r="T13409" s="5" t="s">
        <v>42</v>
      </c>
      <c r="U13409" s="2">
        <v>1.161</v>
      </c>
      <c r="V13409" s="2">
        <v>0.63500000000000001</v>
      </c>
      <c r="W13409" s="2">
        <v>1.4999999999999999E-2</v>
      </c>
      <c r="X13409" s="2">
        <v>118.9</v>
      </c>
      <c r="Y13409" s="2">
        <v>7.6</v>
      </c>
      <c r="Z13409" s="2">
        <v>16.7</v>
      </c>
      <c r="AA13409" s="5"/>
      <c r="AB13409" s="5" t="s">
        <v>43</v>
      </c>
      <c r="AC13409" s="5" t="s">
        <v>44</v>
      </c>
      <c r="AD13409" s="2"/>
      <c r="AE13409" s="1"/>
    </row>
    <row r="13410" spans="1:31" ht="14.45">
      <c r="A13410" s="11"/>
      <c r="B13410" s="20"/>
      <c r="C13410" s="2" t="s">
        <v>41179</v>
      </c>
      <c r="D13410" s="14" t="s">
        <v>41180</v>
      </c>
      <c r="E13410" s="2" t="s">
        <v>41181</v>
      </c>
      <c r="F13410" s="2" t="s">
        <v>40993</v>
      </c>
      <c r="G13410" s="8">
        <v>140</v>
      </c>
      <c r="H13410" s="5">
        <v>6</v>
      </c>
      <c r="I13410" s="5" t="s">
        <v>1518</v>
      </c>
      <c r="J13410" s="5" t="s">
        <v>40939</v>
      </c>
      <c r="K13410" s="2" t="s">
        <v>40940</v>
      </c>
      <c r="L13410" s="5" t="s">
        <v>40939</v>
      </c>
      <c r="M13410" s="2" t="s">
        <v>40940</v>
      </c>
      <c r="N13410" s="5" t="s">
        <v>36266</v>
      </c>
      <c r="O13410" s="5" t="s">
        <v>38</v>
      </c>
      <c r="P13410" s="5" t="s">
        <v>39</v>
      </c>
      <c r="Q13410" s="5" t="s">
        <v>40</v>
      </c>
      <c r="R13410" s="5" t="s">
        <v>1522</v>
      </c>
      <c r="S13410" s="5" t="s">
        <v>1523</v>
      </c>
      <c r="T13410" s="5" t="s">
        <v>42</v>
      </c>
      <c r="U13410" s="2">
        <v>1.163</v>
      </c>
      <c r="V13410" s="2">
        <v>0.63700000000000001</v>
      </c>
      <c r="W13410" s="2">
        <v>1.4999999999999999E-2</v>
      </c>
      <c r="X13410" s="2">
        <v>118.9</v>
      </c>
      <c r="Y13410" s="2">
        <v>7.6</v>
      </c>
      <c r="Z13410" s="2">
        <v>16.7</v>
      </c>
      <c r="AA13410" s="5"/>
      <c r="AB13410" s="5" t="s">
        <v>43</v>
      </c>
      <c r="AC13410" s="5" t="s">
        <v>44</v>
      </c>
      <c r="AD13410" s="2"/>
      <c r="AE13410" s="1"/>
    </row>
    <row r="13411" spans="1:31" ht="14.45">
      <c r="A13411" s="11"/>
      <c r="B13411" s="20"/>
      <c r="C13411" s="2" t="s">
        <v>41182</v>
      </c>
      <c r="D13411" s="14" t="s">
        <v>41183</v>
      </c>
      <c r="E13411" s="2" t="s">
        <v>41184</v>
      </c>
      <c r="F13411" s="2" t="s">
        <v>41005</v>
      </c>
      <c r="G13411" s="8">
        <v>140</v>
      </c>
      <c r="H13411" s="5">
        <v>6</v>
      </c>
      <c r="I13411" s="5" t="s">
        <v>1518</v>
      </c>
      <c r="J13411" s="5" t="s">
        <v>40939</v>
      </c>
      <c r="K13411" s="2" t="s">
        <v>40940</v>
      </c>
      <c r="L13411" s="5" t="s">
        <v>40939</v>
      </c>
      <c r="M13411" s="2" t="s">
        <v>40940</v>
      </c>
      <c r="N13411" s="5" t="s">
        <v>36266</v>
      </c>
      <c r="O13411" s="5" t="s">
        <v>38</v>
      </c>
      <c r="P13411" s="5" t="s">
        <v>39</v>
      </c>
      <c r="Q13411" s="5" t="s">
        <v>40</v>
      </c>
      <c r="R13411" s="5" t="s">
        <v>1522</v>
      </c>
      <c r="S13411" s="5" t="s">
        <v>1523</v>
      </c>
      <c r="T13411" s="5" t="s">
        <v>42</v>
      </c>
      <c r="U13411" s="2">
        <v>1.163</v>
      </c>
      <c r="V13411" s="2">
        <v>0.63700000000000001</v>
      </c>
      <c r="W13411" s="2">
        <v>1.4999999999999999E-2</v>
      </c>
      <c r="X13411" s="2">
        <v>118.9</v>
      </c>
      <c r="Y13411" s="2">
        <v>7.6</v>
      </c>
      <c r="Z13411" s="2">
        <v>16.7</v>
      </c>
      <c r="AA13411" s="5"/>
      <c r="AB13411" s="5" t="s">
        <v>43</v>
      </c>
      <c r="AC13411" s="5" t="s">
        <v>44</v>
      </c>
      <c r="AD13411" s="2"/>
      <c r="AE13411" s="1"/>
    </row>
    <row r="13412" spans="1:31" ht="14.45">
      <c r="A13412" s="11"/>
      <c r="B13412" s="20"/>
      <c r="C13412" s="2" t="s">
        <v>41185</v>
      </c>
      <c r="D13412" s="14" t="s">
        <v>41186</v>
      </c>
      <c r="E13412" s="2" t="s">
        <v>41187</v>
      </c>
      <c r="F13412" s="2" t="s">
        <v>7396</v>
      </c>
      <c r="G13412" s="8">
        <v>122</v>
      </c>
      <c r="H13412" s="5">
        <v>6</v>
      </c>
      <c r="I13412" s="5" t="s">
        <v>1518</v>
      </c>
      <c r="J13412" s="5" t="s">
        <v>40939</v>
      </c>
      <c r="K13412" s="2" t="s">
        <v>40940</v>
      </c>
      <c r="L13412" s="5" t="s">
        <v>40939</v>
      </c>
      <c r="M13412" s="2" t="s">
        <v>40940</v>
      </c>
      <c r="N13412" s="5" t="s">
        <v>36266</v>
      </c>
      <c r="O13412" s="5" t="s">
        <v>38</v>
      </c>
      <c r="P13412" s="5" t="s">
        <v>39</v>
      </c>
      <c r="Q13412" s="5" t="s">
        <v>40</v>
      </c>
      <c r="R13412" s="5" t="s">
        <v>1522</v>
      </c>
      <c r="S13412" s="5" t="s">
        <v>1523</v>
      </c>
      <c r="T13412" s="5" t="s">
        <v>42</v>
      </c>
      <c r="U13412" s="2">
        <v>1.165</v>
      </c>
      <c r="V13412" s="2">
        <v>0.63900000000000001</v>
      </c>
      <c r="W13412" s="2">
        <v>1.4999999999999999E-2</v>
      </c>
      <c r="X13412" s="2">
        <v>118.9</v>
      </c>
      <c r="Y13412" s="2">
        <v>7.6</v>
      </c>
      <c r="Z13412" s="2">
        <v>16.7</v>
      </c>
      <c r="AA13412" s="5"/>
      <c r="AB13412" s="5" t="s">
        <v>43</v>
      </c>
      <c r="AC13412" s="5" t="s">
        <v>44</v>
      </c>
      <c r="AD13412" s="2"/>
      <c r="AE13412" s="1"/>
    </row>
    <row r="13413" spans="1:31" ht="14.45">
      <c r="A13413" s="11"/>
      <c r="B13413" s="20"/>
      <c r="C13413" s="2" t="s">
        <v>41188</v>
      </c>
      <c r="D13413" s="14" t="s">
        <v>41189</v>
      </c>
      <c r="E13413" s="2" t="s">
        <v>41190</v>
      </c>
      <c r="F13413" s="2" t="s">
        <v>7507</v>
      </c>
      <c r="G13413" s="8">
        <v>122</v>
      </c>
      <c r="H13413" s="5">
        <v>6</v>
      </c>
      <c r="I13413" s="5" t="s">
        <v>1518</v>
      </c>
      <c r="J13413" s="5" t="s">
        <v>40939</v>
      </c>
      <c r="K13413" s="2" t="s">
        <v>40940</v>
      </c>
      <c r="L13413" s="5" t="s">
        <v>40939</v>
      </c>
      <c r="M13413" s="2" t="s">
        <v>40940</v>
      </c>
      <c r="N13413" s="5" t="s">
        <v>36266</v>
      </c>
      <c r="O13413" s="5" t="s">
        <v>38</v>
      </c>
      <c r="P13413" s="5" t="s">
        <v>39</v>
      </c>
      <c r="Q13413" s="5" t="s">
        <v>40</v>
      </c>
      <c r="R13413" s="5" t="s">
        <v>1522</v>
      </c>
      <c r="S13413" s="5" t="s">
        <v>1523</v>
      </c>
      <c r="T13413" s="5" t="s">
        <v>42</v>
      </c>
      <c r="U13413" s="2">
        <v>1.167</v>
      </c>
      <c r="V13413" s="2">
        <v>0.64100000000000001</v>
      </c>
      <c r="W13413" s="2">
        <v>1.4999999999999999E-2</v>
      </c>
      <c r="X13413" s="2">
        <v>118.9</v>
      </c>
      <c r="Y13413" s="2">
        <v>7.6</v>
      </c>
      <c r="Z13413" s="2">
        <v>16.7</v>
      </c>
      <c r="AA13413" s="5"/>
      <c r="AB13413" s="5" t="s">
        <v>43</v>
      </c>
      <c r="AC13413" s="5" t="s">
        <v>44</v>
      </c>
      <c r="AD13413" s="2"/>
      <c r="AE13413" s="1"/>
    </row>
    <row r="13414" spans="1:31" ht="14.45">
      <c r="A13414" s="11"/>
      <c r="B13414" s="20"/>
      <c r="C13414" s="2" t="s">
        <v>41191</v>
      </c>
      <c r="D13414" s="14" t="s">
        <v>41192</v>
      </c>
      <c r="E13414" s="2" t="s">
        <v>41193</v>
      </c>
      <c r="F13414" s="2" t="s">
        <v>41023</v>
      </c>
      <c r="G13414" s="8">
        <v>140</v>
      </c>
      <c r="H13414" s="5">
        <v>6</v>
      </c>
      <c r="I13414" s="5" t="s">
        <v>1518</v>
      </c>
      <c r="J13414" s="5" t="s">
        <v>40939</v>
      </c>
      <c r="K13414" s="2" t="s">
        <v>40940</v>
      </c>
      <c r="L13414" s="5" t="s">
        <v>40939</v>
      </c>
      <c r="M13414" s="2" t="s">
        <v>40940</v>
      </c>
      <c r="N13414" s="5" t="s">
        <v>36266</v>
      </c>
      <c r="O13414" s="5" t="s">
        <v>38</v>
      </c>
      <c r="P13414" s="5" t="s">
        <v>39</v>
      </c>
      <c r="Q13414" s="5" t="s">
        <v>40</v>
      </c>
      <c r="R13414" s="5" t="s">
        <v>1522</v>
      </c>
      <c r="S13414" s="5" t="s">
        <v>1523</v>
      </c>
      <c r="T13414" s="5" t="s">
        <v>42</v>
      </c>
      <c r="U13414" s="2">
        <v>1.1439999999999999</v>
      </c>
      <c r="V13414" s="2">
        <v>0.61799999999999999</v>
      </c>
      <c r="W13414" s="2">
        <v>1.4999999999999999E-2</v>
      </c>
      <c r="X13414" s="2">
        <v>118.9</v>
      </c>
      <c r="Y13414" s="2">
        <v>7.6</v>
      </c>
      <c r="Z13414" s="2">
        <v>16.7</v>
      </c>
      <c r="AA13414" s="5"/>
      <c r="AB13414" s="5" t="s">
        <v>43</v>
      </c>
      <c r="AC13414" s="5" t="s">
        <v>44</v>
      </c>
      <c r="AD13414" s="2"/>
      <c r="AE13414" s="1"/>
    </row>
    <row r="13415" spans="1:31" ht="14.45">
      <c r="A13415" s="11"/>
      <c r="B13415" s="20"/>
      <c r="C13415" s="2" t="s">
        <v>41194</v>
      </c>
      <c r="D13415" s="14" t="s">
        <v>41195</v>
      </c>
      <c r="E13415" s="2" t="s">
        <v>41196</v>
      </c>
      <c r="F13415" s="2" t="s">
        <v>41027</v>
      </c>
      <c r="G13415" s="8">
        <v>140</v>
      </c>
      <c r="H13415" s="5">
        <v>6</v>
      </c>
      <c r="I13415" s="5" t="s">
        <v>1518</v>
      </c>
      <c r="J13415" s="5" t="s">
        <v>40939</v>
      </c>
      <c r="K13415" s="2" t="s">
        <v>40940</v>
      </c>
      <c r="L13415" s="5" t="s">
        <v>40939</v>
      </c>
      <c r="M13415" s="2" t="s">
        <v>40940</v>
      </c>
      <c r="N13415" s="5" t="s">
        <v>36266</v>
      </c>
      <c r="O13415" s="5" t="s">
        <v>38</v>
      </c>
      <c r="P13415" s="5" t="s">
        <v>39</v>
      </c>
      <c r="Q13415" s="5" t="s">
        <v>40</v>
      </c>
      <c r="R13415" s="5" t="s">
        <v>1522</v>
      </c>
      <c r="S13415" s="5" t="s">
        <v>1523</v>
      </c>
      <c r="T13415" s="5" t="s">
        <v>42</v>
      </c>
      <c r="U13415" s="2">
        <v>1.1459999999999999</v>
      </c>
      <c r="V13415" s="2">
        <v>0.62</v>
      </c>
      <c r="W13415" s="2">
        <v>1.4999999999999999E-2</v>
      </c>
      <c r="X13415" s="2">
        <v>118.9</v>
      </c>
      <c r="Y13415" s="2">
        <v>7.6</v>
      </c>
      <c r="Z13415" s="2">
        <v>16.7</v>
      </c>
      <c r="AA13415" s="5"/>
      <c r="AB13415" s="5" t="s">
        <v>43</v>
      </c>
      <c r="AC13415" s="5" t="s">
        <v>44</v>
      </c>
      <c r="AD13415" s="2"/>
      <c r="AE13415" s="1"/>
    </row>
    <row r="13416" spans="1:31" ht="14.45">
      <c r="A13416" s="11"/>
      <c r="B13416" s="20"/>
      <c r="C13416" s="2" t="s">
        <v>41197</v>
      </c>
      <c r="D13416" s="14" t="s">
        <v>41198</v>
      </c>
      <c r="E13416" s="2" t="s">
        <v>41199</v>
      </c>
      <c r="F13416" s="2" t="s">
        <v>41031</v>
      </c>
      <c r="G13416" s="8">
        <v>140</v>
      </c>
      <c r="H13416" s="5">
        <v>6</v>
      </c>
      <c r="I13416" s="5" t="s">
        <v>1518</v>
      </c>
      <c r="J13416" s="5" t="s">
        <v>40939</v>
      </c>
      <c r="K13416" s="2" t="s">
        <v>40940</v>
      </c>
      <c r="L13416" s="5" t="s">
        <v>40939</v>
      </c>
      <c r="M13416" s="2" t="s">
        <v>40940</v>
      </c>
      <c r="N13416" s="5" t="s">
        <v>36266</v>
      </c>
      <c r="O13416" s="5" t="s">
        <v>38</v>
      </c>
      <c r="P13416" s="5" t="s">
        <v>39</v>
      </c>
      <c r="Q13416" s="5" t="s">
        <v>40</v>
      </c>
      <c r="R13416" s="5" t="s">
        <v>1522</v>
      </c>
      <c r="S13416" s="5" t="s">
        <v>1523</v>
      </c>
      <c r="T13416" s="5" t="s">
        <v>42</v>
      </c>
      <c r="U13416" s="2">
        <v>1.1439999999999999</v>
      </c>
      <c r="V13416" s="2">
        <v>0.61799999999999999</v>
      </c>
      <c r="W13416" s="2">
        <v>1.4999999999999999E-2</v>
      </c>
      <c r="X13416" s="2">
        <v>118.9</v>
      </c>
      <c r="Y13416" s="2">
        <v>7.6</v>
      </c>
      <c r="Z13416" s="2">
        <v>16.7</v>
      </c>
      <c r="AA13416" s="5"/>
      <c r="AB13416" s="5" t="s">
        <v>43</v>
      </c>
      <c r="AC13416" s="5" t="s">
        <v>44</v>
      </c>
      <c r="AD13416" s="2"/>
      <c r="AE13416" s="1"/>
    </row>
    <row r="13417" spans="1:31" ht="14.45">
      <c r="A13417" s="11"/>
      <c r="B13417" s="20"/>
      <c r="C13417" s="2" t="s">
        <v>41200</v>
      </c>
      <c r="D13417" s="14" t="s">
        <v>41201</v>
      </c>
      <c r="E13417" s="2" t="s">
        <v>41202</v>
      </c>
      <c r="F13417" s="2" t="s">
        <v>41035</v>
      </c>
      <c r="G13417" s="8">
        <v>140</v>
      </c>
      <c r="H13417" s="5">
        <v>6</v>
      </c>
      <c r="I13417" s="5" t="s">
        <v>1518</v>
      </c>
      <c r="J13417" s="5" t="s">
        <v>40939</v>
      </c>
      <c r="K13417" s="2" t="s">
        <v>40940</v>
      </c>
      <c r="L13417" s="5" t="s">
        <v>40939</v>
      </c>
      <c r="M13417" s="2" t="s">
        <v>40940</v>
      </c>
      <c r="N13417" s="5" t="s">
        <v>36266</v>
      </c>
      <c r="O13417" s="5" t="s">
        <v>38</v>
      </c>
      <c r="P13417" s="5" t="s">
        <v>39</v>
      </c>
      <c r="Q13417" s="5" t="s">
        <v>40</v>
      </c>
      <c r="R13417" s="5" t="s">
        <v>1522</v>
      </c>
      <c r="S13417" s="5" t="s">
        <v>1523</v>
      </c>
      <c r="T13417" s="5" t="s">
        <v>42</v>
      </c>
      <c r="U13417" s="2">
        <v>1.1459999999999999</v>
      </c>
      <c r="V13417" s="2">
        <v>0.62</v>
      </c>
      <c r="W13417" s="2">
        <v>1.4999999999999999E-2</v>
      </c>
      <c r="X13417" s="2">
        <v>118.9</v>
      </c>
      <c r="Y13417" s="2">
        <v>7.6</v>
      </c>
      <c r="Z13417" s="2">
        <v>16.7</v>
      </c>
      <c r="AA13417" s="5"/>
      <c r="AB13417" s="5" t="s">
        <v>43</v>
      </c>
      <c r="AC13417" s="5" t="s">
        <v>44</v>
      </c>
      <c r="AD13417" s="2"/>
      <c r="AE13417" s="1"/>
    </row>
    <row r="13418" spans="1:31" ht="14.45">
      <c r="A13418" s="11"/>
      <c r="B13418" s="20"/>
      <c r="C13418" s="2" t="s">
        <v>41203</v>
      </c>
      <c r="D13418" s="14" t="s">
        <v>41204</v>
      </c>
      <c r="E13418" s="2" t="s">
        <v>41205</v>
      </c>
      <c r="F13418" s="2" t="s">
        <v>7449</v>
      </c>
      <c r="G13418" s="8">
        <v>140</v>
      </c>
      <c r="H13418" s="5">
        <v>6</v>
      </c>
      <c r="I13418" s="5" t="s">
        <v>1518</v>
      </c>
      <c r="J13418" s="5" t="s">
        <v>40939</v>
      </c>
      <c r="K13418" s="2" t="s">
        <v>40940</v>
      </c>
      <c r="L13418" s="5" t="s">
        <v>40939</v>
      </c>
      <c r="M13418" s="2" t="s">
        <v>40940</v>
      </c>
      <c r="N13418" s="5" t="s">
        <v>36266</v>
      </c>
      <c r="O13418" s="5" t="s">
        <v>38</v>
      </c>
      <c r="P13418" s="5" t="s">
        <v>39</v>
      </c>
      <c r="Q13418" s="5" t="s">
        <v>40</v>
      </c>
      <c r="R13418" s="5" t="s">
        <v>1522</v>
      </c>
      <c r="S13418" s="5" t="s">
        <v>1523</v>
      </c>
      <c r="T13418" s="5" t="s">
        <v>42</v>
      </c>
      <c r="U13418" s="2">
        <v>1.1439999999999999</v>
      </c>
      <c r="V13418" s="2">
        <v>0.61799999999999999</v>
      </c>
      <c r="W13418" s="2">
        <v>1.4999999999999999E-2</v>
      </c>
      <c r="X13418" s="2">
        <v>118.9</v>
      </c>
      <c r="Y13418" s="2">
        <v>7.6</v>
      </c>
      <c r="Z13418" s="2">
        <v>16.7</v>
      </c>
      <c r="AA13418" s="5"/>
      <c r="AB13418" s="5" t="s">
        <v>43</v>
      </c>
      <c r="AC13418" s="5" t="s">
        <v>44</v>
      </c>
      <c r="AD13418" s="2"/>
      <c r="AE13418" s="1"/>
    </row>
    <row r="13419" spans="1:31" ht="14.45">
      <c r="A13419" s="11"/>
      <c r="B13419" s="20"/>
      <c r="C13419" s="2" t="s">
        <v>41206</v>
      </c>
      <c r="D13419" s="14" t="s">
        <v>41207</v>
      </c>
      <c r="E13419" s="2" t="s">
        <v>41208</v>
      </c>
      <c r="F13419" s="2" t="s">
        <v>7581</v>
      </c>
      <c r="G13419" s="8">
        <v>140</v>
      </c>
      <c r="H13419" s="5">
        <v>6</v>
      </c>
      <c r="I13419" s="5" t="s">
        <v>1518</v>
      </c>
      <c r="J13419" s="5" t="s">
        <v>40939</v>
      </c>
      <c r="K13419" s="2" t="s">
        <v>40940</v>
      </c>
      <c r="L13419" s="5" t="s">
        <v>40939</v>
      </c>
      <c r="M13419" s="2" t="s">
        <v>40940</v>
      </c>
      <c r="N13419" s="5" t="s">
        <v>36266</v>
      </c>
      <c r="O13419" s="5" t="s">
        <v>38</v>
      </c>
      <c r="P13419" s="5" t="s">
        <v>39</v>
      </c>
      <c r="Q13419" s="5" t="s">
        <v>40</v>
      </c>
      <c r="R13419" s="5" t="s">
        <v>1522</v>
      </c>
      <c r="S13419" s="5" t="s">
        <v>1523</v>
      </c>
      <c r="T13419" s="5" t="s">
        <v>42</v>
      </c>
      <c r="U13419" s="2">
        <v>1.1459999999999999</v>
      </c>
      <c r="V13419" s="2">
        <v>0.62</v>
      </c>
      <c r="W13419" s="2">
        <v>1.4999999999999999E-2</v>
      </c>
      <c r="X13419" s="2">
        <v>118.9</v>
      </c>
      <c r="Y13419" s="2">
        <v>7.6</v>
      </c>
      <c r="Z13419" s="2">
        <v>16.7</v>
      </c>
      <c r="AA13419" s="5"/>
      <c r="AB13419" s="5" t="s">
        <v>43</v>
      </c>
      <c r="AC13419" s="5" t="s">
        <v>44</v>
      </c>
      <c r="AD13419" s="2"/>
      <c r="AE13419" s="1"/>
    </row>
    <row r="13420" spans="1:31" ht="14.45">
      <c r="A13420" s="11"/>
      <c r="B13420" s="20"/>
      <c r="C13420" s="2" t="s">
        <v>41209</v>
      </c>
      <c r="D13420" s="14" t="s">
        <v>41210</v>
      </c>
      <c r="E13420" s="2" t="s">
        <v>41211</v>
      </c>
      <c r="F13420" s="2" t="s">
        <v>41049</v>
      </c>
      <c r="G13420" s="8">
        <v>140</v>
      </c>
      <c r="H13420" s="5">
        <v>6</v>
      </c>
      <c r="I13420" s="5" t="s">
        <v>1518</v>
      </c>
      <c r="J13420" s="5" t="s">
        <v>40939</v>
      </c>
      <c r="K13420" s="2" t="s">
        <v>40940</v>
      </c>
      <c r="L13420" s="5" t="s">
        <v>40939</v>
      </c>
      <c r="M13420" s="2" t="s">
        <v>40940</v>
      </c>
      <c r="N13420" s="5" t="s">
        <v>36266</v>
      </c>
      <c r="O13420" s="5" t="s">
        <v>38</v>
      </c>
      <c r="P13420" s="5" t="s">
        <v>39</v>
      </c>
      <c r="Q13420" s="5" t="s">
        <v>40</v>
      </c>
      <c r="R13420" s="5" t="s">
        <v>1522</v>
      </c>
      <c r="S13420" s="5" t="s">
        <v>1523</v>
      </c>
      <c r="T13420" s="5" t="s">
        <v>42</v>
      </c>
      <c r="U13420" s="2">
        <v>1.171</v>
      </c>
      <c r="V13420" s="2">
        <v>0.64500000000000002</v>
      </c>
      <c r="W13420" s="2">
        <v>1.4999999999999999E-2</v>
      </c>
      <c r="X13420" s="2">
        <v>118.9</v>
      </c>
      <c r="Y13420" s="2">
        <v>7.6</v>
      </c>
      <c r="Z13420" s="2">
        <v>16.7</v>
      </c>
      <c r="AA13420" s="5"/>
      <c r="AB13420" s="5" t="s">
        <v>43</v>
      </c>
      <c r="AC13420" s="5" t="s">
        <v>44</v>
      </c>
      <c r="AD13420" s="2"/>
      <c r="AE13420" s="1"/>
    </row>
    <row r="13421" spans="1:31" ht="14.45">
      <c r="A13421" s="11"/>
      <c r="B13421" s="20"/>
      <c r="C13421" s="2" t="s">
        <v>41212</v>
      </c>
      <c r="D13421" s="14" t="s">
        <v>41213</v>
      </c>
      <c r="E13421" s="2" t="s">
        <v>41214</v>
      </c>
      <c r="F13421" s="2" t="s">
        <v>7204</v>
      </c>
      <c r="G13421" s="8">
        <v>96</v>
      </c>
      <c r="H13421" s="5">
        <v>6</v>
      </c>
      <c r="I13421" s="5" t="s">
        <v>1518</v>
      </c>
      <c r="J13421" s="5" t="s">
        <v>40939</v>
      </c>
      <c r="K13421" s="2" t="s">
        <v>40940</v>
      </c>
      <c r="L13421" s="5" t="s">
        <v>40939</v>
      </c>
      <c r="M13421" s="2" t="s">
        <v>40940</v>
      </c>
      <c r="N13421" s="5" t="s">
        <v>36266</v>
      </c>
      <c r="O13421" s="5" t="s">
        <v>38</v>
      </c>
      <c r="P13421" s="5" t="s">
        <v>39</v>
      </c>
      <c r="Q13421" s="5" t="s">
        <v>40</v>
      </c>
      <c r="R13421" s="5" t="s">
        <v>1522</v>
      </c>
      <c r="S13421" s="5" t="s">
        <v>1523</v>
      </c>
      <c r="T13421" s="5" t="s">
        <v>42</v>
      </c>
      <c r="U13421" s="2">
        <v>0.92900000000000005</v>
      </c>
      <c r="V13421" s="2">
        <v>0.51</v>
      </c>
      <c r="W13421" s="2">
        <v>0.01</v>
      </c>
      <c r="X13421" s="2">
        <v>76.900000000000006</v>
      </c>
      <c r="Y13421" s="2">
        <v>7.6</v>
      </c>
      <c r="Z13421" s="2">
        <v>16.7</v>
      </c>
      <c r="AA13421" s="5"/>
      <c r="AB13421" s="5" t="s">
        <v>43</v>
      </c>
      <c r="AC13421" s="5" t="s">
        <v>44</v>
      </c>
      <c r="AD13421" s="2"/>
      <c r="AE13421" s="1"/>
    </row>
    <row r="13422" spans="1:31" ht="14.45">
      <c r="A13422" s="11"/>
      <c r="B13422" s="20"/>
      <c r="C13422" s="2" t="s">
        <v>41215</v>
      </c>
      <c r="D13422" s="14" t="s">
        <v>41216</v>
      </c>
      <c r="E13422" s="2" t="s">
        <v>41217</v>
      </c>
      <c r="F13422" s="2" t="s">
        <v>7514</v>
      </c>
      <c r="G13422" s="8">
        <v>96</v>
      </c>
      <c r="H13422" s="5">
        <v>6</v>
      </c>
      <c r="I13422" s="5" t="s">
        <v>1518</v>
      </c>
      <c r="J13422" s="5" t="s">
        <v>40939</v>
      </c>
      <c r="K13422" s="2" t="s">
        <v>40940</v>
      </c>
      <c r="L13422" s="5" t="s">
        <v>40939</v>
      </c>
      <c r="M13422" s="2" t="s">
        <v>40940</v>
      </c>
      <c r="N13422" s="5" t="s">
        <v>36266</v>
      </c>
      <c r="O13422" s="5" t="s">
        <v>38</v>
      </c>
      <c r="P13422" s="5" t="s">
        <v>39</v>
      </c>
      <c r="Q13422" s="5" t="s">
        <v>40</v>
      </c>
      <c r="R13422" s="5" t="s">
        <v>1522</v>
      </c>
      <c r="S13422" s="5" t="s">
        <v>1523</v>
      </c>
      <c r="T13422" s="5" t="s">
        <v>42</v>
      </c>
      <c r="U13422" s="2">
        <v>0.93300000000000005</v>
      </c>
      <c r="V13422" s="2">
        <v>0.51400000000000001</v>
      </c>
      <c r="W13422" s="2">
        <v>0.01</v>
      </c>
      <c r="X13422" s="2">
        <v>76.900000000000006</v>
      </c>
      <c r="Y13422" s="2">
        <v>7.6</v>
      </c>
      <c r="Z13422" s="2">
        <v>16.7</v>
      </c>
      <c r="AA13422" s="5"/>
      <c r="AB13422" s="5" t="s">
        <v>43</v>
      </c>
      <c r="AC13422" s="5" t="s">
        <v>44</v>
      </c>
      <c r="AD13422" s="2"/>
      <c r="AE13422" s="1"/>
    </row>
    <row r="13423" spans="1:31" ht="14.45">
      <c r="A13423" s="11"/>
      <c r="B13423" s="20"/>
      <c r="C13423" s="2" t="s">
        <v>41218</v>
      </c>
      <c r="D13423" s="14" t="s">
        <v>41219</v>
      </c>
      <c r="E13423" s="2" t="s">
        <v>41220</v>
      </c>
      <c r="F13423" s="2" t="s">
        <v>41221</v>
      </c>
      <c r="G13423" s="8">
        <v>110</v>
      </c>
      <c r="H13423" s="5">
        <v>6</v>
      </c>
      <c r="I13423" s="5" t="s">
        <v>1518</v>
      </c>
      <c r="J13423" s="5" t="s">
        <v>40939</v>
      </c>
      <c r="K13423" s="2" t="s">
        <v>40940</v>
      </c>
      <c r="L13423" s="5" t="s">
        <v>40939</v>
      </c>
      <c r="M13423" s="2" t="s">
        <v>40940</v>
      </c>
      <c r="N13423" s="5" t="s">
        <v>36266</v>
      </c>
      <c r="O13423" s="5" t="s">
        <v>38</v>
      </c>
      <c r="P13423" s="5" t="s">
        <v>39</v>
      </c>
      <c r="Q13423" s="5" t="s">
        <v>40</v>
      </c>
      <c r="R13423" s="5" t="s">
        <v>1522</v>
      </c>
      <c r="S13423" s="5" t="s">
        <v>1523</v>
      </c>
      <c r="T13423" s="5" t="s">
        <v>42</v>
      </c>
      <c r="U13423" s="2">
        <v>0.93400000000000005</v>
      </c>
      <c r="V13423" s="2">
        <v>0.51500000000000001</v>
      </c>
      <c r="W13423" s="2">
        <v>0.01</v>
      </c>
      <c r="X13423" s="2">
        <v>76.900000000000006</v>
      </c>
      <c r="Y13423" s="2">
        <v>7.6</v>
      </c>
      <c r="Z13423" s="2">
        <v>16.7</v>
      </c>
      <c r="AA13423" s="5"/>
      <c r="AB13423" s="5" t="s">
        <v>43</v>
      </c>
      <c r="AC13423" s="5" t="s">
        <v>44</v>
      </c>
      <c r="AD13423" s="2"/>
      <c r="AE13423" s="1"/>
    </row>
    <row r="13424" spans="1:31" ht="14.45">
      <c r="A13424" s="11"/>
      <c r="B13424" s="20"/>
      <c r="C13424" s="2" t="s">
        <v>41222</v>
      </c>
      <c r="D13424" s="14" t="s">
        <v>41223</v>
      </c>
      <c r="E13424" s="2" t="s">
        <v>41224</v>
      </c>
      <c r="F13424" s="2" t="s">
        <v>40951</v>
      </c>
      <c r="G13424" s="8">
        <v>110</v>
      </c>
      <c r="H13424" s="5">
        <v>6</v>
      </c>
      <c r="I13424" s="5" t="s">
        <v>1518</v>
      </c>
      <c r="J13424" s="5" t="s">
        <v>40939</v>
      </c>
      <c r="K13424" s="2" t="s">
        <v>40940</v>
      </c>
      <c r="L13424" s="5" t="s">
        <v>40939</v>
      </c>
      <c r="M13424" s="2" t="s">
        <v>40940</v>
      </c>
      <c r="N13424" s="5" t="s">
        <v>36266</v>
      </c>
      <c r="O13424" s="5" t="s">
        <v>38</v>
      </c>
      <c r="P13424" s="5" t="s">
        <v>39</v>
      </c>
      <c r="Q13424" s="5" t="s">
        <v>40</v>
      </c>
      <c r="R13424" s="5" t="s">
        <v>1522</v>
      </c>
      <c r="S13424" s="5" t="s">
        <v>1523</v>
      </c>
      <c r="T13424" s="5" t="s">
        <v>42</v>
      </c>
      <c r="U13424" s="2">
        <v>0.93799999999999994</v>
      </c>
      <c r="V13424" s="2">
        <v>0.51900000000000002</v>
      </c>
      <c r="W13424" s="2">
        <v>0.01</v>
      </c>
      <c r="X13424" s="2">
        <v>76.900000000000006</v>
      </c>
      <c r="Y13424" s="2">
        <v>7.6</v>
      </c>
      <c r="Z13424" s="2">
        <v>16.7</v>
      </c>
      <c r="AA13424" s="5"/>
      <c r="AB13424" s="5" t="s">
        <v>43</v>
      </c>
      <c r="AC13424" s="5" t="s">
        <v>44</v>
      </c>
      <c r="AD13424" s="2"/>
      <c r="AE13424" s="1"/>
    </row>
    <row r="13425" spans="1:31" ht="14.45">
      <c r="A13425" s="11"/>
      <c r="B13425" s="20"/>
      <c r="C13425" s="2" t="s">
        <v>41225</v>
      </c>
      <c r="D13425" s="14" t="s">
        <v>41226</v>
      </c>
      <c r="E13425" s="2" t="s">
        <v>41227</v>
      </c>
      <c r="F13425" s="2" t="s">
        <v>7208</v>
      </c>
      <c r="G13425" s="8">
        <v>96</v>
      </c>
      <c r="H13425" s="5">
        <v>6</v>
      </c>
      <c r="I13425" s="5" t="s">
        <v>1518</v>
      </c>
      <c r="J13425" s="5" t="s">
        <v>40939</v>
      </c>
      <c r="K13425" s="2" t="s">
        <v>40940</v>
      </c>
      <c r="L13425" s="5" t="s">
        <v>40939</v>
      </c>
      <c r="M13425" s="2" t="s">
        <v>40940</v>
      </c>
      <c r="N13425" s="5" t="s">
        <v>36266</v>
      </c>
      <c r="O13425" s="5" t="s">
        <v>38</v>
      </c>
      <c r="P13425" s="5" t="s">
        <v>39</v>
      </c>
      <c r="Q13425" s="5" t="s">
        <v>40</v>
      </c>
      <c r="R13425" s="5" t="s">
        <v>1522</v>
      </c>
      <c r="S13425" s="5" t="s">
        <v>1523</v>
      </c>
      <c r="T13425" s="5" t="s">
        <v>42</v>
      </c>
      <c r="U13425" s="2">
        <v>0.93700000000000006</v>
      </c>
      <c r="V13425" s="2">
        <v>0.51800000000000002</v>
      </c>
      <c r="W13425" s="2">
        <v>0.01</v>
      </c>
      <c r="X13425" s="2">
        <v>76.900000000000006</v>
      </c>
      <c r="Y13425" s="2">
        <v>7.6</v>
      </c>
      <c r="Z13425" s="2">
        <v>16.7</v>
      </c>
      <c r="AA13425" s="5"/>
      <c r="AB13425" s="5" t="s">
        <v>43</v>
      </c>
      <c r="AC13425" s="5" t="s">
        <v>44</v>
      </c>
      <c r="AD13425" s="2"/>
      <c r="AE13425" s="1"/>
    </row>
    <row r="13426" spans="1:31" ht="14.45">
      <c r="A13426" s="11"/>
      <c r="B13426" s="20"/>
      <c r="C13426" s="2" t="s">
        <v>41228</v>
      </c>
      <c r="D13426" s="14" t="s">
        <v>41229</v>
      </c>
      <c r="E13426" s="2" t="s">
        <v>41230</v>
      </c>
      <c r="F13426" s="2" t="s">
        <v>7521</v>
      </c>
      <c r="G13426" s="8">
        <v>96</v>
      </c>
      <c r="H13426" s="5">
        <v>6</v>
      </c>
      <c r="I13426" s="5" t="s">
        <v>1518</v>
      </c>
      <c r="J13426" s="5" t="s">
        <v>40939</v>
      </c>
      <c r="K13426" s="2" t="s">
        <v>40940</v>
      </c>
      <c r="L13426" s="5" t="s">
        <v>40939</v>
      </c>
      <c r="M13426" s="2" t="s">
        <v>40940</v>
      </c>
      <c r="N13426" s="5" t="s">
        <v>36266</v>
      </c>
      <c r="O13426" s="5" t="s">
        <v>38</v>
      </c>
      <c r="P13426" s="5" t="s">
        <v>39</v>
      </c>
      <c r="Q13426" s="5" t="s">
        <v>40</v>
      </c>
      <c r="R13426" s="5" t="s">
        <v>1522</v>
      </c>
      <c r="S13426" s="5" t="s">
        <v>1523</v>
      </c>
      <c r="T13426" s="5" t="s">
        <v>42</v>
      </c>
      <c r="U13426" s="2">
        <v>0.94099999999999995</v>
      </c>
      <c r="V13426" s="2">
        <v>0.52200000000000002</v>
      </c>
      <c r="W13426" s="2">
        <v>0.01</v>
      </c>
      <c r="X13426" s="2">
        <v>76.900000000000006</v>
      </c>
      <c r="Y13426" s="2">
        <v>7.6</v>
      </c>
      <c r="Z13426" s="2">
        <v>16.7</v>
      </c>
      <c r="AA13426" s="5"/>
      <c r="AB13426" s="5" t="s">
        <v>43</v>
      </c>
      <c r="AC13426" s="5" t="s">
        <v>44</v>
      </c>
      <c r="AD13426" s="2"/>
      <c r="AE13426" s="1"/>
    </row>
    <row r="13427" spans="1:31" ht="14.45">
      <c r="A13427" s="11"/>
      <c r="B13427" s="20"/>
      <c r="C13427" s="2" t="s">
        <v>41231</v>
      </c>
      <c r="D13427" s="14" t="s">
        <v>41232</v>
      </c>
      <c r="E13427" s="2" t="s">
        <v>41233</v>
      </c>
      <c r="F13427" s="2" t="s">
        <v>36273</v>
      </c>
      <c r="G13427" s="8">
        <v>96</v>
      </c>
      <c r="H13427" s="5">
        <v>6</v>
      </c>
      <c r="I13427" s="5" t="s">
        <v>1518</v>
      </c>
      <c r="J13427" s="5" t="s">
        <v>40939</v>
      </c>
      <c r="K13427" s="2" t="s">
        <v>40940</v>
      </c>
      <c r="L13427" s="5" t="s">
        <v>40939</v>
      </c>
      <c r="M13427" s="2" t="s">
        <v>40940</v>
      </c>
      <c r="N13427" s="5" t="s">
        <v>36266</v>
      </c>
      <c r="O13427" s="5" t="s">
        <v>38</v>
      </c>
      <c r="P13427" s="5" t="s">
        <v>39</v>
      </c>
      <c r="Q13427" s="5" t="s">
        <v>40</v>
      </c>
      <c r="R13427" s="5" t="s">
        <v>1522</v>
      </c>
      <c r="S13427" s="5" t="s">
        <v>1523</v>
      </c>
      <c r="T13427" s="5" t="s">
        <v>42</v>
      </c>
      <c r="U13427" s="2">
        <v>0.94299999999999995</v>
      </c>
      <c r="V13427" s="2">
        <v>0.52400000000000002</v>
      </c>
      <c r="W13427" s="2">
        <v>0.01</v>
      </c>
      <c r="X13427" s="2">
        <v>76.900000000000006</v>
      </c>
      <c r="Y13427" s="2">
        <v>7.6</v>
      </c>
      <c r="Z13427" s="2">
        <v>16.7</v>
      </c>
      <c r="AA13427" s="5"/>
      <c r="AB13427" s="5" t="s">
        <v>43</v>
      </c>
      <c r="AC13427" s="5" t="s">
        <v>44</v>
      </c>
      <c r="AD13427" s="2"/>
      <c r="AE13427" s="1"/>
    </row>
    <row r="13428" spans="1:31" ht="14.45">
      <c r="A13428" s="11"/>
      <c r="B13428" s="20"/>
      <c r="C13428" s="2" t="s">
        <v>41234</v>
      </c>
      <c r="D13428" s="14" t="s">
        <v>41235</v>
      </c>
      <c r="E13428" s="2" t="s">
        <v>41236</v>
      </c>
      <c r="F13428" s="2" t="s">
        <v>36277</v>
      </c>
      <c r="G13428" s="8">
        <v>96</v>
      </c>
      <c r="H13428" s="5">
        <v>6</v>
      </c>
      <c r="I13428" s="5" t="s">
        <v>1518</v>
      </c>
      <c r="J13428" s="5" t="s">
        <v>40939</v>
      </c>
      <c r="K13428" s="2" t="s">
        <v>40940</v>
      </c>
      <c r="L13428" s="5" t="s">
        <v>40939</v>
      </c>
      <c r="M13428" s="2" t="s">
        <v>40940</v>
      </c>
      <c r="N13428" s="5" t="s">
        <v>36266</v>
      </c>
      <c r="O13428" s="5" t="s">
        <v>38</v>
      </c>
      <c r="P13428" s="5" t="s">
        <v>39</v>
      </c>
      <c r="Q13428" s="5" t="s">
        <v>40</v>
      </c>
      <c r="R13428" s="5" t="s">
        <v>1522</v>
      </c>
      <c r="S13428" s="5" t="s">
        <v>1523</v>
      </c>
      <c r="T13428" s="5" t="s">
        <v>42</v>
      </c>
      <c r="U13428" s="2">
        <v>0.94699999999999995</v>
      </c>
      <c r="V13428" s="2">
        <v>0.52800000000000002</v>
      </c>
      <c r="W13428" s="2">
        <v>0.01</v>
      </c>
      <c r="X13428" s="2">
        <v>76.900000000000006</v>
      </c>
      <c r="Y13428" s="2">
        <v>7.6</v>
      </c>
      <c r="Z13428" s="2">
        <v>16.7</v>
      </c>
      <c r="AA13428" s="5"/>
      <c r="AB13428" s="5" t="s">
        <v>43</v>
      </c>
      <c r="AC13428" s="5" t="s">
        <v>44</v>
      </c>
      <c r="AD13428" s="2"/>
      <c r="AE13428" s="1"/>
    </row>
    <row r="13429" spans="1:31" ht="14.45">
      <c r="A13429" s="11"/>
      <c r="B13429" s="20"/>
      <c r="C13429" s="2" t="s">
        <v>41237</v>
      </c>
      <c r="D13429" s="14" t="s">
        <v>41238</v>
      </c>
      <c r="E13429" s="2" t="s">
        <v>41239</v>
      </c>
      <c r="F13429" s="2" t="s">
        <v>40967</v>
      </c>
      <c r="G13429" s="8">
        <v>110</v>
      </c>
      <c r="H13429" s="5">
        <v>6</v>
      </c>
      <c r="I13429" s="5" t="s">
        <v>1518</v>
      </c>
      <c r="J13429" s="5" t="s">
        <v>40939</v>
      </c>
      <c r="K13429" s="2" t="s">
        <v>40940</v>
      </c>
      <c r="L13429" s="5" t="s">
        <v>40939</v>
      </c>
      <c r="M13429" s="2" t="s">
        <v>40940</v>
      </c>
      <c r="N13429" s="5" t="s">
        <v>36266</v>
      </c>
      <c r="O13429" s="5" t="s">
        <v>38</v>
      </c>
      <c r="P13429" s="5" t="s">
        <v>39</v>
      </c>
      <c r="Q13429" s="5" t="s">
        <v>40</v>
      </c>
      <c r="R13429" s="5" t="s">
        <v>1522</v>
      </c>
      <c r="S13429" s="5" t="s">
        <v>1523</v>
      </c>
      <c r="T13429" s="5" t="s">
        <v>42</v>
      </c>
      <c r="U13429" s="2">
        <v>0.93700000000000006</v>
      </c>
      <c r="V13429" s="2">
        <v>0.51800000000000002</v>
      </c>
      <c r="W13429" s="2">
        <v>0.01</v>
      </c>
      <c r="X13429" s="2">
        <v>76.900000000000006</v>
      </c>
      <c r="Y13429" s="2">
        <v>7.6</v>
      </c>
      <c r="Z13429" s="2">
        <v>16.7</v>
      </c>
      <c r="AA13429" s="5"/>
      <c r="AB13429" s="5" t="s">
        <v>43</v>
      </c>
      <c r="AC13429" s="5" t="s">
        <v>44</v>
      </c>
      <c r="AD13429" s="2"/>
      <c r="AE13429" s="1"/>
    </row>
    <row r="13430" spans="1:31" ht="14.45">
      <c r="A13430" s="11"/>
      <c r="B13430" s="20"/>
      <c r="C13430" s="2" t="s">
        <v>41240</v>
      </c>
      <c r="D13430" s="14" t="s">
        <v>41241</v>
      </c>
      <c r="E13430" s="2" t="s">
        <v>41242</v>
      </c>
      <c r="F13430" s="2" t="s">
        <v>40971</v>
      </c>
      <c r="G13430" s="8">
        <v>110</v>
      </c>
      <c r="H13430" s="5">
        <v>6</v>
      </c>
      <c r="I13430" s="5" t="s">
        <v>1518</v>
      </c>
      <c r="J13430" s="5" t="s">
        <v>40939</v>
      </c>
      <c r="K13430" s="2" t="s">
        <v>40940</v>
      </c>
      <c r="L13430" s="5" t="s">
        <v>40939</v>
      </c>
      <c r="M13430" s="2" t="s">
        <v>40940</v>
      </c>
      <c r="N13430" s="5" t="s">
        <v>36266</v>
      </c>
      <c r="O13430" s="5" t="s">
        <v>38</v>
      </c>
      <c r="P13430" s="5" t="s">
        <v>39</v>
      </c>
      <c r="Q13430" s="5" t="s">
        <v>40</v>
      </c>
      <c r="R13430" s="5" t="s">
        <v>1522</v>
      </c>
      <c r="S13430" s="5" t="s">
        <v>1523</v>
      </c>
      <c r="T13430" s="5" t="s">
        <v>42</v>
      </c>
      <c r="U13430" s="2">
        <v>0.94099999999999995</v>
      </c>
      <c r="V13430" s="2">
        <v>0.52200000000000002</v>
      </c>
      <c r="W13430" s="2">
        <v>0.01</v>
      </c>
      <c r="X13430" s="2">
        <v>76.900000000000006</v>
      </c>
      <c r="Y13430" s="2">
        <v>7.6</v>
      </c>
      <c r="Z13430" s="2">
        <v>16.7</v>
      </c>
      <c r="AA13430" s="5"/>
      <c r="AB13430" s="5" t="s">
        <v>43</v>
      </c>
      <c r="AC13430" s="5" t="s">
        <v>44</v>
      </c>
      <c r="AD13430" s="2"/>
      <c r="AE13430" s="1"/>
    </row>
    <row r="13431" spans="1:31" ht="14.45">
      <c r="A13431" s="11"/>
      <c r="B13431" s="20"/>
      <c r="C13431" s="2" t="s">
        <v>41243</v>
      </c>
      <c r="D13431" s="14" t="s">
        <v>41244</v>
      </c>
      <c r="E13431" s="2" t="s">
        <v>41245</v>
      </c>
      <c r="F13431" s="2" t="s">
        <v>40975</v>
      </c>
      <c r="G13431" s="8">
        <v>110</v>
      </c>
      <c r="H13431" s="5">
        <v>6</v>
      </c>
      <c r="I13431" s="5" t="s">
        <v>1518</v>
      </c>
      <c r="J13431" s="5" t="s">
        <v>40939</v>
      </c>
      <c r="K13431" s="2" t="s">
        <v>40940</v>
      </c>
      <c r="L13431" s="5" t="s">
        <v>40939</v>
      </c>
      <c r="M13431" s="2" t="s">
        <v>40940</v>
      </c>
      <c r="N13431" s="5" t="s">
        <v>36266</v>
      </c>
      <c r="O13431" s="5" t="s">
        <v>38</v>
      </c>
      <c r="P13431" s="5" t="s">
        <v>39</v>
      </c>
      <c r="Q13431" s="5" t="s">
        <v>40</v>
      </c>
      <c r="R13431" s="5" t="s">
        <v>1522</v>
      </c>
      <c r="S13431" s="5" t="s">
        <v>1523</v>
      </c>
      <c r="T13431" s="5" t="s">
        <v>42</v>
      </c>
      <c r="U13431" s="2">
        <v>0.93700000000000006</v>
      </c>
      <c r="V13431" s="2">
        <v>0.51800000000000002</v>
      </c>
      <c r="W13431" s="2">
        <v>0.01</v>
      </c>
      <c r="X13431" s="2">
        <v>76.900000000000006</v>
      </c>
      <c r="Y13431" s="2">
        <v>7.6</v>
      </c>
      <c r="Z13431" s="2">
        <v>16.7</v>
      </c>
      <c r="AA13431" s="5"/>
      <c r="AB13431" s="5" t="s">
        <v>43</v>
      </c>
      <c r="AC13431" s="5" t="s">
        <v>44</v>
      </c>
      <c r="AD13431" s="2"/>
      <c r="AE13431" s="1"/>
    </row>
    <row r="13432" spans="1:31" ht="14.45">
      <c r="A13432" s="11"/>
      <c r="B13432" s="20"/>
      <c r="C13432" s="2" t="s">
        <v>41246</v>
      </c>
      <c r="D13432" s="14" t="s">
        <v>41247</v>
      </c>
      <c r="E13432" s="2" t="s">
        <v>41248</v>
      </c>
      <c r="F13432" s="2" t="s">
        <v>40979</v>
      </c>
      <c r="G13432" s="8">
        <v>110</v>
      </c>
      <c r="H13432" s="5">
        <v>6</v>
      </c>
      <c r="I13432" s="5" t="s">
        <v>1518</v>
      </c>
      <c r="J13432" s="5" t="s">
        <v>40939</v>
      </c>
      <c r="K13432" s="2" t="s">
        <v>40940</v>
      </c>
      <c r="L13432" s="5" t="s">
        <v>40939</v>
      </c>
      <c r="M13432" s="2" t="s">
        <v>40940</v>
      </c>
      <c r="N13432" s="5" t="s">
        <v>36266</v>
      </c>
      <c r="O13432" s="5" t="s">
        <v>38</v>
      </c>
      <c r="P13432" s="5" t="s">
        <v>39</v>
      </c>
      <c r="Q13432" s="5" t="s">
        <v>40</v>
      </c>
      <c r="R13432" s="5" t="s">
        <v>1522</v>
      </c>
      <c r="S13432" s="5" t="s">
        <v>1523</v>
      </c>
      <c r="T13432" s="5" t="s">
        <v>42</v>
      </c>
      <c r="U13432" s="2">
        <v>0.94099999999999995</v>
      </c>
      <c r="V13432" s="2">
        <v>0.52200000000000002</v>
      </c>
      <c r="W13432" s="2">
        <v>0.01</v>
      </c>
      <c r="X13432" s="2">
        <v>76.900000000000006</v>
      </c>
      <c r="Y13432" s="2">
        <v>7.6</v>
      </c>
      <c r="Z13432" s="2">
        <v>16.7</v>
      </c>
      <c r="AA13432" s="5"/>
      <c r="AB13432" s="5" t="s">
        <v>43</v>
      </c>
      <c r="AC13432" s="5" t="s">
        <v>44</v>
      </c>
      <c r="AD13432" s="2"/>
      <c r="AE13432" s="1"/>
    </row>
    <row r="13433" spans="1:31" ht="14.45">
      <c r="A13433" s="11"/>
      <c r="B13433" s="20"/>
      <c r="C13433" s="2" t="s">
        <v>41249</v>
      </c>
      <c r="D13433" s="14" t="s">
        <v>41250</v>
      </c>
      <c r="E13433" s="2" t="s">
        <v>41251</v>
      </c>
      <c r="F13433" s="2" t="s">
        <v>7539</v>
      </c>
      <c r="G13433" s="8">
        <v>110</v>
      </c>
      <c r="H13433" s="5">
        <v>6</v>
      </c>
      <c r="I13433" s="5" t="s">
        <v>1518</v>
      </c>
      <c r="J13433" s="5" t="s">
        <v>40939</v>
      </c>
      <c r="K13433" s="2" t="s">
        <v>40940</v>
      </c>
      <c r="L13433" s="5" t="s">
        <v>40939</v>
      </c>
      <c r="M13433" s="2" t="s">
        <v>40940</v>
      </c>
      <c r="N13433" s="5" t="s">
        <v>36266</v>
      </c>
      <c r="O13433" s="5" t="s">
        <v>38</v>
      </c>
      <c r="P13433" s="5" t="s">
        <v>39</v>
      </c>
      <c r="Q13433" s="5" t="s">
        <v>40</v>
      </c>
      <c r="R13433" s="5" t="s">
        <v>1522</v>
      </c>
      <c r="S13433" s="5" t="s">
        <v>1523</v>
      </c>
      <c r="T13433" s="5" t="s">
        <v>42</v>
      </c>
      <c r="U13433" s="2">
        <v>0.92300000000000004</v>
      </c>
      <c r="V13433" s="2">
        <v>0.504</v>
      </c>
      <c r="W13433" s="2">
        <v>0.01</v>
      </c>
      <c r="X13433" s="2">
        <v>76.900000000000006</v>
      </c>
      <c r="Y13433" s="2">
        <v>7.6</v>
      </c>
      <c r="Z13433" s="2">
        <v>16.7</v>
      </c>
      <c r="AA13433" s="5"/>
      <c r="AB13433" s="5" t="s">
        <v>43</v>
      </c>
      <c r="AC13433" s="5" t="s">
        <v>44</v>
      </c>
      <c r="AD13433" s="2"/>
      <c r="AE13433" s="1"/>
    </row>
    <row r="13434" spans="1:31" ht="14.45">
      <c r="A13434" s="11"/>
      <c r="B13434" s="20"/>
      <c r="C13434" s="2" t="s">
        <v>41252</v>
      </c>
      <c r="D13434" s="14" t="s">
        <v>41253</v>
      </c>
      <c r="E13434" s="2" t="s">
        <v>41254</v>
      </c>
      <c r="F13434" s="2" t="s">
        <v>7543</v>
      </c>
      <c r="G13434" s="8">
        <v>110</v>
      </c>
      <c r="H13434" s="5">
        <v>6</v>
      </c>
      <c r="I13434" s="5" t="s">
        <v>1518</v>
      </c>
      <c r="J13434" s="5" t="s">
        <v>40939</v>
      </c>
      <c r="K13434" s="2" t="s">
        <v>40940</v>
      </c>
      <c r="L13434" s="5" t="s">
        <v>40939</v>
      </c>
      <c r="M13434" s="2" t="s">
        <v>40940</v>
      </c>
      <c r="N13434" s="5" t="s">
        <v>36266</v>
      </c>
      <c r="O13434" s="5" t="s">
        <v>38</v>
      </c>
      <c r="P13434" s="5" t="s">
        <v>39</v>
      </c>
      <c r="Q13434" s="5" t="s">
        <v>40</v>
      </c>
      <c r="R13434" s="5" t="s">
        <v>1522</v>
      </c>
      <c r="S13434" s="5" t="s">
        <v>1523</v>
      </c>
      <c r="T13434" s="5" t="s">
        <v>42</v>
      </c>
      <c r="U13434" s="2">
        <v>0.92700000000000005</v>
      </c>
      <c r="V13434" s="2">
        <v>0.50800000000000001</v>
      </c>
      <c r="W13434" s="2">
        <v>0.01</v>
      </c>
      <c r="X13434" s="2">
        <v>76.900000000000006</v>
      </c>
      <c r="Y13434" s="2">
        <v>7.6</v>
      </c>
      <c r="Z13434" s="2">
        <v>16.7</v>
      </c>
      <c r="AA13434" s="5"/>
      <c r="AB13434" s="5" t="s">
        <v>43</v>
      </c>
      <c r="AC13434" s="5" t="s">
        <v>44</v>
      </c>
      <c r="AD13434" s="2"/>
      <c r="AE13434" s="1"/>
    </row>
    <row r="13435" spans="1:31" ht="14.45">
      <c r="A13435" s="11"/>
      <c r="B13435" s="20"/>
      <c r="C13435" s="2" t="s">
        <v>41255</v>
      </c>
      <c r="D13435" s="14" t="s">
        <v>41256</v>
      </c>
      <c r="E13435" s="2" t="s">
        <v>41257</v>
      </c>
      <c r="F13435" s="2" t="s">
        <v>40989</v>
      </c>
      <c r="G13435" s="8">
        <v>110</v>
      </c>
      <c r="H13435" s="5">
        <v>6</v>
      </c>
      <c r="I13435" s="5" t="s">
        <v>1518</v>
      </c>
      <c r="J13435" s="5" t="s">
        <v>40939</v>
      </c>
      <c r="K13435" s="2" t="s">
        <v>40940</v>
      </c>
      <c r="L13435" s="5" t="s">
        <v>40939</v>
      </c>
      <c r="M13435" s="2" t="s">
        <v>40940</v>
      </c>
      <c r="N13435" s="5" t="s">
        <v>36266</v>
      </c>
      <c r="O13435" s="5" t="s">
        <v>38</v>
      </c>
      <c r="P13435" s="5" t="s">
        <v>39</v>
      </c>
      <c r="Q13435" s="5" t="s">
        <v>40</v>
      </c>
      <c r="R13435" s="5" t="s">
        <v>1522</v>
      </c>
      <c r="S13435" s="5" t="s">
        <v>1523</v>
      </c>
      <c r="T13435" s="5" t="s">
        <v>42</v>
      </c>
      <c r="U13435" s="2">
        <v>0.93700000000000006</v>
      </c>
      <c r="V13435" s="2">
        <v>0.51800000000000002</v>
      </c>
      <c r="W13435" s="2">
        <v>0.01</v>
      </c>
      <c r="X13435" s="2">
        <v>76.900000000000006</v>
      </c>
      <c r="Y13435" s="2">
        <v>7.6</v>
      </c>
      <c r="Z13435" s="2">
        <v>16.7</v>
      </c>
      <c r="AA13435" s="5"/>
      <c r="AB13435" s="5" t="s">
        <v>43</v>
      </c>
      <c r="AC13435" s="5" t="s">
        <v>44</v>
      </c>
      <c r="AD13435" s="2"/>
      <c r="AE13435" s="1"/>
    </row>
    <row r="13436" spans="1:31" ht="14.45">
      <c r="A13436" s="11"/>
      <c r="B13436" s="20"/>
      <c r="C13436" s="2" t="s">
        <v>41258</v>
      </c>
      <c r="D13436" s="14" t="s">
        <v>41259</v>
      </c>
      <c r="E13436" s="2" t="s">
        <v>41260</v>
      </c>
      <c r="F13436" s="2" t="s">
        <v>40993</v>
      </c>
      <c r="G13436" s="8">
        <v>110</v>
      </c>
      <c r="H13436" s="5">
        <v>6</v>
      </c>
      <c r="I13436" s="5" t="s">
        <v>1518</v>
      </c>
      <c r="J13436" s="5" t="s">
        <v>40939</v>
      </c>
      <c r="K13436" s="2" t="s">
        <v>40940</v>
      </c>
      <c r="L13436" s="5" t="s">
        <v>40939</v>
      </c>
      <c r="M13436" s="2" t="s">
        <v>40940</v>
      </c>
      <c r="N13436" s="5" t="s">
        <v>36266</v>
      </c>
      <c r="O13436" s="5" t="s">
        <v>38</v>
      </c>
      <c r="P13436" s="5" t="s">
        <v>39</v>
      </c>
      <c r="Q13436" s="5" t="s">
        <v>40</v>
      </c>
      <c r="R13436" s="5" t="s">
        <v>1522</v>
      </c>
      <c r="S13436" s="5" t="s">
        <v>1523</v>
      </c>
      <c r="T13436" s="5" t="s">
        <v>42</v>
      </c>
      <c r="U13436" s="2">
        <v>0.94099999999999995</v>
      </c>
      <c r="V13436" s="2">
        <v>0.52200000000000002</v>
      </c>
      <c r="W13436" s="2">
        <v>0.01</v>
      </c>
      <c r="X13436" s="2">
        <v>76.900000000000006</v>
      </c>
      <c r="Y13436" s="2">
        <v>7.6</v>
      </c>
      <c r="Z13436" s="2">
        <v>16.7</v>
      </c>
      <c r="AA13436" s="5"/>
      <c r="AB13436" s="5" t="s">
        <v>43</v>
      </c>
      <c r="AC13436" s="5" t="s">
        <v>44</v>
      </c>
      <c r="AD13436" s="2"/>
      <c r="AE13436" s="1"/>
    </row>
    <row r="13437" spans="1:31" ht="14.45">
      <c r="A13437" s="11"/>
      <c r="B13437" s="20"/>
      <c r="C13437" s="2" t="s">
        <v>41261</v>
      </c>
      <c r="D13437" s="14" t="s">
        <v>41262</v>
      </c>
      <c r="E13437" s="2" t="s">
        <v>41263</v>
      </c>
      <c r="F13437" s="2" t="s">
        <v>40997</v>
      </c>
      <c r="G13437" s="8">
        <v>110</v>
      </c>
      <c r="H13437" s="5">
        <v>6</v>
      </c>
      <c r="I13437" s="5" t="s">
        <v>1518</v>
      </c>
      <c r="J13437" s="5" t="s">
        <v>40939</v>
      </c>
      <c r="K13437" s="2" t="s">
        <v>40940</v>
      </c>
      <c r="L13437" s="5" t="s">
        <v>40939</v>
      </c>
      <c r="M13437" s="2" t="s">
        <v>40940</v>
      </c>
      <c r="N13437" s="5" t="s">
        <v>36266</v>
      </c>
      <c r="O13437" s="5" t="s">
        <v>38</v>
      </c>
      <c r="P13437" s="5" t="s">
        <v>39</v>
      </c>
      <c r="Q13437" s="5" t="s">
        <v>40</v>
      </c>
      <c r="R13437" s="5" t="s">
        <v>1522</v>
      </c>
      <c r="S13437" s="5" t="s">
        <v>1523</v>
      </c>
      <c r="T13437" s="5" t="s">
        <v>42</v>
      </c>
      <c r="U13437" s="2">
        <v>0.92600000000000005</v>
      </c>
      <c r="V13437" s="2">
        <v>0.50700000000000001</v>
      </c>
      <c r="W13437" s="2">
        <v>0.01</v>
      </c>
      <c r="X13437" s="2">
        <v>76.900000000000006</v>
      </c>
      <c r="Y13437" s="2">
        <v>7.6</v>
      </c>
      <c r="Z13437" s="2">
        <v>16.7</v>
      </c>
      <c r="AA13437" s="5"/>
      <c r="AB13437" s="5" t="s">
        <v>43</v>
      </c>
      <c r="AC13437" s="5" t="s">
        <v>44</v>
      </c>
      <c r="AD13437" s="2"/>
      <c r="AE13437" s="1"/>
    </row>
    <row r="13438" spans="1:31" ht="14.45">
      <c r="A13438" s="11"/>
      <c r="B13438" s="20"/>
      <c r="C13438" s="2" t="s">
        <v>41264</v>
      </c>
      <c r="D13438" s="14" t="s">
        <v>41265</v>
      </c>
      <c r="E13438" s="2" t="s">
        <v>41266</v>
      </c>
      <c r="F13438" s="2" t="s">
        <v>41267</v>
      </c>
      <c r="G13438" s="8">
        <v>110</v>
      </c>
      <c r="H13438" s="5">
        <v>6</v>
      </c>
      <c r="I13438" s="5" t="s">
        <v>1518</v>
      </c>
      <c r="J13438" s="5" t="s">
        <v>40939</v>
      </c>
      <c r="K13438" s="2" t="s">
        <v>40940</v>
      </c>
      <c r="L13438" s="5" t="s">
        <v>40939</v>
      </c>
      <c r="M13438" s="2" t="s">
        <v>40940</v>
      </c>
      <c r="N13438" s="5" t="s">
        <v>36266</v>
      </c>
      <c r="O13438" s="5" t="s">
        <v>38</v>
      </c>
      <c r="P13438" s="5" t="s">
        <v>39</v>
      </c>
      <c r="Q13438" s="5" t="s">
        <v>40</v>
      </c>
      <c r="R13438" s="5" t="s">
        <v>1522</v>
      </c>
      <c r="S13438" s="5" t="s">
        <v>1523</v>
      </c>
      <c r="T13438" s="5" t="s">
        <v>42</v>
      </c>
      <c r="U13438" s="2">
        <v>0.93</v>
      </c>
      <c r="V13438" s="2">
        <v>0.51100000000000001</v>
      </c>
      <c r="W13438" s="2">
        <v>0.01</v>
      </c>
      <c r="X13438" s="2">
        <v>76.900000000000006</v>
      </c>
      <c r="Y13438" s="2">
        <v>7.6</v>
      </c>
      <c r="Z13438" s="2">
        <v>16.7</v>
      </c>
      <c r="AA13438" s="5"/>
      <c r="AB13438" s="5" t="s">
        <v>43</v>
      </c>
      <c r="AC13438" s="5" t="s">
        <v>44</v>
      </c>
      <c r="AD13438" s="2"/>
      <c r="AE13438" s="1"/>
    </row>
    <row r="13439" spans="1:31" ht="14.45">
      <c r="A13439" s="11"/>
      <c r="B13439" s="20"/>
      <c r="C13439" s="2" t="s">
        <v>41268</v>
      </c>
      <c r="D13439" s="14" t="s">
        <v>41269</v>
      </c>
      <c r="E13439" s="2" t="s">
        <v>41270</v>
      </c>
      <c r="F13439" s="2" t="s">
        <v>41001</v>
      </c>
      <c r="G13439" s="8">
        <v>110</v>
      </c>
      <c r="H13439" s="5">
        <v>6</v>
      </c>
      <c r="I13439" s="5" t="s">
        <v>1518</v>
      </c>
      <c r="J13439" s="5" t="s">
        <v>40939</v>
      </c>
      <c r="K13439" s="2" t="s">
        <v>40940</v>
      </c>
      <c r="L13439" s="5" t="s">
        <v>40939</v>
      </c>
      <c r="M13439" s="2" t="s">
        <v>40940</v>
      </c>
      <c r="N13439" s="5" t="s">
        <v>36266</v>
      </c>
      <c r="O13439" s="5" t="s">
        <v>38</v>
      </c>
      <c r="P13439" s="5" t="s">
        <v>39</v>
      </c>
      <c r="Q13439" s="5" t="s">
        <v>40</v>
      </c>
      <c r="R13439" s="5" t="s">
        <v>1522</v>
      </c>
      <c r="S13439" s="5" t="s">
        <v>1523</v>
      </c>
      <c r="T13439" s="5" t="s">
        <v>42</v>
      </c>
      <c r="U13439" s="2">
        <v>0.93700000000000006</v>
      </c>
      <c r="V13439" s="2">
        <v>0.51800000000000002</v>
      </c>
      <c r="W13439" s="2">
        <v>0.01</v>
      </c>
      <c r="X13439" s="2">
        <v>76.900000000000006</v>
      </c>
      <c r="Y13439" s="2">
        <v>7.6</v>
      </c>
      <c r="Z13439" s="2">
        <v>16.7</v>
      </c>
      <c r="AA13439" s="5"/>
      <c r="AB13439" s="5" t="s">
        <v>43</v>
      </c>
      <c r="AC13439" s="5" t="s">
        <v>44</v>
      </c>
      <c r="AD13439" s="2"/>
      <c r="AE13439" s="1"/>
    </row>
    <row r="13440" spans="1:31" ht="14.45">
      <c r="A13440" s="11"/>
      <c r="B13440" s="20"/>
      <c r="C13440" s="2" t="s">
        <v>41271</v>
      </c>
      <c r="D13440" s="14" t="s">
        <v>41272</v>
      </c>
      <c r="E13440" s="2" t="s">
        <v>41273</v>
      </c>
      <c r="F13440" s="2" t="s">
        <v>41005</v>
      </c>
      <c r="G13440" s="8">
        <v>110</v>
      </c>
      <c r="H13440" s="5">
        <v>6</v>
      </c>
      <c r="I13440" s="5" t="s">
        <v>1518</v>
      </c>
      <c r="J13440" s="5" t="s">
        <v>40939</v>
      </c>
      <c r="K13440" s="2" t="s">
        <v>40940</v>
      </c>
      <c r="L13440" s="5" t="s">
        <v>40939</v>
      </c>
      <c r="M13440" s="2" t="s">
        <v>40940</v>
      </c>
      <c r="N13440" s="5" t="s">
        <v>36266</v>
      </c>
      <c r="O13440" s="5" t="s">
        <v>38</v>
      </c>
      <c r="P13440" s="5" t="s">
        <v>39</v>
      </c>
      <c r="Q13440" s="5" t="s">
        <v>40</v>
      </c>
      <c r="R13440" s="5" t="s">
        <v>1522</v>
      </c>
      <c r="S13440" s="5" t="s">
        <v>1523</v>
      </c>
      <c r="T13440" s="5" t="s">
        <v>42</v>
      </c>
      <c r="U13440" s="2">
        <v>0.94099999999999995</v>
      </c>
      <c r="V13440" s="2">
        <v>0.52200000000000002</v>
      </c>
      <c r="W13440" s="2">
        <v>0.01</v>
      </c>
      <c r="X13440" s="2">
        <v>76.900000000000006</v>
      </c>
      <c r="Y13440" s="2">
        <v>7.6</v>
      </c>
      <c r="Z13440" s="2">
        <v>16.7</v>
      </c>
      <c r="AA13440" s="5"/>
      <c r="AB13440" s="5" t="s">
        <v>43</v>
      </c>
      <c r="AC13440" s="5" t="s">
        <v>44</v>
      </c>
      <c r="AD13440" s="2"/>
      <c r="AE13440" s="1"/>
    </row>
    <row r="13441" spans="1:31" ht="14.45">
      <c r="A13441" s="11"/>
      <c r="B13441" s="20"/>
      <c r="C13441" s="2" t="s">
        <v>41274</v>
      </c>
      <c r="D13441" s="14" t="s">
        <v>41275</v>
      </c>
      <c r="E13441" s="2" t="s">
        <v>41276</v>
      </c>
      <c r="F13441" s="2" t="s">
        <v>41009</v>
      </c>
      <c r="G13441" s="8">
        <v>110</v>
      </c>
      <c r="H13441" s="5">
        <v>6</v>
      </c>
      <c r="I13441" s="5" t="s">
        <v>1518</v>
      </c>
      <c r="J13441" s="5" t="s">
        <v>40939</v>
      </c>
      <c r="K13441" s="2" t="s">
        <v>40940</v>
      </c>
      <c r="L13441" s="5" t="s">
        <v>40939</v>
      </c>
      <c r="M13441" s="2" t="s">
        <v>40940</v>
      </c>
      <c r="N13441" s="5" t="s">
        <v>36266</v>
      </c>
      <c r="O13441" s="5" t="s">
        <v>38</v>
      </c>
      <c r="P13441" s="5" t="s">
        <v>39</v>
      </c>
      <c r="Q13441" s="5" t="s">
        <v>40</v>
      </c>
      <c r="R13441" s="5" t="s">
        <v>1522</v>
      </c>
      <c r="S13441" s="5" t="s">
        <v>1523</v>
      </c>
      <c r="T13441" s="5" t="s">
        <v>42</v>
      </c>
      <c r="U13441" s="2">
        <v>0.94</v>
      </c>
      <c r="V13441" s="2">
        <v>0.52100000000000002</v>
      </c>
      <c r="W13441" s="2">
        <v>0.01</v>
      </c>
      <c r="X13441" s="2">
        <v>76.900000000000006</v>
      </c>
      <c r="Y13441" s="2">
        <v>7.6</v>
      </c>
      <c r="Z13441" s="2">
        <v>16.7</v>
      </c>
      <c r="AA13441" s="5"/>
      <c r="AB13441" s="5" t="s">
        <v>43</v>
      </c>
      <c r="AC13441" s="5" t="s">
        <v>44</v>
      </c>
      <c r="AD13441" s="2"/>
      <c r="AE13441" s="1"/>
    </row>
    <row r="13442" spans="1:31" ht="14.45">
      <c r="A13442" s="11"/>
      <c r="B13442" s="20"/>
      <c r="C13442" s="2" t="s">
        <v>41277</v>
      </c>
      <c r="D13442" s="14" t="s">
        <v>41278</v>
      </c>
      <c r="E13442" s="2" t="s">
        <v>41279</v>
      </c>
      <c r="F13442" s="2" t="s">
        <v>41013</v>
      </c>
      <c r="G13442" s="8">
        <v>110</v>
      </c>
      <c r="H13442" s="5">
        <v>6</v>
      </c>
      <c r="I13442" s="5" t="s">
        <v>1518</v>
      </c>
      <c r="J13442" s="5" t="s">
        <v>40939</v>
      </c>
      <c r="K13442" s="2" t="s">
        <v>40940</v>
      </c>
      <c r="L13442" s="5" t="s">
        <v>40939</v>
      </c>
      <c r="M13442" s="2" t="s">
        <v>40940</v>
      </c>
      <c r="N13442" s="5" t="s">
        <v>36266</v>
      </c>
      <c r="O13442" s="5" t="s">
        <v>38</v>
      </c>
      <c r="P13442" s="5" t="s">
        <v>39</v>
      </c>
      <c r="Q13442" s="5" t="s">
        <v>40</v>
      </c>
      <c r="R13442" s="5" t="s">
        <v>1522</v>
      </c>
      <c r="S13442" s="5" t="s">
        <v>1523</v>
      </c>
      <c r="T13442" s="5" t="s">
        <v>42</v>
      </c>
      <c r="U13442" s="2">
        <v>0.94399999999999995</v>
      </c>
      <c r="V13442" s="2">
        <v>0.52500000000000002</v>
      </c>
      <c r="W13442" s="2">
        <v>0.01</v>
      </c>
      <c r="X13442" s="2">
        <v>76.900000000000006</v>
      </c>
      <c r="Y13442" s="2">
        <v>7.6</v>
      </c>
      <c r="Z13442" s="2">
        <v>16.7</v>
      </c>
      <c r="AA13442" s="5"/>
      <c r="AB13442" s="5" t="s">
        <v>43</v>
      </c>
      <c r="AC13442" s="5" t="s">
        <v>44</v>
      </c>
      <c r="AD13442" s="2"/>
      <c r="AE13442" s="1"/>
    </row>
    <row r="13443" spans="1:31" ht="14.45">
      <c r="A13443" s="11"/>
      <c r="B13443" s="20"/>
      <c r="C13443" s="2" t="s">
        <v>41280</v>
      </c>
      <c r="D13443" s="14" t="s">
        <v>41281</v>
      </c>
      <c r="E13443" s="2" t="s">
        <v>41282</v>
      </c>
      <c r="F13443" s="2" t="s">
        <v>7396</v>
      </c>
      <c r="G13443" s="8">
        <v>96</v>
      </c>
      <c r="H13443" s="5">
        <v>6</v>
      </c>
      <c r="I13443" s="5" t="s">
        <v>1518</v>
      </c>
      <c r="J13443" s="5" t="s">
        <v>40939</v>
      </c>
      <c r="K13443" s="2" t="s">
        <v>40940</v>
      </c>
      <c r="L13443" s="5" t="s">
        <v>40939</v>
      </c>
      <c r="M13443" s="2" t="s">
        <v>40940</v>
      </c>
      <c r="N13443" s="5" t="s">
        <v>36266</v>
      </c>
      <c r="O13443" s="5" t="s">
        <v>38</v>
      </c>
      <c r="P13443" s="5" t="s">
        <v>39</v>
      </c>
      <c r="Q13443" s="5" t="s">
        <v>40</v>
      </c>
      <c r="R13443" s="5" t="s">
        <v>1522</v>
      </c>
      <c r="S13443" s="5" t="s">
        <v>1523</v>
      </c>
      <c r="T13443" s="5" t="s">
        <v>42</v>
      </c>
      <c r="U13443" s="2">
        <v>0.94</v>
      </c>
      <c r="V13443" s="2">
        <v>0.52100000000000002</v>
      </c>
      <c r="W13443" s="2">
        <v>0.01</v>
      </c>
      <c r="X13443" s="2">
        <v>76.900000000000006</v>
      </c>
      <c r="Y13443" s="2">
        <v>7.6</v>
      </c>
      <c r="Z13443" s="2">
        <v>16.7</v>
      </c>
      <c r="AA13443" s="5"/>
      <c r="AB13443" s="5" t="s">
        <v>43</v>
      </c>
      <c r="AC13443" s="5" t="s">
        <v>44</v>
      </c>
      <c r="AD13443" s="2"/>
      <c r="AE13443" s="1"/>
    </row>
    <row r="13444" spans="1:31" ht="14.45">
      <c r="A13444" s="11"/>
      <c r="B13444" s="20"/>
      <c r="C13444" s="2" t="s">
        <v>41283</v>
      </c>
      <c r="D13444" s="14" t="s">
        <v>41284</v>
      </c>
      <c r="E13444" s="2" t="s">
        <v>41285</v>
      </c>
      <c r="F13444" s="2" t="s">
        <v>7507</v>
      </c>
      <c r="G13444" s="8">
        <v>96</v>
      </c>
      <c r="H13444" s="5">
        <v>6</v>
      </c>
      <c r="I13444" s="5" t="s">
        <v>1518</v>
      </c>
      <c r="J13444" s="5" t="s">
        <v>40939</v>
      </c>
      <c r="K13444" s="2" t="s">
        <v>40940</v>
      </c>
      <c r="L13444" s="5" t="s">
        <v>40939</v>
      </c>
      <c r="M13444" s="2" t="s">
        <v>40940</v>
      </c>
      <c r="N13444" s="5" t="s">
        <v>36266</v>
      </c>
      <c r="O13444" s="5" t="s">
        <v>38</v>
      </c>
      <c r="P13444" s="5" t="s">
        <v>39</v>
      </c>
      <c r="Q13444" s="5" t="s">
        <v>40</v>
      </c>
      <c r="R13444" s="5" t="s">
        <v>1522</v>
      </c>
      <c r="S13444" s="5" t="s">
        <v>1523</v>
      </c>
      <c r="T13444" s="5" t="s">
        <v>42</v>
      </c>
      <c r="U13444" s="2">
        <v>0.94399999999999995</v>
      </c>
      <c r="V13444" s="2">
        <v>0.52500000000000002</v>
      </c>
      <c r="W13444" s="2">
        <v>0.01</v>
      </c>
      <c r="X13444" s="2">
        <v>76.900000000000006</v>
      </c>
      <c r="Y13444" s="2">
        <v>7.6</v>
      </c>
      <c r="Z13444" s="2">
        <v>16.7</v>
      </c>
      <c r="AA13444" s="5"/>
      <c r="AB13444" s="5" t="s">
        <v>43</v>
      </c>
      <c r="AC13444" s="5" t="s">
        <v>44</v>
      </c>
      <c r="AD13444" s="2"/>
      <c r="AE13444" s="1"/>
    </row>
    <row r="13445" spans="1:31" ht="14.45">
      <c r="A13445" s="11"/>
      <c r="B13445" s="20"/>
      <c r="C13445" s="2" t="s">
        <v>41286</v>
      </c>
      <c r="D13445" s="14" t="s">
        <v>41287</v>
      </c>
      <c r="E13445" s="2" t="s">
        <v>41288</v>
      </c>
      <c r="F13445" s="2" t="s">
        <v>41023</v>
      </c>
      <c r="G13445" s="8">
        <v>110</v>
      </c>
      <c r="H13445" s="5">
        <v>6</v>
      </c>
      <c r="I13445" s="5" t="s">
        <v>1518</v>
      </c>
      <c r="J13445" s="5" t="s">
        <v>40939</v>
      </c>
      <c r="K13445" s="2" t="s">
        <v>40940</v>
      </c>
      <c r="L13445" s="5" t="s">
        <v>40939</v>
      </c>
      <c r="M13445" s="2" t="s">
        <v>40940</v>
      </c>
      <c r="N13445" s="5" t="s">
        <v>36266</v>
      </c>
      <c r="O13445" s="5" t="s">
        <v>38</v>
      </c>
      <c r="P13445" s="5" t="s">
        <v>39</v>
      </c>
      <c r="Q13445" s="5" t="s">
        <v>40</v>
      </c>
      <c r="R13445" s="5" t="s">
        <v>1522</v>
      </c>
      <c r="S13445" s="5" t="s">
        <v>1523</v>
      </c>
      <c r="T13445" s="5" t="s">
        <v>42</v>
      </c>
      <c r="U13445" s="2">
        <v>0.92600000000000005</v>
      </c>
      <c r="V13445" s="2">
        <v>0.50700000000000001</v>
      </c>
      <c r="W13445" s="2">
        <v>0.01</v>
      </c>
      <c r="X13445" s="2">
        <v>76.900000000000006</v>
      </c>
      <c r="Y13445" s="2">
        <v>7.6</v>
      </c>
      <c r="Z13445" s="2">
        <v>16.7</v>
      </c>
      <c r="AA13445" s="5"/>
      <c r="AB13445" s="5" t="s">
        <v>43</v>
      </c>
      <c r="AC13445" s="5" t="s">
        <v>44</v>
      </c>
      <c r="AD13445" s="2"/>
      <c r="AE13445" s="1"/>
    </row>
    <row r="13446" spans="1:31" ht="14.45">
      <c r="A13446" s="11"/>
      <c r="B13446" s="20"/>
      <c r="C13446" s="2" t="s">
        <v>41289</v>
      </c>
      <c r="D13446" s="14" t="s">
        <v>41290</v>
      </c>
      <c r="E13446" s="2" t="s">
        <v>41291</v>
      </c>
      <c r="F13446" s="2" t="s">
        <v>41027</v>
      </c>
      <c r="G13446" s="8">
        <v>110</v>
      </c>
      <c r="H13446" s="5">
        <v>6</v>
      </c>
      <c r="I13446" s="5" t="s">
        <v>1518</v>
      </c>
      <c r="J13446" s="5" t="s">
        <v>40939</v>
      </c>
      <c r="K13446" s="2" t="s">
        <v>40940</v>
      </c>
      <c r="L13446" s="5" t="s">
        <v>40939</v>
      </c>
      <c r="M13446" s="2" t="s">
        <v>40940</v>
      </c>
      <c r="N13446" s="5" t="s">
        <v>36266</v>
      </c>
      <c r="O13446" s="5" t="s">
        <v>38</v>
      </c>
      <c r="P13446" s="5" t="s">
        <v>39</v>
      </c>
      <c r="Q13446" s="5" t="s">
        <v>40</v>
      </c>
      <c r="R13446" s="5" t="s">
        <v>1522</v>
      </c>
      <c r="S13446" s="5" t="s">
        <v>1523</v>
      </c>
      <c r="T13446" s="5" t="s">
        <v>42</v>
      </c>
      <c r="U13446" s="2">
        <v>0.93</v>
      </c>
      <c r="V13446" s="2">
        <v>0.51100000000000001</v>
      </c>
      <c r="W13446" s="2">
        <v>0.01</v>
      </c>
      <c r="X13446" s="2">
        <v>76.900000000000006</v>
      </c>
      <c r="Y13446" s="2">
        <v>7.6</v>
      </c>
      <c r="Z13446" s="2">
        <v>16.7</v>
      </c>
      <c r="AA13446" s="5"/>
      <c r="AB13446" s="5" t="s">
        <v>43</v>
      </c>
      <c r="AC13446" s="5" t="s">
        <v>44</v>
      </c>
      <c r="AD13446" s="2"/>
      <c r="AE13446" s="1"/>
    </row>
    <row r="13447" spans="1:31" ht="14.45">
      <c r="A13447" s="11"/>
      <c r="B13447" s="20"/>
      <c r="C13447" s="2" t="s">
        <v>41292</v>
      </c>
      <c r="D13447" s="14" t="s">
        <v>41293</v>
      </c>
      <c r="E13447" s="2" t="s">
        <v>41294</v>
      </c>
      <c r="F13447" s="2" t="s">
        <v>41031</v>
      </c>
      <c r="G13447" s="8">
        <v>110</v>
      </c>
      <c r="H13447" s="5">
        <v>6</v>
      </c>
      <c r="I13447" s="5" t="s">
        <v>1518</v>
      </c>
      <c r="J13447" s="5" t="s">
        <v>40939</v>
      </c>
      <c r="K13447" s="2" t="s">
        <v>40940</v>
      </c>
      <c r="L13447" s="5" t="s">
        <v>40939</v>
      </c>
      <c r="M13447" s="2" t="s">
        <v>40940</v>
      </c>
      <c r="N13447" s="5" t="s">
        <v>36266</v>
      </c>
      <c r="O13447" s="5" t="s">
        <v>38</v>
      </c>
      <c r="P13447" s="5" t="s">
        <v>39</v>
      </c>
      <c r="Q13447" s="5" t="s">
        <v>40</v>
      </c>
      <c r="R13447" s="5" t="s">
        <v>1522</v>
      </c>
      <c r="S13447" s="5" t="s">
        <v>1523</v>
      </c>
      <c r="T13447" s="5" t="s">
        <v>42</v>
      </c>
      <c r="U13447" s="2">
        <v>0.92600000000000005</v>
      </c>
      <c r="V13447" s="2">
        <v>0.50700000000000001</v>
      </c>
      <c r="W13447" s="2">
        <v>0.01</v>
      </c>
      <c r="X13447" s="2">
        <v>76.900000000000006</v>
      </c>
      <c r="Y13447" s="2">
        <v>7.6</v>
      </c>
      <c r="Z13447" s="2">
        <v>16.7</v>
      </c>
      <c r="AA13447" s="5"/>
      <c r="AB13447" s="5" t="s">
        <v>43</v>
      </c>
      <c r="AC13447" s="5" t="s">
        <v>44</v>
      </c>
      <c r="AD13447" s="2"/>
      <c r="AE13447" s="1"/>
    </row>
    <row r="13448" spans="1:31" ht="14.45">
      <c r="A13448" s="11"/>
      <c r="B13448" s="20"/>
      <c r="C13448" s="2" t="s">
        <v>41295</v>
      </c>
      <c r="D13448" s="14" t="s">
        <v>41296</v>
      </c>
      <c r="E13448" s="2" t="s">
        <v>41297</v>
      </c>
      <c r="F13448" s="2" t="s">
        <v>41035</v>
      </c>
      <c r="G13448" s="8">
        <v>110</v>
      </c>
      <c r="H13448" s="5">
        <v>6</v>
      </c>
      <c r="I13448" s="5" t="s">
        <v>1518</v>
      </c>
      <c r="J13448" s="5" t="s">
        <v>40939</v>
      </c>
      <c r="K13448" s="2" t="s">
        <v>40940</v>
      </c>
      <c r="L13448" s="5" t="s">
        <v>40939</v>
      </c>
      <c r="M13448" s="2" t="s">
        <v>40940</v>
      </c>
      <c r="N13448" s="5" t="s">
        <v>36266</v>
      </c>
      <c r="O13448" s="5" t="s">
        <v>38</v>
      </c>
      <c r="P13448" s="5" t="s">
        <v>39</v>
      </c>
      <c r="Q13448" s="5" t="s">
        <v>40</v>
      </c>
      <c r="R13448" s="5" t="s">
        <v>1522</v>
      </c>
      <c r="S13448" s="5" t="s">
        <v>1523</v>
      </c>
      <c r="T13448" s="5" t="s">
        <v>42</v>
      </c>
      <c r="U13448" s="2">
        <v>0.93</v>
      </c>
      <c r="V13448" s="2">
        <v>0.51100000000000001</v>
      </c>
      <c r="W13448" s="2">
        <v>0.01</v>
      </c>
      <c r="X13448" s="2">
        <v>76.900000000000006</v>
      </c>
      <c r="Y13448" s="2">
        <v>7.6</v>
      </c>
      <c r="Z13448" s="2">
        <v>16.7</v>
      </c>
      <c r="AA13448" s="5"/>
      <c r="AB13448" s="5" t="s">
        <v>43</v>
      </c>
      <c r="AC13448" s="5" t="s">
        <v>44</v>
      </c>
      <c r="AD13448" s="2"/>
      <c r="AE13448" s="1"/>
    </row>
    <row r="13449" spans="1:31" ht="14.45">
      <c r="A13449" s="11"/>
      <c r="B13449" s="20"/>
      <c r="C13449" s="2" t="s">
        <v>41298</v>
      </c>
      <c r="D13449" s="14" t="s">
        <v>41299</v>
      </c>
      <c r="E13449" s="2" t="s">
        <v>41300</v>
      </c>
      <c r="F13449" s="2" t="s">
        <v>7449</v>
      </c>
      <c r="G13449" s="8">
        <v>110</v>
      </c>
      <c r="H13449" s="5">
        <v>6</v>
      </c>
      <c r="I13449" s="5" t="s">
        <v>1518</v>
      </c>
      <c r="J13449" s="5" t="s">
        <v>40939</v>
      </c>
      <c r="K13449" s="2" t="s">
        <v>40940</v>
      </c>
      <c r="L13449" s="5" t="s">
        <v>40939</v>
      </c>
      <c r="M13449" s="2" t="s">
        <v>40940</v>
      </c>
      <c r="N13449" s="5" t="s">
        <v>36266</v>
      </c>
      <c r="O13449" s="5" t="s">
        <v>38</v>
      </c>
      <c r="P13449" s="5" t="s">
        <v>39</v>
      </c>
      <c r="Q13449" s="5" t="s">
        <v>40</v>
      </c>
      <c r="R13449" s="5" t="s">
        <v>1522</v>
      </c>
      <c r="S13449" s="5" t="s">
        <v>1523</v>
      </c>
      <c r="T13449" s="5" t="s">
        <v>42</v>
      </c>
      <c r="U13449" s="2">
        <v>0.92600000000000005</v>
      </c>
      <c r="V13449" s="2">
        <v>0.50700000000000001</v>
      </c>
      <c r="W13449" s="2">
        <v>0.01</v>
      </c>
      <c r="X13449" s="2">
        <v>76.900000000000006</v>
      </c>
      <c r="Y13449" s="2">
        <v>7.6</v>
      </c>
      <c r="Z13449" s="2">
        <v>16.7</v>
      </c>
      <c r="AA13449" s="5"/>
      <c r="AB13449" s="5" t="s">
        <v>43</v>
      </c>
      <c r="AC13449" s="5" t="s">
        <v>44</v>
      </c>
      <c r="AD13449" s="2"/>
      <c r="AE13449" s="1"/>
    </row>
    <row r="13450" spans="1:31" ht="14.45">
      <c r="A13450" s="11"/>
      <c r="B13450" s="20"/>
      <c r="C13450" s="2" t="s">
        <v>41301</v>
      </c>
      <c r="D13450" s="14" t="s">
        <v>41302</v>
      </c>
      <c r="E13450" s="2" t="s">
        <v>41303</v>
      </c>
      <c r="F13450" s="2" t="s">
        <v>7581</v>
      </c>
      <c r="G13450" s="8">
        <v>110</v>
      </c>
      <c r="H13450" s="5">
        <v>6</v>
      </c>
      <c r="I13450" s="5" t="s">
        <v>1518</v>
      </c>
      <c r="J13450" s="5" t="s">
        <v>40939</v>
      </c>
      <c r="K13450" s="2" t="s">
        <v>40940</v>
      </c>
      <c r="L13450" s="5" t="s">
        <v>40939</v>
      </c>
      <c r="M13450" s="2" t="s">
        <v>40940</v>
      </c>
      <c r="N13450" s="5" t="s">
        <v>36266</v>
      </c>
      <c r="O13450" s="5" t="s">
        <v>38</v>
      </c>
      <c r="P13450" s="5" t="s">
        <v>39</v>
      </c>
      <c r="Q13450" s="5" t="s">
        <v>40</v>
      </c>
      <c r="R13450" s="5" t="s">
        <v>1522</v>
      </c>
      <c r="S13450" s="5" t="s">
        <v>1523</v>
      </c>
      <c r="T13450" s="5" t="s">
        <v>42</v>
      </c>
      <c r="U13450" s="2">
        <v>0.93</v>
      </c>
      <c r="V13450" s="2">
        <v>0.51100000000000001</v>
      </c>
      <c r="W13450" s="2">
        <v>0.01</v>
      </c>
      <c r="X13450" s="2">
        <v>76.900000000000006</v>
      </c>
      <c r="Y13450" s="2">
        <v>7.6</v>
      </c>
      <c r="Z13450" s="2">
        <v>16.7</v>
      </c>
      <c r="AA13450" s="5"/>
      <c r="AB13450" s="5" t="s">
        <v>43</v>
      </c>
      <c r="AC13450" s="5" t="s">
        <v>44</v>
      </c>
      <c r="AD13450" s="2"/>
      <c r="AE13450" s="1"/>
    </row>
    <row r="13451" spans="1:31" ht="14.45">
      <c r="A13451" s="11"/>
      <c r="B13451" s="20"/>
      <c r="C13451" s="2" t="s">
        <v>41304</v>
      </c>
      <c r="D13451" s="14" t="s">
        <v>41305</v>
      </c>
      <c r="E13451" s="2" t="s">
        <v>41306</v>
      </c>
      <c r="F13451" s="2" t="s">
        <v>41045</v>
      </c>
      <c r="G13451" s="8">
        <v>110</v>
      </c>
      <c r="H13451" s="5">
        <v>6</v>
      </c>
      <c r="I13451" s="5" t="s">
        <v>1518</v>
      </c>
      <c r="J13451" s="5" t="s">
        <v>40939</v>
      </c>
      <c r="K13451" s="2" t="s">
        <v>40940</v>
      </c>
      <c r="L13451" s="5" t="s">
        <v>40939</v>
      </c>
      <c r="M13451" s="2" t="s">
        <v>40940</v>
      </c>
      <c r="N13451" s="5" t="s">
        <v>36266</v>
      </c>
      <c r="O13451" s="5" t="s">
        <v>38</v>
      </c>
      <c r="P13451" s="5" t="s">
        <v>39</v>
      </c>
      <c r="Q13451" s="5" t="s">
        <v>40</v>
      </c>
      <c r="R13451" s="5" t="s">
        <v>1522</v>
      </c>
      <c r="S13451" s="5" t="s">
        <v>1523</v>
      </c>
      <c r="T13451" s="5" t="s">
        <v>42</v>
      </c>
      <c r="U13451" s="2">
        <v>0.94299999999999995</v>
      </c>
      <c r="V13451" s="2">
        <v>0.52400000000000002</v>
      </c>
      <c r="W13451" s="2">
        <v>0.01</v>
      </c>
      <c r="X13451" s="2">
        <v>76.900000000000006</v>
      </c>
      <c r="Y13451" s="2">
        <v>7.6</v>
      </c>
      <c r="Z13451" s="2">
        <v>16.7</v>
      </c>
      <c r="AA13451" s="5"/>
      <c r="AB13451" s="5" t="s">
        <v>43</v>
      </c>
      <c r="AC13451" s="5" t="s">
        <v>44</v>
      </c>
      <c r="AD13451" s="2"/>
      <c r="AE13451" s="1"/>
    </row>
    <row r="13452" spans="1:31" ht="14.45">
      <c r="A13452" s="11"/>
      <c r="B13452" s="20"/>
      <c r="C13452" s="2" t="s">
        <v>41307</v>
      </c>
      <c r="D13452" s="14" t="s">
        <v>41308</v>
      </c>
      <c r="E13452" s="2" t="s">
        <v>41309</v>
      </c>
      <c r="F13452" s="2" t="s">
        <v>41049</v>
      </c>
      <c r="G13452" s="8">
        <v>110</v>
      </c>
      <c r="H13452" s="5">
        <v>6</v>
      </c>
      <c r="I13452" s="5" t="s">
        <v>1518</v>
      </c>
      <c r="J13452" s="5" t="s">
        <v>40939</v>
      </c>
      <c r="K13452" s="2" t="s">
        <v>40940</v>
      </c>
      <c r="L13452" s="5" t="s">
        <v>40939</v>
      </c>
      <c r="M13452" s="2" t="s">
        <v>40940</v>
      </c>
      <c r="N13452" s="5" t="s">
        <v>36266</v>
      </c>
      <c r="O13452" s="5" t="s">
        <v>38</v>
      </c>
      <c r="P13452" s="5" t="s">
        <v>39</v>
      </c>
      <c r="Q13452" s="5" t="s">
        <v>40</v>
      </c>
      <c r="R13452" s="5" t="s">
        <v>1522</v>
      </c>
      <c r="S13452" s="5" t="s">
        <v>1523</v>
      </c>
      <c r="T13452" s="5" t="s">
        <v>42</v>
      </c>
      <c r="U13452" s="2">
        <v>0.94699999999999995</v>
      </c>
      <c r="V13452" s="2">
        <v>0.52800000000000002</v>
      </c>
      <c r="W13452" s="2">
        <v>0.01</v>
      </c>
      <c r="X13452" s="2">
        <v>76.900000000000006</v>
      </c>
      <c r="Y13452" s="2">
        <v>7.6</v>
      </c>
      <c r="Z13452" s="2">
        <v>16.7</v>
      </c>
      <c r="AA13452" s="5"/>
      <c r="AB13452" s="5" t="s">
        <v>43</v>
      </c>
      <c r="AC13452" s="5" t="s">
        <v>44</v>
      </c>
      <c r="AD13452" s="2"/>
      <c r="AE13452" s="1"/>
    </row>
    <row r="13453" spans="1:31" ht="14.45">
      <c r="A13453" s="11"/>
      <c r="B13453" s="20"/>
      <c r="C13453" s="2" t="s">
        <v>41310</v>
      </c>
      <c r="D13453" s="14" t="s">
        <v>41311</v>
      </c>
      <c r="E13453" s="2" t="s">
        <v>41312</v>
      </c>
      <c r="F13453" s="2" t="s">
        <v>7204</v>
      </c>
      <c r="G13453" s="8">
        <v>109</v>
      </c>
      <c r="H13453" s="5">
        <v>6</v>
      </c>
      <c r="I13453" s="5" t="s">
        <v>1518</v>
      </c>
      <c r="J13453" s="5" t="s">
        <v>40939</v>
      </c>
      <c r="K13453" s="2" t="s">
        <v>40940</v>
      </c>
      <c r="L13453" s="5" t="s">
        <v>40939</v>
      </c>
      <c r="M13453" s="2" t="s">
        <v>40940</v>
      </c>
      <c r="N13453" s="5" t="s">
        <v>36266</v>
      </c>
      <c r="O13453" s="5" t="s">
        <v>38</v>
      </c>
      <c r="P13453" s="5" t="s">
        <v>39</v>
      </c>
      <c r="Q13453" s="5" t="s">
        <v>40</v>
      </c>
      <c r="R13453" s="5" t="s">
        <v>1522</v>
      </c>
      <c r="S13453" s="5" t="s">
        <v>1523</v>
      </c>
      <c r="T13453" s="5" t="s">
        <v>42</v>
      </c>
      <c r="U13453" s="2">
        <v>1.1020000000000001</v>
      </c>
      <c r="V13453" s="2">
        <v>0.57499999999999996</v>
      </c>
      <c r="W13453" s="2">
        <v>1.2999999999999999E-2</v>
      </c>
      <c r="X13453" s="2">
        <v>99.1</v>
      </c>
      <c r="Y13453" s="2">
        <v>7.6</v>
      </c>
      <c r="Z13453" s="2">
        <v>16.7</v>
      </c>
      <c r="AA13453" s="5"/>
      <c r="AB13453" s="5" t="s">
        <v>43</v>
      </c>
      <c r="AC13453" s="5" t="s">
        <v>44</v>
      </c>
      <c r="AD13453" s="2"/>
      <c r="AE13453" s="1"/>
    </row>
    <row r="13454" spans="1:31" ht="14.45">
      <c r="A13454" s="11"/>
      <c r="B13454" s="20"/>
      <c r="C13454" s="2" t="s">
        <v>41313</v>
      </c>
      <c r="D13454" s="14" t="s">
        <v>41314</v>
      </c>
      <c r="E13454" s="2" t="s">
        <v>41315</v>
      </c>
      <c r="F13454" s="2" t="s">
        <v>7514</v>
      </c>
      <c r="G13454" s="8">
        <v>109</v>
      </c>
      <c r="H13454" s="5">
        <v>6</v>
      </c>
      <c r="I13454" s="5" t="s">
        <v>1518</v>
      </c>
      <c r="J13454" s="5" t="s">
        <v>40939</v>
      </c>
      <c r="K13454" s="2" t="s">
        <v>40940</v>
      </c>
      <c r="L13454" s="5" t="s">
        <v>40939</v>
      </c>
      <c r="M13454" s="2" t="s">
        <v>40940</v>
      </c>
      <c r="N13454" s="5" t="s">
        <v>36266</v>
      </c>
      <c r="O13454" s="5" t="s">
        <v>38</v>
      </c>
      <c r="P13454" s="5" t="s">
        <v>39</v>
      </c>
      <c r="Q13454" s="5" t="s">
        <v>40</v>
      </c>
      <c r="R13454" s="5" t="s">
        <v>1522</v>
      </c>
      <c r="S13454" s="5" t="s">
        <v>1523</v>
      </c>
      <c r="T13454" s="5" t="s">
        <v>42</v>
      </c>
      <c r="U13454" s="2">
        <v>1.105</v>
      </c>
      <c r="V13454" s="2">
        <v>0.57799999999999996</v>
      </c>
      <c r="W13454" s="2">
        <v>1.2999999999999999E-2</v>
      </c>
      <c r="X13454" s="2">
        <v>99.1</v>
      </c>
      <c r="Y13454" s="2">
        <v>7.6</v>
      </c>
      <c r="Z13454" s="2">
        <v>16.7</v>
      </c>
      <c r="AA13454" s="5"/>
      <c r="AB13454" s="5" t="s">
        <v>43</v>
      </c>
      <c r="AC13454" s="5" t="s">
        <v>44</v>
      </c>
      <c r="AD13454" s="2"/>
      <c r="AE13454" s="1"/>
    </row>
    <row r="13455" spans="1:31" ht="14.45">
      <c r="A13455" s="11"/>
      <c r="B13455" s="20"/>
      <c r="C13455" s="2" t="s">
        <v>41316</v>
      </c>
      <c r="D13455" s="14" t="s">
        <v>41317</v>
      </c>
      <c r="E13455" s="2" t="s">
        <v>41318</v>
      </c>
      <c r="F13455" s="2" t="s">
        <v>41221</v>
      </c>
      <c r="G13455" s="8">
        <v>126</v>
      </c>
      <c r="H13455" s="5">
        <v>6</v>
      </c>
      <c r="I13455" s="5" t="s">
        <v>1518</v>
      </c>
      <c r="J13455" s="5" t="s">
        <v>40939</v>
      </c>
      <c r="K13455" s="2" t="s">
        <v>40940</v>
      </c>
      <c r="L13455" s="5" t="s">
        <v>40939</v>
      </c>
      <c r="M13455" s="2" t="s">
        <v>40940</v>
      </c>
      <c r="N13455" s="5" t="s">
        <v>36266</v>
      </c>
      <c r="O13455" s="5" t="s">
        <v>38</v>
      </c>
      <c r="P13455" s="5" t="s">
        <v>39</v>
      </c>
      <c r="Q13455" s="5" t="s">
        <v>40</v>
      </c>
      <c r="R13455" s="5" t="s">
        <v>1522</v>
      </c>
      <c r="S13455" s="5" t="s">
        <v>1523</v>
      </c>
      <c r="T13455" s="5" t="s">
        <v>42</v>
      </c>
      <c r="U13455" s="2">
        <v>1.1100000000000001</v>
      </c>
      <c r="V13455" s="2">
        <v>0.58299999999999996</v>
      </c>
      <c r="W13455" s="2">
        <v>1.2999999999999999E-2</v>
      </c>
      <c r="X13455" s="2">
        <v>99.1</v>
      </c>
      <c r="Y13455" s="2">
        <v>7.6</v>
      </c>
      <c r="Z13455" s="2">
        <v>16.7</v>
      </c>
      <c r="AA13455" s="5"/>
      <c r="AB13455" s="5" t="s">
        <v>43</v>
      </c>
      <c r="AC13455" s="5" t="s">
        <v>44</v>
      </c>
      <c r="AD13455" s="2"/>
      <c r="AE13455" s="1"/>
    </row>
    <row r="13456" spans="1:31" ht="14.45">
      <c r="A13456" s="11"/>
      <c r="B13456" s="20"/>
      <c r="C13456" s="2" t="s">
        <v>41319</v>
      </c>
      <c r="D13456" s="14" t="s">
        <v>41320</v>
      </c>
      <c r="E13456" s="2" t="s">
        <v>41321</v>
      </c>
      <c r="F13456" s="2" t="s">
        <v>40951</v>
      </c>
      <c r="G13456" s="8">
        <v>126</v>
      </c>
      <c r="H13456" s="5">
        <v>6</v>
      </c>
      <c r="I13456" s="5" t="s">
        <v>1518</v>
      </c>
      <c r="J13456" s="5" t="s">
        <v>40939</v>
      </c>
      <c r="K13456" s="2" t="s">
        <v>40940</v>
      </c>
      <c r="L13456" s="5" t="s">
        <v>40939</v>
      </c>
      <c r="M13456" s="2" t="s">
        <v>40940</v>
      </c>
      <c r="N13456" s="5" t="s">
        <v>36266</v>
      </c>
      <c r="O13456" s="5" t="s">
        <v>38</v>
      </c>
      <c r="P13456" s="5" t="s">
        <v>39</v>
      </c>
      <c r="Q13456" s="5" t="s">
        <v>40</v>
      </c>
      <c r="R13456" s="5" t="s">
        <v>1522</v>
      </c>
      <c r="S13456" s="5" t="s">
        <v>1523</v>
      </c>
      <c r="T13456" s="5" t="s">
        <v>42</v>
      </c>
      <c r="U13456" s="2">
        <v>1.113</v>
      </c>
      <c r="V13456" s="2">
        <v>0.58599999999999997</v>
      </c>
      <c r="W13456" s="2">
        <v>1.2999999999999999E-2</v>
      </c>
      <c r="X13456" s="2">
        <v>99.1</v>
      </c>
      <c r="Y13456" s="2">
        <v>7.6</v>
      </c>
      <c r="Z13456" s="2">
        <v>16.7</v>
      </c>
      <c r="AA13456" s="5"/>
      <c r="AB13456" s="5" t="s">
        <v>43</v>
      </c>
      <c r="AC13456" s="5" t="s">
        <v>44</v>
      </c>
      <c r="AD13456" s="2"/>
      <c r="AE13456" s="1"/>
    </row>
    <row r="13457" spans="1:31" ht="14.45">
      <c r="A13457" s="11"/>
      <c r="B13457" s="20"/>
      <c r="C13457" s="2" t="s">
        <v>41322</v>
      </c>
      <c r="D13457" s="14" t="s">
        <v>41323</v>
      </c>
      <c r="E13457" s="2" t="s">
        <v>41324</v>
      </c>
      <c r="F13457" s="2" t="s">
        <v>7208</v>
      </c>
      <c r="G13457" s="8">
        <v>109</v>
      </c>
      <c r="H13457" s="5">
        <v>6</v>
      </c>
      <c r="I13457" s="5" t="s">
        <v>1518</v>
      </c>
      <c r="J13457" s="5" t="s">
        <v>40939</v>
      </c>
      <c r="K13457" s="2" t="s">
        <v>40940</v>
      </c>
      <c r="L13457" s="5" t="s">
        <v>40939</v>
      </c>
      <c r="M13457" s="2" t="s">
        <v>40940</v>
      </c>
      <c r="N13457" s="5" t="s">
        <v>36266</v>
      </c>
      <c r="O13457" s="5" t="s">
        <v>38</v>
      </c>
      <c r="P13457" s="5" t="s">
        <v>39</v>
      </c>
      <c r="Q13457" s="5" t="s">
        <v>40</v>
      </c>
      <c r="R13457" s="5" t="s">
        <v>1522</v>
      </c>
      <c r="S13457" s="5" t="s">
        <v>1523</v>
      </c>
      <c r="T13457" s="5" t="s">
        <v>42</v>
      </c>
      <c r="U13457" s="2">
        <v>1.113</v>
      </c>
      <c r="V13457" s="2">
        <v>0.58599999999999997</v>
      </c>
      <c r="W13457" s="2">
        <v>1.2999999999999999E-2</v>
      </c>
      <c r="X13457" s="2">
        <v>99.1</v>
      </c>
      <c r="Y13457" s="2">
        <v>7.6</v>
      </c>
      <c r="Z13457" s="2">
        <v>16.7</v>
      </c>
      <c r="AA13457" s="5"/>
      <c r="AB13457" s="5" t="s">
        <v>43</v>
      </c>
      <c r="AC13457" s="5" t="s">
        <v>44</v>
      </c>
      <c r="AD13457" s="2"/>
      <c r="AE13457" s="1"/>
    </row>
    <row r="13458" spans="1:31" ht="14.45">
      <c r="A13458" s="11"/>
      <c r="B13458" s="20"/>
      <c r="C13458" s="2" t="s">
        <v>41325</v>
      </c>
      <c r="D13458" s="14" t="s">
        <v>41326</v>
      </c>
      <c r="E13458" s="2" t="s">
        <v>41327</v>
      </c>
      <c r="F13458" s="2" t="s">
        <v>7521</v>
      </c>
      <c r="G13458" s="8">
        <v>109</v>
      </c>
      <c r="H13458" s="5">
        <v>6</v>
      </c>
      <c r="I13458" s="5" t="s">
        <v>1518</v>
      </c>
      <c r="J13458" s="5" t="s">
        <v>40939</v>
      </c>
      <c r="K13458" s="2" t="s">
        <v>40940</v>
      </c>
      <c r="L13458" s="5" t="s">
        <v>40939</v>
      </c>
      <c r="M13458" s="2" t="s">
        <v>40940</v>
      </c>
      <c r="N13458" s="5" t="s">
        <v>36266</v>
      </c>
      <c r="O13458" s="5" t="s">
        <v>38</v>
      </c>
      <c r="P13458" s="5" t="s">
        <v>39</v>
      </c>
      <c r="Q13458" s="5" t="s">
        <v>40</v>
      </c>
      <c r="R13458" s="5" t="s">
        <v>1522</v>
      </c>
      <c r="S13458" s="5" t="s">
        <v>1523</v>
      </c>
      <c r="T13458" s="5" t="s">
        <v>42</v>
      </c>
      <c r="U13458" s="2">
        <v>1.1160000000000001</v>
      </c>
      <c r="V13458" s="2">
        <v>0.58899999999999997</v>
      </c>
      <c r="W13458" s="2">
        <v>1.2999999999999999E-2</v>
      </c>
      <c r="X13458" s="2">
        <v>99.1</v>
      </c>
      <c r="Y13458" s="2">
        <v>7.6</v>
      </c>
      <c r="Z13458" s="2">
        <v>16.7</v>
      </c>
      <c r="AA13458" s="5"/>
      <c r="AB13458" s="5" t="s">
        <v>43</v>
      </c>
      <c r="AC13458" s="5" t="s">
        <v>44</v>
      </c>
      <c r="AD13458" s="2"/>
      <c r="AE13458" s="1"/>
    </row>
    <row r="13459" spans="1:31" ht="14.45">
      <c r="A13459" s="11"/>
      <c r="B13459" s="20"/>
      <c r="C13459" s="2" t="s">
        <v>41328</v>
      </c>
      <c r="D13459" s="14" t="s">
        <v>41329</v>
      </c>
      <c r="E13459" s="2" t="s">
        <v>41330</v>
      </c>
      <c r="F13459" s="2" t="s">
        <v>36273</v>
      </c>
      <c r="G13459" s="8">
        <v>109</v>
      </c>
      <c r="H13459" s="5">
        <v>6</v>
      </c>
      <c r="I13459" s="5" t="s">
        <v>1518</v>
      </c>
      <c r="J13459" s="5" t="s">
        <v>40939</v>
      </c>
      <c r="K13459" s="2" t="s">
        <v>40940</v>
      </c>
      <c r="L13459" s="5" t="s">
        <v>40939</v>
      </c>
      <c r="M13459" s="2" t="s">
        <v>40940</v>
      </c>
      <c r="N13459" s="5" t="s">
        <v>36266</v>
      </c>
      <c r="O13459" s="5" t="s">
        <v>38</v>
      </c>
      <c r="P13459" s="5" t="s">
        <v>39</v>
      </c>
      <c r="Q13459" s="5" t="s">
        <v>40</v>
      </c>
      <c r="R13459" s="5" t="s">
        <v>1522</v>
      </c>
      <c r="S13459" s="5" t="s">
        <v>1523</v>
      </c>
      <c r="T13459" s="5" t="s">
        <v>42</v>
      </c>
      <c r="U13459" s="2">
        <v>1.1200000000000001</v>
      </c>
      <c r="V13459" s="2">
        <v>0.59299999999999997</v>
      </c>
      <c r="W13459" s="2">
        <v>1.2999999999999999E-2</v>
      </c>
      <c r="X13459" s="2">
        <v>99.1</v>
      </c>
      <c r="Y13459" s="2">
        <v>7.6</v>
      </c>
      <c r="Z13459" s="2">
        <v>16.7</v>
      </c>
      <c r="AA13459" s="5"/>
      <c r="AB13459" s="5" t="s">
        <v>43</v>
      </c>
      <c r="AC13459" s="5" t="s">
        <v>44</v>
      </c>
      <c r="AD13459" s="2"/>
      <c r="AE13459" s="1"/>
    </row>
    <row r="13460" spans="1:31" ht="14.45">
      <c r="A13460" s="11"/>
      <c r="B13460" s="20"/>
      <c r="C13460" s="2" t="s">
        <v>41331</v>
      </c>
      <c r="D13460" s="14" t="s">
        <v>41332</v>
      </c>
      <c r="E13460" s="2" t="s">
        <v>41333</v>
      </c>
      <c r="F13460" s="2" t="s">
        <v>36277</v>
      </c>
      <c r="G13460" s="8">
        <v>109</v>
      </c>
      <c r="H13460" s="5">
        <v>6</v>
      </c>
      <c r="I13460" s="5" t="s">
        <v>1518</v>
      </c>
      <c r="J13460" s="5" t="s">
        <v>40939</v>
      </c>
      <c r="K13460" s="2" t="s">
        <v>40940</v>
      </c>
      <c r="L13460" s="5" t="s">
        <v>40939</v>
      </c>
      <c r="M13460" s="2" t="s">
        <v>40940</v>
      </c>
      <c r="N13460" s="5" t="s">
        <v>36266</v>
      </c>
      <c r="O13460" s="5" t="s">
        <v>38</v>
      </c>
      <c r="P13460" s="5" t="s">
        <v>39</v>
      </c>
      <c r="Q13460" s="5" t="s">
        <v>40</v>
      </c>
      <c r="R13460" s="5" t="s">
        <v>1522</v>
      </c>
      <c r="S13460" s="5" t="s">
        <v>1523</v>
      </c>
      <c r="T13460" s="5" t="s">
        <v>42</v>
      </c>
      <c r="U13460" s="2">
        <v>1.123</v>
      </c>
      <c r="V13460" s="2">
        <v>0.59599999999999997</v>
      </c>
      <c r="W13460" s="2">
        <v>1.2999999999999999E-2</v>
      </c>
      <c r="X13460" s="2">
        <v>99.1</v>
      </c>
      <c r="Y13460" s="2">
        <v>7.6</v>
      </c>
      <c r="Z13460" s="2">
        <v>16.7</v>
      </c>
      <c r="AA13460" s="5"/>
      <c r="AB13460" s="5" t="s">
        <v>43</v>
      </c>
      <c r="AC13460" s="5" t="s">
        <v>44</v>
      </c>
      <c r="AD13460" s="2"/>
      <c r="AE13460" s="1"/>
    </row>
    <row r="13461" spans="1:31" ht="14.45">
      <c r="A13461" s="11"/>
      <c r="B13461" s="20"/>
      <c r="C13461" s="2" t="s">
        <v>41334</v>
      </c>
      <c r="D13461" s="14" t="s">
        <v>41335</v>
      </c>
      <c r="E13461" s="2" t="s">
        <v>41336</v>
      </c>
      <c r="F13461" s="2" t="s">
        <v>40967</v>
      </c>
      <c r="G13461" s="8">
        <v>126</v>
      </c>
      <c r="H13461" s="5">
        <v>6</v>
      </c>
      <c r="I13461" s="5" t="s">
        <v>1518</v>
      </c>
      <c r="J13461" s="5" t="s">
        <v>40939</v>
      </c>
      <c r="K13461" s="2" t="s">
        <v>40940</v>
      </c>
      <c r="L13461" s="5" t="s">
        <v>40939</v>
      </c>
      <c r="M13461" s="2" t="s">
        <v>40940</v>
      </c>
      <c r="N13461" s="5" t="s">
        <v>36266</v>
      </c>
      <c r="O13461" s="5" t="s">
        <v>38</v>
      </c>
      <c r="P13461" s="5" t="s">
        <v>39</v>
      </c>
      <c r="Q13461" s="5" t="s">
        <v>40</v>
      </c>
      <c r="R13461" s="5" t="s">
        <v>1522</v>
      </c>
      <c r="S13461" s="5" t="s">
        <v>1523</v>
      </c>
      <c r="T13461" s="5" t="s">
        <v>42</v>
      </c>
      <c r="U13461" s="2">
        <v>1.113</v>
      </c>
      <c r="V13461" s="2">
        <v>0.58599999999999997</v>
      </c>
      <c r="W13461" s="2">
        <v>1.2999999999999999E-2</v>
      </c>
      <c r="X13461" s="2">
        <v>99.1</v>
      </c>
      <c r="Y13461" s="2">
        <v>7.6</v>
      </c>
      <c r="Z13461" s="2">
        <v>16.7</v>
      </c>
      <c r="AA13461" s="5"/>
      <c r="AB13461" s="5" t="s">
        <v>43</v>
      </c>
      <c r="AC13461" s="5" t="s">
        <v>44</v>
      </c>
      <c r="AD13461" s="2"/>
      <c r="AE13461" s="1"/>
    </row>
    <row r="13462" spans="1:31" ht="14.45">
      <c r="A13462" s="11"/>
      <c r="B13462" s="20"/>
      <c r="C13462" s="2" t="s">
        <v>41337</v>
      </c>
      <c r="D13462" s="14" t="s">
        <v>41338</v>
      </c>
      <c r="E13462" s="2" t="s">
        <v>41339</v>
      </c>
      <c r="F13462" s="2" t="s">
        <v>40971</v>
      </c>
      <c r="G13462" s="8">
        <v>126</v>
      </c>
      <c r="H13462" s="5">
        <v>6</v>
      </c>
      <c r="I13462" s="5" t="s">
        <v>1518</v>
      </c>
      <c r="J13462" s="5" t="s">
        <v>40939</v>
      </c>
      <c r="K13462" s="2" t="s">
        <v>40940</v>
      </c>
      <c r="L13462" s="5" t="s">
        <v>40939</v>
      </c>
      <c r="M13462" s="2" t="s">
        <v>40940</v>
      </c>
      <c r="N13462" s="5" t="s">
        <v>36266</v>
      </c>
      <c r="O13462" s="5" t="s">
        <v>38</v>
      </c>
      <c r="P13462" s="5" t="s">
        <v>39</v>
      </c>
      <c r="Q13462" s="5" t="s">
        <v>40</v>
      </c>
      <c r="R13462" s="5" t="s">
        <v>1522</v>
      </c>
      <c r="S13462" s="5" t="s">
        <v>1523</v>
      </c>
      <c r="T13462" s="5" t="s">
        <v>42</v>
      </c>
      <c r="U13462" s="2">
        <v>1.1160000000000001</v>
      </c>
      <c r="V13462" s="2">
        <v>0.58899999999999997</v>
      </c>
      <c r="W13462" s="2">
        <v>1.2999999999999999E-2</v>
      </c>
      <c r="X13462" s="2">
        <v>99.1</v>
      </c>
      <c r="Y13462" s="2">
        <v>7.6</v>
      </c>
      <c r="Z13462" s="2">
        <v>16.7</v>
      </c>
      <c r="AA13462" s="5"/>
      <c r="AB13462" s="5" t="s">
        <v>43</v>
      </c>
      <c r="AC13462" s="5" t="s">
        <v>44</v>
      </c>
      <c r="AD13462" s="2"/>
      <c r="AE13462" s="1"/>
    </row>
    <row r="13463" spans="1:31" ht="14.45">
      <c r="A13463" s="11"/>
      <c r="B13463" s="20"/>
      <c r="C13463" s="2" t="s">
        <v>41340</v>
      </c>
      <c r="D13463" s="14" t="s">
        <v>41341</v>
      </c>
      <c r="E13463" s="2" t="s">
        <v>41342</v>
      </c>
      <c r="F13463" s="2" t="s">
        <v>40975</v>
      </c>
      <c r="G13463" s="8">
        <v>126</v>
      </c>
      <c r="H13463" s="5">
        <v>6</v>
      </c>
      <c r="I13463" s="5" t="s">
        <v>1518</v>
      </c>
      <c r="J13463" s="5" t="s">
        <v>40939</v>
      </c>
      <c r="K13463" s="2" t="s">
        <v>40940</v>
      </c>
      <c r="L13463" s="5" t="s">
        <v>40939</v>
      </c>
      <c r="M13463" s="2" t="s">
        <v>40940</v>
      </c>
      <c r="N13463" s="5" t="s">
        <v>36266</v>
      </c>
      <c r="O13463" s="5" t="s">
        <v>38</v>
      </c>
      <c r="P13463" s="5" t="s">
        <v>39</v>
      </c>
      <c r="Q13463" s="5" t="s">
        <v>40</v>
      </c>
      <c r="R13463" s="5" t="s">
        <v>1522</v>
      </c>
      <c r="S13463" s="5" t="s">
        <v>1523</v>
      </c>
      <c r="T13463" s="5" t="s">
        <v>42</v>
      </c>
      <c r="U13463" s="2">
        <v>1.113</v>
      </c>
      <c r="V13463" s="2">
        <v>0.58599999999999997</v>
      </c>
      <c r="W13463" s="2">
        <v>1.2999999999999999E-2</v>
      </c>
      <c r="X13463" s="2">
        <v>99.1</v>
      </c>
      <c r="Y13463" s="2">
        <v>7.6</v>
      </c>
      <c r="Z13463" s="2">
        <v>16.7</v>
      </c>
      <c r="AA13463" s="5"/>
      <c r="AB13463" s="5" t="s">
        <v>43</v>
      </c>
      <c r="AC13463" s="5" t="s">
        <v>44</v>
      </c>
      <c r="AD13463" s="2"/>
      <c r="AE13463" s="1"/>
    </row>
    <row r="13464" spans="1:31" ht="14.45">
      <c r="A13464" s="11"/>
      <c r="B13464" s="20"/>
      <c r="C13464" s="2" t="s">
        <v>41343</v>
      </c>
      <c r="D13464" s="14" t="s">
        <v>41344</v>
      </c>
      <c r="E13464" s="2" t="s">
        <v>41345</v>
      </c>
      <c r="F13464" s="2" t="s">
        <v>40979</v>
      </c>
      <c r="G13464" s="8">
        <v>126</v>
      </c>
      <c r="H13464" s="5">
        <v>6</v>
      </c>
      <c r="I13464" s="5" t="s">
        <v>1518</v>
      </c>
      <c r="J13464" s="5" t="s">
        <v>40939</v>
      </c>
      <c r="K13464" s="2" t="s">
        <v>40940</v>
      </c>
      <c r="L13464" s="5" t="s">
        <v>40939</v>
      </c>
      <c r="M13464" s="2" t="s">
        <v>40940</v>
      </c>
      <c r="N13464" s="5" t="s">
        <v>36266</v>
      </c>
      <c r="O13464" s="5" t="s">
        <v>38</v>
      </c>
      <c r="P13464" s="5" t="s">
        <v>39</v>
      </c>
      <c r="Q13464" s="5" t="s">
        <v>40</v>
      </c>
      <c r="R13464" s="5" t="s">
        <v>1522</v>
      </c>
      <c r="S13464" s="5" t="s">
        <v>1523</v>
      </c>
      <c r="T13464" s="5" t="s">
        <v>42</v>
      </c>
      <c r="U13464" s="2">
        <v>1.1160000000000001</v>
      </c>
      <c r="V13464" s="2">
        <v>0.58899999999999997</v>
      </c>
      <c r="W13464" s="2">
        <v>1.2999999999999999E-2</v>
      </c>
      <c r="X13464" s="2">
        <v>99.1</v>
      </c>
      <c r="Y13464" s="2">
        <v>7.6</v>
      </c>
      <c r="Z13464" s="2">
        <v>16.7</v>
      </c>
      <c r="AA13464" s="5"/>
      <c r="AB13464" s="5" t="s">
        <v>43</v>
      </c>
      <c r="AC13464" s="5" t="s">
        <v>44</v>
      </c>
      <c r="AD13464" s="2"/>
      <c r="AE13464" s="1"/>
    </row>
    <row r="13465" spans="1:31" ht="14.45">
      <c r="A13465" s="11"/>
      <c r="B13465" s="20"/>
      <c r="C13465" s="2" t="s">
        <v>41346</v>
      </c>
      <c r="D13465" s="14" t="s">
        <v>41347</v>
      </c>
      <c r="E13465" s="2" t="s">
        <v>41348</v>
      </c>
      <c r="F13465" s="2" t="s">
        <v>7539</v>
      </c>
      <c r="G13465" s="8">
        <v>126</v>
      </c>
      <c r="H13465" s="5">
        <v>6</v>
      </c>
      <c r="I13465" s="5" t="s">
        <v>1518</v>
      </c>
      <c r="J13465" s="5" t="s">
        <v>40939</v>
      </c>
      <c r="K13465" s="2" t="s">
        <v>40940</v>
      </c>
      <c r="L13465" s="5" t="s">
        <v>40939</v>
      </c>
      <c r="M13465" s="2" t="s">
        <v>40940</v>
      </c>
      <c r="N13465" s="5" t="s">
        <v>36266</v>
      </c>
      <c r="O13465" s="5" t="s">
        <v>38</v>
      </c>
      <c r="P13465" s="5" t="s">
        <v>39</v>
      </c>
      <c r="Q13465" s="5" t="s">
        <v>40</v>
      </c>
      <c r="R13465" s="5" t="s">
        <v>1522</v>
      </c>
      <c r="S13465" s="5" t="s">
        <v>1523</v>
      </c>
      <c r="T13465" s="5" t="s">
        <v>42</v>
      </c>
      <c r="U13465" s="2">
        <v>1.095</v>
      </c>
      <c r="V13465" s="2">
        <v>0.56799999999999995</v>
      </c>
      <c r="W13465" s="2">
        <v>1.2999999999999999E-2</v>
      </c>
      <c r="X13465" s="2">
        <v>99.1</v>
      </c>
      <c r="Y13465" s="2">
        <v>7.6</v>
      </c>
      <c r="Z13465" s="2">
        <v>16.7</v>
      </c>
      <c r="AA13465" s="5"/>
      <c r="AB13465" s="5" t="s">
        <v>43</v>
      </c>
      <c r="AC13465" s="5" t="s">
        <v>44</v>
      </c>
      <c r="AD13465" s="2"/>
      <c r="AE13465" s="1"/>
    </row>
    <row r="13466" spans="1:31" ht="14.45">
      <c r="A13466" s="11"/>
      <c r="B13466" s="20"/>
      <c r="C13466" s="2" t="s">
        <v>41349</v>
      </c>
      <c r="D13466" s="14" t="s">
        <v>41350</v>
      </c>
      <c r="E13466" s="2" t="s">
        <v>41351</v>
      </c>
      <c r="F13466" s="2" t="s">
        <v>7543</v>
      </c>
      <c r="G13466" s="8">
        <v>126</v>
      </c>
      <c r="H13466" s="5">
        <v>6</v>
      </c>
      <c r="I13466" s="5" t="s">
        <v>1518</v>
      </c>
      <c r="J13466" s="5" t="s">
        <v>40939</v>
      </c>
      <c r="K13466" s="2" t="s">
        <v>40940</v>
      </c>
      <c r="L13466" s="5" t="s">
        <v>40939</v>
      </c>
      <c r="M13466" s="2" t="s">
        <v>40940</v>
      </c>
      <c r="N13466" s="5" t="s">
        <v>36266</v>
      </c>
      <c r="O13466" s="5" t="s">
        <v>38</v>
      </c>
      <c r="P13466" s="5" t="s">
        <v>39</v>
      </c>
      <c r="Q13466" s="5" t="s">
        <v>40</v>
      </c>
      <c r="R13466" s="5" t="s">
        <v>1522</v>
      </c>
      <c r="S13466" s="5" t="s">
        <v>1523</v>
      </c>
      <c r="T13466" s="5" t="s">
        <v>42</v>
      </c>
      <c r="U13466" s="2">
        <v>1.0980000000000001</v>
      </c>
      <c r="V13466" s="2">
        <v>0.57099999999999995</v>
      </c>
      <c r="W13466" s="2">
        <v>1.2999999999999999E-2</v>
      </c>
      <c r="X13466" s="2">
        <v>99.1</v>
      </c>
      <c r="Y13466" s="2">
        <v>7.6</v>
      </c>
      <c r="Z13466" s="2">
        <v>16.7</v>
      </c>
      <c r="AA13466" s="5"/>
      <c r="AB13466" s="5" t="s">
        <v>43</v>
      </c>
      <c r="AC13466" s="5" t="s">
        <v>44</v>
      </c>
      <c r="AD13466" s="2"/>
      <c r="AE13466" s="1"/>
    </row>
    <row r="13467" spans="1:31" ht="14.45">
      <c r="A13467" s="11"/>
      <c r="B13467" s="20"/>
      <c r="C13467" s="2" t="s">
        <v>41352</v>
      </c>
      <c r="D13467" s="14" t="s">
        <v>41353</v>
      </c>
      <c r="E13467" s="2" t="s">
        <v>41354</v>
      </c>
      <c r="F13467" s="2" t="s">
        <v>40989</v>
      </c>
      <c r="G13467" s="8">
        <v>126</v>
      </c>
      <c r="H13467" s="5">
        <v>6</v>
      </c>
      <c r="I13467" s="5" t="s">
        <v>1518</v>
      </c>
      <c r="J13467" s="5" t="s">
        <v>40939</v>
      </c>
      <c r="K13467" s="2" t="s">
        <v>40940</v>
      </c>
      <c r="L13467" s="5" t="s">
        <v>40939</v>
      </c>
      <c r="M13467" s="2" t="s">
        <v>40940</v>
      </c>
      <c r="N13467" s="5" t="s">
        <v>36266</v>
      </c>
      <c r="O13467" s="5" t="s">
        <v>38</v>
      </c>
      <c r="P13467" s="5" t="s">
        <v>39</v>
      </c>
      <c r="Q13467" s="5" t="s">
        <v>40</v>
      </c>
      <c r="R13467" s="5" t="s">
        <v>1522</v>
      </c>
      <c r="S13467" s="5" t="s">
        <v>1523</v>
      </c>
      <c r="T13467" s="5" t="s">
        <v>42</v>
      </c>
      <c r="U13467" s="2">
        <v>1.113</v>
      </c>
      <c r="V13467" s="2">
        <v>0.58599999999999997</v>
      </c>
      <c r="W13467" s="2">
        <v>1.2999999999999999E-2</v>
      </c>
      <c r="X13467" s="2">
        <v>99.1</v>
      </c>
      <c r="Y13467" s="2">
        <v>7.6</v>
      </c>
      <c r="Z13467" s="2">
        <v>16.7</v>
      </c>
      <c r="AA13467" s="5"/>
      <c r="AB13467" s="5" t="s">
        <v>43</v>
      </c>
      <c r="AC13467" s="5" t="s">
        <v>44</v>
      </c>
      <c r="AD13467" s="2"/>
      <c r="AE13467" s="1"/>
    </row>
    <row r="13468" spans="1:31" ht="14.45">
      <c r="A13468" s="11"/>
      <c r="B13468" s="20"/>
      <c r="C13468" s="2" t="s">
        <v>41355</v>
      </c>
      <c r="D13468" s="14" t="s">
        <v>41356</v>
      </c>
      <c r="E13468" s="2" t="s">
        <v>41357</v>
      </c>
      <c r="F13468" s="2" t="s">
        <v>40993</v>
      </c>
      <c r="G13468" s="8">
        <v>126</v>
      </c>
      <c r="H13468" s="5">
        <v>6</v>
      </c>
      <c r="I13468" s="5" t="s">
        <v>1518</v>
      </c>
      <c r="J13468" s="5" t="s">
        <v>40939</v>
      </c>
      <c r="K13468" s="2" t="s">
        <v>40940</v>
      </c>
      <c r="L13468" s="5" t="s">
        <v>40939</v>
      </c>
      <c r="M13468" s="2" t="s">
        <v>40940</v>
      </c>
      <c r="N13468" s="5" t="s">
        <v>36266</v>
      </c>
      <c r="O13468" s="5" t="s">
        <v>38</v>
      </c>
      <c r="P13468" s="5" t="s">
        <v>39</v>
      </c>
      <c r="Q13468" s="5" t="s">
        <v>40</v>
      </c>
      <c r="R13468" s="5" t="s">
        <v>1522</v>
      </c>
      <c r="S13468" s="5" t="s">
        <v>1523</v>
      </c>
      <c r="T13468" s="5" t="s">
        <v>42</v>
      </c>
      <c r="U13468" s="2">
        <v>1.1160000000000001</v>
      </c>
      <c r="V13468" s="2">
        <v>0.58899999999999997</v>
      </c>
      <c r="W13468" s="2">
        <v>1.2999999999999999E-2</v>
      </c>
      <c r="X13468" s="2">
        <v>99.1</v>
      </c>
      <c r="Y13468" s="2">
        <v>7.6</v>
      </c>
      <c r="Z13468" s="2">
        <v>16.7</v>
      </c>
      <c r="AA13468" s="5"/>
      <c r="AB13468" s="5" t="s">
        <v>43</v>
      </c>
      <c r="AC13468" s="5" t="s">
        <v>44</v>
      </c>
      <c r="AD13468" s="2"/>
      <c r="AE13468" s="1"/>
    </row>
    <row r="13469" spans="1:31" ht="14.45">
      <c r="A13469" s="11"/>
      <c r="B13469" s="20"/>
      <c r="C13469" s="2" t="s">
        <v>41358</v>
      </c>
      <c r="D13469" s="14" t="s">
        <v>41359</v>
      </c>
      <c r="E13469" s="2" t="s">
        <v>41360</v>
      </c>
      <c r="F13469" s="2" t="s">
        <v>40997</v>
      </c>
      <c r="G13469" s="8">
        <v>126</v>
      </c>
      <c r="H13469" s="5">
        <v>6</v>
      </c>
      <c r="I13469" s="5" t="s">
        <v>1518</v>
      </c>
      <c r="J13469" s="5" t="s">
        <v>40939</v>
      </c>
      <c r="K13469" s="2" t="s">
        <v>40940</v>
      </c>
      <c r="L13469" s="5" t="s">
        <v>40939</v>
      </c>
      <c r="M13469" s="2" t="s">
        <v>40940</v>
      </c>
      <c r="N13469" s="5" t="s">
        <v>36266</v>
      </c>
      <c r="O13469" s="5" t="s">
        <v>38</v>
      </c>
      <c r="P13469" s="5" t="s">
        <v>39</v>
      </c>
      <c r="Q13469" s="5" t="s">
        <v>40</v>
      </c>
      <c r="R13469" s="5" t="s">
        <v>1522</v>
      </c>
      <c r="S13469" s="5" t="s">
        <v>1523</v>
      </c>
      <c r="T13469" s="5" t="s">
        <v>42</v>
      </c>
      <c r="U13469" s="2">
        <v>1.099</v>
      </c>
      <c r="V13469" s="2">
        <v>0.57199999999999995</v>
      </c>
      <c r="W13469" s="2">
        <v>1.2999999999999999E-2</v>
      </c>
      <c r="X13469" s="2">
        <v>99.1</v>
      </c>
      <c r="Y13469" s="2">
        <v>7.6</v>
      </c>
      <c r="Z13469" s="2">
        <v>16.7</v>
      </c>
      <c r="AA13469" s="5"/>
      <c r="AB13469" s="5" t="s">
        <v>43</v>
      </c>
      <c r="AC13469" s="5" t="s">
        <v>44</v>
      </c>
      <c r="AD13469" s="2"/>
      <c r="AE13469" s="1"/>
    </row>
    <row r="13470" spans="1:31" ht="14.45">
      <c r="A13470" s="11"/>
      <c r="B13470" s="20"/>
      <c r="C13470" s="2" t="s">
        <v>41361</v>
      </c>
      <c r="D13470" s="14" t="s">
        <v>41362</v>
      </c>
      <c r="E13470" s="2" t="s">
        <v>41363</v>
      </c>
      <c r="F13470" s="2" t="s">
        <v>41267</v>
      </c>
      <c r="G13470" s="8">
        <v>126</v>
      </c>
      <c r="H13470" s="5">
        <v>6</v>
      </c>
      <c r="I13470" s="5" t="s">
        <v>1518</v>
      </c>
      <c r="J13470" s="5" t="s">
        <v>40939</v>
      </c>
      <c r="K13470" s="2" t="s">
        <v>40940</v>
      </c>
      <c r="L13470" s="5" t="s">
        <v>40939</v>
      </c>
      <c r="M13470" s="2" t="s">
        <v>40940</v>
      </c>
      <c r="N13470" s="5" t="s">
        <v>36266</v>
      </c>
      <c r="O13470" s="5" t="s">
        <v>38</v>
      </c>
      <c r="P13470" s="5" t="s">
        <v>39</v>
      </c>
      <c r="Q13470" s="5" t="s">
        <v>40</v>
      </c>
      <c r="R13470" s="5" t="s">
        <v>1522</v>
      </c>
      <c r="S13470" s="5" t="s">
        <v>1523</v>
      </c>
      <c r="T13470" s="5" t="s">
        <v>42</v>
      </c>
      <c r="U13470" s="2">
        <v>1.1020000000000001</v>
      </c>
      <c r="V13470" s="2">
        <v>0.57499999999999996</v>
      </c>
      <c r="W13470" s="2">
        <v>1.2999999999999999E-2</v>
      </c>
      <c r="X13470" s="2">
        <v>99.1</v>
      </c>
      <c r="Y13470" s="2">
        <v>7.6</v>
      </c>
      <c r="Z13470" s="2">
        <v>16.7</v>
      </c>
      <c r="AA13470" s="5"/>
      <c r="AB13470" s="5" t="s">
        <v>43</v>
      </c>
      <c r="AC13470" s="5" t="s">
        <v>44</v>
      </c>
      <c r="AD13470" s="2"/>
      <c r="AE13470" s="1"/>
    </row>
    <row r="13471" spans="1:31" ht="14.45">
      <c r="A13471" s="11"/>
      <c r="B13471" s="20"/>
      <c r="C13471" s="2" t="s">
        <v>41364</v>
      </c>
      <c r="D13471" s="14" t="s">
        <v>41365</v>
      </c>
      <c r="E13471" s="2" t="s">
        <v>41366</v>
      </c>
      <c r="F13471" s="2" t="s">
        <v>41001</v>
      </c>
      <c r="G13471" s="8">
        <v>126</v>
      </c>
      <c r="H13471" s="5">
        <v>6</v>
      </c>
      <c r="I13471" s="5" t="s">
        <v>1518</v>
      </c>
      <c r="J13471" s="5" t="s">
        <v>40939</v>
      </c>
      <c r="K13471" s="2" t="s">
        <v>40940</v>
      </c>
      <c r="L13471" s="5" t="s">
        <v>40939</v>
      </c>
      <c r="M13471" s="2" t="s">
        <v>40940</v>
      </c>
      <c r="N13471" s="5" t="s">
        <v>36266</v>
      </c>
      <c r="O13471" s="5" t="s">
        <v>38</v>
      </c>
      <c r="P13471" s="5" t="s">
        <v>39</v>
      </c>
      <c r="Q13471" s="5" t="s">
        <v>40</v>
      </c>
      <c r="R13471" s="5" t="s">
        <v>1522</v>
      </c>
      <c r="S13471" s="5" t="s">
        <v>1523</v>
      </c>
      <c r="T13471" s="5" t="s">
        <v>42</v>
      </c>
      <c r="U13471" s="2">
        <v>1.113</v>
      </c>
      <c r="V13471" s="2">
        <v>0.58599999999999997</v>
      </c>
      <c r="W13471" s="2">
        <v>1.2999999999999999E-2</v>
      </c>
      <c r="X13471" s="2">
        <v>99.1</v>
      </c>
      <c r="Y13471" s="2">
        <v>7.6</v>
      </c>
      <c r="Z13471" s="2">
        <v>16.7</v>
      </c>
      <c r="AA13471" s="5"/>
      <c r="AB13471" s="5" t="s">
        <v>43</v>
      </c>
      <c r="AC13471" s="5" t="s">
        <v>44</v>
      </c>
      <c r="AD13471" s="2"/>
      <c r="AE13471" s="1"/>
    </row>
    <row r="13472" spans="1:31" ht="14.45">
      <c r="A13472" s="11"/>
      <c r="B13472" s="20"/>
      <c r="C13472" s="2" t="s">
        <v>41367</v>
      </c>
      <c r="D13472" s="14" t="s">
        <v>41368</v>
      </c>
      <c r="E13472" s="2" t="s">
        <v>41369</v>
      </c>
      <c r="F13472" s="2" t="s">
        <v>41005</v>
      </c>
      <c r="G13472" s="8">
        <v>126</v>
      </c>
      <c r="H13472" s="5">
        <v>6</v>
      </c>
      <c r="I13472" s="5" t="s">
        <v>1518</v>
      </c>
      <c r="J13472" s="5" t="s">
        <v>40939</v>
      </c>
      <c r="K13472" s="2" t="s">
        <v>40940</v>
      </c>
      <c r="L13472" s="5" t="s">
        <v>40939</v>
      </c>
      <c r="M13472" s="2" t="s">
        <v>40940</v>
      </c>
      <c r="N13472" s="5" t="s">
        <v>36266</v>
      </c>
      <c r="O13472" s="5" t="s">
        <v>38</v>
      </c>
      <c r="P13472" s="5" t="s">
        <v>39</v>
      </c>
      <c r="Q13472" s="5" t="s">
        <v>40</v>
      </c>
      <c r="R13472" s="5" t="s">
        <v>1522</v>
      </c>
      <c r="S13472" s="5" t="s">
        <v>1523</v>
      </c>
      <c r="T13472" s="5" t="s">
        <v>42</v>
      </c>
      <c r="U13472" s="2">
        <v>1.1160000000000001</v>
      </c>
      <c r="V13472" s="2">
        <v>0.58899999999999997</v>
      </c>
      <c r="W13472" s="2">
        <v>1.2999999999999999E-2</v>
      </c>
      <c r="X13472" s="2">
        <v>99.1</v>
      </c>
      <c r="Y13472" s="2">
        <v>7.6</v>
      </c>
      <c r="Z13472" s="2">
        <v>16.7</v>
      </c>
      <c r="AA13472" s="5"/>
      <c r="AB13472" s="5" t="s">
        <v>43</v>
      </c>
      <c r="AC13472" s="5" t="s">
        <v>44</v>
      </c>
      <c r="AD13472" s="2"/>
      <c r="AE13472" s="1"/>
    </row>
    <row r="13473" spans="1:31" ht="14.45">
      <c r="A13473" s="11"/>
      <c r="B13473" s="20"/>
      <c r="C13473" s="2" t="s">
        <v>41370</v>
      </c>
      <c r="D13473" s="14" t="s">
        <v>41371</v>
      </c>
      <c r="E13473" s="2" t="s">
        <v>41372</v>
      </c>
      <c r="F13473" s="2" t="s">
        <v>41009</v>
      </c>
      <c r="G13473" s="8">
        <v>126</v>
      </c>
      <c r="H13473" s="5">
        <v>6</v>
      </c>
      <c r="I13473" s="5" t="s">
        <v>1518</v>
      </c>
      <c r="J13473" s="5" t="s">
        <v>40939</v>
      </c>
      <c r="K13473" s="2" t="s">
        <v>40940</v>
      </c>
      <c r="L13473" s="5" t="s">
        <v>40939</v>
      </c>
      <c r="M13473" s="2" t="s">
        <v>40940</v>
      </c>
      <c r="N13473" s="5" t="s">
        <v>36266</v>
      </c>
      <c r="O13473" s="5" t="s">
        <v>38</v>
      </c>
      <c r="P13473" s="5" t="s">
        <v>39</v>
      </c>
      <c r="Q13473" s="5" t="s">
        <v>40</v>
      </c>
      <c r="R13473" s="5" t="s">
        <v>1522</v>
      </c>
      <c r="S13473" s="5" t="s">
        <v>1523</v>
      </c>
      <c r="T13473" s="5" t="s">
        <v>42</v>
      </c>
      <c r="U13473" s="2">
        <v>1.117</v>
      </c>
      <c r="V13473" s="2">
        <v>0.59</v>
      </c>
      <c r="W13473" s="2">
        <v>1.2999999999999999E-2</v>
      </c>
      <c r="X13473" s="2">
        <v>99.1</v>
      </c>
      <c r="Y13473" s="2">
        <v>7.6</v>
      </c>
      <c r="Z13473" s="2">
        <v>16.7</v>
      </c>
      <c r="AA13473" s="5"/>
      <c r="AB13473" s="5" t="s">
        <v>43</v>
      </c>
      <c r="AC13473" s="5" t="s">
        <v>44</v>
      </c>
      <c r="AD13473" s="2"/>
      <c r="AE13473" s="1"/>
    </row>
    <row r="13474" spans="1:31" ht="14.45">
      <c r="A13474" s="11"/>
      <c r="B13474" s="20"/>
      <c r="C13474" s="2" t="s">
        <v>41373</v>
      </c>
      <c r="D13474" s="14" t="s">
        <v>41374</v>
      </c>
      <c r="E13474" s="2" t="s">
        <v>41375</v>
      </c>
      <c r="F13474" s="2" t="s">
        <v>41013</v>
      </c>
      <c r="G13474" s="8">
        <v>126</v>
      </c>
      <c r="H13474" s="5">
        <v>6</v>
      </c>
      <c r="I13474" s="5" t="s">
        <v>1518</v>
      </c>
      <c r="J13474" s="5" t="s">
        <v>40939</v>
      </c>
      <c r="K13474" s="2" t="s">
        <v>40940</v>
      </c>
      <c r="L13474" s="5" t="s">
        <v>40939</v>
      </c>
      <c r="M13474" s="2" t="s">
        <v>40940</v>
      </c>
      <c r="N13474" s="5" t="s">
        <v>36266</v>
      </c>
      <c r="O13474" s="5" t="s">
        <v>38</v>
      </c>
      <c r="P13474" s="5" t="s">
        <v>39</v>
      </c>
      <c r="Q13474" s="5" t="s">
        <v>40</v>
      </c>
      <c r="R13474" s="5" t="s">
        <v>1522</v>
      </c>
      <c r="S13474" s="5" t="s">
        <v>1523</v>
      </c>
      <c r="T13474" s="5" t="s">
        <v>42</v>
      </c>
      <c r="U13474" s="2">
        <v>1.1200000000000001</v>
      </c>
      <c r="V13474" s="2">
        <v>0.59299999999999997</v>
      </c>
      <c r="W13474" s="2">
        <v>1.2999999999999999E-2</v>
      </c>
      <c r="X13474" s="2">
        <v>99.1</v>
      </c>
      <c r="Y13474" s="2">
        <v>7.6</v>
      </c>
      <c r="Z13474" s="2">
        <v>16.7</v>
      </c>
      <c r="AA13474" s="5"/>
      <c r="AB13474" s="5" t="s">
        <v>43</v>
      </c>
      <c r="AC13474" s="5" t="s">
        <v>44</v>
      </c>
      <c r="AD13474" s="2"/>
      <c r="AE13474" s="1"/>
    </row>
    <row r="13475" spans="1:31" ht="14.45">
      <c r="A13475" s="11"/>
      <c r="B13475" s="20"/>
      <c r="C13475" s="2" t="s">
        <v>41376</v>
      </c>
      <c r="D13475" s="14" t="s">
        <v>41377</v>
      </c>
      <c r="E13475" s="2" t="s">
        <v>41378</v>
      </c>
      <c r="F13475" s="2" t="s">
        <v>7396</v>
      </c>
      <c r="G13475" s="8">
        <v>109</v>
      </c>
      <c r="H13475" s="5">
        <v>6</v>
      </c>
      <c r="I13475" s="5" t="s">
        <v>1518</v>
      </c>
      <c r="J13475" s="5" t="s">
        <v>40939</v>
      </c>
      <c r="K13475" s="2" t="s">
        <v>40940</v>
      </c>
      <c r="L13475" s="5" t="s">
        <v>40939</v>
      </c>
      <c r="M13475" s="2" t="s">
        <v>40940</v>
      </c>
      <c r="N13475" s="5" t="s">
        <v>36266</v>
      </c>
      <c r="O13475" s="5" t="s">
        <v>38</v>
      </c>
      <c r="P13475" s="5" t="s">
        <v>39</v>
      </c>
      <c r="Q13475" s="5" t="s">
        <v>40</v>
      </c>
      <c r="R13475" s="5" t="s">
        <v>1522</v>
      </c>
      <c r="S13475" s="5" t="s">
        <v>1523</v>
      </c>
      <c r="T13475" s="5" t="s">
        <v>42</v>
      </c>
      <c r="U13475" s="2">
        <v>1.117</v>
      </c>
      <c r="V13475" s="2">
        <v>0.59</v>
      </c>
      <c r="W13475" s="2">
        <v>1.2999999999999999E-2</v>
      </c>
      <c r="X13475" s="2">
        <v>99.1</v>
      </c>
      <c r="Y13475" s="2">
        <v>7.6</v>
      </c>
      <c r="Z13475" s="2">
        <v>16.7</v>
      </c>
      <c r="AA13475" s="5"/>
      <c r="AB13475" s="5" t="s">
        <v>43</v>
      </c>
      <c r="AC13475" s="5" t="s">
        <v>44</v>
      </c>
      <c r="AD13475" s="2"/>
      <c r="AE13475" s="1"/>
    </row>
    <row r="13476" spans="1:31" ht="14.45">
      <c r="A13476" s="11"/>
      <c r="B13476" s="20"/>
      <c r="C13476" s="2" t="s">
        <v>41379</v>
      </c>
      <c r="D13476" s="14" t="s">
        <v>41380</v>
      </c>
      <c r="E13476" s="2" t="s">
        <v>41381</v>
      </c>
      <c r="F13476" s="2" t="s">
        <v>7507</v>
      </c>
      <c r="G13476" s="8">
        <v>109</v>
      </c>
      <c r="H13476" s="5">
        <v>6</v>
      </c>
      <c r="I13476" s="5" t="s">
        <v>1518</v>
      </c>
      <c r="J13476" s="5" t="s">
        <v>40939</v>
      </c>
      <c r="K13476" s="2" t="s">
        <v>40940</v>
      </c>
      <c r="L13476" s="5" t="s">
        <v>40939</v>
      </c>
      <c r="M13476" s="2" t="s">
        <v>40940</v>
      </c>
      <c r="N13476" s="5" t="s">
        <v>36266</v>
      </c>
      <c r="O13476" s="5" t="s">
        <v>38</v>
      </c>
      <c r="P13476" s="5" t="s">
        <v>39</v>
      </c>
      <c r="Q13476" s="5" t="s">
        <v>40</v>
      </c>
      <c r="R13476" s="5" t="s">
        <v>1522</v>
      </c>
      <c r="S13476" s="5" t="s">
        <v>1523</v>
      </c>
      <c r="T13476" s="5" t="s">
        <v>42</v>
      </c>
      <c r="U13476" s="2">
        <v>1.1200000000000001</v>
      </c>
      <c r="V13476" s="2">
        <v>0.59299999999999997</v>
      </c>
      <c r="W13476" s="2">
        <v>1.2999999999999999E-2</v>
      </c>
      <c r="X13476" s="2">
        <v>99.1</v>
      </c>
      <c r="Y13476" s="2">
        <v>7.6</v>
      </c>
      <c r="Z13476" s="2">
        <v>16.7</v>
      </c>
      <c r="AA13476" s="5"/>
      <c r="AB13476" s="5" t="s">
        <v>43</v>
      </c>
      <c r="AC13476" s="5" t="s">
        <v>44</v>
      </c>
      <c r="AD13476" s="2"/>
      <c r="AE13476" s="1"/>
    </row>
    <row r="13477" spans="1:31" ht="14.45">
      <c r="A13477" s="11"/>
      <c r="B13477" s="20"/>
      <c r="C13477" s="2" t="s">
        <v>41382</v>
      </c>
      <c r="D13477" s="14" t="s">
        <v>41383</v>
      </c>
      <c r="E13477" s="2" t="s">
        <v>41384</v>
      </c>
      <c r="F13477" s="2" t="s">
        <v>41023</v>
      </c>
      <c r="G13477" s="8">
        <v>126</v>
      </c>
      <c r="H13477" s="5">
        <v>6</v>
      </c>
      <c r="I13477" s="5" t="s">
        <v>1518</v>
      </c>
      <c r="J13477" s="5" t="s">
        <v>40939</v>
      </c>
      <c r="K13477" s="2" t="s">
        <v>40940</v>
      </c>
      <c r="L13477" s="5" t="s">
        <v>40939</v>
      </c>
      <c r="M13477" s="2" t="s">
        <v>40940</v>
      </c>
      <c r="N13477" s="5" t="s">
        <v>36266</v>
      </c>
      <c r="O13477" s="5" t="s">
        <v>38</v>
      </c>
      <c r="P13477" s="5" t="s">
        <v>39</v>
      </c>
      <c r="Q13477" s="5" t="s">
        <v>40</v>
      </c>
      <c r="R13477" s="5" t="s">
        <v>1522</v>
      </c>
      <c r="S13477" s="5" t="s">
        <v>1523</v>
      </c>
      <c r="T13477" s="5" t="s">
        <v>42</v>
      </c>
      <c r="U13477" s="2">
        <v>1.099</v>
      </c>
      <c r="V13477" s="2">
        <v>0.57199999999999995</v>
      </c>
      <c r="W13477" s="2">
        <v>1.2999999999999999E-2</v>
      </c>
      <c r="X13477" s="2">
        <v>99.1</v>
      </c>
      <c r="Y13477" s="2">
        <v>7.6</v>
      </c>
      <c r="Z13477" s="2">
        <v>16.7</v>
      </c>
      <c r="AA13477" s="5"/>
      <c r="AB13477" s="5" t="s">
        <v>43</v>
      </c>
      <c r="AC13477" s="5" t="s">
        <v>44</v>
      </c>
      <c r="AD13477" s="2"/>
      <c r="AE13477" s="1"/>
    </row>
    <row r="13478" spans="1:31" ht="14.45">
      <c r="A13478" s="11"/>
      <c r="B13478" s="20"/>
      <c r="C13478" s="2" t="s">
        <v>41385</v>
      </c>
      <c r="D13478" s="14" t="s">
        <v>41386</v>
      </c>
      <c r="E13478" s="2" t="s">
        <v>41387</v>
      </c>
      <c r="F13478" s="2" t="s">
        <v>41027</v>
      </c>
      <c r="G13478" s="8">
        <v>126</v>
      </c>
      <c r="H13478" s="5">
        <v>6</v>
      </c>
      <c r="I13478" s="5" t="s">
        <v>1518</v>
      </c>
      <c r="J13478" s="5" t="s">
        <v>40939</v>
      </c>
      <c r="K13478" s="2" t="s">
        <v>40940</v>
      </c>
      <c r="L13478" s="5" t="s">
        <v>40939</v>
      </c>
      <c r="M13478" s="2" t="s">
        <v>40940</v>
      </c>
      <c r="N13478" s="5" t="s">
        <v>36266</v>
      </c>
      <c r="O13478" s="5" t="s">
        <v>38</v>
      </c>
      <c r="P13478" s="5" t="s">
        <v>39</v>
      </c>
      <c r="Q13478" s="5" t="s">
        <v>40</v>
      </c>
      <c r="R13478" s="5" t="s">
        <v>1522</v>
      </c>
      <c r="S13478" s="5" t="s">
        <v>1523</v>
      </c>
      <c r="T13478" s="5" t="s">
        <v>42</v>
      </c>
      <c r="U13478" s="2">
        <v>1.1020000000000001</v>
      </c>
      <c r="V13478" s="2">
        <v>0.57499999999999996</v>
      </c>
      <c r="W13478" s="2">
        <v>1.2999999999999999E-2</v>
      </c>
      <c r="X13478" s="2">
        <v>99.1</v>
      </c>
      <c r="Y13478" s="2">
        <v>7.6</v>
      </c>
      <c r="Z13478" s="2">
        <v>16.7</v>
      </c>
      <c r="AA13478" s="5"/>
      <c r="AB13478" s="5" t="s">
        <v>43</v>
      </c>
      <c r="AC13478" s="5" t="s">
        <v>44</v>
      </c>
      <c r="AD13478" s="2"/>
      <c r="AE13478" s="1"/>
    </row>
    <row r="13479" spans="1:31" ht="14.45">
      <c r="A13479" s="11"/>
      <c r="B13479" s="20"/>
      <c r="C13479" s="2" t="s">
        <v>41388</v>
      </c>
      <c r="D13479" s="14" t="s">
        <v>41389</v>
      </c>
      <c r="E13479" s="2" t="s">
        <v>41390</v>
      </c>
      <c r="F13479" s="2" t="s">
        <v>41031</v>
      </c>
      <c r="G13479" s="8">
        <v>126</v>
      </c>
      <c r="H13479" s="5">
        <v>6</v>
      </c>
      <c r="I13479" s="5" t="s">
        <v>1518</v>
      </c>
      <c r="J13479" s="5" t="s">
        <v>40939</v>
      </c>
      <c r="K13479" s="2" t="s">
        <v>40940</v>
      </c>
      <c r="L13479" s="5" t="s">
        <v>40939</v>
      </c>
      <c r="M13479" s="2" t="s">
        <v>40940</v>
      </c>
      <c r="N13479" s="5" t="s">
        <v>36266</v>
      </c>
      <c r="O13479" s="5" t="s">
        <v>38</v>
      </c>
      <c r="P13479" s="5" t="s">
        <v>39</v>
      </c>
      <c r="Q13479" s="5" t="s">
        <v>40</v>
      </c>
      <c r="R13479" s="5" t="s">
        <v>1522</v>
      </c>
      <c r="S13479" s="5" t="s">
        <v>1523</v>
      </c>
      <c r="T13479" s="5" t="s">
        <v>42</v>
      </c>
      <c r="U13479" s="2">
        <v>1.099</v>
      </c>
      <c r="V13479" s="2">
        <v>0.57199999999999995</v>
      </c>
      <c r="W13479" s="2">
        <v>1.2999999999999999E-2</v>
      </c>
      <c r="X13479" s="2">
        <v>99.1</v>
      </c>
      <c r="Y13479" s="2">
        <v>7.6</v>
      </c>
      <c r="Z13479" s="2">
        <v>16.7</v>
      </c>
      <c r="AA13479" s="5"/>
      <c r="AB13479" s="5" t="s">
        <v>43</v>
      </c>
      <c r="AC13479" s="5" t="s">
        <v>44</v>
      </c>
      <c r="AD13479" s="2"/>
      <c r="AE13479" s="1"/>
    </row>
    <row r="13480" spans="1:31" ht="14.45">
      <c r="A13480" s="11"/>
      <c r="B13480" s="20"/>
      <c r="C13480" s="2" t="s">
        <v>41391</v>
      </c>
      <c r="D13480" s="14" t="s">
        <v>41392</v>
      </c>
      <c r="E13480" s="2" t="s">
        <v>41393</v>
      </c>
      <c r="F13480" s="2" t="s">
        <v>41035</v>
      </c>
      <c r="G13480" s="8">
        <v>126</v>
      </c>
      <c r="H13480" s="5">
        <v>6</v>
      </c>
      <c r="I13480" s="5" t="s">
        <v>1518</v>
      </c>
      <c r="J13480" s="5" t="s">
        <v>40939</v>
      </c>
      <c r="K13480" s="2" t="s">
        <v>40940</v>
      </c>
      <c r="L13480" s="5" t="s">
        <v>40939</v>
      </c>
      <c r="M13480" s="2" t="s">
        <v>40940</v>
      </c>
      <c r="N13480" s="5" t="s">
        <v>36266</v>
      </c>
      <c r="O13480" s="5" t="s">
        <v>38</v>
      </c>
      <c r="P13480" s="5" t="s">
        <v>39</v>
      </c>
      <c r="Q13480" s="5" t="s">
        <v>40</v>
      </c>
      <c r="R13480" s="5" t="s">
        <v>1522</v>
      </c>
      <c r="S13480" s="5" t="s">
        <v>1523</v>
      </c>
      <c r="T13480" s="5" t="s">
        <v>42</v>
      </c>
      <c r="U13480" s="2">
        <v>1.1020000000000001</v>
      </c>
      <c r="V13480" s="2">
        <v>0.57499999999999996</v>
      </c>
      <c r="W13480" s="2">
        <v>1.2999999999999999E-2</v>
      </c>
      <c r="X13480" s="2">
        <v>99.1</v>
      </c>
      <c r="Y13480" s="2">
        <v>7.6</v>
      </c>
      <c r="Z13480" s="2">
        <v>16.7</v>
      </c>
      <c r="AA13480" s="5"/>
      <c r="AB13480" s="5" t="s">
        <v>43</v>
      </c>
      <c r="AC13480" s="5" t="s">
        <v>44</v>
      </c>
      <c r="AD13480" s="2"/>
      <c r="AE13480" s="1"/>
    </row>
    <row r="13481" spans="1:31" ht="14.45">
      <c r="A13481" s="11"/>
      <c r="B13481" s="20"/>
      <c r="C13481" s="2" t="s">
        <v>41394</v>
      </c>
      <c r="D13481" s="14" t="s">
        <v>41395</v>
      </c>
      <c r="E13481" s="2" t="s">
        <v>41396</v>
      </c>
      <c r="F13481" s="2" t="s">
        <v>7449</v>
      </c>
      <c r="G13481" s="8">
        <v>126</v>
      </c>
      <c r="H13481" s="5">
        <v>6</v>
      </c>
      <c r="I13481" s="5" t="s">
        <v>1518</v>
      </c>
      <c r="J13481" s="5" t="s">
        <v>40939</v>
      </c>
      <c r="K13481" s="2" t="s">
        <v>40940</v>
      </c>
      <c r="L13481" s="5" t="s">
        <v>40939</v>
      </c>
      <c r="M13481" s="2" t="s">
        <v>40940</v>
      </c>
      <c r="N13481" s="5" t="s">
        <v>36266</v>
      </c>
      <c r="O13481" s="5" t="s">
        <v>38</v>
      </c>
      <c r="P13481" s="5" t="s">
        <v>39</v>
      </c>
      <c r="Q13481" s="5" t="s">
        <v>40</v>
      </c>
      <c r="R13481" s="5" t="s">
        <v>1522</v>
      </c>
      <c r="S13481" s="5" t="s">
        <v>1523</v>
      </c>
      <c r="T13481" s="5" t="s">
        <v>42</v>
      </c>
      <c r="U13481" s="2">
        <v>1.099</v>
      </c>
      <c r="V13481" s="2">
        <v>0.57199999999999995</v>
      </c>
      <c r="W13481" s="2">
        <v>1.2999999999999999E-2</v>
      </c>
      <c r="X13481" s="2">
        <v>99.1</v>
      </c>
      <c r="Y13481" s="2">
        <v>7.6</v>
      </c>
      <c r="Z13481" s="2">
        <v>16.7</v>
      </c>
      <c r="AA13481" s="5"/>
      <c r="AB13481" s="5" t="s">
        <v>43</v>
      </c>
      <c r="AC13481" s="5" t="s">
        <v>44</v>
      </c>
      <c r="AD13481" s="2"/>
      <c r="AE13481" s="1"/>
    </row>
    <row r="13482" spans="1:31" ht="14.45">
      <c r="A13482" s="11"/>
      <c r="B13482" s="20"/>
      <c r="C13482" s="2" t="s">
        <v>41397</v>
      </c>
      <c r="D13482" s="14" t="s">
        <v>41398</v>
      </c>
      <c r="E13482" s="2" t="s">
        <v>41399</v>
      </c>
      <c r="F13482" s="2" t="s">
        <v>7581</v>
      </c>
      <c r="G13482" s="8">
        <v>126</v>
      </c>
      <c r="H13482" s="5">
        <v>6</v>
      </c>
      <c r="I13482" s="5" t="s">
        <v>1518</v>
      </c>
      <c r="J13482" s="5" t="s">
        <v>40939</v>
      </c>
      <c r="K13482" s="2" t="s">
        <v>40940</v>
      </c>
      <c r="L13482" s="5" t="s">
        <v>40939</v>
      </c>
      <c r="M13482" s="2" t="s">
        <v>40940</v>
      </c>
      <c r="N13482" s="5" t="s">
        <v>36266</v>
      </c>
      <c r="O13482" s="5" t="s">
        <v>38</v>
      </c>
      <c r="P13482" s="5" t="s">
        <v>39</v>
      </c>
      <c r="Q13482" s="5" t="s">
        <v>40</v>
      </c>
      <c r="R13482" s="5" t="s">
        <v>1522</v>
      </c>
      <c r="S13482" s="5" t="s">
        <v>1523</v>
      </c>
      <c r="T13482" s="5" t="s">
        <v>42</v>
      </c>
      <c r="U13482" s="2">
        <v>1.1020000000000001</v>
      </c>
      <c r="V13482" s="2">
        <v>0.57499999999999996</v>
      </c>
      <c r="W13482" s="2">
        <v>1.2999999999999999E-2</v>
      </c>
      <c r="X13482" s="2">
        <v>99.1</v>
      </c>
      <c r="Y13482" s="2">
        <v>7.6</v>
      </c>
      <c r="Z13482" s="2">
        <v>16.7</v>
      </c>
      <c r="AA13482" s="5"/>
      <c r="AB13482" s="5" t="s">
        <v>43</v>
      </c>
      <c r="AC13482" s="5" t="s">
        <v>44</v>
      </c>
      <c r="AD13482" s="2"/>
      <c r="AE13482" s="1"/>
    </row>
    <row r="13483" spans="1:31" ht="14.45">
      <c r="A13483" s="11"/>
      <c r="B13483" s="20"/>
      <c r="C13483" s="2" t="s">
        <v>41400</v>
      </c>
      <c r="D13483" s="14" t="s">
        <v>41401</v>
      </c>
      <c r="E13483" s="2" t="s">
        <v>41402</v>
      </c>
      <c r="F13483" s="2" t="s">
        <v>41045</v>
      </c>
      <c r="G13483" s="8">
        <v>126</v>
      </c>
      <c r="H13483" s="5">
        <v>6</v>
      </c>
      <c r="I13483" s="5" t="s">
        <v>1518</v>
      </c>
      <c r="J13483" s="5" t="s">
        <v>40939</v>
      </c>
      <c r="K13483" s="2" t="s">
        <v>40940</v>
      </c>
      <c r="L13483" s="5" t="s">
        <v>40939</v>
      </c>
      <c r="M13483" s="2" t="s">
        <v>40940</v>
      </c>
      <c r="N13483" s="5" t="s">
        <v>36266</v>
      </c>
      <c r="O13483" s="5" t="s">
        <v>38</v>
      </c>
      <c r="P13483" s="5" t="s">
        <v>39</v>
      </c>
      <c r="Q13483" s="5" t="s">
        <v>40</v>
      </c>
      <c r="R13483" s="5" t="s">
        <v>1522</v>
      </c>
      <c r="S13483" s="5" t="s">
        <v>1523</v>
      </c>
      <c r="T13483" s="5" t="s">
        <v>42</v>
      </c>
      <c r="U13483" s="2">
        <v>1.1200000000000001</v>
      </c>
      <c r="V13483" s="2">
        <v>0.59299999999999997</v>
      </c>
      <c r="W13483" s="2">
        <v>1.2999999999999999E-2</v>
      </c>
      <c r="X13483" s="2">
        <v>99.1</v>
      </c>
      <c r="Y13483" s="2">
        <v>7.6</v>
      </c>
      <c r="Z13483" s="2">
        <v>16.7</v>
      </c>
      <c r="AA13483" s="5"/>
      <c r="AB13483" s="5" t="s">
        <v>43</v>
      </c>
      <c r="AC13483" s="5" t="s">
        <v>44</v>
      </c>
      <c r="AD13483" s="2"/>
      <c r="AE13483" s="1"/>
    </row>
    <row r="13484" spans="1:31" ht="14.45">
      <c r="A13484" s="11"/>
      <c r="B13484" s="20"/>
      <c r="C13484" s="2" t="s">
        <v>41403</v>
      </c>
      <c r="D13484" s="14" t="s">
        <v>41404</v>
      </c>
      <c r="E13484" s="2" t="s">
        <v>41405</v>
      </c>
      <c r="F13484" s="2" t="s">
        <v>41049</v>
      </c>
      <c r="G13484" s="8">
        <v>126</v>
      </c>
      <c r="H13484" s="5">
        <v>6</v>
      </c>
      <c r="I13484" s="5" t="s">
        <v>1518</v>
      </c>
      <c r="J13484" s="5" t="s">
        <v>40939</v>
      </c>
      <c r="K13484" s="2" t="s">
        <v>40940</v>
      </c>
      <c r="L13484" s="5" t="s">
        <v>40939</v>
      </c>
      <c r="M13484" s="2" t="s">
        <v>40940</v>
      </c>
      <c r="N13484" s="5" t="s">
        <v>36266</v>
      </c>
      <c r="O13484" s="5" t="s">
        <v>38</v>
      </c>
      <c r="P13484" s="5" t="s">
        <v>39</v>
      </c>
      <c r="Q13484" s="5" t="s">
        <v>40</v>
      </c>
      <c r="R13484" s="5" t="s">
        <v>1522</v>
      </c>
      <c r="S13484" s="5" t="s">
        <v>1523</v>
      </c>
      <c r="T13484" s="5" t="s">
        <v>42</v>
      </c>
      <c r="U13484" s="2">
        <v>1.123</v>
      </c>
      <c r="V13484" s="2">
        <v>0.59599999999999997</v>
      </c>
      <c r="W13484" s="2">
        <v>1.2999999999999999E-2</v>
      </c>
      <c r="X13484" s="2">
        <v>99.1</v>
      </c>
      <c r="Y13484" s="2">
        <v>7.6</v>
      </c>
      <c r="Z13484" s="2">
        <v>16.7</v>
      </c>
      <c r="AA13484" s="5"/>
      <c r="AB13484" s="5" t="s">
        <v>43</v>
      </c>
      <c r="AC13484" s="5" t="s">
        <v>44</v>
      </c>
      <c r="AD13484" s="2"/>
      <c r="AE13484" s="1"/>
    </row>
    <row r="13485" spans="1:31" ht="14.45">
      <c r="A13485" s="11"/>
      <c r="B13485" s="20"/>
      <c r="C13485" s="2" t="s">
        <v>41406</v>
      </c>
      <c r="D13485" s="14" t="s">
        <v>41407</v>
      </c>
      <c r="E13485" s="2" t="s">
        <v>41408</v>
      </c>
      <c r="F13485" s="2" t="s">
        <v>7204</v>
      </c>
      <c r="G13485" s="8">
        <v>122</v>
      </c>
      <c r="H13485" s="5">
        <v>6</v>
      </c>
      <c r="I13485" s="5" t="s">
        <v>1518</v>
      </c>
      <c r="J13485" s="5" t="s">
        <v>40939</v>
      </c>
      <c r="K13485" s="2" t="s">
        <v>40940</v>
      </c>
      <c r="L13485" s="5" t="s">
        <v>40939</v>
      </c>
      <c r="M13485" s="2" t="s">
        <v>40940</v>
      </c>
      <c r="N13485" s="5" t="s">
        <v>36266</v>
      </c>
      <c r="O13485" s="5" t="s">
        <v>38</v>
      </c>
      <c r="P13485" s="5" t="s">
        <v>39</v>
      </c>
      <c r="Q13485" s="5" t="s">
        <v>40</v>
      </c>
      <c r="R13485" s="5" t="s">
        <v>1522</v>
      </c>
      <c r="S13485" s="5" t="s">
        <v>1523</v>
      </c>
      <c r="T13485" s="5" t="s">
        <v>42</v>
      </c>
      <c r="U13485" s="2">
        <v>1.167</v>
      </c>
      <c r="V13485" s="2">
        <v>0.64100000000000001</v>
      </c>
      <c r="W13485" s="2">
        <v>1.4999999999999999E-2</v>
      </c>
      <c r="X13485" s="2">
        <v>118.9</v>
      </c>
      <c r="Y13485" s="2">
        <v>7.6</v>
      </c>
      <c r="Z13485" s="2">
        <v>16.7</v>
      </c>
      <c r="AA13485" s="5"/>
      <c r="AB13485" s="5" t="s">
        <v>43</v>
      </c>
      <c r="AC13485" s="5" t="s">
        <v>44</v>
      </c>
      <c r="AD13485" s="2"/>
      <c r="AE13485" s="1"/>
    </row>
    <row r="13486" spans="1:31" ht="14.45">
      <c r="A13486" s="11"/>
      <c r="B13486" s="20"/>
      <c r="C13486" s="2" t="s">
        <v>41409</v>
      </c>
      <c r="D13486" s="14" t="s">
        <v>41410</v>
      </c>
      <c r="E13486" s="2" t="s">
        <v>41411</v>
      </c>
      <c r="F13486" s="2" t="s">
        <v>7514</v>
      </c>
      <c r="G13486" s="8">
        <v>122</v>
      </c>
      <c r="H13486" s="5">
        <v>6</v>
      </c>
      <c r="I13486" s="5" t="s">
        <v>1518</v>
      </c>
      <c r="J13486" s="5" t="s">
        <v>40939</v>
      </c>
      <c r="K13486" s="2" t="s">
        <v>40940</v>
      </c>
      <c r="L13486" s="5" t="s">
        <v>40939</v>
      </c>
      <c r="M13486" s="2" t="s">
        <v>40940</v>
      </c>
      <c r="N13486" s="5" t="s">
        <v>36266</v>
      </c>
      <c r="O13486" s="5" t="s">
        <v>38</v>
      </c>
      <c r="P13486" s="5" t="s">
        <v>39</v>
      </c>
      <c r="Q13486" s="5" t="s">
        <v>40</v>
      </c>
      <c r="R13486" s="5" t="s">
        <v>1522</v>
      </c>
      <c r="S13486" s="5" t="s">
        <v>1523</v>
      </c>
      <c r="T13486" s="5" t="s">
        <v>42</v>
      </c>
      <c r="U13486" s="2">
        <v>1.169</v>
      </c>
      <c r="V13486" s="2">
        <v>0.64300000000000002</v>
      </c>
      <c r="W13486" s="2">
        <v>1.4999999999999999E-2</v>
      </c>
      <c r="X13486" s="2">
        <v>118.9</v>
      </c>
      <c r="Y13486" s="2">
        <v>7.6</v>
      </c>
      <c r="Z13486" s="2">
        <v>16.7</v>
      </c>
      <c r="AA13486" s="5"/>
      <c r="AB13486" s="5" t="s">
        <v>43</v>
      </c>
      <c r="AC13486" s="5" t="s">
        <v>44</v>
      </c>
      <c r="AD13486" s="2"/>
      <c r="AE13486" s="1"/>
    </row>
    <row r="13487" spans="1:31" ht="14.45">
      <c r="A13487" s="11"/>
      <c r="B13487" s="20"/>
      <c r="C13487" s="2" t="s">
        <v>41412</v>
      </c>
      <c r="D13487" s="14" t="s">
        <v>41413</v>
      </c>
      <c r="E13487" s="2" t="s">
        <v>41414</v>
      </c>
      <c r="F13487" s="2" t="s">
        <v>41221</v>
      </c>
      <c r="G13487" s="8">
        <v>140</v>
      </c>
      <c r="H13487" s="5">
        <v>6</v>
      </c>
      <c r="I13487" s="5" t="s">
        <v>1518</v>
      </c>
      <c r="J13487" s="5" t="s">
        <v>40939</v>
      </c>
      <c r="K13487" s="2" t="s">
        <v>40940</v>
      </c>
      <c r="L13487" s="5" t="s">
        <v>40939</v>
      </c>
      <c r="M13487" s="2" t="s">
        <v>40940</v>
      </c>
      <c r="N13487" s="5" t="s">
        <v>36266</v>
      </c>
      <c r="O13487" s="5" t="s">
        <v>38</v>
      </c>
      <c r="P13487" s="5" t="s">
        <v>39</v>
      </c>
      <c r="Q13487" s="5" t="s">
        <v>40</v>
      </c>
      <c r="R13487" s="5" t="s">
        <v>1522</v>
      </c>
      <c r="S13487" s="5" t="s">
        <v>1523</v>
      </c>
      <c r="T13487" s="5" t="s">
        <v>42</v>
      </c>
      <c r="U13487" s="2">
        <v>1.1759999999999999</v>
      </c>
      <c r="V13487" s="2">
        <v>0.65</v>
      </c>
      <c r="W13487" s="2">
        <v>1.4999999999999999E-2</v>
      </c>
      <c r="X13487" s="2">
        <v>118.9</v>
      </c>
      <c r="Y13487" s="2">
        <v>7.6</v>
      </c>
      <c r="Z13487" s="2">
        <v>16.7</v>
      </c>
      <c r="AA13487" s="5"/>
      <c r="AB13487" s="5" t="s">
        <v>43</v>
      </c>
      <c r="AC13487" s="5" t="s">
        <v>44</v>
      </c>
      <c r="AD13487" s="2"/>
      <c r="AE13487" s="1"/>
    </row>
    <row r="13488" spans="1:31" ht="14.45">
      <c r="A13488" s="11"/>
      <c r="B13488" s="20"/>
      <c r="C13488" s="2" t="s">
        <v>41415</v>
      </c>
      <c r="D13488" s="14" t="s">
        <v>41416</v>
      </c>
      <c r="E13488" s="2" t="s">
        <v>41417</v>
      </c>
      <c r="F13488" s="2" t="s">
        <v>40951</v>
      </c>
      <c r="G13488" s="8">
        <v>140</v>
      </c>
      <c r="H13488" s="5">
        <v>6</v>
      </c>
      <c r="I13488" s="5" t="s">
        <v>1518</v>
      </c>
      <c r="J13488" s="5" t="s">
        <v>40939</v>
      </c>
      <c r="K13488" s="2" t="s">
        <v>40940</v>
      </c>
      <c r="L13488" s="5" t="s">
        <v>40939</v>
      </c>
      <c r="M13488" s="2" t="s">
        <v>40940</v>
      </c>
      <c r="N13488" s="5" t="s">
        <v>36266</v>
      </c>
      <c r="O13488" s="5" t="s">
        <v>38</v>
      </c>
      <c r="P13488" s="5" t="s">
        <v>39</v>
      </c>
      <c r="Q13488" s="5" t="s">
        <v>40</v>
      </c>
      <c r="R13488" s="5" t="s">
        <v>1522</v>
      </c>
      <c r="S13488" s="5" t="s">
        <v>1523</v>
      </c>
      <c r="T13488" s="5" t="s">
        <v>42</v>
      </c>
      <c r="U13488" s="2">
        <v>1.1779999999999999</v>
      </c>
      <c r="V13488" s="2">
        <v>0.65200000000000002</v>
      </c>
      <c r="W13488" s="2">
        <v>1.4999999999999999E-2</v>
      </c>
      <c r="X13488" s="2">
        <v>118.9</v>
      </c>
      <c r="Y13488" s="2">
        <v>7.6</v>
      </c>
      <c r="Z13488" s="2">
        <v>16.7</v>
      </c>
      <c r="AA13488" s="5"/>
      <c r="AB13488" s="5" t="s">
        <v>43</v>
      </c>
      <c r="AC13488" s="5" t="s">
        <v>44</v>
      </c>
      <c r="AD13488" s="2"/>
      <c r="AE13488" s="1"/>
    </row>
    <row r="13489" spans="1:31" ht="14.45">
      <c r="A13489" s="11"/>
      <c r="B13489" s="20"/>
      <c r="C13489" s="2" t="s">
        <v>41418</v>
      </c>
      <c r="D13489" s="14" t="s">
        <v>41419</v>
      </c>
      <c r="E13489" s="2" t="s">
        <v>41420</v>
      </c>
      <c r="F13489" s="2" t="s">
        <v>7208</v>
      </c>
      <c r="G13489" s="8">
        <v>122</v>
      </c>
      <c r="H13489" s="5">
        <v>6</v>
      </c>
      <c r="I13489" s="5" t="s">
        <v>1518</v>
      </c>
      <c r="J13489" s="5" t="s">
        <v>40939</v>
      </c>
      <c r="K13489" s="2" t="s">
        <v>40940</v>
      </c>
      <c r="L13489" s="5" t="s">
        <v>40939</v>
      </c>
      <c r="M13489" s="2" t="s">
        <v>40940</v>
      </c>
      <c r="N13489" s="5" t="s">
        <v>36266</v>
      </c>
      <c r="O13489" s="5" t="s">
        <v>38</v>
      </c>
      <c r="P13489" s="5" t="s">
        <v>39</v>
      </c>
      <c r="Q13489" s="5" t="s">
        <v>40</v>
      </c>
      <c r="R13489" s="5" t="s">
        <v>1522</v>
      </c>
      <c r="S13489" s="5" t="s">
        <v>1523</v>
      </c>
      <c r="T13489" s="5" t="s">
        <v>42</v>
      </c>
      <c r="U13489" s="2">
        <v>1.18</v>
      </c>
      <c r="V13489" s="2">
        <v>0.65400000000000003</v>
      </c>
      <c r="W13489" s="2">
        <v>1.4999999999999999E-2</v>
      </c>
      <c r="X13489" s="2">
        <v>118.9</v>
      </c>
      <c r="Y13489" s="2">
        <v>7.6</v>
      </c>
      <c r="Z13489" s="2">
        <v>16.7</v>
      </c>
      <c r="AA13489" s="5"/>
      <c r="AB13489" s="5" t="s">
        <v>43</v>
      </c>
      <c r="AC13489" s="5" t="s">
        <v>44</v>
      </c>
      <c r="AD13489" s="2"/>
      <c r="AE13489" s="1"/>
    </row>
    <row r="13490" spans="1:31" ht="14.45">
      <c r="A13490" s="11"/>
      <c r="B13490" s="20"/>
      <c r="C13490" s="2" t="s">
        <v>41421</v>
      </c>
      <c r="D13490" s="14" t="s">
        <v>41422</v>
      </c>
      <c r="E13490" s="2" t="s">
        <v>41423</v>
      </c>
      <c r="F13490" s="2" t="s">
        <v>7521</v>
      </c>
      <c r="G13490" s="8">
        <v>122</v>
      </c>
      <c r="H13490" s="5">
        <v>6</v>
      </c>
      <c r="I13490" s="5" t="s">
        <v>1518</v>
      </c>
      <c r="J13490" s="5" t="s">
        <v>40939</v>
      </c>
      <c r="K13490" s="2" t="s">
        <v>40940</v>
      </c>
      <c r="L13490" s="5" t="s">
        <v>40939</v>
      </c>
      <c r="M13490" s="2" t="s">
        <v>40940</v>
      </c>
      <c r="N13490" s="5" t="s">
        <v>36266</v>
      </c>
      <c r="O13490" s="5" t="s">
        <v>38</v>
      </c>
      <c r="P13490" s="5" t="s">
        <v>39</v>
      </c>
      <c r="Q13490" s="5" t="s">
        <v>40</v>
      </c>
      <c r="R13490" s="5" t="s">
        <v>1522</v>
      </c>
      <c r="S13490" s="5" t="s">
        <v>1523</v>
      </c>
      <c r="T13490" s="5" t="s">
        <v>42</v>
      </c>
      <c r="U13490" s="2">
        <v>1.1819999999999999</v>
      </c>
      <c r="V13490" s="2">
        <v>0.65600000000000003</v>
      </c>
      <c r="W13490" s="2">
        <v>1.4999999999999999E-2</v>
      </c>
      <c r="X13490" s="2">
        <v>118.9</v>
      </c>
      <c r="Y13490" s="2">
        <v>7.6</v>
      </c>
      <c r="Z13490" s="2">
        <v>16.7</v>
      </c>
      <c r="AA13490" s="5"/>
      <c r="AB13490" s="5" t="s">
        <v>43</v>
      </c>
      <c r="AC13490" s="5" t="s">
        <v>44</v>
      </c>
      <c r="AD13490" s="2"/>
      <c r="AE13490" s="1"/>
    </row>
    <row r="13491" spans="1:31" ht="14.45">
      <c r="A13491" s="11"/>
      <c r="B13491" s="20"/>
      <c r="C13491" s="2" t="s">
        <v>41424</v>
      </c>
      <c r="D13491" s="14" t="s">
        <v>41425</v>
      </c>
      <c r="E13491" s="2" t="s">
        <v>41426</v>
      </c>
      <c r="F13491" s="2" t="s">
        <v>36273</v>
      </c>
      <c r="G13491" s="8">
        <v>122</v>
      </c>
      <c r="H13491" s="5">
        <v>6</v>
      </c>
      <c r="I13491" s="5" t="s">
        <v>1518</v>
      </c>
      <c r="J13491" s="5" t="s">
        <v>40939</v>
      </c>
      <c r="K13491" s="2" t="s">
        <v>40940</v>
      </c>
      <c r="L13491" s="5" t="s">
        <v>40939</v>
      </c>
      <c r="M13491" s="2" t="s">
        <v>40940</v>
      </c>
      <c r="N13491" s="5" t="s">
        <v>36266</v>
      </c>
      <c r="O13491" s="5" t="s">
        <v>38</v>
      </c>
      <c r="P13491" s="5" t="s">
        <v>39</v>
      </c>
      <c r="Q13491" s="5" t="s">
        <v>40</v>
      </c>
      <c r="R13491" s="5" t="s">
        <v>1522</v>
      </c>
      <c r="S13491" s="5" t="s">
        <v>1523</v>
      </c>
      <c r="T13491" s="5" t="s">
        <v>42</v>
      </c>
      <c r="U13491" s="2">
        <v>1.1890000000000001</v>
      </c>
      <c r="V13491" s="2">
        <v>0.66300000000000003</v>
      </c>
      <c r="W13491" s="2">
        <v>1.4999999999999999E-2</v>
      </c>
      <c r="X13491" s="2">
        <v>118.9</v>
      </c>
      <c r="Y13491" s="2">
        <v>7.6</v>
      </c>
      <c r="Z13491" s="2">
        <v>16.7</v>
      </c>
      <c r="AA13491" s="5"/>
      <c r="AB13491" s="5" t="s">
        <v>43</v>
      </c>
      <c r="AC13491" s="5" t="s">
        <v>44</v>
      </c>
      <c r="AD13491" s="2"/>
      <c r="AE13491" s="1"/>
    </row>
    <row r="13492" spans="1:31" ht="14.45">
      <c r="A13492" s="11"/>
      <c r="B13492" s="20"/>
      <c r="C13492" s="2" t="s">
        <v>41427</v>
      </c>
      <c r="D13492" s="14" t="s">
        <v>41428</v>
      </c>
      <c r="E13492" s="2" t="s">
        <v>41429</v>
      </c>
      <c r="F13492" s="2" t="s">
        <v>36277</v>
      </c>
      <c r="G13492" s="8">
        <v>122</v>
      </c>
      <c r="H13492" s="5">
        <v>6</v>
      </c>
      <c r="I13492" s="5" t="s">
        <v>1518</v>
      </c>
      <c r="J13492" s="5" t="s">
        <v>40939</v>
      </c>
      <c r="K13492" s="2" t="s">
        <v>40940</v>
      </c>
      <c r="L13492" s="5" t="s">
        <v>40939</v>
      </c>
      <c r="M13492" s="2" t="s">
        <v>40940</v>
      </c>
      <c r="N13492" s="5" t="s">
        <v>36266</v>
      </c>
      <c r="O13492" s="5" t="s">
        <v>38</v>
      </c>
      <c r="P13492" s="5" t="s">
        <v>39</v>
      </c>
      <c r="Q13492" s="5" t="s">
        <v>40</v>
      </c>
      <c r="R13492" s="5" t="s">
        <v>1522</v>
      </c>
      <c r="S13492" s="5" t="s">
        <v>1523</v>
      </c>
      <c r="T13492" s="5" t="s">
        <v>42</v>
      </c>
      <c r="U13492" s="2">
        <v>1.1910000000000001</v>
      </c>
      <c r="V13492" s="2">
        <v>0.66500000000000004</v>
      </c>
      <c r="W13492" s="2">
        <v>1.4999999999999999E-2</v>
      </c>
      <c r="X13492" s="2">
        <v>118.9</v>
      </c>
      <c r="Y13492" s="2">
        <v>7.6</v>
      </c>
      <c r="Z13492" s="2">
        <v>16.7</v>
      </c>
      <c r="AA13492" s="5"/>
      <c r="AB13492" s="5" t="s">
        <v>43</v>
      </c>
      <c r="AC13492" s="5" t="s">
        <v>44</v>
      </c>
      <c r="AD13492" s="2"/>
      <c r="AE13492" s="1"/>
    </row>
    <row r="13493" spans="1:31" ht="14.45">
      <c r="A13493" s="11"/>
      <c r="B13493" s="20"/>
      <c r="C13493" s="2" t="s">
        <v>41430</v>
      </c>
      <c r="D13493" s="14" t="s">
        <v>41431</v>
      </c>
      <c r="E13493" s="2" t="s">
        <v>41432</v>
      </c>
      <c r="F13493" s="2" t="s">
        <v>40967</v>
      </c>
      <c r="G13493" s="8">
        <v>140</v>
      </c>
      <c r="H13493" s="5">
        <v>6</v>
      </c>
      <c r="I13493" s="5" t="s">
        <v>1518</v>
      </c>
      <c r="J13493" s="5" t="s">
        <v>40939</v>
      </c>
      <c r="K13493" s="2" t="s">
        <v>40940</v>
      </c>
      <c r="L13493" s="5" t="s">
        <v>40939</v>
      </c>
      <c r="M13493" s="2" t="s">
        <v>40940</v>
      </c>
      <c r="N13493" s="5" t="s">
        <v>36266</v>
      </c>
      <c r="O13493" s="5" t="s">
        <v>38</v>
      </c>
      <c r="P13493" s="5" t="s">
        <v>39</v>
      </c>
      <c r="Q13493" s="5" t="s">
        <v>40</v>
      </c>
      <c r="R13493" s="5" t="s">
        <v>1522</v>
      </c>
      <c r="S13493" s="5" t="s">
        <v>1523</v>
      </c>
      <c r="T13493" s="5" t="s">
        <v>42</v>
      </c>
      <c r="U13493" s="2">
        <v>1.18</v>
      </c>
      <c r="V13493" s="2">
        <v>0.65400000000000003</v>
      </c>
      <c r="W13493" s="2">
        <v>1.4999999999999999E-2</v>
      </c>
      <c r="X13493" s="2">
        <v>118.9</v>
      </c>
      <c r="Y13493" s="2">
        <v>7.6</v>
      </c>
      <c r="Z13493" s="2">
        <v>16.7</v>
      </c>
      <c r="AA13493" s="5"/>
      <c r="AB13493" s="5" t="s">
        <v>43</v>
      </c>
      <c r="AC13493" s="5" t="s">
        <v>44</v>
      </c>
      <c r="AD13493" s="2"/>
      <c r="AE13493" s="1"/>
    </row>
    <row r="13494" spans="1:31" ht="14.45">
      <c r="A13494" s="11"/>
      <c r="B13494" s="20"/>
      <c r="C13494" s="2" t="s">
        <v>41433</v>
      </c>
      <c r="D13494" s="14" t="s">
        <v>41434</v>
      </c>
      <c r="E13494" s="2" t="s">
        <v>41435</v>
      </c>
      <c r="F13494" s="2" t="s">
        <v>40971</v>
      </c>
      <c r="G13494" s="8">
        <v>140</v>
      </c>
      <c r="H13494" s="5">
        <v>6</v>
      </c>
      <c r="I13494" s="5" t="s">
        <v>1518</v>
      </c>
      <c r="J13494" s="5" t="s">
        <v>40939</v>
      </c>
      <c r="K13494" s="2" t="s">
        <v>40940</v>
      </c>
      <c r="L13494" s="5" t="s">
        <v>40939</v>
      </c>
      <c r="M13494" s="2" t="s">
        <v>40940</v>
      </c>
      <c r="N13494" s="5" t="s">
        <v>36266</v>
      </c>
      <c r="O13494" s="5" t="s">
        <v>38</v>
      </c>
      <c r="P13494" s="5" t="s">
        <v>39</v>
      </c>
      <c r="Q13494" s="5" t="s">
        <v>40</v>
      </c>
      <c r="R13494" s="5" t="s">
        <v>1522</v>
      </c>
      <c r="S13494" s="5" t="s">
        <v>1523</v>
      </c>
      <c r="T13494" s="5" t="s">
        <v>42</v>
      </c>
      <c r="U13494" s="2">
        <v>1.1819999999999999</v>
      </c>
      <c r="V13494" s="2">
        <v>0.65600000000000003</v>
      </c>
      <c r="W13494" s="2">
        <v>1.4999999999999999E-2</v>
      </c>
      <c r="X13494" s="2">
        <v>118.9</v>
      </c>
      <c r="Y13494" s="2">
        <v>7.6</v>
      </c>
      <c r="Z13494" s="2">
        <v>16.7</v>
      </c>
      <c r="AA13494" s="5"/>
      <c r="AB13494" s="5" t="s">
        <v>43</v>
      </c>
      <c r="AC13494" s="5" t="s">
        <v>44</v>
      </c>
      <c r="AD13494" s="2"/>
      <c r="AE13494" s="1"/>
    </row>
    <row r="13495" spans="1:31" ht="14.45">
      <c r="A13495" s="11"/>
      <c r="B13495" s="20"/>
      <c r="C13495" s="2" t="s">
        <v>41436</v>
      </c>
      <c r="D13495" s="14" t="s">
        <v>41437</v>
      </c>
      <c r="E13495" s="2" t="s">
        <v>41438</v>
      </c>
      <c r="F13495" s="2" t="s">
        <v>40975</v>
      </c>
      <c r="G13495" s="8">
        <v>140</v>
      </c>
      <c r="H13495" s="5">
        <v>6</v>
      </c>
      <c r="I13495" s="5" t="s">
        <v>1518</v>
      </c>
      <c r="J13495" s="5" t="s">
        <v>40939</v>
      </c>
      <c r="K13495" s="2" t="s">
        <v>40940</v>
      </c>
      <c r="L13495" s="5" t="s">
        <v>40939</v>
      </c>
      <c r="M13495" s="2" t="s">
        <v>40940</v>
      </c>
      <c r="N13495" s="5" t="s">
        <v>36266</v>
      </c>
      <c r="O13495" s="5" t="s">
        <v>38</v>
      </c>
      <c r="P13495" s="5" t="s">
        <v>39</v>
      </c>
      <c r="Q13495" s="5" t="s">
        <v>40</v>
      </c>
      <c r="R13495" s="5" t="s">
        <v>1522</v>
      </c>
      <c r="S13495" s="5" t="s">
        <v>1523</v>
      </c>
      <c r="T13495" s="5" t="s">
        <v>42</v>
      </c>
      <c r="U13495" s="2">
        <v>1.18</v>
      </c>
      <c r="V13495" s="2">
        <v>0.65400000000000003</v>
      </c>
      <c r="W13495" s="2">
        <v>1.4999999999999999E-2</v>
      </c>
      <c r="X13495" s="2">
        <v>118.9</v>
      </c>
      <c r="Y13495" s="2">
        <v>7.6</v>
      </c>
      <c r="Z13495" s="2">
        <v>16.7</v>
      </c>
      <c r="AA13495" s="5"/>
      <c r="AB13495" s="5" t="s">
        <v>43</v>
      </c>
      <c r="AC13495" s="5" t="s">
        <v>44</v>
      </c>
      <c r="AD13495" s="2"/>
      <c r="AE13495" s="1"/>
    </row>
    <row r="13496" spans="1:31" ht="14.45">
      <c r="A13496" s="11"/>
      <c r="B13496" s="20"/>
      <c r="C13496" s="2" t="s">
        <v>41439</v>
      </c>
      <c r="D13496" s="14" t="s">
        <v>41440</v>
      </c>
      <c r="E13496" s="2" t="s">
        <v>41441</v>
      </c>
      <c r="F13496" s="2" t="s">
        <v>40979</v>
      </c>
      <c r="G13496" s="8">
        <v>140</v>
      </c>
      <c r="H13496" s="5">
        <v>6</v>
      </c>
      <c r="I13496" s="5" t="s">
        <v>1518</v>
      </c>
      <c r="J13496" s="5" t="s">
        <v>40939</v>
      </c>
      <c r="K13496" s="2" t="s">
        <v>40940</v>
      </c>
      <c r="L13496" s="5" t="s">
        <v>40939</v>
      </c>
      <c r="M13496" s="2" t="s">
        <v>40940</v>
      </c>
      <c r="N13496" s="5" t="s">
        <v>36266</v>
      </c>
      <c r="O13496" s="5" t="s">
        <v>38</v>
      </c>
      <c r="P13496" s="5" t="s">
        <v>39</v>
      </c>
      <c r="Q13496" s="5" t="s">
        <v>40</v>
      </c>
      <c r="R13496" s="5" t="s">
        <v>1522</v>
      </c>
      <c r="S13496" s="5" t="s">
        <v>1523</v>
      </c>
      <c r="T13496" s="5" t="s">
        <v>42</v>
      </c>
      <c r="U13496" s="2">
        <v>1.1819999999999999</v>
      </c>
      <c r="V13496" s="2">
        <v>0.65600000000000003</v>
      </c>
      <c r="W13496" s="2">
        <v>1.4999999999999999E-2</v>
      </c>
      <c r="X13496" s="2">
        <v>118.9</v>
      </c>
      <c r="Y13496" s="2">
        <v>7.6</v>
      </c>
      <c r="Z13496" s="2">
        <v>16.7</v>
      </c>
      <c r="AA13496" s="5"/>
      <c r="AB13496" s="5" t="s">
        <v>43</v>
      </c>
      <c r="AC13496" s="5" t="s">
        <v>44</v>
      </c>
      <c r="AD13496" s="2"/>
      <c r="AE13496" s="1"/>
    </row>
    <row r="13497" spans="1:31" ht="14.45">
      <c r="A13497" s="11"/>
      <c r="B13497" s="20"/>
      <c r="C13497" s="2" t="s">
        <v>41442</v>
      </c>
      <c r="D13497" s="14" t="s">
        <v>41443</v>
      </c>
      <c r="E13497" s="2" t="s">
        <v>41444</v>
      </c>
      <c r="F13497" s="2" t="s">
        <v>7539</v>
      </c>
      <c r="G13497" s="8">
        <v>140</v>
      </c>
      <c r="H13497" s="5">
        <v>6</v>
      </c>
      <c r="I13497" s="5" t="s">
        <v>1518</v>
      </c>
      <c r="J13497" s="5" t="s">
        <v>40939</v>
      </c>
      <c r="K13497" s="2" t="s">
        <v>40940</v>
      </c>
      <c r="L13497" s="5" t="s">
        <v>40939</v>
      </c>
      <c r="M13497" s="2" t="s">
        <v>40940</v>
      </c>
      <c r="N13497" s="5" t="s">
        <v>36266</v>
      </c>
      <c r="O13497" s="5" t="s">
        <v>38</v>
      </c>
      <c r="P13497" s="5" t="s">
        <v>39</v>
      </c>
      <c r="Q13497" s="5" t="s">
        <v>40</v>
      </c>
      <c r="R13497" s="5" t="s">
        <v>1522</v>
      </c>
      <c r="S13497" s="5" t="s">
        <v>1523</v>
      </c>
      <c r="T13497" s="5" t="s">
        <v>42</v>
      </c>
      <c r="U13497" s="2">
        <v>1.1579999999999999</v>
      </c>
      <c r="V13497" s="2">
        <v>0.63200000000000001</v>
      </c>
      <c r="W13497" s="2">
        <v>1.4999999999999999E-2</v>
      </c>
      <c r="X13497" s="2">
        <v>118.9</v>
      </c>
      <c r="Y13497" s="2">
        <v>7.6</v>
      </c>
      <c r="Z13497" s="2">
        <v>16.7</v>
      </c>
      <c r="AA13497" s="5"/>
      <c r="AB13497" s="5" t="s">
        <v>43</v>
      </c>
      <c r="AC13497" s="5" t="s">
        <v>44</v>
      </c>
      <c r="AD13497" s="2"/>
      <c r="AE13497" s="1"/>
    </row>
    <row r="13498" spans="1:31" ht="14.45">
      <c r="A13498" s="11"/>
      <c r="B13498" s="20"/>
      <c r="C13498" s="2" t="s">
        <v>41445</v>
      </c>
      <c r="D13498" s="14" t="s">
        <v>41446</v>
      </c>
      <c r="E13498" s="2" t="s">
        <v>41447</v>
      </c>
      <c r="F13498" s="2" t="s">
        <v>7543</v>
      </c>
      <c r="G13498" s="8">
        <v>140</v>
      </c>
      <c r="H13498" s="5">
        <v>6</v>
      </c>
      <c r="I13498" s="5" t="s">
        <v>1518</v>
      </c>
      <c r="J13498" s="5" t="s">
        <v>40939</v>
      </c>
      <c r="K13498" s="2" t="s">
        <v>40940</v>
      </c>
      <c r="L13498" s="5" t="s">
        <v>40939</v>
      </c>
      <c r="M13498" s="2" t="s">
        <v>40940</v>
      </c>
      <c r="N13498" s="5" t="s">
        <v>36266</v>
      </c>
      <c r="O13498" s="5" t="s">
        <v>38</v>
      </c>
      <c r="P13498" s="5" t="s">
        <v>39</v>
      </c>
      <c r="Q13498" s="5" t="s">
        <v>40</v>
      </c>
      <c r="R13498" s="5" t="s">
        <v>1522</v>
      </c>
      <c r="S13498" s="5" t="s">
        <v>1523</v>
      </c>
      <c r="T13498" s="5" t="s">
        <v>42</v>
      </c>
      <c r="U13498" s="2">
        <v>1.1599999999999999</v>
      </c>
      <c r="V13498" s="2">
        <v>0.63400000000000001</v>
      </c>
      <c r="W13498" s="2">
        <v>1.4999999999999999E-2</v>
      </c>
      <c r="X13498" s="2">
        <v>118.9</v>
      </c>
      <c r="Y13498" s="2">
        <v>7.6</v>
      </c>
      <c r="Z13498" s="2">
        <v>16.7</v>
      </c>
      <c r="AA13498" s="5"/>
      <c r="AB13498" s="5" t="s">
        <v>43</v>
      </c>
      <c r="AC13498" s="5" t="s">
        <v>44</v>
      </c>
      <c r="AD13498" s="2"/>
      <c r="AE13498" s="1"/>
    </row>
    <row r="13499" spans="1:31" ht="14.45">
      <c r="A13499" s="11"/>
      <c r="B13499" s="20"/>
      <c r="C13499" s="2" t="s">
        <v>41448</v>
      </c>
      <c r="D13499" s="14" t="s">
        <v>41449</v>
      </c>
      <c r="E13499" s="2" t="s">
        <v>41450</v>
      </c>
      <c r="F13499" s="2" t="s">
        <v>40989</v>
      </c>
      <c r="G13499" s="8">
        <v>140</v>
      </c>
      <c r="H13499" s="5">
        <v>6</v>
      </c>
      <c r="I13499" s="5" t="s">
        <v>1518</v>
      </c>
      <c r="J13499" s="5" t="s">
        <v>40939</v>
      </c>
      <c r="K13499" s="2" t="s">
        <v>40940</v>
      </c>
      <c r="L13499" s="5" t="s">
        <v>40939</v>
      </c>
      <c r="M13499" s="2" t="s">
        <v>40940</v>
      </c>
      <c r="N13499" s="5" t="s">
        <v>36266</v>
      </c>
      <c r="O13499" s="5" t="s">
        <v>38</v>
      </c>
      <c r="P13499" s="5" t="s">
        <v>39</v>
      </c>
      <c r="Q13499" s="5" t="s">
        <v>40</v>
      </c>
      <c r="R13499" s="5" t="s">
        <v>1522</v>
      </c>
      <c r="S13499" s="5" t="s">
        <v>1523</v>
      </c>
      <c r="T13499" s="5" t="s">
        <v>42</v>
      </c>
      <c r="U13499" s="2">
        <v>1.18</v>
      </c>
      <c r="V13499" s="2">
        <v>0.65400000000000003</v>
      </c>
      <c r="W13499" s="2">
        <v>1.4999999999999999E-2</v>
      </c>
      <c r="X13499" s="2">
        <v>118.9</v>
      </c>
      <c r="Y13499" s="2">
        <v>7.6</v>
      </c>
      <c r="Z13499" s="2">
        <v>16.7</v>
      </c>
      <c r="AA13499" s="5"/>
      <c r="AB13499" s="5" t="s">
        <v>43</v>
      </c>
      <c r="AC13499" s="5" t="s">
        <v>44</v>
      </c>
      <c r="AD13499" s="2"/>
      <c r="AE13499" s="1"/>
    </row>
    <row r="13500" spans="1:31" ht="14.45">
      <c r="A13500" s="11"/>
      <c r="B13500" s="20"/>
      <c r="C13500" s="2" t="s">
        <v>41451</v>
      </c>
      <c r="D13500" s="14" t="s">
        <v>41452</v>
      </c>
      <c r="E13500" s="2" t="s">
        <v>41453</v>
      </c>
      <c r="F13500" s="2" t="s">
        <v>40993</v>
      </c>
      <c r="G13500" s="8">
        <v>140</v>
      </c>
      <c r="H13500" s="5">
        <v>6</v>
      </c>
      <c r="I13500" s="5" t="s">
        <v>1518</v>
      </c>
      <c r="J13500" s="5" t="s">
        <v>40939</v>
      </c>
      <c r="K13500" s="2" t="s">
        <v>40940</v>
      </c>
      <c r="L13500" s="5" t="s">
        <v>40939</v>
      </c>
      <c r="M13500" s="2" t="s">
        <v>40940</v>
      </c>
      <c r="N13500" s="5" t="s">
        <v>36266</v>
      </c>
      <c r="O13500" s="5" t="s">
        <v>38</v>
      </c>
      <c r="P13500" s="5" t="s">
        <v>39</v>
      </c>
      <c r="Q13500" s="5" t="s">
        <v>40</v>
      </c>
      <c r="R13500" s="5" t="s">
        <v>1522</v>
      </c>
      <c r="S13500" s="5" t="s">
        <v>1523</v>
      </c>
      <c r="T13500" s="5" t="s">
        <v>42</v>
      </c>
      <c r="U13500" s="2">
        <v>1.1819999999999999</v>
      </c>
      <c r="V13500" s="2">
        <v>0.65600000000000003</v>
      </c>
      <c r="W13500" s="2">
        <v>1.4999999999999999E-2</v>
      </c>
      <c r="X13500" s="2">
        <v>118.9</v>
      </c>
      <c r="Y13500" s="2">
        <v>7.6</v>
      </c>
      <c r="Z13500" s="2">
        <v>16.7</v>
      </c>
      <c r="AA13500" s="5"/>
      <c r="AB13500" s="5" t="s">
        <v>43</v>
      </c>
      <c r="AC13500" s="5" t="s">
        <v>44</v>
      </c>
      <c r="AD13500" s="2"/>
      <c r="AE13500" s="1"/>
    </row>
    <row r="13501" spans="1:31" ht="14.45">
      <c r="A13501" s="11"/>
      <c r="B13501" s="20"/>
      <c r="C13501" s="2" t="s">
        <v>41454</v>
      </c>
      <c r="D13501" s="14" t="s">
        <v>41455</v>
      </c>
      <c r="E13501" s="2" t="s">
        <v>41456</v>
      </c>
      <c r="F13501" s="2" t="s">
        <v>41267</v>
      </c>
      <c r="G13501" s="8">
        <v>140</v>
      </c>
      <c r="H13501" s="5">
        <v>6</v>
      </c>
      <c r="I13501" s="5" t="s">
        <v>1518</v>
      </c>
      <c r="J13501" s="5" t="s">
        <v>40939</v>
      </c>
      <c r="K13501" s="2" t="s">
        <v>40940</v>
      </c>
      <c r="L13501" s="5" t="s">
        <v>40939</v>
      </c>
      <c r="M13501" s="2" t="s">
        <v>40940</v>
      </c>
      <c r="N13501" s="5" t="s">
        <v>36266</v>
      </c>
      <c r="O13501" s="5" t="s">
        <v>38</v>
      </c>
      <c r="P13501" s="5" t="s">
        <v>39</v>
      </c>
      <c r="Q13501" s="5" t="s">
        <v>40</v>
      </c>
      <c r="R13501" s="5" t="s">
        <v>1522</v>
      </c>
      <c r="S13501" s="5" t="s">
        <v>1523</v>
      </c>
      <c r="T13501" s="5" t="s">
        <v>42</v>
      </c>
      <c r="U13501" s="2">
        <v>1.165</v>
      </c>
      <c r="V13501" s="2">
        <v>0.63900000000000001</v>
      </c>
      <c r="W13501" s="2">
        <v>1.4999999999999999E-2</v>
      </c>
      <c r="X13501" s="2">
        <v>118.9</v>
      </c>
      <c r="Y13501" s="2">
        <v>7.6</v>
      </c>
      <c r="Z13501" s="2">
        <v>16.7</v>
      </c>
      <c r="AA13501" s="5"/>
      <c r="AB13501" s="5" t="s">
        <v>43</v>
      </c>
      <c r="AC13501" s="5" t="s">
        <v>44</v>
      </c>
      <c r="AD13501" s="2"/>
      <c r="AE13501" s="1"/>
    </row>
    <row r="13502" spans="1:31" ht="14.45">
      <c r="A13502" s="11"/>
      <c r="B13502" s="20"/>
      <c r="C13502" s="2" t="s">
        <v>41457</v>
      </c>
      <c r="D13502" s="14" t="s">
        <v>41458</v>
      </c>
      <c r="E13502" s="2" t="s">
        <v>41459</v>
      </c>
      <c r="F13502" s="2" t="s">
        <v>41005</v>
      </c>
      <c r="G13502" s="8">
        <v>140</v>
      </c>
      <c r="H13502" s="5">
        <v>6</v>
      </c>
      <c r="I13502" s="5" t="s">
        <v>1518</v>
      </c>
      <c r="J13502" s="5" t="s">
        <v>40939</v>
      </c>
      <c r="K13502" s="2" t="s">
        <v>40940</v>
      </c>
      <c r="L13502" s="5" t="s">
        <v>40939</v>
      </c>
      <c r="M13502" s="2" t="s">
        <v>40940</v>
      </c>
      <c r="N13502" s="5" t="s">
        <v>36266</v>
      </c>
      <c r="O13502" s="5" t="s">
        <v>38</v>
      </c>
      <c r="P13502" s="5" t="s">
        <v>39</v>
      </c>
      <c r="Q13502" s="5" t="s">
        <v>40</v>
      </c>
      <c r="R13502" s="5" t="s">
        <v>1522</v>
      </c>
      <c r="S13502" s="5" t="s">
        <v>1523</v>
      </c>
      <c r="T13502" s="5" t="s">
        <v>42</v>
      </c>
      <c r="U13502" s="2">
        <v>1.1819999999999999</v>
      </c>
      <c r="V13502" s="2">
        <v>0.65600000000000003</v>
      </c>
      <c r="W13502" s="2">
        <v>1.4999999999999999E-2</v>
      </c>
      <c r="X13502" s="2">
        <v>118.9</v>
      </c>
      <c r="Y13502" s="2">
        <v>7.6</v>
      </c>
      <c r="Z13502" s="2">
        <v>16.7</v>
      </c>
      <c r="AA13502" s="5"/>
      <c r="AB13502" s="5" t="s">
        <v>43</v>
      </c>
      <c r="AC13502" s="5" t="s">
        <v>44</v>
      </c>
      <c r="AD13502" s="2"/>
      <c r="AE13502" s="1"/>
    </row>
    <row r="13503" spans="1:31" ht="14.45">
      <c r="A13503" s="11"/>
      <c r="B13503" s="20"/>
      <c r="C13503" s="2" t="s">
        <v>41460</v>
      </c>
      <c r="D13503" s="14" t="s">
        <v>41461</v>
      </c>
      <c r="E13503" s="2" t="s">
        <v>41462</v>
      </c>
      <c r="F13503" s="2" t="s">
        <v>41009</v>
      </c>
      <c r="G13503" s="8">
        <v>140</v>
      </c>
      <c r="H13503" s="5">
        <v>6</v>
      </c>
      <c r="I13503" s="5" t="s">
        <v>1518</v>
      </c>
      <c r="J13503" s="5" t="s">
        <v>40939</v>
      </c>
      <c r="K13503" s="2" t="s">
        <v>40940</v>
      </c>
      <c r="L13503" s="5" t="s">
        <v>40939</v>
      </c>
      <c r="M13503" s="2" t="s">
        <v>40940</v>
      </c>
      <c r="N13503" s="5" t="s">
        <v>36266</v>
      </c>
      <c r="O13503" s="5" t="s">
        <v>38</v>
      </c>
      <c r="P13503" s="5" t="s">
        <v>39</v>
      </c>
      <c r="Q13503" s="5" t="s">
        <v>40</v>
      </c>
      <c r="R13503" s="5" t="s">
        <v>1522</v>
      </c>
      <c r="S13503" s="5" t="s">
        <v>1523</v>
      </c>
      <c r="T13503" s="5" t="s">
        <v>42</v>
      </c>
      <c r="U13503" s="2">
        <v>1.1839999999999999</v>
      </c>
      <c r="V13503" s="2">
        <v>0.65800000000000003</v>
      </c>
      <c r="W13503" s="2">
        <v>1.4999999999999999E-2</v>
      </c>
      <c r="X13503" s="2">
        <v>118.9</v>
      </c>
      <c r="Y13503" s="2">
        <v>7.6</v>
      </c>
      <c r="Z13503" s="2">
        <v>16.7</v>
      </c>
      <c r="AA13503" s="5"/>
      <c r="AB13503" s="5" t="s">
        <v>43</v>
      </c>
      <c r="AC13503" s="5" t="s">
        <v>44</v>
      </c>
      <c r="AD13503" s="2"/>
      <c r="AE13503" s="1"/>
    </row>
    <row r="13504" spans="1:31" ht="14.45">
      <c r="A13504" s="11"/>
      <c r="B13504" s="20"/>
      <c r="C13504" s="2" t="s">
        <v>41463</v>
      </c>
      <c r="D13504" s="14" t="s">
        <v>41464</v>
      </c>
      <c r="E13504" s="2" t="s">
        <v>41465</v>
      </c>
      <c r="F13504" s="2" t="s">
        <v>41013</v>
      </c>
      <c r="G13504" s="8">
        <v>140</v>
      </c>
      <c r="H13504" s="5">
        <v>6</v>
      </c>
      <c r="I13504" s="5" t="s">
        <v>1518</v>
      </c>
      <c r="J13504" s="5" t="s">
        <v>40939</v>
      </c>
      <c r="K13504" s="2" t="s">
        <v>40940</v>
      </c>
      <c r="L13504" s="5" t="s">
        <v>40939</v>
      </c>
      <c r="M13504" s="2" t="s">
        <v>40940</v>
      </c>
      <c r="N13504" s="5" t="s">
        <v>36266</v>
      </c>
      <c r="O13504" s="5" t="s">
        <v>38</v>
      </c>
      <c r="P13504" s="5" t="s">
        <v>39</v>
      </c>
      <c r="Q13504" s="5" t="s">
        <v>40</v>
      </c>
      <c r="R13504" s="5" t="s">
        <v>1522</v>
      </c>
      <c r="S13504" s="5" t="s">
        <v>1523</v>
      </c>
      <c r="T13504" s="5" t="s">
        <v>42</v>
      </c>
      <c r="U13504" s="2">
        <v>1.1859999999999999</v>
      </c>
      <c r="V13504" s="2">
        <v>0.66</v>
      </c>
      <c r="W13504" s="2">
        <v>1.4999999999999999E-2</v>
      </c>
      <c r="X13504" s="2">
        <v>118.9</v>
      </c>
      <c r="Y13504" s="2">
        <v>7.6</v>
      </c>
      <c r="Z13504" s="2">
        <v>16.7</v>
      </c>
      <c r="AA13504" s="5"/>
      <c r="AB13504" s="5" t="s">
        <v>43</v>
      </c>
      <c r="AC13504" s="5" t="s">
        <v>44</v>
      </c>
      <c r="AD13504" s="2"/>
      <c r="AE13504" s="1"/>
    </row>
    <row r="13505" spans="1:31" ht="14.45">
      <c r="A13505" s="11"/>
      <c r="B13505" s="20"/>
      <c r="C13505" s="2" t="s">
        <v>41466</v>
      </c>
      <c r="D13505" s="14" t="s">
        <v>41467</v>
      </c>
      <c r="E13505" s="2" t="s">
        <v>41468</v>
      </c>
      <c r="F13505" s="2" t="s">
        <v>7396</v>
      </c>
      <c r="G13505" s="8">
        <v>122</v>
      </c>
      <c r="H13505" s="5">
        <v>6</v>
      </c>
      <c r="I13505" s="5" t="s">
        <v>1518</v>
      </c>
      <c r="J13505" s="5" t="s">
        <v>40939</v>
      </c>
      <c r="K13505" s="2" t="s">
        <v>40940</v>
      </c>
      <c r="L13505" s="5" t="s">
        <v>40939</v>
      </c>
      <c r="M13505" s="2" t="s">
        <v>40940</v>
      </c>
      <c r="N13505" s="5" t="s">
        <v>36266</v>
      </c>
      <c r="O13505" s="5" t="s">
        <v>38</v>
      </c>
      <c r="P13505" s="5" t="s">
        <v>39</v>
      </c>
      <c r="Q13505" s="5" t="s">
        <v>40</v>
      </c>
      <c r="R13505" s="5" t="s">
        <v>1522</v>
      </c>
      <c r="S13505" s="5" t="s">
        <v>1523</v>
      </c>
      <c r="T13505" s="5" t="s">
        <v>42</v>
      </c>
      <c r="U13505" s="2">
        <v>1.1839999999999999</v>
      </c>
      <c r="V13505" s="2">
        <v>0.65800000000000003</v>
      </c>
      <c r="W13505" s="2">
        <v>1.4999999999999999E-2</v>
      </c>
      <c r="X13505" s="2">
        <v>118.9</v>
      </c>
      <c r="Y13505" s="2">
        <v>7.6</v>
      </c>
      <c r="Z13505" s="2">
        <v>16.7</v>
      </c>
      <c r="AA13505" s="5"/>
      <c r="AB13505" s="5" t="s">
        <v>43</v>
      </c>
      <c r="AC13505" s="5" t="s">
        <v>44</v>
      </c>
      <c r="AD13505" s="2"/>
      <c r="AE13505" s="1"/>
    </row>
    <row r="13506" spans="1:31" ht="14.45">
      <c r="A13506" s="11"/>
      <c r="B13506" s="20"/>
      <c r="C13506" s="2" t="s">
        <v>41469</v>
      </c>
      <c r="D13506" s="14" t="s">
        <v>41470</v>
      </c>
      <c r="E13506" s="2" t="s">
        <v>41471</v>
      </c>
      <c r="F13506" s="2" t="s">
        <v>7507</v>
      </c>
      <c r="G13506" s="8">
        <v>122</v>
      </c>
      <c r="H13506" s="5">
        <v>6</v>
      </c>
      <c r="I13506" s="5" t="s">
        <v>1518</v>
      </c>
      <c r="J13506" s="5" t="s">
        <v>40939</v>
      </c>
      <c r="K13506" s="2" t="s">
        <v>40940</v>
      </c>
      <c r="L13506" s="5" t="s">
        <v>40939</v>
      </c>
      <c r="M13506" s="2" t="s">
        <v>40940</v>
      </c>
      <c r="N13506" s="5" t="s">
        <v>36266</v>
      </c>
      <c r="O13506" s="5" t="s">
        <v>38</v>
      </c>
      <c r="P13506" s="5" t="s">
        <v>39</v>
      </c>
      <c r="Q13506" s="5" t="s">
        <v>40</v>
      </c>
      <c r="R13506" s="5" t="s">
        <v>1522</v>
      </c>
      <c r="S13506" s="5" t="s">
        <v>1523</v>
      </c>
      <c r="T13506" s="5" t="s">
        <v>42</v>
      </c>
      <c r="U13506" s="2">
        <v>1.1859999999999999</v>
      </c>
      <c r="V13506" s="2">
        <v>0.66</v>
      </c>
      <c r="W13506" s="2">
        <v>1.4999999999999999E-2</v>
      </c>
      <c r="X13506" s="2">
        <v>118.9</v>
      </c>
      <c r="Y13506" s="2">
        <v>7.6</v>
      </c>
      <c r="Z13506" s="2">
        <v>16.7</v>
      </c>
      <c r="AA13506" s="5"/>
      <c r="AB13506" s="5" t="s">
        <v>43</v>
      </c>
      <c r="AC13506" s="5" t="s">
        <v>44</v>
      </c>
      <c r="AD13506" s="2"/>
      <c r="AE13506" s="1"/>
    </row>
    <row r="13507" spans="1:31" ht="14.45">
      <c r="A13507" s="11"/>
      <c r="B13507" s="20"/>
      <c r="C13507" s="2" t="s">
        <v>41472</v>
      </c>
      <c r="D13507" s="14" t="s">
        <v>41473</v>
      </c>
      <c r="E13507" s="2" t="s">
        <v>41474</v>
      </c>
      <c r="F13507" s="2" t="s">
        <v>41023</v>
      </c>
      <c r="G13507" s="8">
        <v>140</v>
      </c>
      <c r="H13507" s="5">
        <v>6</v>
      </c>
      <c r="I13507" s="5" t="s">
        <v>1518</v>
      </c>
      <c r="J13507" s="5" t="s">
        <v>40939</v>
      </c>
      <c r="K13507" s="2" t="s">
        <v>40940</v>
      </c>
      <c r="L13507" s="5" t="s">
        <v>40939</v>
      </c>
      <c r="M13507" s="2" t="s">
        <v>40940</v>
      </c>
      <c r="N13507" s="5" t="s">
        <v>36266</v>
      </c>
      <c r="O13507" s="5" t="s">
        <v>38</v>
      </c>
      <c r="P13507" s="5" t="s">
        <v>39</v>
      </c>
      <c r="Q13507" s="5" t="s">
        <v>40</v>
      </c>
      <c r="R13507" s="5" t="s">
        <v>1522</v>
      </c>
      <c r="S13507" s="5" t="s">
        <v>1523</v>
      </c>
      <c r="T13507" s="5" t="s">
        <v>42</v>
      </c>
      <c r="U13507" s="2">
        <v>1.163</v>
      </c>
      <c r="V13507" s="2">
        <v>0.63700000000000001</v>
      </c>
      <c r="W13507" s="2">
        <v>1.4999999999999999E-2</v>
      </c>
      <c r="X13507" s="2">
        <v>118.9</v>
      </c>
      <c r="Y13507" s="2">
        <v>7.6</v>
      </c>
      <c r="Z13507" s="2">
        <v>16.7</v>
      </c>
      <c r="AA13507" s="5"/>
      <c r="AB13507" s="5" t="s">
        <v>43</v>
      </c>
      <c r="AC13507" s="5" t="s">
        <v>44</v>
      </c>
      <c r="AD13507" s="2"/>
      <c r="AE13507" s="1"/>
    </row>
    <row r="13508" spans="1:31" ht="14.45">
      <c r="A13508" s="11"/>
      <c r="B13508" s="20"/>
      <c r="C13508" s="2" t="s">
        <v>41475</v>
      </c>
      <c r="D13508" s="14" t="s">
        <v>41476</v>
      </c>
      <c r="E13508" s="2" t="s">
        <v>41477</v>
      </c>
      <c r="F13508" s="2" t="s">
        <v>41027</v>
      </c>
      <c r="G13508" s="8">
        <v>140</v>
      </c>
      <c r="H13508" s="5">
        <v>6</v>
      </c>
      <c r="I13508" s="5" t="s">
        <v>1518</v>
      </c>
      <c r="J13508" s="5" t="s">
        <v>40939</v>
      </c>
      <c r="K13508" s="2" t="s">
        <v>40940</v>
      </c>
      <c r="L13508" s="5" t="s">
        <v>40939</v>
      </c>
      <c r="M13508" s="2" t="s">
        <v>40940</v>
      </c>
      <c r="N13508" s="5" t="s">
        <v>36266</v>
      </c>
      <c r="O13508" s="5" t="s">
        <v>38</v>
      </c>
      <c r="P13508" s="5" t="s">
        <v>39</v>
      </c>
      <c r="Q13508" s="5" t="s">
        <v>40</v>
      </c>
      <c r="R13508" s="5" t="s">
        <v>1522</v>
      </c>
      <c r="S13508" s="5" t="s">
        <v>1523</v>
      </c>
      <c r="T13508" s="5" t="s">
        <v>42</v>
      </c>
      <c r="U13508" s="2">
        <v>1.165</v>
      </c>
      <c r="V13508" s="2">
        <v>0.63900000000000001</v>
      </c>
      <c r="W13508" s="2">
        <v>1.4999999999999999E-2</v>
      </c>
      <c r="X13508" s="2">
        <v>118.9</v>
      </c>
      <c r="Y13508" s="2">
        <v>7.6</v>
      </c>
      <c r="Z13508" s="2">
        <v>16.7</v>
      </c>
      <c r="AA13508" s="5"/>
      <c r="AB13508" s="5" t="s">
        <v>43</v>
      </c>
      <c r="AC13508" s="5" t="s">
        <v>44</v>
      </c>
      <c r="AD13508" s="2"/>
      <c r="AE13508" s="1"/>
    </row>
    <row r="13509" spans="1:31" ht="14.45">
      <c r="A13509" s="11"/>
      <c r="B13509" s="20"/>
      <c r="C13509" s="2" t="s">
        <v>41478</v>
      </c>
      <c r="D13509" s="14" t="s">
        <v>41479</v>
      </c>
      <c r="E13509" s="2" t="s">
        <v>41480</v>
      </c>
      <c r="F13509" s="2" t="s">
        <v>41031</v>
      </c>
      <c r="G13509" s="8">
        <v>140</v>
      </c>
      <c r="H13509" s="5">
        <v>6</v>
      </c>
      <c r="I13509" s="5" t="s">
        <v>1518</v>
      </c>
      <c r="J13509" s="5" t="s">
        <v>40939</v>
      </c>
      <c r="K13509" s="2" t="s">
        <v>40940</v>
      </c>
      <c r="L13509" s="5" t="s">
        <v>40939</v>
      </c>
      <c r="M13509" s="2" t="s">
        <v>40940</v>
      </c>
      <c r="N13509" s="5" t="s">
        <v>36266</v>
      </c>
      <c r="O13509" s="5" t="s">
        <v>38</v>
      </c>
      <c r="P13509" s="5" t="s">
        <v>39</v>
      </c>
      <c r="Q13509" s="5" t="s">
        <v>40</v>
      </c>
      <c r="R13509" s="5" t="s">
        <v>1522</v>
      </c>
      <c r="S13509" s="5" t="s">
        <v>1523</v>
      </c>
      <c r="T13509" s="5" t="s">
        <v>42</v>
      </c>
      <c r="U13509" s="2">
        <v>1.163</v>
      </c>
      <c r="V13509" s="2">
        <v>0.63700000000000001</v>
      </c>
      <c r="W13509" s="2">
        <v>1.4999999999999999E-2</v>
      </c>
      <c r="X13509" s="2">
        <v>118.9</v>
      </c>
      <c r="Y13509" s="2">
        <v>7.6</v>
      </c>
      <c r="Z13509" s="2">
        <v>16.7</v>
      </c>
      <c r="AA13509" s="5"/>
      <c r="AB13509" s="5" t="s">
        <v>43</v>
      </c>
      <c r="AC13509" s="5" t="s">
        <v>44</v>
      </c>
      <c r="AD13509" s="2"/>
      <c r="AE13509" s="1"/>
    </row>
    <row r="13510" spans="1:31" ht="14.45">
      <c r="A13510" s="11"/>
      <c r="B13510" s="20"/>
      <c r="C13510" s="2" t="s">
        <v>41481</v>
      </c>
      <c r="D13510" s="14" t="s">
        <v>41482</v>
      </c>
      <c r="E13510" s="2" t="s">
        <v>41483</v>
      </c>
      <c r="F13510" s="2" t="s">
        <v>41035</v>
      </c>
      <c r="G13510" s="8">
        <v>140</v>
      </c>
      <c r="H13510" s="5">
        <v>6</v>
      </c>
      <c r="I13510" s="5" t="s">
        <v>1518</v>
      </c>
      <c r="J13510" s="5" t="s">
        <v>40939</v>
      </c>
      <c r="K13510" s="2" t="s">
        <v>40940</v>
      </c>
      <c r="L13510" s="5" t="s">
        <v>40939</v>
      </c>
      <c r="M13510" s="2" t="s">
        <v>40940</v>
      </c>
      <c r="N13510" s="5" t="s">
        <v>36266</v>
      </c>
      <c r="O13510" s="5" t="s">
        <v>38</v>
      </c>
      <c r="P13510" s="5" t="s">
        <v>39</v>
      </c>
      <c r="Q13510" s="5" t="s">
        <v>40</v>
      </c>
      <c r="R13510" s="5" t="s">
        <v>1522</v>
      </c>
      <c r="S13510" s="5" t="s">
        <v>1523</v>
      </c>
      <c r="T13510" s="5" t="s">
        <v>42</v>
      </c>
      <c r="U13510" s="2">
        <v>1.165</v>
      </c>
      <c r="V13510" s="2">
        <v>0.63900000000000001</v>
      </c>
      <c r="W13510" s="2">
        <v>1.4999999999999999E-2</v>
      </c>
      <c r="X13510" s="2">
        <v>118.9</v>
      </c>
      <c r="Y13510" s="2">
        <v>7.6</v>
      </c>
      <c r="Z13510" s="2">
        <v>16.7</v>
      </c>
      <c r="AA13510" s="5"/>
      <c r="AB13510" s="5" t="s">
        <v>43</v>
      </c>
      <c r="AC13510" s="5" t="s">
        <v>44</v>
      </c>
      <c r="AD13510" s="2"/>
      <c r="AE13510" s="1"/>
    </row>
    <row r="13511" spans="1:31" ht="14.45">
      <c r="A13511" s="11"/>
      <c r="B13511" s="20"/>
      <c r="C13511" s="2" t="s">
        <v>41484</v>
      </c>
      <c r="D13511" s="14" t="s">
        <v>41485</v>
      </c>
      <c r="E13511" s="2" t="s">
        <v>41486</v>
      </c>
      <c r="F13511" s="2" t="s">
        <v>7581</v>
      </c>
      <c r="G13511" s="8">
        <v>140</v>
      </c>
      <c r="H13511" s="5">
        <v>6</v>
      </c>
      <c r="I13511" s="5" t="s">
        <v>1518</v>
      </c>
      <c r="J13511" s="5" t="s">
        <v>40939</v>
      </c>
      <c r="K13511" s="2" t="s">
        <v>40940</v>
      </c>
      <c r="L13511" s="5" t="s">
        <v>40939</v>
      </c>
      <c r="M13511" s="2" t="s">
        <v>40940</v>
      </c>
      <c r="N13511" s="5" t="s">
        <v>36266</v>
      </c>
      <c r="O13511" s="5" t="s">
        <v>38</v>
      </c>
      <c r="P13511" s="5" t="s">
        <v>39</v>
      </c>
      <c r="Q13511" s="5" t="s">
        <v>40</v>
      </c>
      <c r="R13511" s="5" t="s">
        <v>1522</v>
      </c>
      <c r="S13511" s="5" t="s">
        <v>1523</v>
      </c>
      <c r="T13511" s="5" t="s">
        <v>42</v>
      </c>
      <c r="U13511" s="2">
        <v>1.165</v>
      </c>
      <c r="V13511" s="2">
        <v>0.63900000000000001</v>
      </c>
      <c r="W13511" s="2">
        <v>1.4999999999999999E-2</v>
      </c>
      <c r="X13511" s="2">
        <v>118.9</v>
      </c>
      <c r="Y13511" s="2">
        <v>7.6</v>
      </c>
      <c r="Z13511" s="2">
        <v>16.7</v>
      </c>
      <c r="AA13511" s="5"/>
      <c r="AB13511" s="5" t="s">
        <v>43</v>
      </c>
      <c r="AC13511" s="5" t="s">
        <v>44</v>
      </c>
      <c r="AD13511" s="2"/>
      <c r="AE13511" s="1"/>
    </row>
    <row r="13512" spans="1:31" ht="14.45">
      <c r="A13512" s="11"/>
      <c r="B13512" s="20"/>
      <c r="C13512" s="2" t="s">
        <v>41487</v>
      </c>
      <c r="D13512" s="14" t="s">
        <v>41488</v>
      </c>
      <c r="E13512" s="2" t="s">
        <v>41489</v>
      </c>
      <c r="F13512" s="2" t="s">
        <v>41045</v>
      </c>
      <c r="G13512" s="8">
        <v>140</v>
      </c>
      <c r="H13512" s="5">
        <v>6</v>
      </c>
      <c r="I13512" s="5" t="s">
        <v>1518</v>
      </c>
      <c r="J13512" s="5" t="s">
        <v>40939</v>
      </c>
      <c r="K13512" s="2" t="s">
        <v>40940</v>
      </c>
      <c r="L13512" s="5" t="s">
        <v>40939</v>
      </c>
      <c r="M13512" s="2" t="s">
        <v>40940</v>
      </c>
      <c r="N13512" s="5" t="s">
        <v>36266</v>
      </c>
      <c r="O13512" s="5" t="s">
        <v>38</v>
      </c>
      <c r="P13512" s="5" t="s">
        <v>39</v>
      </c>
      <c r="Q13512" s="5" t="s">
        <v>40</v>
      </c>
      <c r="R13512" s="5" t="s">
        <v>1522</v>
      </c>
      <c r="S13512" s="5" t="s">
        <v>1523</v>
      </c>
      <c r="T13512" s="5" t="s">
        <v>42</v>
      </c>
      <c r="U13512" s="2">
        <v>1.1890000000000001</v>
      </c>
      <c r="V13512" s="2">
        <v>0.66300000000000003</v>
      </c>
      <c r="W13512" s="2">
        <v>1.4999999999999999E-2</v>
      </c>
      <c r="X13512" s="2">
        <v>118.9</v>
      </c>
      <c r="Y13512" s="2">
        <v>7.6</v>
      </c>
      <c r="Z13512" s="2">
        <v>16.7</v>
      </c>
      <c r="AA13512" s="5"/>
      <c r="AB13512" s="5" t="s">
        <v>43</v>
      </c>
      <c r="AC13512" s="5" t="s">
        <v>44</v>
      </c>
      <c r="AD13512" s="2"/>
      <c r="AE13512" s="1"/>
    </row>
    <row r="13513" spans="1:31" ht="14.45">
      <c r="A13513" s="11"/>
      <c r="B13513" s="20"/>
      <c r="C13513" s="2" t="s">
        <v>41490</v>
      </c>
      <c r="D13513" s="14" t="s">
        <v>41491</v>
      </c>
      <c r="E13513" s="2" t="s">
        <v>41492</v>
      </c>
      <c r="F13513" s="2" t="s">
        <v>41049</v>
      </c>
      <c r="G13513" s="8">
        <v>140</v>
      </c>
      <c r="H13513" s="5">
        <v>6</v>
      </c>
      <c r="I13513" s="5" t="s">
        <v>1518</v>
      </c>
      <c r="J13513" s="5" t="s">
        <v>40939</v>
      </c>
      <c r="K13513" s="2" t="s">
        <v>40940</v>
      </c>
      <c r="L13513" s="5" t="s">
        <v>40939</v>
      </c>
      <c r="M13513" s="2" t="s">
        <v>40940</v>
      </c>
      <c r="N13513" s="5" t="s">
        <v>36266</v>
      </c>
      <c r="O13513" s="5" t="s">
        <v>38</v>
      </c>
      <c r="P13513" s="5" t="s">
        <v>39</v>
      </c>
      <c r="Q13513" s="5" t="s">
        <v>40</v>
      </c>
      <c r="R13513" s="5" t="s">
        <v>1522</v>
      </c>
      <c r="S13513" s="5" t="s">
        <v>1523</v>
      </c>
      <c r="T13513" s="5" t="s">
        <v>42</v>
      </c>
      <c r="U13513" s="2">
        <v>1.1910000000000001</v>
      </c>
      <c r="V13513" s="2">
        <v>0.66500000000000004</v>
      </c>
      <c r="W13513" s="2">
        <v>1.4999999999999999E-2</v>
      </c>
      <c r="X13513" s="2">
        <v>118.9</v>
      </c>
      <c r="Y13513" s="2">
        <v>7.6</v>
      </c>
      <c r="Z13513" s="2">
        <v>16.7</v>
      </c>
      <c r="AA13513" s="5"/>
      <c r="AB13513" s="5" t="s">
        <v>43</v>
      </c>
      <c r="AC13513" s="5" t="s">
        <v>44</v>
      </c>
      <c r="AD13513" s="2"/>
      <c r="AE13513" s="1"/>
    </row>
    <row r="13514" spans="1:31" ht="14.45">
      <c r="A13514" s="11"/>
      <c r="B13514" s="20"/>
      <c r="C13514" s="2" t="s">
        <v>41493</v>
      </c>
      <c r="D13514" s="14" t="s">
        <v>41494</v>
      </c>
      <c r="E13514" s="2" t="s">
        <v>41495</v>
      </c>
      <c r="F13514" s="2" t="s">
        <v>7204</v>
      </c>
      <c r="G13514" s="8">
        <v>120</v>
      </c>
      <c r="H13514" s="5">
        <v>6</v>
      </c>
      <c r="I13514" s="5" t="s">
        <v>1518</v>
      </c>
      <c r="J13514" s="5" t="s">
        <v>40939</v>
      </c>
      <c r="K13514" s="2" t="s">
        <v>40940</v>
      </c>
      <c r="L13514" s="5" t="s">
        <v>40939</v>
      </c>
      <c r="M13514" s="2" t="s">
        <v>40940</v>
      </c>
      <c r="N13514" s="5" t="s">
        <v>36266</v>
      </c>
      <c r="O13514" s="5" t="s">
        <v>38</v>
      </c>
      <c r="P13514" s="5" t="s">
        <v>39</v>
      </c>
      <c r="Q13514" s="5" t="s">
        <v>40</v>
      </c>
      <c r="R13514" s="5" t="s">
        <v>1522</v>
      </c>
      <c r="S13514" s="5" t="s">
        <v>1523</v>
      </c>
      <c r="T13514" s="5" t="s">
        <v>42</v>
      </c>
      <c r="U13514" s="2">
        <v>1.0649999999999999</v>
      </c>
      <c r="V13514" s="2">
        <v>0.63300000000000001</v>
      </c>
      <c r="W13514" s="2">
        <v>1.0999999999999999E-2</v>
      </c>
      <c r="X13514" s="2">
        <v>82.9</v>
      </c>
      <c r="Y13514" s="2">
        <v>7.6</v>
      </c>
      <c r="Z13514" s="2">
        <v>16.7</v>
      </c>
      <c r="AA13514" s="5"/>
      <c r="AB13514" s="5" t="s">
        <v>43</v>
      </c>
      <c r="AC13514" s="5" t="s">
        <v>44</v>
      </c>
      <c r="AD13514" s="2"/>
      <c r="AE13514" s="1"/>
    </row>
    <row r="13515" spans="1:31" ht="14.45">
      <c r="A13515" s="11"/>
      <c r="B13515" s="20"/>
      <c r="C13515" s="2" t="s">
        <v>41496</v>
      </c>
      <c r="D13515" s="14" t="s">
        <v>41497</v>
      </c>
      <c r="E13515" s="2" t="s">
        <v>41498</v>
      </c>
      <c r="F13515" s="2" t="s">
        <v>7514</v>
      </c>
      <c r="G13515" s="8">
        <v>120</v>
      </c>
      <c r="H13515" s="5">
        <v>6</v>
      </c>
      <c r="I13515" s="5" t="s">
        <v>1518</v>
      </c>
      <c r="J13515" s="5" t="s">
        <v>40939</v>
      </c>
      <c r="K13515" s="2" t="s">
        <v>40940</v>
      </c>
      <c r="L13515" s="5" t="s">
        <v>40939</v>
      </c>
      <c r="M13515" s="2" t="s">
        <v>40940</v>
      </c>
      <c r="N13515" s="5" t="s">
        <v>36266</v>
      </c>
      <c r="O13515" s="5" t="s">
        <v>38</v>
      </c>
      <c r="P13515" s="5" t="s">
        <v>39</v>
      </c>
      <c r="Q13515" s="5" t="s">
        <v>40</v>
      </c>
      <c r="R13515" s="5" t="s">
        <v>1522</v>
      </c>
      <c r="S13515" s="5" t="s">
        <v>1523</v>
      </c>
      <c r="T13515" s="5" t="s">
        <v>42</v>
      </c>
      <c r="U13515" s="2">
        <v>1.0720000000000001</v>
      </c>
      <c r="V13515" s="2">
        <v>0.64</v>
      </c>
      <c r="W13515" s="2">
        <v>1.0999999999999999E-2</v>
      </c>
      <c r="X13515" s="2">
        <v>82.9</v>
      </c>
      <c r="Y13515" s="2">
        <v>7.6</v>
      </c>
      <c r="Z13515" s="2">
        <v>16.7</v>
      </c>
      <c r="AA13515" s="5"/>
      <c r="AB13515" s="5" t="s">
        <v>43</v>
      </c>
      <c r="AC13515" s="5" t="s">
        <v>44</v>
      </c>
      <c r="AD13515" s="2"/>
      <c r="AE13515" s="1"/>
    </row>
    <row r="13516" spans="1:31" ht="14.45">
      <c r="A13516" s="11"/>
      <c r="B13516" s="20"/>
      <c r="C13516" s="2" t="s">
        <v>41499</v>
      </c>
      <c r="D13516" s="14" t="s">
        <v>41500</v>
      </c>
      <c r="E13516" s="2" t="s">
        <v>41501</v>
      </c>
      <c r="F13516" s="2" t="s">
        <v>40947</v>
      </c>
      <c r="G13516" s="8">
        <v>138</v>
      </c>
      <c r="H13516" s="5">
        <v>6</v>
      </c>
      <c r="I13516" s="5" t="s">
        <v>1518</v>
      </c>
      <c r="J13516" s="5" t="s">
        <v>40939</v>
      </c>
      <c r="K13516" s="2" t="s">
        <v>40940</v>
      </c>
      <c r="L13516" s="5" t="s">
        <v>40939</v>
      </c>
      <c r="M13516" s="2" t="s">
        <v>40940</v>
      </c>
      <c r="N13516" s="5" t="s">
        <v>36266</v>
      </c>
      <c r="O13516" s="5" t="s">
        <v>38</v>
      </c>
      <c r="P13516" s="5" t="s">
        <v>39</v>
      </c>
      <c r="Q13516" s="5" t="s">
        <v>40</v>
      </c>
      <c r="R13516" s="5" t="s">
        <v>1522</v>
      </c>
      <c r="S13516" s="5" t="s">
        <v>1523</v>
      </c>
      <c r="T13516" s="5" t="s">
        <v>42</v>
      </c>
      <c r="U13516" s="2">
        <v>1.0740000000000001</v>
      </c>
      <c r="V13516" s="2">
        <v>0.64200000000000002</v>
      </c>
      <c r="W13516" s="2">
        <v>1.0999999999999999E-2</v>
      </c>
      <c r="X13516" s="2">
        <v>82.9</v>
      </c>
      <c r="Y13516" s="2">
        <v>7.6</v>
      </c>
      <c r="Z13516" s="2">
        <v>16.7</v>
      </c>
      <c r="AA13516" s="5"/>
      <c r="AB13516" s="5" t="s">
        <v>43</v>
      </c>
      <c r="AC13516" s="5" t="s">
        <v>44</v>
      </c>
      <c r="AD13516" s="2"/>
      <c r="AE13516" s="1"/>
    </row>
    <row r="13517" spans="1:31" ht="14.45">
      <c r="A13517" s="11"/>
      <c r="B13517" s="20"/>
      <c r="C13517" s="2" t="s">
        <v>41502</v>
      </c>
      <c r="D13517" s="14" t="s">
        <v>41503</v>
      </c>
      <c r="E13517" s="2" t="s">
        <v>41504</v>
      </c>
      <c r="F13517" s="2" t="s">
        <v>40951</v>
      </c>
      <c r="G13517" s="8">
        <v>138</v>
      </c>
      <c r="H13517" s="5">
        <v>6</v>
      </c>
      <c r="I13517" s="5" t="s">
        <v>1518</v>
      </c>
      <c r="J13517" s="5" t="s">
        <v>40939</v>
      </c>
      <c r="K13517" s="2" t="s">
        <v>40940</v>
      </c>
      <c r="L13517" s="5" t="s">
        <v>40939</v>
      </c>
      <c r="M13517" s="2" t="s">
        <v>40940</v>
      </c>
      <c r="N13517" s="5" t="s">
        <v>36266</v>
      </c>
      <c r="O13517" s="5" t="s">
        <v>38</v>
      </c>
      <c r="P13517" s="5" t="s">
        <v>39</v>
      </c>
      <c r="Q13517" s="5" t="s">
        <v>40</v>
      </c>
      <c r="R13517" s="5" t="s">
        <v>1522</v>
      </c>
      <c r="S13517" s="5" t="s">
        <v>1523</v>
      </c>
      <c r="T13517" s="5" t="s">
        <v>42</v>
      </c>
      <c r="U13517" s="2">
        <v>1.081</v>
      </c>
      <c r="V13517" s="2">
        <v>0.64900000000000002</v>
      </c>
      <c r="W13517" s="2">
        <v>1.0999999999999999E-2</v>
      </c>
      <c r="X13517" s="2">
        <v>82.9</v>
      </c>
      <c r="Y13517" s="2">
        <v>7.6</v>
      </c>
      <c r="Z13517" s="2">
        <v>16.7</v>
      </c>
      <c r="AA13517" s="5"/>
      <c r="AB13517" s="5" t="s">
        <v>43</v>
      </c>
      <c r="AC13517" s="5" t="s">
        <v>44</v>
      </c>
      <c r="AD13517" s="2"/>
      <c r="AE13517" s="1"/>
    </row>
    <row r="13518" spans="1:31" ht="14.45">
      <c r="A13518" s="11"/>
      <c r="B13518" s="20"/>
      <c r="C13518" s="2" t="s">
        <v>41505</v>
      </c>
      <c r="D13518" s="14" t="s">
        <v>41506</v>
      </c>
      <c r="E13518" s="2" t="s">
        <v>41507</v>
      </c>
      <c r="F13518" s="2" t="s">
        <v>7208</v>
      </c>
      <c r="G13518" s="8">
        <v>120</v>
      </c>
      <c r="H13518" s="5">
        <v>6</v>
      </c>
      <c r="I13518" s="5" t="s">
        <v>1518</v>
      </c>
      <c r="J13518" s="5" t="s">
        <v>40939</v>
      </c>
      <c r="K13518" s="2" t="s">
        <v>40940</v>
      </c>
      <c r="L13518" s="5" t="s">
        <v>40939</v>
      </c>
      <c r="M13518" s="2" t="s">
        <v>40940</v>
      </c>
      <c r="N13518" s="5" t="s">
        <v>36266</v>
      </c>
      <c r="O13518" s="5" t="s">
        <v>38</v>
      </c>
      <c r="P13518" s="5" t="s">
        <v>39</v>
      </c>
      <c r="Q13518" s="5" t="s">
        <v>40</v>
      </c>
      <c r="R13518" s="5" t="s">
        <v>1522</v>
      </c>
      <c r="S13518" s="5" t="s">
        <v>1523</v>
      </c>
      <c r="T13518" s="5" t="s">
        <v>42</v>
      </c>
      <c r="U13518" s="2">
        <v>1.079</v>
      </c>
      <c r="V13518" s="2">
        <v>0.64700000000000002</v>
      </c>
      <c r="W13518" s="2">
        <v>1.0999999999999999E-2</v>
      </c>
      <c r="X13518" s="2">
        <v>82.9</v>
      </c>
      <c r="Y13518" s="2">
        <v>7.6</v>
      </c>
      <c r="Z13518" s="2">
        <v>16.7</v>
      </c>
      <c r="AA13518" s="5"/>
      <c r="AB13518" s="5" t="s">
        <v>43</v>
      </c>
      <c r="AC13518" s="5" t="s">
        <v>44</v>
      </c>
      <c r="AD13518" s="2"/>
      <c r="AE13518" s="1"/>
    </row>
    <row r="13519" spans="1:31" ht="14.45">
      <c r="A13519" s="11"/>
      <c r="B13519" s="20"/>
      <c r="C13519" s="2" t="s">
        <v>41508</v>
      </c>
      <c r="D13519" s="14" t="s">
        <v>41509</v>
      </c>
      <c r="E13519" s="2" t="s">
        <v>41510</v>
      </c>
      <c r="F13519" s="2" t="s">
        <v>7521</v>
      </c>
      <c r="G13519" s="8">
        <v>120</v>
      </c>
      <c r="H13519" s="5">
        <v>6</v>
      </c>
      <c r="I13519" s="5" t="s">
        <v>1518</v>
      </c>
      <c r="J13519" s="5" t="s">
        <v>40939</v>
      </c>
      <c r="K13519" s="2" t="s">
        <v>40940</v>
      </c>
      <c r="L13519" s="5" t="s">
        <v>40939</v>
      </c>
      <c r="M13519" s="2" t="s">
        <v>40940</v>
      </c>
      <c r="N13519" s="5" t="s">
        <v>36266</v>
      </c>
      <c r="O13519" s="5" t="s">
        <v>38</v>
      </c>
      <c r="P13519" s="5" t="s">
        <v>39</v>
      </c>
      <c r="Q13519" s="5" t="s">
        <v>40</v>
      </c>
      <c r="R13519" s="5" t="s">
        <v>1522</v>
      </c>
      <c r="S13519" s="5" t="s">
        <v>1523</v>
      </c>
      <c r="T13519" s="5" t="s">
        <v>42</v>
      </c>
      <c r="U13519" s="2">
        <v>1.0860000000000001</v>
      </c>
      <c r="V13519" s="2">
        <v>0.65400000000000003</v>
      </c>
      <c r="W13519" s="2">
        <v>1.0999999999999999E-2</v>
      </c>
      <c r="X13519" s="2">
        <v>82.9</v>
      </c>
      <c r="Y13519" s="2">
        <v>7.6</v>
      </c>
      <c r="Z13519" s="2">
        <v>16.7</v>
      </c>
      <c r="AA13519" s="5"/>
      <c r="AB13519" s="5" t="s">
        <v>43</v>
      </c>
      <c r="AC13519" s="5" t="s">
        <v>44</v>
      </c>
      <c r="AD13519" s="2"/>
      <c r="AE13519" s="1"/>
    </row>
    <row r="13520" spans="1:31" ht="14.45">
      <c r="A13520" s="11"/>
      <c r="B13520" s="20"/>
      <c r="C13520" s="2" t="s">
        <v>41511</v>
      </c>
      <c r="D13520" s="14" t="s">
        <v>41512</v>
      </c>
      <c r="E13520" s="2" t="s">
        <v>41513</v>
      </c>
      <c r="F13520" s="2" t="s">
        <v>36273</v>
      </c>
      <c r="G13520" s="8">
        <v>120</v>
      </c>
      <c r="H13520" s="5">
        <v>6</v>
      </c>
      <c r="I13520" s="5" t="s">
        <v>1518</v>
      </c>
      <c r="J13520" s="5" t="s">
        <v>40939</v>
      </c>
      <c r="K13520" s="2" t="s">
        <v>40940</v>
      </c>
      <c r="L13520" s="5" t="s">
        <v>40939</v>
      </c>
      <c r="M13520" s="2" t="s">
        <v>40940</v>
      </c>
      <c r="N13520" s="5" t="s">
        <v>36266</v>
      </c>
      <c r="O13520" s="5" t="s">
        <v>38</v>
      </c>
      <c r="P13520" s="5" t="s">
        <v>39</v>
      </c>
      <c r="Q13520" s="5" t="s">
        <v>40</v>
      </c>
      <c r="R13520" s="5" t="s">
        <v>1522</v>
      </c>
      <c r="S13520" s="5" t="s">
        <v>1523</v>
      </c>
      <c r="T13520" s="5" t="s">
        <v>42</v>
      </c>
      <c r="U13520" s="2">
        <v>1.0880000000000001</v>
      </c>
      <c r="V13520" s="2">
        <v>0.65600000000000003</v>
      </c>
      <c r="W13520" s="2">
        <v>1.0999999999999999E-2</v>
      </c>
      <c r="X13520" s="2">
        <v>82.9</v>
      </c>
      <c r="Y13520" s="2">
        <v>7.6</v>
      </c>
      <c r="Z13520" s="2">
        <v>16.7</v>
      </c>
      <c r="AA13520" s="5"/>
      <c r="AB13520" s="5" t="s">
        <v>43</v>
      </c>
      <c r="AC13520" s="5" t="s">
        <v>44</v>
      </c>
      <c r="AD13520" s="2"/>
      <c r="AE13520" s="1"/>
    </row>
    <row r="13521" spans="1:31" ht="14.45">
      <c r="A13521" s="11"/>
      <c r="B13521" s="20"/>
      <c r="C13521" s="2" t="s">
        <v>41514</v>
      </c>
      <c r="D13521" s="14" t="s">
        <v>41515</v>
      </c>
      <c r="E13521" s="2" t="s">
        <v>41516</v>
      </c>
      <c r="F13521" s="2" t="s">
        <v>36277</v>
      </c>
      <c r="G13521" s="8">
        <v>120</v>
      </c>
      <c r="H13521" s="5">
        <v>6</v>
      </c>
      <c r="I13521" s="5" t="s">
        <v>1518</v>
      </c>
      <c r="J13521" s="5" t="s">
        <v>40939</v>
      </c>
      <c r="K13521" s="2" t="s">
        <v>40940</v>
      </c>
      <c r="L13521" s="5" t="s">
        <v>40939</v>
      </c>
      <c r="M13521" s="2" t="s">
        <v>40940</v>
      </c>
      <c r="N13521" s="5" t="s">
        <v>36266</v>
      </c>
      <c r="O13521" s="5" t="s">
        <v>38</v>
      </c>
      <c r="P13521" s="5" t="s">
        <v>39</v>
      </c>
      <c r="Q13521" s="5" t="s">
        <v>40</v>
      </c>
      <c r="R13521" s="5" t="s">
        <v>1522</v>
      </c>
      <c r="S13521" s="5" t="s">
        <v>1523</v>
      </c>
      <c r="T13521" s="5" t="s">
        <v>42</v>
      </c>
      <c r="U13521" s="2">
        <v>1.095</v>
      </c>
      <c r="V13521" s="2">
        <v>0.66300000000000003</v>
      </c>
      <c r="W13521" s="2">
        <v>1.0999999999999999E-2</v>
      </c>
      <c r="X13521" s="2">
        <v>82.9</v>
      </c>
      <c r="Y13521" s="2">
        <v>7.6</v>
      </c>
      <c r="Z13521" s="2">
        <v>16.7</v>
      </c>
      <c r="AA13521" s="5"/>
      <c r="AB13521" s="5" t="s">
        <v>43</v>
      </c>
      <c r="AC13521" s="5" t="s">
        <v>44</v>
      </c>
      <c r="AD13521" s="2"/>
      <c r="AE13521" s="1"/>
    </row>
    <row r="13522" spans="1:31" ht="14.45">
      <c r="A13522" s="11"/>
      <c r="B13522" s="20"/>
      <c r="C13522" s="2" t="s">
        <v>41517</v>
      </c>
      <c r="D13522" s="14" t="s">
        <v>41518</v>
      </c>
      <c r="E13522" s="2" t="s">
        <v>41519</v>
      </c>
      <c r="F13522" s="2" t="s">
        <v>40967</v>
      </c>
      <c r="G13522" s="8">
        <v>138</v>
      </c>
      <c r="H13522" s="5">
        <v>6</v>
      </c>
      <c r="I13522" s="5" t="s">
        <v>1518</v>
      </c>
      <c r="J13522" s="5" t="s">
        <v>40939</v>
      </c>
      <c r="K13522" s="2" t="s">
        <v>40940</v>
      </c>
      <c r="L13522" s="5" t="s">
        <v>40939</v>
      </c>
      <c r="M13522" s="2" t="s">
        <v>40940</v>
      </c>
      <c r="N13522" s="5" t="s">
        <v>36266</v>
      </c>
      <c r="O13522" s="5" t="s">
        <v>38</v>
      </c>
      <c r="P13522" s="5" t="s">
        <v>39</v>
      </c>
      <c r="Q13522" s="5" t="s">
        <v>40</v>
      </c>
      <c r="R13522" s="5" t="s">
        <v>1522</v>
      </c>
      <c r="S13522" s="5" t="s">
        <v>1523</v>
      </c>
      <c r="T13522" s="5" t="s">
        <v>42</v>
      </c>
      <c r="U13522" s="2">
        <v>1.079</v>
      </c>
      <c r="V13522" s="2">
        <v>0.64700000000000002</v>
      </c>
      <c r="W13522" s="2">
        <v>1.0999999999999999E-2</v>
      </c>
      <c r="X13522" s="2">
        <v>82.9</v>
      </c>
      <c r="Y13522" s="2">
        <v>7.6</v>
      </c>
      <c r="Z13522" s="2">
        <v>16.7</v>
      </c>
      <c r="AA13522" s="5"/>
      <c r="AB13522" s="5" t="s">
        <v>43</v>
      </c>
      <c r="AC13522" s="5" t="s">
        <v>44</v>
      </c>
      <c r="AD13522" s="2"/>
      <c r="AE13522" s="1"/>
    </row>
    <row r="13523" spans="1:31" ht="14.45">
      <c r="A13523" s="11"/>
      <c r="B13523" s="20"/>
      <c r="C13523" s="2" t="s">
        <v>41520</v>
      </c>
      <c r="D13523" s="14" t="s">
        <v>41521</v>
      </c>
      <c r="E13523" s="2" t="s">
        <v>41522</v>
      </c>
      <c r="F13523" s="2" t="s">
        <v>40971</v>
      </c>
      <c r="G13523" s="8">
        <v>138</v>
      </c>
      <c r="H13523" s="5">
        <v>6</v>
      </c>
      <c r="I13523" s="5" t="s">
        <v>1518</v>
      </c>
      <c r="J13523" s="5" t="s">
        <v>40939</v>
      </c>
      <c r="K13523" s="2" t="s">
        <v>40940</v>
      </c>
      <c r="L13523" s="5" t="s">
        <v>40939</v>
      </c>
      <c r="M13523" s="2" t="s">
        <v>40940</v>
      </c>
      <c r="N13523" s="5" t="s">
        <v>36266</v>
      </c>
      <c r="O13523" s="5" t="s">
        <v>38</v>
      </c>
      <c r="P13523" s="5" t="s">
        <v>39</v>
      </c>
      <c r="Q13523" s="5" t="s">
        <v>40</v>
      </c>
      <c r="R13523" s="5" t="s">
        <v>1522</v>
      </c>
      <c r="S13523" s="5" t="s">
        <v>1523</v>
      </c>
      <c r="T13523" s="5" t="s">
        <v>42</v>
      </c>
      <c r="U13523" s="2">
        <v>1.0860000000000001</v>
      </c>
      <c r="V13523" s="2">
        <v>0.65400000000000003</v>
      </c>
      <c r="W13523" s="2">
        <v>1.0999999999999999E-2</v>
      </c>
      <c r="X13523" s="2">
        <v>82.9</v>
      </c>
      <c r="Y13523" s="2">
        <v>7.6</v>
      </c>
      <c r="Z13523" s="2">
        <v>16.7</v>
      </c>
      <c r="AA13523" s="5"/>
      <c r="AB13523" s="5" t="s">
        <v>43</v>
      </c>
      <c r="AC13523" s="5" t="s">
        <v>44</v>
      </c>
      <c r="AD13523" s="2"/>
      <c r="AE13523" s="1"/>
    </row>
    <row r="13524" spans="1:31" ht="14.45">
      <c r="A13524" s="11"/>
      <c r="B13524" s="20"/>
      <c r="C13524" s="2" t="s">
        <v>41523</v>
      </c>
      <c r="D13524" s="14" t="s">
        <v>41524</v>
      </c>
      <c r="E13524" s="2" t="s">
        <v>41525</v>
      </c>
      <c r="F13524" s="2" t="s">
        <v>40979</v>
      </c>
      <c r="G13524" s="8">
        <v>138</v>
      </c>
      <c r="H13524" s="5">
        <v>6</v>
      </c>
      <c r="I13524" s="5" t="s">
        <v>1518</v>
      </c>
      <c r="J13524" s="5" t="s">
        <v>40939</v>
      </c>
      <c r="K13524" s="2" t="s">
        <v>40940</v>
      </c>
      <c r="L13524" s="5" t="s">
        <v>40939</v>
      </c>
      <c r="M13524" s="2" t="s">
        <v>40940</v>
      </c>
      <c r="N13524" s="5" t="s">
        <v>36266</v>
      </c>
      <c r="O13524" s="5" t="s">
        <v>38</v>
      </c>
      <c r="P13524" s="5" t="s">
        <v>39</v>
      </c>
      <c r="Q13524" s="5" t="s">
        <v>40</v>
      </c>
      <c r="R13524" s="5" t="s">
        <v>1522</v>
      </c>
      <c r="S13524" s="5" t="s">
        <v>1523</v>
      </c>
      <c r="T13524" s="5" t="s">
        <v>42</v>
      </c>
      <c r="U13524" s="2">
        <v>1.0860000000000001</v>
      </c>
      <c r="V13524" s="2">
        <v>0.65400000000000003</v>
      </c>
      <c r="W13524" s="2">
        <v>1.0999999999999999E-2</v>
      </c>
      <c r="X13524" s="2">
        <v>82.9</v>
      </c>
      <c r="Y13524" s="2">
        <v>7.6</v>
      </c>
      <c r="Z13524" s="2">
        <v>16.7</v>
      </c>
      <c r="AA13524" s="5"/>
      <c r="AB13524" s="5" t="s">
        <v>43</v>
      </c>
      <c r="AC13524" s="5" t="s">
        <v>44</v>
      </c>
      <c r="AD13524" s="2"/>
      <c r="AE13524" s="1"/>
    </row>
    <row r="13525" spans="1:31" ht="14.45">
      <c r="A13525" s="11"/>
      <c r="B13525" s="20"/>
      <c r="C13525" s="2" t="s">
        <v>41526</v>
      </c>
      <c r="D13525" s="14" t="s">
        <v>41527</v>
      </c>
      <c r="E13525" s="2" t="s">
        <v>41528</v>
      </c>
      <c r="F13525" s="2" t="s">
        <v>7539</v>
      </c>
      <c r="G13525" s="8">
        <v>138</v>
      </c>
      <c r="H13525" s="5">
        <v>6</v>
      </c>
      <c r="I13525" s="5" t="s">
        <v>1518</v>
      </c>
      <c r="J13525" s="5" t="s">
        <v>40939</v>
      </c>
      <c r="K13525" s="2" t="s">
        <v>40940</v>
      </c>
      <c r="L13525" s="5" t="s">
        <v>40939</v>
      </c>
      <c r="M13525" s="2" t="s">
        <v>40940</v>
      </c>
      <c r="N13525" s="5" t="s">
        <v>36266</v>
      </c>
      <c r="O13525" s="5" t="s">
        <v>38</v>
      </c>
      <c r="P13525" s="5" t="s">
        <v>39</v>
      </c>
      <c r="Q13525" s="5" t="s">
        <v>40</v>
      </c>
      <c r="R13525" s="5" t="s">
        <v>1522</v>
      </c>
      <c r="S13525" s="5" t="s">
        <v>1523</v>
      </c>
      <c r="T13525" s="5" t="s">
        <v>42</v>
      </c>
      <c r="U13525" s="2">
        <v>1.056</v>
      </c>
      <c r="V13525" s="2">
        <v>0.624</v>
      </c>
      <c r="W13525" s="2">
        <v>1.0999999999999999E-2</v>
      </c>
      <c r="X13525" s="2">
        <v>82.9</v>
      </c>
      <c r="Y13525" s="2">
        <v>7.6</v>
      </c>
      <c r="Z13525" s="2">
        <v>16.7</v>
      </c>
      <c r="AA13525" s="5"/>
      <c r="AB13525" s="5" t="s">
        <v>43</v>
      </c>
      <c r="AC13525" s="5" t="s">
        <v>44</v>
      </c>
      <c r="AD13525" s="2"/>
      <c r="AE13525" s="1"/>
    </row>
    <row r="13526" spans="1:31" ht="14.45">
      <c r="A13526" s="11"/>
      <c r="B13526" s="20"/>
      <c r="C13526" s="2" t="s">
        <v>41529</v>
      </c>
      <c r="D13526" s="14" t="s">
        <v>41530</v>
      </c>
      <c r="E13526" s="2" t="s">
        <v>41531</v>
      </c>
      <c r="F13526" s="2" t="s">
        <v>40989</v>
      </c>
      <c r="G13526" s="8">
        <v>138</v>
      </c>
      <c r="H13526" s="5">
        <v>6</v>
      </c>
      <c r="I13526" s="5" t="s">
        <v>1518</v>
      </c>
      <c r="J13526" s="5" t="s">
        <v>40939</v>
      </c>
      <c r="K13526" s="2" t="s">
        <v>40940</v>
      </c>
      <c r="L13526" s="5" t="s">
        <v>40939</v>
      </c>
      <c r="M13526" s="2" t="s">
        <v>40940</v>
      </c>
      <c r="N13526" s="5" t="s">
        <v>36266</v>
      </c>
      <c r="O13526" s="5" t="s">
        <v>38</v>
      </c>
      <c r="P13526" s="5" t="s">
        <v>39</v>
      </c>
      <c r="Q13526" s="5" t="s">
        <v>40</v>
      </c>
      <c r="R13526" s="5" t="s">
        <v>1522</v>
      </c>
      <c r="S13526" s="5" t="s">
        <v>1523</v>
      </c>
      <c r="T13526" s="5" t="s">
        <v>42</v>
      </c>
      <c r="U13526" s="2">
        <v>1.079</v>
      </c>
      <c r="V13526" s="2">
        <v>0.64700000000000002</v>
      </c>
      <c r="W13526" s="2">
        <v>1.0999999999999999E-2</v>
      </c>
      <c r="X13526" s="2">
        <v>82.9</v>
      </c>
      <c r="Y13526" s="2">
        <v>7.6</v>
      </c>
      <c r="Z13526" s="2">
        <v>16.7</v>
      </c>
      <c r="AA13526" s="5"/>
      <c r="AB13526" s="5" t="s">
        <v>43</v>
      </c>
      <c r="AC13526" s="5" t="s">
        <v>44</v>
      </c>
      <c r="AD13526" s="2"/>
      <c r="AE13526" s="1"/>
    </row>
    <row r="13527" spans="1:31" ht="14.45">
      <c r="A13527" s="11"/>
      <c r="B13527" s="20"/>
      <c r="C13527" s="2" t="s">
        <v>41532</v>
      </c>
      <c r="D13527" s="14" t="s">
        <v>41533</v>
      </c>
      <c r="E13527" s="2" t="s">
        <v>41534</v>
      </c>
      <c r="F13527" s="2" t="s">
        <v>40993</v>
      </c>
      <c r="G13527" s="8">
        <v>138</v>
      </c>
      <c r="H13527" s="5">
        <v>6</v>
      </c>
      <c r="I13527" s="5" t="s">
        <v>1518</v>
      </c>
      <c r="J13527" s="5" t="s">
        <v>40939</v>
      </c>
      <c r="K13527" s="2" t="s">
        <v>40940</v>
      </c>
      <c r="L13527" s="5" t="s">
        <v>40939</v>
      </c>
      <c r="M13527" s="2" t="s">
        <v>40940</v>
      </c>
      <c r="N13527" s="5" t="s">
        <v>36266</v>
      </c>
      <c r="O13527" s="5" t="s">
        <v>38</v>
      </c>
      <c r="P13527" s="5" t="s">
        <v>39</v>
      </c>
      <c r="Q13527" s="5" t="s">
        <v>40</v>
      </c>
      <c r="R13527" s="5" t="s">
        <v>1522</v>
      </c>
      <c r="S13527" s="5" t="s">
        <v>1523</v>
      </c>
      <c r="T13527" s="5" t="s">
        <v>42</v>
      </c>
      <c r="U13527" s="2">
        <v>1.0860000000000001</v>
      </c>
      <c r="V13527" s="2">
        <v>0.65400000000000003</v>
      </c>
      <c r="W13527" s="2">
        <v>1.0999999999999999E-2</v>
      </c>
      <c r="X13527" s="2">
        <v>82.9</v>
      </c>
      <c r="Y13527" s="2">
        <v>7.6</v>
      </c>
      <c r="Z13527" s="2">
        <v>16.7</v>
      </c>
      <c r="AA13527" s="5"/>
      <c r="AB13527" s="5" t="s">
        <v>43</v>
      </c>
      <c r="AC13527" s="5" t="s">
        <v>44</v>
      </c>
      <c r="AD13527" s="2"/>
      <c r="AE13527" s="1"/>
    </row>
    <row r="13528" spans="1:31" ht="14.45">
      <c r="A13528" s="11"/>
      <c r="B13528" s="20"/>
      <c r="C13528" s="2" t="s">
        <v>41535</v>
      </c>
      <c r="D13528" s="14" t="s">
        <v>41536</v>
      </c>
      <c r="E13528" s="2" t="s">
        <v>41537</v>
      </c>
      <c r="F13528" s="2" t="s">
        <v>41001</v>
      </c>
      <c r="G13528" s="8">
        <v>138</v>
      </c>
      <c r="H13528" s="5">
        <v>6</v>
      </c>
      <c r="I13528" s="5" t="s">
        <v>1518</v>
      </c>
      <c r="J13528" s="5" t="s">
        <v>40939</v>
      </c>
      <c r="K13528" s="2" t="s">
        <v>40940</v>
      </c>
      <c r="L13528" s="5" t="s">
        <v>40939</v>
      </c>
      <c r="M13528" s="2" t="s">
        <v>40940</v>
      </c>
      <c r="N13528" s="5" t="s">
        <v>36266</v>
      </c>
      <c r="O13528" s="5" t="s">
        <v>38</v>
      </c>
      <c r="P13528" s="5" t="s">
        <v>39</v>
      </c>
      <c r="Q13528" s="5" t="s">
        <v>40</v>
      </c>
      <c r="R13528" s="5" t="s">
        <v>1522</v>
      </c>
      <c r="S13528" s="5" t="s">
        <v>1523</v>
      </c>
      <c r="T13528" s="5" t="s">
        <v>42</v>
      </c>
      <c r="U13528" s="2">
        <v>1.079</v>
      </c>
      <c r="V13528" s="2">
        <v>0.64700000000000002</v>
      </c>
      <c r="W13528" s="2">
        <v>1.0999999999999999E-2</v>
      </c>
      <c r="X13528" s="2">
        <v>82.9</v>
      </c>
      <c r="Y13528" s="2">
        <v>7.6</v>
      </c>
      <c r="Z13528" s="2">
        <v>16.7</v>
      </c>
      <c r="AA13528" s="5"/>
      <c r="AB13528" s="5" t="s">
        <v>43</v>
      </c>
      <c r="AC13528" s="5" t="s">
        <v>44</v>
      </c>
      <c r="AD13528" s="2"/>
      <c r="AE13528" s="1"/>
    </row>
    <row r="13529" spans="1:31" ht="14.45">
      <c r="A13529" s="11"/>
      <c r="B13529" s="20"/>
      <c r="C13529" s="2" t="s">
        <v>41538</v>
      </c>
      <c r="D13529" s="14" t="s">
        <v>41539</v>
      </c>
      <c r="E13529" s="2" t="s">
        <v>41540</v>
      </c>
      <c r="F13529" s="2" t="s">
        <v>41005</v>
      </c>
      <c r="G13529" s="8">
        <v>138</v>
      </c>
      <c r="H13529" s="5">
        <v>6</v>
      </c>
      <c r="I13529" s="5" t="s">
        <v>1518</v>
      </c>
      <c r="J13529" s="5" t="s">
        <v>40939</v>
      </c>
      <c r="K13529" s="2" t="s">
        <v>40940</v>
      </c>
      <c r="L13529" s="5" t="s">
        <v>40939</v>
      </c>
      <c r="M13529" s="2" t="s">
        <v>40940</v>
      </c>
      <c r="N13529" s="5" t="s">
        <v>36266</v>
      </c>
      <c r="O13529" s="5" t="s">
        <v>38</v>
      </c>
      <c r="P13529" s="5" t="s">
        <v>39</v>
      </c>
      <c r="Q13529" s="5" t="s">
        <v>40</v>
      </c>
      <c r="R13529" s="5" t="s">
        <v>1522</v>
      </c>
      <c r="S13529" s="5" t="s">
        <v>1523</v>
      </c>
      <c r="T13529" s="5" t="s">
        <v>42</v>
      </c>
      <c r="U13529" s="2">
        <v>1.0860000000000001</v>
      </c>
      <c r="V13529" s="2">
        <v>0.65400000000000003</v>
      </c>
      <c r="W13529" s="2">
        <v>1.0999999999999999E-2</v>
      </c>
      <c r="X13529" s="2">
        <v>82.9</v>
      </c>
      <c r="Y13529" s="2">
        <v>7.6</v>
      </c>
      <c r="Z13529" s="2">
        <v>16.7</v>
      </c>
      <c r="AA13529" s="5"/>
      <c r="AB13529" s="5" t="s">
        <v>43</v>
      </c>
      <c r="AC13529" s="5" t="s">
        <v>44</v>
      </c>
      <c r="AD13529" s="2"/>
      <c r="AE13529" s="1"/>
    </row>
    <row r="13530" spans="1:31" ht="14.45">
      <c r="A13530" s="11"/>
      <c r="B13530" s="20"/>
      <c r="C13530" s="2" t="s">
        <v>41541</v>
      </c>
      <c r="D13530" s="14" t="s">
        <v>41542</v>
      </c>
      <c r="E13530" s="2" t="s">
        <v>41543</v>
      </c>
      <c r="F13530" s="2" t="s">
        <v>41009</v>
      </c>
      <c r="G13530" s="8">
        <v>138</v>
      </c>
      <c r="H13530" s="5">
        <v>6</v>
      </c>
      <c r="I13530" s="5" t="s">
        <v>1518</v>
      </c>
      <c r="J13530" s="5" t="s">
        <v>40939</v>
      </c>
      <c r="K13530" s="2" t="s">
        <v>40940</v>
      </c>
      <c r="L13530" s="5" t="s">
        <v>40939</v>
      </c>
      <c r="M13530" s="2" t="s">
        <v>40940</v>
      </c>
      <c r="N13530" s="5" t="s">
        <v>36266</v>
      </c>
      <c r="O13530" s="5" t="s">
        <v>38</v>
      </c>
      <c r="P13530" s="5" t="s">
        <v>39</v>
      </c>
      <c r="Q13530" s="5" t="s">
        <v>40</v>
      </c>
      <c r="R13530" s="5" t="s">
        <v>1522</v>
      </c>
      <c r="S13530" s="5" t="s">
        <v>1523</v>
      </c>
      <c r="T13530" s="5" t="s">
        <v>42</v>
      </c>
      <c r="U13530" s="2">
        <v>1.083</v>
      </c>
      <c r="V13530" s="2">
        <v>0.65100000000000002</v>
      </c>
      <c r="W13530" s="2">
        <v>1.0999999999999999E-2</v>
      </c>
      <c r="X13530" s="2">
        <v>82.9</v>
      </c>
      <c r="Y13530" s="2">
        <v>7.6</v>
      </c>
      <c r="Z13530" s="2">
        <v>16.7</v>
      </c>
      <c r="AA13530" s="5"/>
      <c r="AB13530" s="5" t="s">
        <v>43</v>
      </c>
      <c r="AC13530" s="5" t="s">
        <v>44</v>
      </c>
      <c r="AD13530" s="2"/>
      <c r="AE13530" s="1"/>
    </row>
    <row r="13531" spans="1:31" ht="14.45">
      <c r="A13531" s="11"/>
      <c r="B13531" s="20"/>
      <c r="C13531" s="2" t="s">
        <v>41544</v>
      </c>
      <c r="D13531" s="14" t="s">
        <v>41545</v>
      </c>
      <c r="E13531" s="2" t="s">
        <v>41546</v>
      </c>
      <c r="F13531" s="2" t="s">
        <v>41013</v>
      </c>
      <c r="G13531" s="8">
        <v>138</v>
      </c>
      <c r="H13531" s="5">
        <v>6</v>
      </c>
      <c r="I13531" s="5" t="s">
        <v>1518</v>
      </c>
      <c r="J13531" s="5" t="s">
        <v>40939</v>
      </c>
      <c r="K13531" s="2" t="s">
        <v>40940</v>
      </c>
      <c r="L13531" s="5" t="s">
        <v>40939</v>
      </c>
      <c r="M13531" s="2" t="s">
        <v>40940</v>
      </c>
      <c r="N13531" s="5" t="s">
        <v>36266</v>
      </c>
      <c r="O13531" s="5" t="s">
        <v>38</v>
      </c>
      <c r="P13531" s="5" t="s">
        <v>39</v>
      </c>
      <c r="Q13531" s="5" t="s">
        <v>40</v>
      </c>
      <c r="R13531" s="5" t="s">
        <v>1522</v>
      </c>
      <c r="S13531" s="5" t="s">
        <v>1523</v>
      </c>
      <c r="T13531" s="5" t="s">
        <v>42</v>
      </c>
      <c r="U13531" s="2">
        <v>1.0900000000000001</v>
      </c>
      <c r="V13531" s="2">
        <v>0.65800000000000003</v>
      </c>
      <c r="W13531" s="2">
        <v>1.0999999999999999E-2</v>
      </c>
      <c r="X13531" s="2">
        <v>82.9</v>
      </c>
      <c r="Y13531" s="2">
        <v>7.6</v>
      </c>
      <c r="Z13531" s="2">
        <v>16.7</v>
      </c>
      <c r="AA13531" s="5"/>
      <c r="AB13531" s="5" t="s">
        <v>43</v>
      </c>
      <c r="AC13531" s="5" t="s">
        <v>44</v>
      </c>
      <c r="AD13531" s="2"/>
      <c r="AE13531" s="1"/>
    </row>
    <row r="13532" spans="1:31" ht="14.45">
      <c r="A13532" s="11"/>
      <c r="B13532" s="20"/>
      <c r="C13532" s="2" t="s">
        <v>41547</v>
      </c>
      <c r="D13532" s="14" t="s">
        <v>41548</v>
      </c>
      <c r="E13532" s="2" t="s">
        <v>41549</v>
      </c>
      <c r="F13532" s="2" t="s">
        <v>7396</v>
      </c>
      <c r="G13532" s="8">
        <v>120</v>
      </c>
      <c r="H13532" s="5">
        <v>6</v>
      </c>
      <c r="I13532" s="5" t="s">
        <v>1518</v>
      </c>
      <c r="J13532" s="5" t="s">
        <v>40939</v>
      </c>
      <c r="K13532" s="2" t="s">
        <v>40940</v>
      </c>
      <c r="L13532" s="5" t="s">
        <v>40939</v>
      </c>
      <c r="M13532" s="2" t="s">
        <v>40940</v>
      </c>
      <c r="N13532" s="5" t="s">
        <v>36266</v>
      </c>
      <c r="O13532" s="5" t="s">
        <v>38</v>
      </c>
      <c r="P13532" s="5" t="s">
        <v>39</v>
      </c>
      <c r="Q13532" s="5" t="s">
        <v>40</v>
      </c>
      <c r="R13532" s="5" t="s">
        <v>1522</v>
      </c>
      <c r="S13532" s="5" t="s">
        <v>1523</v>
      </c>
      <c r="T13532" s="5" t="s">
        <v>42</v>
      </c>
      <c r="U13532" s="2">
        <v>1.083</v>
      </c>
      <c r="V13532" s="2">
        <v>0.65100000000000002</v>
      </c>
      <c r="W13532" s="2">
        <v>1.0999999999999999E-2</v>
      </c>
      <c r="X13532" s="2">
        <v>82.9</v>
      </c>
      <c r="Y13532" s="2">
        <v>7.6</v>
      </c>
      <c r="Z13532" s="2">
        <v>16.7</v>
      </c>
      <c r="AA13532" s="5"/>
      <c r="AB13532" s="5" t="s">
        <v>43</v>
      </c>
      <c r="AC13532" s="5" t="s">
        <v>44</v>
      </c>
      <c r="AD13532" s="2"/>
      <c r="AE13532" s="1"/>
    </row>
    <row r="13533" spans="1:31" ht="14.45">
      <c r="A13533" s="11"/>
      <c r="B13533" s="20"/>
      <c r="C13533" s="2" t="s">
        <v>41550</v>
      </c>
      <c r="D13533" s="14" t="s">
        <v>41551</v>
      </c>
      <c r="E13533" s="2" t="s">
        <v>41552</v>
      </c>
      <c r="F13533" s="2" t="s">
        <v>7507</v>
      </c>
      <c r="G13533" s="8">
        <v>120</v>
      </c>
      <c r="H13533" s="5">
        <v>6</v>
      </c>
      <c r="I13533" s="5" t="s">
        <v>1518</v>
      </c>
      <c r="J13533" s="5" t="s">
        <v>40939</v>
      </c>
      <c r="K13533" s="2" t="s">
        <v>40940</v>
      </c>
      <c r="L13533" s="5" t="s">
        <v>40939</v>
      </c>
      <c r="M13533" s="2" t="s">
        <v>40940</v>
      </c>
      <c r="N13533" s="5" t="s">
        <v>36266</v>
      </c>
      <c r="O13533" s="5" t="s">
        <v>38</v>
      </c>
      <c r="P13533" s="5" t="s">
        <v>39</v>
      </c>
      <c r="Q13533" s="5" t="s">
        <v>40</v>
      </c>
      <c r="R13533" s="5" t="s">
        <v>1522</v>
      </c>
      <c r="S13533" s="5" t="s">
        <v>1523</v>
      </c>
      <c r="T13533" s="5" t="s">
        <v>42</v>
      </c>
      <c r="U13533" s="2">
        <v>1.0900000000000001</v>
      </c>
      <c r="V13533" s="2">
        <v>0.65800000000000003</v>
      </c>
      <c r="W13533" s="2">
        <v>1.0999999999999999E-2</v>
      </c>
      <c r="X13533" s="2">
        <v>82.9</v>
      </c>
      <c r="Y13533" s="2">
        <v>7.6</v>
      </c>
      <c r="Z13533" s="2">
        <v>16.7</v>
      </c>
      <c r="AA13533" s="5"/>
      <c r="AB13533" s="5" t="s">
        <v>43</v>
      </c>
      <c r="AC13533" s="5" t="s">
        <v>44</v>
      </c>
      <c r="AD13533" s="2"/>
      <c r="AE13533" s="1"/>
    </row>
    <row r="13534" spans="1:31" ht="14.45">
      <c r="A13534" s="11"/>
      <c r="B13534" s="20"/>
      <c r="C13534" s="2" t="s">
        <v>41553</v>
      </c>
      <c r="D13534" s="14" t="s">
        <v>41554</v>
      </c>
      <c r="E13534" s="2" t="s">
        <v>41555</v>
      </c>
      <c r="F13534" s="2" t="s">
        <v>41023</v>
      </c>
      <c r="G13534" s="8">
        <v>138</v>
      </c>
      <c r="H13534" s="5">
        <v>6</v>
      </c>
      <c r="I13534" s="5" t="s">
        <v>1518</v>
      </c>
      <c r="J13534" s="5" t="s">
        <v>40939</v>
      </c>
      <c r="K13534" s="2" t="s">
        <v>40940</v>
      </c>
      <c r="L13534" s="5" t="s">
        <v>40939</v>
      </c>
      <c r="M13534" s="2" t="s">
        <v>40940</v>
      </c>
      <c r="N13534" s="5" t="s">
        <v>36266</v>
      </c>
      <c r="O13534" s="5" t="s">
        <v>38</v>
      </c>
      <c r="P13534" s="5" t="s">
        <v>39</v>
      </c>
      <c r="Q13534" s="5" t="s">
        <v>40</v>
      </c>
      <c r="R13534" s="5" t="s">
        <v>1522</v>
      </c>
      <c r="S13534" s="5" t="s">
        <v>1523</v>
      </c>
      <c r="T13534" s="5" t="s">
        <v>42</v>
      </c>
      <c r="U13534" s="2">
        <v>1.0609999999999999</v>
      </c>
      <c r="V13534" s="2">
        <v>0.629</v>
      </c>
      <c r="W13534" s="2">
        <v>1.0999999999999999E-2</v>
      </c>
      <c r="X13534" s="2">
        <v>82.9</v>
      </c>
      <c r="Y13534" s="2">
        <v>7.6</v>
      </c>
      <c r="Z13534" s="2">
        <v>16.7</v>
      </c>
      <c r="AA13534" s="5"/>
      <c r="AB13534" s="5" t="s">
        <v>43</v>
      </c>
      <c r="AC13534" s="5" t="s">
        <v>44</v>
      </c>
      <c r="AD13534" s="2"/>
      <c r="AE13534" s="1"/>
    </row>
    <row r="13535" spans="1:31" ht="14.45">
      <c r="A13535" s="11"/>
      <c r="B13535" s="20"/>
      <c r="C13535" s="2" t="s">
        <v>41556</v>
      </c>
      <c r="D13535" s="14" t="s">
        <v>41557</v>
      </c>
      <c r="E13535" s="2" t="s">
        <v>41558</v>
      </c>
      <c r="F13535" s="2" t="s">
        <v>41027</v>
      </c>
      <c r="G13535" s="8">
        <v>138</v>
      </c>
      <c r="H13535" s="5">
        <v>6</v>
      </c>
      <c r="I13535" s="5" t="s">
        <v>1518</v>
      </c>
      <c r="J13535" s="5" t="s">
        <v>40939</v>
      </c>
      <c r="K13535" s="2" t="s">
        <v>40940</v>
      </c>
      <c r="L13535" s="5" t="s">
        <v>40939</v>
      </c>
      <c r="M13535" s="2" t="s">
        <v>40940</v>
      </c>
      <c r="N13535" s="5" t="s">
        <v>36266</v>
      </c>
      <c r="O13535" s="5" t="s">
        <v>38</v>
      </c>
      <c r="P13535" s="5" t="s">
        <v>39</v>
      </c>
      <c r="Q13535" s="5" t="s">
        <v>40</v>
      </c>
      <c r="R13535" s="5" t="s">
        <v>1522</v>
      </c>
      <c r="S13535" s="5" t="s">
        <v>1523</v>
      </c>
      <c r="T13535" s="5" t="s">
        <v>42</v>
      </c>
      <c r="U13535" s="2">
        <v>1.0680000000000001</v>
      </c>
      <c r="V13535" s="2">
        <v>0.63600000000000001</v>
      </c>
      <c r="W13535" s="2">
        <v>1.0999999999999999E-2</v>
      </c>
      <c r="X13535" s="2">
        <v>82.9</v>
      </c>
      <c r="Y13535" s="2">
        <v>7.6</v>
      </c>
      <c r="Z13535" s="2">
        <v>16.7</v>
      </c>
      <c r="AA13535" s="5"/>
      <c r="AB13535" s="5" t="s">
        <v>43</v>
      </c>
      <c r="AC13535" s="5" t="s">
        <v>44</v>
      </c>
      <c r="AD13535" s="2"/>
      <c r="AE13535" s="1"/>
    </row>
    <row r="13536" spans="1:31" ht="14.45">
      <c r="A13536" s="11"/>
      <c r="B13536" s="20"/>
      <c r="C13536" s="2" t="s">
        <v>41559</v>
      </c>
      <c r="D13536" s="14" t="s">
        <v>41560</v>
      </c>
      <c r="E13536" s="2" t="s">
        <v>41561</v>
      </c>
      <c r="F13536" s="2" t="s">
        <v>41031</v>
      </c>
      <c r="G13536" s="8">
        <v>138</v>
      </c>
      <c r="H13536" s="5">
        <v>6</v>
      </c>
      <c r="I13536" s="5" t="s">
        <v>1518</v>
      </c>
      <c r="J13536" s="5" t="s">
        <v>40939</v>
      </c>
      <c r="K13536" s="2" t="s">
        <v>40940</v>
      </c>
      <c r="L13536" s="5" t="s">
        <v>40939</v>
      </c>
      <c r="M13536" s="2" t="s">
        <v>40940</v>
      </c>
      <c r="N13536" s="5" t="s">
        <v>36266</v>
      </c>
      <c r="O13536" s="5" t="s">
        <v>38</v>
      </c>
      <c r="P13536" s="5" t="s">
        <v>39</v>
      </c>
      <c r="Q13536" s="5" t="s">
        <v>40</v>
      </c>
      <c r="R13536" s="5" t="s">
        <v>1522</v>
      </c>
      <c r="S13536" s="5" t="s">
        <v>1523</v>
      </c>
      <c r="T13536" s="5" t="s">
        <v>42</v>
      </c>
      <c r="U13536" s="2">
        <v>1.0609999999999999</v>
      </c>
      <c r="V13536" s="2">
        <v>0.629</v>
      </c>
      <c r="W13536" s="2">
        <v>1.0999999999999999E-2</v>
      </c>
      <c r="X13536" s="2">
        <v>82.9</v>
      </c>
      <c r="Y13536" s="2">
        <v>7.6</v>
      </c>
      <c r="Z13536" s="2">
        <v>16.7</v>
      </c>
      <c r="AA13536" s="5"/>
      <c r="AB13536" s="5" t="s">
        <v>43</v>
      </c>
      <c r="AC13536" s="5" t="s">
        <v>44</v>
      </c>
      <c r="AD13536" s="2"/>
      <c r="AE13536" s="1"/>
    </row>
    <row r="13537" spans="1:31" ht="14.45">
      <c r="A13537" s="11"/>
      <c r="B13537" s="20"/>
      <c r="C13537" s="2" t="s">
        <v>41562</v>
      </c>
      <c r="D13537" s="14" t="s">
        <v>41563</v>
      </c>
      <c r="E13537" s="2" t="s">
        <v>41564</v>
      </c>
      <c r="F13537" s="2" t="s">
        <v>41035</v>
      </c>
      <c r="G13537" s="8">
        <v>138</v>
      </c>
      <c r="H13537" s="5">
        <v>6</v>
      </c>
      <c r="I13537" s="5" t="s">
        <v>1518</v>
      </c>
      <c r="J13537" s="5" t="s">
        <v>40939</v>
      </c>
      <c r="K13537" s="2" t="s">
        <v>40940</v>
      </c>
      <c r="L13537" s="5" t="s">
        <v>40939</v>
      </c>
      <c r="M13537" s="2" t="s">
        <v>40940</v>
      </c>
      <c r="N13537" s="5" t="s">
        <v>36266</v>
      </c>
      <c r="O13537" s="5" t="s">
        <v>38</v>
      </c>
      <c r="P13537" s="5" t="s">
        <v>39</v>
      </c>
      <c r="Q13537" s="5" t="s">
        <v>40</v>
      </c>
      <c r="R13537" s="5" t="s">
        <v>1522</v>
      </c>
      <c r="S13537" s="5" t="s">
        <v>1523</v>
      </c>
      <c r="T13537" s="5" t="s">
        <v>42</v>
      </c>
      <c r="U13537" s="2">
        <v>1.0680000000000001</v>
      </c>
      <c r="V13537" s="2">
        <v>0.63600000000000001</v>
      </c>
      <c r="W13537" s="2">
        <v>1.0999999999999999E-2</v>
      </c>
      <c r="X13537" s="2">
        <v>82.9</v>
      </c>
      <c r="Y13537" s="2">
        <v>7.6</v>
      </c>
      <c r="Z13537" s="2">
        <v>16.7</v>
      </c>
      <c r="AA13537" s="5"/>
      <c r="AB13537" s="5" t="s">
        <v>43</v>
      </c>
      <c r="AC13537" s="5" t="s">
        <v>44</v>
      </c>
      <c r="AD13537" s="2"/>
      <c r="AE13537" s="1"/>
    </row>
    <row r="13538" spans="1:31" ht="14.45">
      <c r="A13538" s="11"/>
      <c r="B13538" s="20"/>
      <c r="C13538" s="2" t="s">
        <v>41565</v>
      </c>
      <c r="D13538" s="14" t="s">
        <v>41566</v>
      </c>
      <c r="E13538" s="2" t="s">
        <v>41567</v>
      </c>
      <c r="F13538" s="2" t="s">
        <v>7581</v>
      </c>
      <c r="G13538" s="8">
        <v>138</v>
      </c>
      <c r="H13538" s="5">
        <v>6</v>
      </c>
      <c r="I13538" s="5" t="s">
        <v>1518</v>
      </c>
      <c r="J13538" s="5" t="s">
        <v>40939</v>
      </c>
      <c r="K13538" s="2" t="s">
        <v>40940</v>
      </c>
      <c r="L13538" s="5" t="s">
        <v>40939</v>
      </c>
      <c r="M13538" s="2" t="s">
        <v>40940</v>
      </c>
      <c r="N13538" s="5" t="s">
        <v>36266</v>
      </c>
      <c r="O13538" s="5" t="s">
        <v>38</v>
      </c>
      <c r="P13538" s="5" t="s">
        <v>39</v>
      </c>
      <c r="Q13538" s="5" t="s">
        <v>40</v>
      </c>
      <c r="R13538" s="5" t="s">
        <v>1522</v>
      </c>
      <c r="S13538" s="5" t="s">
        <v>1523</v>
      </c>
      <c r="T13538" s="5" t="s">
        <v>42</v>
      </c>
      <c r="U13538" s="2">
        <v>1.0680000000000001</v>
      </c>
      <c r="V13538" s="2">
        <v>0.63600000000000001</v>
      </c>
      <c r="W13538" s="2">
        <v>1.0999999999999999E-2</v>
      </c>
      <c r="X13538" s="2">
        <v>82.9</v>
      </c>
      <c r="Y13538" s="2">
        <v>7.6</v>
      </c>
      <c r="Z13538" s="2">
        <v>16.7</v>
      </c>
      <c r="AA13538" s="5"/>
      <c r="AB13538" s="5" t="s">
        <v>43</v>
      </c>
      <c r="AC13538" s="5" t="s">
        <v>44</v>
      </c>
      <c r="AD13538" s="2"/>
      <c r="AE13538" s="1"/>
    </row>
    <row r="13539" spans="1:31" ht="14.45">
      <c r="A13539" s="11"/>
      <c r="B13539" s="20"/>
      <c r="C13539" s="2" t="s">
        <v>41568</v>
      </c>
      <c r="D13539" s="14" t="s">
        <v>41569</v>
      </c>
      <c r="E13539" s="2" t="s">
        <v>41570</v>
      </c>
      <c r="F13539" s="2" t="s">
        <v>41049</v>
      </c>
      <c r="G13539" s="8">
        <v>138</v>
      </c>
      <c r="H13539" s="5">
        <v>6</v>
      </c>
      <c r="I13539" s="5" t="s">
        <v>1518</v>
      </c>
      <c r="J13539" s="5" t="s">
        <v>40939</v>
      </c>
      <c r="K13539" s="2" t="s">
        <v>40940</v>
      </c>
      <c r="L13539" s="5" t="s">
        <v>40939</v>
      </c>
      <c r="M13539" s="2" t="s">
        <v>40940</v>
      </c>
      <c r="N13539" s="5" t="s">
        <v>36266</v>
      </c>
      <c r="O13539" s="5" t="s">
        <v>38</v>
      </c>
      <c r="P13539" s="5" t="s">
        <v>39</v>
      </c>
      <c r="Q13539" s="5" t="s">
        <v>40</v>
      </c>
      <c r="R13539" s="5" t="s">
        <v>1522</v>
      </c>
      <c r="S13539" s="5" t="s">
        <v>1523</v>
      </c>
      <c r="T13539" s="5" t="s">
        <v>42</v>
      </c>
      <c r="U13539" s="2">
        <v>1.095</v>
      </c>
      <c r="V13539" s="2">
        <v>0.66300000000000003</v>
      </c>
      <c r="W13539" s="2">
        <v>1.0999999999999999E-2</v>
      </c>
      <c r="X13539" s="2">
        <v>82.9</v>
      </c>
      <c r="Y13539" s="2">
        <v>7.6</v>
      </c>
      <c r="Z13539" s="2">
        <v>16.7</v>
      </c>
      <c r="AA13539" s="5"/>
      <c r="AB13539" s="5" t="s">
        <v>43</v>
      </c>
      <c r="AC13539" s="5" t="s">
        <v>44</v>
      </c>
      <c r="AD13539" s="2"/>
      <c r="AE13539" s="1"/>
    </row>
    <row r="13540" spans="1:31" ht="14.45">
      <c r="A13540" s="11"/>
      <c r="B13540" s="20"/>
      <c r="C13540" s="2" t="s">
        <v>41571</v>
      </c>
      <c r="D13540" s="14" t="s">
        <v>41572</v>
      </c>
      <c r="E13540" s="2" t="s">
        <v>41573</v>
      </c>
      <c r="F13540" s="2" t="s">
        <v>7204</v>
      </c>
      <c r="G13540" s="8">
        <v>133</v>
      </c>
      <c r="H13540" s="5">
        <v>6</v>
      </c>
      <c r="I13540" s="5" t="s">
        <v>1518</v>
      </c>
      <c r="J13540" s="5" t="s">
        <v>40939</v>
      </c>
      <c r="K13540" s="2" t="s">
        <v>40940</v>
      </c>
      <c r="L13540" s="5" t="s">
        <v>40939</v>
      </c>
      <c r="M13540" s="2" t="s">
        <v>40940</v>
      </c>
      <c r="N13540" s="5" t="s">
        <v>36266</v>
      </c>
      <c r="O13540" s="5" t="s">
        <v>38</v>
      </c>
      <c r="P13540" s="5" t="s">
        <v>39</v>
      </c>
      <c r="Q13540" s="5" t="s">
        <v>40</v>
      </c>
      <c r="R13540" s="5" t="s">
        <v>1522</v>
      </c>
      <c r="S13540" s="5" t="s">
        <v>1523</v>
      </c>
      <c r="T13540" s="5" t="s">
        <v>42</v>
      </c>
      <c r="U13540" s="2">
        <v>1.212</v>
      </c>
      <c r="V13540" s="2">
        <v>0.69899999999999995</v>
      </c>
      <c r="W13540" s="2">
        <v>1.4999999999999999E-2</v>
      </c>
      <c r="X13540" s="2">
        <v>118.9</v>
      </c>
      <c r="Y13540" s="2">
        <v>7.6</v>
      </c>
      <c r="Z13540" s="2">
        <v>16.7</v>
      </c>
      <c r="AA13540" s="5"/>
      <c r="AB13540" s="5" t="s">
        <v>43</v>
      </c>
      <c r="AC13540" s="5" t="s">
        <v>44</v>
      </c>
      <c r="AD13540" s="2"/>
      <c r="AE13540" s="1"/>
    </row>
    <row r="13541" spans="1:31" ht="14.45">
      <c r="A13541" s="11"/>
      <c r="B13541" s="20"/>
      <c r="C13541" s="2" t="s">
        <v>41574</v>
      </c>
      <c r="D13541" s="14" t="s">
        <v>41575</v>
      </c>
      <c r="E13541" s="2" t="s">
        <v>41576</v>
      </c>
      <c r="F13541" s="2" t="s">
        <v>7514</v>
      </c>
      <c r="G13541" s="8">
        <v>133</v>
      </c>
      <c r="H13541" s="5">
        <v>6</v>
      </c>
      <c r="I13541" s="5" t="s">
        <v>1518</v>
      </c>
      <c r="J13541" s="5" t="s">
        <v>40939</v>
      </c>
      <c r="K13541" s="2" t="s">
        <v>40940</v>
      </c>
      <c r="L13541" s="5" t="s">
        <v>40939</v>
      </c>
      <c r="M13541" s="2" t="s">
        <v>40940</v>
      </c>
      <c r="N13541" s="5" t="s">
        <v>36266</v>
      </c>
      <c r="O13541" s="5" t="s">
        <v>38</v>
      </c>
      <c r="P13541" s="5" t="s">
        <v>39</v>
      </c>
      <c r="Q13541" s="5" t="s">
        <v>40</v>
      </c>
      <c r="R13541" s="5" t="s">
        <v>1522</v>
      </c>
      <c r="S13541" s="5" t="s">
        <v>1523</v>
      </c>
      <c r="T13541" s="5" t="s">
        <v>42</v>
      </c>
      <c r="U13541" s="2">
        <v>1.218</v>
      </c>
      <c r="V13541" s="2">
        <v>0.70499999999999996</v>
      </c>
      <c r="W13541" s="2">
        <v>1.4999999999999999E-2</v>
      </c>
      <c r="X13541" s="2">
        <v>118.9</v>
      </c>
      <c r="Y13541" s="2">
        <v>7.6</v>
      </c>
      <c r="Z13541" s="2">
        <v>16.7</v>
      </c>
      <c r="AA13541" s="5"/>
      <c r="AB13541" s="5" t="s">
        <v>43</v>
      </c>
      <c r="AC13541" s="5" t="s">
        <v>44</v>
      </c>
      <c r="AD13541" s="2"/>
      <c r="AE13541" s="1"/>
    </row>
    <row r="13542" spans="1:31" ht="14.45">
      <c r="A13542" s="11"/>
      <c r="B13542" s="20"/>
      <c r="C13542" s="2" t="s">
        <v>41577</v>
      </c>
      <c r="D13542" s="14" t="s">
        <v>41578</v>
      </c>
      <c r="E13542" s="2" t="s">
        <v>41579</v>
      </c>
      <c r="F13542" s="2" t="s">
        <v>40947</v>
      </c>
      <c r="G13542" s="8">
        <v>153</v>
      </c>
      <c r="H13542" s="5">
        <v>6</v>
      </c>
      <c r="I13542" s="5" t="s">
        <v>1518</v>
      </c>
      <c r="J13542" s="5" t="s">
        <v>40939</v>
      </c>
      <c r="K13542" s="2" t="s">
        <v>40940</v>
      </c>
      <c r="L13542" s="5" t="s">
        <v>40939</v>
      </c>
      <c r="M13542" s="2" t="s">
        <v>40940</v>
      </c>
      <c r="N13542" s="5" t="s">
        <v>36266</v>
      </c>
      <c r="O13542" s="5" t="s">
        <v>38</v>
      </c>
      <c r="P13542" s="5" t="s">
        <v>39</v>
      </c>
      <c r="Q13542" s="5" t="s">
        <v>40</v>
      </c>
      <c r="R13542" s="5" t="s">
        <v>1522</v>
      </c>
      <c r="S13542" s="5" t="s">
        <v>1523</v>
      </c>
      <c r="T13542" s="5" t="s">
        <v>42</v>
      </c>
      <c r="U13542" s="2">
        <v>1.2230000000000001</v>
      </c>
      <c r="V13542" s="2">
        <v>0.71</v>
      </c>
      <c r="W13542" s="2">
        <v>1.4999999999999999E-2</v>
      </c>
      <c r="X13542" s="2">
        <v>118.9</v>
      </c>
      <c r="Y13542" s="2">
        <v>7.6</v>
      </c>
      <c r="Z13542" s="2">
        <v>16.7</v>
      </c>
      <c r="AA13542" s="5"/>
      <c r="AB13542" s="5" t="s">
        <v>43</v>
      </c>
      <c r="AC13542" s="5" t="s">
        <v>44</v>
      </c>
      <c r="AD13542" s="2"/>
      <c r="AE13542" s="1"/>
    </row>
    <row r="13543" spans="1:31" ht="14.45">
      <c r="A13543" s="11"/>
      <c r="B13543" s="20"/>
      <c r="C13543" s="2" t="s">
        <v>41580</v>
      </c>
      <c r="D13543" s="14" t="s">
        <v>41581</v>
      </c>
      <c r="E13543" s="2" t="s">
        <v>41582</v>
      </c>
      <c r="F13543" s="2" t="s">
        <v>40951</v>
      </c>
      <c r="G13543" s="8">
        <v>153</v>
      </c>
      <c r="H13543" s="5">
        <v>6</v>
      </c>
      <c r="I13543" s="5" t="s">
        <v>1518</v>
      </c>
      <c r="J13543" s="5" t="s">
        <v>40939</v>
      </c>
      <c r="K13543" s="2" t="s">
        <v>40940</v>
      </c>
      <c r="L13543" s="5" t="s">
        <v>40939</v>
      </c>
      <c r="M13543" s="2" t="s">
        <v>40940</v>
      </c>
      <c r="N13543" s="5" t="s">
        <v>36266</v>
      </c>
      <c r="O13543" s="5" t="s">
        <v>38</v>
      </c>
      <c r="P13543" s="5" t="s">
        <v>39</v>
      </c>
      <c r="Q13543" s="5" t="s">
        <v>40</v>
      </c>
      <c r="R13543" s="5" t="s">
        <v>1522</v>
      </c>
      <c r="S13543" s="5" t="s">
        <v>1523</v>
      </c>
      <c r="T13543" s="5" t="s">
        <v>42</v>
      </c>
      <c r="U13543" s="2">
        <v>1.2290000000000001</v>
      </c>
      <c r="V13543" s="2">
        <v>0.71599999999999997</v>
      </c>
      <c r="W13543" s="2">
        <v>1.4999999999999999E-2</v>
      </c>
      <c r="X13543" s="2">
        <v>118.9</v>
      </c>
      <c r="Y13543" s="2">
        <v>7.6</v>
      </c>
      <c r="Z13543" s="2">
        <v>16.7</v>
      </c>
      <c r="AA13543" s="5"/>
      <c r="AB13543" s="5" t="s">
        <v>43</v>
      </c>
      <c r="AC13543" s="5" t="s">
        <v>44</v>
      </c>
      <c r="AD13543" s="2"/>
      <c r="AE13543" s="1"/>
    </row>
    <row r="13544" spans="1:31" ht="14.45">
      <c r="A13544" s="11"/>
      <c r="B13544" s="20"/>
      <c r="C13544" s="2" t="s">
        <v>41583</v>
      </c>
      <c r="D13544" s="14" t="s">
        <v>41584</v>
      </c>
      <c r="E13544" s="2" t="s">
        <v>41585</v>
      </c>
      <c r="F13544" s="2" t="s">
        <v>7208</v>
      </c>
      <c r="G13544" s="8">
        <v>133</v>
      </c>
      <c r="H13544" s="5">
        <v>6</v>
      </c>
      <c r="I13544" s="5" t="s">
        <v>1518</v>
      </c>
      <c r="J13544" s="5" t="s">
        <v>40939</v>
      </c>
      <c r="K13544" s="2" t="s">
        <v>40940</v>
      </c>
      <c r="L13544" s="5" t="s">
        <v>40939</v>
      </c>
      <c r="M13544" s="2" t="s">
        <v>40940</v>
      </c>
      <c r="N13544" s="5" t="s">
        <v>36266</v>
      </c>
      <c r="O13544" s="5" t="s">
        <v>38</v>
      </c>
      <c r="P13544" s="5" t="s">
        <v>39</v>
      </c>
      <c r="Q13544" s="5" t="s">
        <v>40</v>
      </c>
      <c r="R13544" s="5" t="s">
        <v>1522</v>
      </c>
      <c r="S13544" s="5" t="s">
        <v>1523</v>
      </c>
      <c r="T13544" s="5" t="s">
        <v>42</v>
      </c>
      <c r="U13544" s="2">
        <v>1.228</v>
      </c>
      <c r="V13544" s="2">
        <v>0.71499999999999997</v>
      </c>
      <c r="W13544" s="2">
        <v>1.4999999999999999E-2</v>
      </c>
      <c r="X13544" s="2">
        <v>118.9</v>
      </c>
      <c r="Y13544" s="2">
        <v>7.6</v>
      </c>
      <c r="Z13544" s="2">
        <v>16.7</v>
      </c>
      <c r="AA13544" s="5"/>
      <c r="AB13544" s="5" t="s">
        <v>43</v>
      </c>
      <c r="AC13544" s="5" t="s">
        <v>44</v>
      </c>
      <c r="AD13544" s="2"/>
      <c r="AE13544" s="1"/>
    </row>
    <row r="13545" spans="1:31" ht="14.45">
      <c r="A13545" s="11"/>
      <c r="B13545" s="20"/>
      <c r="C13545" s="2" t="s">
        <v>41586</v>
      </c>
      <c r="D13545" s="14" t="s">
        <v>41587</v>
      </c>
      <c r="E13545" s="2" t="s">
        <v>41588</v>
      </c>
      <c r="F13545" s="2" t="s">
        <v>7521</v>
      </c>
      <c r="G13545" s="8">
        <v>133</v>
      </c>
      <c r="H13545" s="5">
        <v>6</v>
      </c>
      <c r="I13545" s="5" t="s">
        <v>1518</v>
      </c>
      <c r="J13545" s="5" t="s">
        <v>40939</v>
      </c>
      <c r="K13545" s="2" t="s">
        <v>40940</v>
      </c>
      <c r="L13545" s="5" t="s">
        <v>40939</v>
      </c>
      <c r="M13545" s="2" t="s">
        <v>40940</v>
      </c>
      <c r="N13545" s="5" t="s">
        <v>36266</v>
      </c>
      <c r="O13545" s="5" t="s">
        <v>38</v>
      </c>
      <c r="P13545" s="5" t="s">
        <v>39</v>
      </c>
      <c r="Q13545" s="5" t="s">
        <v>40</v>
      </c>
      <c r="R13545" s="5" t="s">
        <v>1522</v>
      </c>
      <c r="S13545" s="5" t="s">
        <v>1523</v>
      </c>
      <c r="T13545" s="5" t="s">
        <v>42</v>
      </c>
      <c r="U13545" s="2">
        <v>1.234</v>
      </c>
      <c r="V13545" s="2">
        <v>0.72099999999999997</v>
      </c>
      <c r="W13545" s="2">
        <v>1.4999999999999999E-2</v>
      </c>
      <c r="X13545" s="2">
        <v>118.9</v>
      </c>
      <c r="Y13545" s="2">
        <v>7.6</v>
      </c>
      <c r="Z13545" s="2">
        <v>16.7</v>
      </c>
      <c r="AA13545" s="5"/>
      <c r="AB13545" s="5" t="s">
        <v>43</v>
      </c>
      <c r="AC13545" s="5" t="s">
        <v>44</v>
      </c>
      <c r="AD13545" s="2"/>
      <c r="AE13545" s="1"/>
    </row>
    <row r="13546" spans="1:31" ht="14.45">
      <c r="A13546" s="11"/>
      <c r="B13546" s="20"/>
      <c r="C13546" s="2" t="s">
        <v>41589</v>
      </c>
      <c r="D13546" s="14" t="s">
        <v>41590</v>
      </c>
      <c r="E13546" s="2" t="s">
        <v>41591</v>
      </c>
      <c r="F13546" s="2" t="s">
        <v>36273</v>
      </c>
      <c r="G13546" s="8">
        <v>133</v>
      </c>
      <c r="H13546" s="5">
        <v>6</v>
      </c>
      <c r="I13546" s="5" t="s">
        <v>1518</v>
      </c>
      <c r="J13546" s="5" t="s">
        <v>40939</v>
      </c>
      <c r="K13546" s="2" t="s">
        <v>40940</v>
      </c>
      <c r="L13546" s="5" t="s">
        <v>40939</v>
      </c>
      <c r="M13546" s="2" t="s">
        <v>40940</v>
      </c>
      <c r="N13546" s="5" t="s">
        <v>36266</v>
      </c>
      <c r="O13546" s="5" t="s">
        <v>38</v>
      </c>
      <c r="P13546" s="5" t="s">
        <v>39</v>
      </c>
      <c r="Q13546" s="5" t="s">
        <v>40</v>
      </c>
      <c r="R13546" s="5" t="s">
        <v>1522</v>
      </c>
      <c r="S13546" s="5" t="s">
        <v>1523</v>
      </c>
      <c r="T13546" s="5" t="s">
        <v>42</v>
      </c>
      <c r="U13546" s="2">
        <v>1.2390000000000001</v>
      </c>
      <c r="V13546" s="2">
        <v>0.72599999999999998</v>
      </c>
      <c r="W13546" s="2">
        <v>1.4999999999999999E-2</v>
      </c>
      <c r="X13546" s="2">
        <v>118.9</v>
      </c>
      <c r="Y13546" s="2">
        <v>7.6</v>
      </c>
      <c r="Z13546" s="2">
        <v>16.7</v>
      </c>
      <c r="AA13546" s="5"/>
      <c r="AB13546" s="5" t="s">
        <v>43</v>
      </c>
      <c r="AC13546" s="5" t="s">
        <v>44</v>
      </c>
      <c r="AD13546" s="2"/>
      <c r="AE13546" s="1"/>
    </row>
    <row r="13547" spans="1:31" ht="14.45">
      <c r="A13547" s="11"/>
      <c r="B13547" s="20"/>
      <c r="C13547" s="2" t="s">
        <v>41592</v>
      </c>
      <c r="D13547" s="14" t="s">
        <v>41593</v>
      </c>
      <c r="E13547" s="2" t="s">
        <v>41594</v>
      </c>
      <c r="F13547" s="2" t="s">
        <v>36277</v>
      </c>
      <c r="G13547" s="8">
        <v>133</v>
      </c>
      <c r="H13547" s="5">
        <v>6</v>
      </c>
      <c r="I13547" s="5" t="s">
        <v>1518</v>
      </c>
      <c r="J13547" s="5" t="s">
        <v>40939</v>
      </c>
      <c r="K13547" s="2" t="s">
        <v>40940</v>
      </c>
      <c r="L13547" s="5" t="s">
        <v>40939</v>
      </c>
      <c r="M13547" s="2" t="s">
        <v>40940</v>
      </c>
      <c r="N13547" s="5" t="s">
        <v>36266</v>
      </c>
      <c r="O13547" s="5" t="s">
        <v>38</v>
      </c>
      <c r="P13547" s="5" t="s">
        <v>39</v>
      </c>
      <c r="Q13547" s="5" t="s">
        <v>40</v>
      </c>
      <c r="R13547" s="5" t="s">
        <v>1522</v>
      </c>
      <c r="S13547" s="5" t="s">
        <v>1523</v>
      </c>
      <c r="T13547" s="5" t="s">
        <v>42</v>
      </c>
      <c r="U13547" s="2">
        <v>1.2450000000000001</v>
      </c>
      <c r="V13547" s="2">
        <v>0.73199999999999998</v>
      </c>
      <c r="W13547" s="2">
        <v>1.4999999999999999E-2</v>
      </c>
      <c r="X13547" s="2">
        <v>118.9</v>
      </c>
      <c r="Y13547" s="2">
        <v>7.6</v>
      </c>
      <c r="Z13547" s="2">
        <v>16.7</v>
      </c>
      <c r="AA13547" s="5"/>
      <c r="AB13547" s="5" t="s">
        <v>43</v>
      </c>
      <c r="AC13547" s="5" t="s">
        <v>44</v>
      </c>
      <c r="AD13547" s="2"/>
      <c r="AE13547" s="1"/>
    </row>
    <row r="13548" spans="1:31" ht="14.45">
      <c r="A13548" s="11"/>
      <c r="B13548" s="20"/>
      <c r="C13548" s="2" t="s">
        <v>41595</v>
      </c>
      <c r="D13548" s="14" t="s">
        <v>41596</v>
      </c>
      <c r="E13548" s="2" t="s">
        <v>41597</v>
      </c>
      <c r="F13548" s="2" t="s">
        <v>40967</v>
      </c>
      <c r="G13548" s="8">
        <v>153</v>
      </c>
      <c r="H13548" s="5">
        <v>6</v>
      </c>
      <c r="I13548" s="5" t="s">
        <v>1518</v>
      </c>
      <c r="J13548" s="5" t="s">
        <v>40939</v>
      </c>
      <c r="K13548" s="2" t="s">
        <v>40940</v>
      </c>
      <c r="L13548" s="5" t="s">
        <v>40939</v>
      </c>
      <c r="M13548" s="2" t="s">
        <v>40940</v>
      </c>
      <c r="N13548" s="5" t="s">
        <v>36266</v>
      </c>
      <c r="O13548" s="5" t="s">
        <v>38</v>
      </c>
      <c r="P13548" s="5" t="s">
        <v>39</v>
      </c>
      <c r="Q13548" s="5" t="s">
        <v>40</v>
      </c>
      <c r="R13548" s="5" t="s">
        <v>1522</v>
      </c>
      <c r="S13548" s="5" t="s">
        <v>1523</v>
      </c>
      <c r="T13548" s="5" t="s">
        <v>42</v>
      </c>
      <c r="U13548" s="2">
        <v>1.228</v>
      </c>
      <c r="V13548" s="2">
        <v>0.71499999999999997</v>
      </c>
      <c r="W13548" s="2">
        <v>1.4999999999999999E-2</v>
      </c>
      <c r="X13548" s="2">
        <v>118.9</v>
      </c>
      <c r="Y13548" s="2">
        <v>7.6</v>
      </c>
      <c r="Z13548" s="2">
        <v>16.7</v>
      </c>
      <c r="AA13548" s="5"/>
      <c r="AB13548" s="5" t="s">
        <v>43</v>
      </c>
      <c r="AC13548" s="5" t="s">
        <v>44</v>
      </c>
      <c r="AD13548" s="2"/>
      <c r="AE13548" s="1"/>
    </row>
    <row r="13549" spans="1:31" ht="14.45">
      <c r="A13549" s="11"/>
      <c r="B13549" s="20"/>
      <c r="C13549" s="2" t="s">
        <v>41598</v>
      </c>
      <c r="D13549" s="14" t="s">
        <v>41599</v>
      </c>
      <c r="E13549" s="2" t="s">
        <v>41600</v>
      </c>
      <c r="F13549" s="2" t="s">
        <v>40971</v>
      </c>
      <c r="G13549" s="8">
        <v>153</v>
      </c>
      <c r="H13549" s="5">
        <v>6</v>
      </c>
      <c r="I13549" s="5" t="s">
        <v>1518</v>
      </c>
      <c r="J13549" s="5" t="s">
        <v>40939</v>
      </c>
      <c r="K13549" s="2" t="s">
        <v>40940</v>
      </c>
      <c r="L13549" s="5" t="s">
        <v>40939</v>
      </c>
      <c r="M13549" s="2" t="s">
        <v>40940</v>
      </c>
      <c r="N13549" s="5" t="s">
        <v>36266</v>
      </c>
      <c r="O13549" s="5" t="s">
        <v>38</v>
      </c>
      <c r="P13549" s="5" t="s">
        <v>39</v>
      </c>
      <c r="Q13549" s="5" t="s">
        <v>40</v>
      </c>
      <c r="R13549" s="5" t="s">
        <v>1522</v>
      </c>
      <c r="S13549" s="5" t="s">
        <v>1523</v>
      </c>
      <c r="T13549" s="5" t="s">
        <v>42</v>
      </c>
      <c r="U13549" s="2">
        <v>1.234</v>
      </c>
      <c r="V13549" s="2">
        <v>0.72099999999999997</v>
      </c>
      <c r="W13549" s="2">
        <v>1.4999999999999999E-2</v>
      </c>
      <c r="X13549" s="2">
        <v>118.9</v>
      </c>
      <c r="Y13549" s="2">
        <v>7.6</v>
      </c>
      <c r="Z13549" s="2">
        <v>16.7</v>
      </c>
      <c r="AA13549" s="5"/>
      <c r="AB13549" s="5" t="s">
        <v>43</v>
      </c>
      <c r="AC13549" s="5" t="s">
        <v>44</v>
      </c>
      <c r="AD13549" s="2"/>
      <c r="AE13549" s="1"/>
    </row>
    <row r="13550" spans="1:31" ht="14.45">
      <c r="A13550" s="11"/>
      <c r="B13550" s="20"/>
      <c r="C13550" s="2" t="s">
        <v>41601</v>
      </c>
      <c r="D13550" s="14" t="s">
        <v>41602</v>
      </c>
      <c r="E13550" s="2" t="s">
        <v>41603</v>
      </c>
      <c r="F13550" s="2" t="s">
        <v>40975</v>
      </c>
      <c r="G13550" s="8">
        <v>153</v>
      </c>
      <c r="H13550" s="5">
        <v>6</v>
      </c>
      <c r="I13550" s="5" t="s">
        <v>1518</v>
      </c>
      <c r="J13550" s="5" t="s">
        <v>40939</v>
      </c>
      <c r="K13550" s="2" t="s">
        <v>40940</v>
      </c>
      <c r="L13550" s="5" t="s">
        <v>40939</v>
      </c>
      <c r="M13550" s="2" t="s">
        <v>40940</v>
      </c>
      <c r="N13550" s="5" t="s">
        <v>36266</v>
      </c>
      <c r="O13550" s="5" t="s">
        <v>38</v>
      </c>
      <c r="P13550" s="5" t="s">
        <v>39</v>
      </c>
      <c r="Q13550" s="5" t="s">
        <v>40</v>
      </c>
      <c r="R13550" s="5" t="s">
        <v>1522</v>
      </c>
      <c r="S13550" s="5" t="s">
        <v>1523</v>
      </c>
      <c r="T13550" s="5" t="s">
        <v>42</v>
      </c>
      <c r="U13550" s="2">
        <v>1.228</v>
      </c>
      <c r="V13550" s="2">
        <v>0.71499999999999997</v>
      </c>
      <c r="W13550" s="2">
        <v>1.4999999999999999E-2</v>
      </c>
      <c r="X13550" s="2">
        <v>118.9</v>
      </c>
      <c r="Y13550" s="2">
        <v>7.6</v>
      </c>
      <c r="Z13550" s="2">
        <v>16.7</v>
      </c>
      <c r="AA13550" s="5"/>
      <c r="AB13550" s="5" t="s">
        <v>43</v>
      </c>
      <c r="AC13550" s="5" t="s">
        <v>44</v>
      </c>
      <c r="AD13550" s="2"/>
      <c r="AE13550" s="1"/>
    </row>
    <row r="13551" spans="1:31" ht="14.45">
      <c r="A13551" s="11"/>
      <c r="B13551" s="20"/>
      <c r="C13551" s="2" t="s">
        <v>41604</v>
      </c>
      <c r="D13551" s="14" t="s">
        <v>41605</v>
      </c>
      <c r="E13551" s="2" t="s">
        <v>41606</v>
      </c>
      <c r="F13551" s="2" t="s">
        <v>40979</v>
      </c>
      <c r="G13551" s="8">
        <v>153</v>
      </c>
      <c r="H13551" s="5">
        <v>6</v>
      </c>
      <c r="I13551" s="5" t="s">
        <v>1518</v>
      </c>
      <c r="J13551" s="5" t="s">
        <v>40939</v>
      </c>
      <c r="K13551" s="2" t="s">
        <v>40940</v>
      </c>
      <c r="L13551" s="5" t="s">
        <v>40939</v>
      </c>
      <c r="M13551" s="2" t="s">
        <v>40940</v>
      </c>
      <c r="N13551" s="5" t="s">
        <v>36266</v>
      </c>
      <c r="O13551" s="5" t="s">
        <v>38</v>
      </c>
      <c r="P13551" s="5" t="s">
        <v>39</v>
      </c>
      <c r="Q13551" s="5" t="s">
        <v>40</v>
      </c>
      <c r="R13551" s="5" t="s">
        <v>1522</v>
      </c>
      <c r="S13551" s="5" t="s">
        <v>1523</v>
      </c>
      <c r="T13551" s="5" t="s">
        <v>42</v>
      </c>
      <c r="U13551" s="2">
        <v>1.234</v>
      </c>
      <c r="V13551" s="2">
        <v>0.72099999999999997</v>
      </c>
      <c r="W13551" s="2">
        <v>1.4999999999999999E-2</v>
      </c>
      <c r="X13551" s="2">
        <v>118.9</v>
      </c>
      <c r="Y13551" s="2">
        <v>7.6</v>
      </c>
      <c r="Z13551" s="2">
        <v>16.7</v>
      </c>
      <c r="AA13551" s="5"/>
      <c r="AB13551" s="5" t="s">
        <v>43</v>
      </c>
      <c r="AC13551" s="5" t="s">
        <v>44</v>
      </c>
      <c r="AD13551" s="2"/>
      <c r="AE13551" s="1"/>
    </row>
    <row r="13552" spans="1:31" ht="14.45">
      <c r="A13552" s="11"/>
      <c r="B13552" s="20"/>
      <c r="C13552" s="2" t="s">
        <v>41607</v>
      </c>
      <c r="D13552" s="14" t="s">
        <v>41608</v>
      </c>
      <c r="E13552" s="2" t="s">
        <v>41609</v>
      </c>
      <c r="F13552" s="2" t="s">
        <v>7539</v>
      </c>
      <c r="G13552" s="8">
        <v>153</v>
      </c>
      <c r="H13552" s="5">
        <v>6</v>
      </c>
      <c r="I13552" s="5" t="s">
        <v>1518</v>
      </c>
      <c r="J13552" s="5" t="s">
        <v>40939</v>
      </c>
      <c r="K13552" s="2" t="s">
        <v>40940</v>
      </c>
      <c r="L13552" s="5" t="s">
        <v>40939</v>
      </c>
      <c r="M13552" s="2" t="s">
        <v>40940</v>
      </c>
      <c r="N13552" s="5" t="s">
        <v>36266</v>
      </c>
      <c r="O13552" s="5" t="s">
        <v>38</v>
      </c>
      <c r="P13552" s="5" t="s">
        <v>39</v>
      </c>
      <c r="Q13552" s="5" t="s">
        <v>40</v>
      </c>
      <c r="R13552" s="5" t="s">
        <v>1522</v>
      </c>
      <c r="S13552" s="5" t="s">
        <v>1523</v>
      </c>
      <c r="T13552" s="5" t="s">
        <v>42</v>
      </c>
      <c r="U13552" s="2">
        <v>1.202</v>
      </c>
      <c r="V13552" s="2">
        <v>0.68899999999999995</v>
      </c>
      <c r="W13552" s="2">
        <v>1.4999999999999999E-2</v>
      </c>
      <c r="X13552" s="2">
        <v>118.9</v>
      </c>
      <c r="Y13552" s="2">
        <v>7.6</v>
      </c>
      <c r="Z13552" s="2">
        <v>16.7</v>
      </c>
      <c r="AA13552" s="5"/>
      <c r="AB13552" s="5" t="s">
        <v>43</v>
      </c>
      <c r="AC13552" s="5" t="s">
        <v>44</v>
      </c>
      <c r="AD13552" s="2"/>
      <c r="AE13552" s="1"/>
    </row>
    <row r="13553" spans="1:31" ht="14.45">
      <c r="A13553" s="11"/>
      <c r="B13553" s="20"/>
      <c r="C13553" s="2" t="s">
        <v>41610</v>
      </c>
      <c r="D13553" s="14" t="s">
        <v>41611</v>
      </c>
      <c r="E13553" s="2" t="s">
        <v>41612</v>
      </c>
      <c r="F13553" s="2" t="s">
        <v>7543</v>
      </c>
      <c r="G13553" s="8">
        <v>153</v>
      </c>
      <c r="H13553" s="5">
        <v>6</v>
      </c>
      <c r="I13553" s="5" t="s">
        <v>1518</v>
      </c>
      <c r="J13553" s="5" t="s">
        <v>40939</v>
      </c>
      <c r="K13553" s="2" t="s">
        <v>40940</v>
      </c>
      <c r="L13553" s="5" t="s">
        <v>40939</v>
      </c>
      <c r="M13553" s="2" t="s">
        <v>40940</v>
      </c>
      <c r="N13553" s="5" t="s">
        <v>36266</v>
      </c>
      <c r="O13553" s="5" t="s">
        <v>38</v>
      </c>
      <c r="P13553" s="5" t="s">
        <v>39</v>
      </c>
      <c r="Q13553" s="5" t="s">
        <v>40</v>
      </c>
      <c r="R13553" s="5" t="s">
        <v>1522</v>
      </c>
      <c r="S13553" s="5" t="s">
        <v>1523</v>
      </c>
      <c r="T13553" s="5" t="s">
        <v>42</v>
      </c>
      <c r="U13553" s="2">
        <v>1.208</v>
      </c>
      <c r="V13553" s="2">
        <v>0.69499999999999995</v>
      </c>
      <c r="W13553" s="2">
        <v>1.4999999999999999E-2</v>
      </c>
      <c r="X13553" s="2">
        <v>118.9</v>
      </c>
      <c r="Y13553" s="2">
        <v>7.6</v>
      </c>
      <c r="Z13553" s="2">
        <v>16.7</v>
      </c>
      <c r="AA13553" s="5"/>
      <c r="AB13553" s="5" t="s">
        <v>43</v>
      </c>
      <c r="AC13553" s="5" t="s">
        <v>44</v>
      </c>
      <c r="AD13553" s="2"/>
      <c r="AE13553" s="1"/>
    </row>
    <row r="13554" spans="1:31" ht="14.45">
      <c r="A13554" s="11"/>
      <c r="B13554" s="20"/>
      <c r="C13554" s="2" t="s">
        <v>41613</v>
      </c>
      <c r="D13554" s="14" t="s">
        <v>41614</v>
      </c>
      <c r="E13554" s="2" t="s">
        <v>41615</v>
      </c>
      <c r="F13554" s="2" t="s">
        <v>40989</v>
      </c>
      <c r="G13554" s="8">
        <v>153</v>
      </c>
      <c r="H13554" s="5">
        <v>6</v>
      </c>
      <c r="I13554" s="5" t="s">
        <v>1518</v>
      </c>
      <c r="J13554" s="5" t="s">
        <v>40939</v>
      </c>
      <c r="K13554" s="2" t="s">
        <v>40940</v>
      </c>
      <c r="L13554" s="5" t="s">
        <v>40939</v>
      </c>
      <c r="M13554" s="2" t="s">
        <v>40940</v>
      </c>
      <c r="N13554" s="5" t="s">
        <v>36266</v>
      </c>
      <c r="O13554" s="5" t="s">
        <v>38</v>
      </c>
      <c r="P13554" s="5" t="s">
        <v>39</v>
      </c>
      <c r="Q13554" s="5" t="s">
        <v>40</v>
      </c>
      <c r="R13554" s="5" t="s">
        <v>1522</v>
      </c>
      <c r="S13554" s="5" t="s">
        <v>1523</v>
      </c>
      <c r="T13554" s="5" t="s">
        <v>42</v>
      </c>
      <c r="U13554" s="2">
        <v>1.228</v>
      </c>
      <c r="V13554" s="2">
        <v>0.71499999999999997</v>
      </c>
      <c r="W13554" s="2">
        <v>1.4999999999999999E-2</v>
      </c>
      <c r="X13554" s="2">
        <v>118.9</v>
      </c>
      <c r="Y13554" s="2">
        <v>7.6</v>
      </c>
      <c r="Z13554" s="2">
        <v>16.7</v>
      </c>
      <c r="AA13554" s="5"/>
      <c r="AB13554" s="5" t="s">
        <v>43</v>
      </c>
      <c r="AC13554" s="5" t="s">
        <v>44</v>
      </c>
      <c r="AD13554" s="2"/>
      <c r="AE13554" s="1"/>
    </row>
    <row r="13555" spans="1:31" ht="14.45">
      <c r="A13555" s="11"/>
      <c r="B13555" s="20"/>
      <c r="C13555" s="2" t="s">
        <v>41616</v>
      </c>
      <c r="D13555" s="14" t="s">
        <v>41617</v>
      </c>
      <c r="E13555" s="2" t="s">
        <v>41618</v>
      </c>
      <c r="F13555" s="2" t="s">
        <v>40993</v>
      </c>
      <c r="G13555" s="8">
        <v>153</v>
      </c>
      <c r="H13555" s="5">
        <v>6</v>
      </c>
      <c r="I13555" s="5" t="s">
        <v>1518</v>
      </c>
      <c r="J13555" s="5" t="s">
        <v>40939</v>
      </c>
      <c r="K13555" s="2" t="s">
        <v>40940</v>
      </c>
      <c r="L13555" s="5" t="s">
        <v>40939</v>
      </c>
      <c r="M13555" s="2" t="s">
        <v>40940</v>
      </c>
      <c r="N13555" s="5" t="s">
        <v>36266</v>
      </c>
      <c r="O13555" s="5" t="s">
        <v>38</v>
      </c>
      <c r="P13555" s="5" t="s">
        <v>39</v>
      </c>
      <c r="Q13555" s="5" t="s">
        <v>40</v>
      </c>
      <c r="R13555" s="5" t="s">
        <v>1522</v>
      </c>
      <c r="S13555" s="5" t="s">
        <v>1523</v>
      </c>
      <c r="T13555" s="5" t="s">
        <v>42</v>
      </c>
      <c r="U13555" s="2">
        <v>1.234</v>
      </c>
      <c r="V13555" s="2">
        <v>0.72099999999999997</v>
      </c>
      <c r="W13555" s="2">
        <v>1.4999999999999999E-2</v>
      </c>
      <c r="X13555" s="2">
        <v>118.9</v>
      </c>
      <c r="Y13555" s="2">
        <v>7.6</v>
      </c>
      <c r="Z13555" s="2">
        <v>16.7</v>
      </c>
      <c r="AA13555" s="5"/>
      <c r="AB13555" s="5" t="s">
        <v>43</v>
      </c>
      <c r="AC13555" s="5" t="s">
        <v>44</v>
      </c>
      <c r="AD13555" s="2"/>
      <c r="AE13555" s="1"/>
    </row>
    <row r="13556" spans="1:31" ht="14.45">
      <c r="A13556" s="11"/>
      <c r="B13556" s="20"/>
      <c r="C13556" s="2" t="s">
        <v>41619</v>
      </c>
      <c r="D13556" s="14" t="s">
        <v>41620</v>
      </c>
      <c r="E13556" s="2" t="s">
        <v>41621</v>
      </c>
      <c r="F13556" s="2" t="s">
        <v>40997</v>
      </c>
      <c r="G13556" s="8">
        <v>153</v>
      </c>
      <c r="H13556" s="5">
        <v>6</v>
      </c>
      <c r="I13556" s="5" t="s">
        <v>1518</v>
      </c>
      <c r="J13556" s="5" t="s">
        <v>40939</v>
      </c>
      <c r="K13556" s="2" t="s">
        <v>40940</v>
      </c>
      <c r="L13556" s="5" t="s">
        <v>40939</v>
      </c>
      <c r="M13556" s="2" t="s">
        <v>40940</v>
      </c>
      <c r="N13556" s="5" t="s">
        <v>36266</v>
      </c>
      <c r="O13556" s="5" t="s">
        <v>38</v>
      </c>
      <c r="P13556" s="5" t="s">
        <v>39</v>
      </c>
      <c r="Q13556" s="5" t="s">
        <v>40</v>
      </c>
      <c r="R13556" s="5" t="s">
        <v>1522</v>
      </c>
      <c r="S13556" s="5" t="s">
        <v>1523</v>
      </c>
      <c r="T13556" s="5" t="s">
        <v>42</v>
      </c>
      <c r="U13556" s="2">
        <v>1.2070000000000001</v>
      </c>
      <c r="V13556" s="2">
        <v>0.69399999999999995</v>
      </c>
      <c r="W13556" s="2">
        <v>1.4999999999999999E-2</v>
      </c>
      <c r="X13556" s="2">
        <v>118.9</v>
      </c>
      <c r="Y13556" s="2">
        <v>7.6</v>
      </c>
      <c r="Z13556" s="2">
        <v>16.7</v>
      </c>
      <c r="AA13556" s="5"/>
      <c r="AB13556" s="5" t="s">
        <v>43</v>
      </c>
      <c r="AC13556" s="5" t="s">
        <v>44</v>
      </c>
      <c r="AD13556" s="2"/>
      <c r="AE13556" s="1"/>
    </row>
    <row r="13557" spans="1:31" ht="14.45">
      <c r="A13557" s="11"/>
      <c r="B13557" s="20"/>
      <c r="C13557" s="2" t="s">
        <v>41622</v>
      </c>
      <c r="D13557" s="14" t="s">
        <v>41623</v>
      </c>
      <c r="E13557" s="2" t="s">
        <v>41624</v>
      </c>
      <c r="F13557" s="2" t="s">
        <v>41267</v>
      </c>
      <c r="G13557" s="8">
        <v>153</v>
      </c>
      <c r="H13557" s="5">
        <v>6</v>
      </c>
      <c r="I13557" s="5" t="s">
        <v>1518</v>
      </c>
      <c r="J13557" s="5" t="s">
        <v>40939</v>
      </c>
      <c r="K13557" s="2" t="s">
        <v>40940</v>
      </c>
      <c r="L13557" s="5" t="s">
        <v>40939</v>
      </c>
      <c r="M13557" s="2" t="s">
        <v>40940</v>
      </c>
      <c r="N13557" s="5" t="s">
        <v>36266</v>
      </c>
      <c r="O13557" s="5" t="s">
        <v>38</v>
      </c>
      <c r="P13557" s="5" t="s">
        <v>39</v>
      </c>
      <c r="Q13557" s="5" t="s">
        <v>40</v>
      </c>
      <c r="R13557" s="5" t="s">
        <v>1522</v>
      </c>
      <c r="S13557" s="5" t="s">
        <v>1523</v>
      </c>
      <c r="T13557" s="5" t="s">
        <v>42</v>
      </c>
      <c r="U13557" s="2">
        <v>1.2130000000000001</v>
      </c>
      <c r="V13557" s="2">
        <v>0.7</v>
      </c>
      <c r="W13557" s="2">
        <v>1.4999999999999999E-2</v>
      </c>
      <c r="X13557" s="2">
        <v>118.9</v>
      </c>
      <c r="Y13557" s="2">
        <v>7.6</v>
      </c>
      <c r="Z13557" s="2">
        <v>16.7</v>
      </c>
      <c r="AA13557" s="5"/>
      <c r="AB13557" s="5" t="s">
        <v>43</v>
      </c>
      <c r="AC13557" s="5" t="s">
        <v>44</v>
      </c>
      <c r="AD13557" s="2"/>
      <c r="AE13557" s="1"/>
    </row>
    <row r="13558" spans="1:31" ht="14.45">
      <c r="A13558" s="11"/>
      <c r="B13558" s="20"/>
      <c r="C13558" s="2" t="s">
        <v>41625</v>
      </c>
      <c r="D13558" s="14" t="s">
        <v>41626</v>
      </c>
      <c r="E13558" s="2" t="s">
        <v>41627</v>
      </c>
      <c r="F13558" s="2" t="s">
        <v>41001</v>
      </c>
      <c r="G13558" s="8">
        <v>153</v>
      </c>
      <c r="H13558" s="5">
        <v>6</v>
      </c>
      <c r="I13558" s="5" t="s">
        <v>1518</v>
      </c>
      <c r="J13558" s="5" t="s">
        <v>40939</v>
      </c>
      <c r="K13558" s="2" t="s">
        <v>40940</v>
      </c>
      <c r="L13558" s="5" t="s">
        <v>40939</v>
      </c>
      <c r="M13558" s="2" t="s">
        <v>40940</v>
      </c>
      <c r="N13558" s="5" t="s">
        <v>36266</v>
      </c>
      <c r="O13558" s="5" t="s">
        <v>38</v>
      </c>
      <c r="P13558" s="5" t="s">
        <v>39</v>
      </c>
      <c r="Q13558" s="5" t="s">
        <v>40</v>
      </c>
      <c r="R13558" s="5" t="s">
        <v>1522</v>
      </c>
      <c r="S13558" s="5" t="s">
        <v>1523</v>
      </c>
      <c r="T13558" s="5" t="s">
        <v>42</v>
      </c>
      <c r="U13558" s="2">
        <v>1.228</v>
      </c>
      <c r="V13558" s="2">
        <v>0.71499999999999997</v>
      </c>
      <c r="W13558" s="2">
        <v>1.4999999999999999E-2</v>
      </c>
      <c r="X13558" s="2">
        <v>118.9</v>
      </c>
      <c r="Y13558" s="2">
        <v>7.6</v>
      </c>
      <c r="Z13558" s="2">
        <v>16.7</v>
      </c>
      <c r="AA13558" s="5"/>
      <c r="AB13558" s="5" t="s">
        <v>43</v>
      </c>
      <c r="AC13558" s="5" t="s">
        <v>44</v>
      </c>
      <c r="AD13558" s="2"/>
      <c r="AE13558" s="1"/>
    </row>
    <row r="13559" spans="1:31" ht="14.45">
      <c r="A13559" s="11"/>
      <c r="B13559" s="20"/>
      <c r="C13559" s="2" t="s">
        <v>41628</v>
      </c>
      <c r="D13559" s="14" t="s">
        <v>41629</v>
      </c>
      <c r="E13559" s="2" t="s">
        <v>41630</v>
      </c>
      <c r="F13559" s="2" t="s">
        <v>41005</v>
      </c>
      <c r="G13559" s="8">
        <v>153</v>
      </c>
      <c r="H13559" s="5">
        <v>6</v>
      </c>
      <c r="I13559" s="5" t="s">
        <v>1518</v>
      </c>
      <c r="J13559" s="5" t="s">
        <v>40939</v>
      </c>
      <c r="K13559" s="2" t="s">
        <v>40940</v>
      </c>
      <c r="L13559" s="5" t="s">
        <v>40939</v>
      </c>
      <c r="M13559" s="2" t="s">
        <v>40940</v>
      </c>
      <c r="N13559" s="5" t="s">
        <v>36266</v>
      </c>
      <c r="O13559" s="5" t="s">
        <v>38</v>
      </c>
      <c r="P13559" s="5" t="s">
        <v>39</v>
      </c>
      <c r="Q13559" s="5" t="s">
        <v>40</v>
      </c>
      <c r="R13559" s="5" t="s">
        <v>1522</v>
      </c>
      <c r="S13559" s="5" t="s">
        <v>1523</v>
      </c>
      <c r="T13559" s="5" t="s">
        <v>42</v>
      </c>
      <c r="U13559" s="2">
        <v>1.234</v>
      </c>
      <c r="V13559" s="2">
        <v>0.72099999999999997</v>
      </c>
      <c r="W13559" s="2">
        <v>1.4999999999999999E-2</v>
      </c>
      <c r="X13559" s="2">
        <v>118.9</v>
      </c>
      <c r="Y13559" s="2">
        <v>7.6</v>
      </c>
      <c r="Z13559" s="2">
        <v>16.7</v>
      </c>
      <c r="AA13559" s="5"/>
      <c r="AB13559" s="5" t="s">
        <v>43</v>
      </c>
      <c r="AC13559" s="5" t="s">
        <v>44</v>
      </c>
      <c r="AD13559" s="2"/>
      <c r="AE13559" s="1"/>
    </row>
    <row r="13560" spans="1:31" ht="14.45">
      <c r="A13560" s="11"/>
      <c r="B13560" s="20"/>
      <c r="C13560" s="2" t="s">
        <v>41631</v>
      </c>
      <c r="D13560" s="14" t="s">
        <v>41632</v>
      </c>
      <c r="E13560" s="2" t="s">
        <v>41633</v>
      </c>
      <c r="F13560" s="2" t="s">
        <v>41009</v>
      </c>
      <c r="G13560" s="8">
        <v>153</v>
      </c>
      <c r="H13560" s="5">
        <v>6</v>
      </c>
      <c r="I13560" s="5" t="s">
        <v>1518</v>
      </c>
      <c r="J13560" s="5" t="s">
        <v>40939</v>
      </c>
      <c r="K13560" s="2" t="s">
        <v>40940</v>
      </c>
      <c r="L13560" s="5" t="s">
        <v>40939</v>
      </c>
      <c r="M13560" s="2" t="s">
        <v>40940</v>
      </c>
      <c r="N13560" s="5" t="s">
        <v>36266</v>
      </c>
      <c r="O13560" s="5" t="s">
        <v>38</v>
      </c>
      <c r="P13560" s="5" t="s">
        <v>39</v>
      </c>
      <c r="Q13560" s="5" t="s">
        <v>40</v>
      </c>
      <c r="R13560" s="5" t="s">
        <v>1522</v>
      </c>
      <c r="S13560" s="5" t="s">
        <v>1523</v>
      </c>
      <c r="T13560" s="5" t="s">
        <v>42</v>
      </c>
      <c r="U13560" s="2">
        <v>1.2330000000000001</v>
      </c>
      <c r="V13560" s="2">
        <v>0.72</v>
      </c>
      <c r="W13560" s="2">
        <v>1.4999999999999999E-2</v>
      </c>
      <c r="X13560" s="2">
        <v>118.9</v>
      </c>
      <c r="Y13560" s="2">
        <v>7.6</v>
      </c>
      <c r="Z13560" s="2">
        <v>16.7</v>
      </c>
      <c r="AA13560" s="5"/>
      <c r="AB13560" s="5" t="s">
        <v>43</v>
      </c>
      <c r="AC13560" s="5" t="s">
        <v>44</v>
      </c>
      <c r="AD13560" s="2"/>
      <c r="AE13560" s="1"/>
    </row>
    <row r="13561" spans="1:31" ht="14.45">
      <c r="A13561" s="11"/>
      <c r="B13561" s="20"/>
      <c r="C13561" s="2" t="s">
        <v>41634</v>
      </c>
      <c r="D13561" s="14" t="s">
        <v>41635</v>
      </c>
      <c r="E13561" s="2" t="s">
        <v>41636</v>
      </c>
      <c r="F13561" s="2" t="s">
        <v>41013</v>
      </c>
      <c r="G13561" s="8">
        <v>153</v>
      </c>
      <c r="H13561" s="5">
        <v>6</v>
      </c>
      <c r="I13561" s="5" t="s">
        <v>1518</v>
      </c>
      <c r="J13561" s="5" t="s">
        <v>40939</v>
      </c>
      <c r="K13561" s="2" t="s">
        <v>40940</v>
      </c>
      <c r="L13561" s="5" t="s">
        <v>40939</v>
      </c>
      <c r="M13561" s="2" t="s">
        <v>40940</v>
      </c>
      <c r="N13561" s="5" t="s">
        <v>36266</v>
      </c>
      <c r="O13561" s="5" t="s">
        <v>38</v>
      </c>
      <c r="P13561" s="5" t="s">
        <v>39</v>
      </c>
      <c r="Q13561" s="5" t="s">
        <v>40</v>
      </c>
      <c r="R13561" s="5" t="s">
        <v>1522</v>
      </c>
      <c r="S13561" s="5" t="s">
        <v>1523</v>
      </c>
      <c r="T13561" s="5" t="s">
        <v>42</v>
      </c>
      <c r="U13561" s="2">
        <v>1.2390000000000001</v>
      </c>
      <c r="V13561" s="2">
        <v>0.72599999999999998</v>
      </c>
      <c r="W13561" s="2">
        <v>1.4999999999999999E-2</v>
      </c>
      <c r="X13561" s="2">
        <v>118.9</v>
      </c>
      <c r="Y13561" s="2">
        <v>7.6</v>
      </c>
      <c r="Z13561" s="2">
        <v>16.7</v>
      </c>
      <c r="AA13561" s="5"/>
      <c r="AB13561" s="5" t="s">
        <v>43</v>
      </c>
      <c r="AC13561" s="5" t="s">
        <v>44</v>
      </c>
      <c r="AD13561" s="2"/>
      <c r="AE13561" s="1"/>
    </row>
    <row r="13562" spans="1:31" ht="14.45">
      <c r="A13562" s="11"/>
      <c r="B13562" s="20"/>
      <c r="C13562" s="2" t="s">
        <v>41637</v>
      </c>
      <c r="D13562" s="14" t="s">
        <v>41638</v>
      </c>
      <c r="E13562" s="2" t="s">
        <v>41639</v>
      </c>
      <c r="F13562" s="2" t="s">
        <v>7396</v>
      </c>
      <c r="G13562" s="8">
        <v>133</v>
      </c>
      <c r="H13562" s="5">
        <v>6</v>
      </c>
      <c r="I13562" s="5" t="s">
        <v>1518</v>
      </c>
      <c r="J13562" s="5" t="s">
        <v>40939</v>
      </c>
      <c r="K13562" s="2" t="s">
        <v>40940</v>
      </c>
      <c r="L13562" s="5" t="s">
        <v>40939</v>
      </c>
      <c r="M13562" s="2" t="s">
        <v>40940</v>
      </c>
      <c r="N13562" s="5" t="s">
        <v>36266</v>
      </c>
      <c r="O13562" s="5" t="s">
        <v>38</v>
      </c>
      <c r="P13562" s="5" t="s">
        <v>39</v>
      </c>
      <c r="Q13562" s="5" t="s">
        <v>40</v>
      </c>
      <c r="R13562" s="5" t="s">
        <v>1522</v>
      </c>
      <c r="S13562" s="5" t="s">
        <v>1523</v>
      </c>
      <c r="T13562" s="5" t="s">
        <v>42</v>
      </c>
      <c r="U13562" s="2">
        <v>1.2330000000000001</v>
      </c>
      <c r="V13562" s="2">
        <v>0.72</v>
      </c>
      <c r="W13562" s="2">
        <v>1.4999999999999999E-2</v>
      </c>
      <c r="X13562" s="2">
        <v>118.9</v>
      </c>
      <c r="Y13562" s="2">
        <v>7.6</v>
      </c>
      <c r="Z13562" s="2">
        <v>16.7</v>
      </c>
      <c r="AA13562" s="5"/>
      <c r="AB13562" s="5" t="s">
        <v>43</v>
      </c>
      <c r="AC13562" s="5" t="s">
        <v>44</v>
      </c>
      <c r="AD13562" s="2"/>
      <c r="AE13562" s="1"/>
    </row>
    <row r="13563" spans="1:31" ht="14.45">
      <c r="A13563" s="11"/>
      <c r="B13563" s="20"/>
      <c r="C13563" s="2" t="s">
        <v>41640</v>
      </c>
      <c r="D13563" s="14" t="s">
        <v>41641</v>
      </c>
      <c r="E13563" s="2" t="s">
        <v>41642</v>
      </c>
      <c r="F13563" s="2" t="s">
        <v>7507</v>
      </c>
      <c r="G13563" s="8">
        <v>133</v>
      </c>
      <c r="H13563" s="5">
        <v>6</v>
      </c>
      <c r="I13563" s="5" t="s">
        <v>1518</v>
      </c>
      <c r="J13563" s="5" t="s">
        <v>40939</v>
      </c>
      <c r="K13563" s="2" t="s">
        <v>40940</v>
      </c>
      <c r="L13563" s="5" t="s">
        <v>40939</v>
      </c>
      <c r="M13563" s="2" t="s">
        <v>40940</v>
      </c>
      <c r="N13563" s="5" t="s">
        <v>36266</v>
      </c>
      <c r="O13563" s="5" t="s">
        <v>38</v>
      </c>
      <c r="P13563" s="5" t="s">
        <v>39</v>
      </c>
      <c r="Q13563" s="5" t="s">
        <v>40</v>
      </c>
      <c r="R13563" s="5" t="s">
        <v>1522</v>
      </c>
      <c r="S13563" s="5" t="s">
        <v>1523</v>
      </c>
      <c r="T13563" s="5" t="s">
        <v>42</v>
      </c>
      <c r="U13563" s="2">
        <v>1.2390000000000001</v>
      </c>
      <c r="V13563" s="2">
        <v>0.72599999999999998</v>
      </c>
      <c r="W13563" s="2">
        <v>1.4999999999999999E-2</v>
      </c>
      <c r="X13563" s="2">
        <v>118.9</v>
      </c>
      <c r="Y13563" s="2">
        <v>7.6</v>
      </c>
      <c r="Z13563" s="2">
        <v>16.7</v>
      </c>
      <c r="AA13563" s="5"/>
      <c r="AB13563" s="5" t="s">
        <v>43</v>
      </c>
      <c r="AC13563" s="5" t="s">
        <v>44</v>
      </c>
      <c r="AD13563" s="2"/>
      <c r="AE13563" s="1"/>
    </row>
    <row r="13564" spans="1:31" ht="14.45">
      <c r="A13564" s="11"/>
      <c r="B13564" s="20"/>
      <c r="C13564" s="2" t="s">
        <v>41643</v>
      </c>
      <c r="D13564" s="14" t="s">
        <v>41644</v>
      </c>
      <c r="E13564" s="2" t="s">
        <v>41645</v>
      </c>
      <c r="F13564" s="2" t="s">
        <v>41023</v>
      </c>
      <c r="G13564" s="8">
        <v>153</v>
      </c>
      <c r="H13564" s="5">
        <v>6</v>
      </c>
      <c r="I13564" s="5" t="s">
        <v>1518</v>
      </c>
      <c r="J13564" s="5" t="s">
        <v>40939</v>
      </c>
      <c r="K13564" s="2" t="s">
        <v>40940</v>
      </c>
      <c r="L13564" s="5" t="s">
        <v>40939</v>
      </c>
      <c r="M13564" s="2" t="s">
        <v>40940</v>
      </c>
      <c r="N13564" s="5" t="s">
        <v>36266</v>
      </c>
      <c r="O13564" s="5" t="s">
        <v>38</v>
      </c>
      <c r="P13564" s="5" t="s">
        <v>39</v>
      </c>
      <c r="Q13564" s="5" t="s">
        <v>40</v>
      </c>
      <c r="R13564" s="5" t="s">
        <v>1522</v>
      </c>
      <c r="S13564" s="5" t="s">
        <v>1523</v>
      </c>
      <c r="T13564" s="5" t="s">
        <v>42</v>
      </c>
      <c r="U13564" s="2">
        <v>1.2070000000000001</v>
      </c>
      <c r="V13564" s="2">
        <v>0.69399999999999995</v>
      </c>
      <c r="W13564" s="2">
        <v>1.4999999999999999E-2</v>
      </c>
      <c r="X13564" s="2">
        <v>118.9</v>
      </c>
      <c r="Y13564" s="2">
        <v>7.6</v>
      </c>
      <c r="Z13564" s="2">
        <v>16.7</v>
      </c>
      <c r="AA13564" s="5"/>
      <c r="AB13564" s="5" t="s">
        <v>43</v>
      </c>
      <c r="AC13564" s="5" t="s">
        <v>44</v>
      </c>
      <c r="AD13564" s="2"/>
      <c r="AE13564" s="1"/>
    </row>
    <row r="13565" spans="1:31" ht="14.45">
      <c r="A13565" s="11"/>
      <c r="B13565" s="20"/>
      <c r="C13565" s="2" t="s">
        <v>41646</v>
      </c>
      <c r="D13565" s="14" t="s">
        <v>41647</v>
      </c>
      <c r="E13565" s="2" t="s">
        <v>41648</v>
      </c>
      <c r="F13565" s="2" t="s">
        <v>41027</v>
      </c>
      <c r="G13565" s="8">
        <v>153</v>
      </c>
      <c r="H13565" s="5">
        <v>6</v>
      </c>
      <c r="I13565" s="5" t="s">
        <v>1518</v>
      </c>
      <c r="J13565" s="5" t="s">
        <v>40939</v>
      </c>
      <c r="K13565" s="2" t="s">
        <v>40940</v>
      </c>
      <c r="L13565" s="5" t="s">
        <v>40939</v>
      </c>
      <c r="M13565" s="2" t="s">
        <v>40940</v>
      </c>
      <c r="N13565" s="5" t="s">
        <v>36266</v>
      </c>
      <c r="O13565" s="5" t="s">
        <v>38</v>
      </c>
      <c r="P13565" s="5" t="s">
        <v>39</v>
      </c>
      <c r="Q13565" s="5" t="s">
        <v>40</v>
      </c>
      <c r="R13565" s="5" t="s">
        <v>1522</v>
      </c>
      <c r="S13565" s="5" t="s">
        <v>1523</v>
      </c>
      <c r="T13565" s="5" t="s">
        <v>42</v>
      </c>
      <c r="U13565" s="2">
        <v>1.2130000000000001</v>
      </c>
      <c r="V13565" s="2">
        <v>0.7</v>
      </c>
      <c r="W13565" s="2">
        <v>1.4999999999999999E-2</v>
      </c>
      <c r="X13565" s="2">
        <v>118.9</v>
      </c>
      <c r="Y13565" s="2">
        <v>7.6</v>
      </c>
      <c r="Z13565" s="2">
        <v>16.7</v>
      </c>
      <c r="AA13565" s="5"/>
      <c r="AB13565" s="5" t="s">
        <v>43</v>
      </c>
      <c r="AC13565" s="5" t="s">
        <v>44</v>
      </c>
      <c r="AD13565" s="2"/>
      <c r="AE13565" s="1"/>
    </row>
    <row r="13566" spans="1:31" ht="14.45">
      <c r="A13566" s="11"/>
      <c r="B13566" s="20"/>
      <c r="C13566" s="2" t="s">
        <v>41649</v>
      </c>
      <c r="D13566" s="14" t="s">
        <v>41650</v>
      </c>
      <c r="E13566" s="2" t="s">
        <v>41651</v>
      </c>
      <c r="F13566" s="2" t="s">
        <v>41031</v>
      </c>
      <c r="G13566" s="8">
        <v>153</v>
      </c>
      <c r="H13566" s="5">
        <v>6</v>
      </c>
      <c r="I13566" s="5" t="s">
        <v>1518</v>
      </c>
      <c r="J13566" s="5" t="s">
        <v>40939</v>
      </c>
      <c r="K13566" s="2" t="s">
        <v>40940</v>
      </c>
      <c r="L13566" s="5" t="s">
        <v>40939</v>
      </c>
      <c r="M13566" s="2" t="s">
        <v>40940</v>
      </c>
      <c r="N13566" s="5" t="s">
        <v>36266</v>
      </c>
      <c r="O13566" s="5" t="s">
        <v>38</v>
      </c>
      <c r="P13566" s="5" t="s">
        <v>39</v>
      </c>
      <c r="Q13566" s="5" t="s">
        <v>40</v>
      </c>
      <c r="R13566" s="5" t="s">
        <v>1522</v>
      </c>
      <c r="S13566" s="5" t="s">
        <v>1523</v>
      </c>
      <c r="T13566" s="5" t="s">
        <v>42</v>
      </c>
      <c r="U13566" s="2">
        <v>1.2070000000000001</v>
      </c>
      <c r="V13566" s="2">
        <v>0.69399999999999995</v>
      </c>
      <c r="W13566" s="2">
        <v>1.4999999999999999E-2</v>
      </c>
      <c r="X13566" s="2">
        <v>118.9</v>
      </c>
      <c r="Y13566" s="2">
        <v>7.6</v>
      </c>
      <c r="Z13566" s="2">
        <v>16.7</v>
      </c>
      <c r="AA13566" s="5"/>
      <c r="AB13566" s="5" t="s">
        <v>43</v>
      </c>
      <c r="AC13566" s="5" t="s">
        <v>44</v>
      </c>
      <c r="AD13566" s="2"/>
      <c r="AE13566" s="1"/>
    </row>
    <row r="13567" spans="1:31" ht="14.45">
      <c r="A13567" s="11"/>
      <c r="B13567" s="20"/>
      <c r="C13567" s="2" t="s">
        <v>41652</v>
      </c>
      <c r="D13567" s="14" t="s">
        <v>41653</v>
      </c>
      <c r="E13567" s="2" t="s">
        <v>41654</v>
      </c>
      <c r="F13567" s="2" t="s">
        <v>41035</v>
      </c>
      <c r="G13567" s="8">
        <v>153</v>
      </c>
      <c r="H13567" s="5">
        <v>6</v>
      </c>
      <c r="I13567" s="5" t="s">
        <v>1518</v>
      </c>
      <c r="J13567" s="5" t="s">
        <v>40939</v>
      </c>
      <c r="K13567" s="2" t="s">
        <v>40940</v>
      </c>
      <c r="L13567" s="5" t="s">
        <v>40939</v>
      </c>
      <c r="M13567" s="2" t="s">
        <v>40940</v>
      </c>
      <c r="N13567" s="5" t="s">
        <v>36266</v>
      </c>
      <c r="O13567" s="5" t="s">
        <v>38</v>
      </c>
      <c r="P13567" s="5" t="s">
        <v>39</v>
      </c>
      <c r="Q13567" s="5" t="s">
        <v>40</v>
      </c>
      <c r="R13567" s="5" t="s">
        <v>1522</v>
      </c>
      <c r="S13567" s="5" t="s">
        <v>1523</v>
      </c>
      <c r="T13567" s="5" t="s">
        <v>42</v>
      </c>
      <c r="U13567" s="2">
        <v>1.2130000000000001</v>
      </c>
      <c r="V13567" s="2">
        <v>0.7</v>
      </c>
      <c r="W13567" s="2">
        <v>1.4999999999999999E-2</v>
      </c>
      <c r="X13567" s="2">
        <v>118.9</v>
      </c>
      <c r="Y13567" s="2">
        <v>7.6</v>
      </c>
      <c r="Z13567" s="2">
        <v>16.7</v>
      </c>
      <c r="AA13567" s="5"/>
      <c r="AB13567" s="5" t="s">
        <v>43</v>
      </c>
      <c r="AC13567" s="5" t="s">
        <v>44</v>
      </c>
      <c r="AD13567" s="2"/>
      <c r="AE13567" s="1"/>
    </row>
    <row r="13568" spans="1:31" ht="14.45">
      <c r="A13568" s="11"/>
      <c r="B13568" s="20"/>
      <c r="C13568" s="2" t="s">
        <v>41655</v>
      </c>
      <c r="D13568" s="14" t="s">
        <v>41656</v>
      </c>
      <c r="E13568" s="2" t="s">
        <v>41657</v>
      </c>
      <c r="F13568" s="2" t="s">
        <v>7449</v>
      </c>
      <c r="G13568" s="8">
        <v>153</v>
      </c>
      <c r="H13568" s="5">
        <v>6</v>
      </c>
      <c r="I13568" s="5" t="s">
        <v>1518</v>
      </c>
      <c r="J13568" s="5" t="s">
        <v>40939</v>
      </c>
      <c r="K13568" s="2" t="s">
        <v>40940</v>
      </c>
      <c r="L13568" s="5" t="s">
        <v>40939</v>
      </c>
      <c r="M13568" s="2" t="s">
        <v>40940</v>
      </c>
      <c r="N13568" s="5" t="s">
        <v>36266</v>
      </c>
      <c r="O13568" s="5" t="s">
        <v>38</v>
      </c>
      <c r="P13568" s="5" t="s">
        <v>39</v>
      </c>
      <c r="Q13568" s="5" t="s">
        <v>40</v>
      </c>
      <c r="R13568" s="5" t="s">
        <v>1522</v>
      </c>
      <c r="S13568" s="5" t="s">
        <v>1523</v>
      </c>
      <c r="T13568" s="5" t="s">
        <v>42</v>
      </c>
      <c r="U13568" s="2">
        <v>1.2070000000000001</v>
      </c>
      <c r="V13568" s="2">
        <v>0.69399999999999995</v>
      </c>
      <c r="W13568" s="2">
        <v>1.4999999999999999E-2</v>
      </c>
      <c r="X13568" s="2">
        <v>118.9</v>
      </c>
      <c r="Y13568" s="2">
        <v>7.6</v>
      </c>
      <c r="Z13568" s="2">
        <v>16.7</v>
      </c>
      <c r="AA13568" s="5"/>
      <c r="AB13568" s="5" t="s">
        <v>43</v>
      </c>
      <c r="AC13568" s="5" t="s">
        <v>44</v>
      </c>
      <c r="AD13568" s="2"/>
      <c r="AE13568" s="1"/>
    </row>
    <row r="13569" spans="1:31" ht="14.45">
      <c r="A13569" s="11"/>
      <c r="B13569" s="20"/>
      <c r="C13569" s="2" t="s">
        <v>41658</v>
      </c>
      <c r="D13569" s="14" t="s">
        <v>41659</v>
      </c>
      <c r="E13569" s="2" t="s">
        <v>41660</v>
      </c>
      <c r="F13569" s="2" t="s">
        <v>7581</v>
      </c>
      <c r="G13569" s="8">
        <v>153</v>
      </c>
      <c r="H13569" s="5">
        <v>6</v>
      </c>
      <c r="I13569" s="5" t="s">
        <v>1518</v>
      </c>
      <c r="J13569" s="5" t="s">
        <v>40939</v>
      </c>
      <c r="K13569" s="2" t="s">
        <v>40940</v>
      </c>
      <c r="L13569" s="5" t="s">
        <v>40939</v>
      </c>
      <c r="M13569" s="2" t="s">
        <v>40940</v>
      </c>
      <c r="N13569" s="5" t="s">
        <v>36266</v>
      </c>
      <c r="O13569" s="5" t="s">
        <v>38</v>
      </c>
      <c r="P13569" s="5" t="s">
        <v>39</v>
      </c>
      <c r="Q13569" s="5" t="s">
        <v>40</v>
      </c>
      <c r="R13569" s="5" t="s">
        <v>1522</v>
      </c>
      <c r="S13569" s="5" t="s">
        <v>1523</v>
      </c>
      <c r="T13569" s="5" t="s">
        <v>42</v>
      </c>
      <c r="U13569" s="2">
        <v>1.2130000000000001</v>
      </c>
      <c r="V13569" s="2">
        <v>0.7</v>
      </c>
      <c r="W13569" s="2">
        <v>1.4999999999999999E-2</v>
      </c>
      <c r="X13569" s="2">
        <v>118.9</v>
      </c>
      <c r="Y13569" s="2">
        <v>7.6</v>
      </c>
      <c r="Z13569" s="2">
        <v>16.7</v>
      </c>
      <c r="AA13569" s="5"/>
      <c r="AB13569" s="5" t="s">
        <v>43</v>
      </c>
      <c r="AC13569" s="5" t="s">
        <v>44</v>
      </c>
      <c r="AD13569" s="2"/>
      <c r="AE13569" s="1"/>
    </row>
    <row r="13570" spans="1:31" ht="14.45">
      <c r="A13570" s="11"/>
      <c r="B13570" s="20"/>
      <c r="C13570" s="2" t="s">
        <v>41661</v>
      </c>
      <c r="D13570" s="14" t="s">
        <v>41662</v>
      </c>
      <c r="E13570" s="2" t="s">
        <v>41663</v>
      </c>
      <c r="F13570" s="2" t="s">
        <v>41045</v>
      </c>
      <c r="G13570" s="8">
        <v>153</v>
      </c>
      <c r="H13570" s="5">
        <v>6</v>
      </c>
      <c r="I13570" s="5" t="s">
        <v>1518</v>
      </c>
      <c r="J13570" s="5" t="s">
        <v>40939</v>
      </c>
      <c r="K13570" s="2" t="s">
        <v>40940</v>
      </c>
      <c r="L13570" s="5" t="s">
        <v>40939</v>
      </c>
      <c r="M13570" s="2" t="s">
        <v>40940</v>
      </c>
      <c r="N13570" s="5" t="s">
        <v>36266</v>
      </c>
      <c r="O13570" s="5" t="s">
        <v>38</v>
      </c>
      <c r="P13570" s="5" t="s">
        <v>39</v>
      </c>
      <c r="Q13570" s="5" t="s">
        <v>40</v>
      </c>
      <c r="R13570" s="5" t="s">
        <v>1522</v>
      </c>
      <c r="S13570" s="5" t="s">
        <v>1523</v>
      </c>
      <c r="T13570" s="5" t="s">
        <v>42</v>
      </c>
      <c r="U13570" s="2">
        <v>1.2390000000000001</v>
      </c>
      <c r="V13570" s="2">
        <v>0.72599999999999998</v>
      </c>
      <c r="W13570" s="2">
        <v>1.4999999999999999E-2</v>
      </c>
      <c r="X13570" s="2">
        <v>118.9</v>
      </c>
      <c r="Y13570" s="2">
        <v>7.6</v>
      </c>
      <c r="Z13570" s="2">
        <v>16.7</v>
      </c>
      <c r="AA13570" s="5"/>
      <c r="AB13570" s="5" t="s">
        <v>43</v>
      </c>
      <c r="AC13570" s="5" t="s">
        <v>44</v>
      </c>
      <c r="AD13570" s="2"/>
      <c r="AE13570" s="1"/>
    </row>
    <row r="13571" spans="1:31" ht="14.45">
      <c r="A13571" s="11"/>
      <c r="B13571" s="20"/>
      <c r="C13571" s="2" t="s">
        <v>41664</v>
      </c>
      <c r="D13571" s="14" t="s">
        <v>41665</v>
      </c>
      <c r="E13571" s="2" t="s">
        <v>41666</v>
      </c>
      <c r="F13571" s="2" t="s">
        <v>41049</v>
      </c>
      <c r="G13571" s="8">
        <v>153</v>
      </c>
      <c r="H13571" s="5">
        <v>6</v>
      </c>
      <c r="I13571" s="5" t="s">
        <v>1518</v>
      </c>
      <c r="J13571" s="5" t="s">
        <v>40939</v>
      </c>
      <c r="K13571" s="2" t="s">
        <v>40940</v>
      </c>
      <c r="L13571" s="5" t="s">
        <v>40939</v>
      </c>
      <c r="M13571" s="2" t="s">
        <v>40940</v>
      </c>
      <c r="N13571" s="5" t="s">
        <v>36266</v>
      </c>
      <c r="O13571" s="5" t="s">
        <v>38</v>
      </c>
      <c r="P13571" s="5" t="s">
        <v>39</v>
      </c>
      <c r="Q13571" s="5" t="s">
        <v>40</v>
      </c>
      <c r="R13571" s="5" t="s">
        <v>1522</v>
      </c>
      <c r="S13571" s="5" t="s">
        <v>1523</v>
      </c>
      <c r="T13571" s="5" t="s">
        <v>42</v>
      </c>
      <c r="U13571" s="2">
        <v>1.2450000000000001</v>
      </c>
      <c r="V13571" s="2">
        <v>0.73199999999999998</v>
      </c>
      <c r="W13571" s="2">
        <v>1.4999999999999999E-2</v>
      </c>
      <c r="X13571" s="2">
        <v>118.9</v>
      </c>
      <c r="Y13571" s="2">
        <v>7.6</v>
      </c>
      <c r="Z13571" s="2">
        <v>16.7</v>
      </c>
      <c r="AA13571" s="5"/>
      <c r="AB13571" s="5" t="s">
        <v>43</v>
      </c>
      <c r="AC13571" s="5" t="s">
        <v>44</v>
      </c>
      <c r="AD13571" s="2"/>
      <c r="AE13571" s="1"/>
    </row>
    <row r="13572" spans="1:31" ht="14.45">
      <c r="A13572" s="11"/>
      <c r="B13572" s="20"/>
      <c r="C13572" s="2" t="s">
        <v>41667</v>
      </c>
      <c r="D13572" s="14" t="s">
        <v>41668</v>
      </c>
      <c r="E13572" s="2" t="s">
        <v>41669</v>
      </c>
      <c r="F13572" s="2" t="s">
        <v>7204</v>
      </c>
      <c r="G13572" s="8">
        <v>137</v>
      </c>
      <c r="H13572" s="5">
        <v>6</v>
      </c>
      <c r="I13572" s="5" t="s">
        <v>1518</v>
      </c>
      <c r="J13572" s="5" t="s">
        <v>40939</v>
      </c>
      <c r="K13572" s="2" t="s">
        <v>40940</v>
      </c>
      <c r="L13572" s="5" t="s">
        <v>40939</v>
      </c>
      <c r="M13572" s="2" t="s">
        <v>40940</v>
      </c>
      <c r="N13572" s="5" t="s">
        <v>36266</v>
      </c>
      <c r="O13572" s="5" t="s">
        <v>38</v>
      </c>
      <c r="P13572" s="5" t="s">
        <v>39</v>
      </c>
      <c r="Q13572" s="5" t="s">
        <v>40</v>
      </c>
      <c r="R13572" s="5" t="s">
        <v>1522</v>
      </c>
      <c r="S13572" s="5" t="s">
        <v>1523</v>
      </c>
      <c r="T13572" s="5" t="s">
        <v>42</v>
      </c>
      <c r="U13572" s="2">
        <v>1.367</v>
      </c>
      <c r="V13572" s="2">
        <v>0.77700000000000002</v>
      </c>
      <c r="W13572" s="2">
        <v>1.7999999999999999E-2</v>
      </c>
      <c r="X13572" s="2">
        <v>139.1</v>
      </c>
      <c r="Y13572" s="2">
        <v>7.6</v>
      </c>
      <c r="Z13572" s="2">
        <v>16.7</v>
      </c>
      <c r="AA13572" s="5"/>
      <c r="AB13572" s="5" t="s">
        <v>43</v>
      </c>
      <c r="AC13572" s="5" t="s">
        <v>44</v>
      </c>
      <c r="AD13572" s="2"/>
      <c r="AE13572" s="1"/>
    </row>
    <row r="13573" spans="1:31" ht="14.45">
      <c r="A13573" s="11"/>
      <c r="B13573" s="20"/>
      <c r="C13573" s="2" t="s">
        <v>41670</v>
      </c>
      <c r="D13573" s="14" t="s">
        <v>41671</v>
      </c>
      <c r="E13573" s="2" t="s">
        <v>41672</v>
      </c>
      <c r="F13573" s="2" t="s">
        <v>7514</v>
      </c>
      <c r="G13573" s="8">
        <v>137</v>
      </c>
      <c r="H13573" s="5">
        <v>6</v>
      </c>
      <c r="I13573" s="5" t="s">
        <v>1518</v>
      </c>
      <c r="J13573" s="5" t="s">
        <v>40939</v>
      </c>
      <c r="K13573" s="2" t="s">
        <v>40940</v>
      </c>
      <c r="L13573" s="5" t="s">
        <v>40939</v>
      </c>
      <c r="M13573" s="2" t="s">
        <v>40940</v>
      </c>
      <c r="N13573" s="5" t="s">
        <v>36266</v>
      </c>
      <c r="O13573" s="5" t="s">
        <v>38</v>
      </c>
      <c r="P13573" s="5" t="s">
        <v>39</v>
      </c>
      <c r="Q13573" s="5" t="s">
        <v>40</v>
      </c>
      <c r="R13573" s="5" t="s">
        <v>1522</v>
      </c>
      <c r="S13573" s="5" t="s">
        <v>1523</v>
      </c>
      <c r="T13573" s="5" t="s">
        <v>42</v>
      </c>
      <c r="U13573" s="2">
        <v>1.373</v>
      </c>
      <c r="V13573" s="2">
        <v>0.78300000000000003</v>
      </c>
      <c r="W13573" s="2">
        <v>1.7999999999999999E-2</v>
      </c>
      <c r="X13573" s="2">
        <v>139.1</v>
      </c>
      <c r="Y13573" s="2">
        <v>7.6</v>
      </c>
      <c r="Z13573" s="2">
        <v>16.7</v>
      </c>
      <c r="AA13573" s="5"/>
      <c r="AB13573" s="5" t="s">
        <v>43</v>
      </c>
      <c r="AC13573" s="5" t="s">
        <v>44</v>
      </c>
      <c r="AD13573" s="2"/>
      <c r="AE13573" s="1"/>
    </row>
    <row r="13574" spans="1:31" ht="14.45">
      <c r="A13574" s="11"/>
      <c r="B13574" s="20"/>
      <c r="C13574" s="2" t="s">
        <v>41673</v>
      </c>
      <c r="D13574" s="14" t="s">
        <v>41674</v>
      </c>
      <c r="E13574" s="2" t="s">
        <v>41675</v>
      </c>
      <c r="F13574" s="2" t="s">
        <v>40947</v>
      </c>
      <c r="G13574" s="8">
        <v>157</v>
      </c>
      <c r="H13574" s="5">
        <v>6</v>
      </c>
      <c r="I13574" s="5" t="s">
        <v>1518</v>
      </c>
      <c r="J13574" s="5" t="s">
        <v>40939</v>
      </c>
      <c r="K13574" s="2" t="s">
        <v>40940</v>
      </c>
      <c r="L13574" s="5" t="s">
        <v>40939</v>
      </c>
      <c r="M13574" s="2" t="s">
        <v>40940</v>
      </c>
      <c r="N13574" s="5" t="s">
        <v>36266</v>
      </c>
      <c r="O13574" s="5" t="s">
        <v>38</v>
      </c>
      <c r="P13574" s="5" t="s">
        <v>39</v>
      </c>
      <c r="Q13574" s="5" t="s">
        <v>40</v>
      </c>
      <c r="R13574" s="5" t="s">
        <v>1522</v>
      </c>
      <c r="S13574" s="5" t="s">
        <v>1523</v>
      </c>
      <c r="T13574" s="5" t="s">
        <v>42</v>
      </c>
      <c r="U13574" s="2">
        <v>1.38</v>
      </c>
      <c r="V13574" s="2">
        <v>0.79</v>
      </c>
      <c r="W13574" s="2">
        <v>1.7999999999999999E-2</v>
      </c>
      <c r="X13574" s="2">
        <v>139.1</v>
      </c>
      <c r="Y13574" s="2">
        <v>7.6</v>
      </c>
      <c r="Z13574" s="2">
        <v>16.7</v>
      </c>
      <c r="AA13574" s="5"/>
      <c r="AB13574" s="5" t="s">
        <v>43</v>
      </c>
      <c r="AC13574" s="5" t="s">
        <v>44</v>
      </c>
      <c r="AD13574" s="2"/>
      <c r="AE13574" s="1"/>
    </row>
    <row r="13575" spans="1:31" ht="14.45">
      <c r="A13575" s="11"/>
      <c r="B13575" s="20"/>
      <c r="C13575" s="2" t="s">
        <v>41676</v>
      </c>
      <c r="D13575" s="14" t="s">
        <v>41677</v>
      </c>
      <c r="E13575" s="2" t="s">
        <v>41678</v>
      </c>
      <c r="F13575" s="2" t="s">
        <v>40951</v>
      </c>
      <c r="G13575" s="8">
        <v>157</v>
      </c>
      <c r="H13575" s="5">
        <v>6</v>
      </c>
      <c r="I13575" s="5" t="s">
        <v>1518</v>
      </c>
      <c r="J13575" s="5" t="s">
        <v>40939</v>
      </c>
      <c r="K13575" s="2" t="s">
        <v>40940</v>
      </c>
      <c r="L13575" s="5" t="s">
        <v>40939</v>
      </c>
      <c r="M13575" s="2" t="s">
        <v>40940</v>
      </c>
      <c r="N13575" s="5" t="s">
        <v>36266</v>
      </c>
      <c r="O13575" s="5" t="s">
        <v>38</v>
      </c>
      <c r="P13575" s="5" t="s">
        <v>39</v>
      </c>
      <c r="Q13575" s="5" t="s">
        <v>40</v>
      </c>
      <c r="R13575" s="5" t="s">
        <v>1522</v>
      </c>
      <c r="S13575" s="5" t="s">
        <v>1523</v>
      </c>
      <c r="T13575" s="5" t="s">
        <v>42</v>
      </c>
      <c r="U13575" s="2">
        <v>1.3859999999999999</v>
      </c>
      <c r="V13575" s="2">
        <v>0.79600000000000004</v>
      </c>
      <c r="W13575" s="2">
        <v>1.7999999999999999E-2</v>
      </c>
      <c r="X13575" s="2">
        <v>139.1</v>
      </c>
      <c r="Y13575" s="2">
        <v>7.6</v>
      </c>
      <c r="Z13575" s="2">
        <v>16.7</v>
      </c>
      <c r="AA13575" s="5"/>
      <c r="AB13575" s="5" t="s">
        <v>43</v>
      </c>
      <c r="AC13575" s="5" t="s">
        <v>44</v>
      </c>
      <c r="AD13575" s="2"/>
      <c r="AE13575" s="1"/>
    </row>
    <row r="13576" spans="1:31" ht="14.45">
      <c r="A13576" s="11"/>
      <c r="B13576" s="20"/>
      <c r="C13576" s="2" t="s">
        <v>41679</v>
      </c>
      <c r="D13576" s="14" t="s">
        <v>41680</v>
      </c>
      <c r="E13576" s="2" t="s">
        <v>41681</v>
      </c>
      <c r="F13576" s="2" t="s">
        <v>7208</v>
      </c>
      <c r="G13576" s="8">
        <v>137</v>
      </c>
      <c r="H13576" s="5">
        <v>6</v>
      </c>
      <c r="I13576" s="5" t="s">
        <v>1518</v>
      </c>
      <c r="J13576" s="5" t="s">
        <v>40939</v>
      </c>
      <c r="K13576" s="2" t="s">
        <v>40940</v>
      </c>
      <c r="L13576" s="5" t="s">
        <v>40939</v>
      </c>
      <c r="M13576" s="2" t="s">
        <v>40940</v>
      </c>
      <c r="N13576" s="5" t="s">
        <v>36266</v>
      </c>
      <c r="O13576" s="5" t="s">
        <v>38</v>
      </c>
      <c r="P13576" s="5" t="s">
        <v>39</v>
      </c>
      <c r="Q13576" s="5" t="s">
        <v>40</v>
      </c>
      <c r="R13576" s="5" t="s">
        <v>1522</v>
      </c>
      <c r="S13576" s="5" t="s">
        <v>1523</v>
      </c>
      <c r="T13576" s="5" t="s">
        <v>42</v>
      </c>
      <c r="U13576" s="2">
        <v>1.3859999999999999</v>
      </c>
      <c r="V13576" s="2">
        <v>0.79600000000000004</v>
      </c>
      <c r="W13576" s="2">
        <v>1.7999999999999999E-2</v>
      </c>
      <c r="X13576" s="2">
        <v>139.1</v>
      </c>
      <c r="Y13576" s="2">
        <v>7.6</v>
      </c>
      <c r="Z13576" s="2">
        <v>16.7</v>
      </c>
      <c r="AA13576" s="5"/>
      <c r="AB13576" s="5" t="s">
        <v>43</v>
      </c>
      <c r="AC13576" s="5" t="s">
        <v>44</v>
      </c>
      <c r="AD13576" s="2"/>
      <c r="AE13576" s="1"/>
    </row>
    <row r="13577" spans="1:31" ht="14.45">
      <c r="A13577" s="11"/>
      <c r="B13577" s="20"/>
      <c r="C13577" s="2" t="s">
        <v>41682</v>
      </c>
      <c r="D13577" s="14" t="s">
        <v>41683</v>
      </c>
      <c r="E13577" s="2" t="s">
        <v>41684</v>
      </c>
      <c r="F13577" s="2" t="s">
        <v>7521</v>
      </c>
      <c r="G13577" s="8">
        <v>137</v>
      </c>
      <c r="H13577" s="5">
        <v>6</v>
      </c>
      <c r="I13577" s="5" t="s">
        <v>1518</v>
      </c>
      <c r="J13577" s="5" t="s">
        <v>40939</v>
      </c>
      <c r="K13577" s="2" t="s">
        <v>40940</v>
      </c>
      <c r="L13577" s="5" t="s">
        <v>40939</v>
      </c>
      <c r="M13577" s="2" t="s">
        <v>40940</v>
      </c>
      <c r="N13577" s="5" t="s">
        <v>36266</v>
      </c>
      <c r="O13577" s="5" t="s">
        <v>38</v>
      </c>
      <c r="P13577" s="5" t="s">
        <v>39</v>
      </c>
      <c r="Q13577" s="5" t="s">
        <v>40</v>
      </c>
      <c r="R13577" s="5" t="s">
        <v>1522</v>
      </c>
      <c r="S13577" s="5" t="s">
        <v>1523</v>
      </c>
      <c r="T13577" s="5" t="s">
        <v>42</v>
      </c>
      <c r="U13577" s="2">
        <v>1.3919999999999999</v>
      </c>
      <c r="V13577" s="2">
        <v>0.80200000000000005</v>
      </c>
      <c r="W13577" s="2">
        <v>1.7999999999999999E-2</v>
      </c>
      <c r="X13577" s="2">
        <v>139.1</v>
      </c>
      <c r="Y13577" s="2">
        <v>7.6</v>
      </c>
      <c r="Z13577" s="2">
        <v>16.7</v>
      </c>
      <c r="AA13577" s="5"/>
      <c r="AB13577" s="5" t="s">
        <v>43</v>
      </c>
      <c r="AC13577" s="5" t="s">
        <v>44</v>
      </c>
      <c r="AD13577" s="2"/>
      <c r="AE13577" s="1"/>
    </row>
    <row r="13578" spans="1:31" ht="14.45">
      <c r="A13578" s="11"/>
      <c r="B13578" s="20"/>
      <c r="C13578" s="2" t="s">
        <v>41685</v>
      </c>
      <c r="D13578" s="14" t="s">
        <v>41686</v>
      </c>
      <c r="E13578" s="2" t="s">
        <v>41687</v>
      </c>
      <c r="F13578" s="2" t="s">
        <v>36273</v>
      </c>
      <c r="G13578" s="8">
        <v>137</v>
      </c>
      <c r="H13578" s="5">
        <v>6</v>
      </c>
      <c r="I13578" s="5" t="s">
        <v>1518</v>
      </c>
      <c r="J13578" s="5" t="s">
        <v>40939</v>
      </c>
      <c r="K13578" s="2" t="s">
        <v>40940</v>
      </c>
      <c r="L13578" s="5" t="s">
        <v>40939</v>
      </c>
      <c r="M13578" s="2" t="s">
        <v>40940</v>
      </c>
      <c r="N13578" s="5" t="s">
        <v>36266</v>
      </c>
      <c r="O13578" s="5" t="s">
        <v>38</v>
      </c>
      <c r="P13578" s="5" t="s">
        <v>39</v>
      </c>
      <c r="Q13578" s="5" t="s">
        <v>40</v>
      </c>
      <c r="R13578" s="5" t="s">
        <v>1522</v>
      </c>
      <c r="S13578" s="5" t="s">
        <v>1523</v>
      </c>
      <c r="T13578" s="5" t="s">
        <v>42</v>
      </c>
      <c r="U13578" s="2">
        <v>1.399</v>
      </c>
      <c r="V13578" s="2">
        <v>0.80900000000000005</v>
      </c>
      <c r="W13578" s="2">
        <v>1.7999999999999999E-2</v>
      </c>
      <c r="X13578" s="2">
        <v>139.1</v>
      </c>
      <c r="Y13578" s="2">
        <v>7.6</v>
      </c>
      <c r="Z13578" s="2">
        <v>16.7</v>
      </c>
      <c r="AA13578" s="5"/>
      <c r="AB13578" s="5" t="s">
        <v>43</v>
      </c>
      <c r="AC13578" s="5" t="s">
        <v>44</v>
      </c>
      <c r="AD13578" s="2"/>
      <c r="AE13578" s="1"/>
    </row>
    <row r="13579" spans="1:31" ht="14.45">
      <c r="A13579" s="11"/>
      <c r="B13579" s="20"/>
      <c r="C13579" s="2" t="s">
        <v>41688</v>
      </c>
      <c r="D13579" s="14" t="s">
        <v>41689</v>
      </c>
      <c r="E13579" s="2" t="s">
        <v>41690</v>
      </c>
      <c r="F13579" s="2" t="s">
        <v>36277</v>
      </c>
      <c r="G13579" s="8">
        <v>137</v>
      </c>
      <c r="H13579" s="5">
        <v>6</v>
      </c>
      <c r="I13579" s="5" t="s">
        <v>1518</v>
      </c>
      <c r="J13579" s="5" t="s">
        <v>40939</v>
      </c>
      <c r="K13579" s="2" t="s">
        <v>40940</v>
      </c>
      <c r="L13579" s="5" t="s">
        <v>40939</v>
      </c>
      <c r="M13579" s="2" t="s">
        <v>40940</v>
      </c>
      <c r="N13579" s="5" t="s">
        <v>36266</v>
      </c>
      <c r="O13579" s="5" t="s">
        <v>38</v>
      </c>
      <c r="P13579" s="5" t="s">
        <v>39</v>
      </c>
      <c r="Q13579" s="5" t="s">
        <v>40</v>
      </c>
      <c r="R13579" s="5" t="s">
        <v>1522</v>
      </c>
      <c r="S13579" s="5" t="s">
        <v>1523</v>
      </c>
      <c r="T13579" s="5" t="s">
        <v>42</v>
      </c>
      <c r="U13579" s="2">
        <v>1.405</v>
      </c>
      <c r="V13579" s="2">
        <v>0.81499999999999995</v>
      </c>
      <c r="W13579" s="2">
        <v>1.7999999999999999E-2</v>
      </c>
      <c r="X13579" s="2">
        <v>139.1</v>
      </c>
      <c r="Y13579" s="2">
        <v>7.6</v>
      </c>
      <c r="Z13579" s="2">
        <v>16.7</v>
      </c>
      <c r="AA13579" s="5"/>
      <c r="AB13579" s="5" t="s">
        <v>43</v>
      </c>
      <c r="AC13579" s="5" t="s">
        <v>44</v>
      </c>
      <c r="AD13579" s="2"/>
      <c r="AE13579" s="1"/>
    </row>
    <row r="13580" spans="1:31" ht="14.45">
      <c r="A13580" s="11"/>
      <c r="B13580" s="20"/>
      <c r="C13580" s="2" t="s">
        <v>41691</v>
      </c>
      <c r="D13580" s="14" t="s">
        <v>41692</v>
      </c>
      <c r="E13580" s="2" t="s">
        <v>41693</v>
      </c>
      <c r="F13580" s="2" t="s">
        <v>40967</v>
      </c>
      <c r="G13580" s="8">
        <v>157</v>
      </c>
      <c r="H13580" s="5">
        <v>6</v>
      </c>
      <c r="I13580" s="5" t="s">
        <v>1518</v>
      </c>
      <c r="J13580" s="5" t="s">
        <v>40939</v>
      </c>
      <c r="K13580" s="2" t="s">
        <v>40940</v>
      </c>
      <c r="L13580" s="5" t="s">
        <v>40939</v>
      </c>
      <c r="M13580" s="2" t="s">
        <v>40940</v>
      </c>
      <c r="N13580" s="5" t="s">
        <v>36266</v>
      </c>
      <c r="O13580" s="5" t="s">
        <v>38</v>
      </c>
      <c r="P13580" s="5" t="s">
        <v>39</v>
      </c>
      <c r="Q13580" s="5" t="s">
        <v>40</v>
      </c>
      <c r="R13580" s="5" t="s">
        <v>1522</v>
      </c>
      <c r="S13580" s="5" t="s">
        <v>1523</v>
      </c>
      <c r="T13580" s="5" t="s">
        <v>42</v>
      </c>
      <c r="U13580" s="2">
        <v>1.3859999999999999</v>
      </c>
      <c r="V13580" s="2">
        <v>0.79600000000000004</v>
      </c>
      <c r="W13580" s="2">
        <v>1.7999999999999999E-2</v>
      </c>
      <c r="X13580" s="2">
        <v>139.1</v>
      </c>
      <c r="Y13580" s="2">
        <v>7.6</v>
      </c>
      <c r="Z13580" s="2">
        <v>16.7</v>
      </c>
      <c r="AA13580" s="5"/>
      <c r="AB13580" s="5" t="s">
        <v>43</v>
      </c>
      <c r="AC13580" s="5" t="s">
        <v>44</v>
      </c>
      <c r="AD13580" s="2"/>
      <c r="AE13580" s="1"/>
    </row>
    <row r="13581" spans="1:31" ht="14.45">
      <c r="A13581" s="11"/>
      <c r="B13581" s="20"/>
      <c r="C13581" s="2" t="s">
        <v>41694</v>
      </c>
      <c r="D13581" s="14" t="s">
        <v>41695</v>
      </c>
      <c r="E13581" s="2" t="s">
        <v>41696</v>
      </c>
      <c r="F13581" s="2" t="s">
        <v>40971</v>
      </c>
      <c r="G13581" s="8">
        <v>157</v>
      </c>
      <c r="H13581" s="5">
        <v>6</v>
      </c>
      <c r="I13581" s="5" t="s">
        <v>1518</v>
      </c>
      <c r="J13581" s="5" t="s">
        <v>40939</v>
      </c>
      <c r="K13581" s="2" t="s">
        <v>40940</v>
      </c>
      <c r="L13581" s="5" t="s">
        <v>40939</v>
      </c>
      <c r="M13581" s="2" t="s">
        <v>40940</v>
      </c>
      <c r="N13581" s="5" t="s">
        <v>36266</v>
      </c>
      <c r="O13581" s="5" t="s">
        <v>38</v>
      </c>
      <c r="P13581" s="5" t="s">
        <v>39</v>
      </c>
      <c r="Q13581" s="5" t="s">
        <v>40</v>
      </c>
      <c r="R13581" s="5" t="s">
        <v>1522</v>
      </c>
      <c r="S13581" s="5" t="s">
        <v>1523</v>
      </c>
      <c r="T13581" s="5" t="s">
        <v>42</v>
      </c>
      <c r="U13581" s="2">
        <v>1.3919999999999999</v>
      </c>
      <c r="V13581" s="2">
        <v>0.80200000000000005</v>
      </c>
      <c r="W13581" s="2">
        <v>1.7999999999999999E-2</v>
      </c>
      <c r="X13581" s="2">
        <v>139.1</v>
      </c>
      <c r="Y13581" s="2">
        <v>7.6</v>
      </c>
      <c r="Z13581" s="2">
        <v>16.7</v>
      </c>
      <c r="AA13581" s="5"/>
      <c r="AB13581" s="5" t="s">
        <v>43</v>
      </c>
      <c r="AC13581" s="5" t="s">
        <v>44</v>
      </c>
      <c r="AD13581" s="2"/>
      <c r="AE13581" s="1"/>
    </row>
    <row r="13582" spans="1:31" ht="14.45">
      <c r="A13582" s="11"/>
      <c r="B13582" s="20"/>
      <c r="C13582" s="2" t="s">
        <v>41697</v>
      </c>
      <c r="D13582" s="14" t="s">
        <v>41698</v>
      </c>
      <c r="E13582" s="2" t="s">
        <v>41699</v>
      </c>
      <c r="F13582" s="2" t="s">
        <v>40979</v>
      </c>
      <c r="G13582" s="8">
        <v>157</v>
      </c>
      <c r="H13582" s="5">
        <v>6</v>
      </c>
      <c r="I13582" s="5" t="s">
        <v>1518</v>
      </c>
      <c r="J13582" s="5" t="s">
        <v>40939</v>
      </c>
      <c r="K13582" s="2" t="s">
        <v>40940</v>
      </c>
      <c r="L13582" s="5" t="s">
        <v>40939</v>
      </c>
      <c r="M13582" s="2" t="s">
        <v>40940</v>
      </c>
      <c r="N13582" s="5" t="s">
        <v>36266</v>
      </c>
      <c r="O13582" s="5" t="s">
        <v>38</v>
      </c>
      <c r="P13582" s="5" t="s">
        <v>39</v>
      </c>
      <c r="Q13582" s="5" t="s">
        <v>40</v>
      </c>
      <c r="R13582" s="5" t="s">
        <v>1522</v>
      </c>
      <c r="S13582" s="5" t="s">
        <v>1523</v>
      </c>
      <c r="T13582" s="5" t="s">
        <v>42</v>
      </c>
      <c r="U13582" s="2">
        <v>1.3919999999999999</v>
      </c>
      <c r="V13582" s="2">
        <v>0.80200000000000005</v>
      </c>
      <c r="W13582" s="2">
        <v>1.7999999999999999E-2</v>
      </c>
      <c r="X13582" s="2">
        <v>139.1</v>
      </c>
      <c r="Y13582" s="2">
        <v>7.6</v>
      </c>
      <c r="Z13582" s="2">
        <v>16.7</v>
      </c>
      <c r="AA13582" s="5"/>
      <c r="AB13582" s="5" t="s">
        <v>43</v>
      </c>
      <c r="AC13582" s="5" t="s">
        <v>44</v>
      </c>
      <c r="AD13582" s="2"/>
      <c r="AE13582" s="1"/>
    </row>
    <row r="13583" spans="1:31" ht="14.45">
      <c r="A13583" s="11"/>
      <c r="B13583" s="20"/>
      <c r="C13583" s="2" t="s">
        <v>41700</v>
      </c>
      <c r="D13583" s="14" t="s">
        <v>41701</v>
      </c>
      <c r="E13583" s="2" t="s">
        <v>41702</v>
      </c>
      <c r="F13583" s="2" t="s">
        <v>40989</v>
      </c>
      <c r="G13583" s="8">
        <v>157</v>
      </c>
      <c r="H13583" s="5">
        <v>6</v>
      </c>
      <c r="I13583" s="5" t="s">
        <v>1518</v>
      </c>
      <c r="J13583" s="5" t="s">
        <v>40939</v>
      </c>
      <c r="K13583" s="2" t="s">
        <v>40940</v>
      </c>
      <c r="L13583" s="5" t="s">
        <v>40939</v>
      </c>
      <c r="M13583" s="2" t="s">
        <v>40940</v>
      </c>
      <c r="N13583" s="5" t="s">
        <v>36266</v>
      </c>
      <c r="O13583" s="5" t="s">
        <v>38</v>
      </c>
      <c r="P13583" s="5" t="s">
        <v>39</v>
      </c>
      <c r="Q13583" s="5" t="s">
        <v>40</v>
      </c>
      <c r="R13583" s="5" t="s">
        <v>1522</v>
      </c>
      <c r="S13583" s="5" t="s">
        <v>1523</v>
      </c>
      <c r="T13583" s="5" t="s">
        <v>42</v>
      </c>
      <c r="U13583" s="2">
        <v>1.3859999999999999</v>
      </c>
      <c r="V13583" s="2">
        <v>0.79600000000000004</v>
      </c>
      <c r="W13583" s="2">
        <v>1.7999999999999999E-2</v>
      </c>
      <c r="X13583" s="2">
        <v>139.1</v>
      </c>
      <c r="Y13583" s="2">
        <v>7.6</v>
      </c>
      <c r="Z13583" s="2">
        <v>16.7</v>
      </c>
      <c r="AA13583" s="5"/>
      <c r="AB13583" s="5" t="s">
        <v>43</v>
      </c>
      <c r="AC13583" s="5" t="s">
        <v>44</v>
      </c>
      <c r="AD13583" s="2"/>
      <c r="AE13583" s="1"/>
    </row>
    <row r="13584" spans="1:31" ht="14.45">
      <c r="A13584" s="11"/>
      <c r="B13584" s="20"/>
      <c r="C13584" s="2" t="s">
        <v>41703</v>
      </c>
      <c r="D13584" s="14" t="s">
        <v>41704</v>
      </c>
      <c r="E13584" s="2" t="s">
        <v>41705</v>
      </c>
      <c r="F13584" s="2" t="s">
        <v>40993</v>
      </c>
      <c r="G13584" s="8">
        <v>157</v>
      </c>
      <c r="H13584" s="5">
        <v>6</v>
      </c>
      <c r="I13584" s="5" t="s">
        <v>1518</v>
      </c>
      <c r="J13584" s="5" t="s">
        <v>40939</v>
      </c>
      <c r="K13584" s="2" t="s">
        <v>40940</v>
      </c>
      <c r="L13584" s="5" t="s">
        <v>40939</v>
      </c>
      <c r="M13584" s="2" t="s">
        <v>40940</v>
      </c>
      <c r="N13584" s="5" t="s">
        <v>36266</v>
      </c>
      <c r="O13584" s="5" t="s">
        <v>38</v>
      </c>
      <c r="P13584" s="5" t="s">
        <v>39</v>
      </c>
      <c r="Q13584" s="5" t="s">
        <v>40</v>
      </c>
      <c r="R13584" s="5" t="s">
        <v>1522</v>
      </c>
      <c r="S13584" s="5" t="s">
        <v>1523</v>
      </c>
      <c r="T13584" s="5" t="s">
        <v>42</v>
      </c>
      <c r="U13584" s="2">
        <v>1.3919999999999999</v>
      </c>
      <c r="V13584" s="2">
        <v>0.80200000000000005</v>
      </c>
      <c r="W13584" s="2">
        <v>1.7999999999999999E-2</v>
      </c>
      <c r="X13584" s="2">
        <v>139.1</v>
      </c>
      <c r="Y13584" s="2">
        <v>7.6</v>
      </c>
      <c r="Z13584" s="2">
        <v>16.7</v>
      </c>
      <c r="AA13584" s="5"/>
      <c r="AB13584" s="5" t="s">
        <v>43</v>
      </c>
      <c r="AC13584" s="5" t="s">
        <v>44</v>
      </c>
      <c r="AD13584" s="2"/>
      <c r="AE13584" s="1"/>
    </row>
    <row r="13585" spans="1:31" ht="14.45">
      <c r="A13585" s="11"/>
      <c r="B13585" s="20"/>
      <c r="C13585" s="2" t="s">
        <v>41706</v>
      </c>
      <c r="D13585" s="14" t="s">
        <v>41707</v>
      </c>
      <c r="E13585" s="2" t="s">
        <v>41708</v>
      </c>
      <c r="F13585" s="2" t="s">
        <v>40997</v>
      </c>
      <c r="G13585" s="8">
        <v>157</v>
      </c>
      <c r="H13585" s="5">
        <v>6</v>
      </c>
      <c r="I13585" s="5" t="s">
        <v>1518</v>
      </c>
      <c r="J13585" s="5" t="s">
        <v>40939</v>
      </c>
      <c r="K13585" s="2" t="s">
        <v>40940</v>
      </c>
      <c r="L13585" s="5" t="s">
        <v>40939</v>
      </c>
      <c r="M13585" s="2" t="s">
        <v>40940</v>
      </c>
      <c r="N13585" s="5" t="s">
        <v>36266</v>
      </c>
      <c r="O13585" s="5" t="s">
        <v>38</v>
      </c>
      <c r="P13585" s="5" t="s">
        <v>39</v>
      </c>
      <c r="Q13585" s="5" t="s">
        <v>40</v>
      </c>
      <c r="R13585" s="5" t="s">
        <v>1522</v>
      </c>
      <c r="S13585" s="5" t="s">
        <v>1523</v>
      </c>
      <c r="T13585" s="5" t="s">
        <v>42</v>
      </c>
      <c r="U13585" s="2">
        <v>1.361</v>
      </c>
      <c r="V13585" s="2">
        <v>0.77100000000000002</v>
      </c>
      <c r="W13585" s="2">
        <v>1.7999999999999999E-2</v>
      </c>
      <c r="X13585" s="2">
        <v>139.1</v>
      </c>
      <c r="Y13585" s="2">
        <v>7.6</v>
      </c>
      <c r="Z13585" s="2">
        <v>16.7</v>
      </c>
      <c r="AA13585" s="5"/>
      <c r="AB13585" s="5" t="s">
        <v>43</v>
      </c>
      <c r="AC13585" s="5" t="s">
        <v>44</v>
      </c>
      <c r="AD13585" s="2"/>
      <c r="AE13585" s="1"/>
    </row>
    <row r="13586" spans="1:31" ht="14.45">
      <c r="A13586" s="11"/>
      <c r="B13586" s="20"/>
      <c r="C13586" s="2" t="s">
        <v>41709</v>
      </c>
      <c r="D13586" s="14" t="s">
        <v>41710</v>
      </c>
      <c r="E13586" s="2" t="s">
        <v>41711</v>
      </c>
      <c r="F13586" s="2" t="s">
        <v>41267</v>
      </c>
      <c r="G13586" s="8">
        <v>157</v>
      </c>
      <c r="H13586" s="5">
        <v>6</v>
      </c>
      <c r="I13586" s="5" t="s">
        <v>1518</v>
      </c>
      <c r="J13586" s="5" t="s">
        <v>40939</v>
      </c>
      <c r="K13586" s="2" t="s">
        <v>40940</v>
      </c>
      <c r="L13586" s="5" t="s">
        <v>40939</v>
      </c>
      <c r="M13586" s="2" t="s">
        <v>40940</v>
      </c>
      <c r="N13586" s="5" t="s">
        <v>36266</v>
      </c>
      <c r="O13586" s="5" t="s">
        <v>38</v>
      </c>
      <c r="P13586" s="5" t="s">
        <v>39</v>
      </c>
      <c r="Q13586" s="5" t="s">
        <v>40</v>
      </c>
      <c r="R13586" s="5" t="s">
        <v>1522</v>
      </c>
      <c r="S13586" s="5" t="s">
        <v>1523</v>
      </c>
      <c r="T13586" s="5" t="s">
        <v>42</v>
      </c>
      <c r="U13586" s="2">
        <v>1.367</v>
      </c>
      <c r="V13586" s="2">
        <v>0.77700000000000002</v>
      </c>
      <c r="W13586" s="2">
        <v>1.7999999999999999E-2</v>
      </c>
      <c r="X13586" s="2">
        <v>139.1</v>
      </c>
      <c r="Y13586" s="2">
        <v>7.6</v>
      </c>
      <c r="Z13586" s="2">
        <v>16.7</v>
      </c>
      <c r="AA13586" s="5"/>
      <c r="AB13586" s="5" t="s">
        <v>43</v>
      </c>
      <c r="AC13586" s="5" t="s">
        <v>44</v>
      </c>
      <c r="AD13586" s="2"/>
      <c r="AE13586" s="1"/>
    </row>
    <row r="13587" spans="1:31" ht="14.45">
      <c r="A13587" s="11"/>
      <c r="B13587" s="20"/>
      <c r="C13587" s="2" t="s">
        <v>41712</v>
      </c>
      <c r="D13587" s="14" t="s">
        <v>41713</v>
      </c>
      <c r="E13587" s="2" t="s">
        <v>41714</v>
      </c>
      <c r="F13587" s="2" t="s">
        <v>41009</v>
      </c>
      <c r="G13587" s="8">
        <v>157</v>
      </c>
      <c r="H13587" s="5">
        <v>6</v>
      </c>
      <c r="I13587" s="5" t="s">
        <v>1518</v>
      </c>
      <c r="J13587" s="5" t="s">
        <v>40939</v>
      </c>
      <c r="K13587" s="2" t="s">
        <v>40940</v>
      </c>
      <c r="L13587" s="5" t="s">
        <v>40939</v>
      </c>
      <c r="M13587" s="2" t="s">
        <v>40940</v>
      </c>
      <c r="N13587" s="5" t="s">
        <v>36266</v>
      </c>
      <c r="O13587" s="5" t="s">
        <v>38</v>
      </c>
      <c r="P13587" s="5" t="s">
        <v>39</v>
      </c>
      <c r="Q13587" s="5" t="s">
        <v>40</v>
      </c>
      <c r="R13587" s="5" t="s">
        <v>1522</v>
      </c>
      <c r="S13587" s="5" t="s">
        <v>1523</v>
      </c>
      <c r="T13587" s="5" t="s">
        <v>42</v>
      </c>
      <c r="U13587" s="2">
        <v>1.393</v>
      </c>
      <c r="V13587" s="2">
        <v>0.80300000000000005</v>
      </c>
      <c r="W13587" s="2">
        <v>1.7999999999999999E-2</v>
      </c>
      <c r="X13587" s="2">
        <v>139.1</v>
      </c>
      <c r="Y13587" s="2">
        <v>7.6</v>
      </c>
      <c r="Z13587" s="2">
        <v>16.7</v>
      </c>
      <c r="AA13587" s="5"/>
      <c r="AB13587" s="5" t="s">
        <v>43</v>
      </c>
      <c r="AC13587" s="5" t="s">
        <v>44</v>
      </c>
      <c r="AD13587" s="2"/>
      <c r="AE13587" s="1"/>
    </row>
    <row r="13588" spans="1:31" ht="14.45">
      <c r="A13588" s="11"/>
      <c r="B13588" s="20"/>
      <c r="C13588" s="2" t="s">
        <v>41715</v>
      </c>
      <c r="D13588" s="14" t="s">
        <v>41716</v>
      </c>
      <c r="E13588" s="2" t="s">
        <v>41717</v>
      </c>
      <c r="F13588" s="2" t="s">
        <v>41013</v>
      </c>
      <c r="G13588" s="8">
        <v>157</v>
      </c>
      <c r="H13588" s="5">
        <v>6</v>
      </c>
      <c r="I13588" s="5" t="s">
        <v>1518</v>
      </c>
      <c r="J13588" s="5" t="s">
        <v>40939</v>
      </c>
      <c r="K13588" s="2" t="s">
        <v>40940</v>
      </c>
      <c r="L13588" s="5" t="s">
        <v>40939</v>
      </c>
      <c r="M13588" s="2" t="s">
        <v>40940</v>
      </c>
      <c r="N13588" s="5" t="s">
        <v>36266</v>
      </c>
      <c r="O13588" s="5" t="s">
        <v>38</v>
      </c>
      <c r="P13588" s="5" t="s">
        <v>39</v>
      </c>
      <c r="Q13588" s="5" t="s">
        <v>40</v>
      </c>
      <c r="R13588" s="5" t="s">
        <v>1522</v>
      </c>
      <c r="S13588" s="5" t="s">
        <v>1523</v>
      </c>
      <c r="T13588" s="5" t="s">
        <v>42</v>
      </c>
      <c r="U13588" s="2">
        <v>1.399</v>
      </c>
      <c r="V13588" s="2">
        <v>0.80900000000000005</v>
      </c>
      <c r="W13588" s="2">
        <v>1.7999999999999999E-2</v>
      </c>
      <c r="X13588" s="2">
        <v>139.1</v>
      </c>
      <c r="Y13588" s="2">
        <v>7.6</v>
      </c>
      <c r="Z13588" s="2">
        <v>16.7</v>
      </c>
      <c r="AA13588" s="5"/>
      <c r="AB13588" s="5" t="s">
        <v>43</v>
      </c>
      <c r="AC13588" s="5" t="s">
        <v>44</v>
      </c>
      <c r="AD13588" s="2"/>
      <c r="AE13588" s="1"/>
    </row>
    <row r="13589" spans="1:31" ht="14.45">
      <c r="A13589" s="11"/>
      <c r="B13589" s="20"/>
      <c r="C13589" s="2" t="s">
        <v>41718</v>
      </c>
      <c r="D13589" s="14" t="s">
        <v>41719</v>
      </c>
      <c r="E13589" s="2" t="s">
        <v>41720</v>
      </c>
      <c r="F13589" s="2" t="s">
        <v>7396</v>
      </c>
      <c r="G13589" s="8">
        <v>137</v>
      </c>
      <c r="H13589" s="5">
        <v>6</v>
      </c>
      <c r="I13589" s="5" t="s">
        <v>1518</v>
      </c>
      <c r="J13589" s="5" t="s">
        <v>40939</v>
      </c>
      <c r="K13589" s="2" t="s">
        <v>40940</v>
      </c>
      <c r="L13589" s="5" t="s">
        <v>40939</v>
      </c>
      <c r="M13589" s="2" t="s">
        <v>40940</v>
      </c>
      <c r="N13589" s="5" t="s">
        <v>36266</v>
      </c>
      <c r="O13589" s="5" t="s">
        <v>38</v>
      </c>
      <c r="P13589" s="5" t="s">
        <v>39</v>
      </c>
      <c r="Q13589" s="5" t="s">
        <v>40</v>
      </c>
      <c r="R13589" s="5" t="s">
        <v>1522</v>
      </c>
      <c r="S13589" s="5" t="s">
        <v>1523</v>
      </c>
      <c r="T13589" s="5" t="s">
        <v>42</v>
      </c>
      <c r="U13589" s="2">
        <v>1.393</v>
      </c>
      <c r="V13589" s="2">
        <v>0.80300000000000005</v>
      </c>
      <c r="W13589" s="2">
        <v>1.7999999999999999E-2</v>
      </c>
      <c r="X13589" s="2">
        <v>139.1</v>
      </c>
      <c r="Y13589" s="2">
        <v>7.6</v>
      </c>
      <c r="Z13589" s="2">
        <v>16.7</v>
      </c>
      <c r="AA13589" s="5"/>
      <c r="AB13589" s="5" t="s">
        <v>43</v>
      </c>
      <c r="AC13589" s="5" t="s">
        <v>44</v>
      </c>
      <c r="AD13589" s="2"/>
      <c r="AE13589" s="1"/>
    </row>
    <row r="13590" spans="1:31" ht="14.45">
      <c r="A13590" s="11"/>
      <c r="B13590" s="20"/>
      <c r="C13590" s="2" t="s">
        <v>41721</v>
      </c>
      <c r="D13590" s="14" t="s">
        <v>41722</v>
      </c>
      <c r="E13590" s="2" t="s">
        <v>41723</v>
      </c>
      <c r="F13590" s="2" t="s">
        <v>7507</v>
      </c>
      <c r="G13590" s="8">
        <v>137</v>
      </c>
      <c r="H13590" s="5">
        <v>6</v>
      </c>
      <c r="I13590" s="5" t="s">
        <v>1518</v>
      </c>
      <c r="J13590" s="5" t="s">
        <v>40939</v>
      </c>
      <c r="K13590" s="2" t="s">
        <v>40940</v>
      </c>
      <c r="L13590" s="5" t="s">
        <v>40939</v>
      </c>
      <c r="M13590" s="2" t="s">
        <v>40940</v>
      </c>
      <c r="N13590" s="5" t="s">
        <v>36266</v>
      </c>
      <c r="O13590" s="5" t="s">
        <v>38</v>
      </c>
      <c r="P13590" s="5" t="s">
        <v>39</v>
      </c>
      <c r="Q13590" s="5" t="s">
        <v>40</v>
      </c>
      <c r="R13590" s="5" t="s">
        <v>1522</v>
      </c>
      <c r="S13590" s="5" t="s">
        <v>1523</v>
      </c>
      <c r="T13590" s="5" t="s">
        <v>42</v>
      </c>
      <c r="U13590" s="2">
        <v>1.399</v>
      </c>
      <c r="V13590" s="2">
        <v>0.80900000000000005</v>
      </c>
      <c r="W13590" s="2">
        <v>1.7999999999999999E-2</v>
      </c>
      <c r="X13590" s="2">
        <v>139.1</v>
      </c>
      <c r="Y13590" s="2">
        <v>7.6</v>
      </c>
      <c r="Z13590" s="2">
        <v>16.7</v>
      </c>
      <c r="AA13590" s="5"/>
      <c r="AB13590" s="5" t="s">
        <v>43</v>
      </c>
      <c r="AC13590" s="5" t="s">
        <v>44</v>
      </c>
      <c r="AD13590" s="2"/>
      <c r="AE13590" s="1"/>
    </row>
    <row r="13591" spans="1:31" ht="14.45">
      <c r="A13591" s="11"/>
      <c r="B13591" s="20"/>
      <c r="C13591" s="2" t="s">
        <v>41724</v>
      </c>
      <c r="D13591" s="14" t="s">
        <v>41725</v>
      </c>
      <c r="E13591" s="2" t="s">
        <v>41726</v>
      </c>
      <c r="F13591" s="2" t="s">
        <v>41023</v>
      </c>
      <c r="G13591" s="8">
        <v>157</v>
      </c>
      <c r="H13591" s="5">
        <v>6</v>
      </c>
      <c r="I13591" s="5" t="s">
        <v>1518</v>
      </c>
      <c r="J13591" s="5" t="s">
        <v>40939</v>
      </c>
      <c r="K13591" s="2" t="s">
        <v>40940</v>
      </c>
      <c r="L13591" s="5" t="s">
        <v>40939</v>
      </c>
      <c r="M13591" s="2" t="s">
        <v>40940</v>
      </c>
      <c r="N13591" s="5" t="s">
        <v>36266</v>
      </c>
      <c r="O13591" s="5" t="s">
        <v>38</v>
      </c>
      <c r="P13591" s="5" t="s">
        <v>39</v>
      </c>
      <c r="Q13591" s="5" t="s">
        <v>40</v>
      </c>
      <c r="R13591" s="5" t="s">
        <v>1522</v>
      </c>
      <c r="S13591" s="5" t="s">
        <v>1523</v>
      </c>
      <c r="T13591" s="5" t="s">
        <v>42</v>
      </c>
      <c r="U13591" s="2">
        <v>1.361</v>
      </c>
      <c r="V13591" s="2">
        <v>0.77100000000000002</v>
      </c>
      <c r="W13591" s="2">
        <v>1.7999999999999999E-2</v>
      </c>
      <c r="X13591" s="2">
        <v>139.1</v>
      </c>
      <c r="Y13591" s="2">
        <v>7.6</v>
      </c>
      <c r="Z13591" s="2">
        <v>16.7</v>
      </c>
      <c r="AA13591" s="5"/>
      <c r="AB13591" s="5" t="s">
        <v>43</v>
      </c>
      <c r="AC13591" s="5" t="s">
        <v>44</v>
      </c>
      <c r="AD13591" s="2"/>
      <c r="AE13591" s="1"/>
    </row>
    <row r="13592" spans="1:31" ht="14.45">
      <c r="A13592" s="11"/>
      <c r="B13592" s="20"/>
      <c r="C13592" s="2" t="s">
        <v>41727</v>
      </c>
      <c r="D13592" s="14" t="s">
        <v>41728</v>
      </c>
      <c r="E13592" s="2" t="s">
        <v>41729</v>
      </c>
      <c r="F13592" s="2" t="s">
        <v>41027</v>
      </c>
      <c r="G13592" s="8">
        <v>157</v>
      </c>
      <c r="H13592" s="5">
        <v>6</v>
      </c>
      <c r="I13592" s="5" t="s">
        <v>1518</v>
      </c>
      <c r="J13592" s="5" t="s">
        <v>40939</v>
      </c>
      <c r="K13592" s="2" t="s">
        <v>40940</v>
      </c>
      <c r="L13592" s="5" t="s">
        <v>40939</v>
      </c>
      <c r="M13592" s="2" t="s">
        <v>40940</v>
      </c>
      <c r="N13592" s="5" t="s">
        <v>36266</v>
      </c>
      <c r="O13592" s="5" t="s">
        <v>38</v>
      </c>
      <c r="P13592" s="5" t="s">
        <v>39</v>
      </c>
      <c r="Q13592" s="5" t="s">
        <v>40</v>
      </c>
      <c r="R13592" s="5" t="s">
        <v>1522</v>
      </c>
      <c r="S13592" s="5" t="s">
        <v>1523</v>
      </c>
      <c r="T13592" s="5" t="s">
        <v>42</v>
      </c>
      <c r="U13592" s="2">
        <v>1.367</v>
      </c>
      <c r="V13592" s="2">
        <v>0.77700000000000002</v>
      </c>
      <c r="W13592" s="2">
        <v>1.7999999999999999E-2</v>
      </c>
      <c r="X13592" s="2">
        <v>139.1</v>
      </c>
      <c r="Y13592" s="2">
        <v>7.6</v>
      </c>
      <c r="Z13592" s="2">
        <v>16.7</v>
      </c>
      <c r="AA13592" s="5"/>
      <c r="AB13592" s="5" t="s">
        <v>43</v>
      </c>
      <c r="AC13592" s="5" t="s">
        <v>44</v>
      </c>
      <c r="AD13592" s="2"/>
      <c r="AE13592" s="1"/>
    </row>
    <row r="13593" spans="1:31" ht="14.45">
      <c r="A13593" s="11"/>
      <c r="B13593" s="20"/>
      <c r="C13593" s="2" t="s">
        <v>41730</v>
      </c>
      <c r="D13593" s="14" t="s">
        <v>41731</v>
      </c>
      <c r="E13593" s="2" t="s">
        <v>41732</v>
      </c>
      <c r="F13593" s="2" t="s">
        <v>41031</v>
      </c>
      <c r="G13593" s="8">
        <v>157</v>
      </c>
      <c r="H13593" s="5">
        <v>6</v>
      </c>
      <c r="I13593" s="5" t="s">
        <v>1518</v>
      </c>
      <c r="J13593" s="5" t="s">
        <v>40939</v>
      </c>
      <c r="K13593" s="2" t="s">
        <v>40940</v>
      </c>
      <c r="L13593" s="5" t="s">
        <v>40939</v>
      </c>
      <c r="M13593" s="2" t="s">
        <v>40940</v>
      </c>
      <c r="N13593" s="5" t="s">
        <v>36266</v>
      </c>
      <c r="O13593" s="5" t="s">
        <v>38</v>
      </c>
      <c r="P13593" s="5" t="s">
        <v>39</v>
      </c>
      <c r="Q13593" s="5" t="s">
        <v>40</v>
      </c>
      <c r="R13593" s="5" t="s">
        <v>1522</v>
      </c>
      <c r="S13593" s="5" t="s">
        <v>1523</v>
      </c>
      <c r="T13593" s="5" t="s">
        <v>42</v>
      </c>
      <c r="U13593" s="2">
        <v>1.361</v>
      </c>
      <c r="V13593" s="2">
        <v>0.77100000000000002</v>
      </c>
      <c r="W13593" s="2">
        <v>1.7999999999999999E-2</v>
      </c>
      <c r="X13593" s="2">
        <v>139.1</v>
      </c>
      <c r="Y13593" s="2">
        <v>7.6</v>
      </c>
      <c r="Z13593" s="2">
        <v>16.7</v>
      </c>
      <c r="AA13593" s="5"/>
      <c r="AB13593" s="5" t="s">
        <v>43</v>
      </c>
      <c r="AC13593" s="5" t="s">
        <v>44</v>
      </c>
      <c r="AD13593" s="2"/>
      <c r="AE13593" s="1"/>
    </row>
    <row r="13594" spans="1:31" ht="14.45">
      <c r="A13594" s="11"/>
      <c r="B13594" s="20"/>
      <c r="C13594" s="2" t="s">
        <v>41733</v>
      </c>
      <c r="D13594" s="14" t="s">
        <v>41734</v>
      </c>
      <c r="E13594" s="2" t="s">
        <v>41735</v>
      </c>
      <c r="F13594" s="2" t="s">
        <v>41035</v>
      </c>
      <c r="G13594" s="8">
        <v>157</v>
      </c>
      <c r="H13594" s="5">
        <v>6</v>
      </c>
      <c r="I13594" s="5" t="s">
        <v>1518</v>
      </c>
      <c r="J13594" s="5" t="s">
        <v>40939</v>
      </c>
      <c r="K13594" s="2" t="s">
        <v>40940</v>
      </c>
      <c r="L13594" s="5" t="s">
        <v>40939</v>
      </c>
      <c r="M13594" s="2" t="s">
        <v>40940</v>
      </c>
      <c r="N13594" s="5" t="s">
        <v>36266</v>
      </c>
      <c r="O13594" s="5" t="s">
        <v>38</v>
      </c>
      <c r="P13594" s="5" t="s">
        <v>39</v>
      </c>
      <c r="Q13594" s="5" t="s">
        <v>40</v>
      </c>
      <c r="R13594" s="5" t="s">
        <v>1522</v>
      </c>
      <c r="S13594" s="5" t="s">
        <v>1523</v>
      </c>
      <c r="T13594" s="5" t="s">
        <v>42</v>
      </c>
      <c r="U13594" s="2">
        <v>1.367</v>
      </c>
      <c r="V13594" s="2">
        <v>0.77700000000000002</v>
      </c>
      <c r="W13594" s="2">
        <v>1.7999999999999999E-2</v>
      </c>
      <c r="X13594" s="2">
        <v>139.1</v>
      </c>
      <c r="Y13594" s="2">
        <v>7.6</v>
      </c>
      <c r="Z13594" s="2">
        <v>16.7</v>
      </c>
      <c r="AA13594" s="5"/>
      <c r="AB13594" s="5" t="s">
        <v>43</v>
      </c>
      <c r="AC13594" s="5" t="s">
        <v>44</v>
      </c>
      <c r="AD13594" s="2"/>
      <c r="AE13594" s="1"/>
    </row>
    <row r="13595" spans="1:31" ht="14.45">
      <c r="A13595" s="11"/>
      <c r="B13595" s="20"/>
      <c r="C13595" s="2" t="s">
        <v>41736</v>
      </c>
      <c r="D13595" s="14" t="s">
        <v>41737</v>
      </c>
      <c r="E13595" s="2" t="s">
        <v>41738</v>
      </c>
      <c r="F13595" s="2" t="s">
        <v>7581</v>
      </c>
      <c r="G13595" s="8">
        <v>157</v>
      </c>
      <c r="H13595" s="5">
        <v>6</v>
      </c>
      <c r="I13595" s="5" t="s">
        <v>1518</v>
      </c>
      <c r="J13595" s="5" t="s">
        <v>40939</v>
      </c>
      <c r="K13595" s="2" t="s">
        <v>40940</v>
      </c>
      <c r="L13595" s="5" t="s">
        <v>40939</v>
      </c>
      <c r="M13595" s="2" t="s">
        <v>40940</v>
      </c>
      <c r="N13595" s="5" t="s">
        <v>36266</v>
      </c>
      <c r="O13595" s="5" t="s">
        <v>38</v>
      </c>
      <c r="P13595" s="5" t="s">
        <v>39</v>
      </c>
      <c r="Q13595" s="5" t="s">
        <v>40</v>
      </c>
      <c r="R13595" s="5" t="s">
        <v>1522</v>
      </c>
      <c r="S13595" s="5" t="s">
        <v>1523</v>
      </c>
      <c r="T13595" s="5" t="s">
        <v>42</v>
      </c>
      <c r="U13595" s="2">
        <v>1.367</v>
      </c>
      <c r="V13595" s="2">
        <v>0.77700000000000002</v>
      </c>
      <c r="W13595" s="2">
        <v>1.7999999999999999E-2</v>
      </c>
      <c r="X13595" s="2">
        <v>139.1</v>
      </c>
      <c r="Y13595" s="2">
        <v>7.6</v>
      </c>
      <c r="Z13595" s="2">
        <v>16.7</v>
      </c>
      <c r="AA13595" s="5"/>
      <c r="AB13595" s="5" t="s">
        <v>43</v>
      </c>
      <c r="AC13595" s="5" t="s">
        <v>44</v>
      </c>
      <c r="AD13595" s="2"/>
      <c r="AE13595" s="1"/>
    </row>
    <row r="13596" spans="1:31" ht="14.45">
      <c r="A13596" s="11"/>
      <c r="B13596" s="20"/>
      <c r="C13596" s="2" t="s">
        <v>41739</v>
      </c>
      <c r="D13596" s="14" t="s">
        <v>41740</v>
      </c>
      <c r="E13596" s="2" t="s">
        <v>41741</v>
      </c>
      <c r="F13596" s="2" t="s">
        <v>7204</v>
      </c>
      <c r="G13596" s="8">
        <v>120</v>
      </c>
      <c r="H13596" s="5">
        <v>6</v>
      </c>
      <c r="I13596" s="5" t="s">
        <v>1518</v>
      </c>
      <c r="J13596" s="5" t="s">
        <v>40939</v>
      </c>
      <c r="K13596" s="2" t="s">
        <v>40940</v>
      </c>
      <c r="L13596" s="5" t="s">
        <v>40939</v>
      </c>
      <c r="M13596" s="2" t="s">
        <v>40940</v>
      </c>
      <c r="N13596" s="5" t="s">
        <v>36266</v>
      </c>
      <c r="O13596" s="5" t="s">
        <v>38</v>
      </c>
      <c r="P13596" s="5" t="s">
        <v>39</v>
      </c>
      <c r="Q13596" s="5" t="s">
        <v>40</v>
      </c>
      <c r="R13596" s="5" t="s">
        <v>1522</v>
      </c>
      <c r="S13596" s="5" t="s">
        <v>1523</v>
      </c>
      <c r="T13596" s="5" t="s">
        <v>42</v>
      </c>
      <c r="U13596" s="2">
        <v>1.1659999999999999</v>
      </c>
      <c r="V13596" s="2">
        <v>0.65200000000000002</v>
      </c>
      <c r="W13596" s="2">
        <v>1.2999999999999999E-2</v>
      </c>
      <c r="X13596" s="2">
        <v>99.1</v>
      </c>
      <c r="Y13596" s="2">
        <v>7.6</v>
      </c>
      <c r="Z13596" s="2">
        <v>16.7</v>
      </c>
      <c r="AA13596" s="5"/>
      <c r="AB13596" s="5" t="s">
        <v>43</v>
      </c>
      <c r="AC13596" s="5" t="s">
        <v>44</v>
      </c>
      <c r="AD13596" s="2"/>
      <c r="AE13596" s="1"/>
    </row>
    <row r="13597" spans="1:31" ht="14.45">
      <c r="A13597" s="11"/>
      <c r="B13597" s="20"/>
      <c r="C13597" s="2" t="s">
        <v>41742</v>
      </c>
      <c r="D13597" s="14" t="s">
        <v>41743</v>
      </c>
      <c r="E13597" s="2" t="s">
        <v>41744</v>
      </c>
      <c r="F13597" s="2" t="s">
        <v>7514</v>
      </c>
      <c r="G13597" s="8">
        <v>120</v>
      </c>
      <c r="H13597" s="5">
        <v>6</v>
      </c>
      <c r="I13597" s="5" t="s">
        <v>1518</v>
      </c>
      <c r="J13597" s="5" t="s">
        <v>40939</v>
      </c>
      <c r="K13597" s="2" t="s">
        <v>40940</v>
      </c>
      <c r="L13597" s="5" t="s">
        <v>40939</v>
      </c>
      <c r="M13597" s="2" t="s">
        <v>40940</v>
      </c>
      <c r="N13597" s="5" t="s">
        <v>36266</v>
      </c>
      <c r="O13597" s="5" t="s">
        <v>38</v>
      </c>
      <c r="P13597" s="5" t="s">
        <v>39</v>
      </c>
      <c r="Q13597" s="5" t="s">
        <v>40</v>
      </c>
      <c r="R13597" s="5" t="s">
        <v>1522</v>
      </c>
      <c r="S13597" s="5" t="s">
        <v>1523</v>
      </c>
      <c r="T13597" s="5" t="s">
        <v>42</v>
      </c>
      <c r="U13597" s="2">
        <v>1.173</v>
      </c>
      <c r="V13597" s="2">
        <v>0.65900000000000003</v>
      </c>
      <c r="W13597" s="2">
        <v>1.2999999999999999E-2</v>
      </c>
      <c r="X13597" s="2">
        <v>99.1</v>
      </c>
      <c r="Y13597" s="2">
        <v>7.6</v>
      </c>
      <c r="Z13597" s="2">
        <v>16.7</v>
      </c>
      <c r="AA13597" s="5"/>
      <c r="AB13597" s="5" t="s">
        <v>43</v>
      </c>
      <c r="AC13597" s="5" t="s">
        <v>44</v>
      </c>
      <c r="AD13597" s="2"/>
      <c r="AE13597" s="1"/>
    </row>
    <row r="13598" spans="1:31" ht="14.45">
      <c r="A13598" s="11"/>
      <c r="B13598" s="20"/>
      <c r="C13598" s="2" t="s">
        <v>41745</v>
      </c>
      <c r="D13598" s="14" t="s">
        <v>41746</v>
      </c>
      <c r="E13598" s="2" t="s">
        <v>41747</v>
      </c>
      <c r="F13598" s="2" t="s">
        <v>41221</v>
      </c>
      <c r="G13598" s="8">
        <v>138</v>
      </c>
      <c r="H13598" s="5">
        <v>6</v>
      </c>
      <c r="I13598" s="5" t="s">
        <v>1518</v>
      </c>
      <c r="J13598" s="5" t="s">
        <v>40939</v>
      </c>
      <c r="K13598" s="2" t="s">
        <v>40940</v>
      </c>
      <c r="L13598" s="5" t="s">
        <v>40939</v>
      </c>
      <c r="M13598" s="2" t="s">
        <v>40940</v>
      </c>
      <c r="N13598" s="5" t="s">
        <v>36266</v>
      </c>
      <c r="O13598" s="5" t="s">
        <v>38</v>
      </c>
      <c r="P13598" s="5" t="s">
        <v>39</v>
      </c>
      <c r="Q13598" s="5" t="s">
        <v>40</v>
      </c>
      <c r="R13598" s="5" t="s">
        <v>1522</v>
      </c>
      <c r="S13598" s="5" t="s">
        <v>1523</v>
      </c>
      <c r="T13598" s="5" t="s">
        <v>42</v>
      </c>
      <c r="U13598" s="2">
        <v>1.175</v>
      </c>
      <c r="V13598" s="2">
        <v>0.66100000000000003</v>
      </c>
      <c r="W13598" s="2">
        <v>1.2999999999999999E-2</v>
      </c>
      <c r="X13598" s="2">
        <v>99.1</v>
      </c>
      <c r="Y13598" s="2">
        <v>7.6</v>
      </c>
      <c r="Z13598" s="2">
        <v>16.7</v>
      </c>
      <c r="AA13598" s="5"/>
      <c r="AB13598" s="5" t="s">
        <v>43</v>
      </c>
      <c r="AC13598" s="5" t="s">
        <v>44</v>
      </c>
      <c r="AD13598" s="2"/>
      <c r="AE13598" s="1"/>
    </row>
    <row r="13599" spans="1:31" ht="14.45">
      <c r="A13599" s="11"/>
      <c r="B13599" s="20"/>
      <c r="C13599" s="2" t="s">
        <v>41748</v>
      </c>
      <c r="D13599" s="14" t="s">
        <v>41749</v>
      </c>
      <c r="E13599" s="2" t="s">
        <v>41750</v>
      </c>
      <c r="F13599" s="2" t="s">
        <v>40951</v>
      </c>
      <c r="G13599" s="8">
        <v>138</v>
      </c>
      <c r="H13599" s="5">
        <v>6</v>
      </c>
      <c r="I13599" s="5" t="s">
        <v>1518</v>
      </c>
      <c r="J13599" s="5" t="s">
        <v>40939</v>
      </c>
      <c r="K13599" s="2" t="s">
        <v>40940</v>
      </c>
      <c r="L13599" s="5" t="s">
        <v>40939</v>
      </c>
      <c r="M13599" s="2" t="s">
        <v>40940</v>
      </c>
      <c r="N13599" s="5" t="s">
        <v>36266</v>
      </c>
      <c r="O13599" s="5" t="s">
        <v>38</v>
      </c>
      <c r="P13599" s="5" t="s">
        <v>39</v>
      </c>
      <c r="Q13599" s="5" t="s">
        <v>40</v>
      </c>
      <c r="R13599" s="5" t="s">
        <v>1522</v>
      </c>
      <c r="S13599" s="5" t="s">
        <v>1523</v>
      </c>
      <c r="T13599" s="5" t="s">
        <v>42</v>
      </c>
      <c r="U13599" s="2">
        <v>1.1819999999999999</v>
      </c>
      <c r="V13599" s="2">
        <v>0.66800000000000004</v>
      </c>
      <c r="W13599" s="2">
        <v>1.2999999999999999E-2</v>
      </c>
      <c r="X13599" s="2">
        <v>99.1</v>
      </c>
      <c r="Y13599" s="2">
        <v>7.6</v>
      </c>
      <c r="Z13599" s="2">
        <v>16.7</v>
      </c>
      <c r="AA13599" s="5"/>
      <c r="AB13599" s="5" t="s">
        <v>43</v>
      </c>
      <c r="AC13599" s="5" t="s">
        <v>44</v>
      </c>
      <c r="AD13599" s="2"/>
      <c r="AE13599" s="1"/>
    </row>
    <row r="13600" spans="1:31" ht="14.45">
      <c r="A13600" s="11"/>
      <c r="B13600" s="20"/>
      <c r="C13600" s="2" t="s">
        <v>41751</v>
      </c>
      <c r="D13600" s="14" t="s">
        <v>41752</v>
      </c>
      <c r="E13600" s="2" t="s">
        <v>41753</v>
      </c>
      <c r="F13600" s="2" t="s">
        <v>7208</v>
      </c>
      <c r="G13600" s="8">
        <v>120</v>
      </c>
      <c r="H13600" s="5">
        <v>6</v>
      </c>
      <c r="I13600" s="5" t="s">
        <v>1518</v>
      </c>
      <c r="J13600" s="5" t="s">
        <v>40939</v>
      </c>
      <c r="K13600" s="2" t="s">
        <v>40940</v>
      </c>
      <c r="L13600" s="5" t="s">
        <v>40939</v>
      </c>
      <c r="M13600" s="2" t="s">
        <v>40940</v>
      </c>
      <c r="N13600" s="5" t="s">
        <v>36266</v>
      </c>
      <c r="O13600" s="5" t="s">
        <v>38</v>
      </c>
      <c r="P13600" s="5" t="s">
        <v>39</v>
      </c>
      <c r="Q13600" s="5" t="s">
        <v>40</v>
      </c>
      <c r="R13600" s="5" t="s">
        <v>1522</v>
      </c>
      <c r="S13600" s="5" t="s">
        <v>1523</v>
      </c>
      <c r="T13600" s="5" t="s">
        <v>42</v>
      </c>
      <c r="U13600" s="2">
        <v>1.18</v>
      </c>
      <c r="V13600" s="2">
        <v>0.66600000000000004</v>
      </c>
      <c r="W13600" s="2">
        <v>1.2999999999999999E-2</v>
      </c>
      <c r="X13600" s="2">
        <v>99.1</v>
      </c>
      <c r="Y13600" s="2">
        <v>7.6</v>
      </c>
      <c r="Z13600" s="2">
        <v>16.7</v>
      </c>
      <c r="AA13600" s="5"/>
      <c r="AB13600" s="5" t="s">
        <v>43</v>
      </c>
      <c r="AC13600" s="5" t="s">
        <v>44</v>
      </c>
      <c r="AD13600" s="2"/>
      <c r="AE13600" s="1"/>
    </row>
    <row r="13601" spans="1:31" ht="14.45">
      <c r="A13601" s="11"/>
      <c r="B13601" s="20"/>
      <c r="C13601" s="2" t="s">
        <v>41754</v>
      </c>
      <c r="D13601" s="14" t="s">
        <v>41755</v>
      </c>
      <c r="E13601" s="2" t="s">
        <v>41756</v>
      </c>
      <c r="F13601" s="2" t="s">
        <v>7521</v>
      </c>
      <c r="G13601" s="8">
        <v>120</v>
      </c>
      <c r="H13601" s="5">
        <v>6</v>
      </c>
      <c r="I13601" s="5" t="s">
        <v>1518</v>
      </c>
      <c r="J13601" s="5" t="s">
        <v>40939</v>
      </c>
      <c r="K13601" s="2" t="s">
        <v>40940</v>
      </c>
      <c r="L13601" s="5" t="s">
        <v>40939</v>
      </c>
      <c r="M13601" s="2" t="s">
        <v>40940</v>
      </c>
      <c r="N13601" s="5" t="s">
        <v>36266</v>
      </c>
      <c r="O13601" s="5" t="s">
        <v>38</v>
      </c>
      <c r="P13601" s="5" t="s">
        <v>39</v>
      </c>
      <c r="Q13601" s="5" t="s">
        <v>40</v>
      </c>
      <c r="R13601" s="5" t="s">
        <v>1522</v>
      </c>
      <c r="S13601" s="5" t="s">
        <v>1523</v>
      </c>
      <c r="T13601" s="5" t="s">
        <v>42</v>
      </c>
      <c r="U13601" s="2">
        <v>1.1870000000000001</v>
      </c>
      <c r="V13601" s="2">
        <v>0.67300000000000004</v>
      </c>
      <c r="W13601" s="2">
        <v>1.2999999999999999E-2</v>
      </c>
      <c r="X13601" s="2">
        <v>99.1</v>
      </c>
      <c r="Y13601" s="2">
        <v>7.6</v>
      </c>
      <c r="Z13601" s="2">
        <v>16.7</v>
      </c>
      <c r="AA13601" s="5"/>
      <c r="AB13601" s="5" t="s">
        <v>43</v>
      </c>
      <c r="AC13601" s="5" t="s">
        <v>44</v>
      </c>
      <c r="AD13601" s="2"/>
      <c r="AE13601" s="1"/>
    </row>
    <row r="13602" spans="1:31" ht="14.45">
      <c r="A13602" s="11"/>
      <c r="B13602" s="20"/>
      <c r="C13602" s="2" t="s">
        <v>41757</v>
      </c>
      <c r="D13602" s="14" t="s">
        <v>41758</v>
      </c>
      <c r="E13602" s="2" t="s">
        <v>41759</v>
      </c>
      <c r="F13602" s="2" t="s">
        <v>36273</v>
      </c>
      <c r="G13602" s="8">
        <v>120</v>
      </c>
      <c r="H13602" s="5">
        <v>6</v>
      </c>
      <c r="I13602" s="5" t="s">
        <v>1518</v>
      </c>
      <c r="J13602" s="5" t="s">
        <v>40939</v>
      </c>
      <c r="K13602" s="2" t="s">
        <v>40940</v>
      </c>
      <c r="L13602" s="5" t="s">
        <v>40939</v>
      </c>
      <c r="M13602" s="2" t="s">
        <v>40940</v>
      </c>
      <c r="N13602" s="5" t="s">
        <v>36266</v>
      </c>
      <c r="O13602" s="5" t="s">
        <v>38</v>
      </c>
      <c r="P13602" s="5" t="s">
        <v>39</v>
      </c>
      <c r="Q13602" s="5" t="s">
        <v>40</v>
      </c>
      <c r="R13602" s="5" t="s">
        <v>1522</v>
      </c>
      <c r="S13602" s="5" t="s">
        <v>1523</v>
      </c>
      <c r="T13602" s="5" t="s">
        <v>42</v>
      </c>
      <c r="U13602" s="2">
        <v>1.1890000000000001</v>
      </c>
      <c r="V13602" s="2">
        <v>0.67500000000000004</v>
      </c>
      <c r="W13602" s="2">
        <v>1.2999999999999999E-2</v>
      </c>
      <c r="X13602" s="2">
        <v>99.1</v>
      </c>
      <c r="Y13602" s="2">
        <v>7.6</v>
      </c>
      <c r="Z13602" s="2">
        <v>16.7</v>
      </c>
      <c r="AA13602" s="5"/>
      <c r="AB13602" s="5" t="s">
        <v>43</v>
      </c>
      <c r="AC13602" s="5" t="s">
        <v>44</v>
      </c>
      <c r="AD13602" s="2"/>
      <c r="AE13602" s="1"/>
    </row>
    <row r="13603" spans="1:31" ht="14.45">
      <c r="A13603" s="11"/>
      <c r="B13603" s="20"/>
      <c r="C13603" s="2" t="s">
        <v>41760</v>
      </c>
      <c r="D13603" s="14" t="s">
        <v>41761</v>
      </c>
      <c r="E13603" s="2" t="s">
        <v>41762</v>
      </c>
      <c r="F13603" s="2" t="s">
        <v>36277</v>
      </c>
      <c r="G13603" s="8">
        <v>120</v>
      </c>
      <c r="H13603" s="5">
        <v>6</v>
      </c>
      <c r="I13603" s="5" t="s">
        <v>1518</v>
      </c>
      <c r="J13603" s="5" t="s">
        <v>40939</v>
      </c>
      <c r="K13603" s="2" t="s">
        <v>40940</v>
      </c>
      <c r="L13603" s="5" t="s">
        <v>40939</v>
      </c>
      <c r="M13603" s="2" t="s">
        <v>40940</v>
      </c>
      <c r="N13603" s="5" t="s">
        <v>36266</v>
      </c>
      <c r="O13603" s="5" t="s">
        <v>38</v>
      </c>
      <c r="P13603" s="5" t="s">
        <v>39</v>
      </c>
      <c r="Q13603" s="5" t="s">
        <v>40</v>
      </c>
      <c r="R13603" s="5" t="s">
        <v>1522</v>
      </c>
      <c r="S13603" s="5" t="s">
        <v>1523</v>
      </c>
      <c r="T13603" s="5" t="s">
        <v>42</v>
      </c>
      <c r="U13603" s="2">
        <v>1.196</v>
      </c>
      <c r="V13603" s="2">
        <v>0.68200000000000005</v>
      </c>
      <c r="W13603" s="2">
        <v>1.2999999999999999E-2</v>
      </c>
      <c r="X13603" s="2">
        <v>99.1</v>
      </c>
      <c r="Y13603" s="2">
        <v>7.6</v>
      </c>
      <c r="Z13603" s="2">
        <v>16.7</v>
      </c>
      <c r="AA13603" s="5"/>
      <c r="AB13603" s="5" t="s">
        <v>43</v>
      </c>
      <c r="AC13603" s="5" t="s">
        <v>44</v>
      </c>
      <c r="AD13603" s="2"/>
      <c r="AE13603" s="1"/>
    </row>
    <row r="13604" spans="1:31" ht="14.45">
      <c r="A13604" s="11"/>
      <c r="B13604" s="20"/>
      <c r="C13604" s="2" t="s">
        <v>41763</v>
      </c>
      <c r="D13604" s="14" t="s">
        <v>41764</v>
      </c>
      <c r="E13604" s="2" t="s">
        <v>41765</v>
      </c>
      <c r="F13604" s="2" t="s">
        <v>40967</v>
      </c>
      <c r="G13604" s="8">
        <v>138</v>
      </c>
      <c r="H13604" s="5">
        <v>6</v>
      </c>
      <c r="I13604" s="5" t="s">
        <v>1518</v>
      </c>
      <c r="J13604" s="5" t="s">
        <v>40939</v>
      </c>
      <c r="K13604" s="2" t="s">
        <v>40940</v>
      </c>
      <c r="L13604" s="5" t="s">
        <v>40939</v>
      </c>
      <c r="M13604" s="2" t="s">
        <v>40940</v>
      </c>
      <c r="N13604" s="5" t="s">
        <v>36266</v>
      </c>
      <c r="O13604" s="5" t="s">
        <v>38</v>
      </c>
      <c r="P13604" s="5" t="s">
        <v>39</v>
      </c>
      <c r="Q13604" s="5" t="s">
        <v>40</v>
      </c>
      <c r="R13604" s="5" t="s">
        <v>1522</v>
      </c>
      <c r="S13604" s="5" t="s">
        <v>1523</v>
      </c>
      <c r="T13604" s="5" t="s">
        <v>42</v>
      </c>
      <c r="U13604" s="2">
        <v>1.18</v>
      </c>
      <c r="V13604" s="2">
        <v>0.66600000000000004</v>
      </c>
      <c r="W13604" s="2">
        <v>1.2999999999999999E-2</v>
      </c>
      <c r="X13604" s="2">
        <v>99.1</v>
      </c>
      <c r="Y13604" s="2">
        <v>7.6</v>
      </c>
      <c r="Z13604" s="2">
        <v>16.7</v>
      </c>
      <c r="AA13604" s="5"/>
      <c r="AB13604" s="5" t="s">
        <v>43</v>
      </c>
      <c r="AC13604" s="5" t="s">
        <v>44</v>
      </c>
      <c r="AD13604" s="2"/>
      <c r="AE13604" s="1"/>
    </row>
    <row r="13605" spans="1:31" ht="14.45">
      <c r="A13605" s="11"/>
      <c r="B13605" s="20"/>
      <c r="C13605" s="2" t="s">
        <v>41766</v>
      </c>
      <c r="D13605" s="14" t="s">
        <v>41767</v>
      </c>
      <c r="E13605" s="2" t="s">
        <v>41768</v>
      </c>
      <c r="F13605" s="2" t="s">
        <v>40971</v>
      </c>
      <c r="G13605" s="8">
        <v>138</v>
      </c>
      <c r="H13605" s="5">
        <v>6</v>
      </c>
      <c r="I13605" s="5" t="s">
        <v>1518</v>
      </c>
      <c r="J13605" s="5" t="s">
        <v>40939</v>
      </c>
      <c r="K13605" s="2" t="s">
        <v>40940</v>
      </c>
      <c r="L13605" s="5" t="s">
        <v>40939</v>
      </c>
      <c r="M13605" s="2" t="s">
        <v>40940</v>
      </c>
      <c r="N13605" s="5" t="s">
        <v>36266</v>
      </c>
      <c r="O13605" s="5" t="s">
        <v>38</v>
      </c>
      <c r="P13605" s="5" t="s">
        <v>39</v>
      </c>
      <c r="Q13605" s="5" t="s">
        <v>40</v>
      </c>
      <c r="R13605" s="5" t="s">
        <v>1522</v>
      </c>
      <c r="S13605" s="5" t="s">
        <v>1523</v>
      </c>
      <c r="T13605" s="5" t="s">
        <v>42</v>
      </c>
      <c r="U13605" s="2">
        <v>1.1870000000000001</v>
      </c>
      <c r="V13605" s="2">
        <v>0.67300000000000004</v>
      </c>
      <c r="W13605" s="2">
        <v>1.2999999999999999E-2</v>
      </c>
      <c r="X13605" s="2">
        <v>99.1</v>
      </c>
      <c r="Y13605" s="2">
        <v>7.6</v>
      </c>
      <c r="Z13605" s="2">
        <v>16.7</v>
      </c>
      <c r="AA13605" s="5"/>
      <c r="AB13605" s="5" t="s">
        <v>43</v>
      </c>
      <c r="AC13605" s="5" t="s">
        <v>44</v>
      </c>
      <c r="AD13605" s="2"/>
      <c r="AE13605" s="1"/>
    </row>
    <row r="13606" spans="1:31" ht="14.45">
      <c r="A13606" s="11"/>
      <c r="B13606" s="20"/>
      <c r="C13606" s="2" t="s">
        <v>41769</v>
      </c>
      <c r="D13606" s="14" t="s">
        <v>41770</v>
      </c>
      <c r="E13606" s="2" t="s">
        <v>41771</v>
      </c>
      <c r="F13606" s="2" t="s">
        <v>40975</v>
      </c>
      <c r="G13606" s="8">
        <v>138</v>
      </c>
      <c r="H13606" s="5">
        <v>6</v>
      </c>
      <c r="I13606" s="5" t="s">
        <v>1518</v>
      </c>
      <c r="J13606" s="5" t="s">
        <v>40939</v>
      </c>
      <c r="K13606" s="2" t="s">
        <v>40940</v>
      </c>
      <c r="L13606" s="5" t="s">
        <v>40939</v>
      </c>
      <c r="M13606" s="2" t="s">
        <v>40940</v>
      </c>
      <c r="N13606" s="5" t="s">
        <v>36266</v>
      </c>
      <c r="O13606" s="5" t="s">
        <v>38</v>
      </c>
      <c r="P13606" s="5" t="s">
        <v>39</v>
      </c>
      <c r="Q13606" s="5" t="s">
        <v>40</v>
      </c>
      <c r="R13606" s="5" t="s">
        <v>1522</v>
      </c>
      <c r="S13606" s="5" t="s">
        <v>1523</v>
      </c>
      <c r="T13606" s="5" t="s">
        <v>42</v>
      </c>
      <c r="U13606" s="2">
        <v>1.18</v>
      </c>
      <c r="V13606" s="2">
        <v>0.66600000000000004</v>
      </c>
      <c r="W13606" s="2">
        <v>1.2999999999999999E-2</v>
      </c>
      <c r="X13606" s="2">
        <v>99.1</v>
      </c>
      <c r="Y13606" s="2">
        <v>7.6</v>
      </c>
      <c r="Z13606" s="2">
        <v>16.7</v>
      </c>
      <c r="AA13606" s="5"/>
      <c r="AB13606" s="5" t="s">
        <v>43</v>
      </c>
      <c r="AC13606" s="5" t="s">
        <v>44</v>
      </c>
      <c r="AD13606" s="2"/>
      <c r="AE13606" s="1"/>
    </row>
    <row r="13607" spans="1:31" ht="14.45">
      <c r="A13607" s="11"/>
      <c r="B13607" s="20"/>
      <c r="C13607" s="2" t="s">
        <v>41772</v>
      </c>
      <c r="D13607" s="14" t="s">
        <v>41773</v>
      </c>
      <c r="E13607" s="2" t="s">
        <v>41774</v>
      </c>
      <c r="F13607" s="2" t="s">
        <v>40979</v>
      </c>
      <c r="G13607" s="8">
        <v>138</v>
      </c>
      <c r="H13607" s="5">
        <v>6</v>
      </c>
      <c r="I13607" s="5" t="s">
        <v>1518</v>
      </c>
      <c r="J13607" s="5" t="s">
        <v>40939</v>
      </c>
      <c r="K13607" s="2" t="s">
        <v>40940</v>
      </c>
      <c r="L13607" s="5" t="s">
        <v>40939</v>
      </c>
      <c r="M13607" s="2" t="s">
        <v>40940</v>
      </c>
      <c r="N13607" s="5" t="s">
        <v>36266</v>
      </c>
      <c r="O13607" s="5" t="s">
        <v>38</v>
      </c>
      <c r="P13607" s="5" t="s">
        <v>39</v>
      </c>
      <c r="Q13607" s="5" t="s">
        <v>40</v>
      </c>
      <c r="R13607" s="5" t="s">
        <v>1522</v>
      </c>
      <c r="S13607" s="5" t="s">
        <v>1523</v>
      </c>
      <c r="T13607" s="5" t="s">
        <v>42</v>
      </c>
      <c r="U13607" s="2">
        <v>1.1870000000000001</v>
      </c>
      <c r="V13607" s="2">
        <v>0.67300000000000004</v>
      </c>
      <c r="W13607" s="2">
        <v>1.2999999999999999E-2</v>
      </c>
      <c r="X13607" s="2">
        <v>99.1</v>
      </c>
      <c r="Y13607" s="2">
        <v>7.6</v>
      </c>
      <c r="Z13607" s="2">
        <v>16.7</v>
      </c>
      <c r="AA13607" s="5"/>
      <c r="AB13607" s="5" t="s">
        <v>43</v>
      </c>
      <c r="AC13607" s="5" t="s">
        <v>44</v>
      </c>
      <c r="AD13607" s="2"/>
      <c r="AE13607" s="1"/>
    </row>
    <row r="13608" spans="1:31" ht="14.45">
      <c r="A13608" s="11"/>
      <c r="B13608" s="20"/>
      <c r="C13608" s="2" t="s">
        <v>41775</v>
      </c>
      <c r="D13608" s="14" t="s">
        <v>41776</v>
      </c>
      <c r="E13608" s="2" t="s">
        <v>41777</v>
      </c>
      <c r="F13608" s="2" t="s">
        <v>7539</v>
      </c>
      <c r="G13608" s="8">
        <v>138</v>
      </c>
      <c r="H13608" s="5">
        <v>6</v>
      </c>
      <c r="I13608" s="5" t="s">
        <v>1518</v>
      </c>
      <c r="J13608" s="5" t="s">
        <v>40939</v>
      </c>
      <c r="K13608" s="2" t="s">
        <v>40940</v>
      </c>
      <c r="L13608" s="5" t="s">
        <v>40939</v>
      </c>
      <c r="M13608" s="2" t="s">
        <v>40940</v>
      </c>
      <c r="N13608" s="5" t="s">
        <v>36266</v>
      </c>
      <c r="O13608" s="5" t="s">
        <v>38</v>
      </c>
      <c r="P13608" s="5" t="s">
        <v>39</v>
      </c>
      <c r="Q13608" s="5" t="s">
        <v>40</v>
      </c>
      <c r="R13608" s="5" t="s">
        <v>1522</v>
      </c>
      <c r="S13608" s="5" t="s">
        <v>1523</v>
      </c>
      <c r="T13608" s="5" t="s">
        <v>42</v>
      </c>
      <c r="U13608" s="2">
        <v>1.1559999999999999</v>
      </c>
      <c r="V13608" s="2">
        <v>0.64200000000000002</v>
      </c>
      <c r="W13608" s="2">
        <v>1.2999999999999999E-2</v>
      </c>
      <c r="X13608" s="2">
        <v>99.1</v>
      </c>
      <c r="Y13608" s="2">
        <v>7.6</v>
      </c>
      <c r="Z13608" s="2">
        <v>16.7</v>
      </c>
      <c r="AA13608" s="5"/>
      <c r="AB13608" s="5" t="s">
        <v>43</v>
      </c>
      <c r="AC13608" s="5" t="s">
        <v>44</v>
      </c>
      <c r="AD13608" s="2"/>
      <c r="AE13608" s="1"/>
    </row>
    <row r="13609" spans="1:31" ht="14.45">
      <c r="A13609" s="11"/>
      <c r="B13609" s="20"/>
      <c r="C13609" s="2" t="s">
        <v>41778</v>
      </c>
      <c r="D13609" s="14" t="s">
        <v>41779</v>
      </c>
      <c r="E13609" s="2" t="s">
        <v>41780</v>
      </c>
      <c r="F13609" s="2" t="s">
        <v>7543</v>
      </c>
      <c r="G13609" s="8">
        <v>138</v>
      </c>
      <c r="H13609" s="5">
        <v>6</v>
      </c>
      <c r="I13609" s="5" t="s">
        <v>1518</v>
      </c>
      <c r="J13609" s="5" t="s">
        <v>40939</v>
      </c>
      <c r="K13609" s="2" t="s">
        <v>40940</v>
      </c>
      <c r="L13609" s="5" t="s">
        <v>40939</v>
      </c>
      <c r="M13609" s="2" t="s">
        <v>40940</v>
      </c>
      <c r="N13609" s="5" t="s">
        <v>36266</v>
      </c>
      <c r="O13609" s="5" t="s">
        <v>38</v>
      </c>
      <c r="P13609" s="5" t="s">
        <v>39</v>
      </c>
      <c r="Q13609" s="5" t="s">
        <v>40</v>
      </c>
      <c r="R13609" s="5" t="s">
        <v>1522</v>
      </c>
      <c r="S13609" s="5" t="s">
        <v>1523</v>
      </c>
      <c r="T13609" s="5" t="s">
        <v>42</v>
      </c>
      <c r="U13609" s="2">
        <v>1.163</v>
      </c>
      <c r="V13609" s="2">
        <v>0.64900000000000002</v>
      </c>
      <c r="W13609" s="2">
        <v>1.2999999999999999E-2</v>
      </c>
      <c r="X13609" s="2">
        <v>99.1</v>
      </c>
      <c r="Y13609" s="2">
        <v>7.6</v>
      </c>
      <c r="Z13609" s="2">
        <v>16.7</v>
      </c>
      <c r="AA13609" s="5"/>
      <c r="AB13609" s="5" t="s">
        <v>43</v>
      </c>
      <c r="AC13609" s="5" t="s">
        <v>44</v>
      </c>
      <c r="AD13609" s="2"/>
      <c r="AE13609" s="1"/>
    </row>
    <row r="13610" spans="1:31" ht="14.45">
      <c r="A13610" s="11"/>
      <c r="B13610" s="20"/>
      <c r="C13610" s="2" t="s">
        <v>41781</v>
      </c>
      <c r="D13610" s="14" t="s">
        <v>41782</v>
      </c>
      <c r="E13610" s="2" t="s">
        <v>41783</v>
      </c>
      <c r="F13610" s="2" t="s">
        <v>40989</v>
      </c>
      <c r="G13610" s="8">
        <v>138</v>
      </c>
      <c r="H13610" s="5">
        <v>6</v>
      </c>
      <c r="I13610" s="5" t="s">
        <v>1518</v>
      </c>
      <c r="J13610" s="5" t="s">
        <v>40939</v>
      </c>
      <c r="K13610" s="2" t="s">
        <v>40940</v>
      </c>
      <c r="L13610" s="5" t="s">
        <v>40939</v>
      </c>
      <c r="M13610" s="2" t="s">
        <v>40940</v>
      </c>
      <c r="N13610" s="5" t="s">
        <v>36266</v>
      </c>
      <c r="O13610" s="5" t="s">
        <v>38</v>
      </c>
      <c r="P13610" s="5" t="s">
        <v>39</v>
      </c>
      <c r="Q13610" s="5" t="s">
        <v>40</v>
      </c>
      <c r="R13610" s="5" t="s">
        <v>1522</v>
      </c>
      <c r="S13610" s="5" t="s">
        <v>1523</v>
      </c>
      <c r="T13610" s="5" t="s">
        <v>42</v>
      </c>
      <c r="U13610" s="2">
        <v>1.18</v>
      </c>
      <c r="V13610" s="2">
        <v>0.66600000000000004</v>
      </c>
      <c r="W13610" s="2">
        <v>1.2999999999999999E-2</v>
      </c>
      <c r="X13610" s="2">
        <v>99.1</v>
      </c>
      <c r="Y13610" s="2">
        <v>7.6</v>
      </c>
      <c r="Z13610" s="2">
        <v>16.7</v>
      </c>
      <c r="AA13610" s="5"/>
      <c r="AB13610" s="5" t="s">
        <v>43</v>
      </c>
      <c r="AC13610" s="5" t="s">
        <v>44</v>
      </c>
      <c r="AD13610" s="2"/>
      <c r="AE13610" s="1"/>
    </row>
    <row r="13611" spans="1:31" ht="14.45">
      <c r="A13611" s="11"/>
      <c r="B13611" s="20"/>
      <c r="C13611" s="2" t="s">
        <v>41784</v>
      </c>
      <c r="D13611" s="14" t="s">
        <v>41785</v>
      </c>
      <c r="E13611" s="2" t="s">
        <v>41786</v>
      </c>
      <c r="F13611" s="2" t="s">
        <v>40993</v>
      </c>
      <c r="G13611" s="8">
        <v>138</v>
      </c>
      <c r="H13611" s="5">
        <v>6</v>
      </c>
      <c r="I13611" s="5" t="s">
        <v>1518</v>
      </c>
      <c r="J13611" s="5" t="s">
        <v>40939</v>
      </c>
      <c r="K13611" s="2" t="s">
        <v>40940</v>
      </c>
      <c r="L13611" s="5" t="s">
        <v>40939</v>
      </c>
      <c r="M13611" s="2" t="s">
        <v>40940</v>
      </c>
      <c r="N13611" s="5" t="s">
        <v>36266</v>
      </c>
      <c r="O13611" s="5" t="s">
        <v>38</v>
      </c>
      <c r="P13611" s="5" t="s">
        <v>39</v>
      </c>
      <c r="Q13611" s="5" t="s">
        <v>40</v>
      </c>
      <c r="R13611" s="5" t="s">
        <v>1522</v>
      </c>
      <c r="S13611" s="5" t="s">
        <v>1523</v>
      </c>
      <c r="T13611" s="5" t="s">
        <v>42</v>
      </c>
      <c r="U13611" s="2">
        <v>1.1870000000000001</v>
      </c>
      <c r="V13611" s="2">
        <v>0.67300000000000004</v>
      </c>
      <c r="W13611" s="2">
        <v>1.2999999999999999E-2</v>
      </c>
      <c r="X13611" s="2">
        <v>99.1</v>
      </c>
      <c r="Y13611" s="2">
        <v>7.6</v>
      </c>
      <c r="Z13611" s="2">
        <v>16.7</v>
      </c>
      <c r="AA13611" s="5"/>
      <c r="AB13611" s="5" t="s">
        <v>43</v>
      </c>
      <c r="AC13611" s="5" t="s">
        <v>44</v>
      </c>
      <c r="AD13611" s="2"/>
      <c r="AE13611" s="1"/>
    </row>
    <row r="13612" spans="1:31" ht="14.45">
      <c r="A13612" s="11"/>
      <c r="B13612" s="20"/>
      <c r="C13612" s="2" t="s">
        <v>41787</v>
      </c>
      <c r="D13612" s="14" t="s">
        <v>41788</v>
      </c>
      <c r="E13612" s="2" t="s">
        <v>41789</v>
      </c>
      <c r="F13612" s="2" t="s">
        <v>40997</v>
      </c>
      <c r="G13612" s="8">
        <v>138</v>
      </c>
      <c r="H13612" s="5">
        <v>6</v>
      </c>
      <c r="I13612" s="5" t="s">
        <v>1518</v>
      </c>
      <c r="J13612" s="5" t="s">
        <v>40939</v>
      </c>
      <c r="K13612" s="2" t="s">
        <v>40940</v>
      </c>
      <c r="L13612" s="5" t="s">
        <v>40939</v>
      </c>
      <c r="M13612" s="2" t="s">
        <v>40940</v>
      </c>
      <c r="N13612" s="5" t="s">
        <v>36266</v>
      </c>
      <c r="O13612" s="5" t="s">
        <v>38</v>
      </c>
      <c r="P13612" s="5" t="s">
        <v>39</v>
      </c>
      <c r="Q13612" s="5" t="s">
        <v>40</v>
      </c>
      <c r="R13612" s="5" t="s">
        <v>1522</v>
      </c>
      <c r="S13612" s="5" t="s">
        <v>1523</v>
      </c>
      <c r="T13612" s="5" t="s">
        <v>42</v>
      </c>
      <c r="U13612" s="2">
        <v>1.161</v>
      </c>
      <c r="V13612" s="2">
        <v>0.64700000000000002</v>
      </c>
      <c r="W13612" s="2">
        <v>1.2999999999999999E-2</v>
      </c>
      <c r="X13612" s="2">
        <v>99.1</v>
      </c>
      <c r="Y13612" s="2">
        <v>7.6</v>
      </c>
      <c r="Z13612" s="2">
        <v>16.7</v>
      </c>
      <c r="AA13612" s="5"/>
      <c r="AB13612" s="5" t="s">
        <v>43</v>
      </c>
      <c r="AC13612" s="5" t="s">
        <v>44</v>
      </c>
      <c r="AD13612" s="2"/>
      <c r="AE13612" s="1"/>
    </row>
    <row r="13613" spans="1:31" ht="14.45">
      <c r="A13613" s="11"/>
      <c r="B13613" s="20"/>
      <c r="C13613" s="2" t="s">
        <v>41790</v>
      </c>
      <c r="D13613" s="14" t="s">
        <v>41791</v>
      </c>
      <c r="E13613" s="2" t="s">
        <v>41792</v>
      </c>
      <c r="F13613" s="2" t="s">
        <v>41267</v>
      </c>
      <c r="G13613" s="8">
        <v>138</v>
      </c>
      <c r="H13613" s="5">
        <v>6</v>
      </c>
      <c r="I13613" s="5" t="s">
        <v>1518</v>
      </c>
      <c r="J13613" s="5" t="s">
        <v>40939</v>
      </c>
      <c r="K13613" s="2" t="s">
        <v>40940</v>
      </c>
      <c r="L13613" s="5" t="s">
        <v>40939</v>
      </c>
      <c r="M13613" s="2" t="s">
        <v>40940</v>
      </c>
      <c r="N13613" s="5" t="s">
        <v>36266</v>
      </c>
      <c r="O13613" s="5" t="s">
        <v>38</v>
      </c>
      <c r="P13613" s="5" t="s">
        <v>39</v>
      </c>
      <c r="Q13613" s="5" t="s">
        <v>40</v>
      </c>
      <c r="R13613" s="5" t="s">
        <v>1522</v>
      </c>
      <c r="S13613" s="5" t="s">
        <v>1523</v>
      </c>
      <c r="T13613" s="5" t="s">
        <v>42</v>
      </c>
      <c r="U13613" s="2">
        <v>1.1679999999999999</v>
      </c>
      <c r="V13613" s="2">
        <v>0.65400000000000003</v>
      </c>
      <c r="W13613" s="2">
        <v>1.2999999999999999E-2</v>
      </c>
      <c r="X13613" s="2">
        <v>99.1</v>
      </c>
      <c r="Y13613" s="2">
        <v>7.6</v>
      </c>
      <c r="Z13613" s="2">
        <v>16.7</v>
      </c>
      <c r="AA13613" s="5"/>
      <c r="AB13613" s="5" t="s">
        <v>43</v>
      </c>
      <c r="AC13613" s="5" t="s">
        <v>44</v>
      </c>
      <c r="AD13613" s="2"/>
      <c r="AE13613" s="1"/>
    </row>
    <row r="13614" spans="1:31" ht="14.45">
      <c r="A13614" s="11"/>
      <c r="B13614" s="20"/>
      <c r="C13614" s="2" t="s">
        <v>41793</v>
      </c>
      <c r="D13614" s="14" t="s">
        <v>41794</v>
      </c>
      <c r="E13614" s="2" t="s">
        <v>41795</v>
      </c>
      <c r="F13614" s="2" t="s">
        <v>41001</v>
      </c>
      <c r="G13614" s="8">
        <v>138</v>
      </c>
      <c r="H13614" s="5">
        <v>6</v>
      </c>
      <c r="I13614" s="5" t="s">
        <v>1518</v>
      </c>
      <c r="J13614" s="5" t="s">
        <v>40939</v>
      </c>
      <c r="K13614" s="2" t="s">
        <v>40940</v>
      </c>
      <c r="L13614" s="5" t="s">
        <v>40939</v>
      </c>
      <c r="M13614" s="2" t="s">
        <v>40940</v>
      </c>
      <c r="N13614" s="5" t="s">
        <v>36266</v>
      </c>
      <c r="O13614" s="5" t="s">
        <v>38</v>
      </c>
      <c r="P13614" s="5" t="s">
        <v>39</v>
      </c>
      <c r="Q13614" s="5" t="s">
        <v>40</v>
      </c>
      <c r="R13614" s="5" t="s">
        <v>1522</v>
      </c>
      <c r="S13614" s="5" t="s">
        <v>1523</v>
      </c>
      <c r="T13614" s="5" t="s">
        <v>42</v>
      </c>
      <c r="U13614" s="2">
        <v>1.18</v>
      </c>
      <c r="V13614" s="2">
        <v>0.66600000000000004</v>
      </c>
      <c r="W13614" s="2">
        <v>1.2999999999999999E-2</v>
      </c>
      <c r="X13614" s="2">
        <v>99.1</v>
      </c>
      <c r="Y13614" s="2">
        <v>7.6</v>
      </c>
      <c r="Z13614" s="2">
        <v>16.7</v>
      </c>
      <c r="AA13614" s="5"/>
      <c r="AB13614" s="5" t="s">
        <v>43</v>
      </c>
      <c r="AC13614" s="5" t="s">
        <v>44</v>
      </c>
      <c r="AD13614" s="2"/>
      <c r="AE13614" s="1"/>
    </row>
    <row r="13615" spans="1:31" ht="14.45">
      <c r="A13615" s="11"/>
      <c r="B13615" s="20"/>
      <c r="C13615" s="2" t="s">
        <v>41796</v>
      </c>
      <c r="D13615" s="14" t="s">
        <v>41797</v>
      </c>
      <c r="E13615" s="2" t="s">
        <v>41798</v>
      </c>
      <c r="F13615" s="2" t="s">
        <v>41005</v>
      </c>
      <c r="G13615" s="8">
        <v>138</v>
      </c>
      <c r="H13615" s="5">
        <v>6</v>
      </c>
      <c r="I13615" s="5" t="s">
        <v>1518</v>
      </c>
      <c r="J13615" s="5" t="s">
        <v>40939</v>
      </c>
      <c r="K13615" s="2" t="s">
        <v>40940</v>
      </c>
      <c r="L13615" s="5" t="s">
        <v>40939</v>
      </c>
      <c r="M13615" s="2" t="s">
        <v>40940</v>
      </c>
      <c r="N13615" s="5" t="s">
        <v>36266</v>
      </c>
      <c r="O13615" s="5" t="s">
        <v>38</v>
      </c>
      <c r="P13615" s="5" t="s">
        <v>39</v>
      </c>
      <c r="Q13615" s="5" t="s">
        <v>40</v>
      </c>
      <c r="R13615" s="5" t="s">
        <v>1522</v>
      </c>
      <c r="S13615" s="5" t="s">
        <v>1523</v>
      </c>
      <c r="T13615" s="5" t="s">
        <v>42</v>
      </c>
      <c r="U13615" s="2">
        <v>1.1870000000000001</v>
      </c>
      <c r="V13615" s="2">
        <v>0.67300000000000004</v>
      </c>
      <c r="W13615" s="2">
        <v>1.2999999999999999E-2</v>
      </c>
      <c r="X13615" s="2">
        <v>99.1</v>
      </c>
      <c r="Y13615" s="2">
        <v>7.6</v>
      </c>
      <c r="Z13615" s="2">
        <v>16.7</v>
      </c>
      <c r="AA13615" s="5"/>
      <c r="AB13615" s="5" t="s">
        <v>43</v>
      </c>
      <c r="AC13615" s="5" t="s">
        <v>44</v>
      </c>
      <c r="AD13615" s="2"/>
      <c r="AE13615" s="1"/>
    </row>
    <row r="13616" spans="1:31" ht="14.45">
      <c r="A13616" s="11"/>
      <c r="B13616" s="20"/>
      <c r="C13616" s="2" t="s">
        <v>41799</v>
      </c>
      <c r="D13616" s="14" t="s">
        <v>41800</v>
      </c>
      <c r="E13616" s="2" t="s">
        <v>41801</v>
      </c>
      <c r="F13616" s="2" t="s">
        <v>41009</v>
      </c>
      <c r="G13616" s="8">
        <v>138</v>
      </c>
      <c r="H13616" s="5">
        <v>6</v>
      </c>
      <c r="I13616" s="5" t="s">
        <v>1518</v>
      </c>
      <c r="J13616" s="5" t="s">
        <v>40939</v>
      </c>
      <c r="K13616" s="2" t="s">
        <v>40940</v>
      </c>
      <c r="L13616" s="5" t="s">
        <v>40939</v>
      </c>
      <c r="M13616" s="2" t="s">
        <v>40940</v>
      </c>
      <c r="N13616" s="5" t="s">
        <v>36266</v>
      </c>
      <c r="O13616" s="5" t="s">
        <v>38</v>
      </c>
      <c r="P13616" s="5" t="s">
        <v>39</v>
      </c>
      <c r="Q13616" s="5" t="s">
        <v>40</v>
      </c>
      <c r="R13616" s="5" t="s">
        <v>1522</v>
      </c>
      <c r="S13616" s="5" t="s">
        <v>1523</v>
      </c>
      <c r="T13616" s="5" t="s">
        <v>42</v>
      </c>
      <c r="U13616" s="2">
        <v>1.1839999999999999</v>
      </c>
      <c r="V13616" s="2">
        <v>0.67</v>
      </c>
      <c r="W13616" s="2">
        <v>1.2999999999999999E-2</v>
      </c>
      <c r="X13616" s="2">
        <v>99.1</v>
      </c>
      <c r="Y13616" s="2">
        <v>7.6</v>
      </c>
      <c r="Z13616" s="2">
        <v>16.7</v>
      </c>
      <c r="AA13616" s="5"/>
      <c r="AB13616" s="5" t="s">
        <v>43</v>
      </c>
      <c r="AC13616" s="5" t="s">
        <v>44</v>
      </c>
      <c r="AD13616" s="2"/>
      <c r="AE13616" s="1"/>
    </row>
    <row r="13617" spans="1:31" ht="14.45">
      <c r="A13617" s="11"/>
      <c r="B13617" s="20"/>
      <c r="C13617" s="2" t="s">
        <v>41802</v>
      </c>
      <c r="D13617" s="14" t="s">
        <v>41803</v>
      </c>
      <c r="E13617" s="2" t="s">
        <v>41804</v>
      </c>
      <c r="F13617" s="2" t="s">
        <v>41013</v>
      </c>
      <c r="G13617" s="8">
        <v>138</v>
      </c>
      <c r="H13617" s="5">
        <v>6</v>
      </c>
      <c r="I13617" s="5" t="s">
        <v>1518</v>
      </c>
      <c r="J13617" s="5" t="s">
        <v>40939</v>
      </c>
      <c r="K13617" s="2" t="s">
        <v>40940</v>
      </c>
      <c r="L13617" s="5" t="s">
        <v>40939</v>
      </c>
      <c r="M13617" s="2" t="s">
        <v>40940</v>
      </c>
      <c r="N13617" s="5" t="s">
        <v>36266</v>
      </c>
      <c r="O13617" s="5" t="s">
        <v>38</v>
      </c>
      <c r="P13617" s="5" t="s">
        <v>39</v>
      </c>
      <c r="Q13617" s="5" t="s">
        <v>40</v>
      </c>
      <c r="R13617" s="5" t="s">
        <v>1522</v>
      </c>
      <c r="S13617" s="5" t="s">
        <v>1523</v>
      </c>
      <c r="T13617" s="5" t="s">
        <v>42</v>
      </c>
      <c r="U13617" s="2">
        <v>1.1910000000000001</v>
      </c>
      <c r="V13617" s="2">
        <v>0.67700000000000005</v>
      </c>
      <c r="W13617" s="2">
        <v>1.2999999999999999E-2</v>
      </c>
      <c r="X13617" s="2">
        <v>99.1</v>
      </c>
      <c r="Y13617" s="2">
        <v>7.6</v>
      </c>
      <c r="Z13617" s="2">
        <v>16.7</v>
      </c>
      <c r="AA13617" s="5"/>
      <c r="AB13617" s="5" t="s">
        <v>43</v>
      </c>
      <c r="AC13617" s="5" t="s">
        <v>44</v>
      </c>
      <c r="AD13617" s="2"/>
      <c r="AE13617" s="1"/>
    </row>
    <row r="13618" spans="1:31" ht="14.45">
      <c r="A13618" s="11"/>
      <c r="B13618" s="20"/>
      <c r="C13618" s="2" t="s">
        <v>41805</v>
      </c>
      <c r="D13618" s="14" t="s">
        <v>41806</v>
      </c>
      <c r="E13618" s="2" t="s">
        <v>41807</v>
      </c>
      <c r="F13618" s="2" t="s">
        <v>7396</v>
      </c>
      <c r="G13618" s="8">
        <v>120</v>
      </c>
      <c r="H13618" s="5">
        <v>6</v>
      </c>
      <c r="I13618" s="5" t="s">
        <v>1518</v>
      </c>
      <c r="J13618" s="5" t="s">
        <v>40939</v>
      </c>
      <c r="K13618" s="2" t="s">
        <v>40940</v>
      </c>
      <c r="L13618" s="5" t="s">
        <v>40939</v>
      </c>
      <c r="M13618" s="2" t="s">
        <v>40940</v>
      </c>
      <c r="N13618" s="5" t="s">
        <v>36266</v>
      </c>
      <c r="O13618" s="5" t="s">
        <v>38</v>
      </c>
      <c r="P13618" s="5" t="s">
        <v>39</v>
      </c>
      <c r="Q13618" s="5" t="s">
        <v>40</v>
      </c>
      <c r="R13618" s="5" t="s">
        <v>1522</v>
      </c>
      <c r="S13618" s="5" t="s">
        <v>1523</v>
      </c>
      <c r="T13618" s="5" t="s">
        <v>42</v>
      </c>
      <c r="U13618" s="2">
        <v>1.1839999999999999</v>
      </c>
      <c r="V13618" s="2">
        <v>0.67</v>
      </c>
      <c r="W13618" s="2">
        <v>1.2999999999999999E-2</v>
      </c>
      <c r="X13618" s="2">
        <v>99.1</v>
      </c>
      <c r="Y13618" s="2">
        <v>7.6</v>
      </c>
      <c r="Z13618" s="2">
        <v>16.7</v>
      </c>
      <c r="AA13618" s="5"/>
      <c r="AB13618" s="5" t="s">
        <v>43</v>
      </c>
      <c r="AC13618" s="5" t="s">
        <v>44</v>
      </c>
      <c r="AD13618" s="2"/>
      <c r="AE13618" s="1"/>
    </row>
    <row r="13619" spans="1:31" ht="14.45">
      <c r="A13619" s="11"/>
      <c r="B13619" s="20"/>
      <c r="C13619" s="2" t="s">
        <v>41808</v>
      </c>
      <c r="D13619" s="14" t="s">
        <v>41809</v>
      </c>
      <c r="E13619" s="2" t="s">
        <v>41810</v>
      </c>
      <c r="F13619" s="2" t="s">
        <v>7507</v>
      </c>
      <c r="G13619" s="8">
        <v>120</v>
      </c>
      <c r="H13619" s="5">
        <v>6</v>
      </c>
      <c r="I13619" s="5" t="s">
        <v>1518</v>
      </c>
      <c r="J13619" s="5" t="s">
        <v>40939</v>
      </c>
      <c r="K13619" s="2" t="s">
        <v>40940</v>
      </c>
      <c r="L13619" s="5" t="s">
        <v>40939</v>
      </c>
      <c r="M13619" s="2" t="s">
        <v>40940</v>
      </c>
      <c r="N13619" s="5" t="s">
        <v>36266</v>
      </c>
      <c r="O13619" s="5" t="s">
        <v>38</v>
      </c>
      <c r="P13619" s="5" t="s">
        <v>39</v>
      </c>
      <c r="Q13619" s="5" t="s">
        <v>40</v>
      </c>
      <c r="R13619" s="5" t="s">
        <v>1522</v>
      </c>
      <c r="S13619" s="5" t="s">
        <v>1523</v>
      </c>
      <c r="T13619" s="5" t="s">
        <v>42</v>
      </c>
      <c r="U13619" s="2">
        <v>1.1910000000000001</v>
      </c>
      <c r="V13619" s="2">
        <v>0.67700000000000005</v>
      </c>
      <c r="W13619" s="2">
        <v>1.2999999999999999E-2</v>
      </c>
      <c r="X13619" s="2">
        <v>99.1</v>
      </c>
      <c r="Y13619" s="2">
        <v>7.6</v>
      </c>
      <c r="Z13619" s="2">
        <v>16.7</v>
      </c>
      <c r="AA13619" s="5"/>
      <c r="AB13619" s="5" t="s">
        <v>43</v>
      </c>
      <c r="AC13619" s="5" t="s">
        <v>44</v>
      </c>
      <c r="AD13619" s="2"/>
      <c r="AE13619" s="1"/>
    </row>
    <row r="13620" spans="1:31" ht="14.45">
      <c r="A13620" s="11"/>
      <c r="B13620" s="20"/>
      <c r="C13620" s="2" t="s">
        <v>41811</v>
      </c>
      <c r="D13620" s="14" t="s">
        <v>41812</v>
      </c>
      <c r="E13620" s="2" t="s">
        <v>41813</v>
      </c>
      <c r="F13620" s="2" t="s">
        <v>41023</v>
      </c>
      <c r="G13620" s="8">
        <v>138</v>
      </c>
      <c r="H13620" s="5">
        <v>6</v>
      </c>
      <c r="I13620" s="5" t="s">
        <v>1518</v>
      </c>
      <c r="J13620" s="5" t="s">
        <v>40939</v>
      </c>
      <c r="K13620" s="2" t="s">
        <v>40940</v>
      </c>
      <c r="L13620" s="5" t="s">
        <v>40939</v>
      </c>
      <c r="M13620" s="2" t="s">
        <v>40940</v>
      </c>
      <c r="N13620" s="5" t="s">
        <v>36266</v>
      </c>
      <c r="O13620" s="5" t="s">
        <v>38</v>
      </c>
      <c r="P13620" s="5" t="s">
        <v>39</v>
      </c>
      <c r="Q13620" s="5" t="s">
        <v>40</v>
      </c>
      <c r="R13620" s="5" t="s">
        <v>1522</v>
      </c>
      <c r="S13620" s="5" t="s">
        <v>1523</v>
      </c>
      <c r="T13620" s="5" t="s">
        <v>42</v>
      </c>
      <c r="U13620" s="2">
        <v>1.161</v>
      </c>
      <c r="V13620" s="2">
        <v>0.64700000000000002</v>
      </c>
      <c r="W13620" s="2">
        <v>1.2999999999999999E-2</v>
      </c>
      <c r="X13620" s="2">
        <v>99.1</v>
      </c>
      <c r="Y13620" s="2">
        <v>7.6</v>
      </c>
      <c r="Z13620" s="2">
        <v>16.7</v>
      </c>
      <c r="AA13620" s="5"/>
      <c r="AB13620" s="5" t="s">
        <v>43</v>
      </c>
      <c r="AC13620" s="5" t="s">
        <v>44</v>
      </c>
      <c r="AD13620" s="2"/>
      <c r="AE13620" s="1"/>
    </row>
    <row r="13621" spans="1:31" ht="14.45">
      <c r="A13621" s="11"/>
      <c r="B13621" s="20"/>
      <c r="C13621" s="2" t="s">
        <v>41814</v>
      </c>
      <c r="D13621" s="14" t="s">
        <v>41815</v>
      </c>
      <c r="E13621" s="2" t="s">
        <v>41816</v>
      </c>
      <c r="F13621" s="2" t="s">
        <v>41027</v>
      </c>
      <c r="G13621" s="8">
        <v>138</v>
      </c>
      <c r="H13621" s="5">
        <v>6</v>
      </c>
      <c r="I13621" s="5" t="s">
        <v>1518</v>
      </c>
      <c r="J13621" s="5" t="s">
        <v>40939</v>
      </c>
      <c r="K13621" s="2" t="s">
        <v>40940</v>
      </c>
      <c r="L13621" s="5" t="s">
        <v>40939</v>
      </c>
      <c r="M13621" s="2" t="s">
        <v>40940</v>
      </c>
      <c r="N13621" s="5" t="s">
        <v>36266</v>
      </c>
      <c r="O13621" s="5" t="s">
        <v>38</v>
      </c>
      <c r="P13621" s="5" t="s">
        <v>39</v>
      </c>
      <c r="Q13621" s="5" t="s">
        <v>40</v>
      </c>
      <c r="R13621" s="5" t="s">
        <v>1522</v>
      </c>
      <c r="S13621" s="5" t="s">
        <v>1523</v>
      </c>
      <c r="T13621" s="5" t="s">
        <v>42</v>
      </c>
      <c r="U13621" s="2">
        <v>1.1679999999999999</v>
      </c>
      <c r="V13621" s="2">
        <v>0.65400000000000003</v>
      </c>
      <c r="W13621" s="2">
        <v>1.2999999999999999E-2</v>
      </c>
      <c r="X13621" s="2">
        <v>99.1</v>
      </c>
      <c r="Y13621" s="2">
        <v>7.6</v>
      </c>
      <c r="Z13621" s="2">
        <v>16.7</v>
      </c>
      <c r="AA13621" s="5"/>
      <c r="AB13621" s="5" t="s">
        <v>43</v>
      </c>
      <c r="AC13621" s="5" t="s">
        <v>44</v>
      </c>
      <c r="AD13621" s="2"/>
      <c r="AE13621" s="1"/>
    </row>
    <row r="13622" spans="1:31" ht="14.45">
      <c r="A13622" s="11"/>
      <c r="B13622" s="20"/>
      <c r="C13622" s="2" t="s">
        <v>41817</v>
      </c>
      <c r="D13622" s="14" t="s">
        <v>41818</v>
      </c>
      <c r="E13622" s="2" t="s">
        <v>41819</v>
      </c>
      <c r="F13622" s="2" t="s">
        <v>41031</v>
      </c>
      <c r="G13622" s="8">
        <v>138</v>
      </c>
      <c r="H13622" s="5">
        <v>6</v>
      </c>
      <c r="I13622" s="5" t="s">
        <v>1518</v>
      </c>
      <c r="J13622" s="5" t="s">
        <v>40939</v>
      </c>
      <c r="K13622" s="2" t="s">
        <v>40940</v>
      </c>
      <c r="L13622" s="5" t="s">
        <v>40939</v>
      </c>
      <c r="M13622" s="2" t="s">
        <v>40940</v>
      </c>
      <c r="N13622" s="5" t="s">
        <v>36266</v>
      </c>
      <c r="O13622" s="5" t="s">
        <v>38</v>
      </c>
      <c r="P13622" s="5" t="s">
        <v>39</v>
      </c>
      <c r="Q13622" s="5" t="s">
        <v>40</v>
      </c>
      <c r="R13622" s="5" t="s">
        <v>1522</v>
      </c>
      <c r="S13622" s="5" t="s">
        <v>1523</v>
      </c>
      <c r="T13622" s="5" t="s">
        <v>42</v>
      </c>
      <c r="U13622" s="2">
        <v>1.161</v>
      </c>
      <c r="V13622" s="2">
        <v>0.64700000000000002</v>
      </c>
      <c r="W13622" s="2">
        <v>1.2999999999999999E-2</v>
      </c>
      <c r="X13622" s="2">
        <v>99.1</v>
      </c>
      <c r="Y13622" s="2">
        <v>7.6</v>
      </c>
      <c r="Z13622" s="2">
        <v>16.7</v>
      </c>
      <c r="AA13622" s="5"/>
      <c r="AB13622" s="5" t="s">
        <v>43</v>
      </c>
      <c r="AC13622" s="5" t="s">
        <v>44</v>
      </c>
      <c r="AD13622" s="2"/>
      <c r="AE13622" s="1"/>
    </row>
    <row r="13623" spans="1:31" ht="14.45">
      <c r="A13623" s="11"/>
      <c r="B13623" s="20"/>
      <c r="C13623" s="2" t="s">
        <v>41820</v>
      </c>
      <c r="D13623" s="14" t="s">
        <v>41821</v>
      </c>
      <c r="E13623" s="2" t="s">
        <v>41822</v>
      </c>
      <c r="F13623" s="2" t="s">
        <v>41035</v>
      </c>
      <c r="G13623" s="8">
        <v>138</v>
      </c>
      <c r="H13623" s="5">
        <v>6</v>
      </c>
      <c r="I13623" s="5" t="s">
        <v>1518</v>
      </c>
      <c r="J13623" s="5" t="s">
        <v>40939</v>
      </c>
      <c r="K13623" s="2" t="s">
        <v>40940</v>
      </c>
      <c r="L13623" s="5" t="s">
        <v>40939</v>
      </c>
      <c r="M13623" s="2" t="s">
        <v>40940</v>
      </c>
      <c r="N13623" s="5" t="s">
        <v>36266</v>
      </c>
      <c r="O13623" s="5" t="s">
        <v>38</v>
      </c>
      <c r="P13623" s="5" t="s">
        <v>39</v>
      </c>
      <c r="Q13623" s="5" t="s">
        <v>40</v>
      </c>
      <c r="R13623" s="5" t="s">
        <v>1522</v>
      </c>
      <c r="S13623" s="5" t="s">
        <v>1523</v>
      </c>
      <c r="T13623" s="5" t="s">
        <v>42</v>
      </c>
      <c r="U13623" s="2">
        <v>1.1679999999999999</v>
      </c>
      <c r="V13623" s="2">
        <v>0.65400000000000003</v>
      </c>
      <c r="W13623" s="2">
        <v>1.2999999999999999E-2</v>
      </c>
      <c r="X13623" s="2">
        <v>99.1</v>
      </c>
      <c r="Y13623" s="2">
        <v>7.6</v>
      </c>
      <c r="Z13623" s="2">
        <v>16.7</v>
      </c>
      <c r="AA13623" s="5"/>
      <c r="AB13623" s="5" t="s">
        <v>43</v>
      </c>
      <c r="AC13623" s="5" t="s">
        <v>44</v>
      </c>
      <c r="AD13623" s="2"/>
      <c r="AE13623" s="1"/>
    </row>
    <row r="13624" spans="1:31" ht="14.45">
      <c r="A13624" s="11"/>
      <c r="B13624" s="20"/>
      <c r="C13624" s="2" t="s">
        <v>41823</v>
      </c>
      <c r="D13624" s="14" t="s">
        <v>41824</v>
      </c>
      <c r="E13624" s="2" t="s">
        <v>41825</v>
      </c>
      <c r="F13624" s="2" t="s">
        <v>7581</v>
      </c>
      <c r="G13624" s="8">
        <v>138</v>
      </c>
      <c r="H13624" s="5">
        <v>6</v>
      </c>
      <c r="I13624" s="5" t="s">
        <v>1518</v>
      </c>
      <c r="J13624" s="5" t="s">
        <v>40939</v>
      </c>
      <c r="K13624" s="2" t="s">
        <v>40940</v>
      </c>
      <c r="L13624" s="5" t="s">
        <v>40939</v>
      </c>
      <c r="M13624" s="2" t="s">
        <v>40940</v>
      </c>
      <c r="N13624" s="5" t="s">
        <v>36266</v>
      </c>
      <c r="O13624" s="5" t="s">
        <v>38</v>
      </c>
      <c r="P13624" s="5" t="s">
        <v>39</v>
      </c>
      <c r="Q13624" s="5" t="s">
        <v>40</v>
      </c>
      <c r="R13624" s="5" t="s">
        <v>1522</v>
      </c>
      <c r="S13624" s="5" t="s">
        <v>1523</v>
      </c>
      <c r="T13624" s="5" t="s">
        <v>42</v>
      </c>
      <c r="U13624" s="2">
        <v>1.1679999999999999</v>
      </c>
      <c r="V13624" s="2">
        <v>0.65400000000000003</v>
      </c>
      <c r="W13624" s="2">
        <v>1.2999999999999999E-2</v>
      </c>
      <c r="X13624" s="2">
        <v>99.1</v>
      </c>
      <c r="Y13624" s="2">
        <v>7.6</v>
      </c>
      <c r="Z13624" s="2">
        <v>16.7</v>
      </c>
      <c r="AA13624" s="5"/>
      <c r="AB13624" s="5" t="s">
        <v>43</v>
      </c>
      <c r="AC13624" s="5" t="s">
        <v>44</v>
      </c>
      <c r="AD13624" s="2"/>
      <c r="AE13624" s="1"/>
    </row>
    <row r="13625" spans="1:31" ht="14.45">
      <c r="A13625" s="11"/>
      <c r="B13625" s="20"/>
      <c r="C13625" s="2" t="s">
        <v>41826</v>
      </c>
      <c r="D13625" s="14" t="s">
        <v>41827</v>
      </c>
      <c r="E13625" s="2" t="s">
        <v>41828</v>
      </c>
      <c r="F13625" s="2" t="s">
        <v>41045</v>
      </c>
      <c r="G13625" s="8">
        <v>138</v>
      </c>
      <c r="H13625" s="5">
        <v>6</v>
      </c>
      <c r="I13625" s="5" t="s">
        <v>1518</v>
      </c>
      <c r="J13625" s="5" t="s">
        <v>40939</v>
      </c>
      <c r="K13625" s="2" t="s">
        <v>40940</v>
      </c>
      <c r="L13625" s="5" t="s">
        <v>40939</v>
      </c>
      <c r="M13625" s="2" t="s">
        <v>40940</v>
      </c>
      <c r="N13625" s="5" t="s">
        <v>36266</v>
      </c>
      <c r="O13625" s="5" t="s">
        <v>38</v>
      </c>
      <c r="P13625" s="5" t="s">
        <v>39</v>
      </c>
      <c r="Q13625" s="5" t="s">
        <v>40</v>
      </c>
      <c r="R13625" s="5" t="s">
        <v>1522</v>
      </c>
      <c r="S13625" s="5" t="s">
        <v>1523</v>
      </c>
      <c r="T13625" s="5" t="s">
        <v>42</v>
      </c>
      <c r="U13625" s="2">
        <v>1.1890000000000001</v>
      </c>
      <c r="V13625" s="2">
        <v>0.67500000000000004</v>
      </c>
      <c r="W13625" s="2">
        <v>1.2999999999999999E-2</v>
      </c>
      <c r="X13625" s="2">
        <v>99.1</v>
      </c>
      <c r="Y13625" s="2">
        <v>7.6</v>
      </c>
      <c r="Z13625" s="2">
        <v>16.7</v>
      </c>
      <c r="AA13625" s="5"/>
      <c r="AB13625" s="5" t="s">
        <v>43</v>
      </c>
      <c r="AC13625" s="5" t="s">
        <v>44</v>
      </c>
      <c r="AD13625" s="2"/>
      <c r="AE13625" s="1"/>
    </row>
    <row r="13626" spans="1:31" ht="14.45">
      <c r="A13626" s="11"/>
      <c r="B13626" s="20"/>
      <c r="C13626" s="2" t="s">
        <v>41829</v>
      </c>
      <c r="D13626" s="14" t="s">
        <v>41830</v>
      </c>
      <c r="E13626" s="2" t="s">
        <v>41831</v>
      </c>
      <c r="F13626" s="2" t="s">
        <v>41049</v>
      </c>
      <c r="G13626" s="8">
        <v>138</v>
      </c>
      <c r="H13626" s="5">
        <v>6</v>
      </c>
      <c r="I13626" s="5" t="s">
        <v>1518</v>
      </c>
      <c r="J13626" s="5" t="s">
        <v>40939</v>
      </c>
      <c r="K13626" s="2" t="s">
        <v>40940</v>
      </c>
      <c r="L13626" s="5" t="s">
        <v>40939</v>
      </c>
      <c r="M13626" s="2" t="s">
        <v>40940</v>
      </c>
      <c r="N13626" s="5" t="s">
        <v>36266</v>
      </c>
      <c r="O13626" s="5" t="s">
        <v>38</v>
      </c>
      <c r="P13626" s="5" t="s">
        <v>39</v>
      </c>
      <c r="Q13626" s="5" t="s">
        <v>40</v>
      </c>
      <c r="R13626" s="5" t="s">
        <v>1522</v>
      </c>
      <c r="S13626" s="5" t="s">
        <v>1523</v>
      </c>
      <c r="T13626" s="5" t="s">
        <v>42</v>
      </c>
      <c r="U13626" s="2">
        <v>1.196</v>
      </c>
      <c r="V13626" s="2">
        <v>0.68200000000000005</v>
      </c>
      <c r="W13626" s="2">
        <v>1.2999999999999999E-2</v>
      </c>
      <c r="X13626" s="2">
        <v>99.1</v>
      </c>
      <c r="Y13626" s="2">
        <v>7.6</v>
      </c>
      <c r="Z13626" s="2">
        <v>16.7</v>
      </c>
      <c r="AA13626" s="5"/>
      <c r="AB13626" s="5" t="s">
        <v>43</v>
      </c>
      <c r="AC13626" s="5" t="s">
        <v>44</v>
      </c>
      <c r="AD13626" s="2"/>
      <c r="AE13626" s="1"/>
    </row>
    <row r="13627" spans="1:31" ht="14.45">
      <c r="A13627" s="11"/>
      <c r="B13627" s="20"/>
      <c r="C13627" s="2" t="s">
        <v>41832</v>
      </c>
      <c r="D13627" s="14" t="s">
        <v>41833</v>
      </c>
      <c r="E13627" s="2" t="s">
        <v>41834</v>
      </c>
      <c r="F13627" s="2" t="s">
        <v>7204</v>
      </c>
      <c r="G13627" s="8">
        <v>133</v>
      </c>
      <c r="H13627" s="5">
        <v>6</v>
      </c>
      <c r="I13627" s="5" t="s">
        <v>1518</v>
      </c>
      <c r="J13627" s="5" t="s">
        <v>40939</v>
      </c>
      <c r="K13627" s="2" t="s">
        <v>40940</v>
      </c>
      <c r="L13627" s="5" t="s">
        <v>40939</v>
      </c>
      <c r="M13627" s="2" t="s">
        <v>40940</v>
      </c>
      <c r="N13627" s="5" t="s">
        <v>36266</v>
      </c>
      <c r="O13627" s="5" t="s">
        <v>38</v>
      </c>
      <c r="P13627" s="5" t="s">
        <v>39</v>
      </c>
      <c r="Q13627" s="5" t="s">
        <v>40</v>
      </c>
      <c r="R13627" s="5" t="s">
        <v>1522</v>
      </c>
      <c r="S13627" s="5" t="s">
        <v>1523</v>
      </c>
      <c r="T13627" s="5" t="s">
        <v>42</v>
      </c>
      <c r="U13627" s="2">
        <v>1.232</v>
      </c>
      <c r="V13627" s="2">
        <v>0.71899999999999997</v>
      </c>
      <c r="W13627" s="2">
        <v>1.4999999999999999E-2</v>
      </c>
      <c r="X13627" s="2">
        <v>118.9</v>
      </c>
      <c r="Y13627" s="2">
        <v>7.6</v>
      </c>
      <c r="Z13627" s="2">
        <v>16.7</v>
      </c>
      <c r="AA13627" s="5"/>
      <c r="AB13627" s="5" t="s">
        <v>43</v>
      </c>
      <c r="AC13627" s="5" t="s">
        <v>44</v>
      </c>
      <c r="AD13627" s="2"/>
      <c r="AE13627" s="1"/>
    </row>
    <row r="13628" spans="1:31" ht="14.45">
      <c r="A13628" s="11"/>
      <c r="B13628" s="20"/>
      <c r="C13628" s="2" t="s">
        <v>41835</v>
      </c>
      <c r="D13628" s="14" t="s">
        <v>41836</v>
      </c>
      <c r="E13628" s="2" t="s">
        <v>41837</v>
      </c>
      <c r="F13628" s="2" t="s">
        <v>7514</v>
      </c>
      <c r="G13628" s="8">
        <v>133</v>
      </c>
      <c r="H13628" s="5">
        <v>6</v>
      </c>
      <c r="I13628" s="5" t="s">
        <v>1518</v>
      </c>
      <c r="J13628" s="5" t="s">
        <v>40939</v>
      </c>
      <c r="K13628" s="2" t="s">
        <v>40940</v>
      </c>
      <c r="L13628" s="5" t="s">
        <v>40939</v>
      </c>
      <c r="M13628" s="2" t="s">
        <v>40940</v>
      </c>
      <c r="N13628" s="5" t="s">
        <v>36266</v>
      </c>
      <c r="O13628" s="5" t="s">
        <v>38</v>
      </c>
      <c r="P13628" s="5" t="s">
        <v>39</v>
      </c>
      <c r="Q13628" s="5" t="s">
        <v>40</v>
      </c>
      <c r="R13628" s="5" t="s">
        <v>1522</v>
      </c>
      <c r="S13628" s="5" t="s">
        <v>1523</v>
      </c>
      <c r="T13628" s="5" t="s">
        <v>42</v>
      </c>
      <c r="U13628" s="2">
        <v>1.238</v>
      </c>
      <c r="V13628" s="2">
        <v>0.72499999999999998</v>
      </c>
      <c r="W13628" s="2">
        <v>1.4999999999999999E-2</v>
      </c>
      <c r="X13628" s="2">
        <v>118.9</v>
      </c>
      <c r="Y13628" s="2">
        <v>7.6</v>
      </c>
      <c r="Z13628" s="2">
        <v>16.7</v>
      </c>
      <c r="AA13628" s="5"/>
      <c r="AB13628" s="5" t="s">
        <v>43</v>
      </c>
      <c r="AC13628" s="5" t="s">
        <v>44</v>
      </c>
      <c r="AD13628" s="2"/>
      <c r="AE13628" s="1"/>
    </row>
    <row r="13629" spans="1:31" ht="14.45">
      <c r="A13629" s="11"/>
      <c r="B13629" s="20"/>
      <c r="C13629" s="2" t="s">
        <v>41838</v>
      </c>
      <c r="D13629" s="14" t="s">
        <v>41839</v>
      </c>
      <c r="E13629" s="2" t="s">
        <v>41840</v>
      </c>
      <c r="F13629" s="2" t="s">
        <v>41221</v>
      </c>
      <c r="G13629" s="8">
        <v>153</v>
      </c>
      <c r="H13629" s="5">
        <v>6</v>
      </c>
      <c r="I13629" s="5" t="s">
        <v>1518</v>
      </c>
      <c r="J13629" s="5" t="s">
        <v>40939</v>
      </c>
      <c r="K13629" s="2" t="s">
        <v>40940</v>
      </c>
      <c r="L13629" s="5" t="s">
        <v>40939</v>
      </c>
      <c r="M13629" s="2" t="s">
        <v>40940</v>
      </c>
      <c r="N13629" s="5" t="s">
        <v>36266</v>
      </c>
      <c r="O13629" s="5" t="s">
        <v>38</v>
      </c>
      <c r="P13629" s="5" t="s">
        <v>39</v>
      </c>
      <c r="Q13629" s="5" t="s">
        <v>40</v>
      </c>
      <c r="R13629" s="5" t="s">
        <v>1522</v>
      </c>
      <c r="S13629" s="5" t="s">
        <v>1523</v>
      </c>
      <c r="T13629" s="5" t="s">
        <v>42</v>
      </c>
      <c r="U13629" s="2">
        <v>1.2430000000000001</v>
      </c>
      <c r="V13629" s="2">
        <v>0.73</v>
      </c>
      <c r="W13629" s="2">
        <v>1.4999999999999999E-2</v>
      </c>
      <c r="X13629" s="2">
        <v>118.9</v>
      </c>
      <c r="Y13629" s="2">
        <v>7.6</v>
      </c>
      <c r="Z13629" s="2">
        <v>16.7</v>
      </c>
      <c r="AA13629" s="5"/>
      <c r="AB13629" s="5" t="s">
        <v>43</v>
      </c>
      <c r="AC13629" s="5" t="s">
        <v>44</v>
      </c>
      <c r="AD13629" s="2"/>
      <c r="AE13629" s="1"/>
    </row>
    <row r="13630" spans="1:31" ht="14.45">
      <c r="A13630" s="11"/>
      <c r="B13630" s="20"/>
      <c r="C13630" s="2" t="s">
        <v>41841</v>
      </c>
      <c r="D13630" s="14" t="s">
        <v>41842</v>
      </c>
      <c r="E13630" s="2" t="s">
        <v>41843</v>
      </c>
      <c r="F13630" s="2" t="s">
        <v>40951</v>
      </c>
      <c r="G13630" s="8">
        <v>153</v>
      </c>
      <c r="H13630" s="5">
        <v>6</v>
      </c>
      <c r="I13630" s="5" t="s">
        <v>1518</v>
      </c>
      <c r="J13630" s="5" t="s">
        <v>40939</v>
      </c>
      <c r="K13630" s="2" t="s">
        <v>40940</v>
      </c>
      <c r="L13630" s="5" t="s">
        <v>40939</v>
      </c>
      <c r="M13630" s="2" t="s">
        <v>40940</v>
      </c>
      <c r="N13630" s="5" t="s">
        <v>36266</v>
      </c>
      <c r="O13630" s="5" t="s">
        <v>38</v>
      </c>
      <c r="P13630" s="5" t="s">
        <v>39</v>
      </c>
      <c r="Q13630" s="5" t="s">
        <v>40</v>
      </c>
      <c r="R13630" s="5" t="s">
        <v>1522</v>
      </c>
      <c r="S13630" s="5" t="s">
        <v>1523</v>
      </c>
      <c r="T13630" s="5" t="s">
        <v>42</v>
      </c>
      <c r="U13630" s="2">
        <v>1.2490000000000001</v>
      </c>
      <c r="V13630" s="2">
        <v>0.73599999999999999</v>
      </c>
      <c r="W13630" s="2">
        <v>1.4999999999999999E-2</v>
      </c>
      <c r="X13630" s="2">
        <v>118.9</v>
      </c>
      <c r="Y13630" s="2">
        <v>7.6</v>
      </c>
      <c r="Z13630" s="2">
        <v>16.7</v>
      </c>
      <c r="AA13630" s="5"/>
      <c r="AB13630" s="5" t="s">
        <v>43</v>
      </c>
      <c r="AC13630" s="5" t="s">
        <v>44</v>
      </c>
      <c r="AD13630" s="2"/>
      <c r="AE13630" s="1"/>
    </row>
    <row r="13631" spans="1:31" ht="14.45">
      <c r="A13631" s="11"/>
      <c r="B13631" s="20"/>
      <c r="C13631" s="2" t="s">
        <v>41844</v>
      </c>
      <c r="D13631" s="14" t="s">
        <v>41845</v>
      </c>
      <c r="E13631" s="2" t="s">
        <v>41846</v>
      </c>
      <c r="F13631" s="2" t="s">
        <v>7208</v>
      </c>
      <c r="G13631" s="8">
        <v>133</v>
      </c>
      <c r="H13631" s="5">
        <v>6</v>
      </c>
      <c r="I13631" s="5" t="s">
        <v>1518</v>
      </c>
      <c r="J13631" s="5" t="s">
        <v>40939</v>
      </c>
      <c r="K13631" s="2" t="s">
        <v>40940</v>
      </c>
      <c r="L13631" s="5" t="s">
        <v>40939</v>
      </c>
      <c r="M13631" s="2" t="s">
        <v>40940</v>
      </c>
      <c r="N13631" s="5" t="s">
        <v>36266</v>
      </c>
      <c r="O13631" s="5" t="s">
        <v>38</v>
      </c>
      <c r="P13631" s="5" t="s">
        <v>39</v>
      </c>
      <c r="Q13631" s="5" t="s">
        <v>40</v>
      </c>
      <c r="R13631" s="5" t="s">
        <v>1522</v>
      </c>
      <c r="S13631" s="5" t="s">
        <v>1523</v>
      </c>
      <c r="T13631" s="5" t="s">
        <v>42</v>
      </c>
      <c r="U13631" s="2">
        <v>1.2490000000000001</v>
      </c>
      <c r="V13631" s="2">
        <v>0.73599999999999999</v>
      </c>
      <c r="W13631" s="2">
        <v>1.4999999999999999E-2</v>
      </c>
      <c r="X13631" s="2">
        <v>118.9</v>
      </c>
      <c r="Y13631" s="2">
        <v>7.6</v>
      </c>
      <c r="Z13631" s="2">
        <v>16.7</v>
      </c>
      <c r="AA13631" s="5"/>
      <c r="AB13631" s="5" t="s">
        <v>43</v>
      </c>
      <c r="AC13631" s="5" t="s">
        <v>44</v>
      </c>
      <c r="AD13631" s="2"/>
      <c r="AE13631" s="1"/>
    </row>
    <row r="13632" spans="1:31" ht="14.45">
      <c r="A13632" s="11"/>
      <c r="B13632" s="20"/>
      <c r="C13632" s="2" t="s">
        <v>41847</v>
      </c>
      <c r="D13632" s="14" t="s">
        <v>41848</v>
      </c>
      <c r="E13632" s="2" t="s">
        <v>41849</v>
      </c>
      <c r="F13632" s="2" t="s">
        <v>7521</v>
      </c>
      <c r="G13632" s="8">
        <v>133</v>
      </c>
      <c r="H13632" s="5">
        <v>6</v>
      </c>
      <c r="I13632" s="5" t="s">
        <v>1518</v>
      </c>
      <c r="J13632" s="5" t="s">
        <v>40939</v>
      </c>
      <c r="K13632" s="2" t="s">
        <v>40940</v>
      </c>
      <c r="L13632" s="5" t="s">
        <v>40939</v>
      </c>
      <c r="M13632" s="2" t="s">
        <v>40940</v>
      </c>
      <c r="N13632" s="5" t="s">
        <v>36266</v>
      </c>
      <c r="O13632" s="5" t="s">
        <v>38</v>
      </c>
      <c r="P13632" s="5" t="s">
        <v>39</v>
      </c>
      <c r="Q13632" s="5" t="s">
        <v>40</v>
      </c>
      <c r="R13632" s="5" t="s">
        <v>1522</v>
      </c>
      <c r="S13632" s="5" t="s">
        <v>1523</v>
      </c>
      <c r="T13632" s="5" t="s">
        <v>42</v>
      </c>
      <c r="U13632" s="2">
        <v>1.2549999999999999</v>
      </c>
      <c r="V13632" s="2">
        <v>0.74199999999999999</v>
      </c>
      <c r="W13632" s="2">
        <v>1.4999999999999999E-2</v>
      </c>
      <c r="X13632" s="2">
        <v>118.9</v>
      </c>
      <c r="Y13632" s="2">
        <v>7.6</v>
      </c>
      <c r="Z13632" s="2">
        <v>16.7</v>
      </c>
      <c r="AA13632" s="5"/>
      <c r="AB13632" s="5" t="s">
        <v>43</v>
      </c>
      <c r="AC13632" s="5" t="s">
        <v>44</v>
      </c>
      <c r="AD13632" s="2"/>
      <c r="AE13632" s="1"/>
    </row>
    <row r="13633" spans="1:31" ht="14.45">
      <c r="A13633" s="11"/>
      <c r="B13633" s="20"/>
      <c r="C13633" s="2" t="s">
        <v>41850</v>
      </c>
      <c r="D13633" s="14" t="s">
        <v>41851</v>
      </c>
      <c r="E13633" s="2" t="s">
        <v>41852</v>
      </c>
      <c r="F13633" s="2" t="s">
        <v>36273</v>
      </c>
      <c r="G13633" s="8">
        <v>133</v>
      </c>
      <c r="H13633" s="5">
        <v>6</v>
      </c>
      <c r="I13633" s="5" t="s">
        <v>1518</v>
      </c>
      <c r="J13633" s="5" t="s">
        <v>40939</v>
      </c>
      <c r="K13633" s="2" t="s">
        <v>40940</v>
      </c>
      <c r="L13633" s="5" t="s">
        <v>40939</v>
      </c>
      <c r="M13633" s="2" t="s">
        <v>40940</v>
      </c>
      <c r="N13633" s="5" t="s">
        <v>36266</v>
      </c>
      <c r="O13633" s="5" t="s">
        <v>38</v>
      </c>
      <c r="P13633" s="5" t="s">
        <v>39</v>
      </c>
      <c r="Q13633" s="5" t="s">
        <v>40</v>
      </c>
      <c r="R13633" s="5" t="s">
        <v>1522</v>
      </c>
      <c r="S13633" s="5" t="s">
        <v>1523</v>
      </c>
      <c r="T13633" s="5" t="s">
        <v>42</v>
      </c>
      <c r="U13633" s="2">
        <v>1.26</v>
      </c>
      <c r="V13633" s="2">
        <v>0.747</v>
      </c>
      <c r="W13633" s="2">
        <v>1.4999999999999999E-2</v>
      </c>
      <c r="X13633" s="2">
        <v>118.9</v>
      </c>
      <c r="Y13633" s="2">
        <v>7.6</v>
      </c>
      <c r="Z13633" s="2">
        <v>16.7</v>
      </c>
      <c r="AA13633" s="5"/>
      <c r="AB13633" s="5" t="s">
        <v>43</v>
      </c>
      <c r="AC13633" s="5" t="s">
        <v>44</v>
      </c>
      <c r="AD13633" s="2"/>
      <c r="AE13633" s="1"/>
    </row>
    <row r="13634" spans="1:31" ht="14.45">
      <c r="A13634" s="11"/>
      <c r="B13634" s="20"/>
      <c r="C13634" s="2" t="s">
        <v>41853</v>
      </c>
      <c r="D13634" s="14" t="s">
        <v>41854</v>
      </c>
      <c r="E13634" s="2" t="s">
        <v>41855</v>
      </c>
      <c r="F13634" s="2" t="s">
        <v>36277</v>
      </c>
      <c r="G13634" s="8">
        <v>133</v>
      </c>
      <c r="H13634" s="5">
        <v>6</v>
      </c>
      <c r="I13634" s="5" t="s">
        <v>1518</v>
      </c>
      <c r="J13634" s="5" t="s">
        <v>40939</v>
      </c>
      <c r="K13634" s="2" t="s">
        <v>40940</v>
      </c>
      <c r="L13634" s="5" t="s">
        <v>40939</v>
      </c>
      <c r="M13634" s="2" t="s">
        <v>40940</v>
      </c>
      <c r="N13634" s="5" t="s">
        <v>36266</v>
      </c>
      <c r="O13634" s="5" t="s">
        <v>38</v>
      </c>
      <c r="P13634" s="5" t="s">
        <v>39</v>
      </c>
      <c r="Q13634" s="5" t="s">
        <v>40</v>
      </c>
      <c r="R13634" s="5" t="s">
        <v>1522</v>
      </c>
      <c r="S13634" s="5" t="s">
        <v>1523</v>
      </c>
      <c r="T13634" s="5" t="s">
        <v>42</v>
      </c>
      <c r="U13634" s="2">
        <v>1.266</v>
      </c>
      <c r="V13634" s="2">
        <v>0.753</v>
      </c>
      <c r="W13634" s="2">
        <v>1.4999999999999999E-2</v>
      </c>
      <c r="X13634" s="2">
        <v>118.9</v>
      </c>
      <c r="Y13634" s="2">
        <v>7.6</v>
      </c>
      <c r="Z13634" s="2">
        <v>16.7</v>
      </c>
      <c r="AA13634" s="5"/>
      <c r="AB13634" s="5" t="s">
        <v>43</v>
      </c>
      <c r="AC13634" s="5" t="s">
        <v>44</v>
      </c>
      <c r="AD13634" s="2"/>
      <c r="AE13634" s="1"/>
    </row>
    <row r="13635" spans="1:31" ht="14.45">
      <c r="A13635" s="11"/>
      <c r="B13635" s="20"/>
      <c r="C13635" s="2" t="s">
        <v>41856</v>
      </c>
      <c r="D13635" s="14" t="s">
        <v>41857</v>
      </c>
      <c r="E13635" s="2" t="s">
        <v>41858</v>
      </c>
      <c r="F13635" s="2" t="s">
        <v>40967</v>
      </c>
      <c r="G13635" s="8">
        <v>153</v>
      </c>
      <c r="H13635" s="5">
        <v>6</v>
      </c>
      <c r="I13635" s="5" t="s">
        <v>1518</v>
      </c>
      <c r="J13635" s="5" t="s">
        <v>40939</v>
      </c>
      <c r="K13635" s="2" t="s">
        <v>40940</v>
      </c>
      <c r="L13635" s="5" t="s">
        <v>40939</v>
      </c>
      <c r="M13635" s="2" t="s">
        <v>40940</v>
      </c>
      <c r="N13635" s="5" t="s">
        <v>36266</v>
      </c>
      <c r="O13635" s="5" t="s">
        <v>38</v>
      </c>
      <c r="P13635" s="5" t="s">
        <v>39</v>
      </c>
      <c r="Q13635" s="5" t="s">
        <v>40</v>
      </c>
      <c r="R13635" s="5" t="s">
        <v>1522</v>
      </c>
      <c r="S13635" s="5" t="s">
        <v>1523</v>
      </c>
      <c r="T13635" s="5" t="s">
        <v>42</v>
      </c>
      <c r="U13635" s="2">
        <v>1.2490000000000001</v>
      </c>
      <c r="V13635" s="2">
        <v>0.73599999999999999</v>
      </c>
      <c r="W13635" s="2">
        <v>1.4999999999999999E-2</v>
      </c>
      <c r="X13635" s="2">
        <v>118.9</v>
      </c>
      <c r="Y13635" s="2">
        <v>7.6</v>
      </c>
      <c r="Z13635" s="2">
        <v>16.7</v>
      </c>
      <c r="AA13635" s="5"/>
      <c r="AB13635" s="5" t="s">
        <v>43</v>
      </c>
      <c r="AC13635" s="5" t="s">
        <v>44</v>
      </c>
      <c r="AD13635" s="2"/>
      <c r="AE13635" s="1"/>
    </row>
    <row r="13636" spans="1:31" ht="14.45">
      <c r="A13636" s="11"/>
      <c r="B13636" s="20"/>
      <c r="C13636" s="2" t="s">
        <v>41859</v>
      </c>
      <c r="D13636" s="14" t="s">
        <v>41860</v>
      </c>
      <c r="E13636" s="2" t="s">
        <v>41861</v>
      </c>
      <c r="F13636" s="2" t="s">
        <v>40971</v>
      </c>
      <c r="G13636" s="8">
        <v>153</v>
      </c>
      <c r="H13636" s="5">
        <v>6</v>
      </c>
      <c r="I13636" s="5" t="s">
        <v>1518</v>
      </c>
      <c r="J13636" s="5" t="s">
        <v>40939</v>
      </c>
      <c r="K13636" s="2" t="s">
        <v>40940</v>
      </c>
      <c r="L13636" s="5" t="s">
        <v>40939</v>
      </c>
      <c r="M13636" s="2" t="s">
        <v>40940</v>
      </c>
      <c r="N13636" s="5" t="s">
        <v>36266</v>
      </c>
      <c r="O13636" s="5" t="s">
        <v>38</v>
      </c>
      <c r="P13636" s="5" t="s">
        <v>39</v>
      </c>
      <c r="Q13636" s="5" t="s">
        <v>40</v>
      </c>
      <c r="R13636" s="5" t="s">
        <v>1522</v>
      </c>
      <c r="S13636" s="5" t="s">
        <v>1523</v>
      </c>
      <c r="T13636" s="5" t="s">
        <v>42</v>
      </c>
      <c r="U13636" s="2">
        <v>1.2549999999999999</v>
      </c>
      <c r="V13636" s="2">
        <v>0.74199999999999999</v>
      </c>
      <c r="W13636" s="2">
        <v>1.4999999999999999E-2</v>
      </c>
      <c r="X13636" s="2">
        <v>118.9</v>
      </c>
      <c r="Y13636" s="2">
        <v>7.6</v>
      </c>
      <c r="Z13636" s="2">
        <v>16.7</v>
      </c>
      <c r="AA13636" s="5"/>
      <c r="AB13636" s="5" t="s">
        <v>43</v>
      </c>
      <c r="AC13636" s="5" t="s">
        <v>44</v>
      </c>
      <c r="AD13636" s="2"/>
      <c r="AE13636" s="1"/>
    </row>
    <row r="13637" spans="1:31" ht="14.45">
      <c r="A13637" s="11"/>
      <c r="B13637" s="20"/>
      <c r="C13637" s="2" t="s">
        <v>41862</v>
      </c>
      <c r="D13637" s="14" t="s">
        <v>41863</v>
      </c>
      <c r="E13637" s="2" t="s">
        <v>41864</v>
      </c>
      <c r="F13637" s="2" t="s">
        <v>40975</v>
      </c>
      <c r="G13637" s="8">
        <v>153</v>
      </c>
      <c r="H13637" s="5">
        <v>6</v>
      </c>
      <c r="I13637" s="5" t="s">
        <v>1518</v>
      </c>
      <c r="J13637" s="5" t="s">
        <v>40939</v>
      </c>
      <c r="K13637" s="2" t="s">
        <v>40940</v>
      </c>
      <c r="L13637" s="5" t="s">
        <v>40939</v>
      </c>
      <c r="M13637" s="2" t="s">
        <v>40940</v>
      </c>
      <c r="N13637" s="5" t="s">
        <v>36266</v>
      </c>
      <c r="O13637" s="5" t="s">
        <v>38</v>
      </c>
      <c r="P13637" s="5" t="s">
        <v>39</v>
      </c>
      <c r="Q13637" s="5" t="s">
        <v>40</v>
      </c>
      <c r="R13637" s="5" t="s">
        <v>1522</v>
      </c>
      <c r="S13637" s="5" t="s">
        <v>1523</v>
      </c>
      <c r="T13637" s="5" t="s">
        <v>42</v>
      </c>
      <c r="U13637" s="2">
        <v>1.2490000000000001</v>
      </c>
      <c r="V13637" s="2">
        <v>0.73599999999999999</v>
      </c>
      <c r="W13637" s="2">
        <v>1.4999999999999999E-2</v>
      </c>
      <c r="X13637" s="2">
        <v>118.9</v>
      </c>
      <c r="Y13637" s="2">
        <v>7.6</v>
      </c>
      <c r="Z13637" s="2">
        <v>16.7</v>
      </c>
      <c r="AA13637" s="5"/>
      <c r="AB13637" s="5" t="s">
        <v>43</v>
      </c>
      <c r="AC13637" s="5" t="s">
        <v>44</v>
      </c>
      <c r="AD13637" s="2"/>
      <c r="AE13637" s="1"/>
    </row>
    <row r="13638" spans="1:31" ht="14.45">
      <c r="A13638" s="11"/>
      <c r="B13638" s="20"/>
      <c r="C13638" s="2" t="s">
        <v>41865</v>
      </c>
      <c r="D13638" s="14" t="s">
        <v>41866</v>
      </c>
      <c r="E13638" s="2" t="s">
        <v>41867</v>
      </c>
      <c r="F13638" s="2" t="s">
        <v>40979</v>
      </c>
      <c r="G13638" s="8">
        <v>153</v>
      </c>
      <c r="H13638" s="5">
        <v>6</v>
      </c>
      <c r="I13638" s="5" t="s">
        <v>1518</v>
      </c>
      <c r="J13638" s="5" t="s">
        <v>40939</v>
      </c>
      <c r="K13638" s="2" t="s">
        <v>40940</v>
      </c>
      <c r="L13638" s="5" t="s">
        <v>40939</v>
      </c>
      <c r="M13638" s="2" t="s">
        <v>40940</v>
      </c>
      <c r="N13638" s="5" t="s">
        <v>36266</v>
      </c>
      <c r="O13638" s="5" t="s">
        <v>38</v>
      </c>
      <c r="P13638" s="5" t="s">
        <v>39</v>
      </c>
      <c r="Q13638" s="5" t="s">
        <v>40</v>
      </c>
      <c r="R13638" s="5" t="s">
        <v>1522</v>
      </c>
      <c r="S13638" s="5" t="s">
        <v>1523</v>
      </c>
      <c r="T13638" s="5" t="s">
        <v>42</v>
      </c>
      <c r="U13638" s="2">
        <v>1.2549999999999999</v>
      </c>
      <c r="V13638" s="2">
        <v>0.74199999999999999</v>
      </c>
      <c r="W13638" s="2">
        <v>1.4999999999999999E-2</v>
      </c>
      <c r="X13638" s="2">
        <v>118.9</v>
      </c>
      <c r="Y13638" s="2">
        <v>7.6</v>
      </c>
      <c r="Z13638" s="2">
        <v>16.7</v>
      </c>
      <c r="AA13638" s="5"/>
      <c r="AB13638" s="5" t="s">
        <v>43</v>
      </c>
      <c r="AC13638" s="5" t="s">
        <v>44</v>
      </c>
      <c r="AD13638" s="2"/>
      <c r="AE13638" s="1"/>
    </row>
    <row r="13639" spans="1:31" ht="14.45">
      <c r="A13639" s="11"/>
      <c r="B13639" s="20"/>
      <c r="C13639" s="2" t="s">
        <v>41868</v>
      </c>
      <c r="D13639" s="14" t="s">
        <v>41869</v>
      </c>
      <c r="E13639" s="2" t="s">
        <v>41870</v>
      </c>
      <c r="F13639" s="2" t="s">
        <v>7539</v>
      </c>
      <c r="G13639" s="8">
        <v>153</v>
      </c>
      <c r="H13639" s="5">
        <v>6</v>
      </c>
      <c r="I13639" s="5" t="s">
        <v>1518</v>
      </c>
      <c r="J13639" s="5" t="s">
        <v>40939</v>
      </c>
      <c r="K13639" s="2" t="s">
        <v>40940</v>
      </c>
      <c r="L13639" s="5" t="s">
        <v>40939</v>
      </c>
      <c r="M13639" s="2" t="s">
        <v>40940</v>
      </c>
      <c r="N13639" s="5" t="s">
        <v>36266</v>
      </c>
      <c r="O13639" s="5" t="s">
        <v>38</v>
      </c>
      <c r="P13639" s="5" t="s">
        <v>39</v>
      </c>
      <c r="Q13639" s="5" t="s">
        <v>40</v>
      </c>
      <c r="R13639" s="5" t="s">
        <v>1522</v>
      </c>
      <c r="S13639" s="5" t="s">
        <v>1523</v>
      </c>
      <c r="T13639" s="5" t="s">
        <v>42</v>
      </c>
      <c r="U13639" s="2">
        <v>1.2210000000000001</v>
      </c>
      <c r="V13639" s="2">
        <v>0.70799999999999996</v>
      </c>
      <c r="W13639" s="2">
        <v>1.4999999999999999E-2</v>
      </c>
      <c r="X13639" s="2">
        <v>118.9</v>
      </c>
      <c r="Y13639" s="2">
        <v>7.6</v>
      </c>
      <c r="Z13639" s="2">
        <v>16.7</v>
      </c>
      <c r="AA13639" s="5"/>
      <c r="AB13639" s="5" t="s">
        <v>43</v>
      </c>
      <c r="AC13639" s="5" t="s">
        <v>44</v>
      </c>
      <c r="AD13639" s="2"/>
      <c r="AE13639" s="1"/>
    </row>
    <row r="13640" spans="1:31" ht="14.45">
      <c r="A13640" s="11"/>
      <c r="B13640" s="20"/>
      <c r="C13640" s="2" t="s">
        <v>41871</v>
      </c>
      <c r="D13640" s="14" t="s">
        <v>41872</v>
      </c>
      <c r="E13640" s="2" t="s">
        <v>41873</v>
      </c>
      <c r="F13640" s="2" t="s">
        <v>7543</v>
      </c>
      <c r="G13640" s="8">
        <v>153</v>
      </c>
      <c r="H13640" s="5">
        <v>6</v>
      </c>
      <c r="I13640" s="5" t="s">
        <v>1518</v>
      </c>
      <c r="J13640" s="5" t="s">
        <v>40939</v>
      </c>
      <c r="K13640" s="2" t="s">
        <v>40940</v>
      </c>
      <c r="L13640" s="5" t="s">
        <v>40939</v>
      </c>
      <c r="M13640" s="2" t="s">
        <v>40940</v>
      </c>
      <c r="N13640" s="5" t="s">
        <v>36266</v>
      </c>
      <c r="O13640" s="5" t="s">
        <v>38</v>
      </c>
      <c r="P13640" s="5" t="s">
        <v>39</v>
      </c>
      <c r="Q13640" s="5" t="s">
        <v>40</v>
      </c>
      <c r="R13640" s="5" t="s">
        <v>1522</v>
      </c>
      <c r="S13640" s="5" t="s">
        <v>1523</v>
      </c>
      <c r="T13640" s="5" t="s">
        <v>42</v>
      </c>
      <c r="U13640" s="2">
        <v>1.2270000000000001</v>
      </c>
      <c r="V13640" s="2">
        <v>0.71399999999999997</v>
      </c>
      <c r="W13640" s="2">
        <v>1.4999999999999999E-2</v>
      </c>
      <c r="X13640" s="2">
        <v>118.9</v>
      </c>
      <c r="Y13640" s="2">
        <v>7.6</v>
      </c>
      <c r="Z13640" s="2">
        <v>16.7</v>
      </c>
      <c r="AA13640" s="5"/>
      <c r="AB13640" s="5" t="s">
        <v>43</v>
      </c>
      <c r="AC13640" s="5" t="s">
        <v>44</v>
      </c>
      <c r="AD13640" s="2"/>
      <c r="AE13640" s="1"/>
    </row>
    <row r="13641" spans="1:31" ht="14.45">
      <c r="A13641" s="11"/>
      <c r="B13641" s="20"/>
      <c r="C13641" s="2" t="s">
        <v>41874</v>
      </c>
      <c r="D13641" s="14" t="s">
        <v>41875</v>
      </c>
      <c r="E13641" s="2" t="s">
        <v>41876</v>
      </c>
      <c r="F13641" s="2" t="s">
        <v>40989</v>
      </c>
      <c r="G13641" s="8">
        <v>153</v>
      </c>
      <c r="H13641" s="5">
        <v>6</v>
      </c>
      <c r="I13641" s="5" t="s">
        <v>1518</v>
      </c>
      <c r="J13641" s="5" t="s">
        <v>40939</v>
      </c>
      <c r="K13641" s="2" t="s">
        <v>40940</v>
      </c>
      <c r="L13641" s="5" t="s">
        <v>40939</v>
      </c>
      <c r="M13641" s="2" t="s">
        <v>40940</v>
      </c>
      <c r="N13641" s="5" t="s">
        <v>36266</v>
      </c>
      <c r="O13641" s="5" t="s">
        <v>38</v>
      </c>
      <c r="P13641" s="5" t="s">
        <v>39</v>
      </c>
      <c r="Q13641" s="5" t="s">
        <v>40</v>
      </c>
      <c r="R13641" s="5" t="s">
        <v>1522</v>
      </c>
      <c r="S13641" s="5" t="s">
        <v>1523</v>
      </c>
      <c r="T13641" s="5" t="s">
        <v>42</v>
      </c>
      <c r="U13641" s="2">
        <v>1.2490000000000001</v>
      </c>
      <c r="V13641" s="2">
        <v>0.73599999999999999</v>
      </c>
      <c r="W13641" s="2">
        <v>1.4999999999999999E-2</v>
      </c>
      <c r="X13641" s="2">
        <v>118.9</v>
      </c>
      <c r="Y13641" s="2">
        <v>7.6</v>
      </c>
      <c r="Z13641" s="2">
        <v>16.7</v>
      </c>
      <c r="AA13641" s="5"/>
      <c r="AB13641" s="5" t="s">
        <v>43</v>
      </c>
      <c r="AC13641" s="5" t="s">
        <v>44</v>
      </c>
      <c r="AD13641" s="2"/>
      <c r="AE13641" s="1"/>
    </row>
    <row r="13642" spans="1:31" ht="14.45">
      <c r="A13642" s="11"/>
      <c r="B13642" s="20"/>
      <c r="C13642" s="2" t="s">
        <v>41877</v>
      </c>
      <c r="D13642" s="14" t="s">
        <v>41878</v>
      </c>
      <c r="E13642" s="2" t="s">
        <v>41879</v>
      </c>
      <c r="F13642" s="2" t="s">
        <v>40993</v>
      </c>
      <c r="G13642" s="8">
        <v>153</v>
      </c>
      <c r="H13642" s="5">
        <v>6</v>
      </c>
      <c r="I13642" s="5" t="s">
        <v>1518</v>
      </c>
      <c r="J13642" s="5" t="s">
        <v>40939</v>
      </c>
      <c r="K13642" s="2" t="s">
        <v>40940</v>
      </c>
      <c r="L13642" s="5" t="s">
        <v>40939</v>
      </c>
      <c r="M13642" s="2" t="s">
        <v>40940</v>
      </c>
      <c r="N13642" s="5" t="s">
        <v>36266</v>
      </c>
      <c r="O13642" s="5" t="s">
        <v>38</v>
      </c>
      <c r="P13642" s="5" t="s">
        <v>39</v>
      </c>
      <c r="Q13642" s="5" t="s">
        <v>40</v>
      </c>
      <c r="R13642" s="5" t="s">
        <v>1522</v>
      </c>
      <c r="S13642" s="5" t="s">
        <v>1523</v>
      </c>
      <c r="T13642" s="5" t="s">
        <v>42</v>
      </c>
      <c r="U13642" s="2">
        <v>1.2549999999999999</v>
      </c>
      <c r="V13642" s="2">
        <v>0.74199999999999999</v>
      </c>
      <c r="W13642" s="2">
        <v>1.4999999999999999E-2</v>
      </c>
      <c r="X13642" s="2">
        <v>118.9</v>
      </c>
      <c r="Y13642" s="2">
        <v>7.6</v>
      </c>
      <c r="Z13642" s="2">
        <v>16.7</v>
      </c>
      <c r="AA13642" s="5"/>
      <c r="AB13642" s="5" t="s">
        <v>43</v>
      </c>
      <c r="AC13642" s="5" t="s">
        <v>44</v>
      </c>
      <c r="AD13642" s="2"/>
      <c r="AE13642" s="1"/>
    </row>
    <row r="13643" spans="1:31" ht="14.45">
      <c r="A13643" s="11"/>
      <c r="B13643" s="20"/>
      <c r="C13643" s="2" t="s">
        <v>41880</v>
      </c>
      <c r="D13643" s="14" t="s">
        <v>41881</v>
      </c>
      <c r="E13643" s="2" t="s">
        <v>41882</v>
      </c>
      <c r="F13643" s="2" t="s">
        <v>40997</v>
      </c>
      <c r="G13643" s="8">
        <v>153</v>
      </c>
      <c r="H13643" s="5">
        <v>6</v>
      </c>
      <c r="I13643" s="5" t="s">
        <v>1518</v>
      </c>
      <c r="J13643" s="5" t="s">
        <v>40939</v>
      </c>
      <c r="K13643" s="2" t="s">
        <v>40940</v>
      </c>
      <c r="L13643" s="5" t="s">
        <v>40939</v>
      </c>
      <c r="M13643" s="2" t="s">
        <v>40940</v>
      </c>
      <c r="N13643" s="5" t="s">
        <v>36266</v>
      </c>
      <c r="O13643" s="5" t="s">
        <v>38</v>
      </c>
      <c r="P13643" s="5" t="s">
        <v>39</v>
      </c>
      <c r="Q13643" s="5" t="s">
        <v>40</v>
      </c>
      <c r="R13643" s="5" t="s">
        <v>1522</v>
      </c>
      <c r="S13643" s="5" t="s">
        <v>1523</v>
      </c>
      <c r="T13643" s="5" t="s">
        <v>42</v>
      </c>
      <c r="U13643" s="2">
        <v>1.226</v>
      </c>
      <c r="V13643" s="2">
        <v>0.71299999999999997</v>
      </c>
      <c r="W13643" s="2">
        <v>1.4999999999999999E-2</v>
      </c>
      <c r="X13643" s="2">
        <v>118.9</v>
      </c>
      <c r="Y13643" s="2">
        <v>7.6</v>
      </c>
      <c r="Z13643" s="2">
        <v>16.7</v>
      </c>
      <c r="AA13643" s="5"/>
      <c r="AB13643" s="5" t="s">
        <v>43</v>
      </c>
      <c r="AC13643" s="5" t="s">
        <v>44</v>
      </c>
      <c r="AD13643" s="2"/>
      <c r="AE13643" s="1"/>
    </row>
    <row r="13644" spans="1:31" ht="14.45">
      <c r="A13644" s="11"/>
      <c r="B13644" s="20"/>
      <c r="C13644" s="2" t="s">
        <v>41883</v>
      </c>
      <c r="D13644" s="14" t="s">
        <v>41884</v>
      </c>
      <c r="E13644" s="2" t="s">
        <v>41885</v>
      </c>
      <c r="F13644" s="2" t="s">
        <v>41267</v>
      </c>
      <c r="G13644" s="8">
        <v>153</v>
      </c>
      <c r="H13644" s="5">
        <v>6</v>
      </c>
      <c r="I13644" s="5" t="s">
        <v>1518</v>
      </c>
      <c r="J13644" s="5" t="s">
        <v>40939</v>
      </c>
      <c r="K13644" s="2" t="s">
        <v>40940</v>
      </c>
      <c r="L13644" s="5" t="s">
        <v>40939</v>
      </c>
      <c r="M13644" s="2" t="s">
        <v>40940</v>
      </c>
      <c r="N13644" s="5" t="s">
        <v>36266</v>
      </c>
      <c r="O13644" s="5" t="s">
        <v>38</v>
      </c>
      <c r="P13644" s="5" t="s">
        <v>39</v>
      </c>
      <c r="Q13644" s="5" t="s">
        <v>40</v>
      </c>
      <c r="R13644" s="5" t="s">
        <v>1522</v>
      </c>
      <c r="S13644" s="5" t="s">
        <v>1523</v>
      </c>
      <c r="T13644" s="5" t="s">
        <v>42</v>
      </c>
      <c r="U13644" s="2">
        <v>1.232</v>
      </c>
      <c r="V13644" s="2">
        <v>0.71899999999999997</v>
      </c>
      <c r="W13644" s="2">
        <v>1.4999999999999999E-2</v>
      </c>
      <c r="X13644" s="2">
        <v>118.9</v>
      </c>
      <c r="Y13644" s="2">
        <v>7.6</v>
      </c>
      <c r="Z13644" s="2">
        <v>16.7</v>
      </c>
      <c r="AA13644" s="5"/>
      <c r="AB13644" s="5" t="s">
        <v>43</v>
      </c>
      <c r="AC13644" s="5" t="s">
        <v>44</v>
      </c>
      <c r="AD13644" s="2"/>
      <c r="AE13644" s="1"/>
    </row>
    <row r="13645" spans="1:31" ht="14.45">
      <c r="A13645" s="11"/>
      <c r="B13645" s="20"/>
      <c r="C13645" s="2" t="s">
        <v>41886</v>
      </c>
      <c r="D13645" s="14" t="s">
        <v>41887</v>
      </c>
      <c r="E13645" s="2" t="s">
        <v>41888</v>
      </c>
      <c r="F13645" s="2" t="s">
        <v>41001</v>
      </c>
      <c r="G13645" s="8">
        <v>153</v>
      </c>
      <c r="H13645" s="5">
        <v>6</v>
      </c>
      <c r="I13645" s="5" t="s">
        <v>1518</v>
      </c>
      <c r="J13645" s="5" t="s">
        <v>40939</v>
      </c>
      <c r="K13645" s="2" t="s">
        <v>40940</v>
      </c>
      <c r="L13645" s="5" t="s">
        <v>40939</v>
      </c>
      <c r="M13645" s="2" t="s">
        <v>40940</v>
      </c>
      <c r="N13645" s="5" t="s">
        <v>36266</v>
      </c>
      <c r="O13645" s="5" t="s">
        <v>38</v>
      </c>
      <c r="P13645" s="5" t="s">
        <v>39</v>
      </c>
      <c r="Q13645" s="5" t="s">
        <v>40</v>
      </c>
      <c r="R13645" s="5" t="s">
        <v>1522</v>
      </c>
      <c r="S13645" s="5" t="s">
        <v>1523</v>
      </c>
      <c r="T13645" s="5" t="s">
        <v>42</v>
      </c>
      <c r="U13645" s="2">
        <v>1.2490000000000001</v>
      </c>
      <c r="V13645" s="2">
        <v>0.73599999999999999</v>
      </c>
      <c r="W13645" s="2">
        <v>1.4999999999999999E-2</v>
      </c>
      <c r="X13645" s="2">
        <v>118.9</v>
      </c>
      <c r="Y13645" s="2">
        <v>7.6</v>
      </c>
      <c r="Z13645" s="2">
        <v>16.7</v>
      </c>
      <c r="AA13645" s="5"/>
      <c r="AB13645" s="5" t="s">
        <v>43</v>
      </c>
      <c r="AC13645" s="5" t="s">
        <v>44</v>
      </c>
      <c r="AD13645" s="2"/>
      <c r="AE13645" s="1"/>
    </row>
    <row r="13646" spans="1:31" ht="14.45">
      <c r="A13646" s="11"/>
      <c r="B13646" s="20"/>
      <c r="C13646" s="2" t="s">
        <v>41889</v>
      </c>
      <c r="D13646" s="14" t="s">
        <v>41890</v>
      </c>
      <c r="E13646" s="2" t="s">
        <v>41891</v>
      </c>
      <c r="F13646" s="2" t="s">
        <v>41005</v>
      </c>
      <c r="G13646" s="8">
        <v>153</v>
      </c>
      <c r="H13646" s="5">
        <v>6</v>
      </c>
      <c r="I13646" s="5" t="s">
        <v>1518</v>
      </c>
      <c r="J13646" s="5" t="s">
        <v>40939</v>
      </c>
      <c r="K13646" s="2" t="s">
        <v>40940</v>
      </c>
      <c r="L13646" s="5" t="s">
        <v>40939</v>
      </c>
      <c r="M13646" s="2" t="s">
        <v>40940</v>
      </c>
      <c r="N13646" s="5" t="s">
        <v>36266</v>
      </c>
      <c r="O13646" s="5" t="s">
        <v>38</v>
      </c>
      <c r="P13646" s="5" t="s">
        <v>39</v>
      </c>
      <c r="Q13646" s="5" t="s">
        <v>40</v>
      </c>
      <c r="R13646" s="5" t="s">
        <v>1522</v>
      </c>
      <c r="S13646" s="5" t="s">
        <v>1523</v>
      </c>
      <c r="T13646" s="5" t="s">
        <v>42</v>
      </c>
      <c r="U13646" s="2">
        <v>1.2549999999999999</v>
      </c>
      <c r="V13646" s="2">
        <v>0.74199999999999999</v>
      </c>
      <c r="W13646" s="2">
        <v>1.4999999999999999E-2</v>
      </c>
      <c r="X13646" s="2">
        <v>118.9</v>
      </c>
      <c r="Y13646" s="2">
        <v>7.6</v>
      </c>
      <c r="Z13646" s="2">
        <v>16.7</v>
      </c>
      <c r="AA13646" s="5"/>
      <c r="AB13646" s="5" t="s">
        <v>43</v>
      </c>
      <c r="AC13646" s="5" t="s">
        <v>44</v>
      </c>
      <c r="AD13646" s="2"/>
      <c r="AE13646" s="1"/>
    </row>
    <row r="13647" spans="1:31" ht="14.45">
      <c r="A13647" s="11"/>
      <c r="B13647" s="20"/>
      <c r="C13647" s="2" t="s">
        <v>41892</v>
      </c>
      <c r="D13647" s="14" t="s">
        <v>41893</v>
      </c>
      <c r="E13647" s="2" t="s">
        <v>41894</v>
      </c>
      <c r="F13647" s="2" t="s">
        <v>41009</v>
      </c>
      <c r="G13647" s="8">
        <v>153</v>
      </c>
      <c r="H13647" s="5">
        <v>6</v>
      </c>
      <c r="I13647" s="5" t="s">
        <v>1518</v>
      </c>
      <c r="J13647" s="5" t="s">
        <v>40939</v>
      </c>
      <c r="K13647" s="2" t="s">
        <v>40940</v>
      </c>
      <c r="L13647" s="5" t="s">
        <v>40939</v>
      </c>
      <c r="M13647" s="2" t="s">
        <v>40940</v>
      </c>
      <c r="N13647" s="5" t="s">
        <v>36266</v>
      </c>
      <c r="O13647" s="5" t="s">
        <v>38</v>
      </c>
      <c r="P13647" s="5" t="s">
        <v>39</v>
      </c>
      <c r="Q13647" s="5" t="s">
        <v>40</v>
      </c>
      <c r="R13647" s="5" t="s">
        <v>1522</v>
      </c>
      <c r="S13647" s="5" t="s">
        <v>1523</v>
      </c>
      <c r="T13647" s="5" t="s">
        <v>42</v>
      </c>
      <c r="U13647" s="2">
        <v>1.254</v>
      </c>
      <c r="V13647" s="2">
        <v>0.74099999999999999</v>
      </c>
      <c r="W13647" s="2">
        <v>1.4999999999999999E-2</v>
      </c>
      <c r="X13647" s="2">
        <v>118.9</v>
      </c>
      <c r="Y13647" s="2">
        <v>7.6</v>
      </c>
      <c r="Z13647" s="2">
        <v>16.7</v>
      </c>
      <c r="AA13647" s="5"/>
      <c r="AB13647" s="5" t="s">
        <v>43</v>
      </c>
      <c r="AC13647" s="5" t="s">
        <v>44</v>
      </c>
      <c r="AD13647" s="2"/>
      <c r="AE13647" s="1"/>
    </row>
    <row r="13648" spans="1:31" ht="14.45">
      <c r="A13648" s="11"/>
      <c r="B13648" s="20"/>
      <c r="C13648" s="2" t="s">
        <v>41895</v>
      </c>
      <c r="D13648" s="14" t="s">
        <v>41896</v>
      </c>
      <c r="E13648" s="2" t="s">
        <v>41897</v>
      </c>
      <c r="F13648" s="2" t="s">
        <v>41013</v>
      </c>
      <c r="G13648" s="8">
        <v>153</v>
      </c>
      <c r="H13648" s="5">
        <v>6</v>
      </c>
      <c r="I13648" s="5" t="s">
        <v>1518</v>
      </c>
      <c r="J13648" s="5" t="s">
        <v>40939</v>
      </c>
      <c r="K13648" s="2" t="s">
        <v>40940</v>
      </c>
      <c r="L13648" s="5" t="s">
        <v>40939</v>
      </c>
      <c r="M13648" s="2" t="s">
        <v>40940</v>
      </c>
      <c r="N13648" s="5" t="s">
        <v>36266</v>
      </c>
      <c r="O13648" s="5" t="s">
        <v>38</v>
      </c>
      <c r="P13648" s="5" t="s">
        <v>39</v>
      </c>
      <c r="Q13648" s="5" t="s">
        <v>40</v>
      </c>
      <c r="R13648" s="5" t="s">
        <v>1522</v>
      </c>
      <c r="S13648" s="5" t="s">
        <v>1523</v>
      </c>
      <c r="T13648" s="5" t="s">
        <v>42</v>
      </c>
      <c r="U13648" s="2">
        <v>1.26</v>
      </c>
      <c r="V13648" s="2">
        <v>0.747</v>
      </c>
      <c r="W13648" s="2">
        <v>1.4999999999999999E-2</v>
      </c>
      <c r="X13648" s="2">
        <v>118.9</v>
      </c>
      <c r="Y13648" s="2">
        <v>7.6</v>
      </c>
      <c r="Z13648" s="2">
        <v>16.7</v>
      </c>
      <c r="AA13648" s="5"/>
      <c r="AB13648" s="5" t="s">
        <v>43</v>
      </c>
      <c r="AC13648" s="5" t="s">
        <v>44</v>
      </c>
      <c r="AD13648" s="2"/>
      <c r="AE13648" s="1"/>
    </row>
    <row r="13649" spans="1:31" ht="14.45">
      <c r="A13649" s="11"/>
      <c r="B13649" s="20"/>
      <c r="C13649" s="2" t="s">
        <v>41898</v>
      </c>
      <c r="D13649" s="14" t="s">
        <v>41899</v>
      </c>
      <c r="E13649" s="2" t="s">
        <v>41900</v>
      </c>
      <c r="F13649" s="2" t="s">
        <v>7396</v>
      </c>
      <c r="G13649" s="8">
        <v>133</v>
      </c>
      <c r="H13649" s="5">
        <v>6</v>
      </c>
      <c r="I13649" s="5" t="s">
        <v>1518</v>
      </c>
      <c r="J13649" s="5" t="s">
        <v>40939</v>
      </c>
      <c r="K13649" s="2" t="s">
        <v>40940</v>
      </c>
      <c r="L13649" s="5" t="s">
        <v>40939</v>
      </c>
      <c r="M13649" s="2" t="s">
        <v>40940</v>
      </c>
      <c r="N13649" s="5" t="s">
        <v>36266</v>
      </c>
      <c r="O13649" s="5" t="s">
        <v>38</v>
      </c>
      <c r="P13649" s="5" t="s">
        <v>39</v>
      </c>
      <c r="Q13649" s="5" t="s">
        <v>40</v>
      </c>
      <c r="R13649" s="5" t="s">
        <v>1522</v>
      </c>
      <c r="S13649" s="5" t="s">
        <v>1523</v>
      </c>
      <c r="T13649" s="5" t="s">
        <v>42</v>
      </c>
      <c r="U13649" s="2">
        <v>1.254</v>
      </c>
      <c r="V13649" s="2">
        <v>0.74099999999999999</v>
      </c>
      <c r="W13649" s="2">
        <v>1.4999999999999999E-2</v>
      </c>
      <c r="X13649" s="2">
        <v>118.9</v>
      </c>
      <c r="Y13649" s="2">
        <v>7.6</v>
      </c>
      <c r="Z13649" s="2">
        <v>16.7</v>
      </c>
      <c r="AA13649" s="5"/>
      <c r="AB13649" s="5" t="s">
        <v>43</v>
      </c>
      <c r="AC13649" s="5" t="s">
        <v>44</v>
      </c>
      <c r="AD13649" s="2"/>
      <c r="AE13649" s="1"/>
    </row>
    <row r="13650" spans="1:31" ht="14.45">
      <c r="A13650" s="11"/>
      <c r="B13650" s="20"/>
      <c r="C13650" s="2" t="s">
        <v>41901</v>
      </c>
      <c r="D13650" s="14" t="s">
        <v>41902</v>
      </c>
      <c r="E13650" s="2" t="s">
        <v>41903</v>
      </c>
      <c r="F13650" s="2" t="s">
        <v>7507</v>
      </c>
      <c r="G13650" s="8">
        <v>133</v>
      </c>
      <c r="H13650" s="5">
        <v>6</v>
      </c>
      <c r="I13650" s="5" t="s">
        <v>1518</v>
      </c>
      <c r="J13650" s="5" t="s">
        <v>40939</v>
      </c>
      <c r="K13650" s="2" t="s">
        <v>40940</v>
      </c>
      <c r="L13650" s="5" t="s">
        <v>40939</v>
      </c>
      <c r="M13650" s="2" t="s">
        <v>40940</v>
      </c>
      <c r="N13650" s="5" t="s">
        <v>36266</v>
      </c>
      <c r="O13650" s="5" t="s">
        <v>38</v>
      </c>
      <c r="P13650" s="5" t="s">
        <v>39</v>
      </c>
      <c r="Q13650" s="5" t="s">
        <v>40</v>
      </c>
      <c r="R13650" s="5" t="s">
        <v>1522</v>
      </c>
      <c r="S13650" s="5" t="s">
        <v>1523</v>
      </c>
      <c r="T13650" s="5" t="s">
        <v>42</v>
      </c>
      <c r="U13650" s="2">
        <v>1.26</v>
      </c>
      <c r="V13650" s="2">
        <v>0.747</v>
      </c>
      <c r="W13650" s="2">
        <v>1.4999999999999999E-2</v>
      </c>
      <c r="X13650" s="2">
        <v>118.9</v>
      </c>
      <c r="Y13650" s="2">
        <v>7.6</v>
      </c>
      <c r="Z13650" s="2">
        <v>16.7</v>
      </c>
      <c r="AA13650" s="5"/>
      <c r="AB13650" s="5" t="s">
        <v>43</v>
      </c>
      <c r="AC13650" s="5" t="s">
        <v>44</v>
      </c>
      <c r="AD13650" s="2"/>
      <c r="AE13650" s="1"/>
    </row>
    <row r="13651" spans="1:31" ht="14.45">
      <c r="A13651" s="11"/>
      <c r="B13651" s="20"/>
      <c r="C13651" s="2" t="s">
        <v>41904</v>
      </c>
      <c r="D13651" s="14" t="s">
        <v>41905</v>
      </c>
      <c r="E13651" s="2" t="s">
        <v>41906</v>
      </c>
      <c r="F13651" s="2" t="s">
        <v>41023</v>
      </c>
      <c r="G13651" s="8">
        <v>153</v>
      </c>
      <c r="H13651" s="5">
        <v>6</v>
      </c>
      <c r="I13651" s="5" t="s">
        <v>1518</v>
      </c>
      <c r="J13651" s="5" t="s">
        <v>40939</v>
      </c>
      <c r="K13651" s="2" t="s">
        <v>40940</v>
      </c>
      <c r="L13651" s="5" t="s">
        <v>40939</v>
      </c>
      <c r="M13651" s="2" t="s">
        <v>40940</v>
      </c>
      <c r="N13651" s="5" t="s">
        <v>36266</v>
      </c>
      <c r="O13651" s="5" t="s">
        <v>38</v>
      </c>
      <c r="P13651" s="5" t="s">
        <v>39</v>
      </c>
      <c r="Q13651" s="5" t="s">
        <v>40</v>
      </c>
      <c r="R13651" s="5" t="s">
        <v>1522</v>
      </c>
      <c r="S13651" s="5" t="s">
        <v>1523</v>
      </c>
      <c r="T13651" s="5" t="s">
        <v>42</v>
      </c>
      <c r="U13651" s="2">
        <v>1.226</v>
      </c>
      <c r="V13651" s="2">
        <v>0.71299999999999997</v>
      </c>
      <c r="W13651" s="2">
        <v>1.4999999999999999E-2</v>
      </c>
      <c r="X13651" s="2">
        <v>118.9</v>
      </c>
      <c r="Y13651" s="2">
        <v>7.6</v>
      </c>
      <c r="Z13651" s="2">
        <v>16.7</v>
      </c>
      <c r="AA13651" s="5"/>
      <c r="AB13651" s="5" t="s">
        <v>43</v>
      </c>
      <c r="AC13651" s="5" t="s">
        <v>44</v>
      </c>
      <c r="AD13651" s="2"/>
      <c r="AE13651" s="1"/>
    </row>
    <row r="13652" spans="1:31" ht="14.45">
      <c r="A13652" s="11"/>
      <c r="B13652" s="20"/>
      <c r="C13652" s="2" t="s">
        <v>41907</v>
      </c>
      <c r="D13652" s="14" t="s">
        <v>41908</v>
      </c>
      <c r="E13652" s="2" t="s">
        <v>41909</v>
      </c>
      <c r="F13652" s="2" t="s">
        <v>41027</v>
      </c>
      <c r="G13652" s="8">
        <v>153</v>
      </c>
      <c r="H13652" s="5">
        <v>6</v>
      </c>
      <c r="I13652" s="5" t="s">
        <v>1518</v>
      </c>
      <c r="J13652" s="5" t="s">
        <v>40939</v>
      </c>
      <c r="K13652" s="2" t="s">
        <v>40940</v>
      </c>
      <c r="L13652" s="5" t="s">
        <v>40939</v>
      </c>
      <c r="M13652" s="2" t="s">
        <v>40940</v>
      </c>
      <c r="N13652" s="5" t="s">
        <v>36266</v>
      </c>
      <c r="O13652" s="5" t="s">
        <v>38</v>
      </c>
      <c r="P13652" s="5" t="s">
        <v>39</v>
      </c>
      <c r="Q13652" s="5" t="s">
        <v>40</v>
      </c>
      <c r="R13652" s="5" t="s">
        <v>1522</v>
      </c>
      <c r="S13652" s="5" t="s">
        <v>1523</v>
      </c>
      <c r="T13652" s="5" t="s">
        <v>42</v>
      </c>
      <c r="U13652" s="2">
        <v>1.232</v>
      </c>
      <c r="V13652" s="2">
        <v>0.71899999999999997</v>
      </c>
      <c r="W13652" s="2">
        <v>1.4999999999999999E-2</v>
      </c>
      <c r="X13652" s="2">
        <v>118.9</v>
      </c>
      <c r="Y13652" s="2">
        <v>7.6</v>
      </c>
      <c r="Z13652" s="2">
        <v>16.7</v>
      </c>
      <c r="AA13652" s="5"/>
      <c r="AB13652" s="5" t="s">
        <v>43</v>
      </c>
      <c r="AC13652" s="5" t="s">
        <v>44</v>
      </c>
      <c r="AD13652" s="2"/>
      <c r="AE13652" s="1"/>
    </row>
    <row r="13653" spans="1:31" ht="14.45">
      <c r="A13653" s="11"/>
      <c r="B13653" s="20"/>
      <c r="C13653" s="2" t="s">
        <v>41910</v>
      </c>
      <c r="D13653" s="14" t="s">
        <v>41911</v>
      </c>
      <c r="E13653" s="2" t="s">
        <v>41912</v>
      </c>
      <c r="F13653" s="2" t="s">
        <v>41031</v>
      </c>
      <c r="G13653" s="8">
        <v>153</v>
      </c>
      <c r="H13653" s="5">
        <v>6</v>
      </c>
      <c r="I13653" s="5" t="s">
        <v>1518</v>
      </c>
      <c r="J13653" s="5" t="s">
        <v>40939</v>
      </c>
      <c r="K13653" s="2" t="s">
        <v>40940</v>
      </c>
      <c r="L13653" s="5" t="s">
        <v>40939</v>
      </c>
      <c r="M13653" s="2" t="s">
        <v>40940</v>
      </c>
      <c r="N13653" s="5" t="s">
        <v>36266</v>
      </c>
      <c r="O13653" s="5" t="s">
        <v>38</v>
      </c>
      <c r="P13653" s="5" t="s">
        <v>39</v>
      </c>
      <c r="Q13653" s="5" t="s">
        <v>40</v>
      </c>
      <c r="R13653" s="5" t="s">
        <v>1522</v>
      </c>
      <c r="S13653" s="5" t="s">
        <v>1523</v>
      </c>
      <c r="T13653" s="5" t="s">
        <v>42</v>
      </c>
      <c r="U13653" s="2">
        <v>1.226</v>
      </c>
      <c r="V13653" s="2">
        <v>0.71299999999999997</v>
      </c>
      <c r="W13653" s="2">
        <v>1.4999999999999999E-2</v>
      </c>
      <c r="X13653" s="2">
        <v>118.9</v>
      </c>
      <c r="Y13653" s="2">
        <v>7.6</v>
      </c>
      <c r="Z13653" s="2">
        <v>16.7</v>
      </c>
      <c r="AA13653" s="5"/>
      <c r="AB13653" s="5" t="s">
        <v>43</v>
      </c>
      <c r="AC13653" s="5" t="s">
        <v>44</v>
      </c>
      <c r="AD13653" s="2"/>
      <c r="AE13653" s="1"/>
    </row>
    <row r="13654" spans="1:31" ht="14.45">
      <c r="A13654" s="11"/>
      <c r="B13654" s="20"/>
      <c r="C13654" s="2" t="s">
        <v>41913</v>
      </c>
      <c r="D13654" s="14" t="s">
        <v>41914</v>
      </c>
      <c r="E13654" s="2" t="s">
        <v>41915</v>
      </c>
      <c r="F13654" s="2" t="s">
        <v>41035</v>
      </c>
      <c r="G13654" s="8">
        <v>153</v>
      </c>
      <c r="H13654" s="5">
        <v>6</v>
      </c>
      <c r="I13654" s="5" t="s">
        <v>1518</v>
      </c>
      <c r="J13654" s="5" t="s">
        <v>40939</v>
      </c>
      <c r="K13654" s="2" t="s">
        <v>40940</v>
      </c>
      <c r="L13654" s="5" t="s">
        <v>40939</v>
      </c>
      <c r="M13654" s="2" t="s">
        <v>40940</v>
      </c>
      <c r="N13654" s="5" t="s">
        <v>36266</v>
      </c>
      <c r="O13654" s="5" t="s">
        <v>38</v>
      </c>
      <c r="P13654" s="5" t="s">
        <v>39</v>
      </c>
      <c r="Q13654" s="5" t="s">
        <v>40</v>
      </c>
      <c r="R13654" s="5" t="s">
        <v>1522</v>
      </c>
      <c r="S13654" s="5" t="s">
        <v>1523</v>
      </c>
      <c r="T13654" s="5" t="s">
        <v>42</v>
      </c>
      <c r="U13654" s="2">
        <v>1.232</v>
      </c>
      <c r="V13654" s="2">
        <v>0.71899999999999997</v>
      </c>
      <c r="W13654" s="2">
        <v>1.4999999999999999E-2</v>
      </c>
      <c r="X13654" s="2">
        <v>118.9</v>
      </c>
      <c r="Y13654" s="2">
        <v>7.6</v>
      </c>
      <c r="Z13654" s="2">
        <v>16.7</v>
      </c>
      <c r="AA13654" s="5"/>
      <c r="AB13654" s="5" t="s">
        <v>43</v>
      </c>
      <c r="AC13654" s="5" t="s">
        <v>44</v>
      </c>
      <c r="AD13654" s="2"/>
      <c r="AE13654" s="1"/>
    </row>
    <row r="13655" spans="1:31" ht="14.45">
      <c r="A13655" s="11"/>
      <c r="B13655" s="20"/>
      <c r="C13655" s="2" t="s">
        <v>41916</v>
      </c>
      <c r="D13655" s="14" t="s">
        <v>41917</v>
      </c>
      <c r="E13655" s="2" t="s">
        <v>41918</v>
      </c>
      <c r="F13655" s="2" t="s">
        <v>7449</v>
      </c>
      <c r="G13655" s="8">
        <v>153</v>
      </c>
      <c r="H13655" s="5">
        <v>6</v>
      </c>
      <c r="I13655" s="5" t="s">
        <v>1518</v>
      </c>
      <c r="J13655" s="5" t="s">
        <v>40939</v>
      </c>
      <c r="K13655" s="2" t="s">
        <v>40940</v>
      </c>
      <c r="L13655" s="5" t="s">
        <v>40939</v>
      </c>
      <c r="M13655" s="2" t="s">
        <v>40940</v>
      </c>
      <c r="N13655" s="5" t="s">
        <v>36266</v>
      </c>
      <c r="O13655" s="5" t="s">
        <v>38</v>
      </c>
      <c r="P13655" s="5" t="s">
        <v>39</v>
      </c>
      <c r="Q13655" s="5" t="s">
        <v>40</v>
      </c>
      <c r="R13655" s="5" t="s">
        <v>1522</v>
      </c>
      <c r="S13655" s="5" t="s">
        <v>1523</v>
      </c>
      <c r="T13655" s="5" t="s">
        <v>42</v>
      </c>
      <c r="U13655" s="2">
        <v>1.226</v>
      </c>
      <c r="V13655" s="2">
        <v>0.71299999999999997</v>
      </c>
      <c r="W13655" s="2">
        <v>1.4999999999999999E-2</v>
      </c>
      <c r="X13655" s="2">
        <v>118.9</v>
      </c>
      <c r="Y13655" s="2">
        <v>7.6</v>
      </c>
      <c r="Z13655" s="2">
        <v>16.7</v>
      </c>
      <c r="AA13655" s="5"/>
      <c r="AB13655" s="5" t="s">
        <v>43</v>
      </c>
      <c r="AC13655" s="5" t="s">
        <v>44</v>
      </c>
      <c r="AD13655" s="2"/>
      <c r="AE13655" s="1"/>
    </row>
    <row r="13656" spans="1:31" ht="14.45">
      <c r="A13656" s="11"/>
      <c r="B13656" s="20"/>
      <c r="C13656" s="2" t="s">
        <v>41919</v>
      </c>
      <c r="D13656" s="14" t="s">
        <v>41920</v>
      </c>
      <c r="E13656" s="2" t="s">
        <v>41921</v>
      </c>
      <c r="F13656" s="2" t="s">
        <v>7581</v>
      </c>
      <c r="G13656" s="8">
        <v>153</v>
      </c>
      <c r="H13656" s="5">
        <v>6</v>
      </c>
      <c r="I13656" s="5" t="s">
        <v>1518</v>
      </c>
      <c r="J13656" s="5" t="s">
        <v>40939</v>
      </c>
      <c r="K13656" s="2" t="s">
        <v>40940</v>
      </c>
      <c r="L13656" s="5" t="s">
        <v>40939</v>
      </c>
      <c r="M13656" s="2" t="s">
        <v>40940</v>
      </c>
      <c r="N13656" s="5" t="s">
        <v>36266</v>
      </c>
      <c r="O13656" s="5" t="s">
        <v>38</v>
      </c>
      <c r="P13656" s="5" t="s">
        <v>39</v>
      </c>
      <c r="Q13656" s="5" t="s">
        <v>40</v>
      </c>
      <c r="R13656" s="5" t="s">
        <v>1522</v>
      </c>
      <c r="S13656" s="5" t="s">
        <v>1523</v>
      </c>
      <c r="T13656" s="5" t="s">
        <v>42</v>
      </c>
      <c r="U13656" s="2">
        <v>1.232</v>
      </c>
      <c r="V13656" s="2">
        <v>0.71899999999999997</v>
      </c>
      <c r="W13656" s="2">
        <v>1.4999999999999999E-2</v>
      </c>
      <c r="X13656" s="2">
        <v>118.9</v>
      </c>
      <c r="Y13656" s="2">
        <v>7.6</v>
      </c>
      <c r="Z13656" s="2">
        <v>16.7</v>
      </c>
      <c r="AA13656" s="5"/>
      <c r="AB13656" s="5" t="s">
        <v>43</v>
      </c>
      <c r="AC13656" s="5" t="s">
        <v>44</v>
      </c>
      <c r="AD13656" s="2"/>
      <c r="AE13656" s="1"/>
    </row>
    <row r="13657" spans="1:31" ht="14.45">
      <c r="A13657" s="11"/>
      <c r="B13657" s="20"/>
      <c r="C13657" s="2" t="s">
        <v>41922</v>
      </c>
      <c r="D13657" s="14" t="s">
        <v>41923</v>
      </c>
      <c r="E13657" s="2" t="s">
        <v>41924</v>
      </c>
      <c r="F13657" s="2" t="s">
        <v>41045</v>
      </c>
      <c r="G13657" s="8">
        <v>153</v>
      </c>
      <c r="H13657" s="5">
        <v>6</v>
      </c>
      <c r="I13657" s="5" t="s">
        <v>1518</v>
      </c>
      <c r="J13657" s="5" t="s">
        <v>40939</v>
      </c>
      <c r="K13657" s="2" t="s">
        <v>40940</v>
      </c>
      <c r="L13657" s="5" t="s">
        <v>40939</v>
      </c>
      <c r="M13657" s="2" t="s">
        <v>40940</v>
      </c>
      <c r="N13657" s="5" t="s">
        <v>36266</v>
      </c>
      <c r="O13657" s="5" t="s">
        <v>38</v>
      </c>
      <c r="P13657" s="5" t="s">
        <v>39</v>
      </c>
      <c r="Q13657" s="5" t="s">
        <v>40</v>
      </c>
      <c r="R13657" s="5" t="s">
        <v>1522</v>
      </c>
      <c r="S13657" s="5" t="s">
        <v>1523</v>
      </c>
      <c r="T13657" s="5" t="s">
        <v>42</v>
      </c>
      <c r="U13657" s="2">
        <v>1.26</v>
      </c>
      <c r="V13657" s="2">
        <v>0.747</v>
      </c>
      <c r="W13657" s="2">
        <v>1.4999999999999999E-2</v>
      </c>
      <c r="X13657" s="2">
        <v>118.9</v>
      </c>
      <c r="Y13657" s="2">
        <v>7.6</v>
      </c>
      <c r="Z13657" s="2">
        <v>16.7</v>
      </c>
      <c r="AA13657" s="5"/>
      <c r="AB13657" s="5" t="s">
        <v>43</v>
      </c>
      <c r="AC13657" s="5" t="s">
        <v>44</v>
      </c>
      <c r="AD13657" s="2"/>
      <c r="AE13657" s="1"/>
    </row>
    <row r="13658" spans="1:31" ht="14.45">
      <c r="A13658" s="11"/>
      <c r="B13658" s="20"/>
      <c r="C13658" s="2" t="s">
        <v>41925</v>
      </c>
      <c r="D13658" s="14" t="s">
        <v>41926</v>
      </c>
      <c r="E13658" s="2" t="s">
        <v>41927</v>
      </c>
      <c r="F13658" s="2" t="s">
        <v>41049</v>
      </c>
      <c r="G13658" s="8">
        <v>153</v>
      </c>
      <c r="H13658" s="5">
        <v>6</v>
      </c>
      <c r="I13658" s="5" t="s">
        <v>1518</v>
      </c>
      <c r="J13658" s="5" t="s">
        <v>40939</v>
      </c>
      <c r="K13658" s="2" t="s">
        <v>40940</v>
      </c>
      <c r="L13658" s="5" t="s">
        <v>40939</v>
      </c>
      <c r="M13658" s="2" t="s">
        <v>40940</v>
      </c>
      <c r="N13658" s="5" t="s">
        <v>36266</v>
      </c>
      <c r="O13658" s="5" t="s">
        <v>38</v>
      </c>
      <c r="P13658" s="5" t="s">
        <v>39</v>
      </c>
      <c r="Q13658" s="5" t="s">
        <v>40</v>
      </c>
      <c r="R13658" s="5" t="s">
        <v>1522</v>
      </c>
      <c r="S13658" s="5" t="s">
        <v>1523</v>
      </c>
      <c r="T13658" s="5" t="s">
        <v>42</v>
      </c>
      <c r="U13658" s="2">
        <v>1.266</v>
      </c>
      <c r="V13658" s="2">
        <v>0.753</v>
      </c>
      <c r="W13658" s="2">
        <v>1.4999999999999999E-2</v>
      </c>
      <c r="X13658" s="2">
        <v>118.9</v>
      </c>
      <c r="Y13658" s="2">
        <v>7.6</v>
      </c>
      <c r="Z13658" s="2">
        <v>16.7</v>
      </c>
      <c r="AA13658" s="5"/>
      <c r="AB13658" s="5" t="s">
        <v>43</v>
      </c>
      <c r="AC13658" s="5" t="s">
        <v>44</v>
      </c>
      <c r="AD13658" s="2"/>
      <c r="AE13658" s="1"/>
    </row>
    <row r="13659" spans="1:31" ht="14.45">
      <c r="A13659" s="11"/>
      <c r="B13659" s="20"/>
      <c r="C13659" s="2" t="s">
        <v>41928</v>
      </c>
      <c r="D13659" s="14" t="s">
        <v>41929</v>
      </c>
      <c r="E13659" s="2" t="s">
        <v>41930</v>
      </c>
      <c r="F13659" s="2" t="s">
        <v>7204</v>
      </c>
      <c r="G13659" s="8">
        <v>137</v>
      </c>
      <c r="H13659" s="5">
        <v>6</v>
      </c>
      <c r="I13659" s="5" t="s">
        <v>1518</v>
      </c>
      <c r="J13659" s="5" t="s">
        <v>40939</v>
      </c>
      <c r="K13659" s="2" t="s">
        <v>40940</v>
      </c>
      <c r="L13659" s="5" t="s">
        <v>40939</v>
      </c>
      <c r="M13659" s="2" t="s">
        <v>40940</v>
      </c>
      <c r="N13659" s="5" t="s">
        <v>36266</v>
      </c>
      <c r="O13659" s="5" t="s">
        <v>38</v>
      </c>
      <c r="P13659" s="5" t="s">
        <v>39</v>
      </c>
      <c r="Q13659" s="5" t="s">
        <v>40</v>
      </c>
      <c r="R13659" s="5" t="s">
        <v>1522</v>
      </c>
      <c r="S13659" s="5" t="s">
        <v>1523</v>
      </c>
      <c r="T13659" s="5" t="s">
        <v>42</v>
      </c>
      <c r="U13659" s="2">
        <v>1.385</v>
      </c>
      <c r="V13659" s="2">
        <v>0.79500000000000004</v>
      </c>
      <c r="W13659" s="2">
        <v>1.7999999999999999E-2</v>
      </c>
      <c r="X13659" s="2">
        <v>139.1</v>
      </c>
      <c r="Y13659" s="2">
        <v>7.6</v>
      </c>
      <c r="Z13659" s="2">
        <v>16.7</v>
      </c>
      <c r="AA13659" s="5"/>
      <c r="AB13659" s="5" t="s">
        <v>43</v>
      </c>
      <c r="AC13659" s="5" t="s">
        <v>44</v>
      </c>
      <c r="AD13659" s="2"/>
      <c r="AE13659" s="1"/>
    </row>
    <row r="13660" spans="1:31" ht="14.45">
      <c r="A13660" s="11"/>
      <c r="B13660" s="20"/>
      <c r="C13660" s="2" t="s">
        <v>41931</v>
      </c>
      <c r="D13660" s="14" t="s">
        <v>41932</v>
      </c>
      <c r="E13660" s="2" t="s">
        <v>41933</v>
      </c>
      <c r="F13660" s="2" t="s">
        <v>7514</v>
      </c>
      <c r="G13660" s="8">
        <v>137</v>
      </c>
      <c r="H13660" s="5">
        <v>6</v>
      </c>
      <c r="I13660" s="5" t="s">
        <v>1518</v>
      </c>
      <c r="J13660" s="5" t="s">
        <v>40939</v>
      </c>
      <c r="K13660" s="2" t="s">
        <v>40940</v>
      </c>
      <c r="L13660" s="5" t="s">
        <v>40939</v>
      </c>
      <c r="M13660" s="2" t="s">
        <v>40940</v>
      </c>
      <c r="N13660" s="5" t="s">
        <v>36266</v>
      </c>
      <c r="O13660" s="5" t="s">
        <v>38</v>
      </c>
      <c r="P13660" s="5" t="s">
        <v>39</v>
      </c>
      <c r="Q13660" s="5" t="s">
        <v>40</v>
      </c>
      <c r="R13660" s="5" t="s">
        <v>1522</v>
      </c>
      <c r="S13660" s="5" t="s">
        <v>1523</v>
      </c>
      <c r="T13660" s="5" t="s">
        <v>42</v>
      </c>
      <c r="U13660" s="2">
        <v>1.39</v>
      </c>
      <c r="V13660" s="2">
        <v>0.8</v>
      </c>
      <c r="W13660" s="2">
        <v>1.7999999999999999E-2</v>
      </c>
      <c r="X13660" s="2">
        <v>139.1</v>
      </c>
      <c r="Y13660" s="2">
        <v>7.6</v>
      </c>
      <c r="Z13660" s="2">
        <v>16.7</v>
      </c>
      <c r="AA13660" s="5"/>
      <c r="AB13660" s="5" t="s">
        <v>43</v>
      </c>
      <c r="AC13660" s="5" t="s">
        <v>44</v>
      </c>
      <c r="AD13660" s="2"/>
      <c r="AE13660" s="1"/>
    </row>
    <row r="13661" spans="1:31" ht="14.45">
      <c r="A13661" s="11"/>
      <c r="B13661" s="20"/>
      <c r="C13661" s="2" t="s">
        <v>41934</v>
      </c>
      <c r="D13661" s="14" t="s">
        <v>41935</v>
      </c>
      <c r="E13661" s="2" t="s">
        <v>41936</v>
      </c>
      <c r="F13661" s="2" t="s">
        <v>41221</v>
      </c>
      <c r="G13661" s="8">
        <v>157</v>
      </c>
      <c r="H13661" s="5">
        <v>6</v>
      </c>
      <c r="I13661" s="5" t="s">
        <v>1518</v>
      </c>
      <c r="J13661" s="5" t="s">
        <v>40939</v>
      </c>
      <c r="K13661" s="2" t="s">
        <v>40940</v>
      </c>
      <c r="L13661" s="5" t="s">
        <v>40939</v>
      </c>
      <c r="M13661" s="2" t="s">
        <v>40940</v>
      </c>
      <c r="N13661" s="5" t="s">
        <v>36266</v>
      </c>
      <c r="O13661" s="5" t="s">
        <v>38</v>
      </c>
      <c r="P13661" s="5" t="s">
        <v>39</v>
      </c>
      <c r="Q13661" s="5" t="s">
        <v>40</v>
      </c>
      <c r="R13661" s="5" t="s">
        <v>1522</v>
      </c>
      <c r="S13661" s="5" t="s">
        <v>1523</v>
      </c>
      <c r="T13661" s="5" t="s">
        <v>42</v>
      </c>
      <c r="U13661" s="2">
        <v>1.3979999999999999</v>
      </c>
      <c r="V13661" s="2">
        <v>0.80800000000000005</v>
      </c>
      <c r="W13661" s="2">
        <v>1.7999999999999999E-2</v>
      </c>
      <c r="X13661" s="2">
        <v>139.1</v>
      </c>
      <c r="Y13661" s="2">
        <v>7.6</v>
      </c>
      <c r="Z13661" s="2">
        <v>16.7</v>
      </c>
      <c r="AA13661" s="5"/>
      <c r="AB13661" s="5" t="s">
        <v>43</v>
      </c>
      <c r="AC13661" s="5" t="s">
        <v>44</v>
      </c>
      <c r="AD13661" s="2"/>
      <c r="AE13661" s="1"/>
    </row>
    <row r="13662" spans="1:31" ht="14.45">
      <c r="A13662" s="11"/>
      <c r="B13662" s="20"/>
      <c r="C13662" s="2" t="s">
        <v>41937</v>
      </c>
      <c r="D13662" s="14" t="s">
        <v>41938</v>
      </c>
      <c r="E13662" s="2" t="s">
        <v>41939</v>
      </c>
      <c r="F13662" s="2" t="s">
        <v>40951</v>
      </c>
      <c r="G13662" s="8">
        <v>157</v>
      </c>
      <c r="H13662" s="5">
        <v>6</v>
      </c>
      <c r="I13662" s="5" t="s">
        <v>1518</v>
      </c>
      <c r="J13662" s="5" t="s">
        <v>40939</v>
      </c>
      <c r="K13662" s="2" t="s">
        <v>40940</v>
      </c>
      <c r="L13662" s="5" t="s">
        <v>40939</v>
      </c>
      <c r="M13662" s="2" t="s">
        <v>40940</v>
      </c>
      <c r="N13662" s="5" t="s">
        <v>36266</v>
      </c>
      <c r="O13662" s="5" t="s">
        <v>38</v>
      </c>
      <c r="P13662" s="5" t="s">
        <v>39</v>
      </c>
      <c r="Q13662" s="5" t="s">
        <v>40</v>
      </c>
      <c r="R13662" s="5" t="s">
        <v>1522</v>
      </c>
      <c r="S13662" s="5" t="s">
        <v>1523</v>
      </c>
      <c r="T13662" s="5" t="s">
        <v>42</v>
      </c>
      <c r="U13662" s="2">
        <v>1.403</v>
      </c>
      <c r="V13662" s="2">
        <v>0.81299999999999994</v>
      </c>
      <c r="W13662" s="2">
        <v>1.7999999999999999E-2</v>
      </c>
      <c r="X13662" s="2">
        <v>139.1</v>
      </c>
      <c r="Y13662" s="2">
        <v>7.6</v>
      </c>
      <c r="Z13662" s="2">
        <v>16.7</v>
      </c>
      <c r="AA13662" s="5"/>
      <c r="AB13662" s="5" t="s">
        <v>43</v>
      </c>
      <c r="AC13662" s="5" t="s">
        <v>44</v>
      </c>
      <c r="AD13662" s="2"/>
      <c r="AE13662" s="1"/>
    </row>
    <row r="13663" spans="1:31" ht="14.45">
      <c r="A13663" s="11"/>
      <c r="B13663" s="20"/>
      <c r="C13663" s="2" t="s">
        <v>41940</v>
      </c>
      <c r="D13663" s="14" t="s">
        <v>41941</v>
      </c>
      <c r="E13663" s="2" t="s">
        <v>41942</v>
      </c>
      <c r="F13663" s="2" t="s">
        <v>7208</v>
      </c>
      <c r="G13663" s="8">
        <v>137</v>
      </c>
      <c r="H13663" s="5">
        <v>6</v>
      </c>
      <c r="I13663" s="5" t="s">
        <v>1518</v>
      </c>
      <c r="J13663" s="5" t="s">
        <v>40939</v>
      </c>
      <c r="K13663" s="2" t="s">
        <v>40940</v>
      </c>
      <c r="L13663" s="5" t="s">
        <v>40939</v>
      </c>
      <c r="M13663" s="2" t="s">
        <v>40940</v>
      </c>
      <c r="N13663" s="5" t="s">
        <v>36266</v>
      </c>
      <c r="O13663" s="5" t="s">
        <v>38</v>
      </c>
      <c r="P13663" s="5" t="s">
        <v>39</v>
      </c>
      <c r="Q13663" s="5" t="s">
        <v>40</v>
      </c>
      <c r="R13663" s="5" t="s">
        <v>1522</v>
      </c>
      <c r="S13663" s="5" t="s">
        <v>1523</v>
      </c>
      <c r="T13663" s="5" t="s">
        <v>42</v>
      </c>
      <c r="U13663" s="2">
        <v>1.405</v>
      </c>
      <c r="V13663" s="2">
        <v>0.81499999999999995</v>
      </c>
      <c r="W13663" s="2">
        <v>1.7999999999999999E-2</v>
      </c>
      <c r="X13663" s="2">
        <v>139.1</v>
      </c>
      <c r="Y13663" s="2">
        <v>7.6</v>
      </c>
      <c r="Z13663" s="2">
        <v>16.7</v>
      </c>
      <c r="AA13663" s="5"/>
      <c r="AB13663" s="5" t="s">
        <v>43</v>
      </c>
      <c r="AC13663" s="5" t="s">
        <v>44</v>
      </c>
      <c r="AD13663" s="2"/>
      <c r="AE13663" s="1"/>
    </row>
    <row r="13664" spans="1:31" ht="14.45">
      <c r="A13664" s="11"/>
      <c r="B13664" s="20"/>
      <c r="C13664" s="2" t="s">
        <v>41943</v>
      </c>
      <c r="D13664" s="14" t="s">
        <v>41944</v>
      </c>
      <c r="E13664" s="2" t="s">
        <v>41945</v>
      </c>
      <c r="F13664" s="2" t="s">
        <v>7521</v>
      </c>
      <c r="G13664" s="8">
        <v>137</v>
      </c>
      <c r="H13664" s="5">
        <v>6</v>
      </c>
      <c r="I13664" s="5" t="s">
        <v>1518</v>
      </c>
      <c r="J13664" s="5" t="s">
        <v>40939</v>
      </c>
      <c r="K13664" s="2" t="s">
        <v>40940</v>
      </c>
      <c r="L13664" s="5" t="s">
        <v>40939</v>
      </c>
      <c r="M13664" s="2" t="s">
        <v>40940</v>
      </c>
      <c r="N13664" s="5" t="s">
        <v>36266</v>
      </c>
      <c r="O13664" s="5" t="s">
        <v>38</v>
      </c>
      <c r="P13664" s="5" t="s">
        <v>39</v>
      </c>
      <c r="Q13664" s="5" t="s">
        <v>40</v>
      </c>
      <c r="R13664" s="5" t="s">
        <v>1522</v>
      </c>
      <c r="S13664" s="5" t="s">
        <v>1523</v>
      </c>
      <c r="T13664" s="5" t="s">
        <v>42</v>
      </c>
      <c r="U13664" s="2">
        <v>1.41</v>
      </c>
      <c r="V13664" s="2">
        <v>0.82</v>
      </c>
      <c r="W13664" s="2">
        <v>1.7999999999999999E-2</v>
      </c>
      <c r="X13664" s="2">
        <v>139.1</v>
      </c>
      <c r="Y13664" s="2">
        <v>7.6</v>
      </c>
      <c r="Z13664" s="2">
        <v>16.7</v>
      </c>
      <c r="AA13664" s="5"/>
      <c r="AB13664" s="5" t="s">
        <v>43</v>
      </c>
      <c r="AC13664" s="5" t="s">
        <v>44</v>
      </c>
      <c r="AD13664" s="2"/>
      <c r="AE13664" s="1"/>
    </row>
    <row r="13665" spans="1:31" ht="14.45">
      <c r="A13665" s="11"/>
      <c r="B13665" s="20"/>
      <c r="C13665" s="2" t="s">
        <v>41946</v>
      </c>
      <c r="D13665" s="14" t="s">
        <v>41947</v>
      </c>
      <c r="E13665" s="2" t="s">
        <v>41948</v>
      </c>
      <c r="F13665" s="2" t="s">
        <v>36273</v>
      </c>
      <c r="G13665" s="8">
        <v>137</v>
      </c>
      <c r="H13665" s="5">
        <v>6</v>
      </c>
      <c r="I13665" s="5" t="s">
        <v>1518</v>
      </c>
      <c r="J13665" s="5" t="s">
        <v>40939</v>
      </c>
      <c r="K13665" s="2" t="s">
        <v>40940</v>
      </c>
      <c r="L13665" s="5" t="s">
        <v>40939</v>
      </c>
      <c r="M13665" s="2" t="s">
        <v>40940</v>
      </c>
      <c r="N13665" s="5" t="s">
        <v>36266</v>
      </c>
      <c r="O13665" s="5" t="s">
        <v>38</v>
      </c>
      <c r="P13665" s="5" t="s">
        <v>39</v>
      </c>
      <c r="Q13665" s="5" t="s">
        <v>40</v>
      </c>
      <c r="R13665" s="5" t="s">
        <v>1522</v>
      </c>
      <c r="S13665" s="5" t="s">
        <v>1523</v>
      </c>
      <c r="T13665" s="5" t="s">
        <v>42</v>
      </c>
      <c r="U13665" s="2">
        <v>1.4179999999999999</v>
      </c>
      <c r="V13665" s="2">
        <v>0.82799999999999996</v>
      </c>
      <c r="W13665" s="2">
        <v>1.7999999999999999E-2</v>
      </c>
      <c r="X13665" s="2">
        <v>139.1</v>
      </c>
      <c r="Y13665" s="2">
        <v>7.6</v>
      </c>
      <c r="Z13665" s="2">
        <v>16.7</v>
      </c>
      <c r="AA13665" s="5"/>
      <c r="AB13665" s="5" t="s">
        <v>43</v>
      </c>
      <c r="AC13665" s="5" t="s">
        <v>44</v>
      </c>
      <c r="AD13665" s="2"/>
      <c r="AE13665" s="1"/>
    </row>
    <row r="13666" spans="1:31" ht="14.45">
      <c r="A13666" s="11"/>
      <c r="B13666" s="20"/>
      <c r="C13666" s="2" t="s">
        <v>41949</v>
      </c>
      <c r="D13666" s="14" t="s">
        <v>41950</v>
      </c>
      <c r="E13666" s="2" t="s">
        <v>41951</v>
      </c>
      <c r="F13666" s="2" t="s">
        <v>36277</v>
      </c>
      <c r="G13666" s="8">
        <v>137</v>
      </c>
      <c r="H13666" s="5">
        <v>6</v>
      </c>
      <c r="I13666" s="5" t="s">
        <v>1518</v>
      </c>
      <c r="J13666" s="5" t="s">
        <v>40939</v>
      </c>
      <c r="K13666" s="2" t="s">
        <v>40940</v>
      </c>
      <c r="L13666" s="5" t="s">
        <v>40939</v>
      </c>
      <c r="M13666" s="2" t="s">
        <v>40940</v>
      </c>
      <c r="N13666" s="5" t="s">
        <v>36266</v>
      </c>
      <c r="O13666" s="5" t="s">
        <v>38</v>
      </c>
      <c r="P13666" s="5" t="s">
        <v>39</v>
      </c>
      <c r="Q13666" s="5" t="s">
        <v>40</v>
      </c>
      <c r="R13666" s="5" t="s">
        <v>1522</v>
      </c>
      <c r="S13666" s="5" t="s">
        <v>1523</v>
      </c>
      <c r="T13666" s="5" t="s">
        <v>42</v>
      </c>
      <c r="U13666" s="2">
        <v>1.423</v>
      </c>
      <c r="V13666" s="2">
        <v>0.83299999999999996</v>
      </c>
      <c r="W13666" s="2">
        <v>1.7999999999999999E-2</v>
      </c>
      <c r="X13666" s="2">
        <v>139.1</v>
      </c>
      <c r="Y13666" s="2">
        <v>7.6</v>
      </c>
      <c r="Z13666" s="2">
        <v>16.7</v>
      </c>
      <c r="AA13666" s="5"/>
      <c r="AB13666" s="5" t="s">
        <v>43</v>
      </c>
      <c r="AC13666" s="5" t="s">
        <v>44</v>
      </c>
      <c r="AD13666" s="2"/>
      <c r="AE13666" s="1"/>
    </row>
    <row r="13667" spans="1:31" ht="14.45">
      <c r="A13667" s="11"/>
      <c r="B13667" s="20"/>
      <c r="C13667" s="2" t="s">
        <v>41952</v>
      </c>
      <c r="D13667" s="14" t="s">
        <v>41953</v>
      </c>
      <c r="E13667" s="2" t="s">
        <v>41954</v>
      </c>
      <c r="F13667" s="2" t="s">
        <v>40967</v>
      </c>
      <c r="G13667" s="8">
        <v>157</v>
      </c>
      <c r="H13667" s="5">
        <v>6</v>
      </c>
      <c r="I13667" s="5" t="s">
        <v>1518</v>
      </c>
      <c r="J13667" s="5" t="s">
        <v>40939</v>
      </c>
      <c r="K13667" s="2" t="s">
        <v>40940</v>
      </c>
      <c r="L13667" s="5" t="s">
        <v>40939</v>
      </c>
      <c r="M13667" s="2" t="s">
        <v>40940</v>
      </c>
      <c r="N13667" s="5" t="s">
        <v>36266</v>
      </c>
      <c r="O13667" s="5" t="s">
        <v>38</v>
      </c>
      <c r="P13667" s="5" t="s">
        <v>39</v>
      </c>
      <c r="Q13667" s="5" t="s">
        <v>40</v>
      </c>
      <c r="R13667" s="5" t="s">
        <v>1522</v>
      </c>
      <c r="S13667" s="5" t="s">
        <v>1523</v>
      </c>
      <c r="T13667" s="5" t="s">
        <v>42</v>
      </c>
      <c r="U13667" s="2">
        <v>1.405</v>
      </c>
      <c r="V13667" s="2">
        <v>0.81499999999999995</v>
      </c>
      <c r="W13667" s="2">
        <v>1.7999999999999999E-2</v>
      </c>
      <c r="X13667" s="2">
        <v>139.1</v>
      </c>
      <c r="Y13667" s="2">
        <v>7.6</v>
      </c>
      <c r="Z13667" s="2">
        <v>16.7</v>
      </c>
      <c r="AA13667" s="5"/>
      <c r="AB13667" s="5" t="s">
        <v>43</v>
      </c>
      <c r="AC13667" s="5" t="s">
        <v>44</v>
      </c>
      <c r="AD13667" s="2"/>
      <c r="AE13667" s="1"/>
    </row>
    <row r="13668" spans="1:31" ht="14.45">
      <c r="A13668" s="11"/>
      <c r="B13668" s="20"/>
      <c r="C13668" s="2" t="s">
        <v>41955</v>
      </c>
      <c r="D13668" s="14" t="s">
        <v>41956</v>
      </c>
      <c r="E13668" s="2" t="s">
        <v>41957</v>
      </c>
      <c r="F13668" s="2" t="s">
        <v>40971</v>
      </c>
      <c r="G13668" s="8">
        <v>157</v>
      </c>
      <c r="H13668" s="5">
        <v>6</v>
      </c>
      <c r="I13668" s="5" t="s">
        <v>1518</v>
      </c>
      <c r="J13668" s="5" t="s">
        <v>40939</v>
      </c>
      <c r="K13668" s="2" t="s">
        <v>40940</v>
      </c>
      <c r="L13668" s="5" t="s">
        <v>40939</v>
      </c>
      <c r="M13668" s="2" t="s">
        <v>40940</v>
      </c>
      <c r="N13668" s="5" t="s">
        <v>36266</v>
      </c>
      <c r="O13668" s="5" t="s">
        <v>38</v>
      </c>
      <c r="P13668" s="5" t="s">
        <v>39</v>
      </c>
      <c r="Q13668" s="5" t="s">
        <v>40</v>
      </c>
      <c r="R13668" s="5" t="s">
        <v>1522</v>
      </c>
      <c r="S13668" s="5" t="s">
        <v>1523</v>
      </c>
      <c r="T13668" s="5" t="s">
        <v>42</v>
      </c>
      <c r="U13668" s="2">
        <v>1.41</v>
      </c>
      <c r="V13668" s="2">
        <v>0.82</v>
      </c>
      <c r="W13668" s="2">
        <v>1.7999999999999999E-2</v>
      </c>
      <c r="X13668" s="2">
        <v>139.1</v>
      </c>
      <c r="Y13668" s="2">
        <v>7.6</v>
      </c>
      <c r="Z13668" s="2">
        <v>16.7</v>
      </c>
      <c r="AA13668" s="5"/>
      <c r="AB13668" s="5" t="s">
        <v>43</v>
      </c>
      <c r="AC13668" s="5" t="s">
        <v>44</v>
      </c>
      <c r="AD13668" s="2"/>
      <c r="AE13668" s="1"/>
    </row>
    <row r="13669" spans="1:31" ht="14.45">
      <c r="A13669" s="11"/>
      <c r="B13669" s="20"/>
      <c r="C13669" s="2" t="s">
        <v>41958</v>
      </c>
      <c r="D13669" s="14" t="s">
        <v>41959</v>
      </c>
      <c r="E13669" s="2" t="s">
        <v>41960</v>
      </c>
      <c r="F13669" s="2" t="s">
        <v>40975</v>
      </c>
      <c r="G13669" s="8">
        <v>157</v>
      </c>
      <c r="H13669" s="5">
        <v>6</v>
      </c>
      <c r="I13669" s="5" t="s">
        <v>1518</v>
      </c>
      <c r="J13669" s="5" t="s">
        <v>40939</v>
      </c>
      <c r="K13669" s="2" t="s">
        <v>40940</v>
      </c>
      <c r="L13669" s="5" t="s">
        <v>40939</v>
      </c>
      <c r="M13669" s="2" t="s">
        <v>40940</v>
      </c>
      <c r="N13669" s="5" t="s">
        <v>36266</v>
      </c>
      <c r="O13669" s="5" t="s">
        <v>38</v>
      </c>
      <c r="P13669" s="5" t="s">
        <v>39</v>
      </c>
      <c r="Q13669" s="5" t="s">
        <v>40</v>
      </c>
      <c r="R13669" s="5" t="s">
        <v>1522</v>
      </c>
      <c r="S13669" s="5" t="s">
        <v>1523</v>
      </c>
      <c r="T13669" s="5" t="s">
        <v>42</v>
      </c>
      <c r="U13669" s="2">
        <v>1.405</v>
      </c>
      <c r="V13669" s="2">
        <v>0.81499999999999995</v>
      </c>
      <c r="W13669" s="2">
        <v>1.7999999999999999E-2</v>
      </c>
      <c r="X13669" s="2">
        <v>139.1</v>
      </c>
      <c r="Y13669" s="2">
        <v>7.6</v>
      </c>
      <c r="Z13669" s="2">
        <v>16.7</v>
      </c>
      <c r="AA13669" s="5"/>
      <c r="AB13669" s="5" t="s">
        <v>43</v>
      </c>
      <c r="AC13669" s="5" t="s">
        <v>44</v>
      </c>
      <c r="AD13669" s="2"/>
      <c r="AE13669" s="1"/>
    </row>
    <row r="13670" spans="1:31" ht="14.45">
      <c r="A13670" s="11"/>
      <c r="B13670" s="20"/>
      <c r="C13670" s="2" t="s">
        <v>41961</v>
      </c>
      <c r="D13670" s="14" t="s">
        <v>41962</v>
      </c>
      <c r="E13670" s="2" t="s">
        <v>41963</v>
      </c>
      <c r="F13670" s="2" t="s">
        <v>40979</v>
      </c>
      <c r="G13670" s="8">
        <v>157</v>
      </c>
      <c r="H13670" s="5">
        <v>6</v>
      </c>
      <c r="I13670" s="5" t="s">
        <v>1518</v>
      </c>
      <c r="J13670" s="5" t="s">
        <v>40939</v>
      </c>
      <c r="K13670" s="2" t="s">
        <v>40940</v>
      </c>
      <c r="L13670" s="5" t="s">
        <v>40939</v>
      </c>
      <c r="M13670" s="2" t="s">
        <v>40940</v>
      </c>
      <c r="N13670" s="5" t="s">
        <v>36266</v>
      </c>
      <c r="O13670" s="5" t="s">
        <v>38</v>
      </c>
      <c r="P13670" s="5" t="s">
        <v>39</v>
      </c>
      <c r="Q13670" s="5" t="s">
        <v>40</v>
      </c>
      <c r="R13670" s="5" t="s">
        <v>1522</v>
      </c>
      <c r="S13670" s="5" t="s">
        <v>1523</v>
      </c>
      <c r="T13670" s="5" t="s">
        <v>42</v>
      </c>
      <c r="U13670" s="2">
        <v>1.41</v>
      </c>
      <c r="V13670" s="2">
        <v>0.82</v>
      </c>
      <c r="W13670" s="2">
        <v>1.7999999999999999E-2</v>
      </c>
      <c r="X13670" s="2">
        <v>139.1</v>
      </c>
      <c r="Y13670" s="2">
        <v>7.6</v>
      </c>
      <c r="Z13670" s="2">
        <v>16.7</v>
      </c>
      <c r="AA13670" s="5"/>
      <c r="AB13670" s="5" t="s">
        <v>43</v>
      </c>
      <c r="AC13670" s="5" t="s">
        <v>44</v>
      </c>
      <c r="AD13670" s="2"/>
      <c r="AE13670" s="1"/>
    </row>
    <row r="13671" spans="1:31" ht="14.45">
      <c r="A13671" s="11"/>
      <c r="B13671" s="20"/>
      <c r="C13671" s="2" t="s">
        <v>41964</v>
      </c>
      <c r="D13671" s="14" t="s">
        <v>41965</v>
      </c>
      <c r="E13671" s="2" t="s">
        <v>41966</v>
      </c>
      <c r="F13671" s="2" t="s">
        <v>7539</v>
      </c>
      <c r="G13671" s="8">
        <v>157</v>
      </c>
      <c r="H13671" s="5">
        <v>6</v>
      </c>
      <c r="I13671" s="5" t="s">
        <v>1518</v>
      </c>
      <c r="J13671" s="5" t="s">
        <v>40939</v>
      </c>
      <c r="K13671" s="2" t="s">
        <v>40940</v>
      </c>
      <c r="L13671" s="5" t="s">
        <v>40939</v>
      </c>
      <c r="M13671" s="2" t="s">
        <v>40940</v>
      </c>
      <c r="N13671" s="5" t="s">
        <v>36266</v>
      </c>
      <c r="O13671" s="5" t="s">
        <v>38</v>
      </c>
      <c r="P13671" s="5" t="s">
        <v>39</v>
      </c>
      <c r="Q13671" s="5" t="s">
        <v>40</v>
      </c>
      <c r="R13671" s="5" t="s">
        <v>1522</v>
      </c>
      <c r="S13671" s="5" t="s">
        <v>1523</v>
      </c>
      <c r="T13671" s="5" t="s">
        <v>42</v>
      </c>
      <c r="U13671" s="2">
        <v>1.3720000000000001</v>
      </c>
      <c r="V13671" s="2">
        <v>0.78200000000000003</v>
      </c>
      <c r="W13671" s="2">
        <v>1.7999999999999999E-2</v>
      </c>
      <c r="X13671" s="2">
        <v>139.1</v>
      </c>
      <c r="Y13671" s="2">
        <v>7.6</v>
      </c>
      <c r="Z13671" s="2">
        <v>16.7</v>
      </c>
      <c r="AA13671" s="5"/>
      <c r="AB13671" s="5" t="s">
        <v>43</v>
      </c>
      <c r="AC13671" s="5" t="s">
        <v>44</v>
      </c>
      <c r="AD13671" s="2"/>
      <c r="AE13671" s="1"/>
    </row>
    <row r="13672" spans="1:31" ht="14.45">
      <c r="A13672" s="11"/>
      <c r="B13672" s="20"/>
      <c r="C13672" s="2" t="s">
        <v>41967</v>
      </c>
      <c r="D13672" s="14" t="s">
        <v>41968</v>
      </c>
      <c r="E13672" s="2" t="s">
        <v>41969</v>
      </c>
      <c r="F13672" s="2" t="s">
        <v>7543</v>
      </c>
      <c r="G13672" s="8">
        <v>157</v>
      </c>
      <c r="H13672" s="5">
        <v>6</v>
      </c>
      <c r="I13672" s="5" t="s">
        <v>1518</v>
      </c>
      <c r="J13672" s="5" t="s">
        <v>40939</v>
      </c>
      <c r="K13672" s="2" t="s">
        <v>40940</v>
      </c>
      <c r="L13672" s="5" t="s">
        <v>40939</v>
      </c>
      <c r="M13672" s="2" t="s">
        <v>40940</v>
      </c>
      <c r="N13672" s="5" t="s">
        <v>36266</v>
      </c>
      <c r="O13672" s="5" t="s">
        <v>38</v>
      </c>
      <c r="P13672" s="5" t="s">
        <v>39</v>
      </c>
      <c r="Q13672" s="5" t="s">
        <v>40</v>
      </c>
      <c r="R13672" s="5" t="s">
        <v>1522</v>
      </c>
      <c r="S13672" s="5" t="s">
        <v>1523</v>
      </c>
      <c r="T13672" s="5" t="s">
        <v>42</v>
      </c>
      <c r="U13672" s="2">
        <v>1.377</v>
      </c>
      <c r="V13672" s="2">
        <v>0.78700000000000003</v>
      </c>
      <c r="W13672" s="2">
        <v>1.7999999999999999E-2</v>
      </c>
      <c r="X13672" s="2">
        <v>139.1</v>
      </c>
      <c r="Y13672" s="2">
        <v>7.6</v>
      </c>
      <c r="Z13672" s="2">
        <v>16.7</v>
      </c>
      <c r="AA13672" s="5"/>
      <c r="AB13672" s="5" t="s">
        <v>43</v>
      </c>
      <c r="AC13672" s="5" t="s">
        <v>44</v>
      </c>
      <c r="AD13672" s="2"/>
      <c r="AE13672" s="1"/>
    </row>
    <row r="13673" spans="1:31" ht="14.45">
      <c r="A13673" s="11"/>
      <c r="B13673" s="20"/>
      <c r="C13673" s="2" t="s">
        <v>41970</v>
      </c>
      <c r="D13673" s="14" t="s">
        <v>41971</v>
      </c>
      <c r="E13673" s="2" t="s">
        <v>41972</v>
      </c>
      <c r="F13673" s="2" t="s">
        <v>40989</v>
      </c>
      <c r="G13673" s="8">
        <v>157</v>
      </c>
      <c r="H13673" s="5">
        <v>6</v>
      </c>
      <c r="I13673" s="5" t="s">
        <v>1518</v>
      </c>
      <c r="J13673" s="5" t="s">
        <v>40939</v>
      </c>
      <c r="K13673" s="2" t="s">
        <v>40940</v>
      </c>
      <c r="L13673" s="5" t="s">
        <v>40939</v>
      </c>
      <c r="M13673" s="2" t="s">
        <v>40940</v>
      </c>
      <c r="N13673" s="5" t="s">
        <v>36266</v>
      </c>
      <c r="O13673" s="5" t="s">
        <v>38</v>
      </c>
      <c r="P13673" s="5" t="s">
        <v>39</v>
      </c>
      <c r="Q13673" s="5" t="s">
        <v>40</v>
      </c>
      <c r="R13673" s="5" t="s">
        <v>1522</v>
      </c>
      <c r="S13673" s="5" t="s">
        <v>1523</v>
      </c>
      <c r="T13673" s="5" t="s">
        <v>42</v>
      </c>
      <c r="U13673" s="2">
        <v>1.405</v>
      </c>
      <c r="V13673" s="2">
        <v>0.81499999999999995</v>
      </c>
      <c r="W13673" s="2">
        <v>1.7999999999999999E-2</v>
      </c>
      <c r="X13673" s="2">
        <v>139.1</v>
      </c>
      <c r="Y13673" s="2">
        <v>7.6</v>
      </c>
      <c r="Z13673" s="2">
        <v>16.7</v>
      </c>
      <c r="AA13673" s="5"/>
      <c r="AB13673" s="5" t="s">
        <v>43</v>
      </c>
      <c r="AC13673" s="5" t="s">
        <v>44</v>
      </c>
      <c r="AD13673" s="2"/>
      <c r="AE13673" s="1"/>
    </row>
    <row r="13674" spans="1:31" ht="14.45">
      <c r="A13674" s="11"/>
      <c r="B13674" s="20"/>
      <c r="C13674" s="2" t="s">
        <v>41973</v>
      </c>
      <c r="D13674" s="14" t="s">
        <v>41974</v>
      </c>
      <c r="E13674" s="2" t="s">
        <v>41975</v>
      </c>
      <c r="F13674" s="2" t="s">
        <v>40993</v>
      </c>
      <c r="G13674" s="8">
        <v>157</v>
      </c>
      <c r="H13674" s="5">
        <v>6</v>
      </c>
      <c r="I13674" s="5" t="s">
        <v>1518</v>
      </c>
      <c r="J13674" s="5" t="s">
        <v>40939</v>
      </c>
      <c r="K13674" s="2" t="s">
        <v>40940</v>
      </c>
      <c r="L13674" s="5" t="s">
        <v>40939</v>
      </c>
      <c r="M13674" s="2" t="s">
        <v>40940</v>
      </c>
      <c r="N13674" s="5" t="s">
        <v>36266</v>
      </c>
      <c r="O13674" s="5" t="s">
        <v>38</v>
      </c>
      <c r="P13674" s="5" t="s">
        <v>39</v>
      </c>
      <c r="Q13674" s="5" t="s">
        <v>40</v>
      </c>
      <c r="R13674" s="5" t="s">
        <v>1522</v>
      </c>
      <c r="S13674" s="5" t="s">
        <v>1523</v>
      </c>
      <c r="T13674" s="5" t="s">
        <v>42</v>
      </c>
      <c r="U13674" s="2">
        <v>1.41</v>
      </c>
      <c r="V13674" s="2">
        <v>0.82</v>
      </c>
      <c r="W13674" s="2">
        <v>1.7999999999999999E-2</v>
      </c>
      <c r="X13674" s="2">
        <v>139.1</v>
      </c>
      <c r="Y13674" s="2">
        <v>7.6</v>
      </c>
      <c r="Z13674" s="2">
        <v>16.7</v>
      </c>
      <c r="AA13674" s="5"/>
      <c r="AB13674" s="5" t="s">
        <v>43</v>
      </c>
      <c r="AC13674" s="5" t="s">
        <v>44</v>
      </c>
      <c r="AD13674" s="2"/>
      <c r="AE13674" s="1"/>
    </row>
    <row r="13675" spans="1:31" ht="14.45">
      <c r="A13675" s="11"/>
      <c r="B13675" s="20"/>
      <c r="C13675" s="2" t="s">
        <v>41976</v>
      </c>
      <c r="D13675" s="14" t="s">
        <v>41977</v>
      </c>
      <c r="E13675" s="2" t="s">
        <v>41978</v>
      </c>
      <c r="F13675" s="2" t="s">
        <v>40997</v>
      </c>
      <c r="G13675" s="8">
        <v>157</v>
      </c>
      <c r="H13675" s="5">
        <v>6</v>
      </c>
      <c r="I13675" s="5" t="s">
        <v>1518</v>
      </c>
      <c r="J13675" s="5" t="s">
        <v>40939</v>
      </c>
      <c r="K13675" s="2" t="s">
        <v>40940</v>
      </c>
      <c r="L13675" s="5" t="s">
        <v>40939</v>
      </c>
      <c r="M13675" s="2" t="s">
        <v>40940</v>
      </c>
      <c r="N13675" s="5" t="s">
        <v>36266</v>
      </c>
      <c r="O13675" s="5" t="s">
        <v>38</v>
      </c>
      <c r="P13675" s="5" t="s">
        <v>39</v>
      </c>
      <c r="Q13675" s="5" t="s">
        <v>40</v>
      </c>
      <c r="R13675" s="5" t="s">
        <v>1522</v>
      </c>
      <c r="S13675" s="5" t="s">
        <v>1523</v>
      </c>
      <c r="T13675" s="5" t="s">
        <v>42</v>
      </c>
      <c r="U13675" s="2">
        <v>1.3779999999999999</v>
      </c>
      <c r="V13675" s="2">
        <v>0.78800000000000003</v>
      </c>
      <c r="W13675" s="2">
        <v>1.7999999999999999E-2</v>
      </c>
      <c r="X13675" s="2">
        <v>139.1</v>
      </c>
      <c r="Y13675" s="2">
        <v>7.6</v>
      </c>
      <c r="Z13675" s="2">
        <v>16.7</v>
      </c>
      <c r="AA13675" s="5"/>
      <c r="AB13675" s="5" t="s">
        <v>43</v>
      </c>
      <c r="AC13675" s="5" t="s">
        <v>44</v>
      </c>
      <c r="AD13675" s="2"/>
      <c r="AE13675" s="1"/>
    </row>
    <row r="13676" spans="1:31" ht="14.45">
      <c r="A13676" s="11"/>
      <c r="B13676" s="20"/>
      <c r="C13676" s="2" t="s">
        <v>41979</v>
      </c>
      <c r="D13676" s="14" t="s">
        <v>41980</v>
      </c>
      <c r="E13676" s="2" t="s">
        <v>41981</v>
      </c>
      <c r="F13676" s="2" t="s">
        <v>41267</v>
      </c>
      <c r="G13676" s="8">
        <v>157</v>
      </c>
      <c r="H13676" s="5">
        <v>6</v>
      </c>
      <c r="I13676" s="5" t="s">
        <v>1518</v>
      </c>
      <c r="J13676" s="5" t="s">
        <v>40939</v>
      </c>
      <c r="K13676" s="2" t="s">
        <v>40940</v>
      </c>
      <c r="L13676" s="5" t="s">
        <v>40939</v>
      </c>
      <c r="M13676" s="2" t="s">
        <v>40940</v>
      </c>
      <c r="N13676" s="5" t="s">
        <v>36266</v>
      </c>
      <c r="O13676" s="5" t="s">
        <v>38</v>
      </c>
      <c r="P13676" s="5" t="s">
        <v>39</v>
      </c>
      <c r="Q13676" s="5" t="s">
        <v>40</v>
      </c>
      <c r="R13676" s="5" t="s">
        <v>1522</v>
      </c>
      <c r="S13676" s="5" t="s">
        <v>1523</v>
      </c>
      <c r="T13676" s="5" t="s">
        <v>42</v>
      </c>
      <c r="U13676" s="2">
        <v>1.383</v>
      </c>
      <c r="V13676" s="2">
        <v>0.79300000000000004</v>
      </c>
      <c r="W13676" s="2">
        <v>1.7999999999999999E-2</v>
      </c>
      <c r="X13676" s="2">
        <v>139.1</v>
      </c>
      <c r="Y13676" s="2">
        <v>7.6</v>
      </c>
      <c r="Z13676" s="2">
        <v>16.7</v>
      </c>
      <c r="AA13676" s="5"/>
      <c r="AB13676" s="5" t="s">
        <v>43</v>
      </c>
      <c r="AC13676" s="5" t="s">
        <v>44</v>
      </c>
      <c r="AD13676" s="2"/>
      <c r="AE13676" s="1"/>
    </row>
    <row r="13677" spans="1:31" ht="14.45">
      <c r="A13677" s="11"/>
      <c r="B13677" s="20"/>
      <c r="C13677" s="2" t="s">
        <v>41982</v>
      </c>
      <c r="D13677" s="14" t="s">
        <v>41983</v>
      </c>
      <c r="E13677" s="2" t="s">
        <v>41984</v>
      </c>
      <c r="F13677" s="2" t="s">
        <v>41001</v>
      </c>
      <c r="G13677" s="8">
        <v>157</v>
      </c>
      <c r="H13677" s="5">
        <v>6</v>
      </c>
      <c r="I13677" s="5" t="s">
        <v>1518</v>
      </c>
      <c r="J13677" s="5" t="s">
        <v>40939</v>
      </c>
      <c r="K13677" s="2" t="s">
        <v>40940</v>
      </c>
      <c r="L13677" s="5" t="s">
        <v>40939</v>
      </c>
      <c r="M13677" s="2" t="s">
        <v>40940</v>
      </c>
      <c r="N13677" s="5" t="s">
        <v>36266</v>
      </c>
      <c r="O13677" s="5" t="s">
        <v>38</v>
      </c>
      <c r="P13677" s="5" t="s">
        <v>39</v>
      </c>
      <c r="Q13677" s="5" t="s">
        <v>40</v>
      </c>
      <c r="R13677" s="5" t="s">
        <v>1522</v>
      </c>
      <c r="S13677" s="5" t="s">
        <v>1523</v>
      </c>
      <c r="T13677" s="5" t="s">
        <v>42</v>
      </c>
      <c r="U13677" s="2">
        <v>1.405</v>
      </c>
      <c r="V13677" s="2">
        <v>0.81499999999999995</v>
      </c>
      <c r="W13677" s="2">
        <v>1.7999999999999999E-2</v>
      </c>
      <c r="X13677" s="2">
        <v>139.1</v>
      </c>
      <c r="Y13677" s="2">
        <v>7.6</v>
      </c>
      <c r="Z13677" s="2">
        <v>16.7</v>
      </c>
      <c r="AA13677" s="5"/>
      <c r="AB13677" s="5" t="s">
        <v>43</v>
      </c>
      <c r="AC13677" s="5" t="s">
        <v>44</v>
      </c>
      <c r="AD13677" s="2"/>
      <c r="AE13677" s="1"/>
    </row>
    <row r="13678" spans="1:31" ht="14.45">
      <c r="A13678" s="11"/>
      <c r="B13678" s="20"/>
      <c r="C13678" s="2" t="s">
        <v>41985</v>
      </c>
      <c r="D13678" s="14" t="s">
        <v>41986</v>
      </c>
      <c r="E13678" s="2" t="s">
        <v>41987</v>
      </c>
      <c r="F13678" s="2" t="s">
        <v>41005</v>
      </c>
      <c r="G13678" s="8">
        <v>157</v>
      </c>
      <c r="H13678" s="5">
        <v>6</v>
      </c>
      <c r="I13678" s="5" t="s">
        <v>1518</v>
      </c>
      <c r="J13678" s="5" t="s">
        <v>40939</v>
      </c>
      <c r="K13678" s="2" t="s">
        <v>40940</v>
      </c>
      <c r="L13678" s="5" t="s">
        <v>40939</v>
      </c>
      <c r="M13678" s="2" t="s">
        <v>40940</v>
      </c>
      <c r="N13678" s="5" t="s">
        <v>36266</v>
      </c>
      <c r="O13678" s="5" t="s">
        <v>38</v>
      </c>
      <c r="P13678" s="5" t="s">
        <v>39</v>
      </c>
      <c r="Q13678" s="5" t="s">
        <v>40</v>
      </c>
      <c r="R13678" s="5" t="s">
        <v>1522</v>
      </c>
      <c r="S13678" s="5" t="s">
        <v>1523</v>
      </c>
      <c r="T13678" s="5" t="s">
        <v>42</v>
      </c>
      <c r="U13678" s="2">
        <v>1.41</v>
      </c>
      <c r="V13678" s="2">
        <v>0.82</v>
      </c>
      <c r="W13678" s="2">
        <v>1.7999999999999999E-2</v>
      </c>
      <c r="X13678" s="2">
        <v>139.1</v>
      </c>
      <c r="Y13678" s="2">
        <v>7.6</v>
      </c>
      <c r="Z13678" s="2">
        <v>16.7</v>
      </c>
      <c r="AA13678" s="5"/>
      <c r="AB13678" s="5" t="s">
        <v>43</v>
      </c>
      <c r="AC13678" s="5" t="s">
        <v>44</v>
      </c>
      <c r="AD13678" s="2"/>
      <c r="AE13678" s="1"/>
    </row>
    <row r="13679" spans="1:31" ht="14.45">
      <c r="A13679" s="11"/>
      <c r="B13679" s="20"/>
      <c r="C13679" s="2" t="s">
        <v>41988</v>
      </c>
      <c r="D13679" s="14" t="s">
        <v>41989</v>
      </c>
      <c r="E13679" s="2" t="s">
        <v>41990</v>
      </c>
      <c r="F13679" s="2" t="s">
        <v>41009</v>
      </c>
      <c r="G13679" s="8">
        <v>157</v>
      </c>
      <c r="H13679" s="5">
        <v>6</v>
      </c>
      <c r="I13679" s="5" t="s">
        <v>1518</v>
      </c>
      <c r="J13679" s="5" t="s">
        <v>40939</v>
      </c>
      <c r="K13679" s="2" t="s">
        <v>40940</v>
      </c>
      <c r="L13679" s="5" t="s">
        <v>40939</v>
      </c>
      <c r="M13679" s="2" t="s">
        <v>40940</v>
      </c>
      <c r="N13679" s="5" t="s">
        <v>36266</v>
      </c>
      <c r="O13679" s="5" t="s">
        <v>38</v>
      </c>
      <c r="P13679" s="5" t="s">
        <v>39</v>
      </c>
      <c r="Q13679" s="5" t="s">
        <v>40</v>
      </c>
      <c r="R13679" s="5" t="s">
        <v>1522</v>
      </c>
      <c r="S13679" s="5" t="s">
        <v>1523</v>
      </c>
      <c r="T13679" s="5" t="s">
        <v>42</v>
      </c>
      <c r="U13679" s="2">
        <v>1.411</v>
      </c>
      <c r="V13679" s="2">
        <v>0.82099999999999995</v>
      </c>
      <c r="W13679" s="2">
        <v>1.7999999999999999E-2</v>
      </c>
      <c r="X13679" s="2">
        <v>139.1</v>
      </c>
      <c r="Y13679" s="2">
        <v>7.6</v>
      </c>
      <c r="Z13679" s="2">
        <v>16.7</v>
      </c>
      <c r="AA13679" s="5"/>
      <c r="AB13679" s="5" t="s">
        <v>43</v>
      </c>
      <c r="AC13679" s="5" t="s">
        <v>44</v>
      </c>
      <c r="AD13679" s="2"/>
      <c r="AE13679" s="1"/>
    </row>
    <row r="13680" spans="1:31" ht="14.45">
      <c r="A13680" s="11"/>
      <c r="B13680" s="20"/>
      <c r="C13680" s="2" t="s">
        <v>41991</v>
      </c>
      <c r="D13680" s="14" t="s">
        <v>41992</v>
      </c>
      <c r="E13680" s="2" t="s">
        <v>41993</v>
      </c>
      <c r="F13680" s="2" t="s">
        <v>41013</v>
      </c>
      <c r="G13680" s="8">
        <v>157</v>
      </c>
      <c r="H13680" s="5">
        <v>6</v>
      </c>
      <c r="I13680" s="5" t="s">
        <v>1518</v>
      </c>
      <c r="J13680" s="5" t="s">
        <v>40939</v>
      </c>
      <c r="K13680" s="2" t="s">
        <v>40940</v>
      </c>
      <c r="L13680" s="5" t="s">
        <v>40939</v>
      </c>
      <c r="M13680" s="2" t="s">
        <v>40940</v>
      </c>
      <c r="N13680" s="5" t="s">
        <v>36266</v>
      </c>
      <c r="O13680" s="5" t="s">
        <v>38</v>
      </c>
      <c r="P13680" s="5" t="s">
        <v>39</v>
      </c>
      <c r="Q13680" s="5" t="s">
        <v>40</v>
      </c>
      <c r="R13680" s="5" t="s">
        <v>1522</v>
      </c>
      <c r="S13680" s="5" t="s">
        <v>1523</v>
      </c>
      <c r="T13680" s="5" t="s">
        <v>42</v>
      </c>
      <c r="U13680" s="2">
        <v>1.4159999999999999</v>
      </c>
      <c r="V13680" s="2">
        <v>0.82599999999999996</v>
      </c>
      <c r="W13680" s="2">
        <v>1.7999999999999999E-2</v>
      </c>
      <c r="X13680" s="2">
        <v>139.1</v>
      </c>
      <c r="Y13680" s="2">
        <v>7.6</v>
      </c>
      <c r="Z13680" s="2">
        <v>16.7</v>
      </c>
      <c r="AA13680" s="5"/>
      <c r="AB13680" s="5" t="s">
        <v>43</v>
      </c>
      <c r="AC13680" s="5" t="s">
        <v>44</v>
      </c>
      <c r="AD13680" s="2"/>
      <c r="AE13680" s="1"/>
    </row>
    <row r="13681" spans="1:31" ht="14.45">
      <c r="A13681" s="11"/>
      <c r="B13681" s="20"/>
      <c r="C13681" s="2" t="s">
        <v>41994</v>
      </c>
      <c r="D13681" s="14" t="s">
        <v>41995</v>
      </c>
      <c r="E13681" s="2" t="s">
        <v>41996</v>
      </c>
      <c r="F13681" s="2" t="s">
        <v>7396</v>
      </c>
      <c r="G13681" s="8">
        <v>137</v>
      </c>
      <c r="H13681" s="5">
        <v>6</v>
      </c>
      <c r="I13681" s="5" t="s">
        <v>1518</v>
      </c>
      <c r="J13681" s="5" t="s">
        <v>40939</v>
      </c>
      <c r="K13681" s="2" t="s">
        <v>40940</v>
      </c>
      <c r="L13681" s="5" t="s">
        <v>40939</v>
      </c>
      <c r="M13681" s="2" t="s">
        <v>40940</v>
      </c>
      <c r="N13681" s="5" t="s">
        <v>36266</v>
      </c>
      <c r="O13681" s="5" t="s">
        <v>38</v>
      </c>
      <c r="P13681" s="5" t="s">
        <v>39</v>
      </c>
      <c r="Q13681" s="5" t="s">
        <v>40</v>
      </c>
      <c r="R13681" s="5" t="s">
        <v>1522</v>
      </c>
      <c r="S13681" s="5" t="s">
        <v>1523</v>
      </c>
      <c r="T13681" s="5" t="s">
        <v>42</v>
      </c>
      <c r="U13681" s="2">
        <v>1.411</v>
      </c>
      <c r="V13681" s="2">
        <v>0.82099999999999995</v>
      </c>
      <c r="W13681" s="2">
        <v>1.7999999999999999E-2</v>
      </c>
      <c r="X13681" s="2">
        <v>139.1</v>
      </c>
      <c r="Y13681" s="2">
        <v>7.6</v>
      </c>
      <c r="Z13681" s="2">
        <v>16.7</v>
      </c>
      <c r="AA13681" s="5"/>
      <c r="AB13681" s="5" t="s">
        <v>43</v>
      </c>
      <c r="AC13681" s="5" t="s">
        <v>44</v>
      </c>
      <c r="AD13681" s="2"/>
      <c r="AE13681" s="1"/>
    </row>
    <row r="13682" spans="1:31" ht="14.45">
      <c r="A13682" s="11"/>
      <c r="B13682" s="20"/>
      <c r="C13682" s="2" t="s">
        <v>41997</v>
      </c>
      <c r="D13682" s="14" t="s">
        <v>41998</v>
      </c>
      <c r="E13682" s="2" t="s">
        <v>41999</v>
      </c>
      <c r="F13682" s="2" t="s">
        <v>7507</v>
      </c>
      <c r="G13682" s="8">
        <v>137</v>
      </c>
      <c r="H13682" s="5">
        <v>6</v>
      </c>
      <c r="I13682" s="5" t="s">
        <v>1518</v>
      </c>
      <c r="J13682" s="5" t="s">
        <v>40939</v>
      </c>
      <c r="K13682" s="2" t="s">
        <v>40940</v>
      </c>
      <c r="L13682" s="5" t="s">
        <v>40939</v>
      </c>
      <c r="M13682" s="2" t="s">
        <v>40940</v>
      </c>
      <c r="N13682" s="5" t="s">
        <v>36266</v>
      </c>
      <c r="O13682" s="5" t="s">
        <v>38</v>
      </c>
      <c r="P13682" s="5" t="s">
        <v>39</v>
      </c>
      <c r="Q13682" s="5" t="s">
        <v>40</v>
      </c>
      <c r="R13682" s="5" t="s">
        <v>1522</v>
      </c>
      <c r="S13682" s="5" t="s">
        <v>1523</v>
      </c>
      <c r="T13682" s="5" t="s">
        <v>42</v>
      </c>
      <c r="U13682" s="2">
        <v>1.4159999999999999</v>
      </c>
      <c r="V13682" s="2">
        <v>0.82599999999999996</v>
      </c>
      <c r="W13682" s="2">
        <v>1.7999999999999999E-2</v>
      </c>
      <c r="X13682" s="2">
        <v>139.1</v>
      </c>
      <c r="Y13682" s="2">
        <v>7.6</v>
      </c>
      <c r="Z13682" s="2">
        <v>16.7</v>
      </c>
      <c r="AA13682" s="5"/>
      <c r="AB13682" s="5" t="s">
        <v>43</v>
      </c>
      <c r="AC13682" s="5" t="s">
        <v>44</v>
      </c>
      <c r="AD13682" s="2"/>
      <c r="AE13682" s="1"/>
    </row>
    <row r="13683" spans="1:31" ht="14.45">
      <c r="A13683" s="11"/>
      <c r="B13683" s="20"/>
      <c r="C13683" s="2" t="s">
        <v>42000</v>
      </c>
      <c r="D13683" s="14" t="s">
        <v>42001</v>
      </c>
      <c r="E13683" s="2" t="s">
        <v>42002</v>
      </c>
      <c r="F13683" s="2" t="s">
        <v>41023</v>
      </c>
      <c r="G13683" s="8">
        <v>157</v>
      </c>
      <c r="H13683" s="5">
        <v>6</v>
      </c>
      <c r="I13683" s="5" t="s">
        <v>1518</v>
      </c>
      <c r="J13683" s="5" t="s">
        <v>40939</v>
      </c>
      <c r="K13683" s="2" t="s">
        <v>40940</v>
      </c>
      <c r="L13683" s="5" t="s">
        <v>40939</v>
      </c>
      <c r="M13683" s="2" t="s">
        <v>40940</v>
      </c>
      <c r="N13683" s="5" t="s">
        <v>36266</v>
      </c>
      <c r="O13683" s="5" t="s">
        <v>38</v>
      </c>
      <c r="P13683" s="5" t="s">
        <v>39</v>
      </c>
      <c r="Q13683" s="5" t="s">
        <v>40</v>
      </c>
      <c r="R13683" s="5" t="s">
        <v>1522</v>
      </c>
      <c r="S13683" s="5" t="s">
        <v>1523</v>
      </c>
      <c r="T13683" s="5" t="s">
        <v>42</v>
      </c>
      <c r="U13683" s="2">
        <v>1.3779999999999999</v>
      </c>
      <c r="V13683" s="2">
        <v>0.78800000000000003</v>
      </c>
      <c r="W13683" s="2">
        <v>1.7999999999999999E-2</v>
      </c>
      <c r="X13683" s="2">
        <v>139.1</v>
      </c>
      <c r="Y13683" s="2">
        <v>7.6</v>
      </c>
      <c r="Z13683" s="2">
        <v>16.7</v>
      </c>
      <c r="AA13683" s="5"/>
      <c r="AB13683" s="5" t="s">
        <v>43</v>
      </c>
      <c r="AC13683" s="5" t="s">
        <v>44</v>
      </c>
      <c r="AD13683" s="2"/>
      <c r="AE13683" s="1"/>
    </row>
    <row r="13684" spans="1:31" ht="14.45">
      <c r="A13684" s="11"/>
      <c r="B13684" s="20"/>
      <c r="C13684" s="2" t="s">
        <v>42003</v>
      </c>
      <c r="D13684" s="14" t="s">
        <v>42004</v>
      </c>
      <c r="E13684" s="2" t="s">
        <v>42005</v>
      </c>
      <c r="F13684" s="2" t="s">
        <v>41027</v>
      </c>
      <c r="G13684" s="8">
        <v>157</v>
      </c>
      <c r="H13684" s="5">
        <v>6</v>
      </c>
      <c r="I13684" s="5" t="s">
        <v>1518</v>
      </c>
      <c r="J13684" s="5" t="s">
        <v>40939</v>
      </c>
      <c r="K13684" s="2" t="s">
        <v>40940</v>
      </c>
      <c r="L13684" s="5" t="s">
        <v>40939</v>
      </c>
      <c r="M13684" s="2" t="s">
        <v>40940</v>
      </c>
      <c r="N13684" s="5" t="s">
        <v>36266</v>
      </c>
      <c r="O13684" s="5" t="s">
        <v>38</v>
      </c>
      <c r="P13684" s="5" t="s">
        <v>39</v>
      </c>
      <c r="Q13684" s="5" t="s">
        <v>40</v>
      </c>
      <c r="R13684" s="5" t="s">
        <v>1522</v>
      </c>
      <c r="S13684" s="5" t="s">
        <v>1523</v>
      </c>
      <c r="T13684" s="5" t="s">
        <v>42</v>
      </c>
      <c r="U13684" s="2">
        <v>1.383</v>
      </c>
      <c r="V13684" s="2">
        <v>0.79300000000000004</v>
      </c>
      <c r="W13684" s="2">
        <v>1.7999999999999999E-2</v>
      </c>
      <c r="X13684" s="2">
        <v>139.1</v>
      </c>
      <c r="Y13684" s="2">
        <v>7.6</v>
      </c>
      <c r="Z13684" s="2">
        <v>16.7</v>
      </c>
      <c r="AA13684" s="5"/>
      <c r="AB13684" s="5" t="s">
        <v>43</v>
      </c>
      <c r="AC13684" s="5" t="s">
        <v>44</v>
      </c>
      <c r="AD13684" s="2"/>
      <c r="AE13684" s="1"/>
    </row>
    <row r="13685" spans="1:31" ht="14.45">
      <c r="A13685" s="11"/>
      <c r="B13685" s="20"/>
      <c r="C13685" s="2" t="s">
        <v>42006</v>
      </c>
      <c r="D13685" s="14" t="s">
        <v>42007</v>
      </c>
      <c r="E13685" s="2" t="s">
        <v>42008</v>
      </c>
      <c r="F13685" s="2" t="s">
        <v>41031</v>
      </c>
      <c r="G13685" s="8">
        <v>157</v>
      </c>
      <c r="H13685" s="5">
        <v>6</v>
      </c>
      <c r="I13685" s="5" t="s">
        <v>1518</v>
      </c>
      <c r="J13685" s="5" t="s">
        <v>40939</v>
      </c>
      <c r="K13685" s="2" t="s">
        <v>40940</v>
      </c>
      <c r="L13685" s="5" t="s">
        <v>40939</v>
      </c>
      <c r="M13685" s="2" t="s">
        <v>40940</v>
      </c>
      <c r="N13685" s="5" t="s">
        <v>36266</v>
      </c>
      <c r="O13685" s="5" t="s">
        <v>38</v>
      </c>
      <c r="P13685" s="5" t="s">
        <v>39</v>
      </c>
      <c r="Q13685" s="5" t="s">
        <v>40</v>
      </c>
      <c r="R13685" s="5" t="s">
        <v>1522</v>
      </c>
      <c r="S13685" s="5" t="s">
        <v>1523</v>
      </c>
      <c r="T13685" s="5" t="s">
        <v>42</v>
      </c>
      <c r="U13685" s="2">
        <v>1.3779999999999999</v>
      </c>
      <c r="V13685" s="2">
        <v>0.78800000000000003</v>
      </c>
      <c r="W13685" s="2">
        <v>1.7999999999999999E-2</v>
      </c>
      <c r="X13685" s="2">
        <v>139.1</v>
      </c>
      <c r="Y13685" s="2">
        <v>7.6</v>
      </c>
      <c r="Z13685" s="2">
        <v>16.7</v>
      </c>
      <c r="AA13685" s="5"/>
      <c r="AB13685" s="5" t="s">
        <v>43</v>
      </c>
      <c r="AC13685" s="5" t="s">
        <v>44</v>
      </c>
      <c r="AD13685" s="2"/>
      <c r="AE13685" s="1"/>
    </row>
    <row r="13686" spans="1:31" ht="14.45">
      <c r="A13686" s="11"/>
      <c r="B13686" s="20"/>
      <c r="C13686" s="2" t="s">
        <v>42009</v>
      </c>
      <c r="D13686" s="14" t="s">
        <v>42010</v>
      </c>
      <c r="E13686" s="2" t="s">
        <v>42011</v>
      </c>
      <c r="F13686" s="2" t="s">
        <v>41035</v>
      </c>
      <c r="G13686" s="8">
        <v>157</v>
      </c>
      <c r="H13686" s="5">
        <v>6</v>
      </c>
      <c r="I13686" s="5" t="s">
        <v>1518</v>
      </c>
      <c r="J13686" s="5" t="s">
        <v>40939</v>
      </c>
      <c r="K13686" s="2" t="s">
        <v>40940</v>
      </c>
      <c r="L13686" s="5" t="s">
        <v>40939</v>
      </c>
      <c r="M13686" s="2" t="s">
        <v>40940</v>
      </c>
      <c r="N13686" s="5" t="s">
        <v>36266</v>
      </c>
      <c r="O13686" s="5" t="s">
        <v>38</v>
      </c>
      <c r="P13686" s="5" t="s">
        <v>39</v>
      </c>
      <c r="Q13686" s="5" t="s">
        <v>40</v>
      </c>
      <c r="R13686" s="5" t="s">
        <v>1522</v>
      </c>
      <c r="S13686" s="5" t="s">
        <v>1523</v>
      </c>
      <c r="T13686" s="5" t="s">
        <v>42</v>
      </c>
      <c r="U13686" s="2">
        <v>1.383</v>
      </c>
      <c r="V13686" s="2">
        <v>0.79300000000000004</v>
      </c>
      <c r="W13686" s="2">
        <v>1.7999999999999999E-2</v>
      </c>
      <c r="X13686" s="2">
        <v>139.1</v>
      </c>
      <c r="Y13686" s="2">
        <v>7.6</v>
      </c>
      <c r="Z13686" s="2">
        <v>16.7</v>
      </c>
      <c r="AA13686" s="5"/>
      <c r="AB13686" s="5" t="s">
        <v>43</v>
      </c>
      <c r="AC13686" s="5" t="s">
        <v>44</v>
      </c>
      <c r="AD13686" s="2"/>
      <c r="AE13686" s="1"/>
    </row>
    <row r="13687" spans="1:31" ht="14.45">
      <c r="A13687" s="11"/>
      <c r="B13687" s="20"/>
      <c r="C13687" s="2" t="s">
        <v>42012</v>
      </c>
      <c r="D13687" s="14" t="s">
        <v>42013</v>
      </c>
      <c r="E13687" s="2" t="s">
        <v>42014</v>
      </c>
      <c r="F13687" s="2" t="s">
        <v>7449</v>
      </c>
      <c r="G13687" s="8">
        <v>157</v>
      </c>
      <c r="H13687" s="5">
        <v>6</v>
      </c>
      <c r="I13687" s="5" t="s">
        <v>1518</v>
      </c>
      <c r="J13687" s="5" t="s">
        <v>40939</v>
      </c>
      <c r="K13687" s="2" t="s">
        <v>40940</v>
      </c>
      <c r="L13687" s="5" t="s">
        <v>40939</v>
      </c>
      <c r="M13687" s="2" t="s">
        <v>40940</v>
      </c>
      <c r="N13687" s="5" t="s">
        <v>36266</v>
      </c>
      <c r="O13687" s="5" t="s">
        <v>38</v>
      </c>
      <c r="P13687" s="5" t="s">
        <v>39</v>
      </c>
      <c r="Q13687" s="5" t="s">
        <v>40</v>
      </c>
      <c r="R13687" s="5" t="s">
        <v>1522</v>
      </c>
      <c r="S13687" s="5" t="s">
        <v>1523</v>
      </c>
      <c r="T13687" s="5" t="s">
        <v>42</v>
      </c>
      <c r="U13687" s="2">
        <v>1.3779999999999999</v>
      </c>
      <c r="V13687" s="2">
        <v>0.78800000000000003</v>
      </c>
      <c r="W13687" s="2">
        <v>1.7999999999999999E-2</v>
      </c>
      <c r="X13687" s="2">
        <v>139.1</v>
      </c>
      <c r="Y13687" s="2">
        <v>7.6</v>
      </c>
      <c r="Z13687" s="2">
        <v>16.7</v>
      </c>
      <c r="AA13687" s="5"/>
      <c r="AB13687" s="5" t="s">
        <v>43</v>
      </c>
      <c r="AC13687" s="5" t="s">
        <v>44</v>
      </c>
      <c r="AD13687" s="2"/>
      <c r="AE13687" s="1"/>
    </row>
    <row r="13688" spans="1:31" ht="14.45">
      <c r="A13688" s="11"/>
      <c r="B13688" s="20"/>
      <c r="C13688" s="2" t="s">
        <v>42015</v>
      </c>
      <c r="D13688" s="14" t="s">
        <v>42016</v>
      </c>
      <c r="E13688" s="2" t="s">
        <v>42017</v>
      </c>
      <c r="F13688" s="2" t="s">
        <v>7581</v>
      </c>
      <c r="G13688" s="8">
        <v>157</v>
      </c>
      <c r="H13688" s="5">
        <v>6</v>
      </c>
      <c r="I13688" s="5" t="s">
        <v>1518</v>
      </c>
      <c r="J13688" s="5" t="s">
        <v>40939</v>
      </c>
      <c r="K13688" s="2" t="s">
        <v>40940</v>
      </c>
      <c r="L13688" s="5" t="s">
        <v>40939</v>
      </c>
      <c r="M13688" s="2" t="s">
        <v>40940</v>
      </c>
      <c r="N13688" s="5" t="s">
        <v>36266</v>
      </c>
      <c r="O13688" s="5" t="s">
        <v>38</v>
      </c>
      <c r="P13688" s="5" t="s">
        <v>39</v>
      </c>
      <c r="Q13688" s="5" t="s">
        <v>40</v>
      </c>
      <c r="R13688" s="5" t="s">
        <v>1522</v>
      </c>
      <c r="S13688" s="5" t="s">
        <v>1523</v>
      </c>
      <c r="T13688" s="5" t="s">
        <v>42</v>
      </c>
      <c r="U13688" s="2">
        <v>1.383</v>
      </c>
      <c r="V13688" s="2">
        <v>0.79300000000000004</v>
      </c>
      <c r="W13688" s="2">
        <v>1.7999999999999999E-2</v>
      </c>
      <c r="X13688" s="2">
        <v>139.1</v>
      </c>
      <c r="Y13688" s="2">
        <v>7.6</v>
      </c>
      <c r="Z13688" s="2">
        <v>16.7</v>
      </c>
      <c r="AA13688" s="5"/>
      <c r="AB13688" s="5" t="s">
        <v>43</v>
      </c>
      <c r="AC13688" s="5" t="s">
        <v>44</v>
      </c>
      <c r="AD13688" s="2"/>
      <c r="AE13688" s="1"/>
    </row>
    <row r="13689" spans="1:31" ht="14.45">
      <c r="A13689" s="11"/>
      <c r="B13689" s="20"/>
      <c r="C13689" s="2" t="s">
        <v>42018</v>
      </c>
      <c r="D13689" s="14" t="s">
        <v>42019</v>
      </c>
      <c r="E13689" s="2" t="s">
        <v>42020</v>
      </c>
      <c r="F13689" s="2" t="s">
        <v>41045</v>
      </c>
      <c r="G13689" s="8">
        <v>157</v>
      </c>
      <c r="H13689" s="5">
        <v>6</v>
      </c>
      <c r="I13689" s="5" t="s">
        <v>1518</v>
      </c>
      <c r="J13689" s="5" t="s">
        <v>40939</v>
      </c>
      <c r="K13689" s="2" t="s">
        <v>40940</v>
      </c>
      <c r="L13689" s="5" t="s">
        <v>40939</v>
      </c>
      <c r="M13689" s="2" t="s">
        <v>40940</v>
      </c>
      <c r="N13689" s="5" t="s">
        <v>36266</v>
      </c>
      <c r="O13689" s="5" t="s">
        <v>38</v>
      </c>
      <c r="P13689" s="5" t="s">
        <v>39</v>
      </c>
      <c r="Q13689" s="5" t="s">
        <v>40</v>
      </c>
      <c r="R13689" s="5" t="s">
        <v>1522</v>
      </c>
      <c r="S13689" s="5" t="s">
        <v>1523</v>
      </c>
      <c r="T13689" s="5" t="s">
        <v>42</v>
      </c>
      <c r="U13689" s="2">
        <v>1.4179999999999999</v>
      </c>
      <c r="V13689" s="2">
        <v>0.82799999999999996</v>
      </c>
      <c r="W13689" s="2">
        <v>1.7999999999999999E-2</v>
      </c>
      <c r="X13689" s="2">
        <v>139.1</v>
      </c>
      <c r="Y13689" s="2">
        <v>7.6</v>
      </c>
      <c r="Z13689" s="2">
        <v>16.7</v>
      </c>
      <c r="AA13689" s="5"/>
      <c r="AB13689" s="5" t="s">
        <v>43</v>
      </c>
      <c r="AC13689" s="5" t="s">
        <v>44</v>
      </c>
      <c r="AD13689" s="2"/>
      <c r="AE13689" s="1"/>
    </row>
    <row r="13690" spans="1:31" ht="14.45">
      <c r="A13690" s="11"/>
      <c r="B13690" s="20"/>
      <c r="C13690" s="2" t="s">
        <v>42021</v>
      </c>
      <c r="D13690" s="14" t="s">
        <v>42022</v>
      </c>
      <c r="E13690" s="2" t="s">
        <v>42023</v>
      </c>
      <c r="F13690" s="2" t="s">
        <v>41049</v>
      </c>
      <c r="G13690" s="8">
        <v>157</v>
      </c>
      <c r="H13690" s="5">
        <v>6</v>
      </c>
      <c r="I13690" s="5" t="s">
        <v>1518</v>
      </c>
      <c r="J13690" s="5" t="s">
        <v>40939</v>
      </c>
      <c r="K13690" s="2" t="s">
        <v>40940</v>
      </c>
      <c r="L13690" s="5" t="s">
        <v>40939</v>
      </c>
      <c r="M13690" s="2" t="s">
        <v>40940</v>
      </c>
      <c r="N13690" s="5" t="s">
        <v>36266</v>
      </c>
      <c r="O13690" s="5" t="s">
        <v>38</v>
      </c>
      <c r="P13690" s="5" t="s">
        <v>39</v>
      </c>
      <c r="Q13690" s="5" t="s">
        <v>40</v>
      </c>
      <c r="R13690" s="5" t="s">
        <v>1522</v>
      </c>
      <c r="S13690" s="5" t="s">
        <v>1523</v>
      </c>
      <c r="T13690" s="5" t="s">
        <v>42</v>
      </c>
      <c r="U13690" s="2">
        <v>1.423</v>
      </c>
      <c r="V13690" s="2">
        <v>0.83299999999999996</v>
      </c>
      <c r="W13690" s="2">
        <v>1.7999999999999999E-2</v>
      </c>
      <c r="X13690" s="2">
        <v>139.1</v>
      </c>
      <c r="Y13690" s="2">
        <v>7.6</v>
      </c>
      <c r="Z13690" s="2">
        <v>16.7</v>
      </c>
      <c r="AA13690" s="5"/>
      <c r="AB13690" s="5" t="s">
        <v>43</v>
      </c>
      <c r="AC13690" s="5" t="s">
        <v>44</v>
      </c>
      <c r="AD13690" s="2"/>
      <c r="AE13690" s="1"/>
    </row>
    <row r="13691" spans="1:31" ht="14.45">
      <c r="A13691" s="11"/>
      <c r="B13691" s="20"/>
      <c r="C13691" s="2" t="s">
        <v>42024</v>
      </c>
      <c r="D13691" s="14" t="s">
        <v>42025</v>
      </c>
      <c r="E13691" s="2" t="s">
        <v>42026</v>
      </c>
      <c r="F13691" s="2" t="s">
        <v>7204</v>
      </c>
      <c r="G13691" s="8">
        <v>126</v>
      </c>
      <c r="H13691" s="5">
        <v>6</v>
      </c>
      <c r="I13691" s="5" t="s">
        <v>1518</v>
      </c>
      <c r="J13691" s="5" t="s">
        <v>40939</v>
      </c>
      <c r="K13691" s="2" t="s">
        <v>40940</v>
      </c>
      <c r="L13691" s="5" t="s">
        <v>40939</v>
      </c>
      <c r="M13691" s="2" t="s">
        <v>40940</v>
      </c>
      <c r="N13691" s="5" t="s">
        <v>36266</v>
      </c>
      <c r="O13691" s="5" t="s">
        <v>38</v>
      </c>
      <c r="P13691" s="5" t="s">
        <v>39</v>
      </c>
      <c r="Q13691" s="5" t="s">
        <v>40</v>
      </c>
      <c r="R13691" s="5" t="s">
        <v>1522</v>
      </c>
      <c r="S13691" s="5" t="s">
        <v>1523</v>
      </c>
      <c r="T13691" s="5" t="s">
        <v>42</v>
      </c>
      <c r="U13691" s="2">
        <v>1.2170000000000001</v>
      </c>
      <c r="V13691" s="2">
        <v>0.71699999999999997</v>
      </c>
      <c r="W13691" s="2">
        <v>1.2999999999999999E-2</v>
      </c>
      <c r="X13691" s="2">
        <v>99.1</v>
      </c>
      <c r="Y13691" s="2">
        <v>7.6</v>
      </c>
      <c r="Z13691" s="2">
        <v>16.7</v>
      </c>
      <c r="AA13691" s="5"/>
      <c r="AB13691" s="5" t="s">
        <v>43</v>
      </c>
      <c r="AC13691" s="5" t="s">
        <v>44</v>
      </c>
      <c r="AD13691" s="2"/>
      <c r="AE13691" s="1"/>
    </row>
    <row r="13692" spans="1:31" ht="14.45">
      <c r="A13692" s="11"/>
      <c r="B13692" s="20"/>
      <c r="C13692" s="2" t="s">
        <v>42027</v>
      </c>
      <c r="D13692" s="14" t="s">
        <v>42028</v>
      </c>
      <c r="E13692" s="2" t="s">
        <v>42029</v>
      </c>
      <c r="F13692" s="2" t="s">
        <v>7514</v>
      </c>
      <c r="G13692" s="8">
        <v>126</v>
      </c>
      <c r="H13692" s="5">
        <v>6</v>
      </c>
      <c r="I13692" s="5" t="s">
        <v>1518</v>
      </c>
      <c r="J13692" s="5" t="s">
        <v>40939</v>
      </c>
      <c r="K13692" s="2" t="s">
        <v>40940</v>
      </c>
      <c r="L13692" s="5" t="s">
        <v>40939</v>
      </c>
      <c r="M13692" s="2" t="s">
        <v>40940</v>
      </c>
      <c r="N13692" s="5" t="s">
        <v>36266</v>
      </c>
      <c r="O13692" s="5" t="s">
        <v>38</v>
      </c>
      <c r="P13692" s="5" t="s">
        <v>39</v>
      </c>
      <c r="Q13692" s="5" t="s">
        <v>40</v>
      </c>
      <c r="R13692" s="5" t="s">
        <v>1522</v>
      </c>
      <c r="S13692" s="5" t="s">
        <v>1523</v>
      </c>
      <c r="T13692" s="5" t="s">
        <v>42</v>
      </c>
      <c r="U13692" s="2">
        <v>1.2270000000000001</v>
      </c>
      <c r="V13692" s="2">
        <v>0.72699999999999998</v>
      </c>
      <c r="W13692" s="2">
        <v>1.2999999999999999E-2</v>
      </c>
      <c r="X13692" s="2">
        <v>99.1</v>
      </c>
      <c r="Y13692" s="2">
        <v>7.6</v>
      </c>
      <c r="Z13692" s="2">
        <v>16.7</v>
      </c>
      <c r="AA13692" s="5"/>
      <c r="AB13692" s="5" t="s">
        <v>43</v>
      </c>
      <c r="AC13692" s="5" t="s">
        <v>44</v>
      </c>
      <c r="AD13692" s="2"/>
      <c r="AE13692" s="1"/>
    </row>
    <row r="13693" spans="1:31" ht="14.45">
      <c r="A13693" s="11"/>
      <c r="B13693" s="20"/>
      <c r="C13693" s="2" t="s">
        <v>42030</v>
      </c>
      <c r="D13693" s="14" t="s">
        <v>42031</v>
      </c>
      <c r="E13693" s="2" t="s">
        <v>42032</v>
      </c>
      <c r="F13693" s="2" t="s">
        <v>40947</v>
      </c>
      <c r="G13693" s="8">
        <v>145</v>
      </c>
      <c r="H13693" s="5">
        <v>6</v>
      </c>
      <c r="I13693" s="5" t="s">
        <v>1518</v>
      </c>
      <c r="J13693" s="5" t="s">
        <v>40939</v>
      </c>
      <c r="K13693" s="2" t="s">
        <v>40940</v>
      </c>
      <c r="L13693" s="5" t="s">
        <v>40939</v>
      </c>
      <c r="M13693" s="2" t="s">
        <v>40940</v>
      </c>
      <c r="N13693" s="5" t="s">
        <v>36266</v>
      </c>
      <c r="O13693" s="5" t="s">
        <v>38</v>
      </c>
      <c r="P13693" s="5" t="s">
        <v>39</v>
      </c>
      <c r="Q13693" s="5" t="s">
        <v>40</v>
      </c>
      <c r="R13693" s="5" t="s">
        <v>1522</v>
      </c>
      <c r="S13693" s="5" t="s">
        <v>1523</v>
      </c>
      <c r="T13693" s="5" t="s">
        <v>42</v>
      </c>
      <c r="U13693" s="2">
        <v>1.228</v>
      </c>
      <c r="V13693" s="2">
        <v>0.72799999999999998</v>
      </c>
      <c r="W13693" s="2">
        <v>1.2999999999999999E-2</v>
      </c>
      <c r="X13693" s="2">
        <v>99.1</v>
      </c>
      <c r="Y13693" s="2">
        <v>7.6</v>
      </c>
      <c r="Z13693" s="2">
        <v>16.7</v>
      </c>
      <c r="AA13693" s="5"/>
      <c r="AB13693" s="5" t="s">
        <v>43</v>
      </c>
      <c r="AC13693" s="5" t="s">
        <v>44</v>
      </c>
      <c r="AD13693" s="2"/>
      <c r="AE13693" s="1"/>
    </row>
    <row r="13694" spans="1:31" ht="14.45">
      <c r="A13694" s="11"/>
      <c r="B13694" s="20"/>
      <c r="C13694" s="2" t="s">
        <v>42033</v>
      </c>
      <c r="D13694" s="14" t="s">
        <v>42034</v>
      </c>
      <c r="E13694" s="2" t="s">
        <v>42035</v>
      </c>
      <c r="F13694" s="2" t="s">
        <v>40951</v>
      </c>
      <c r="G13694" s="8">
        <v>145</v>
      </c>
      <c r="H13694" s="5">
        <v>6</v>
      </c>
      <c r="I13694" s="5" t="s">
        <v>1518</v>
      </c>
      <c r="J13694" s="5" t="s">
        <v>40939</v>
      </c>
      <c r="K13694" s="2" t="s">
        <v>40940</v>
      </c>
      <c r="L13694" s="5" t="s">
        <v>40939</v>
      </c>
      <c r="M13694" s="2" t="s">
        <v>40940</v>
      </c>
      <c r="N13694" s="5" t="s">
        <v>36266</v>
      </c>
      <c r="O13694" s="5" t="s">
        <v>38</v>
      </c>
      <c r="P13694" s="5" t="s">
        <v>39</v>
      </c>
      <c r="Q13694" s="5" t="s">
        <v>40</v>
      </c>
      <c r="R13694" s="5" t="s">
        <v>1522</v>
      </c>
      <c r="S13694" s="5" t="s">
        <v>1523</v>
      </c>
      <c r="T13694" s="5" t="s">
        <v>42</v>
      </c>
      <c r="U13694" s="2">
        <v>1.238</v>
      </c>
      <c r="V13694" s="2">
        <v>0.73799999999999999</v>
      </c>
      <c r="W13694" s="2">
        <v>1.2999999999999999E-2</v>
      </c>
      <c r="X13694" s="2">
        <v>99.1</v>
      </c>
      <c r="Y13694" s="2">
        <v>7.6</v>
      </c>
      <c r="Z13694" s="2">
        <v>16.7</v>
      </c>
      <c r="AA13694" s="5"/>
      <c r="AB13694" s="5" t="s">
        <v>43</v>
      </c>
      <c r="AC13694" s="5" t="s">
        <v>44</v>
      </c>
      <c r="AD13694" s="2"/>
      <c r="AE13694" s="1"/>
    </row>
    <row r="13695" spans="1:31" ht="14.45">
      <c r="A13695" s="11"/>
      <c r="B13695" s="20"/>
      <c r="C13695" s="2" t="s">
        <v>42036</v>
      </c>
      <c r="D13695" s="14" t="s">
        <v>42037</v>
      </c>
      <c r="E13695" s="2" t="s">
        <v>42038</v>
      </c>
      <c r="F13695" s="2" t="s">
        <v>7208</v>
      </c>
      <c r="G13695" s="8">
        <v>126</v>
      </c>
      <c r="H13695" s="5">
        <v>6</v>
      </c>
      <c r="I13695" s="5" t="s">
        <v>1518</v>
      </c>
      <c r="J13695" s="5" t="s">
        <v>40939</v>
      </c>
      <c r="K13695" s="2" t="s">
        <v>40940</v>
      </c>
      <c r="L13695" s="5" t="s">
        <v>40939</v>
      </c>
      <c r="M13695" s="2" t="s">
        <v>40940</v>
      </c>
      <c r="N13695" s="5" t="s">
        <v>36266</v>
      </c>
      <c r="O13695" s="5" t="s">
        <v>38</v>
      </c>
      <c r="P13695" s="5" t="s">
        <v>39</v>
      </c>
      <c r="Q13695" s="5" t="s">
        <v>40</v>
      </c>
      <c r="R13695" s="5" t="s">
        <v>1522</v>
      </c>
      <c r="S13695" s="5" t="s">
        <v>1523</v>
      </c>
      <c r="T13695" s="5" t="s">
        <v>42</v>
      </c>
      <c r="U13695" s="2">
        <v>1.234</v>
      </c>
      <c r="V13695" s="2">
        <v>0.73399999999999999</v>
      </c>
      <c r="W13695" s="2">
        <v>1.2999999999999999E-2</v>
      </c>
      <c r="X13695" s="2">
        <v>99.1</v>
      </c>
      <c r="Y13695" s="2">
        <v>7.6</v>
      </c>
      <c r="Z13695" s="2">
        <v>16.7</v>
      </c>
      <c r="AA13695" s="5"/>
      <c r="AB13695" s="5" t="s">
        <v>43</v>
      </c>
      <c r="AC13695" s="5" t="s">
        <v>44</v>
      </c>
      <c r="AD13695" s="2"/>
      <c r="AE13695" s="1"/>
    </row>
    <row r="13696" spans="1:31" ht="14.45">
      <c r="A13696" s="11"/>
      <c r="B13696" s="20"/>
      <c r="C13696" s="2" t="s">
        <v>42039</v>
      </c>
      <c r="D13696" s="14" t="s">
        <v>42040</v>
      </c>
      <c r="E13696" s="2" t="s">
        <v>42041</v>
      </c>
      <c r="F13696" s="2" t="s">
        <v>7521</v>
      </c>
      <c r="G13696" s="8">
        <v>126</v>
      </c>
      <c r="H13696" s="5">
        <v>6</v>
      </c>
      <c r="I13696" s="5" t="s">
        <v>1518</v>
      </c>
      <c r="J13696" s="5" t="s">
        <v>40939</v>
      </c>
      <c r="K13696" s="2" t="s">
        <v>40940</v>
      </c>
      <c r="L13696" s="5" t="s">
        <v>40939</v>
      </c>
      <c r="M13696" s="2" t="s">
        <v>40940</v>
      </c>
      <c r="N13696" s="5" t="s">
        <v>36266</v>
      </c>
      <c r="O13696" s="5" t="s">
        <v>38</v>
      </c>
      <c r="P13696" s="5" t="s">
        <v>39</v>
      </c>
      <c r="Q13696" s="5" t="s">
        <v>40</v>
      </c>
      <c r="R13696" s="5" t="s">
        <v>1522</v>
      </c>
      <c r="S13696" s="5" t="s">
        <v>1523</v>
      </c>
      <c r="T13696" s="5" t="s">
        <v>42</v>
      </c>
      <c r="U13696" s="2">
        <v>1.244</v>
      </c>
      <c r="V13696" s="2">
        <v>0.74399999999999999</v>
      </c>
      <c r="W13696" s="2">
        <v>1.2999999999999999E-2</v>
      </c>
      <c r="X13696" s="2">
        <v>99.1</v>
      </c>
      <c r="Y13696" s="2">
        <v>7.6</v>
      </c>
      <c r="Z13696" s="2">
        <v>16.7</v>
      </c>
      <c r="AA13696" s="5"/>
      <c r="AB13696" s="5" t="s">
        <v>43</v>
      </c>
      <c r="AC13696" s="5" t="s">
        <v>44</v>
      </c>
      <c r="AD13696" s="2"/>
      <c r="AE13696" s="1"/>
    </row>
    <row r="13697" spans="1:31" ht="14.45">
      <c r="A13697" s="11"/>
      <c r="B13697" s="20"/>
      <c r="C13697" s="2" t="s">
        <v>42042</v>
      </c>
      <c r="D13697" s="14" t="s">
        <v>42043</v>
      </c>
      <c r="E13697" s="2" t="s">
        <v>42044</v>
      </c>
      <c r="F13697" s="2" t="s">
        <v>36273</v>
      </c>
      <c r="G13697" s="8">
        <v>126</v>
      </c>
      <c r="H13697" s="5">
        <v>6</v>
      </c>
      <c r="I13697" s="5" t="s">
        <v>1518</v>
      </c>
      <c r="J13697" s="5" t="s">
        <v>40939</v>
      </c>
      <c r="K13697" s="2" t="s">
        <v>40940</v>
      </c>
      <c r="L13697" s="5" t="s">
        <v>40939</v>
      </c>
      <c r="M13697" s="2" t="s">
        <v>40940</v>
      </c>
      <c r="N13697" s="5" t="s">
        <v>36266</v>
      </c>
      <c r="O13697" s="5" t="s">
        <v>38</v>
      </c>
      <c r="P13697" s="5" t="s">
        <v>39</v>
      </c>
      <c r="Q13697" s="5" t="s">
        <v>40</v>
      </c>
      <c r="R13697" s="5" t="s">
        <v>1522</v>
      </c>
      <c r="S13697" s="5" t="s">
        <v>1523</v>
      </c>
      <c r="T13697" s="5" t="s">
        <v>42</v>
      </c>
      <c r="U13697" s="2">
        <v>1.2450000000000001</v>
      </c>
      <c r="V13697" s="2">
        <v>0.745</v>
      </c>
      <c r="W13697" s="2">
        <v>1.2999999999999999E-2</v>
      </c>
      <c r="X13697" s="2">
        <v>99.1</v>
      </c>
      <c r="Y13697" s="2">
        <v>7.6</v>
      </c>
      <c r="Z13697" s="2">
        <v>16.7</v>
      </c>
      <c r="AA13697" s="5"/>
      <c r="AB13697" s="5" t="s">
        <v>43</v>
      </c>
      <c r="AC13697" s="5" t="s">
        <v>44</v>
      </c>
      <c r="AD13697" s="2"/>
      <c r="AE13697" s="1"/>
    </row>
    <row r="13698" spans="1:31" ht="14.45">
      <c r="A13698" s="11"/>
      <c r="B13698" s="20"/>
      <c r="C13698" s="2" t="s">
        <v>42045</v>
      </c>
      <c r="D13698" s="14" t="s">
        <v>42046</v>
      </c>
      <c r="E13698" s="2" t="s">
        <v>42047</v>
      </c>
      <c r="F13698" s="2" t="s">
        <v>36277</v>
      </c>
      <c r="G13698" s="8">
        <v>126</v>
      </c>
      <c r="H13698" s="5">
        <v>6</v>
      </c>
      <c r="I13698" s="5" t="s">
        <v>1518</v>
      </c>
      <c r="J13698" s="5" t="s">
        <v>40939</v>
      </c>
      <c r="K13698" s="2" t="s">
        <v>40940</v>
      </c>
      <c r="L13698" s="5" t="s">
        <v>40939</v>
      </c>
      <c r="M13698" s="2" t="s">
        <v>40940</v>
      </c>
      <c r="N13698" s="5" t="s">
        <v>36266</v>
      </c>
      <c r="O13698" s="5" t="s">
        <v>38</v>
      </c>
      <c r="P13698" s="5" t="s">
        <v>39</v>
      </c>
      <c r="Q13698" s="5" t="s">
        <v>40</v>
      </c>
      <c r="R13698" s="5" t="s">
        <v>1522</v>
      </c>
      <c r="S13698" s="5" t="s">
        <v>1523</v>
      </c>
      <c r="T13698" s="5" t="s">
        <v>42</v>
      </c>
      <c r="U13698" s="2">
        <v>1.2549999999999999</v>
      </c>
      <c r="V13698" s="2">
        <v>0.755</v>
      </c>
      <c r="W13698" s="2">
        <v>1.2999999999999999E-2</v>
      </c>
      <c r="X13698" s="2">
        <v>99.1</v>
      </c>
      <c r="Y13698" s="2">
        <v>7.6</v>
      </c>
      <c r="Z13698" s="2">
        <v>16.7</v>
      </c>
      <c r="AA13698" s="5"/>
      <c r="AB13698" s="5" t="s">
        <v>43</v>
      </c>
      <c r="AC13698" s="5" t="s">
        <v>44</v>
      </c>
      <c r="AD13698" s="2"/>
      <c r="AE13698" s="1"/>
    </row>
    <row r="13699" spans="1:31" ht="14.45">
      <c r="A13699" s="11"/>
      <c r="B13699" s="20"/>
      <c r="C13699" s="2" t="s">
        <v>42048</v>
      </c>
      <c r="D13699" s="14" t="s">
        <v>42049</v>
      </c>
      <c r="E13699" s="2" t="s">
        <v>42050</v>
      </c>
      <c r="F13699" s="2" t="s">
        <v>40967</v>
      </c>
      <c r="G13699" s="8">
        <v>145</v>
      </c>
      <c r="H13699" s="5">
        <v>6</v>
      </c>
      <c r="I13699" s="5" t="s">
        <v>1518</v>
      </c>
      <c r="J13699" s="5" t="s">
        <v>40939</v>
      </c>
      <c r="K13699" s="2" t="s">
        <v>40940</v>
      </c>
      <c r="L13699" s="5" t="s">
        <v>40939</v>
      </c>
      <c r="M13699" s="2" t="s">
        <v>40940</v>
      </c>
      <c r="N13699" s="5" t="s">
        <v>36266</v>
      </c>
      <c r="O13699" s="5" t="s">
        <v>38</v>
      </c>
      <c r="P13699" s="5" t="s">
        <v>39</v>
      </c>
      <c r="Q13699" s="5" t="s">
        <v>40</v>
      </c>
      <c r="R13699" s="5" t="s">
        <v>1522</v>
      </c>
      <c r="S13699" s="5" t="s">
        <v>1523</v>
      </c>
      <c r="T13699" s="5" t="s">
        <v>42</v>
      </c>
      <c r="U13699" s="2">
        <v>1.234</v>
      </c>
      <c r="V13699" s="2">
        <v>0.73399999999999999</v>
      </c>
      <c r="W13699" s="2">
        <v>1.2999999999999999E-2</v>
      </c>
      <c r="X13699" s="2">
        <v>99.1</v>
      </c>
      <c r="Y13699" s="2">
        <v>7.6</v>
      </c>
      <c r="Z13699" s="2">
        <v>16.7</v>
      </c>
      <c r="AA13699" s="5"/>
      <c r="AB13699" s="5" t="s">
        <v>43</v>
      </c>
      <c r="AC13699" s="5" t="s">
        <v>44</v>
      </c>
      <c r="AD13699" s="2"/>
      <c r="AE13699" s="1"/>
    </row>
    <row r="13700" spans="1:31" ht="14.45">
      <c r="A13700" s="11"/>
      <c r="B13700" s="20"/>
      <c r="C13700" s="2" t="s">
        <v>42051</v>
      </c>
      <c r="D13700" s="14" t="s">
        <v>42052</v>
      </c>
      <c r="E13700" s="2" t="s">
        <v>42053</v>
      </c>
      <c r="F13700" s="2" t="s">
        <v>40971</v>
      </c>
      <c r="G13700" s="8">
        <v>145</v>
      </c>
      <c r="H13700" s="5">
        <v>6</v>
      </c>
      <c r="I13700" s="5" t="s">
        <v>1518</v>
      </c>
      <c r="J13700" s="5" t="s">
        <v>40939</v>
      </c>
      <c r="K13700" s="2" t="s">
        <v>40940</v>
      </c>
      <c r="L13700" s="5" t="s">
        <v>40939</v>
      </c>
      <c r="M13700" s="2" t="s">
        <v>40940</v>
      </c>
      <c r="N13700" s="5" t="s">
        <v>36266</v>
      </c>
      <c r="O13700" s="5" t="s">
        <v>38</v>
      </c>
      <c r="P13700" s="5" t="s">
        <v>39</v>
      </c>
      <c r="Q13700" s="5" t="s">
        <v>40</v>
      </c>
      <c r="R13700" s="5" t="s">
        <v>1522</v>
      </c>
      <c r="S13700" s="5" t="s">
        <v>1523</v>
      </c>
      <c r="T13700" s="5" t="s">
        <v>42</v>
      </c>
      <c r="U13700" s="2">
        <v>1.244</v>
      </c>
      <c r="V13700" s="2">
        <v>0.74399999999999999</v>
      </c>
      <c r="W13700" s="2">
        <v>1.2999999999999999E-2</v>
      </c>
      <c r="X13700" s="2">
        <v>99.1</v>
      </c>
      <c r="Y13700" s="2">
        <v>7.6</v>
      </c>
      <c r="Z13700" s="2">
        <v>16.7</v>
      </c>
      <c r="AA13700" s="5"/>
      <c r="AB13700" s="5" t="s">
        <v>43</v>
      </c>
      <c r="AC13700" s="5" t="s">
        <v>44</v>
      </c>
      <c r="AD13700" s="2"/>
      <c r="AE13700" s="1"/>
    </row>
    <row r="13701" spans="1:31" ht="14.45">
      <c r="A13701" s="11"/>
      <c r="B13701" s="20"/>
      <c r="C13701" s="2" t="s">
        <v>42054</v>
      </c>
      <c r="D13701" s="14" t="s">
        <v>42055</v>
      </c>
      <c r="E13701" s="2" t="s">
        <v>42056</v>
      </c>
      <c r="F13701" s="2" t="s">
        <v>40975</v>
      </c>
      <c r="G13701" s="8">
        <v>145</v>
      </c>
      <c r="H13701" s="5">
        <v>6</v>
      </c>
      <c r="I13701" s="5" t="s">
        <v>1518</v>
      </c>
      <c r="J13701" s="5" t="s">
        <v>40939</v>
      </c>
      <c r="K13701" s="2" t="s">
        <v>40940</v>
      </c>
      <c r="L13701" s="5" t="s">
        <v>40939</v>
      </c>
      <c r="M13701" s="2" t="s">
        <v>40940</v>
      </c>
      <c r="N13701" s="5" t="s">
        <v>36266</v>
      </c>
      <c r="O13701" s="5" t="s">
        <v>38</v>
      </c>
      <c r="P13701" s="5" t="s">
        <v>39</v>
      </c>
      <c r="Q13701" s="5" t="s">
        <v>40</v>
      </c>
      <c r="R13701" s="5" t="s">
        <v>1522</v>
      </c>
      <c r="S13701" s="5" t="s">
        <v>1523</v>
      </c>
      <c r="T13701" s="5" t="s">
        <v>42</v>
      </c>
      <c r="U13701" s="2">
        <v>1.234</v>
      </c>
      <c r="V13701" s="2">
        <v>0.73399999999999999</v>
      </c>
      <c r="W13701" s="2">
        <v>1.2999999999999999E-2</v>
      </c>
      <c r="X13701" s="2">
        <v>99.1</v>
      </c>
      <c r="Y13701" s="2">
        <v>7.6</v>
      </c>
      <c r="Z13701" s="2">
        <v>16.7</v>
      </c>
      <c r="AA13701" s="5"/>
      <c r="AB13701" s="5" t="s">
        <v>43</v>
      </c>
      <c r="AC13701" s="5" t="s">
        <v>44</v>
      </c>
      <c r="AD13701" s="2"/>
      <c r="AE13701" s="1"/>
    </row>
    <row r="13702" spans="1:31" ht="14.45">
      <c r="A13702" s="11"/>
      <c r="B13702" s="20"/>
      <c r="C13702" s="2" t="s">
        <v>42057</v>
      </c>
      <c r="D13702" s="14" t="s">
        <v>42058</v>
      </c>
      <c r="E13702" s="2" t="s">
        <v>42059</v>
      </c>
      <c r="F13702" s="2" t="s">
        <v>40979</v>
      </c>
      <c r="G13702" s="8">
        <v>145</v>
      </c>
      <c r="H13702" s="5">
        <v>6</v>
      </c>
      <c r="I13702" s="5" t="s">
        <v>1518</v>
      </c>
      <c r="J13702" s="5" t="s">
        <v>40939</v>
      </c>
      <c r="K13702" s="2" t="s">
        <v>40940</v>
      </c>
      <c r="L13702" s="5" t="s">
        <v>40939</v>
      </c>
      <c r="M13702" s="2" t="s">
        <v>40940</v>
      </c>
      <c r="N13702" s="5" t="s">
        <v>36266</v>
      </c>
      <c r="O13702" s="5" t="s">
        <v>38</v>
      </c>
      <c r="P13702" s="5" t="s">
        <v>39</v>
      </c>
      <c r="Q13702" s="5" t="s">
        <v>40</v>
      </c>
      <c r="R13702" s="5" t="s">
        <v>1522</v>
      </c>
      <c r="S13702" s="5" t="s">
        <v>1523</v>
      </c>
      <c r="T13702" s="5" t="s">
        <v>42</v>
      </c>
      <c r="U13702" s="2">
        <v>1.244</v>
      </c>
      <c r="V13702" s="2">
        <v>0.74399999999999999</v>
      </c>
      <c r="W13702" s="2">
        <v>1.2999999999999999E-2</v>
      </c>
      <c r="X13702" s="2">
        <v>99.1</v>
      </c>
      <c r="Y13702" s="2">
        <v>7.6</v>
      </c>
      <c r="Z13702" s="2">
        <v>16.7</v>
      </c>
      <c r="AA13702" s="5"/>
      <c r="AB13702" s="5" t="s">
        <v>43</v>
      </c>
      <c r="AC13702" s="5" t="s">
        <v>44</v>
      </c>
      <c r="AD13702" s="2"/>
      <c r="AE13702" s="1"/>
    </row>
    <row r="13703" spans="1:31" ht="14.45">
      <c r="A13703" s="11"/>
      <c r="B13703" s="20"/>
      <c r="C13703" s="2" t="s">
        <v>42060</v>
      </c>
      <c r="D13703" s="14" t="s">
        <v>42061</v>
      </c>
      <c r="E13703" s="2" t="s">
        <v>42062</v>
      </c>
      <c r="F13703" s="2" t="s">
        <v>7539</v>
      </c>
      <c r="G13703" s="8">
        <v>145</v>
      </c>
      <c r="H13703" s="5">
        <v>6</v>
      </c>
      <c r="I13703" s="5" t="s">
        <v>1518</v>
      </c>
      <c r="J13703" s="5" t="s">
        <v>40939</v>
      </c>
      <c r="K13703" s="2" t="s">
        <v>40940</v>
      </c>
      <c r="L13703" s="5" t="s">
        <v>40939</v>
      </c>
      <c r="M13703" s="2" t="s">
        <v>40940</v>
      </c>
      <c r="N13703" s="5" t="s">
        <v>36266</v>
      </c>
      <c r="O13703" s="5" t="s">
        <v>38</v>
      </c>
      <c r="P13703" s="5" t="s">
        <v>39</v>
      </c>
      <c r="Q13703" s="5" t="s">
        <v>40</v>
      </c>
      <c r="R13703" s="5" t="s">
        <v>1522</v>
      </c>
      <c r="S13703" s="5" t="s">
        <v>1523</v>
      </c>
      <c r="T13703" s="5" t="s">
        <v>42</v>
      </c>
      <c r="U13703" s="2">
        <v>1.206</v>
      </c>
      <c r="V13703" s="2">
        <v>0.70599999999999996</v>
      </c>
      <c r="W13703" s="2">
        <v>1.2999999999999999E-2</v>
      </c>
      <c r="X13703" s="2">
        <v>99.1</v>
      </c>
      <c r="Y13703" s="2">
        <v>7.6</v>
      </c>
      <c r="Z13703" s="2">
        <v>16.7</v>
      </c>
      <c r="AA13703" s="5"/>
      <c r="AB13703" s="5" t="s">
        <v>43</v>
      </c>
      <c r="AC13703" s="5" t="s">
        <v>44</v>
      </c>
      <c r="AD13703" s="2"/>
      <c r="AE13703" s="1"/>
    </row>
    <row r="13704" spans="1:31" ht="14.45">
      <c r="A13704" s="11"/>
      <c r="B13704" s="20"/>
      <c r="C13704" s="2" t="s">
        <v>42063</v>
      </c>
      <c r="D13704" s="14" t="s">
        <v>42064</v>
      </c>
      <c r="E13704" s="2" t="s">
        <v>42065</v>
      </c>
      <c r="F13704" s="2" t="s">
        <v>7543</v>
      </c>
      <c r="G13704" s="8">
        <v>145</v>
      </c>
      <c r="H13704" s="5">
        <v>6</v>
      </c>
      <c r="I13704" s="5" t="s">
        <v>1518</v>
      </c>
      <c r="J13704" s="5" t="s">
        <v>40939</v>
      </c>
      <c r="K13704" s="2" t="s">
        <v>40940</v>
      </c>
      <c r="L13704" s="5" t="s">
        <v>40939</v>
      </c>
      <c r="M13704" s="2" t="s">
        <v>40940</v>
      </c>
      <c r="N13704" s="5" t="s">
        <v>36266</v>
      </c>
      <c r="O13704" s="5" t="s">
        <v>38</v>
      </c>
      <c r="P13704" s="5" t="s">
        <v>39</v>
      </c>
      <c r="Q13704" s="5" t="s">
        <v>40</v>
      </c>
      <c r="R13704" s="5" t="s">
        <v>1522</v>
      </c>
      <c r="S13704" s="5" t="s">
        <v>1523</v>
      </c>
      <c r="T13704" s="5" t="s">
        <v>42</v>
      </c>
      <c r="U13704" s="2">
        <v>1.216</v>
      </c>
      <c r="V13704" s="2">
        <v>0.71599999999999997</v>
      </c>
      <c r="W13704" s="2">
        <v>1.2999999999999999E-2</v>
      </c>
      <c r="X13704" s="2">
        <v>99.1</v>
      </c>
      <c r="Y13704" s="2">
        <v>7.6</v>
      </c>
      <c r="Z13704" s="2">
        <v>16.7</v>
      </c>
      <c r="AA13704" s="5"/>
      <c r="AB13704" s="5" t="s">
        <v>43</v>
      </c>
      <c r="AC13704" s="5" t="s">
        <v>44</v>
      </c>
      <c r="AD13704" s="2"/>
      <c r="AE13704" s="1"/>
    </row>
    <row r="13705" spans="1:31" ht="14.45">
      <c r="A13705" s="11"/>
      <c r="B13705" s="20"/>
      <c r="C13705" s="2" t="s">
        <v>42066</v>
      </c>
      <c r="D13705" s="14" t="s">
        <v>42067</v>
      </c>
      <c r="E13705" s="2" t="s">
        <v>42068</v>
      </c>
      <c r="F13705" s="2" t="s">
        <v>40989</v>
      </c>
      <c r="G13705" s="8">
        <v>145</v>
      </c>
      <c r="H13705" s="5">
        <v>6</v>
      </c>
      <c r="I13705" s="5" t="s">
        <v>1518</v>
      </c>
      <c r="J13705" s="5" t="s">
        <v>40939</v>
      </c>
      <c r="K13705" s="2" t="s">
        <v>40940</v>
      </c>
      <c r="L13705" s="5" t="s">
        <v>40939</v>
      </c>
      <c r="M13705" s="2" t="s">
        <v>40940</v>
      </c>
      <c r="N13705" s="5" t="s">
        <v>36266</v>
      </c>
      <c r="O13705" s="5" t="s">
        <v>38</v>
      </c>
      <c r="P13705" s="5" t="s">
        <v>39</v>
      </c>
      <c r="Q13705" s="5" t="s">
        <v>40</v>
      </c>
      <c r="R13705" s="5" t="s">
        <v>1522</v>
      </c>
      <c r="S13705" s="5" t="s">
        <v>1523</v>
      </c>
      <c r="T13705" s="5" t="s">
        <v>42</v>
      </c>
      <c r="U13705" s="2">
        <v>1.234</v>
      </c>
      <c r="V13705" s="2">
        <v>0.73399999999999999</v>
      </c>
      <c r="W13705" s="2">
        <v>1.2999999999999999E-2</v>
      </c>
      <c r="X13705" s="2">
        <v>99.1</v>
      </c>
      <c r="Y13705" s="2">
        <v>7.6</v>
      </c>
      <c r="Z13705" s="2">
        <v>16.7</v>
      </c>
      <c r="AA13705" s="5"/>
      <c r="AB13705" s="5" t="s">
        <v>43</v>
      </c>
      <c r="AC13705" s="5" t="s">
        <v>44</v>
      </c>
      <c r="AD13705" s="2"/>
      <c r="AE13705" s="1"/>
    </row>
    <row r="13706" spans="1:31" ht="14.45">
      <c r="A13706" s="11"/>
      <c r="B13706" s="20"/>
      <c r="C13706" s="2" t="s">
        <v>42069</v>
      </c>
      <c r="D13706" s="14" t="s">
        <v>42070</v>
      </c>
      <c r="E13706" s="2" t="s">
        <v>42071</v>
      </c>
      <c r="F13706" s="2" t="s">
        <v>40993</v>
      </c>
      <c r="G13706" s="8">
        <v>145</v>
      </c>
      <c r="H13706" s="5">
        <v>6</v>
      </c>
      <c r="I13706" s="5" t="s">
        <v>1518</v>
      </c>
      <c r="J13706" s="5" t="s">
        <v>40939</v>
      </c>
      <c r="K13706" s="2" t="s">
        <v>40940</v>
      </c>
      <c r="L13706" s="5" t="s">
        <v>40939</v>
      </c>
      <c r="M13706" s="2" t="s">
        <v>40940</v>
      </c>
      <c r="N13706" s="5" t="s">
        <v>36266</v>
      </c>
      <c r="O13706" s="5" t="s">
        <v>38</v>
      </c>
      <c r="P13706" s="5" t="s">
        <v>39</v>
      </c>
      <c r="Q13706" s="5" t="s">
        <v>40</v>
      </c>
      <c r="R13706" s="5" t="s">
        <v>1522</v>
      </c>
      <c r="S13706" s="5" t="s">
        <v>1523</v>
      </c>
      <c r="T13706" s="5" t="s">
        <v>42</v>
      </c>
      <c r="U13706" s="2">
        <v>1.244</v>
      </c>
      <c r="V13706" s="2">
        <v>0.74399999999999999</v>
      </c>
      <c r="W13706" s="2">
        <v>1.2999999999999999E-2</v>
      </c>
      <c r="X13706" s="2">
        <v>99.1</v>
      </c>
      <c r="Y13706" s="2">
        <v>7.6</v>
      </c>
      <c r="Z13706" s="2">
        <v>16.7</v>
      </c>
      <c r="AA13706" s="5"/>
      <c r="AB13706" s="5" t="s">
        <v>43</v>
      </c>
      <c r="AC13706" s="5" t="s">
        <v>44</v>
      </c>
      <c r="AD13706" s="2"/>
      <c r="AE13706" s="1"/>
    </row>
    <row r="13707" spans="1:31" ht="14.45">
      <c r="A13707" s="11"/>
      <c r="B13707" s="20"/>
      <c r="C13707" s="2" t="s">
        <v>42072</v>
      </c>
      <c r="D13707" s="14" t="s">
        <v>42073</v>
      </c>
      <c r="E13707" s="2" t="s">
        <v>42074</v>
      </c>
      <c r="F13707" s="2" t="s">
        <v>40997</v>
      </c>
      <c r="G13707" s="8">
        <v>145</v>
      </c>
      <c r="H13707" s="5">
        <v>6</v>
      </c>
      <c r="I13707" s="5" t="s">
        <v>1518</v>
      </c>
      <c r="J13707" s="5" t="s">
        <v>40939</v>
      </c>
      <c r="K13707" s="2" t="s">
        <v>40940</v>
      </c>
      <c r="L13707" s="5" t="s">
        <v>40939</v>
      </c>
      <c r="M13707" s="2" t="s">
        <v>40940</v>
      </c>
      <c r="N13707" s="5" t="s">
        <v>36266</v>
      </c>
      <c r="O13707" s="5" t="s">
        <v>38</v>
      </c>
      <c r="P13707" s="5" t="s">
        <v>39</v>
      </c>
      <c r="Q13707" s="5" t="s">
        <v>40</v>
      </c>
      <c r="R13707" s="5" t="s">
        <v>1522</v>
      </c>
      <c r="S13707" s="5" t="s">
        <v>1523</v>
      </c>
      <c r="T13707" s="5" t="s">
        <v>42</v>
      </c>
      <c r="U13707" s="2">
        <v>1.2110000000000001</v>
      </c>
      <c r="V13707" s="2">
        <v>0.71099999999999997</v>
      </c>
      <c r="W13707" s="2">
        <v>1.2999999999999999E-2</v>
      </c>
      <c r="X13707" s="2">
        <v>99.1</v>
      </c>
      <c r="Y13707" s="2">
        <v>7.6</v>
      </c>
      <c r="Z13707" s="2">
        <v>16.7</v>
      </c>
      <c r="AA13707" s="5"/>
      <c r="AB13707" s="5" t="s">
        <v>43</v>
      </c>
      <c r="AC13707" s="5" t="s">
        <v>44</v>
      </c>
      <c r="AD13707" s="2"/>
      <c r="AE13707" s="1"/>
    </row>
    <row r="13708" spans="1:31" ht="14.45">
      <c r="A13708" s="11"/>
      <c r="B13708" s="20"/>
      <c r="C13708" s="2" t="s">
        <v>42075</v>
      </c>
      <c r="D13708" s="14" t="s">
        <v>42076</v>
      </c>
      <c r="E13708" s="2" t="s">
        <v>42077</v>
      </c>
      <c r="F13708" s="2" t="s">
        <v>41267</v>
      </c>
      <c r="G13708" s="8">
        <v>145</v>
      </c>
      <c r="H13708" s="5">
        <v>6</v>
      </c>
      <c r="I13708" s="5" t="s">
        <v>1518</v>
      </c>
      <c r="J13708" s="5" t="s">
        <v>40939</v>
      </c>
      <c r="K13708" s="2" t="s">
        <v>40940</v>
      </c>
      <c r="L13708" s="5" t="s">
        <v>40939</v>
      </c>
      <c r="M13708" s="2" t="s">
        <v>40940</v>
      </c>
      <c r="N13708" s="5" t="s">
        <v>36266</v>
      </c>
      <c r="O13708" s="5" t="s">
        <v>38</v>
      </c>
      <c r="P13708" s="5" t="s">
        <v>39</v>
      </c>
      <c r="Q13708" s="5" t="s">
        <v>40</v>
      </c>
      <c r="R13708" s="5" t="s">
        <v>1522</v>
      </c>
      <c r="S13708" s="5" t="s">
        <v>1523</v>
      </c>
      <c r="T13708" s="5" t="s">
        <v>42</v>
      </c>
      <c r="U13708" s="2">
        <v>1.2210000000000001</v>
      </c>
      <c r="V13708" s="2">
        <v>0.72099999999999997</v>
      </c>
      <c r="W13708" s="2">
        <v>1.2999999999999999E-2</v>
      </c>
      <c r="X13708" s="2">
        <v>99.1</v>
      </c>
      <c r="Y13708" s="2">
        <v>7.6</v>
      </c>
      <c r="Z13708" s="2">
        <v>16.7</v>
      </c>
      <c r="AA13708" s="5"/>
      <c r="AB13708" s="5" t="s">
        <v>43</v>
      </c>
      <c r="AC13708" s="5" t="s">
        <v>44</v>
      </c>
      <c r="AD13708" s="2"/>
      <c r="AE13708" s="1"/>
    </row>
    <row r="13709" spans="1:31" ht="14.45">
      <c r="A13709" s="11"/>
      <c r="B13709" s="20"/>
      <c r="C13709" s="2" t="s">
        <v>42078</v>
      </c>
      <c r="D13709" s="14" t="s">
        <v>42079</v>
      </c>
      <c r="E13709" s="2" t="s">
        <v>42080</v>
      </c>
      <c r="F13709" s="2" t="s">
        <v>41001</v>
      </c>
      <c r="G13709" s="8">
        <v>145</v>
      </c>
      <c r="H13709" s="5">
        <v>6</v>
      </c>
      <c r="I13709" s="5" t="s">
        <v>1518</v>
      </c>
      <c r="J13709" s="5" t="s">
        <v>40939</v>
      </c>
      <c r="K13709" s="2" t="s">
        <v>40940</v>
      </c>
      <c r="L13709" s="5" t="s">
        <v>40939</v>
      </c>
      <c r="M13709" s="2" t="s">
        <v>40940</v>
      </c>
      <c r="N13709" s="5" t="s">
        <v>36266</v>
      </c>
      <c r="O13709" s="5" t="s">
        <v>38</v>
      </c>
      <c r="P13709" s="5" t="s">
        <v>39</v>
      </c>
      <c r="Q13709" s="5" t="s">
        <v>40</v>
      </c>
      <c r="R13709" s="5" t="s">
        <v>1522</v>
      </c>
      <c r="S13709" s="5" t="s">
        <v>1523</v>
      </c>
      <c r="T13709" s="5" t="s">
        <v>42</v>
      </c>
      <c r="U13709" s="2">
        <v>1.234</v>
      </c>
      <c r="V13709" s="2">
        <v>0.73399999999999999</v>
      </c>
      <c r="W13709" s="2">
        <v>1.2999999999999999E-2</v>
      </c>
      <c r="X13709" s="2">
        <v>99.1</v>
      </c>
      <c r="Y13709" s="2">
        <v>7.6</v>
      </c>
      <c r="Z13709" s="2">
        <v>16.7</v>
      </c>
      <c r="AA13709" s="5"/>
      <c r="AB13709" s="5" t="s">
        <v>43</v>
      </c>
      <c r="AC13709" s="5" t="s">
        <v>44</v>
      </c>
      <c r="AD13709" s="2"/>
      <c r="AE13709" s="1"/>
    </row>
    <row r="13710" spans="1:31" ht="14.45">
      <c r="A13710" s="11"/>
      <c r="B13710" s="20"/>
      <c r="C13710" s="2" t="s">
        <v>42081</v>
      </c>
      <c r="D13710" s="14" t="s">
        <v>42082</v>
      </c>
      <c r="E13710" s="2" t="s">
        <v>42083</v>
      </c>
      <c r="F13710" s="2" t="s">
        <v>41005</v>
      </c>
      <c r="G13710" s="8">
        <v>145</v>
      </c>
      <c r="H13710" s="5">
        <v>6</v>
      </c>
      <c r="I13710" s="5" t="s">
        <v>1518</v>
      </c>
      <c r="J13710" s="5" t="s">
        <v>40939</v>
      </c>
      <c r="K13710" s="2" t="s">
        <v>40940</v>
      </c>
      <c r="L13710" s="5" t="s">
        <v>40939</v>
      </c>
      <c r="M13710" s="2" t="s">
        <v>40940</v>
      </c>
      <c r="N13710" s="5" t="s">
        <v>36266</v>
      </c>
      <c r="O13710" s="5" t="s">
        <v>38</v>
      </c>
      <c r="P13710" s="5" t="s">
        <v>39</v>
      </c>
      <c r="Q13710" s="5" t="s">
        <v>40</v>
      </c>
      <c r="R13710" s="5" t="s">
        <v>1522</v>
      </c>
      <c r="S13710" s="5" t="s">
        <v>1523</v>
      </c>
      <c r="T13710" s="5" t="s">
        <v>42</v>
      </c>
      <c r="U13710" s="2">
        <v>1.244</v>
      </c>
      <c r="V13710" s="2">
        <v>0.74399999999999999</v>
      </c>
      <c r="W13710" s="2">
        <v>1.2999999999999999E-2</v>
      </c>
      <c r="X13710" s="2">
        <v>99.1</v>
      </c>
      <c r="Y13710" s="2">
        <v>7.6</v>
      </c>
      <c r="Z13710" s="2">
        <v>16.7</v>
      </c>
      <c r="AA13710" s="5"/>
      <c r="AB13710" s="5" t="s">
        <v>43</v>
      </c>
      <c r="AC13710" s="5" t="s">
        <v>44</v>
      </c>
      <c r="AD13710" s="2"/>
      <c r="AE13710" s="1"/>
    </row>
    <row r="13711" spans="1:31" ht="14.45">
      <c r="A13711" s="11"/>
      <c r="B13711" s="20"/>
      <c r="C13711" s="2" t="s">
        <v>42084</v>
      </c>
      <c r="D13711" s="14" t="s">
        <v>42085</v>
      </c>
      <c r="E13711" s="2" t="s">
        <v>42086</v>
      </c>
      <c r="F13711" s="2" t="s">
        <v>41009</v>
      </c>
      <c r="G13711" s="8">
        <v>145</v>
      </c>
      <c r="H13711" s="5">
        <v>6</v>
      </c>
      <c r="I13711" s="5" t="s">
        <v>1518</v>
      </c>
      <c r="J13711" s="5" t="s">
        <v>40939</v>
      </c>
      <c r="K13711" s="2" t="s">
        <v>40940</v>
      </c>
      <c r="L13711" s="5" t="s">
        <v>40939</v>
      </c>
      <c r="M13711" s="2" t="s">
        <v>40940</v>
      </c>
      <c r="N13711" s="5" t="s">
        <v>36266</v>
      </c>
      <c r="O13711" s="5" t="s">
        <v>38</v>
      </c>
      <c r="P13711" s="5" t="s">
        <v>39</v>
      </c>
      <c r="Q13711" s="5" t="s">
        <v>40</v>
      </c>
      <c r="R13711" s="5" t="s">
        <v>1522</v>
      </c>
      <c r="S13711" s="5" t="s">
        <v>1523</v>
      </c>
      <c r="T13711" s="5" t="s">
        <v>42</v>
      </c>
      <c r="U13711" s="2">
        <v>1.24</v>
      </c>
      <c r="V13711" s="2">
        <v>0.74</v>
      </c>
      <c r="W13711" s="2">
        <v>1.2999999999999999E-2</v>
      </c>
      <c r="X13711" s="2">
        <v>99.1</v>
      </c>
      <c r="Y13711" s="2">
        <v>7.6</v>
      </c>
      <c r="Z13711" s="2">
        <v>16.7</v>
      </c>
      <c r="AA13711" s="5"/>
      <c r="AB13711" s="5" t="s">
        <v>43</v>
      </c>
      <c r="AC13711" s="5" t="s">
        <v>44</v>
      </c>
      <c r="AD13711" s="2"/>
      <c r="AE13711" s="1"/>
    </row>
    <row r="13712" spans="1:31" ht="14.45">
      <c r="A13712" s="11"/>
      <c r="B13712" s="20"/>
      <c r="C13712" s="2" t="s">
        <v>42087</v>
      </c>
      <c r="D13712" s="14" t="s">
        <v>42088</v>
      </c>
      <c r="E13712" s="2" t="s">
        <v>42089</v>
      </c>
      <c r="F13712" s="2" t="s">
        <v>41013</v>
      </c>
      <c r="G13712" s="8">
        <v>145</v>
      </c>
      <c r="H13712" s="5">
        <v>6</v>
      </c>
      <c r="I13712" s="5" t="s">
        <v>1518</v>
      </c>
      <c r="J13712" s="5" t="s">
        <v>40939</v>
      </c>
      <c r="K13712" s="2" t="s">
        <v>40940</v>
      </c>
      <c r="L13712" s="5" t="s">
        <v>40939</v>
      </c>
      <c r="M13712" s="2" t="s">
        <v>40940</v>
      </c>
      <c r="N13712" s="5" t="s">
        <v>36266</v>
      </c>
      <c r="O13712" s="5" t="s">
        <v>38</v>
      </c>
      <c r="P13712" s="5" t="s">
        <v>39</v>
      </c>
      <c r="Q13712" s="5" t="s">
        <v>40</v>
      </c>
      <c r="R13712" s="5" t="s">
        <v>1522</v>
      </c>
      <c r="S13712" s="5" t="s">
        <v>1523</v>
      </c>
      <c r="T13712" s="5" t="s">
        <v>42</v>
      </c>
      <c r="U13712" s="2">
        <v>1.25</v>
      </c>
      <c r="V13712" s="2">
        <v>0.75</v>
      </c>
      <c r="W13712" s="2">
        <v>1.2999999999999999E-2</v>
      </c>
      <c r="X13712" s="2">
        <v>99.1</v>
      </c>
      <c r="Y13712" s="2">
        <v>7.6</v>
      </c>
      <c r="Z13712" s="2">
        <v>16.7</v>
      </c>
      <c r="AA13712" s="5"/>
      <c r="AB13712" s="5" t="s">
        <v>43</v>
      </c>
      <c r="AC13712" s="5" t="s">
        <v>44</v>
      </c>
      <c r="AD13712" s="2"/>
      <c r="AE13712" s="1"/>
    </row>
    <row r="13713" spans="1:31" ht="14.45">
      <c r="A13713" s="11"/>
      <c r="B13713" s="20"/>
      <c r="C13713" s="2" t="s">
        <v>42090</v>
      </c>
      <c r="D13713" s="14" t="s">
        <v>42091</v>
      </c>
      <c r="E13713" s="2" t="s">
        <v>42092</v>
      </c>
      <c r="F13713" s="2" t="s">
        <v>7396</v>
      </c>
      <c r="G13713" s="8">
        <v>126</v>
      </c>
      <c r="H13713" s="5">
        <v>6</v>
      </c>
      <c r="I13713" s="5" t="s">
        <v>1518</v>
      </c>
      <c r="J13713" s="5" t="s">
        <v>40939</v>
      </c>
      <c r="K13713" s="2" t="s">
        <v>40940</v>
      </c>
      <c r="L13713" s="5" t="s">
        <v>40939</v>
      </c>
      <c r="M13713" s="2" t="s">
        <v>40940</v>
      </c>
      <c r="N13713" s="5" t="s">
        <v>36266</v>
      </c>
      <c r="O13713" s="5" t="s">
        <v>38</v>
      </c>
      <c r="P13713" s="5" t="s">
        <v>39</v>
      </c>
      <c r="Q13713" s="5" t="s">
        <v>40</v>
      </c>
      <c r="R13713" s="5" t="s">
        <v>1522</v>
      </c>
      <c r="S13713" s="5" t="s">
        <v>1523</v>
      </c>
      <c r="T13713" s="5" t="s">
        <v>42</v>
      </c>
      <c r="U13713" s="2">
        <v>1.24</v>
      </c>
      <c r="V13713" s="2">
        <v>0.74</v>
      </c>
      <c r="W13713" s="2">
        <v>1.2999999999999999E-2</v>
      </c>
      <c r="X13713" s="2">
        <v>99.1</v>
      </c>
      <c r="Y13713" s="2">
        <v>7.6</v>
      </c>
      <c r="Z13713" s="2">
        <v>16.7</v>
      </c>
      <c r="AA13713" s="5"/>
      <c r="AB13713" s="5" t="s">
        <v>43</v>
      </c>
      <c r="AC13713" s="5" t="s">
        <v>44</v>
      </c>
      <c r="AD13713" s="2"/>
      <c r="AE13713" s="1"/>
    </row>
    <row r="13714" spans="1:31" ht="14.45">
      <c r="A13714" s="11"/>
      <c r="B13714" s="20"/>
      <c r="C13714" s="2" t="s">
        <v>42093</v>
      </c>
      <c r="D13714" s="14" t="s">
        <v>42094</v>
      </c>
      <c r="E13714" s="2" t="s">
        <v>42095</v>
      </c>
      <c r="F13714" s="2" t="s">
        <v>7507</v>
      </c>
      <c r="G13714" s="8">
        <v>126</v>
      </c>
      <c r="H13714" s="5">
        <v>6</v>
      </c>
      <c r="I13714" s="5" t="s">
        <v>1518</v>
      </c>
      <c r="J13714" s="5" t="s">
        <v>40939</v>
      </c>
      <c r="K13714" s="2" t="s">
        <v>40940</v>
      </c>
      <c r="L13714" s="5" t="s">
        <v>40939</v>
      </c>
      <c r="M13714" s="2" t="s">
        <v>40940</v>
      </c>
      <c r="N13714" s="5" t="s">
        <v>36266</v>
      </c>
      <c r="O13714" s="5" t="s">
        <v>38</v>
      </c>
      <c r="P13714" s="5" t="s">
        <v>39</v>
      </c>
      <c r="Q13714" s="5" t="s">
        <v>40</v>
      </c>
      <c r="R13714" s="5" t="s">
        <v>1522</v>
      </c>
      <c r="S13714" s="5" t="s">
        <v>1523</v>
      </c>
      <c r="T13714" s="5" t="s">
        <v>42</v>
      </c>
      <c r="U13714" s="2">
        <v>1.25</v>
      </c>
      <c r="V13714" s="2">
        <v>0.75</v>
      </c>
      <c r="W13714" s="2">
        <v>1.2999999999999999E-2</v>
      </c>
      <c r="X13714" s="2">
        <v>99.1</v>
      </c>
      <c r="Y13714" s="2">
        <v>7.6</v>
      </c>
      <c r="Z13714" s="2">
        <v>16.7</v>
      </c>
      <c r="AA13714" s="5"/>
      <c r="AB13714" s="5" t="s">
        <v>43</v>
      </c>
      <c r="AC13714" s="5" t="s">
        <v>44</v>
      </c>
      <c r="AD13714" s="2"/>
      <c r="AE13714" s="1"/>
    </row>
    <row r="13715" spans="1:31" ht="14.45">
      <c r="A13715" s="11"/>
      <c r="B13715" s="20"/>
      <c r="C13715" s="2" t="s">
        <v>42096</v>
      </c>
      <c r="D13715" s="14" t="s">
        <v>42097</v>
      </c>
      <c r="E13715" s="2" t="s">
        <v>42098</v>
      </c>
      <c r="F13715" s="2" t="s">
        <v>41023</v>
      </c>
      <c r="G13715" s="8">
        <v>145</v>
      </c>
      <c r="H13715" s="5">
        <v>6</v>
      </c>
      <c r="I13715" s="5" t="s">
        <v>1518</v>
      </c>
      <c r="J13715" s="5" t="s">
        <v>40939</v>
      </c>
      <c r="K13715" s="2" t="s">
        <v>40940</v>
      </c>
      <c r="L13715" s="5" t="s">
        <v>40939</v>
      </c>
      <c r="M13715" s="2" t="s">
        <v>40940</v>
      </c>
      <c r="N13715" s="5" t="s">
        <v>36266</v>
      </c>
      <c r="O13715" s="5" t="s">
        <v>38</v>
      </c>
      <c r="P13715" s="5" t="s">
        <v>39</v>
      </c>
      <c r="Q13715" s="5" t="s">
        <v>40</v>
      </c>
      <c r="R13715" s="5" t="s">
        <v>1522</v>
      </c>
      <c r="S13715" s="5" t="s">
        <v>1523</v>
      </c>
      <c r="T13715" s="5" t="s">
        <v>42</v>
      </c>
      <c r="U13715" s="2">
        <v>1.2110000000000001</v>
      </c>
      <c r="V13715" s="2">
        <v>0.71099999999999997</v>
      </c>
      <c r="W13715" s="2">
        <v>1.2999999999999999E-2</v>
      </c>
      <c r="X13715" s="2">
        <v>99.1</v>
      </c>
      <c r="Y13715" s="2">
        <v>7.6</v>
      </c>
      <c r="Z13715" s="2">
        <v>16.7</v>
      </c>
      <c r="AA13715" s="5"/>
      <c r="AB13715" s="5" t="s">
        <v>43</v>
      </c>
      <c r="AC13715" s="5" t="s">
        <v>44</v>
      </c>
      <c r="AD13715" s="2"/>
      <c r="AE13715" s="1"/>
    </row>
    <row r="13716" spans="1:31" ht="14.45">
      <c r="A13716" s="11"/>
      <c r="B13716" s="20"/>
      <c r="C13716" s="2" t="s">
        <v>42099</v>
      </c>
      <c r="D13716" s="14" t="s">
        <v>42100</v>
      </c>
      <c r="E13716" s="2" t="s">
        <v>42101</v>
      </c>
      <c r="F13716" s="2" t="s">
        <v>41027</v>
      </c>
      <c r="G13716" s="8">
        <v>145</v>
      </c>
      <c r="H13716" s="5">
        <v>6</v>
      </c>
      <c r="I13716" s="5" t="s">
        <v>1518</v>
      </c>
      <c r="J13716" s="5" t="s">
        <v>40939</v>
      </c>
      <c r="K13716" s="2" t="s">
        <v>40940</v>
      </c>
      <c r="L13716" s="5" t="s">
        <v>40939</v>
      </c>
      <c r="M13716" s="2" t="s">
        <v>40940</v>
      </c>
      <c r="N13716" s="5" t="s">
        <v>36266</v>
      </c>
      <c r="O13716" s="5" t="s">
        <v>38</v>
      </c>
      <c r="P13716" s="5" t="s">
        <v>39</v>
      </c>
      <c r="Q13716" s="5" t="s">
        <v>40</v>
      </c>
      <c r="R13716" s="5" t="s">
        <v>1522</v>
      </c>
      <c r="S13716" s="5" t="s">
        <v>1523</v>
      </c>
      <c r="T13716" s="5" t="s">
        <v>42</v>
      </c>
      <c r="U13716" s="2">
        <v>1.2210000000000001</v>
      </c>
      <c r="V13716" s="2">
        <v>0.72099999999999997</v>
      </c>
      <c r="W13716" s="2">
        <v>1.2999999999999999E-2</v>
      </c>
      <c r="X13716" s="2">
        <v>99.1</v>
      </c>
      <c r="Y13716" s="2">
        <v>7.6</v>
      </c>
      <c r="Z13716" s="2">
        <v>16.7</v>
      </c>
      <c r="AA13716" s="5"/>
      <c r="AB13716" s="5" t="s">
        <v>43</v>
      </c>
      <c r="AC13716" s="5" t="s">
        <v>44</v>
      </c>
      <c r="AD13716" s="2"/>
      <c r="AE13716" s="1"/>
    </row>
    <row r="13717" spans="1:31" ht="14.45">
      <c r="A13717" s="11"/>
      <c r="B13717" s="20"/>
      <c r="C13717" s="2" t="s">
        <v>42102</v>
      </c>
      <c r="D13717" s="14" t="s">
        <v>42103</v>
      </c>
      <c r="E13717" s="2" t="s">
        <v>42104</v>
      </c>
      <c r="F13717" s="2" t="s">
        <v>41031</v>
      </c>
      <c r="G13717" s="8">
        <v>145</v>
      </c>
      <c r="H13717" s="5">
        <v>6</v>
      </c>
      <c r="I13717" s="5" t="s">
        <v>1518</v>
      </c>
      <c r="J13717" s="5" t="s">
        <v>40939</v>
      </c>
      <c r="K13717" s="2" t="s">
        <v>40940</v>
      </c>
      <c r="L13717" s="5" t="s">
        <v>40939</v>
      </c>
      <c r="M13717" s="2" t="s">
        <v>40940</v>
      </c>
      <c r="N13717" s="5" t="s">
        <v>36266</v>
      </c>
      <c r="O13717" s="5" t="s">
        <v>38</v>
      </c>
      <c r="P13717" s="5" t="s">
        <v>39</v>
      </c>
      <c r="Q13717" s="5" t="s">
        <v>40</v>
      </c>
      <c r="R13717" s="5" t="s">
        <v>1522</v>
      </c>
      <c r="S13717" s="5" t="s">
        <v>1523</v>
      </c>
      <c r="T13717" s="5" t="s">
        <v>42</v>
      </c>
      <c r="U13717" s="2">
        <v>1.2110000000000001</v>
      </c>
      <c r="V13717" s="2">
        <v>0.71099999999999997</v>
      </c>
      <c r="W13717" s="2">
        <v>1.2999999999999999E-2</v>
      </c>
      <c r="X13717" s="2">
        <v>99.1</v>
      </c>
      <c r="Y13717" s="2">
        <v>7.6</v>
      </c>
      <c r="Z13717" s="2">
        <v>16.7</v>
      </c>
      <c r="AA13717" s="5"/>
      <c r="AB13717" s="5" t="s">
        <v>43</v>
      </c>
      <c r="AC13717" s="5" t="s">
        <v>44</v>
      </c>
      <c r="AD13717" s="2"/>
      <c r="AE13717" s="1"/>
    </row>
    <row r="13718" spans="1:31" ht="14.45">
      <c r="A13718" s="11"/>
      <c r="B13718" s="20"/>
      <c r="C13718" s="2" t="s">
        <v>42105</v>
      </c>
      <c r="D13718" s="14" t="s">
        <v>42106</v>
      </c>
      <c r="E13718" s="2" t="s">
        <v>42107</v>
      </c>
      <c r="F13718" s="2" t="s">
        <v>41035</v>
      </c>
      <c r="G13718" s="8">
        <v>145</v>
      </c>
      <c r="H13718" s="5">
        <v>6</v>
      </c>
      <c r="I13718" s="5" t="s">
        <v>1518</v>
      </c>
      <c r="J13718" s="5" t="s">
        <v>40939</v>
      </c>
      <c r="K13718" s="2" t="s">
        <v>40940</v>
      </c>
      <c r="L13718" s="5" t="s">
        <v>40939</v>
      </c>
      <c r="M13718" s="2" t="s">
        <v>40940</v>
      </c>
      <c r="N13718" s="5" t="s">
        <v>36266</v>
      </c>
      <c r="O13718" s="5" t="s">
        <v>38</v>
      </c>
      <c r="P13718" s="5" t="s">
        <v>39</v>
      </c>
      <c r="Q13718" s="5" t="s">
        <v>40</v>
      </c>
      <c r="R13718" s="5" t="s">
        <v>1522</v>
      </c>
      <c r="S13718" s="5" t="s">
        <v>1523</v>
      </c>
      <c r="T13718" s="5" t="s">
        <v>42</v>
      </c>
      <c r="U13718" s="2">
        <v>1.2210000000000001</v>
      </c>
      <c r="V13718" s="2">
        <v>0.72099999999999997</v>
      </c>
      <c r="W13718" s="2">
        <v>1.2999999999999999E-2</v>
      </c>
      <c r="X13718" s="2">
        <v>99.1</v>
      </c>
      <c r="Y13718" s="2">
        <v>7.6</v>
      </c>
      <c r="Z13718" s="2">
        <v>16.7</v>
      </c>
      <c r="AA13718" s="5"/>
      <c r="AB13718" s="5" t="s">
        <v>43</v>
      </c>
      <c r="AC13718" s="5" t="s">
        <v>44</v>
      </c>
      <c r="AD13718" s="2"/>
      <c r="AE13718" s="1"/>
    </row>
    <row r="13719" spans="1:31" ht="14.45">
      <c r="A13719" s="11"/>
      <c r="B13719" s="20"/>
      <c r="C13719" s="2" t="s">
        <v>42108</v>
      </c>
      <c r="D13719" s="14" t="s">
        <v>42109</v>
      </c>
      <c r="E13719" s="2" t="s">
        <v>42110</v>
      </c>
      <c r="F13719" s="2" t="s">
        <v>7449</v>
      </c>
      <c r="G13719" s="8">
        <v>145</v>
      </c>
      <c r="H13719" s="5">
        <v>6</v>
      </c>
      <c r="I13719" s="5" t="s">
        <v>1518</v>
      </c>
      <c r="J13719" s="5" t="s">
        <v>40939</v>
      </c>
      <c r="K13719" s="2" t="s">
        <v>40940</v>
      </c>
      <c r="L13719" s="5" t="s">
        <v>40939</v>
      </c>
      <c r="M13719" s="2" t="s">
        <v>40940</v>
      </c>
      <c r="N13719" s="5" t="s">
        <v>36266</v>
      </c>
      <c r="O13719" s="5" t="s">
        <v>38</v>
      </c>
      <c r="P13719" s="5" t="s">
        <v>39</v>
      </c>
      <c r="Q13719" s="5" t="s">
        <v>40</v>
      </c>
      <c r="R13719" s="5" t="s">
        <v>1522</v>
      </c>
      <c r="S13719" s="5" t="s">
        <v>1523</v>
      </c>
      <c r="T13719" s="5" t="s">
        <v>42</v>
      </c>
      <c r="U13719" s="2">
        <v>1.2110000000000001</v>
      </c>
      <c r="V13719" s="2">
        <v>0.71099999999999997</v>
      </c>
      <c r="W13719" s="2">
        <v>1.2999999999999999E-2</v>
      </c>
      <c r="X13719" s="2">
        <v>99.1</v>
      </c>
      <c r="Y13719" s="2">
        <v>7.6</v>
      </c>
      <c r="Z13719" s="2">
        <v>16.7</v>
      </c>
      <c r="AA13719" s="5"/>
      <c r="AB13719" s="5" t="s">
        <v>43</v>
      </c>
      <c r="AC13719" s="5" t="s">
        <v>44</v>
      </c>
      <c r="AD13719" s="2"/>
      <c r="AE13719" s="1"/>
    </row>
    <row r="13720" spans="1:31" ht="14.45">
      <c r="A13720" s="11"/>
      <c r="B13720" s="20"/>
      <c r="C13720" s="2" t="s">
        <v>42111</v>
      </c>
      <c r="D13720" s="14" t="s">
        <v>42112</v>
      </c>
      <c r="E13720" s="2" t="s">
        <v>42113</v>
      </c>
      <c r="F13720" s="2" t="s">
        <v>7581</v>
      </c>
      <c r="G13720" s="8">
        <v>145</v>
      </c>
      <c r="H13720" s="5">
        <v>6</v>
      </c>
      <c r="I13720" s="5" t="s">
        <v>1518</v>
      </c>
      <c r="J13720" s="5" t="s">
        <v>40939</v>
      </c>
      <c r="K13720" s="2" t="s">
        <v>40940</v>
      </c>
      <c r="L13720" s="5" t="s">
        <v>40939</v>
      </c>
      <c r="M13720" s="2" t="s">
        <v>40940</v>
      </c>
      <c r="N13720" s="5" t="s">
        <v>36266</v>
      </c>
      <c r="O13720" s="5" t="s">
        <v>38</v>
      </c>
      <c r="P13720" s="5" t="s">
        <v>39</v>
      </c>
      <c r="Q13720" s="5" t="s">
        <v>40</v>
      </c>
      <c r="R13720" s="5" t="s">
        <v>1522</v>
      </c>
      <c r="S13720" s="5" t="s">
        <v>1523</v>
      </c>
      <c r="T13720" s="5" t="s">
        <v>42</v>
      </c>
      <c r="U13720" s="2">
        <v>1.2210000000000001</v>
      </c>
      <c r="V13720" s="2">
        <v>0.72099999999999997</v>
      </c>
      <c r="W13720" s="2">
        <v>1.2999999999999999E-2</v>
      </c>
      <c r="X13720" s="2">
        <v>99.1</v>
      </c>
      <c r="Y13720" s="2">
        <v>7.6</v>
      </c>
      <c r="Z13720" s="2">
        <v>16.7</v>
      </c>
      <c r="AA13720" s="5"/>
      <c r="AB13720" s="5" t="s">
        <v>43</v>
      </c>
      <c r="AC13720" s="5" t="s">
        <v>44</v>
      </c>
      <c r="AD13720" s="2"/>
      <c r="AE13720" s="1"/>
    </row>
    <row r="13721" spans="1:31" ht="14.45">
      <c r="A13721" s="11"/>
      <c r="B13721" s="20"/>
      <c r="C13721" s="2" t="s">
        <v>42114</v>
      </c>
      <c r="D13721" s="14" t="s">
        <v>42115</v>
      </c>
      <c r="E13721" s="2" t="s">
        <v>42116</v>
      </c>
      <c r="F13721" s="2" t="s">
        <v>41045</v>
      </c>
      <c r="G13721" s="8">
        <v>145</v>
      </c>
      <c r="H13721" s="5">
        <v>6</v>
      </c>
      <c r="I13721" s="5" t="s">
        <v>1518</v>
      </c>
      <c r="J13721" s="5" t="s">
        <v>40939</v>
      </c>
      <c r="K13721" s="2" t="s">
        <v>40940</v>
      </c>
      <c r="L13721" s="5" t="s">
        <v>40939</v>
      </c>
      <c r="M13721" s="2" t="s">
        <v>40940</v>
      </c>
      <c r="N13721" s="5" t="s">
        <v>36266</v>
      </c>
      <c r="O13721" s="5" t="s">
        <v>38</v>
      </c>
      <c r="P13721" s="5" t="s">
        <v>39</v>
      </c>
      <c r="Q13721" s="5" t="s">
        <v>40</v>
      </c>
      <c r="R13721" s="5" t="s">
        <v>1522</v>
      </c>
      <c r="S13721" s="5" t="s">
        <v>1523</v>
      </c>
      <c r="T13721" s="5" t="s">
        <v>42</v>
      </c>
      <c r="U13721" s="2">
        <v>1.2450000000000001</v>
      </c>
      <c r="V13721" s="2">
        <v>0.745</v>
      </c>
      <c r="W13721" s="2">
        <v>1.2999999999999999E-2</v>
      </c>
      <c r="X13721" s="2">
        <v>99.1</v>
      </c>
      <c r="Y13721" s="2">
        <v>7.6</v>
      </c>
      <c r="Z13721" s="2">
        <v>16.7</v>
      </c>
      <c r="AA13721" s="5"/>
      <c r="AB13721" s="5" t="s">
        <v>43</v>
      </c>
      <c r="AC13721" s="5" t="s">
        <v>44</v>
      </c>
      <c r="AD13721" s="2"/>
      <c r="AE13721" s="1"/>
    </row>
    <row r="13722" spans="1:31" ht="14.45">
      <c r="A13722" s="11"/>
      <c r="B13722" s="20"/>
      <c r="C13722" s="2" t="s">
        <v>42117</v>
      </c>
      <c r="D13722" s="14" t="s">
        <v>42118</v>
      </c>
      <c r="E13722" s="2" t="s">
        <v>42119</v>
      </c>
      <c r="F13722" s="2" t="s">
        <v>41049</v>
      </c>
      <c r="G13722" s="8">
        <v>145</v>
      </c>
      <c r="H13722" s="5">
        <v>6</v>
      </c>
      <c r="I13722" s="5" t="s">
        <v>1518</v>
      </c>
      <c r="J13722" s="5" t="s">
        <v>40939</v>
      </c>
      <c r="K13722" s="2" t="s">
        <v>40940</v>
      </c>
      <c r="L13722" s="5" t="s">
        <v>40939</v>
      </c>
      <c r="M13722" s="2" t="s">
        <v>40940</v>
      </c>
      <c r="N13722" s="5" t="s">
        <v>36266</v>
      </c>
      <c r="O13722" s="5" t="s">
        <v>38</v>
      </c>
      <c r="P13722" s="5" t="s">
        <v>39</v>
      </c>
      <c r="Q13722" s="5" t="s">
        <v>40</v>
      </c>
      <c r="R13722" s="5" t="s">
        <v>1522</v>
      </c>
      <c r="S13722" s="5" t="s">
        <v>1523</v>
      </c>
      <c r="T13722" s="5" t="s">
        <v>42</v>
      </c>
      <c r="U13722" s="2">
        <v>1.2549999999999999</v>
      </c>
      <c r="V13722" s="2">
        <v>0.755</v>
      </c>
      <c r="W13722" s="2">
        <v>1.2999999999999999E-2</v>
      </c>
      <c r="X13722" s="2">
        <v>99.1</v>
      </c>
      <c r="Y13722" s="2">
        <v>7.6</v>
      </c>
      <c r="Z13722" s="2">
        <v>16.7</v>
      </c>
      <c r="AA13722" s="5"/>
      <c r="AB13722" s="5" t="s">
        <v>43</v>
      </c>
      <c r="AC13722" s="5" t="s">
        <v>44</v>
      </c>
      <c r="AD13722" s="2"/>
      <c r="AE13722" s="1"/>
    </row>
    <row r="13723" spans="1:31" ht="14.45">
      <c r="A13723" s="11"/>
      <c r="B13723" s="20"/>
      <c r="C13723" s="2" t="s">
        <v>42120</v>
      </c>
      <c r="D13723" s="14" t="s">
        <v>42121</v>
      </c>
      <c r="E13723" s="2" t="s">
        <v>42122</v>
      </c>
      <c r="F13723" s="2" t="s">
        <v>7204</v>
      </c>
      <c r="G13723" s="8">
        <v>137</v>
      </c>
      <c r="H13723" s="5">
        <v>6</v>
      </c>
      <c r="I13723" s="5" t="s">
        <v>1518</v>
      </c>
      <c r="J13723" s="5" t="s">
        <v>40939</v>
      </c>
      <c r="K13723" s="2" t="s">
        <v>40940</v>
      </c>
      <c r="L13723" s="5" t="s">
        <v>40939</v>
      </c>
      <c r="M13723" s="2" t="s">
        <v>40940</v>
      </c>
      <c r="N13723" s="5" t="s">
        <v>36266</v>
      </c>
      <c r="O13723" s="5" t="s">
        <v>38</v>
      </c>
      <c r="P13723" s="5" t="s">
        <v>39</v>
      </c>
      <c r="Q13723" s="5" t="s">
        <v>40</v>
      </c>
      <c r="R13723" s="5" t="s">
        <v>1522</v>
      </c>
      <c r="S13723" s="5" t="s">
        <v>1523</v>
      </c>
      <c r="T13723" s="5" t="s">
        <v>42</v>
      </c>
      <c r="U13723" s="2">
        <v>1.2869999999999999</v>
      </c>
      <c r="V13723" s="2">
        <v>0.78700000000000003</v>
      </c>
      <c r="W13723" s="2">
        <v>1.4999999999999999E-2</v>
      </c>
      <c r="X13723" s="2">
        <v>118.9</v>
      </c>
      <c r="Y13723" s="2">
        <v>7.6</v>
      </c>
      <c r="Z13723" s="2">
        <v>16.7</v>
      </c>
      <c r="AA13723" s="5"/>
      <c r="AB13723" s="5" t="s">
        <v>43</v>
      </c>
      <c r="AC13723" s="5" t="s">
        <v>44</v>
      </c>
      <c r="AD13723" s="2"/>
      <c r="AE13723" s="1"/>
    </row>
    <row r="13724" spans="1:31" ht="14.45">
      <c r="A13724" s="11"/>
      <c r="B13724" s="20"/>
      <c r="C13724" s="2" t="s">
        <v>42123</v>
      </c>
      <c r="D13724" s="14" t="s">
        <v>42124</v>
      </c>
      <c r="E13724" s="2" t="s">
        <v>42125</v>
      </c>
      <c r="F13724" s="2" t="s">
        <v>7514</v>
      </c>
      <c r="G13724" s="8">
        <v>137</v>
      </c>
      <c r="H13724" s="5">
        <v>6</v>
      </c>
      <c r="I13724" s="5" t="s">
        <v>1518</v>
      </c>
      <c r="J13724" s="5" t="s">
        <v>40939</v>
      </c>
      <c r="K13724" s="2" t="s">
        <v>40940</v>
      </c>
      <c r="L13724" s="5" t="s">
        <v>40939</v>
      </c>
      <c r="M13724" s="2" t="s">
        <v>40940</v>
      </c>
      <c r="N13724" s="5" t="s">
        <v>36266</v>
      </c>
      <c r="O13724" s="5" t="s">
        <v>38</v>
      </c>
      <c r="P13724" s="5" t="s">
        <v>39</v>
      </c>
      <c r="Q13724" s="5" t="s">
        <v>40</v>
      </c>
      <c r="R13724" s="5" t="s">
        <v>1522</v>
      </c>
      <c r="S13724" s="5" t="s">
        <v>1523</v>
      </c>
      <c r="T13724" s="5" t="s">
        <v>42</v>
      </c>
      <c r="U13724" s="2">
        <v>1.296</v>
      </c>
      <c r="V13724" s="2">
        <v>0.79600000000000004</v>
      </c>
      <c r="W13724" s="2">
        <v>1.4999999999999999E-2</v>
      </c>
      <c r="X13724" s="2">
        <v>118.9</v>
      </c>
      <c r="Y13724" s="2">
        <v>7.6</v>
      </c>
      <c r="Z13724" s="2">
        <v>16.7</v>
      </c>
      <c r="AA13724" s="5"/>
      <c r="AB13724" s="5" t="s">
        <v>43</v>
      </c>
      <c r="AC13724" s="5" t="s">
        <v>44</v>
      </c>
      <c r="AD13724" s="2"/>
      <c r="AE13724" s="1"/>
    </row>
    <row r="13725" spans="1:31" ht="14.45">
      <c r="A13725" s="11"/>
      <c r="B13725" s="20"/>
      <c r="C13725" s="2" t="s">
        <v>42126</v>
      </c>
      <c r="D13725" s="14" t="s">
        <v>42127</v>
      </c>
      <c r="E13725" s="2" t="s">
        <v>42128</v>
      </c>
      <c r="F13725" s="2" t="s">
        <v>40947</v>
      </c>
      <c r="G13725" s="8">
        <v>157</v>
      </c>
      <c r="H13725" s="5">
        <v>6</v>
      </c>
      <c r="I13725" s="5" t="s">
        <v>1518</v>
      </c>
      <c r="J13725" s="5" t="s">
        <v>40939</v>
      </c>
      <c r="K13725" s="2" t="s">
        <v>40940</v>
      </c>
      <c r="L13725" s="5" t="s">
        <v>40939</v>
      </c>
      <c r="M13725" s="2" t="s">
        <v>40940</v>
      </c>
      <c r="N13725" s="5" t="s">
        <v>36266</v>
      </c>
      <c r="O13725" s="5" t="s">
        <v>38</v>
      </c>
      <c r="P13725" s="5" t="s">
        <v>39</v>
      </c>
      <c r="Q13725" s="5" t="s">
        <v>40</v>
      </c>
      <c r="R13725" s="5" t="s">
        <v>1522</v>
      </c>
      <c r="S13725" s="5" t="s">
        <v>1523</v>
      </c>
      <c r="T13725" s="5" t="s">
        <v>42</v>
      </c>
      <c r="U13725" s="2">
        <v>1.3009999999999999</v>
      </c>
      <c r="V13725" s="2">
        <v>0.80100000000000005</v>
      </c>
      <c r="W13725" s="2">
        <v>1.4999999999999999E-2</v>
      </c>
      <c r="X13725" s="2">
        <v>118.9</v>
      </c>
      <c r="Y13725" s="2">
        <v>7.6</v>
      </c>
      <c r="Z13725" s="2">
        <v>16.7</v>
      </c>
      <c r="AA13725" s="5"/>
      <c r="AB13725" s="5" t="s">
        <v>43</v>
      </c>
      <c r="AC13725" s="5" t="s">
        <v>44</v>
      </c>
      <c r="AD13725" s="2"/>
      <c r="AE13725" s="1"/>
    </row>
    <row r="13726" spans="1:31" ht="14.45">
      <c r="A13726" s="11"/>
      <c r="B13726" s="20"/>
      <c r="C13726" s="2" t="s">
        <v>42129</v>
      </c>
      <c r="D13726" s="14" t="s">
        <v>42130</v>
      </c>
      <c r="E13726" s="2" t="s">
        <v>42131</v>
      </c>
      <c r="F13726" s="2" t="s">
        <v>40951</v>
      </c>
      <c r="G13726" s="8">
        <v>157</v>
      </c>
      <c r="H13726" s="5">
        <v>6</v>
      </c>
      <c r="I13726" s="5" t="s">
        <v>1518</v>
      </c>
      <c r="J13726" s="5" t="s">
        <v>40939</v>
      </c>
      <c r="K13726" s="2" t="s">
        <v>40940</v>
      </c>
      <c r="L13726" s="5" t="s">
        <v>40939</v>
      </c>
      <c r="M13726" s="2" t="s">
        <v>40940</v>
      </c>
      <c r="N13726" s="5" t="s">
        <v>36266</v>
      </c>
      <c r="O13726" s="5" t="s">
        <v>38</v>
      </c>
      <c r="P13726" s="5" t="s">
        <v>39</v>
      </c>
      <c r="Q13726" s="5" t="s">
        <v>40</v>
      </c>
      <c r="R13726" s="5" t="s">
        <v>1522</v>
      </c>
      <c r="S13726" s="5" t="s">
        <v>1523</v>
      </c>
      <c r="T13726" s="5" t="s">
        <v>42</v>
      </c>
      <c r="U13726" s="2">
        <v>1.31</v>
      </c>
      <c r="V13726" s="2">
        <v>0.81</v>
      </c>
      <c r="W13726" s="2">
        <v>1.4999999999999999E-2</v>
      </c>
      <c r="X13726" s="2">
        <v>118.9</v>
      </c>
      <c r="Y13726" s="2">
        <v>7.6</v>
      </c>
      <c r="Z13726" s="2">
        <v>16.7</v>
      </c>
      <c r="AA13726" s="5"/>
      <c r="AB13726" s="5" t="s">
        <v>43</v>
      </c>
      <c r="AC13726" s="5" t="s">
        <v>44</v>
      </c>
      <c r="AD13726" s="2"/>
      <c r="AE13726" s="1"/>
    </row>
    <row r="13727" spans="1:31" ht="14.45">
      <c r="A13727" s="11"/>
      <c r="B13727" s="20"/>
      <c r="C13727" s="2" t="s">
        <v>42132</v>
      </c>
      <c r="D13727" s="14" t="s">
        <v>42133</v>
      </c>
      <c r="E13727" s="2" t="s">
        <v>42134</v>
      </c>
      <c r="F13727" s="2" t="s">
        <v>7208</v>
      </c>
      <c r="G13727" s="8">
        <v>137</v>
      </c>
      <c r="H13727" s="5">
        <v>6</v>
      </c>
      <c r="I13727" s="5" t="s">
        <v>1518</v>
      </c>
      <c r="J13727" s="5" t="s">
        <v>40939</v>
      </c>
      <c r="K13727" s="2" t="s">
        <v>40940</v>
      </c>
      <c r="L13727" s="5" t="s">
        <v>40939</v>
      </c>
      <c r="M13727" s="2" t="s">
        <v>40940</v>
      </c>
      <c r="N13727" s="5" t="s">
        <v>36266</v>
      </c>
      <c r="O13727" s="5" t="s">
        <v>38</v>
      </c>
      <c r="P13727" s="5" t="s">
        <v>39</v>
      </c>
      <c r="Q13727" s="5" t="s">
        <v>40</v>
      </c>
      <c r="R13727" s="5" t="s">
        <v>1522</v>
      </c>
      <c r="S13727" s="5" t="s">
        <v>1523</v>
      </c>
      <c r="T13727" s="5" t="s">
        <v>42</v>
      </c>
      <c r="U13727" s="2">
        <v>1.3069999999999999</v>
      </c>
      <c r="V13727" s="2">
        <v>0.80700000000000005</v>
      </c>
      <c r="W13727" s="2">
        <v>1.4999999999999999E-2</v>
      </c>
      <c r="X13727" s="2">
        <v>118.9</v>
      </c>
      <c r="Y13727" s="2">
        <v>7.6</v>
      </c>
      <c r="Z13727" s="2">
        <v>16.7</v>
      </c>
      <c r="AA13727" s="5"/>
      <c r="AB13727" s="5" t="s">
        <v>43</v>
      </c>
      <c r="AC13727" s="5" t="s">
        <v>44</v>
      </c>
      <c r="AD13727" s="2"/>
      <c r="AE13727" s="1"/>
    </row>
    <row r="13728" spans="1:31" ht="14.45">
      <c r="A13728" s="11"/>
      <c r="B13728" s="20"/>
      <c r="C13728" s="2" t="s">
        <v>42135</v>
      </c>
      <c r="D13728" s="14" t="s">
        <v>42136</v>
      </c>
      <c r="E13728" s="2" t="s">
        <v>42137</v>
      </c>
      <c r="F13728" s="2" t="s">
        <v>7521</v>
      </c>
      <c r="G13728" s="8">
        <v>137</v>
      </c>
      <c r="H13728" s="5">
        <v>6</v>
      </c>
      <c r="I13728" s="5" t="s">
        <v>1518</v>
      </c>
      <c r="J13728" s="5" t="s">
        <v>40939</v>
      </c>
      <c r="K13728" s="2" t="s">
        <v>40940</v>
      </c>
      <c r="L13728" s="5" t="s">
        <v>40939</v>
      </c>
      <c r="M13728" s="2" t="s">
        <v>40940</v>
      </c>
      <c r="N13728" s="5" t="s">
        <v>36266</v>
      </c>
      <c r="O13728" s="5" t="s">
        <v>38</v>
      </c>
      <c r="P13728" s="5" t="s">
        <v>39</v>
      </c>
      <c r="Q13728" s="5" t="s">
        <v>40</v>
      </c>
      <c r="R13728" s="5" t="s">
        <v>1522</v>
      </c>
      <c r="S13728" s="5" t="s">
        <v>1523</v>
      </c>
      <c r="T13728" s="5" t="s">
        <v>42</v>
      </c>
      <c r="U13728" s="2">
        <v>1.3160000000000001</v>
      </c>
      <c r="V13728" s="2">
        <v>0.81599999999999995</v>
      </c>
      <c r="W13728" s="2">
        <v>1.4999999999999999E-2</v>
      </c>
      <c r="X13728" s="2">
        <v>118.9</v>
      </c>
      <c r="Y13728" s="2">
        <v>7.6</v>
      </c>
      <c r="Z13728" s="2">
        <v>16.7</v>
      </c>
      <c r="AA13728" s="5"/>
      <c r="AB13728" s="5" t="s">
        <v>43</v>
      </c>
      <c r="AC13728" s="5" t="s">
        <v>44</v>
      </c>
      <c r="AD13728" s="2"/>
      <c r="AE13728" s="1"/>
    </row>
    <row r="13729" spans="1:31" ht="14.45">
      <c r="A13729" s="11"/>
      <c r="B13729" s="20"/>
      <c r="C13729" s="2" t="s">
        <v>42138</v>
      </c>
      <c r="D13729" s="14" t="s">
        <v>42139</v>
      </c>
      <c r="E13729" s="2" t="s">
        <v>42140</v>
      </c>
      <c r="F13729" s="2" t="s">
        <v>36273</v>
      </c>
      <c r="G13729" s="8">
        <v>137</v>
      </c>
      <c r="H13729" s="5">
        <v>6</v>
      </c>
      <c r="I13729" s="5" t="s">
        <v>1518</v>
      </c>
      <c r="J13729" s="5" t="s">
        <v>40939</v>
      </c>
      <c r="K13729" s="2" t="s">
        <v>40940</v>
      </c>
      <c r="L13729" s="5" t="s">
        <v>40939</v>
      </c>
      <c r="M13729" s="2" t="s">
        <v>40940</v>
      </c>
      <c r="N13729" s="5" t="s">
        <v>36266</v>
      </c>
      <c r="O13729" s="5" t="s">
        <v>38</v>
      </c>
      <c r="P13729" s="5" t="s">
        <v>39</v>
      </c>
      <c r="Q13729" s="5" t="s">
        <v>40</v>
      </c>
      <c r="R13729" s="5" t="s">
        <v>1522</v>
      </c>
      <c r="S13729" s="5" t="s">
        <v>1523</v>
      </c>
      <c r="T13729" s="5" t="s">
        <v>42</v>
      </c>
      <c r="U13729" s="2">
        <v>1.321</v>
      </c>
      <c r="V13729" s="2">
        <v>0.82099999999999995</v>
      </c>
      <c r="W13729" s="2">
        <v>1.4999999999999999E-2</v>
      </c>
      <c r="X13729" s="2">
        <v>118.9</v>
      </c>
      <c r="Y13729" s="2">
        <v>7.6</v>
      </c>
      <c r="Z13729" s="2">
        <v>16.7</v>
      </c>
      <c r="AA13729" s="5"/>
      <c r="AB13729" s="5" t="s">
        <v>43</v>
      </c>
      <c r="AC13729" s="5" t="s">
        <v>44</v>
      </c>
      <c r="AD13729" s="2"/>
      <c r="AE13729" s="1"/>
    </row>
    <row r="13730" spans="1:31" ht="14.45">
      <c r="A13730" s="11"/>
      <c r="B13730" s="20"/>
      <c r="C13730" s="2" t="s">
        <v>42141</v>
      </c>
      <c r="D13730" s="14" t="s">
        <v>42142</v>
      </c>
      <c r="E13730" s="2" t="s">
        <v>42143</v>
      </c>
      <c r="F13730" s="2" t="s">
        <v>36277</v>
      </c>
      <c r="G13730" s="8">
        <v>137</v>
      </c>
      <c r="H13730" s="5">
        <v>6</v>
      </c>
      <c r="I13730" s="5" t="s">
        <v>1518</v>
      </c>
      <c r="J13730" s="5" t="s">
        <v>40939</v>
      </c>
      <c r="K13730" s="2" t="s">
        <v>40940</v>
      </c>
      <c r="L13730" s="5" t="s">
        <v>40939</v>
      </c>
      <c r="M13730" s="2" t="s">
        <v>40940</v>
      </c>
      <c r="N13730" s="5" t="s">
        <v>36266</v>
      </c>
      <c r="O13730" s="5" t="s">
        <v>38</v>
      </c>
      <c r="P13730" s="5" t="s">
        <v>39</v>
      </c>
      <c r="Q13730" s="5" t="s">
        <v>40</v>
      </c>
      <c r="R13730" s="5" t="s">
        <v>1522</v>
      </c>
      <c r="S13730" s="5" t="s">
        <v>1523</v>
      </c>
      <c r="T13730" s="5" t="s">
        <v>42</v>
      </c>
      <c r="U13730" s="2">
        <v>1.33</v>
      </c>
      <c r="V13730" s="2">
        <v>0.83</v>
      </c>
      <c r="W13730" s="2">
        <v>1.4999999999999999E-2</v>
      </c>
      <c r="X13730" s="2">
        <v>118.9</v>
      </c>
      <c r="Y13730" s="2">
        <v>7.6</v>
      </c>
      <c r="Z13730" s="2">
        <v>16.7</v>
      </c>
      <c r="AA13730" s="5"/>
      <c r="AB13730" s="5" t="s">
        <v>43</v>
      </c>
      <c r="AC13730" s="5" t="s">
        <v>44</v>
      </c>
      <c r="AD13730" s="2"/>
      <c r="AE13730" s="1"/>
    </row>
    <row r="13731" spans="1:31" ht="14.45">
      <c r="A13731" s="11"/>
      <c r="B13731" s="20"/>
      <c r="C13731" s="2" t="s">
        <v>42144</v>
      </c>
      <c r="D13731" s="14" t="s">
        <v>42145</v>
      </c>
      <c r="E13731" s="2" t="s">
        <v>42146</v>
      </c>
      <c r="F13731" s="2" t="s">
        <v>40967</v>
      </c>
      <c r="G13731" s="8">
        <v>157</v>
      </c>
      <c r="H13731" s="5">
        <v>6</v>
      </c>
      <c r="I13731" s="5" t="s">
        <v>1518</v>
      </c>
      <c r="J13731" s="5" t="s">
        <v>40939</v>
      </c>
      <c r="K13731" s="2" t="s">
        <v>40940</v>
      </c>
      <c r="L13731" s="5" t="s">
        <v>40939</v>
      </c>
      <c r="M13731" s="2" t="s">
        <v>40940</v>
      </c>
      <c r="N13731" s="5" t="s">
        <v>36266</v>
      </c>
      <c r="O13731" s="5" t="s">
        <v>38</v>
      </c>
      <c r="P13731" s="5" t="s">
        <v>39</v>
      </c>
      <c r="Q13731" s="5" t="s">
        <v>40</v>
      </c>
      <c r="R13731" s="5" t="s">
        <v>1522</v>
      </c>
      <c r="S13731" s="5" t="s">
        <v>1523</v>
      </c>
      <c r="T13731" s="5" t="s">
        <v>42</v>
      </c>
      <c r="U13731" s="2">
        <v>1.3069999999999999</v>
      </c>
      <c r="V13731" s="2">
        <v>0.80700000000000005</v>
      </c>
      <c r="W13731" s="2">
        <v>1.4999999999999999E-2</v>
      </c>
      <c r="X13731" s="2">
        <v>118.9</v>
      </c>
      <c r="Y13731" s="2">
        <v>7.6</v>
      </c>
      <c r="Z13731" s="2">
        <v>16.7</v>
      </c>
      <c r="AA13731" s="5"/>
      <c r="AB13731" s="5" t="s">
        <v>43</v>
      </c>
      <c r="AC13731" s="5" t="s">
        <v>44</v>
      </c>
      <c r="AD13731" s="2"/>
      <c r="AE13731" s="1"/>
    </row>
    <row r="13732" spans="1:31" ht="14.45">
      <c r="A13732" s="11"/>
      <c r="B13732" s="20"/>
      <c r="C13732" s="2" t="s">
        <v>42147</v>
      </c>
      <c r="D13732" s="14" t="s">
        <v>42148</v>
      </c>
      <c r="E13732" s="2" t="s">
        <v>42149</v>
      </c>
      <c r="F13732" s="2" t="s">
        <v>40971</v>
      </c>
      <c r="G13732" s="8">
        <v>157</v>
      </c>
      <c r="H13732" s="5">
        <v>6</v>
      </c>
      <c r="I13732" s="5" t="s">
        <v>1518</v>
      </c>
      <c r="J13732" s="5" t="s">
        <v>40939</v>
      </c>
      <c r="K13732" s="2" t="s">
        <v>40940</v>
      </c>
      <c r="L13732" s="5" t="s">
        <v>40939</v>
      </c>
      <c r="M13732" s="2" t="s">
        <v>40940</v>
      </c>
      <c r="N13732" s="5" t="s">
        <v>36266</v>
      </c>
      <c r="O13732" s="5" t="s">
        <v>38</v>
      </c>
      <c r="P13732" s="5" t="s">
        <v>39</v>
      </c>
      <c r="Q13732" s="5" t="s">
        <v>40</v>
      </c>
      <c r="R13732" s="5" t="s">
        <v>1522</v>
      </c>
      <c r="S13732" s="5" t="s">
        <v>1523</v>
      </c>
      <c r="T13732" s="5" t="s">
        <v>42</v>
      </c>
      <c r="U13732" s="2">
        <v>1.3160000000000001</v>
      </c>
      <c r="V13732" s="2">
        <v>0.81599999999999995</v>
      </c>
      <c r="W13732" s="2">
        <v>1.4999999999999999E-2</v>
      </c>
      <c r="X13732" s="2">
        <v>118.9</v>
      </c>
      <c r="Y13732" s="2">
        <v>7.6</v>
      </c>
      <c r="Z13732" s="2">
        <v>16.7</v>
      </c>
      <c r="AA13732" s="5"/>
      <c r="AB13732" s="5" t="s">
        <v>43</v>
      </c>
      <c r="AC13732" s="5" t="s">
        <v>44</v>
      </c>
      <c r="AD13732" s="2"/>
      <c r="AE13732" s="1"/>
    </row>
    <row r="13733" spans="1:31" ht="14.45">
      <c r="A13733" s="11"/>
      <c r="B13733" s="20"/>
      <c r="C13733" s="2" t="s">
        <v>42150</v>
      </c>
      <c r="D13733" s="14" t="s">
        <v>42151</v>
      </c>
      <c r="E13733" s="2" t="s">
        <v>42152</v>
      </c>
      <c r="F13733" s="2" t="s">
        <v>40975</v>
      </c>
      <c r="G13733" s="8">
        <v>157</v>
      </c>
      <c r="H13733" s="5">
        <v>6</v>
      </c>
      <c r="I13733" s="5" t="s">
        <v>1518</v>
      </c>
      <c r="J13733" s="5" t="s">
        <v>40939</v>
      </c>
      <c r="K13733" s="2" t="s">
        <v>40940</v>
      </c>
      <c r="L13733" s="5" t="s">
        <v>40939</v>
      </c>
      <c r="M13733" s="2" t="s">
        <v>40940</v>
      </c>
      <c r="N13733" s="5" t="s">
        <v>36266</v>
      </c>
      <c r="O13733" s="5" t="s">
        <v>38</v>
      </c>
      <c r="P13733" s="5" t="s">
        <v>39</v>
      </c>
      <c r="Q13733" s="5" t="s">
        <v>40</v>
      </c>
      <c r="R13733" s="5" t="s">
        <v>1522</v>
      </c>
      <c r="S13733" s="5" t="s">
        <v>1523</v>
      </c>
      <c r="T13733" s="5" t="s">
        <v>42</v>
      </c>
      <c r="U13733" s="2">
        <v>1.3069999999999999</v>
      </c>
      <c r="V13733" s="2">
        <v>0.80700000000000005</v>
      </c>
      <c r="W13733" s="2">
        <v>1.4999999999999999E-2</v>
      </c>
      <c r="X13733" s="2">
        <v>118.9</v>
      </c>
      <c r="Y13733" s="2">
        <v>7.6</v>
      </c>
      <c r="Z13733" s="2">
        <v>16.7</v>
      </c>
      <c r="AA13733" s="5"/>
      <c r="AB13733" s="5" t="s">
        <v>43</v>
      </c>
      <c r="AC13733" s="5" t="s">
        <v>44</v>
      </c>
      <c r="AD13733" s="2"/>
      <c r="AE13733" s="1"/>
    </row>
    <row r="13734" spans="1:31" ht="14.45">
      <c r="A13734" s="11"/>
      <c r="B13734" s="20"/>
      <c r="C13734" s="2" t="s">
        <v>42153</v>
      </c>
      <c r="D13734" s="14" t="s">
        <v>42154</v>
      </c>
      <c r="E13734" s="2" t="s">
        <v>42155</v>
      </c>
      <c r="F13734" s="2" t="s">
        <v>40979</v>
      </c>
      <c r="G13734" s="8">
        <v>157</v>
      </c>
      <c r="H13734" s="5">
        <v>6</v>
      </c>
      <c r="I13734" s="5" t="s">
        <v>1518</v>
      </c>
      <c r="J13734" s="5" t="s">
        <v>40939</v>
      </c>
      <c r="K13734" s="2" t="s">
        <v>40940</v>
      </c>
      <c r="L13734" s="5" t="s">
        <v>40939</v>
      </c>
      <c r="M13734" s="2" t="s">
        <v>40940</v>
      </c>
      <c r="N13734" s="5" t="s">
        <v>36266</v>
      </c>
      <c r="O13734" s="5" t="s">
        <v>38</v>
      </c>
      <c r="P13734" s="5" t="s">
        <v>39</v>
      </c>
      <c r="Q13734" s="5" t="s">
        <v>40</v>
      </c>
      <c r="R13734" s="5" t="s">
        <v>1522</v>
      </c>
      <c r="S13734" s="5" t="s">
        <v>1523</v>
      </c>
      <c r="T13734" s="5" t="s">
        <v>42</v>
      </c>
      <c r="U13734" s="2">
        <v>1.3160000000000001</v>
      </c>
      <c r="V13734" s="2">
        <v>0.81599999999999995</v>
      </c>
      <c r="W13734" s="2">
        <v>1.4999999999999999E-2</v>
      </c>
      <c r="X13734" s="2">
        <v>118.9</v>
      </c>
      <c r="Y13734" s="2">
        <v>7.6</v>
      </c>
      <c r="Z13734" s="2">
        <v>16.7</v>
      </c>
      <c r="AA13734" s="5"/>
      <c r="AB13734" s="5" t="s">
        <v>43</v>
      </c>
      <c r="AC13734" s="5" t="s">
        <v>44</v>
      </c>
      <c r="AD13734" s="2"/>
      <c r="AE13734" s="1"/>
    </row>
    <row r="13735" spans="1:31" ht="14.45">
      <c r="A13735" s="11"/>
      <c r="B13735" s="20"/>
      <c r="C13735" s="2" t="s">
        <v>42156</v>
      </c>
      <c r="D13735" s="14" t="s">
        <v>42157</v>
      </c>
      <c r="E13735" s="2" t="s">
        <v>42158</v>
      </c>
      <c r="F13735" s="2" t="s">
        <v>7539</v>
      </c>
      <c r="G13735" s="8">
        <v>157</v>
      </c>
      <c r="H13735" s="5">
        <v>6</v>
      </c>
      <c r="I13735" s="5" t="s">
        <v>1518</v>
      </c>
      <c r="J13735" s="5" t="s">
        <v>40939</v>
      </c>
      <c r="K13735" s="2" t="s">
        <v>40940</v>
      </c>
      <c r="L13735" s="5" t="s">
        <v>40939</v>
      </c>
      <c r="M13735" s="2" t="s">
        <v>40940</v>
      </c>
      <c r="N13735" s="5" t="s">
        <v>36266</v>
      </c>
      <c r="O13735" s="5" t="s">
        <v>38</v>
      </c>
      <c r="P13735" s="5" t="s">
        <v>39</v>
      </c>
      <c r="Q13735" s="5" t="s">
        <v>40</v>
      </c>
      <c r="R13735" s="5" t="s">
        <v>1522</v>
      </c>
      <c r="S13735" s="5" t="s">
        <v>1523</v>
      </c>
      <c r="T13735" s="5" t="s">
        <v>42</v>
      </c>
      <c r="U13735" s="2">
        <v>1.274</v>
      </c>
      <c r="V13735" s="2">
        <v>0.77400000000000002</v>
      </c>
      <c r="W13735" s="2">
        <v>1.4999999999999999E-2</v>
      </c>
      <c r="X13735" s="2">
        <v>118.9</v>
      </c>
      <c r="Y13735" s="2">
        <v>7.6</v>
      </c>
      <c r="Z13735" s="2">
        <v>16.7</v>
      </c>
      <c r="AA13735" s="5"/>
      <c r="AB13735" s="5" t="s">
        <v>43</v>
      </c>
      <c r="AC13735" s="5" t="s">
        <v>44</v>
      </c>
      <c r="AD13735" s="2"/>
      <c r="AE13735" s="1"/>
    </row>
    <row r="13736" spans="1:31" ht="14.45">
      <c r="A13736" s="11"/>
      <c r="B13736" s="20"/>
      <c r="C13736" s="2" t="s">
        <v>42159</v>
      </c>
      <c r="D13736" s="14" t="s">
        <v>42160</v>
      </c>
      <c r="E13736" s="2" t="s">
        <v>42161</v>
      </c>
      <c r="F13736" s="2" t="s">
        <v>7543</v>
      </c>
      <c r="G13736" s="8">
        <v>157</v>
      </c>
      <c r="H13736" s="5">
        <v>6</v>
      </c>
      <c r="I13736" s="5" t="s">
        <v>1518</v>
      </c>
      <c r="J13736" s="5" t="s">
        <v>40939</v>
      </c>
      <c r="K13736" s="2" t="s">
        <v>40940</v>
      </c>
      <c r="L13736" s="5" t="s">
        <v>40939</v>
      </c>
      <c r="M13736" s="2" t="s">
        <v>40940</v>
      </c>
      <c r="N13736" s="5" t="s">
        <v>36266</v>
      </c>
      <c r="O13736" s="5" t="s">
        <v>38</v>
      </c>
      <c r="P13736" s="5" t="s">
        <v>39</v>
      </c>
      <c r="Q13736" s="5" t="s">
        <v>40</v>
      </c>
      <c r="R13736" s="5" t="s">
        <v>1522</v>
      </c>
      <c r="S13736" s="5" t="s">
        <v>1523</v>
      </c>
      <c r="T13736" s="5" t="s">
        <v>42</v>
      </c>
      <c r="U13736" s="2">
        <v>1.2829999999999999</v>
      </c>
      <c r="V13736" s="2">
        <v>0.78300000000000003</v>
      </c>
      <c r="W13736" s="2">
        <v>1.4999999999999999E-2</v>
      </c>
      <c r="X13736" s="2">
        <v>118.9</v>
      </c>
      <c r="Y13736" s="2">
        <v>7.6</v>
      </c>
      <c r="Z13736" s="2">
        <v>16.7</v>
      </c>
      <c r="AA13736" s="5"/>
      <c r="AB13736" s="5" t="s">
        <v>43</v>
      </c>
      <c r="AC13736" s="5" t="s">
        <v>44</v>
      </c>
      <c r="AD13736" s="2"/>
      <c r="AE13736" s="1"/>
    </row>
    <row r="13737" spans="1:31" ht="14.45">
      <c r="A13737" s="11"/>
      <c r="B13737" s="20"/>
      <c r="C13737" s="2" t="s">
        <v>42162</v>
      </c>
      <c r="D13737" s="14" t="s">
        <v>42163</v>
      </c>
      <c r="E13737" s="2" t="s">
        <v>42164</v>
      </c>
      <c r="F13737" s="2" t="s">
        <v>40989</v>
      </c>
      <c r="G13737" s="8">
        <v>157</v>
      </c>
      <c r="H13737" s="5">
        <v>6</v>
      </c>
      <c r="I13737" s="5" t="s">
        <v>1518</v>
      </c>
      <c r="J13737" s="5" t="s">
        <v>40939</v>
      </c>
      <c r="K13737" s="2" t="s">
        <v>40940</v>
      </c>
      <c r="L13737" s="5" t="s">
        <v>40939</v>
      </c>
      <c r="M13737" s="2" t="s">
        <v>40940</v>
      </c>
      <c r="N13737" s="5" t="s">
        <v>36266</v>
      </c>
      <c r="O13737" s="5" t="s">
        <v>38</v>
      </c>
      <c r="P13737" s="5" t="s">
        <v>39</v>
      </c>
      <c r="Q13737" s="5" t="s">
        <v>40</v>
      </c>
      <c r="R13737" s="5" t="s">
        <v>1522</v>
      </c>
      <c r="S13737" s="5" t="s">
        <v>1523</v>
      </c>
      <c r="T13737" s="5" t="s">
        <v>42</v>
      </c>
      <c r="U13737" s="2">
        <v>1.3069999999999999</v>
      </c>
      <c r="V13737" s="2">
        <v>0.80700000000000005</v>
      </c>
      <c r="W13737" s="2">
        <v>1.4999999999999999E-2</v>
      </c>
      <c r="X13737" s="2">
        <v>118.9</v>
      </c>
      <c r="Y13737" s="2">
        <v>7.6</v>
      </c>
      <c r="Z13737" s="2">
        <v>16.7</v>
      </c>
      <c r="AA13737" s="5"/>
      <c r="AB13737" s="5" t="s">
        <v>43</v>
      </c>
      <c r="AC13737" s="5" t="s">
        <v>44</v>
      </c>
      <c r="AD13737" s="2"/>
      <c r="AE13737" s="1"/>
    </row>
    <row r="13738" spans="1:31" ht="14.45">
      <c r="A13738" s="11"/>
      <c r="B13738" s="20"/>
      <c r="C13738" s="2" t="s">
        <v>42165</v>
      </c>
      <c r="D13738" s="14" t="s">
        <v>42166</v>
      </c>
      <c r="E13738" s="2" t="s">
        <v>42167</v>
      </c>
      <c r="F13738" s="2" t="s">
        <v>40993</v>
      </c>
      <c r="G13738" s="8">
        <v>157</v>
      </c>
      <c r="H13738" s="5">
        <v>6</v>
      </c>
      <c r="I13738" s="5" t="s">
        <v>1518</v>
      </c>
      <c r="J13738" s="5" t="s">
        <v>40939</v>
      </c>
      <c r="K13738" s="2" t="s">
        <v>40940</v>
      </c>
      <c r="L13738" s="5" t="s">
        <v>40939</v>
      </c>
      <c r="M13738" s="2" t="s">
        <v>40940</v>
      </c>
      <c r="N13738" s="5" t="s">
        <v>36266</v>
      </c>
      <c r="O13738" s="5" t="s">
        <v>38</v>
      </c>
      <c r="P13738" s="5" t="s">
        <v>39</v>
      </c>
      <c r="Q13738" s="5" t="s">
        <v>40</v>
      </c>
      <c r="R13738" s="5" t="s">
        <v>1522</v>
      </c>
      <c r="S13738" s="5" t="s">
        <v>1523</v>
      </c>
      <c r="T13738" s="5" t="s">
        <v>42</v>
      </c>
      <c r="U13738" s="2">
        <v>1.3160000000000001</v>
      </c>
      <c r="V13738" s="2">
        <v>0.81599999999999995</v>
      </c>
      <c r="W13738" s="2">
        <v>1.4999999999999999E-2</v>
      </c>
      <c r="X13738" s="2">
        <v>118.9</v>
      </c>
      <c r="Y13738" s="2">
        <v>7.6</v>
      </c>
      <c r="Z13738" s="2">
        <v>16.7</v>
      </c>
      <c r="AA13738" s="5"/>
      <c r="AB13738" s="5" t="s">
        <v>43</v>
      </c>
      <c r="AC13738" s="5" t="s">
        <v>44</v>
      </c>
      <c r="AD13738" s="2"/>
      <c r="AE13738" s="1"/>
    </row>
    <row r="13739" spans="1:31" ht="14.45">
      <c r="A13739" s="11"/>
      <c r="B13739" s="20"/>
      <c r="C13739" s="2" t="s">
        <v>42168</v>
      </c>
      <c r="D13739" s="14" t="s">
        <v>42169</v>
      </c>
      <c r="E13739" s="2" t="s">
        <v>42170</v>
      </c>
      <c r="F13739" s="2" t="s">
        <v>40997</v>
      </c>
      <c r="G13739" s="8">
        <v>157</v>
      </c>
      <c r="H13739" s="5">
        <v>6</v>
      </c>
      <c r="I13739" s="5" t="s">
        <v>1518</v>
      </c>
      <c r="J13739" s="5" t="s">
        <v>40939</v>
      </c>
      <c r="K13739" s="2" t="s">
        <v>40940</v>
      </c>
      <c r="L13739" s="5" t="s">
        <v>40939</v>
      </c>
      <c r="M13739" s="2" t="s">
        <v>40940</v>
      </c>
      <c r="N13739" s="5" t="s">
        <v>36266</v>
      </c>
      <c r="O13739" s="5" t="s">
        <v>38</v>
      </c>
      <c r="P13739" s="5" t="s">
        <v>39</v>
      </c>
      <c r="Q13739" s="5" t="s">
        <v>40</v>
      </c>
      <c r="R13739" s="5" t="s">
        <v>1522</v>
      </c>
      <c r="S13739" s="5" t="s">
        <v>1523</v>
      </c>
      <c r="T13739" s="5" t="s">
        <v>42</v>
      </c>
      <c r="U13739" s="2">
        <v>1.2809999999999999</v>
      </c>
      <c r="V13739" s="2">
        <v>0.78100000000000003</v>
      </c>
      <c r="W13739" s="2">
        <v>1.4999999999999999E-2</v>
      </c>
      <c r="X13739" s="2">
        <v>118.9</v>
      </c>
      <c r="Y13739" s="2">
        <v>7.6</v>
      </c>
      <c r="Z13739" s="2">
        <v>16.7</v>
      </c>
      <c r="AA13739" s="5"/>
      <c r="AB13739" s="5" t="s">
        <v>43</v>
      </c>
      <c r="AC13739" s="5" t="s">
        <v>44</v>
      </c>
      <c r="AD13739" s="2"/>
      <c r="AE13739" s="1"/>
    </row>
    <row r="13740" spans="1:31" ht="14.45">
      <c r="A13740" s="11"/>
      <c r="B13740" s="20"/>
      <c r="C13740" s="2" t="s">
        <v>42171</v>
      </c>
      <c r="D13740" s="14" t="s">
        <v>42172</v>
      </c>
      <c r="E13740" s="2" t="s">
        <v>42173</v>
      </c>
      <c r="F13740" s="2" t="s">
        <v>41267</v>
      </c>
      <c r="G13740" s="8">
        <v>157</v>
      </c>
      <c r="H13740" s="5">
        <v>6</v>
      </c>
      <c r="I13740" s="5" t="s">
        <v>1518</v>
      </c>
      <c r="J13740" s="5" t="s">
        <v>40939</v>
      </c>
      <c r="K13740" s="2" t="s">
        <v>40940</v>
      </c>
      <c r="L13740" s="5" t="s">
        <v>40939</v>
      </c>
      <c r="M13740" s="2" t="s">
        <v>40940</v>
      </c>
      <c r="N13740" s="5" t="s">
        <v>36266</v>
      </c>
      <c r="O13740" s="5" t="s">
        <v>38</v>
      </c>
      <c r="P13740" s="5" t="s">
        <v>39</v>
      </c>
      <c r="Q13740" s="5" t="s">
        <v>40</v>
      </c>
      <c r="R13740" s="5" t="s">
        <v>1522</v>
      </c>
      <c r="S13740" s="5" t="s">
        <v>1523</v>
      </c>
      <c r="T13740" s="5" t="s">
        <v>42</v>
      </c>
      <c r="U13740" s="2">
        <v>1.29</v>
      </c>
      <c r="V13740" s="2">
        <v>0.79</v>
      </c>
      <c r="W13740" s="2">
        <v>1.4999999999999999E-2</v>
      </c>
      <c r="X13740" s="2">
        <v>118.9</v>
      </c>
      <c r="Y13740" s="2">
        <v>7.6</v>
      </c>
      <c r="Z13740" s="2">
        <v>16.7</v>
      </c>
      <c r="AA13740" s="5"/>
      <c r="AB13740" s="5" t="s">
        <v>43</v>
      </c>
      <c r="AC13740" s="5" t="s">
        <v>44</v>
      </c>
      <c r="AD13740" s="2"/>
      <c r="AE13740" s="1"/>
    </row>
    <row r="13741" spans="1:31" ht="14.45">
      <c r="A13741" s="11"/>
      <c r="B13741" s="20"/>
      <c r="C13741" s="2" t="s">
        <v>42174</v>
      </c>
      <c r="D13741" s="14" t="s">
        <v>42175</v>
      </c>
      <c r="E13741" s="2" t="s">
        <v>42176</v>
      </c>
      <c r="F13741" s="2" t="s">
        <v>41001</v>
      </c>
      <c r="G13741" s="8">
        <v>157</v>
      </c>
      <c r="H13741" s="5">
        <v>6</v>
      </c>
      <c r="I13741" s="5" t="s">
        <v>1518</v>
      </c>
      <c r="J13741" s="5" t="s">
        <v>40939</v>
      </c>
      <c r="K13741" s="2" t="s">
        <v>40940</v>
      </c>
      <c r="L13741" s="5" t="s">
        <v>40939</v>
      </c>
      <c r="M13741" s="2" t="s">
        <v>40940</v>
      </c>
      <c r="N13741" s="5" t="s">
        <v>36266</v>
      </c>
      <c r="O13741" s="5" t="s">
        <v>38</v>
      </c>
      <c r="P13741" s="5" t="s">
        <v>39</v>
      </c>
      <c r="Q13741" s="5" t="s">
        <v>40</v>
      </c>
      <c r="R13741" s="5" t="s">
        <v>1522</v>
      </c>
      <c r="S13741" s="5" t="s">
        <v>1523</v>
      </c>
      <c r="T13741" s="5" t="s">
        <v>42</v>
      </c>
      <c r="U13741" s="2">
        <v>1.3069999999999999</v>
      </c>
      <c r="V13741" s="2">
        <v>0.80700000000000005</v>
      </c>
      <c r="W13741" s="2">
        <v>1.4999999999999999E-2</v>
      </c>
      <c r="X13741" s="2">
        <v>118.9</v>
      </c>
      <c r="Y13741" s="2">
        <v>7.6</v>
      </c>
      <c r="Z13741" s="2">
        <v>16.7</v>
      </c>
      <c r="AA13741" s="5"/>
      <c r="AB13741" s="5" t="s">
        <v>43</v>
      </c>
      <c r="AC13741" s="5" t="s">
        <v>44</v>
      </c>
      <c r="AD13741" s="2"/>
      <c r="AE13741" s="1"/>
    </row>
    <row r="13742" spans="1:31" ht="14.45">
      <c r="A13742" s="11"/>
      <c r="B13742" s="20"/>
      <c r="C13742" s="2" t="s">
        <v>42177</v>
      </c>
      <c r="D13742" s="14" t="s">
        <v>42178</v>
      </c>
      <c r="E13742" s="2" t="s">
        <v>42179</v>
      </c>
      <c r="F13742" s="2" t="s">
        <v>41005</v>
      </c>
      <c r="G13742" s="8">
        <v>157</v>
      </c>
      <c r="H13742" s="5">
        <v>6</v>
      </c>
      <c r="I13742" s="5" t="s">
        <v>1518</v>
      </c>
      <c r="J13742" s="5" t="s">
        <v>40939</v>
      </c>
      <c r="K13742" s="2" t="s">
        <v>40940</v>
      </c>
      <c r="L13742" s="5" t="s">
        <v>40939</v>
      </c>
      <c r="M13742" s="2" t="s">
        <v>40940</v>
      </c>
      <c r="N13742" s="5" t="s">
        <v>36266</v>
      </c>
      <c r="O13742" s="5" t="s">
        <v>38</v>
      </c>
      <c r="P13742" s="5" t="s">
        <v>39</v>
      </c>
      <c r="Q13742" s="5" t="s">
        <v>40</v>
      </c>
      <c r="R13742" s="5" t="s">
        <v>1522</v>
      </c>
      <c r="S13742" s="5" t="s">
        <v>1523</v>
      </c>
      <c r="T13742" s="5" t="s">
        <v>42</v>
      </c>
      <c r="U13742" s="2">
        <v>1.3160000000000001</v>
      </c>
      <c r="V13742" s="2">
        <v>0.81599999999999995</v>
      </c>
      <c r="W13742" s="2">
        <v>1.4999999999999999E-2</v>
      </c>
      <c r="X13742" s="2">
        <v>118.9</v>
      </c>
      <c r="Y13742" s="2">
        <v>7.6</v>
      </c>
      <c r="Z13742" s="2">
        <v>16.7</v>
      </c>
      <c r="AA13742" s="5"/>
      <c r="AB13742" s="5" t="s">
        <v>43</v>
      </c>
      <c r="AC13742" s="5" t="s">
        <v>44</v>
      </c>
      <c r="AD13742" s="2"/>
      <c r="AE13742" s="1"/>
    </row>
    <row r="13743" spans="1:31" ht="14.45">
      <c r="A13743" s="11"/>
      <c r="B13743" s="20"/>
      <c r="C13743" s="2" t="s">
        <v>42180</v>
      </c>
      <c r="D13743" s="14" t="s">
        <v>42181</v>
      </c>
      <c r="E13743" s="2" t="s">
        <v>42182</v>
      </c>
      <c r="F13743" s="2" t="s">
        <v>41009</v>
      </c>
      <c r="G13743" s="8">
        <v>157</v>
      </c>
      <c r="H13743" s="5">
        <v>6</v>
      </c>
      <c r="I13743" s="5" t="s">
        <v>1518</v>
      </c>
      <c r="J13743" s="5" t="s">
        <v>40939</v>
      </c>
      <c r="K13743" s="2" t="s">
        <v>40940</v>
      </c>
      <c r="L13743" s="5" t="s">
        <v>40939</v>
      </c>
      <c r="M13743" s="2" t="s">
        <v>40940</v>
      </c>
      <c r="N13743" s="5" t="s">
        <v>36266</v>
      </c>
      <c r="O13743" s="5" t="s">
        <v>38</v>
      </c>
      <c r="P13743" s="5" t="s">
        <v>39</v>
      </c>
      <c r="Q13743" s="5" t="s">
        <v>40</v>
      </c>
      <c r="R13743" s="5" t="s">
        <v>1522</v>
      </c>
      <c r="S13743" s="5" t="s">
        <v>1523</v>
      </c>
      <c r="T13743" s="5" t="s">
        <v>42</v>
      </c>
      <c r="U13743" s="2">
        <v>1.3140000000000001</v>
      </c>
      <c r="V13743" s="2">
        <v>0.81399999999999995</v>
      </c>
      <c r="W13743" s="2">
        <v>1.4999999999999999E-2</v>
      </c>
      <c r="X13743" s="2">
        <v>118.9</v>
      </c>
      <c r="Y13743" s="2">
        <v>7.6</v>
      </c>
      <c r="Z13743" s="2">
        <v>16.7</v>
      </c>
      <c r="AA13743" s="5"/>
      <c r="AB13743" s="5" t="s">
        <v>43</v>
      </c>
      <c r="AC13743" s="5" t="s">
        <v>44</v>
      </c>
      <c r="AD13743" s="2"/>
      <c r="AE13743" s="1"/>
    </row>
    <row r="13744" spans="1:31" ht="14.45">
      <c r="A13744" s="11"/>
      <c r="B13744" s="20"/>
      <c r="C13744" s="2" t="s">
        <v>42183</v>
      </c>
      <c r="D13744" s="14" t="s">
        <v>42184</v>
      </c>
      <c r="E13744" s="2" t="s">
        <v>42185</v>
      </c>
      <c r="F13744" s="2" t="s">
        <v>41013</v>
      </c>
      <c r="G13744" s="8">
        <v>157</v>
      </c>
      <c r="H13744" s="5">
        <v>6</v>
      </c>
      <c r="I13744" s="5" t="s">
        <v>1518</v>
      </c>
      <c r="J13744" s="5" t="s">
        <v>40939</v>
      </c>
      <c r="K13744" s="2" t="s">
        <v>40940</v>
      </c>
      <c r="L13744" s="5" t="s">
        <v>40939</v>
      </c>
      <c r="M13744" s="2" t="s">
        <v>40940</v>
      </c>
      <c r="N13744" s="5" t="s">
        <v>36266</v>
      </c>
      <c r="O13744" s="5" t="s">
        <v>38</v>
      </c>
      <c r="P13744" s="5" t="s">
        <v>39</v>
      </c>
      <c r="Q13744" s="5" t="s">
        <v>40</v>
      </c>
      <c r="R13744" s="5" t="s">
        <v>1522</v>
      </c>
      <c r="S13744" s="5" t="s">
        <v>1523</v>
      </c>
      <c r="T13744" s="5" t="s">
        <v>42</v>
      </c>
      <c r="U13744" s="2">
        <v>1.323</v>
      </c>
      <c r="V13744" s="2">
        <v>0.82299999999999995</v>
      </c>
      <c r="W13744" s="2">
        <v>1.4999999999999999E-2</v>
      </c>
      <c r="X13744" s="2">
        <v>118.9</v>
      </c>
      <c r="Y13744" s="2">
        <v>7.6</v>
      </c>
      <c r="Z13744" s="2">
        <v>16.7</v>
      </c>
      <c r="AA13744" s="5"/>
      <c r="AB13744" s="5" t="s">
        <v>43</v>
      </c>
      <c r="AC13744" s="5" t="s">
        <v>44</v>
      </c>
      <c r="AD13744" s="2"/>
      <c r="AE13744" s="1"/>
    </row>
    <row r="13745" spans="1:31" ht="14.45">
      <c r="A13745" s="11"/>
      <c r="B13745" s="20"/>
      <c r="C13745" s="2" t="s">
        <v>42186</v>
      </c>
      <c r="D13745" s="14" t="s">
        <v>42187</v>
      </c>
      <c r="E13745" s="2" t="s">
        <v>42188</v>
      </c>
      <c r="F13745" s="2" t="s">
        <v>7396</v>
      </c>
      <c r="G13745" s="8">
        <v>137</v>
      </c>
      <c r="H13745" s="5">
        <v>6</v>
      </c>
      <c r="I13745" s="5" t="s">
        <v>1518</v>
      </c>
      <c r="J13745" s="5" t="s">
        <v>40939</v>
      </c>
      <c r="K13745" s="2" t="s">
        <v>40940</v>
      </c>
      <c r="L13745" s="5" t="s">
        <v>40939</v>
      </c>
      <c r="M13745" s="2" t="s">
        <v>40940</v>
      </c>
      <c r="N13745" s="5" t="s">
        <v>36266</v>
      </c>
      <c r="O13745" s="5" t="s">
        <v>38</v>
      </c>
      <c r="P13745" s="5" t="s">
        <v>39</v>
      </c>
      <c r="Q13745" s="5" t="s">
        <v>40</v>
      </c>
      <c r="R13745" s="5" t="s">
        <v>1522</v>
      </c>
      <c r="S13745" s="5" t="s">
        <v>1523</v>
      </c>
      <c r="T13745" s="5" t="s">
        <v>42</v>
      </c>
      <c r="U13745" s="2">
        <v>1.3140000000000001</v>
      </c>
      <c r="V13745" s="2">
        <v>0.81399999999999995</v>
      </c>
      <c r="W13745" s="2">
        <v>1.4999999999999999E-2</v>
      </c>
      <c r="X13745" s="2">
        <v>118.9</v>
      </c>
      <c r="Y13745" s="2">
        <v>7.6</v>
      </c>
      <c r="Z13745" s="2">
        <v>16.7</v>
      </c>
      <c r="AA13745" s="5"/>
      <c r="AB13745" s="5" t="s">
        <v>43</v>
      </c>
      <c r="AC13745" s="5" t="s">
        <v>44</v>
      </c>
      <c r="AD13745" s="2"/>
      <c r="AE13745" s="1"/>
    </row>
    <row r="13746" spans="1:31" ht="14.45">
      <c r="A13746" s="11"/>
      <c r="B13746" s="20"/>
      <c r="C13746" s="2" t="s">
        <v>42189</v>
      </c>
      <c r="D13746" s="14" t="s">
        <v>42190</v>
      </c>
      <c r="E13746" s="2" t="s">
        <v>42191</v>
      </c>
      <c r="F13746" s="2" t="s">
        <v>7507</v>
      </c>
      <c r="G13746" s="8">
        <v>137</v>
      </c>
      <c r="H13746" s="5">
        <v>6</v>
      </c>
      <c r="I13746" s="5" t="s">
        <v>1518</v>
      </c>
      <c r="J13746" s="5" t="s">
        <v>40939</v>
      </c>
      <c r="K13746" s="2" t="s">
        <v>40940</v>
      </c>
      <c r="L13746" s="5" t="s">
        <v>40939</v>
      </c>
      <c r="M13746" s="2" t="s">
        <v>40940</v>
      </c>
      <c r="N13746" s="5" t="s">
        <v>36266</v>
      </c>
      <c r="O13746" s="5" t="s">
        <v>38</v>
      </c>
      <c r="P13746" s="5" t="s">
        <v>39</v>
      </c>
      <c r="Q13746" s="5" t="s">
        <v>40</v>
      </c>
      <c r="R13746" s="5" t="s">
        <v>1522</v>
      </c>
      <c r="S13746" s="5" t="s">
        <v>1523</v>
      </c>
      <c r="T13746" s="5" t="s">
        <v>42</v>
      </c>
      <c r="U13746" s="2">
        <v>1.323</v>
      </c>
      <c r="V13746" s="2">
        <v>0.82299999999999995</v>
      </c>
      <c r="W13746" s="2">
        <v>1.4999999999999999E-2</v>
      </c>
      <c r="X13746" s="2">
        <v>118.9</v>
      </c>
      <c r="Y13746" s="2">
        <v>7.6</v>
      </c>
      <c r="Z13746" s="2">
        <v>16.7</v>
      </c>
      <c r="AA13746" s="5"/>
      <c r="AB13746" s="5" t="s">
        <v>43</v>
      </c>
      <c r="AC13746" s="5" t="s">
        <v>44</v>
      </c>
      <c r="AD13746" s="2"/>
      <c r="AE13746" s="1"/>
    </row>
    <row r="13747" spans="1:31" ht="14.45">
      <c r="A13747" s="11"/>
      <c r="B13747" s="20"/>
      <c r="C13747" s="2" t="s">
        <v>42192</v>
      </c>
      <c r="D13747" s="14" t="s">
        <v>42193</v>
      </c>
      <c r="E13747" s="2" t="s">
        <v>42194</v>
      </c>
      <c r="F13747" s="2" t="s">
        <v>41023</v>
      </c>
      <c r="G13747" s="8">
        <v>157</v>
      </c>
      <c r="H13747" s="5">
        <v>6</v>
      </c>
      <c r="I13747" s="5" t="s">
        <v>1518</v>
      </c>
      <c r="J13747" s="5" t="s">
        <v>40939</v>
      </c>
      <c r="K13747" s="2" t="s">
        <v>40940</v>
      </c>
      <c r="L13747" s="5" t="s">
        <v>40939</v>
      </c>
      <c r="M13747" s="2" t="s">
        <v>40940</v>
      </c>
      <c r="N13747" s="5" t="s">
        <v>36266</v>
      </c>
      <c r="O13747" s="5" t="s">
        <v>38</v>
      </c>
      <c r="P13747" s="5" t="s">
        <v>39</v>
      </c>
      <c r="Q13747" s="5" t="s">
        <v>40</v>
      </c>
      <c r="R13747" s="5" t="s">
        <v>1522</v>
      </c>
      <c r="S13747" s="5" t="s">
        <v>1523</v>
      </c>
      <c r="T13747" s="5" t="s">
        <v>42</v>
      </c>
      <c r="U13747" s="2">
        <v>1.2809999999999999</v>
      </c>
      <c r="V13747" s="2">
        <v>0.78100000000000003</v>
      </c>
      <c r="W13747" s="2">
        <v>1.4999999999999999E-2</v>
      </c>
      <c r="X13747" s="2">
        <v>118.9</v>
      </c>
      <c r="Y13747" s="2">
        <v>7.6</v>
      </c>
      <c r="Z13747" s="2">
        <v>16.7</v>
      </c>
      <c r="AA13747" s="5"/>
      <c r="AB13747" s="5" t="s">
        <v>43</v>
      </c>
      <c r="AC13747" s="5" t="s">
        <v>44</v>
      </c>
      <c r="AD13747" s="2"/>
      <c r="AE13747" s="1"/>
    </row>
    <row r="13748" spans="1:31" ht="14.45">
      <c r="A13748" s="11"/>
      <c r="B13748" s="20"/>
      <c r="C13748" s="2" t="s">
        <v>42195</v>
      </c>
      <c r="D13748" s="14" t="s">
        <v>42196</v>
      </c>
      <c r="E13748" s="2" t="s">
        <v>42197</v>
      </c>
      <c r="F13748" s="2" t="s">
        <v>41027</v>
      </c>
      <c r="G13748" s="8">
        <v>157</v>
      </c>
      <c r="H13748" s="5">
        <v>6</v>
      </c>
      <c r="I13748" s="5" t="s">
        <v>1518</v>
      </c>
      <c r="J13748" s="5" t="s">
        <v>40939</v>
      </c>
      <c r="K13748" s="2" t="s">
        <v>40940</v>
      </c>
      <c r="L13748" s="5" t="s">
        <v>40939</v>
      </c>
      <c r="M13748" s="2" t="s">
        <v>40940</v>
      </c>
      <c r="N13748" s="5" t="s">
        <v>36266</v>
      </c>
      <c r="O13748" s="5" t="s">
        <v>38</v>
      </c>
      <c r="P13748" s="5" t="s">
        <v>39</v>
      </c>
      <c r="Q13748" s="5" t="s">
        <v>40</v>
      </c>
      <c r="R13748" s="5" t="s">
        <v>1522</v>
      </c>
      <c r="S13748" s="5" t="s">
        <v>1523</v>
      </c>
      <c r="T13748" s="5" t="s">
        <v>42</v>
      </c>
      <c r="U13748" s="2">
        <v>1.29</v>
      </c>
      <c r="V13748" s="2">
        <v>0.79</v>
      </c>
      <c r="W13748" s="2">
        <v>1.4999999999999999E-2</v>
      </c>
      <c r="X13748" s="2">
        <v>118.9</v>
      </c>
      <c r="Y13748" s="2">
        <v>7.6</v>
      </c>
      <c r="Z13748" s="2">
        <v>16.7</v>
      </c>
      <c r="AA13748" s="5"/>
      <c r="AB13748" s="5" t="s">
        <v>43</v>
      </c>
      <c r="AC13748" s="5" t="s">
        <v>44</v>
      </c>
      <c r="AD13748" s="2"/>
      <c r="AE13748" s="1"/>
    </row>
    <row r="13749" spans="1:31" ht="14.45">
      <c r="A13749" s="11"/>
      <c r="B13749" s="20"/>
      <c r="C13749" s="2" t="s">
        <v>42198</v>
      </c>
      <c r="D13749" s="14" t="s">
        <v>42199</v>
      </c>
      <c r="E13749" s="2" t="s">
        <v>42200</v>
      </c>
      <c r="F13749" s="2" t="s">
        <v>41031</v>
      </c>
      <c r="G13749" s="8">
        <v>157</v>
      </c>
      <c r="H13749" s="5">
        <v>6</v>
      </c>
      <c r="I13749" s="5" t="s">
        <v>1518</v>
      </c>
      <c r="J13749" s="5" t="s">
        <v>40939</v>
      </c>
      <c r="K13749" s="2" t="s">
        <v>40940</v>
      </c>
      <c r="L13749" s="5" t="s">
        <v>40939</v>
      </c>
      <c r="M13749" s="2" t="s">
        <v>40940</v>
      </c>
      <c r="N13749" s="5" t="s">
        <v>36266</v>
      </c>
      <c r="O13749" s="5" t="s">
        <v>38</v>
      </c>
      <c r="P13749" s="5" t="s">
        <v>39</v>
      </c>
      <c r="Q13749" s="5" t="s">
        <v>40</v>
      </c>
      <c r="R13749" s="5" t="s">
        <v>1522</v>
      </c>
      <c r="S13749" s="5" t="s">
        <v>1523</v>
      </c>
      <c r="T13749" s="5" t="s">
        <v>42</v>
      </c>
      <c r="U13749" s="2">
        <v>1.2809999999999999</v>
      </c>
      <c r="V13749" s="2">
        <v>0.78100000000000003</v>
      </c>
      <c r="W13749" s="2">
        <v>1.4999999999999999E-2</v>
      </c>
      <c r="X13749" s="2">
        <v>118.9</v>
      </c>
      <c r="Y13749" s="2">
        <v>7.6</v>
      </c>
      <c r="Z13749" s="2">
        <v>16.7</v>
      </c>
      <c r="AA13749" s="5"/>
      <c r="AB13749" s="5" t="s">
        <v>43</v>
      </c>
      <c r="AC13749" s="5" t="s">
        <v>44</v>
      </c>
      <c r="AD13749" s="2"/>
      <c r="AE13749" s="1"/>
    </row>
    <row r="13750" spans="1:31" ht="14.45">
      <c r="A13750" s="11"/>
      <c r="B13750" s="20"/>
      <c r="C13750" s="2" t="s">
        <v>42201</v>
      </c>
      <c r="D13750" s="14" t="s">
        <v>42202</v>
      </c>
      <c r="E13750" s="2" t="s">
        <v>42203</v>
      </c>
      <c r="F13750" s="2" t="s">
        <v>41035</v>
      </c>
      <c r="G13750" s="8">
        <v>157</v>
      </c>
      <c r="H13750" s="5">
        <v>6</v>
      </c>
      <c r="I13750" s="5" t="s">
        <v>1518</v>
      </c>
      <c r="J13750" s="5" t="s">
        <v>40939</v>
      </c>
      <c r="K13750" s="2" t="s">
        <v>40940</v>
      </c>
      <c r="L13750" s="5" t="s">
        <v>40939</v>
      </c>
      <c r="M13750" s="2" t="s">
        <v>40940</v>
      </c>
      <c r="N13750" s="5" t="s">
        <v>36266</v>
      </c>
      <c r="O13750" s="5" t="s">
        <v>38</v>
      </c>
      <c r="P13750" s="5" t="s">
        <v>39</v>
      </c>
      <c r="Q13750" s="5" t="s">
        <v>40</v>
      </c>
      <c r="R13750" s="5" t="s">
        <v>1522</v>
      </c>
      <c r="S13750" s="5" t="s">
        <v>1523</v>
      </c>
      <c r="T13750" s="5" t="s">
        <v>42</v>
      </c>
      <c r="U13750" s="2">
        <v>1.29</v>
      </c>
      <c r="V13750" s="2">
        <v>0.79</v>
      </c>
      <c r="W13750" s="2">
        <v>1.4999999999999999E-2</v>
      </c>
      <c r="X13750" s="2">
        <v>118.9</v>
      </c>
      <c r="Y13750" s="2">
        <v>7.6</v>
      </c>
      <c r="Z13750" s="2">
        <v>16.7</v>
      </c>
      <c r="AA13750" s="5"/>
      <c r="AB13750" s="5" t="s">
        <v>43</v>
      </c>
      <c r="AC13750" s="5" t="s">
        <v>44</v>
      </c>
      <c r="AD13750" s="2"/>
      <c r="AE13750" s="1"/>
    </row>
    <row r="13751" spans="1:31" ht="14.45">
      <c r="A13751" s="11"/>
      <c r="B13751" s="20"/>
      <c r="C13751" s="2" t="s">
        <v>42204</v>
      </c>
      <c r="D13751" s="14" t="s">
        <v>42205</v>
      </c>
      <c r="E13751" s="2" t="s">
        <v>42206</v>
      </c>
      <c r="F13751" s="2" t="s">
        <v>7449</v>
      </c>
      <c r="G13751" s="8">
        <v>157</v>
      </c>
      <c r="H13751" s="5">
        <v>6</v>
      </c>
      <c r="I13751" s="5" t="s">
        <v>1518</v>
      </c>
      <c r="J13751" s="5" t="s">
        <v>40939</v>
      </c>
      <c r="K13751" s="2" t="s">
        <v>40940</v>
      </c>
      <c r="L13751" s="5" t="s">
        <v>40939</v>
      </c>
      <c r="M13751" s="2" t="s">
        <v>40940</v>
      </c>
      <c r="N13751" s="5" t="s">
        <v>36266</v>
      </c>
      <c r="O13751" s="5" t="s">
        <v>38</v>
      </c>
      <c r="P13751" s="5" t="s">
        <v>39</v>
      </c>
      <c r="Q13751" s="5" t="s">
        <v>40</v>
      </c>
      <c r="R13751" s="5" t="s">
        <v>1522</v>
      </c>
      <c r="S13751" s="5" t="s">
        <v>1523</v>
      </c>
      <c r="T13751" s="5" t="s">
        <v>42</v>
      </c>
      <c r="U13751" s="2">
        <v>1.2809999999999999</v>
      </c>
      <c r="V13751" s="2">
        <v>0.78100000000000003</v>
      </c>
      <c r="W13751" s="2">
        <v>1.4999999999999999E-2</v>
      </c>
      <c r="X13751" s="2">
        <v>118.9</v>
      </c>
      <c r="Y13751" s="2">
        <v>7.6</v>
      </c>
      <c r="Z13751" s="2">
        <v>16.7</v>
      </c>
      <c r="AA13751" s="5"/>
      <c r="AB13751" s="5" t="s">
        <v>43</v>
      </c>
      <c r="AC13751" s="5" t="s">
        <v>44</v>
      </c>
      <c r="AD13751" s="2"/>
      <c r="AE13751" s="1"/>
    </row>
    <row r="13752" spans="1:31" ht="14.45">
      <c r="A13752" s="11"/>
      <c r="B13752" s="20"/>
      <c r="C13752" s="2" t="s">
        <v>42207</v>
      </c>
      <c r="D13752" s="14" t="s">
        <v>42208</v>
      </c>
      <c r="E13752" s="2" t="s">
        <v>42209</v>
      </c>
      <c r="F13752" s="2" t="s">
        <v>7581</v>
      </c>
      <c r="G13752" s="8">
        <v>157</v>
      </c>
      <c r="H13752" s="5">
        <v>6</v>
      </c>
      <c r="I13752" s="5" t="s">
        <v>1518</v>
      </c>
      <c r="J13752" s="5" t="s">
        <v>40939</v>
      </c>
      <c r="K13752" s="2" t="s">
        <v>40940</v>
      </c>
      <c r="L13752" s="5" t="s">
        <v>40939</v>
      </c>
      <c r="M13752" s="2" t="s">
        <v>40940</v>
      </c>
      <c r="N13752" s="5" t="s">
        <v>36266</v>
      </c>
      <c r="O13752" s="5" t="s">
        <v>38</v>
      </c>
      <c r="P13752" s="5" t="s">
        <v>39</v>
      </c>
      <c r="Q13752" s="5" t="s">
        <v>40</v>
      </c>
      <c r="R13752" s="5" t="s">
        <v>1522</v>
      </c>
      <c r="S13752" s="5" t="s">
        <v>1523</v>
      </c>
      <c r="T13752" s="5" t="s">
        <v>42</v>
      </c>
      <c r="U13752" s="2">
        <v>1.29</v>
      </c>
      <c r="V13752" s="2">
        <v>0.79</v>
      </c>
      <c r="W13752" s="2">
        <v>1.4999999999999999E-2</v>
      </c>
      <c r="X13752" s="2">
        <v>118.9</v>
      </c>
      <c r="Y13752" s="2">
        <v>7.6</v>
      </c>
      <c r="Z13752" s="2">
        <v>16.7</v>
      </c>
      <c r="AA13752" s="5"/>
      <c r="AB13752" s="5" t="s">
        <v>43</v>
      </c>
      <c r="AC13752" s="5" t="s">
        <v>44</v>
      </c>
      <c r="AD13752" s="2"/>
      <c r="AE13752" s="1"/>
    </row>
    <row r="13753" spans="1:31" ht="14.45">
      <c r="A13753" s="11"/>
      <c r="B13753" s="20"/>
      <c r="C13753" s="2" t="s">
        <v>42210</v>
      </c>
      <c r="D13753" s="14" t="s">
        <v>42211</v>
      </c>
      <c r="E13753" s="2" t="s">
        <v>42212</v>
      </c>
      <c r="F13753" s="2" t="s">
        <v>41045</v>
      </c>
      <c r="G13753" s="8">
        <v>157</v>
      </c>
      <c r="H13753" s="5">
        <v>6</v>
      </c>
      <c r="I13753" s="5" t="s">
        <v>1518</v>
      </c>
      <c r="J13753" s="5" t="s">
        <v>40939</v>
      </c>
      <c r="K13753" s="2" t="s">
        <v>40940</v>
      </c>
      <c r="L13753" s="5" t="s">
        <v>40939</v>
      </c>
      <c r="M13753" s="2" t="s">
        <v>40940</v>
      </c>
      <c r="N13753" s="5" t="s">
        <v>36266</v>
      </c>
      <c r="O13753" s="5" t="s">
        <v>38</v>
      </c>
      <c r="P13753" s="5" t="s">
        <v>39</v>
      </c>
      <c r="Q13753" s="5" t="s">
        <v>40</v>
      </c>
      <c r="R13753" s="5" t="s">
        <v>1522</v>
      </c>
      <c r="S13753" s="5" t="s">
        <v>1523</v>
      </c>
      <c r="T13753" s="5" t="s">
        <v>42</v>
      </c>
      <c r="U13753" s="2">
        <v>1.321</v>
      </c>
      <c r="V13753" s="2">
        <v>0.82099999999999995</v>
      </c>
      <c r="W13753" s="2">
        <v>1.4999999999999999E-2</v>
      </c>
      <c r="X13753" s="2">
        <v>118.9</v>
      </c>
      <c r="Y13753" s="2">
        <v>7.6</v>
      </c>
      <c r="Z13753" s="2">
        <v>16.7</v>
      </c>
      <c r="AA13753" s="5"/>
      <c r="AB13753" s="5" t="s">
        <v>43</v>
      </c>
      <c r="AC13753" s="5" t="s">
        <v>44</v>
      </c>
      <c r="AD13753" s="2"/>
      <c r="AE13753" s="1"/>
    </row>
    <row r="13754" spans="1:31" ht="14.45">
      <c r="A13754" s="11"/>
      <c r="B13754" s="20"/>
      <c r="C13754" s="2" t="s">
        <v>42213</v>
      </c>
      <c r="D13754" s="14" t="s">
        <v>42214</v>
      </c>
      <c r="E13754" s="2" t="s">
        <v>42215</v>
      </c>
      <c r="F13754" s="2" t="s">
        <v>41049</v>
      </c>
      <c r="G13754" s="8">
        <v>157</v>
      </c>
      <c r="H13754" s="5">
        <v>6</v>
      </c>
      <c r="I13754" s="5" t="s">
        <v>1518</v>
      </c>
      <c r="J13754" s="5" t="s">
        <v>40939</v>
      </c>
      <c r="K13754" s="2" t="s">
        <v>40940</v>
      </c>
      <c r="L13754" s="5" t="s">
        <v>40939</v>
      </c>
      <c r="M13754" s="2" t="s">
        <v>40940</v>
      </c>
      <c r="N13754" s="5" t="s">
        <v>36266</v>
      </c>
      <c r="O13754" s="5" t="s">
        <v>38</v>
      </c>
      <c r="P13754" s="5" t="s">
        <v>39</v>
      </c>
      <c r="Q13754" s="5" t="s">
        <v>40</v>
      </c>
      <c r="R13754" s="5" t="s">
        <v>1522</v>
      </c>
      <c r="S13754" s="5" t="s">
        <v>1523</v>
      </c>
      <c r="T13754" s="5" t="s">
        <v>42</v>
      </c>
      <c r="U13754" s="2">
        <v>1.33</v>
      </c>
      <c r="V13754" s="2">
        <v>0.83</v>
      </c>
      <c r="W13754" s="2">
        <v>1.4999999999999999E-2</v>
      </c>
      <c r="X13754" s="2">
        <v>118.9</v>
      </c>
      <c r="Y13754" s="2">
        <v>7.6</v>
      </c>
      <c r="Z13754" s="2">
        <v>16.7</v>
      </c>
      <c r="AA13754" s="5"/>
      <c r="AB13754" s="5" t="s">
        <v>43</v>
      </c>
      <c r="AC13754" s="5" t="s">
        <v>44</v>
      </c>
      <c r="AD13754" s="2"/>
      <c r="AE13754" s="1"/>
    </row>
    <row r="13755" spans="1:31" ht="14.45">
      <c r="A13755" s="11"/>
      <c r="B13755" s="20"/>
      <c r="C13755" s="2" t="s">
        <v>42216</v>
      </c>
      <c r="D13755" s="14" t="s">
        <v>42217</v>
      </c>
      <c r="E13755" s="2" t="s">
        <v>42218</v>
      </c>
      <c r="F13755" s="2" t="s">
        <v>7204</v>
      </c>
      <c r="G13755" s="8">
        <v>141</v>
      </c>
      <c r="H13755" s="5">
        <v>6</v>
      </c>
      <c r="I13755" s="5" t="s">
        <v>1518</v>
      </c>
      <c r="J13755" s="5" t="s">
        <v>40939</v>
      </c>
      <c r="K13755" s="2" t="s">
        <v>40940</v>
      </c>
      <c r="L13755" s="5" t="s">
        <v>40939</v>
      </c>
      <c r="M13755" s="2" t="s">
        <v>40940</v>
      </c>
      <c r="N13755" s="5" t="s">
        <v>36266</v>
      </c>
      <c r="O13755" s="5" t="s">
        <v>38</v>
      </c>
      <c r="P13755" s="5" t="s">
        <v>39</v>
      </c>
      <c r="Q13755" s="5" t="s">
        <v>40</v>
      </c>
      <c r="R13755" s="5" t="s">
        <v>1522</v>
      </c>
      <c r="S13755" s="5" t="s">
        <v>1523</v>
      </c>
      <c r="T13755" s="5" t="s">
        <v>42</v>
      </c>
      <c r="U13755" s="2">
        <v>1.4430000000000001</v>
      </c>
      <c r="V13755" s="2">
        <v>0.86699999999999999</v>
      </c>
      <c r="W13755" s="2">
        <v>1.7999999999999999E-2</v>
      </c>
      <c r="X13755" s="2">
        <v>139.1</v>
      </c>
      <c r="Y13755" s="2">
        <v>7.6</v>
      </c>
      <c r="Z13755" s="2">
        <v>16.7</v>
      </c>
      <c r="AA13755" s="5"/>
      <c r="AB13755" s="5" t="s">
        <v>43</v>
      </c>
      <c r="AC13755" s="5" t="s">
        <v>44</v>
      </c>
      <c r="AD13755" s="2"/>
      <c r="AE13755" s="1"/>
    </row>
    <row r="13756" spans="1:31" ht="14.45">
      <c r="A13756" s="11"/>
      <c r="B13756" s="20"/>
      <c r="C13756" s="2" t="s">
        <v>42219</v>
      </c>
      <c r="D13756" s="14" t="s">
        <v>42220</v>
      </c>
      <c r="E13756" s="2" t="s">
        <v>42221</v>
      </c>
      <c r="F13756" s="2" t="s">
        <v>7514</v>
      </c>
      <c r="G13756" s="8">
        <v>141</v>
      </c>
      <c r="H13756" s="5">
        <v>6</v>
      </c>
      <c r="I13756" s="5" t="s">
        <v>1518</v>
      </c>
      <c r="J13756" s="5" t="s">
        <v>40939</v>
      </c>
      <c r="K13756" s="2" t="s">
        <v>40940</v>
      </c>
      <c r="L13756" s="5" t="s">
        <v>40939</v>
      </c>
      <c r="M13756" s="2" t="s">
        <v>40940</v>
      </c>
      <c r="N13756" s="5" t="s">
        <v>36266</v>
      </c>
      <c r="O13756" s="5" t="s">
        <v>38</v>
      </c>
      <c r="P13756" s="5" t="s">
        <v>39</v>
      </c>
      <c r="Q13756" s="5" t="s">
        <v>40</v>
      </c>
      <c r="R13756" s="5" t="s">
        <v>1522</v>
      </c>
      <c r="S13756" s="5" t="s">
        <v>1523</v>
      </c>
      <c r="T13756" s="5" t="s">
        <v>42</v>
      </c>
      <c r="U13756" s="2">
        <v>1.452</v>
      </c>
      <c r="V13756" s="2">
        <v>0.876</v>
      </c>
      <c r="W13756" s="2">
        <v>1.7999999999999999E-2</v>
      </c>
      <c r="X13756" s="2">
        <v>139.1</v>
      </c>
      <c r="Y13756" s="2">
        <v>7.6</v>
      </c>
      <c r="Z13756" s="2">
        <v>16.7</v>
      </c>
      <c r="AA13756" s="5"/>
      <c r="AB13756" s="5" t="s">
        <v>43</v>
      </c>
      <c r="AC13756" s="5" t="s">
        <v>44</v>
      </c>
      <c r="AD13756" s="2"/>
      <c r="AE13756" s="1"/>
    </row>
    <row r="13757" spans="1:31" ht="14.45">
      <c r="A13757" s="11"/>
      <c r="B13757" s="20"/>
      <c r="C13757" s="2" t="s">
        <v>42222</v>
      </c>
      <c r="D13757" s="14" t="s">
        <v>42223</v>
      </c>
      <c r="E13757" s="2" t="s">
        <v>42224</v>
      </c>
      <c r="F13757" s="2" t="s">
        <v>40947</v>
      </c>
      <c r="G13757" s="8">
        <v>162</v>
      </c>
      <c r="H13757" s="5">
        <v>6</v>
      </c>
      <c r="I13757" s="5" t="s">
        <v>1518</v>
      </c>
      <c r="J13757" s="5" t="s">
        <v>40939</v>
      </c>
      <c r="K13757" s="2" t="s">
        <v>40940</v>
      </c>
      <c r="L13757" s="5" t="s">
        <v>40939</v>
      </c>
      <c r="M13757" s="2" t="s">
        <v>40940</v>
      </c>
      <c r="N13757" s="5" t="s">
        <v>36266</v>
      </c>
      <c r="O13757" s="5" t="s">
        <v>38</v>
      </c>
      <c r="P13757" s="5" t="s">
        <v>39</v>
      </c>
      <c r="Q13757" s="5" t="s">
        <v>40</v>
      </c>
      <c r="R13757" s="5" t="s">
        <v>1522</v>
      </c>
      <c r="S13757" s="5" t="s">
        <v>1523</v>
      </c>
      <c r="T13757" s="5" t="s">
        <v>42</v>
      </c>
      <c r="U13757" s="2">
        <v>1.46</v>
      </c>
      <c r="V13757" s="2">
        <v>0.88400000000000001</v>
      </c>
      <c r="W13757" s="2">
        <v>1.7999999999999999E-2</v>
      </c>
      <c r="X13757" s="2">
        <v>139.1</v>
      </c>
      <c r="Y13757" s="2">
        <v>7.6</v>
      </c>
      <c r="Z13757" s="2">
        <v>16.7</v>
      </c>
      <c r="AA13757" s="5"/>
      <c r="AB13757" s="5" t="s">
        <v>43</v>
      </c>
      <c r="AC13757" s="5" t="s">
        <v>44</v>
      </c>
      <c r="AD13757" s="2"/>
      <c r="AE13757" s="1"/>
    </row>
    <row r="13758" spans="1:31" ht="14.45">
      <c r="A13758" s="11"/>
      <c r="B13758" s="20"/>
      <c r="C13758" s="2" t="s">
        <v>42225</v>
      </c>
      <c r="D13758" s="14" t="s">
        <v>42226</v>
      </c>
      <c r="E13758" s="2" t="s">
        <v>42227</v>
      </c>
      <c r="F13758" s="2" t="s">
        <v>40951</v>
      </c>
      <c r="G13758" s="8">
        <v>162</v>
      </c>
      <c r="H13758" s="5">
        <v>6</v>
      </c>
      <c r="I13758" s="5" t="s">
        <v>1518</v>
      </c>
      <c r="J13758" s="5" t="s">
        <v>40939</v>
      </c>
      <c r="K13758" s="2" t="s">
        <v>40940</v>
      </c>
      <c r="L13758" s="5" t="s">
        <v>40939</v>
      </c>
      <c r="M13758" s="2" t="s">
        <v>40940</v>
      </c>
      <c r="N13758" s="5" t="s">
        <v>36266</v>
      </c>
      <c r="O13758" s="5" t="s">
        <v>38</v>
      </c>
      <c r="P13758" s="5" t="s">
        <v>39</v>
      </c>
      <c r="Q13758" s="5" t="s">
        <v>40</v>
      </c>
      <c r="R13758" s="5" t="s">
        <v>1522</v>
      </c>
      <c r="S13758" s="5" t="s">
        <v>1523</v>
      </c>
      <c r="T13758" s="5" t="s">
        <v>42</v>
      </c>
      <c r="U13758" s="2">
        <v>1.4690000000000001</v>
      </c>
      <c r="V13758" s="2">
        <v>0.89300000000000002</v>
      </c>
      <c r="W13758" s="2">
        <v>1.7999999999999999E-2</v>
      </c>
      <c r="X13758" s="2">
        <v>139.1</v>
      </c>
      <c r="Y13758" s="2">
        <v>7.6</v>
      </c>
      <c r="Z13758" s="2">
        <v>16.7</v>
      </c>
      <c r="AA13758" s="5"/>
      <c r="AB13758" s="5" t="s">
        <v>43</v>
      </c>
      <c r="AC13758" s="5" t="s">
        <v>44</v>
      </c>
      <c r="AD13758" s="2"/>
      <c r="AE13758" s="1"/>
    </row>
    <row r="13759" spans="1:31" ht="14.45">
      <c r="A13759" s="11"/>
      <c r="B13759" s="20"/>
      <c r="C13759" s="2" t="s">
        <v>42228</v>
      </c>
      <c r="D13759" s="14" t="s">
        <v>42229</v>
      </c>
      <c r="E13759" s="2" t="s">
        <v>42230</v>
      </c>
      <c r="F13759" s="2" t="s">
        <v>7208</v>
      </c>
      <c r="G13759" s="8">
        <v>141</v>
      </c>
      <c r="H13759" s="5">
        <v>6</v>
      </c>
      <c r="I13759" s="5" t="s">
        <v>1518</v>
      </c>
      <c r="J13759" s="5" t="s">
        <v>40939</v>
      </c>
      <c r="K13759" s="2" t="s">
        <v>40940</v>
      </c>
      <c r="L13759" s="5" t="s">
        <v>40939</v>
      </c>
      <c r="M13759" s="2" t="s">
        <v>40940</v>
      </c>
      <c r="N13759" s="5" t="s">
        <v>36266</v>
      </c>
      <c r="O13759" s="5" t="s">
        <v>38</v>
      </c>
      <c r="P13759" s="5" t="s">
        <v>39</v>
      </c>
      <c r="Q13759" s="5" t="s">
        <v>40</v>
      </c>
      <c r="R13759" s="5" t="s">
        <v>1522</v>
      </c>
      <c r="S13759" s="5" t="s">
        <v>1523</v>
      </c>
      <c r="T13759" s="5" t="s">
        <v>42</v>
      </c>
      <c r="U13759" s="2">
        <v>1.468</v>
      </c>
      <c r="V13759" s="2">
        <v>0.89200000000000002</v>
      </c>
      <c r="W13759" s="2">
        <v>1.7999999999999999E-2</v>
      </c>
      <c r="X13759" s="2">
        <v>139.1</v>
      </c>
      <c r="Y13759" s="2">
        <v>7.6</v>
      </c>
      <c r="Z13759" s="2">
        <v>16.7</v>
      </c>
      <c r="AA13759" s="5"/>
      <c r="AB13759" s="5" t="s">
        <v>43</v>
      </c>
      <c r="AC13759" s="5" t="s">
        <v>44</v>
      </c>
      <c r="AD13759" s="2"/>
      <c r="AE13759" s="1"/>
    </row>
    <row r="13760" spans="1:31" ht="14.45">
      <c r="A13760" s="11"/>
      <c r="B13760" s="20"/>
      <c r="C13760" s="2" t="s">
        <v>42231</v>
      </c>
      <c r="D13760" s="14" t="s">
        <v>42232</v>
      </c>
      <c r="E13760" s="2" t="s">
        <v>42233</v>
      </c>
      <c r="F13760" s="2" t="s">
        <v>7521</v>
      </c>
      <c r="G13760" s="8">
        <v>141</v>
      </c>
      <c r="H13760" s="5">
        <v>6</v>
      </c>
      <c r="I13760" s="5" t="s">
        <v>1518</v>
      </c>
      <c r="J13760" s="5" t="s">
        <v>40939</v>
      </c>
      <c r="K13760" s="2" t="s">
        <v>40940</v>
      </c>
      <c r="L13760" s="5" t="s">
        <v>40939</v>
      </c>
      <c r="M13760" s="2" t="s">
        <v>40940</v>
      </c>
      <c r="N13760" s="5" t="s">
        <v>36266</v>
      </c>
      <c r="O13760" s="5" t="s">
        <v>38</v>
      </c>
      <c r="P13760" s="5" t="s">
        <v>39</v>
      </c>
      <c r="Q13760" s="5" t="s">
        <v>40</v>
      </c>
      <c r="R13760" s="5" t="s">
        <v>1522</v>
      </c>
      <c r="S13760" s="5" t="s">
        <v>1523</v>
      </c>
      <c r="T13760" s="5" t="s">
        <v>42</v>
      </c>
      <c r="U13760" s="2">
        <v>1.4770000000000001</v>
      </c>
      <c r="V13760" s="2">
        <v>0.90100000000000002</v>
      </c>
      <c r="W13760" s="2">
        <v>1.7999999999999999E-2</v>
      </c>
      <c r="X13760" s="2">
        <v>139.1</v>
      </c>
      <c r="Y13760" s="2">
        <v>7.6</v>
      </c>
      <c r="Z13760" s="2">
        <v>16.7</v>
      </c>
      <c r="AA13760" s="5"/>
      <c r="AB13760" s="5" t="s">
        <v>43</v>
      </c>
      <c r="AC13760" s="5" t="s">
        <v>44</v>
      </c>
      <c r="AD13760" s="2"/>
      <c r="AE13760" s="1"/>
    </row>
    <row r="13761" spans="1:31" ht="14.45">
      <c r="A13761" s="11"/>
      <c r="B13761" s="20"/>
      <c r="C13761" s="2" t="s">
        <v>42234</v>
      </c>
      <c r="D13761" s="14" t="s">
        <v>42235</v>
      </c>
      <c r="E13761" s="2" t="s">
        <v>42236</v>
      </c>
      <c r="F13761" s="2" t="s">
        <v>36273</v>
      </c>
      <c r="G13761" s="8">
        <v>141</v>
      </c>
      <c r="H13761" s="5">
        <v>6</v>
      </c>
      <c r="I13761" s="5" t="s">
        <v>1518</v>
      </c>
      <c r="J13761" s="5" t="s">
        <v>40939</v>
      </c>
      <c r="K13761" s="2" t="s">
        <v>40940</v>
      </c>
      <c r="L13761" s="5" t="s">
        <v>40939</v>
      </c>
      <c r="M13761" s="2" t="s">
        <v>40940</v>
      </c>
      <c r="N13761" s="5" t="s">
        <v>36266</v>
      </c>
      <c r="O13761" s="5" t="s">
        <v>38</v>
      </c>
      <c r="P13761" s="5" t="s">
        <v>39</v>
      </c>
      <c r="Q13761" s="5" t="s">
        <v>40</v>
      </c>
      <c r="R13761" s="5" t="s">
        <v>1522</v>
      </c>
      <c r="S13761" s="5" t="s">
        <v>1523</v>
      </c>
      <c r="T13761" s="5" t="s">
        <v>42</v>
      </c>
      <c r="U13761" s="2">
        <v>1.484</v>
      </c>
      <c r="V13761" s="2">
        <v>0.90800000000000003</v>
      </c>
      <c r="W13761" s="2">
        <v>1.7999999999999999E-2</v>
      </c>
      <c r="X13761" s="2">
        <v>139.1</v>
      </c>
      <c r="Y13761" s="2">
        <v>7.6</v>
      </c>
      <c r="Z13761" s="2">
        <v>16.7</v>
      </c>
      <c r="AA13761" s="5"/>
      <c r="AB13761" s="5" t="s">
        <v>43</v>
      </c>
      <c r="AC13761" s="5" t="s">
        <v>44</v>
      </c>
      <c r="AD13761" s="2"/>
      <c r="AE13761" s="1"/>
    </row>
    <row r="13762" spans="1:31" ht="14.45">
      <c r="A13762" s="11"/>
      <c r="B13762" s="20"/>
      <c r="C13762" s="2" t="s">
        <v>42237</v>
      </c>
      <c r="D13762" s="14" t="s">
        <v>42238</v>
      </c>
      <c r="E13762" s="2" t="s">
        <v>42239</v>
      </c>
      <c r="F13762" s="2" t="s">
        <v>36277</v>
      </c>
      <c r="G13762" s="8">
        <v>141</v>
      </c>
      <c r="H13762" s="5">
        <v>6</v>
      </c>
      <c r="I13762" s="5" t="s">
        <v>1518</v>
      </c>
      <c r="J13762" s="5" t="s">
        <v>40939</v>
      </c>
      <c r="K13762" s="2" t="s">
        <v>40940</v>
      </c>
      <c r="L13762" s="5" t="s">
        <v>40939</v>
      </c>
      <c r="M13762" s="2" t="s">
        <v>40940</v>
      </c>
      <c r="N13762" s="5" t="s">
        <v>36266</v>
      </c>
      <c r="O13762" s="5" t="s">
        <v>38</v>
      </c>
      <c r="P13762" s="5" t="s">
        <v>39</v>
      </c>
      <c r="Q13762" s="5" t="s">
        <v>40</v>
      </c>
      <c r="R13762" s="5" t="s">
        <v>1522</v>
      </c>
      <c r="S13762" s="5" t="s">
        <v>1523</v>
      </c>
      <c r="T13762" s="5" t="s">
        <v>42</v>
      </c>
      <c r="U13762" s="2">
        <v>1.4930000000000001</v>
      </c>
      <c r="V13762" s="2">
        <v>0.91700000000000004</v>
      </c>
      <c r="W13762" s="2">
        <v>1.7999999999999999E-2</v>
      </c>
      <c r="X13762" s="2">
        <v>139.1</v>
      </c>
      <c r="Y13762" s="2">
        <v>7.6</v>
      </c>
      <c r="Z13762" s="2">
        <v>16.7</v>
      </c>
      <c r="AA13762" s="5"/>
      <c r="AB13762" s="5" t="s">
        <v>43</v>
      </c>
      <c r="AC13762" s="5" t="s">
        <v>44</v>
      </c>
      <c r="AD13762" s="2"/>
      <c r="AE13762" s="1"/>
    </row>
    <row r="13763" spans="1:31" ht="14.45">
      <c r="A13763" s="11"/>
      <c r="B13763" s="20"/>
      <c r="C13763" s="2" t="s">
        <v>42240</v>
      </c>
      <c r="D13763" s="14" t="s">
        <v>42241</v>
      </c>
      <c r="E13763" s="2" t="s">
        <v>42242</v>
      </c>
      <c r="F13763" s="2" t="s">
        <v>40967</v>
      </c>
      <c r="G13763" s="8">
        <v>162</v>
      </c>
      <c r="H13763" s="5">
        <v>6</v>
      </c>
      <c r="I13763" s="5" t="s">
        <v>1518</v>
      </c>
      <c r="J13763" s="5" t="s">
        <v>40939</v>
      </c>
      <c r="K13763" s="2" t="s">
        <v>40940</v>
      </c>
      <c r="L13763" s="5" t="s">
        <v>40939</v>
      </c>
      <c r="M13763" s="2" t="s">
        <v>40940</v>
      </c>
      <c r="N13763" s="5" t="s">
        <v>36266</v>
      </c>
      <c r="O13763" s="5" t="s">
        <v>38</v>
      </c>
      <c r="P13763" s="5" t="s">
        <v>39</v>
      </c>
      <c r="Q13763" s="5" t="s">
        <v>40</v>
      </c>
      <c r="R13763" s="5" t="s">
        <v>1522</v>
      </c>
      <c r="S13763" s="5" t="s">
        <v>1523</v>
      </c>
      <c r="T13763" s="5" t="s">
        <v>42</v>
      </c>
      <c r="U13763" s="2">
        <v>1.468</v>
      </c>
      <c r="V13763" s="2">
        <v>0.89200000000000002</v>
      </c>
      <c r="W13763" s="2">
        <v>1.7999999999999999E-2</v>
      </c>
      <c r="X13763" s="2">
        <v>139.1</v>
      </c>
      <c r="Y13763" s="2">
        <v>7.6</v>
      </c>
      <c r="Z13763" s="2">
        <v>16.7</v>
      </c>
      <c r="AA13763" s="5"/>
      <c r="AB13763" s="5" t="s">
        <v>43</v>
      </c>
      <c r="AC13763" s="5" t="s">
        <v>44</v>
      </c>
      <c r="AD13763" s="2"/>
      <c r="AE13763" s="1"/>
    </row>
    <row r="13764" spans="1:31" ht="14.45">
      <c r="A13764" s="11"/>
      <c r="B13764" s="20"/>
      <c r="C13764" s="2" t="s">
        <v>42243</v>
      </c>
      <c r="D13764" s="14" t="s">
        <v>42244</v>
      </c>
      <c r="E13764" s="2" t="s">
        <v>42245</v>
      </c>
      <c r="F13764" s="2" t="s">
        <v>40971</v>
      </c>
      <c r="G13764" s="8">
        <v>162</v>
      </c>
      <c r="H13764" s="5">
        <v>6</v>
      </c>
      <c r="I13764" s="5" t="s">
        <v>1518</v>
      </c>
      <c r="J13764" s="5" t="s">
        <v>40939</v>
      </c>
      <c r="K13764" s="2" t="s">
        <v>40940</v>
      </c>
      <c r="L13764" s="5" t="s">
        <v>40939</v>
      </c>
      <c r="M13764" s="2" t="s">
        <v>40940</v>
      </c>
      <c r="N13764" s="5" t="s">
        <v>36266</v>
      </c>
      <c r="O13764" s="5" t="s">
        <v>38</v>
      </c>
      <c r="P13764" s="5" t="s">
        <v>39</v>
      </c>
      <c r="Q13764" s="5" t="s">
        <v>40</v>
      </c>
      <c r="R13764" s="5" t="s">
        <v>1522</v>
      </c>
      <c r="S13764" s="5" t="s">
        <v>1523</v>
      </c>
      <c r="T13764" s="5" t="s">
        <v>42</v>
      </c>
      <c r="U13764" s="2">
        <v>1.4770000000000001</v>
      </c>
      <c r="V13764" s="2">
        <v>0.90100000000000002</v>
      </c>
      <c r="W13764" s="2">
        <v>1.7999999999999999E-2</v>
      </c>
      <c r="X13764" s="2">
        <v>139.1</v>
      </c>
      <c r="Y13764" s="2">
        <v>7.6</v>
      </c>
      <c r="Z13764" s="2">
        <v>16.7</v>
      </c>
      <c r="AA13764" s="5"/>
      <c r="AB13764" s="5" t="s">
        <v>43</v>
      </c>
      <c r="AC13764" s="5" t="s">
        <v>44</v>
      </c>
      <c r="AD13764" s="2"/>
      <c r="AE13764" s="1"/>
    </row>
    <row r="13765" spans="1:31" ht="14.45">
      <c r="A13765" s="11"/>
      <c r="B13765" s="20"/>
      <c r="C13765" s="2" t="s">
        <v>42246</v>
      </c>
      <c r="D13765" s="14" t="s">
        <v>42247</v>
      </c>
      <c r="E13765" s="2" t="s">
        <v>42248</v>
      </c>
      <c r="F13765" s="2" t="s">
        <v>40975</v>
      </c>
      <c r="G13765" s="8">
        <v>162</v>
      </c>
      <c r="H13765" s="5">
        <v>6</v>
      </c>
      <c r="I13765" s="5" t="s">
        <v>1518</v>
      </c>
      <c r="J13765" s="5" t="s">
        <v>40939</v>
      </c>
      <c r="K13765" s="2" t="s">
        <v>40940</v>
      </c>
      <c r="L13765" s="5" t="s">
        <v>40939</v>
      </c>
      <c r="M13765" s="2" t="s">
        <v>40940</v>
      </c>
      <c r="N13765" s="5" t="s">
        <v>36266</v>
      </c>
      <c r="O13765" s="5" t="s">
        <v>38</v>
      </c>
      <c r="P13765" s="5" t="s">
        <v>39</v>
      </c>
      <c r="Q13765" s="5" t="s">
        <v>40</v>
      </c>
      <c r="R13765" s="5" t="s">
        <v>1522</v>
      </c>
      <c r="S13765" s="5" t="s">
        <v>1523</v>
      </c>
      <c r="T13765" s="5" t="s">
        <v>42</v>
      </c>
      <c r="U13765" s="2">
        <v>1.468</v>
      </c>
      <c r="V13765" s="2">
        <v>0.89200000000000002</v>
      </c>
      <c r="W13765" s="2">
        <v>1.7999999999999999E-2</v>
      </c>
      <c r="X13765" s="2">
        <v>139.1</v>
      </c>
      <c r="Y13765" s="2">
        <v>7.6</v>
      </c>
      <c r="Z13765" s="2">
        <v>16.7</v>
      </c>
      <c r="AA13765" s="5"/>
      <c r="AB13765" s="5" t="s">
        <v>43</v>
      </c>
      <c r="AC13765" s="5" t="s">
        <v>44</v>
      </c>
      <c r="AD13765" s="2"/>
      <c r="AE13765" s="1"/>
    </row>
    <row r="13766" spans="1:31" ht="14.45">
      <c r="A13766" s="11"/>
      <c r="B13766" s="20"/>
      <c r="C13766" s="2" t="s">
        <v>42249</v>
      </c>
      <c r="D13766" s="14" t="s">
        <v>42250</v>
      </c>
      <c r="E13766" s="2" t="s">
        <v>42251</v>
      </c>
      <c r="F13766" s="2" t="s">
        <v>40979</v>
      </c>
      <c r="G13766" s="8">
        <v>162</v>
      </c>
      <c r="H13766" s="5">
        <v>6</v>
      </c>
      <c r="I13766" s="5" t="s">
        <v>1518</v>
      </c>
      <c r="J13766" s="5" t="s">
        <v>40939</v>
      </c>
      <c r="K13766" s="2" t="s">
        <v>40940</v>
      </c>
      <c r="L13766" s="5" t="s">
        <v>40939</v>
      </c>
      <c r="M13766" s="2" t="s">
        <v>40940</v>
      </c>
      <c r="N13766" s="5" t="s">
        <v>36266</v>
      </c>
      <c r="O13766" s="5" t="s">
        <v>38</v>
      </c>
      <c r="P13766" s="5" t="s">
        <v>39</v>
      </c>
      <c r="Q13766" s="5" t="s">
        <v>40</v>
      </c>
      <c r="R13766" s="5" t="s">
        <v>1522</v>
      </c>
      <c r="S13766" s="5" t="s">
        <v>1523</v>
      </c>
      <c r="T13766" s="5" t="s">
        <v>42</v>
      </c>
      <c r="U13766" s="2">
        <v>1.4770000000000001</v>
      </c>
      <c r="V13766" s="2">
        <v>0.90100000000000002</v>
      </c>
      <c r="W13766" s="2">
        <v>1.7999999999999999E-2</v>
      </c>
      <c r="X13766" s="2">
        <v>139.1</v>
      </c>
      <c r="Y13766" s="2">
        <v>7.6</v>
      </c>
      <c r="Z13766" s="2">
        <v>16.7</v>
      </c>
      <c r="AA13766" s="5"/>
      <c r="AB13766" s="5" t="s">
        <v>43</v>
      </c>
      <c r="AC13766" s="5" t="s">
        <v>44</v>
      </c>
      <c r="AD13766" s="2"/>
      <c r="AE13766" s="1"/>
    </row>
    <row r="13767" spans="1:31" ht="14.45">
      <c r="A13767" s="11"/>
      <c r="B13767" s="20"/>
      <c r="C13767" s="2" t="s">
        <v>42252</v>
      </c>
      <c r="D13767" s="14" t="s">
        <v>42253</v>
      </c>
      <c r="E13767" s="2" t="s">
        <v>42254</v>
      </c>
      <c r="F13767" s="2" t="s">
        <v>7539</v>
      </c>
      <c r="G13767" s="8">
        <v>162</v>
      </c>
      <c r="H13767" s="5">
        <v>6</v>
      </c>
      <c r="I13767" s="5" t="s">
        <v>1518</v>
      </c>
      <c r="J13767" s="5" t="s">
        <v>40939</v>
      </c>
      <c r="K13767" s="2" t="s">
        <v>40940</v>
      </c>
      <c r="L13767" s="5" t="s">
        <v>40939</v>
      </c>
      <c r="M13767" s="2" t="s">
        <v>40940</v>
      </c>
      <c r="N13767" s="5" t="s">
        <v>36266</v>
      </c>
      <c r="O13767" s="5" t="s">
        <v>38</v>
      </c>
      <c r="P13767" s="5" t="s">
        <v>39</v>
      </c>
      <c r="Q13767" s="5" t="s">
        <v>40</v>
      </c>
      <c r="R13767" s="5" t="s">
        <v>1522</v>
      </c>
      <c r="S13767" s="5" t="s">
        <v>1523</v>
      </c>
      <c r="T13767" s="5" t="s">
        <v>42</v>
      </c>
      <c r="U13767" s="2">
        <v>1.427</v>
      </c>
      <c r="V13767" s="2">
        <v>0.85099999999999998</v>
      </c>
      <c r="W13767" s="2">
        <v>1.7999999999999999E-2</v>
      </c>
      <c r="X13767" s="2">
        <v>139.1</v>
      </c>
      <c r="Y13767" s="2">
        <v>7.6</v>
      </c>
      <c r="Z13767" s="2">
        <v>16.7</v>
      </c>
      <c r="AA13767" s="5"/>
      <c r="AB13767" s="5" t="s">
        <v>43</v>
      </c>
      <c r="AC13767" s="5" t="s">
        <v>44</v>
      </c>
      <c r="AD13767" s="2"/>
      <c r="AE13767" s="1"/>
    </row>
    <row r="13768" spans="1:31" ht="14.45">
      <c r="A13768" s="11"/>
      <c r="B13768" s="20"/>
      <c r="C13768" s="2" t="s">
        <v>42255</v>
      </c>
      <c r="D13768" s="14" t="s">
        <v>42256</v>
      </c>
      <c r="E13768" s="2" t="s">
        <v>42257</v>
      </c>
      <c r="F13768" s="2" t="s">
        <v>7543</v>
      </c>
      <c r="G13768" s="8">
        <v>162</v>
      </c>
      <c r="H13768" s="5">
        <v>6</v>
      </c>
      <c r="I13768" s="5" t="s">
        <v>1518</v>
      </c>
      <c r="J13768" s="5" t="s">
        <v>40939</v>
      </c>
      <c r="K13768" s="2" t="s">
        <v>40940</v>
      </c>
      <c r="L13768" s="5" t="s">
        <v>40939</v>
      </c>
      <c r="M13768" s="2" t="s">
        <v>40940</v>
      </c>
      <c r="N13768" s="5" t="s">
        <v>36266</v>
      </c>
      <c r="O13768" s="5" t="s">
        <v>38</v>
      </c>
      <c r="P13768" s="5" t="s">
        <v>39</v>
      </c>
      <c r="Q13768" s="5" t="s">
        <v>40</v>
      </c>
      <c r="R13768" s="5" t="s">
        <v>1522</v>
      </c>
      <c r="S13768" s="5" t="s">
        <v>1523</v>
      </c>
      <c r="T13768" s="5" t="s">
        <v>42</v>
      </c>
      <c r="U13768" s="2">
        <v>1.4359999999999999</v>
      </c>
      <c r="V13768" s="2">
        <v>0.86</v>
      </c>
      <c r="W13768" s="2">
        <v>1.7999999999999999E-2</v>
      </c>
      <c r="X13768" s="2">
        <v>139.1</v>
      </c>
      <c r="Y13768" s="2">
        <v>7.6</v>
      </c>
      <c r="Z13768" s="2">
        <v>16.7</v>
      </c>
      <c r="AA13768" s="5"/>
      <c r="AB13768" s="5" t="s">
        <v>43</v>
      </c>
      <c r="AC13768" s="5" t="s">
        <v>44</v>
      </c>
      <c r="AD13768" s="2"/>
      <c r="AE13768" s="1"/>
    </row>
    <row r="13769" spans="1:31" ht="14.45">
      <c r="A13769" s="11"/>
      <c r="B13769" s="20"/>
      <c r="C13769" s="2" t="s">
        <v>42258</v>
      </c>
      <c r="D13769" s="14" t="s">
        <v>42259</v>
      </c>
      <c r="E13769" s="2" t="s">
        <v>42260</v>
      </c>
      <c r="F13769" s="2" t="s">
        <v>40989</v>
      </c>
      <c r="G13769" s="8">
        <v>162</v>
      </c>
      <c r="H13769" s="5">
        <v>6</v>
      </c>
      <c r="I13769" s="5" t="s">
        <v>1518</v>
      </c>
      <c r="J13769" s="5" t="s">
        <v>40939</v>
      </c>
      <c r="K13769" s="2" t="s">
        <v>40940</v>
      </c>
      <c r="L13769" s="5" t="s">
        <v>40939</v>
      </c>
      <c r="M13769" s="2" t="s">
        <v>40940</v>
      </c>
      <c r="N13769" s="5" t="s">
        <v>36266</v>
      </c>
      <c r="O13769" s="5" t="s">
        <v>38</v>
      </c>
      <c r="P13769" s="5" t="s">
        <v>39</v>
      </c>
      <c r="Q13769" s="5" t="s">
        <v>40</v>
      </c>
      <c r="R13769" s="5" t="s">
        <v>1522</v>
      </c>
      <c r="S13769" s="5" t="s">
        <v>1523</v>
      </c>
      <c r="T13769" s="5" t="s">
        <v>42</v>
      </c>
      <c r="U13769" s="2">
        <v>1.468</v>
      </c>
      <c r="V13769" s="2">
        <v>0.89200000000000002</v>
      </c>
      <c r="W13769" s="2">
        <v>1.7999999999999999E-2</v>
      </c>
      <c r="X13769" s="2">
        <v>139.1</v>
      </c>
      <c r="Y13769" s="2">
        <v>7.6</v>
      </c>
      <c r="Z13769" s="2">
        <v>16.7</v>
      </c>
      <c r="AA13769" s="5"/>
      <c r="AB13769" s="5" t="s">
        <v>43</v>
      </c>
      <c r="AC13769" s="5" t="s">
        <v>44</v>
      </c>
      <c r="AD13769" s="2"/>
      <c r="AE13769" s="1"/>
    </row>
    <row r="13770" spans="1:31" ht="14.45">
      <c r="A13770" s="11"/>
      <c r="B13770" s="20"/>
      <c r="C13770" s="2" t="s">
        <v>42261</v>
      </c>
      <c r="D13770" s="14" t="s">
        <v>42262</v>
      </c>
      <c r="E13770" s="2" t="s">
        <v>42263</v>
      </c>
      <c r="F13770" s="2" t="s">
        <v>40993</v>
      </c>
      <c r="G13770" s="8">
        <v>162</v>
      </c>
      <c r="H13770" s="5">
        <v>6</v>
      </c>
      <c r="I13770" s="5" t="s">
        <v>1518</v>
      </c>
      <c r="J13770" s="5" t="s">
        <v>40939</v>
      </c>
      <c r="K13770" s="2" t="s">
        <v>40940</v>
      </c>
      <c r="L13770" s="5" t="s">
        <v>40939</v>
      </c>
      <c r="M13770" s="2" t="s">
        <v>40940</v>
      </c>
      <c r="N13770" s="5" t="s">
        <v>36266</v>
      </c>
      <c r="O13770" s="5" t="s">
        <v>38</v>
      </c>
      <c r="P13770" s="5" t="s">
        <v>39</v>
      </c>
      <c r="Q13770" s="5" t="s">
        <v>40</v>
      </c>
      <c r="R13770" s="5" t="s">
        <v>1522</v>
      </c>
      <c r="S13770" s="5" t="s">
        <v>1523</v>
      </c>
      <c r="T13770" s="5" t="s">
        <v>42</v>
      </c>
      <c r="U13770" s="2">
        <v>1.4770000000000001</v>
      </c>
      <c r="V13770" s="2">
        <v>0.90100000000000002</v>
      </c>
      <c r="W13770" s="2">
        <v>1.7999999999999999E-2</v>
      </c>
      <c r="X13770" s="2">
        <v>139.1</v>
      </c>
      <c r="Y13770" s="2">
        <v>7.6</v>
      </c>
      <c r="Z13770" s="2">
        <v>16.7</v>
      </c>
      <c r="AA13770" s="5"/>
      <c r="AB13770" s="5" t="s">
        <v>43</v>
      </c>
      <c r="AC13770" s="5" t="s">
        <v>44</v>
      </c>
      <c r="AD13770" s="2"/>
      <c r="AE13770" s="1"/>
    </row>
    <row r="13771" spans="1:31" ht="14.45">
      <c r="A13771" s="11"/>
      <c r="B13771" s="20"/>
      <c r="C13771" s="2" t="s">
        <v>42264</v>
      </c>
      <c r="D13771" s="14" t="s">
        <v>42265</v>
      </c>
      <c r="E13771" s="2" t="s">
        <v>42266</v>
      </c>
      <c r="F13771" s="2" t="s">
        <v>40997</v>
      </c>
      <c r="G13771" s="8">
        <v>162</v>
      </c>
      <c r="H13771" s="5">
        <v>6</v>
      </c>
      <c r="I13771" s="5" t="s">
        <v>1518</v>
      </c>
      <c r="J13771" s="5" t="s">
        <v>40939</v>
      </c>
      <c r="K13771" s="2" t="s">
        <v>40940</v>
      </c>
      <c r="L13771" s="5" t="s">
        <v>40939</v>
      </c>
      <c r="M13771" s="2" t="s">
        <v>40940</v>
      </c>
      <c r="N13771" s="5" t="s">
        <v>36266</v>
      </c>
      <c r="O13771" s="5" t="s">
        <v>38</v>
      </c>
      <c r="P13771" s="5" t="s">
        <v>39</v>
      </c>
      <c r="Q13771" s="5" t="s">
        <v>40</v>
      </c>
      <c r="R13771" s="5" t="s">
        <v>1522</v>
      </c>
      <c r="S13771" s="5" t="s">
        <v>1523</v>
      </c>
      <c r="T13771" s="5" t="s">
        <v>42</v>
      </c>
      <c r="U13771" s="2">
        <v>1.4350000000000001</v>
      </c>
      <c r="V13771" s="2">
        <v>0.85899999999999999</v>
      </c>
      <c r="W13771" s="2">
        <v>1.7999999999999999E-2</v>
      </c>
      <c r="X13771" s="2">
        <v>139.1</v>
      </c>
      <c r="Y13771" s="2">
        <v>7.6</v>
      </c>
      <c r="Z13771" s="2">
        <v>16.7</v>
      </c>
      <c r="AA13771" s="5"/>
      <c r="AB13771" s="5" t="s">
        <v>43</v>
      </c>
      <c r="AC13771" s="5" t="s">
        <v>44</v>
      </c>
      <c r="AD13771" s="2"/>
      <c r="AE13771" s="1"/>
    </row>
    <row r="13772" spans="1:31" ht="14.45">
      <c r="A13772" s="11"/>
      <c r="B13772" s="20"/>
      <c r="C13772" s="2" t="s">
        <v>42267</v>
      </c>
      <c r="D13772" s="14" t="s">
        <v>42268</v>
      </c>
      <c r="E13772" s="2" t="s">
        <v>42269</v>
      </c>
      <c r="F13772" s="2" t="s">
        <v>41267</v>
      </c>
      <c r="G13772" s="8">
        <v>162</v>
      </c>
      <c r="H13772" s="5">
        <v>6</v>
      </c>
      <c r="I13772" s="5" t="s">
        <v>1518</v>
      </c>
      <c r="J13772" s="5" t="s">
        <v>40939</v>
      </c>
      <c r="K13772" s="2" t="s">
        <v>40940</v>
      </c>
      <c r="L13772" s="5" t="s">
        <v>40939</v>
      </c>
      <c r="M13772" s="2" t="s">
        <v>40940</v>
      </c>
      <c r="N13772" s="5" t="s">
        <v>36266</v>
      </c>
      <c r="O13772" s="5" t="s">
        <v>38</v>
      </c>
      <c r="P13772" s="5" t="s">
        <v>39</v>
      </c>
      <c r="Q13772" s="5" t="s">
        <v>40</v>
      </c>
      <c r="R13772" s="5" t="s">
        <v>1522</v>
      </c>
      <c r="S13772" s="5" t="s">
        <v>1523</v>
      </c>
      <c r="T13772" s="5" t="s">
        <v>42</v>
      </c>
      <c r="U13772" s="2">
        <v>1.444</v>
      </c>
      <c r="V13772" s="2">
        <v>0.86799999999999999</v>
      </c>
      <c r="W13772" s="2">
        <v>1.7999999999999999E-2</v>
      </c>
      <c r="X13772" s="2">
        <v>139.1</v>
      </c>
      <c r="Y13772" s="2">
        <v>7.6</v>
      </c>
      <c r="Z13772" s="2">
        <v>16.7</v>
      </c>
      <c r="AA13772" s="5"/>
      <c r="AB13772" s="5" t="s">
        <v>43</v>
      </c>
      <c r="AC13772" s="5" t="s">
        <v>44</v>
      </c>
      <c r="AD13772" s="2"/>
      <c r="AE13772" s="1"/>
    </row>
    <row r="13773" spans="1:31" ht="14.45">
      <c r="A13773" s="11"/>
      <c r="B13773" s="20"/>
      <c r="C13773" s="2" t="s">
        <v>42270</v>
      </c>
      <c r="D13773" s="14" t="s">
        <v>42271</v>
      </c>
      <c r="E13773" s="2" t="s">
        <v>42272</v>
      </c>
      <c r="F13773" s="2" t="s">
        <v>41001</v>
      </c>
      <c r="G13773" s="8">
        <v>162</v>
      </c>
      <c r="H13773" s="5">
        <v>6</v>
      </c>
      <c r="I13773" s="5" t="s">
        <v>1518</v>
      </c>
      <c r="J13773" s="5" t="s">
        <v>40939</v>
      </c>
      <c r="K13773" s="2" t="s">
        <v>40940</v>
      </c>
      <c r="L13773" s="5" t="s">
        <v>40939</v>
      </c>
      <c r="M13773" s="2" t="s">
        <v>40940</v>
      </c>
      <c r="N13773" s="5" t="s">
        <v>36266</v>
      </c>
      <c r="O13773" s="5" t="s">
        <v>38</v>
      </c>
      <c r="P13773" s="5" t="s">
        <v>39</v>
      </c>
      <c r="Q13773" s="5" t="s">
        <v>40</v>
      </c>
      <c r="R13773" s="5" t="s">
        <v>1522</v>
      </c>
      <c r="S13773" s="5" t="s">
        <v>1523</v>
      </c>
      <c r="T13773" s="5" t="s">
        <v>42</v>
      </c>
      <c r="U13773" s="2">
        <v>1.468</v>
      </c>
      <c r="V13773" s="2">
        <v>0.89200000000000002</v>
      </c>
      <c r="W13773" s="2">
        <v>1.7999999999999999E-2</v>
      </c>
      <c r="X13773" s="2">
        <v>139.1</v>
      </c>
      <c r="Y13773" s="2">
        <v>7.6</v>
      </c>
      <c r="Z13773" s="2">
        <v>16.7</v>
      </c>
      <c r="AA13773" s="5"/>
      <c r="AB13773" s="5" t="s">
        <v>43</v>
      </c>
      <c r="AC13773" s="5" t="s">
        <v>44</v>
      </c>
      <c r="AD13773" s="2"/>
      <c r="AE13773" s="1"/>
    </row>
    <row r="13774" spans="1:31" ht="14.45">
      <c r="A13774" s="11"/>
      <c r="B13774" s="20"/>
      <c r="C13774" s="2" t="s">
        <v>42273</v>
      </c>
      <c r="D13774" s="14" t="s">
        <v>42274</v>
      </c>
      <c r="E13774" s="2" t="s">
        <v>42275</v>
      </c>
      <c r="F13774" s="2" t="s">
        <v>41005</v>
      </c>
      <c r="G13774" s="8">
        <v>162</v>
      </c>
      <c r="H13774" s="5">
        <v>6</v>
      </c>
      <c r="I13774" s="5" t="s">
        <v>1518</v>
      </c>
      <c r="J13774" s="5" t="s">
        <v>40939</v>
      </c>
      <c r="K13774" s="2" t="s">
        <v>40940</v>
      </c>
      <c r="L13774" s="5" t="s">
        <v>40939</v>
      </c>
      <c r="M13774" s="2" t="s">
        <v>40940</v>
      </c>
      <c r="N13774" s="5" t="s">
        <v>36266</v>
      </c>
      <c r="O13774" s="5" t="s">
        <v>38</v>
      </c>
      <c r="P13774" s="5" t="s">
        <v>39</v>
      </c>
      <c r="Q13774" s="5" t="s">
        <v>40</v>
      </c>
      <c r="R13774" s="5" t="s">
        <v>1522</v>
      </c>
      <c r="S13774" s="5" t="s">
        <v>1523</v>
      </c>
      <c r="T13774" s="5" t="s">
        <v>42</v>
      </c>
      <c r="U13774" s="2">
        <v>1.4770000000000001</v>
      </c>
      <c r="V13774" s="2">
        <v>0.90100000000000002</v>
      </c>
      <c r="W13774" s="2">
        <v>1.7999999999999999E-2</v>
      </c>
      <c r="X13774" s="2">
        <v>139.1</v>
      </c>
      <c r="Y13774" s="2">
        <v>7.6</v>
      </c>
      <c r="Z13774" s="2">
        <v>16.7</v>
      </c>
      <c r="AA13774" s="5"/>
      <c r="AB13774" s="5" t="s">
        <v>43</v>
      </c>
      <c r="AC13774" s="5" t="s">
        <v>44</v>
      </c>
      <c r="AD13774" s="2"/>
      <c r="AE13774" s="1"/>
    </row>
    <row r="13775" spans="1:31" ht="14.45">
      <c r="A13775" s="11"/>
      <c r="B13775" s="20"/>
      <c r="C13775" s="2" t="s">
        <v>42276</v>
      </c>
      <c r="D13775" s="14" t="s">
        <v>42277</v>
      </c>
      <c r="E13775" s="2" t="s">
        <v>42278</v>
      </c>
      <c r="F13775" s="2" t="s">
        <v>41009</v>
      </c>
      <c r="G13775" s="8">
        <v>162</v>
      </c>
      <c r="H13775" s="5">
        <v>6</v>
      </c>
      <c r="I13775" s="5" t="s">
        <v>1518</v>
      </c>
      <c r="J13775" s="5" t="s">
        <v>40939</v>
      </c>
      <c r="K13775" s="2" t="s">
        <v>40940</v>
      </c>
      <c r="L13775" s="5" t="s">
        <v>40939</v>
      </c>
      <c r="M13775" s="2" t="s">
        <v>40940</v>
      </c>
      <c r="N13775" s="5" t="s">
        <v>36266</v>
      </c>
      <c r="O13775" s="5" t="s">
        <v>38</v>
      </c>
      <c r="P13775" s="5" t="s">
        <v>39</v>
      </c>
      <c r="Q13775" s="5" t="s">
        <v>40</v>
      </c>
      <c r="R13775" s="5" t="s">
        <v>1522</v>
      </c>
      <c r="S13775" s="5" t="s">
        <v>1523</v>
      </c>
      <c r="T13775" s="5" t="s">
        <v>42</v>
      </c>
      <c r="U13775" s="2">
        <v>1.476</v>
      </c>
      <c r="V13775" s="2">
        <v>0.9</v>
      </c>
      <c r="W13775" s="2">
        <v>1.7999999999999999E-2</v>
      </c>
      <c r="X13775" s="2">
        <v>139.1</v>
      </c>
      <c r="Y13775" s="2">
        <v>7.6</v>
      </c>
      <c r="Z13775" s="2">
        <v>16.7</v>
      </c>
      <c r="AA13775" s="5"/>
      <c r="AB13775" s="5" t="s">
        <v>43</v>
      </c>
      <c r="AC13775" s="5" t="s">
        <v>44</v>
      </c>
      <c r="AD13775" s="2"/>
      <c r="AE13775" s="1"/>
    </row>
    <row r="13776" spans="1:31" ht="14.45">
      <c r="A13776" s="11"/>
      <c r="B13776" s="20"/>
      <c r="C13776" s="2" t="s">
        <v>42279</v>
      </c>
      <c r="D13776" s="14" t="s">
        <v>42280</v>
      </c>
      <c r="E13776" s="2" t="s">
        <v>42281</v>
      </c>
      <c r="F13776" s="2" t="s">
        <v>41013</v>
      </c>
      <c r="G13776" s="8">
        <v>162</v>
      </c>
      <c r="H13776" s="5">
        <v>6</v>
      </c>
      <c r="I13776" s="5" t="s">
        <v>1518</v>
      </c>
      <c r="J13776" s="5" t="s">
        <v>40939</v>
      </c>
      <c r="K13776" s="2" t="s">
        <v>40940</v>
      </c>
      <c r="L13776" s="5" t="s">
        <v>40939</v>
      </c>
      <c r="M13776" s="2" t="s">
        <v>40940</v>
      </c>
      <c r="N13776" s="5" t="s">
        <v>36266</v>
      </c>
      <c r="O13776" s="5" t="s">
        <v>38</v>
      </c>
      <c r="P13776" s="5" t="s">
        <v>39</v>
      </c>
      <c r="Q13776" s="5" t="s">
        <v>40</v>
      </c>
      <c r="R13776" s="5" t="s">
        <v>1522</v>
      </c>
      <c r="S13776" s="5" t="s">
        <v>1523</v>
      </c>
      <c r="T13776" s="5" t="s">
        <v>42</v>
      </c>
      <c r="U13776" s="2">
        <v>1.4850000000000001</v>
      </c>
      <c r="V13776" s="2">
        <v>0.90900000000000003</v>
      </c>
      <c r="W13776" s="2">
        <v>1.7999999999999999E-2</v>
      </c>
      <c r="X13776" s="2">
        <v>139.1</v>
      </c>
      <c r="Y13776" s="2">
        <v>7.6</v>
      </c>
      <c r="Z13776" s="2">
        <v>16.7</v>
      </c>
      <c r="AA13776" s="5"/>
      <c r="AB13776" s="5" t="s">
        <v>43</v>
      </c>
      <c r="AC13776" s="5" t="s">
        <v>44</v>
      </c>
      <c r="AD13776" s="2"/>
      <c r="AE13776" s="1"/>
    </row>
    <row r="13777" spans="1:31" ht="14.45">
      <c r="A13777" s="11"/>
      <c r="B13777" s="20"/>
      <c r="C13777" s="2" t="s">
        <v>42282</v>
      </c>
      <c r="D13777" s="14" t="s">
        <v>42283</v>
      </c>
      <c r="E13777" s="2" t="s">
        <v>42284</v>
      </c>
      <c r="F13777" s="2" t="s">
        <v>7396</v>
      </c>
      <c r="G13777" s="8">
        <v>141</v>
      </c>
      <c r="H13777" s="5">
        <v>6</v>
      </c>
      <c r="I13777" s="5" t="s">
        <v>1518</v>
      </c>
      <c r="J13777" s="5" t="s">
        <v>40939</v>
      </c>
      <c r="K13777" s="2" t="s">
        <v>40940</v>
      </c>
      <c r="L13777" s="5" t="s">
        <v>40939</v>
      </c>
      <c r="M13777" s="2" t="s">
        <v>40940</v>
      </c>
      <c r="N13777" s="5" t="s">
        <v>36266</v>
      </c>
      <c r="O13777" s="5" t="s">
        <v>38</v>
      </c>
      <c r="P13777" s="5" t="s">
        <v>39</v>
      </c>
      <c r="Q13777" s="5" t="s">
        <v>40</v>
      </c>
      <c r="R13777" s="5" t="s">
        <v>1522</v>
      </c>
      <c r="S13777" s="5" t="s">
        <v>1523</v>
      </c>
      <c r="T13777" s="5" t="s">
        <v>42</v>
      </c>
      <c r="U13777" s="2">
        <v>1.476</v>
      </c>
      <c r="V13777" s="2">
        <v>0.9</v>
      </c>
      <c r="W13777" s="2">
        <v>1.7999999999999999E-2</v>
      </c>
      <c r="X13777" s="2">
        <v>139.1</v>
      </c>
      <c r="Y13777" s="2">
        <v>7.6</v>
      </c>
      <c r="Z13777" s="2">
        <v>16.7</v>
      </c>
      <c r="AA13777" s="5"/>
      <c r="AB13777" s="5" t="s">
        <v>43</v>
      </c>
      <c r="AC13777" s="5" t="s">
        <v>44</v>
      </c>
      <c r="AD13777" s="2"/>
      <c r="AE13777" s="1"/>
    </row>
    <row r="13778" spans="1:31" ht="14.45">
      <c r="A13778" s="11"/>
      <c r="B13778" s="20"/>
      <c r="C13778" s="2" t="s">
        <v>42285</v>
      </c>
      <c r="D13778" s="14" t="s">
        <v>42286</v>
      </c>
      <c r="E13778" s="2" t="s">
        <v>42287</v>
      </c>
      <c r="F13778" s="2" t="s">
        <v>7507</v>
      </c>
      <c r="G13778" s="8">
        <v>141</v>
      </c>
      <c r="H13778" s="5">
        <v>6</v>
      </c>
      <c r="I13778" s="5" t="s">
        <v>1518</v>
      </c>
      <c r="J13778" s="5" t="s">
        <v>40939</v>
      </c>
      <c r="K13778" s="2" t="s">
        <v>40940</v>
      </c>
      <c r="L13778" s="5" t="s">
        <v>40939</v>
      </c>
      <c r="M13778" s="2" t="s">
        <v>40940</v>
      </c>
      <c r="N13778" s="5" t="s">
        <v>36266</v>
      </c>
      <c r="O13778" s="5" t="s">
        <v>38</v>
      </c>
      <c r="P13778" s="5" t="s">
        <v>39</v>
      </c>
      <c r="Q13778" s="5" t="s">
        <v>40</v>
      </c>
      <c r="R13778" s="5" t="s">
        <v>1522</v>
      </c>
      <c r="S13778" s="5" t="s">
        <v>1523</v>
      </c>
      <c r="T13778" s="5" t="s">
        <v>42</v>
      </c>
      <c r="U13778" s="2">
        <v>1.4850000000000001</v>
      </c>
      <c r="V13778" s="2">
        <v>0.90900000000000003</v>
      </c>
      <c r="W13778" s="2">
        <v>1.7999999999999999E-2</v>
      </c>
      <c r="X13778" s="2">
        <v>139.1</v>
      </c>
      <c r="Y13778" s="2">
        <v>7.6</v>
      </c>
      <c r="Z13778" s="2">
        <v>16.7</v>
      </c>
      <c r="AA13778" s="5"/>
      <c r="AB13778" s="5" t="s">
        <v>43</v>
      </c>
      <c r="AC13778" s="5" t="s">
        <v>44</v>
      </c>
      <c r="AD13778" s="2"/>
      <c r="AE13778" s="1"/>
    </row>
    <row r="13779" spans="1:31" ht="14.45">
      <c r="A13779" s="11"/>
      <c r="B13779" s="20"/>
      <c r="C13779" s="2" t="s">
        <v>42288</v>
      </c>
      <c r="D13779" s="14" t="s">
        <v>42289</v>
      </c>
      <c r="E13779" s="2" t="s">
        <v>42290</v>
      </c>
      <c r="F13779" s="2" t="s">
        <v>41023</v>
      </c>
      <c r="G13779" s="8">
        <v>162</v>
      </c>
      <c r="H13779" s="5">
        <v>6</v>
      </c>
      <c r="I13779" s="5" t="s">
        <v>1518</v>
      </c>
      <c r="J13779" s="5" t="s">
        <v>40939</v>
      </c>
      <c r="K13779" s="2" t="s">
        <v>40940</v>
      </c>
      <c r="L13779" s="5" t="s">
        <v>40939</v>
      </c>
      <c r="M13779" s="2" t="s">
        <v>40940</v>
      </c>
      <c r="N13779" s="5" t="s">
        <v>36266</v>
      </c>
      <c r="O13779" s="5" t="s">
        <v>38</v>
      </c>
      <c r="P13779" s="5" t="s">
        <v>39</v>
      </c>
      <c r="Q13779" s="5" t="s">
        <v>40</v>
      </c>
      <c r="R13779" s="5" t="s">
        <v>1522</v>
      </c>
      <c r="S13779" s="5" t="s">
        <v>1523</v>
      </c>
      <c r="T13779" s="5" t="s">
        <v>42</v>
      </c>
      <c r="U13779" s="2">
        <v>1.4350000000000001</v>
      </c>
      <c r="V13779" s="2">
        <v>0.85899999999999999</v>
      </c>
      <c r="W13779" s="2">
        <v>1.7999999999999999E-2</v>
      </c>
      <c r="X13779" s="2">
        <v>139.1</v>
      </c>
      <c r="Y13779" s="2">
        <v>7.6</v>
      </c>
      <c r="Z13779" s="2">
        <v>16.7</v>
      </c>
      <c r="AA13779" s="5"/>
      <c r="AB13779" s="5" t="s">
        <v>43</v>
      </c>
      <c r="AC13779" s="5" t="s">
        <v>44</v>
      </c>
      <c r="AD13779" s="2"/>
      <c r="AE13779" s="1"/>
    </row>
    <row r="13780" spans="1:31" ht="14.45">
      <c r="A13780" s="11"/>
      <c r="B13780" s="20"/>
      <c r="C13780" s="2" t="s">
        <v>42291</v>
      </c>
      <c r="D13780" s="14" t="s">
        <v>42292</v>
      </c>
      <c r="E13780" s="2" t="s">
        <v>42293</v>
      </c>
      <c r="F13780" s="2" t="s">
        <v>41027</v>
      </c>
      <c r="G13780" s="8">
        <v>162</v>
      </c>
      <c r="H13780" s="5">
        <v>6</v>
      </c>
      <c r="I13780" s="5" t="s">
        <v>1518</v>
      </c>
      <c r="J13780" s="5" t="s">
        <v>40939</v>
      </c>
      <c r="K13780" s="2" t="s">
        <v>40940</v>
      </c>
      <c r="L13780" s="5" t="s">
        <v>40939</v>
      </c>
      <c r="M13780" s="2" t="s">
        <v>40940</v>
      </c>
      <c r="N13780" s="5" t="s">
        <v>36266</v>
      </c>
      <c r="O13780" s="5" t="s">
        <v>38</v>
      </c>
      <c r="P13780" s="5" t="s">
        <v>39</v>
      </c>
      <c r="Q13780" s="5" t="s">
        <v>40</v>
      </c>
      <c r="R13780" s="5" t="s">
        <v>1522</v>
      </c>
      <c r="S13780" s="5" t="s">
        <v>1523</v>
      </c>
      <c r="T13780" s="5" t="s">
        <v>42</v>
      </c>
      <c r="U13780" s="2">
        <v>1.444</v>
      </c>
      <c r="V13780" s="2">
        <v>0.86799999999999999</v>
      </c>
      <c r="W13780" s="2">
        <v>1.7999999999999999E-2</v>
      </c>
      <c r="X13780" s="2">
        <v>139.1</v>
      </c>
      <c r="Y13780" s="2">
        <v>7.6</v>
      </c>
      <c r="Z13780" s="2">
        <v>16.7</v>
      </c>
      <c r="AA13780" s="5"/>
      <c r="AB13780" s="5" t="s">
        <v>43</v>
      </c>
      <c r="AC13780" s="5" t="s">
        <v>44</v>
      </c>
      <c r="AD13780" s="2"/>
      <c r="AE13780" s="1"/>
    </row>
    <row r="13781" spans="1:31" ht="14.45">
      <c r="A13781" s="11"/>
      <c r="B13781" s="20"/>
      <c r="C13781" s="2" t="s">
        <v>42294</v>
      </c>
      <c r="D13781" s="14" t="s">
        <v>42295</v>
      </c>
      <c r="E13781" s="2" t="s">
        <v>42296</v>
      </c>
      <c r="F13781" s="2" t="s">
        <v>41031</v>
      </c>
      <c r="G13781" s="8">
        <v>162</v>
      </c>
      <c r="H13781" s="5">
        <v>6</v>
      </c>
      <c r="I13781" s="5" t="s">
        <v>1518</v>
      </c>
      <c r="J13781" s="5" t="s">
        <v>40939</v>
      </c>
      <c r="K13781" s="2" t="s">
        <v>40940</v>
      </c>
      <c r="L13781" s="5" t="s">
        <v>40939</v>
      </c>
      <c r="M13781" s="2" t="s">
        <v>40940</v>
      </c>
      <c r="N13781" s="5" t="s">
        <v>36266</v>
      </c>
      <c r="O13781" s="5" t="s">
        <v>38</v>
      </c>
      <c r="P13781" s="5" t="s">
        <v>39</v>
      </c>
      <c r="Q13781" s="5" t="s">
        <v>40</v>
      </c>
      <c r="R13781" s="5" t="s">
        <v>1522</v>
      </c>
      <c r="S13781" s="5" t="s">
        <v>1523</v>
      </c>
      <c r="T13781" s="5" t="s">
        <v>42</v>
      </c>
      <c r="U13781" s="2">
        <v>1.4350000000000001</v>
      </c>
      <c r="V13781" s="2">
        <v>0.85899999999999999</v>
      </c>
      <c r="W13781" s="2">
        <v>1.7999999999999999E-2</v>
      </c>
      <c r="X13781" s="2">
        <v>139.1</v>
      </c>
      <c r="Y13781" s="2">
        <v>7.6</v>
      </c>
      <c r="Z13781" s="2">
        <v>16.7</v>
      </c>
      <c r="AA13781" s="5"/>
      <c r="AB13781" s="5" t="s">
        <v>43</v>
      </c>
      <c r="AC13781" s="5" t="s">
        <v>44</v>
      </c>
      <c r="AD13781" s="2"/>
      <c r="AE13781" s="1"/>
    </row>
    <row r="13782" spans="1:31" ht="14.45">
      <c r="A13782" s="11"/>
      <c r="B13782" s="20"/>
      <c r="C13782" s="2" t="s">
        <v>42297</v>
      </c>
      <c r="D13782" s="14" t="s">
        <v>42298</v>
      </c>
      <c r="E13782" s="2" t="s">
        <v>42299</v>
      </c>
      <c r="F13782" s="2" t="s">
        <v>41035</v>
      </c>
      <c r="G13782" s="8">
        <v>162</v>
      </c>
      <c r="H13782" s="5">
        <v>6</v>
      </c>
      <c r="I13782" s="5" t="s">
        <v>1518</v>
      </c>
      <c r="J13782" s="5" t="s">
        <v>40939</v>
      </c>
      <c r="K13782" s="2" t="s">
        <v>40940</v>
      </c>
      <c r="L13782" s="5" t="s">
        <v>40939</v>
      </c>
      <c r="M13782" s="2" t="s">
        <v>40940</v>
      </c>
      <c r="N13782" s="5" t="s">
        <v>36266</v>
      </c>
      <c r="O13782" s="5" t="s">
        <v>38</v>
      </c>
      <c r="P13782" s="5" t="s">
        <v>39</v>
      </c>
      <c r="Q13782" s="5" t="s">
        <v>40</v>
      </c>
      <c r="R13782" s="5" t="s">
        <v>1522</v>
      </c>
      <c r="S13782" s="5" t="s">
        <v>1523</v>
      </c>
      <c r="T13782" s="5" t="s">
        <v>42</v>
      </c>
      <c r="U13782" s="2">
        <v>1.444</v>
      </c>
      <c r="V13782" s="2">
        <v>0.86799999999999999</v>
      </c>
      <c r="W13782" s="2">
        <v>1.7999999999999999E-2</v>
      </c>
      <c r="X13782" s="2">
        <v>139.1</v>
      </c>
      <c r="Y13782" s="2">
        <v>7.6</v>
      </c>
      <c r="Z13782" s="2">
        <v>16.7</v>
      </c>
      <c r="AA13782" s="5"/>
      <c r="AB13782" s="5" t="s">
        <v>43</v>
      </c>
      <c r="AC13782" s="5" t="s">
        <v>44</v>
      </c>
      <c r="AD13782" s="2"/>
      <c r="AE13782" s="1"/>
    </row>
    <row r="13783" spans="1:31" ht="14.45">
      <c r="A13783" s="11"/>
      <c r="B13783" s="20"/>
      <c r="C13783" s="2" t="s">
        <v>42300</v>
      </c>
      <c r="D13783" s="14" t="s">
        <v>42301</v>
      </c>
      <c r="E13783" s="2" t="s">
        <v>42302</v>
      </c>
      <c r="F13783" s="2" t="s">
        <v>7449</v>
      </c>
      <c r="G13783" s="8">
        <v>162</v>
      </c>
      <c r="H13783" s="5">
        <v>6</v>
      </c>
      <c r="I13783" s="5" t="s">
        <v>1518</v>
      </c>
      <c r="J13783" s="5" t="s">
        <v>40939</v>
      </c>
      <c r="K13783" s="2" t="s">
        <v>40940</v>
      </c>
      <c r="L13783" s="5" t="s">
        <v>40939</v>
      </c>
      <c r="M13783" s="2" t="s">
        <v>40940</v>
      </c>
      <c r="N13783" s="5" t="s">
        <v>36266</v>
      </c>
      <c r="O13783" s="5" t="s">
        <v>38</v>
      </c>
      <c r="P13783" s="5" t="s">
        <v>39</v>
      </c>
      <c r="Q13783" s="5" t="s">
        <v>40</v>
      </c>
      <c r="R13783" s="5" t="s">
        <v>1522</v>
      </c>
      <c r="S13783" s="5" t="s">
        <v>1523</v>
      </c>
      <c r="T13783" s="5" t="s">
        <v>42</v>
      </c>
      <c r="U13783" s="2">
        <v>1.4350000000000001</v>
      </c>
      <c r="V13783" s="2">
        <v>0.85899999999999999</v>
      </c>
      <c r="W13783" s="2">
        <v>1.7999999999999999E-2</v>
      </c>
      <c r="X13783" s="2">
        <v>139.1</v>
      </c>
      <c r="Y13783" s="2">
        <v>7.6</v>
      </c>
      <c r="Z13783" s="2">
        <v>16.7</v>
      </c>
      <c r="AA13783" s="5"/>
      <c r="AB13783" s="5" t="s">
        <v>43</v>
      </c>
      <c r="AC13783" s="5" t="s">
        <v>44</v>
      </c>
      <c r="AD13783" s="2"/>
      <c r="AE13783" s="1"/>
    </row>
    <row r="13784" spans="1:31" ht="14.45">
      <c r="A13784" s="11"/>
      <c r="B13784" s="20"/>
      <c r="C13784" s="2" t="s">
        <v>42303</v>
      </c>
      <c r="D13784" s="14" t="s">
        <v>42304</v>
      </c>
      <c r="E13784" s="2" t="s">
        <v>42305</v>
      </c>
      <c r="F13784" s="2" t="s">
        <v>7581</v>
      </c>
      <c r="G13784" s="8">
        <v>162</v>
      </c>
      <c r="H13784" s="5">
        <v>6</v>
      </c>
      <c r="I13784" s="5" t="s">
        <v>1518</v>
      </c>
      <c r="J13784" s="5" t="s">
        <v>40939</v>
      </c>
      <c r="K13784" s="2" t="s">
        <v>40940</v>
      </c>
      <c r="L13784" s="5" t="s">
        <v>40939</v>
      </c>
      <c r="M13784" s="2" t="s">
        <v>40940</v>
      </c>
      <c r="N13784" s="5" t="s">
        <v>36266</v>
      </c>
      <c r="O13784" s="5" t="s">
        <v>38</v>
      </c>
      <c r="P13784" s="5" t="s">
        <v>39</v>
      </c>
      <c r="Q13784" s="5" t="s">
        <v>40</v>
      </c>
      <c r="R13784" s="5" t="s">
        <v>1522</v>
      </c>
      <c r="S13784" s="5" t="s">
        <v>1523</v>
      </c>
      <c r="T13784" s="5" t="s">
        <v>42</v>
      </c>
      <c r="U13784" s="2">
        <v>1.444</v>
      </c>
      <c r="V13784" s="2">
        <v>0.86799999999999999</v>
      </c>
      <c r="W13784" s="2">
        <v>1.7999999999999999E-2</v>
      </c>
      <c r="X13784" s="2">
        <v>139.1</v>
      </c>
      <c r="Y13784" s="2">
        <v>7.6</v>
      </c>
      <c r="Z13784" s="2">
        <v>16.7</v>
      </c>
      <c r="AA13784" s="5"/>
      <c r="AB13784" s="5" t="s">
        <v>43</v>
      </c>
      <c r="AC13784" s="5" t="s">
        <v>44</v>
      </c>
      <c r="AD13784" s="2"/>
      <c r="AE13784" s="1"/>
    </row>
    <row r="13785" spans="1:31" ht="14.45">
      <c r="A13785" s="11"/>
      <c r="B13785" s="20"/>
      <c r="C13785" s="2" t="s">
        <v>42306</v>
      </c>
      <c r="D13785" s="14" t="s">
        <v>42307</v>
      </c>
      <c r="E13785" s="2" t="s">
        <v>42308</v>
      </c>
      <c r="F13785" s="2" t="s">
        <v>41045</v>
      </c>
      <c r="G13785" s="8">
        <v>162</v>
      </c>
      <c r="H13785" s="5">
        <v>6</v>
      </c>
      <c r="I13785" s="5" t="s">
        <v>1518</v>
      </c>
      <c r="J13785" s="5" t="s">
        <v>40939</v>
      </c>
      <c r="K13785" s="2" t="s">
        <v>40940</v>
      </c>
      <c r="L13785" s="5" t="s">
        <v>40939</v>
      </c>
      <c r="M13785" s="2" t="s">
        <v>40940</v>
      </c>
      <c r="N13785" s="5" t="s">
        <v>36266</v>
      </c>
      <c r="O13785" s="5" t="s">
        <v>38</v>
      </c>
      <c r="P13785" s="5" t="s">
        <v>39</v>
      </c>
      <c r="Q13785" s="5" t="s">
        <v>40</v>
      </c>
      <c r="R13785" s="5" t="s">
        <v>1522</v>
      </c>
      <c r="S13785" s="5" t="s">
        <v>1523</v>
      </c>
      <c r="T13785" s="5" t="s">
        <v>42</v>
      </c>
      <c r="U13785" s="2">
        <v>1.484</v>
      </c>
      <c r="V13785" s="2">
        <v>0.90800000000000003</v>
      </c>
      <c r="W13785" s="2">
        <v>1.7999999999999999E-2</v>
      </c>
      <c r="X13785" s="2">
        <v>139.1</v>
      </c>
      <c r="Y13785" s="2">
        <v>7.6</v>
      </c>
      <c r="Z13785" s="2">
        <v>16.7</v>
      </c>
      <c r="AA13785" s="5"/>
      <c r="AB13785" s="5" t="s">
        <v>43</v>
      </c>
      <c r="AC13785" s="5" t="s">
        <v>44</v>
      </c>
      <c r="AD13785" s="2"/>
      <c r="AE13785" s="1"/>
    </row>
    <row r="13786" spans="1:31" ht="14.45">
      <c r="A13786" s="11"/>
      <c r="B13786" s="20"/>
      <c r="C13786" s="2" t="s">
        <v>42309</v>
      </c>
      <c r="D13786" s="14" t="s">
        <v>42310</v>
      </c>
      <c r="E13786" s="2" t="s">
        <v>42311</v>
      </c>
      <c r="F13786" s="2" t="s">
        <v>41049</v>
      </c>
      <c r="G13786" s="8">
        <v>162</v>
      </c>
      <c r="H13786" s="5">
        <v>6</v>
      </c>
      <c r="I13786" s="5" t="s">
        <v>1518</v>
      </c>
      <c r="J13786" s="5" t="s">
        <v>40939</v>
      </c>
      <c r="K13786" s="2" t="s">
        <v>40940</v>
      </c>
      <c r="L13786" s="5" t="s">
        <v>40939</v>
      </c>
      <c r="M13786" s="2" t="s">
        <v>40940</v>
      </c>
      <c r="N13786" s="5" t="s">
        <v>36266</v>
      </c>
      <c r="O13786" s="5" t="s">
        <v>38</v>
      </c>
      <c r="P13786" s="5" t="s">
        <v>39</v>
      </c>
      <c r="Q13786" s="5" t="s">
        <v>40</v>
      </c>
      <c r="R13786" s="5" t="s">
        <v>1522</v>
      </c>
      <c r="S13786" s="5" t="s">
        <v>1523</v>
      </c>
      <c r="T13786" s="5" t="s">
        <v>42</v>
      </c>
      <c r="U13786" s="2">
        <v>1.4930000000000001</v>
      </c>
      <c r="V13786" s="2">
        <v>0.91700000000000004</v>
      </c>
      <c r="W13786" s="2">
        <v>1.7999999999999999E-2</v>
      </c>
      <c r="X13786" s="2">
        <v>139.1</v>
      </c>
      <c r="Y13786" s="2">
        <v>7.6</v>
      </c>
      <c r="Z13786" s="2">
        <v>16.7</v>
      </c>
      <c r="AA13786" s="5"/>
      <c r="AB13786" s="5" t="s">
        <v>43</v>
      </c>
      <c r="AC13786" s="5" t="s">
        <v>44</v>
      </c>
      <c r="AD13786" s="2"/>
      <c r="AE13786" s="1"/>
    </row>
    <row r="13787" spans="1:31" ht="14.45">
      <c r="A13787" s="11"/>
      <c r="B13787" s="20"/>
      <c r="C13787" s="2" t="s">
        <v>42312</v>
      </c>
      <c r="D13787" s="14" t="s">
        <v>42313</v>
      </c>
      <c r="E13787" s="2" t="s">
        <v>42314</v>
      </c>
      <c r="F13787" s="2" t="s">
        <v>7204</v>
      </c>
      <c r="G13787" s="8">
        <v>149</v>
      </c>
      <c r="H13787" s="5">
        <v>6</v>
      </c>
      <c r="I13787" s="5" t="s">
        <v>1518</v>
      </c>
      <c r="J13787" s="5" t="s">
        <v>40939</v>
      </c>
      <c r="K13787" s="2" t="s">
        <v>40940</v>
      </c>
      <c r="L13787" s="5" t="s">
        <v>40939</v>
      </c>
      <c r="M13787" s="2" t="s">
        <v>40940</v>
      </c>
      <c r="N13787" s="5" t="s">
        <v>36266</v>
      </c>
      <c r="O13787" s="5" t="s">
        <v>38</v>
      </c>
      <c r="P13787" s="5" t="s">
        <v>39</v>
      </c>
      <c r="Q13787" s="5" t="s">
        <v>40</v>
      </c>
      <c r="R13787" s="5" t="s">
        <v>1522</v>
      </c>
      <c r="S13787" s="5" t="s">
        <v>1523</v>
      </c>
      <c r="T13787" s="5" t="s">
        <v>42</v>
      </c>
      <c r="U13787" s="2">
        <v>1.5960000000000001</v>
      </c>
      <c r="V13787" s="2">
        <v>0.93700000000000006</v>
      </c>
      <c r="W13787" s="2">
        <v>0.02</v>
      </c>
      <c r="X13787" s="2">
        <v>159.1</v>
      </c>
      <c r="Y13787" s="2">
        <v>7.6</v>
      </c>
      <c r="Z13787" s="2">
        <v>16.7</v>
      </c>
      <c r="AA13787" s="5"/>
      <c r="AB13787" s="5" t="s">
        <v>43</v>
      </c>
      <c r="AC13787" s="5" t="s">
        <v>44</v>
      </c>
      <c r="AD13787" s="2"/>
      <c r="AE13787" s="1"/>
    </row>
    <row r="13788" spans="1:31" ht="14.45">
      <c r="A13788" s="11"/>
      <c r="B13788" s="20"/>
      <c r="C13788" s="2" t="s">
        <v>42315</v>
      </c>
      <c r="D13788" s="14" t="s">
        <v>42316</v>
      </c>
      <c r="E13788" s="2" t="s">
        <v>42317</v>
      </c>
      <c r="F13788" s="2" t="s">
        <v>7514</v>
      </c>
      <c r="G13788" s="8">
        <v>149</v>
      </c>
      <c r="H13788" s="5">
        <v>6</v>
      </c>
      <c r="I13788" s="5" t="s">
        <v>1518</v>
      </c>
      <c r="J13788" s="5" t="s">
        <v>40939</v>
      </c>
      <c r="K13788" s="2" t="s">
        <v>40940</v>
      </c>
      <c r="L13788" s="5" t="s">
        <v>40939</v>
      </c>
      <c r="M13788" s="2" t="s">
        <v>40940</v>
      </c>
      <c r="N13788" s="5" t="s">
        <v>36266</v>
      </c>
      <c r="O13788" s="5" t="s">
        <v>38</v>
      </c>
      <c r="P13788" s="5" t="s">
        <v>39</v>
      </c>
      <c r="Q13788" s="5" t="s">
        <v>40</v>
      </c>
      <c r="R13788" s="5" t="s">
        <v>1522</v>
      </c>
      <c r="S13788" s="5" t="s">
        <v>1523</v>
      </c>
      <c r="T13788" s="5" t="s">
        <v>42</v>
      </c>
      <c r="U13788" s="2">
        <v>1.603</v>
      </c>
      <c r="V13788" s="2">
        <v>0.94399999999999995</v>
      </c>
      <c r="W13788" s="2">
        <v>0.02</v>
      </c>
      <c r="X13788" s="2">
        <v>159.1</v>
      </c>
      <c r="Y13788" s="2">
        <v>7.6</v>
      </c>
      <c r="Z13788" s="2">
        <v>16.7</v>
      </c>
      <c r="AA13788" s="5"/>
      <c r="AB13788" s="5" t="s">
        <v>43</v>
      </c>
      <c r="AC13788" s="5" t="s">
        <v>44</v>
      </c>
      <c r="AD13788" s="2"/>
      <c r="AE13788" s="1"/>
    </row>
    <row r="13789" spans="1:31" ht="14.45">
      <c r="A13789" s="11"/>
      <c r="B13789" s="20"/>
      <c r="C13789" s="2" t="s">
        <v>42318</v>
      </c>
      <c r="D13789" s="14" t="s">
        <v>42319</v>
      </c>
      <c r="E13789" s="2" t="s">
        <v>42320</v>
      </c>
      <c r="F13789" s="2" t="s">
        <v>40947</v>
      </c>
      <c r="G13789" s="8">
        <v>171</v>
      </c>
      <c r="H13789" s="5">
        <v>6</v>
      </c>
      <c r="I13789" s="5" t="s">
        <v>1518</v>
      </c>
      <c r="J13789" s="5" t="s">
        <v>40939</v>
      </c>
      <c r="K13789" s="2" t="s">
        <v>40940</v>
      </c>
      <c r="L13789" s="5" t="s">
        <v>40939</v>
      </c>
      <c r="M13789" s="2" t="s">
        <v>40940</v>
      </c>
      <c r="N13789" s="5" t="s">
        <v>36266</v>
      </c>
      <c r="O13789" s="5" t="s">
        <v>38</v>
      </c>
      <c r="P13789" s="5" t="s">
        <v>39</v>
      </c>
      <c r="Q13789" s="5" t="s">
        <v>40</v>
      </c>
      <c r="R13789" s="5" t="s">
        <v>1522</v>
      </c>
      <c r="S13789" s="5" t="s">
        <v>1523</v>
      </c>
      <c r="T13789" s="5" t="s">
        <v>42</v>
      </c>
      <c r="U13789" s="2">
        <v>1.6140000000000001</v>
      </c>
      <c r="V13789" s="2">
        <v>0.95499999999999996</v>
      </c>
      <c r="W13789" s="2">
        <v>0.02</v>
      </c>
      <c r="X13789" s="2">
        <v>159.1</v>
      </c>
      <c r="Y13789" s="2">
        <v>7.6</v>
      </c>
      <c r="Z13789" s="2">
        <v>16.7</v>
      </c>
      <c r="AA13789" s="5"/>
      <c r="AB13789" s="5" t="s">
        <v>43</v>
      </c>
      <c r="AC13789" s="5" t="s">
        <v>44</v>
      </c>
      <c r="AD13789" s="2"/>
      <c r="AE13789" s="1"/>
    </row>
    <row r="13790" spans="1:31" ht="14.45">
      <c r="A13790" s="11"/>
      <c r="B13790" s="20"/>
      <c r="C13790" s="2" t="s">
        <v>42321</v>
      </c>
      <c r="D13790" s="14" t="s">
        <v>42322</v>
      </c>
      <c r="E13790" s="2" t="s">
        <v>42323</v>
      </c>
      <c r="F13790" s="2" t="s">
        <v>40951</v>
      </c>
      <c r="G13790" s="8">
        <v>171</v>
      </c>
      <c r="H13790" s="5">
        <v>6</v>
      </c>
      <c r="I13790" s="5" t="s">
        <v>1518</v>
      </c>
      <c r="J13790" s="5" t="s">
        <v>40939</v>
      </c>
      <c r="K13790" s="2" t="s">
        <v>40940</v>
      </c>
      <c r="L13790" s="5" t="s">
        <v>40939</v>
      </c>
      <c r="M13790" s="2" t="s">
        <v>40940</v>
      </c>
      <c r="N13790" s="5" t="s">
        <v>36266</v>
      </c>
      <c r="O13790" s="5" t="s">
        <v>38</v>
      </c>
      <c r="P13790" s="5" t="s">
        <v>39</v>
      </c>
      <c r="Q13790" s="5" t="s">
        <v>40</v>
      </c>
      <c r="R13790" s="5" t="s">
        <v>1522</v>
      </c>
      <c r="S13790" s="5" t="s">
        <v>1523</v>
      </c>
      <c r="T13790" s="5" t="s">
        <v>42</v>
      </c>
      <c r="U13790" s="2">
        <v>1.621</v>
      </c>
      <c r="V13790" s="2">
        <v>0.96199999999999997</v>
      </c>
      <c r="W13790" s="2">
        <v>0.02</v>
      </c>
      <c r="X13790" s="2">
        <v>159.1</v>
      </c>
      <c r="Y13790" s="2">
        <v>7.6</v>
      </c>
      <c r="Z13790" s="2">
        <v>16.7</v>
      </c>
      <c r="AA13790" s="5"/>
      <c r="AB13790" s="5" t="s">
        <v>43</v>
      </c>
      <c r="AC13790" s="5" t="s">
        <v>44</v>
      </c>
      <c r="AD13790" s="2"/>
      <c r="AE13790" s="1"/>
    </row>
    <row r="13791" spans="1:31" ht="14.45">
      <c r="A13791" s="11"/>
      <c r="B13791" s="20"/>
      <c r="C13791" s="2" t="s">
        <v>42324</v>
      </c>
      <c r="D13791" s="14" t="s">
        <v>42325</v>
      </c>
      <c r="E13791" s="2" t="s">
        <v>42326</v>
      </c>
      <c r="F13791" s="2" t="s">
        <v>7208</v>
      </c>
      <c r="G13791" s="8">
        <v>149</v>
      </c>
      <c r="H13791" s="5">
        <v>6</v>
      </c>
      <c r="I13791" s="5" t="s">
        <v>1518</v>
      </c>
      <c r="J13791" s="5" t="s">
        <v>40939</v>
      </c>
      <c r="K13791" s="2" t="s">
        <v>40940</v>
      </c>
      <c r="L13791" s="5" t="s">
        <v>40939</v>
      </c>
      <c r="M13791" s="2" t="s">
        <v>40940</v>
      </c>
      <c r="N13791" s="5" t="s">
        <v>36266</v>
      </c>
      <c r="O13791" s="5" t="s">
        <v>38</v>
      </c>
      <c r="P13791" s="5" t="s">
        <v>39</v>
      </c>
      <c r="Q13791" s="5" t="s">
        <v>40</v>
      </c>
      <c r="R13791" s="5" t="s">
        <v>1522</v>
      </c>
      <c r="S13791" s="5" t="s">
        <v>1523</v>
      </c>
      <c r="T13791" s="5" t="s">
        <v>42</v>
      </c>
      <c r="U13791" s="2">
        <v>1.623</v>
      </c>
      <c r="V13791" s="2">
        <v>0.96399999999999997</v>
      </c>
      <c r="W13791" s="2">
        <v>0.02</v>
      </c>
      <c r="X13791" s="2">
        <v>159.1</v>
      </c>
      <c r="Y13791" s="2">
        <v>7.6</v>
      </c>
      <c r="Z13791" s="2">
        <v>16.7</v>
      </c>
      <c r="AA13791" s="5"/>
      <c r="AB13791" s="5" t="s">
        <v>43</v>
      </c>
      <c r="AC13791" s="5" t="s">
        <v>44</v>
      </c>
      <c r="AD13791" s="2"/>
      <c r="AE13791" s="1"/>
    </row>
    <row r="13792" spans="1:31" ht="14.45">
      <c r="A13792" s="11"/>
      <c r="B13792" s="20"/>
      <c r="C13792" s="2" t="s">
        <v>42327</v>
      </c>
      <c r="D13792" s="14" t="s">
        <v>42328</v>
      </c>
      <c r="E13792" s="2" t="s">
        <v>42329</v>
      </c>
      <c r="F13792" s="2" t="s">
        <v>7521</v>
      </c>
      <c r="G13792" s="8">
        <v>149</v>
      </c>
      <c r="H13792" s="5">
        <v>6</v>
      </c>
      <c r="I13792" s="5" t="s">
        <v>1518</v>
      </c>
      <c r="J13792" s="5" t="s">
        <v>40939</v>
      </c>
      <c r="K13792" s="2" t="s">
        <v>40940</v>
      </c>
      <c r="L13792" s="5" t="s">
        <v>40939</v>
      </c>
      <c r="M13792" s="2" t="s">
        <v>40940</v>
      </c>
      <c r="N13792" s="5" t="s">
        <v>36266</v>
      </c>
      <c r="O13792" s="5" t="s">
        <v>38</v>
      </c>
      <c r="P13792" s="5" t="s">
        <v>39</v>
      </c>
      <c r="Q13792" s="5" t="s">
        <v>40</v>
      </c>
      <c r="R13792" s="5" t="s">
        <v>1522</v>
      </c>
      <c r="S13792" s="5" t="s">
        <v>1523</v>
      </c>
      <c r="T13792" s="5" t="s">
        <v>42</v>
      </c>
      <c r="U13792" s="2">
        <v>1.63</v>
      </c>
      <c r="V13792" s="2">
        <v>0.97099999999999997</v>
      </c>
      <c r="W13792" s="2">
        <v>0.02</v>
      </c>
      <c r="X13792" s="2">
        <v>159.1</v>
      </c>
      <c r="Y13792" s="2">
        <v>7.6</v>
      </c>
      <c r="Z13792" s="2">
        <v>16.7</v>
      </c>
      <c r="AA13792" s="5"/>
      <c r="AB13792" s="5" t="s">
        <v>43</v>
      </c>
      <c r="AC13792" s="5" t="s">
        <v>44</v>
      </c>
      <c r="AD13792" s="2"/>
      <c r="AE13792" s="1"/>
    </row>
    <row r="13793" spans="1:31" ht="14.45">
      <c r="A13793" s="11"/>
      <c r="B13793" s="20"/>
      <c r="C13793" s="2" t="s">
        <v>42330</v>
      </c>
      <c r="D13793" s="14" t="s">
        <v>42331</v>
      </c>
      <c r="E13793" s="2" t="s">
        <v>42332</v>
      </c>
      <c r="F13793" s="2" t="s">
        <v>36273</v>
      </c>
      <c r="G13793" s="8">
        <v>149</v>
      </c>
      <c r="H13793" s="5">
        <v>6</v>
      </c>
      <c r="I13793" s="5" t="s">
        <v>1518</v>
      </c>
      <c r="J13793" s="5" t="s">
        <v>40939</v>
      </c>
      <c r="K13793" s="2" t="s">
        <v>40940</v>
      </c>
      <c r="L13793" s="5" t="s">
        <v>40939</v>
      </c>
      <c r="M13793" s="2" t="s">
        <v>40940</v>
      </c>
      <c r="N13793" s="5" t="s">
        <v>36266</v>
      </c>
      <c r="O13793" s="5" t="s">
        <v>38</v>
      </c>
      <c r="P13793" s="5" t="s">
        <v>39</v>
      </c>
      <c r="Q13793" s="5" t="s">
        <v>40</v>
      </c>
      <c r="R13793" s="5" t="s">
        <v>1522</v>
      </c>
      <c r="S13793" s="5" t="s">
        <v>1523</v>
      </c>
      <c r="T13793" s="5" t="s">
        <v>42</v>
      </c>
      <c r="U13793" s="2">
        <v>1.641</v>
      </c>
      <c r="V13793" s="2">
        <v>0.98199999999999998</v>
      </c>
      <c r="W13793" s="2">
        <v>0.02</v>
      </c>
      <c r="X13793" s="2">
        <v>159.1</v>
      </c>
      <c r="Y13793" s="2">
        <v>7.6</v>
      </c>
      <c r="Z13793" s="2">
        <v>16.7</v>
      </c>
      <c r="AA13793" s="5"/>
      <c r="AB13793" s="5" t="s">
        <v>43</v>
      </c>
      <c r="AC13793" s="5" t="s">
        <v>44</v>
      </c>
      <c r="AD13793" s="2"/>
      <c r="AE13793" s="1"/>
    </row>
    <row r="13794" spans="1:31" ht="14.45">
      <c r="A13794" s="11"/>
      <c r="B13794" s="20"/>
      <c r="C13794" s="2" t="s">
        <v>42333</v>
      </c>
      <c r="D13794" s="14" t="s">
        <v>42334</v>
      </c>
      <c r="E13794" s="2" t="s">
        <v>42335</v>
      </c>
      <c r="F13794" s="2" t="s">
        <v>36277</v>
      </c>
      <c r="G13794" s="8">
        <v>149</v>
      </c>
      <c r="H13794" s="5">
        <v>6</v>
      </c>
      <c r="I13794" s="5" t="s">
        <v>1518</v>
      </c>
      <c r="J13794" s="5" t="s">
        <v>40939</v>
      </c>
      <c r="K13794" s="2" t="s">
        <v>40940</v>
      </c>
      <c r="L13794" s="5" t="s">
        <v>40939</v>
      </c>
      <c r="M13794" s="2" t="s">
        <v>40940</v>
      </c>
      <c r="N13794" s="5" t="s">
        <v>36266</v>
      </c>
      <c r="O13794" s="5" t="s">
        <v>38</v>
      </c>
      <c r="P13794" s="5" t="s">
        <v>39</v>
      </c>
      <c r="Q13794" s="5" t="s">
        <v>40</v>
      </c>
      <c r="R13794" s="5" t="s">
        <v>1522</v>
      </c>
      <c r="S13794" s="5" t="s">
        <v>1523</v>
      </c>
      <c r="T13794" s="5" t="s">
        <v>42</v>
      </c>
      <c r="U13794" s="2">
        <v>1.6479999999999999</v>
      </c>
      <c r="V13794" s="2">
        <v>0.98899999999999999</v>
      </c>
      <c r="W13794" s="2">
        <v>0.02</v>
      </c>
      <c r="X13794" s="2">
        <v>159.1</v>
      </c>
      <c r="Y13794" s="2">
        <v>7.6</v>
      </c>
      <c r="Z13794" s="2">
        <v>16.7</v>
      </c>
      <c r="AA13794" s="5"/>
      <c r="AB13794" s="5" t="s">
        <v>43</v>
      </c>
      <c r="AC13794" s="5" t="s">
        <v>44</v>
      </c>
      <c r="AD13794" s="2"/>
      <c r="AE13794" s="1"/>
    </row>
    <row r="13795" spans="1:31" ht="14.45">
      <c r="A13795" s="11"/>
      <c r="B13795" s="20"/>
      <c r="C13795" s="2" t="s">
        <v>42336</v>
      </c>
      <c r="D13795" s="14" t="s">
        <v>42337</v>
      </c>
      <c r="E13795" s="2" t="s">
        <v>42338</v>
      </c>
      <c r="F13795" s="2" t="s">
        <v>40967</v>
      </c>
      <c r="G13795" s="8">
        <v>171</v>
      </c>
      <c r="H13795" s="5">
        <v>6</v>
      </c>
      <c r="I13795" s="5" t="s">
        <v>1518</v>
      </c>
      <c r="J13795" s="5" t="s">
        <v>40939</v>
      </c>
      <c r="K13795" s="2" t="s">
        <v>40940</v>
      </c>
      <c r="L13795" s="5" t="s">
        <v>40939</v>
      </c>
      <c r="M13795" s="2" t="s">
        <v>40940</v>
      </c>
      <c r="N13795" s="5" t="s">
        <v>36266</v>
      </c>
      <c r="O13795" s="5" t="s">
        <v>38</v>
      </c>
      <c r="P13795" s="5" t="s">
        <v>39</v>
      </c>
      <c r="Q13795" s="5" t="s">
        <v>40</v>
      </c>
      <c r="R13795" s="5" t="s">
        <v>1522</v>
      </c>
      <c r="S13795" s="5" t="s">
        <v>1523</v>
      </c>
      <c r="T13795" s="5" t="s">
        <v>42</v>
      </c>
      <c r="U13795" s="2">
        <v>1.623</v>
      </c>
      <c r="V13795" s="2">
        <v>0.96399999999999997</v>
      </c>
      <c r="W13795" s="2">
        <v>0.02</v>
      </c>
      <c r="X13795" s="2">
        <v>159.1</v>
      </c>
      <c r="Y13795" s="2">
        <v>7.6</v>
      </c>
      <c r="Z13795" s="2">
        <v>16.7</v>
      </c>
      <c r="AA13795" s="5"/>
      <c r="AB13795" s="5" t="s">
        <v>43</v>
      </c>
      <c r="AC13795" s="5" t="s">
        <v>44</v>
      </c>
      <c r="AD13795" s="2"/>
      <c r="AE13795" s="1"/>
    </row>
    <row r="13796" spans="1:31" ht="14.45">
      <c r="A13796" s="11"/>
      <c r="B13796" s="20"/>
      <c r="C13796" s="2" t="s">
        <v>42339</v>
      </c>
      <c r="D13796" s="14" t="s">
        <v>42340</v>
      </c>
      <c r="E13796" s="2" t="s">
        <v>42341</v>
      </c>
      <c r="F13796" s="2" t="s">
        <v>40971</v>
      </c>
      <c r="G13796" s="8">
        <v>171</v>
      </c>
      <c r="H13796" s="5">
        <v>6</v>
      </c>
      <c r="I13796" s="5" t="s">
        <v>1518</v>
      </c>
      <c r="J13796" s="5" t="s">
        <v>40939</v>
      </c>
      <c r="K13796" s="2" t="s">
        <v>40940</v>
      </c>
      <c r="L13796" s="5" t="s">
        <v>40939</v>
      </c>
      <c r="M13796" s="2" t="s">
        <v>40940</v>
      </c>
      <c r="N13796" s="5" t="s">
        <v>36266</v>
      </c>
      <c r="O13796" s="5" t="s">
        <v>38</v>
      </c>
      <c r="P13796" s="5" t="s">
        <v>39</v>
      </c>
      <c r="Q13796" s="5" t="s">
        <v>40</v>
      </c>
      <c r="R13796" s="5" t="s">
        <v>1522</v>
      </c>
      <c r="S13796" s="5" t="s">
        <v>1523</v>
      </c>
      <c r="T13796" s="5" t="s">
        <v>42</v>
      </c>
      <c r="U13796" s="2">
        <v>1.63</v>
      </c>
      <c r="V13796" s="2">
        <v>0.97099999999999997</v>
      </c>
      <c r="W13796" s="2">
        <v>0.02</v>
      </c>
      <c r="X13796" s="2">
        <v>159.1</v>
      </c>
      <c r="Y13796" s="2">
        <v>7.6</v>
      </c>
      <c r="Z13796" s="2">
        <v>16.7</v>
      </c>
      <c r="AA13796" s="5"/>
      <c r="AB13796" s="5" t="s">
        <v>43</v>
      </c>
      <c r="AC13796" s="5" t="s">
        <v>44</v>
      </c>
      <c r="AD13796" s="2"/>
      <c r="AE13796" s="1"/>
    </row>
    <row r="13797" spans="1:31" ht="14.45">
      <c r="A13797" s="11"/>
      <c r="B13797" s="20"/>
      <c r="C13797" s="2" t="s">
        <v>42342</v>
      </c>
      <c r="D13797" s="14" t="s">
        <v>42343</v>
      </c>
      <c r="E13797" s="2" t="s">
        <v>42344</v>
      </c>
      <c r="F13797" s="2" t="s">
        <v>40975</v>
      </c>
      <c r="G13797" s="8">
        <v>171</v>
      </c>
      <c r="H13797" s="5">
        <v>6</v>
      </c>
      <c r="I13797" s="5" t="s">
        <v>1518</v>
      </c>
      <c r="J13797" s="5" t="s">
        <v>40939</v>
      </c>
      <c r="K13797" s="2" t="s">
        <v>40940</v>
      </c>
      <c r="L13797" s="5" t="s">
        <v>40939</v>
      </c>
      <c r="M13797" s="2" t="s">
        <v>40940</v>
      </c>
      <c r="N13797" s="5" t="s">
        <v>36266</v>
      </c>
      <c r="O13797" s="5" t="s">
        <v>38</v>
      </c>
      <c r="P13797" s="5" t="s">
        <v>39</v>
      </c>
      <c r="Q13797" s="5" t="s">
        <v>40</v>
      </c>
      <c r="R13797" s="5" t="s">
        <v>1522</v>
      </c>
      <c r="S13797" s="5" t="s">
        <v>1523</v>
      </c>
      <c r="T13797" s="5" t="s">
        <v>42</v>
      </c>
      <c r="U13797" s="2">
        <v>1.623</v>
      </c>
      <c r="V13797" s="2">
        <v>0.96399999999999997</v>
      </c>
      <c r="W13797" s="2">
        <v>0.02</v>
      </c>
      <c r="X13797" s="2">
        <v>159.1</v>
      </c>
      <c r="Y13797" s="2">
        <v>7.6</v>
      </c>
      <c r="Z13797" s="2">
        <v>16.7</v>
      </c>
      <c r="AA13797" s="5"/>
      <c r="AB13797" s="5" t="s">
        <v>43</v>
      </c>
      <c r="AC13797" s="5" t="s">
        <v>44</v>
      </c>
      <c r="AD13797" s="2"/>
      <c r="AE13797" s="1"/>
    </row>
    <row r="13798" spans="1:31" ht="14.45">
      <c r="A13798" s="11"/>
      <c r="B13798" s="20"/>
      <c r="C13798" s="2" t="s">
        <v>42345</v>
      </c>
      <c r="D13798" s="14" t="s">
        <v>42346</v>
      </c>
      <c r="E13798" s="2" t="s">
        <v>42347</v>
      </c>
      <c r="F13798" s="2" t="s">
        <v>7539</v>
      </c>
      <c r="G13798" s="8">
        <v>171</v>
      </c>
      <c r="H13798" s="5">
        <v>6</v>
      </c>
      <c r="I13798" s="5" t="s">
        <v>1518</v>
      </c>
      <c r="J13798" s="5" t="s">
        <v>40939</v>
      </c>
      <c r="K13798" s="2" t="s">
        <v>40940</v>
      </c>
      <c r="L13798" s="5" t="s">
        <v>40939</v>
      </c>
      <c r="M13798" s="2" t="s">
        <v>40940</v>
      </c>
      <c r="N13798" s="5" t="s">
        <v>36266</v>
      </c>
      <c r="O13798" s="5" t="s">
        <v>38</v>
      </c>
      <c r="P13798" s="5" t="s">
        <v>39</v>
      </c>
      <c r="Q13798" s="5" t="s">
        <v>40</v>
      </c>
      <c r="R13798" s="5" t="s">
        <v>1522</v>
      </c>
      <c r="S13798" s="5" t="s">
        <v>1523</v>
      </c>
      <c r="T13798" s="5" t="s">
        <v>42</v>
      </c>
      <c r="U13798" s="2">
        <v>1.5780000000000001</v>
      </c>
      <c r="V13798" s="2">
        <v>0.91900000000000004</v>
      </c>
      <c r="W13798" s="2">
        <v>0.02</v>
      </c>
      <c r="X13798" s="2">
        <v>159.1</v>
      </c>
      <c r="Y13798" s="2">
        <v>7.6</v>
      </c>
      <c r="Z13798" s="2">
        <v>16.7</v>
      </c>
      <c r="AA13798" s="5"/>
      <c r="AB13798" s="5" t="s">
        <v>43</v>
      </c>
      <c r="AC13798" s="5" t="s">
        <v>44</v>
      </c>
      <c r="AD13798" s="2"/>
      <c r="AE13798" s="1"/>
    </row>
    <row r="13799" spans="1:31" ht="14.45">
      <c r="A13799" s="11"/>
      <c r="B13799" s="20"/>
      <c r="C13799" s="2" t="s">
        <v>42348</v>
      </c>
      <c r="D13799" s="14" t="s">
        <v>42349</v>
      </c>
      <c r="E13799" s="2" t="s">
        <v>42350</v>
      </c>
      <c r="F13799" s="2" t="s">
        <v>7543</v>
      </c>
      <c r="G13799" s="8">
        <v>171</v>
      </c>
      <c r="H13799" s="5">
        <v>6</v>
      </c>
      <c r="I13799" s="5" t="s">
        <v>1518</v>
      </c>
      <c r="J13799" s="5" t="s">
        <v>40939</v>
      </c>
      <c r="K13799" s="2" t="s">
        <v>40940</v>
      </c>
      <c r="L13799" s="5" t="s">
        <v>40939</v>
      </c>
      <c r="M13799" s="2" t="s">
        <v>40940</v>
      </c>
      <c r="N13799" s="5" t="s">
        <v>36266</v>
      </c>
      <c r="O13799" s="5" t="s">
        <v>38</v>
      </c>
      <c r="P13799" s="5" t="s">
        <v>39</v>
      </c>
      <c r="Q13799" s="5" t="s">
        <v>40</v>
      </c>
      <c r="R13799" s="5" t="s">
        <v>1522</v>
      </c>
      <c r="S13799" s="5" t="s">
        <v>1523</v>
      </c>
      <c r="T13799" s="5" t="s">
        <v>42</v>
      </c>
      <c r="U13799" s="2">
        <v>1.585</v>
      </c>
      <c r="V13799" s="2">
        <v>0.92600000000000005</v>
      </c>
      <c r="W13799" s="2">
        <v>0.02</v>
      </c>
      <c r="X13799" s="2">
        <v>159.1</v>
      </c>
      <c r="Y13799" s="2">
        <v>7.6</v>
      </c>
      <c r="Z13799" s="2">
        <v>16.7</v>
      </c>
      <c r="AA13799" s="5"/>
      <c r="AB13799" s="5" t="s">
        <v>43</v>
      </c>
      <c r="AC13799" s="5" t="s">
        <v>44</v>
      </c>
      <c r="AD13799" s="2"/>
      <c r="AE13799" s="1"/>
    </row>
    <row r="13800" spans="1:31" ht="14.45">
      <c r="A13800" s="11"/>
      <c r="B13800" s="20"/>
      <c r="C13800" s="2" t="s">
        <v>42351</v>
      </c>
      <c r="D13800" s="14" t="s">
        <v>42352</v>
      </c>
      <c r="E13800" s="2" t="s">
        <v>42353</v>
      </c>
      <c r="F13800" s="2" t="s">
        <v>40989</v>
      </c>
      <c r="G13800" s="8">
        <v>171</v>
      </c>
      <c r="H13800" s="5">
        <v>6</v>
      </c>
      <c r="I13800" s="5" t="s">
        <v>1518</v>
      </c>
      <c r="J13800" s="5" t="s">
        <v>40939</v>
      </c>
      <c r="K13800" s="2" t="s">
        <v>40940</v>
      </c>
      <c r="L13800" s="5" t="s">
        <v>40939</v>
      </c>
      <c r="M13800" s="2" t="s">
        <v>40940</v>
      </c>
      <c r="N13800" s="5" t="s">
        <v>36266</v>
      </c>
      <c r="O13800" s="5" t="s">
        <v>38</v>
      </c>
      <c r="P13800" s="5" t="s">
        <v>39</v>
      </c>
      <c r="Q13800" s="5" t="s">
        <v>40</v>
      </c>
      <c r="R13800" s="5" t="s">
        <v>1522</v>
      </c>
      <c r="S13800" s="5" t="s">
        <v>1523</v>
      </c>
      <c r="T13800" s="5" t="s">
        <v>42</v>
      </c>
      <c r="U13800" s="2">
        <v>1.623</v>
      </c>
      <c r="V13800" s="2">
        <v>0.96399999999999997</v>
      </c>
      <c r="W13800" s="2">
        <v>0.02</v>
      </c>
      <c r="X13800" s="2">
        <v>159.1</v>
      </c>
      <c r="Y13800" s="2">
        <v>7.6</v>
      </c>
      <c r="Z13800" s="2">
        <v>16.7</v>
      </c>
      <c r="AA13800" s="5"/>
      <c r="AB13800" s="5" t="s">
        <v>43</v>
      </c>
      <c r="AC13800" s="5" t="s">
        <v>44</v>
      </c>
      <c r="AD13800" s="2"/>
      <c r="AE13800" s="1"/>
    </row>
    <row r="13801" spans="1:31" ht="14.45">
      <c r="A13801" s="11"/>
      <c r="B13801" s="20"/>
      <c r="C13801" s="2" t="s">
        <v>42354</v>
      </c>
      <c r="D13801" s="14" t="s">
        <v>42355</v>
      </c>
      <c r="E13801" s="2" t="s">
        <v>42356</v>
      </c>
      <c r="F13801" s="2" t="s">
        <v>40993</v>
      </c>
      <c r="G13801" s="8">
        <v>171</v>
      </c>
      <c r="H13801" s="5">
        <v>6</v>
      </c>
      <c r="I13801" s="5" t="s">
        <v>1518</v>
      </c>
      <c r="J13801" s="5" t="s">
        <v>40939</v>
      </c>
      <c r="K13801" s="2" t="s">
        <v>40940</v>
      </c>
      <c r="L13801" s="5" t="s">
        <v>40939</v>
      </c>
      <c r="M13801" s="2" t="s">
        <v>40940</v>
      </c>
      <c r="N13801" s="5" t="s">
        <v>36266</v>
      </c>
      <c r="O13801" s="5" t="s">
        <v>38</v>
      </c>
      <c r="P13801" s="5" t="s">
        <v>39</v>
      </c>
      <c r="Q13801" s="5" t="s">
        <v>40</v>
      </c>
      <c r="R13801" s="5" t="s">
        <v>1522</v>
      </c>
      <c r="S13801" s="5" t="s">
        <v>1523</v>
      </c>
      <c r="T13801" s="5" t="s">
        <v>42</v>
      </c>
      <c r="U13801" s="2">
        <v>1.63</v>
      </c>
      <c r="V13801" s="2">
        <v>0.97099999999999997</v>
      </c>
      <c r="W13801" s="2">
        <v>0.02</v>
      </c>
      <c r="X13801" s="2">
        <v>159.1</v>
      </c>
      <c r="Y13801" s="2">
        <v>7.6</v>
      </c>
      <c r="Z13801" s="2">
        <v>16.7</v>
      </c>
      <c r="AA13801" s="5"/>
      <c r="AB13801" s="5" t="s">
        <v>43</v>
      </c>
      <c r="AC13801" s="5" t="s">
        <v>44</v>
      </c>
      <c r="AD13801" s="2"/>
      <c r="AE13801" s="1"/>
    </row>
    <row r="13802" spans="1:31" ht="14.45">
      <c r="A13802" s="11"/>
      <c r="B13802" s="20"/>
      <c r="C13802" s="2" t="s">
        <v>42357</v>
      </c>
      <c r="D13802" s="14" t="s">
        <v>42358</v>
      </c>
      <c r="E13802" s="2" t="s">
        <v>42359</v>
      </c>
      <c r="F13802" s="2" t="s">
        <v>40997</v>
      </c>
      <c r="G13802" s="8">
        <v>171</v>
      </c>
      <c r="H13802" s="5">
        <v>6</v>
      </c>
      <c r="I13802" s="5" t="s">
        <v>1518</v>
      </c>
      <c r="J13802" s="5" t="s">
        <v>40939</v>
      </c>
      <c r="K13802" s="2" t="s">
        <v>40940</v>
      </c>
      <c r="L13802" s="5" t="s">
        <v>40939</v>
      </c>
      <c r="M13802" s="2" t="s">
        <v>40940</v>
      </c>
      <c r="N13802" s="5" t="s">
        <v>36266</v>
      </c>
      <c r="O13802" s="5" t="s">
        <v>38</v>
      </c>
      <c r="P13802" s="5" t="s">
        <v>39</v>
      </c>
      <c r="Q13802" s="5" t="s">
        <v>40</v>
      </c>
      <c r="R13802" s="5" t="s">
        <v>1522</v>
      </c>
      <c r="S13802" s="5" t="s">
        <v>1523</v>
      </c>
      <c r="T13802" s="5" t="s">
        <v>42</v>
      </c>
      <c r="U13802" s="2">
        <v>1.587</v>
      </c>
      <c r="V13802" s="2">
        <v>0.92800000000000005</v>
      </c>
      <c r="W13802" s="2">
        <v>0.02</v>
      </c>
      <c r="X13802" s="2">
        <v>159.1</v>
      </c>
      <c r="Y13802" s="2">
        <v>7.6</v>
      </c>
      <c r="Z13802" s="2">
        <v>16.7</v>
      </c>
      <c r="AA13802" s="5"/>
      <c r="AB13802" s="5" t="s">
        <v>43</v>
      </c>
      <c r="AC13802" s="5" t="s">
        <v>44</v>
      </c>
      <c r="AD13802" s="2"/>
      <c r="AE13802" s="1"/>
    </row>
    <row r="13803" spans="1:31" ht="14.45">
      <c r="A13803" s="11"/>
      <c r="B13803" s="20"/>
      <c r="C13803" s="2" t="s">
        <v>42360</v>
      </c>
      <c r="D13803" s="14" t="s">
        <v>42361</v>
      </c>
      <c r="E13803" s="2" t="s">
        <v>42362</v>
      </c>
      <c r="F13803" s="2" t="s">
        <v>41001</v>
      </c>
      <c r="G13803" s="8">
        <v>171</v>
      </c>
      <c r="H13803" s="5">
        <v>6</v>
      </c>
      <c r="I13803" s="5" t="s">
        <v>1518</v>
      </c>
      <c r="J13803" s="5" t="s">
        <v>40939</v>
      </c>
      <c r="K13803" s="2" t="s">
        <v>40940</v>
      </c>
      <c r="L13803" s="5" t="s">
        <v>40939</v>
      </c>
      <c r="M13803" s="2" t="s">
        <v>40940</v>
      </c>
      <c r="N13803" s="5" t="s">
        <v>36266</v>
      </c>
      <c r="O13803" s="5" t="s">
        <v>38</v>
      </c>
      <c r="P13803" s="5" t="s">
        <v>39</v>
      </c>
      <c r="Q13803" s="5" t="s">
        <v>40</v>
      </c>
      <c r="R13803" s="5" t="s">
        <v>1522</v>
      </c>
      <c r="S13803" s="5" t="s">
        <v>1523</v>
      </c>
      <c r="T13803" s="5" t="s">
        <v>42</v>
      </c>
      <c r="U13803" s="2">
        <v>1.623</v>
      </c>
      <c r="V13803" s="2">
        <v>0.96399999999999997</v>
      </c>
      <c r="W13803" s="2">
        <v>0.02</v>
      </c>
      <c r="X13803" s="2">
        <v>159.1</v>
      </c>
      <c r="Y13803" s="2">
        <v>7.6</v>
      </c>
      <c r="Z13803" s="2">
        <v>16.7</v>
      </c>
      <c r="AA13803" s="5"/>
      <c r="AB13803" s="5" t="s">
        <v>43</v>
      </c>
      <c r="AC13803" s="5" t="s">
        <v>44</v>
      </c>
      <c r="AD13803" s="2"/>
      <c r="AE13803" s="1"/>
    </row>
    <row r="13804" spans="1:31" ht="14.45">
      <c r="A13804" s="11"/>
      <c r="B13804" s="20"/>
      <c r="C13804" s="2" t="s">
        <v>42363</v>
      </c>
      <c r="D13804" s="14" t="s">
        <v>42364</v>
      </c>
      <c r="E13804" s="2" t="s">
        <v>42365</v>
      </c>
      <c r="F13804" s="2" t="s">
        <v>41005</v>
      </c>
      <c r="G13804" s="8">
        <v>171</v>
      </c>
      <c r="H13804" s="5">
        <v>6</v>
      </c>
      <c r="I13804" s="5" t="s">
        <v>1518</v>
      </c>
      <c r="J13804" s="5" t="s">
        <v>40939</v>
      </c>
      <c r="K13804" s="2" t="s">
        <v>40940</v>
      </c>
      <c r="L13804" s="5" t="s">
        <v>40939</v>
      </c>
      <c r="M13804" s="2" t="s">
        <v>40940</v>
      </c>
      <c r="N13804" s="5" t="s">
        <v>36266</v>
      </c>
      <c r="O13804" s="5" t="s">
        <v>38</v>
      </c>
      <c r="P13804" s="5" t="s">
        <v>39</v>
      </c>
      <c r="Q13804" s="5" t="s">
        <v>40</v>
      </c>
      <c r="R13804" s="5" t="s">
        <v>1522</v>
      </c>
      <c r="S13804" s="5" t="s">
        <v>1523</v>
      </c>
      <c r="T13804" s="5" t="s">
        <v>42</v>
      </c>
      <c r="U13804" s="2">
        <v>1.63</v>
      </c>
      <c r="V13804" s="2">
        <v>0.97099999999999997</v>
      </c>
      <c r="W13804" s="2">
        <v>0.02</v>
      </c>
      <c r="X13804" s="2">
        <v>159.1</v>
      </c>
      <c r="Y13804" s="2">
        <v>7.6</v>
      </c>
      <c r="Z13804" s="2">
        <v>16.7</v>
      </c>
      <c r="AA13804" s="5"/>
      <c r="AB13804" s="5" t="s">
        <v>43</v>
      </c>
      <c r="AC13804" s="5" t="s">
        <v>44</v>
      </c>
      <c r="AD13804" s="2"/>
      <c r="AE13804" s="1"/>
    </row>
    <row r="13805" spans="1:31" ht="14.45">
      <c r="A13805" s="11"/>
      <c r="B13805" s="20"/>
      <c r="C13805" s="2" t="s">
        <v>42366</v>
      </c>
      <c r="D13805" s="14" t="s">
        <v>42367</v>
      </c>
      <c r="E13805" s="2" t="s">
        <v>42368</v>
      </c>
      <c r="F13805" s="2" t="s">
        <v>41009</v>
      </c>
      <c r="G13805" s="8">
        <v>171</v>
      </c>
      <c r="H13805" s="5">
        <v>6</v>
      </c>
      <c r="I13805" s="5" t="s">
        <v>1518</v>
      </c>
      <c r="J13805" s="5" t="s">
        <v>40939</v>
      </c>
      <c r="K13805" s="2" t="s">
        <v>40940</v>
      </c>
      <c r="L13805" s="5" t="s">
        <v>40939</v>
      </c>
      <c r="M13805" s="2" t="s">
        <v>40940</v>
      </c>
      <c r="N13805" s="5" t="s">
        <v>36266</v>
      </c>
      <c r="O13805" s="5" t="s">
        <v>38</v>
      </c>
      <c r="P13805" s="5" t="s">
        <v>39</v>
      </c>
      <c r="Q13805" s="5" t="s">
        <v>40</v>
      </c>
      <c r="R13805" s="5" t="s">
        <v>1522</v>
      </c>
      <c r="S13805" s="5" t="s">
        <v>1523</v>
      </c>
      <c r="T13805" s="5" t="s">
        <v>42</v>
      </c>
      <c r="U13805" s="2">
        <v>1.6319999999999999</v>
      </c>
      <c r="V13805" s="2">
        <v>0.97299999999999998</v>
      </c>
      <c r="W13805" s="2">
        <v>0.02</v>
      </c>
      <c r="X13805" s="2">
        <v>159.1</v>
      </c>
      <c r="Y13805" s="2">
        <v>7.6</v>
      </c>
      <c r="Z13805" s="2">
        <v>16.7</v>
      </c>
      <c r="AA13805" s="5"/>
      <c r="AB13805" s="5" t="s">
        <v>43</v>
      </c>
      <c r="AC13805" s="5" t="s">
        <v>44</v>
      </c>
      <c r="AD13805" s="2"/>
      <c r="AE13805" s="1"/>
    </row>
    <row r="13806" spans="1:31" ht="14.45">
      <c r="A13806" s="11"/>
      <c r="B13806" s="20"/>
      <c r="C13806" s="2" t="s">
        <v>42369</v>
      </c>
      <c r="D13806" s="14" t="s">
        <v>42370</v>
      </c>
      <c r="E13806" s="2" t="s">
        <v>42371</v>
      </c>
      <c r="F13806" s="2" t="s">
        <v>41013</v>
      </c>
      <c r="G13806" s="8">
        <v>171</v>
      </c>
      <c r="H13806" s="5">
        <v>6</v>
      </c>
      <c r="I13806" s="5" t="s">
        <v>1518</v>
      </c>
      <c r="J13806" s="5" t="s">
        <v>40939</v>
      </c>
      <c r="K13806" s="2" t="s">
        <v>40940</v>
      </c>
      <c r="L13806" s="5" t="s">
        <v>40939</v>
      </c>
      <c r="M13806" s="2" t="s">
        <v>40940</v>
      </c>
      <c r="N13806" s="5" t="s">
        <v>36266</v>
      </c>
      <c r="O13806" s="5" t="s">
        <v>38</v>
      </c>
      <c r="P13806" s="5" t="s">
        <v>39</v>
      </c>
      <c r="Q13806" s="5" t="s">
        <v>40</v>
      </c>
      <c r="R13806" s="5" t="s">
        <v>1522</v>
      </c>
      <c r="S13806" s="5" t="s">
        <v>1523</v>
      </c>
      <c r="T13806" s="5" t="s">
        <v>42</v>
      </c>
      <c r="U13806" s="2">
        <v>1.639</v>
      </c>
      <c r="V13806" s="2">
        <v>0.98</v>
      </c>
      <c r="W13806" s="2">
        <v>0.02</v>
      </c>
      <c r="X13806" s="2">
        <v>159.1</v>
      </c>
      <c r="Y13806" s="2">
        <v>7.6</v>
      </c>
      <c r="Z13806" s="2">
        <v>16.7</v>
      </c>
      <c r="AA13806" s="5"/>
      <c r="AB13806" s="5" t="s">
        <v>43</v>
      </c>
      <c r="AC13806" s="5" t="s">
        <v>44</v>
      </c>
      <c r="AD13806" s="2"/>
      <c r="AE13806" s="1"/>
    </row>
    <row r="13807" spans="1:31" ht="14.45">
      <c r="A13807" s="11"/>
      <c r="B13807" s="20"/>
      <c r="C13807" s="2" t="s">
        <v>42372</v>
      </c>
      <c r="D13807" s="14" t="s">
        <v>42373</v>
      </c>
      <c r="E13807" s="2" t="s">
        <v>42374</v>
      </c>
      <c r="F13807" s="2" t="s">
        <v>7396</v>
      </c>
      <c r="G13807" s="8">
        <v>149</v>
      </c>
      <c r="H13807" s="5">
        <v>6</v>
      </c>
      <c r="I13807" s="5" t="s">
        <v>1518</v>
      </c>
      <c r="J13807" s="5" t="s">
        <v>40939</v>
      </c>
      <c r="K13807" s="2" t="s">
        <v>40940</v>
      </c>
      <c r="L13807" s="5" t="s">
        <v>40939</v>
      </c>
      <c r="M13807" s="2" t="s">
        <v>40940</v>
      </c>
      <c r="N13807" s="5" t="s">
        <v>36266</v>
      </c>
      <c r="O13807" s="5" t="s">
        <v>38</v>
      </c>
      <c r="P13807" s="5" t="s">
        <v>39</v>
      </c>
      <c r="Q13807" s="5" t="s">
        <v>40</v>
      </c>
      <c r="R13807" s="5" t="s">
        <v>1522</v>
      </c>
      <c r="S13807" s="5" t="s">
        <v>1523</v>
      </c>
      <c r="T13807" s="5" t="s">
        <v>42</v>
      </c>
      <c r="U13807" s="2">
        <v>1.6319999999999999</v>
      </c>
      <c r="V13807" s="2">
        <v>0.97299999999999998</v>
      </c>
      <c r="W13807" s="2">
        <v>0.02</v>
      </c>
      <c r="X13807" s="2">
        <v>159.1</v>
      </c>
      <c r="Y13807" s="2">
        <v>7.6</v>
      </c>
      <c r="Z13807" s="2">
        <v>16.7</v>
      </c>
      <c r="AA13807" s="5"/>
      <c r="AB13807" s="5" t="s">
        <v>43</v>
      </c>
      <c r="AC13807" s="5" t="s">
        <v>44</v>
      </c>
      <c r="AD13807" s="2"/>
      <c r="AE13807" s="1"/>
    </row>
    <row r="13808" spans="1:31" ht="14.45">
      <c r="A13808" s="11"/>
      <c r="B13808" s="20"/>
      <c r="C13808" s="2" t="s">
        <v>42375</v>
      </c>
      <c r="D13808" s="14" t="s">
        <v>42376</v>
      </c>
      <c r="E13808" s="2" t="s">
        <v>42377</v>
      </c>
      <c r="F13808" s="2" t="s">
        <v>7507</v>
      </c>
      <c r="G13808" s="8">
        <v>149</v>
      </c>
      <c r="H13808" s="5">
        <v>6</v>
      </c>
      <c r="I13808" s="5" t="s">
        <v>1518</v>
      </c>
      <c r="J13808" s="5" t="s">
        <v>40939</v>
      </c>
      <c r="K13808" s="2" t="s">
        <v>40940</v>
      </c>
      <c r="L13808" s="5" t="s">
        <v>40939</v>
      </c>
      <c r="M13808" s="2" t="s">
        <v>40940</v>
      </c>
      <c r="N13808" s="5" t="s">
        <v>36266</v>
      </c>
      <c r="O13808" s="5" t="s">
        <v>38</v>
      </c>
      <c r="P13808" s="5" t="s">
        <v>39</v>
      </c>
      <c r="Q13808" s="5" t="s">
        <v>40</v>
      </c>
      <c r="R13808" s="5" t="s">
        <v>1522</v>
      </c>
      <c r="S13808" s="5" t="s">
        <v>1523</v>
      </c>
      <c r="T13808" s="5" t="s">
        <v>42</v>
      </c>
      <c r="U13808" s="2">
        <v>1.639</v>
      </c>
      <c r="V13808" s="2">
        <v>0.98</v>
      </c>
      <c r="W13808" s="2">
        <v>0.02</v>
      </c>
      <c r="X13808" s="2">
        <v>159.1</v>
      </c>
      <c r="Y13808" s="2">
        <v>7.6</v>
      </c>
      <c r="Z13808" s="2">
        <v>16.7</v>
      </c>
      <c r="AA13808" s="5"/>
      <c r="AB13808" s="5" t="s">
        <v>43</v>
      </c>
      <c r="AC13808" s="5" t="s">
        <v>44</v>
      </c>
      <c r="AD13808" s="2"/>
      <c r="AE13808" s="1"/>
    </row>
    <row r="13809" spans="1:31" ht="14.45">
      <c r="A13809" s="11"/>
      <c r="B13809" s="20"/>
      <c r="C13809" s="2" t="s">
        <v>42378</v>
      </c>
      <c r="D13809" s="14" t="s">
        <v>42379</v>
      </c>
      <c r="E13809" s="2" t="s">
        <v>42380</v>
      </c>
      <c r="F13809" s="2" t="s">
        <v>41023</v>
      </c>
      <c r="G13809" s="8">
        <v>171</v>
      </c>
      <c r="H13809" s="5">
        <v>6</v>
      </c>
      <c r="I13809" s="5" t="s">
        <v>1518</v>
      </c>
      <c r="J13809" s="5" t="s">
        <v>40939</v>
      </c>
      <c r="K13809" s="2" t="s">
        <v>40940</v>
      </c>
      <c r="L13809" s="5" t="s">
        <v>40939</v>
      </c>
      <c r="M13809" s="2" t="s">
        <v>40940</v>
      </c>
      <c r="N13809" s="5" t="s">
        <v>36266</v>
      </c>
      <c r="O13809" s="5" t="s">
        <v>38</v>
      </c>
      <c r="P13809" s="5" t="s">
        <v>39</v>
      </c>
      <c r="Q13809" s="5" t="s">
        <v>40</v>
      </c>
      <c r="R13809" s="5" t="s">
        <v>1522</v>
      </c>
      <c r="S13809" s="5" t="s">
        <v>1523</v>
      </c>
      <c r="T13809" s="5" t="s">
        <v>42</v>
      </c>
      <c r="U13809" s="2">
        <v>1.587</v>
      </c>
      <c r="V13809" s="2">
        <v>0.92800000000000005</v>
      </c>
      <c r="W13809" s="2">
        <v>0.02</v>
      </c>
      <c r="X13809" s="2">
        <v>159.1</v>
      </c>
      <c r="Y13809" s="2">
        <v>7.6</v>
      </c>
      <c r="Z13809" s="2">
        <v>16.7</v>
      </c>
      <c r="AA13809" s="5"/>
      <c r="AB13809" s="5" t="s">
        <v>43</v>
      </c>
      <c r="AC13809" s="5" t="s">
        <v>44</v>
      </c>
      <c r="AD13809" s="2"/>
      <c r="AE13809" s="1"/>
    </row>
    <row r="13810" spans="1:31" ht="14.45">
      <c r="A13810" s="11"/>
      <c r="B13810" s="20"/>
      <c r="C13810" s="2" t="s">
        <v>42381</v>
      </c>
      <c r="D13810" s="14" t="s">
        <v>42382</v>
      </c>
      <c r="E13810" s="2" t="s">
        <v>42383</v>
      </c>
      <c r="F13810" s="2" t="s">
        <v>41027</v>
      </c>
      <c r="G13810" s="8">
        <v>171</v>
      </c>
      <c r="H13810" s="5">
        <v>6</v>
      </c>
      <c r="I13810" s="5" t="s">
        <v>1518</v>
      </c>
      <c r="J13810" s="5" t="s">
        <v>40939</v>
      </c>
      <c r="K13810" s="2" t="s">
        <v>40940</v>
      </c>
      <c r="L13810" s="5" t="s">
        <v>40939</v>
      </c>
      <c r="M13810" s="2" t="s">
        <v>40940</v>
      </c>
      <c r="N13810" s="5" t="s">
        <v>36266</v>
      </c>
      <c r="O13810" s="5" t="s">
        <v>38</v>
      </c>
      <c r="P13810" s="5" t="s">
        <v>39</v>
      </c>
      <c r="Q13810" s="5" t="s">
        <v>40</v>
      </c>
      <c r="R13810" s="5" t="s">
        <v>1522</v>
      </c>
      <c r="S13810" s="5" t="s">
        <v>1523</v>
      </c>
      <c r="T13810" s="5" t="s">
        <v>42</v>
      </c>
      <c r="U13810" s="2">
        <v>1.5940000000000001</v>
      </c>
      <c r="V13810" s="2">
        <v>0.93500000000000005</v>
      </c>
      <c r="W13810" s="2">
        <v>0.02</v>
      </c>
      <c r="X13810" s="2">
        <v>159.1</v>
      </c>
      <c r="Y13810" s="2">
        <v>7.6</v>
      </c>
      <c r="Z13810" s="2">
        <v>16.7</v>
      </c>
      <c r="AA13810" s="5"/>
      <c r="AB13810" s="5" t="s">
        <v>43</v>
      </c>
      <c r="AC13810" s="5" t="s">
        <v>44</v>
      </c>
      <c r="AD13810" s="2"/>
      <c r="AE13810" s="1"/>
    </row>
    <row r="13811" spans="1:31" ht="14.45">
      <c r="A13811" s="11"/>
      <c r="B13811" s="20"/>
      <c r="C13811" s="2" t="s">
        <v>42384</v>
      </c>
      <c r="D13811" s="14" t="s">
        <v>42385</v>
      </c>
      <c r="E13811" s="2" t="s">
        <v>42386</v>
      </c>
      <c r="F13811" s="2" t="s">
        <v>41031</v>
      </c>
      <c r="G13811" s="8">
        <v>171</v>
      </c>
      <c r="H13811" s="5">
        <v>6</v>
      </c>
      <c r="I13811" s="5" t="s">
        <v>1518</v>
      </c>
      <c r="J13811" s="5" t="s">
        <v>40939</v>
      </c>
      <c r="K13811" s="2" t="s">
        <v>40940</v>
      </c>
      <c r="L13811" s="5" t="s">
        <v>40939</v>
      </c>
      <c r="M13811" s="2" t="s">
        <v>40940</v>
      </c>
      <c r="N13811" s="5" t="s">
        <v>36266</v>
      </c>
      <c r="O13811" s="5" t="s">
        <v>38</v>
      </c>
      <c r="P13811" s="5" t="s">
        <v>39</v>
      </c>
      <c r="Q13811" s="5" t="s">
        <v>40</v>
      </c>
      <c r="R13811" s="5" t="s">
        <v>1522</v>
      </c>
      <c r="S13811" s="5" t="s">
        <v>1523</v>
      </c>
      <c r="T13811" s="5" t="s">
        <v>42</v>
      </c>
      <c r="U13811" s="2">
        <v>1.587</v>
      </c>
      <c r="V13811" s="2">
        <v>0.92800000000000005</v>
      </c>
      <c r="W13811" s="2">
        <v>0.02</v>
      </c>
      <c r="X13811" s="2">
        <v>159.1</v>
      </c>
      <c r="Y13811" s="2">
        <v>7.6</v>
      </c>
      <c r="Z13811" s="2">
        <v>16.7</v>
      </c>
      <c r="AA13811" s="5"/>
      <c r="AB13811" s="5" t="s">
        <v>43</v>
      </c>
      <c r="AC13811" s="5" t="s">
        <v>44</v>
      </c>
      <c r="AD13811" s="2"/>
      <c r="AE13811" s="1"/>
    </row>
    <row r="13812" spans="1:31" ht="14.45">
      <c r="A13812" s="11"/>
      <c r="B13812" s="20"/>
      <c r="C13812" s="2" t="s">
        <v>42387</v>
      </c>
      <c r="D13812" s="14" t="s">
        <v>42388</v>
      </c>
      <c r="E13812" s="2" t="s">
        <v>42389</v>
      </c>
      <c r="F13812" s="2" t="s">
        <v>41035</v>
      </c>
      <c r="G13812" s="8">
        <v>171</v>
      </c>
      <c r="H13812" s="5">
        <v>6</v>
      </c>
      <c r="I13812" s="5" t="s">
        <v>1518</v>
      </c>
      <c r="J13812" s="5" t="s">
        <v>40939</v>
      </c>
      <c r="K13812" s="2" t="s">
        <v>40940</v>
      </c>
      <c r="L13812" s="5" t="s">
        <v>40939</v>
      </c>
      <c r="M13812" s="2" t="s">
        <v>40940</v>
      </c>
      <c r="N13812" s="5" t="s">
        <v>36266</v>
      </c>
      <c r="O13812" s="5" t="s">
        <v>38</v>
      </c>
      <c r="P13812" s="5" t="s">
        <v>39</v>
      </c>
      <c r="Q13812" s="5" t="s">
        <v>40</v>
      </c>
      <c r="R13812" s="5" t="s">
        <v>1522</v>
      </c>
      <c r="S13812" s="5" t="s">
        <v>1523</v>
      </c>
      <c r="T13812" s="5" t="s">
        <v>42</v>
      </c>
      <c r="U13812" s="2">
        <v>1.5940000000000001</v>
      </c>
      <c r="V13812" s="2">
        <v>0.93500000000000005</v>
      </c>
      <c r="W13812" s="2">
        <v>0.02</v>
      </c>
      <c r="X13812" s="2">
        <v>159.1</v>
      </c>
      <c r="Y13812" s="2">
        <v>7.6</v>
      </c>
      <c r="Z13812" s="2">
        <v>16.7</v>
      </c>
      <c r="AA13812" s="5"/>
      <c r="AB13812" s="5" t="s">
        <v>43</v>
      </c>
      <c r="AC13812" s="5" t="s">
        <v>44</v>
      </c>
      <c r="AD13812" s="2"/>
      <c r="AE13812" s="1"/>
    </row>
    <row r="13813" spans="1:31" ht="14.45">
      <c r="A13813" s="11"/>
      <c r="B13813" s="20"/>
      <c r="C13813" s="2" t="s">
        <v>42390</v>
      </c>
      <c r="D13813" s="14" t="s">
        <v>42391</v>
      </c>
      <c r="E13813" s="2" t="s">
        <v>42392</v>
      </c>
      <c r="F13813" s="2" t="s">
        <v>7449</v>
      </c>
      <c r="G13813" s="8">
        <v>171</v>
      </c>
      <c r="H13813" s="5">
        <v>6</v>
      </c>
      <c r="I13813" s="5" t="s">
        <v>1518</v>
      </c>
      <c r="J13813" s="5" t="s">
        <v>40939</v>
      </c>
      <c r="K13813" s="2" t="s">
        <v>40940</v>
      </c>
      <c r="L13813" s="5" t="s">
        <v>40939</v>
      </c>
      <c r="M13813" s="2" t="s">
        <v>40940</v>
      </c>
      <c r="N13813" s="5" t="s">
        <v>36266</v>
      </c>
      <c r="O13813" s="5" t="s">
        <v>38</v>
      </c>
      <c r="P13813" s="5" t="s">
        <v>39</v>
      </c>
      <c r="Q13813" s="5" t="s">
        <v>40</v>
      </c>
      <c r="R13813" s="5" t="s">
        <v>1522</v>
      </c>
      <c r="S13813" s="5" t="s">
        <v>1523</v>
      </c>
      <c r="T13813" s="5" t="s">
        <v>42</v>
      </c>
      <c r="U13813" s="2">
        <v>1.587</v>
      </c>
      <c r="V13813" s="2">
        <v>0.92800000000000005</v>
      </c>
      <c r="W13813" s="2">
        <v>0.02</v>
      </c>
      <c r="X13813" s="2">
        <v>159.1</v>
      </c>
      <c r="Y13813" s="2">
        <v>7.6</v>
      </c>
      <c r="Z13813" s="2">
        <v>16.7</v>
      </c>
      <c r="AA13813" s="5"/>
      <c r="AB13813" s="5" t="s">
        <v>43</v>
      </c>
      <c r="AC13813" s="5" t="s">
        <v>44</v>
      </c>
      <c r="AD13813" s="2"/>
      <c r="AE13813" s="1"/>
    </row>
    <row r="13814" spans="1:31" ht="14.45">
      <c r="A13814" s="11"/>
      <c r="B13814" s="20"/>
      <c r="C13814" s="2" t="s">
        <v>42393</v>
      </c>
      <c r="D13814" s="14" t="s">
        <v>42394</v>
      </c>
      <c r="E13814" s="2" t="s">
        <v>42395</v>
      </c>
      <c r="F13814" s="2" t="s">
        <v>7581</v>
      </c>
      <c r="G13814" s="8">
        <v>171</v>
      </c>
      <c r="H13814" s="5">
        <v>6</v>
      </c>
      <c r="I13814" s="5" t="s">
        <v>1518</v>
      </c>
      <c r="J13814" s="5" t="s">
        <v>40939</v>
      </c>
      <c r="K13814" s="2" t="s">
        <v>40940</v>
      </c>
      <c r="L13814" s="5" t="s">
        <v>40939</v>
      </c>
      <c r="M13814" s="2" t="s">
        <v>40940</v>
      </c>
      <c r="N13814" s="5" t="s">
        <v>36266</v>
      </c>
      <c r="O13814" s="5" t="s">
        <v>38</v>
      </c>
      <c r="P13814" s="5" t="s">
        <v>39</v>
      </c>
      <c r="Q13814" s="5" t="s">
        <v>40</v>
      </c>
      <c r="R13814" s="5" t="s">
        <v>1522</v>
      </c>
      <c r="S13814" s="5" t="s">
        <v>1523</v>
      </c>
      <c r="T13814" s="5" t="s">
        <v>42</v>
      </c>
      <c r="U13814" s="2">
        <v>1.5940000000000001</v>
      </c>
      <c r="V13814" s="2">
        <v>0.93500000000000005</v>
      </c>
      <c r="W13814" s="2">
        <v>0.02</v>
      </c>
      <c r="X13814" s="2">
        <v>159.1</v>
      </c>
      <c r="Y13814" s="2">
        <v>7.6</v>
      </c>
      <c r="Z13814" s="2">
        <v>16.7</v>
      </c>
      <c r="AA13814" s="5"/>
      <c r="AB13814" s="5" t="s">
        <v>43</v>
      </c>
      <c r="AC13814" s="5" t="s">
        <v>44</v>
      </c>
      <c r="AD13814" s="2"/>
      <c r="AE13814" s="1"/>
    </row>
    <row r="13815" spans="1:31" ht="14.45">
      <c r="A13815" s="11"/>
      <c r="B13815" s="20"/>
      <c r="C13815" s="2" t="s">
        <v>42396</v>
      </c>
      <c r="D13815" s="14" t="s">
        <v>42397</v>
      </c>
      <c r="E13815" s="2" t="s">
        <v>42398</v>
      </c>
      <c r="F13815" s="2" t="s">
        <v>41045</v>
      </c>
      <c r="G13815" s="8">
        <v>171</v>
      </c>
      <c r="H13815" s="5">
        <v>6</v>
      </c>
      <c r="I13815" s="5" t="s">
        <v>1518</v>
      </c>
      <c r="J13815" s="5" t="s">
        <v>40939</v>
      </c>
      <c r="K13815" s="2" t="s">
        <v>40940</v>
      </c>
      <c r="L13815" s="5" t="s">
        <v>40939</v>
      </c>
      <c r="M13815" s="2" t="s">
        <v>40940</v>
      </c>
      <c r="N13815" s="5" t="s">
        <v>36266</v>
      </c>
      <c r="O13815" s="5" t="s">
        <v>38</v>
      </c>
      <c r="P13815" s="5" t="s">
        <v>39</v>
      </c>
      <c r="Q13815" s="5" t="s">
        <v>40</v>
      </c>
      <c r="R13815" s="5" t="s">
        <v>1522</v>
      </c>
      <c r="S13815" s="5" t="s">
        <v>1523</v>
      </c>
      <c r="T13815" s="5" t="s">
        <v>42</v>
      </c>
      <c r="U13815" s="2">
        <v>1.641</v>
      </c>
      <c r="V13815" s="2">
        <v>0.98199999999999998</v>
      </c>
      <c r="W13815" s="2">
        <v>0.02</v>
      </c>
      <c r="X13815" s="2">
        <v>159.1</v>
      </c>
      <c r="Y13815" s="2">
        <v>7.6</v>
      </c>
      <c r="Z13815" s="2">
        <v>16.7</v>
      </c>
      <c r="AA13815" s="5"/>
      <c r="AB13815" s="5" t="s">
        <v>43</v>
      </c>
      <c r="AC13815" s="5" t="s">
        <v>44</v>
      </c>
      <c r="AD13815" s="2"/>
      <c r="AE13815" s="1"/>
    </row>
    <row r="13816" spans="1:31" ht="14.45">
      <c r="A13816" s="11"/>
      <c r="B13816" s="20"/>
      <c r="C13816" s="2" t="s">
        <v>42399</v>
      </c>
      <c r="D13816" s="14" t="s">
        <v>42400</v>
      </c>
      <c r="E13816" s="2" t="s">
        <v>42401</v>
      </c>
      <c r="F13816" s="2" t="s">
        <v>41049</v>
      </c>
      <c r="G13816" s="8">
        <v>171</v>
      </c>
      <c r="H13816" s="5">
        <v>6</v>
      </c>
      <c r="I13816" s="5" t="s">
        <v>1518</v>
      </c>
      <c r="J13816" s="5" t="s">
        <v>40939</v>
      </c>
      <c r="K13816" s="2" t="s">
        <v>40940</v>
      </c>
      <c r="L13816" s="5" t="s">
        <v>40939</v>
      </c>
      <c r="M13816" s="2" t="s">
        <v>40940</v>
      </c>
      <c r="N13816" s="5" t="s">
        <v>36266</v>
      </c>
      <c r="O13816" s="5" t="s">
        <v>38</v>
      </c>
      <c r="P13816" s="5" t="s">
        <v>39</v>
      </c>
      <c r="Q13816" s="5" t="s">
        <v>40</v>
      </c>
      <c r="R13816" s="5" t="s">
        <v>1522</v>
      </c>
      <c r="S13816" s="5" t="s">
        <v>1523</v>
      </c>
      <c r="T13816" s="5" t="s">
        <v>42</v>
      </c>
      <c r="U13816" s="2">
        <v>1.6479999999999999</v>
      </c>
      <c r="V13816" s="2">
        <v>0.98899999999999999</v>
      </c>
      <c r="W13816" s="2">
        <v>0.02</v>
      </c>
      <c r="X13816" s="2">
        <v>159.1</v>
      </c>
      <c r="Y13816" s="2">
        <v>7.6</v>
      </c>
      <c r="Z13816" s="2">
        <v>16.7</v>
      </c>
      <c r="AA13816" s="5"/>
      <c r="AB13816" s="5" t="s">
        <v>43</v>
      </c>
      <c r="AC13816" s="5" t="s">
        <v>44</v>
      </c>
      <c r="AD13816" s="2"/>
      <c r="AE13816" s="1"/>
    </row>
    <row r="13817" spans="1:31" ht="14.45">
      <c r="A13817" s="11"/>
      <c r="B13817" s="20"/>
      <c r="C13817" s="2" t="s">
        <v>42402</v>
      </c>
      <c r="D13817" s="14" t="s">
        <v>42403</v>
      </c>
      <c r="E13817" s="2" t="s">
        <v>42404</v>
      </c>
      <c r="F13817" s="2" t="s">
        <v>7204</v>
      </c>
      <c r="G13817" s="8">
        <v>126</v>
      </c>
      <c r="H13817" s="5">
        <v>6</v>
      </c>
      <c r="I13817" s="5" t="s">
        <v>1518</v>
      </c>
      <c r="J13817" s="5" t="s">
        <v>40939</v>
      </c>
      <c r="K13817" s="2" t="s">
        <v>40940</v>
      </c>
      <c r="L13817" s="5" t="s">
        <v>40939</v>
      </c>
      <c r="M13817" s="2" t="s">
        <v>40940</v>
      </c>
      <c r="N13817" s="5" t="s">
        <v>36266</v>
      </c>
      <c r="O13817" s="5" t="s">
        <v>38</v>
      </c>
      <c r="P13817" s="5" t="s">
        <v>39</v>
      </c>
      <c r="Q13817" s="5" t="s">
        <v>40</v>
      </c>
      <c r="R13817" s="5" t="s">
        <v>1522</v>
      </c>
      <c r="S13817" s="5" t="s">
        <v>1523</v>
      </c>
      <c r="T13817" s="5" t="s">
        <v>42</v>
      </c>
      <c r="U13817" s="2">
        <v>1.0089999999999999</v>
      </c>
      <c r="V13817" s="2">
        <v>0.59099999999999997</v>
      </c>
      <c r="W13817" s="2">
        <v>1.0999999999999999E-2</v>
      </c>
      <c r="X13817" s="2">
        <v>82.9</v>
      </c>
      <c r="Y13817" s="2">
        <v>7.6</v>
      </c>
      <c r="Z13817" s="2">
        <v>16.7</v>
      </c>
      <c r="AA13817" s="5"/>
      <c r="AB13817" s="5" t="s">
        <v>43</v>
      </c>
      <c r="AC13817" s="5" t="s">
        <v>44</v>
      </c>
      <c r="AD13817" s="2"/>
      <c r="AE13817" s="1"/>
    </row>
    <row r="13818" spans="1:31" ht="14.45">
      <c r="A13818" s="11"/>
      <c r="B13818" s="20"/>
      <c r="C13818" s="2" t="s">
        <v>42405</v>
      </c>
      <c r="D13818" s="14" t="s">
        <v>42406</v>
      </c>
      <c r="E13818" s="2" t="s">
        <v>42407</v>
      </c>
      <c r="F13818" s="2" t="s">
        <v>7514</v>
      </c>
      <c r="G13818" s="8">
        <v>126</v>
      </c>
      <c r="H13818" s="5">
        <v>6</v>
      </c>
      <c r="I13818" s="5" t="s">
        <v>1518</v>
      </c>
      <c r="J13818" s="5" t="s">
        <v>40939</v>
      </c>
      <c r="K13818" s="2" t="s">
        <v>40940</v>
      </c>
      <c r="L13818" s="5" t="s">
        <v>40939</v>
      </c>
      <c r="M13818" s="2" t="s">
        <v>40940</v>
      </c>
      <c r="N13818" s="5" t="s">
        <v>36266</v>
      </c>
      <c r="O13818" s="5" t="s">
        <v>38</v>
      </c>
      <c r="P13818" s="5" t="s">
        <v>39</v>
      </c>
      <c r="Q13818" s="5" t="s">
        <v>40</v>
      </c>
      <c r="R13818" s="5" t="s">
        <v>1522</v>
      </c>
      <c r="S13818" s="5" t="s">
        <v>1523</v>
      </c>
      <c r="T13818" s="5" t="s">
        <v>42</v>
      </c>
      <c r="U13818" s="2">
        <v>1.0209999999999999</v>
      </c>
      <c r="V13818" s="2">
        <v>0.60299999999999998</v>
      </c>
      <c r="W13818" s="2">
        <v>1.0999999999999999E-2</v>
      </c>
      <c r="X13818" s="2">
        <v>82.9</v>
      </c>
      <c r="Y13818" s="2">
        <v>7.6</v>
      </c>
      <c r="Z13818" s="2">
        <v>16.7</v>
      </c>
      <c r="AA13818" s="5"/>
      <c r="AB13818" s="5" t="s">
        <v>43</v>
      </c>
      <c r="AC13818" s="5" t="s">
        <v>44</v>
      </c>
      <c r="AD13818" s="2"/>
      <c r="AE13818" s="1"/>
    </row>
    <row r="13819" spans="1:31" ht="14.45">
      <c r="A13819" s="11"/>
      <c r="B13819" s="20"/>
      <c r="C13819" s="2" t="s">
        <v>42408</v>
      </c>
      <c r="D13819" s="14" t="s">
        <v>42409</v>
      </c>
      <c r="E13819" s="2" t="s">
        <v>42410</v>
      </c>
      <c r="F13819" s="2" t="s">
        <v>40947</v>
      </c>
      <c r="G13819" s="8">
        <v>145</v>
      </c>
      <c r="H13819" s="5">
        <v>6</v>
      </c>
      <c r="I13819" s="5" t="s">
        <v>1518</v>
      </c>
      <c r="J13819" s="5" t="s">
        <v>40939</v>
      </c>
      <c r="K13819" s="2" t="s">
        <v>40940</v>
      </c>
      <c r="L13819" s="5" t="s">
        <v>40939</v>
      </c>
      <c r="M13819" s="2" t="s">
        <v>40940</v>
      </c>
      <c r="N13819" s="5" t="s">
        <v>36266</v>
      </c>
      <c r="O13819" s="5" t="s">
        <v>38</v>
      </c>
      <c r="P13819" s="5" t="s">
        <v>39</v>
      </c>
      <c r="Q13819" s="5" t="s">
        <v>40</v>
      </c>
      <c r="R13819" s="5" t="s">
        <v>1522</v>
      </c>
      <c r="S13819" s="5" t="s">
        <v>1523</v>
      </c>
      <c r="T13819" s="5" t="s">
        <v>42</v>
      </c>
      <c r="U13819" s="2">
        <v>1.016</v>
      </c>
      <c r="V13819" s="2">
        <v>0.59799999999999998</v>
      </c>
      <c r="W13819" s="2">
        <v>1.0999999999999999E-2</v>
      </c>
      <c r="X13819" s="2">
        <v>82.9</v>
      </c>
      <c r="Y13819" s="2">
        <v>7.6</v>
      </c>
      <c r="Z13819" s="2">
        <v>16.7</v>
      </c>
      <c r="AA13819" s="5"/>
      <c r="AB13819" s="5" t="s">
        <v>43</v>
      </c>
      <c r="AC13819" s="5" t="s">
        <v>44</v>
      </c>
      <c r="AD13819" s="2"/>
      <c r="AE13819" s="1"/>
    </row>
    <row r="13820" spans="1:31" ht="14.45">
      <c r="A13820" s="11"/>
      <c r="B13820" s="20"/>
      <c r="C13820" s="2" t="s">
        <v>42411</v>
      </c>
      <c r="D13820" s="14" t="s">
        <v>42412</v>
      </c>
      <c r="E13820" s="2" t="s">
        <v>42413</v>
      </c>
      <c r="F13820" s="2" t="s">
        <v>40951</v>
      </c>
      <c r="G13820" s="8">
        <v>145</v>
      </c>
      <c r="H13820" s="5">
        <v>6</v>
      </c>
      <c r="I13820" s="5" t="s">
        <v>1518</v>
      </c>
      <c r="J13820" s="5" t="s">
        <v>40939</v>
      </c>
      <c r="K13820" s="2" t="s">
        <v>40940</v>
      </c>
      <c r="L13820" s="5" t="s">
        <v>40939</v>
      </c>
      <c r="M13820" s="2" t="s">
        <v>40940</v>
      </c>
      <c r="N13820" s="5" t="s">
        <v>36266</v>
      </c>
      <c r="O13820" s="5" t="s">
        <v>38</v>
      </c>
      <c r="P13820" s="5" t="s">
        <v>39</v>
      </c>
      <c r="Q13820" s="5" t="s">
        <v>40</v>
      </c>
      <c r="R13820" s="5" t="s">
        <v>1522</v>
      </c>
      <c r="S13820" s="5" t="s">
        <v>1523</v>
      </c>
      <c r="T13820" s="5" t="s">
        <v>42</v>
      </c>
      <c r="U13820" s="2">
        <v>1.028</v>
      </c>
      <c r="V13820" s="2">
        <v>0.61</v>
      </c>
      <c r="W13820" s="2">
        <v>1.0999999999999999E-2</v>
      </c>
      <c r="X13820" s="2">
        <v>82.9</v>
      </c>
      <c r="Y13820" s="2">
        <v>7.6</v>
      </c>
      <c r="Z13820" s="2">
        <v>16.7</v>
      </c>
      <c r="AA13820" s="5"/>
      <c r="AB13820" s="5" t="s">
        <v>43</v>
      </c>
      <c r="AC13820" s="5" t="s">
        <v>44</v>
      </c>
      <c r="AD13820" s="2"/>
      <c r="AE13820" s="1"/>
    </row>
    <row r="13821" spans="1:31" ht="14.45">
      <c r="A13821" s="11"/>
      <c r="B13821" s="20"/>
      <c r="C13821" s="2" t="s">
        <v>42414</v>
      </c>
      <c r="D13821" s="14" t="s">
        <v>42415</v>
      </c>
      <c r="E13821" s="2" t="s">
        <v>42416</v>
      </c>
      <c r="F13821" s="2" t="s">
        <v>7208</v>
      </c>
      <c r="G13821" s="8">
        <v>126</v>
      </c>
      <c r="H13821" s="5">
        <v>6</v>
      </c>
      <c r="I13821" s="5" t="s">
        <v>1518</v>
      </c>
      <c r="J13821" s="5" t="s">
        <v>40939</v>
      </c>
      <c r="K13821" s="2" t="s">
        <v>40940</v>
      </c>
      <c r="L13821" s="5" t="s">
        <v>40939</v>
      </c>
      <c r="M13821" s="2" t="s">
        <v>40940</v>
      </c>
      <c r="N13821" s="5" t="s">
        <v>36266</v>
      </c>
      <c r="O13821" s="5" t="s">
        <v>38</v>
      </c>
      <c r="P13821" s="5" t="s">
        <v>39</v>
      </c>
      <c r="Q13821" s="5" t="s">
        <v>40</v>
      </c>
      <c r="R13821" s="5" t="s">
        <v>1522</v>
      </c>
      <c r="S13821" s="5" t="s">
        <v>1523</v>
      </c>
      <c r="T13821" s="5" t="s">
        <v>42</v>
      </c>
      <c r="U13821" s="2">
        <v>1.0189999999999999</v>
      </c>
      <c r="V13821" s="2">
        <v>0.60099999999999998</v>
      </c>
      <c r="W13821" s="2">
        <v>1.0999999999999999E-2</v>
      </c>
      <c r="X13821" s="2">
        <v>82.9</v>
      </c>
      <c r="Y13821" s="2">
        <v>7.6</v>
      </c>
      <c r="Z13821" s="2">
        <v>16.7</v>
      </c>
      <c r="AA13821" s="5"/>
      <c r="AB13821" s="5" t="s">
        <v>43</v>
      </c>
      <c r="AC13821" s="5" t="s">
        <v>44</v>
      </c>
      <c r="AD13821" s="2"/>
      <c r="AE13821" s="1"/>
    </row>
    <row r="13822" spans="1:31" ht="14.45">
      <c r="A13822" s="11"/>
      <c r="B13822" s="20"/>
      <c r="C13822" s="2" t="s">
        <v>42417</v>
      </c>
      <c r="D13822" s="14" t="s">
        <v>42418</v>
      </c>
      <c r="E13822" s="2" t="s">
        <v>42419</v>
      </c>
      <c r="F13822" s="2" t="s">
        <v>7521</v>
      </c>
      <c r="G13822" s="8">
        <v>126</v>
      </c>
      <c r="H13822" s="5">
        <v>6</v>
      </c>
      <c r="I13822" s="5" t="s">
        <v>1518</v>
      </c>
      <c r="J13822" s="5" t="s">
        <v>40939</v>
      </c>
      <c r="K13822" s="2" t="s">
        <v>40940</v>
      </c>
      <c r="L13822" s="5" t="s">
        <v>40939</v>
      </c>
      <c r="M13822" s="2" t="s">
        <v>40940</v>
      </c>
      <c r="N13822" s="5" t="s">
        <v>36266</v>
      </c>
      <c r="O13822" s="5" t="s">
        <v>38</v>
      </c>
      <c r="P13822" s="5" t="s">
        <v>39</v>
      </c>
      <c r="Q13822" s="5" t="s">
        <v>40</v>
      </c>
      <c r="R13822" s="5" t="s">
        <v>1522</v>
      </c>
      <c r="S13822" s="5" t="s">
        <v>1523</v>
      </c>
      <c r="T13822" s="5" t="s">
        <v>42</v>
      </c>
      <c r="U13822" s="2">
        <v>1.0309999999999999</v>
      </c>
      <c r="V13822" s="2">
        <v>0.61299999999999999</v>
      </c>
      <c r="W13822" s="2">
        <v>1.0999999999999999E-2</v>
      </c>
      <c r="X13822" s="2">
        <v>82.9</v>
      </c>
      <c r="Y13822" s="2">
        <v>7.6</v>
      </c>
      <c r="Z13822" s="2">
        <v>16.7</v>
      </c>
      <c r="AA13822" s="5"/>
      <c r="AB13822" s="5" t="s">
        <v>43</v>
      </c>
      <c r="AC13822" s="5" t="s">
        <v>44</v>
      </c>
      <c r="AD13822" s="2"/>
      <c r="AE13822" s="1"/>
    </row>
    <row r="13823" spans="1:31" ht="14.45">
      <c r="A13823" s="11"/>
      <c r="B13823" s="20"/>
      <c r="C13823" s="2" t="s">
        <v>42420</v>
      </c>
      <c r="D13823" s="14" t="s">
        <v>42421</v>
      </c>
      <c r="E13823" s="2" t="s">
        <v>42422</v>
      </c>
      <c r="F13823" s="2" t="s">
        <v>36273</v>
      </c>
      <c r="G13823" s="8">
        <v>126</v>
      </c>
      <c r="H13823" s="5">
        <v>6</v>
      </c>
      <c r="I13823" s="5" t="s">
        <v>1518</v>
      </c>
      <c r="J13823" s="5" t="s">
        <v>40939</v>
      </c>
      <c r="K13823" s="2" t="s">
        <v>40940</v>
      </c>
      <c r="L13823" s="5" t="s">
        <v>40939</v>
      </c>
      <c r="M13823" s="2" t="s">
        <v>40940</v>
      </c>
      <c r="N13823" s="5" t="s">
        <v>36266</v>
      </c>
      <c r="O13823" s="5" t="s">
        <v>38</v>
      </c>
      <c r="P13823" s="5" t="s">
        <v>39</v>
      </c>
      <c r="Q13823" s="5" t="s">
        <v>40</v>
      </c>
      <c r="R13823" s="5" t="s">
        <v>1522</v>
      </c>
      <c r="S13823" s="5" t="s">
        <v>1523</v>
      </c>
      <c r="T13823" s="5" t="s">
        <v>42</v>
      </c>
      <c r="U13823" s="2">
        <v>1.026</v>
      </c>
      <c r="V13823" s="2">
        <v>0.60799999999999998</v>
      </c>
      <c r="W13823" s="2">
        <v>1.0999999999999999E-2</v>
      </c>
      <c r="X13823" s="2">
        <v>82.9</v>
      </c>
      <c r="Y13823" s="2">
        <v>7.6</v>
      </c>
      <c r="Z13823" s="2">
        <v>16.7</v>
      </c>
      <c r="AA13823" s="5"/>
      <c r="AB13823" s="5" t="s">
        <v>43</v>
      </c>
      <c r="AC13823" s="5" t="s">
        <v>44</v>
      </c>
      <c r="AD13823" s="2"/>
      <c r="AE13823" s="1"/>
    </row>
    <row r="13824" spans="1:31" ht="14.45">
      <c r="A13824" s="11"/>
      <c r="B13824" s="20"/>
      <c r="C13824" s="2" t="s">
        <v>42423</v>
      </c>
      <c r="D13824" s="14" t="s">
        <v>42424</v>
      </c>
      <c r="E13824" s="2" t="s">
        <v>42425</v>
      </c>
      <c r="F13824" s="2" t="s">
        <v>36277</v>
      </c>
      <c r="G13824" s="8">
        <v>126</v>
      </c>
      <c r="H13824" s="5">
        <v>6</v>
      </c>
      <c r="I13824" s="5" t="s">
        <v>1518</v>
      </c>
      <c r="J13824" s="5" t="s">
        <v>40939</v>
      </c>
      <c r="K13824" s="2" t="s">
        <v>40940</v>
      </c>
      <c r="L13824" s="5" t="s">
        <v>40939</v>
      </c>
      <c r="M13824" s="2" t="s">
        <v>40940</v>
      </c>
      <c r="N13824" s="5" t="s">
        <v>36266</v>
      </c>
      <c r="O13824" s="5" t="s">
        <v>38</v>
      </c>
      <c r="P13824" s="5" t="s">
        <v>39</v>
      </c>
      <c r="Q13824" s="5" t="s">
        <v>40</v>
      </c>
      <c r="R13824" s="5" t="s">
        <v>1522</v>
      </c>
      <c r="S13824" s="5" t="s">
        <v>1523</v>
      </c>
      <c r="T13824" s="5" t="s">
        <v>42</v>
      </c>
      <c r="U13824" s="2">
        <v>1.038</v>
      </c>
      <c r="V13824" s="2">
        <v>0.62</v>
      </c>
      <c r="W13824" s="2">
        <v>1.0999999999999999E-2</v>
      </c>
      <c r="X13824" s="2">
        <v>82.9</v>
      </c>
      <c r="Y13824" s="2">
        <v>7.6</v>
      </c>
      <c r="Z13824" s="2">
        <v>16.7</v>
      </c>
      <c r="AA13824" s="5"/>
      <c r="AB13824" s="5" t="s">
        <v>43</v>
      </c>
      <c r="AC13824" s="5" t="s">
        <v>44</v>
      </c>
      <c r="AD13824" s="2"/>
      <c r="AE13824" s="1"/>
    </row>
    <row r="13825" spans="1:31" ht="14.45">
      <c r="A13825" s="11"/>
      <c r="B13825" s="20"/>
      <c r="C13825" s="2" t="s">
        <v>42426</v>
      </c>
      <c r="D13825" s="14" t="s">
        <v>42427</v>
      </c>
      <c r="E13825" s="2" t="s">
        <v>42428</v>
      </c>
      <c r="F13825" s="2" t="s">
        <v>40971</v>
      </c>
      <c r="G13825" s="8">
        <v>145</v>
      </c>
      <c r="H13825" s="5">
        <v>6</v>
      </c>
      <c r="I13825" s="5" t="s">
        <v>1518</v>
      </c>
      <c r="J13825" s="5" t="s">
        <v>40939</v>
      </c>
      <c r="K13825" s="2" t="s">
        <v>40940</v>
      </c>
      <c r="L13825" s="5" t="s">
        <v>40939</v>
      </c>
      <c r="M13825" s="2" t="s">
        <v>40940</v>
      </c>
      <c r="N13825" s="5" t="s">
        <v>36266</v>
      </c>
      <c r="O13825" s="5" t="s">
        <v>38</v>
      </c>
      <c r="P13825" s="5" t="s">
        <v>39</v>
      </c>
      <c r="Q13825" s="5" t="s">
        <v>40</v>
      </c>
      <c r="R13825" s="5" t="s">
        <v>1522</v>
      </c>
      <c r="S13825" s="5" t="s">
        <v>1523</v>
      </c>
      <c r="T13825" s="5" t="s">
        <v>42</v>
      </c>
      <c r="U13825" s="2">
        <v>1.0309999999999999</v>
      </c>
      <c r="V13825" s="2">
        <v>0.61299999999999999</v>
      </c>
      <c r="W13825" s="2">
        <v>1.0999999999999999E-2</v>
      </c>
      <c r="X13825" s="2">
        <v>82.9</v>
      </c>
      <c r="Y13825" s="2">
        <v>7.6</v>
      </c>
      <c r="Z13825" s="2">
        <v>16.7</v>
      </c>
      <c r="AA13825" s="5"/>
      <c r="AB13825" s="5" t="s">
        <v>43</v>
      </c>
      <c r="AC13825" s="5" t="s">
        <v>44</v>
      </c>
      <c r="AD13825" s="2"/>
      <c r="AE13825" s="1"/>
    </row>
    <row r="13826" spans="1:31" ht="14.45">
      <c r="A13826" s="11"/>
      <c r="B13826" s="20"/>
      <c r="C13826" s="2" t="s">
        <v>42429</v>
      </c>
      <c r="D13826" s="14" t="s">
        <v>42430</v>
      </c>
      <c r="E13826" s="2" t="s">
        <v>42431</v>
      </c>
      <c r="F13826" s="2" t="s">
        <v>41267</v>
      </c>
      <c r="G13826" s="8">
        <v>145</v>
      </c>
      <c r="H13826" s="5">
        <v>6</v>
      </c>
      <c r="I13826" s="5" t="s">
        <v>1518</v>
      </c>
      <c r="J13826" s="5" t="s">
        <v>40939</v>
      </c>
      <c r="K13826" s="2" t="s">
        <v>40940</v>
      </c>
      <c r="L13826" s="5" t="s">
        <v>40939</v>
      </c>
      <c r="M13826" s="2" t="s">
        <v>40940</v>
      </c>
      <c r="N13826" s="5" t="s">
        <v>36266</v>
      </c>
      <c r="O13826" s="5" t="s">
        <v>38</v>
      </c>
      <c r="P13826" s="5" t="s">
        <v>39</v>
      </c>
      <c r="Q13826" s="5" t="s">
        <v>40</v>
      </c>
      <c r="R13826" s="5" t="s">
        <v>1522</v>
      </c>
      <c r="S13826" s="5" t="s">
        <v>1523</v>
      </c>
      <c r="T13826" s="5" t="s">
        <v>42</v>
      </c>
      <c r="U13826" s="2">
        <v>1.0169999999999999</v>
      </c>
      <c r="V13826" s="2">
        <v>0.59899999999999998</v>
      </c>
      <c r="W13826" s="2">
        <v>1.0999999999999999E-2</v>
      </c>
      <c r="X13826" s="2">
        <v>82.9</v>
      </c>
      <c r="Y13826" s="2">
        <v>7.6</v>
      </c>
      <c r="Z13826" s="2">
        <v>16.7</v>
      </c>
      <c r="AA13826" s="5"/>
      <c r="AB13826" s="5" t="s">
        <v>43</v>
      </c>
      <c r="AC13826" s="5" t="s">
        <v>44</v>
      </c>
      <c r="AD13826" s="2"/>
      <c r="AE13826" s="1"/>
    </row>
    <row r="13827" spans="1:31" ht="14.45">
      <c r="A13827" s="11"/>
      <c r="B13827" s="20"/>
      <c r="C13827" s="2" t="s">
        <v>42432</v>
      </c>
      <c r="D13827" s="14" t="s">
        <v>42433</v>
      </c>
      <c r="E13827" s="2" t="s">
        <v>42434</v>
      </c>
      <c r="F13827" s="2" t="s">
        <v>41001</v>
      </c>
      <c r="G13827" s="8">
        <v>145</v>
      </c>
      <c r="H13827" s="5">
        <v>6</v>
      </c>
      <c r="I13827" s="5" t="s">
        <v>1518</v>
      </c>
      <c r="J13827" s="5" t="s">
        <v>40939</v>
      </c>
      <c r="K13827" s="2" t="s">
        <v>40940</v>
      </c>
      <c r="L13827" s="5" t="s">
        <v>40939</v>
      </c>
      <c r="M13827" s="2" t="s">
        <v>40940</v>
      </c>
      <c r="N13827" s="5" t="s">
        <v>36266</v>
      </c>
      <c r="O13827" s="5" t="s">
        <v>38</v>
      </c>
      <c r="P13827" s="5" t="s">
        <v>39</v>
      </c>
      <c r="Q13827" s="5" t="s">
        <v>40</v>
      </c>
      <c r="R13827" s="5" t="s">
        <v>1522</v>
      </c>
      <c r="S13827" s="5" t="s">
        <v>1523</v>
      </c>
      <c r="T13827" s="5" t="s">
        <v>42</v>
      </c>
      <c r="U13827" s="2">
        <v>1.0189999999999999</v>
      </c>
      <c r="V13827" s="2">
        <v>0.60099999999999998</v>
      </c>
      <c r="W13827" s="2">
        <v>1.0999999999999999E-2</v>
      </c>
      <c r="X13827" s="2">
        <v>82.9</v>
      </c>
      <c r="Y13827" s="2">
        <v>7.6</v>
      </c>
      <c r="Z13827" s="2">
        <v>16.7</v>
      </c>
      <c r="AA13827" s="5"/>
      <c r="AB13827" s="5" t="s">
        <v>43</v>
      </c>
      <c r="AC13827" s="5" t="s">
        <v>44</v>
      </c>
      <c r="AD13827" s="2"/>
      <c r="AE13827" s="1"/>
    </row>
    <row r="13828" spans="1:31" ht="14.45">
      <c r="A13828" s="11"/>
      <c r="B13828" s="20"/>
      <c r="C13828" s="2" t="s">
        <v>42435</v>
      </c>
      <c r="D13828" s="14" t="s">
        <v>42436</v>
      </c>
      <c r="E13828" s="2" t="s">
        <v>42437</v>
      </c>
      <c r="F13828" s="2" t="s">
        <v>41005</v>
      </c>
      <c r="G13828" s="8">
        <v>145</v>
      </c>
      <c r="H13828" s="5">
        <v>6</v>
      </c>
      <c r="I13828" s="5" t="s">
        <v>1518</v>
      </c>
      <c r="J13828" s="5" t="s">
        <v>40939</v>
      </c>
      <c r="K13828" s="2" t="s">
        <v>40940</v>
      </c>
      <c r="L13828" s="5" t="s">
        <v>40939</v>
      </c>
      <c r="M13828" s="2" t="s">
        <v>40940</v>
      </c>
      <c r="N13828" s="5" t="s">
        <v>36266</v>
      </c>
      <c r="O13828" s="5" t="s">
        <v>38</v>
      </c>
      <c r="P13828" s="5" t="s">
        <v>39</v>
      </c>
      <c r="Q13828" s="5" t="s">
        <v>40</v>
      </c>
      <c r="R13828" s="5" t="s">
        <v>1522</v>
      </c>
      <c r="S13828" s="5" t="s">
        <v>1523</v>
      </c>
      <c r="T13828" s="5" t="s">
        <v>42</v>
      </c>
      <c r="U13828" s="2">
        <v>1.0309999999999999</v>
      </c>
      <c r="V13828" s="2">
        <v>0.61299999999999999</v>
      </c>
      <c r="W13828" s="2">
        <v>1.0999999999999999E-2</v>
      </c>
      <c r="X13828" s="2">
        <v>82.9</v>
      </c>
      <c r="Y13828" s="2">
        <v>7.6</v>
      </c>
      <c r="Z13828" s="2">
        <v>16.7</v>
      </c>
      <c r="AA13828" s="5"/>
      <c r="AB13828" s="5" t="s">
        <v>43</v>
      </c>
      <c r="AC13828" s="5" t="s">
        <v>44</v>
      </c>
      <c r="AD13828" s="2"/>
      <c r="AE13828" s="1"/>
    </row>
    <row r="13829" spans="1:31" ht="14.45">
      <c r="A13829" s="11"/>
      <c r="B13829" s="20"/>
      <c r="C13829" s="2" t="s">
        <v>42438</v>
      </c>
      <c r="D13829" s="14" t="s">
        <v>42439</v>
      </c>
      <c r="E13829" s="2" t="s">
        <v>42440</v>
      </c>
      <c r="F13829" s="2" t="s">
        <v>7396</v>
      </c>
      <c r="G13829" s="8">
        <v>126</v>
      </c>
      <c r="H13829" s="5">
        <v>6</v>
      </c>
      <c r="I13829" s="5" t="s">
        <v>1518</v>
      </c>
      <c r="J13829" s="5" t="s">
        <v>40939</v>
      </c>
      <c r="K13829" s="2" t="s">
        <v>40940</v>
      </c>
      <c r="L13829" s="5" t="s">
        <v>40939</v>
      </c>
      <c r="M13829" s="2" t="s">
        <v>40940</v>
      </c>
      <c r="N13829" s="5" t="s">
        <v>36266</v>
      </c>
      <c r="O13829" s="5" t="s">
        <v>38</v>
      </c>
      <c r="P13829" s="5" t="s">
        <v>39</v>
      </c>
      <c r="Q13829" s="5" t="s">
        <v>40</v>
      </c>
      <c r="R13829" s="5" t="s">
        <v>1522</v>
      </c>
      <c r="S13829" s="5" t="s">
        <v>1523</v>
      </c>
      <c r="T13829" s="5" t="s">
        <v>42</v>
      </c>
      <c r="U13829" s="2">
        <v>1.0229999999999999</v>
      </c>
      <c r="V13829" s="2">
        <v>0.60499999999999998</v>
      </c>
      <c r="W13829" s="2">
        <v>1.0999999999999999E-2</v>
      </c>
      <c r="X13829" s="2">
        <v>82.9</v>
      </c>
      <c r="Y13829" s="2">
        <v>7.6</v>
      </c>
      <c r="Z13829" s="2">
        <v>16.7</v>
      </c>
      <c r="AA13829" s="5"/>
      <c r="AB13829" s="5" t="s">
        <v>43</v>
      </c>
      <c r="AC13829" s="5" t="s">
        <v>44</v>
      </c>
      <c r="AD13829" s="2"/>
      <c r="AE13829" s="1"/>
    </row>
    <row r="13830" spans="1:31" ht="14.45">
      <c r="A13830" s="11"/>
      <c r="B13830" s="20"/>
      <c r="C13830" s="2" t="s">
        <v>42441</v>
      </c>
      <c r="D13830" s="14" t="s">
        <v>42442</v>
      </c>
      <c r="E13830" s="2" t="s">
        <v>42443</v>
      </c>
      <c r="F13830" s="2" t="s">
        <v>7507</v>
      </c>
      <c r="G13830" s="8">
        <v>126</v>
      </c>
      <c r="H13830" s="5">
        <v>6</v>
      </c>
      <c r="I13830" s="5" t="s">
        <v>1518</v>
      </c>
      <c r="J13830" s="5" t="s">
        <v>40939</v>
      </c>
      <c r="K13830" s="2" t="s">
        <v>40940</v>
      </c>
      <c r="L13830" s="5" t="s">
        <v>40939</v>
      </c>
      <c r="M13830" s="2" t="s">
        <v>40940</v>
      </c>
      <c r="N13830" s="5" t="s">
        <v>36266</v>
      </c>
      <c r="O13830" s="5" t="s">
        <v>38</v>
      </c>
      <c r="P13830" s="5" t="s">
        <v>39</v>
      </c>
      <c r="Q13830" s="5" t="s">
        <v>40</v>
      </c>
      <c r="R13830" s="5" t="s">
        <v>1522</v>
      </c>
      <c r="S13830" s="5" t="s">
        <v>1523</v>
      </c>
      <c r="T13830" s="5" t="s">
        <v>42</v>
      </c>
      <c r="U13830" s="2">
        <v>1.0349999999999999</v>
      </c>
      <c r="V13830" s="2">
        <v>0.61699999999999999</v>
      </c>
      <c r="W13830" s="2">
        <v>1.0999999999999999E-2</v>
      </c>
      <c r="X13830" s="2">
        <v>82.9</v>
      </c>
      <c r="Y13830" s="2">
        <v>7.6</v>
      </c>
      <c r="Z13830" s="2">
        <v>16.7</v>
      </c>
      <c r="AA13830" s="5"/>
      <c r="AB13830" s="5" t="s">
        <v>43</v>
      </c>
      <c r="AC13830" s="5" t="s">
        <v>44</v>
      </c>
      <c r="AD13830" s="2"/>
      <c r="AE13830" s="1"/>
    </row>
    <row r="13831" spans="1:31" ht="14.45">
      <c r="A13831" s="11"/>
      <c r="B13831" s="20"/>
      <c r="C13831" s="2" t="s">
        <v>42444</v>
      </c>
      <c r="D13831" s="14" t="s">
        <v>42445</v>
      </c>
      <c r="E13831" s="2" t="s">
        <v>42446</v>
      </c>
      <c r="F13831" s="2" t="s">
        <v>41023</v>
      </c>
      <c r="G13831" s="8">
        <v>145</v>
      </c>
      <c r="H13831" s="5">
        <v>6</v>
      </c>
      <c r="I13831" s="5" t="s">
        <v>1518</v>
      </c>
      <c r="J13831" s="5" t="s">
        <v>40939</v>
      </c>
      <c r="K13831" s="2" t="s">
        <v>40940</v>
      </c>
      <c r="L13831" s="5" t="s">
        <v>40939</v>
      </c>
      <c r="M13831" s="2" t="s">
        <v>40940</v>
      </c>
      <c r="N13831" s="5" t="s">
        <v>36266</v>
      </c>
      <c r="O13831" s="5" t="s">
        <v>38</v>
      </c>
      <c r="P13831" s="5" t="s">
        <v>39</v>
      </c>
      <c r="Q13831" s="5" t="s">
        <v>40</v>
      </c>
      <c r="R13831" s="5" t="s">
        <v>1522</v>
      </c>
      <c r="S13831" s="5" t="s">
        <v>1523</v>
      </c>
      <c r="T13831" s="5" t="s">
        <v>42</v>
      </c>
      <c r="U13831" s="2">
        <v>1.0049999999999999</v>
      </c>
      <c r="V13831" s="2">
        <v>0.58699999999999997</v>
      </c>
      <c r="W13831" s="2">
        <v>1.0999999999999999E-2</v>
      </c>
      <c r="X13831" s="2">
        <v>82.9</v>
      </c>
      <c r="Y13831" s="2">
        <v>7.6</v>
      </c>
      <c r="Z13831" s="2">
        <v>16.7</v>
      </c>
      <c r="AA13831" s="5"/>
      <c r="AB13831" s="5" t="s">
        <v>43</v>
      </c>
      <c r="AC13831" s="5" t="s">
        <v>44</v>
      </c>
      <c r="AD13831" s="2"/>
      <c r="AE13831" s="1"/>
    </row>
    <row r="13832" spans="1:31" ht="14.45">
      <c r="A13832" s="11"/>
      <c r="B13832" s="20"/>
      <c r="C13832" s="2" t="s">
        <v>42447</v>
      </c>
      <c r="D13832" s="14" t="s">
        <v>42448</v>
      </c>
      <c r="E13832" s="2" t="s">
        <v>42449</v>
      </c>
      <c r="F13832" s="2" t="s">
        <v>41031</v>
      </c>
      <c r="G13832" s="8">
        <v>145</v>
      </c>
      <c r="H13832" s="5">
        <v>6</v>
      </c>
      <c r="I13832" s="5" t="s">
        <v>1518</v>
      </c>
      <c r="J13832" s="5" t="s">
        <v>40939</v>
      </c>
      <c r="K13832" s="2" t="s">
        <v>40940</v>
      </c>
      <c r="L13832" s="5" t="s">
        <v>40939</v>
      </c>
      <c r="M13832" s="2" t="s">
        <v>40940</v>
      </c>
      <c r="N13832" s="5" t="s">
        <v>36266</v>
      </c>
      <c r="O13832" s="5" t="s">
        <v>38</v>
      </c>
      <c r="P13832" s="5" t="s">
        <v>39</v>
      </c>
      <c r="Q13832" s="5" t="s">
        <v>40</v>
      </c>
      <c r="R13832" s="5" t="s">
        <v>1522</v>
      </c>
      <c r="S13832" s="5" t="s">
        <v>1523</v>
      </c>
      <c r="T13832" s="5" t="s">
        <v>42</v>
      </c>
      <c r="U13832" s="2">
        <v>1.0049999999999999</v>
      </c>
      <c r="V13832" s="2">
        <v>0.58699999999999997</v>
      </c>
      <c r="W13832" s="2">
        <v>1.0999999999999999E-2</v>
      </c>
      <c r="X13832" s="2">
        <v>82.9</v>
      </c>
      <c r="Y13832" s="2">
        <v>7.6</v>
      </c>
      <c r="Z13832" s="2">
        <v>16.7</v>
      </c>
      <c r="AA13832" s="5"/>
      <c r="AB13832" s="5" t="s">
        <v>43</v>
      </c>
      <c r="AC13832" s="5" t="s">
        <v>44</v>
      </c>
      <c r="AD13832" s="2"/>
      <c r="AE13832" s="1"/>
    </row>
    <row r="13833" spans="1:31" ht="14.45">
      <c r="A13833" s="11"/>
      <c r="B13833" s="20"/>
      <c r="C13833" s="2" t="s">
        <v>42450</v>
      </c>
      <c r="D13833" s="14" t="s">
        <v>42451</v>
      </c>
      <c r="E13833" s="2" t="s">
        <v>42452</v>
      </c>
      <c r="F13833" s="2" t="s">
        <v>41035</v>
      </c>
      <c r="G13833" s="8">
        <v>145</v>
      </c>
      <c r="H13833" s="5">
        <v>6</v>
      </c>
      <c r="I13833" s="5" t="s">
        <v>1518</v>
      </c>
      <c r="J13833" s="5" t="s">
        <v>40939</v>
      </c>
      <c r="K13833" s="2" t="s">
        <v>40940</v>
      </c>
      <c r="L13833" s="5" t="s">
        <v>40939</v>
      </c>
      <c r="M13833" s="2" t="s">
        <v>40940</v>
      </c>
      <c r="N13833" s="5" t="s">
        <v>36266</v>
      </c>
      <c r="O13833" s="5" t="s">
        <v>38</v>
      </c>
      <c r="P13833" s="5" t="s">
        <v>39</v>
      </c>
      <c r="Q13833" s="5" t="s">
        <v>40</v>
      </c>
      <c r="R13833" s="5" t="s">
        <v>1522</v>
      </c>
      <c r="S13833" s="5" t="s">
        <v>1523</v>
      </c>
      <c r="T13833" s="5" t="s">
        <v>42</v>
      </c>
      <c r="U13833" s="2">
        <v>1.0169999999999999</v>
      </c>
      <c r="V13833" s="2">
        <v>0.59899999999999998</v>
      </c>
      <c r="W13833" s="2">
        <v>1.0999999999999999E-2</v>
      </c>
      <c r="X13833" s="2">
        <v>82.9</v>
      </c>
      <c r="Y13833" s="2">
        <v>7.6</v>
      </c>
      <c r="Z13833" s="2">
        <v>16.7</v>
      </c>
      <c r="AA13833" s="5"/>
      <c r="AB13833" s="5" t="s">
        <v>43</v>
      </c>
      <c r="AC13833" s="5" t="s">
        <v>44</v>
      </c>
      <c r="AD13833" s="2"/>
      <c r="AE13833" s="1"/>
    </row>
    <row r="13834" spans="1:31" ht="14.45">
      <c r="A13834" s="11"/>
      <c r="B13834" s="20"/>
      <c r="C13834" s="2" t="s">
        <v>42453</v>
      </c>
      <c r="D13834" s="14" t="s">
        <v>42454</v>
      </c>
      <c r="E13834" s="2" t="s">
        <v>42455</v>
      </c>
      <c r="F13834" s="2" t="s">
        <v>41045</v>
      </c>
      <c r="G13834" s="8">
        <v>145</v>
      </c>
      <c r="H13834" s="5">
        <v>6</v>
      </c>
      <c r="I13834" s="5" t="s">
        <v>1518</v>
      </c>
      <c r="J13834" s="5" t="s">
        <v>40939</v>
      </c>
      <c r="K13834" s="2" t="s">
        <v>40940</v>
      </c>
      <c r="L13834" s="5" t="s">
        <v>40939</v>
      </c>
      <c r="M13834" s="2" t="s">
        <v>40940</v>
      </c>
      <c r="N13834" s="5" t="s">
        <v>36266</v>
      </c>
      <c r="O13834" s="5" t="s">
        <v>38</v>
      </c>
      <c r="P13834" s="5" t="s">
        <v>39</v>
      </c>
      <c r="Q13834" s="5" t="s">
        <v>40</v>
      </c>
      <c r="R13834" s="5" t="s">
        <v>1522</v>
      </c>
      <c r="S13834" s="5" t="s">
        <v>1523</v>
      </c>
      <c r="T13834" s="5" t="s">
        <v>42</v>
      </c>
      <c r="U13834" s="2">
        <v>1.026</v>
      </c>
      <c r="V13834" s="2">
        <v>0.60799999999999998</v>
      </c>
      <c r="W13834" s="2">
        <v>1.0999999999999999E-2</v>
      </c>
      <c r="X13834" s="2">
        <v>82.9</v>
      </c>
      <c r="Y13834" s="2">
        <v>7.6</v>
      </c>
      <c r="Z13834" s="2">
        <v>16.7</v>
      </c>
      <c r="AA13834" s="5"/>
      <c r="AB13834" s="5" t="s">
        <v>43</v>
      </c>
      <c r="AC13834" s="5" t="s">
        <v>44</v>
      </c>
      <c r="AD13834" s="2"/>
      <c r="AE13834" s="1"/>
    </row>
    <row r="13835" spans="1:31" ht="14.45">
      <c r="A13835" s="11"/>
      <c r="B13835" s="20"/>
      <c r="C13835" s="2" t="s">
        <v>42456</v>
      </c>
      <c r="D13835" s="14" t="s">
        <v>42457</v>
      </c>
      <c r="E13835" s="2" t="s">
        <v>42458</v>
      </c>
      <c r="F13835" s="2" t="s">
        <v>7204</v>
      </c>
      <c r="G13835" s="8">
        <v>126</v>
      </c>
      <c r="H13835" s="5">
        <v>6</v>
      </c>
      <c r="I13835" s="5" t="s">
        <v>1518</v>
      </c>
      <c r="J13835" s="5" t="s">
        <v>40939</v>
      </c>
      <c r="K13835" s="2" t="s">
        <v>40940</v>
      </c>
      <c r="L13835" s="5" t="s">
        <v>40939</v>
      </c>
      <c r="M13835" s="2" t="s">
        <v>40940</v>
      </c>
      <c r="N13835" s="5" t="s">
        <v>36266</v>
      </c>
      <c r="O13835" s="5" t="s">
        <v>38</v>
      </c>
      <c r="P13835" s="5" t="s">
        <v>39</v>
      </c>
      <c r="Q13835" s="5" t="s">
        <v>40</v>
      </c>
      <c r="R13835" s="5" t="s">
        <v>1522</v>
      </c>
      <c r="S13835" s="5" t="s">
        <v>1523</v>
      </c>
      <c r="T13835" s="5" t="s">
        <v>42</v>
      </c>
      <c r="U13835" s="2">
        <v>1.236</v>
      </c>
      <c r="V13835" s="2">
        <v>0.73599999999999999</v>
      </c>
      <c r="W13835" s="2">
        <v>1.2999999999999999E-2</v>
      </c>
      <c r="X13835" s="2">
        <v>99.1</v>
      </c>
      <c r="Y13835" s="2">
        <v>7.6</v>
      </c>
      <c r="Z13835" s="2">
        <v>16.7</v>
      </c>
      <c r="AA13835" s="5"/>
      <c r="AB13835" s="5" t="s">
        <v>43</v>
      </c>
      <c r="AC13835" s="5" t="s">
        <v>44</v>
      </c>
      <c r="AD13835" s="2"/>
      <c r="AE13835" s="1"/>
    </row>
    <row r="13836" spans="1:31" ht="14.45">
      <c r="A13836" s="11"/>
      <c r="B13836" s="20"/>
      <c r="C13836" s="2" t="s">
        <v>42459</v>
      </c>
      <c r="D13836" s="14" t="s">
        <v>42460</v>
      </c>
      <c r="E13836" s="2" t="s">
        <v>42461</v>
      </c>
      <c r="F13836" s="2" t="s">
        <v>7514</v>
      </c>
      <c r="G13836" s="8">
        <v>126</v>
      </c>
      <c r="H13836" s="5">
        <v>6</v>
      </c>
      <c r="I13836" s="5" t="s">
        <v>1518</v>
      </c>
      <c r="J13836" s="5" t="s">
        <v>40939</v>
      </c>
      <c r="K13836" s="2" t="s">
        <v>40940</v>
      </c>
      <c r="L13836" s="5" t="s">
        <v>40939</v>
      </c>
      <c r="M13836" s="2" t="s">
        <v>40940</v>
      </c>
      <c r="N13836" s="5" t="s">
        <v>36266</v>
      </c>
      <c r="O13836" s="5" t="s">
        <v>38</v>
      </c>
      <c r="P13836" s="5" t="s">
        <v>39</v>
      </c>
      <c r="Q13836" s="5" t="s">
        <v>40</v>
      </c>
      <c r="R13836" s="5" t="s">
        <v>1522</v>
      </c>
      <c r="S13836" s="5" t="s">
        <v>1523</v>
      </c>
      <c r="T13836" s="5" t="s">
        <v>42</v>
      </c>
      <c r="U13836" s="2">
        <v>1.246</v>
      </c>
      <c r="V13836" s="2">
        <v>0.746</v>
      </c>
      <c r="W13836" s="2">
        <v>1.2999999999999999E-2</v>
      </c>
      <c r="X13836" s="2">
        <v>99.1</v>
      </c>
      <c r="Y13836" s="2">
        <v>7.6</v>
      </c>
      <c r="Z13836" s="2">
        <v>16.7</v>
      </c>
      <c r="AA13836" s="5"/>
      <c r="AB13836" s="5" t="s">
        <v>43</v>
      </c>
      <c r="AC13836" s="5" t="s">
        <v>44</v>
      </c>
      <c r="AD13836" s="2"/>
      <c r="AE13836" s="1"/>
    </row>
    <row r="13837" spans="1:31" ht="14.45">
      <c r="A13837" s="11"/>
      <c r="B13837" s="20"/>
      <c r="C13837" s="2" t="s">
        <v>42462</v>
      </c>
      <c r="D13837" s="14" t="s">
        <v>42463</v>
      </c>
      <c r="E13837" s="2" t="s">
        <v>42464</v>
      </c>
      <c r="F13837" s="2" t="s">
        <v>41221</v>
      </c>
      <c r="G13837" s="8">
        <v>145</v>
      </c>
      <c r="H13837" s="5">
        <v>6</v>
      </c>
      <c r="I13837" s="5" t="s">
        <v>1518</v>
      </c>
      <c r="J13837" s="5" t="s">
        <v>40939</v>
      </c>
      <c r="K13837" s="2" t="s">
        <v>40940</v>
      </c>
      <c r="L13837" s="5" t="s">
        <v>40939</v>
      </c>
      <c r="M13837" s="2" t="s">
        <v>40940</v>
      </c>
      <c r="N13837" s="5" t="s">
        <v>36266</v>
      </c>
      <c r="O13837" s="5" t="s">
        <v>38</v>
      </c>
      <c r="P13837" s="5" t="s">
        <v>39</v>
      </c>
      <c r="Q13837" s="5" t="s">
        <v>40</v>
      </c>
      <c r="R13837" s="5" t="s">
        <v>1522</v>
      </c>
      <c r="S13837" s="5" t="s">
        <v>1523</v>
      </c>
      <c r="T13837" s="5" t="s">
        <v>42</v>
      </c>
      <c r="U13837" s="2">
        <v>1.248</v>
      </c>
      <c r="V13837" s="2">
        <v>0.748</v>
      </c>
      <c r="W13837" s="2">
        <v>1.2999999999999999E-2</v>
      </c>
      <c r="X13837" s="2">
        <v>99.1</v>
      </c>
      <c r="Y13837" s="2">
        <v>7.6</v>
      </c>
      <c r="Z13837" s="2">
        <v>16.7</v>
      </c>
      <c r="AA13837" s="5"/>
      <c r="AB13837" s="5" t="s">
        <v>43</v>
      </c>
      <c r="AC13837" s="5" t="s">
        <v>44</v>
      </c>
      <c r="AD13837" s="2"/>
      <c r="AE13837" s="1"/>
    </row>
    <row r="13838" spans="1:31" ht="14.45">
      <c r="A13838" s="11"/>
      <c r="B13838" s="20"/>
      <c r="C13838" s="2" t="s">
        <v>42465</v>
      </c>
      <c r="D13838" s="14" t="s">
        <v>42466</v>
      </c>
      <c r="E13838" s="2" t="s">
        <v>42467</v>
      </c>
      <c r="F13838" s="2" t="s">
        <v>40951</v>
      </c>
      <c r="G13838" s="8">
        <v>145</v>
      </c>
      <c r="H13838" s="5">
        <v>6</v>
      </c>
      <c r="I13838" s="5" t="s">
        <v>1518</v>
      </c>
      <c r="J13838" s="5" t="s">
        <v>40939</v>
      </c>
      <c r="K13838" s="2" t="s">
        <v>40940</v>
      </c>
      <c r="L13838" s="5" t="s">
        <v>40939</v>
      </c>
      <c r="M13838" s="2" t="s">
        <v>40940</v>
      </c>
      <c r="N13838" s="5" t="s">
        <v>36266</v>
      </c>
      <c r="O13838" s="5" t="s">
        <v>38</v>
      </c>
      <c r="P13838" s="5" t="s">
        <v>39</v>
      </c>
      <c r="Q13838" s="5" t="s">
        <v>40</v>
      </c>
      <c r="R13838" s="5" t="s">
        <v>1522</v>
      </c>
      <c r="S13838" s="5" t="s">
        <v>1523</v>
      </c>
      <c r="T13838" s="5" t="s">
        <v>42</v>
      </c>
      <c r="U13838" s="2">
        <v>1.258</v>
      </c>
      <c r="V13838" s="2">
        <v>0.75800000000000001</v>
      </c>
      <c r="W13838" s="2">
        <v>1.2999999999999999E-2</v>
      </c>
      <c r="X13838" s="2">
        <v>99.1</v>
      </c>
      <c r="Y13838" s="2">
        <v>7.6</v>
      </c>
      <c r="Z13838" s="2">
        <v>16.7</v>
      </c>
      <c r="AA13838" s="5"/>
      <c r="AB13838" s="5" t="s">
        <v>43</v>
      </c>
      <c r="AC13838" s="5" t="s">
        <v>44</v>
      </c>
      <c r="AD13838" s="2"/>
      <c r="AE13838" s="1"/>
    </row>
    <row r="13839" spans="1:31" ht="14.45">
      <c r="A13839" s="11"/>
      <c r="B13839" s="20"/>
      <c r="C13839" s="2" t="s">
        <v>42468</v>
      </c>
      <c r="D13839" s="14" t="s">
        <v>42469</v>
      </c>
      <c r="E13839" s="2" t="s">
        <v>42470</v>
      </c>
      <c r="F13839" s="2" t="s">
        <v>7208</v>
      </c>
      <c r="G13839" s="8">
        <v>126</v>
      </c>
      <c r="H13839" s="5">
        <v>6</v>
      </c>
      <c r="I13839" s="5" t="s">
        <v>1518</v>
      </c>
      <c r="J13839" s="5" t="s">
        <v>40939</v>
      </c>
      <c r="K13839" s="2" t="s">
        <v>40940</v>
      </c>
      <c r="L13839" s="5" t="s">
        <v>40939</v>
      </c>
      <c r="M13839" s="2" t="s">
        <v>40940</v>
      </c>
      <c r="N13839" s="5" t="s">
        <v>36266</v>
      </c>
      <c r="O13839" s="5" t="s">
        <v>38</v>
      </c>
      <c r="P13839" s="5" t="s">
        <v>39</v>
      </c>
      <c r="Q13839" s="5" t="s">
        <v>40</v>
      </c>
      <c r="R13839" s="5" t="s">
        <v>1522</v>
      </c>
      <c r="S13839" s="5" t="s">
        <v>1523</v>
      </c>
      <c r="T13839" s="5" t="s">
        <v>42</v>
      </c>
      <c r="U13839" s="2">
        <v>1.254</v>
      </c>
      <c r="V13839" s="2">
        <v>0.754</v>
      </c>
      <c r="W13839" s="2">
        <v>1.2999999999999999E-2</v>
      </c>
      <c r="X13839" s="2">
        <v>99.1</v>
      </c>
      <c r="Y13839" s="2">
        <v>7.6</v>
      </c>
      <c r="Z13839" s="2">
        <v>16.7</v>
      </c>
      <c r="AA13839" s="5"/>
      <c r="AB13839" s="5" t="s">
        <v>43</v>
      </c>
      <c r="AC13839" s="5" t="s">
        <v>44</v>
      </c>
      <c r="AD13839" s="2"/>
      <c r="AE13839" s="1"/>
    </row>
    <row r="13840" spans="1:31" ht="14.45">
      <c r="A13840" s="11"/>
      <c r="B13840" s="20"/>
      <c r="C13840" s="2" t="s">
        <v>42471</v>
      </c>
      <c r="D13840" s="14" t="s">
        <v>42472</v>
      </c>
      <c r="E13840" s="2" t="s">
        <v>42473</v>
      </c>
      <c r="F13840" s="2" t="s">
        <v>7521</v>
      </c>
      <c r="G13840" s="8">
        <v>126</v>
      </c>
      <c r="H13840" s="5">
        <v>6</v>
      </c>
      <c r="I13840" s="5" t="s">
        <v>1518</v>
      </c>
      <c r="J13840" s="5" t="s">
        <v>40939</v>
      </c>
      <c r="K13840" s="2" t="s">
        <v>40940</v>
      </c>
      <c r="L13840" s="5" t="s">
        <v>40939</v>
      </c>
      <c r="M13840" s="2" t="s">
        <v>40940</v>
      </c>
      <c r="N13840" s="5" t="s">
        <v>36266</v>
      </c>
      <c r="O13840" s="5" t="s">
        <v>38</v>
      </c>
      <c r="P13840" s="5" t="s">
        <v>39</v>
      </c>
      <c r="Q13840" s="5" t="s">
        <v>40</v>
      </c>
      <c r="R13840" s="5" t="s">
        <v>1522</v>
      </c>
      <c r="S13840" s="5" t="s">
        <v>1523</v>
      </c>
      <c r="T13840" s="5" t="s">
        <v>42</v>
      </c>
      <c r="U13840" s="2">
        <v>1.264</v>
      </c>
      <c r="V13840" s="2">
        <v>0.76400000000000001</v>
      </c>
      <c r="W13840" s="2">
        <v>1.2999999999999999E-2</v>
      </c>
      <c r="X13840" s="2">
        <v>99.1</v>
      </c>
      <c r="Y13840" s="2">
        <v>7.6</v>
      </c>
      <c r="Z13840" s="2">
        <v>16.7</v>
      </c>
      <c r="AA13840" s="5"/>
      <c r="AB13840" s="5" t="s">
        <v>43</v>
      </c>
      <c r="AC13840" s="5" t="s">
        <v>44</v>
      </c>
      <c r="AD13840" s="2"/>
      <c r="AE13840" s="1"/>
    </row>
    <row r="13841" spans="1:31" ht="14.45">
      <c r="A13841" s="11"/>
      <c r="B13841" s="20"/>
      <c r="C13841" s="2" t="s">
        <v>42474</v>
      </c>
      <c r="D13841" s="14" t="s">
        <v>42475</v>
      </c>
      <c r="E13841" s="2" t="s">
        <v>42476</v>
      </c>
      <c r="F13841" s="2" t="s">
        <v>36273</v>
      </c>
      <c r="G13841" s="8">
        <v>126</v>
      </c>
      <c r="H13841" s="5">
        <v>6</v>
      </c>
      <c r="I13841" s="5" t="s">
        <v>1518</v>
      </c>
      <c r="J13841" s="5" t="s">
        <v>40939</v>
      </c>
      <c r="K13841" s="2" t="s">
        <v>40940</v>
      </c>
      <c r="L13841" s="5" t="s">
        <v>40939</v>
      </c>
      <c r="M13841" s="2" t="s">
        <v>40940</v>
      </c>
      <c r="N13841" s="5" t="s">
        <v>36266</v>
      </c>
      <c r="O13841" s="5" t="s">
        <v>38</v>
      </c>
      <c r="P13841" s="5" t="s">
        <v>39</v>
      </c>
      <c r="Q13841" s="5" t="s">
        <v>40</v>
      </c>
      <c r="R13841" s="5" t="s">
        <v>1522</v>
      </c>
      <c r="S13841" s="5" t="s">
        <v>1523</v>
      </c>
      <c r="T13841" s="5" t="s">
        <v>42</v>
      </c>
      <c r="U13841" s="2">
        <v>1.2649999999999999</v>
      </c>
      <c r="V13841" s="2">
        <v>0.76500000000000001</v>
      </c>
      <c r="W13841" s="2">
        <v>1.2999999999999999E-2</v>
      </c>
      <c r="X13841" s="2">
        <v>99.1</v>
      </c>
      <c r="Y13841" s="2">
        <v>7.6</v>
      </c>
      <c r="Z13841" s="2">
        <v>16.7</v>
      </c>
      <c r="AA13841" s="5"/>
      <c r="AB13841" s="5" t="s">
        <v>43</v>
      </c>
      <c r="AC13841" s="5" t="s">
        <v>44</v>
      </c>
      <c r="AD13841" s="2"/>
      <c r="AE13841" s="1"/>
    </row>
    <row r="13842" spans="1:31" ht="14.45">
      <c r="A13842" s="11"/>
      <c r="B13842" s="20"/>
      <c r="C13842" s="2" t="s">
        <v>42477</v>
      </c>
      <c r="D13842" s="14" t="s">
        <v>42478</v>
      </c>
      <c r="E13842" s="2" t="s">
        <v>42479</v>
      </c>
      <c r="F13842" s="2" t="s">
        <v>36277</v>
      </c>
      <c r="G13842" s="8">
        <v>126</v>
      </c>
      <c r="H13842" s="5">
        <v>6</v>
      </c>
      <c r="I13842" s="5" t="s">
        <v>1518</v>
      </c>
      <c r="J13842" s="5" t="s">
        <v>40939</v>
      </c>
      <c r="K13842" s="2" t="s">
        <v>40940</v>
      </c>
      <c r="L13842" s="5" t="s">
        <v>40939</v>
      </c>
      <c r="M13842" s="2" t="s">
        <v>40940</v>
      </c>
      <c r="N13842" s="5" t="s">
        <v>36266</v>
      </c>
      <c r="O13842" s="5" t="s">
        <v>38</v>
      </c>
      <c r="P13842" s="5" t="s">
        <v>39</v>
      </c>
      <c r="Q13842" s="5" t="s">
        <v>40</v>
      </c>
      <c r="R13842" s="5" t="s">
        <v>1522</v>
      </c>
      <c r="S13842" s="5" t="s">
        <v>1523</v>
      </c>
      <c r="T13842" s="5" t="s">
        <v>42</v>
      </c>
      <c r="U13842" s="2">
        <v>1.2749999999999999</v>
      </c>
      <c r="V13842" s="2">
        <v>0.77500000000000002</v>
      </c>
      <c r="W13842" s="2">
        <v>1.2999999999999999E-2</v>
      </c>
      <c r="X13842" s="2">
        <v>99.1</v>
      </c>
      <c r="Y13842" s="2">
        <v>7.6</v>
      </c>
      <c r="Z13842" s="2">
        <v>16.7</v>
      </c>
      <c r="AA13842" s="5"/>
      <c r="AB13842" s="5" t="s">
        <v>43</v>
      </c>
      <c r="AC13842" s="5" t="s">
        <v>44</v>
      </c>
      <c r="AD13842" s="2"/>
      <c r="AE13842" s="1"/>
    </row>
    <row r="13843" spans="1:31" ht="14.45">
      <c r="A13843" s="11"/>
      <c r="B13843" s="20"/>
      <c r="C13843" s="2" t="s">
        <v>42480</v>
      </c>
      <c r="D13843" s="14" t="s">
        <v>42481</v>
      </c>
      <c r="E13843" s="2" t="s">
        <v>42482</v>
      </c>
      <c r="F13843" s="2" t="s">
        <v>40967</v>
      </c>
      <c r="G13843" s="8">
        <v>145</v>
      </c>
      <c r="H13843" s="5">
        <v>6</v>
      </c>
      <c r="I13843" s="5" t="s">
        <v>1518</v>
      </c>
      <c r="J13843" s="5" t="s">
        <v>40939</v>
      </c>
      <c r="K13843" s="2" t="s">
        <v>40940</v>
      </c>
      <c r="L13843" s="5" t="s">
        <v>40939</v>
      </c>
      <c r="M13843" s="2" t="s">
        <v>40940</v>
      </c>
      <c r="N13843" s="5" t="s">
        <v>36266</v>
      </c>
      <c r="O13843" s="5" t="s">
        <v>38</v>
      </c>
      <c r="P13843" s="5" t="s">
        <v>39</v>
      </c>
      <c r="Q13843" s="5" t="s">
        <v>40</v>
      </c>
      <c r="R13843" s="5" t="s">
        <v>1522</v>
      </c>
      <c r="S13843" s="5" t="s">
        <v>1523</v>
      </c>
      <c r="T13843" s="5" t="s">
        <v>42</v>
      </c>
      <c r="U13843" s="2">
        <v>1.254</v>
      </c>
      <c r="V13843" s="2">
        <v>0.754</v>
      </c>
      <c r="W13843" s="2">
        <v>1.2999999999999999E-2</v>
      </c>
      <c r="X13843" s="2">
        <v>99.1</v>
      </c>
      <c r="Y13843" s="2">
        <v>7.6</v>
      </c>
      <c r="Z13843" s="2">
        <v>16.7</v>
      </c>
      <c r="AA13843" s="5"/>
      <c r="AB13843" s="5" t="s">
        <v>43</v>
      </c>
      <c r="AC13843" s="5" t="s">
        <v>44</v>
      </c>
      <c r="AD13843" s="2"/>
      <c r="AE13843" s="1"/>
    </row>
    <row r="13844" spans="1:31" ht="14.45">
      <c r="A13844" s="11"/>
      <c r="B13844" s="20"/>
      <c r="C13844" s="2" t="s">
        <v>42483</v>
      </c>
      <c r="D13844" s="14" t="s">
        <v>42484</v>
      </c>
      <c r="E13844" s="2" t="s">
        <v>42485</v>
      </c>
      <c r="F13844" s="2" t="s">
        <v>40971</v>
      </c>
      <c r="G13844" s="8">
        <v>145</v>
      </c>
      <c r="H13844" s="5">
        <v>6</v>
      </c>
      <c r="I13844" s="5" t="s">
        <v>1518</v>
      </c>
      <c r="J13844" s="5" t="s">
        <v>40939</v>
      </c>
      <c r="K13844" s="2" t="s">
        <v>40940</v>
      </c>
      <c r="L13844" s="5" t="s">
        <v>40939</v>
      </c>
      <c r="M13844" s="2" t="s">
        <v>40940</v>
      </c>
      <c r="N13844" s="5" t="s">
        <v>36266</v>
      </c>
      <c r="O13844" s="5" t="s">
        <v>38</v>
      </c>
      <c r="P13844" s="5" t="s">
        <v>39</v>
      </c>
      <c r="Q13844" s="5" t="s">
        <v>40</v>
      </c>
      <c r="R13844" s="5" t="s">
        <v>1522</v>
      </c>
      <c r="S13844" s="5" t="s">
        <v>1523</v>
      </c>
      <c r="T13844" s="5" t="s">
        <v>42</v>
      </c>
      <c r="U13844" s="2">
        <v>1.264</v>
      </c>
      <c r="V13844" s="2">
        <v>0.76400000000000001</v>
      </c>
      <c r="W13844" s="2">
        <v>1.2999999999999999E-2</v>
      </c>
      <c r="X13844" s="2">
        <v>99.1</v>
      </c>
      <c r="Y13844" s="2">
        <v>7.6</v>
      </c>
      <c r="Z13844" s="2">
        <v>16.7</v>
      </c>
      <c r="AA13844" s="5"/>
      <c r="AB13844" s="5" t="s">
        <v>43</v>
      </c>
      <c r="AC13844" s="5" t="s">
        <v>44</v>
      </c>
      <c r="AD13844" s="2"/>
      <c r="AE13844" s="1"/>
    </row>
    <row r="13845" spans="1:31" ht="14.45">
      <c r="A13845" s="11"/>
      <c r="B13845" s="20"/>
      <c r="C13845" s="2" t="s">
        <v>42486</v>
      </c>
      <c r="D13845" s="14" t="s">
        <v>42487</v>
      </c>
      <c r="E13845" s="2" t="s">
        <v>42488</v>
      </c>
      <c r="F13845" s="2" t="s">
        <v>40975</v>
      </c>
      <c r="G13845" s="8">
        <v>145</v>
      </c>
      <c r="H13845" s="5">
        <v>6</v>
      </c>
      <c r="I13845" s="5" t="s">
        <v>1518</v>
      </c>
      <c r="J13845" s="5" t="s">
        <v>40939</v>
      </c>
      <c r="K13845" s="2" t="s">
        <v>40940</v>
      </c>
      <c r="L13845" s="5" t="s">
        <v>40939</v>
      </c>
      <c r="M13845" s="2" t="s">
        <v>40940</v>
      </c>
      <c r="N13845" s="5" t="s">
        <v>36266</v>
      </c>
      <c r="O13845" s="5" t="s">
        <v>38</v>
      </c>
      <c r="P13845" s="5" t="s">
        <v>39</v>
      </c>
      <c r="Q13845" s="5" t="s">
        <v>40</v>
      </c>
      <c r="R13845" s="5" t="s">
        <v>1522</v>
      </c>
      <c r="S13845" s="5" t="s">
        <v>1523</v>
      </c>
      <c r="T13845" s="5" t="s">
        <v>42</v>
      </c>
      <c r="U13845" s="2">
        <v>1.254</v>
      </c>
      <c r="V13845" s="2">
        <v>0.754</v>
      </c>
      <c r="W13845" s="2">
        <v>1.2999999999999999E-2</v>
      </c>
      <c r="X13845" s="2">
        <v>99.1</v>
      </c>
      <c r="Y13845" s="2">
        <v>7.6</v>
      </c>
      <c r="Z13845" s="2">
        <v>16.7</v>
      </c>
      <c r="AA13845" s="5"/>
      <c r="AB13845" s="5" t="s">
        <v>43</v>
      </c>
      <c r="AC13845" s="5" t="s">
        <v>44</v>
      </c>
      <c r="AD13845" s="2"/>
      <c r="AE13845" s="1"/>
    </row>
    <row r="13846" spans="1:31" ht="14.45">
      <c r="A13846" s="11"/>
      <c r="B13846" s="20"/>
      <c r="C13846" s="2" t="s">
        <v>42489</v>
      </c>
      <c r="D13846" s="14" t="s">
        <v>42490</v>
      </c>
      <c r="E13846" s="2" t="s">
        <v>42491</v>
      </c>
      <c r="F13846" s="2" t="s">
        <v>40979</v>
      </c>
      <c r="G13846" s="8">
        <v>145</v>
      </c>
      <c r="H13846" s="5">
        <v>6</v>
      </c>
      <c r="I13846" s="5" t="s">
        <v>1518</v>
      </c>
      <c r="J13846" s="5" t="s">
        <v>40939</v>
      </c>
      <c r="K13846" s="2" t="s">
        <v>40940</v>
      </c>
      <c r="L13846" s="5" t="s">
        <v>40939</v>
      </c>
      <c r="M13846" s="2" t="s">
        <v>40940</v>
      </c>
      <c r="N13846" s="5" t="s">
        <v>36266</v>
      </c>
      <c r="O13846" s="5" t="s">
        <v>38</v>
      </c>
      <c r="P13846" s="5" t="s">
        <v>39</v>
      </c>
      <c r="Q13846" s="5" t="s">
        <v>40</v>
      </c>
      <c r="R13846" s="5" t="s">
        <v>1522</v>
      </c>
      <c r="S13846" s="5" t="s">
        <v>1523</v>
      </c>
      <c r="T13846" s="5" t="s">
        <v>42</v>
      </c>
      <c r="U13846" s="2">
        <v>1.264</v>
      </c>
      <c r="V13846" s="2">
        <v>0.76400000000000001</v>
      </c>
      <c r="W13846" s="2">
        <v>1.2999999999999999E-2</v>
      </c>
      <c r="X13846" s="2">
        <v>99.1</v>
      </c>
      <c r="Y13846" s="2">
        <v>7.6</v>
      </c>
      <c r="Z13846" s="2">
        <v>16.7</v>
      </c>
      <c r="AA13846" s="5"/>
      <c r="AB13846" s="5" t="s">
        <v>43</v>
      </c>
      <c r="AC13846" s="5" t="s">
        <v>44</v>
      </c>
      <c r="AD13846" s="2"/>
      <c r="AE13846" s="1"/>
    </row>
    <row r="13847" spans="1:31" ht="14.45">
      <c r="A13847" s="11"/>
      <c r="B13847" s="20"/>
      <c r="C13847" s="2" t="s">
        <v>42492</v>
      </c>
      <c r="D13847" s="14" t="s">
        <v>42493</v>
      </c>
      <c r="E13847" s="2" t="s">
        <v>42494</v>
      </c>
      <c r="F13847" s="2" t="s">
        <v>7539</v>
      </c>
      <c r="G13847" s="8">
        <v>145</v>
      </c>
      <c r="H13847" s="5">
        <v>6</v>
      </c>
      <c r="I13847" s="5" t="s">
        <v>1518</v>
      </c>
      <c r="J13847" s="5" t="s">
        <v>40939</v>
      </c>
      <c r="K13847" s="2" t="s">
        <v>40940</v>
      </c>
      <c r="L13847" s="5" t="s">
        <v>40939</v>
      </c>
      <c r="M13847" s="2" t="s">
        <v>40940</v>
      </c>
      <c r="N13847" s="5" t="s">
        <v>36266</v>
      </c>
      <c r="O13847" s="5" t="s">
        <v>38</v>
      </c>
      <c r="P13847" s="5" t="s">
        <v>39</v>
      </c>
      <c r="Q13847" s="5" t="s">
        <v>40</v>
      </c>
      <c r="R13847" s="5" t="s">
        <v>1522</v>
      </c>
      <c r="S13847" s="5" t="s">
        <v>1523</v>
      </c>
      <c r="T13847" s="5" t="s">
        <v>42</v>
      </c>
      <c r="U13847" s="2">
        <v>1.224</v>
      </c>
      <c r="V13847" s="2">
        <v>0.72399999999999998</v>
      </c>
      <c r="W13847" s="2">
        <v>1.2999999999999999E-2</v>
      </c>
      <c r="X13847" s="2">
        <v>99.1</v>
      </c>
      <c r="Y13847" s="2">
        <v>7.6</v>
      </c>
      <c r="Z13847" s="2">
        <v>16.7</v>
      </c>
      <c r="AA13847" s="5"/>
      <c r="AB13847" s="5" t="s">
        <v>43</v>
      </c>
      <c r="AC13847" s="5" t="s">
        <v>44</v>
      </c>
      <c r="AD13847" s="2"/>
      <c r="AE13847" s="1"/>
    </row>
    <row r="13848" spans="1:31" ht="14.45">
      <c r="A13848" s="11"/>
      <c r="B13848" s="20"/>
      <c r="C13848" s="2" t="s">
        <v>42495</v>
      </c>
      <c r="D13848" s="14" t="s">
        <v>42496</v>
      </c>
      <c r="E13848" s="2" t="s">
        <v>42497</v>
      </c>
      <c r="F13848" s="2" t="s">
        <v>7543</v>
      </c>
      <c r="G13848" s="8">
        <v>145</v>
      </c>
      <c r="H13848" s="5">
        <v>6</v>
      </c>
      <c r="I13848" s="5" t="s">
        <v>1518</v>
      </c>
      <c r="J13848" s="5" t="s">
        <v>40939</v>
      </c>
      <c r="K13848" s="2" t="s">
        <v>40940</v>
      </c>
      <c r="L13848" s="5" t="s">
        <v>40939</v>
      </c>
      <c r="M13848" s="2" t="s">
        <v>40940</v>
      </c>
      <c r="N13848" s="5" t="s">
        <v>36266</v>
      </c>
      <c r="O13848" s="5" t="s">
        <v>38</v>
      </c>
      <c r="P13848" s="5" t="s">
        <v>39</v>
      </c>
      <c r="Q13848" s="5" t="s">
        <v>40</v>
      </c>
      <c r="R13848" s="5" t="s">
        <v>1522</v>
      </c>
      <c r="S13848" s="5" t="s">
        <v>1523</v>
      </c>
      <c r="T13848" s="5" t="s">
        <v>42</v>
      </c>
      <c r="U13848" s="2">
        <v>1.234</v>
      </c>
      <c r="V13848" s="2">
        <v>0.73399999999999999</v>
      </c>
      <c r="W13848" s="2">
        <v>1.2999999999999999E-2</v>
      </c>
      <c r="X13848" s="2">
        <v>99.1</v>
      </c>
      <c r="Y13848" s="2">
        <v>7.6</v>
      </c>
      <c r="Z13848" s="2">
        <v>16.7</v>
      </c>
      <c r="AA13848" s="5"/>
      <c r="AB13848" s="5" t="s">
        <v>43</v>
      </c>
      <c r="AC13848" s="5" t="s">
        <v>44</v>
      </c>
      <c r="AD13848" s="2"/>
      <c r="AE13848" s="1"/>
    </row>
    <row r="13849" spans="1:31" ht="14.45">
      <c r="A13849" s="11"/>
      <c r="B13849" s="20"/>
      <c r="C13849" s="2" t="s">
        <v>42498</v>
      </c>
      <c r="D13849" s="14" t="s">
        <v>42499</v>
      </c>
      <c r="E13849" s="2" t="s">
        <v>42500</v>
      </c>
      <c r="F13849" s="2" t="s">
        <v>40989</v>
      </c>
      <c r="G13849" s="8">
        <v>145</v>
      </c>
      <c r="H13849" s="5">
        <v>6</v>
      </c>
      <c r="I13849" s="5" t="s">
        <v>1518</v>
      </c>
      <c r="J13849" s="5" t="s">
        <v>40939</v>
      </c>
      <c r="K13849" s="2" t="s">
        <v>40940</v>
      </c>
      <c r="L13849" s="5" t="s">
        <v>40939</v>
      </c>
      <c r="M13849" s="2" t="s">
        <v>40940</v>
      </c>
      <c r="N13849" s="5" t="s">
        <v>36266</v>
      </c>
      <c r="O13849" s="5" t="s">
        <v>38</v>
      </c>
      <c r="P13849" s="5" t="s">
        <v>39</v>
      </c>
      <c r="Q13849" s="5" t="s">
        <v>40</v>
      </c>
      <c r="R13849" s="5" t="s">
        <v>1522</v>
      </c>
      <c r="S13849" s="5" t="s">
        <v>1523</v>
      </c>
      <c r="T13849" s="5" t="s">
        <v>42</v>
      </c>
      <c r="U13849" s="2">
        <v>1.254</v>
      </c>
      <c r="V13849" s="2">
        <v>0.754</v>
      </c>
      <c r="W13849" s="2">
        <v>1.2999999999999999E-2</v>
      </c>
      <c r="X13849" s="2">
        <v>99.1</v>
      </c>
      <c r="Y13849" s="2">
        <v>7.6</v>
      </c>
      <c r="Z13849" s="2">
        <v>16.7</v>
      </c>
      <c r="AA13849" s="5"/>
      <c r="AB13849" s="5" t="s">
        <v>43</v>
      </c>
      <c r="AC13849" s="5" t="s">
        <v>44</v>
      </c>
      <c r="AD13849" s="2"/>
      <c r="AE13849" s="1"/>
    </row>
    <row r="13850" spans="1:31" ht="14.45">
      <c r="A13850" s="11"/>
      <c r="B13850" s="20"/>
      <c r="C13850" s="2" t="s">
        <v>42501</v>
      </c>
      <c r="D13850" s="14" t="s">
        <v>42502</v>
      </c>
      <c r="E13850" s="2" t="s">
        <v>42503</v>
      </c>
      <c r="F13850" s="2" t="s">
        <v>40993</v>
      </c>
      <c r="G13850" s="8">
        <v>145</v>
      </c>
      <c r="H13850" s="5">
        <v>6</v>
      </c>
      <c r="I13850" s="5" t="s">
        <v>1518</v>
      </c>
      <c r="J13850" s="5" t="s">
        <v>40939</v>
      </c>
      <c r="K13850" s="2" t="s">
        <v>40940</v>
      </c>
      <c r="L13850" s="5" t="s">
        <v>40939</v>
      </c>
      <c r="M13850" s="2" t="s">
        <v>40940</v>
      </c>
      <c r="N13850" s="5" t="s">
        <v>36266</v>
      </c>
      <c r="O13850" s="5" t="s">
        <v>38</v>
      </c>
      <c r="P13850" s="5" t="s">
        <v>39</v>
      </c>
      <c r="Q13850" s="5" t="s">
        <v>40</v>
      </c>
      <c r="R13850" s="5" t="s">
        <v>1522</v>
      </c>
      <c r="S13850" s="5" t="s">
        <v>1523</v>
      </c>
      <c r="T13850" s="5" t="s">
        <v>42</v>
      </c>
      <c r="U13850" s="2">
        <v>1.264</v>
      </c>
      <c r="V13850" s="2">
        <v>0.76400000000000001</v>
      </c>
      <c r="W13850" s="2">
        <v>1.2999999999999999E-2</v>
      </c>
      <c r="X13850" s="2">
        <v>99.1</v>
      </c>
      <c r="Y13850" s="2">
        <v>7.6</v>
      </c>
      <c r="Z13850" s="2">
        <v>16.7</v>
      </c>
      <c r="AA13850" s="5"/>
      <c r="AB13850" s="5" t="s">
        <v>43</v>
      </c>
      <c r="AC13850" s="5" t="s">
        <v>44</v>
      </c>
      <c r="AD13850" s="2"/>
      <c r="AE13850" s="1"/>
    </row>
    <row r="13851" spans="1:31" ht="14.45">
      <c r="A13851" s="11"/>
      <c r="B13851" s="20"/>
      <c r="C13851" s="2" t="s">
        <v>42504</v>
      </c>
      <c r="D13851" s="14" t="s">
        <v>42505</v>
      </c>
      <c r="E13851" s="2" t="s">
        <v>42506</v>
      </c>
      <c r="F13851" s="2" t="s">
        <v>40997</v>
      </c>
      <c r="G13851" s="8">
        <v>145</v>
      </c>
      <c r="H13851" s="5">
        <v>6</v>
      </c>
      <c r="I13851" s="5" t="s">
        <v>1518</v>
      </c>
      <c r="J13851" s="5" t="s">
        <v>40939</v>
      </c>
      <c r="K13851" s="2" t="s">
        <v>40940</v>
      </c>
      <c r="L13851" s="5" t="s">
        <v>40939</v>
      </c>
      <c r="M13851" s="2" t="s">
        <v>40940</v>
      </c>
      <c r="N13851" s="5" t="s">
        <v>36266</v>
      </c>
      <c r="O13851" s="5" t="s">
        <v>38</v>
      </c>
      <c r="P13851" s="5" t="s">
        <v>39</v>
      </c>
      <c r="Q13851" s="5" t="s">
        <v>40</v>
      </c>
      <c r="R13851" s="5" t="s">
        <v>1522</v>
      </c>
      <c r="S13851" s="5" t="s">
        <v>1523</v>
      </c>
      <c r="T13851" s="5" t="s">
        <v>42</v>
      </c>
      <c r="U13851" s="2">
        <v>1.23</v>
      </c>
      <c r="V13851" s="2">
        <v>0.73</v>
      </c>
      <c r="W13851" s="2">
        <v>1.2999999999999999E-2</v>
      </c>
      <c r="X13851" s="2">
        <v>99.1</v>
      </c>
      <c r="Y13851" s="2">
        <v>7.6</v>
      </c>
      <c r="Z13851" s="2">
        <v>16.7</v>
      </c>
      <c r="AA13851" s="5"/>
      <c r="AB13851" s="5" t="s">
        <v>43</v>
      </c>
      <c r="AC13851" s="5" t="s">
        <v>44</v>
      </c>
      <c r="AD13851" s="2"/>
      <c r="AE13851" s="1"/>
    </row>
    <row r="13852" spans="1:31" ht="14.45">
      <c r="A13852" s="11"/>
      <c r="B13852" s="20"/>
      <c r="C13852" s="2" t="s">
        <v>42507</v>
      </c>
      <c r="D13852" s="14" t="s">
        <v>42508</v>
      </c>
      <c r="E13852" s="2" t="s">
        <v>42509</v>
      </c>
      <c r="F13852" s="2" t="s">
        <v>41267</v>
      </c>
      <c r="G13852" s="8">
        <v>145</v>
      </c>
      <c r="H13852" s="5">
        <v>6</v>
      </c>
      <c r="I13852" s="5" t="s">
        <v>1518</v>
      </c>
      <c r="J13852" s="5" t="s">
        <v>40939</v>
      </c>
      <c r="K13852" s="2" t="s">
        <v>40940</v>
      </c>
      <c r="L13852" s="5" t="s">
        <v>40939</v>
      </c>
      <c r="M13852" s="2" t="s">
        <v>40940</v>
      </c>
      <c r="N13852" s="5" t="s">
        <v>36266</v>
      </c>
      <c r="O13852" s="5" t="s">
        <v>38</v>
      </c>
      <c r="P13852" s="5" t="s">
        <v>39</v>
      </c>
      <c r="Q13852" s="5" t="s">
        <v>40</v>
      </c>
      <c r="R13852" s="5" t="s">
        <v>1522</v>
      </c>
      <c r="S13852" s="5" t="s">
        <v>1523</v>
      </c>
      <c r="T13852" s="5" t="s">
        <v>42</v>
      </c>
      <c r="U13852" s="2">
        <v>1.24</v>
      </c>
      <c r="V13852" s="2">
        <v>0.74</v>
      </c>
      <c r="W13852" s="2">
        <v>1.2999999999999999E-2</v>
      </c>
      <c r="X13852" s="2">
        <v>99.1</v>
      </c>
      <c r="Y13852" s="2">
        <v>7.6</v>
      </c>
      <c r="Z13852" s="2">
        <v>16.7</v>
      </c>
      <c r="AA13852" s="5"/>
      <c r="AB13852" s="5" t="s">
        <v>43</v>
      </c>
      <c r="AC13852" s="5" t="s">
        <v>44</v>
      </c>
      <c r="AD13852" s="2"/>
      <c r="AE13852" s="1"/>
    </row>
    <row r="13853" spans="1:31" ht="14.45">
      <c r="A13853" s="11"/>
      <c r="B13853" s="20"/>
      <c r="C13853" s="2" t="s">
        <v>42510</v>
      </c>
      <c r="D13853" s="14" t="s">
        <v>42511</v>
      </c>
      <c r="E13853" s="2" t="s">
        <v>42512</v>
      </c>
      <c r="F13853" s="2" t="s">
        <v>41001</v>
      </c>
      <c r="G13853" s="8">
        <v>145</v>
      </c>
      <c r="H13853" s="5">
        <v>6</v>
      </c>
      <c r="I13853" s="5" t="s">
        <v>1518</v>
      </c>
      <c r="J13853" s="5" t="s">
        <v>40939</v>
      </c>
      <c r="K13853" s="2" t="s">
        <v>40940</v>
      </c>
      <c r="L13853" s="5" t="s">
        <v>40939</v>
      </c>
      <c r="M13853" s="2" t="s">
        <v>40940</v>
      </c>
      <c r="N13853" s="5" t="s">
        <v>36266</v>
      </c>
      <c r="O13853" s="5" t="s">
        <v>38</v>
      </c>
      <c r="P13853" s="5" t="s">
        <v>39</v>
      </c>
      <c r="Q13853" s="5" t="s">
        <v>40</v>
      </c>
      <c r="R13853" s="5" t="s">
        <v>1522</v>
      </c>
      <c r="S13853" s="5" t="s">
        <v>1523</v>
      </c>
      <c r="T13853" s="5" t="s">
        <v>42</v>
      </c>
      <c r="U13853" s="2">
        <v>1.254</v>
      </c>
      <c r="V13853" s="2">
        <v>0.754</v>
      </c>
      <c r="W13853" s="2">
        <v>1.2999999999999999E-2</v>
      </c>
      <c r="X13853" s="2">
        <v>99.1</v>
      </c>
      <c r="Y13853" s="2">
        <v>7.6</v>
      </c>
      <c r="Z13853" s="2">
        <v>16.7</v>
      </c>
      <c r="AA13853" s="5"/>
      <c r="AB13853" s="5" t="s">
        <v>43</v>
      </c>
      <c r="AC13853" s="5" t="s">
        <v>44</v>
      </c>
      <c r="AD13853" s="2"/>
      <c r="AE13853" s="1"/>
    </row>
    <row r="13854" spans="1:31" ht="14.45">
      <c r="A13854" s="11"/>
      <c r="B13854" s="20"/>
      <c r="C13854" s="2" t="s">
        <v>42513</v>
      </c>
      <c r="D13854" s="14" t="s">
        <v>42514</v>
      </c>
      <c r="E13854" s="2" t="s">
        <v>42515</v>
      </c>
      <c r="F13854" s="2" t="s">
        <v>41005</v>
      </c>
      <c r="G13854" s="8">
        <v>145</v>
      </c>
      <c r="H13854" s="5">
        <v>6</v>
      </c>
      <c r="I13854" s="5" t="s">
        <v>1518</v>
      </c>
      <c r="J13854" s="5" t="s">
        <v>40939</v>
      </c>
      <c r="K13854" s="2" t="s">
        <v>40940</v>
      </c>
      <c r="L13854" s="5" t="s">
        <v>40939</v>
      </c>
      <c r="M13854" s="2" t="s">
        <v>40940</v>
      </c>
      <c r="N13854" s="5" t="s">
        <v>36266</v>
      </c>
      <c r="O13854" s="5" t="s">
        <v>38</v>
      </c>
      <c r="P13854" s="5" t="s">
        <v>39</v>
      </c>
      <c r="Q13854" s="5" t="s">
        <v>40</v>
      </c>
      <c r="R13854" s="5" t="s">
        <v>1522</v>
      </c>
      <c r="S13854" s="5" t="s">
        <v>1523</v>
      </c>
      <c r="T13854" s="5" t="s">
        <v>42</v>
      </c>
      <c r="U13854" s="2">
        <v>1.264</v>
      </c>
      <c r="V13854" s="2">
        <v>0.76400000000000001</v>
      </c>
      <c r="W13854" s="2">
        <v>1.2999999999999999E-2</v>
      </c>
      <c r="X13854" s="2">
        <v>99.1</v>
      </c>
      <c r="Y13854" s="2">
        <v>7.6</v>
      </c>
      <c r="Z13854" s="2">
        <v>16.7</v>
      </c>
      <c r="AA13854" s="5"/>
      <c r="AB13854" s="5" t="s">
        <v>43</v>
      </c>
      <c r="AC13854" s="5" t="s">
        <v>44</v>
      </c>
      <c r="AD13854" s="2"/>
      <c r="AE13854" s="1"/>
    </row>
    <row r="13855" spans="1:31" ht="14.45">
      <c r="A13855" s="11"/>
      <c r="B13855" s="20"/>
      <c r="C13855" s="2" t="s">
        <v>42516</v>
      </c>
      <c r="D13855" s="14" t="s">
        <v>42517</v>
      </c>
      <c r="E13855" s="2" t="s">
        <v>42518</v>
      </c>
      <c r="F13855" s="2" t="s">
        <v>41009</v>
      </c>
      <c r="G13855" s="8">
        <v>145</v>
      </c>
      <c r="H13855" s="5">
        <v>6</v>
      </c>
      <c r="I13855" s="5" t="s">
        <v>1518</v>
      </c>
      <c r="J13855" s="5" t="s">
        <v>40939</v>
      </c>
      <c r="K13855" s="2" t="s">
        <v>40940</v>
      </c>
      <c r="L13855" s="5" t="s">
        <v>40939</v>
      </c>
      <c r="M13855" s="2" t="s">
        <v>40940</v>
      </c>
      <c r="N13855" s="5" t="s">
        <v>36266</v>
      </c>
      <c r="O13855" s="5" t="s">
        <v>38</v>
      </c>
      <c r="P13855" s="5" t="s">
        <v>39</v>
      </c>
      <c r="Q13855" s="5" t="s">
        <v>40</v>
      </c>
      <c r="R13855" s="5" t="s">
        <v>1522</v>
      </c>
      <c r="S13855" s="5" t="s">
        <v>1523</v>
      </c>
      <c r="T13855" s="5" t="s">
        <v>42</v>
      </c>
      <c r="U13855" s="2">
        <v>1.26</v>
      </c>
      <c r="V13855" s="2">
        <v>0.76</v>
      </c>
      <c r="W13855" s="2">
        <v>1.2999999999999999E-2</v>
      </c>
      <c r="X13855" s="2">
        <v>99.1</v>
      </c>
      <c r="Y13855" s="2">
        <v>7.6</v>
      </c>
      <c r="Z13855" s="2">
        <v>16.7</v>
      </c>
      <c r="AA13855" s="5"/>
      <c r="AB13855" s="5" t="s">
        <v>43</v>
      </c>
      <c r="AC13855" s="5" t="s">
        <v>44</v>
      </c>
      <c r="AD13855" s="2"/>
      <c r="AE13855" s="1"/>
    </row>
    <row r="13856" spans="1:31" ht="14.45">
      <c r="A13856" s="11"/>
      <c r="B13856" s="20"/>
      <c r="C13856" s="2" t="s">
        <v>42519</v>
      </c>
      <c r="D13856" s="14" t="s">
        <v>42520</v>
      </c>
      <c r="E13856" s="2" t="s">
        <v>42521</v>
      </c>
      <c r="F13856" s="2" t="s">
        <v>41013</v>
      </c>
      <c r="G13856" s="8">
        <v>145</v>
      </c>
      <c r="H13856" s="5">
        <v>6</v>
      </c>
      <c r="I13856" s="5" t="s">
        <v>1518</v>
      </c>
      <c r="J13856" s="5" t="s">
        <v>40939</v>
      </c>
      <c r="K13856" s="2" t="s">
        <v>40940</v>
      </c>
      <c r="L13856" s="5" t="s">
        <v>40939</v>
      </c>
      <c r="M13856" s="2" t="s">
        <v>40940</v>
      </c>
      <c r="N13856" s="5" t="s">
        <v>36266</v>
      </c>
      <c r="O13856" s="5" t="s">
        <v>38</v>
      </c>
      <c r="P13856" s="5" t="s">
        <v>39</v>
      </c>
      <c r="Q13856" s="5" t="s">
        <v>40</v>
      </c>
      <c r="R13856" s="5" t="s">
        <v>1522</v>
      </c>
      <c r="S13856" s="5" t="s">
        <v>1523</v>
      </c>
      <c r="T13856" s="5" t="s">
        <v>42</v>
      </c>
      <c r="U13856" s="2">
        <v>1.27</v>
      </c>
      <c r="V13856" s="2">
        <v>0.77</v>
      </c>
      <c r="W13856" s="2">
        <v>1.2999999999999999E-2</v>
      </c>
      <c r="X13856" s="2">
        <v>99.1</v>
      </c>
      <c r="Y13856" s="2">
        <v>7.6</v>
      </c>
      <c r="Z13856" s="2">
        <v>16.7</v>
      </c>
      <c r="AA13856" s="5"/>
      <c r="AB13856" s="5" t="s">
        <v>43</v>
      </c>
      <c r="AC13856" s="5" t="s">
        <v>44</v>
      </c>
      <c r="AD13856" s="2"/>
      <c r="AE13856" s="1"/>
    </row>
    <row r="13857" spans="1:31" ht="14.45">
      <c r="A13857" s="11"/>
      <c r="B13857" s="20"/>
      <c r="C13857" s="2" t="s">
        <v>42522</v>
      </c>
      <c r="D13857" s="14" t="s">
        <v>42523</v>
      </c>
      <c r="E13857" s="2" t="s">
        <v>42524</v>
      </c>
      <c r="F13857" s="2" t="s">
        <v>7396</v>
      </c>
      <c r="G13857" s="8">
        <v>126</v>
      </c>
      <c r="H13857" s="5">
        <v>6</v>
      </c>
      <c r="I13857" s="5" t="s">
        <v>1518</v>
      </c>
      <c r="J13857" s="5" t="s">
        <v>40939</v>
      </c>
      <c r="K13857" s="2" t="s">
        <v>40940</v>
      </c>
      <c r="L13857" s="5" t="s">
        <v>40939</v>
      </c>
      <c r="M13857" s="2" t="s">
        <v>40940</v>
      </c>
      <c r="N13857" s="5" t="s">
        <v>36266</v>
      </c>
      <c r="O13857" s="5" t="s">
        <v>38</v>
      </c>
      <c r="P13857" s="5" t="s">
        <v>39</v>
      </c>
      <c r="Q13857" s="5" t="s">
        <v>40</v>
      </c>
      <c r="R13857" s="5" t="s">
        <v>1522</v>
      </c>
      <c r="S13857" s="5" t="s">
        <v>1523</v>
      </c>
      <c r="T13857" s="5" t="s">
        <v>42</v>
      </c>
      <c r="U13857" s="2">
        <v>1.26</v>
      </c>
      <c r="V13857" s="2">
        <v>0.76</v>
      </c>
      <c r="W13857" s="2">
        <v>1.2999999999999999E-2</v>
      </c>
      <c r="X13857" s="2">
        <v>99.1</v>
      </c>
      <c r="Y13857" s="2">
        <v>7.6</v>
      </c>
      <c r="Z13857" s="2">
        <v>16.7</v>
      </c>
      <c r="AA13857" s="5"/>
      <c r="AB13857" s="5" t="s">
        <v>43</v>
      </c>
      <c r="AC13857" s="5" t="s">
        <v>44</v>
      </c>
      <c r="AD13857" s="2"/>
      <c r="AE13857" s="1"/>
    </row>
    <row r="13858" spans="1:31" ht="14.45">
      <c r="A13858" s="11"/>
      <c r="B13858" s="20"/>
      <c r="C13858" s="2" t="s">
        <v>42525</v>
      </c>
      <c r="D13858" s="14" t="s">
        <v>42526</v>
      </c>
      <c r="E13858" s="2" t="s">
        <v>42527</v>
      </c>
      <c r="F13858" s="2" t="s">
        <v>7507</v>
      </c>
      <c r="G13858" s="8">
        <v>126</v>
      </c>
      <c r="H13858" s="5">
        <v>6</v>
      </c>
      <c r="I13858" s="5" t="s">
        <v>1518</v>
      </c>
      <c r="J13858" s="5" t="s">
        <v>40939</v>
      </c>
      <c r="K13858" s="2" t="s">
        <v>40940</v>
      </c>
      <c r="L13858" s="5" t="s">
        <v>40939</v>
      </c>
      <c r="M13858" s="2" t="s">
        <v>40940</v>
      </c>
      <c r="N13858" s="5" t="s">
        <v>36266</v>
      </c>
      <c r="O13858" s="5" t="s">
        <v>38</v>
      </c>
      <c r="P13858" s="5" t="s">
        <v>39</v>
      </c>
      <c r="Q13858" s="5" t="s">
        <v>40</v>
      </c>
      <c r="R13858" s="5" t="s">
        <v>1522</v>
      </c>
      <c r="S13858" s="5" t="s">
        <v>1523</v>
      </c>
      <c r="T13858" s="5" t="s">
        <v>42</v>
      </c>
      <c r="U13858" s="2">
        <v>1.27</v>
      </c>
      <c r="V13858" s="2">
        <v>0.77</v>
      </c>
      <c r="W13858" s="2">
        <v>1.2999999999999999E-2</v>
      </c>
      <c r="X13858" s="2">
        <v>99.1</v>
      </c>
      <c r="Y13858" s="2">
        <v>7.6</v>
      </c>
      <c r="Z13858" s="2">
        <v>16.7</v>
      </c>
      <c r="AA13858" s="5"/>
      <c r="AB13858" s="5" t="s">
        <v>43</v>
      </c>
      <c r="AC13858" s="5" t="s">
        <v>44</v>
      </c>
      <c r="AD13858" s="2"/>
      <c r="AE13858" s="1"/>
    </row>
    <row r="13859" spans="1:31" ht="14.45">
      <c r="A13859" s="11"/>
      <c r="B13859" s="20"/>
      <c r="C13859" s="2" t="s">
        <v>42528</v>
      </c>
      <c r="D13859" s="14" t="s">
        <v>42529</v>
      </c>
      <c r="E13859" s="2" t="s">
        <v>42530</v>
      </c>
      <c r="F13859" s="2" t="s">
        <v>41023</v>
      </c>
      <c r="G13859" s="8">
        <v>145</v>
      </c>
      <c r="H13859" s="5">
        <v>6</v>
      </c>
      <c r="I13859" s="5" t="s">
        <v>1518</v>
      </c>
      <c r="J13859" s="5" t="s">
        <v>40939</v>
      </c>
      <c r="K13859" s="2" t="s">
        <v>40940</v>
      </c>
      <c r="L13859" s="5" t="s">
        <v>40939</v>
      </c>
      <c r="M13859" s="2" t="s">
        <v>40940</v>
      </c>
      <c r="N13859" s="5" t="s">
        <v>36266</v>
      </c>
      <c r="O13859" s="5" t="s">
        <v>38</v>
      </c>
      <c r="P13859" s="5" t="s">
        <v>39</v>
      </c>
      <c r="Q13859" s="5" t="s">
        <v>40</v>
      </c>
      <c r="R13859" s="5" t="s">
        <v>1522</v>
      </c>
      <c r="S13859" s="5" t="s">
        <v>1523</v>
      </c>
      <c r="T13859" s="5" t="s">
        <v>42</v>
      </c>
      <c r="U13859" s="2">
        <v>1.23</v>
      </c>
      <c r="V13859" s="2">
        <v>0.73</v>
      </c>
      <c r="W13859" s="2">
        <v>1.2999999999999999E-2</v>
      </c>
      <c r="X13859" s="2">
        <v>99.1</v>
      </c>
      <c r="Y13859" s="2">
        <v>7.6</v>
      </c>
      <c r="Z13859" s="2">
        <v>16.7</v>
      </c>
      <c r="AA13859" s="5"/>
      <c r="AB13859" s="5" t="s">
        <v>43</v>
      </c>
      <c r="AC13859" s="5" t="s">
        <v>44</v>
      </c>
      <c r="AD13859" s="2"/>
      <c r="AE13859" s="1"/>
    </row>
    <row r="13860" spans="1:31" ht="14.45">
      <c r="A13860" s="11"/>
      <c r="B13860" s="20"/>
      <c r="C13860" s="2" t="s">
        <v>42531</v>
      </c>
      <c r="D13860" s="14" t="s">
        <v>42532</v>
      </c>
      <c r="E13860" s="2" t="s">
        <v>42533</v>
      </c>
      <c r="F13860" s="2" t="s">
        <v>41027</v>
      </c>
      <c r="G13860" s="8">
        <v>145</v>
      </c>
      <c r="H13860" s="5">
        <v>6</v>
      </c>
      <c r="I13860" s="5" t="s">
        <v>1518</v>
      </c>
      <c r="J13860" s="5" t="s">
        <v>40939</v>
      </c>
      <c r="K13860" s="2" t="s">
        <v>40940</v>
      </c>
      <c r="L13860" s="5" t="s">
        <v>40939</v>
      </c>
      <c r="M13860" s="2" t="s">
        <v>40940</v>
      </c>
      <c r="N13860" s="5" t="s">
        <v>36266</v>
      </c>
      <c r="O13860" s="5" t="s">
        <v>38</v>
      </c>
      <c r="P13860" s="5" t="s">
        <v>39</v>
      </c>
      <c r="Q13860" s="5" t="s">
        <v>40</v>
      </c>
      <c r="R13860" s="5" t="s">
        <v>1522</v>
      </c>
      <c r="S13860" s="5" t="s">
        <v>1523</v>
      </c>
      <c r="T13860" s="5" t="s">
        <v>42</v>
      </c>
      <c r="U13860" s="2">
        <v>1.24</v>
      </c>
      <c r="V13860" s="2">
        <v>0.74</v>
      </c>
      <c r="W13860" s="2">
        <v>1.2999999999999999E-2</v>
      </c>
      <c r="X13860" s="2">
        <v>99.1</v>
      </c>
      <c r="Y13860" s="2">
        <v>7.6</v>
      </c>
      <c r="Z13860" s="2">
        <v>16.7</v>
      </c>
      <c r="AA13860" s="5"/>
      <c r="AB13860" s="5" t="s">
        <v>43</v>
      </c>
      <c r="AC13860" s="5" t="s">
        <v>44</v>
      </c>
      <c r="AD13860" s="2"/>
      <c r="AE13860" s="1"/>
    </row>
    <row r="13861" spans="1:31" ht="14.45">
      <c r="A13861" s="11"/>
      <c r="B13861" s="20"/>
      <c r="C13861" s="2" t="s">
        <v>42534</v>
      </c>
      <c r="D13861" s="14" t="s">
        <v>42535</v>
      </c>
      <c r="E13861" s="2" t="s">
        <v>42536</v>
      </c>
      <c r="F13861" s="2" t="s">
        <v>41031</v>
      </c>
      <c r="G13861" s="8">
        <v>145</v>
      </c>
      <c r="H13861" s="5">
        <v>6</v>
      </c>
      <c r="I13861" s="5" t="s">
        <v>1518</v>
      </c>
      <c r="J13861" s="5" t="s">
        <v>40939</v>
      </c>
      <c r="K13861" s="2" t="s">
        <v>40940</v>
      </c>
      <c r="L13861" s="5" t="s">
        <v>40939</v>
      </c>
      <c r="M13861" s="2" t="s">
        <v>40940</v>
      </c>
      <c r="N13861" s="5" t="s">
        <v>36266</v>
      </c>
      <c r="O13861" s="5" t="s">
        <v>38</v>
      </c>
      <c r="P13861" s="5" t="s">
        <v>39</v>
      </c>
      <c r="Q13861" s="5" t="s">
        <v>40</v>
      </c>
      <c r="R13861" s="5" t="s">
        <v>1522</v>
      </c>
      <c r="S13861" s="5" t="s">
        <v>1523</v>
      </c>
      <c r="T13861" s="5" t="s">
        <v>42</v>
      </c>
      <c r="U13861" s="2">
        <v>1.23</v>
      </c>
      <c r="V13861" s="2">
        <v>0.73</v>
      </c>
      <c r="W13861" s="2">
        <v>1.2999999999999999E-2</v>
      </c>
      <c r="X13861" s="2">
        <v>99.1</v>
      </c>
      <c r="Y13861" s="2">
        <v>7.6</v>
      </c>
      <c r="Z13861" s="2">
        <v>16.7</v>
      </c>
      <c r="AA13861" s="5"/>
      <c r="AB13861" s="5" t="s">
        <v>43</v>
      </c>
      <c r="AC13861" s="5" t="s">
        <v>44</v>
      </c>
      <c r="AD13861" s="2"/>
      <c r="AE13861" s="1"/>
    </row>
    <row r="13862" spans="1:31" ht="14.45">
      <c r="A13862" s="11"/>
      <c r="B13862" s="20"/>
      <c r="C13862" s="2" t="s">
        <v>42537</v>
      </c>
      <c r="D13862" s="14" t="s">
        <v>42538</v>
      </c>
      <c r="E13862" s="2" t="s">
        <v>42539</v>
      </c>
      <c r="F13862" s="2" t="s">
        <v>41035</v>
      </c>
      <c r="G13862" s="8">
        <v>145</v>
      </c>
      <c r="H13862" s="5">
        <v>6</v>
      </c>
      <c r="I13862" s="5" t="s">
        <v>1518</v>
      </c>
      <c r="J13862" s="5" t="s">
        <v>40939</v>
      </c>
      <c r="K13862" s="2" t="s">
        <v>40940</v>
      </c>
      <c r="L13862" s="5" t="s">
        <v>40939</v>
      </c>
      <c r="M13862" s="2" t="s">
        <v>40940</v>
      </c>
      <c r="N13862" s="5" t="s">
        <v>36266</v>
      </c>
      <c r="O13862" s="5" t="s">
        <v>38</v>
      </c>
      <c r="P13862" s="5" t="s">
        <v>39</v>
      </c>
      <c r="Q13862" s="5" t="s">
        <v>40</v>
      </c>
      <c r="R13862" s="5" t="s">
        <v>1522</v>
      </c>
      <c r="S13862" s="5" t="s">
        <v>1523</v>
      </c>
      <c r="T13862" s="5" t="s">
        <v>42</v>
      </c>
      <c r="U13862" s="2">
        <v>1.24</v>
      </c>
      <c r="V13862" s="2">
        <v>0.74</v>
      </c>
      <c r="W13862" s="2">
        <v>1.2999999999999999E-2</v>
      </c>
      <c r="X13862" s="2">
        <v>99.1</v>
      </c>
      <c r="Y13862" s="2">
        <v>7.6</v>
      </c>
      <c r="Z13862" s="2">
        <v>16.7</v>
      </c>
      <c r="AA13862" s="5"/>
      <c r="AB13862" s="5" t="s">
        <v>43</v>
      </c>
      <c r="AC13862" s="5" t="s">
        <v>44</v>
      </c>
      <c r="AD13862" s="2"/>
      <c r="AE13862" s="1"/>
    </row>
    <row r="13863" spans="1:31" ht="14.45">
      <c r="A13863" s="11"/>
      <c r="B13863" s="20"/>
      <c r="C13863" s="2" t="s">
        <v>42540</v>
      </c>
      <c r="D13863" s="14" t="s">
        <v>42541</v>
      </c>
      <c r="E13863" s="2" t="s">
        <v>42542</v>
      </c>
      <c r="F13863" s="2" t="s">
        <v>7449</v>
      </c>
      <c r="G13863" s="8">
        <v>145</v>
      </c>
      <c r="H13863" s="5">
        <v>6</v>
      </c>
      <c r="I13863" s="5" t="s">
        <v>1518</v>
      </c>
      <c r="J13863" s="5" t="s">
        <v>40939</v>
      </c>
      <c r="K13863" s="2" t="s">
        <v>40940</v>
      </c>
      <c r="L13863" s="5" t="s">
        <v>40939</v>
      </c>
      <c r="M13863" s="2" t="s">
        <v>40940</v>
      </c>
      <c r="N13863" s="5" t="s">
        <v>36266</v>
      </c>
      <c r="O13863" s="5" t="s">
        <v>38</v>
      </c>
      <c r="P13863" s="5" t="s">
        <v>39</v>
      </c>
      <c r="Q13863" s="5" t="s">
        <v>40</v>
      </c>
      <c r="R13863" s="5" t="s">
        <v>1522</v>
      </c>
      <c r="S13863" s="5" t="s">
        <v>1523</v>
      </c>
      <c r="T13863" s="5" t="s">
        <v>42</v>
      </c>
      <c r="U13863" s="2">
        <v>1.23</v>
      </c>
      <c r="V13863" s="2">
        <v>0.73</v>
      </c>
      <c r="W13863" s="2">
        <v>1.2999999999999999E-2</v>
      </c>
      <c r="X13863" s="2">
        <v>99.1</v>
      </c>
      <c r="Y13863" s="2">
        <v>7.6</v>
      </c>
      <c r="Z13863" s="2">
        <v>16.7</v>
      </c>
      <c r="AA13863" s="5"/>
      <c r="AB13863" s="5" t="s">
        <v>43</v>
      </c>
      <c r="AC13863" s="5" t="s">
        <v>44</v>
      </c>
      <c r="AD13863" s="2"/>
      <c r="AE13863" s="1"/>
    </row>
    <row r="13864" spans="1:31" ht="14.45">
      <c r="A13864" s="11"/>
      <c r="B13864" s="20"/>
      <c r="C13864" s="2" t="s">
        <v>42543</v>
      </c>
      <c r="D13864" s="14" t="s">
        <v>42544</v>
      </c>
      <c r="E13864" s="2" t="s">
        <v>42545</v>
      </c>
      <c r="F13864" s="2" t="s">
        <v>7581</v>
      </c>
      <c r="G13864" s="8">
        <v>145</v>
      </c>
      <c r="H13864" s="5">
        <v>6</v>
      </c>
      <c r="I13864" s="5" t="s">
        <v>1518</v>
      </c>
      <c r="J13864" s="5" t="s">
        <v>40939</v>
      </c>
      <c r="K13864" s="2" t="s">
        <v>40940</v>
      </c>
      <c r="L13864" s="5" t="s">
        <v>40939</v>
      </c>
      <c r="M13864" s="2" t="s">
        <v>40940</v>
      </c>
      <c r="N13864" s="5" t="s">
        <v>36266</v>
      </c>
      <c r="O13864" s="5" t="s">
        <v>38</v>
      </c>
      <c r="P13864" s="5" t="s">
        <v>39</v>
      </c>
      <c r="Q13864" s="5" t="s">
        <v>40</v>
      </c>
      <c r="R13864" s="5" t="s">
        <v>1522</v>
      </c>
      <c r="S13864" s="5" t="s">
        <v>1523</v>
      </c>
      <c r="T13864" s="5" t="s">
        <v>42</v>
      </c>
      <c r="U13864" s="2">
        <v>1.24</v>
      </c>
      <c r="V13864" s="2">
        <v>0.74</v>
      </c>
      <c r="W13864" s="2">
        <v>1.2999999999999999E-2</v>
      </c>
      <c r="X13864" s="2">
        <v>99.1</v>
      </c>
      <c r="Y13864" s="2">
        <v>7.6</v>
      </c>
      <c r="Z13864" s="2">
        <v>16.7</v>
      </c>
      <c r="AA13864" s="5"/>
      <c r="AB13864" s="5" t="s">
        <v>43</v>
      </c>
      <c r="AC13864" s="5" t="s">
        <v>44</v>
      </c>
      <c r="AD13864" s="2"/>
      <c r="AE13864" s="1"/>
    </row>
    <row r="13865" spans="1:31" ht="14.45">
      <c r="A13865" s="11"/>
      <c r="B13865" s="20"/>
      <c r="C13865" s="2" t="s">
        <v>42546</v>
      </c>
      <c r="D13865" s="14" t="s">
        <v>42547</v>
      </c>
      <c r="E13865" s="2" t="s">
        <v>42548</v>
      </c>
      <c r="F13865" s="2" t="s">
        <v>41045</v>
      </c>
      <c r="G13865" s="8">
        <v>145</v>
      </c>
      <c r="H13865" s="5">
        <v>6</v>
      </c>
      <c r="I13865" s="5" t="s">
        <v>1518</v>
      </c>
      <c r="J13865" s="5" t="s">
        <v>40939</v>
      </c>
      <c r="K13865" s="2" t="s">
        <v>40940</v>
      </c>
      <c r="L13865" s="5" t="s">
        <v>40939</v>
      </c>
      <c r="M13865" s="2" t="s">
        <v>40940</v>
      </c>
      <c r="N13865" s="5" t="s">
        <v>36266</v>
      </c>
      <c r="O13865" s="5" t="s">
        <v>38</v>
      </c>
      <c r="P13865" s="5" t="s">
        <v>39</v>
      </c>
      <c r="Q13865" s="5" t="s">
        <v>40</v>
      </c>
      <c r="R13865" s="5" t="s">
        <v>1522</v>
      </c>
      <c r="S13865" s="5" t="s">
        <v>1523</v>
      </c>
      <c r="T13865" s="5" t="s">
        <v>42</v>
      </c>
      <c r="U13865" s="2">
        <v>1.2649999999999999</v>
      </c>
      <c r="V13865" s="2">
        <v>0.76500000000000001</v>
      </c>
      <c r="W13865" s="2">
        <v>1.2999999999999999E-2</v>
      </c>
      <c r="X13865" s="2">
        <v>99.1</v>
      </c>
      <c r="Y13865" s="2">
        <v>7.6</v>
      </c>
      <c r="Z13865" s="2">
        <v>16.7</v>
      </c>
      <c r="AA13865" s="5"/>
      <c r="AB13865" s="5" t="s">
        <v>43</v>
      </c>
      <c r="AC13865" s="5" t="s">
        <v>44</v>
      </c>
      <c r="AD13865" s="2"/>
      <c r="AE13865" s="1"/>
    </row>
    <row r="13866" spans="1:31" ht="14.45">
      <c r="A13866" s="11"/>
      <c r="B13866" s="20"/>
      <c r="C13866" s="2" t="s">
        <v>42549</v>
      </c>
      <c r="D13866" s="14" t="s">
        <v>42550</v>
      </c>
      <c r="E13866" s="2" t="s">
        <v>42551</v>
      </c>
      <c r="F13866" s="2" t="s">
        <v>41049</v>
      </c>
      <c r="G13866" s="8">
        <v>145</v>
      </c>
      <c r="H13866" s="5">
        <v>6</v>
      </c>
      <c r="I13866" s="5" t="s">
        <v>1518</v>
      </c>
      <c r="J13866" s="5" t="s">
        <v>40939</v>
      </c>
      <c r="K13866" s="2" t="s">
        <v>40940</v>
      </c>
      <c r="L13866" s="5" t="s">
        <v>40939</v>
      </c>
      <c r="M13866" s="2" t="s">
        <v>40940</v>
      </c>
      <c r="N13866" s="5" t="s">
        <v>36266</v>
      </c>
      <c r="O13866" s="5" t="s">
        <v>38</v>
      </c>
      <c r="P13866" s="5" t="s">
        <v>39</v>
      </c>
      <c r="Q13866" s="5" t="s">
        <v>40</v>
      </c>
      <c r="R13866" s="5" t="s">
        <v>1522</v>
      </c>
      <c r="S13866" s="5" t="s">
        <v>1523</v>
      </c>
      <c r="T13866" s="5" t="s">
        <v>42</v>
      </c>
      <c r="U13866" s="2">
        <v>1.2749999999999999</v>
      </c>
      <c r="V13866" s="2">
        <v>0.77500000000000002</v>
      </c>
      <c r="W13866" s="2">
        <v>1.2999999999999999E-2</v>
      </c>
      <c r="X13866" s="2">
        <v>99.1</v>
      </c>
      <c r="Y13866" s="2">
        <v>7.6</v>
      </c>
      <c r="Z13866" s="2">
        <v>16.7</v>
      </c>
      <c r="AA13866" s="5"/>
      <c r="AB13866" s="5" t="s">
        <v>43</v>
      </c>
      <c r="AC13866" s="5" t="s">
        <v>44</v>
      </c>
      <c r="AD13866" s="2"/>
      <c r="AE13866" s="1"/>
    </row>
    <row r="13867" spans="1:31" ht="14.45">
      <c r="A13867" s="11"/>
      <c r="B13867" s="20"/>
      <c r="C13867" s="2" t="s">
        <v>42552</v>
      </c>
      <c r="D13867" s="14" t="s">
        <v>42553</v>
      </c>
      <c r="E13867" s="2" t="s">
        <v>42554</v>
      </c>
      <c r="F13867" s="2" t="s">
        <v>7204</v>
      </c>
      <c r="G13867" s="8">
        <v>137</v>
      </c>
      <c r="H13867" s="5">
        <v>6</v>
      </c>
      <c r="I13867" s="5" t="s">
        <v>1518</v>
      </c>
      <c r="J13867" s="5" t="s">
        <v>40939</v>
      </c>
      <c r="K13867" s="2" t="s">
        <v>40940</v>
      </c>
      <c r="L13867" s="5" t="s">
        <v>40939</v>
      </c>
      <c r="M13867" s="2" t="s">
        <v>40940</v>
      </c>
      <c r="N13867" s="5" t="s">
        <v>36266</v>
      </c>
      <c r="O13867" s="5" t="s">
        <v>38</v>
      </c>
      <c r="P13867" s="5" t="s">
        <v>39</v>
      </c>
      <c r="Q13867" s="5" t="s">
        <v>40</v>
      </c>
      <c r="R13867" s="5" t="s">
        <v>1522</v>
      </c>
      <c r="S13867" s="5" t="s">
        <v>1523</v>
      </c>
      <c r="T13867" s="5" t="s">
        <v>42</v>
      </c>
      <c r="U13867" s="2">
        <v>1.3080000000000001</v>
      </c>
      <c r="V13867" s="2">
        <v>0.80800000000000005</v>
      </c>
      <c r="W13867" s="2">
        <v>1.4999999999999999E-2</v>
      </c>
      <c r="X13867" s="2">
        <v>118.9</v>
      </c>
      <c r="Y13867" s="2">
        <v>7.6</v>
      </c>
      <c r="Z13867" s="2">
        <v>16.7</v>
      </c>
      <c r="AA13867" s="5"/>
      <c r="AB13867" s="5" t="s">
        <v>43</v>
      </c>
      <c r="AC13867" s="5" t="s">
        <v>44</v>
      </c>
      <c r="AD13867" s="2"/>
      <c r="AE13867" s="1"/>
    </row>
    <row r="13868" spans="1:31" ht="14.45">
      <c r="A13868" s="11"/>
      <c r="B13868" s="20"/>
      <c r="C13868" s="2" t="s">
        <v>42555</v>
      </c>
      <c r="D13868" s="14" t="s">
        <v>42556</v>
      </c>
      <c r="E13868" s="2" t="s">
        <v>42557</v>
      </c>
      <c r="F13868" s="2" t="s">
        <v>7514</v>
      </c>
      <c r="G13868" s="8">
        <v>137</v>
      </c>
      <c r="H13868" s="5">
        <v>6</v>
      </c>
      <c r="I13868" s="5" t="s">
        <v>1518</v>
      </c>
      <c r="J13868" s="5" t="s">
        <v>40939</v>
      </c>
      <c r="K13868" s="2" t="s">
        <v>40940</v>
      </c>
      <c r="L13868" s="5" t="s">
        <v>40939</v>
      </c>
      <c r="M13868" s="2" t="s">
        <v>40940</v>
      </c>
      <c r="N13868" s="5" t="s">
        <v>36266</v>
      </c>
      <c r="O13868" s="5" t="s">
        <v>38</v>
      </c>
      <c r="P13868" s="5" t="s">
        <v>39</v>
      </c>
      <c r="Q13868" s="5" t="s">
        <v>40</v>
      </c>
      <c r="R13868" s="5" t="s">
        <v>1522</v>
      </c>
      <c r="S13868" s="5" t="s">
        <v>1523</v>
      </c>
      <c r="T13868" s="5" t="s">
        <v>42</v>
      </c>
      <c r="U13868" s="2">
        <v>1.3169999999999999</v>
      </c>
      <c r="V13868" s="2">
        <v>0.81699999999999995</v>
      </c>
      <c r="W13868" s="2">
        <v>1.4999999999999999E-2</v>
      </c>
      <c r="X13868" s="2">
        <v>118.9</v>
      </c>
      <c r="Y13868" s="2">
        <v>7.6</v>
      </c>
      <c r="Z13868" s="2">
        <v>16.7</v>
      </c>
      <c r="AA13868" s="5"/>
      <c r="AB13868" s="5" t="s">
        <v>43</v>
      </c>
      <c r="AC13868" s="5" t="s">
        <v>44</v>
      </c>
      <c r="AD13868" s="2"/>
      <c r="AE13868" s="1"/>
    </row>
    <row r="13869" spans="1:31" ht="14.45">
      <c r="A13869" s="11"/>
      <c r="B13869" s="20"/>
      <c r="C13869" s="2" t="s">
        <v>42558</v>
      </c>
      <c r="D13869" s="14" t="s">
        <v>42559</v>
      </c>
      <c r="E13869" s="2" t="s">
        <v>42560</v>
      </c>
      <c r="F13869" s="2" t="s">
        <v>41221</v>
      </c>
      <c r="G13869" s="8">
        <v>157</v>
      </c>
      <c r="H13869" s="5">
        <v>6</v>
      </c>
      <c r="I13869" s="5" t="s">
        <v>1518</v>
      </c>
      <c r="J13869" s="5" t="s">
        <v>40939</v>
      </c>
      <c r="K13869" s="2" t="s">
        <v>40940</v>
      </c>
      <c r="L13869" s="5" t="s">
        <v>40939</v>
      </c>
      <c r="M13869" s="2" t="s">
        <v>40940</v>
      </c>
      <c r="N13869" s="5" t="s">
        <v>36266</v>
      </c>
      <c r="O13869" s="5" t="s">
        <v>38</v>
      </c>
      <c r="P13869" s="5" t="s">
        <v>39</v>
      </c>
      <c r="Q13869" s="5" t="s">
        <v>40</v>
      </c>
      <c r="R13869" s="5" t="s">
        <v>1522</v>
      </c>
      <c r="S13869" s="5" t="s">
        <v>1523</v>
      </c>
      <c r="T13869" s="5" t="s">
        <v>42</v>
      </c>
      <c r="U13869" s="2">
        <v>1.3220000000000001</v>
      </c>
      <c r="V13869" s="2">
        <v>0.82199999999999995</v>
      </c>
      <c r="W13869" s="2">
        <v>1.4999999999999999E-2</v>
      </c>
      <c r="X13869" s="2">
        <v>118.9</v>
      </c>
      <c r="Y13869" s="2">
        <v>7.6</v>
      </c>
      <c r="Z13869" s="2">
        <v>16.7</v>
      </c>
      <c r="AA13869" s="5"/>
      <c r="AB13869" s="5" t="s">
        <v>43</v>
      </c>
      <c r="AC13869" s="5" t="s">
        <v>44</v>
      </c>
      <c r="AD13869" s="2"/>
      <c r="AE13869" s="1"/>
    </row>
    <row r="13870" spans="1:31" ht="14.45">
      <c r="A13870" s="11"/>
      <c r="B13870" s="20"/>
      <c r="C13870" s="2" t="s">
        <v>42561</v>
      </c>
      <c r="D13870" s="14" t="s">
        <v>42562</v>
      </c>
      <c r="E13870" s="2" t="s">
        <v>42563</v>
      </c>
      <c r="F13870" s="2" t="s">
        <v>40951</v>
      </c>
      <c r="G13870" s="8">
        <v>157</v>
      </c>
      <c r="H13870" s="5">
        <v>6</v>
      </c>
      <c r="I13870" s="5" t="s">
        <v>1518</v>
      </c>
      <c r="J13870" s="5" t="s">
        <v>40939</v>
      </c>
      <c r="K13870" s="2" t="s">
        <v>40940</v>
      </c>
      <c r="L13870" s="5" t="s">
        <v>40939</v>
      </c>
      <c r="M13870" s="2" t="s">
        <v>40940</v>
      </c>
      <c r="N13870" s="5" t="s">
        <v>36266</v>
      </c>
      <c r="O13870" s="5" t="s">
        <v>38</v>
      </c>
      <c r="P13870" s="5" t="s">
        <v>39</v>
      </c>
      <c r="Q13870" s="5" t="s">
        <v>40</v>
      </c>
      <c r="R13870" s="5" t="s">
        <v>1522</v>
      </c>
      <c r="S13870" s="5" t="s">
        <v>1523</v>
      </c>
      <c r="T13870" s="5" t="s">
        <v>42</v>
      </c>
      <c r="U13870" s="2">
        <v>1.331</v>
      </c>
      <c r="V13870" s="2">
        <v>0.83099999999999996</v>
      </c>
      <c r="W13870" s="2">
        <v>1.4999999999999999E-2</v>
      </c>
      <c r="X13870" s="2">
        <v>118.9</v>
      </c>
      <c r="Y13870" s="2">
        <v>7.6</v>
      </c>
      <c r="Z13870" s="2">
        <v>16.7</v>
      </c>
      <c r="AA13870" s="5"/>
      <c r="AB13870" s="5" t="s">
        <v>43</v>
      </c>
      <c r="AC13870" s="5" t="s">
        <v>44</v>
      </c>
      <c r="AD13870" s="2"/>
      <c r="AE13870" s="1"/>
    </row>
    <row r="13871" spans="1:31" ht="14.45">
      <c r="A13871" s="11"/>
      <c r="B13871" s="20"/>
      <c r="C13871" s="2" t="s">
        <v>42564</v>
      </c>
      <c r="D13871" s="14" t="s">
        <v>42565</v>
      </c>
      <c r="E13871" s="2" t="s">
        <v>42566</v>
      </c>
      <c r="F13871" s="2" t="s">
        <v>7208</v>
      </c>
      <c r="G13871" s="8">
        <v>137</v>
      </c>
      <c r="H13871" s="5">
        <v>6</v>
      </c>
      <c r="I13871" s="5" t="s">
        <v>1518</v>
      </c>
      <c r="J13871" s="5" t="s">
        <v>40939</v>
      </c>
      <c r="K13871" s="2" t="s">
        <v>40940</v>
      </c>
      <c r="L13871" s="5" t="s">
        <v>40939</v>
      </c>
      <c r="M13871" s="2" t="s">
        <v>40940</v>
      </c>
      <c r="N13871" s="5" t="s">
        <v>36266</v>
      </c>
      <c r="O13871" s="5" t="s">
        <v>38</v>
      </c>
      <c r="P13871" s="5" t="s">
        <v>39</v>
      </c>
      <c r="Q13871" s="5" t="s">
        <v>40</v>
      </c>
      <c r="R13871" s="5" t="s">
        <v>1522</v>
      </c>
      <c r="S13871" s="5" t="s">
        <v>1523</v>
      </c>
      <c r="T13871" s="5" t="s">
        <v>42</v>
      </c>
      <c r="U13871" s="2">
        <v>1.329</v>
      </c>
      <c r="V13871" s="2">
        <v>0.82899999999999996</v>
      </c>
      <c r="W13871" s="2">
        <v>1.4999999999999999E-2</v>
      </c>
      <c r="X13871" s="2">
        <v>118.9</v>
      </c>
      <c r="Y13871" s="2">
        <v>7.6</v>
      </c>
      <c r="Z13871" s="2">
        <v>16.7</v>
      </c>
      <c r="AA13871" s="5"/>
      <c r="AB13871" s="5" t="s">
        <v>43</v>
      </c>
      <c r="AC13871" s="5" t="s">
        <v>44</v>
      </c>
      <c r="AD13871" s="2"/>
      <c r="AE13871" s="1"/>
    </row>
    <row r="13872" spans="1:31" ht="14.45">
      <c r="A13872" s="11"/>
      <c r="B13872" s="20"/>
      <c r="C13872" s="2" t="s">
        <v>42567</v>
      </c>
      <c r="D13872" s="14" t="s">
        <v>42568</v>
      </c>
      <c r="E13872" s="2" t="s">
        <v>42569</v>
      </c>
      <c r="F13872" s="2" t="s">
        <v>7521</v>
      </c>
      <c r="G13872" s="8">
        <v>137</v>
      </c>
      <c r="H13872" s="5">
        <v>6</v>
      </c>
      <c r="I13872" s="5" t="s">
        <v>1518</v>
      </c>
      <c r="J13872" s="5" t="s">
        <v>40939</v>
      </c>
      <c r="K13872" s="2" t="s">
        <v>40940</v>
      </c>
      <c r="L13872" s="5" t="s">
        <v>40939</v>
      </c>
      <c r="M13872" s="2" t="s">
        <v>40940</v>
      </c>
      <c r="N13872" s="5" t="s">
        <v>36266</v>
      </c>
      <c r="O13872" s="5" t="s">
        <v>38</v>
      </c>
      <c r="P13872" s="5" t="s">
        <v>39</v>
      </c>
      <c r="Q13872" s="5" t="s">
        <v>40</v>
      </c>
      <c r="R13872" s="5" t="s">
        <v>1522</v>
      </c>
      <c r="S13872" s="5" t="s">
        <v>1523</v>
      </c>
      <c r="T13872" s="5" t="s">
        <v>42</v>
      </c>
      <c r="U13872" s="2">
        <v>1.3380000000000001</v>
      </c>
      <c r="V13872" s="2">
        <v>0.83799999999999997</v>
      </c>
      <c r="W13872" s="2">
        <v>1.4999999999999999E-2</v>
      </c>
      <c r="X13872" s="2">
        <v>118.9</v>
      </c>
      <c r="Y13872" s="2">
        <v>7.6</v>
      </c>
      <c r="Z13872" s="2">
        <v>16.7</v>
      </c>
      <c r="AA13872" s="5"/>
      <c r="AB13872" s="5" t="s">
        <v>43</v>
      </c>
      <c r="AC13872" s="5" t="s">
        <v>44</v>
      </c>
      <c r="AD13872" s="2"/>
      <c r="AE13872" s="1"/>
    </row>
    <row r="13873" spans="1:31" ht="14.45">
      <c r="A13873" s="11"/>
      <c r="B13873" s="20"/>
      <c r="C13873" s="2" t="s">
        <v>42570</v>
      </c>
      <c r="D13873" s="14" t="s">
        <v>42571</v>
      </c>
      <c r="E13873" s="2" t="s">
        <v>42572</v>
      </c>
      <c r="F13873" s="2" t="s">
        <v>36273</v>
      </c>
      <c r="G13873" s="8">
        <v>137</v>
      </c>
      <c r="H13873" s="5">
        <v>6</v>
      </c>
      <c r="I13873" s="5" t="s">
        <v>1518</v>
      </c>
      <c r="J13873" s="5" t="s">
        <v>40939</v>
      </c>
      <c r="K13873" s="2" t="s">
        <v>40940</v>
      </c>
      <c r="L13873" s="5" t="s">
        <v>40939</v>
      </c>
      <c r="M13873" s="2" t="s">
        <v>40940</v>
      </c>
      <c r="N13873" s="5" t="s">
        <v>36266</v>
      </c>
      <c r="O13873" s="5" t="s">
        <v>38</v>
      </c>
      <c r="P13873" s="5" t="s">
        <v>39</v>
      </c>
      <c r="Q13873" s="5" t="s">
        <v>40</v>
      </c>
      <c r="R13873" s="5" t="s">
        <v>1522</v>
      </c>
      <c r="S13873" s="5" t="s">
        <v>1523</v>
      </c>
      <c r="T13873" s="5" t="s">
        <v>42</v>
      </c>
      <c r="U13873" s="2">
        <v>1.3440000000000001</v>
      </c>
      <c r="V13873" s="2">
        <v>0.84399999999999997</v>
      </c>
      <c r="W13873" s="2">
        <v>1.4999999999999999E-2</v>
      </c>
      <c r="X13873" s="2">
        <v>118.9</v>
      </c>
      <c r="Y13873" s="2">
        <v>7.6</v>
      </c>
      <c r="Z13873" s="2">
        <v>16.7</v>
      </c>
      <c r="AA13873" s="5"/>
      <c r="AB13873" s="5" t="s">
        <v>43</v>
      </c>
      <c r="AC13873" s="5" t="s">
        <v>44</v>
      </c>
      <c r="AD13873" s="2"/>
      <c r="AE13873" s="1"/>
    </row>
    <row r="13874" spans="1:31" ht="14.45">
      <c r="A13874" s="11"/>
      <c r="B13874" s="20"/>
      <c r="C13874" s="2" t="s">
        <v>42573</v>
      </c>
      <c r="D13874" s="14" t="s">
        <v>42574</v>
      </c>
      <c r="E13874" s="2" t="s">
        <v>42575</v>
      </c>
      <c r="F13874" s="2" t="s">
        <v>36277</v>
      </c>
      <c r="G13874" s="8">
        <v>137</v>
      </c>
      <c r="H13874" s="5">
        <v>6</v>
      </c>
      <c r="I13874" s="5" t="s">
        <v>1518</v>
      </c>
      <c r="J13874" s="5" t="s">
        <v>40939</v>
      </c>
      <c r="K13874" s="2" t="s">
        <v>40940</v>
      </c>
      <c r="L13874" s="5" t="s">
        <v>40939</v>
      </c>
      <c r="M13874" s="2" t="s">
        <v>40940</v>
      </c>
      <c r="N13874" s="5" t="s">
        <v>36266</v>
      </c>
      <c r="O13874" s="5" t="s">
        <v>38</v>
      </c>
      <c r="P13874" s="5" t="s">
        <v>39</v>
      </c>
      <c r="Q13874" s="5" t="s">
        <v>40</v>
      </c>
      <c r="R13874" s="5" t="s">
        <v>1522</v>
      </c>
      <c r="S13874" s="5" t="s">
        <v>1523</v>
      </c>
      <c r="T13874" s="5" t="s">
        <v>42</v>
      </c>
      <c r="U13874" s="2">
        <v>1.353</v>
      </c>
      <c r="V13874" s="2">
        <v>0.85299999999999998</v>
      </c>
      <c r="W13874" s="2">
        <v>1.4999999999999999E-2</v>
      </c>
      <c r="X13874" s="2">
        <v>118.9</v>
      </c>
      <c r="Y13874" s="2">
        <v>7.6</v>
      </c>
      <c r="Z13874" s="2">
        <v>16.7</v>
      </c>
      <c r="AA13874" s="5"/>
      <c r="AB13874" s="5" t="s">
        <v>43</v>
      </c>
      <c r="AC13874" s="5" t="s">
        <v>44</v>
      </c>
      <c r="AD13874" s="2"/>
      <c r="AE13874" s="1"/>
    </row>
    <row r="13875" spans="1:31" ht="14.45">
      <c r="A13875" s="11"/>
      <c r="B13875" s="20"/>
      <c r="C13875" s="2" t="s">
        <v>42576</v>
      </c>
      <c r="D13875" s="14" t="s">
        <v>42577</v>
      </c>
      <c r="E13875" s="2" t="s">
        <v>42578</v>
      </c>
      <c r="F13875" s="2" t="s">
        <v>40967</v>
      </c>
      <c r="G13875" s="8">
        <v>157</v>
      </c>
      <c r="H13875" s="5">
        <v>6</v>
      </c>
      <c r="I13875" s="5" t="s">
        <v>1518</v>
      </c>
      <c r="J13875" s="5" t="s">
        <v>40939</v>
      </c>
      <c r="K13875" s="2" t="s">
        <v>40940</v>
      </c>
      <c r="L13875" s="5" t="s">
        <v>40939</v>
      </c>
      <c r="M13875" s="2" t="s">
        <v>40940</v>
      </c>
      <c r="N13875" s="5" t="s">
        <v>36266</v>
      </c>
      <c r="O13875" s="5" t="s">
        <v>38</v>
      </c>
      <c r="P13875" s="5" t="s">
        <v>39</v>
      </c>
      <c r="Q13875" s="5" t="s">
        <v>40</v>
      </c>
      <c r="R13875" s="5" t="s">
        <v>1522</v>
      </c>
      <c r="S13875" s="5" t="s">
        <v>1523</v>
      </c>
      <c r="T13875" s="5" t="s">
        <v>42</v>
      </c>
      <c r="U13875" s="2">
        <v>1.329</v>
      </c>
      <c r="V13875" s="2">
        <v>0.82899999999999996</v>
      </c>
      <c r="W13875" s="2">
        <v>1.4999999999999999E-2</v>
      </c>
      <c r="X13875" s="2">
        <v>118.9</v>
      </c>
      <c r="Y13875" s="2">
        <v>7.6</v>
      </c>
      <c r="Z13875" s="2">
        <v>16.7</v>
      </c>
      <c r="AA13875" s="5"/>
      <c r="AB13875" s="5" t="s">
        <v>43</v>
      </c>
      <c r="AC13875" s="5" t="s">
        <v>44</v>
      </c>
      <c r="AD13875" s="2"/>
      <c r="AE13875" s="1"/>
    </row>
    <row r="13876" spans="1:31" ht="14.45">
      <c r="A13876" s="11"/>
      <c r="B13876" s="20"/>
      <c r="C13876" s="2" t="s">
        <v>42579</v>
      </c>
      <c r="D13876" s="14" t="s">
        <v>42580</v>
      </c>
      <c r="E13876" s="2" t="s">
        <v>42581</v>
      </c>
      <c r="F13876" s="2" t="s">
        <v>40971</v>
      </c>
      <c r="G13876" s="8">
        <v>157</v>
      </c>
      <c r="H13876" s="5">
        <v>6</v>
      </c>
      <c r="I13876" s="5" t="s">
        <v>1518</v>
      </c>
      <c r="J13876" s="5" t="s">
        <v>40939</v>
      </c>
      <c r="K13876" s="2" t="s">
        <v>40940</v>
      </c>
      <c r="L13876" s="5" t="s">
        <v>40939</v>
      </c>
      <c r="M13876" s="2" t="s">
        <v>40940</v>
      </c>
      <c r="N13876" s="5" t="s">
        <v>36266</v>
      </c>
      <c r="O13876" s="5" t="s">
        <v>38</v>
      </c>
      <c r="P13876" s="5" t="s">
        <v>39</v>
      </c>
      <c r="Q13876" s="5" t="s">
        <v>40</v>
      </c>
      <c r="R13876" s="5" t="s">
        <v>1522</v>
      </c>
      <c r="S13876" s="5" t="s">
        <v>1523</v>
      </c>
      <c r="T13876" s="5" t="s">
        <v>42</v>
      </c>
      <c r="U13876" s="2">
        <v>1.3380000000000001</v>
      </c>
      <c r="V13876" s="2">
        <v>0.83799999999999997</v>
      </c>
      <c r="W13876" s="2">
        <v>1.4999999999999999E-2</v>
      </c>
      <c r="X13876" s="2">
        <v>118.9</v>
      </c>
      <c r="Y13876" s="2">
        <v>7.6</v>
      </c>
      <c r="Z13876" s="2">
        <v>16.7</v>
      </c>
      <c r="AA13876" s="5"/>
      <c r="AB13876" s="5" t="s">
        <v>43</v>
      </c>
      <c r="AC13876" s="5" t="s">
        <v>44</v>
      </c>
      <c r="AD13876" s="2"/>
      <c r="AE13876" s="1"/>
    </row>
    <row r="13877" spans="1:31" ht="14.45">
      <c r="A13877" s="11"/>
      <c r="B13877" s="20"/>
      <c r="C13877" s="2" t="s">
        <v>42582</v>
      </c>
      <c r="D13877" s="14" t="s">
        <v>42583</v>
      </c>
      <c r="E13877" s="2" t="s">
        <v>42584</v>
      </c>
      <c r="F13877" s="2" t="s">
        <v>40975</v>
      </c>
      <c r="G13877" s="8">
        <v>157</v>
      </c>
      <c r="H13877" s="5">
        <v>6</v>
      </c>
      <c r="I13877" s="5" t="s">
        <v>1518</v>
      </c>
      <c r="J13877" s="5" t="s">
        <v>40939</v>
      </c>
      <c r="K13877" s="2" t="s">
        <v>40940</v>
      </c>
      <c r="L13877" s="5" t="s">
        <v>40939</v>
      </c>
      <c r="M13877" s="2" t="s">
        <v>40940</v>
      </c>
      <c r="N13877" s="5" t="s">
        <v>36266</v>
      </c>
      <c r="O13877" s="5" t="s">
        <v>38</v>
      </c>
      <c r="P13877" s="5" t="s">
        <v>39</v>
      </c>
      <c r="Q13877" s="5" t="s">
        <v>40</v>
      </c>
      <c r="R13877" s="5" t="s">
        <v>1522</v>
      </c>
      <c r="S13877" s="5" t="s">
        <v>1523</v>
      </c>
      <c r="T13877" s="5" t="s">
        <v>42</v>
      </c>
      <c r="U13877" s="2">
        <v>1.329</v>
      </c>
      <c r="V13877" s="2">
        <v>0.82899999999999996</v>
      </c>
      <c r="W13877" s="2">
        <v>1.4999999999999999E-2</v>
      </c>
      <c r="X13877" s="2">
        <v>118.9</v>
      </c>
      <c r="Y13877" s="2">
        <v>7.6</v>
      </c>
      <c r="Z13877" s="2">
        <v>16.7</v>
      </c>
      <c r="AA13877" s="5"/>
      <c r="AB13877" s="5" t="s">
        <v>43</v>
      </c>
      <c r="AC13877" s="5" t="s">
        <v>44</v>
      </c>
      <c r="AD13877" s="2"/>
      <c r="AE13877" s="1"/>
    </row>
    <row r="13878" spans="1:31" ht="14.45">
      <c r="A13878" s="11"/>
      <c r="B13878" s="20"/>
      <c r="C13878" s="2" t="s">
        <v>42585</v>
      </c>
      <c r="D13878" s="14" t="s">
        <v>42586</v>
      </c>
      <c r="E13878" s="2" t="s">
        <v>42587</v>
      </c>
      <c r="F13878" s="2" t="s">
        <v>40979</v>
      </c>
      <c r="G13878" s="8">
        <v>157</v>
      </c>
      <c r="H13878" s="5">
        <v>6</v>
      </c>
      <c r="I13878" s="5" t="s">
        <v>1518</v>
      </c>
      <c r="J13878" s="5" t="s">
        <v>40939</v>
      </c>
      <c r="K13878" s="2" t="s">
        <v>40940</v>
      </c>
      <c r="L13878" s="5" t="s">
        <v>40939</v>
      </c>
      <c r="M13878" s="2" t="s">
        <v>40940</v>
      </c>
      <c r="N13878" s="5" t="s">
        <v>36266</v>
      </c>
      <c r="O13878" s="5" t="s">
        <v>38</v>
      </c>
      <c r="P13878" s="5" t="s">
        <v>39</v>
      </c>
      <c r="Q13878" s="5" t="s">
        <v>40</v>
      </c>
      <c r="R13878" s="5" t="s">
        <v>1522</v>
      </c>
      <c r="S13878" s="5" t="s">
        <v>1523</v>
      </c>
      <c r="T13878" s="5" t="s">
        <v>42</v>
      </c>
      <c r="U13878" s="2">
        <v>1.3380000000000001</v>
      </c>
      <c r="V13878" s="2">
        <v>0.83799999999999997</v>
      </c>
      <c r="W13878" s="2">
        <v>1.4999999999999999E-2</v>
      </c>
      <c r="X13878" s="2">
        <v>118.9</v>
      </c>
      <c r="Y13878" s="2">
        <v>7.6</v>
      </c>
      <c r="Z13878" s="2">
        <v>16.7</v>
      </c>
      <c r="AA13878" s="5"/>
      <c r="AB13878" s="5" t="s">
        <v>43</v>
      </c>
      <c r="AC13878" s="5" t="s">
        <v>44</v>
      </c>
      <c r="AD13878" s="2"/>
      <c r="AE13878" s="1"/>
    </row>
    <row r="13879" spans="1:31" ht="14.45">
      <c r="A13879" s="11"/>
      <c r="B13879" s="20"/>
      <c r="C13879" s="2" t="s">
        <v>42588</v>
      </c>
      <c r="D13879" s="14" t="s">
        <v>42589</v>
      </c>
      <c r="E13879" s="2" t="s">
        <v>42590</v>
      </c>
      <c r="F13879" s="2" t="s">
        <v>7539</v>
      </c>
      <c r="G13879" s="8">
        <v>157</v>
      </c>
      <c r="H13879" s="5">
        <v>6</v>
      </c>
      <c r="I13879" s="5" t="s">
        <v>1518</v>
      </c>
      <c r="J13879" s="5" t="s">
        <v>40939</v>
      </c>
      <c r="K13879" s="2" t="s">
        <v>40940</v>
      </c>
      <c r="L13879" s="5" t="s">
        <v>40939</v>
      </c>
      <c r="M13879" s="2" t="s">
        <v>40940</v>
      </c>
      <c r="N13879" s="5" t="s">
        <v>36266</v>
      </c>
      <c r="O13879" s="5" t="s">
        <v>38</v>
      </c>
      <c r="P13879" s="5" t="s">
        <v>39</v>
      </c>
      <c r="Q13879" s="5" t="s">
        <v>40</v>
      </c>
      <c r="R13879" s="5" t="s">
        <v>1522</v>
      </c>
      <c r="S13879" s="5" t="s">
        <v>1523</v>
      </c>
      <c r="T13879" s="5" t="s">
        <v>42</v>
      </c>
      <c r="U13879" s="2">
        <v>1.294</v>
      </c>
      <c r="V13879" s="2">
        <v>0.79400000000000004</v>
      </c>
      <c r="W13879" s="2">
        <v>1.4999999999999999E-2</v>
      </c>
      <c r="X13879" s="2">
        <v>118.9</v>
      </c>
      <c r="Y13879" s="2">
        <v>7.6</v>
      </c>
      <c r="Z13879" s="2">
        <v>16.7</v>
      </c>
      <c r="AA13879" s="5"/>
      <c r="AB13879" s="5" t="s">
        <v>43</v>
      </c>
      <c r="AC13879" s="5" t="s">
        <v>44</v>
      </c>
      <c r="AD13879" s="2"/>
      <c r="AE13879" s="1"/>
    </row>
    <row r="13880" spans="1:31" ht="14.45">
      <c r="A13880" s="11"/>
      <c r="B13880" s="20"/>
      <c r="C13880" s="2" t="s">
        <v>42591</v>
      </c>
      <c r="D13880" s="14" t="s">
        <v>42592</v>
      </c>
      <c r="E13880" s="2" t="s">
        <v>42593</v>
      </c>
      <c r="F13880" s="2" t="s">
        <v>7543</v>
      </c>
      <c r="G13880" s="8">
        <v>157</v>
      </c>
      <c r="H13880" s="5">
        <v>6</v>
      </c>
      <c r="I13880" s="5" t="s">
        <v>1518</v>
      </c>
      <c r="J13880" s="5" t="s">
        <v>40939</v>
      </c>
      <c r="K13880" s="2" t="s">
        <v>40940</v>
      </c>
      <c r="L13880" s="5" t="s">
        <v>40939</v>
      </c>
      <c r="M13880" s="2" t="s">
        <v>40940</v>
      </c>
      <c r="N13880" s="5" t="s">
        <v>36266</v>
      </c>
      <c r="O13880" s="5" t="s">
        <v>38</v>
      </c>
      <c r="P13880" s="5" t="s">
        <v>39</v>
      </c>
      <c r="Q13880" s="5" t="s">
        <v>40</v>
      </c>
      <c r="R13880" s="5" t="s">
        <v>1522</v>
      </c>
      <c r="S13880" s="5" t="s">
        <v>1523</v>
      </c>
      <c r="T13880" s="5" t="s">
        <v>42</v>
      </c>
      <c r="U13880" s="2">
        <v>1.3029999999999999</v>
      </c>
      <c r="V13880" s="2">
        <v>0.80300000000000005</v>
      </c>
      <c r="W13880" s="2">
        <v>1.4999999999999999E-2</v>
      </c>
      <c r="X13880" s="2">
        <v>118.9</v>
      </c>
      <c r="Y13880" s="2">
        <v>7.6</v>
      </c>
      <c r="Z13880" s="2">
        <v>16.7</v>
      </c>
      <c r="AA13880" s="5"/>
      <c r="AB13880" s="5" t="s">
        <v>43</v>
      </c>
      <c r="AC13880" s="5" t="s">
        <v>44</v>
      </c>
      <c r="AD13880" s="2"/>
      <c r="AE13880" s="1"/>
    </row>
    <row r="13881" spans="1:31" ht="14.45">
      <c r="A13881" s="11"/>
      <c r="B13881" s="20"/>
      <c r="C13881" s="2" t="s">
        <v>42594</v>
      </c>
      <c r="D13881" s="14" t="s">
        <v>42595</v>
      </c>
      <c r="E13881" s="2" t="s">
        <v>42596</v>
      </c>
      <c r="F13881" s="2" t="s">
        <v>40989</v>
      </c>
      <c r="G13881" s="8">
        <v>157</v>
      </c>
      <c r="H13881" s="5">
        <v>6</v>
      </c>
      <c r="I13881" s="5" t="s">
        <v>1518</v>
      </c>
      <c r="J13881" s="5" t="s">
        <v>40939</v>
      </c>
      <c r="K13881" s="2" t="s">
        <v>40940</v>
      </c>
      <c r="L13881" s="5" t="s">
        <v>40939</v>
      </c>
      <c r="M13881" s="2" t="s">
        <v>40940</v>
      </c>
      <c r="N13881" s="5" t="s">
        <v>36266</v>
      </c>
      <c r="O13881" s="5" t="s">
        <v>38</v>
      </c>
      <c r="P13881" s="5" t="s">
        <v>39</v>
      </c>
      <c r="Q13881" s="5" t="s">
        <v>40</v>
      </c>
      <c r="R13881" s="5" t="s">
        <v>1522</v>
      </c>
      <c r="S13881" s="5" t="s">
        <v>1523</v>
      </c>
      <c r="T13881" s="5" t="s">
        <v>42</v>
      </c>
      <c r="U13881" s="2">
        <v>1.329</v>
      </c>
      <c r="V13881" s="2">
        <v>0.82899999999999996</v>
      </c>
      <c r="W13881" s="2">
        <v>1.4999999999999999E-2</v>
      </c>
      <c r="X13881" s="2">
        <v>118.9</v>
      </c>
      <c r="Y13881" s="2">
        <v>7.6</v>
      </c>
      <c r="Z13881" s="2">
        <v>16.7</v>
      </c>
      <c r="AA13881" s="5"/>
      <c r="AB13881" s="5" t="s">
        <v>43</v>
      </c>
      <c r="AC13881" s="5" t="s">
        <v>44</v>
      </c>
      <c r="AD13881" s="2"/>
      <c r="AE13881" s="1"/>
    </row>
    <row r="13882" spans="1:31" ht="14.45">
      <c r="A13882" s="11"/>
      <c r="B13882" s="20"/>
      <c r="C13882" s="2" t="s">
        <v>42597</v>
      </c>
      <c r="D13882" s="14" t="s">
        <v>42598</v>
      </c>
      <c r="E13882" s="2" t="s">
        <v>42599</v>
      </c>
      <c r="F13882" s="2" t="s">
        <v>40993</v>
      </c>
      <c r="G13882" s="8">
        <v>157</v>
      </c>
      <c r="H13882" s="5">
        <v>6</v>
      </c>
      <c r="I13882" s="5" t="s">
        <v>1518</v>
      </c>
      <c r="J13882" s="5" t="s">
        <v>40939</v>
      </c>
      <c r="K13882" s="2" t="s">
        <v>40940</v>
      </c>
      <c r="L13882" s="5" t="s">
        <v>40939</v>
      </c>
      <c r="M13882" s="2" t="s">
        <v>40940</v>
      </c>
      <c r="N13882" s="5" t="s">
        <v>36266</v>
      </c>
      <c r="O13882" s="5" t="s">
        <v>38</v>
      </c>
      <c r="P13882" s="5" t="s">
        <v>39</v>
      </c>
      <c r="Q13882" s="5" t="s">
        <v>40</v>
      </c>
      <c r="R13882" s="5" t="s">
        <v>1522</v>
      </c>
      <c r="S13882" s="5" t="s">
        <v>1523</v>
      </c>
      <c r="T13882" s="5" t="s">
        <v>42</v>
      </c>
      <c r="U13882" s="2">
        <v>1.3380000000000001</v>
      </c>
      <c r="V13882" s="2">
        <v>0.83799999999999997</v>
      </c>
      <c r="W13882" s="2">
        <v>1.4999999999999999E-2</v>
      </c>
      <c r="X13882" s="2">
        <v>118.9</v>
      </c>
      <c r="Y13882" s="2">
        <v>7.6</v>
      </c>
      <c r="Z13882" s="2">
        <v>16.7</v>
      </c>
      <c r="AA13882" s="5"/>
      <c r="AB13882" s="5" t="s">
        <v>43</v>
      </c>
      <c r="AC13882" s="5" t="s">
        <v>44</v>
      </c>
      <c r="AD13882" s="2"/>
      <c r="AE13882" s="1"/>
    </row>
    <row r="13883" spans="1:31" ht="14.45">
      <c r="A13883" s="11"/>
      <c r="B13883" s="20"/>
      <c r="C13883" s="2" t="s">
        <v>42600</v>
      </c>
      <c r="D13883" s="14" t="s">
        <v>42601</v>
      </c>
      <c r="E13883" s="2" t="s">
        <v>42602</v>
      </c>
      <c r="F13883" s="2" t="s">
        <v>40997</v>
      </c>
      <c r="G13883" s="8">
        <v>157</v>
      </c>
      <c r="H13883" s="5">
        <v>6</v>
      </c>
      <c r="I13883" s="5" t="s">
        <v>1518</v>
      </c>
      <c r="J13883" s="5" t="s">
        <v>40939</v>
      </c>
      <c r="K13883" s="2" t="s">
        <v>40940</v>
      </c>
      <c r="L13883" s="5" t="s">
        <v>40939</v>
      </c>
      <c r="M13883" s="2" t="s">
        <v>40940</v>
      </c>
      <c r="N13883" s="5" t="s">
        <v>36266</v>
      </c>
      <c r="O13883" s="5" t="s">
        <v>38</v>
      </c>
      <c r="P13883" s="5" t="s">
        <v>39</v>
      </c>
      <c r="Q13883" s="5" t="s">
        <v>40</v>
      </c>
      <c r="R13883" s="5" t="s">
        <v>1522</v>
      </c>
      <c r="S13883" s="5" t="s">
        <v>1523</v>
      </c>
      <c r="T13883" s="5" t="s">
        <v>42</v>
      </c>
      <c r="U13883" s="2">
        <v>1.3009999999999999</v>
      </c>
      <c r="V13883" s="2">
        <v>0.80100000000000005</v>
      </c>
      <c r="W13883" s="2">
        <v>1.4999999999999999E-2</v>
      </c>
      <c r="X13883" s="2">
        <v>118.9</v>
      </c>
      <c r="Y13883" s="2">
        <v>7.6</v>
      </c>
      <c r="Z13883" s="2">
        <v>16.7</v>
      </c>
      <c r="AA13883" s="5"/>
      <c r="AB13883" s="5" t="s">
        <v>43</v>
      </c>
      <c r="AC13883" s="5" t="s">
        <v>44</v>
      </c>
      <c r="AD13883" s="2"/>
      <c r="AE13883" s="1"/>
    </row>
    <row r="13884" spans="1:31" ht="14.45">
      <c r="A13884" s="11"/>
      <c r="B13884" s="20"/>
      <c r="C13884" s="2" t="s">
        <v>42603</v>
      </c>
      <c r="D13884" s="14" t="s">
        <v>42604</v>
      </c>
      <c r="E13884" s="2" t="s">
        <v>42605</v>
      </c>
      <c r="F13884" s="2" t="s">
        <v>41267</v>
      </c>
      <c r="G13884" s="8">
        <v>157</v>
      </c>
      <c r="H13884" s="5">
        <v>6</v>
      </c>
      <c r="I13884" s="5" t="s">
        <v>1518</v>
      </c>
      <c r="J13884" s="5" t="s">
        <v>40939</v>
      </c>
      <c r="K13884" s="2" t="s">
        <v>40940</v>
      </c>
      <c r="L13884" s="5" t="s">
        <v>40939</v>
      </c>
      <c r="M13884" s="2" t="s">
        <v>40940</v>
      </c>
      <c r="N13884" s="5" t="s">
        <v>36266</v>
      </c>
      <c r="O13884" s="5" t="s">
        <v>38</v>
      </c>
      <c r="P13884" s="5" t="s">
        <v>39</v>
      </c>
      <c r="Q13884" s="5" t="s">
        <v>40</v>
      </c>
      <c r="R13884" s="5" t="s">
        <v>1522</v>
      </c>
      <c r="S13884" s="5" t="s">
        <v>1523</v>
      </c>
      <c r="T13884" s="5" t="s">
        <v>42</v>
      </c>
      <c r="U13884" s="2">
        <v>1.31</v>
      </c>
      <c r="V13884" s="2">
        <v>0.81</v>
      </c>
      <c r="W13884" s="2">
        <v>1.4999999999999999E-2</v>
      </c>
      <c r="X13884" s="2">
        <v>118.9</v>
      </c>
      <c r="Y13884" s="2">
        <v>7.6</v>
      </c>
      <c r="Z13884" s="2">
        <v>16.7</v>
      </c>
      <c r="AA13884" s="5"/>
      <c r="AB13884" s="5" t="s">
        <v>43</v>
      </c>
      <c r="AC13884" s="5" t="s">
        <v>44</v>
      </c>
      <c r="AD13884" s="2"/>
      <c r="AE13884" s="1"/>
    </row>
    <row r="13885" spans="1:31" ht="14.45">
      <c r="A13885" s="11"/>
      <c r="B13885" s="20"/>
      <c r="C13885" s="2" t="s">
        <v>42606</v>
      </c>
      <c r="D13885" s="14" t="s">
        <v>42607</v>
      </c>
      <c r="E13885" s="2" t="s">
        <v>42608</v>
      </c>
      <c r="F13885" s="2" t="s">
        <v>41001</v>
      </c>
      <c r="G13885" s="8">
        <v>157</v>
      </c>
      <c r="H13885" s="5">
        <v>6</v>
      </c>
      <c r="I13885" s="5" t="s">
        <v>1518</v>
      </c>
      <c r="J13885" s="5" t="s">
        <v>40939</v>
      </c>
      <c r="K13885" s="2" t="s">
        <v>40940</v>
      </c>
      <c r="L13885" s="5" t="s">
        <v>40939</v>
      </c>
      <c r="M13885" s="2" t="s">
        <v>40940</v>
      </c>
      <c r="N13885" s="5" t="s">
        <v>36266</v>
      </c>
      <c r="O13885" s="5" t="s">
        <v>38</v>
      </c>
      <c r="P13885" s="5" t="s">
        <v>39</v>
      </c>
      <c r="Q13885" s="5" t="s">
        <v>40</v>
      </c>
      <c r="R13885" s="5" t="s">
        <v>1522</v>
      </c>
      <c r="S13885" s="5" t="s">
        <v>1523</v>
      </c>
      <c r="T13885" s="5" t="s">
        <v>42</v>
      </c>
      <c r="U13885" s="2">
        <v>1.329</v>
      </c>
      <c r="V13885" s="2">
        <v>0.82899999999999996</v>
      </c>
      <c r="W13885" s="2">
        <v>1.4999999999999999E-2</v>
      </c>
      <c r="X13885" s="2">
        <v>118.9</v>
      </c>
      <c r="Y13885" s="2">
        <v>7.6</v>
      </c>
      <c r="Z13885" s="2">
        <v>16.7</v>
      </c>
      <c r="AA13885" s="5"/>
      <c r="AB13885" s="5" t="s">
        <v>43</v>
      </c>
      <c r="AC13885" s="5" t="s">
        <v>44</v>
      </c>
      <c r="AD13885" s="2"/>
      <c r="AE13885" s="1"/>
    </row>
    <row r="13886" spans="1:31" ht="14.45">
      <c r="A13886" s="11"/>
      <c r="B13886" s="20"/>
      <c r="C13886" s="2" t="s">
        <v>42609</v>
      </c>
      <c r="D13886" s="14" t="s">
        <v>42610</v>
      </c>
      <c r="E13886" s="2" t="s">
        <v>42611</v>
      </c>
      <c r="F13886" s="2" t="s">
        <v>41005</v>
      </c>
      <c r="G13886" s="8">
        <v>157</v>
      </c>
      <c r="H13886" s="5">
        <v>6</v>
      </c>
      <c r="I13886" s="5" t="s">
        <v>1518</v>
      </c>
      <c r="J13886" s="5" t="s">
        <v>40939</v>
      </c>
      <c r="K13886" s="2" t="s">
        <v>40940</v>
      </c>
      <c r="L13886" s="5" t="s">
        <v>40939</v>
      </c>
      <c r="M13886" s="2" t="s">
        <v>40940</v>
      </c>
      <c r="N13886" s="5" t="s">
        <v>36266</v>
      </c>
      <c r="O13886" s="5" t="s">
        <v>38</v>
      </c>
      <c r="P13886" s="5" t="s">
        <v>39</v>
      </c>
      <c r="Q13886" s="5" t="s">
        <v>40</v>
      </c>
      <c r="R13886" s="5" t="s">
        <v>1522</v>
      </c>
      <c r="S13886" s="5" t="s">
        <v>1523</v>
      </c>
      <c r="T13886" s="5" t="s">
        <v>42</v>
      </c>
      <c r="U13886" s="2">
        <v>1.3380000000000001</v>
      </c>
      <c r="V13886" s="2">
        <v>0.83799999999999997</v>
      </c>
      <c r="W13886" s="2">
        <v>1.4999999999999999E-2</v>
      </c>
      <c r="X13886" s="2">
        <v>118.9</v>
      </c>
      <c r="Y13886" s="2">
        <v>7.6</v>
      </c>
      <c r="Z13886" s="2">
        <v>16.7</v>
      </c>
      <c r="AA13886" s="5"/>
      <c r="AB13886" s="5" t="s">
        <v>43</v>
      </c>
      <c r="AC13886" s="5" t="s">
        <v>44</v>
      </c>
      <c r="AD13886" s="2"/>
      <c r="AE13886" s="1"/>
    </row>
    <row r="13887" spans="1:31" ht="14.45">
      <c r="A13887" s="11"/>
      <c r="B13887" s="20"/>
      <c r="C13887" s="2" t="s">
        <v>42612</v>
      </c>
      <c r="D13887" s="14" t="s">
        <v>42613</v>
      </c>
      <c r="E13887" s="2" t="s">
        <v>42614</v>
      </c>
      <c r="F13887" s="2" t="s">
        <v>41009</v>
      </c>
      <c r="G13887" s="8">
        <v>157</v>
      </c>
      <c r="H13887" s="5">
        <v>6</v>
      </c>
      <c r="I13887" s="5" t="s">
        <v>1518</v>
      </c>
      <c r="J13887" s="5" t="s">
        <v>40939</v>
      </c>
      <c r="K13887" s="2" t="s">
        <v>40940</v>
      </c>
      <c r="L13887" s="5" t="s">
        <v>40939</v>
      </c>
      <c r="M13887" s="2" t="s">
        <v>40940</v>
      </c>
      <c r="N13887" s="5" t="s">
        <v>36266</v>
      </c>
      <c r="O13887" s="5" t="s">
        <v>38</v>
      </c>
      <c r="P13887" s="5" t="s">
        <v>39</v>
      </c>
      <c r="Q13887" s="5" t="s">
        <v>40</v>
      </c>
      <c r="R13887" s="5" t="s">
        <v>1522</v>
      </c>
      <c r="S13887" s="5" t="s">
        <v>1523</v>
      </c>
      <c r="T13887" s="5" t="s">
        <v>42</v>
      </c>
      <c r="U13887" s="2">
        <v>1.3360000000000001</v>
      </c>
      <c r="V13887" s="2">
        <v>0.83599999999999997</v>
      </c>
      <c r="W13887" s="2">
        <v>1.4999999999999999E-2</v>
      </c>
      <c r="X13887" s="2">
        <v>118.9</v>
      </c>
      <c r="Y13887" s="2">
        <v>7.6</v>
      </c>
      <c r="Z13887" s="2">
        <v>16.7</v>
      </c>
      <c r="AA13887" s="5"/>
      <c r="AB13887" s="5" t="s">
        <v>43</v>
      </c>
      <c r="AC13887" s="5" t="s">
        <v>44</v>
      </c>
      <c r="AD13887" s="2"/>
      <c r="AE13887" s="1"/>
    </row>
    <row r="13888" spans="1:31" ht="14.45">
      <c r="A13888" s="11"/>
      <c r="B13888" s="20"/>
      <c r="C13888" s="2" t="s">
        <v>42615</v>
      </c>
      <c r="D13888" s="14" t="s">
        <v>42616</v>
      </c>
      <c r="E13888" s="2" t="s">
        <v>42617</v>
      </c>
      <c r="F13888" s="2" t="s">
        <v>41013</v>
      </c>
      <c r="G13888" s="8">
        <v>157</v>
      </c>
      <c r="H13888" s="5">
        <v>6</v>
      </c>
      <c r="I13888" s="5" t="s">
        <v>1518</v>
      </c>
      <c r="J13888" s="5" t="s">
        <v>40939</v>
      </c>
      <c r="K13888" s="2" t="s">
        <v>40940</v>
      </c>
      <c r="L13888" s="5" t="s">
        <v>40939</v>
      </c>
      <c r="M13888" s="2" t="s">
        <v>40940</v>
      </c>
      <c r="N13888" s="5" t="s">
        <v>36266</v>
      </c>
      <c r="O13888" s="5" t="s">
        <v>38</v>
      </c>
      <c r="P13888" s="5" t="s">
        <v>39</v>
      </c>
      <c r="Q13888" s="5" t="s">
        <v>40</v>
      </c>
      <c r="R13888" s="5" t="s">
        <v>1522</v>
      </c>
      <c r="S13888" s="5" t="s">
        <v>1523</v>
      </c>
      <c r="T13888" s="5" t="s">
        <v>42</v>
      </c>
      <c r="U13888" s="2">
        <v>1.345</v>
      </c>
      <c r="V13888" s="2">
        <v>0.84499999999999997</v>
      </c>
      <c r="W13888" s="2">
        <v>1.4999999999999999E-2</v>
      </c>
      <c r="X13888" s="2">
        <v>118.9</v>
      </c>
      <c r="Y13888" s="2">
        <v>7.6</v>
      </c>
      <c r="Z13888" s="2">
        <v>16.7</v>
      </c>
      <c r="AA13888" s="5"/>
      <c r="AB13888" s="5" t="s">
        <v>43</v>
      </c>
      <c r="AC13888" s="5" t="s">
        <v>44</v>
      </c>
      <c r="AD13888" s="2"/>
      <c r="AE13888" s="1"/>
    </row>
    <row r="13889" spans="1:31" ht="14.45">
      <c r="A13889" s="11"/>
      <c r="B13889" s="20"/>
      <c r="C13889" s="2" t="s">
        <v>42618</v>
      </c>
      <c r="D13889" s="14" t="s">
        <v>42619</v>
      </c>
      <c r="E13889" s="2" t="s">
        <v>42620</v>
      </c>
      <c r="F13889" s="2" t="s">
        <v>7396</v>
      </c>
      <c r="G13889" s="8">
        <v>137</v>
      </c>
      <c r="H13889" s="5">
        <v>6</v>
      </c>
      <c r="I13889" s="5" t="s">
        <v>1518</v>
      </c>
      <c r="J13889" s="5" t="s">
        <v>40939</v>
      </c>
      <c r="K13889" s="2" t="s">
        <v>40940</v>
      </c>
      <c r="L13889" s="5" t="s">
        <v>40939</v>
      </c>
      <c r="M13889" s="2" t="s">
        <v>40940</v>
      </c>
      <c r="N13889" s="5" t="s">
        <v>36266</v>
      </c>
      <c r="O13889" s="5" t="s">
        <v>38</v>
      </c>
      <c r="P13889" s="5" t="s">
        <v>39</v>
      </c>
      <c r="Q13889" s="5" t="s">
        <v>40</v>
      </c>
      <c r="R13889" s="5" t="s">
        <v>1522</v>
      </c>
      <c r="S13889" s="5" t="s">
        <v>1523</v>
      </c>
      <c r="T13889" s="5" t="s">
        <v>42</v>
      </c>
      <c r="U13889" s="2">
        <v>1.3360000000000001</v>
      </c>
      <c r="V13889" s="2">
        <v>0.83599999999999997</v>
      </c>
      <c r="W13889" s="2">
        <v>1.4999999999999999E-2</v>
      </c>
      <c r="X13889" s="2">
        <v>118.9</v>
      </c>
      <c r="Y13889" s="2">
        <v>7.6</v>
      </c>
      <c r="Z13889" s="2">
        <v>16.7</v>
      </c>
      <c r="AA13889" s="5"/>
      <c r="AB13889" s="5" t="s">
        <v>43</v>
      </c>
      <c r="AC13889" s="5" t="s">
        <v>44</v>
      </c>
      <c r="AD13889" s="2"/>
      <c r="AE13889" s="1"/>
    </row>
    <row r="13890" spans="1:31" ht="14.45">
      <c r="A13890" s="11"/>
      <c r="B13890" s="20"/>
      <c r="C13890" s="2" t="s">
        <v>42621</v>
      </c>
      <c r="D13890" s="14" t="s">
        <v>42622</v>
      </c>
      <c r="E13890" s="2" t="s">
        <v>42623</v>
      </c>
      <c r="F13890" s="2" t="s">
        <v>7507</v>
      </c>
      <c r="G13890" s="8">
        <v>137</v>
      </c>
      <c r="H13890" s="5">
        <v>6</v>
      </c>
      <c r="I13890" s="5" t="s">
        <v>1518</v>
      </c>
      <c r="J13890" s="5" t="s">
        <v>40939</v>
      </c>
      <c r="K13890" s="2" t="s">
        <v>40940</v>
      </c>
      <c r="L13890" s="5" t="s">
        <v>40939</v>
      </c>
      <c r="M13890" s="2" t="s">
        <v>40940</v>
      </c>
      <c r="N13890" s="5" t="s">
        <v>36266</v>
      </c>
      <c r="O13890" s="5" t="s">
        <v>38</v>
      </c>
      <c r="P13890" s="5" t="s">
        <v>39</v>
      </c>
      <c r="Q13890" s="5" t="s">
        <v>40</v>
      </c>
      <c r="R13890" s="5" t="s">
        <v>1522</v>
      </c>
      <c r="S13890" s="5" t="s">
        <v>1523</v>
      </c>
      <c r="T13890" s="5" t="s">
        <v>42</v>
      </c>
      <c r="U13890" s="2">
        <v>1.345</v>
      </c>
      <c r="V13890" s="2">
        <v>0.84499999999999997</v>
      </c>
      <c r="W13890" s="2">
        <v>1.4999999999999999E-2</v>
      </c>
      <c r="X13890" s="2">
        <v>118.9</v>
      </c>
      <c r="Y13890" s="2">
        <v>7.6</v>
      </c>
      <c r="Z13890" s="2">
        <v>16.7</v>
      </c>
      <c r="AA13890" s="5"/>
      <c r="AB13890" s="5" t="s">
        <v>43</v>
      </c>
      <c r="AC13890" s="5" t="s">
        <v>44</v>
      </c>
      <c r="AD13890" s="2"/>
      <c r="AE13890" s="1"/>
    </row>
    <row r="13891" spans="1:31" ht="14.45">
      <c r="A13891" s="11"/>
      <c r="B13891" s="20"/>
      <c r="C13891" s="2" t="s">
        <v>42624</v>
      </c>
      <c r="D13891" s="14" t="s">
        <v>42625</v>
      </c>
      <c r="E13891" s="2" t="s">
        <v>42626</v>
      </c>
      <c r="F13891" s="2" t="s">
        <v>41023</v>
      </c>
      <c r="G13891" s="8">
        <v>157</v>
      </c>
      <c r="H13891" s="5">
        <v>6</v>
      </c>
      <c r="I13891" s="5" t="s">
        <v>1518</v>
      </c>
      <c r="J13891" s="5" t="s">
        <v>40939</v>
      </c>
      <c r="K13891" s="2" t="s">
        <v>40940</v>
      </c>
      <c r="L13891" s="5" t="s">
        <v>40939</v>
      </c>
      <c r="M13891" s="2" t="s">
        <v>40940</v>
      </c>
      <c r="N13891" s="5" t="s">
        <v>36266</v>
      </c>
      <c r="O13891" s="5" t="s">
        <v>38</v>
      </c>
      <c r="P13891" s="5" t="s">
        <v>39</v>
      </c>
      <c r="Q13891" s="5" t="s">
        <v>40</v>
      </c>
      <c r="R13891" s="5" t="s">
        <v>1522</v>
      </c>
      <c r="S13891" s="5" t="s">
        <v>1523</v>
      </c>
      <c r="T13891" s="5" t="s">
        <v>42</v>
      </c>
      <c r="U13891" s="2">
        <v>1.3009999999999999</v>
      </c>
      <c r="V13891" s="2">
        <v>0.80100000000000005</v>
      </c>
      <c r="W13891" s="2">
        <v>1.4999999999999999E-2</v>
      </c>
      <c r="X13891" s="2">
        <v>118.9</v>
      </c>
      <c r="Y13891" s="2">
        <v>7.6</v>
      </c>
      <c r="Z13891" s="2">
        <v>16.7</v>
      </c>
      <c r="AA13891" s="5"/>
      <c r="AB13891" s="5" t="s">
        <v>43</v>
      </c>
      <c r="AC13891" s="5" t="s">
        <v>44</v>
      </c>
      <c r="AD13891" s="2"/>
      <c r="AE13891" s="1"/>
    </row>
    <row r="13892" spans="1:31" ht="14.45">
      <c r="A13892" s="11"/>
      <c r="B13892" s="20"/>
      <c r="C13892" s="2" t="s">
        <v>42627</v>
      </c>
      <c r="D13892" s="14" t="s">
        <v>42628</v>
      </c>
      <c r="E13892" s="2" t="s">
        <v>42629</v>
      </c>
      <c r="F13892" s="2" t="s">
        <v>41027</v>
      </c>
      <c r="G13892" s="8">
        <v>157</v>
      </c>
      <c r="H13892" s="5">
        <v>6</v>
      </c>
      <c r="I13892" s="5" t="s">
        <v>1518</v>
      </c>
      <c r="J13892" s="5" t="s">
        <v>40939</v>
      </c>
      <c r="K13892" s="2" t="s">
        <v>40940</v>
      </c>
      <c r="L13892" s="5" t="s">
        <v>40939</v>
      </c>
      <c r="M13892" s="2" t="s">
        <v>40940</v>
      </c>
      <c r="N13892" s="5" t="s">
        <v>36266</v>
      </c>
      <c r="O13892" s="5" t="s">
        <v>38</v>
      </c>
      <c r="P13892" s="5" t="s">
        <v>39</v>
      </c>
      <c r="Q13892" s="5" t="s">
        <v>40</v>
      </c>
      <c r="R13892" s="5" t="s">
        <v>1522</v>
      </c>
      <c r="S13892" s="5" t="s">
        <v>1523</v>
      </c>
      <c r="T13892" s="5" t="s">
        <v>42</v>
      </c>
      <c r="U13892" s="2">
        <v>1.31</v>
      </c>
      <c r="V13892" s="2">
        <v>0.81</v>
      </c>
      <c r="W13892" s="2">
        <v>1.4999999999999999E-2</v>
      </c>
      <c r="X13892" s="2">
        <v>118.9</v>
      </c>
      <c r="Y13892" s="2">
        <v>7.6</v>
      </c>
      <c r="Z13892" s="2">
        <v>16.7</v>
      </c>
      <c r="AA13892" s="5"/>
      <c r="AB13892" s="5" t="s">
        <v>43</v>
      </c>
      <c r="AC13892" s="5" t="s">
        <v>44</v>
      </c>
      <c r="AD13892" s="2"/>
      <c r="AE13892" s="1"/>
    </row>
    <row r="13893" spans="1:31" ht="14.45">
      <c r="A13893" s="11"/>
      <c r="B13893" s="20"/>
      <c r="C13893" s="2" t="s">
        <v>42630</v>
      </c>
      <c r="D13893" s="14" t="s">
        <v>42631</v>
      </c>
      <c r="E13893" s="2" t="s">
        <v>42632</v>
      </c>
      <c r="F13893" s="2" t="s">
        <v>41031</v>
      </c>
      <c r="G13893" s="8">
        <v>157</v>
      </c>
      <c r="H13893" s="5">
        <v>6</v>
      </c>
      <c r="I13893" s="5" t="s">
        <v>1518</v>
      </c>
      <c r="J13893" s="5" t="s">
        <v>40939</v>
      </c>
      <c r="K13893" s="2" t="s">
        <v>40940</v>
      </c>
      <c r="L13893" s="5" t="s">
        <v>40939</v>
      </c>
      <c r="M13893" s="2" t="s">
        <v>40940</v>
      </c>
      <c r="N13893" s="5" t="s">
        <v>36266</v>
      </c>
      <c r="O13893" s="5" t="s">
        <v>38</v>
      </c>
      <c r="P13893" s="5" t="s">
        <v>39</v>
      </c>
      <c r="Q13893" s="5" t="s">
        <v>40</v>
      </c>
      <c r="R13893" s="5" t="s">
        <v>1522</v>
      </c>
      <c r="S13893" s="5" t="s">
        <v>1523</v>
      </c>
      <c r="T13893" s="5" t="s">
        <v>42</v>
      </c>
      <c r="U13893" s="2">
        <v>1.3009999999999999</v>
      </c>
      <c r="V13893" s="2">
        <v>0.80100000000000005</v>
      </c>
      <c r="W13893" s="2">
        <v>1.4999999999999999E-2</v>
      </c>
      <c r="X13893" s="2">
        <v>118.9</v>
      </c>
      <c r="Y13893" s="2">
        <v>7.6</v>
      </c>
      <c r="Z13893" s="2">
        <v>16.7</v>
      </c>
      <c r="AA13893" s="5"/>
      <c r="AB13893" s="5" t="s">
        <v>43</v>
      </c>
      <c r="AC13893" s="5" t="s">
        <v>44</v>
      </c>
      <c r="AD13893" s="2"/>
      <c r="AE13893" s="1"/>
    </row>
    <row r="13894" spans="1:31" ht="14.45">
      <c r="A13894" s="11"/>
      <c r="B13894" s="20"/>
      <c r="C13894" s="2" t="s">
        <v>42633</v>
      </c>
      <c r="D13894" s="14" t="s">
        <v>42634</v>
      </c>
      <c r="E13894" s="2" t="s">
        <v>42635</v>
      </c>
      <c r="F13894" s="2" t="s">
        <v>41035</v>
      </c>
      <c r="G13894" s="8">
        <v>157</v>
      </c>
      <c r="H13894" s="5">
        <v>6</v>
      </c>
      <c r="I13894" s="5" t="s">
        <v>1518</v>
      </c>
      <c r="J13894" s="5" t="s">
        <v>40939</v>
      </c>
      <c r="K13894" s="2" t="s">
        <v>40940</v>
      </c>
      <c r="L13894" s="5" t="s">
        <v>40939</v>
      </c>
      <c r="M13894" s="2" t="s">
        <v>40940</v>
      </c>
      <c r="N13894" s="5" t="s">
        <v>36266</v>
      </c>
      <c r="O13894" s="5" t="s">
        <v>38</v>
      </c>
      <c r="P13894" s="5" t="s">
        <v>39</v>
      </c>
      <c r="Q13894" s="5" t="s">
        <v>40</v>
      </c>
      <c r="R13894" s="5" t="s">
        <v>1522</v>
      </c>
      <c r="S13894" s="5" t="s">
        <v>1523</v>
      </c>
      <c r="T13894" s="5" t="s">
        <v>42</v>
      </c>
      <c r="U13894" s="2">
        <v>1.31</v>
      </c>
      <c r="V13894" s="2">
        <v>0.81</v>
      </c>
      <c r="W13894" s="2">
        <v>1.4999999999999999E-2</v>
      </c>
      <c r="X13894" s="2">
        <v>118.9</v>
      </c>
      <c r="Y13894" s="2">
        <v>7.6</v>
      </c>
      <c r="Z13894" s="2">
        <v>16.7</v>
      </c>
      <c r="AA13894" s="5"/>
      <c r="AB13894" s="5" t="s">
        <v>43</v>
      </c>
      <c r="AC13894" s="5" t="s">
        <v>44</v>
      </c>
      <c r="AD13894" s="2"/>
      <c r="AE13894" s="1"/>
    </row>
    <row r="13895" spans="1:31" ht="14.45">
      <c r="A13895" s="11"/>
      <c r="B13895" s="20"/>
      <c r="C13895" s="2" t="s">
        <v>42636</v>
      </c>
      <c r="D13895" s="14" t="s">
        <v>42637</v>
      </c>
      <c r="E13895" s="2" t="s">
        <v>42638</v>
      </c>
      <c r="F13895" s="2" t="s">
        <v>7449</v>
      </c>
      <c r="G13895" s="8">
        <v>157</v>
      </c>
      <c r="H13895" s="5">
        <v>6</v>
      </c>
      <c r="I13895" s="5" t="s">
        <v>1518</v>
      </c>
      <c r="J13895" s="5" t="s">
        <v>40939</v>
      </c>
      <c r="K13895" s="2" t="s">
        <v>40940</v>
      </c>
      <c r="L13895" s="5" t="s">
        <v>40939</v>
      </c>
      <c r="M13895" s="2" t="s">
        <v>40940</v>
      </c>
      <c r="N13895" s="5" t="s">
        <v>36266</v>
      </c>
      <c r="O13895" s="5" t="s">
        <v>38</v>
      </c>
      <c r="P13895" s="5" t="s">
        <v>39</v>
      </c>
      <c r="Q13895" s="5" t="s">
        <v>40</v>
      </c>
      <c r="R13895" s="5" t="s">
        <v>1522</v>
      </c>
      <c r="S13895" s="5" t="s">
        <v>1523</v>
      </c>
      <c r="T13895" s="5" t="s">
        <v>42</v>
      </c>
      <c r="U13895" s="2">
        <v>1.3009999999999999</v>
      </c>
      <c r="V13895" s="2">
        <v>0.80100000000000005</v>
      </c>
      <c r="W13895" s="2">
        <v>1.4999999999999999E-2</v>
      </c>
      <c r="X13895" s="2">
        <v>118.9</v>
      </c>
      <c r="Y13895" s="2">
        <v>7.6</v>
      </c>
      <c r="Z13895" s="2">
        <v>16.7</v>
      </c>
      <c r="AA13895" s="5"/>
      <c r="AB13895" s="5" t="s">
        <v>43</v>
      </c>
      <c r="AC13895" s="5" t="s">
        <v>44</v>
      </c>
      <c r="AD13895" s="2"/>
      <c r="AE13895" s="1"/>
    </row>
    <row r="13896" spans="1:31" ht="14.45">
      <c r="A13896" s="11"/>
      <c r="B13896" s="20"/>
      <c r="C13896" s="2" t="s">
        <v>42639</v>
      </c>
      <c r="D13896" s="14" t="s">
        <v>42640</v>
      </c>
      <c r="E13896" s="2" t="s">
        <v>42641</v>
      </c>
      <c r="F13896" s="2" t="s">
        <v>7581</v>
      </c>
      <c r="G13896" s="8">
        <v>157</v>
      </c>
      <c r="H13896" s="5">
        <v>6</v>
      </c>
      <c r="I13896" s="5" t="s">
        <v>1518</v>
      </c>
      <c r="J13896" s="5" t="s">
        <v>40939</v>
      </c>
      <c r="K13896" s="2" t="s">
        <v>40940</v>
      </c>
      <c r="L13896" s="5" t="s">
        <v>40939</v>
      </c>
      <c r="M13896" s="2" t="s">
        <v>40940</v>
      </c>
      <c r="N13896" s="5" t="s">
        <v>36266</v>
      </c>
      <c r="O13896" s="5" t="s">
        <v>38</v>
      </c>
      <c r="P13896" s="5" t="s">
        <v>39</v>
      </c>
      <c r="Q13896" s="5" t="s">
        <v>40</v>
      </c>
      <c r="R13896" s="5" t="s">
        <v>1522</v>
      </c>
      <c r="S13896" s="5" t="s">
        <v>1523</v>
      </c>
      <c r="T13896" s="5" t="s">
        <v>42</v>
      </c>
      <c r="U13896" s="2">
        <v>1.31</v>
      </c>
      <c r="V13896" s="2">
        <v>0.81</v>
      </c>
      <c r="W13896" s="2">
        <v>1.4999999999999999E-2</v>
      </c>
      <c r="X13896" s="2">
        <v>118.9</v>
      </c>
      <c r="Y13896" s="2">
        <v>7.6</v>
      </c>
      <c r="Z13896" s="2">
        <v>16.7</v>
      </c>
      <c r="AA13896" s="5"/>
      <c r="AB13896" s="5" t="s">
        <v>43</v>
      </c>
      <c r="AC13896" s="5" t="s">
        <v>44</v>
      </c>
      <c r="AD13896" s="2"/>
      <c r="AE13896" s="1"/>
    </row>
    <row r="13897" spans="1:31" ht="14.45">
      <c r="A13897" s="11"/>
      <c r="B13897" s="20"/>
      <c r="C13897" s="2" t="s">
        <v>42642</v>
      </c>
      <c r="D13897" s="14" t="s">
        <v>42643</v>
      </c>
      <c r="E13897" s="2" t="s">
        <v>42644</v>
      </c>
      <c r="F13897" s="2" t="s">
        <v>41045</v>
      </c>
      <c r="G13897" s="8">
        <v>157</v>
      </c>
      <c r="H13897" s="5">
        <v>6</v>
      </c>
      <c r="I13897" s="5" t="s">
        <v>1518</v>
      </c>
      <c r="J13897" s="5" t="s">
        <v>40939</v>
      </c>
      <c r="K13897" s="2" t="s">
        <v>40940</v>
      </c>
      <c r="L13897" s="5" t="s">
        <v>40939</v>
      </c>
      <c r="M13897" s="2" t="s">
        <v>40940</v>
      </c>
      <c r="N13897" s="5" t="s">
        <v>36266</v>
      </c>
      <c r="O13897" s="5" t="s">
        <v>38</v>
      </c>
      <c r="P13897" s="5" t="s">
        <v>39</v>
      </c>
      <c r="Q13897" s="5" t="s">
        <v>40</v>
      </c>
      <c r="R13897" s="5" t="s">
        <v>1522</v>
      </c>
      <c r="S13897" s="5" t="s">
        <v>1523</v>
      </c>
      <c r="T13897" s="5" t="s">
        <v>42</v>
      </c>
      <c r="U13897" s="2">
        <v>1.3440000000000001</v>
      </c>
      <c r="V13897" s="2">
        <v>0.84399999999999997</v>
      </c>
      <c r="W13897" s="2">
        <v>1.4999999999999999E-2</v>
      </c>
      <c r="X13897" s="2">
        <v>118.9</v>
      </c>
      <c r="Y13897" s="2">
        <v>7.6</v>
      </c>
      <c r="Z13897" s="2">
        <v>16.7</v>
      </c>
      <c r="AA13897" s="5"/>
      <c r="AB13897" s="5" t="s">
        <v>43</v>
      </c>
      <c r="AC13897" s="5" t="s">
        <v>44</v>
      </c>
      <c r="AD13897" s="2"/>
      <c r="AE13897" s="1"/>
    </row>
    <row r="13898" spans="1:31" ht="14.45">
      <c r="A13898" s="11"/>
      <c r="B13898" s="20"/>
      <c r="C13898" s="2" t="s">
        <v>42645</v>
      </c>
      <c r="D13898" s="14" t="s">
        <v>42646</v>
      </c>
      <c r="E13898" s="2" t="s">
        <v>42647</v>
      </c>
      <c r="F13898" s="2" t="s">
        <v>41049</v>
      </c>
      <c r="G13898" s="8">
        <v>157</v>
      </c>
      <c r="H13898" s="5">
        <v>6</v>
      </c>
      <c r="I13898" s="5" t="s">
        <v>1518</v>
      </c>
      <c r="J13898" s="5" t="s">
        <v>40939</v>
      </c>
      <c r="K13898" s="2" t="s">
        <v>40940</v>
      </c>
      <c r="L13898" s="5" t="s">
        <v>40939</v>
      </c>
      <c r="M13898" s="2" t="s">
        <v>40940</v>
      </c>
      <c r="N13898" s="5" t="s">
        <v>36266</v>
      </c>
      <c r="O13898" s="5" t="s">
        <v>38</v>
      </c>
      <c r="P13898" s="5" t="s">
        <v>39</v>
      </c>
      <c r="Q13898" s="5" t="s">
        <v>40</v>
      </c>
      <c r="R13898" s="5" t="s">
        <v>1522</v>
      </c>
      <c r="S13898" s="5" t="s">
        <v>1523</v>
      </c>
      <c r="T13898" s="5" t="s">
        <v>42</v>
      </c>
      <c r="U13898" s="2">
        <v>1.353</v>
      </c>
      <c r="V13898" s="2">
        <v>0.85299999999999998</v>
      </c>
      <c r="W13898" s="2">
        <v>1.4999999999999999E-2</v>
      </c>
      <c r="X13898" s="2">
        <v>118.9</v>
      </c>
      <c r="Y13898" s="2">
        <v>7.6</v>
      </c>
      <c r="Z13898" s="2">
        <v>16.7</v>
      </c>
      <c r="AA13898" s="5"/>
      <c r="AB13898" s="5" t="s">
        <v>43</v>
      </c>
      <c r="AC13898" s="5" t="s">
        <v>44</v>
      </c>
      <c r="AD13898" s="2"/>
      <c r="AE13898" s="1"/>
    </row>
    <row r="13899" spans="1:31" ht="14.45">
      <c r="A13899" s="11"/>
      <c r="B13899" s="20"/>
      <c r="C13899" s="2" t="s">
        <v>42648</v>
      </c>
      <c r="D13899" s="14" t="s">
        <v>42649</v>
      </c>
      <c r="E13899" s="2" t="s">
        <v>42650</v>
      </c>
      <c r="F13899" s="2" t="s">
        <v>7204</v>
      </c>
      <c r="G13899" s="8">
        <v>141</v>
      </c>
      <c r="H13899" s="5">
        <v>6</v>
      </c>
      <c r="I13899" s="5" t="s">
        <v>1518</v>
      </c>
      <c r="J13899" s="5" t="s">
        <v>40939</v>
      </c>
      <c r="K13899" s="2" t="s">
        <v>40940</v>
      </c>
      <c r="L13899" s="5" t="s">
        <v>40939</v>
      </c>
      <c r="M13899" s="2" t="s">
        <v>40940</v>
      </c>
      <c r="N13899" s="5" t="s">
        <v>36266</v>
      </c>
      <c r="O13899" s="5" t="s">
        <v>38</v>
      </c>
      <c r="P13899" s="5" t="s">
        <v>39</v>
      </c>
      <c r="Q13899" s="5" t="s">
        <v>40</v>
      </c>
      <c r="R13899" s="5" t="s">
        <v>1522</v>
      </c>
      <c r="S13899" s="5" t="s">
        <v>1523</v>
      </c>
      <c r="T13899" s="5" t="s">
        <v>42</v>
      </c>
      <c r="U13899" s="2">
        <v>1.462</v>
      </c>
      <c r="V13899" s="2">
        <v>0.88600000000000001</v>
      </c>
      <c r="W13899" s="2">
        <v>1.7999999999999999E-2</v>
      </c>
      <c r="X13899" s="2">
        <v>139.1</v>
      </c>
      <c r="Y13899" s="2">
        <v>7.6</v>
      </c>
      <c r="Z13899" s="2">
        <v>16.7</v>
      </c>
      <c r="AA13899" s="5"/>
      <c r="AB13899" s="5" t="s">
        <v>43</v>
      </c>
      <c r="AC13899" s="5" t="s">
        <v>44</v>
      </c>
      <c r="AD13899" s="2"/>
      <c r="AE13899" s="1"/>
    </row>
    <row r="13900" spans="1:31" ht="14.45">
      <c r="A13900" s="11"/>
      <c r="B13900" s="20"/>
      <c r="C13900" s="2" t="s">
        <v>42651</v>
      </c>
      <c r="D13900" s="14" t="s">
        <v>42652</v>
      </c>
      <c r="E13900" s="2" t="s">
        <v>42653</v>
      </c>
      <c r="F13900" s="2" t="s">
        <v>7514</v>
      </c>
      <c r="G13900" s="8">
        <v>141</v>
      </c>
      <c r="H13900" s="5">
        <v>6</v>
      </c>
      <c r="I13900" s="5" t="s">
        <v>1518</v>
      </c>
      <c r="J13900" s="5" t="s">
        <v>40939</v>
      </c>
      <c r="K13900" s="2" t="s">
        <v>40940</v>
      </c>
      <c r="L13900" s="5" t="s">
        <v>40939</v>
      </c>
      <c r="M13900" s="2" t="s">
        <v>40940</v>
      </c>
      <c r="N13900" s="5" t="s">
        <v>36266</v>
      </c>
      <c r="O13900" s="5" t="s">
        <v>38</v>
      </c>
      <c r="P13900" s="5" t="s">
        <v>39</v>
      </c>
      <c r="Q13900" s="5" t="s">
        <v>40</v>
      </c>
      <c r="R13900" s="5" t="s">
        <v>1522</v>
      </c>
      <c r="S13900" s="5" t="s">
        <v>1523</v>
      </c>
      <c r="T13900" s="5" t="s">
        <v>42</v>
      </c>
      <c r="U13900" s="2">
        <v>1.47</v>
      </c>
      <c r="V13900" s="2">
        <v>0.89400000000000002</v>
      </c>
      <c r="W13900" s="2">
        <v>1.7999999999999999E-2</v>
      </c>
      <c r="X13900" s="2">
        <v>139.1</v>
      </c>
      <c r="Y13900" s="2">
        <v>7.6</v>
      </c>
      <c r="Z13900" s="2">
        <v>16.7</v>
      </c>
      <c r="AA13900" s="5"/>
      <c r="AB13900" s="5" t="s">
        <v>43</v>
      </c>
      <c r="AC13900" s="5" t="s">
        <v>44</v>
      </c>
      <c r="AD13900" s="2"/>
      <c r="AE13900" s="1"/>
    </row>
    <row r="13901" spans="1:31" ht="14.45">
      <c r="A13901" s="11"/>
      <c r="B13901" s="20"/>
      <c r="C13901" s="2" t="s">
        <v>42654</v>
      </c>
      <c r="D13901" s="14" t="s">
        <v>42655</v>
      </c>
      <c r="E13901" s="2" t="s">
        <v>42656</v>
      </c>
      <c r="F13901" s="2" t="s">
        <v>41221</v>
      </c>
      <c r="G13901" s="8">
        <v>162</v>
      </c>
      <c r="H13901" s="5">
        <v>6</v>
      </c>
      <c r="I13901" s="5" t="s">
        <v>1518</v>
      </c>
      <c r="J13901" s="5" t="s">
        <v>40939</v>
      </c>
      <c r="K13901" s="2" t="s">
        <v>40940</v>
      </c>
      <c r="L13901" s="5" t="s">
        <v>40939</v>
      </c>
      <c r="M13901" s="2" t="s">
        <v>40940</v>
      </c>
      <c r="N13901" s="5" t="s">
        <v>36266</v>
      </c>
      <c r="O13901" s="5" t="s">
        <v>38</v>
      </c>
      <c r="P13901" s="5" t="s">
        <v>39</v>
      </c>
      <c r="Q13901" s="5" t="s">
        <v>40</v>
      </c>
      <c r="R13901" s="5" t="s">
        <v>1522</v>
      </c>
      <c r="S13901" s="5" t="s">
        <v>1523</v>
      </c>
      <c r="T13901" s="5" t="s">
        <v>42</v>
      </c>
      <c r="U13901" s="2">
        <v>1.4790000000000001</v>
      </c>
      <c r="V13901" s="2">
        <v>0.90300000000000002</v>
      </c>
      <c r="W13901" s="2">
        <v>1.7999999999999999E-2</v>
      </c>
      <c r="X13901" s="2">
        <v>139.1</v>
      </c>
      <c r="Y13901" s="2">
        <v>7.6</v>
      </c>
      <c r="Z13901" s="2">
        <v>16.7</v>
      </c>
      <c r="AA13901" s="5"/>
      <c r="AB13901" s="5" t="s">
        <v>43</v>
      </c>
      <c r="AC13901" s="5" t="s">
        <v>44</v>
      </c>
      <c r="AD13901" s="2"/>
      <c r="AE13901" s="1"/>
    </row>
    <row r="13902" spans="1:31" ht="14.45">
      <c r="A13902" s="11"/>
      <c r="B13902" s="20"/>
      <c r="C13902" s="2" t="s">
        <v>42657</v>
      </c>
      <c r="D13902" s="14" t="s">
        <v>42658</v>
      </c>
      <c r="E13902" s="2" t="s">
        <v>42659</v>
      </c>
      <c r="F13902" s="2" t="s">
        <v>40951</v>
      </c>
      <c r="G13902" s="8">
        <v>162</v>
      </c>
      <c r="H13902" s="5">
        <v>6</v>
      </c>
      <c r="I13902" s="5" t="s">
        <v>1518</v>
      </c>
      <c r="J13902" s="5" t="s">
        <v>40939</v>
      </c>
      <c r="K13902" s="2" t="s">
        <v>40940</v>
      </c>
      <c r="L13902" s="5" t="s">
        <v>40939</v>
      </c>
      <c r="M13902" s="2" t="s">
        <v>40940</v>
      </c>
      <c r="N13902" s="5" t="s">
        <v>36266</v>
      </c>
      <c r="O13902" s="5" t="s">
        <v>38</v>
      </c>
      <c r="P13902" s="5" t="s">
        <v>39</v>
      </c>
      <c r="Q13902" s="5" t="s">
        <v>40</v>
      </c>
      <c r="R13902" s="5" t="s">
        <v>1522</v>
      </c>
      <c r="S13902" s="5" t="s">
        <v>1523</v>
      </c>
      <c r="T13902" s="5" t="s">
        <v>42</v>
      </c>
      <c r="U13902" s="2">
        <v>1.4870000000000001</v>
      </c>
      <c r="V13902" s="2">
        <v>0.91100000000000003</v>
      </c>
      <c r="W13902" s="2">
        <v>1.7999999999999999E-2</v>
      </c>
      <c r="X13902" s="2">
        <v>139.1</v>
      </c>
      <c r="Y13902" s="2">
        <v>7.6</v>
      </c>
      <c r="Z13902" s="2">
        <v>16.7</v>
      </c>
      <c r="AA13902" s="5"/>
      <c r="AB13902" s="5" t="s">
        <v>43</v>
      </c>
      <c r="AC13902" s="5" t="s">
        <v>44</v>
      </c>
      <c r="AD13902" s="2"/>
      <c r="AE13902" s="1"/>
    </row>
    <row r="13903" spans="1:31" ht="14.45">
      <c r="A13903" s="11"/>
      <c r="B13903" s="20"/>
      <c r="C13903" s="2" t="s">
        <v>42660</v>
      </c>
      <c r="D13903" s="14" t="s">
        <v>42661</v>
      </c>
      <c r="E13903" s="2" t="s">
        <v>42662</v>
      </c>
      <c r="F13903" s="2" t="s">
        <v>7208</v>
      </c>
      <c r="G13903" s="8">
        <v>141</v>
      </c>
      <c r="H13903" s="5">
        <v>6</v>
      </c>
      <c r="I13903" s="5" t="s">
        <v>1518</v>
      </c>
      <c r="J13903" s="5" t="s">
        <v>40939</v>
      </c>
      <c r="K13903" s="2" t="s">
        <v>40940</v>
      </c>
      <c r="L13903" s="5" t="s">
        <v>40939</v>
      </c>
      <c r="M13903" s="2" t="s">
        <v>40940</v>
      </c>
      <c r="N13903" s="5" t="s">
        <v>36266</v>
      </c>
      <c r="O13903" s="5" t="s">
        <v>38</v>
      </c>
      <c r="P13903" s="5" t="s">
        <v>39</v>
      </c>
      <c r="Q13903" s="5" t="s">
        <v>40</v>
      </c>
      <c r="R13903" s="5" t="s">
        <v>1522</v>
      </c>
      <c r="S13903" s="5" t="s">
        <v>1523</v>
      </c>
      <c r="T13903" s="5" t="s">
        <v>42</v>
      </c>
      <c r="U13903" s="2">
        <v>1.4870000000000001</v>
      </c>
      <c r="V13903" s="2">
        <v>0.91100000000000003</v>
      </c>
      <c r="W13903" s="2">
        <v>1.7999999999999999E-2</v>
      </c>
      <c r="X13903" s="2">
        <v>139.1</v>
      </c>
      <c r="Y13903" s="2">
        <v>7.6</v>
      </c>
      <c r="Z13903" s="2">
        <v>16.7</v>
      </c>
      <c r="AA13903" s="5"/>
      <c r="AB13903" s="5" t="s">
        <v>43</v>
      </c>
      <c r="AC13903" s="5" t="s">
        <v>44</v>
      </c>
      <c r="AD13903" s="2"/>
      <c r="AE13903" s="1"/>
    </row>
    <row r="13904" spans="1:31" ht="14.45">
      <c r="A13904" s="11"/>
      <c r="B13904" s="20"/>
      <c r="C13904" s="2" t="s">
        <v>42663</v>
      </c>
      <c r="D13904" s="14" t="s">
        <v>42664</v>
      </c>
      <c r="E13904" s="2" t="s">
        <v>42665</v>
      </c>
      <c r="F13904" s="2" t="s">
        <v>7521</v>
      </c>
      <c r="G13904" s="8">
        <v>141</v>
      </c>
      <c r="H13904" s="5">
        <v>6</v>
      </c>
      <c r="I13904" s="5" t="s">
        <v>1518</v>
      </c>
      <c r="J13904" s="5" t="s">
        <v>40939</v>
      </c>
      <c r="K13904" s="2" t="s">
        <v>40940</v>
      </c>
      <c r="L13904" s="5" t="s">
        <v>40939</v>
      </c>
      <c r="M13904" s="2" t="s">
        <v>40940</v>
      </c>
      <c r="N13904" s="5" t="s">
        <v>36266</v>
      </c>
      <c r="O13904" s="5" t="s">
        <v>38</v>
      </c>
      <c r="P13904" s="5" t="s">
        <v>39</v>
      </c>
      <c r="Q13904" s="5" t="s">
        <v>40</v>
      </c>
      <c r="R13904" s="5" t="s">
        <v>1522</v>
      </c>
      <c r="S13904" s="5" t="s">
        <v>1523</v>
      </c>
      <c r="T13904" s="5" t="s">
        <v>42</v>
      </c>
      <c r="U13904" s="2">
        <v>1.4950000000000001</v>
      </c>
      <c r="V13904" s="2">
        <v>0.91900000000000004</v>
      </c>
      <c r="W13904" s="2">
        <v>1.7999999999999999E-2</v>
      </c>
      <c r="X13904" s="2">
        <v>139.1</v>
      </c>
      <c r="Y13904" s="2">
        <v>7.6</v>
      </c>
      <c r="Z13904" s="2">
        <v>16.7</v>
      </c>
      <c r="AA13904" s="5"/>
      <c r="AB13904" s="5" t="s">
        <v>43</v>
      </c>
      <c r="AC13904" s="5" t="s">
        <v>44</v>
      </c>
      <c r="AD13904" s="2"/>
      <c r="AE13904" s="1"/>
    </row>
    <row r="13905" spans="1:31" ht="14.45">
      <c r="A13905" s="11"/>
      <c r="B13905" s="20"/>
      <c r="C13905" s="2" t="s">
        <v>42666</v>
      </c>
      <c r="D13905" s="14" t="s">
        <v>42667</v>
      </c>
      <c r="E13905" s="2" t="s">
        <v>42668</v>
      </c>
      <c r="F13905" s="2" t="s">
        <v>36273</v>
      </c>
      <c r="G13905" s="8">
        <v>141</v>
      </c>
      <c r="H13905" s="5">
        <v>6</v>
      </c>
      <c r="I13905" s="5" t="s">
        <v>1518</v>
      </c>
      <c r="J13905" s="5" t="s">
        <v>40939</v>
      </c>
      <c r="K13905" s="2" t="s">
        <v>40940</v>
      </c>
      <c r="L13905" s="5" t="s">
        <v>40939</v>
      </c>
      <c r="M13905" s="2" t="s">
        <v>40940</v>
      </c>
      <c r="N13905" s="5" t="s">
        <v>36266</v>
      </c>
      <c r="O13905" s="5" t="s">
        <v>38</v>
      </c>
      <c r="P13905" s="5" t="s">
        <v>39</v>
      </c>
      <c r="Q13905" s="5" t="s">
        <v>40</v>
      </c>
      <c r="R13905" s="5" t="s">
        <v>1522</v>
      </c>
      <c r="S13905" s="5" t="s">
        <v>1523</v>
      </c>
      <c r="T13905" s="5" t="s">
        <v>42</v>
      </c>
      <c r="U13905" s="2">
        <v>1.504</v>
      </c>
      <c r="V13905" s="2">
        <v>0.92800000000000005</v>
      </c>
      <c r="W13905" s="2">
        <v>1.7999999999999999E-2</v>
      </c>
      <c r="X13905" s="2">
        <v>139.1</v>
      </c>
      <c r="Y13905" s="2">
        <v>7.6</v>
      </c>
      <c r="Z13905" s="2">
        <v>16.7</v>
      </c>
      <c r="AA13905" s="5"/>
      <c r="AB13905" s="5" t="s">
        <v>43</v>
      </c>
      <c r="AC13905" s="5" t="s">
        <v>44</v>
      </c>
      <c r="AD13905" s="2"/>
      <c r="AE13905" s="1"/>
    </row>
    <row r="13906" spans="1:31" ht="14.45">
      <c r="A13906" s="11"/>
      <c r="B13906" s="20"/>
      <c r="C13906" s="2" t="s">
        <v>42669</v>
      </c>
      <c r="D13906" s="14" t="s">
        <v>42670</v>
      </c>
      <c r="E13906" s="2" t="s">
        <v>42671</v>
      </c>
      <c r="F13906" s="2" t="s">
        <v>36277</v>
      </c>
      <c r="G13906" s="8">
        <v>141</v>
      </c>
      <c r="H13906" s="5">
        <v>6</v>
      </c>
      <c r="I13906" s="5" t="s">
        <v>1518</v>
      </c>
      <c r="J13906" s="5" t="s">
        <v>40939</v>
      </c>
      <c r="K13906" s="2" t="s">
        <v>40940</v>
      </c>
      <c r="L13906" s="5" t="s">
        <v>40939</v>
      </c>
      <c r="M13906" s="2" t="s">
        <v>40940</v>
      </c>
      <c r="N13906" s="5" t="s">
        <v>36266</v>
      </c>
      <c r="O13906" s="5" t="s">
        <v>38</v>
      </c>
      <c r="P13906" s="5" t="s">
        <v>39</v>
      </c>
      <c r="Q13906" s="5" t="s">
        <v>40</v>
      </c>
      <c r="R13906" s="5" t="s">
        <v>1522</v>
      </c>
      <c r="S13906" s="5" t="s">
        <v>1523</v>
      </c>
      <c r="T13906" s="5" t="s">
        <v>42</v>
      </c>
      <c r="U13906" s="2">
        <v>1.512</v>
      </c>
      <c r="V13906" s="2">
        <v>0.93600000000000005</v>
      </c>
      <c r="W13906" s="2">
        <v>1.7999999999999999E-2</v>
      </c>
      <c r="X13906" s="2">
        <v>139.1</v>
      </c>
      <c r="Y13906" s="2">
        <v>7.6</v>
      </c>
      <c r="Z13906" s="2">
        <v>16.7</v>
      </c>
      <c r="AA13906" s="5"/>
      <c r="AB13906" s="5" t="s">
        <v>43</v>
      </c>
      <c r="AC13906" s="5" t="s">
        <v>44</v>
      </c>
      <c r="AD13906" s="2"/>
      <c r="AE13906" s="1"/>
    </row>
    <row r="13907" spans="1:31" ht="14.45">
      <c r="A13907" s="11"/>
      <c r="B13907" s="20"/>
      <c r="C13907" s="2" t="s">
        <v>42672</v>
      </c>
      <c r="D13907" s="14" t="s">
        <v>42673</v>
      </c>
      <c r="E13907" s="2" t="s">
        <v>42674</v>
      </c>
      <c r="F13907" s="2" t="s">
        <v>40967</v>
      </c>
      <c r="G13907" s="8">
        <v>162</v>
      </c>
      <c r="H13907" s="5">
        <v>6</v>
      </c>
      <c r="I13907" s="5" t="s">
        <v>1518</v>
      </c>
      <c r="J13907" s="5" t="s">
        <v>40939</v>
      </c>
      <c r="K13907" s="2" t="s">
        <v>40940</v>
      </c>
      <c r="L13907" s="5" t="s">
        <v>40939</v>
      </c>
      <c r="M13907" s="2" t="s">
        <v>40940</v>
      </c>
      <c r="N13907" s="5" t="s">
        <v>36266</v>
      </c>
      <c r="O13907" s="5" t="s">
        <v>38</v>
      </c>
      <c r="P13907" s="5" t="s">
        <v>39</v>
      </c>
      <c r="Q13907" s="5" t="s">
        <v>40</v>
      </c>
      <c r="R13907" s="5" t="s">
        <v>1522</v>
      </c>
      <c r="S13907" s="5" t="s">
        <v>1523</v>
      </c>
      <c r="T13907" s="5" t="s">
        <v>42</v>
      </c>
      <c r="U13907" s="2">
        <v>1.4870000000000001</v>
      </c>
      <c r="V13907" s="2">
        <v>0.91100000000000003</v>
      </c>
      <c r="W13907" s="2">
        <v>1.7999999999999999E-2</v>
      </c>
      <c r="X13907" s="2">
        <v>139.1</v>
      </c>
      <c r="Y13907" s="2">
        <v>7.6</v>
      </c>
      <c r="Z13907" s="2">
        <v>16.7</v>
      </c>
      <c r="AA13907" s="5"/>
      <c r="AB13907" s="5" t="s">
        <v>43</v>
      </c>
      <c r="AC13907" s="5" t="s">
        <v>44</v>
      </c>
      <c r="AD13907" s="2"/>
      <c r="AE13907" s="1"/>
    </row>
    <row r="13908" spans="1:31" ht="14.45">
      <c r="A13908" s="11"/>
      <c r="B13908" s="20"/>
      <c r="C13908" s="2" t="s">
        <v>42675</v>
      </c>
      <c r="D13908" s="14" t="s">
        <v>42676</v>
      </c>
      <c r="E13908" s="2" t="s">
        <v>42677</v>
      </c>
      <c r="F13908" s="2" t="s">
        <v>40971</v>
      </c>
      <c r="G13908" s="8">
        <v>162</v>
      </c>
      <c r="H13908" s="5">
        <v>6</v>
      </c>
      <c r="I13908" s="5" t="s">
        <v>1518</v>
      </c>
      <c r="J13908" s="5" t="s">
        <v>40939</v>
      </c>
      <c r="K13908" s="2" t="s">
        <v>40940</v>
      </c>
      <c r="L13908" s="5" t="s">
        <v>40939</v>
      </c>
      <c r="M13908" s="2" t="s">
        <v>40940</v>
      </c>
      <c r="N13908" s="5" t="s">
        <v>36266</v>
      </c>
      <c r="O13908" s="5" t="s">
        <v>38</v>
      </c>
      <c r="P13908" s="5" t="s">
        <v>39</v>
      </c>
      <c r="Q13908" s="5" t="s">
        <v>40</v>
      </c>
      <c r="R13908" s="5" t="s">
        <v>1522</v>
      </c>
      <c r="S13908" s="5" t="s">
        <v>1523</v>
      </c>
      <c r="T13908" s="5" t="s">
        <v>42</v>
      </c>
      <c r="U13908" s="2">
        <v>1.4950000000000001</v>
      </c>
      <c r="V13908" s="2">
        <v>0.91900000000000004</v>
      </c>
      <c r="W13908" s="2">
        <v>1.7999999999999999E-2</v>
      </c>
      <c r="X13908" s="2">
        <v>139.1</v>
      </c>
      <c r="Y13908" s="2">
        <v>7.6</v>
      </c>
      <c r="Z13908" s="2">
        <v>16.7</v>
      </c>
      <c r="AA13908" s="5"/>
      <c r="AB13908" s="5" t="s">
        <v>43</v>
      </c>
      <c r="AC13908" s="5" t="s">
        <v>44</v>
      </c>
      <c r="AD13908" s="2"/>
      <c r="AE13908" s="1"/>
    </row>
    <row r="13909" spans="1:31" ht="14.45">
      <c r="A13909" s="11"/>
      <c r="B13909" s="20"/>
      <c r="C13909" s="2" t="s">
        <v>42678</v>
      </c>
      <c r="D13909" s="14" t="s">
        <v>42679</v>
      </c>
      <c r="E13909" s="2" t="s">
        <v>42680</v>
      </c>
      <c r="F13909" s="2" t="s">
        <v>40975</v>
      </c>
      <c r="G13909" s="8">
        <v>162</v>
      </c>
      <c r="H13909" s="5">
        <v>6</v>
      </c>
      <c r="I13909" s="5" t="s">
        <v>1518</v>
      </c>
      <c r="J13909" s="5" t="s">
        <v>40939</v>
      </c>
      <c r="K13909" s="2" t="s">
        <v>40940</v>
      </c>
      <c r="L13909" s="5" t="s">
        <v>40939</v>
      </c>
      <c r="M13909" s="2" t="s">
        <v>40940</v>
      </c>
      <c r="N13909" s="5" t="s">
        <v>36266</v>
      </c>
      <c r="O13909" s="5" t="s">
        <v>38</v>
      </c>
      <c r="P13909" s="5" t="s">
        <v>39</v>
      </c>
      <c r="Q13909" s="5" t="s">
        <v>40</v>
      </c>
      <c r="R13909" s="5" t="s">
        <v>1522</v>
      </c>
      <c r="S13909" s="5" t="s">
        <v>1523</v>
      </c>
      <c r="T13909" s="5" t="s">
        <v>42</v>
      </c>
      <c r="U13909" s="2">
        <v>1.4870000000000001</v>
      </c>
      <c r="V13909" s="2">
        <v>0.91100000000000003</v>
      </c>
      <c r="W13909" s="2">
        <v>1.7999999999999999E-2</v>
      </c>
      <c r="X13909" s="2">
        <v>139.1</v>
      </c>
      <c r="Y13909" s="2">
        <v>7.6</v>
      </c>
      <c r="Z13909" s="2">
        <v>16.7</v>
      </c>
      <c r="AA13909" s="5"/>
      <c r="AB13909" s="5" t="s">
        <v>43</v>
      </c>
      <c r="AC13909" s="5" t="s">
        <v>44</v>
      </c>
      <c r="AD13909" s="2"/>
      <c r="AE13909" s="1"/>
    </row>
    <row r="13910" spans="1:31" ht="14.45">
      <c r="A13910" s="11"/>
      <c r="B13910" s="20"/>
      <c r="C13910" s="2" t="s">
        <v>42681</v>
      </c>
      <c r="D13910" s="14" t="s">
        <v>42682</v>
      </c>
      <c r="E13910" s="2" t="s">
        <v>42683</v>
      </c>
      <c r="F13910" s="2" t="s">
        <v>40979</v>
      </c>
      <c r="G13910" s="8">
        <v>162</v>
      </c>
      <c r="H13910" s="5">
        <v>6</v>
      </c>
      <c r="I13910" s="5" t="s">
        <v>1518</v>
      </c>
      <c r="J13910" s="5" t="s">
        <v>40939</v>
      </c>
      <c r="K13910" s="2" t="s">
        <v>40940</v>
      </c>
      <c r="L13910" s="5" t="s">
        <v>40939</v>
      </c>
      <c r="M13910" s="2" t="s">
        <v>40940</v>
      </c>
      <c r="N13910" s="5" t="s">
        <v>36266</v>
      </c>
      <c r="O13910" s="5" t="s">
        <v>38</v>
      </c>
      <c r="P13910" s="5" t="s">
        <v>39</v>
      </c>
      <c r="Q13910" s="5" t="s">
        <v>40</v>
      </c>
      <c r="R13910" s="5" t="s">
        <v>1522</v>
      </c>
      <c r="S13910" s="5" t="s">
        <v>1523</v>
      </c>
      <c r="T13910" s="5" t="s">
        <v>42</v>
      </c>
      <c r="U13910" s="2">
        <v>1.4950000000000001</v>
      </c>
      <c r="V13910" s="2">
        <v>0.91900000000000004</v>
      </c>
      <c r="W13910" s="2">
        <v>1.7999999999999999E-2</v>
      </c>
      <c r="X13910" s="2">
        <v>139.1</v>
      </c>
      <c r="Y13910" s="2">
        <v>7.6</v>
      </c>
      <c r="Z13910" s="2">
        <v>16.7</v>
      </c>
      <c r="AA13910" s="5"/>
      <c r="AB13910" s="5" t="s">
        <v>43</v>
      </c>
      <c r="AC13910" s="5" t="s">
        <v>44</v>
      </c>
      <c r="AD13910" s="2"/>
      <c r="AE13910" s="1"/>
    </row>
    <row r="13911" spans="1:31" ht="14.45">
      <c r="A13911" s="11"/>
      <c r="B13911" s="20"/>
      <c r="C13911" s="2" t="s">
        <v>42684</v>
      </c>
      <c r="D13911" s="14" t="s">
        <v>42685</v>
      </c>
      <c r="E13911" s="2" t="s">
        <v>42686</v>
      </c>
      <c r="F13911" s="2" t="s">
        <v>7539</v>
      </c>
      <c r="G13911" s="8">
        <v>162</v>
      </c>
      <c r="H13911" s="5">
        <v>6</v>
      </c>
      <c r="I13911" s="5" t="s">
        <v>1518</v>
      </c>
      <c r="J13911" s="5" t="s">
        <v>40939</v>
      </c>
      <c r="K13911" s="2" t="s">
        <v>40940</v>
      </c>
      <c r="L13911" s="5" t="s">
        <v>40939</v>
      </c>
      <c r="M13911" s="2" t="s">
        <v>40940</v>
      </c>
      <c r="N13911" s="5" t="s">
        <v>36266</v>
      </c>
      <c r="O13911" s="5" t="s">
        <v>38</v>
      </c>
      <c r="P13911" s="5" t="s">
        <v>39</v>
      </c>
      <c r="Q13911" s="5" t="s">
        <v>40</v>
      </c>
      <c r="R13911" s="5" t="s">
        <v>1522</v>
      </c>
      <c r="S13911" s="5" t="s">
        <v>1523</v>
      </c>
      <c r="T13911" s="5" t="s">
        <v>42</v>
      </c>
      <c r="U13911" s="2">
        <v>1.446</v>
      </c>
      <c r="V13911" s="2">
        <v>0.87</v>
      </c>
      <c r="W13911" s="2">
        <v>1.7999999999999999E-2</v>
      </c>
      <c r="X13911" s="2">
        <v>139.1</v>
      </c>
      <c r="Y13911" s="2">
        <v>7.6</v>
      </c>
      <c r="Z13911" s="2">
        <v>16.7</v>
      </c>
      <c r="AA13911" s="5"/>
      <c r="AB13911" s="5" t="s">
        <v>43</v>
      </c>
      <c r="AC13911" s="5" t="s">
        <v>44</v>
      </c>
      <c r="AD13911" s="2"/>
      <c r="AE13911" s="1"/>
    </row>
    <row r="13912" spans="1:31" ht="14.45">
      <c r="A13912" s="11"/>
      <c r="B13912" s="20"/>
      <c r="C13912" s="2" t="s">
        <v>42687</v>
      </c>
      <c r="D13912" s="14" t="s">
        <v>42688</v>
      </c>
      <c r="E13912" s="2" t="s">
        <v>42689</v>
      </c>
      <c r="F13912" s="2" t="s">
        <v>7543</v>
      </c>
      <c r="G13912" s="8">
        <v>162</v>
      </c>
      <c r="H13912" s="5">
        <v>6</v>
      </c>
      <c r="I13912" s="5" t="s">
        <v>1518</v>
      </c>
      <c r="J13912" s="5" t="s">
        <v>40939</v>
      </c>
      <c r="K13912" s="2" t="s">
        <v>40940</v>
      </c>
      <c r="L13912" s="5" t="s">
        <v>40939</v>
      </c>
      <c r="M13912" s="2" t="s">
        <v>40940</v>
      </c>
      <c r="N13912" s="5" t="s">
        <v>36266</v>
      </c>
      <c r="O13912" s="5" t="s">
        <v>38</v>
      </c>
      <c r="P13912" s="5" t="s">
        <v>39</v>
      </c>
      <c r="Q13912" s="5" t="s">
        <v>40</v>
      </c>
      <c r="R13912" s="5" t="s">
        <v>1522</v>
      </c>
      <c r="S13912" s="5" t="s">
        <v>1523</v>
      </c>
      <c r="T13912" s="5" t="s">
        <v>42</v>
      </c>
      <c r="U13912" s="2">
        <v>1.454</v>
      </c>
      <c r="V13912" s="2">
        <v>0.878</v>
      </c>
      <c r="W13912" s="2">
        <v>1.7999999999999999E-2</v>
      </c>
      <c r="X13912" s="2">
        <v>139.1</v>
      </c>
      <c r="Y13912" s="2">
        <v>7.6</v>
      </c>
      <c r="Z13912" s="2">
        <v>16.7</v>
      </c>
      <c r="AA13912" s="5"/>
      <c r="AB13912" s="5" t="s">
        <v>43</v>
      </c>
      <c r="AC13912" s="5" t="s">
        <v>44</v>
      </c>
      <c r="AD13912" s="2"/>
      <c r="AE13912" s="1"/>
    </row>
    <row r="13913" spans="1:31" ht="14.45">
      <c r="A13913" s="11"/>
      <c r="B13913" s="20"/>
      <c r="C13913" s="2" t="s">
        <v>42690</v>
      </c>
      <c r="D13913" s="14" t="s">
        <v>42691</v>
      </c>
      <c r="E13913" s="2" t="s">
        <v>42692</v>
      </c>
      <c r="F13913" s="2" t="s">
        <v>40989</v>
      </c>
      <c r="G13913" s="8">
        <v>162</v>
      </c>
      <c r="H13913" s="5">
        <v>6</v>
      </c>
      <c r="I13913" s="5" t="s">
        <v>1518</v>
      </c>
      <c r="J13913" s="5" t="s">
        <v>40939</v>
      </c>
      <c r="K13913" s="2" t="s">
        <v>40940</v>
      </c>
      <c r="L13913" s="5" t="s">
        <v>40939</v>
      </c>
      <c r="M13913" s="2" t="s">
        <v>40940</v>
      </c>
      <c r="N13913" s="5" t="s">
        <v>36266</v>
      </c>
      <c r="O13913" s="5" t="s">
        <v>38</v>
      </c>
      <c r="P13913" s="5" t="s">
        <v>39</v>
      </c>
      <c r="Q13913" s="5" t="s">
        <v>40</v>
      </c>
      <c r="R13913" s="5" t="s">
        <v>1522</v>
      </c>
      <c r="S13913" s="5" t="s">
        <v>1523</v>
      </c>
      <c r="T13913" s="5" t="s">
        <v>42</v>
      </c>
      <c r="U13913" s="2">
        <v>1.4870000000000001</v>
      </c>
      <c r="V13913" s="2">
        <v>0.91100000000000003</v>
      </c>
      <c r="W13913" s="2">
        <v>1.7999999999999999E-2</v>
      </c>
      <c r="X13913" s="2">
        <v>139.1</v>
      </c>
      <c r="Y13913" s="2">
        <v>7.6</v>
      </c>
      <c r="Z13913" s="2">
        <v>16.7</v>
      </c>
      <c r="AA13913" s="5"/>
      <c r="AB13913" s="5" t="s">
        <v>43</v>
      </c>
      <c r="AC13913" s="5" t="s">
        <v>44</v>
      </c>
      <c r="AD13913" s="2"/>
      <c r="AE13913" s="1"/>
    </row>
    <row r="13914" spans="1:31" ht="14.45">
      <c r="A13914" s="11"/>
      <c r="B13914" s="20"/>
      <c r="C13914" s="2" t="s">
        <v>42693</v>
      </c>
      <c r="D13914" s="14" t="s">
        <v>42694</v>
      </c>
      <c r="E13914" s="2" t="s">
        <v>42695</v>
      </c>
      <c r="F13914" s="2" t="s">
        <v>40993</v>
      </c>
      <c r="G13914" s="8">
        <v>162</v>
      </c>
      <c r="H13914" s="5">
        <v>6</v>
      </c>
      <c r="I13914" s="5" t="s">
        <v>1518</v>
      </c>
      <c r="J13914" s="5" t="s">
        <v>40939</v>
      </c>
      <c r="K13914" s="2" t="s">
        <v>40940</v>
      </c>
      <c r="L13914" s="5" t="s">
        <v>40939</v>
      </c>
      <c r="M13914" s="2" t="s">
        <v>40940</v>
      </c>
      <c r="N13914" s="5" t="s">
        <v>36266</v>
      </c>
      <c r="O13914" s="5" t="s">
        <v>38</v>
      </c>
      <c r="P13914" s="5" t="s">
        <v>39</v>
      </c>
      <c r="Q13914" s="5" t="s">
        <v>40</v>
      </c>
      <c r="R13914" s="5" t="s">
        <v>1522</v>
      </c>
      <c r="S13914" s="5" t="s">
        <v>1523</v>
      </c>
      <c r="T13914" s="5" t="s">
        <v>42</v>
      </c>
      <c r="U13914" s="2">
        <v>1.4950000000000001</v>
      </c>
      <c r="V13914" s="2">
        <v>0.91900000000000004</v>
      </c>
      <c r="W13914" s="2">
        <v>1.7999999999999999E-2</v>
      </c>
      <c r="X13914" s="2">
        <v>139.1</v>
      </c>
      <c r="Y13914" s="2">
        <v>7.6</v>
      </c>
      <c r="Z13914" s="2">
        <v>16.7</v>
      </c>
      <c r="AA13914" s="5"/>
      <c r="AB13914" s="5" t="s">
        <v>43</v>
      </c>
      <c r="AC13914" s="5" t="s">
        <v>44</v>
      </c>
      <c r="AD13914" s="2"/>
      <c r="AE13914" s="1"/>
    </row>
    <row r="13915" spans="1:31" ht="14.45">
      <c r="A13915" s="11"/>
      <c r="B13915" s="20"/>
      <c r="C13915" s="2" t="s">
        <v>42696</v>
      </c>
      <c r="D13915" s="14" t="s">
        <v>42697</v>
      </c>
      <c r="E13915" s="2" t="s">
        <v>42698</v>
      </c>
      <c r="F13915" s="2" t="s">
        <v>40997</v>
      </c>
      <c r="G13915" s="8">
        <v>162</v>
      </c>
      <c r="H13915" s="5">
        <v>6</v>
      </c>
      <c r="I13915" s="5" t="s">
        <v>1518</v>
      </c>
      <c r="J13915" s="5" t="s">
        <v>40939</v>
      </c>
      <c r="K13915" s="2" t="s">
        <v>40940</v>
      </c>
      <c r="L13915" s="5" t="s">
        <v>40939</v>
      </c>
      <c r="M13915" s="2" t="s">
        <v>40940</v>
      </c>
      <c r="N13915" s="5" t="s">
        <v>36266</v>
      </c>
      <c r="O13915" s="5" t="s">
        <v>38</v>
      </c>
      <c r="P13915" s="5" t="s">
        <v>39</v>
      </c>
      <c r="Q13915" s="5" t="s">
        <v>40</v>
      </c>
      <c r="R13915" s="5" t="s">
        <v>1522</v>
      </c>
      <c r="S13915" s="5" t="s">
        <v>1523</v>
      </c>
      <c r="T13915" s="5" t="s">
        <v>42</v>
      </c>
      <c r="U13915" s="2">
        <v>1.454</v>
      </c>
      <c r="V13915" s="2">
        <v>0.878</v>
      </c>
      <c r="W13915" s="2">
        <v>1.7999999999999999E-2</v>
      </c>
      <c r="X13915" s="2">
        <v>139.1</v>
      </c>
      <c r="Y13915" s="2">
        <v>7.6</v>
      </c>
      <c r="Z13915" s="2">
        <v>16.7</v>
      </c>
      <c r="AA13915" s="5"/>
      <c r="AB13915" s="5" t="s">
        <v>43</v>
      </c>
      <c r="AC13915" s="5" t="s">
        <v>44</v>
      </c>
      <c r="AD13915" s="2"/>
      <c r="AE13915" s="1"/>
    </row>
    <row r="13916" spans="1:31" ht="14.45">
      <c r="A13916" s="11"/>
      <c r="B13916" s="20"/>
      <c r="C13916" s="2" t="s">
        <v>42699</v>
      </c>
      <c r="D13916" s="14" t="s">
        <v>42700</v>
      </c>
      <c r="E13916" s="2" t="s">
        <v>42701</v>
      </c>
      <c r="F13916" s="2" t="s">
        <v>41267</v>
      </c>
      <c r="G13916" s="8">
        <v>162</v>
      </c>
      <c r="H13916" s="5">
        <v>6</v>
      </c>
      <c r="I13916" s="5" t="s">
        <v>1518</v>
      </c>
      <c r="J13916" s="5" t="s">
        <v>40939</v>
      </c>
      <c r="K13916" s="2" t="s">
        <v>40940</v>
      </c>
      <c r="L13916" s="5" t="s">
        <v>40939</v>
      </c>
      <c r="M13916" s="2" t="s">
        <v>40940</v>
      </c>
      <c r="N13916" s="5" t="s">
        <v>36266</v>
      </c>
      <c r="O13916" s="5" t="s">
        <v>38</v>
      </c>
      <c r="P13916" s="5" t="s">
        <v>39</v>
      </c>
      <c r="Q13916" s="5" t="s">
        <v>40</v>
      </c>
      <c r="R13916" s="5" t="s">
        <v>1522</v>
      </c>
      <c r="S13916" s="5" t="s">
        <v>1523</v>
      </c>
      <c r="T13916" s="5" t="s">
        <v>42</v>
      </c>
      <c r="U13916" s="2">
        <v>1.462</v>
      </c>
      <c r="V13916" s="2">
        <v>0.88600000000000001</v>
      </c>
      <c r="W13916" s="2">
        <v>1.7999999999999999E-2</v>
      </c>
      <c r="X13916" s="2">
        <v>139.1</v>
      </c>
      <c r="Y13916" s="2">
        <v>7.6</v>
      </c>
      <c r="Z13916" s="2">
        <v>16.7</v>
      </c>
      <c r="AA13916" s="5"/>
      <c r="AB13916" s="5" t="s">
        <v>43</v>
      </c>
      <c r="AC13916" s="5" t="s">
        <v>44</v>
      </c>
      <c r="AD13916" s="2"/>
      <c r="AE13916" s="1"/>
    </row>
    <row r="13917" spans="1:31" ht="14.45">
      <c r="A13917" s="11"/>
      <c r="B13917" s="20"/>
      <c r="C13917" s="2" t="s">
        <v>42702</v>
      </c>
      <c r="D13917" s="14" t="s">
        <v>42703</v>
      </c>
      <c r="E13917" s="2" t="s">
        <v>42704</v>
      </c>
      <c r="F13917" s="2" t="s">
        <v>41001</v>
      </c>
      <c r="G13917" s="8">
        <v>162</v>
      </c>
      <c r="H13917" s="5">
        <v>6</v>
      </c>
      <c r="I13917" s="5" t="s">
        <v>1518</v>
      </c>
      <c r="J13917" s="5" t="s">
        <v>40939</v>
      </c>
      <c r="K13917" s="2" t="s">
        <v>40940</v>
      </c>
      <c r="L13917" s="5" t="s">
        <v>40939</v>
      </c>
      <c r="M13917" s="2" t="s">
        <v>40940</v>
      </c>
      <c r="N13917" s="5" t="s">
        <v>36266</v>
      </c>
      <c r="O13917" s="5" t="s">
        <v>38</v>
      </c>
      <c r="P13917" s="5" t="s">
        <v>39</v>
      </c>
      <c r="Q13917" s="5" t="s">
        <v>40</v>
      </c>
      <c r="R13917" s="5" t="s">
        <v>1522</v>
      </c>
      <c r="S13917" s="5" t="s">
        <v>1523</v>
      </c>
      <c r="T13917" s="5" t="s">
        <v>42</v>
      </c>
      <c r="U13917" s="2">
        <v>1.4870000000000001</v>
      </c>
      <c r="V13917" s="2">
        <v>0.91100000000000003</v>
      </c>
      <c r="W13917" s="2">
        <v>1.7999999999999999E-2</v>
      </c>
      <c r="X13917" s="2">
        <v>139.1</v>
      </c>
      <c r="Y13917" s="2">
        <v>7.6</v>
      </c>
      <c r="Z13917" s="2">
        <v>16.7</v>
      </c>
      <c r="AA13917" s="5"/>
      <c r="AB13917" s="5" t="s">
        <v>43</v>
      </c>
      <c r="AC13917" s="5" t="s">
        <v>44</v>
      </c>
      <c r="AD13917" s="2"/>
      <c r="AE13917" s="1"/>
    </row>
    <row r="13918" spans="1:31" ht="14.45">
      <c r="A13918" s="11"/>
      <c r="B13918" s="20"/>
      <c r="C13918" s="2" t="s">
        <v>42705</v>
      </c>
      <c r="D13918" s="14" t="s">
        <v>42706</v>
      </c>
      <c r="E13918" s="2" t="s">
        <v>42707</v>
      </c>
      <c r="F13918" s="2" t="s">
        <v>41005</v>
      </c>
      <c r="G13918" s="8">
        <v>162</v>
      </c>
      <c r="H13918" s="5">
        <v>6</v>
      </c>
      <c r="I13918" s="5" t="s">
        <v>1518</v>
      </c>
      <c r="J13918" s="5" t="s">
        <v>40939</v>
      </c>
      <c r="K13918" s="2" t="s">
        <v>40940</v>
      </c>
      <c r="L13918" s="5" t="s">
        <v>40939</v>
      </c>
      <c r="M13918" s="2" t="s">
        <v>40940</v>
      </c>
      <c r="N13918" s="5" t="s">
        <v>36266</v>
      </c>
      <c r="O13918" s="5" t="s">
        <v>38</v>
      </c>
      <c r="P13918" s="5" t="s">
        <v>39</v>
      </c>
      <c r="Q13918" s="5" t="s">
        <v>40</v>
      </c>
      <c r="R13918" s="5" t="s">
        <v>1522</v>
      </c>
      <c r="S13918" s="5" t="s">
        <v>1523</v>
      </c>
      <c r="T13918" s="5" t="s">
        <v>42</v>
      </c>
      <c r="U13918" s="2">
        <v>1.4950000000000001</v>
      </c>
      <c r="V13918" s="2">
        <v>0.91900000000000004</v>
      </c>
      <c r="W13918" s="2">
        <v>1.7999999999999999E-2</v>
      </c>
      <c r="X13918" s="2">
        <v>139.1</v>
      </c>
      <c r="Y13918" s="2">
        <v>7.6</v>
      </c>
      <c r="Z13918" s="2">
        <v>16.7</v>
      </c>
      <c r="AA13918" s="5"/>
      <c r="AB13918" s="5" t="s">
        <v>43</v>
      </c>
      <c r="AC13918" s="5" t="s">
        <v>44</v>
      </c>
      <c r="AD13918" s="2"/>
      <c r="AE13918" s="1"/>
    </row>
    <row r="13919" spans="1:31" ht="14.45">
      <c r="A13919" s="11"/>
      <c r="B13919" s="20"/>
      <c r="C13919" s="2" t="s">
        <v>42708</v>
      </c>
      <c r="D13919" s="14" t="s">
        <v>42709</v>
      </c>
      <c r="E13919" s="2" t="s">
        <v>42710</v>
      </c>
      <c r="F13919" s="2" t="s">
        <v>41009</v>
      </c>
      <c r="G13919" s="8">
        <v>162</v>
      </c>
      <c r="H13919" s="5">
        <v>6</v>
      </c>
      <c r="I13919" s="5" t="s">
        <v>1518</v>
      </c>
      <c r="J13919" s="5" t="s">
        <v>40939</v>
      </c>
      <c r="K13919" s="2" t="s">
        <v>40940</v>
      </c>
      <c r="L13919" s="5" t="s">
        <v>40939</v>
      </c>
      <c r="M13919" s="2" t="s">
        <v>40940</v>
      </c>
      <c r="N13919" s="5" t="s">
        <v>36266</v>
      </c>
      <c r="O13919" s="5" t="s">
        <v>38</v>
      </c>
      <c r="P13919" s="5" t="s">
        <v>39</v>
      </c>
      <c r="Q13919" s="5" t="s">
        <v>40</v>
      </c>
      <c r="R13919" s="5" t="s">
        <v>1522</v>
      </c>
      <c r="S13919" s="5" t="s">
        <v>1523</v>
      </c>
      <c r="T13919" s="5" t="s">
        <v>42</v>
      </c>
      <c r="U13919" s="2">
        <v>1.4950000000000001</v>
      </c>
      <c r="V13919" s="2">
        <v>0.91900000000000004</v>
      </c>
      <c r="W13919" s="2">
        <v>1.7999999999999999E-2</v>
      </c>
      <c r="X13919" s="2">
        <v>139.1</v>
      </c>
      <c r="Y13919" s="2">
        <v>7.6</v>
      </c>
      <c r="Z13919" s="2">
        <v>16.7</v>
      </c>
      <c r="AA13919" s="5"/>
      <c r="AB13919" s="5" t="s">
        <v>43</v>
      </c>
      <c r="AC13919" s="5" t="s">
        <v>44</v>
      </c>
      <c r="AD13919" s="2"/>
      <c r="AE13919" s="1"/>
    </row>
    <row r="13920" spans="1:31" ht="14.45">
      <c r="A13920" s="11"/>
      <c r="B13920" s="20"/>
      <c r="C13920" s="2" t="s">
        <v>42711</v>
      </c>
      <c r="D13920" s="14" t="s">
        <v>42712</v>
      </c>
      <c r="E13920" s="2" t="s">
        <v>42713</v>
      </c>
      <c r="F13920" s="2" t="s">
        <v>41013</v>
      </c>
      <c r="G13920" s="8">
        <v>162</v>
      </c>
      <c r="H13920" s="5">
        <v>6</v>
      </c>
      <c r="I13920" s="5" t="s">
        <v>1518</v>
      </c>
      <c r="J13920" s="5" t="s">
        <v>40939</v>
      </c>
      <c r="K13920" s="2" t="s">
        <v>40940</v>
      </c>
      <c r="L13920" s="5" t="s">
        <v>40939</v>
      </c>
      <c r="M13920" s="2" t="s">
        <v>40940</v>
      </c>
      <c r="N13920" s="5" t="s">
        <v>36266</v>
      </c>
      <c r="O13920" s="5" t="s">
        <v>38</v>
      </c>
      <c r="P13920" s="5" t="s">
        <v>39</v>
      </c>
      <c r="Q13920" s="5" t="s">
        <v>40</v>
      </c>
      <c r="R13920" s="5" t="s">
        <v>1522</v>
      </c>
      <c r="S13920" s="5" t="s">
        <v>1523</v>
      </c>
      <c r="T13920" s="5" t="s">
        <v>42</v>
      </c>
      <c r="U13920" s="2">
        <v>1.5029999999999999</v>
      </c>
      <c r="V13920" s="2">
        <v>0.92700000000000005</v>
      </c>
      <c r="W13920" s="2">
        <v>1.7999999999999999E-2</v>
      </c>
      <c r="X13920" s="2">
        <v>139.1</v>
      </c>
      <c r="Y13920" s="2">
        <v>7.6</v>
      </c>
      <c r="Z13920" s="2">
        <v>16.7</v>
      </c>
      <c r="AA13920" s="5"/>
      <c r="AB13920" s="5" t="s">
        <v>43</v>
      </c>
      <c r="AC13920" s="5" t="s">
        <v>44</v>
      </c>
      <c r="AD13920" s="2"/>
      <c r="AE13920" s="1"/>
    </row>
    <row r="13921" spans="1:31" ht="14.45">
      <c r="A13921" s="11"/>
      <c r="B13921" s="20"/>
      <c r="C13921" s="2" t="s">
        <v>42714</v>
      </c>
      <c r="D13921" s="14" t="s">
        <v>42715</v>
      </c>
      <c r="E13921" s="2" t="s">
        <v>42716</v>
      </c>
      <c r="F13921" s="2" t="s">
        <v>7396</v>
      </c>
      <c r="G13921" s="8">
        <v>141</v>
      </c>
      <c r="H13921" s="5">
        <v>6</v>
      </c>
      <c r="I13921" s="5" t="s">
        <v>1518</v>
      </c>
      <c r="J13921" s="5" t="s">
        <v>40939</v>
      </c>
      <c r="K13921" s="2" t="s">
        <v>40940</v>
      </c>
      <c r="L13921" s="5" t="s">
        <v>40939</v>
      </c>
      <c r="M13921" s="2" t="s">
        <v>40940</v>
      </c>
      <c r="N13921" s="5" t="s">
        <v>36266</v>
      </c>
      <c r="O13921" s="5" t="s">
        <v>38</v>
      </c>
      <c r="P13921" s="5" t="s">
        <v>39</v>
      </c>
      <c r="Q13921" s="5" t="s">
        <v>40</v>
      </c>
      <c r="R13921" s="5" t="s">
        <v>1522</v>
      </c>
      <c r="S13921" s="5" t="s">
        <v>1523</v>
      </c>
      <c r="T13921" s="5" t="s">
        <v>42</v>
      </c>
      <c r="U13921" s="2">
        <v>1.4950000000000001</v>
      </c>
      <c r="V13921" s="2">
        <v>0.91900000000000004</v>
      </c>
      <c r="W13921" s="2">
        <v>1.7999999999999999E-2</v>
      </c>
      <c r="X13921" s="2">
        <v>139.1</v>
      </c>
      <c r="Y13921" s="2">
        <v>7.6</v>
      </c>
      <c r="Z13921" s="2">
        <v>16.7</v>
      </c>
      <c r="AA13921" s="5"/>
      <c r="AB13921" s="5" t="s">
        <v>43</v>
      </c>
      <c r="AC13921" s="5" t="s">
        <v>44</v>
      </c>
      <c r="AD13921" s="2"/>
      <c r="AE13921" s="1"/>
    </row>
    <row r="13922" spans="1:31" ht="14.45">
      <c r="A13922" s="11"/>
      <c r="B13922" s="20"/>
      <c r="C13922" s="2" t="s">
        <v>42717</v>
      </c>
      <c r="D13922" s="14" t="s">
        <v>42718</v>
      </c>
      <c r="E13922" s="2" t="s">
        <v>42719</v>
      </c>
      <c r="F13922" s="2" t="s">
        <v>7507</v>
      </c>
      <c r="G13922" s="8">
        <v>141</v>
      </c>
      <c r="H13922" s="5">
        <v>6</v>
      </c>
      <c r="I13922" s="5" t="s">
        <v>1518</v>
      </c>
      <c r="J13922" s="5" t="s">
        <v>40939</v>
      </c>
      <c r="K13922" s="2" t="s">
        <v>40940</v>
      </c>
      <c r="L13922" s="5" t="s">
        <v>40939</v>
      </c>
      <c r="M13922" s="2" t="s">
        <v>40940</v>
      </c>
      <c r="N13922" s="5" t="s">
        <v>36266</v>
      </c>
      <c r="O13922" s="5" t="s">
        <v>38</v>
      </c>
      <c r="P13922" s="5" t="s">
        <v>39</v>
      </c>
      <c r="Q13922" s="5" t="s">
        <v>40</v>
      </c>
      <c r="R13922" s="5" t="s">
        <v>1522</v>
      </c>
      <c r="S13922" s="5" t="s">
        <v>1523</v>
      </c>
      <c r="T13922" s="5" t="s">
        <v>42</v>
      </c>
      <c r="U13922" s="2">
        <v>1.5029999999999999</v>
      </c>
      <c r="V13922" s="2">
        <v>0.92700000000000005</v>
      </c>
      <c r="W13922" s="2">
        <v>1.7999999999999999E-2</v>
      </c>
      <c r="X13922" s="2">
        <v>139.1</v>
      </c>
      <c r="Y13922" s="2">
        <v>7.6</v>
      </c>
      <c r="Z13922" s="2">
        <v>16.7</v>
      </c>
      <c r="AA13922" s="5"/>
      <c r="AB13922" s="5" t="s">
        <v>43</v>
      </c>
      <c r="AC13922" s="5" t="s">
        <v>44</v>
      </c>
      <c r="AD13922" s="2"/>
      <c r="AE13922" s="1"/>
    </row>
    <row r="13923" spans="1:31" ht="14.45">
      <c r="A13923" s="11"/>
      <c r="B13923" s="20"/>
      <c r="C13923" s="2" t="s">
        <v>42720</v>
      </c>
      <c r="D13923" s="14" t="s">
        <v>42721</v>
      </c>
      <c r="E13923" s="2" t="s">
        <v>42722</v>
      </c>
      <c r="F13923" s="2" t="s">
        <v>41023</v>
      </c>
      <c r="G13923" s="8">
        <v>162</v>
      </c>
      <c r="H13923" s="5">
        <v>6</v>
      </c>
      <c r="I13923" s="5" t="s">
        <v>1518</v>
      </c>
      <c r="J13923" s="5" t="s">
        <v>40939</v>
      </c>
      <c r="K13923" s="2" t="s">
        <v>40940</v>
      </c>
      <c r="L13923" s="5" t="s">
        <v>40939</v>
      </c>
      <c r="M13923" s="2" t="s">
        <v>40940</v>
      </c>
      <c r="N13923" s="5" t="s">
        <v>36266</v>
      </c>
      <c r="O13923" s="5" t="s">
        <v>38</v>
      </c>
      <c r="P13923" s="5" t="s">
        <v>39</v>
      </c>
      <c r="Q13923" s="5" t="s">
        <v>40</v>
      </c>
      <c r="R13923" s="5" t="s">
        <v>1522</v>
      </c>
      <c r="S13923" s="5" t="s">
        <v>1523</v>
      </c>
      <c r="T13923" s="5" t="s">
        <v>42</v>
      </c>
      <c r="U13923" s="2">
        <v>1.454</v>
      </c>
      <c r="V13923" s="2">
        <v>0.878</v>
      </c>
      <c r="W13923" s="2">
        <v>1.7999999999999999E-2</v>
      </c>
      <c r="X13923" s="2">
        <v>139.1</v>
      </c>
      <c r="Y13923" s="2">
        <v>7.6</v>
      </c>
      <c r="Z13923" s="2">
        <v>16.7</v>
      </c>
      <c r="AA13923" s="5"/>
      <c r="AB13923" s="5" t="s">
        <v>43</v>
      </c>
      <c r="AC13923" s="5" t="s">
        <v>44</v>
      </c>
      <c r="AD13923" s="2"/>
      <c r="AE13923" s="1"/>
    </row>
    <row r="13924" spans="1:31" ht="14.45">
      <c r="A13924" s="11"/>
      <c r="B13924" s="20"/>
      <c r="C13924" s="2" t="s">
        <v>42723</v>
      </c>
      <c r="D13924" s="14" t="s">
        <v>42724</v>
      </c>
      <c r="E13924" s="2" t="s">
        <v>42725</v>
      </c>
      <c r="F13924" s="2" t="s">
        <v>41027</v>
      </c>
      <c r="G13924" s="8">
        <v>162</v>
      </c>
      <c r="H13924" s="5">
        <v>6</v>
      </c>
      <c r="I13924" s="5" t="s">
        <v>1518</v>
      </c>
      <c r="J13924" s="5" t="s">
        <v>40939</v>
      </c>
      <c r="K13924" s="2" t="s">
        <v>40940</v>
      </c>
      <c r="L13924" s="5" t="s">
        <v>40939</v>
      </c>
      <c r="M13924" s="2" t="s">
        <v>40940</v>
      </c>
      <c r="N13924" s="5" t="s">
        <v>36266</v>
      </c>
      <c r="O13924" s="5" t="s">
        <v>38</v>
      </c>
      <c r="P13924" s="5" t="s">
        <v>39</v>
      </c>
      <c r="Q13924" s="5" t="s">
        <v>40</v>
      </c>
      <c r="R13924" s="5" t="s">
        <v>1522</v>
      </c>
      <c r="S13924" s="5" t="s">
        <v>1523</v>
      </c>
      <c r="T13924" s="5" t="s">
        <v>42</v>
      </c>
      <c r="U13924" s="2">
        <v>1.462</v>
      </c>
      <c r="V13924" s="2">
        <v>0.88600000000000001</v>
      </c>
      <c r="W13924" s="2">
        <v>1.7999999999999999E-2</v>
      </c>
      <c r="X13924" s="2">
        <v>139.1</v>
      </c>
      <c r="Y13924" s="2">
        <v>7.6</v>
      </c>
      <c r="Z13924" s="2">
        <v>16.7</v>
      </c>
      <c r="AA13924" s="5"/>
      <c r="AB13924" s="5" t="s">
        <v>43</v>
      </c>
      <c r="AC13924" s="5" t="s">
        <v>44</v>
      </c>
      <c r="AD13924" s="2"/>
      <c r="AE13924" s="1"/>
    </row>
    <row r="13925" spans="1:31" ht="14.45">
      <c r="A13925" s="11"/>
      <c r="B13925" s="20"/>
      <c r="C13925" s="2" t="s">
        <v>42726</v>
      </c>
      <c r="D13925" s="14" t="s">
        <v>42727</v>
      </c>
      <c r="E13925" s="2" t="s">
        <v>42728</v>
      </c>
      <c r="F13925" s="2" t="s">
        <v>41031</v>
      </c>
      <c r="G13925" s="8">
        <v>162</v>
      </c>
      <c r="H13925" s="5">
        <v>6</v>
      </c>
      <c r="I13925" s="5" t="s">
        <v>1518</v>
      </c>
      <c r="J13925" s="5" t="s">
        <v>40939</v>
      </c>
      <c r="K13925" s="2" t="s">
        <v>40940</v>
      </c>
      <c r="L13925" s="5" t="s">
        <v>40939</v>
      </c>
      <c r="M13925" s="2" t="s">
        <v>40940</v>
      </c>
      <c r="N13925" s="5" t="s">
        <v>36266</v>
      </c>
      <c r="O13925" s="5" t="s">
        <v>38</v>
      </c>
      <c r="P13925" s="5" t="s">
        <v>39</v>
      </c>
      <c r="Q13925" s="5" t="s">
        <v>40</v>
      </c>
      <c r="R13925" s="5" t="s">
        <v>1522</v>
      </c>
      <c r="S13925" s="5" t="s">
        <v>1523</v>
      </c>
      <c r="T13925" s="5" t="s">
        <v>42</v>
      </c>
      <c r="U13925" s="2">
        <v>1.454</v>
      </c>
      <c r="V13925" s="2">
        <v>0.878</v>
      </c>
      <c r="W13925" s="2">
        <v>1.7999999999999999E-2</v>
      </c>
      <c r="X13925" s="2">
        <v>139.1</v>
      </c>
      <c r="Y13925" s="2">
        <v>7.6</v>
      </c>
      <c r="Z13925" s="2">
        <v>16.7</v>
      </c>
      <c r="AA13925" s="5"/>
      <c r="AB13925" s="5" t="s">
        <v>43</v>
      </c>
      <c r="AC13925" s="5" t="s">
        <v>44</v>
      </c>
      <c r="AD13925" s="2"/>
      <c r="AE13925" s="1"/>
    </row>
    <row r="13926" spans="1:31" ht="14.45">
      <c r="A13926" s="11"/>
      <c r="B13926" s="20"/>
      <c r="C13926" s="2" t="s">
        <v>42729</v>
      </c>
      <c r="D13926" s="14" t="s">
        <v>42730</v>
      </c>
      <c r="E13926" s="2" t="s">
        <v>42731</v>
      </c>
      <c r="F13926" s="2" t="s">
        <v>41035</v>
      </c>
      <c r="G13926" s="8">
        <v>162</v>
      </c>
      <c r="H13926" s="5">
        <v>6</v>
      </c>
      <c r="I13926" s="5" t="s">
        <v>1518</v>
      </c>
      <c r="J13926" s="5" t="s">
        <v>40939</v>
      </c>
      <c r="K13926" s="2" t="s">
        <v>40940</v>
      </c>
      <c r="L13926" s="5" t="s">
        <v>40939</v>
      </c>
      <c r="M13926" s="2" t="s">
        <v>40940</v>
      </c>
      <c r="N13926" s="5" t="s">
        <v>36266</v>
      </c>
      <c r="O13926" s="5" t="s">
        <v>38</v>
      </c>
      <c r="P13926" s="5" t="s">
        <v>39</v>
      </c>
      <c r="Q13926" s="5" t="s">
        <v>40</v>
      </c>
      <c r="R13926" s="5" t="s">
        <v>1522</v>
      </c>
      <c r="S13926" s="5" t="s">
        <v>1523</v>
      </c>
      <c r="T13926" s="5" t="s">
        <v>42</v>
      </c>
      <c r="U13926" s="2">
        <v>1.462</v>
      </c>
      <c r="V13926" s="2">
        <v>0.88600000000000001</v>
      </c>
      <c r="W13926" s="2">
        <v>1.7999999999999999E-2</v>
      </c>
      <c r="X13926" s="2">
        <v>139.1</v>
      </c>
      <c r="Y13926" s="2">
        <v>7.6</v>
      </c>
      <c r="Z13926" s="2">
        <v>16.7</v>
      </c>
      <c r="AA13926" s="5"/>
      <c r="AB13926" s="5" t="s">
        <v>43</v>
      </c>
      <c r="AC13926" s="5" t="s">
        <v>44</v>
      </c>
      <c r="AD13926" s="2"/>
      <c r="AE13926" s="1"/>
    </row>
    <row r="13927" spans="1:31" ht="14.45">
      <c r="A13927" s="11"/>
      <c r="B13927" s="20"/>
      <c r="C13927" s="2" t="s">
        <v>42732</v>
      </c>
      <c r="D13927" s="14" t="s">
        <v>42733</v>
      </c>
      <c r="E13927" s="2" t="s">
        <v>42734</v>
      </c>
      <c r="F13927" s="2" t="s">
        <v>7449</v>
      </c>
      <c r="G13927" s="8">
        <v>162</v>
      </c>
      <c r="H13927" s="5">
        <v>6</v>
      </c>
      <c r="I13927" s="5" t="s">
        <v>1518</v>
      </c>
      <c r="J13927" s="5" t="s">
        <v>40939</v>
      </c>
      <c r="K13927" s="2" t="s">
        <v>40940</v>
      </c>
      <c r="L13927" s="5" t="s">
        <v>40939</v>
      </c>
      <c r="M13927" s="2" t="s">
        <v>40940</v>
      </c>
      <c r="N13927" s="5" t="s">
        <v>36266</v>
      </c>
      <c r="O13927" s="5" t="s">
        <v>38</v>
      </c>
      <c r="P13927" s="5" t="s">
        <v>39</v>
      </c>
      <c r="Q13927" s="5" t="s">
        <v>40</v>
      </c>
      <c r="R13927" s="5" t="s">
        <v>1522</v>
      </c>
      <c r="S13927" s="5" t="s">
        <v>1523</v>
      </c>
      <c r="T13927" s="5" t="s">
        <v>42</v>
      </c>
      <c r="U13927" s="2">
        <v>1.454</v>
      </c>
      <c r="V13927" s="2">
        <v>0.878</v>
      </c>
      <c r="W13927" s="2">
        <v>1.7999999999999999E-2</v>
      </c>
      <c r="X13927" s="2">
        <v>139.1</v>
      </c>
      <c r="Y13927" s="2">
        <v>7.6</v>
      </c>
      <c r="Z13927" s="2">
        <v>16.7</v>
      </c>
      <c r="AA13927" s="5"/>
      <c r="AB13927" s="5" t="s">
        <v>43</v>
      </c>
      <c r="AC13927" s="5" t="s">
        <v>44</v>
      </c>
      <c r="AD13927" s="2"/>
      <c r="AE13927" s="1"/>
    </row>
    <row r="13928" spans="1:31" ht="14.45">
      <c r="A13928" s="11"/>
      <c r="B13928" s="20"/>
      <c r="C13928" s="2" t="s">
        <v>42735</v>
      </c>
      <c r="D13928" s="14" t="s">
        <v>42736</v>
      </c>
      <c r="E13928" s="2" t="s">
        <v>42737</v>
      </c>
      <c r="F13928" s="2" t="s">
        <v>7581</v>
      </c>
      <c r="G13928" s="8">
        <v>162</v>
      </c>
      <c r="H13928" s="5">
        <v>6</v>
      </c>
      <c r="I13928" s="5" t="s">
        <v>1518</v>
      </c>
      <c r="J13928" s="5" t="s">
        <v>40939</v>
      </c>
      <c r="K13928" s="2" t="s">
        <v>40940</v>
      </c>
      <c r="L13928" s="5" t="s">
        <v>40939</v>
      </c>
      <c r="M13928" s="2" t="s">
        <v>40940</v>
      </c>
      <c r="N13928" s="5" t="s">
        <v>36266</v>
      </c>
      <c r="O13928" s="5" t="s">
        <v>38</v>
      </c>
      <c r="P13928" s="5" t="s">
        <v>39</v>
      </c>
      <c r="Q13928" s="5" t="s">
        <v>40</v>
      </c>
      <c r="R13928" s="5" t="s">
        <v>1522</v>
      </c>
      <c r="S13928" s="5" t="s">
        <v>1523</v>
      </c>
      <c r="T13928" s="5" t="s">
        <v>42</v>
      </c>
      <c r="U13928" s="2">
        <v>1.462</v>
      </c>
      <c r="V13928" s="2">
        <v>0.88600000000000001</v>
      </c>
      <c r="W13928" s="2">
        <v>1.7999999999999999E-2</v>
      </c>
      <c r="X13928" s="2">
        <v>139.1</v>
      </c>
      <c r="Y13928" s="2">
        <v>7.6</v>
      </c>
      <c r="Z13928" s="2">
        <v>16.7</v>
      </c>
      <c r="AA13928" s="5"/>
      <c r="AB13928" s="5" t="s">
        <v>43</v>
      </c>
      <c r="AC13928" s="5" t="s">
        <v>44</v>
      </c>
      <c r="AD13928" s="2"/>
      <c r="AE13928" s="1"/>
    </row>
    <row r="13929" spans="1:31" ht="14.45">
      <c r="A13929" s="11"/>
      <c r="B13929" s="20"/>
      <c r="C13929" s="2" t="s">
        <v>42738</v>
      </c>
      <c r="D13929" s="14" t="s">
        <v>42739</v>
      </c>
      <c r="E13929" s="2" t="s">
        <v>42740</v>
      </c>
      <c r="F13929" s="2" t="s">
        <v>41045</v>
      </c>
      <c r="G13929" s="8">
        <v>162</v>
      </c>
      <c r="H13929" s="5">
        <v>6</v>
      </c>
      <c r="I13929" s="5" t="s">
        <v>1518</v>
      </c>
      <c r="J13929" s="5" t="s">
        <v>40939</v>
      </c>
      <c r="K13929" s="2" t="s">
        <v>40940</v>
      </c>
      <c r="L13929" s="5" t="s">
        <v>40939</v>
      </c>
      <c r="M13929" s="2" t="s">
        <v>40940</v>
      </c>
      <c r="N13929" s="5" t="s">
        <v>36266</v>
      </c>
      <c r="O13929" s="5" t="s">
        <v>38</v>
      </c>
      <c r="P13929" s="5" t="s">
        <v>39</v>
      </c>
      <c r="Q13929" s="5" t="s">
        <v>40</v>
      </c>
      <c r="R13929" s="5" t="s">
        <v>1522</v>
      </c>
      <c r="S13929" s="5" t="s">
        <v>1523</v>
      </c>
      <c r="T13929" s="5" t="s">
        <v>42</v>
      </c>
      <c r="U13929" s="2">
        <v>1.504</v>
      </c>
      <c r="V13929" s="2">
        <v>0.92800000000000005</v>
      </c>
      <c r="W13929" s="2">
        <v>1.7999999999999999E-2</v>
      </c>
      <c r="X13929" s="2">
        <v>139.1</v>
      </c>
      <c r="Y13929" s="2">
        <v>7.6</v>
      </c>
      <c r="Z13929" s="2">
        <v>16.7</v>
      </c>
      <c r="AA13929" s="5"/>
      <c r="AB13929" s="5" t="s">
        <v>43</v>
      </c>
      <c r="AC13929" s="5" t="s">
        <v>44</v>
      </c>
      <c r="AD13929" s="2"/>
      <c r="AE13929" s="1"/>
    </row>
    <row r="13930" spans="1:31" ht="14.45">
      <c r="A13930" s="11"/>
      <c r="B13930" s="20"/>
      <c r="C13930" s="2" t="s">
        <v>42741</v>
      </c>
      <c r="D13930" s="14" t="s">
        <v>42742</v>
      </c>
      <c r="E13930" s="2" t="s">
        <v>42743</v>
      </c>
      <c r="F13930" s="2" t="s">
        <v>41049</v>
      </c>
      <c r="G13930" s="8">
        <v>162</v>
      </c>
      <c r="H13930" s="5">
        <v>6</v>
      </c>
      <c r="I13930" s="5" t="s">
        <v>1518</v>
      </c>
      <c r="J13930" s="5" t="s">
        <v>40939</v>
      </c>
      <c r="K13930" s="2" t="s">
        <v>40940</v>
      </c>
      <c r="L13930" s="5" t="s">
        <v>40939</v>
      </c>
      <c r="M13930" s="2" t="s">
        <v>40940</v>
      </c>
      <c r="N13930" s="5" t="s">
        <v>36266</v>
      </c>
      <c r="O13930" s="5" t="s">
        <v>38</v>
      </c>
      <c r="P13930" s="5" t="s">
        <v>39</v>
      </c>
      <c r="Q13930" s="5" t="s">
        <v>40</v>
      </c>
      <c r="R13930" s="5" t="s">
        <v>1522</v>
      </c>
      <c r="S13930" s="5" t="s">
        <v>1523</v>
      </c>
      <c r="T13930" s="5" t="s">
        <v>42</v>
      </c>
      <c r="U13930" s="2">
        <v>1.512</v>
      </c>
      <c r="V13930" s="2">
        <v>0.93600000000000005</v>
      </c>
      <c r="W13930" s="2">
        <v>1.7999999999999999E-2</v>
      </c>
      <c r="X13930" s="2">
        <v>139.1</v>
      </c>
      <c r="Y13930" s="2">
        <v>7.6</v>
      </c>
      <c r="Z13930" s="2">
        <v>16.7</v>
      </c>
      <c r="AA13930" s="5"/>
      <c r="AB13930" s="5" t="s">
        <v>43</v>
      </c>
      <c r="AC13930" s="5" t="s">
        <v>44</v>
      </c>
      <c r="AD13930" s="2"/>
      <c r="AE13930" s="1"/>
    </row>
    <row r="13931" spans="1:31" ht="14.45">
      <c r="A13931" s="11"/>
      <c r="B13931" s="20"/>
      <c r="C13931" s="2" t="s">
        <v>42744</v>
      </c>
      <c r="D13931" s="14" t="s">
        <v>42745</v>
      </c>
      <c r="E13931" s="2" t="s">
        <v>42746</v>
      </c>
      <c r="F13931" s="2" t="s">
        <v>7204</v>
      </c>
      <c r="G13931" s="8">
        <v>149</v>
      </c>
      <c r="H13931" s="5">
        <v>6</v>
      </c>
      <c r="I13931" s="5" t="s">
        <v>1518</v>
      </c>
      <c r="J13931" s="5" t="s">
        <v>40939</v>
      </c>
      <c r="K13931" s="2" t="s">
        <v>40940</v>
      </c>
      <c r="L13931" s="5" t="s">
        <v>40939</v>
      </c>
      <c r="M13931" s="2" t="s">
        <v>40940</v>
      </c>
      <c r="N13931" s="5" t="s">
        <v>36266</v>
      </c>
      <c r="O13931" s="5" t="s">
        <v>38</v>
      </c>
      <c r="P13931" s="5" t="s">
        <v>39</v>
      </c>
      <c r="Q13931" s="5" t="s">
        <v>40</v>
      </c>
      <c r="R13931" s="5" t="s">
        <v>1522</v>
      </c>
      <c r="S13931" s="5" t="s">
        <v>1523</v>
      </c>
      <c r="T13931" s="5" t="s">
        <v>42</v>
      </c>
      <c r="U13931" s="2">
        <v>1.617</v>
      </c>
      <c r="V13931" s="2">
        <v>0.95799999999999996</v>
      </c>
      <c r="W13931" s="2">
        <v>0.02</v>
      </c>
      <c r="X13931" s="2">
        <v>159.1</v>
      </c>
      <c r="Y13931" s="2">
        <v>7.6</v>
      </c>
      <c r="Z13931" s="2">
        <v>16.7</v>
      </c>
      <c r="AA13931" s="5"/>
      <c r="AB13931" s="5" t="s">
        <v>43</v>
      </c>
      <c r="AC13931" s="5" t="s">
        <v>44</v>
      </c>
      <c r="AD13931" s="2"/>
      <c r="AE13931" s="1"/>
    </row>
    <row r="13932" spans="1:31" ht="14.45">
      <c r="A13932" s="11"/>
      <c r="B13932" s="20"/>
      <c r="C13932" s="2" t="s">
        <v>42747</v>
      </c>
      <c r="D13932" s="14" t="s">
        <v>42748</v>
      </c>
      <c r="E13932" s="2" t="s">
        <v>42749</v>
      </c>
      <c r="F13932" s="2" t="s">
        <v>7514</v>
      </c>
      <c r="G13932" s="8">
        <v>149</v>
      </c>
      <c r="H13932" s="5">
        <v>6</v>
      </c>
      <c r="I13932" s="5" t="s">
        <v>1518</v>
      </c>
      <c r="J13932" s="5" t="s">
        <v>40939</v>
      </c>
      <c r="K13932" s="2" t="s">
        <v>40940</v>
      </c>
      <c r="L13932" s="5" t="s">
        <v>40939</v>
      </c>
      <c r="M13932" s="2" t="s">
        <v>40940</v>
      </c>
      <c r="N13932" s="5" t="s">
        <v>36266</v>
      </c>
      <c r="O13932" s="5" t="s">
        <v>38</v>
      </c>
      <c r="P13932" s="5" t="s">
        <v>39</v>
      </c>
      <c r="Q13932" s="5" t="s">
        <v>40</v>
      </c>
      <c r="R13932" s="5" t="s">
        <v>1522</v>
      </c>
      <c r="S13932" s="5" t="s">
        <v>1523</v>
      </c>
      <c r="T13932" s="5" t="s">
        <v>42</v>
      </c>
      <c r="U13932" s="2">
        <v>1.6240000000000001</v>
      </c>
      <c r="V13932" s="2">
        <v>0.96499999999999997</v>
      </c>
      <c r="W13932" s="2">
        <v>0.02</v>
      </c>
      <c r="X13932" s="2">
        <v>159.1</v>
      </c>
      <c r="Y13932" s="2">
        <v>7.6</v>
      </c>
      <c r="Z13932" s="2">
        <v>16.7</v>
      </c>
      <c r="AA13932" s="5"/>
      <c r="AB13932" s="5" t="s">
        <v>43</v>
      </c>
      <c r="AC13932" s="5" t="s">
        <v>44</v>
      </c>
      <c r="AD13932" s="2"/>
      <c r="AE13932" s="1"/>
    </row>
    <row r="13933" spans="1:31" ht="14.45">
      <c r="A13933" s="11"/>
      <c r="B13933" s="20"/>
      <c r="C13933" s="2" t="s">
        <v>42750</v>
      </c>
      <c r="D13933" s="14" t="s">
        <v>42751</v>
      </c>
      <c r="E13933" s="2" t="s">
        <v>42752</v>
      </c>
      <c r="F13933" s="2" t="s">
        <v>41221</v>
      </c>
      <c r="G13933" s="8">
        <v>171</v>
      </c>
      <c r="H13933" s="5">
        <v>6</v>
      </c>
      <c r="I13933" s="5" t="s">
        <v>1518</v>
      </c>
      <c r="J13933" s="5" t="s">
        <v>40939</v>
      </c>
      <c r="K13933" s="2" t="s">
        <v>40940</v>
      </c>
      <c r="L13933" s="5" t="s">
        <v>40939</v>
      </c>
      <c r="M13933" s="2" t="s">
        <v>40940</v>
      </c>
      <c r="N13933" s="5" t="s">
        <v>36266</v>
      </c>
      <c r="O13933" s="5" t="s">
        <v>38</v>
      </c>
      <c r="P13933" s="5" t="s">
        <v>39</v>
      </c>
      <c r="Q13933" s="5" t="s">
        <v>40</v>
      </c>
      <c r="R13933" s="5" t="s">
        <v>1522</v>
      </c>
      <c r="S13933" s="5" t="s">
        <v>1523</v>
      </c>
      <c r="T13933" s="5" t="s">
        <v>42</v>
      </c>
      <c r="U13933" s="2">
        <v>1.635</v>
      </c>
      <c r="V13933" s="2">
        <v>0.97599999999999998</v>
      </c>
      <c r="W13933" s="2">
        <v>0.02</v>
      </c>
      <c r="X13933" s="2">
        <v>159.1</v>
      </c>
      <c r="Y13933" s="2">
        <v>7.6</v>
      </c>
      <c r="Z13933" s="2">
        <v>16.7</v>
      </c>
      <c r="AA13933" s="5"/>
      <c r="AB13933" s="5" t="s">
        <v>43</v>
      </c>
      <c r="AC13933" s="5" t="s">
        <v>44</v>
      </c>
      <c r="AD13933" s="2"/>
      <c r="AE13933" s="1"/>
    </row>
    <row r="13934" spans="1:31" ht="14.45">
      <c r="A13934" s="11"/>
      <c r="B13934" s="20"/>
      <c r="C13934" s="2" t="s">
        <v>42753</v>
      </c>
      <c r="D13934" s="14" t="s">
        <v>42754</v>
      </c>
      <c r="E13934" s="2" t="s">
        <v>42755</v>
      </c>
      <c r="F13934" s="2" t="s">
        <v>40951</v>
      </c>
      <c r="G13934" s="8">
        <v>171</v>
      </c>
      <c r="H13934" s="5">
        <v>6</v>
      </c>
      <c r="I13934" s="5" t="s">
        <v>1518</v>
      </c>
      <c r="J13934" s="5" t="s">
        <v>40939</v>
      </c>
      <c r="K13934" s="2" t="s">
        <v>40940</v>
      </c>
      <c r="L13934" s="5" t="s">
        <v>40939</v>
      </c>
      <c r="M13934" s="2" t="s">
        <v>40940</v>
      </c>
      <c r="N13934" s="5" t="s">
        <v>36266</v>
      </c>
      <c r="O13934" s="5" t="s">
        <v>38</v>
      </c>
      <c r="P13934" s="5" t="s">
        <v>39</v>
      </c>
      <c r="Q13934" s="5" t="s">
        <v>40</v>
      </c>
      <c r="R13934" s="5" t="s">
        <v>1522</v>
      </c>
      <c r="S13934" s="5" t="s">
        <v>1523</v>
      </c>
      <c r="T13934" s="5" t="s">
        <v>42</v>
      </c>
      <c r="U13934" s="2">
        <v>1.6419999999999999</v>
      </c>
      <c r="V13934" s="2">
        <v>0.98299999999999998</v>
      </c>
      <c r="W13934" s="2">
        <v>0.02</v>
      </c>
      <c r="X13934" s="2">
        <v>159.1</v>
      </c>
      <c r="Y13934" s="2">
        <v>7.6</v>
      </c>
      <c r="Z13934" s="2">
        <v>16.7</v>
      </c>
      <c r="AA13934" s="5"/>
      <c r="AB13934" s="5" t="s">
        <v>43</v>
      </c>
      <c r="AC13934" s="5" t="s">
        <v>44</v>
      </c>
      <c r="AD13934" s="2"/>
      <c r="AE13934" s="1"/>
    </row>
    <row r="13935" spans="1:31" ht="14.45">
      <c r="A13935" s="11"/>
      <c r="B13935" s="20"/>
      <c r="C13935" s="2" t="s">
        <v>42756</v>
      </c>
      <c r="D13935" s="14" t="s">
        <v>42757</v>
      </c>
      <c r="E13935" s="2" t="s">
        <v>42758</v>
      </c>
      <c r="F13935" s="2" t="s">
        <v>7208</v>
      </c>
      <c r="G13935" s="8">
        <v>149</v>
      </c>
      <c r="H13935" s="5">
        <v>6</v>
      </c>
      <c r="I13935" s="5" t="s">
        <v>1518</v>
      </c>
      <c r="J13935" s="5" t="s">
        <v>40939</v>
      </c>
      <c r="K13935" s="2" t="s">
        <v>40940</v>
      </c>
      <c r="L13935" s="5" t="s">
        <v>40939</v>
      </c>
      <c r="M13935" s="2" t="s">
        <v>40940</v>
      </c>
      <c r="N13935" s="5" t="s">
        <v>36266</v>
      </c>
      <c r="O13935" s="5" t="s">
        <v>38</v>
      </c>
      <c r="P13935" s="5" t="s">
        <v>39</v>
      </c>
      <c r="Q13935" s="5" t="s">
        <v>40</v>
      </c>
      <c r="R13935" s="5" t="s">
        <v>1522</v>
      </c>
      <c r="S13935" s="5" t="s">
        <v>1523</v>
      </c>
      <c r="T13935" s="5" t="s">
        <v>42</v>
      </c>
      <c r="U13935" s="2">
        <v>1.645</v>
      </c>
      <c r="V13935" s="2">
        <v>0.98599999999999999</v>
      </c>
      <c r="W13935" s="2">
        <v>0.02</v>
      </c>
      <c r="X13935" s="2">
        <v>159.1</v>
      </c>
      <c r="Y13935" s="2">
        <v>7.6</v>
      </c>
      <c r="Z13935" s="2">
        <v>16.7</v>
      </c>
      <c r="AA13935" s="5"/>
      <c r="AB13935" s="5" t="s">
        <v>43</v>
      </c>
      <c r="AC13935" s="5" t="s">
        <v>44</v>
      </c>
      <c r="AD13935" s="2"/>
      <c r="AE13935" s="1"/>
    </row>
    <row r="13936" spans="1:31" ht="14.45">
      <c r="A13936" s="11"/>
      <c r="B13936" s="20"/>
      <c r="C13936" s="2" t="s">
        <v>42759</v>
      </c>
      <c r="D13936" s="14" t="s">
        <v>42760</v>
      </c>
      <c r="E13936" s="2" t="s">
        <v>42761</v>
      </c>
      <c r="F13936" s="2" t="s">
        <v>7521</v>
      </c>
      <c r="G13936" s="8">
        <v>149</v>
      </c>
      <c r="H13936" s="5">
        <v>6</v>
      </c>
      <c r="I13936" s="5" t="s">
        <v>1518</v>
      </c>
      <c r="J13936" s="5" t="s">
        <v>40939</v>
      </c>
      <c r="K13936" s="2" t="s">
        <v>40940</v>
      </c>
      <c r="L13936" s="5" t="s">
        <v>40939</v>
      </c>
      <c r="M13936" s="2" t="s">
        <v>40940</v>
      </c>
      <c r="N13936" s="5" t="s">
        <v>36266</v>
      </c>
      <c r="O13936" s="5" t="s">
        <v>38</v>
      </c>
      <c r="P13936" s="5" t="s">
        <v>39</v>
      </c>
      <c r="Q13936" s="5" t="s">
        <v>40</v>
      </c>
      <c r="R13936" s="5" t="s">
        <v>1522</v>
      </c>
      <c r="S13936" s="5" t="s">
        <v>1523</v>
      </c>
      <c r="T13936" s="5" t="s">
        <v>42</v>
      </c>
      <c r="U13936" s="2">
        <v>1.6519999999999999</v>
      </c>
      <c r="V13936" s="2">
        <v>0.99299999999999999</v>
      </c>
      <c r="W13936" s="2">
        <v>0.02</v>
      </c>
      <c r="X13936" s="2">
        <v>159.1</v>
      </c>
      <c r="Y13936" s="2">
        <v>7.6</v>
      </c>
      <c r="Z13936" s="2">
        <v>16.7</v>
      </c>
      <c r="AA13936" s="5"/>
      <c r="AB13936" s="5" t="s">
        <v>43</v>
      </c>
      <c r="AC13936" s="5" t="s">
        <v>44</v>
      </c>
      <c r="AD13936" s="2"/>
      <c r="AE13936" s="1"/>
    </row>
    <row r="13937" spans="1:31" ht="14.45">
      <c r="A13937" s="11"/>
      <c r="B13937" s="20"/>
      <c r="C13937" s="2" t="s">
        <v>42762</v>
      </c>
      <c r="D13937" s="14" t="s">
        <v>42763</v>
      </c>
      <c r="E13937" s="2" t="s">
        <v>42764</v>
      </c>
      <c r="F13937" s="2" t="s">
        <v>36273</v>
      </c>
      <c r="G13937" s="8">
        <v>149</v>
      </c>
      <c r="H13937" s="5">
        <v>6</v>
      </c>
      <c r="I13937" s="5" t="s">
        <v>1518</v>
      </c>
      <c r="J13937" s="5" t="s">
        <v>40939</v>
      </c>
      <c r="K13937" s="2" t="s">
        <v>40940</v>
      </c>
      <c r="L13937" s="5" t="s">
        <v>40939</v>
      </c>
      <c r="M13937" s="2" t="s">
        <v>40940</v>
      </c>
      <c r="N13937" s="5" t="s">
        <v>36266</v>
      </c>
      <c r="O13937" s="5" t="s">
        <v>38</v>
      </c>
      <c r="P13937" s="5" t="s">
        <v>39</v>
      </c>
      <c r="Q13937" s="5" t="s">
        <v>40</v>
      </c>
      <c r="R13937" s="5" t="s">
        <v>1522</v>
      </c>
      <c r="S13937" s="5" t="s">
        <v>1523</v>
      </c>
      <c r="T13937" s="5" t="s">
        <v>42</v>
      </c>
      <c r="U13937" s="2">
        <v>1.6639999999999999</v>
      </c>
      <c r="V13937" s="2">
        <v>1.0049999999999999</v>
      </c>
      <c r="W13937" s="2">
        <v>0.02</v>
      </c>
      <c r="X13937" s="2">
        <v>159.1</v>
      </c>
      <c r="Y13937" s="2">
        <v>7.6</v>
      </c>
      <c r="Z13937" s="2">
        <v>16.7</v>
      </c>
      <c r="AA13937" s="5"/>
      <c r="AB13937" s="5" t="s">
        <v>43</v>
      </c>
      <c r="AC13937" s="5" t="s">
        <v>44</v>
      </c>
      <c r="AD13937" s="2"/>
      <c r="AE13937" s="1"/>
    </row>
    <row r="13938" spans="1:31" ht="14.45">
      <c r="A13938" s="11"/>
      <c r="B13938" s="20"/>
      <c r="C13938" s="2" t="s">
        <v>42765</v>
      </c>
      <c r="D13938" s="14" t="s">
        <v>42766</v>
      </c>
      <c r="E13938" s="2" t="s">
        <v>42767</v>
      </c>
      <c r="F13938" s="2" t="s">
        <v>36277</v>
      </c>
      <c r="G13938" s="8">
        <v>149</v>
      </c>
      <c r="H13938" s="5">
        <v>6</v>
      </c>
      <c r="I13938" s="5" t="s">
        <v>1518</v>
      </c>
      <c r="J13938" s="5" t="s">
        <v>40939</v>
      </c>
      <c r="K13938" s="2" t="s">
        <v>40940</v>
      </c>
      <c r="L13938" s="5" t="s">
        <v>40939</v>
      </c>
      <c r="M13938" s="2" t="s">
        <v>40940</v>
      </c>
      <c r="N13938" s="5" t="s">
        <v>36266</v>
      </c>
      <c r="O13938" s="5" t="s">
        <v>38</v>
      </c>
      <c r="P13938" s="5" t="s">
        <v>39</v>
      </c>
      <c r="Q13938" s="5" t="s">
        <v>40</v>
      </c>
      <c r="R13938" s="5" t="s">
        <v>1522</v>
      </c>
      <c r="S13938" s="5" t="s">
        <v>1523</v>
      </c>
      <c r="T13938" s="5" t="s">
        <v>42</v>
      </c>
      <c r="U13938" s="2">
        <v>1.671</v>
      </c>
      <c r="V13938" s="2">
        <v>1.012</v>
      </c>
      <c r="W13938" s="2">
        <v>0.02</v>
      </c>
      <c r="X13938" s="2">
        <v>159.1</v>
      </c>
      <c r="Y13938" s="2">
        <v>7.6</v>
      </c>
      <c r="Z13938" s="2">
        <v>16.7</v>
      </c>
      <c r="AA13938" s="5"/>
      <c r="AB13938" s="5" t="s">
        <v>43</v>
      </c>
      <c r="AC13938" s="5" t="s">
        <v>44</v>
      </c>
      <c r="AD13938" s="2"/>
      <c r="AE13938" s="1"/>
    </row>
    <row r="13939" spans="1:31" ht="14.45">
      <c r="A13939" s="11"/>
      <c r="B13939" s="20"/>
      <c r="C13939" s="2" t="s">
        <v>42768</v>
      </c>
      <c r="D13939" s="14" t="s">
        <v>42769</v>
      </c>
      <c r="E13939" s="2" t="s">
        <v>42770</v>
      </c>
      <c r="F13939" s="2" t="s">
        <v>40967</v>
      </c>
      <c r="G13939" s="8">
        <v>171</v>
      </c>
      <c r="H13939" s="5">
        <v>6</v>
      </c>
      <c r="I13939" s="5" t="s">
        <v>1518</v>
      </c>
      <c r="J13939" s="5" t="s">
        <v>40939</v>
      </c>
      <c r="K13939" s="2" t="s">
        <v>40940</v>
      </c>
      <c r="L13939" s="5" t="s">
        <v>40939</v>
      </c>
      <c r="M13939" s="2" t="s">
        <v>40940</v>
      </c>
      <c r="N13939" s="5" t="s">
        <v>36266</v>
      </c>
      <c r="O13939" s="5" t="s">
        <v>38</v>
      </c>
      <c r="P13939" s="5" t="s">
        <v>39</v>
      </c>
      <c r="Q13939" s="5" t="s">
        <v>40</v>
      </c>
      <c r="R13939" s="5" t="s">
        <v>1522</v>
      </c>
      <c r="S13939" s="5" t="s">
        <v>1523</v>
      </c>
      <c r="T13939" s="5" t="s">
        <v>42</v>
      </c>
      <c r="U13939" s="2">
        <v>1.645</v>
      </c>
      <c r="V13939" s="2">
        <v>0.98599999999999999</v>
      </c>
      <c r="W13939" s="2">
        <v>0.02</v>
      </c>
      <c r="X13939" s="2">
        <v>159.1</v>
      </c>
      <c r="Y13939" s="2">
        <v>7.6</v>
      </c>
      <c r="Z13939" s="2">
        <v>16.7</v>
      </c>
      <c r="AA13939" s="5"/>
      <c r="AB13939" s="5" t="s">
        <v>43</v>
      </c>
      <c r="AC13939" s="5" t="s">
        <v>44</v>
      </c>
      <c r="AD13939" s="2"/>
      <c r="AE13939" s="1"/>
    </row>
    <row r="13940" spans="1:31" ht="14.45">
      <c r="A13940" s="11"/>
      <c r="B13940" s="20"/>
      <c r="C13940" s="2" t="s">
        <v>42771</v>
      </c>
      <c r="D13940" s="14" t="s">
        <v>42772</v>
      </c>
      <c r="E13940" s="2" t="s">
        <v>42773</v>
      </c>
      <c r="F13940" s="2" t="s">
        <v>40971</v>
      </c>
      <c r="G13940" s="8">
        <v>171</v>
      </c>
      <c r="H13940" s="5">
        <v>6</v>
      </c>
      <c r="I13940" s="5" t="s">
        <v>1518</v>
      </c>
      <c r="J13940" s="5" t="s">
        <v>40939</v>
      </c>
      <c r="K13940" s="2" t="s">
        <v>40940</v>
      </c>
      <c r="L13940" s="5" t="s">
        <v>40939</v>
      </c>
      <c r="M13940" s="2" t="s">
        <v>40940</v>
      </c>
      <c r="N13940" s="5" t="s">
        <v>36266</v>
      </c>
      <c r="O13940" s="5" t="s">
        <v>38</v>
      </c>
      <c r="P13940" s="5" t="s">
        <v>39</v>
      </c>
      <c r="Q13940" s="5" t="s">
        <v>40</v>
      </c>
      <c r="R13940" s="5" t="s">
        <v>1522</v>
      </c>
      <c r="S13940" s="5" t="s">
        <v>1523</v>
      </c>
      <c r="T13940" s="5" t="s">
        <v>42</v>
      </c>
      <c r="U13940" s="2">
        <v>1.6519999999999999</v>
      </c>
      <c r="V13940" s="2">
        <v>0.99299999999999999</v>
      </c>
      <c r="W13940" s="2">
        <v>0.02</v>
      </c>
      <c r="X13940" s="2">
        <v>159.1</v>
      </c>
      <c r="Y13940" s="2">
        <v>7.6</v>
      </c>
      <c r="Z13940" s="2">
        <v>16.7</v>
      </c>
      <c r="AA13940" s="5"/>
      <c r="AB13940" s="5" t="s">
        <v>43</v>
      </c>
      <c r="AC13940" s="5" t="s">
        <v>44</v>
      </c>
      <c r="AD13940" s="2"/>
      <c r="AE13940" s="1"/>
    </row>
    <row r="13941" spans="1:31" ht="14.45">
      <c r="A13941" s="11"/>
      <c r="B13941" s="20"/>
      <c r="C13941" s="2" t="s">
        <v>42774</v>
      </c>
      <c r="D13941" s="14" t="s">
        <v>42775</v>
      </c>
      <c r="E13941" s="2" t="s">
        <v>42776</v>
      </c>
      <c r="F13941" s="2" t="s">
        <v>40975</v>
      </c>
      <c r="G13941" s="8">
        <v>171</v>
      </c>
      <c r="H13941" s="5">
        <v>6</v>
      </c>
      <c r="I13941" s="5" t="s">
        <v>1518</v>
      </c>
      <c r="J13941" s="5" t="s">
        <v>40939</v>
      </c>
      <c r="K13941" s="2" t="s">
        <v>40940</v>
      </c>
      <c r="L13941" s="5" t="s">
        <v>40939</v>
      </c>
      <c r="M13941" s="2" t="s">
        <v>40940</v>
      </c>
      <c r="N13941" s="5" t="s">
        <v>36266</v>
      </c>
      <c r="O13941" s="5" t="s">
        <v>38</v>
      </c>
      <c r="P13941" s="5" t="s">
        <v>39</v>
      </c>
      <c r="Q13941" s="5" t="s">
        <v>40</v>
      </c>
      <c r="R13941" s="5" t="s">
        <v>1522</v>
      </c>
      <c r="S13941" s="5" t="s">
        <v>1523</v>
      </c>
      <c r="T13941" s="5" t="s">
        <v>42</v>
      </c>
      <c r="U13941" s="2">
        <v>1.645</v>
      </c>
      <c r="V13941" s="2">
        <v>0.98599999999999999</v>
      </c>
      <c r="W13941" s="2">
        <v>0.02</v>
      </c>
      <c r="X13941" s="2">
        <v>159.1</v>
      </c>
      <c r="Y13941" s="2">
        <v>7.6</v>
      </c>
      <c r="Z13941" s="2">
        <v>16.7</v>
      </c>
      <c r="AA13941" s="5"/>
      <c r="AB13941" s="5" t="s">
        <v>43</v>
      </c>
      <c r="AC13941" s="5" t="s">
        <v>44</v>
      </c>
      <c r="AD13941" s="2"/>
      <c r="AE13941" s="1"/>
    </row>
    <row r="13942" spans="1:31" ht="14.45">
      <c r="A13942" s="11"/>
      <c r="B13942" s="20"/>
      <c r="C13942" s="2" t="s">
        <v>42777</v>
      </c>
      <c r="D13942" s="14" t="s">
        <v>42778</v>
      </c>
      <c r="E13942" s="2" t="s">
        <v>42779</v>
      </c>
      <c r="F13942" s="2" t="s">
        <v>40979</v>
      </c>
      <c r="G13942" s="8">
        <v>171</v>
      </c>
      <c r="H13942" s="5">
        <v>6</v>
      </c>
      <c r="I13942" s="5" t="s">
        <v>1518</v>
      </c>
      <c r="J13942" s="5" t="s">
        <v>40939</v>
      </c>
      <c r="K13942" s="2" t="s">
        <v>40940</v>
      </c>
      <c r="L13942" s="5" t="s">
        <v>40939</v>
      </c>
      <c r="M13942" s="2" t="s">
        <v>40940</v>
      </c>
      <c r="N13942" s="5" t="s">
        <v>36266</v>
      </c>
      <c r="O13942" s="5" t="s">
        <v>38</v>
      </c>
      <c r="P13942" s="5" t="s">
        <v>39</v>
      </c>
      <c r="Q13942" s="5" t="s">
        <v>40</v>
      </c>
      <c r="R13942" s="5" t="s">
        <v>1522</v>
      </c>
      <c r="S13942" s="5" t="s">
        <v>1523</v>
      </c>
      <c r="T13942" s="5" t="s">
        <v>42</v>
      </c>
      <c r="U13942" s="2">
        <v>1.6519999999999999</v>
      </c>
      <c r="V13942" s="2">
        <v>0.99299999999999999</v>
      </c>
      <c r="W13942" s="2">
        <v>0.02</v>
      </c>
      <c r="X13942" s="2">
        <v>159.1</v>
      </c>
      <c r="Y13942" s="2">
        <v>7.6</v>
      </c>
      <c r="Z13942" s="2">
        <v>16.7</v>
      </c>
      <c r="AA13942" s="5"/>
      <c r="AB13942" s="5" t="s">
        <v>43</v>
      </c>
      <c r="AC13942" s="5" t="s">
        <v>44</v>
      </c>
      <c r="AD13942" s="2"/>
      <c r="AE13942" s="1"/>
    </row>
    <row r="13943" spans="1:31" ht="14.45">
      <c r="A13943" s="11"/>
      <c r="B13943" s="20"/>
      <c r="C13943" s="2" t="s">
        <v>42780</v>
      </c>
      <c r="D13943" s="14" t="s">
        <v>42781</v>
      </c>
      <c r="E13943" s="2" t="s">
        <v>42782</v>
      </c>
      <c r="F13943" s="2" t="s">
        <v>7539</v>
      </c>
      <c r="G13943" s="8">
        <v>171</v>
      </c>
      <c r="H13943" s="5">
        <v>6</v>
      </c>
      <c r="I13943" s="5" t="s">
        <v>1518</v>
      </c>
      <c r="J13943" s="5" t="s">
        <v>40939</v>
      </c>
      <c r="K13943" s="2" t="s">
        <v>40940</v>
      </c>
      <c r="L13943" s="5" t="s">
        <v>40939</v>
      </c>
      <c r="M13943" s="2" t="s">
        <v>40940</v>
      </c>
      <c r="N13943" s="5" t="s">
        <v>36266</v>
      </c>
      <c r="O13943" s="5" t="s">
        <v>38</v>
      </c>
      <c r="P13943" s="5" t="s">
        <v>39</v>
      </c>
      <c r="Q13943" s="5" t="s">
        <v>40</v>
      </c>
      <c r="R13943" s="5" t="s">
        <v>1522</v>
      </c>
      <c r="S13943" s="5" t="s">
        <v>1523</v>
      </c>
      <c r="T13943" s="5" t="s">
        <v>42</v>
      </c>
      <c r="U13943" s="2">
        <v>1.5980000000000001</v>
      </c>
      <c r="V13943" s="2">
        <v>0.93899999999999995</v>
      </c>
      <c r="W13943" s="2">
        <v>0.02</v>
      </c>
      <c r="X13943" s="2">
        <v>159.1</v>
      </c>
      <c r="Y13943" s="2">
        <v>7.6</v>
      </c>
      <c r="Z13943" s="2">
        <v>16.7</v>
      </c>
      <c r="AA13943" s="5"/>
      <c r="AB13943" s="5" t="s">
        <v>43</v>
      </c>
      <c r="AC13943" s="5" t="s">
        <v>44</v>
      </c>
      <c r="AD13943" s="2"/>
      <c r="AE13943" s="1"/>
    </row>
    <row r="13944" spans="1:31" ht="14.45">
      <c r="A13944" s="11"/>
      <c r="B13944" s="20"/>
      <c r="C13944" s="2" t="s">
        <v>42783</v>
      </c>
      <c r="D13944" s="14" t="s">
        <v>42784</v>
      </c>
      <c r="E13944" s="2" t="s">
        <v>42785</v>
      </c>
      <c r="F13944" s="2" t="s">
        <v>7543</v>
      </c>
      <c r="G13944" s="8">
        <v>171</v>
      </c>
      <c r="H13944" s="5">
        <v>6</v>
      </c>
      <c r="I13944" s="5" t="s">
        <v>1518</v>
      </c>
      <c r="J13944" s="5" t="s">
        <v>40939</v>
      </c>
      <c r="K13944" s="2" t="s">
        <v>40940</v>
      </c>
      <c r="L13944" s="5" t="s">
        <v>40939</v>
      </c>
      <c r="M13944" s="2" t="s">
        <v>40940</v>
      </c>
      <c r="N13944" s="5" t="s">
        <v>36266</v>
      </c>
      <c r="O13944" s="5" t="s">
        <v>38</v>
      </c>
      <c r="P13944" s="5" t="s">
        <v>39</v>
      </c>
      <c r="Q13944" s="5" t="s">
        <v>40</v>
      </c>
      <c r="R13944" s="5" t="s">
        <v>1522</v>
      </c>
      <c r="S13944" s="5" t="s">
        <v>1523</v>
      </c>
      <c r="T13944" s="5" t="s">
        <v>42</v>
      </c>
      <c r="U13944" s="2">
        <v>1.605</v>
      </c>
      <c r="V13944" s="2">
        <v>0.94599999999999995</v>
      </c>
      <c r="W13944" s="2">
        <v>0.02</v>
      </c>
      <c r="X13944" s="2">
        <v>159.1</v>
      </c>
      <c r="Y13944" s="2">
        <v>7.6</v>
      </c>
      <c r="Z13944" s="2">
        <v>16.7</v>
      </c>
      <c r="AA13944" s="5"/>
      <c r="AB13944" s="5" t="s">
        <v>43</v>
      </c>
      <c r="AC13944" s="5" t="s">
        <v>44</v>
      </c>
      <c r="AD13944" s="2"/>
      <c r="AE13944" s="1"/>
    </row>
    <row r="13945" spans="1:31" ht="14.45">
      <c r="A13945" s="11"/>
      <c r="B13945" s="20"/>
      <c r="C13945" s="2" t="s">
        <v>42786</v>
      </c>
      <c r="D13945" s="14" t="s">
        <v>42787</v>
      </c>
      <c r="E13945" s="2" t="s">
        <v>42788</v>
      </c>
      <c r="F13945" s="2" t="s">
        <v>40989</v>
      </c>
      <c r="G13945" s="8">
        <v>171</v>
      </c>
      <c r="H13945" s="5">
        <v>6</v>
      </c>
      <c r="I13945" s="5" t="s">
        <v>1518</v>
      </c>
      <c r="J13945" s="5" t="s">
        <v>40939</v>
      </c>
      <c r="K13945" s="2" t="s">
        <v>40940</v>
      </c>
      <c r="L13945" s="5" t="s">
        <v>40939</v>
      </c>
      <c r="M13945" s="2" t="s">
        <v>40940</v>
      </c>
      <c r="N13945" s="5" t="s">
        <v>36266</v>
      </c>
      <c r="O13945" s="5" t="s">
        <v>38</v>
      </c>
      <c r="P13945" s="5" t="s">
        <v>39</v>
      </c>
      <c r="Q13945" s="5" t="s">
        <v>40</v>
      </c>
      <c r="R13945" s="5" t="s">
        <v>1522</v>
      </c>
      <c r="S13945" s="5" t="s">
        <v>1523</v>
      </c>
      <c r="T13945" s="5" t="s">
        <v>42</v>
      </c>
      <c r="U13945" s="2">
        <v>1.645</v>
      </c>
      <c r="V13945" s="2">
        <v>0.98599999999999999</v>
      </c>
      <c r="W13945" s="2">
        <v>0.02</v>
      </c>
      <c r="X13945" s="2">
        <v>159.1</v>
      </c>
      <c r="Y13945" s="2">
        <v>7.6</v>
      </c>
      <c r="Z13945" s="2">
        <v>16.7</v>
      </c>
      <c r="AA13945" s="5"/>
      <c r="AB13945" s="5" t="s">
        <v>43</v>
      </c>
      <c r="AC13945" s="5" t="s">
        <v>44</v>
      </c>
      <c r="AD13945" s="2"/>
      <c r="AE13945" s="1"/>
    </row>
    <row r="13946" spans="1:31" ht="14.45">
      <c r="A13946" s="11"/>
      <c r="B13946" s="20"/>
      <c r="C13946" s="2" t="s">
        <v>42789</v>
      </c>
      <c r="D13946" s="14" t="s">
        <v>42790</v>
      </c>
      <c r="E13946" s="2" t="s">
        <v>42791</v>
      </c>
      <c r="F13946" s="2" t="s">
        <v>40993</v>
      </c>
      <c r="G13946" s="8">
        <v>171</v>
      </c>
      <c r="H13946" s="5">
        <v>6</v>
      </c>
      <c r="I13946" s="5" t="s">
        <v>1518</v>
      </c>
      <c r="J13946" s="5" t="s">
        <v>40939</v>
      </c>
      <c r="K13946" s="2" t="s">
        <v>40940</v>
      </c>
      <c r="L13946" s="5" t="s">
        <v>40939</v>
      </c>
      <c r="M13946" s="2" t="s">
        <v>40940</v>
      </c>
      <c r="N13946" s="5" t="s">
        <v>36266</v>
      </c>
      <c r="O13946" s="5" t="s">
        <v>38</v>
      </c>
      <c r="P13946" s="5" t="s">
        <v>39</v>
      </c>
      <c r="Q13946" s="5" t="s">
        <v>40</v>
      </c>
      <c r="R13946" s="5" t="s">
        <v>1522</v>
      </c>
      <c r="S13946" s="5" t="s">
        <v>1523</v>
      </c>
      <c r="T13946" s="5" t="s">
        <v>42</v>
      </c>
      <c r="U13946" s="2">
        <v>1.6519999999999999</v>
      </c>
      <c r="V13946" s="2">
        <v>0.99299999999999999</v>
      </c>
      <c r="W13946" s="2">
        <v>0.02</v>
      </c>
      <c r="X13946" s="2">
        <v>159.1</v>
      </c>
      <c r="Y13946" s="2">
        <v>7.6</v>
      </c>
      <c r="Z13946" s="2">
        <v>16.7</v>
      </c>
      <c r="AA13946" s="5"/>
      <c r="AB13946" s="5" t="s">
        <v>43</v>
      </c>
      <c r="AC13946" s="5" t="s">
        <v>44</v>
      </c>
      <c r="AD13946" s="2"/>
      <c r="AE13946" s="1"/>
    </row>
    <row r="13947" spans="1:31" ht="14.45">
      <c r="A13947" s="11"/>
      <c r="B13947" s="20"/>
      <c r="C13947" s="2" t="s">
        <v>42792</v>
      </c>
      <c r="D13947" s="14" t="s">
        <v>42793</v>
      </c>
      <c r="E13947" s="2" t="s">
        <v>42794</v>
      </c>
      <c r="F13947" s="2" t="s">
        <v>40997</v>
      </c>
      <c r="G13947" s="8">
        <v>171</v>
      </c>
      <c r="H13947" s="5">
        <v>6</v>
      </c>
      <c r="I13947" s="5" t="s">
        <v>1518</v>
      </c>
      <c r="J13947" s="5" t="s">
        <v>40939</v>
      </c>
      <c r="K13947" s="2" t="s">
        <v>40940</v>
      </c>
      <c r="L13947" s="5" t="s">
        <v>40939</v>
      </c>
      <c r="M13947" s="2" t="s">
        <v>40940</v>
      </c>
      <c r="N13947" s="5" t="s">
        <v>36266</v>
      </c>
      <c r="O13947" s="5" t="s">
        <v>38</v>
      </c>
      <c r="P13947" s="5" t="s">
        <v>39</v>
      </c>
      <c r="Q13947" s="5" t="s">
        <v>40</v>
      </c>
      <c r="R13947" s="5" t="s">
        <v>1522</v>
      </c>
      <c r="S13947" s="5" t="s">
        <v>1523</v>
      </c>
      <c r="T13947" s="5" t="s">
        <v>42</v>
      </c>
      <c r="U13947" s="2">
        <v>1.607</v>
      </c>
      <c r="V13947" s="2">
        <v>0.94799999999999995</v>
      </c>
      <c r="W13947" s="2">
        <v>0.02</v>
      </c>
      <c r="X13947" s="2">
        <v>159.1</v>
      </c>
      <c r="Y13947" s="2">
        <v>7.6</v>
      </c>
      <c r="Z13947" s="2">
        <v>16.7</v>
      </c>
      <c r="AA13947" s="5"/>
      <c r="AB13947" s="5" t="s">
        <v>43</v>
      </c>
      <c r="AC13947" s="5" t="s">
        <v>44</v>
      </c>
      <c r="AD13947" s="2"/>
      <c r="AE13947" s="1"/>
    </row>
    <row r="13948" spans="1:31" ht="14.45">
      <c r="A13948" s="11"/>
      <c r="B13948" s="20"/>
      <c r="C13948" s="2" t="s">
        <v>42795</v>
      </c>
      <c r="D13948" s="14" t="s">
        <v>42796</v>
      </c>
      <c r="E13948" s="2" t="s">
        <v>42797</v>
      </c>
      <c r="F13948" s="2" t="s">
        <v>41267</v>
      </c>
      <c r="G13948" s="8">
        <v>171</v>
      </c>
      <c r="H13948" s="5">
        <v>6</v>
      </c>
      <c r="I13948" s="5" t="s">
        <v>1518</v>
      </c>
      <c r="J13948" s="5" t="s">
        <v>40939</v>
      </c>
      <c r="K13948" s="2" t="s">
        <v>40940</v>
      </c>
      <c r="L13948" s="5" t="s">
        <v>40939</v>
      </c>
      <c r="M13948" s="2" t="s">
        <v>40940</v>
      </c>
      <c r="N13948" s="5" t="s">
        <v>36266</v>
      </c>
      <c r="O13948" s="5" t="s">
        <v>38</v>
      </c>
      <c r="P13948" s="5" t="s">
        <v>39</v>
      </c>
      <c r="Q13948" s="5" t="s">
        <v>40</v>
      </c>
      <c r="R13948" s="5" t="s">
        <v>1522</v>
      </c>
      <c r="S13948" s="5" t="s">
        <v>1523</v>
      </c>
      <c r="T13948" s="5" t="s">
        <v>42</v>
      </c>
      <c r="U13948" s="2">
        <v>1.6140000000000001</v>
      </c>
      <c r="V13948" s="2">
        <v>0.95499999999999996</v>
      </c>
      <c r="W13948" s="2">
        <v>0.02</v>
      </c>
      <c r="X13948" s="2">
        <v>159.1</v>
      </c>
      <c r="Y13948" s="2">
        <v>7.6</v>
      </c>
      <c r="Z13948" s="2">
        <v>16.7</v>
      </c>
      <c r="AA13948" s="5"/>
      <c r="AB13948" s="5" t="s">
        <v>43</v>
      </c>
      <c r="AC13948" s="5" t="s">
        <v>44</v>
      </c>
      <c r="AD13948" s="2"/>
      <c r="AE13948" s="1"/>
    </row>
    <row r="13949" spans="1:31" ht="14.45">
      <c r="A13949" s="11"/>
      <c r="B13949" s="20"/>
      <c r="C13949" s="2" t="s">
        <v>42798</v>
      </c>
      <c r="D13949" s="14" t="s">
        <v>42799</v>
      </c>
      <c r="E13949" s="2" t="s">
        <v>42800</v>
      </c>
      <c r="F13949" s="2" t="s">
        <v>41001</v>
      </c>
      <c r="G13949" s="8">
        <v>171</v>
      </c>
      <c r="H13949" s="5">
        <v>6</v>
      </c>
      <c r="I13949" s="5" t="s">
        <v>1518</v>
      </c>
      <c r="J13949" s="5" t="s">
        <v>40939</v>
      </c>
      <c r="K13949" s="2" t="s">
        <v>40940</v>
      </c>
      <c r="L13949" s="5" t="s">
        <v>40939</v>
      </c>
      <c r="M13949" s="2" t="s">
        <v>40940</v>
      </c>
      <c r="N13949" s="5" t="s">
        <v>36266</v>
      </c>
      <c r="O13949" s="5" t="s">
        <v>38</v>
      </c>
      <c r="P13949" s="5" t="s">
        <v>39</v>
      </c>
      <c r="Q13949" s="5" t="s">
        <v>40</v>
      </c>
      <c r="R13949" s="5" t="s">
        <v>1522</v>
      </c>
      <c r="S13949" s="5" t="s">
        <v>1523</v>
      </c>
      <c r="T13949" s="5" t="s">
        <v>42</v>
      </c>
      <c r="U13949" s="2">
        <v>1.645</v>
      </c>
      <c r="V13949" s="2">
        <v>0.98599999999999999</v>
      </c>
      <c r="W13949" s="2">
        <v>0.02</v>
      </c>
      <c r="X13949" s="2">
        <v>159.1</v>
      </c>
      <c r="Y13949" s="2">
        <v>7.6</v>
      </c>
      <c r="Z13949" s="2">
        <v>16.7</v>
      </c>
      <c r="AA13949" s="5"/>
      <c r="AB13949" s="5" t="s">
        <v>43</v>
      </c>
      <c r="AC13949" s="5" t="s">
        <v>44</v>
      </c>
      <c r="AD13949" s="2"/>
      <c r="AE13949" s="1"/>
    </row>
    <row r="13950" spans="1:31" ht="14.45">
      <c r="A13950" s="11"/>
      <c r="B13950" s="20"/>
      <c r="C13950" s="2" t="s">
        <v>42801</v>
      </c>
      <c r="D13950" s="14" t="s">
        <v>42802</v>
      </c>
      <c r="E13950" s="2" t="s">
        <v>42803</v>
      </c>
      <c r="F13950" s="2" t="s">
        <v>41005</v>
      </c>
      <c r="G13950" s="8">
        <v>171</v>
      </c>
      <c r="H13950" s="5">
        <v>6</v>
      </c>
      <c r="I13950" s="5" t="s">
        <v>1518</v>
      </c>
      <c r="J13950" s="5" t="s">
        <v>40939</v>
      </c>
      <c r="K13950" s="2" t="s">
        <v>40940</v>
      </c>
      <c r="L13950" s="5" t="s">
        <v>40939</v>
      </c>
      <c r="M13950" s="2" t="s">
        <v>40940</v>
      </c>
      <c r="N13950" s="5" t="s">
        <v>36266</v>
      </c>
      <c r="O13950" s="5" t="s">
        <v>38</v>
      </c>
      <c r="P13950" s="5" t="s">
        <v>39</v>
      </c>
      <c r="Q13950" s="5" t="s">
        <v>40</v>
      </c>
      <c r="R13950" s="5" t="s">
        <v>1522</v>
      </c>
      <c r="S13950" s="5" t="s">
        <v>1523</v>
      </c>
      <c r="T13950" s="5" t="s">
        <v>42</v>
      </c>
      <c r="U13950" s="2">
        <v>1.6519999999999999</v>
      </c>
      <c r="V13950" s="2">
        <v>0.99299999999999999</v>
      </c>
      <c r="W13950" s="2">
        <v>0.02</v>
      </c>
      <c r="X13950" s="2">
        <v>159.1</v>
      </c>
      <c r="Y13950" s="2">
        <v>7.6</v>
      </c>
      <c r="Z13950" s="2">
        <v>16.7</v>
      </c>
      <c r="AA13950" s="5"/>
      <c r="AB13950" s="5" t="s">
        <v>43</v>
      </c>
      <c r="AC13950" s="5" t="s">
        <v>44</v>
      </c>
      <c r="AD13950" s="2"/>
      <c r="AE13950" s="1"/>
    </row>
    <row r="13951" spans="1:31" ht="14.45">
      <c r="A13951" s="11"/>
      <c r="B13951" s="20"/>
      <c r="C13951" s="2" t="s">
        <v>42804</v>
      </c>
      <c r="D13951" s="14" t="s">
        <v>42805</v>
      </c>
      <c r="E13951" s="2" t="s">
        <v>42806</v>
      </c>
      <c r="F13951" s="2" t="s">
        <v>41009</v>
      </c>
      <c r="G13951" s="8">
        <v>171</v>
      </c>
      <c r="H13951" s="5">
        <v>6</v>
      </c>
      <c r="I13951" s="5" t="s">
        <v>1518</v>
      </c>
      <c r="J13951" s="5" t="s">
        <v>40939</v>
      </c>
      <c r="K13951" s="2" t="s">
        <v>40940</v>
      </c>
      <c r="L13951" s="5" t="s">
        <v>40939</v>
      </c>
      <c r="M13951" s="2" t="s">
        <v>40940</v>
      </c>
      <c r="N13951" s="5" t="s">
        <v>36266</v>
      </c>
      <c r="O13951" s="5" t="s">
        <v>38</v>
      </c>
      <c r="P13951" s="5" t="s">
        <v>39</v>
      </c>
      <c r="Q13951" s="5" t="s">
        <v>40</v>
      </c>
      <c r="R13951" s="5" t="s">
        <v>1522</v>
      </c>
      <c r="S13951" s="5" t="s">
        <v>1523</v>
      </c>
      <c r="T13951" s="5" t="s">
        <v>42</v>
      </c>
      <c r="U13951" s="2">
        <v>1.6539999999999999</v>
      </c>
      <c r="V13951" s="2">
        <v>0.995</v>
      </c>
      <c r="W13951" s="2">
        <v>0.02</v>
      </c>
      <c r="X13951" s="2">
        <v>159.1</v>
      </c>
      <c r="Y13951" s="2">
        <v>7.6</v>
      </c>
      <c r="Z13951" s="2">
        <v>16.7</v>
      </c>
      <c r="AA13951" s="5"/>
      <c r="AB13951" s="5" t="s">
        <v>43</v>
      </c>
      <c r="AC13951" s="5" t="s">
        <v>44</v>
      </c>
      <c r="AD13951" s="2"/>
      <c r="AE13951" s="1"/>
    </row>
    <row r="13952" spans="1:31" ht="14.45">
      <c r="A13952" s="11"/>
      <c r="B13952" s="20"/>
      <c r="C13952" s="2" t="s">
        <v>42807</v>
      </c>
      <c r="D13952" s="14" t="s">
        <v>42808</v>
      </c>
      <c r="E13952" s="2" t="s">
        <v>42809</v>
      </c>
      <c r="F13952" s="2" t="s">
        <v>41013</v>
      </c>
      <c r="G13952" s="8">
        <v>171</v>
      </c>
      <c r="H13952" s="5">
        <v>6</v>
      </c>
      <c r="I13952" s="5" t="s">
        <v>1518</v>
      </c>
      <c r="J13952" s="5" t="s">
        <v>40939</v>
      </c>
      <c r="K13952" s="2" t="s">
        <v>40940</v>
      </c>
      <c r="L13952" s="5" t="s">
        <v>40939</v>
      </c>
      <c r="M13952" s="2" t="s">
        <v>40940</v>
      </c>
      <c r="N13952" s="5" t="s">
        <v>36266</v>
      </c>
      <c r="O13952" s="5" t="s">
        <v>38</v>
      </c>
      <c r="P13952" s="5" t="s">
        <v>39</v>
      </c>
      <c r="Q13952" s="5" t="s">
        <v>40</v>
      </c>
      <c r="R13952" s="5" t="s">
        <v>1522</v>
      </c>
      <c r="S13952" s="5" t="s">
        <v>1523</v>
      </c>
      <c r="T13952" s="5" t="s">
        <v>42</v>
      </c>
      <c r="U13952" s="2">
        <v>1.661</v>
      </c>
      <c r="V13952" s="2">
        <v>1.002</v>
      </c>
      <c r="W13952" s="2">
        <v>0.02</v>
      </c>
      <c r="X13952" s="2">
        <v>159.1</v>
      </c>
      <c r="Y13952" s="2">
        <v>7.6</v>
      </c>
      <c r="Z13952" s="2">
        <v>16.7</v>
      </c>
      <c r="AA13952" s="5"/>
      <c r="AB13952" s="5" t="s">
        <v>43</v>
      </c>
      <c r="AC13952" s="5" t="s">
        <v>44</v>
      </c>
      <c r="AD13952" s="2"/>
      <c r="AE13952" s="1"/>
    </row>
    <row r="13953" spans="1:31" ht="14.45">
      <c r="A13953" s="11"/>
      <c r="B13953" s="20"/>
      <c r="C13953" s="2" t="s">
        <v>42810</v>
      </c>
      <c r="D13953" s="14" t="s">
        <v>42811</v>
      </c>
      <c r="E13953" s="2" t="s">
        <v>42812</v>
      </c>
      <c r="F13953" s="2" t="s">
        <v>7396</v>
      </c>
      <c r="G13953" s="8">
        <v>149</v>
      </c>
      <c r="H13953" s="5">
        <v>6</v>
      </c>
      <c r="I13953" s="5" t="s">
        <v>1518</v>
      </c>
      <c r="J13953" s="5" t="s">
        <v>40939</v>
      </c>
      <c r="K13953" s="2" t="s">
        <v>40940</v>
      </c>
      <c r="L13953" s="5" t="s">
        <v>40939</v>
      </c>
      <c r="M13953" s="2" t="s">
        <v>40940</v>
      </c>
      <c r="N13953" s="5" t="s">
        <v>36266</v>
      </c>
      <c r="O13953" s="5" t="s">
        <v>38</v>
      </c>
      <c r="P13953" s="5" t="s">
        <v>39</v>
      </c>
      <c r="Q13953" s="5" t="s">
        <v>40</v>
      </c>
      <c r="R13953" s="5" t="s">
        <v>1522</v>
      </c>
      <c r="S13953" s="5" t="s">
        <v>1523</v>
      </c>
      <c r="T13953" s="5" t="s">
        <v>42</v>
      </c>
      <c r="U13953" s="2">
        <v>1.6539999999999999</v>
      </c>
      <c r="V13953" s="2">
        <v>0.995</v>
      </c>
      <c r="W13953" s="2">
        <v>0.02</v>
      </c>
      <c r="X13953" s="2">
        <v>159.1</v>
      </c>
      <c r="Y13953" s="2">
        <v>7.6</v>
      </c>
      <c r="Z13953" s="2">
        <v>16.7</v>
      </c>
      <c r="AA13953" s="5"/>
      <c r="AB13953" s="5" t="s">
        <v>43</v>
      </c>
      <c r="AC13953" s="5" t="s">
        <v>44</v>
      </c>
      <c r="AD13953" s="2"/>
      <c r="AE13953" s="1"/>
    </row>
    <row r="13954" spans="1:31" ht="14.45">
      <c r="A13954" s="11"/>
      <c r="B13954" s="20"/>
      <c r="C13954" s="2" t="s">
        <v>42813</v>
      </c>
      <c r="D13954" s="14" t="s">
        <v>42814</v>
      </c>
      <c r="E13954" s="2" t="s">
        <v>42815</v>
      </c>
      <c r="F13954" s="2" t="s">
        <v>7507</v>
      </c>
      <c r="G13954" s="8">
        <v>149</v>
      </c>
      <c r="H13954" s="5">
        <v>6</v>
      </c>
      <c r="I13954" s="5" t="s">
        <v>1518</v>
      </c>
      <c r="J13954" s="5" t="s">
        <v>40939</v>
      </c>
      <c r="K13954" s="2" t="s">
        <v>40940</v>
      </c>
      <c r="L13954" s="5" t="s">
        <v>40939</v>
      </c>
      <c r="M13954" s="2" t="s">
        <v>40940</v>
      </c>
      <c r="N13954" s="5" t="s">
        <v>36266</v>
      </c>
      <c r="O13954" s="5" t="s">
        <v>38</v>
      </c>
      <c r="P13954" s="5" t="s">
        <v>39</v>
      </c>
      <c r="Q13954" s="5" t="s">
        <v>40</v>
      </c>
      <c r="R13954" s="5" t="s">
        <v>1522</v>
      </c>
      <c r="S13954" s="5" t="s">
        <v>1523</v>
      </c>
      <c r="T13954" s="5" t="s">
        <v>42</v>
      </c>
      <c r="U13954" s="2">
        <v>1.661</v>
      </c>
      <c r="V13954" s="2">
        <v>1.002</v>
      </c>
      <c r="W13954" s="2">
        <v>0.02</v>
      </c>
      <c r="X13954" s="2">
        <v>159.1</v>
      </c>
      <c r="Y13954" s="2">
        <v>7.6</v>
      </c>
      <c r="Z13954" s="2">
        <v>16.7</v>
      </c>
      <c r="AA13954" s="5"/>
      <c r="AB13954" s="5" t="s">
        <v>43</v>
      </c>
      <c r="AC13954" s="5" t="s">
        <v>44</v>
      </c>
      <c r="AD13954" s="2"/>
      <c r="AE13954" s="1"/>
    </row>
    <row r="13955" spans="1:31" ht="14.45">
      <c r="A13955" s="11"/>
      <c r="B13955" s="20"/>
      <c r="C13955" s="2" t="s">
        <v>42816</v>
      </c>
      <c r="D13955" s="14" t="s">
        <v>42817</v>
      </c>
      <c r="E13955" s="2" t="s">
        <v>42818</v>
      </c>
      <c r="F13955" s="2" t="s">
        <v>41023</v>
      </c>
      <c r="G13955" s="8">
        <v>171</v>
      </c>
      <c r="H13955" s="5">
        <v>6</v>
      </c>
      <c r="I13955" s="5" t="s">
        <v>1518</v>
      </c>
      <c r="J13955" s="5" t="s">
        <v>40939</v>
      </c>
      <c r="K13955" s="2" t="s">
        <v>40940</v>
      </c>
      <c r="L13955" s="5" t="s">
        <v>40939</v>
      </c>
      <c r="M13955" s="2" t="s">
        <v>40940</v>
      </c>
      <c r="N13955" s="5" t="s">
        <v>36266</v>
      </c>
      <c r="O13955" s="5" t="s">
        <v>38</v>
      </c>
      <c r="P13955" s="5" t="s">
        <v>39</v>
      </c>
      <c r="Q13955" s="5" t="s">
        <v>40</v>
      </c>
      <c r="R13955" s="5" t="s">
        <v>1522</v>
      </c>
      <c r="S13955" s="5" t="s">
        <v>1523</v>
      </c>
      <c r="T13955" s="5" t="s">
        <v>42</v>
      </c>
      <c r="U13955" s="2">
        <v>1.607</v>
      </c>
      <c r="V13955" s="2">
        <v>0.94799999999999995</v>
      </c>
      <c r="W13955" s="2">
        <v>0.02</v>
      </c>
      <c r="X13955" s="2">
        <v>159.1</v>
      </c>
      <c r="Y13955" s="2">
        <v>7.6</v>
      </c>
      <c r="Z13955" s="2">
        <v>16.7</v>
      </c>
      <c r="AA13955" s="5"/>
      <c r="AB13955" s="5" t="s">
        <v>43</v>
      </c>
      <c r="AC13955" s="5" t="s">
        <v>44</v>
      </c>
      <c r="AD13955" s="2"/>
      <c r="AE13955" s="1"/>
    </row>
    <row r="13956" spans="1:31" ht="14.45">
      <c r="A13956" s="11"/>
      <c r="B13956" s="20"/>
      <c r="C13956" s="2" t="s">
        <v>42819</v>
      </c>
      <c r="D13956" s="14" t="s">
        <v>42820</v>
      </c>
      <c r="E13956" s="2" t="s">
        <v>42821</v>
      </c>
      <c r="F13956" s="2" t="s">
        <v>41027</v>
      </c>
      <c r="G13956" s="8">
        <v>171</v>
      </c>
      <c r="H13956" s="5">
        <v>6</v>
      </c>
      <c r="I13956" s="5" t="s">
        <v>1518</v>
      </c>
      <c r="J13956" s="5" t="s">
        <v>40939</v>
      </c>
      <c r="K13956" s="2" t="s">
        <v>40940</v>
      </c>
      <c r="L13956" s="5" t="s">
        <v>40939</v>
      </c>
      <c r="M13956" s="2" t="s">
        <v>40940</v>
      </c>
      <c r="N13956" s="5" t="s">
        <v>36266</v>
      </c>
      <c r="O13956" s="5" t="s">
        <v>38</v>
      </c>
      <c r="P13956" s="5" t="s">
        <v>39</v>
      </c>
      <c r="Q13956" s="5" t="s">
        <v>40</v>
      </c>
      <c r="R13956" s="5" t="s">
        <v>1522</v>
      </c>
      <c r="S13956" s="5" t="s">
        <v>1523</v>
      </c>
      <c r="T13956" s="5" t="s">
        <v>42</v>
      </c>
      <c r="U13956" s="2">
        <v>1.6140000000000001</v>
      </c>
      <c r="V13956" s="2">
        <v>0.95499999999999996</v>
      </c>
      <c r="W13956" s="2">
        <v>0.02</v>
      </c>
      <c r="X13956" s="2">
        <v>159.1</v>
      </c>
      <c r="Y13956" s="2">
        <v>7.6</v>
      </c>
      <c r="Z13956" s="2">
        <v>16.7</v>
      </c>
      <c r="AA13956" s="5"/>
      <c r="AB13956" s="5" t="s">
        <v>43</v>
      </c>
      <c r="AC13956" s="5" t="s">
        <v>44</v>
      </c>
      <c r="AD13956" s="2"/>
      <c r="AE13956" s="1"/>
    </row>
    <row r="13957" spans="1:31" ht="14.45">
      <c r="A13957" s="11"/>
      <c r="B13957" s="20"/>
      <c r="C13957" s="2" t="s">
        <v>42822</v>
      </c>
      <c r="D13957" s="14" t="s">
        <v>42823</v>
      </c>
      <c r="E13957" s="2" t="s">
        <v>42824</v>
      </c>
      <c r="F13957" s="2" t="s">
        <v>41031</v>
      </c>
      <c r="G13957" s="8">
        <v>171</v>
      </c>
      <c r="H13957" s="5">
        <v>6</v>
      </c>
      <c r="I13957" s="5" t="s">
        <v>1518</v>
      </c>
      <c r="J13957" s="5" t="s">
        <v>40939</v>
      </c>
      <c r="K13957" s="2" t="s">
        <v>40940</v>
      </c>
      <c r="L13957" s="5" t="s">
        <v>40939</v>
      </c>
      <c r="M13957" s="2" t="s">
        <v>40940</v>
      </c>
      <c r="N13957" s="5" t="s">
        <v>36266</v>
      </c>
      <c r="O13957" s="5" t="s">
        <v>38</v>
      </c>
      <c r="P13957" s="5" t="s">
        <v>39</v>
      </c>
      <c r="Q13957" s="5" t="s">
        <v>40</v>
      </c>
      <c r="R13957" s="5" t="s">
        <v>1522</v>
      </c>
      <c r="S13957" s="5" t="s">
        <v>1523</v>
      </c>
      <c r="T13957" s="5" t="s">
        <v>42</v>
      </c>
      <c r="U13957" s="2">
        <v>1.607</v>
      </c>
      <c r="V13957" s="2">
        <v>0.94799999999999995</v>
      </c>
      <c r="W13957" s="2">
        <v>0.02</v>
      </c>
      <c r="X13957" s="2">
        <v>159.1</v>
      </c>
      <c r="Y13957" s="2">
        <v>7.6</v>
      </c>
      <c r="Z13957" s="2">
        <v>16.7</v>
      </c>
      <c r="AA13957" s="5"/>
      <c r="AB13957" s="5" t="s">
        <v>43</v>
      </c>
      <c r="AC13957" s="5" t="s">
        <v>44</v>
      </c>
      <c r="AD13957" s="2"/>
      <c r="AE13957" s="1"/>
    </row>
    <row r="13958" spans="1:31" ht="14.45">
      <c r="A13958" s="11"/>
      <c r="B13958" s="20"/>
      <c r="C13958" s="2" t="s">
        <v>42825</v>
      </c>
      <c r="D13958" s="14" t="s">
        <v>42826</v>
      </c>
      <c r="E13958" s="2" t="s">
        <v>42827</v>
      </c>
      <c r="F13958" s="2" t="s">
        <v>41035</v>
      </c>
      <c r="G13958" s="8">
        <v>171</v>
      </c>
      <c r="H13958" s="5">
        <v>6</v>
      </c>
      <c r="I13958" s="5" t="s">
        <v>1518</v>
      </c>
      <c r="J13958" s="5" t="s">
        <v>40939</v>
      </c>
      <c r="K13958" s="2" t="s">
        <v>40940</v>
      </c>
      <c r="L13958" s="5" t="s">
        <v>40939</v>
      </c>
      <c r="M13958" s="2" t="s">
        <v>40940</v>
      </c>
      <c r="N13958" s="5" t="s">
        <v>36266</v>
      </c>
      <c r="O13958" s="5" t="s">
        <v>38</v>
      </c>
      <c r="P13958" s="5" t="s">
        <v>39</v>
      </c>
      <c r="Q13958" s="5" t="s">
        <v>40</v>
      </c>
      <c r="R13958" s="5" t="s">
        <v>1522</v>
      </c>
      <c r="S13958" s="5" t="s">
        <v>1523</v>
      </c>
      <c r="T13958" s="5" t="s">
        <v>42</v>
      </c>
      <c r="U13958" s="2">
        <v>1.6140000000000001</v>
      </c>
      <c r="V13958" s="2">
        <v>0.95499999999999996</v>
      </c>
      <c r="W13958" s="2">
        <v>0.02</v>
      </c>
      <c r="X13958" s="2">
        <v>159.1</v>
      </c>
      <c r="Y13958" s="2">
        <v>7.6</v>
      </c>
      <c r="Z13958" s="2">
        <v>16.7</v>
      </c>
      <c r="AA13958" s="5"/>
      <c r="AB13958" s="5" t="s">
        <v>43</v>
      </c>
      <c r="AC13958" s="5" t="s">
        <v>44</v>
      </c>
      <c r="AD13958" s="2"/>
      <c r="AE13958" s="1"/>
    </row>
    <row r="13959" spans="1:31" ht="14.45">
      <c r="A13959" s="11"/>
      <c r="B13959" s="20"/>
      <c r="C13959" s="2" t="s">
        <v>42828</v>
      </c>
      <c r="D13959" s="14" t="s">
        <v>42829</v>
      </c>
      <c r="E13959" s="2" t="s">
        <v>42830</v>
      </c>
      <c r="F13959" s="2" t="s">
        <v>7449</v>
      </c>
      <c r="G13959" s="8">
        <v>171</v>
      </c>
      <c r="H13959" s="5">
        <v>6</v>
      </c>
      <c r="I13959" s="5" t="s">
        <v>1518</v>
      </c>
      <c r="J13959" s="5" t="s">
        <v>40939</v>
      </c>
      <c r="K13959" s="2" t="s">
        <v>40940</v>
      </c>
      <c r="L13959" s="5" t="s">
        <v>40939</v>
      </c>
      <c r="M13959" s="2" t="s">
        <v>40940</v>
      </c>
      <c r="N13959" s="5" t="s">
        <v>36266</v>
      </c>
      <c r="O13959" s="5" t="s">
        <v>38</v>
      </c>
      <c r="P13959" s="5" t="s">
        <v>39</v>
      </c>
      <c r="Q13959" s="5" t="s">
        <v>40</v>
      </c>
      <c r="R13959" s="5" t="s">
        <v>1522</v>
      </c>
      <c r="S13959" s="5" t="s">
        <v>1523</v>
      </c>
      <c r="T13959" s="5" t="s">
        <v>42</v>
      </c>
      <c r="U13959" s="2">
        <v>1.607</v>
      </c>
      <c r="V13959" s="2">
        <v>0.94799999999999995</v>
      </c>
      <c r="W13959" s="2">
        <v>0.02</v>
      </c>
      <c r="X13959" s="2">
        <v>159.1</v>
      </c>
      <c r="Y13959" s="2">
        <v>7.6</v>
      </c>
      <c r="Z13959" s="2">
        <v>16.7</v>
      </c>
      <c r="AA13959" s="5"/>
      <c r="AB13959" s="5" t="s">
        <v>43</v>
      </c>
      <c r="AC13959" s="5" t="s">
        <v>44</v>
      </c>
      <c r="AD13959" s="2"/>
      <c r="AE13959" s="1"/>
    </row>
    <row r="13960" spans="1:31" ht="14.45">
      <c r="A13960" s="11"/>
      <c r="B13960" s="20"/>
      <c r="C13960" s="2" t="s">
        <v>42831</v>
      </c>
      <c r="D13960" s="14" t="s">
        <v>42832</v>
      </c>
      <c r="E13960" s="2" t="s">
        <v>42833</v>
      </c>
      <c r="F13960" s="2" t="s">
        <v>7581</v>
      </c>
      <c r="G13960" s="8">
        <v>171</v>
      </c>
      <c r="H13960" s="5">
        <v>6</v>
      </c>
      <c r="I13960" s="5" t="s">
        <v>1518</v>
      </c>
      <c r="J13960" s="5" t="s">
        <v>40939</v>
      </c>
      <c r="K13960" s="2" t="s">
        <v>40940</v>
      </c>
      <c r="L13960" s="5" t="s">
        <v>40939</v>
      </c>
      <c r="M13960" s="2" t="s">
        <v>40940</v>
      </c>
      <c r="N13960" s="5" t="s">
        <v>36266</v>
      </c>
      <c r="O13960" s="5" t="s">
        <v>38</v>
      </c>
      <c r="P13960" s="5" t="s">
        <v>39</v>
      </c>
      <c r="Q13960" s="5" t="s">
        <v>40</v>
      </c>
      <c r="R13960" s="5" t="s">
        <v>1522</v>
      </c>
      <c r="S13960" s="5" t="s">
        <v>1523</v>
      </c>
      <c r="T13960" s="5" t="s">
        <v>42</v>
      </c>
      <c r="U13960" s="2">
        <v>1.6140000000000001</v>
      </c>
      <c r="V13960" s="2">
        <v>0.95499999999999996</v>
      </c>
      <c r="W13960" s="2">
        <v>0.02</v>
      </c>
      <c r="X13960" s="2">
        <v>159.1</v>
      </c>
      <c r="Y13960" s="2">
        <v>7.6</v>
      </c>
      <c r="Z13960" s="2">
        <v>16.7</v>
      </c>
      <c r="AA13960" s="5"/>
      <c r="AB13960" s="5" t="s">
        <v>43</v>
      </c>
      <c r="AC13960" s="5" t="s">
        <v>44</v>
      </c>
      <c r="AD13960" s="2"/>
      <c r="AE13960" s="1"/>
    </row>
    <row r="13961" spans="1:31" ht="14.45">
      <c r="A13961" s="11"/>
      <c r="B13961" s="20"/>
      <c r="C13961" s="2" t="s">
        <v>42834</v>
      </c>
      <c r="D13961" s="14" t="s">
        <v>42835</v>
      </c>
      <c r="E13961" s="2" t="s">
        <v>42836</v>
      </c>
      <c r="F13961" s="2" t="s">
        <v>41045</v>
      </c>
      <c r="G13961" s="8">
        <v>171</v>
      </c>
      <c r="H13961" s="5">
        <v>6</v>
      </c>
      <c r="I13961" s="5" t="s">
        <v>1518</v>
      </c>
      <c r="J13961" s="5" t="s">
        <v>40939</v>
      </c>
      <c r="K13961" s="2" t="s">
        <v>40940</v>
      </c>
      <c r="L13961" s="5" t="s">
        <v>40939</v>
      </c>
      <c r="M13961" s="2" t="s">
        <v>40940</v>
      </c>
      <c r="N13961" s="5" t="s">
        <v>36266</v>
      </c>
      <c r="O13961" s="5" t="s">
        <v>38</v>
      </c>
      <c r="P13961" s="5" t="s">
        <v>39</v>
      </c>
      <c r="Q13961" s="5" t="s">
        <v>40</v>
      </c>
      <c r="R13961" s="5" t="s">
        <v>1522</v>
      </c>
      <c r="S13961" s="5" t="s">
        <v>1523</v>
      </c>
      <c r="T13961" s="5" t="s">
        <v>42</v>
      </c>
      <c r="U13961" s="2">
        <v>1.6639999999999999</v>
      </c>
      <c r="V13961" s="2">
        <v>1.0049999999999999</v>
      </c>
      <c r="W13961" s="2">
        <v>0.02</v>
      </c>
      <c r="X13961" s="2">
        <v>159.1</v>
      </c>
      <c r="Y13961" s="2">
        <v>7.6</v>
      </c>
      <c r="Z13961" s="2">
        <v>16.7</v>
      </c>
      <c r="AA13961" s="5"/>
      <c r="AB13961" s="5" t="s">
        <v>43</v>
      </c>
      <c r="AC13961" s="5" t="s">
        <v>44</v>
      </c>
      <c r="AD13961" s="2"/>
      <c r="AE13961" s="1"/>
    </row>
    <row r="13962" spans="1:31" ht="14.45">
      <c r="A13962" s="11"/>
      <c r="B13962" s="20"/>
      <c r="C13962" s="2" t="s">
        <v>42837</v>
      </c>
      <c r="D13962" s="14" t="s">
        <v>42838</v>
      </c>
      <c r="E13962" s="2" t="s">
        <v>42839</v>
      </c>
      <c r="F13962" s="2" t="s">
        <v>41049</v>
      </c>
      <c r="G13962" s="8">
        <v>171</v>
      </c>
      <c r="H13962" s="5">
        <v>6</v>
      </c>
      <c r="I13962" s="5" t="s">
        <v>1518</v>
      </c>
      <c r="J13962" s="5" t="s">
        <v>40939</v>
      </c>
      <c r="K13962" s="2" t="s">
        <v>40940</v>
      </c>
      <c r="L13962" s="5" t="s">
        <v>40939</v>
      </c>
      <c r="M13962" s="2" t="s">
        <v>40940</v>
      </c>
      <c r="N13962" s="5" t="s">
        <v>36266</v>
      </c>
      <c r="O13962" s="5" t="s">
        <v>38</v>
      </c>
      <c r="P13962" s="5" t="s">
        <v>39</v>
      </c>
      <c r="Q13962" s="5" t="s">
        <v>40</v>
      </c>
      <c r="R13962" s="5" t="s">
        <v>1522</v>
      </c>
      <c r="S13962" s="5" t="s">
        <v>1523</v>
      </c>
      <c r="T13962" s="5" t="s">
        <v>42</v>
      </c>
      <c r="U13962" s="2">
        <v>1.671</v>
      </c>
      <c r="V13962" s="2">
        <v>1.012</v>
      </c>
      <c r="W13962" s="2">
        <v>0.02</v>
      </c>
      <c r="X13962" s="2">
        <v>159.1</v>
      </c>
      <c r="Y13962" s="2">
        <v>7.6</v>
      </c>
      <c r="Z13962" s="2">
        <v>16.7</v>
      </c>
      <c r="AA13962" s="5"/>
      <c r="AB13962" s="5" t="s">
        <v>43</v>
      </c>
      <c r="AC13962" s="5" t="s">
        <v>44</v>
      </c>
      <c r="AD13962" s="2"/>
      <c r="AE13962" s="1"/>
    </row>
    <row r="13963" spans="1:31" ht="14.45">
      <c r="A13963" s="11"/>
      <c r="B13963" s="20"/>
      <c r="C13963" s="2" t="s">
        <v>42840</v>
      </c>
      <c r="D13963" s="14" t="s">
        <v>42841</v>
      </c>
      <c r="E13963" s="2" t="s">
        <v>42842</v>
      </c>
      <c r="F13963" s="2" t="s">
        <v>7204</v>
      </c>
      <c r="G13963" s="8">
        <v>161</v>
      </c>
      <c r="H13963" s="5">
        <v>6</v>
      </c>
      <c r="I13963" s="5" t="s">
        <v>1518</v>
      </c>
      <c r="J13963" s="5" t="s">
        <v>40939</v>
      </c>
      <c r="K13963" s="2" t="s">
        <v>40940</v>
      </c>
      <c r="L13963" s="5" t="s">
        <v>40939</v>
      </c>
      <c r="M13963" s="2" t="s">
        <v>40940</v>
      </c>
      <c r="N13963" s="5" t="s">
        <v>36266</v>
      </c>
      <c r="O13963" s="5" t="s">
        <v>38</v>
      </c>
      <c r="P13963" s="5" t="s">
        <v>39</v>
      </c>
      <c r="Q13963" s="5" t="s">
        <v>40</v>
      </c>
      <c r="R13963" s="5" t="s">
        <v>1522</v>
      </c>
      <c r="S13963" s="5" t="s">
        <v>1523</v>
      </c>
      <c r="T13963" s="5" t="s">
        <v>42</v>
      </c>
      <c r="U13963" s="2">
        <v>1.81</v>
      </c>
      <c r="V13963" s="2">
        <v>1.0269999999999999</v>
      </c>
      <c r="W13963" s="2">
        <v>2.1999999999999999E-2</v>
      </c>
      <c r="X13963" s="2">
        <v>176.8</v>
      </c>
      <c r="Y13963" s="2">
        <v>7.6</v>
      </c>
      <c r="Z13963" s="2">
        <v>16.7</v>
      </c>
      <c r="AA13963" s="5"/>
      <c r="AB13963" s="5" t="s">
        <v>43</v>
      </c>
      <c r="AC13963" s="5" t="s">
        <v>44</v>
      </c>
      <c r="AD13963" s="2"/>
      <c r="AE13963" s="1"/>
    </row>
    <row r="13964" spans="1:31" ht="14.45">
      <c r="A13964" s="11"/>
      <c r="B13964" s="20"/>
      <c r="C13964" s="2" t="s">
        <v>42843</v>
      </c>
      <c r="D13964" s="14" t="s">
        <v>42844</v>
      </c>
      <c r="E13964" s="2" t="s">
        <v>42845</v>
      </c>
      <c r="F13964" s="2" t="s">
        <v>7514</v>
      </c>
      <c r="G13964" s="8">
        <v>161</v>
      </c>
      <c r="H13964" s="5">
        <v>6</v>
      </c>
      <c r="I13964" s="5" t="s">
        <v>1518</v>
      </c>
      <c r="J13964" s="5" t="s">
        <v>40939</v>
      </c>
      <c r="K13964" s="2" t="s">
        <v>40940</v>
      </c>
      <c r="L13964" s="5" t="s">
        <v>40939</v>
      </c>
      <c r="M13964" s="2" t="s">
        <v>40940</v>
      </c>
      <c r="N13964" s="5" t="s">
        <v>36266</v>
      </c>
      <c r="O13964" s="5" t="s">
        <v>38</v>
      </c>
      <c r="P13964" s="5" t="s">
        <v>39</v>
      </c>
      <c r="Q13964" s="5" t="s">
        <v>40</v>
      </c>
      <c r="R13964" s="5" t="s">
        <v>1522</v>
      </c>
      <c r="S13964" s="5" t="s">
        <v>1523</v>
      </c>
      <c r="T13964" s="5" t="s">
        <v>42</v>
      </c>
      <c r="U13964" s="2">
        <v>1.8160000000000001</v>
      </c>
      <c r="V13964" s="2">
        <v>1.0329999999999999</v>
      </c>
      <c r="W13964" s="2">
        <v>2.1999999999999999E-2</v>
      </c>
      <c r="X13964" s="2">
        <v>176.8</v>
      </c>
      <c r="Y13964" s="2">
        <v>7.6</v>
      </c>
      <c r="Z13964" s="2">
        <v>16.7</v>
      </c>
      <c r="AA13964" s="5"/>
      <c r="AB13964" s="5" t="s">
        <v>43</v>
      </c>
      <c r="AC13964" s="5" t="s">
        <v>44</v>
      </c>
      <c r="AD13964" s="2"/>
      <c r="AE13964" s="1"/>
    </row>
    <row r="13965" spans="1:31" ht="14.45">
      <c r="A13965" s="11"/>
      <c r="B13965" s="20"/>
      <c r="C13965" s="2" t="s">
        <v>42846</v>
      </c>
      <c r="D13965" s="14" t="s">
        <v>42847</v>
      </c>
      <c r="E13965" s="2" t="s">
        <v>42848</v>
      </c>
      <c r="F13965" s="2" t="s">
        <v>41221</v>
      </c>
      <c r="G13965" s="8">
        <v>186</v>
      </c>
      <c r="H13965" s="5">
        <v>6</v>
      </c>
      <c r="I13965" s="5" t="s">
        <v>1518</v>
      </c>
      <c r="J13965" s="5" t="s">
        <v>40939</v>
      </c>
      <c r="K13965" s="2" t="s">
        <v>40940</v>
      </c>
      <c r="L13965" s="5" t="s">
        <v>40939</v>
      </c>
      <c r="M13965" s="2" t="s">
        <v>40940</v>
      </c>
      <c r="N13965" s="5" t="s">
        <v>36266</v>
      </c>
      <c r="O13965" s="5" t="s">
        <v>38</v>
      </c>
      <c r="P13965" s="5" t="s">
        <v>39</v>
      </c>
      <c r="Q13965" s="5" t="s">
        <v>40</v>
      </c>
      <c r="R13965" s="5" t="s">
        <v>1522</v>
      </c>
      <c r="S13965" s="5" t="s">
        <v>1523</v>
      </c>
      <c r="T13965" s="5" t="s">
        <v>42</v>
      </c>
      <c r="U13965" s="2">
        <v>1.831</v>
      </c>
      <c r="V13965" s="2">
        <v>1.048</v>
      </c>
      <c r="W13965" s="2">
        <v>2.1999999999999999E-2</v>
      </c>
      <c r="X13965" s="2">
        <v>176.8</v>
      </c>
      <c r="Y13965" s="2">
        <v>7.6</v>
      </c>
      <c r="Z13965" s="2">
        <v>16.7</v>
      </c>
      <c r="AA13965" s="5"/>
      <c r="AB13965" s="5" t="s">
        <v>43</v>
      </c>
      <c r="AC13965" s="5" t="s">
        <v>44</v>
      </c>
      <c r="AD13965" s="2"/>
      <c r="AE13965" s="1"/>
    </row>
    <row r="13966" spans="1:31" ht="14.45">
      <c r="A13966" s="11"/>
      <c r="B13966" s="20"/>
      <c r="C13966" s="2" t="s">
        <v>42849</v>
      </c>
      <c r="D13966" s="14" t="s">
        <v>42850</v>
      </c>
      <c r="E13966" s="2" t="s">
        <v>42851</v>
      </c>
      <c r="F13966" s="2" t="s">
        <v>40951</v>
      </c>
      <c r="G13966" s="8">
        <v>186</v>
      </c>
      <c r="H13966" s="5">
        <v>6</v>
      </c>
      <c r="I13966" s="5" t="s">
        <v>1518</v>
      </c>
      <c r="J13966" s="5" t="s">
        <v>40939</v>
      </c>
      <c r="K13966" s="2" t="s">
        <v>40940</v>
      </c>
      <c r="L13966" s="5" t="s">
        <v>40939</v>
      </c>
      <c r="M13966" s="2" t="s">
        <v>40940</v>
      </c>
      <c r="N13966" s="5" t="s">
        <v>36266</v>
      </c>
      <c r="O13966" s="5" t="s">
        <v>38</v>
      </c>
      <c r="P13966" s="5" t="s">
        <v>39</v>
      </c>
      <c r="Q13966" s="5" t="s">
        <v>40</v>
      </c>
      <c r="R13966" s="5" t="s">
        <v>1522</v>
      </c>
      <c r="S13966" s="5" t="s">
        <v>1523</v>
      </c>
      <c r="T13966" s="5" t="s">
        <v>42</v>
      </c>
      <c r="U13966" s="2">
        <v>1.837</v>
      </c>
      <c r="V13966" s="2">
        <v>1.054</v>
      </c>
      <c r="W13966" s="2">
        <v>2.1999999999999999E-2</v>
      </c>
      <c r="X13966" s="2">
        <v>176.8</v>
      </c>
      <c r="Y13966" s="2">
        <v>7.6</v>
      </c>
      <c r="Z13966" s="2">
        <v>16.7</v>
      </c>
      <c r="AA13966" s="5"/>
      <c r="AB13966" s="5" t="s">
        <v>43</v>
      </c>
      <c r="AC13966" s="5" t="s">
        <v>44</v>
      </c>
      <c r="AD13966" s="2"/>
      <c r="AE13966" s="1"/>
    </row>
    <row r="13967" spans="1:31" ht="14.45">
      <c r="A13967" s="11"/>
      <c r="B13967" s="20"/>
      <c r="C13967" s="2" t="s">
        <v>42852</v>
      </c>
      <c r="D13967" s="14" t="s">
        <v>42853</v>
      </c>
      <c r="E13967" s="2" t="s">
        <v>42854</v>
      </c>
      <c r="F13967" s="2" t="s">
        <v>7208</v>
      </c>
      <c r="G13967" s="8">
        <v>161</v>
      </c>
      <c r="H13967" s="5">
        <v>6</v>
      </c>
      <c r="I13967" s="5" t="s">
        <v>1518</v>
      </c>
      <c r="J13967" s="5" t="s">
        <v>40939</v>
      </c>
      <c r="K13967" s="2" t="s">
        <v>40940</v>
      </c>
      <c r="L13967" s="5" t="s">
        <v>40939</v>
      </c>
      <c r="M13967" s="2" t="s">
        <v>40940</v>
      </c>
      <c r="N13967" s="5" t="s">
        <v>36266</v>
      </c>
      <c r="O13967" s="5" t="s">
        <v>38</v>
      </c>
      <c r="P13967" s="5" t="s">
        <v>39</v>
      </c>
      <c r="Q13967" s="5" t="s">
        <v>40</v>
      </c>
      <c r="R13967" s="5" t="s">
        <v>1522</v>
      </c>
      <c r="S13967" s="5" t="s">
        <v>1523</v>
      </c>
      <c r="T13967" s="5" t="s">
        <v>42</v>
      </c>
      <c r="U13967" s="2">
        <v>1.841</v>
      </c>
      <c r="V13967" s="2">
        <v>1.0580000000000001</v>
      </c>
      <c r="W13967" s="2">
        <v>2.1999999999999999E-2</v>
      </c>
      <c r="X13967" s="2">
        <v>176.8</v>
      </c>
      <c r="Y13967" s="2">
        <v>7.6</v>
      </c>
      <c r="Z13967" s="2">
        <v>16.7</v>
      </c>
      <c r="AA13967" s="5"/>
      <c r="AB13967" s="5" t="s">
        <v>43</v>
      </c>
      <c r="AC13967" s="5" t="s">
        <v>44</v>
      </c>
      <c r="AD13967" s="2"/>
      <c r="AE13967" s="1"/>
    </row>
    <row r="13968" spans="1:31" ht="14.45">
      <c r="A13968" s="11"/>
      <c r="B13968" s="20"/>
      <c r="C13968" s="2" t="s">
        <v>42855</v>
      </c>
      <c r="D13968" s="14" t="s">
        <v>42856</v>
      </c>
      <c r="E13968" s="2" t="s">
        <v>42857</v>
      </c>
      <c r="F13968" s="2" t="s">
        <v>7521</v>
      </c>
      <c r="G13968" s="8">
        <v>161</v>
      </c>
      <c r="H13968" s="5">
        <v>6</v>
      </c>
      <c r="I13968" s="5" t="s">
        <v>1518</v>
      </c>
      <c r="J13968" s="5" t="s">
        <v>40939</v>
      </c>
      <c r="K13968" s="2" t="s">
        <v>40940</v>
      </c>
      <c r="L13968" s="5" t="s">
        <v>40939</v>
      </c>
      <c r="M13968" s="2" t="s">
        <v>40940</v>
      </c>
      <c r="N13968" s="5" t="s">
        <v>36266</v>
      </c>
      <c r="O13968" s="5" t="s">
        <v>38</v>
      </c>
      <c r="P13968" s="5" t="s">
        <v>39</v>
      </c>
      <c r="Q13968" s="5" t="s">
        <v>40</v>
      </c>
      <c r="R13968" s="5" t="s">
        <v>1522</v>
      </c>
      <c r="S13968" s="5" t="s">
        <v>1523</v>
      </c>
      <c r="T13968" s="5" t="s">
        <v>42</v>
      </c>
      <c r="U13968" s="2">
        <v>1.847</v>
      </c>
      <c r="V13968" s="2">
        <v>1.0640000000000001</v>
      </c>
      <c r="W13968" s="2">
        <v>2.1999999999999999E-2</v>
      </c>
      <c r="X13968" s="2">
        <v>176.8</v>
      </c>
      <c r="Y13968" s="2">
        <v>7.6</v>
      </c>
      <c r="Z13968" s="2">
        <v>16.7</v>
      </c>
      <c r="AA13968" s="5"/>
      <c r="AB13968" s="5" t="s">
        <v>43</v>
      </c>
      <c r="AC13968" s="5" t="s">
        <v>44</v>
      </c>
      <c r="AD13968" s="2"/>
      <c r="AE13968" s="1"/>
    </row>
    <row r="13969" spans="1:31" ht="14.45">
      <c r="A13969" s="11"/>
      <c r="B13969" s="20"/>
      <c r="C13969" s="2" t="s">
        <v>42858</v>
      </c>
      <c r="D13969" s="14" t="s">
        <v>42859</v>
      </c>
      <c r="E13969" s="2" t="s">
        <v>42860</v>
      </c>
      <c r="F13969" s="2" t="s">
        <v>36273</v>
      </c>
      <c r="G13969" s="8">
        <v>161</v>
      </c>
      <c r="H13969" s="5">
        <v>6</v>
      </c>
      <c r="I13969" s="5" t="s">
        <v>1518</v>
      </c>
      <c r="J13969" s="5" t="s">
        <v>40939</v>
      </c>
      <c r="K13969" s="2" t="s">
        <v>40940</v>
      </c>
      <c r="L13969" s="5" t="s">
        <v>40939</v>
      </c>
      <c r="M13969" s="2" t="s">
        <v>40940</v>
      </c>
      <c r="N13969" s="5" t="s">
        <v>36266</v>
      </c>
      <c r="O13969" s="5" t="s">
        <v>38</v>
      </c>
      <c r="P13969" s="5" t="s">
        <v>39</v>
      </c>
      <c r="Q13969" s="5" t="s">
        <v>40</v>
      </c>
      <c r="R13969" s="5" t="s">
        <v>1522</v>
      </c>
      <c r="S13969" s="5" t="s">
        <v>1523</v>
      </c>
      <c r="T13969" s="5" t="s">
        <v>42</v>
      </c>
      <c r="U13969" s="2">
        <v>1.8620000000000001</v>
      </c>
      <c r="V13969" s="2">
        <v>1.079</v>
      </c>
      <c r="W13969" s="2">
        <v>2.1999999999999999E-2</v>
      </c>
      <c r="X13969" s="2">
        <v>176.8</v>
      </c>
      <c r="Y13969" s="2">
        <v>7.6</v>
      </c>
      <c r="Z13969" s="2">
        <v>16.7</v>
      </c>
      <c r="AA13969" s="5"/>
      <c r="AB13969" s="5" t="s">
        <v>43</v>
      </c>
      <c r="AC13969" s="5" t="s">
        <v>44</v>
      </c>
      <c r="AD13969" s="2"/>
      <c r="AE13969" s="1"/>
    </row>
    <row r="13970" spans="1:31" ht="14.45">
      <c r="A13970" s="11"/>
      <c r="B13970" s="20"/>
      <c r="C13970" s="2" t="s">
        <v>42861</v>
      </c>
      <c r="D13970" s="14" t="s">
        <v>42862</v>
      </c>
      <c r="E13970" s="2" t="s">
        <v>42863</v>
      </c>
      <c r="F13970" s="2" t="s">
        <v>36277</v>
      </c>
      <c r="G13970" s="8">
        <v>161</v>
      </c>
      <c r="H13970" s="5">
        <v>6</v>
      </c>
      <c r="I13970" s="5" t="s">
        <v>1518</v>
      </c>
      <c r="J13970" s="5" t="s">
        <v>40939</v>
      </c>
      <c r="K13970" s="2" t="s">
        <v>40940</v>
      </c>
      <c r="L13970" s="5" t="s">
        <v>40939</v>
      </c>
      <c r="M13970" s="2" t="s">
        <v>40940</v>
      </c>
      <c r="N13970" s="5" t="s">
        <v>36266</v>
      </c>
      <c r="O13970" s="5" t="s">
        <v>38</v>
      </c>
      <c r="P13970" s="5" t="s">
        <v>39</v>
      </c>
      <c r="Q13970" s="5" t="s">
        <v>40</v>
      </c>
      <c r="R13970" s="5" t="s">
        <v>1522</v>
      </c>
      <c r="S13970" s="5" t="s">
        <v>1523</v>
      </c>
      <c r="T13970" s="5" t="s">
        <v>42</v>
      </c>
      <c r="U13970" s="2">
        <v>1.8680000000000001</v>
      </c>
      <c r="V13970" s="2">
        <v>1.085</v>
      </c>
      <c r="W13970" s="2">
        <v>2.1999999999999999E-2</v>
      </c>
      <c r="X13970" s="2">
        <v>176.8</v>
      </c>
      <c r="Y13970" s="2">
        <v>7.6</v>
      </c>
      <c r="Z13970" s="2">
        <v>16.7</v>
      </c>
      <c r="AA13970" s="5"/>
      <c r="AB13970" s="5" t="s">
        <v>43</v>
      </c>
      <c r="AC13970" s="5" t="s">
        <v>44</v>
      </c>
      <c r="AD13970" s="2"/>
      <c r="AE13970" s="1"/>
    </row>
    <row r="13971" spans="1:31" ht="14.45">
      <c r="A13971" s="11"/>
      <c r="B13971" s="20"/>
      <c r="C13971" s="2" t="s">
        <v>42864</v>
      </c>
      <c r="D13971" s="14" t="s">
        <v>42865</v>
      </c>
      <c r="E13971" s="2" t="s">
        <v>42866</v>
      </c>
      <c r="F13971" s="2" t="s">
        <v>40971</v>
      </c>
      <c r="G13971" s="8">
        <v>186</v>
      </c>
      <c r="H13971" s="5">
        <v>6</v>
      </c>
      <c r="I13971" s="5" t="s">
        <v>1518</v>
      </c>
      <c r="J13971" s="5" t="s">
        <v>40939</v>
      </c>
      <c r="K13971" s="2" t="s">
        <v>40940</v>
      </c>
      <c r="L13971" s="5" t="s">
        <v>40939</v>
      </c>
      <c r="M13971" s="2" t="s">
        <v>40940</v>
      </c>
      <c r="N13971" s="5" t="s">
        <v>36266</v>
      </c>
      <c r="O13971" s="5" t="s">
        <v>38</v>
      </c>
      <c r="P13971" s="5" t="s">
        <v>39</v>
      </c>
      <c r="Q13971" s="5" t="s">
        <v>40</v>
      </c>
      <c r="R13971" s="5" t="s">
        <v>1522</v>
      </c>
      <c r="S13971" s="5" t="s">
        <v>1523</v>
      </c>
      <c r="T13971" s="5" t="s">
        <v>42</v>
      </c>
      <c r="U13971" s="2">
        <v>1.847</v>
      </c>
      <c r="V13971" s="2">
        <v>1.0640000000000001</v>
      </c>
      <c r="W13971" s="2">
        <v>2.1999999999999999E-2</v>
      </c>
      <c r="X13971" s="2">
        <v>176.8</v>
      </c>
      <c r="Y13971" s="2">
        <v>7.6</v>
      </c>
      <c r="Z13971" s="2">
        <v>16.7</v>
      </c>
      <c r="AA13971" s="5"/>
      <c r="AB13971" s="5" t="s">
        <v>43</v>
      </c>
      <c r="AC13971" s="5" t="s">
        <v>44</v>
      </c>
      <c r="AD13971" s="2"/>
      <c r="AE13971" s="1"/>
    </row>
    <row r="13972" spans="1:31" ht="14.45">
      <c r="A13972" s="11"/>
      <c r="B13972" s="20"/>
      <c r="C13972" s="2" t="s">
        <v>42867</v>
      </c>
      <c r="D13972" s="14" t="s">
        <v>42868</v>
      </c>
      <c r="E13972" s="2" t="s">
        <v>42869</v>
      </c>
      <c r="F13972" s="2" t="s">
        <v>40975</v>
      </c>
      <c r="G13972" s="8">
        <v>186</v>
      </c>
      <c r="H13972" s="5">
        <v>6</v>
      </c>
      <c r="I13972" s="5" t="s">
        <v>1518</v>
      </c>
      <c r="J13972" s="5" t="s">
        <v>40939</v>
      </c>
      <c r="K13972" s="2" t="s">
        <v>40940</v>
      </c>
      <c r="L13972" s="5" t="s">
        <v>40939</v>
      </c>
      <c r="M13972" s="2" t="s">
        <v>40940</v>
      </c>
      <c r="N13972" s="5" t="s">
        <v>36266</v>
      </c>
      <c r="O13972" s="5" t="s">
        <v>38</v>
      </c>
      <c r="P13972" s="5" t="s">
        <v>39</v>
      </c>
      <c r="Q13972" s="5" t="s">
        <v>40</v>
      </c>
      <c r="R13972" s="5" t="s">
        <v>1522</v>
      </c>
      <c r="S13972" s="5" t="s">
        <v>1523</v>
      </c>
      <c r="T13972" s="5" t="s">
        <v>42</v>
      </c>
      <c r="U13972" s="2">
        <v>1.841</v>
      </c>
      <c r="V13972" s="2">
        <v>1.0580000000000001</v>
      </c>
      <c r="W13972" s="2">
        <v>2.1999999999999999E-2</v>
      </c>
      <c r="X13972" s="2">
        <v>176.8</v>
      </c>
      <c r="Y13972" s="2">
        <v>7.6</v>
      </c>
      <c r="Z13972" s="2">
        <v>16.7</v>
      </c>
      <c r="AA13972" s="5"/>
      <c r="AB13972" s="5" t="s">
        <v>43</v>
      </c>
      <c r="AC13972" s="5" t="s">
        <v>44</v>
      </c>
      <c r="AD13972" s="2"/>
      <c r="AE13972" s="1"/>
    </row>
    <row r="13973" spans="1:31" ht="14.45">
      <c r="A13973" s="11"/>
      <c r="B13973" s="20"/>
      <c r="C13973" s="2" t="s">
        <v>42870</v>
      </c>
      <c r="D13973" s="14" t="s">
        <v>42871</v>
      </c>
      <c r="E13973" s="2" t="s">
        <v>42872</v>
      </c>
      <c r="F13973" s="2" t="s">
        <v>40979</v>
      </c>
      <c r="G13973" s="8">
        <v>186</v>
      </c>
      <c r="H13973" s="5">
        <v>6</v>
      </c>
      <c r="I13973" s="5" t="s">
        <v>1518</v>
      </c>
      <c r="J13973" s="5" t="s">
        <v>40939</v>
      </c>
      <c r="K13973" s="2" t="s">
        <v>40940</v>
      </c>
      <c r="L13973" s="5" t="s">
        <v>40939</v>
      </c>
      <c r="M13973" s="2" t="s">
        <v>40940</v>
      </c>
      <c r="N13973" s="5" t="s">
        <v>36266</v>
      </c>
      <c r="O13973" s="5" t="s">
        <v>38</v>
      </c>
      <c r="P13973" s="5" t="s">
        <v>39</v>
      </c>
      <c r="Q13973" s="5" t="s">
        <v>40</v>
      </c>
      <c r="R13973" s="5" t="s">
        <v>1522</v>
      </c>
      <c r="S13973" s="5" t="s">
        <v>1523</v>
      </c>
      <c r="T13973" s="5" t="s">
        <v>42</v>
      </c>
      <c r="U13973" s="2">
        <v>1.847</v>
      </c>
      <c r="V13973" s="2">
        <v>1.0640000000000001</v>
      </c>
      <c r="W13973" s="2">
        <v>2.1999999999999999E-2</v>
      </c>
      <c r="X13973" s="2">
        <v>176.8</v>
      </c>
      <c r="Y13973" s="2">
        <v>7.6</v>
      </c>
      <c r="Z13973" s="2">
        <v>16.7</v>
      </c>
      <c r="AA13973" s="5"/>
      <c r="AB13973" s="5" t="s">
        <v>43</v>
      </c>
      <c r="AC13973" s="5" t="s">
        <v>44</v>
      </c>
      <c r="AD13973" s="2"/>
      <c r="AE13973" s="1"/>
    </row>
    <row r="13974" spans="1:31" ht="14.45">
      <c r="A13974" s="11"/>
      <c r="B13974" s="20"/>
      <c r="C13974" s="2" t="s">
        <v>42873</v>
      </c>
      <c r="D13974" s="14" t="s">
        <v>42874</v>
      </c>
      <c r="E13974" s="2" t="s">
        <v>42875</v>
      </c>
      <c r="F13974" s="2" t="s">
        <v>7539</v>
      </c>
      <c r="G13974" s="8">
        <v>186</v>
      </c>
      <c r="H13974" s="5">
        <v>6</v>
      </c>
      <c r="I13974" s="5" t="s">
        <v>1518</v>
      </c>
      <c r="J13974" s="5" t="s">
        <v>40939</v>
      </c>
      <c r="K13974" s="2" t="s">
        <v>40940</v>
      </c>
      <c r="L13974" s="5" t="s">
        <v>40939</v>
      </c>
      <c r="M13974" s="2" t="s">
        <v>40940</v>
      </c>
      <c r="N13974" s="5" t="s">
        <v>36266</v>
      </c>
      <c r="O13974" s="5" t="s">
        <v>38</v>
      </c>
      <c r="P13974" s="5" t="s">
        <v>39</v>
      </c>
      <c r="Q13974" s="5" t="s">
        <v>40</v>
      </c>
      <c r="R13974" s="5" t="s">
        <v>1522</v>
      </c>
      <c r="S13974" s="5" t="s">
        <v>1523</v>
      </c>
      <c r="T13974" s="5" t="s">
        <v>42</v>
      </c>
      <c r="U13974" s="2">
        <v>1.7889999999999999</v>
      </c>
      <c r="V13974" s="2">
        <v>1.006</v>
      </c>
      <c r="W13974" s="2">
        <v>2.1999999999999999E-2</v>
      </c>
      <c r="X13974" s="2">
        <v>176.8</v>
      </c>
      <c r="Y13974" s="2">
        <v>7.6</v>
      </c>
      <c r="Z13974" s="2">
        <v>16.7</v>
      </c>
      <c r="AA13974" s="5"/>
      <c r="AB13974" s="5" t="s">
        <v>43</v>
      </c>
      <c r="AC13974" s="5" t="s">
        <v>44</v>
      </c>
      <c r="AD13974" s="2"/>
      <c r="AE13974" s="1"/>
    </row>
    <row r="13975" spans="1:31" ht="14.45">
      <c r="A13975" s="11"/>
      <c r="B13975" s="20"/>
      <c r="C13975" s="2" t="s">
        <v>42876</v>
      </c>
      <c r="D13975" s="14" t="s">
        <v>42877</v>
      </c>
      <c r="E13975" s="2" t="s">
        <v>42878</v>
      </c>
      <c r="F13975" s="2" t="s">
        <v>40989</v>
      </c>
      <c r="G13975" s="8">
        <v>186</v>
      </c>
      <c r="H13975" s="5">
        <v>6</v>
      </c>
      <c r="I13975" s="5" t="s">
        <v>1518</v>
      </c>
      <c r="J13975" s="5" t="s">
        <v>40939</v>
      </c>
      <c r="K13975" s="2" t="s">
        <v>40940</v>
      </c>
      <c r="L13975" s="5" t="s">
        <v>40939</v>
      </c>
      <c r="M13975" s="2" t="s">
        <v>40940</v>
      </c>
      <c r="N13975" s="5" t="s">
        <v>36266</v>
      </c>
      <c r="O13975" s="5" t="s">
        <v>38</v>
      </c>
      <c r="P13975" s="5" t="s">
        <v>39</v>
      </c>
      <c r="Q13975" s="5" t="s">
        <v>40</v>
      </c>
      <c r="R13975" s="5" t="s">
        <v>1522</v>
      </c>
      <c r="S13975" s="5" t="s">
        <v>1523</v>
      </c>
      <c r="T13975" s="5" t="s">
        <v>42</v>
      </c>
      <c r="U13975" s="2">
        <v>1.841</v>
      </c>
      <c r="V13975" s="2">
        <v>1.0580000000000001</v>
      </c>
      <c r="W13975" s="2">
        <v>2.1999999999999999E-2</v>
      </c>
      <c r="X13975" s="2">
        <v>176.8</v>
      </c>
      <c r="Y13975" s="2">
        <v>7.6</v>
      </c>
      <c r="Z13975" s="2">
        <v>16.7</v>
      </c>
      <c r="AA13975" s="5"/>
      <c r="AB13975" s="5" t="s">
        <v>43</v>
      </c>
      <c r="AC13975" s="5" t="s">
        <v>44</v>
      </c>
      <c r="AD13975" s="2"/>
      <c r="AE13975" s="1"/>
    </row>
    <row r="13976" spans="1:31" ht="14.45">
      <c r="A13976" s="11"/>
      <c r="B13976" s="20"/>
      <c r="C13976" s="2" t="s">
        <v>42879</v>
      </c>
      <c r="D13976" s="14" t="s">
        <v>42880</v>
      </c>
      <c r="E13976" s="2" t="s">
        <v>42881</v>
      </c>
      <c r="F13976" s="2" t="s">
        <v>40993</v>
      </c>
      <c r="G13976" s="8">
        <v>186</v>
      </c>
      <c r="H13976" s="5">
        <v>6</v>
      </c>
      <c r="I13976" s="5" t="s">
        <v>1518</v>
      </c>
      <c r="J13976" s="5" t="s">
        <v>40939</v>
      </c>
      <c r="K13976" s="2" t="s">
        <v>40940</v>
      </c>
      <c r="L13976" s="5" t="s">
        <v>40939</v>
      </c>
      <c r="M13976" s="2" t="s">
        <v>40940</v>
      </c>
      <c r="N13976" s="5" t="s">
        <v>36266</v>
      </c>
      <c r="O13976" s="5" t="s">
        <v>38</v>
      </c>
      <c r="P13976" s="5" t="s">
        <v>39</v>
      </c>
      <c r="Q13976" s="5" t="s">
        <v>40</v>
      </c>
      <c r="R13976" s="5" t="s">
        <v>1522</v>
      </c>
      <c r="S13976" s="5" t="s">
        <v>1523</v>
      </c>
      <c r="T13976" s="5" t="s">
        <v>42</v>
      </c>
      <c r="U13976" s="2">
        <v>1.847</v>
      </c>
      <c r="V13976" s="2">
        <v>1.0640000000000001</v>
      </c>
      <c r="W13976" s="2">
        <v>2.1999999999999999E-2</v>
      </c>
      <c r="X13976" s="2">
        <v>176.8</v>
      </c>
      <c r="Y13976" s="2">
        <v>7.6</v>
      </c>
      <c r="Z13976" s="2">
        <v>16.7</v>
      </c>
      <c r="AA13976" s="5"/>
      <c r="AB13976" s="5" t="s">
        <v>43</v>
      </c>
      <c r="AC13976" s="5" t="s">
        <v>44</v>
      </c>
      <c r="AD13976" s="2"/>
      <c r="AE13976" s="1"/>
    </row>
    <row r="13977" spans="1:31" ht="14.45">
      <c r="A13977" s="11"/>
      <c r="B13977" s="20"/>
      <c r="C13977" s="2" t="s">
        <v>42882</v>
      </c>
      <c r="D13977" s="14" t="s">
        <v>42883</v>
      </c>
      <c r="E13977" s="2" t="s">
        <v>42884</v>
      </c>
      <c r="F13977" s="2" t="s">
        <v>40997</v>
      </c>
      <c r="G13977" s="8">
        <v>186</v>
      </c>
      <c r="H13977" s="5">
        <v>6</v>
      </c>
      <c r="I13977" s="5" t="s">
        <v>1518</v>
      </c>
      <c r="J13977" s="5" t="s">
        <v>40939</v>
      </c>
      <c r="K13977" s="2" t="s">
        <v>40940</v>
      </c>
      <c r="L13977" s="5" t="s">
        <v>40939</v>
      </c>
      <c r="M13977" s="2" t="s">
        <v>40940</v>
      </c>
      <c r="N13977" s="5" t="s">
        <v>36266</v>
      </c>
      <c r="O13977" s="5" t="s">
        <v>38</v>
      </c>
      <c r="P13977" s="5" t="s">
        <v>39</v>
      </c>
      <c r="Q13977" s="5" t="s">
        <v>40</v>
      </c>
      <c r="R13977" s="5" t="s">
        <v>1522</v>
      </c>
      <c r="S13977" s="5" t="s">
        <v>1523</v>
      </c>
      <c r="T13977" s="5" t="s">
        <v>42</v>
      </c>
      <c r="U13977" s="2">
        <v>1.7989999999999999</v>
      </c>
      <c r="V13977" s="2">
        <v>1.016</v>
      </c>
      <c r="W13977" s="2">
        <v>2.1999999999999999E-2</v>
      </c>
      <c r="X13977" s="2">
        <v>176.8</v>
      </c>
      <c r="Y13977" s="2">
        <v>7.6</v>
      </c>
      <c r="Z13977" s="2">
        <v>16.7</v>
      </c>
      <c r="AA13977" s="5"/>
      <c r="AB13977" s="5" t="s">
        <v>43</v>
      </c>
      <c r="AC13977" s="5" t="s">
        <v>44</v>
      </c>
      <c r="AD13977" s="2"/>
      <c r="AE13977" s="1"/>
    </row>
    <row r="13978" spans="1:31" ht="14.45">
      <c r="A13978" s="11"/>
      <c r="B13978" s="20"/>
      <c r="C13978" s="2" t="s">
        <v>42885</v>
      </c>
      <c r="D13978" s="14" t="s">
        <v>42886</v>
      </c>
      <c r="E13978" s="2" t="s">
        <v>42887</v>
      </c>
      <c r="F13978" s="2" t="s">
        <v>41005</v>
      </c>
      <c r="G13978" s="8">
        <v>186</v>
      </c>
      <c r="H13978" s="5">
        <v>6</v>
      </c>
      <c r="I13978" s="5" t="s">
        <v>1518</v>
      </c>
      <c r="J13978" s="5" t="s">
        <v>40939</v>
      </c>
      <c r="K13978" s="2" t="s">
        <v>40940</v>
      </c>
      <c r="L13978" s="5" t="s">
        <v>40939</v>
      </c>
      <c r="M13978" s="2" t="s">
        <v>40940</v>
      </c>
      <c r="N13978" s="5" t="s">
        <v>36266</v>
      </c>
      <c r="O13978" s="5" t="s">
        <v>38</v>
      </c>
      <c r="P13978" s="5" t="s">
        <v>39</v>
      </c>
      <c r="Q13978" s="5" t="s">
        <v>40</v>
      </c>
      <c r="R13978" s="5" t="s">
        <v>1522</v>
      </c>
      <c r="S13978" s="5" t="s">
        <v>1523</v>
      </c>
      <c r="T13978" s="5" t="s">
        <v>42</v>
      </c>
      <c r="U13978" s="2">
        <v>1.847</v>
      </c>
      <c r="V13978" s="2">
        <v>1.0640000000000001</v>
      </c>
      <c r="W13978" s="2">
        <v>2.1999999999999999E-2</v>
      </c>
      <c r="X13978" s="2">
        <v>176.8</v>
      </c>
      <c r="Y13978" s="2">
        <v>7.6</v>
      </c>
      <c r="Z13978" s="2">
        <v>16.7</v>
      </c>
      <c r="AA13978" s="5"/>
      <c r="AB13978" s="5" t="s">
        <v>43</v>
      </c>
      <c r="AC13978" s="5" t="s">
        <v>44</v>
      </c>
      <c r="AD13978" s="2"/>
      <c r="AE13978" s="1"/>
    </row>
    <row r="13979" spans="1:31" ht="14.45">
      <c r="A13979" s="11"/>
      <c r="B13979" s="20"/>
      <c r="C13979" s="2" t="s">
        <v>42888</v>
      </c>
      <c r="D13979" s="14" t="s">
        <v>42889</v>
      </c>
      <c r="E13979" s="2" t="s">
        <v>42890</v>
      </c>
      <c r="F13979" s="2" t="s">
        <v>7396</v>
      </c>
      <c r="G13979" s="8">
        <v>161</v>
      </c>
      <c r="H13979" s="5">
        <v>6</v>
      </c>
      <c r="I13979" s="5" t="s">
        <v>1518</v>
      </c>
      <c r="J13979" s="5" t="s">
        <v>40939</v>
      </c>
      <c r="K13979" s="2" t="s">
        <v>40940</v>
      </c>
      <c r="L13979" s="5" t="s">
        <v>40939</v>
      </c>
      <c r="M13979" s="2" t="s">
        <v>40940</v>
      </c>
      <c r="N13979" s="5" t="s">
        <v>36266</v>
      </c>
      <c r="O13979" s="5" t="s">
        <v>38</v>
      </c>
      <c r="P13979" s="5" t="s">
        <v>39</v>
      </c>
      <c r="Q13979" s="5" t="s">
        <v>40</v>
      </c>
      <c r="R13979" s="5" t="s">
        <v>1522</v>
      </c>
      <c r="S13979" s="5" t="s">
        <v>1523</v>
      </c>
      <c r="T13979" s="5" t="s">
        <v>42</v>
      </c>
      <c r="U13979" s="2">
        <v>1.851</v>
      </c>
      <c r="V13979" s="2">
        <v>1.0680000000000001</v>
      </c>
      <c r="W13979" s="2">
        <v>2.1999999999999999E-2</v>
      </c>
      <c r="X13979" s="2">
        <v>176.8</v>
      </c>
      <c r="Y13979" s="2">
        <v>7.6</v>
      </c>
      <c r="Z13979" s="2">
        <v>16.7</v>
      </c>
      <c r="AA13979" s="5"/>
      <c r="AB13979" s="5" t="s">
        <v>43</v>
      </c>
      <c r="AC13979" s="5" t="s">
        <v>44</v>
      </c>
      <c r="AD13979" s="2"/>
      <c r="AE13979" s="1"/>
    </row>
    <row r="13980" spans="1:31" ht="14.45">
      <c r="A13980" s="11"/>
      <c r="B13980" s="20"/>
      <c r="C13980" s="2" t="s">
        <v>42891</v>
      </c>
      <c r="D13980" s="14" t="s">
        <v>42892</v>
      </c>
      <c r="E13980" s="2" t="s">
        <v>42893</v>
      </c>
      <c r="F13980" s="2" t="s">
        <v>7507</v>
      </c>
      <c r="G13980" s="8">
        <v>161</v>
      </c>
      <c r="H13980" s="5">
        <v>6</v>
      </c>
      <c r="I13980" s="5" t="s">
        <v>1518</v>
      </c>
      <c r="J13980" s="5" t="s">
        <v>40939</v>
      </c>
      <c r="K13980" s="2" t="s">
        <v>40940</v>
      </c>
      <c r="L13980" s="5" t="s">
        <v>40939</v>
      </c>
      <c r="M13980" s="2" t="s">
        <v>40940</v>
      </c>
      <c r="N13980" s="5" t="s">
        <v>36266</v>
      </c>
      <c r="O13980" s="5" t="s">
        <v>38</v>
      </c>
      <c r="P13980" s="5" t="s">
        <v>39</v>
      </c>
      <c r="Q13980" s="5" t="s">
        <v>40</v>
      </c>
      <c r="R13980" s="5" t="s">
        <v>1522</v>
      </c>
      <c r="S13980" s="5" t="s">
        <v>1523</v>
      </c>
      <c r="T13980" s="5" t="s">
        <v>42</v>
      </c>
      <c r="U13980" s="2">
        <v>1.857</v>
      </c>
      <c r="V13980" s="2">
        <v>1.0740000000000001</v>
      </c>
      <c r="W13980" s="2">
        <v>2.1999999999999999E-2</v>
      </c>
      <c r="X13980" s="2">
        <v>176.8</v>
      </c>
      <c r="Y13980" s="2">
        <v>7.6</v>
      </c>
      <c r="Z13980" s="2">
        <v>16.7</v>
      </c>
      <c r="AA13980" s="5"/>
      <c r="AB13980" s="5" t="s">
        <v>43</v>
      </c>
      <c r="AC13980" s="5" t="s">
        <v>44</v>
      </c>
      <c r="AD13980" s="2"/>
      <c r="AE13980" s="1"/>
    </row>
    <row r="13981" spans="1:31" ht="14.45">
      <c r="A13981" s="11"/>
      <c r="B13981" s="20"/>
      <c r="C13981" s="2" t="s">
        <v>42894</v>
      </c>
      <c r="D13981" s="14" t="s">
        <v>42895</v>
      </c>
      <c r="E13981" s="2" t="s">
        <v>42896</v>
      </c>
      <c r="F13981" s="2" t="s">
        <v>41031</v>
      </c>
      <c r="G13981" s="8">
        <v>186</v>
      </c>
      <c r="H13981" s="5">
        <v>6</v>
      </c>
      <c r="I13981" s="5" t="s">
        <v>1518</v>
      </c>
      <c r="J13981" s="5" t="s">
        <v>40939</v>
      </c>
      <c r="K13981" s="2" t="s">
        <v>40940</v>
      </c>
      <c r="L13981" s="5" t="s">
        <v>40939</v>
      </c>
      <c r="M13981" s="2" t="s">
        <v>40940</v>
      </c>
      <c r="N13981" s="5" t="s">
        <v>36266</v>
      </c>
      <c r="O13981" s="5" t="s">
        <v>38</v>
      </c>
      <c r="P13981" s="5" t="s">
        <v>39</v>
      </c>
      <c r="Q13981" s="5" t="s">
        <v>40</v>
      </c>
      <c r="R13981" s="5" t="s">
        <v>1522</v>
      </c>
      <c r="S13981" s="5" t="s">
        <v>1523</v>
      </c>
      <c r="T13981" s="5" t="s">
        <v>42</v>
      </c>
      <c r="U13981" s="2">
        <v>1.7989999999999999</v>
      </c>
      <c r="V13981" s="2">
        <v>1.016</v>
      </c>
      <c r="W13981" s="2">
        <v>2.1999999999999999E-2</v>
      </c>
      <c r="X13981" s="2">
        <v>176.8</v>
      </c>
      <c r="Y13981" s="2">
        <v>7.6</v>
      </c>
      <c r="Z13981" s="2">
        <v>16.7</v>
      </c>
      <c r="AA13981" s="5"/>
      <c r="AB13981" s="5" t="s">
        <v>43</v>
      </c>
      <c r="AC13981" s="5" t="s">
        <v>44</v>
      </c>
      <c r="AD13981" s="2"/>
      <c r="AE13981" s="1"/>
    </row>
    <row r="13982" spans="1:31" ht="14.45">
      <c r="A13982" s="11"/>
      <c r="B13982" s="20"/>
      <c r="C13982" s="2" t="s">
        <v>42897</v>
      </c>
      <c r="D13982" s="14" t="s">
        <v>42898</v>
      </c>
      <c r="E13982" s="2" t="s">
        <v>42899</v>
      </c>
      <c r="F13982" s="2" t="s">
        <v>41035</v>
      </c>
      <c r="G13982" s="8">
        <v>186</v>
      </c>
      <c r="H13982" s="5">
        <v>6</v>
      </c>
      <c r="I13982" s="5" t="s">
        <v>1518</v>
      </c>
      <c r="J13982" s="5" t="s">
        <v>40939</v>
      </c>
      <c r="K13982" s="2" t="s">
        <v>40940</v>
      </c>
      <c r="L13982" s="5" t="s">
        <v>40939</v>
      </c>
      <c r="M13982" s="2" t="s">
        <v>40940</v>
      </c>
      <c r="N13982" s="5" t="s">
        <v>36266</v>
      </c>
      <c r="O13982" s="5" t="s">
        <v>38</v>
      </c>
      <c r="P13982" s="5" t="s">
        <v>39</v>
      </c>
      <c r="Q13982" s="5" t="s">
        <v>40</v>
      </c>
      <c r="R13982" s="5" t="s">
        <v>1522</v>
      </c>
      <c r="S13982" s="5" t="s">
        <v>1523</v>
      </c>
      <c r="T13982" s="5" t="s">
        <v>42</v>
      </c>
      <c r="U13982" s="2">
        <v>1.8049999999999999</v>
      </c>
      <c r="V13982" s="2">
        <v>1.022</v>
      </c>
      <c r="W13982" s="2">
        <v>2.1999999999999999E-2</v>
      </c>
      <c r="X13982" s="2">
        <v>176.8</v>
      </c>
      <c r="Y13982" s="2">
        <v>7.6</v>
      </c>
      <c r="Z13982" s="2">
        <v>16.7</v>
      </c>
      <c r="AA13982" s="5"/>
      <c r="AB13982" s="5" t="s">
        <v>43</v>
      </c>
      <c r="AC13982" s="5" t="s">
        <v>44</v>
      </c>
      <c r="AD13982" s="2"/>
      <c r="AE13982" s="1"/>
    </row>
    <row r="13983" spans="1:31" ht="14.45">
      <c r="A13983" s="11"/>
      <c r="B13983" s="20"/>
      <c r="C13983" s="2" t="s">
        <v>42900</v>
      </c>
      <c r="D13983" s="14" t="s">
        <v>42901</v>
      </c>
      <c r="E13983" s="2" t="s">
        <v>42902</v>
      </c>
      <c r="F13983" s="2" t="s">
        <v>7581</v>
      </c>
      <c r="G13983" s="8">
        <v>186</v>
      </c>
      <c r="H13983" s="5">
        <v>6</v>
      </c>
      <c r="I13983" s="5" t="s">
        <v>1518</v>
      </c>
      <c r="J13983" s="5" t="s">
        <v>40939</v>
      </c>
      <c r="K13983" s="2" t="s">
        <v>40940</v>
      </c>
      <c r="L13983" s="5" t="s">
        <v>40939</v>
      </c>
      <c r="M13983" s="2" t="s">
        <v>40940</v>
      </c>
      <c r="N13983" s="5" t="s">
        <v>36266</v>
      </c>
      <c r="O13983" s="5" t="s">
        <v>38</v>
      </c>
      <c r="P13983" s="5" t="s">
        <v>39</v>
      </c>
      <c r="Q13983" s="5" t="s">
        <v>40</v>
      </c>
      <c r="R13983" s="5" t="s">
        <v>1522</v>
      </c>
      <c r="S13983" s="5" t="s">
        <v>1523</v>
      </c>
      <c r="T13983" s="5" t="s">
        <v>42</v>
      </c>
      <c r="U13983" s="2">
        <v>1.8049999999999999</v>
      </c>
      <c r="V13983" s="2">
        <v>1.022</v>
      </c>
      <c r="W13983" s="2">
        <v>2.1999999999999999E-2</v>
      </c>
      <c r="X13983" s="2">
        <v>176.8</v>
      </c>
      <c r="Y13983" s="2">
        <v>7.6</v>
      </c>
      <c r="Z13983" s="2">
        <v>16.7</v>
      </c>
      <c r="AA13983" s="5"/>
      <c r="AB13983" s="5" t="s">
        <v>43</v>
      </c>
      <c r="AC13983" s="5" t="s">
        <v>44</v>
      </c>
      <c r="AD13983" s="2"/>
      <c r="AE13983" s="1"/>
    </row>
    <row r="13984" spans="1:31" ht="14.45">
      <c r="A13984" s="11"/>
      <c r="B13984" s="20"/>
      <c r="C13984" s="2" t="s">
        <v>42903</v>
      </c>
      <c r="D13984" s="14" t="s">
        <v>42904</v>
      </c>
      <c r="E13984" s="2" t="s">
        <v>42905</v>
      </c>
      <c r="F13984" s="2" t="s">
        <v>41045</v>
      </c>
      <c r="G13984" s="8">
        <v>186</v>
      </c>
      <c r="H13984" s="5">
        <v>6</v>
      </c>
      <c r="I13984" s="5" t="s">
        <v>1518</v>
      </c>
      <c r="J13984" s="5" t="s">
        <v>40939</v>
      </c>
      <c r="K13984" s="2" t="s">
        <v>40940</v>
      </c>
      <c r="L13984" s="5" t="s">
        <v>40939</v>
      </c>
      <c r="M13984" s="2" t="s">
        <v>40940</v>
      </c>
      <c r="N13984" s="5" t="s">
        <v>36266</v>
      </c>
      <c r="O13984" s="5" t="s">
        <v>38</v>
      </c>
      <c r="P13984" s="5" t="s">
        <v>39</v>
      </c>
      <c r="Q13984" s="5" t="s">
        <v>40</v>
      </c>
      <c r="R13984" s="5" t="s">
        <v>1522</v>
      </c>
      <c r="S13984" s="5" t="s">
        <v>1523</v>
      </c>
      <c r="T13984" s="5" t="s">
        <v>42</v>
      </c>
      <c r="U13984" s="2">
        <v>1.8620000000000001</v>
      </c>
      <c r="V13984" s="2">
        <v>1.079</v>
      </c>
      <c r="W13984" s="2">
        <v>2.1999999999999999E-2</v>
      </c>
      <c r="X13984" s="2">
        <v>176.8</v>
      </c>
      <c r="Y13984" s="2">
        <v>7.6</v>
      </c>
      <c r="Z13984" s="2">
        <v>16.7</v>
      </c>
      <c r="AA13984" s="5"/>
      <c r="AB13984" s="5" t="s">
        <v>43</v>
      </c>
      <c r="AC13984" s="5" t="s">
        <v>44</v>
      </c>
      <c r="AD13984" s="2"/>
      <c r="AE13984" s="1"/>
    </row>
    <row r="13985" spans="1:31" ht="14.45">
      <c r="A13985" s="11"/>
      <c r="B13985" s="20"/>
      <c r="C13985" s="2" t="s">
        <v>42906</v>
      </c>
      <c r="D13985" s="14" t="s">
        <v>42907</v>
      </c>
      <c r="E13985" s="2" t="s">
        <v>42908</v>
      </c>
      <c r="F13985" s="2" t="s">
        <v>41049</v>
      </c>
      <c r="G13985" s="8">
        <v>186</v>
      </c>
      <c r="H13985" s="5">
        <v>6</v>
      </c>
      <c r="I13985" s="5" t="s">
        <v>1518</v>
      </c>
      <c r="J13985" s="5" t="s">
        <v>40939</v>
      </c>
      <c r="K13985" s="2" t="s">
        <v>40940</v>
      </c>
      <c r="L13985" s="5" t="s">
        <v>40939</v>
      </c>
      <c r="M13985" s="2" t="s">
        <v>40940</v>
      </c>
      <c r="N13985" s="5" t="s">
        <v>36266</v>
      </c>
      <c r="O13985" s="5" t="s">
        <v>38</v>
      </c>
      <c r="P13985" s="5" t="s">
        <v>39</v>
      </c>
      <c r="Q13985" s="5" t="s">
        <v>40</v>
      </c>
      <c r="R13985" s="5" t="s">
        <v>1522</v>
      </c>
      <c r="S13985" s="5" t="s">
        <v>1523</v>
      </c>
      <c r="T13985" s="5" t="s">
        <v>42</v>
      </c>
      <c r="U13985" s="2">
        <v>1.8680000000000001</v>
      </c>
      <c r="V13985" s="2">
        <v>1.085</v>
      </c>
      <c r="W13985" s="2">
        <v>2.1999999999999999E-2</v>
      </c>
      <c r="X13985" s="2">
        <v>176.8</v>
      </c>
      <c r="Y13985" s="2">
        <v>7.6</v>
      </c>
      <c r="Z13985" s="2">
        <v>16.7</v>
      </c>
      <c r="AA13985" s="5"/>
      <c r="AB13985" s="5" t="s">
        <v>43</v>
      </c>
      <c r="AC13985" s="5" t="s">
        <v>44</v>
      </c>
      <c r="AD13985" s="2"/>
      <c r="AE13985" s="1"/>
    </row>
    <row r="13986" spans="1:31" ht="14.45">
      <c r="A13986" s="11"/>
      <c r="B13986" s="20"/>
      <c r="C13986" s="2" t="s">
        <v>42909</v>
      </c>
      <c r="D13986" s="14" t="s">
        <v>42910</v>
      </c>
      <c r="E13986" s="2" t="s">
        <v>42911</v>
      </c>
      <c r="F13986" s="2" t="s">
        <v>7204</v>
      </c>
      <c r="G13986" s="8">
        <v>146</v>
      </c>
      <c r="H13986" s="5">
        <v>6</v>
      </c>
      <c r="I13986" s="5" t="s">
        <v>1518</v>
      </c>
      <c r="J13986" s="5" t="s">
        <v>40939</v>
      </c>
      <c r="K13986" s="2" t="s">
        <v>40940</v>
      </c>
      <c r="L13986" s="5" t="s">
        <v>40939</v>
      </c>
      <c r="M13986" s="2" t="s">
        <v>40940</v>
      </c>
      <c r="N13986" s="5" t="s">
        <v>36266</v>
      </c>
      <c r="O13986" s="5" t="s">
        <v>38</v>
      </c>
      <c r="P13986" s="5" t="s">
        <v>39</v>
      </c>
      <c r="Q13986" s="5" t="s">
        <v>40</v>
      </c>
      <c r="R13986" s="5" t="s">
        <v>1522</v>
      </c>
      <c r="S13986" s="5" t="s">
        <v>1523</v>
      </c>
      <c r="T13986" s="5" t="s">
        <v>42</v>
      </c>
      <c r="U13986" s="2">
        <v>1.3120000000000001</v>
      </c>
      <c r="V13986" s="2">
        <v>0.83099999999999996</v>
      </c>
      <c r="W13986" s="2">
        <v>1.2999999999999999E-2</v>
      </c>
      <c r="X13986" s="2">
        <v>99.1</v>
      </c>
      <c r="Y13986" s="2">
        <v>7.6</v>
      </c>
      <c r="Z13986" s="2">
        <v>16.7</v>
      </c>
      <c r="AA13986" s="5"/>
      <c r="AB13986" s="5" t="s">
        <v>43</v>
      </c>
      <c r="AC13986" s="5" t="s">
        <v>44</v>
      </c>
      <c r="AD13986" s="2"/>
      <c r="AE13986" s="1"/>
    </row>
    <row r="13987" spans="1:31" ht="14.45">
      <c r="A13987" s="11"/>
      <c r="B13987" s="20"/>
      <c r="C13987" s="2" t="s">
        <v>42912</v>
      </c>
      <c r="D13987" s="14" t="s">
        <v>42913</v>
      </c>
      <c r="E13987" s="2" t="s">
        <v>42914</v>
      </c>
      <c r="F13987" s="2" t="s">
        <v>7514</v>
      </c>
      <c r="G13987" s="8">
        <v>146</v>
      </c>
      <c r="H13987" s="5">
        <v>6</v>
      </c>
      <c r="I13987" s="5" t="s">
        <v>1518</v>
      </c>
      <c r="J13987" s="5" t="s">
        <v>40939</v>
      </c>
      <c r="K13987" s="2" t="s">
        <v>40940</v>
      </c>
      <c r="L13987" s="5" t="s">
        <v>40939</v>
      </c>
      <c r="M13987" s="2" t="s">
        <v>40940</v>
      </c>
      <c r="N13987" s="5" t="s">
        <v>36266</v>
      </c>
      <c r="O13987" s="5" t="s">
        <v>38</v>
      </c>
      <c r="P13987" s="5" t="s">
        <v>39</v>
      </c>
      <c r="Q13987" s="5" t="s">
        <v>40</v>
      </c>
      <c r="R13987" s="5" t="s">
        <v>1522</v>
      </c>
      <c r="S13987" s="5" t="s">
        <v>1523</v>
      </c>
      <c r="T13987" s="5" t="s">
        <v>42</v>
      </c>
      <c r="U13987" s="2">
        <v>1.325</v>
      </c>
      <c r="V13987" s="2">
        <v>0.84399999999999997</v>
      </c>
      <c r="W13987" s="2">
        <v>1.2999999999999999E-2</v>
      </c>
      <c r="X13987" s="2">
        <v>99.1</v>
      </c>
      <c r="Y13987" s="2">
        <v>7.6</v>
      </c>
      <c r="Z13987" s="2">
        <v>16.7</v>
      </c>
      <c r="AA13987" s="5"/>
      <c r="AB13987" s="5" t="s">
        <v>43</v>
      </c>
      <c r="AC13987" s="5" t="s">
        <v>44</v>
      </c>
      <c r="AD13987" s="2"/>
      <c r="AE13987" s="1"/>
    </row>
    <row r="13988" spans="1:31" ht="14.45">
      <c r="A13988" s="11"/>
      <c r="B13988" s="20"/>
      <c r="C13988" s="2" t="s">
        <v>42915</v>
      </c>
      <c r="D13988" s="14" t="s">
        <v>42916</v>
      </c>
      <c r="E13988" s="2" t="s">
        <v>42917</v>
      </c>
      <c r="F13988" s="2" t="s">
        <v>40947</v>
      </c>
      <c r="G13988" s="8">
        <v>168</v>
      </c>
      <c r="H13988" s="5">
        <v>6</v>
      </c>
      <c r="I13988" s="5" t="s">
        <v>1518</v>
      </c>
      <c r="J13988" s="5" t="s">
        <v>40939</v>
      </c>
      <c r="K13988" s="2" t="s">
        <v>40940</v>
      </c>
      <c r="L13988" s="5" t="s">
        <v>40939</v>
      </c>
      <c r="M13988" s="2" t="s">
        <v>40940</v>
      </c>
      <c r="N13988" s="5" t="s">
        <v>36266</v>
      </c>
      <c r="O13988" s="5" t="s">
        <v>38</v>
      </c>
      <c r="P13988" s="5" t="s">
        <v>39</v>
      </c>
      <c r="Q13988" s="5" t="s">
        <v>40</v>
      </c>
      <c r="R13988" s="5" t="s">
        <v>1522</v>
      </c>
      <c r="S13988" s="5" t="s">
        <v>1523</v>
      </c>
      <c r="T13988" s="5" t="s">
        <v>42</v>
      </c>
      <c r="U13988" s="2">
        <v>1.3260000000000001</v>
      </c>
      <c r="V13988" s="2">
        <v>0.84499999999999997</v>
      </c>
      <c r="W13988" s="2">
        <v>1.2999999999999999E-2</v>
      </c>
      <c r="X13988" s="2">
        <v>99.1</v>
      </c>
      <c r="Y13988" s="2">
        <v>7.6</v>
      </c>
      <c r="Z13988" s="2">
        <v>16.7</v>
      </c>
      <c r="AA13988" s="5"/>
      <c r="AB13988" s="5" t="s">
        <v>43</v>
      </c>
      <c r="AC13988" s="5" t="s">
        <v>44</v>
      </c>
      <c r="AD13988" s="2"/>
      <c r="AE13988" s="1"/>
    </row>
    <row r="13989" spans="1:31" ht="14.45">
      <c r="A13989" s="11"/>
      <c r="B13989" s="20"/>
      <c r="C13989" s="2" t="s">
        <v>42918</v>
      </c>
      <c r="D13989" s="14" t="s">
        <v>42919</v>
      </c>
      <c r="E13989" s="2" t="s">
        <v>42920</v>
      </c>
      <c r="F13989" s="2" t="s">
        <v>40951</v>
      </c>
      <c r="G13989" s="8">
        <v>168</v>
      </c>
      <c r="H13989" s="5">
        <v>6</v>
      </c>
      <c r="I13989" s="5" t="s">
        <v>1518</v>
      </c>
      <c r="J13989" s="5" t="s">
        <v>40939</v>
      </c>
      <c r="K13989" s="2" t="s">
        <v>40940</v>
      </c>
      <c r="L13989" s="5" t="s">
        <v>40939</v>
      </c>
      <c r="M13989" s="2" t="s">
        <v>40940</v>
      </c>
      <c r="N13989" s="5" t="s">
        <v>36266</v>
      </c>
      <c r="O13989" s="5" t="s">
        <v>38</v>
      </c>
      <c r="P13989" s="5" t="s">
        <v>39</v>
      </c>
      <c r="Q13989" s="5" t="s">
        <v>40</v>
      </c>
      <c r="R13989" s="5" t="s">
        <v>1522</v>
      </c>
      <c r="S13989" s="5" t="s">
        <v>1523</v>
      </c>
      <c r="T13989" s="5" t="s">
        <v>42</v>
      </c>
      <c r="U13989" s="2">
        <v>1.339</v>
      </c>
      <c r="V13989" s="2">
        <v>0.85799999999999998</v>
      </c>
      <c r="W13989" s="2">
        <v>1.2999999999999999E-2</v>
      </c>
      <c r="X13989" s="2">
        <v>99.1</v>
      </c>
      <c r="Y13989" s="2">
        <v>7.6</v>
      </c>
      <c r="Z13989" s="2">
        <v>16.7</v>
      </c>
      <c r="AA13989" s="5"/>
      <c r="AB13989" s="5" t="s">
        <v>43</v>
      </c>
      <c r="AC13989" s="5" t="s">
        <v>44</v>
      </c>
      <c r="AD13989" s="2"/>
      <c r="AE13989" s="1"/>
    </row>
    <row r="13990" spans="1:31" ht="14.45">
      <c r="A13990" s="11"/>
      <c r="B13990" s="20"/>
      <c r="C13990" s="2" t="s">
        <v>42921</v>
      </c>
      <c r="D13990" s="14" t="s">
        <v>42922</v>
      </c>
      <c r="E13990" s="2" t="s">
        <v>42923</v>
      </c>
      <c r="F13990" s="2" t="s">
        <v>7208</v>
      </c>
      <c r="G13990" s="8">
        <v>146</v>
      </c>
      <c r="H13990" s="5">
        <v>6</v>
      </c>
      <c r="I13990" s="5" t="s">
        <v>1518</v>
      </c>
      <c r="J13990" s="5" t="s">
        <v>40939</v>
      </c>
      <c r="K13990" s="2" t="s">
        <v>40940</v>
      </c>
      <c r="L13990" s="5" t="s">
        <v>40939</v>
      </c>
      <c r="M13990" s="2" t="s">
        <v>40940</v>
      </c>
      <c r="N13990" s="5" t="s">
        <v>36266</v>
      </c>
      <c r="O13990" s="5" t="s">
        <v>38</v>
      </c>
      <c r="P13990" s="5" t="s">
        <v>39</v>
      </c>
      <c r="Q13990" s="5" t="s">
        <v>40</v>
      </c>
      <c r="R13990" s="5" t="s">
        <v>1522</v>
      </c>
      <c r="S13990" s="5" t="s">
        <v>1523</v>
      </c>
      <c r="T13990" s="5" t="s">
        <v>42</v>
      </c>
      <c r="U13990" s="2">
        <v>1.333</v>
      </c>
      <c r="V13990" s="2">
        <v>0.85199999999999998</v>
      </c>
      <c r="W13990" s="2">
        <v>1.2999999999999999E-2</v>
      </c>
      <c r="X13990" s="2">
        <v>99.1</v>
      </c>
      <c r="Y13990" s="2">
        <v>7.6</v>
      </c>
      <c r="Z13990" s="2">
        <v>16.7</v>
      </c>
      <c r="AA13990" s="5"/>
      <c r="AB13990" s="5" t="s">
        <v>43</v>
      </c>
      <c r="AC13990" s="5" t="s">
        <v>44</v>
      </c>
      <c r="AD13990" s="2"/>
      <c r="AE13990" s="1"/>
    </row>
    <row r="13991" spans="1:31" ht="14.45">
      <c r="A13991" s="11"/>
      <c r="B13991" s="20"/>
      <c r="C13991" s="2" t="s">
        <v>42924</v>
      </c>
      <c r="D13991" s="14" t="s">
        <v>42925</v>
      </c>
      <c r="E13991" s="2" t="s">
        <v>42926</v>
      </c>
      <c r="F13991" s="2" t="s">
        <v>7521</v>
      </c>
      <c r="G13991" s="8">
        <v>146</v>
      </c>
      <c r="H13991" s="5">
        <v>6</v>
      </c>
      <c r="I13991" s="5" t="s">
        <v>1518</v>
      </c>
      <c r="J13991" s="5" t="s">
        <v>40939</v>
      </c>
      <c r="K13991" s="2" t="s">
        <v>40940</v>
      </c>
      <c r="L13991" s="5" t="s">
        <v>40939</v>
      </c>
      <c r="M13991" s="2" t="s">
        <v>40940</v>
      </c>
      <c r="N13991" s="5" t="s">
        <v>36266</v>
      </c>
      <c r="O13991" s="5" t="s">
        <v>38</v>
      </c>
      <c r="P13991" s="5" t="s">
        <v>39</v>
      </c>
      <c r="Q13991" s="5" t="s">
        <v>40</v>
      </c>
      <c r="R13991" s="5" t="s">
        <v>1522</v>
      </c>
      <c r="S13991" s="5" t="s">
        <v>1523</v>
      </c>
      <c r="T13991" s="5" t="s">
        <v>42</v>
      </c>
      <c r="U13991" s="2">
        <v>1.3460000000000001</v>
      </c>
      <c r="V13991" s="2">
        <v>0.86499999999999999</v>
      </c>
      <c r="W13991" s="2">
        <v>1.2999999999999999E-2</v>
      </c>
      <c r="X13991" s="2">
        <v>99.1</v>
      </c>
      <c r="Y13991" s="2">
        <v>7.6</v>
      </c>
      <c r="Z13991" s="2">
        <v>16.7</v>
      </c>
      <c r="AA13991" s="5"/>
      <c r="AB13991" s="5" t="s">
        <v>43</v>
      </c>
      <c r="AC13991" s="5" t="s">
        <v>44</v>
      </c>
      <c r="AD13991" s="2"/>
      <c r="AE13991" s="1"/>
    </row>
    <row r="13992" spans="1:31" ht="14.45">
      <c r="A13992" s="11"/>
      <c r="B13992" s="20"/>
      <c r="C13992" s="2" t="s">
        <v>42927</v>
      </c>
      <c r="D13992" s="14" t="s">
        <v>42928</v>
      </c>
      <c r="E13992" s="2" t="s">
        <v>42929</v>
      </c>
      <c r="F13992" s="2" t="s">
        <v>36273</v>
      </c>
      <c r="G13992" s="8">
        <v>146</v>
      </c>
      <c r="H13992" s="5">
        <v>6</v>
      </c>
      <c r="I13992" s="5" t="s">
        <v>1518</v>
      </c>
      <c r="J13992" s="5" t="s">
        <v>40939</v>
      </c>
      <c r="K13992" s="2" t="s">
        <v>40940</v>
      </c>
      <c r="L13992" s="5" t="s">
        <v>40939</v>
      </c>
      <c r="M13992" s="2" t="s">
        <v>40940</v>
      </c>
      <c r="N13992" s="5" t="s">
        <v>36266</v>
      </c>
      <c r="O13992" s="5" t="s">
        <v>38</v>
      </c>
      <c r="P13992" s="5" t="s">
        <v>39</v>
      </c>
      <c r="Q13992" s="5" t="s">
        <v>40</v>
      </c>
      <c r="R13992" s="5" t="s">
        <v>1522</v>
      </c>
      <c r="S13992" s="5" t="s">
        <v>1523</v>
      </c>
      <c r="T13992" s="5" t="s">
        <v>42</v>
      </c>
      <c r="U13992" s="2">
        <v>1.3480000000000001</v>
      </c>
      <c r="V13992" s="2">
        <v>0.86699999999999999</v>
      </c>
      <c r="W13992" s="2">
        <v>1.2999999999999999E-2</v>
      </c>
      <c r="X13992" s="2">
        <v>99.1</v>
      </c>
      <c r="Y13992" s="2">
        <v>7.6</v>
      </c>
      <c r="Z13992" s="2">
        <v>16.7</v>
      </c>
      <c r="AA13992" s="5"/>
      <c r="AB13992" s="5" t="s">
        <v>43</v>
      </c>
      <c r="AC13992" s="5" t="s">
        <v>44</v>
      </c>
      <c r="AD13992" s="2"/>
      <c r="AE13992" s="1"/>
    </row>
    <row r="13993" spans="1:31" ht="14.45">
      <c r="A13993" s="11"/>
      <c r="B13993" s="20"/>
      <c r="C13993" s="2" t="s">
        <v>42930</v>
      </c>
      <c r="D13993" s="14" t="s">
        <v>42931</v>
      </c>
      <c r="E13993" s="2" t="s">
        <v>42932</v>
      </c>
      <c r="F13993" s="2" t="s">
        <v>36277</v>
      </c>
      <c r="G13993" s="8">
        <v>146</v>
      </c>
      <c r="H13993" s="5">
        <v>6</v>
      </c>
      <c r="I13993" s="5" t="s">
        <v>1518</v>
      </c>
      <c r="J13993" s="5" t="s">
        <v>40939</v>
      </c>
      <c r="K13993" s="2" t="s">
        <v>40940</v>
      </c>
      <c r="L13993" s="5" t="s">
        <v>40939</v>
      </c>
      <c r="M13993" s="2" t="s">
        <v>40940</v>
      </c>
      <c r="N13993" s="5" t="s">
        <v>36266</v>
      </c>
      <c r="O13993" s="5" t="s">
        <v>38</v>
      </c>
      <c r="P13993" s="5" t="s">
        <v>39</v>
      </c>
      <c r="Q13993" s="5" t="s">
        <v>40</v>
      </c>
      <c r="R13993" s="5" t="s">
        <v>1522</v>
      </c>
      <c r="S13993" s="5" t="s">
        <v>1523</v>
      </c>
      <c r="T13993" s="5" t="s">
        <v>42</v>
      </c>
      <c r="U13993" s="2">
        <v>1.361</v>
      </c>
      <c r="V13993" s="2">
        <v>0.88</v>
      </c>
      <c r="W13993" s="2">
        <v>1.2999999999999999E-2</v>
      </c>
      <c r="X13993" s="2">
        <v>99.1</v>
      </c>
      <c r="Y13993" s="2">
        <v>7.6</v>
      </c>
      <c r="Z13993" s="2">
        <v>16.7</v>
      </c>
      <c r="AA13993" s="5"/>
      <c r="AB13993" s="5" t="s">
        <v>43</v>
      </c>
      <c r="AC13993" s="5" t="s">
        <v>44</v>
      </c>
      <c r="AD13993" s="2"/>
      <c r="AE13993" s="1"/>
    </row>
    <row r="13994" spans="1:31" ht="14.45">
      <c r="A13994" s="11"/>
      <c r="B13994" s="20"/>
      <c r="C13994" s="2" t="s">
        <v>42933</v>
      </c>
      <c r="D13994" s="14" t="s">
        <v>42934</v>
      </c>
      <c r="E13994" s="2" t="s">
        <v>42935</v>
      </c>
      <c r="F13994" s="2" t="s">
        <v>40967</v>
      </c>
      <c r="G13994" s="8">
        <v>168</v>
      </c>
      <c r="H13994" s="5">
        <v>6</v>
      </c>
      <c r="I13994" s="5" t="s">
        <v>1518</v>
      </c>
      <c r="J13994" s="5" t="s">
        <v>40939</v>
      </c>
      <c r="K13994" s="2" t="s">
        <v>40940</v>
      </c>
      <c r="L13994" s="5" t="s">
        <v>40939</v>
      </c>
      <c r="M13994" s="2" t="s">
        <v>40940</v>
      </c>
      <c r="N13994" s="5" t="s">
        <v>36266</v>
      </c>
      <c r="O13994" s="5" t="s">
        <v>38</v>
      </c>
      <c r="P13994" s="5" t="s">
        <v>39</v>
      </c>
      <c r="Q13994" s="5" t="s">
        <v>40</v>
      </c>
      <c r="R13994" s="5" t="s">
        <v>1522</v>
      </c>
      <c r="S13994" s="5" t="s">
        <v>1523</v>
      </c>
      <c r="T13994" s="5" t="s">
        <v>42</v>
      </c>
      <c r="U13994" s="2">
        <v>1.333</v>
      </c>
      <c r="V13994" s="2">
        <v>0.85199999999999998</v>
      </c>
      <c r="W13994" s="2">
        <v>1.2999999999999999E-2</v>
      </c>
      <c r="X13994" s="2">
        <v>99.1</v>
      </c>
      <c r="Y13994" s="2">
        <v>7.6</v>
      </c>
      <c r="Z13994" s="2">
        <v>16.7</v>
      </c>
      <c r="AA13994" s="5"/>
      <c r="AB13994" s="5" t="s">
        <v>43</v>
      </c>
      <c r="AC13994" s="5" t="s">
        <v>44</v>
      </c>
      <c r="AD13994" s="2"/>
      <c r="AE13994" s="1"/>
    </row>
    <row r="13995" spans="1:31" ht="14.45">
      <c r="A13995" s="11"/>
      <c r="B13995" s="20"/>
      <c r="C13995" s="2" t="s">
        <v>42936</v>
      </c>
      <c r="D13995" s="14" t="s">
        <v>42937</v>
      </c>
      <c r="E13995" s="2" t="s">
        <v>42938</v>
      </c>
      <c r="F13995" s="2" t="s">
        <v>40971</v>
      </c>
      <c r="G13995" s="8">
        <v>168</v>
      </c>
      <c r="H13995" s="5">
        <v>6</v>
      </c>
      <c r="I13995" s="5" t="s">
        <v>1518</v>
      </c>
      <c r="J13995" s="5" t="s">
        <v>40939</v>
      </c>
      <c r="K13995" s="2" t="s">
        <v>40940</v>
      </c>
      <c r="L13995" s="5" t="s">
        <v>40939</v>
      </c>
      <c r="M13995" s="2" t="s">
        <v>40940</v>
      </c>
      <c r="N13995" s="5" t="s">
        <v>36266</v>
      </c>
      <c r="O13995" s="5" t="s">
        <v>38</v>
      </c>
      <c r="P13995" s="5" t="s">
        <v>39</v>
      </c>
      <c r="Q13995" s="5" t="s">
        <v>40</v>
      </c>
      <c r="R13995" s="5" t="s">
        <v>1522</v>
      </c>
      <c r="S13995" s="5" t="s">
        <v>1523</v>
      </c>
      <c r="T13995" s="5" t="s">
        <v>42</v>
      </c>
      <c r="U13995" s="2">
        <v>1.3460000000000001</v>
      </c>
      <c r="V13995" s="2">
        <v>0.86499999999999999</v>
      </c>
      <c r="W13995" s="2">
        <v>1.2999999999999999E-2</v>
      </c>
      <c r="X13995" s="2">
        <v>99.1</v>
      </c>
      <c r="Y13995" s="2">
        <v>7.6</v>
      </c>
      <c r="Z13995" s="2">
        <v>16.7</v>
      </c>
      <c r="AA13995" s="5"/>
      <c r="AB13995" s="5" t="s">
        <v>43</v>
      </c>
      <c r="AC13995" s="5" t="s">
        <v>44</v>
      </c>
      <c r="AD13995" s="2"/>
      <c r="AE13995" s="1"/>
    </row>
    <row r="13996" spans="1:31" ht="14.45">
      <c r="A13996" s="11"/>
      <c r="B13996" s="20"/>
      <c r="C13996" s="2" t="s">
        <v>42939</v>
      </c>
      <c r="D13996" s="14" t="s">
        <v>42940</v>
      </c>
      <c r="E13996" s="2" t="s">
        <v>42941</v>
      </c>
      <c r="F13996" s="2" t="s">
        <v>40975</v>
      </c>
      <c r="G13996" s="8">
        <v>168</v>
      </c>
      <c r="H13996" s="5">
        <v>6</v>
      </c>
      <c r="I13996" s="5" t="s">
        <v>1518</v>
      </c>
      <c r="J13996" s="5" t="s">
        <v>40939</v>
      </c>
      <c r="K13996" s="2" t="s">
        <v>40940</v>
      </c>
      <c r="L13996" s="5" t="s">
        <v>40939</v>
      </c>
      <c r="M13996" s="2" t="s">
        <v>40940</v>
      </c>
      <c r="N13996" s="5" t="s">
        <v>36266</v>
      </c>
      <c r="O13996" s="5" t="s">
        <v>38</v>
      </c>
      <c r="P13996" s="5" t="s">
        <v>39</v>
      </c>
      <c r="Q13996" s="5" t="s">
        <v>40</v>
      </c>
      <c r="R13996" s="5" t="s">
        <v>1522</v>
      </c>
      <c r="S13996" s="5" t="s">
        <v>1523</v>
      </c>
      <c r="T13996" s="5" t="s">
        <v>42</v>
      </c>
      <c r="U13996" s="2">
        <v>1.333</v>
      </c>
      <c r="V13996" s="2">
        <v>0.85199999999999998</v>
      </c>
      <c r="W13996" s="2">
        <v>1.2999999999999999E-2</v>
      </c>
      <c r="X13996" s="2">
        <v>99.1</v>
      </c>
      <c r="Y13996" s="2">
        <v>7.6</v>
      </c>
      <c r="Z13996" s="2">
        <v>16.7</v>
      </c>
      <c r="AA13996" s="5"/>
      <c r="AB13996" s="5" t="s">
        <v>43</v>
      </c>
      <c r="AC13996" s="5" t="s">
        <v>44</v>
      </c>
      <c r="AD13996" s="2"/>
      <c r="AE13996" s="1"/>
    </row>
    <row r="13997" spans="1:31" ht="14.45">
      <c r="A13997" s="11"/>
      <c r="B13997" s="20"/>
      <c r="C13997" s="2" t="s">
        <v>42942</v>
      </c>
      <c r="D13997" s="14" t="s">
        <v>42943</v>
      </c>
      <c r="E13997" s="2" t="s">
        <v>42944</v>
      </c>
      <c r="F13997" s="2" t="s">
        <v>40979</v>
      </c>
      <c r="G13997" s="8">
        <v>168</v>
      </c>
      <c r="H13997" s="5">
        <v>6</v>
      </c>
      <c r="I13997" s="5" t="s">
        <v>1518</v>
      </c>
      <c r="J13997" s="5" t="s">
        <v>40939</v>
      </c>
      <c r="K13997" s="2" t="s">
        <v>40940</v>
      </c>
      <c r="L13997" s="5" t="s">
        <v>40939</v>
      </c>
      <c r="M13997" s="2" t="s">
        <v>40940</v>
      </c>
      <c r="N13997" s="5" t="s">
        <v>36266</v>
      </c>
      <c r="O13997" s="5" t="s">
        <v>38</v>
      </c>
      <c r="P13997" s="5" t="s">
        <v>39</v>
      </c>
      <c r="Q13997" s="5" t="s">
        <v>40</v>
      </c>
      <c r="R13997" s="5" t="s">
        <v>1522</v>
      </c>
      <c r="S13997" s="5" t="s">
        <v>1523</v>
      </c>
      <c r="T13997" s="5" t="s">
        <v>42</v>
      </c>
      <c r="U13997" s="2">
        <v>1.3460000000000001</v>
      </c>
      <c r="V13997" s="2">
        <v>0.86499999999999999</v>
      </c>
      <c r="W13997" s="2">
        <v>1.2999999999999999E-2</v>
      </c>
      <c r="X13997" s="2">
        <v>99.1</v>
      </c>
      <c r="Y13997" s="2">
        <v>7.6</v>
      </c>
      <c r="Z13997" s="2">
        <v>16.7</v>
      </c>
      <c r="AA13997" s="5"/>
      <c r="AB13997" s="5" t="s">
        <v>43</v>
      </c>
      <c r="AC13997" s="5" t="s">
        <v>44</v>
      </c>
      <c r="AD13997" s="2"/>
      <c r="AE13997" s="1"/>
    </row>
    <row r="13998" spans="1:31" ht="14.45">
      <c r="A13998" s="11"/>
      <c r="B13998" s="20"/>
      <c r="C13998" s="2" t="s">
        <v>42945</v>
      </c>
      <c r="D13998" s="14" t="s">
        <v>42946</v>
      </c>
      <c r="E13998" s="2" t="s">
        <v>42947</v>
      </c>
      <c r="F13998" s="2" t="s">
        <v>7539</v>
      </c>
      <c r="G13998" s="8">
        <v>168</v>
      </c>
      <c r="H13998" s="5">
        <v>6</v>
      </c>
      <c r="I13998" s="5" t="s">
        <v>1518</v>
      </c>
      <c r="J13998" s="5" t="s">
        <v>40939</v>
      </c>
      <c r="K13998" s="2" t="s">
        <v>40940</v>
      </c>
      <c r="L13998" s="5" t="s">
        <v>40939</v>
      </c>
      <c r="M13998" s="2" t="s">
        <v>40940</v>
      </c>
      <c r="N13998" s="5" t="s">
        <v>36266</v>
      </c>
      <c r="O13998" s="5" t="s">
        <v>38</v>
      </c>
      <c r="P13998" s="5" t="s">
        <v>39</v>
      </c>
      <c r="Q13998" s="5" t="s">
        <v>40</v>
      </c>
      <c r="R13998" s="5" t="s">
        <v>1522</v>
      </c>
      <c r="S13998" s="5" t="s">
        <v>1523</v>
      </c>
      <c r="T13998" s="5" t="s">
        <v>42</v>
      </c>
      <c r="U13998" s="2">
        <v>1.2969999999999999</v>
      </c>
      <c r="V13998" s="2">
        <v>0.81599999999999995</v>
      </c>
      <c r="W13998" s="2">
        <v>1.2999999999999999E-2</v>
      </c>
      <c r="X13998" s="2">
        <v>99.1</v>
      </c>
      <c r="Y13998" s="2">
        <v>7.6</v>
      </c>
      <c r="Z13998" s="2">
        <v>16.7</v>
      </c>
      <c r="AA13998" s="5"/>
      <c r="AB13998" s="5" t="s">
        <v>43</v>
      </c>
      <c r="AC13998" s="5" t="s">
        <v>44</v>
      </c>
      <c r="AD13998" s="2"/>
      <c r="AE13998" s="1"/>
    </row>
    <row r="13999" spans="1:31" ht="14.45">
      <c r="A13999" s="11"/>
      <c r="B13999" s="20"/>
      <c r="C13999" s="2" t="s">
        <v>42948</v>
      </c>
      <c r="D13999" s="14" t="s">
        <v>42949</v>
      </c>
      <c r="E13999" s="2" t="s">
        <v>42950</v>
      </c>
      <c r="F13999" s="2" t="s">
        <v>7543</v>
      </c>
      <c r="G13999" s="8">
        <v>168</v>
      </c>
      <c r="H13999" s="5">
        <v>6</v>
      </c>
      <c r="I13999" s="5" t="s">
        <v>1518</v>
      </c>
      <c r="J13999" s="5" t="s">
        <v>40939</v>
      </c>
      <c r="K13999" s="2" t="s">
        <v>40940</v>
      </c>
      <c r="L13999" s="5" t="s">
        <v>40939</v>
      </c>
      <c r="M13999" s="2" t="s">
        <v>40940</v>
      </c>
      <c r="N13999" s="5" t="s">
        <v>36266</v>
      </c>
      <c r="O13999" s="5" t="s">
        <v>38</v>
      </c>
      <c r="P13999" s="5" t="s">
        <v>39</v>
      </c>
      <c r="Q13999" s="5" t="s">
        <v>40</v>
      </c>
      <c r="R13999" s="5" t="s">
        <v>1522</v>
      </c>
      <c r="S13999" s="5" t="s">
        <v>1523</v>
      </c>
      <c r="T13999" s="5" t="s">
        <v>42</v>
      </c>
      <c r="U13999" s="2">
        <v>1.31</v>
      </c>
      <c r="V13999" s="2">
        <v>0.82899999999999996</v>
      </c>
      <c r="W13999" s="2">
        <v>1.2999999999999999E-2</v>
      </c>
      <c r="X13999" s="2">
        <v>99.1</v>
      </c>
      <c r="Y13999" s="2">
        <v>7.6</v>
      </c>
      <c r="Z13999" s="2">
        <v>16.7</v>
      </c>
      <c r="AA13999" s="5"/>
      <c r="AB13999" s="5" t="s">
        <v>43</v>
      </c>
      <c r="AC13999" s="5" t="s">
        <v>44</v>
      </c>
      <c r="AD13999" s="2"/>
      <c r="AE13999" s="1"/>
    </row>
    <row r="14000" spans="1:31" ht="14.45">
      <c r="A14000" s="11"/>
      <c r="B14000" s="20"/>
      <c r="C14000" s="2" t="s">
        <v>42951</v>
      </c>
      <c r="D14000" s="14" t="s">
        <v>42952</v>
      </c>
      <c r="E14000" s="2" t="s">
        <v>42953</v>
      </c>
      <c r="F14000" s="2" t="s">
        <v>40989</v>
      </c>
      <c r="G14000" s="8">
        <v>168</v>
      </c>
      <c r="H14000" s="5">
        <v>6</v>
      </c>
      <c r="I14000" s="5" t="s">
        <v>1518</v>
      </c>
      <c r="J14000" s="5" t="s">
        <v>40939</v>
      </c>
      <c r="K14000" s="2" t="s">
        <v>40940</v>
      </c>
      <c r="L14000" s="5" t="s">
        <v>40939</v>
      </c>
      <c r="M14000" s="2" t="s">
        <v>40940</v>
      </c>
      <c r="N14000" s="5" t="s">
        <v>36266</v>
      </c>
      <c r="O14000" s="5" t="s">
        <v>38</v>
      </c>
      <c r="P14000" s="5" t="s">
        <v>39</v>
      </c>
      <c r="Q14000" s="5" t="s">
        <v>40</v>
      </c>
      <c r="R14000" s="5" t="s">
        <v>1522</v>
      </c>
      <c r="S14000" s="5" t="s">
        <v>1523</v>
      </c>
      <c r="T14000" s="5" t="s">
        <v>42</v>
      </c>
      <c r="U14000" s="2">
        <v>1.333</v>
      </c>
      <c r="V14000" s="2">
        <v>0.85199999999999998</v>
      </c>
      <c r="W14000" s="2">
        <v>1.2999999999999999E-2</v>
      </c>
      <c r="X14000" s="2">
        <v>99.1</v>
      </c>
      <c r="Y14000" s="2">
        <v>7.6</v>
      </c>
      <c r="Z14000" s="2">
        <v>16.7</v>
      </c>
      <c r="AA14000" s="5"/>
      <c r="AB14000" s="5" t="s">
        <v>43</v>
      </c>
      <c r="AC14000" s="5" t="s">
        <v>44</v>
      </c>
      <c r="AD14000" s="2"/>
      <c r="AE14000" s="1"/>
    </row>
    <row r="14001" spans="1:31" ht="14.45">
      <c r="A14001" s="11"/>
      <c r="B14001" s="20"/>
      <c r="C14001" s="2" t="s">
        <v>42954</v>
      </c>
      <c r="D14001" s="14" t="s">
        <v>42955</v>
      </c>
      <c r="E14001" s="2" t="s">
        <v>42956</v>
      </c>
      <c r="F14001" s="2" t="s">
        <v>40993</v>
      </c>
      <c r="G14001" s="8">
        <v>168</v>
      </c>
      <c r="H14001" s="5">
        <v>6</v>
      </c>
      <c r="I14001" s="5" t="s">
        <v>1518</v>
      </c>
      <c r="J14001" s="5" t="s">
        <v>40939</v>
      </c>
      <c r="K14001" s="2" t="s">
        <v>40940</v>
      </c>
      <c r="L14001" s="5" t="s">
        <v>40939</v>
      </c>
      <c r="M14001" s="2" t="s">
        <v>40940</v>
      </c>
      <c r="N14001" s="5" t="s">
        <v>36266</v>
      </c>
      <c r="O14001" s="5" t="s">
        <v>38</v>
      </c>
      <c r="P14001" s="5" t="s">
        <v>39</v>
      </c>
      <c r="Q14001" s="5" t="s">
        <v>40</v>
      </c>
      <c r="R14001" s="5" t="s">
        <v>1522</v>
      </c>
      <c r="S14001" s="5" t="s">
        <v>1523</v>
      </c>
      <c r="T14001" s="5" t="s">
        <v>42</v>
      </c>
      <c r="U14001" s="2">
        <v>1.3460000000000001</v>
      </c>
      <c r="V14001" s="2">
        <v>0.86499999999999999</v>
      </c>
      <c r="W14001" s="2">
        <v>1.2999999999999999E-2</v>
      </c>
      <c r="X14001" s="2">
        <v>99.1</v>
      </c>
      <c r="Y14001" s="2">
        <v>7.6</v>
      </c>
      <c r="Z14001" s="2">
        <v>16.7</v>
      </c>
      <c r="AA14001" s="5"/>
      <c r="AB14001" s="5" t="s">
        <v>43</v>
      </c>
      <c r="AC14001" s="5" t="s">
        <v>44</v>
      </c>
      <c r="AD14001" s="2"/>
      <c r="AE14001" s="1"/>
    </row>
    <row r="14002" spans="1:31" ht="14.45">
      <c r="A14002" s="11"/>
      <c r="B14002" s="20"/>
      <c r="C14002" s="2" t="s">
        <v>42957</v>
      </c>
      <c r="D14002" s="14" t="s">
        <v>42958</v>
      </c>
      <c r="E14002" s="2" t="s">
        <v>42959</v>
      </c>
      <c r="F14002" s="2" t="s">
        <v>40997</v>
      </c>
      <c r="G14002" s="8">
        <v>168</v>
      </c>
      <c r="H14002" s="5">
        <v>6</v>
      </c>
      <c r="I14002" s="5" t="s">
        <v>1518</v>
      </c>
      <c r="J14002" s="5" t="s">
        <v>40939</v>
      </c>
      <c r="K14002" s="2" t="s">
        <v>40940</v>
      </c>
      <c r="L14002" s="5" t="s">
        <v>40939</v>
      </c>
      <c r="M14002" s="2" t="s">
        <v>40940</v>
      </c>
      <c r="N14002" s="5" t="s">
        <v>36266</v>
      </c>
      <c r="O14002" s="5" t="s">
        <v>38</v>
      </c>
      <c r="P14002" s="5" t="s">
        <v>39</v>
      </c>
      <c r="Q14002" s="5" t="s">
        <v>40</v>
      </c>
      <c r="R14002" s="5" t="s">
        <v>1522</v>
      </c>
      <c r="S14002" s="5" t="s">
        <v>1523</v>
      </c>
      <c r="T14002" s="5" t="s">
        <v>42</v>
      </c>
      <c r="U14002" s="2">
        <v>1.3049999999999999</v>
      </c>
      <c r="V14002" s="2">
        <v>0.82399999999999995</v>
      </c>
      <c r="W14002" s="2">
        <v>1.2999999999999999E-2</v>
      </c>
      <c r="X14002" s="2">
        <v>99.1</v>
      </c>
      <c r="Y14002" s="2">
        <v>7.6</v>
      </c>
      <c r="Z14002" s="2">
        <v>16.7</v>
      </c>
      <c r="AA14002" s="5"/>
      <c r="AB14002" s="5" t="s">
        <v>43</v>
      </c>
      <c r="AC14002" s="5" t="s">
        <v>44</v>
      </c>
      <c r="AD14002" s="2"/>
      <c r="AE14002" s="1"/>
    </row>
    <row r="14003" spans="1:31" ht="14.45">
      <c r="A14003" s="11"/>
      <c r="B14003" s="20"/>
      <c r="C14003" s="2" t="s">
        <v>42960</v>
      </c>
      <c r="D14003" s="14" t="s">
        <v>42961</v>
      </c>
      <c r="E14003" s="2" t="s">
        <v>42962</v>
      </c>
      <c r="F14003" s="2" t="s">
        <v>41267</v>
      </c>
      <c r="G14003" s="8">
        <v>168</v>
      </c>
      <c r="H14003" s="5">
        <v>6</v>
      </c>
      <c r="I14003" s="5" t="s">
        <v>1518</v>
      </c>
      <c r="J14003" s="5" t="s">
        <v>40939</v>
      </c>
      <c r="K14003" s="2" t="s">
        <v>40940</v>
      </c>
      <c r="L14003" s="5" t="s">
        <v>40939</v>
      </c>
      <c r="M14003" s="2" t="s">
        <v>40940</v>
      </c>
      <c r="N14003" s="5" t="s">
        <v>36266</v>
      </c>
      <c r="O14003" s="5" t="s">
        <v>38</v>
      </c>
      <c r="P14003" s="5" t="s">
        <v>39</v>
      </c>
      <c r="Q14003" s="5" t="s">
        <v>40</v>
      </c>
      <c r="R14003" s="5" t="s">
        <v>1522</v>
      </c>
      <c r="S14003" s="5" t="s">
        <v>1523</v>
      </c>
      <c r="T14003" s="5" t="s">
        <v>42</v>
      </c>
      <c r="U14003" s="2">
        <v>1.3180000000000001</v>
      </c>
      <c r="V14003" s="2">
        <v>0.83699999999999997</v>
      </c>
      <c r="W14003" s="2">
        <v>1.2999999999999999E-2</v>
      </c>
      <c r="X14003" s="2">
        <v>99.1</v>
      </c>
      <c r="Y14003" s="2">
        <v>7.6</v>
      </c>
      <c r="Z14003" s="2">
        <v>16.7</v>
      </c>
      <c r="AA14003" s="5"/>
      <c r="AB14003" s="5" t="s">
        <v>43</v>
      </c>
      <c r="AC14003" s="5" t="s">
        <v>44</v>
      </c>
      <c r="AD14003" s="2"/>
      <c r="AE14003" s="1"/>
    </row>
    <row r="14004" spans="1:31" ht="14.45">
      <c r="A14004" s="11"/>
      <c r="B14004" s="20"/>
      <c r="C14004" s="2" t="s">
        <v>42963</v>
      </c>
      <c r="D14004" s="14" t="s">
        <v>42964</v>
      </c>
      <c r="E14004" s="2" t="s">
        <v>42965</v>
      </c>
      <c r="F14004" s="2" t="s">
        <v>41001</v>
      </c>
      <c r="G14004" s="8">
        <v>168</v>
      </c>
      <c r="H14004" s="5">
        <v>6</v>
      </c>
      <c r="I14004" s="5" t="s">
        <v>1518</v>
      </c>
      <c r="J14004" s="5" t="s">
        <v>40939</v>
      </c>
      <c r="K14004" s="2" t="s">
        <v>40940</v>
      </c>
      <c r="L14004" s="5" t="s">
        <v>40939</v>
      </c>
      <c r="M14004" s="2" t="s">
        <v>40940</v>
      </c>
      <c r="N14004" s="5" t="s">
        <v>36266</v>
      </c>
      <c r="O14004" s="5" t="s">
        <v>38</v>
      </c>
      <c r="P14004" s="5" t="s">
        <v>39</v>
      </c>
      <c r="Q14004" s="5" t="s">
        <v>40</v>
      </c>
      <c r="R14004" s="5" t="s">
        <v>1522</v>
      </c>
      <c r="S14004" s="5" t="s">
        <v>1523</v>
      </c>
      <c r="T14004" s="5" t="s">
        <v>42</v>
      </c>
      <c r="U14004" s="2">
        <v>1.333</v>
      </c>
      <c r="V14004" s="2">
        <v>0.85199999999999998</v>
      </c>
      <c r="W14004" s="2">
        <v>1.2999999999999999E-2</v>
      </c>
      <c r="X14004" s="2">
        <v>99.1</v>
      </c>
      <c r="Y14004" s="2">
        <v>7.6</v>
      </c>
      <c r="Z14004" s="2">
        <v>16.7</v>
      </c>
      <c r="AA14004" s="5"/>
      <c r="AB14004" s="5" t="s">
        <v>43</v>
      </c>
      <c r="AC14004" s="5" t="s">
        <v>44</v>
      </c>
      <c r="AD14004" s="2"/>
      <c r="AE14004" s="1"/>
    </row>
    <row r="14005" spans="1:31" ht="14.45">
      <c r="A14005" s="11"/>
      <c r="B14005" s="20"/>
      <c r="C14005" s="2" t="s">
        <v>42966</v>
      </c>
      <c r="D14005" s="14" t="s">
        <v>42967</v>
      </c>
      <c r="E14005" s="2" t="s">
        <v>42968</v>
      </c>
      <c r="F14005" s="2" t="s">
        <v>41005</v>
      </c>
      <c r="G14005" s="8">
        <v>168</v>
      </c>
      <c r="H14005" s="5">
        <v>6</v>
      </c>
      <c r="I14005" s="5" t="s">
        <v>1518</v>
      </c>
      <c r="J14005" s="5" t="s">
        <v>40939</v>
      </c>
      <c r="K14005" s="2" t="s">
        <v>40940</v>
      </c>
      <c r="L14005" s="5" t="s">
        <v>40939</v>
      </c>
      <c r="M14005" s="2" t="s">
        <v>40940</v>
      </c>
      <c r="N14005" s="5" t="s">
        <v>36266</v>
      </c>
      <c r="O14005" s="5" t="s">
        <v>38</v>
      </c>
      <c r="P14005" s="5" t="s">
        <v>39</v>
      </c>
      <c r="Q14005" s="5" t="s">
        <v>40</v>
      </c>
      <c r="R14005" s="5" t="s">
        <v>1522</v>
      </c>
      <c r="S14005" s="5" t="s">
        <v>1523</v>
      </c>
      <c r="T14005" s="5" t="s">
        <v>42</v>
      </c>
      <c r="U14005" s="2">
        <v>1.3460000000000001</v>
      </c>
      <c r="V14005" s="2">
        <v>0.86499999999999999</v>
      </c>
      <c r="W14005" s="2">
        <v>1.2999999999999999E-2</v>
      </c>
      <c r="X14005" s="2">
        <v>99.1</v>
      </c>
      <c r="Y14005" s="2">
        <v>7.6</v>
      </c>
      <c r="Z14005" s="2">
        <v>16.7</v>
      </c>
      <c r="AA14005" s="5"/>
      <c r="AB14005" s="5" t="s">
        <v>43</v>
      </c>
      <c r="AC14005" s="5" t="s">
        <v>44</v>
      </c>
      <c r="AD14005" s="2"/>
      <c r="AE14005" s="1"/>
    </row>
    <row r="14006" spans="1:31" ht="14.45">
      <c r="A14006" s="11"/>
      <c r="B14006" s="20"/>
      <c r="C14006" s="2" t="s">
        <v>42969</v>
      </c>
      <c r="D14006" s="14" t="s">
        <v>42970</v>
      </c>
      <c r="E14006" s="2" t="s">
        <v>42971</v>
      </c>
      <c r="F14006" s="2" t="s">
        <v>41009</v>
      </c>
      <c r="G14006" s="8">
        <v>168</v>
      </c>
      <c r="H14006" s="5">
        <v>6</v>
      </c>
      <c r="I14006" s="5" t="s">
        <v>1518</v>
      </c>
      <c r="J14006" s="5" t="s">
        <v>40939</v>
      </c>
      <c r="K14006" s="2" t="s">
        <v>40940</v>
      </c>
      <c r="L14006" s="5" t="s">
        <v>40939</v>
      </c>
      <c r="M14006" s="2" t="s">
        <v>40940</v>
      </c>
      <c r="N14006" s="5" t="s">
        <v>36266</v>
      </c>
      <c r="O14006" s="5" t="s">
        <v>38</v>
      </c>
      <c r="P14006" s="5" t="s">
        <v>39</v>
      </c>
      <c r="Q14006" s="5" t="s">
        <v>40</v>
      </c>
      <c r="R14006" s="5" t="s">
        <v>1522</v>
      </c>
      <c r="S14006" s="5" t="s">
        <v>1523</v>
      </c>
      <c r="T14006" s="5" t="s">
        <v>42</v>
      </c>
      <c r="U14006" s="2">
        <v>1.341</v>
      </c>
      <c r="V14006" s="2">
        <v>0.86</v>
      </c>
      <c r="W14006" s="2">
        <v>1.2999999999999999E-2</v>
      </c>
      <c r="X14006" s="2">
        <v>99.1</v>
      </c>
      <c r="Y14006" s="2">
        <v>7.6</v>
      </c>
      <c r="Z14006" s="2">
        <v>16.7</v>
      </c>
      <c r="AA14006" s="5"/>
      <c r="AB14006" s="5" t="s">
        <v>43</v>
      </c>
      <c r="AC14006" s="5" t="s">
        <v>44</v>
      </c>
      <c r="AD14006" s="2"/>
      <c r="AE14006" s="1"/>
    </row>
    <row r="14007" spans="1:31" ht="14.45">
      <c r="A14007" s="11"/>
      <c r="B14007" s="20"/>
      <c r="C14007" s="2" t="s">
        <v>42972</v>
      </c>
      <c r="D14007" s="14" t="s">
        <v>42973</v>
      </c>
      <c r="E14007" s="2" t="s">
        <v>42974</v>
      </c>
      <c r="F14007" s="2" t="s">
        <v>41013</v>
      </c>
      <c r="G14007" s="8">
        <v>168</v>
      </c>
      <c r="H14007" s="5">
        <v>6</v>
      </c>
      <c r="I14007" s="5" t="s">
        <v>1518</v>
      </c>
      <c r="J14007" s="5" t="s">
        <v>40939</v>
      </c>
      <c r="K14007" s="2" t="s">
        <v>40940</v>
      </c>
      <c r="L14007" s="5" t="s">
        <v>40939</v>
      </c>
      <c r="M14007" s="2" t="s">
        <v>40940</v>
      </c>
      <c r="N14007" s="5" t="s">
        <v>36266</v>
      </c>
      <c r="O14007" s="5" t="s">
        <v>38</v>
      </c>
      <c r="P14007" s="5" t="s">
        <v>39</v>
      </c>
      <c r="Q14007" s="5" t="s">
        <v>40</v>
      </c>
      <c r="R14007" s="5" t="s">
        <v>1522</v>
      </c>
      <c r="S14007" s="5" t="s">
        <v>1523</v>
      </c>
      <c r="T14007" s="5" t="s">
        <v>42</v>
      </c>
      <c r="U14007" s="2">
        <v>1.3540000000000001</v>
      </c>
      <c r="V14007" s="2">
        <v>0.873</v>
      </c>
      <c r="W14007" s="2">
        <v>1.2999999999999999E-2</v>
      </c>
      <c r="X14007" s="2">
        <v>99.1</v>
      </c>
      <c r="Y14007" s="2">
        <v>7.6</v>
      </c>
      <c r="Z14007" s="2">
        <v>16.7</v>
      </c>
      <c r="AA14007" s="5"/>
      <c r="AB14007" s="5" t="s">
        <v>43</v>
      </c>
      <c r="AC14007" s="5" t="s">
        <v>44</v>
      </c>
      <c r="AD14007" s="2"/>
      <c r="AE14007" s="1"/>
    </row>
    <row r="14008" spans="1:31" ht="14.45">
      <c r="A14008" s="11"/>
      <c r="B14008" s="20"/>
      <c r="C14008" s="2" t="s">
        <v>42975</v>
      </c>
      <c r="D14008" s="14" t="s">
        <v>42976</v>
      </c>
      <c r="E14008" s="2" t="s">
        <v>42977</v>
      </c>
      <c r="F14008" s="2" t="s">
        <v>7396</v>
      </c>
      <c r="G14008" s="8">
        <v>146</v>
      </c>
      <c r="H14008" s="5">
        <v>6</v>
      </c>
      <c r="I14008" s="5" t="s">
        <v>1518</v>
      </c>
      <c r="J14008" s="5" t="s">
        <v>40939</v>
      </c>
      <c r="K14008" s="2" t="s">
        <v>40940</v>
      </c>
      <c r="L14008" s="5" t="s">
        <v>40939</v>
      </c>
      <c r="M14008" s="2" t="s">
        <v>40940</v>
      </c>
      <c r="N14008" s="5" t="s">
        <v>36266</v>
      </c>
      <c r="O14008" s="5" t="s">
        <v>38</v>
      </c>
      <c r="P14008" s="5" t="s">
        <v>39</v>
      </c>
      <c r="Q14008" s="5" t="s">
        <v>40</v>
      </c>
      <c r="R14008" s="5" t="s">
        <v>1522</v>
      </c>
      <c r="S14008" s="5" t="s">
        <v>1523</v>
      </c>
      <c r="T14008" s="5" t="s">
        <v>42</v>
      </c>
      <c r="U14008" s="2">
        <v>1.341</v>
      </c>
      <c r="V14008" s="2">
        <v>0.86</v>
      </c>
      <c r="W14008" s="2">
        <v>1.2999999999999999E-2</v>
      </c>
      <c r="X14008" s="2">
        <v>99.1</v>
      </c>
      <c r="Y14008" s="2">
        <v>7.6</v>
      </c>
      <c r="Z14008" s="2">
        <v>16.7</v>
      </c>
      <c r="AA14008" s="5"/>
      <c r="AB14008" s="5" t="s">
        <v>43</v>
      </c>
      <c r="AC14008" s="5" t="s">
        <v>44</v>
      </c>
      <c r="AD14008" s="2"/>
      <c r="AE14008" s="1"/>
    </row>
    <row r="14009" spans="1:31" ht="14.45">
      <c r="A14009" s="11"/>
      <c r="B14009" s="20"/>
      <c r="C14009" s="2" t="s">
        <v>42978</v>
      </c>
      <c r="D14009" s="14" t="s">
        <v>42979</v>
      </c>
      <c r="E14009" s="2" t="s">
        <v>42980</v>
      </c>
      <c r="F14009" s="2" t="s">
        <v>7507</v>
      </c>
      <c r="G14009" s="8">
        <v>146</v>
      </c>
      <c r="H14009" s="5">
        <v>6</v>
      </c>
      <c r="I14009" s="5" t="s">
        <v>1518</v>
      </c>
      <c r="J14009" s="5" t="s">
        <v>40939</v>
      </c>
      <c r="K14009" s="2" t="s">
        <v>40940</v>
      </c>
      <c r="L14009" s="5" t="s">
        <v>40939</v>
      </c>
      <c r="M14009" s="2" t="s">
        <v>40940</v>
      </c>
      <c r="N14009" s="5" t="s">
        <v>36266</v>
      </c>
      <c r="O14009" s="5" t="s">
        <v>38</v>
      </c>
      <c r="P14009" s="5" t="s">
        <v>39</v>
      </c>
      <c r="Q14009" s="5" t="s">
        <v>40</v>
      </c>
      <c r="R14009" s="5" t="s">
        <v>1522</v>
      </c>
      <c r="S14009" s="5" t="s">
        <v>1523</v>
      </c>
      <c r="T14009" s="5" t="s">
        <v>42</v>
      </c>
      <c r="U14009" s="2">
        <v>1.3540000000000001</v>
      </c>
      <c r="V14009" s="2">
        <v>0.873</v>
      </c>
      <c r="W14009" s="2">
        <v>1.2999999999999999E-2</v>
      </c>
      <c r="X14009" s="2">
        <v>99.1</v>
      </c>
      <c r="Y14009" s="2">
        <v>7.6</v>
      </c>
      <c r="Z14009" s="2">
        <v>16.7</v>
      </c>
      <c r="AA14009" s="5"/>
      <c r="AB14009" s="5" t="s">
        <v>43</v>
      </c>
      <c r="AC14009" s="5" t="s">
        <v>44</v>
      </c>
      <c r="AD14009" s="2"/>
      <c r="AE14009" s="1"/>
    </row>
    <row r="14010" spans="1:31" ht="14.45">
      <c r="A14010" s="11"/>
      <c r="B14010" s="20"/>
      <c r="C14010" s="2" t="s">
        <v>42981</v>
      </c>
      <c r="D14010" s="14" t="s">
        <v>42982</v>
      </c>
      <c r="E14010" s="2" t="s">
        <v>42983</v>
      </c>
      <c r="F14010" s="2" t="s">
        <v>41023</v>
      </c>
      <c r="G14010" s="8">
        <v>168</v>
      </c>
      <c r="H14010" s="5">
        <v>6</v>
      </c>
      <c r="I14010" s="5" t="s">
        <v>1518</v>
      </c>
      <c r="J14010" s="5" t="s">
        <v>40939</v>
      </c>
      <c r="K14010" s="2" t="s">
        <v>40940</v>
      </c>
      <c r="L14010" s="5" t="s">
        <v>40939</v>
      </c>
      <c r="M14010" s="2" t="s">
        <v>40940</v>
      </c>
      <c r="N14010" s="5" t="s">
        <v>36266</v>
      </c>
      <c r="O14010" s="5" t="s">
        <v>38</v>
      </c>
      <c r="P14010" s="5" t="s">
        <v>39</v>
      </c>
      <c r="Q14010" s="5" t="s">
        <v>40</v>
      </c>
      <c r="R14010" s="5" t="s">
        <v>1522</v>
      </c>
      <c r="S14010" s="5" t="s">
        <v>1523</v>
      </c>
      <c r="T14010" s="5" t="s">
        <v>42</v>
      </c>
      <c r="U14010" s="2">
        <v>1.3049999999999999</v>
      </c>
      <c r="V14010" s="2">
        <v>0.82399999999999995</v>
      </c>
      <c r="W14010" s="2">
        <v>1.2999999999999999E-2</v>
      </c>
      <c r="X14010" s="2">
        <v>99.1</v>
      </c>
      <c r="Y14010" s="2">
        <v>7.6</v>
      </c>
      <c r="Z14010" s="2">
        <v>16.7</v>
      </c>
      <c r="AA14010" s="5"/>
      <c r="AB14010" s="5" t="s">
        <v>43</v>
      </c>
      <c r="AC14010" s="5" t="s">
        <v>44</v>
      </c>
      <c r="AD14010" s="2"/>
      <c r="AE14010" s="1"/>
    </row>
    <row r="14011" spans="1:31" ht="14.45">
      <c r="A14011" s="11"/>
      <c r="B14011" s="20"/>
      <c r="C14011" s="2" t="s">
        <v>42984</v>
      </c>
      <c r="D14011" s="14" t="s">
        <v>42985</v>
      </c>
      <c r="E14011" s="2" t="s">
        <v>42986</v>
      </c>
      <c r="F14011" s="2" t="s">
        <v>41027</v>
      </c>
      <c r="G14011" s="8">
        <v>168</v>
      </c>
      <c r="H14011" s="5">
        <v>6</v>
      </c>
      <c r="I14011" s="5" t="s">
        <v>1518</v>
      </c>
      <c r="J14011" s="5" t="s">
        <v>40939</v>
      </c>
      <c r="K14011" s="2" t="s">
        <v>40940</v>
      </c>
      <c r="L14011" s="5" t="s">
        <v>40939</v>
      </c>
      <c r="M14011" s="2" t="s">
        <v>40940</v>
      </c>
      <c r="N14011" s="5" t="s">
        <v>36266</v>
      </c>
      <c r="O14011" s="5" t="s">
        <v>38</v>
      </c>
      <c r="P14011" s="5" t="s">
        <v>39</v>
      </c>
      <c r="Q14011" s="5" t="s">
        <v>40</v>
      </c>
      <c r="R14011" s="5" t="s">
        <v>1522</v>
      </c>
      <c r="S14011" s="5" t="s">
        <v>1523</v>
      </c>
      <c r="T14011" s="5" t="s">
        <v>42</v>
      </c>
      <c r="U14011" s="2">
        <v>1.3180000000000001</v>
      </c>
      <c r="V14011" s="2">
        <v>0.83699999999999997</v>
      </c>
      <c r="W14011" s="2">
        <v>1.2999999999999999E-2</v>
      </c>
      <c r="X14011" s="2">
        <v>99.1</v>
      </c>
      <c r="Y14011" s="2">
        <v>7.6</v>
      </c>
      <c r="Z14011" s="2">
        <v>16.7</v>
      </c>
      <c r="AA14011" s="5"/>
      <c r="AB14011" s="5" t="s">
        <v>43</v>
      </c>
      <c r="AC14011" s="5" t="s">
        <v>44</v>
      </c>
      <c r="AD14011" s="2"/>
      <c r="AE14011" s="1"/>
    </row>
    <row r="14012" spans="1:31" ht="14.45">
      <c r="A14012" s="11"/>
      <c r="B14012" s="20"/>
      <c r="C14012" s="2" t="s">
        <v>42987</v>
      </c>
      <c r="D14012" s="14" t="s">
        <v>42988</v>
      </c>
      <c r="E14012" s="2" t="s">
        <v>42989</v>
      </c>
      <c r="F14012" s="2" t="s">
        <v>41031</v>
      </c>
      <c r="G14012" s="8">
        <v>168</v>
      </c>
      <c r="H14012" s="5">
        <v>6</v>
      </c>
      <c r="I14012" s="5" t="s">
        <v>1518</v>
      </c>
      <c r="J14012" s="5" t="s">
        <v>40939</v>
      </c>
      <c r="K14012" s="2" t="s">
        <v>40940</v>
      </c>
      <c r="L14012" s="5" t="s">
        <v>40939</v>
      </c>
      <c r="M14012" s="2" t="s">
        <v>40940</v>
      </c>
      <c r="N14012" s="5" t="s">
        <v>36266</v>
      </c>
      <c r="O14012" s="5" t="s">
        <v>38</v>
      </c>
      <c r="P14012" s="5" t="s">
        <v>39</v>
      </c>
      <c r="Q14012" s="5" t="s">
        <v>40</v>
      </c>
      <c r="R14012" s="5" t="s">
        <v>1522</v>
      </c>
      <c r="S14012" s="5" t="s">
        <v>1523</v>
      </c>
      <c r="T14012" s="5" t="s">
        <v>42</v>
      </c>
      <c r="U14012" s="2">
        <v>1.3049999999999999</v>
      </c>
      <c r="V14012" s="2">
        <v>0.82399999999999995</v>
      </c>
      <c r="W14012" s="2">
        <v>1.2999999999999999E-2</v>
      </c>
      <c r="X14012" s="2">
        <v>99.1</v>
      </c>
      <c r="Y14012" s="2">
        <v>7.6</v>
      </c>
      <c r="Z14012" s="2">
        <v>16.7</v>
      </c>
      <c r="AA14012" s="5"/>
      <c r="AB14012" s="5" t="s">
        <v>43</v>
      </c>
      <c r="AC14012" s="5" t="s">
        <v>44</v>
      </c>
      <c r="AD14012" s="2"/>
      <c r="AE14012" s="1"/>
    </row>
    <row r="14013" spans="1:31" ht="14.45">
      <c r="A14013" s="11"/>
      <c r="B14013" s="20"/>
      <c r="C14013" s="2" t="s">
        <v>42990</v>
      </c>
      <c r="D14013" s="14" t="s">
        <v>42991</v>
      </c>
      <c r="E14013" s="2" t="s">
        <v>42992</v>
      </c>
      <c r="F14013" s="2" t="s">
        <v>41035</v>
      </c>
      <c r="G14013" s="8">
        <v>168</v>
      </c>
      <c r="H14013" s="5">
        <v>6</v>
      </c>
      <c r="I14013" s="5" t="s">
        <v>1518</v>
      </c>
      <c r="J14013" s="5" t="s">
        <v>40939</v>
      </c>
      <c r="K14013" s="2" t="s">
        <v>40940</v>
      </c>
      <c r="L14013" s="5" t="s">
        <v>40939</v>
      </c>
      <c r="M14013" s="2" t="s">
        <v>40940</v>
      </c>
      <c r="N14013" s="5" t="s">
        <v>36266</v>
      </c>
      <c r="O14013" s="5" t="s">
        <v>38</v>
      </c>
      <c r="P14013" s="5" t="s">
        <v>39</v>
      </c>
      <c r="Q14013" s="5" t="s">
        <v>40</v>
      </c>
      <c r="R14013" s="5" t="s">
        <v>1522</v>
      </c>
      <c r="S14013" s="5" t="s">
        <v>1523</v>
      </c>
      <c r="T14013" s="5" t="s">
        <v>42</v>
      </c>
      <c r="U14013" s="2">
        <v>1.3180000000000001</v>
      </c>
      <c r="V14013" s="2">
        <v>0.83699999999999997</v>
      </c>
      <c r="W14013" s="2">
        <v>1.2999999999999999E-2</v>
      </c>
      <c r="X14013" s="2">
        <v>99.1</v>
      </c>
      <c r="Y14013" s="2">
        <v>7.6</v>
      </c>
      <c r="Z14013" s="2">
        <v>16.7</v>
      </c>
      <c r="AA14013" s="5"/>
      <c r="AB14013" s="5" t="s">
        <v>43</v>
      </c>
      <c r="AC14013" s="5" t="s">
        <v>44</v>
      </c>
      <c r="AD14013" s="2"/>
      <c r="AE14013" s="1"/>
    </row>
    <row r="14014" spans="1:31" ht="14.45">
      <c r="A14014" s="11"/>
      <c r="B14014" s="20"/>
      <c r="C14014" s="2" t="s">
        <v>42993</v>
      </c>
      <c r="D14014" s="14" t="s">
        <v>42994</v>
      </c>
      <c r="E14014" s="2" t="s">
        <v>42995</v>
      </c>
      <c r="F14014" s="2" t="s">
        <v>7449</v>
      </c>
      <c r="G14014" s="8">
        <v>168</v>
      </c>
      <c r="H14014" s="5">
        <v>6</v>
      </c>
      <c r="I14014" s="5" t="s">
        <v>1518</v>
      </c>
      <c r="J14014" s="5" t="s">
        <v>40939</v>
      </c>
      <c r="K14014" s="2" t="s">
        <v>40940</v>
      </c>
      <c r="L14014" s="5" t="s">
        <v>40939</v>
      </c>
      <c r="M14014" s="2" t="s">
        <v>40940</v>
      </c>
      <c r="N14014" s="5" t="s">
        <v>36266</v>
      </c>
      <c r="O14014" s="5" t="s">
        <v>38</v>
      </c>
      <c r="P14014" s="5" t="s">
        <v>39</v>
      </c>
      <c r="Q14014" s="5" t="s">
        <v>40</v>
      </c>
      <c r="R14014" s="5" t="s">
        <v>1522</v>
      </c>
      <c r="S14014" s="5" t="s">
        <v>1523</v>
      </c>
      <c r="T14014" s="5" t="s">
        <v>42</v>
      </c>
      <c r="U14014" s="2">
        <v>1.3049999999999999</v>
      </c>
      <c r="V14014" s="2">
        <v>0.82399999999999995</v>
      </c>
      <c r="W14014" s="2">
        <v>1.2999999999999999E-2</v>
      </c>
      <c r="X14014" s="2">
        <v>99.1</v>
      </c>
      <c r="Y14014" s="2">
        <v>7.6</v>
      </c>
      <c r="Z14014" s="2">
        <v>16.7</v>
      </c>
      <c r="AA14014" s="5"/>
      <c r="AB14014" s="5" t="s">
        <v>43</v>
      </c>
      <c r="AC14014" s="5" t="s">
        <v>44</v>
      </c>
      <c r="AD14014" s="2"/>
      <c r="AE14014" s="1"/>
    </row>
    <row r="14015" spans="1:31" ht="14.45">
      <c r="A14015" s="11"/>
      <c r="B14015" s="20"/>
      <c r="C14015" s="2" t="s">
        <v>42996</v>
      </c>
      <c r="D14015" s="14" t="s">
        <v>42997</v>
      </c>
      <c r="E14015" s="2" t="s">
        <v>42998</v>
      </c>
      <c r="F14015" s="2" t="s">
        <v>7581</v>
      </c>
      <c r="G14015" s="8">
        <v>168</v>
      </c>
      <c r="H14015" s="5">
        <v>6</v>
      </c>
      <c r="I14015" s="5" t="s">
        <v>1518</v>
      </c>
      <c r="J14015" s="5" t="s">
        <v>40939</v>
      </c>
      <c r="K14015" s="2" t="s">
        <v>40940</v>
      </c>
      <c r="L14015" s="5" t="s">
        <v>40939</v>
      </c>
      <c r="M14015" s="2" t="s">
        <v>40940</v>
      </c>
      <c r="N14015" s="5" t="s">
        <v>36266</v>
      </c>
      <c r="O14015" s="5" t="s">
        <v>38</v>
      </c>
      <c r="P14015" s="5" t="s">
        <v>39</v>
      </c>
      <c r="Q14015" s="5" t="s">
        <v>40</v>
      </c>
      <c r="R14015" s="5" t="s">
        <v>1522</v>
      </c>
      <c r="S14015" s="5" t="s">
        <v>1523</v>
      </c>
      <c r="T14015" s="5" t="s">
        <v>42</v>
      </c>
      <c r="U14015" s="2">
        <v>1.3180000000000001</v>
      </c>
      <c r="V14015" s="2">
        <v>0.83699999999999997</v>
      </c>
      <c r="W14015" s="2">
        <v>1.2999999999999999E-2</v>
      </c>
      <c r="X14015" s="2">
        <v>99.1</v>
      </c>
      <c r="Y14015" s="2">
        <v>7.6</v>
      </c>
      <c r="Z14015" s="2">
        <v>16.7</v>
      </c>
      <c r="AA14015" s="5"/>
      <c r="AB14015" s="5" t="s">
        <v>43</v>
      </c>
      <c r="AC14015" s="5" t="s">
        <v>44</v>
      </c>
      <c r="AD14015" s="2"/>
      <c r="AE14015" s="1"/>
    </row>
    <row r="14016" spans="1:31" ht="14.45">
      <c r="A14016" s="11"/>
      <c r="B14016" s="20"/>
      <c r="C14016" s="2" t="s">
        <v>42999</v>
      </c>
      <c r="D14016" s="14" t="s">
        <v>43000</v>
      </c>
      <c r="E14016" s="2" t="s">
        <v>43001</v>
      </c>
      <c r="F14016" s="2" t="s">
        <v>41045</v>
      </c>
      <c r="G14016" s="8">
        <v>168</v>
      </c>
      <c r="H14016" s="5">
        <v>6</v>
      </c>
      <c r="I14016" s="5" t="s">
        <v>1518</v>
      </c>
      <c r="J14016" s="5" t="s">
        <v>40939</v>
      </c>
      <c r="K14016" s="2" t="s">
        <v>40940</v>
      </c>
      <c r="L14016" s="5" t="s">
        <v>40939</v>
      </c>
      <c r="M14016" s="2" t="s">
        <v>40940</v>
      </c>
      <c r="N14016" s="5" t="s">
        <v>36266</v>
      </c>
      <c r="O14016" s="5" t="s">
        <v>38</v>
      </c>
      <c r="P14016" s="5" t="s">
        <v>39</v>
      </c>
      <c r="Q14016" s="5" t="s">
        <v>40</v>
      </c>
      <c r="R14016" s="5" t="s">
        <v>1522</v>
      </c>
      <c r="S14016" s="5" t="s">
        <v>1523</v>
      </c>
      <c r="T14016" s="5" t="s">
        <v>42</v>
      </c>
      <c r="U14016" s="2">
        <v>1.3480000000000001</v>
      </c>
      <c r="V14016" s="2">
        <v>0.86699999999999999</v>
      </c>
      <c r="W14016" s="2">
        <v>1.2999999999999999E-2</v>
      </c>
      <c r="X14016" s="2">
        <v>99.1</v>
      </c>
      <c r="Y14016" s="2">
        <v>7.6</v>
      </c>
      <c r="Z14016" s="2">
        <v>16.7</v>
      </c>
      <c r="AA14016" s="5"/>
      <c r="AB14016" s="5" t="s">
        <v>43</v>
      </c>
      <c r="AC14016" s="5" t="s">
        <v>44</v>
      </c>
      <c r="AD14016" s="2"/>
      <c r="AE14016" s="1"/>
    </row>
    <row r="14017" spans="1:31" ht="14.45">
      <c r="A14017" s="11"/>
      <c r="B14017" s="20"/>
      <c r="C14017" s="2" t="s">
        <v>43002</v>
      </c>
      <c r="D14017" s="14" t="s">
        <v>43003</v>
      </c>
      <c r="E14017" s="2" t="s">
        <v>43004</v>
      </c>
      <c r="F14017" s="2" t="s">
        <v>41049</v>
      </c>
      <c r="G14017" s="8">
        <v>168</v>
      </c>
      <c r="H14017" s="5">
        <v>6</v>
      </c>
      <c r="I14017" s="5" t="s">
        <v>1518</v>
      </c>
      <c r="J14017" s="5" t="s">
        <v>40939</v>
      </c>
      <c r="K14017" s="2" t="s">
        <v>40940</v>
      </c>
      <c r="L14017" s="5" t="s">
        <v>40939</v>
      </c>
      <c r="M14017" s="2" t="s">
        <v>40940</v>
      </c>
      <c r="N14017" s="5" t="s">
        <v>36266</v>
      </c>
      <c r="O14017" s="5" t="s">
        <v>38</v>
      </c>
      <c r="P14017" s="5" t="s">
        <v>39</v>
      </c>
      <c r="Q14017" s="5" t="s">
        <v>40</v>
      </c>
      <c r="R14017" s="5" t="s">
        <v>1522</v>
      </c>
      <c r="S14017" s="5" t="s">
        <v>1523</v>
      </c>
      <c r="T14017" s="5" t="s">
        <v>42</v>
      </c>
      <c r="U14017" s="2">
        <v>1.361</v>
      </c>
      <c r="V14017" s="2">
        <v>0.88</v>
      </c>
      <c r="W14017" s="2">
        <v>1.2999999999999999E-2</v>
      </c>
      <c r="X14017" s="2">
        <v>99.1</v>
      </c>
      <c r="Y14017" s="2">
        <v>7.6</v>
      </c>
      <c r="Z14017" s="2">
        <v>16.7</v>
      </c>
      <c r="AA14017" s="5"/>
      <c r="AB14017" s="5" t="s">
        <v>43</v>
      </c>
      <c r="AC14017" s="5" t="s">
        <v>44</v>
      </c>
      <c r="AD14017" s="2"/>
      <c r="AE14017" s="1"/>
    </row>
    <row r="14018" spans="1:31" ht="14.45">
      <c r="A14018" s="11"/>
      <c r="B14018" s="20"/>
      <c r="C14018" s="2" t="s">
        <v>43005</v>
      </c>
      <c r="D14018" s="14" t="s">
        <v>43006</v>
      </c>
      <c r="E14018" s="2" t="s">
        <v>43007</v>
      </c>
      <c r="F14018" s="2" t="s">
        <v>7204</v>
      </c>
      <c r="G14018" s="8">
        <v>146</v>
      </c>
      <c r="H14018" s="5">
        <v>6</v>
      </c>
      <c r="I14018" s="5" t="s">
        <v>1518</v>
      </c>
      <c r="J14018" s="5" t="s">
        <v>40939</v>
      </c>
      <c r="K14018" s="2" t="s">
        <v>40940</v>
      </c>
      <c r="L14018" s="5" t="s">
        <v>40939</v>
      </c>
      <c r="M14018" s="2" t="s">
        <v>40940</v>
      </c>
      <c r="N14018" s="5" t="s">
        <v>36266</v>
      </c>
      <c r="O14018" s="5" t="s">
        <v>38</v>
      </c>
      <c r="P14018" s="5" t="s">
        <v>39</v>
      </c>
      <c r="Q14018" s="5" t="s">
        <v>40</v>
      </c>
      <c r="R14018" s="5" t="s">
        <v>1522</v>
      </c>
      <c r="S14018" s="5" t="s">
        <v>1523</v>
      </c>
      <c r="T14018" s="5" t="s">
        <v>42</v>
      </c>
      <c r="U14018" s="2">
        <v>1.383</v>
      </c>
      <c r="V14018" s="2">
        <v>0.90200000000000002</v>
      </c>
      <c r="W14018" s="2">
        <v>1.4999999999999999E-2</v>
      </c>
      <c r="X14018" s="2">
        <v>118.9</v>
      </c>
      <c r="Y14018" s="2">
        <v>7.6</v>
      </c>
      <c r="Z14018" s="2">
        <v>16.7</v>
      </c>
      <c r="AA14018" s="5"/>
      <c r="AB14018" s="5" t="s">
        <v>43</v>
      </c>
      <c r="AC14018" s="5" t="s">
        <v>44</v>
      </c>
      <c r="AD14018" s="2"/>
      <c r="AE14018" s="1"/>
    </row>
    <row r="14019" spans="1:31" ht="14.45">
      <c r="A14019" s="11"/>
      <c r="B14019" s="20"/>
      <c r="C14019" s="2" t="s">
        <v>43008</v>
      </c>
      <c r="D14019" s="14" t="s">
        <v>43009</v>
      </c>
      <c r="E14019" s="2" t="s">
        <v>43010</v>
      </c>
      <c r="F14019" s="2" t="s">
        <v>7514</v>
      </c>
      <c r="G14019" s="8">
        <v>146</v>
      </c>
      <c r="H14019" s="5">
        <v>6</v>
      </c>
      <c r="I14019" s="5" t="s">
        <v>1518</v>
      </c>
      <c r="J14019" s="5" t="s">
        <v>40939</v>
      </c>
      <c r="K14019" s="2" t="s">
        <v>40940</v>
      </c>
      <c r="L14019" s="5" t="s">
        <v>40939</v>
      </c>
      <c r="M14019" s="2" t="s">
        <v>40940</v>
      </c>
      <c r="N14019" s="5" t="s">
        <v>36266</v>
      </c>
      <c r="O14019" s="5" t="s">
        <v>38</v>
      </c>
      <c r="P14019" s="5" t="s">
        <v>39</v>
      </c>
      <c r="Q14019" s="5" t="s">
        <v>40</v>
      </c>
      <c r="R14019" s="5" t="s">
        <v>1522</v>
      </c>
      <c r="S14019" s="5" t="s">
        <v>1523</v>
      </c>
      <c r="T14019" s="5" t="s">
        <v>42</v>
      </c>
      <c r="U14019" s="2">
        <v>1.395</v>
      </c>
      <c r="V14019" s="2">
        <v>0.91400000000000003</v>
      </c>
      <c r="W14019" s="2">
        <v>1.4999999999999999E-2</v>
      </c>
      <c r="X14019" s="2">
        <v>118.9</v>
      </c>
      <c r="Y14019" s="2">
        <v>7.6</v>
      </c>
      <c r="Z14019" s="2">
        <v>16.7</v>
      </c>
      <c r="AA14019" s="5"/>
      <c r="AB14019" s="5" t="s">
        <v>43</v>
      </c>
      <c r="AC14019" s="5" t="s">
        <v>44</v>
      </c>
      <c r="AD14019" s="2"/>
      <c r="AE14019" s="1"/>
    </row>
    <row r="14020" spans="1:31" ht="14.45">
      <c r="A14020" s="11"/>
      <c r="B14020" s="20"/>
      <c r="C14020" s="2" t="s">
        <v>43011</v>
      </c>
      <c r="D14020" s="14" t="s">
        <v>43012</v>
      </c>
      <c r="E14020" s="2" t="s">
        <v>43013</v>
      </c>
      <c r="F14020" s="2" t="s">
        <v>40947</v>
      </c>
      <c r="G14020" s="8">
        <v>168</v>
      </c>
      <c r="H14020" s="5">
        <v>6</v>
      </c>
      <c r="I14020" s="5" t="s">
        <v>1518</v>
      </c>
      <c r="J14020" s="5" t="s">
        <v>40939</v>
      </c>
      <c r="K14020" s="2" t="s">
        <v>40940</v>
      </c>
      <c r="L14020" s="5" t="s">
        <v>40939</v>
      </c>
      <c r="M14020" s="2" t="s">
        <v>40940</v>
      </c>
      <c r="N14020" s="5" t="s">
        <v>36266</v>
      </c>
      <c r="O14020" s="5" t="s">
        <v>38</v>
      </c>
      <c r="P14020" s="5" t="s">
        <v>39</v>
      </c>
      <c r="Q14020" s="5" t="s">
        <v>40</v>
      </c>
      <c r="R14020" s="5" t="s">
        <v>1522</v>
      </c>
      <c r="S14020" s="5" t="s">
        <v>1523</v>
      </c>
      <c r="T14020" s="5" t="s">
        <v>42</v>
      </c>
      <c r="U14020" s="2">
        <v>1.4</v>
      </c>
      <c r="V14020" s="2">
        <v>0.91900000000000004</v>
      </c>
      <c r="W14020" s="2">
        <v>1.4999999999999999E-2</v>
      </c>
      <c r="X14020" s="2">
        <v>118.9</v>
      </c>
      <c r="Y14020" s="2">
        <v>7.6</v>
      </c>
      <c r="Z14020" s="2">
        <v>16.7</v>
      </c>
      <c r="AA14020" s="5"/>
      <c r="AB14020" s="5" t="s">
        <v>43</v>
      </c>
      <c r="AC14020" s="5" t="s">
        <v>44</v>
      </c>
      <c r="AD14020" s="2"/>
      <c r="AE14020" s="1"/>
    </row>
    <row r="14021" spans="1:31" ht="14.45">
      <c r="A14021" s="11"/>
      <c r="B14021" s="20"/>
      <c r="C14021" s="2" t="s">
        <v>43014</v>
      </c>
      <c r="D14021" s="14" t="s">
        <v>43015</v>
      </c>
      <c r="E14021" s="2" t="s">
        <v>43016</v>
      </c>
      <c r="F14021" s="2" t="s">
        <v>40951</v>
      </c>
      <c r="G14021" s="8">
        <v>168</v>
      </c>
      <c r="H14021" s="5">
        <v>6</v>
      </c>
      <c r="I14021" s="5" t="s">
        <v>1518</v>
      </c>
      <c r="J14021" s="5" t="s">
        <v>40939</v>
      </c>
      <c r="K14021" s="2" t="s">
        <v>40940</v>
      </c>
      <c r="L14021" s="5" t="s">
        <v>40939</v>
      </c>
      <c r="M14021" s="2" t="s">
        <v>40940</v>
      </c>
      <c r="N14021" s="5" t="s">
        <v>36266</v>
      </c>
      <c r="O14021" s="5" t="s">
        <v>38</v>
      </c>
      <c r="P14021" s="5" t="s">
        <v>39</v>
      </c>
      <c r="Q14021" s="5" t="s">
        <v>40</v>
      </c>
      <c r="R14021" s="5" t="s">
        <v>1522</v>
      </c>
      <c r="S14021" s="5" t="s">
        <v>1523</v>
      </c>
      <c r="T14021" s="5" t="s">
        <v>42</v>
      </c>
      <c r="U14021" s="2">
        <v>1.4119999999999999</v>
      </c>
      <c r="V14021" s="2">
        <v>0.93100000000000005</v>
      </c>
      <c r="W14021" s="2">
        <v>1.4999999999999999E-2</v>
      </c>
      <c r="X14021" s="2">
        <v>118.9</v>
      </c>
      <c r="Y14021" s="2">
        <v>7.6</v>
      </c>
      <c r="Z14021" s="2">
        <v>16.7</v>
      </c>
      <c r="AA14021" s="5"/>
      <c r="AB14021" s="5" t="s">
        <v>43</v>
      </c>
      <c r="AC14021" s="5" t="s">
        <v>44</v>
      </c>
      <c r="AD14021" s="2"/>
      <c r="AE14021" s="1"/>
    </row>
    <row r="14022" spans="1:31" ht="14.45">
      <c r="A14022" s="11"/>
      <c r="B14022" s="20"/>
      <c r="C14022" s="2" t="s">
        <v>43017</v>
      </c>
      <c r="D14022" s="14" t="s">
        <v>43018</v>
      </c>
      <c r="E14022" s="2" t="s">
        <v>43019</v>
      </c>
      <c r="F14022" s="2" t="s">
        <v>7208</v>
      </c>
      <c r="G14022" s="8">
        <v>146</v>
      </c>
      <c r="H14022" s="5">
        <v>6</v>
      </c>
      <c r="I14022" s="5" t="s">
        <v>1518</v>
      </c>
      <c r="J14022" s="5" t="s">
        <v>40939</v>
      </c>
      <c r="K14022" s="2" t="s">
        <v>40940</v>
      </c>
      <c r="L14022" s="5" t="s">
        <v>40939</v>
      </c>
      <c r="M14022" s="2" t="s">
        <v>40940</v>
      </c>
      <c r="N14022" s="5" t="s">
        <v>36266</v>
      </c>
      <c r="O14022" s="5" t="s">
        <v>38</v>
      </c>
      <c r="P14022" s="5" t="s">
        <v>39</v>
      </c>
      <c r="Q14022" s="5" t="s">
        <v>40</v>
      </c>
      <c r="R14022" s="5" t="s">
        <v>1522</v>
      </c>
      <c r="S14022" s="5" t="s">
        <v>1523</v>
      </c>
      <c r="T14022" s="5" t="s">
        <v>42</v>
      </c>
      <c r="U14022" s="2">
        <v>1.4079999999999999</v>
      </c>
      <c r="V14022" s="2">
        <v>0.92700000000000005</v>
      </c>
      <c r="W14022" s="2">
        <v>1.4999999999999999E-2</v>
      </c>
      <c r="X14022" s="2">
        <v>118.9</v>
      </c>
      <c r="Y14022" s="2">
        <v>7.6</v>
      </c>
      <c r="Z14022" s="2">
        <v>16.7</v>
      </c>
      <c r="AA14022" s="5"/>
      <c r="AB14022" s="5" t="s">
        <v>43</v>
      </c>
      <c r="AC14022" s="5" t="s">
        <v>44</v>
      </c>
      <c r="AD14022" s="2"/>
      <c r="AE14022" s="1"/>
    </row>
    <row r="14023" spans="1:31" ht="14.45">
      <c r="A14023" s="11"/>
      <c r="B14023" s="20"/>
      <c r="C14023" s="2" t="s">
        <v>43020</v>
      </c>
      <c r="D14023" s="14" t="s">
        <v>43021</v>
      </c>
      <c r="E14023" s="2" t="s">
        <v>43022</v>
      </c>
      <c r="F14023" s="2" t="s">
        <v>7521</v>
      </c>
      <c r="G14023" s="8">
        <v>146</v>
      </c>
      <c r="H14023" s="5">
        <v>6</v>
      </c>
      <c r="I14023" s="5" t="s">
        <v>1518</v>
      </c>
      <c r="J14023" s="5" t="s">
        <v>40939</v>
      </c>
      <c r="K14023" s="2" t="s">
        <v>40940</v>
      </c>
      <c r="L14023" s="5" t="s">
        <v>40939</v>
      </c>
      <c r="M14023" s="2" t="s">
        <v>40940</v>
      </c>
      <c r="N14023" s="5" t="s">
        <v>36266</v>
      </c>
      <c r="O14023" s="5" t="s">
        <v>38</v>
      </c>
      <c r="P14023" s="5" t="s">
        <v>39</v>
      </c>
      <c r="Q14023" s="5" t="s">
        <v>40</v>
      </c>
      <c r="R14023" s="5" t="s">
        <v>1522</v>
      </c>
      <c r="S14023" s="5" t="s">
        <v>1523</v>
      </c>
      <c r="T14023" s="5" t="s">
        <v>42</v>
      </c>
      <c r="U14023" s="2">
        <v>1.42</v>
      </c>
      <c r="V14023" s="2">
        <v>0.93899999999999995</v>
      </c>
      <c r="W14023" s="2">
        <v>1.4999999999999999E-2</v>
      </c>
      <c r="X14023" s="2">
        <v>118.9</v>
      </c>
      <c r="Y14023" s="2">
        <v>7.6</v>
      </c>
      <c r="Z14023" s="2">
        <v>16.7</v>
      </c>
      <c r="AA14023" s="5"/>
      <c r="AB14023" s="5" t="s">
        <v>43</v>
      </c>
      <c r="AC14023" s="5" t="s">
        <v>44</v>
      </c>
      <c r="AD14023" s="2"/>
      <c r="AE14023" s="1"/>
    </row>
    <row r="14024" spans="1:31" ht="14.45">
      <c r="A14024" s="11"/>
      <c r="B14024" s="20"/>
      <c r="C14024" s="2" t="s">
        <v>43023</v>
      </c>
      <c r="D14024" s="14" t="s">
        <v>43024</v>
      </c>
      <c r="E14024" s="2" t="s">
        <v>43025</v>
      </c>
      <c r="F14024" s="2" t="s">
        <v>36273</v>
      </c>
      <c r="G14024" s="8">
        <v>146</v>
      </c>
      <c r="H14024" s="5">
        <v>6</v>
      </c>
      <c r="I14024" s="5" t="s">
        <v>1518</v>
      </c>
      <c r="J14024" s="5" t="s">
        <v>40939</v>
      </c>
      <c r="K14024" s="2" t="s">
        <v>40940</v>
      </c>
      <c r="L14024" s="5" t="s">
        <v>40939</v>
      </c>
      <c r="M14024" s="2" t="s">
        <v>40940</v>
      </c>
      <c r="N14024" s="5" t="s">
        <v>36266</v>
      </c>
      <c r="O14024" s="5" t="s">
        <v>38</v>
      </c>
      <c r="P14024" s="5" t="s">
        <v>39</v>
      </c>
      <c r="Q14024" s="5" t="s">
        <v>40</v>
      </c>
      <c r="R14024" s="5" t="s">
        <v>1522</v>
      </c>
      <c r="S14024" s="5" t="s">
        <v>1523</v>
      </c>
      <c r="T14024" s="5" t="s">
        <v>42</v>
      </c>
      <c r="U14024" s="2">
        <v>1.425</v>
      </c>
      <c r="V14024" s="2">
        <v>0.94399999999999995</v>
      </c>
      <c r="W14024" s="2">
        <v>1.4999999999999999E-2</v>
      </c>
      <c r="X14024" s="2">
        <v>118.9</v>
      </c>
      <c r="Y14024" s="2">
        <v>7.6</v>
      </c>
      <c r="Z14024" s="2">
        <v>16.7</v>
      </c>
      <c r="AA14024" s="5"/>
      <c r="AB14024" s="5" t="s">
        <v>43</v>
      </c>
      <c r="AC14024" s="5" t="s">
        <v>44</v>
      </c>
      <c r="AD14024" s="2"/>
      <c r="AE14024" s="1"/>
    </row>
    <row r="14025" spans="1:31" ht="14.45">
      <c r="A14025" s="11"/>
      <c r="B14025" s="20"/>
      <c r="C14025" s="2" t="s">
        <v>43026</v>
      </c>
      <c r="D14025" s="14" t="s">
        <v>43027</v>
      </c>
      <c r="E14025" s="2" t="s">
        <v>43028</v>
      </c>
      <c r="F14025" s="2" t="s">
        <v>36277</v>
      </c>
      <c r="G14025" s="8">
        <v>146</v>
      </c>
      <c r="H14025" s="5">
        <v>6</v>
      </c>
      <c r="I14025" s="5" t="s">
        <v>1518</v>
      </c>
      <c r="J14025" s="5" t="s">
        <v>40939</v>
      </c>
      <c r="K14025" s="2" t="s">
        <v>40940</v>
      </c>
      <c r="L14025" s="5" t="s">
        <v>40939</v>
      </c>
      <c r="M14025" s="2" t="s">
        <v>40940</v>
      </c>
      <c r="N14025" s="5" t="s">
        <v>36266</v>
      </c>
      <c r="O14025" s="5" t="s">
        <v>38</v>
      </c>
      <c r="P14025" s="5" t="s">
        <v>39</v>
      </c>
      <c r="Q14025" s="5" t="s">
        <v>40</v>
      </c>
      <c r="R14025" s="5" t="s">
        <v>1522</v>
      </c>
      <c r="S14025" s="5" t="s">
        <v>1523</v>
      </c>
      <c r="T14025" s="5" t="s">
        <v>42</v>
      </c>
      <c r="U14025" s="2">
        <v>1.4370000000000001</v>
      </c>
      <c r="V14025" s="2">
        <v>0.95599999999999996</v>
      </c>
      <c r="W14025" s="2">
        <v>1.4999999999999999E-2</v>
      </c>
      <c r="X14025" s="2">
        <v>118.9</v>
      </c>
      <c r="Y14025" s="2">
        <v>7.6</v>
      </c>
      <c r="Z14025" s="2">
        <v>16.7</v>
      </c>
      <c r="AA14025" s="5"/>
      <c r="AB14025" s="5" t="s">
        <v>43</v>
      </c>
      <c r="AC14025" s="5" t="s">
        <v>44</v>
      </c>
      <c r="AD14025" s="2"/>
      <c r="AE14025" s="1"/>
    </row>
    <row r="14026" spans="1:31" ht="14.45">
      <c r="A14026" s="11"/>
      <c r="B14026" s="20"/>
      <c r="C14026" s="2" t="s">
        <v>43029</v>
      </c>
      <c r="D14026" s="14" t="s">
        <v>43030</v>
      </c>
      <c r="E14026" s="2" t="s">
        <v>43031</v>
      </c>
      <c r="F14026" s="2" t="s">
        <v>40967</v>
      </c>
      <c r="G14026" s="8">
        <v>168</v>
      </c>
      <c r="H14026" s="5">
        <v>6</v>
      </c>
      <c r="I14026" s="5" t="s">
        <v>1518</v>
      </c>
      <c r="J14026" s="5" t="s">
        <v>40939</v>
      </c>
      <c r="K14026" s="2" t="s">
        <v>40940</v>
      </c>
      <c r="L14026" s="5" t="s">
        <v>40939</v>
      </c>
      <c r="M14026" s="2" t="s">
        <v>40940</v>
      </c>
      <c r="N14026" s="5" t="s">
        <v>36266</v>
      </c>
      <c r="O14026" s="5" t="s">
        <v>38</v>
      </c>
      <c r="P14026" s="5" t="s">
        <v>39</v>
      </c>
      <c r="Q14026" s="5" t="s">
        <v>40</v>
      </c>
      <c r="R14026" s="5" t="s">
        <v>1522</v>
      </c>
      <c r="S14026" s="5" t="s">
        <v>1523</v>
      </c>
      <c r="T14026" s="5" t="s">
        <v>42</v>
      </c>
      <c r="U14026" s="2">
        <v>1.4079999999999999</v>
      </c>
      <c r="V14026" s="2">
        <v>0.92700000000000005</v>
      </c>
      <c r="W14026" s="2">
        <v>1.4999999999999999E-2</v>
      </c>
      <c r="X14026" s="2">
        <v>118.9</v>
      </c>
      <c r="Y14026" s="2">
        <v>7.6</v>
      </c>
      <c r="Z14026" s="2">
        <v>16.7</v>
      </c>
      <c r="AA14026" s="5"/>
      <c r="AB14026" s="5" t="s">
        <v>43</v>
      </c>
      <c r="AC14026" s="5" t="s">
        <v>44</v>
      </c>
      <c r="AD14026" s="2"/>
      <c r="AE14026" s="1"/>
    </row>
    <row r="14027" spans="1:31" ht="14.45">
      <c r="A14027" s="11"/>
      <c r="B14027" s="20"/>
      <c r="C14027" s="2" t="s">
        <v>43032</v>
      </c>
      <c r="D14027" s="14" t="s">
        <v>43033</v>
      </c>
      <c r="E14027" s="2" t="s">
        <v>43034</v>
      </c>
      <c r="F14027" s="2" t="s">
        <v>40971</v>
      </c>
      <c r="G14027" s="8">
        <v>168</v>
      </c>
      <c r="H14027" s="5">
        <v>6</v>
      </c>
      <c r="I14027" s="5" t="s">
        <v>1518</v>
      </c>
      <c r="J14027" s="5" t="s">
        <v>40939</v>
      </c>
      <c r="K14027" s="2" t="s">
        <v>40940</v>
      </c>
      <c r="L14027" s="5" t="s">
        <v>40939</v>
      </c>
      <c r="M14027" s="2" t="s">
        <v>40940</v>
      </c>
      <c r="N14027" s="5" t="s">
        <v>36266</v>
      </c>
      <c r="O14027" s="5" t="s">
        <v>38</v>
      </c>
      <c r="P14027" s="5" t="s">
        <v>39</v>
      </c>
      <c r="Q14027" s="5" t="s">
        <v>40</v>
      </c>
      <c r="R14027" s="5" t="s">
        <v>1522</v>
      </c>
      <c r="S14027" s="5" t="s">
        <v>1523</v>
      </c>
      <c r="T14027" s="5" t="s">
        <v>42</v>
      </c>
      <c r="U14027" s="2">
        <v>1.42</v>
      </c>
      <c r="V14027" s="2">
        <v>0.93899999999999995</v>
      </c>
      <c r="W14027" s="2">
        <v>1.4999999999999999E-2</v>
      </c>
      <c r="X14027" s="2">
        <v>118.9</v>
      </c>
      <c r="Y14027" s="2">
        <v>7.6</v>
      </c>
      <c r="Z14027" s="2">
        <v>16.7</v>
      </c>
      <c r="AA14027" s="5"/>
      <c r="AB14027" s="5" t="s">
        <v>43</v>
      </c>
      <c r="AC14027" s="5" t="s">
        <v>44</v>
      </c>
      <c r="AD14027" s="2"/>
      <c r="AE14027" s="1"/>
    </row>
    <row r="14028" spans="1:31" ht="14.45">
      <c r="A14028" s="11"/>
      <c r="B14028" s="20"/>
      <c r="C14028" s="2" t="s">
        <v>43035</v>
      </c>
      <c r="D14028" s="14" t="s">
        <v>43036</v>
      </c>
      <c r="E14028" s="2" t="s">
        <v>43037</v>
      </c>
      <c r="F14028" s="2" t="s">
        <v>40975</v>
      </c>
      <c r="G14028" s="8">
        <v>168</v>
      </c>
      <c r="H14028" s="5">
        <v>6</v>
      </c>
      <c r="I14028" s="5" t="s">
        <v>1518</v>
      </c>
      <c r="J14028" s="5" t="s">
        <v>40939</v>
      </c>
      <c r="K14028" s="2" t="s">
        <v>40940</v>
      </c>
      <c r="L14028" s="5" t="s">
        <v>40939</v>
      </c>
      <c r="M14028" s="2" t="s">
        <v>40940</v>
      </c>
      <c r="N14028" s="5" t="s">
        <v>36266</v>
      </c>
      <c r="O14028" s="5" t="s">
        <v>38</v>
      </c>
      <c r="P14028" s="5" t="s">
        <v>39</v>
      </c>
      <c r="Q14028" s="5" t="s">
        <v>40</v>
      </c>
      <c r="R14028" s="5" t="s">
        <v>1522</v>
      </c>
      <c r="S14028" s="5" t="s">
        <v>1523</v>
      </c>
      <c r="T14028" s="5" t="s">
        <v>42</v>
      </c>
      <c r="U14028" s="2">
        <v>1.4079999999999999</v>
      </c>
      <c r="V14028" s="2">
        <v>0.92700000000000005</v>
      </c>
      <c r="W14028" s="2">
        <v>1.4999999999999999E-2</v>
      </c>
      <c r="X14028" s="2">
        <v>118.9</v>
      </c>
      <c r="Y14028" s="2">
        <v>7.6</v>
      </c>
      <c r="Z14028" s="2">
        <v>16.7</v>
      </c>
      <c r="AA14028" s="5"/>
      <c r="AB14028" s="5" t="s">
        <v>43</v>
      </c>
      <c r="AC14028" s="5" t="s">
        <v>44</v>
      </c>
      <c r="AD14028" s="2"/>
      <c r="AE14028" s="1"/>
    </row>
    <row r="14029" spans="1:31" ht="14.45">
      <c r="A14029" s="11"/>
      <c r="B14029" s="20"/>
      <c r="C14029" s="2" t="s">
        <v>43038</v>
      </c>
      <c r="D14029" s="14" t="s">
        <v>43039</v>
      </c>
      <c r="E14029" s="2" t="s">
        <v>43040</v>
      </c>
      <c r="F14029" s="2" t="s">
        <v>40979</v>
      </c>
      <c r="G14029" s="8">
        <v>168</v>
      </c>
      <c r="H14029" s="5">
        <v>6</v>
      </c>
      <c r="I14029" s="5" t="s">
        <v>1518</v>
      </c>
      <c r="J14029" s="5" t="s">
        <v>40939</v>
      </c>
      <c r="K14029" s="2" t="s">
        <v>40940</v>
      </c>
      <c r="L14029" s="5" t="s">
        <v>40939</v>
      </c>
      <c r="M14029" s="2" t="s">
        <v>40940</v>
      </c>
      <c r="N14029" s="5" t="s">
        <v>36266</v>
      </c>
      <c r="O14029" s="5" t="s">
        <v>38</v>
      </c>
      <c r="P14029" s="5" t="s">
        <v>39</v>
      </c>
      <c r="Q14029" s="5" t="s">
        <v>40</v>
      </c>
      <c r="R14029" s="5" t="s">
        <v>1522</v>
      </c>
      <c r="S14029" s="5" t="s">
        <v>1523</v>
      </c>
      <c r="T14029" s="5" t="s">
        <v>42</v>
      </c>
      <c r="U14029" s="2">
        <v>1.42</v>
      </c>
      <c r="V14029" s="2">
        <v>0.93899999999999995</v>
      </c>
      <c r="W14029" s="2">
        <v>1.4999999999999999E-2</v>
      </c>
      <c r="X14029" s="2">
        <v>118.9</v>
      </c>
      <c r="Y14029" s="2">
        <v>7.6</v>
      </c>
      <c r="Z14029" s="2">
        <v>16.7</v>
      </c>
      <c r="AA14029" s="5"/>
      <c r="AB14029" s="5" t="s">
        <v>43</v>
      </c>
      <c r="AC14029" s="5" t="s">
        <v>44</v>
      </c>
      <c r="AD14029" s="2"/>
      <c r="AE14029" s="1"/>
    </row>
    <row r="14030" spans="1:31" ht="14.45">
      <c r="A14030" s="11"/>
      <c r="B14030" s="20"/>
      <c r="C14030" s="2" t="s">
        <v>43041</v>
      </c>
      <c r="D14030" s="14" t="s">
        <v>43042</v>
      </c>
      <c r="E14030" s="2" t="s">
        <v>43043</v>
      </c>
      <c r="F14030" s="2" t="s">
        <v>7539</v>
      </c>
      <c r="G14030" s="8">
        <v>168</v>
      </c>
      <c r="H14030" s="5">
        <v>6</v>
      </c>
      <c r="I14030" s="5" t="s">
        <v>1518</v>
      </c>
      <c r="J14030" s="5" t="s">
        <v>40939</v>
      </c>
      <c r="K14030" s="2" t="s">
        <v>40940</v>
      </c>
      <c r="L14030" s="5" t="s">
        <v>40939</v>
      </c>
      <c r="M14030" s="2" t="s">
        <v>40940</v>
      </c>
      <c r="N14030" s="5" t="s">
        <v>36266</v>
      </c>
      <c r="O14030" s="5" t="s">
        <v>38</v>
      </c>
      <c r="P14030" s="5" t="s">
        <v>39</v>
      </c>
      <c r="Q14030" s="5" t="s">
        <v>40</v>
      </c>
      <c r="R14030" s="5" t="s">
        <v>1522</v>
      </c>
      <c r="S14030" s="5" t="s">
        <v>1523</v>
      </c>
      <c r="T14030" s="5" t="s">
        <v>42</v>
      </c>
      <c r="U14030" s="2">
        <v>1.3660000000000001</v>
      </c>
      <c r="V14030" s="2">
        <v>0.88500000000000001</v>
      </c>
      <c r="W14030" s="2">
        <v>1.4999999999999999E-2</v>
      </c>
      <c r="X14030" s="2">
        <v>118.9</v>
      </c>
      <c r="Y14030" s="2">
        <v>7.6</v>
      </c>
      <c r="Z14030" s="2">
        <v>16.7</v>
      </c>
      <c r="AA14030" s="5"/>
      <c r="AB14030" s="5" t="s">
        <v>43</v>
      </c>
      <c r="AC14030" s="5" t="s">
        <v>44</v>
      </c>
      <c r="AD14030" s="2"/>
      <c r="AE14030" s="1"/>
    </row>
    <row r="14031" spans="1:31" ht="14.45">
      <c r="A14031" s="11"/>
      <c r="B14031" s="20"/>
      <c r="C14031" s="2" t="s">
        <v>43044</v>
      </c>
      <c r="D14031" s="14" t="s">
        <v>43045</v>
      </c>
      <c r="E14031" s="2" t="s">
        <v>43046</v>
      </c>
      <c r="F14031" s="2" t="s">
        <v>7543</v>
      </c>
      <c r="G14031" s="8">
        <v>168</v>
      </c>
      <c r="H14031" s="5">
        <v>6</v>
      </c>
      <c r="I14031" s="5" t="s">
        <v>1518</v>
      </c>
      <c r="J14031" s="5" t="s">
        <v>40939</v>
      </c>
      <c r="K14031" s="2" t="s">
        <v>40940</v>
      </c>
      <c r="L14031" s="5" t="s">
        <v>40939</v>
      </c>
      <c r="M14031" s="2" t="s">
        <v>40940</v>
      </c>
      <c r="N14031" s="5" t="s">
        <v>36266</v>
      </c>
      <c r="O14031" s="5" t="s">
        <v>38</v>
      </c>
      <c r="P14031" s="5" t="s">
        <v>39</v>
      </c>
      <c r="Q14031" s="5" t="s">
        <v>40</v>
      </c>
      <c r="R14031" s="5" t="s">
        <v>1522</v>
      </c>
      <c r="S14031" s="5" t="s">
        <v>1523</v>
      </c>
      <c r="T14031" s="5" t="s">
        <v>42</v>
      </c>
      <c r="U14031" s="2">
        <v>1.3779999999999999</v>
      </c>
      <c r="V14031" s="2">
        <v>0.89700000000000002</v>
      </c>
      <c r="W14031" s="2">
        <v>1.4999999999999999E-2</v>
      </c>
      <c r="X14031" s="2">
        <v>118.9</v>
      </c>
      <c r="Y14031" s="2">
        <v>7.6</v>
      </c>
      <c r="Z14031" s="2">
        <v>16.7</v>
      </c>
      <c r="AA14031" s="5"/>
      <c r="AB14031" s="5" t="s">
        <v>43</v>
      </c>
      <c r="AC14031" s="5" t="s">
        <v>44</v>
      </c>
      <c r="AD14031" s="2"/>
      <c r="AE14031" s="1"/>
    </row>
    <row r="14032" spans="1:31" ht="14.45">
      <c r="A14032" s="11"/>
      <c r="B14032" s="20"/>
      <c r="C14032" s="2" t="s">
        <v>43047</v>
      </c>
      <c r="D14032" s="14" t="s">
        <v>43048</v>
      </c>
      <c r="E14032" s="2" t="s">
        <v>43049</v>
      </c>
      <c r="F14032" s="2" t="s">
        <v>40989</v>
      </c>
      <c r="G14032" s="8">
        <v>168</v>
      </c>
      <c r="H14032" s="5">
        <v>6</v>
      </c>
      <c r="I14032" s="5" t="s">
        <v>1518</v>
      </c>
      <c r="J14032" s="5" t="s">
        <v>40939</v>
      </c>
      <c r="K14032" s="2" t="s">
        <v>40940</v>
      </c>
      <c r="L14032" s="5" t="s">
        <v>40939</v>
      </c>
      <c r="M14032" s="2" t="s">
        <v>40940</v>
      </c>
      <c r="N14032" s="5" t="s">
        <v>36266</v>
      </c>
      <c r="O14032" s="5" t="s">
        <v>38</v>
      </c>
      <c r="P14032" s="5" t="s">
        <v>39</v>
      </c>
      <c r="Q14032" s="5" t="s">
        <v>40</v>
      </c>
      <c r="R14032" s="5" t="s">
        <v>1522</v>
      </c>
      <c r="S14032" s="5" t="s">
        <v>1523</v>
      </c>
      <c r="T14032" s="5" t="s">
        <v>42</v>
      </c>
      <c r="U14032" s="2">
        <v>1.4079999999999999</v>
      </c>
      <c r="V14032" s="2">
        <v>0.92700000000000005</v>
      </c>
      <c r="W14032" s="2">
        <v>1.4999999999999999E-2</v>
      </c>
      <c r="X14032" s="2">
        <v>118.9</v>
      </c>
      <c r="Y14032" s="2">
        <v>7.6</v>
      </c>
      <c r="Z14032" s="2">
        <v>16.7</v>
      </c>
      <c r="AA14032" s="5"/>
      <c r="AB14032" s="5" t="s">
        <v>43</v>
      </c>
      <c r="AC14032" s="5" t="s">
        <v>44</v>
      </c>
      <c r="AD14032" s="2"/>
      <c r="AE14032" s="1"/>
    </row>
    <row r="14033" spans="1:31" ht="14.45">
      <c r="A14033" s="11"/>
      <c r="B14033" s="20"/>
      <c r="C14033" s="2" t="s">
        <v>43050</v>
      </c>
      <c r="D14033" s="14" t="s">
        <v>43051</v>
      </c>
      <c r="E14033" s="2" t="s">
        <v>43052</v>
      </c>
      <c r="F14033" s="2" t="s">
        <v>40993</v>
      </c>
      <c r="G14033" s="8">
        <v>168</v>
      </c>
      <c r="H14033" s="5">
        <v>6</v>
      </c>
      <c r="I14033" s="5" t="s">
        <v>1518</v>
      </c>
      <c r="J14033" s="5" t="s">
        <v>40939</v>
      </c>
      <c r="K14033" s="2" t="s">
        <v>40940</v>
      </c>
      <c r="L14033" s="5" t="s">
        <v>40939</v>
      </c>
      <c r="M14033" s="2" t="s">
        <v>40940</v>
      </c>
      <c r="N14033" s="5" t="s">
        <v>36266</v>
      </c>
      <c r="O14033" s="5" t="s">
        <v>38</v>
      </c>
      <c r="P14033" s="5" t="s">
        <v>39</v>
      </c>
      <c r="Q14033" s="5" t="s">
        <v>40</v>
      </c>
      <c r="R14033" s="5" t="s">
        <v>1522</v>
      </c>
      <c r="S14033" s="5" t="s">
        <v>1523</v>
      </c>
      <c r="T14033" s="5" t="s">
        <v>42</v>
      </c>
      <c r="U14033" s="2">
        <v>1.42</v>
      </c>
      <c r="V14033" s="2">
        <v>0.93899999999999995</v>
      </c>
      <c r="W14033" s="2">
        <v>1.4999999999999999E-2</v>
      </c>
      <c r="X14033" s="2">
        <v>118.9</v>
      </c>
      <c r="Y14033" s="2">
        <v>7.6</v>
      </c>
      <c r="Z14033" s="2">
        <v>16.7</v>
      </c>
      <c r="AA14033" s="5"/>
      <c r="AB14033" s="5" t="s">
        <v>43</v>
      </c>
      <c r="AC14033" s="5" t="s">
        <v>44</v>
      </c>
      <c r="AD14033" s="2"/>
      <c r="AE14033" s="1"/>
    </row>
    <row r="14034" spans="1:31" ht="14.45">
      <c r="A14034" s="11"/>
      <c r="B14034" s="20"/>
      <c r="C14034" s="2" t="s">
        <v>43053</v>
      </c>
      <c r="D14034" s="14" t="s">
        <v>43054</v>
      </c>
      <c r="E14034" s="2" t="s">
        <v>43055</v>
      </c>
      <c r="F14034" s="2" t="s">
        <v>40997</v>
      </c>
      <c r="G14034" s="8">
        <v>168</v>
      </c>
      <c r="H14034" s="5">
        <v>6</v>
      </c>
      <c r="I14034" s="5" t="s">
        <v>1518</v>
      </c>
      <c r="J14034" s="5" t="s">
        <v>40939</v>
      </c>
      <c r="K14034" s="2" t="s">
        <v>40940</v>
      </c>
      <c r="L14034" s="5" t="s">
        <v>40939</v>
      </c>
      <c r="M14034" s="2" t="s">
        <v>40940</v>
      </c>
      <c r="N14034" s="5" t="s">
        <v>36266</v>
      </c>
      <c r="O14034" s="5" t="s">
        <v>38</v>
      </c>
      <c r="P14034" s="5" t="s">
        <v>39</v>
      </c>
      <c r="Q14034" s="5" t="s">
        <v>40</v>
      </c>
      <c r="R14034" s="5" t="s">
        <v>1522</v>
      </c>
      <c r="S14034" s="5" t="s">
        <v>1523</v>
      </c>
      <c r="T14034" s="5" t="s">
        <v>42</v>
      </c>
      <c r="U14034" s="2">
        <v>1.375</v>
      </c>
      <c r="V14034" s="2">
        <v>0.89400000000000002</v>
      </c>
      <c r="W14034" s="2">
        <v>1.4999999999999999E-2</v>
      </c>
      <c r="X14034" s="2">
        <v>118.9</v>
      </c>
      <c r="Y14034" s="2">
        <v>7.6</v>
      </c>
      <c r="Z14034" s="2">
        <v>16.7</v>
      </c>
      <c r="AA14034" s="5"/>
      <c r="AB14034" s="5" t="s">
        <v>43</v>
      </c>
      <c r="AC14034" s="5" t="s">
        <v>44</v>
      </c>
      <c r="AD14034" s="2"/>
      <c r="AE14034" s="1"/>
    </row>
    <row r="14035" spans="1:31" ht="14.45">
      <c r="A14035" s="11"/>
      <c r="B14035" s="20"/>
      <c r="C14035" s="2" t="s">
        <v>43056</v>
      </c>
      <c r="D14035" s="14" t="s">
        <v>43057</v>
      </c>
      <c r="E14035" s="2" t="s">
        <v>43058</v>
      </c>
      <c r="F14035" s="2" t="s">
        <v>41267</v>
      </c>
      <c r="G14035" s="8">
        <v>168</v>
      </c>
      <c r="H14035" s="5">
        <v>6</v>
      </c>
      <c r="I14035" s="5" t="s">
        <v>1518</v>
      </c>
      <c r="J14035" s="5" t="s">
        <v>40939</v>
      </c>
      <c r="K14035" s="2" t="s">
        <v>40940</v>
      </c>
      <c r="L14035" s="5" t="s">
        <v>40939</v>
      </c>
      <c r="M14035" s="2" t="s">
        <v>40940</v>
      </c>
      <c r="N14035" s="5" t="s">
        <v>36266</v>
      </c>
      <c r="O14035" s="5" t="s">
        <v>38</v>
      </c>
      <c r="P14035" s="5" t="s">
        <v>39</v>
      </c>
      <c r="Q14035" s="5" t="s">
        <v>40</v>
      </c>
      <c r="R14035" s="5" t="s">
        <v>1522</v>
      </c>
      <c r="S14035" s="5" t="s">
        <v>1523</v>
      </c>
      <c r="T14035" s="5" t="s">
        <v>42</v>
      </c>
      <c r="U14035" s="2">
        <v>1.387</v>
      </c>
      <c r="V14035" s="2">
        <v>0.90600000000000003</v>
      </c>
      <c r="W14035" s="2">
        <v>1.4999999999999999E-2</v>
      </c>
      <c r="X14035" s="2">
        <v>118.9</v>
      </c>
      <c r="Y14035" s="2">
        <v>7.6</v>
      </c>
      <c r="Z14035" s="2">
        <v>16.7</v>
      </c>
      <c r="AA14035" s="5"/>
      <c r="AB14035" s="5" t="s">
        <v>43</v>
      </c>
      <c r="AC14035" s="5" t="s">
        <v>44</v>
      </c>
      <c r="AD14035" s="2"/>
      <c r="AE14035" s="1"/>
    </row>
    <row r="14036" spans="1:31" ht="14.45">
      <c r="A14036" s="11"/>
      <c r="B14036" s="20"/>
      <c r="C14036" s="2" t="s">
        <v>43059</v>
      </c>
      <c r="D14036" s="14" t="s">
        <v>43060</v>
      </c>
      <c r="E14036" s="2" t="s">
        <v>43061</v>
      </c>
      <c r="F14036" s="2" t="s">
        <v>41001</v>
      </c>
      <c r="G14036" s="8">
        <v>168</v>
      </c>
      <c r="H14036" s="5">
        <v>6</v>
      </c>
      <c r="I14036" s="5" t="s">
        <v>1518</v>
      </c>
      <c r="J14036" s="5" t="s">
        <v>40939</v>
      </c>
      <c r="K14036" s="2" t="s">
        <v>40940</v>
      </c>
      <c r="L14036" s="5" t="s">
        <v>40939</v>
      </c>
      <c r="M14036" s="2" t="s">
        <v>40940</v>
      </c>
      <c r="N14036" s="5" t="s">
        <v>36266</v>
      </c>
      <c r="O14036" s="5" t="s">
        <v>38</v>
      </c>
      <c r="P14036" s="5" t="s">
        <v>39</v>
      </c>
      <c r="Q14036" s="5" t="s">
        <v>40</v>
      </c>
      <c r="R14036" s="5" t="s">
        <v>1522</v>
      </c>
      <c r="S14036" s="5" t="s">
        <v>1523</v>
      </c>
      <c r="T14036" s="5" t="s">
        <v>42</v>
      </c>
      <c r="U14036" s="2">
        <v>1.4079999999999999</v>
      </c>
      <c r="V14036" s="2">
        <v>0.92700000000000005</v>
      </c>
      <c r="W14036" s="2">
        <v>1.4999999999999999E-2</v>
      </c>
      <c r="X14036" s="2">
        <v>118.9</v>
      </c>
      <c r="Y14036" s="2">
        <v>7.6</v>
      </c>
      <c r="Z14036" s="2">
        <v>16.7</v>
      </c>
      <c r="AA14036" s="5"/>
      <c r="AB14036" s="5" t="s">
        <v>43</v>
      </c>
      <c r="AC14036" s="5" t="s">
        <v>44</v>
      </c>
      <c r="AD14036" s="2"/>
      <c r="AE14036" s="1"/>
    </row>
    <row r="14037" spans="1:31" ht="14.45">
      <c r="A14037" s="11"/>
      <c r="B14037" s="20"/>
      <c r="C14037" s="2" t="s">
        <v>43062</v>
      </c>
      <c r="D14037" s="14" t="s">
        <v>43063</v>
      </c>
      <c r="E14037" s="2" t="s">
        <v>43064</v>
      </c>
      <c r="F14037" s="2" t="s">
        <v>41005</v>
      </c>
      <c r="G14037" s="8">
        <v>168</v>
      </c>
      <c r="H14037" s="5">
        <v>6</v>
      </c>
      <c r="I14037" s="5" t="s">
        <v>1518</v>
      </c>
      <c r="J14037" s="5" t="s">
        <v>40939</v>
      </c>
      <c r="K14037" s="2" t="s">
        <v>40940</v>
      </c>
      <c r="L14037" s="5" t="s">
        <v>40939</v>
      </c>
      <c r="M14037" s="2" t="s">
        <v>40940</v>
      </c>
      <c r="N14037" s="5" t="s">
        <v>36266</v>
      </c>
      <c r="O14037" s="5" t="s">
        <v>38</v>
      </c>
      <c r="P14037" s="5" t="s">
        <v>39</v>
      </c>
      <c r="Q14037" s="5" t="s">
        <v>40</v>
      </c>
      <c r="R14037" s="5" t="s">
        <v>1522</v>
      </c>
      <c r="S14037" s="5" t="s">
        <v>1523</v>
      </c>
      <c r="T14037" s="5" t="s">
        <v>42</v>
      </c>
      <c r="U14037" s="2">
        <v>1.42</v>
      </c>
      <c r="V14037" s="2">
        <v>0.93899999999999995</v>
      </c>
      <c r="W14037" s="2">
        <v>1.4999999999999999E-2</v>
      </c>
      <c r="X14037" s="2">
        <v>118.9</v>
      </c>
      <c r="Y14037" s="2">
        <v>7.6</v>
      </c>
      <c r="Z14037" s="2">
        <v>16.7</v>
      </c>
      <c r="AA14037" s="5"/>
      <c r="AB14037" s="5" t="s">
        <v>43</v>
      </c>
      <c r="AC14037" s="5" t="s">
        <v>44</v>
      </c>
      <c r="AD14037" s="2"/>
      <c r="AE14037" s="1"/>
    </row>
    <row r="14038" spans="1:31" ht="14.45">
      <c r="A14038" s="11"/>
      <c r="B14038" s="20"/>
      <c r="C14038" s="2" t="s">
        <v>43065</v>
      </c>
      <c r="D14038" s="14" t="s">
        <v>43066</v>
      </c>
      <c r="E14038" s="2" t="s">
        <v>43067</v>
      </c>
      <c r="F14038" s="2" t="s">
        <v>41009</v>
      </c>
      <c r="G14038" s="8">
        <v>168</v>
      </c>
      <c r="H14038" s="5">
        <v>6</v>
      </c>
      <c r="I14038" s="5" t="s">
        <v>1518</v>
      </c>
      <c r="J14038" s="5" t="s">
        <v>40939</v>
      </c>
      <c r="K14038" s="2" t="s">
        <v>40940</v>
      </c>
      <c r="L14038" s="5" t="s">
        <v>40939</v>
      </c>
      <c r="M14038" s="2" t="s">
        <v>40940</v>
      </c>
      <c r="N14038" s="5" t="s">
        <v>36266</v>
      </c>
      <c r="O14038" s="5" t="s">
        <v>38</v>
      </c>
      <c r="P14038" s="5" t="s">
        <v>39</v>
      </c>
      <c r="Q14038" s="5" t="s">
        <v>40</v>
      </c>
      <c r="R14038" s="5" t="s">
        <v>1522</v>
      </c>
      <c r="S14038" s="5" t="s">
        <v>1523</v>
      </c>
      <c r="T14038" s="5" t="s">
        <v>42</v>
      </c>
      <c r="U14038" s="2">
        <v>1.417</v>
      </c>
      <c r="V14038" s="2">
        <v>0.93600000000000005</v>
      </c>
      <c r="W14038" s="2">
        <v>1.4999999999999999E-2</v>
      </c>
      <c r="X14038" s="2">
        <v>118.9</v>
      </c>
      <c r="Y14038" s="2">
        <v>7.6</v>
      </c>
      <c r="Z14038" s="2">
        <v>16.7</v>
      </c>
      <c r="AA14038" s="5"/>
      <c r="AB14038" s="5" t="s">
        <v>43</v>
      </c>
      <c r="AC14038" s="5" t="s">
        <v>44</v>
      </c>
      <c r="AD14038" s="2"/>
      <c r="AE14038" s="1"/>
    </row>
    <row r="14039" spans="1:31" ht="14.45">
      <c r="A14039" s="11"/>
      <c r="B14039" s="20"/>
      <c r="C14039" s="2" t="s">
        <v>43068</v>
      </c>
      <c r="D14039" s="14" t="s">
        <v>43069</v>
      </c>
      <c r="E14039" s="2" t="s">
        <v>43070</v>
      </c>
      <c r="F14039" s="2" t="s">
        <v>41013</v>
      </c>
      <c r="G14039" s="8">
        <v>168</v>
      </c>
      <c r="H14039" s="5">
        <v>6</v>
      </c>
      <c r="I14039" s="5" t="s">
        <v>1518</v>
      </c>
      <c r="J14039" s="5" t="s">
        <v>40939</v>
      </c>
      <c r="K14039" s="2" t="s">
        <v>40940</v>
      </c>
      <c r="L14039" s="5" t="s">
        <v>40939</v>
      </c>
      <c r="M14039" s="2" t="s">
        <v>40940</v>
      </c>
      <c r="N14039" s="5" t="s">
        <v>36266</v>
      </c>
      <c r="O14039" s="5" t="s">
        <v>38</v>
      </c>
      <c r="P14039" s="5" t="s">
        <v>39</v>
      </c>
      <c r="Q14039" s="5" t="s">
        <v>40</v>
      </c>
      <c r="R14039" s="5" t="s">
        <v>1522</v>
      </c>
      <c r="S14039" s="5" t="s">
        <v>1523</v>
      </c>
      <c r="T14039" s="5" t="s">
        <v>42</v>
      </c>
      <c r="U14039" s="2">
        <v>1.429</v>
      </c>
      <c r="V14039" s="2">
        <v>0.94799999999999995</v>
      </c>
      <c r="W14039" s="2">
        <v>1.4999999999999999E-2</v>
      </c>
      <c r="X14039" s="2">
        <v>118.9</v>
      </c>
      <c r="Y14039" s="2">
        <v>7.6</v>
      </c>
      <c r="Z14039" s="2">
        <v>16.7</v>
      </c>
      <c r="AA14039" s="5"/>
      <c r="AB14039" s="5" t="s">
        <v>43</v>
      </c>
      <c r="AC14039" s="5" t="s">
        <v>44</v>
      </c>
      <c r="AD14039" s="2"/>
      <c r="AE14039" s="1"/>
    </row>
    <row r="14040" spans="1:31" ht="14.45">
      <c r="A14040" s="11"/>
      <c r="B14040" s="20"/>
      <c r="C14040" s="2" t="s">
        <v>43071</v>
      </c>
      <c r="D14040" s="14" t="s">
        <v>43072</v>
      </c>
      <c r="E14040" s="2" t="s">
        <v>43073</v>
      </c>
      <c r="F14040" s="2" t="s">
        <v>7396</v>
      </c>
      <c r="G14040" s="8">
        <v>146</v>
      </c>
      <c r="H14040" s="5">
        <v>6</v>
      </c>
      <c r="I14040" s="5" t="s">
        <v>1518</v>
      </c>
      <c r="J14040" s="5" t="s">
        <v>40939</v>
      </c>
      <c r="K14040" s="2" t="s">
        <v>40940</v>
      </c>
      <c r="L14040" s="5" t="s">
        <v>40939</v>
      </c>
      <c r="M14040" s="2" t="s">
        <v>40940</v>
      </c>
      <c r="N14040" s="5" t="s">
        <v>36266</v>
      </c>
      <c r="O14040" s="5" t="s">
        <v>38</v>
      </c>
      <c r="P14040" s="5" t="s">
        <v>39</v>
      </c>
      <c r="Q14040" s="5" t="s">
        <v>40</v>
      </c>
      <c r="R14040" s="5" t="s">
        <v>1522</v>
      </c>
      <c r="S14040" s="5" t="s">
        <v>1523</v>
      </c>
      <c r="T14040" s="5" t="s">
        <v>42</v>
      </c>
      <c r="U14040" s="2">
        <v>1.417</v>
      </c>
      <c r="V14040" s="2">
        <v>0.93600000000000005</v>
      </c>
      <c r="W14040" s="2">
        <v>1.4999999999999999E-2</v>
      </c>
      <c r="X14040" s="2">
        <v>118.9</v>
      </c>
      <c r="Y14040" s="2">
        <v>7.6</v>
      </c>
      <c r="Z14040" s="2">
        <v>16.7</v>
      </c>
      <c r="AA14040" s="5"/>
      <c r="AB14040" s="5" t="s">
        <v>43</v>
      </c>
      <c r="AC14040" s="5" t="s">
        <v>44</v>
      </c>
      <c r="AD14040" s="2"/>
      <c r="AE14040" s="1"/>
    </row>
    <row r="14041" spans="1:31" ht="14.45">
      <c r="A14041" s="11"/>
      <c r="B14041" s="20"/>
      <c r="C14041" s="2" t="s">
        <v>43074</v>
      </c>
      <c r="D14041" s="14" t="s">
        <v>43075</v>
      </c>
      <c r="E14041" s="2" t="s">
        <v>43076</v>
      </c>
      <c r="F14041" s="2" t="s">
        <v>7507</v>
      </c>
      <c r="G14041" s="8">
        <v>146</v>
      </c>
      <c r="H14041" s="5">
        <v>6</v>
      </c>
      <c r="I14041" s="5" t="s">
        <v>1518</v>
      </c>
      <c r="J14041" s="5" t="s">
        <v>40939</v>
      </c>
      <c r="K14041" s="2" t="s">
        <v>40940</v>
      </c>
      <c r="L14041" s="5" t="s">
        <v>40939</v>
      </c>
      <c r="M14041" s="2" t="s">
        <v>40940</v>
      </c>
      <c r="N14041" s="5" t="s">
        <v>36266</v>
      </c>
      <c r="O14041" s="5" t="s">
        <v>38</v>
      </c>
      <c r="P14041" s="5" t="s">
        <v>39</v>
      </c>
      <c r="Q14041" s="5" t="s">
        <v>40</v>
      </c>
      <c r="R14041" s="5" t="s">
        <v>1522</v>
      </c>
      <c r="S14041" s="5" t="s">
        <v>1523</v>
      </c>
      <c r="T14041" s="5" t="s">
        <v>42</v>
      </c>
      <c r="U14041" s="2">
        <v>1.429</v>
      </c>
      <c r="V14041" s="2">
        <v>0.94799999999999995</v>
      </c>
      <c r="W14041" s="2">
        <v>1.4999999999999999E-2</v>
      </c>
      <c r="X14041" s="2">
        <v>118.9</v>
      </c>
      <c r="Y14041" s="2">
        <v>7.6</v>
      </c>
      <c r="Z14041" s="2">
        <v>16.7</v>
      </c>
      <c r="AA14041" s="5"/>
      <c r="AB14041" s="5" t="s">
        <v>43</v>
      </c>
      <c r="AC14041" s="5" t="s">
        <v>44</v>
      </c>
      <c r="AD14041" s="2"/>
      <c r="AE14041" s="1"/>
    </row>
    <row r="14042" spans="1:31" ht="14.45">
      <c r="A14042" s="11"/>
      <c r="B14042" s="20"/>
      <c r="C14042" s="2" t="s">
        <v>43077</v>
      </c>
      <c r="D14042" s="14" t="s">
        <v>43078</v>
      </c>
      <c r="E14042" s="2" t="s">
        <v>43079</v>
      </c>
      <c r="F14042" s="2" t="s">
        <v>41023</v>
      </c>
      <c r="G14042" s="8">
        <v>168</v>
      </c>
      <c r="H14042" s="5">
        <v>6</v>
      </c>
      <c r="I14042" s="5" t="s">
        <v>1518</v>
      </c>
      <c r="J14042" s="5" t="s">
        <v>40939</v>
      </c>
      <c r="K14042" s="2" t="s">
        <v>40940</v>
      </c>
      <c r="L14042" s="5" t="s">
        <v>40939</v>
      </c>
      <c r="M14042" s="2" t="s">
        <v>40940</v>
      </c>
      <c r="N14042" s="5" t="s">
        <v>36266</v>
      </c>
      <c r="O14042" s="5" t="s">
        <v>38</v>
      </c>
      <c r="P14042" s="5" t="s">
        <v>39</v>
      </c>
      <c r="Q14042" s="5" t="s">
        <v>40</v>
      </c>
      <c r="R14042" s="5" t="s">
        <v>1522</v>
      </c>
      <c r="S14042" s="5" t="s">
        <v>1523</v>
      </c>
      <c r="T14042" s="5" t="s">
        <v>42</v>
      </c>
      <c r="U14042" s="2">
        <v>1.375</v>
      </c>
      <c r="V14042" s="2">
        <v>0.89400000000000002</v>
      </c>
      <c r="W14042" s="2">
        <v>1.4999999999999999E-2</v>
      </c>
      <c r="X14042" s="2">
        <v>118.9</v>
      </c>
      <c r="Y14042" s="2">
        <v>7.6</v>
      </c>
      <c r="Z14042" s="2">
        <v>16.7</v>
      </c>
      <c r="AA14042" s="5"/>
      <c r="AB14042" s="5" t="s">
        <v>43</v>
      </c>
      <c r="AC14042" s="5" t="s">
        <v>44</v>
      </c>
      <c r="AD14042" s="2"/>
      <c r="AE14042" s="1"/>
    </row>
    <row r="14043" spans="1:31" ht="14.45">
      <c r="A14043" s="11"/>
      <c r="B14043" s="20"/>
      <c r="C14043" s="2" t="s">
        <v>43080</v>
      </c>
      <c r="D14043" s="14" t="s">
        <v>43081</v>
      </c>
      <c r="E14043" s="2" t="s">
        <v>43082</v>
      </c>
      <c r="F14043" s="2" t="s">
        <v>41027</v>
      </c>
      <c r="G14043" s="8">
        <v>168</v>
      </c>
      <c r="H14043" s="5">
        <v>6</v>
      </c>
      <c r="I14043" s="5" t="s">
        <v>1518</v>
      </c>
      <c r="J14043" s="5" t="s">
        <v>40939</v>
      </c>
      <c r="K14043" s="2" t="s">
        <v>40940</v>
      </c>
      <c r="L14043" s="5" t="s">
        <v>40939</v>
      </c>
      <c r="M14043" s="2" t="s">
        <v>40940</v>
      </c>
      <c r="N14043" s="5" t="s">
        <v>36266</v>
      </c>
      <c r="O14043" s="5" t="s">
        <v>38</v>
      </c>
      <c r="P14043" s="5" t="s">
        <v>39</v>
      </c>
      <c r="Q14043" s="5" t="s">
        <v>40</v>
      </c>
      <c r="R14043" s="5" t="s">
        <v>1522</v>
      </c>
      <c r="S14043" s="5" t="s">
        <v>1523</v>
      </c>
      <c r="T14043" s="5" t="s">
        <v>42</v>
      </c>
      <c r="U14043" s="2">
        <v>1.387</v>
      </c>
      <c r="V14043" s="2">
        <v>0.90600000000000003</v>
      </c>
      <c r="W14043" s="2">
        <v>1.4999999999999999E-2</v>
      </c>
      <c r="X14043" s="2">
        <v>118.9</v>
      </c>
      <c r="Y14043" s="2">
        <v>7.6</v>
      </c>
      <c r="Z14043" s="2">
        <v>16.7</v>
      </c>
      <c r="AA14043" s="5"/>
      <c r="AB14043" s="5" t="s">
        <v>43</v>
      </c>
      <c r="AC14043" s="5" t="s">
        <v>44</v>
      </c>
      <c r="AD14043" s="2"/>
      <c r="AE14043" s="1"/>
    </row>
    <row r="14044" spans="1:31" ht="14.45">
      <c r="A14044" s="11"/>
      <c r="B14044" s="20"/>
      <c r="C14044" s="2" t="s">
        <v>43083</v>
      </c>
      <c r="D14044" s="14" t="s">
        <v>43084</v>
      </c>
      <c r="E14044" s="2" t="s">
        <v>43085</v>
      </c>
      <c r="F14044" s="2" t="s">
        <v>41031</v>
      </c>
      <c r="G14044" s="8">
        <v>168</v>
      </c>
      <c r="H14044" s="5">
        <v>6</v>
      </c>
      <c r="I14044" s="5" t="s">
        <v>1518</v>
      </c>
      <c r="J14044" s="5" t="s">
        <v>40939</v>
      </c>
      <c r="K14044" s="2" t="s">
        <v>40940</v>
      </c>
      <c r="L14044" s="5" t="s">
        <v>40939</v>
      </c>
      <c r="M14044" s="2" t="s">
        <v>40940</v>
      </c>
      <c r="N14044" s="5" t="s">
        <v>36266</v>
      </c>
      <c r="O14044" s="5" t="s">
        <v>38</v>
      </c>
      <c r="P14044" s="5" t="s">
        <v>39</v>
      </c>
      <c r="Q14044" s="5" t="s">
        <v>40</v>
      </c>
      <c r="R14044" s="5" t="s">
        <v>1522</v>
      </c>
      <c r="S14044" s="5" t="s">
        <v>1523</v>
      </c>
      <c r="T14044" s="5" t="s">
        <v>42</v>
      </c>
      <c r="U14044" s="2">
        <v>1.375</v>
      </c>
      <c r="V14044" s="2">
        <v>0.89400000000000002</v>
      </c>
      <c r="W14044" s="2">
        <v>1.4999999999999999E-2</v>
      </c>
      <c r="X14044" s="2">
        <v>118.9</v>
      </c>
      <c r="Y14044" s="2">
        <v>7.6</v>
      </c>
      <c r="Z14044" s="2">
        <v>16.7</v>
      </c>
      <c r="AA14044" s="5"/>
      <c r="AB14044" s="5" t="s">
        <v>43</v>
      </c>
      <c r="AC14044" s="5" t="s">
        <v>44</v>
      </c>
      <c r="AD14044" s="2"/>
      <c r="AE14044" s="1"/>
    </row>
    <row r="14045" spans="1:31" ht="14.45">
      <c r="A14045" s="11"/>
      <c r="B14045" s="20"/>
      <c r="C14045" s="2" t="s">
        <v>43086</v>
      </c>
      <c r="D14045" s="14" t="s">
        <v>43087</v>
      </c>
      <c r="E14045" s="2" t="s">
        <v>43088</v>
      </c>
      <c r="F14045" s="2" t="s">
        <v>41035</v>
      </c>
      <c r="G14045" s="8">
        <v>168</v>
      </c>
      <c r="H14045" s="5">
        <v>6</v>
      </c>
      <c r="I14045" s="5" t="s">
        <v>1518</v>
      </c>
      <c r="J14045" s="5" t="s">
        <v>40939</v>
      </c>
      <c r="K14045" s="2" t="s">
        <v>40940</v>
      </c>
      <c r="L14045" s="5" t="s">
        <v>40939</v>
      </c>
      <c r="M14045" s="2" t="s">
        <v>40940</v>
      </c>
      <c r="N14045" s="5" t="s">
        <v>36266</v>
      </c>
      <c r="O14045" s="5" t="s">
        <v>38</v>
      </c>
      <c r="P14045" s="5" t="s">
        <v>39</v>
      </c>
      <c r="Q14045" s="5" t="s">
        <v>40</v>
      </c>
      <c r="R14045" s="5" t="s">
        <v>1522</v>
      </c>
      <c r="S14045" s="5" t="s">
        <v>1523</v>
      </c>
      <c r="T14045" s="5" t="s">
        <v>42</v>
      </c>
      <c r="U14045" s="2">
        <v>1.387</v>
      </c>
      <c r="V14045" s="2">
        <v>0.90600000000000003</v>
      </c>
      <c r="W14045" s="2">
        <v>1.4999999999999999E-2</v>
      </c>
      <c r="X14045" s="2">
        <v>118.9</v>
      </c>
      <c r="Y14045" s="2">
        <v>7.6</v>
      </c>
      <c r="Z14045" s="2">
        <v>16.7</v>
      </c>
      <c r="AA14045" s="5"/>
      <c r="AB14045" s="5" t="s">
        <v>43</v>
      </c>
      <c r="AC14045" s="5" t="s">
        <v>44</v>
      </c>
      <c r="AD14045" s="2"/>
      <c r="AE14045" s="1"/>
    </row>
    <row r="14046" spans="1:31" ht="14.45">
      <c r="A14046" s="11"/>
      <c r="B14046" s="20"/>
      <c r="C14046" s="2" t="s">
        <v>43089</v>
      </c>
      <c r="D14046" s="14" t="s">
        <v>43090</v>
      </c>
      <c r="E14046" s="2" t="s">
        <v>43091</v>
      </c>
      <c r="F14046" s="2" t="s">
        <v>7449</v>
      </c>
      <c r="G14046" s="8">
        <v>168</v>
      </c>
      <c r="H14046" s="5">
        <v>6</v>
      </c>
      <c r="I14046" s="5" t="s">
        <v>1518</v>
      </c>
      <c r="J14046" s="5" t="s">
        <v>40939</v>
      </c>
      <c r="K14046" s="2" t="s">
        <v>40940</v>
      </c>
      <c r="L14046" s="5" t="s">
        <v>40939</v>
      </c>
      <c r="M14046" s="2" t="s">
        <v>40940</v>
      </c>
      <c r="N14046" s="5" t="s">
        <v>36266</v>
      </c>
      <c r="O14046" s="5" t="s">
        <v>38</v>
      </c>
      <c r="P14046" s="5" t="s">
        <v>39</v>
      </c>
      <c r="Q14046" s="5" t="s">
        <v>40</v>
      </c>
      <c r="R14046" s="5" t="s">
        <v>1522</v>
      </c>
      <c r="S14046" s="5" t="s">
        <v>1523</v>
      </c>
      <c r="T14046" s="5" t="s">
        <v>42</v>
      </c>
      <c r="U14046" s="2">
        <v>1.375</v>
      </c>
      <c r="V14046" s="2">
        <v>0.89400000000000002</v>
      </c>
      <c r="W14046" s="2">
        <v>1.4999999999999999E-2</v>
      </c>
      <c r="X14046" s="2">
        <v>118.9</v>
      </c>
      <c r="Y14046" s="2">
        <v>7.6</v>
      </c>
      <c r="Z14046" s="2">
        <v>16.7</v>
      </c>
      <c r="AA14046" s="5"/>
      <c r="AB14046" s="5" t="s">
        <v>43</v>
      </c>
      <c r="AC14046" s="5" t="s">
        <v>44</v>
      </c>
      <c r="AD14046" s="2"/>
      <c r="AE14046" s="1"/>
    </row>
    <row r="14047" spans="1:31" ht="14.45">
      <c r="A14047" s="11"/>
      <c r="B14047" s="20"/>
      <c r="C14047" s="2" t="s">
        <v>43092</v>
      </c>
      <c r="D14047" s="14" t="s">
        <v>43093</v>
      </c>
      <c r="E14047" s="2" t="s">
        <v>43094</v>
      </c>
      <c r="F14047" s="2" t="s">
        <v>7581</v>
      </c>
      <c r="G14047" s="8">
        <v>168</v>
      </c>
      <c r="H14047" s="5">
        <v>6</v>
      </c>
      <c r="I14047" s="5" t="s">
        <v>1518</v>
      </c>
      <c r="J14047" s="5" t="s">
        <v>40939</v>
      </c>
      <c r="K14047" s="2" t="s">
        <v>40940</v>
      </c>
      <c r="L14047" s="5" t="s">
        <v>40939</v>
      </c>
      <c r="M14047" s="2" t="s">
        <v>40940</v>
      </c>
      <c r="N14047" s="5" t="s">
        <v>36266</v>
      </c>
      <c r="O14047" s="5" t="s">
        <v>38</v>
      </c>
      <c r="P14047" s="5" t="s">
        <v>39</v>
      </c>
      <c r="Q14047" s="5" t="s">
        <v>40</v>
      </c>
      <c r="R14047" s="5" t="s">
        <v>1522</v>
      </c>
      <c r="S14047" s="5" t="s">
        <v>1523</v>
      </c>
      <c r="T14047" s="5" t="s">
        <v>42</v>
      </c>
      <c r="U14047" s="2">
        <v>1.387</v>
      </c>
      <c r="V14047" s="2">
        <v>0.90600000000000003</v>
      </c>
      <c r="W14047" s="2">
        <v>1.4999999999999999E-2</v>
      </c>
      <c r="X14047" s="2">
        <v>118.9</v>
      </c>
      <c r="Y14047" s="2">
        <v>7.6</v>
      </c>
      <c r="Z14047" s="2">
        <v>16.7</v>
      </c>
      <c r="AA14047" s="5"/>
      <c r="AB14047" s="5" t="s">
        <v>43</v>
      </c>
      <c r="AC14047" s="5" t="s">
        <v>44</v>
      </c>
      <c r="AD14047" s="2"/>
      <c r="AE14047" s="1"/>
    </row>
    <row r="14048" spans="1:31" ht="14.45">
      <c r="A14048" s="11"/>
      <c r="B14048" s="20"/>
      <c r="C14048" s="2" t="s">
        <v>43095</v>
      </c>
      <c r="D14048" s="14" t="s">
        <v>43096</v>
      </c>
      <c r="E14048" s="2" t="s">
        <v>43097</v>
      </c>
      <c r="F14048" s="2" t="s">
        <v>41045</v>
      </c>
      <c r="G14048" s="8">
        <v>168</v>
      </c>
      <c r="H14048" s="5">
        <v>6</v>
      </c>
      <c r="I14048" s="5" t="s">
        <v>1518</v>
      </c>
      <c r="J14048" s="5" t="s">
        <v>40939</v>
      </c>
      <c r="K14048" s="2" t="s">
        <v>40940</v>
      </c>
      <c r="L14048" s="5" t="s">
        <v>40939</v>
      </c>
      <c r="M14048" s="2" t="s">
        <v>40940</v>
      </c>
      <c r="N14048" s="5" t="s">
        <v>36266</v>
      </c>
      <c r="O14048" s="5" t="s">
        <v>38</v>
      </c>
      <c r="P14048" s="5" t="s">
        <v>39</v>
      </c>
      <c r="Q14048" s="5" t="s">
        <v>40</v>
      </c>
      <c r="R14048" s="5" t="s">
        <v>1522</v>
      </c>
      <c r="S14048" s="5" t="s">
        <v>1523</v>
      </c>
      <c r="T14048" s="5" t="s">
        <v>42</v>
      </c>
      <c r="U14048" s="2">
        <v>1.425</v>
      </c>
      <c r="V14048" s="2">
        <v>0.94399999999999995</v>
      </c>
      <c r="W14048" s="2">
        <v>1.4999999999999999E-2</v>
      </c>
      <c r="X14048" s="2">
        <v>118.9</v>
      </c>
      <c r="Y14048" s="2">
        <v>7.6</v>
      </c>
      <c r="Z14048" s="2">
        <v>16.7</v>
      </c>
      <c r="AA14048" s="5"/>
      <c r="AB14048" s="5" t="s">
        <v>43</v>
      </c>
      <c r="AC14048" s="5" t="s">
        <v>44</v>
      </c>
      <c r="AD14048" s="2"/>
      <c r="AE14048" s="1"/>
    </row>
    <row r="14049" spans="1:31" ht="14.45">
      <c r="A14049" s="11"/>
      <c r="B14049" s="20"/>
      <c r="C14049" s="2" t="s">
        <v>43098</v>
      </c>
      <c r="D14049" s="14" t="s">
        <v>43099</v>
      </c>
      <c r="E14049" s="2" t="s">
        <v>43100</v>
      </c>
      <c r="F14049" s="2" t="s">
        <v>41049</v>
      </c>
      <c r="G14049" s="8">
        <v>168</v>
      </c>
      <c r="H14049" s="5">
        <v>6</v>
      </c>
      <c r="I14049" s="5" t="s">
        <v>1518</v>
      </c>
      <c r="J14049" s="5" t="s">
        <v>40939</v>
      </c>
      <c r="K14049" s="2" t="s">
        <v>40940</v>
      </c>
      <c r="L14049" s="5" t="s">
        <v>40939</v>
      </c>
      <c r="M14049" s="2" t="s">
        <v>40940</v>
      </c>
      <c r="N14049" s="5" t="s">
        <v>36266</v>
      </c>
      <c r="O14049" s="5" t="s">
        <v>38</v>
      </c>
      <c r="P14049" s="5" t="s">
        <v>39</v>
      </c>
      <c r="Q14049" s="5" t="s">
        <v>40</v>
      </c>
      <c r="R14049" s="5" t="s">
        <v>1522</v>
      </c>
      <c r="S14049" s="5" t="s">
        <v>1523</v>
      </c>
      <c r="T14049" s="5" t="s">
        <v>42</v>
      </c>
      <c r="U14049" s="2">
        <v>1.4370000000000001</v>
      </c>
      <c r="V14049" s="2">
        <v>0.95599999999999996</v>
      </c>
      <c r="W14049" s="2">
        <v>1.4999999999999999E-2</v>
      </c>
      <c r="X14049" s="2">
        <v>118.9</v>
      </c>
      <c r="Y14049" s="2">
        <v>7.6</v>
      </c>
      <c r="Z14049" s="2">
        <v>16.7</v>
      </c>
      <c r="AA14049" s="5"/>
      <c r="AB14049" s="5" t="s">
        <v>43</v>
      </c>
      <c r="AC14049" s="5" t="s">
        <v>44</v>
      </c>
      <c r="AD14049" s="2"/>
      <c r="AE14049" s="1"/>
    </row>
    <row r="14050" spans="1:31" ht="14.45">
      <c r="A14050" s="11"/>
      <c r="B14050" s="20"/>
      <c r="C14050" s="2" t="s">
        <v>43101</v>
      </c>
      <c r="D14050" s="14" t="s">
        <v>43102</v>
      </c>
      <c r="E14050" s="2" t="s">
        <v>43103</v>
      </c>
      <c r="F14050" s="2" t="s">
        <v>7204</v>
      </c>
      <c r="G14050" s="8">
        <v>157</v>
      </c>
      <c r="H14050" s="5">
        <v>6</v>
      </c>
      <c r="I14050" s="5" t="s">
        <v>1518</v>
      </c>
      <c r="J14050" s="5" t="s">
        <v>40939</v>
      </c>
      <c r="K14050" s="2" t="s">
        <v>40940</v>
      </c>
      <c r="L14050" s="5" t="s">
        <v>40939</v>
      </c>
      <c r="M14050" s="2" t="s">
        <v>40940</v>
      </c>
      <c r="N14050" s="5" t="s">
        <v>36266</v>
      </c>
      <c r="O14050" s="5" t="s">
        <v>38</v>
      </c>
      <c r="P14050" s="5" t="s">
        <v>39</v>
      </c>
      <c r="Q14050" s="5" t="s">
        <v>40</v>
      </c>
      <c r="R14050" s="5" t="s">
        <v>1522</v>
      </c>
      <c r="S14050" s="5" t="s">
        <v>1523</v>
      </c>
      <c r="T14050" s="5" t="s">
        <v>42</v>
      </c>
      <c r="U14050" s="2">
        <v>1.544</v>
      </c>
      <c r="V14050" s="2">
        <v>0.98699999999999999</v>
      </c>
      <c r="W14050" s="2">
        <v>1.7999999999999999E-2</v>
      </c>
      <c r="X14050" s="2">
        <v>139.1</v>
      </c>
      <c r="Y14050" s="2">
        <v>7.6</v>
      </c>
      <c r="Z14050" s="2">
        <v>16.7</v>
      </c>
      <c r="AA14050" s="5"/>
      <c r="AB14050" s="5" t="s">
        <v>43</v>
      </c>
      <c r="AC14050" s="5" t="s">
        <v>44</v>
      </c>
      <c r="AD14050" s="2"/>
      <c r="AE14050" s="1"/>
    </row>
    <row r="14051" spans="1:31" ht="14.45">
      <c r="A14051" s="11"/>
      <c r="B14051" s="20"/>
      <c r="C14051" s="2" t="s">
        <v>43104</v>
      </c>
      <c r="D14051" s="14" t="s">
        <v>43105</v>
      </c>
      <c r="E14051" s="2" t="s">
        <v>43106</v>
      </c>
      <c r="F14051" s="2" t="s">
        <v>7514</v>
      </c>
      <c r="G14051" s="8">
        <v>157</v>
      </c>
      <c r="H14051" s="5">
        <v>6</v>
      </c>
      <c r="I14051" s="5" t="s">
        <v>1518</v>
      </c>
      <c r="J14051" s="5" t="s">
        <v>40939</v>
      </c>
      <c r="K14051" s="2" t="s">
        <v>40940</v>
      </c>
      <c r="L14051" s="5" t="s">
        <v>40939</v>
      </c>
      <c r="M14051" s="2" t="s">
        <v>40940</v>
      </c>
      <c r="N14051" s="5" t="s">
        <v>36266</v>
      </c>
      <c r="O14051" s="5" t="s">
        <v>38</v>
      </c>
      <c r="P14051" s="5" t="s">
        <v>39</v>
      </c>
      <c r="Q14051" s="5" t="s">
        <v>40</v>
      </c>
      <c r="R14051" s="5" t="s">
        <v>1522</v>
      </c>
      <c r="S14051" s="5" t="s">
        <v>1523</v>
      </c>
      <c r="T14051" s="5" t="s">
        <v>42</v>
      </c>
      <c r="U14051" s="2">
        <v>1.556</v>
      </c>
      <c r="V14051" s="2">
        <v>0.999</v>
      </c>
      <c r="W14051" s="2">
        <v>1.7999999999999999E-2</v>
      </c>
      <c r="X14051" s="2">
        <v>139.1</v>
      </c>
      <c r="Y14051" s="2">
        <v>7.6</v>
      </c>
      <c r="Z14051" s="2">
        <v>16.7</v>
      </c>
      <c r="AA14051" s="5"/>
      <c r="AB14051" s="5" t="s">
        <v>43</v>
      </c>
      <c r="AC14051" s="5" t="s">
        <v>44</v>
      </c>
      <c r="AD14051" s="2"/>
      <c r="AE14051" s="1"/>
    </row>
    <row r="14052" spans="1:31" ht="14.45">
      <c r="A14052" s="11"/>
      <c r="B14052" s="20"/>
      <c r="C14052" s="2" t="s">
        <v>43107</v>
      </c>
      <c r="D14052" s="14" t="s">
        <v>43108</v>
      </c>
      <c r="E14052" s="2" t="s">
        <v>43109</v>
      </c>
      <c r="F14052" s="2" t="s">
        <v>40947</v>
      </c>
      <c r="G14052" s="8">
        <v>181</v>
      </c>
      <c r="H14052" s="5">
        <v>6</v>
      </c>
      <c r="I14052" s="5" t="s">
        <v>1518</v>
      </c>
      <c r="J14052" s="5" t="s">
        <v>40939</v>
      </c>
      <c r="K14052" s="2" t="s">
        <v>40940</v>
      </c>
      <c r="L14052" s="5" t="s">
        <v>40939</v>
      </c>
      <c r="M14052" s="2" t="s">
        <v>40940</v>
      </c>
      <c r="N14052" s="5" t="s">
        <v>36266</v>
      </c>
      <c r="O14052" s="5" t="s">
        <v>38</v>
      </c>
      <c r="P14052" s="5" t="s">
        <v>39</v>
      </c>
      <c r="Q14052" s="5" t="s">
        <v>40</v>
      </c>
      <c r="R14052" s="5" t="s">
        <v>1522</v>
      </c>
      <c r="S14052" s="5" t="s">
        <v>1523</v>
      </c>
      <c r="T14052" s="5" t="s">
        <v>42</v>
      </c>
      <c r="U14052" s="2">
        <v>1.5640000000000001</v>
      </c>
      <c r="V14052" s="2">
        <v>1.0069999999999999</v>
      </c>
      <c r="W14052" s="2">
        <v>1.7999999999999999E-2</v>
      </c>
      <c r="X14052" s="2">
        <v>139.1</v>
      </c>
      <c r="Y14052" s="2">
        <v>7.6</v>
      </c>
      <c r="Z14052" s="2">
        <v>16.7</v>
      </c>
      <c r="AA14052" s="5"/>
      <c r="AB14052" s="5" t="s">
        <v>43</v>
      </c>
      <c r="AC14052" s="5" t="s">
        <v>44</v>
      </c>
      <c r="AD14052" s="2"/>
      <c r="AE14052" s="1"/>
    </row>
    <row r="14053" spans="1:31" ht="14.45">
      <c r="A14053" s="11"/>
      <c r="B14053" s="20"/>
      <c r="C14053" s="2" t="s">
        <v>43110</v>
      </c>
      <c r="D14053" s="14" t="s">
        <v>43111</v>
      </c>
      <c r="E14053" s="2" t="s">
        <v>43112</v>
      </c>
      <c r="F14053" s="2" t="s">
        <v>40951</v>
      </c>
      <c r="G14053" s="8">
        <v>181</v>
      </c>
      <c r="H14053" s="5">
        <v>6</v>
      </c>
      <c r="I14053" s="5" t="s">
        <v>1518</v>
      </c>
      <c r="J14053" s="5" t="s">
        <v>40939</v>
      </c>
      <c r="K14053" s="2" t="s">
        <v>40940</v>
      </c>
      <c r="L14053" s="5" t="s">
        <v>40939</v>
      </c>
      <c r="M14053" s="2" t="s">
        <v>40940</v>
      </c>
      <c r="N14053" s="5" t="s">
        <v>36266</v>
      </c>
      <c r="O14053" s="5" t="s">
        <v>38</v>
      </c>
      <c r="P14053" s="5" t="s">
        <v>39</v>
      </c>
      <c r="Q14053" s="5" t="s">
        <v>40</v>
      </c>
      <c r="R14053" s="5" t="s">
        <v>1522</v>
      </c>
      <c r="S14053" s="5" t="s">
        <v>1523</v>
      </c>
      <c r="T14053" s="5" t="s">
        <v>42</v>
      </c>
      <c r="U14053" s="2">
        <v>1.5760000000000001</v>
      </c>
      <c r="V14053" s="2">
        <v>1.0189999999999999</v>
      </c>
      <c r="W14053" s="2">
        <v>1.7999999999999999E-2</v>
      </c>
      <c r="X14053" s="2">
        <v>139.1</v>
      </c>
      <c r="Y14053" s="2">
        <v>7.6</v>
      </c>
      <c r="Z14053" s="2">
        <v>16.7</v>
      </c>
      <c r="AA14053" s="5"/>
      <c r="AB14053" s="5" t="s">
        <v>43</v>
      </c>
      <c r="AC14053" s="5" t="s">
        <v>44</v>
      </c>
      <c r="AD14053" s="2"/>
      <c r="AE14053" s="1"/>
    </row>
    <row r="14054" spans="1:31" ht="14.45">
      <c r="A14054" s="11"/>
      <c r="B14054" s="20"/>
      <c r="C14054" s="2" t="s">
        <v>43113</v>
      </c>
      <c r="D14054" s="14" t="s">
        <v>43114</v>
      </c>
      <c r="E14054" s="2" t="s">
        <v>43115</v>
      </c>
      <c r="F14054" s="2" t="s">
        <v>7208</v>
      </c>
      <c r="G14054" s="8">
        <v>157</v>
      </c>
      <c r="H14054" s="5">
        <v>6</v>
      </c>
      <c r="I14054" s="5" t="s">
        <v>1518</v>
      </c>
      <c r="J14054" s="5" t="s">
        <v>40939</v>
      </c>
      <c r="K14054" s="2" t="s">
        <v>40940</v>
      </c>
      <c r="L14054" s="5" t="s">
        <v>40939</v>
      </c>
      <c r="M14054" s="2" t="s">
        <v>40940</v>
      </c>
      <c r="N14054" s="5" t="s">
        <v>36266</v>
      </c>
      <c r="O14054" s="5" t="s">
        <v>38</v>
      </c>
      <c r="P14054" s="5" t="s">
        <v>39</v>
      </c>
      <c r="Q14054" s="5" t="s">
        <v>40</v>
      </c>
      <c r="R14054" s="5" t="s">
        <v>1522</v>
      </c>
      <c r="S14054" s="5" t="s">
        <v>1523</v>
      </c>
      <c r="T14054" s="5" t="s">
        <v>42</v>
      </c>
      <c r="U14054" s="2">
        <v>1.575</v>
      </c>
      <c r="V14054" s="2">
        <v>1.018</v>
      </c>
      <c r="W14054" s="2">
        <v>1.7999999999999999E-2</v>
      </c>
      <c r="X14054" s="2">
        <v>139.1</v>
      </c>
      <c r="Y14054" s="2">
        <v>7.6</v>
      </c>
      <c r="Z14054" s="2">
        <v>16.7</v>
      </c>
      <c r="AA14054" s="5"/>
      <c r="AB14054" s="5" t="s">
        <v>43</v>
      </c>
      <c r="AC14054" s="5" t="s">
        <v>44</v>
      </c>
      <c r="AD14054" s="2"/>
      <c r="AE14054" s="1"/>
    </row>
    <row r="14055" spans="1:31" ht="14.45">
      <c r="A14055" s="11"/>
      <c r="B14055" s="20"/>
      <c r="C14055" s="2" t="s">
        <v>43116</v>
      </c>
      <c r="D14055" s="14" t="s">
        <v>43117</v>
      </c>
      <c r="E14055" s="2" t="s">
        <v>43118</v>
      </c>
      <c r="F14055" s="2" t="s">
        <v>7521</v>
      </c>
      <c r="G14055" s="8">
        <v>157</v>
      </c>
      <c r="H14055" s="5">
        <v>6</v>
      </c>
      <c r="I14055" s="5" t="s">
        <v>1518</v>
      </c>
      <c r="J14055" s="5" t="s">
        <v>40939</v>
      </c>
      <c r="K14055" s="2" t="s">
        <v>40940</v>
      </c>
      <c r="L14055" s="5" t="s">
        <v>40939</v>
      </c>
      <c r="M14055" s="2" t="s">
        <v>40940</v>
      </c>
      <c r="N14055" s="5" t="s">
        <v>36266</v>
      </c>
      <c r="O14055" s="5" t="s">
        <v>38</v>
      </c>
      <c r="P14055" s="5" t="s">
        <v>39</v>
      </c>
      <c r="Q14055" s="5" t="s">
        <v>40</v>
      </c>
      <c r="R14055" s="5" t="s">
        <v>1522</v>
      </c>
      <c r="S14055" s="5" t="s">
        <v>1523</v>
      </c>
      <c r="T14055" s="5" t="s">
        <v>42</v>
      </c>
      <c r="U14055" s="2">
        <v>1.587</v>
      </c>
      <c r="V14055" s="2">
        <v>1.03</v>
      </c>
      <c r="W14055" s="2">
        <v>1.7999999999999999E-2</v>
      </c>
      <c r="X14055" s="2">
        <v>139.1</v>
      </c>
      <c r="Y14055" s="2">
        <v>7.6</v>
      </c>
      <c r="Z14055" s="2">
        <v>16.7</v>
      </c>
      <c r="AA14055" s="5"/>
      <c r="AB14055" s="5" t="s">
        <v>43</v>
      </c>
      <c r="AC14055" s="5" t="s">
        <v>44</v>
      </c>
      <c r="AD14055" s="2"/>
      <c r="AE14055" s="1"/>
    </row>
    <row r="14056" spans="1:31" ht="14.45">
      <c r="A14056" s="11"/>
      <c r="B14056" s="20"/>
      <c r="C14056" s="2" t="s">
        <v>43119</v>
      </c>
      <c r="D14056" s="14" t="s">
        <v>43120</v>
      </c>
      <c r="E14056" s="2" t="s">
        <v>43121</v>
      </c>
      <c r="F14056" s="2" t="s">
        <v>36273</v>
      </c>
      <c r="G14056" s="8">
        <v>157</v>
      </c>
      <c r="H14056" s="5">
        <v>6</v>
      </c>
      <c r="I14056" s="5" t="s">
        <v>1518</v>
      </c>
      <c r="J14056" s="5" t="s">
        <v>40939</v>
      </c>
      <c r="K14056" s="2" t="s">
        <v>40940</v>
      </c>
      <c r="L14056" s="5" t="s">
        <v>40939</v>
      </c>
      <c r="M14056" s="2" t="s">
        <v>40940</v>
      </c>
      <c r="N14056" s="5" t="s">
        <v>36266</v>
      </c>
      <c r="O14056" s="5" t="s">
        <v>38</v>
      </c>
      <c r="P14056" s="5" t="s">
        <v>39</v>
      </c>
      <c r="Q14056" s="5" t="s">
        <v>40</v>
      </c>
      <c r="R14056" s="5" t="s">
        <v>1522</v>
      </c>
      <c r="S14056" s="5" t="s">
        <v>1523</v>
      </c>
      <c r="T14056" s="5" t="s">
        <v>42</v>
      </c>
      <c r="U14056" s="2">
        <v>1.595</v>
      </c>
      <c r="V14056" s="2">
        <v>1.038</v>
      </c>
      <c r="W14056" s="2">
        <v>1.7999999999999999E-2</v>
      </c>
      <c r="X14056" s="2">
        <v>139.1</v>
      </c>
      <c r="Y14056" s="2">
        <v>7.6</v>
      </c>
      <c r="Z14056" s="2">
        <v>16.7</v>
      </c>
      <c r="AA14056" s="5"/>
      <c r="AB14056" s="5" t="s">
        <v>43</v>
      </c>
      <c r="AC14056" s="5" t="s">
        <v>44</v>
      </c>
      <c r="AD14056" s="2"/>
      <c r="AE14056" s="1"/>
    </row>
    <row r="14057" spans="1:31" ht="14.45">
      <c r="A14057" s="11"/>
      <c r="B14057" s="20"/>
      <c r="C14057" s="2" t="s">
        <v>43122</v>
      </c>
      <c r="D14057" s="14" t="s">
        <v>43123</v>
      </c>
      <c r="E14057" s="2" t="s">
        <v>43124</v>
      </c>
      <c r="F14057" s="2" t="s">
        <v>36277</v>
      </c>
      <c r="G14057" s="8">
        <v>157</v>
      </c>
      <c r="H14057" s="5">
        <v>6</v>
      </c>
      <c r="I14057" s="5" t="s">
        <v>1518</v>
      </c>
      <c r="J14057" s="5" t="s">
        <v>40939</v>
      </c>
      <c r="K14057" s="2" t="s">
        <v>40940</v>
      </c>
      <c r="L14057" s="5" t="s">
        <v>40939</v>
      </c>
      <c r="M14057" s="2" t="s">
        <v>40940</v>
      </c>
      <c r="N14057" s="5" t="s">
        <v>36266</v>
      </c>
      <c r="O14057" s="5" t="s">
        <v>38</v>
      </c>
      <c r="P14057" s="5" t="s">
        <v>39</v>
      </c>
      <c r="Q14057" s="5" t="s">
        <v>40</v>
      </c>
      <c r="R14057" s="5" t="s">
        <v>1522</v>
      </c>
      <c r="S14057" s="5" t="s">
        <v>1523</v>
      </c>
      <c r="T14057" s="5" t="s">
        <v>42</v>
      </c>
      <c r="U14057" s="2">
        <v>1.607</v>
      </c>
      <c r="V14057" s="2">
        <v>1.05</v>
      </c>
      <c r="W14057" s="2">
        <v>1.7999999999999999E-2</v>
      </c>
      <c r="X14057" s="2">
        <v>139.1</v>
      </c>
      <c r="Y14057" s="2">
        <v>7.6</v>
      </c>
      <c r="Z14057" s="2">
        <v>16.7</v>
      </c>
      <c r="AA14057" s="5"/>
      <c r="AB14057" s="5" t="s">
        <v>43</v>
      </c>
      <c r="AC14057" s="5" t="s">
        <v>44</v>
      </c>
      <c r="AD14057" s="2"/>
      <c r="AE14057" s="1"/>
    </row>
    <row r="14058" spans="1:31" ht="14.45">
      <c r="A14058" s="11"/>
      <c r="B14058" s="20"/>
      <c r="C14058" s="2" t="s">
        <v>43125</v>
      </c>
      <c r="D14058" s="14" t="s">
        <v>43126</v>
      </c>
      <c r="E14058" s="2" t="s">
        <v>43127</v>
      </c>
      <c r="F14058" s="2" t="s">
        <v>40967</v>
      </c>
      <c r="G14058" s="8">
        <v>181</v>
      </c>
      <c r="H14058" s="5">
        <v>6</v>
      </c>
      <c r="I14058" s="5" t="s">
        <v>1518</v>
      </c>
      <c r="J14058" s="5" t="s">
        <v>40939</v>
      </c>
      <c r="K14058" s="2" t="s">
        <v>40940</v>
      </c>
      <c r="L14058" s="5" t="s">
        <v>40939</v>
      </c>
      <c r="M14058" s="2" t="s">
        <v>40940</v>
      </c>
      <c r="N14058" s="5" t="s">
        <v>36266</v>
      </c>
      <c r="O14058" s="5" t="s">
        <v>38</v>
      </c>
      <c r="P14058" s="5" t="s">
        <v>39</v>
      </c>
      <c r="Q14058" s="5" t="s">
        <v>40</v>
      </c>
      <c r="R14058" s="5" t="s">
        <v>1522</v>
      </c>
      <c r="S14058" s="5" t="s">
        <v>1523</v>
      </c>
      <c r="T14058" s="5" t="s">
        <v>42</v>
      </c>
      <c r="U14058" s="2">
        <v>1.575</v>
      </c>
      <c r="V14058" s="2">
        <v>1.018</v>
      </c>
      <c r="W14058" s="2">
        <v>1.7999999999999999E-2</v>
      </c>
      <c r="X14058" s="2">
        <v>139.1</v>
      </c>
      <c r="Y14058" s="2">
        <v>7.6</v>
      </c>
      <c r="Z14058" s="2">
        <v>16.7</v>
      </c>
      <c r="AA14058" s="5"/>
      <c r="AB14058" s="5" t="s">
        <v>43</v>
      </c>
      <c r="AC14058" s="5" t="s">
        <v>44</v>
      </c>
      <c r="AD14058" s="2"/>
      <c r="AE14058" s="1"/>
    </row>
    <row r="14059" spans="1:31" ht="14.45">
      <c r="A14059" s="11"/>
      <c r="B14059" s="20"/>
      <c r="C14059" s="2" t="s">
        <v>43128</v>
      </c>
      <c r="D14059" s="14" t="s">
        <v>43129</v>
      </c>
      <c r="E14059" s="2" t="s">
        <v>43130</v>
      </c>
      <c r="F14059" s="2" t="s">
        <v>40971</v>
      </c>
      <c r="G14059" s="8">
        <v>181</v>
      </c>
      <c r="H14059" s="5">
        <v>6</v>
      </c>
      <c r="I14059" s="5" t="s">
        <v>1518</v>
      </c>
      <c r="J14059" s="5" t="s">
        <v>40939</v>
      </c>
      <c r="K14059" s="2" t="s">
        <v>40940</v>
      </c>
      <c r="L14059" s="5" t="s">
        <v>40939</v>
      </c>
      <c r="M14059" s="2" t="s">
        <v>40940</v>
      </c>
      <c r="N14059" s="5" t="s">
        <v>36266</v>
      </c>
      <c r="O14059" s="5" t="s">
        <v>38</v>
      </c>
      <c r="P14059" s="5" t="s">
        <v>39</v>
      </c>
      <c r="Q14059" s="5" t="s">
        <v>40</v>
      </c>
      <c r="R14059" s="5" t="s">
        <v>1522</v>
      </c>
      <c r="S14059" s="5" t="s">
        <v>1523</v>
      </c>
      <c r="T14059" s="5" t="s">
        <v>42</v>
      </c>
      <c r="U14059" s="2">
        <v>1.587</v>
      </c>
      <c r="V14059" s="2">
        <v>1.03</v>
      </c>
      <c r="W14059" s="2">
        <v>1.7999999999999999E-2</v>
      </c>
      <c r="X14059" s="2">
        <v>139.1</v>
      </c>
      <c r="Y14059" s="2">
        <v>7.6</v>
      </c>
      <c r="Z14059" s="2">
        <v>16.7</v>
      </c>
      <c r="AA14059" s="5"/>
      <c r="AB14059" s="5" t="s">
        <v>43</v>
      </c>
      <c r="AC14059" s="5" t="s">
        <v>44</v>
      </c>
      <c r="AD14059" s="2"/>
      <c r="AE14059" s="1"/>
    </row>
    <row r="14060" spans="1:31" ht="14.45">
      <c r="A14060" s="11"/>
      <c r="B14060" s="20"/>
      <c r="C14060" s="2" t="s">
        <v>43131</v>
      </c>
      <c r="D14060" s="14" t="s">
        <v>43132</v>
      </c>
      <c r="E14060" s="2" t="s">
        <v>43133</v>
      </c>
      <c r="F14060" s="2" t="s">
        <v>40975</v>
      </c>
      <c r="G14060" s="8">
        <v>181</v>
      </c>
      <c r="H14060" s="5">
        <v>6</v>
      </c>
      <c r="I14060" s="5" t="s">
        <v>1518</v>
      </c>
      <c r="J14060" s="5" t="s">
        <v>40939</v>
      </c>
      <c r="K14060" s="2" t="s">
        <v>40940</v>
      </c>
      <c r="L14060" s="5" t="s">
        <v>40939</v>
      </c>
      <c r="M14060" s="2" t="s">
        <v>40940</v>
      </c>
      <c r="N14060" s="5" t="s">
        <v>36266</v>
      </c>
      <c r="O14060" s="5" t="s">
        <v>38</v>
      </c>
      <c r="P14060" s="5" t="s">
        <v>39</v>
      </c>
      <c r="Q14060" s="5" t="s">
        <v>40</v>
      </c>
      <c r="R14060" s="5" t="s">
        <v>1522</v>
      </c>
      <c r="S14060" s="5" t="s">
        <v>1523</v>
      </c>
      <c r="T14060" s="5" t="s">
        <v>42</v>
      </c>
      <c r="U14060" s="2">
        <v>1.575</v>
      </c>
      <c r="V14060" s="2">
        <v>1.018</v>
      </c>
      <c r="W14060" s="2">
        <v>1.7999999999999999E-2</v>
      </c>
      <c r="X14060" s="2">
        <v>139.1</v>
      </c>
      <c r="Y14060" s="2">
        <v>7.6</v>
      </c>
      <c r="Z14060" s="2">
        <v>16.7</v>
      </c>
      <c r="AA14060" s="5"/>
      <c r="AB14060" s="5" t="s">
        <v>43</v>
      </c>
      <c r="AC14060" s="5" t="s">
        <v>44</v>
      </c>
      <c r="AD14060" s="2"/>
      <c r="AE14060" s="1"/>
    </row>
    <row r="14061" spans="1:31" ht="14.45">
      <c r="A14061" s="11"/>
      <c r="B14061" s="20"/>
      <c r="C14061" s="2" t="s">
        <v>43134</v>
      </c>
      <c r="D14061" s="14" t="s">
        <v>43135</v>
      </c>
      <c r="E14061" s="2" t="s">
        <v>43136</v>
      </c>
      <c r="F14061" s="2" t="s">
        <v>40979</v>
      </c>
      <c r="G14061" s="8">
        <v>181</v>
      </c>
      <c r="H14061" s="5">
        <v>6</v>
      </c>
      <c r="I14061" s="5" t="s">
        <v>1518</v>
      </c>
      <c r="J14061" s="5" t="s">
        <v>40939</v>
      </c>
      <c r="K14061" s="2" t="s">
        <v>40940</v>
      </c>
      <c r="L14061" s="5" t="s">
        <v>40939</v>
      </c>
      <c r="M14061" s="2" t="s">
        <v>40940</v>
      </c>
      <c r="N14061" s="5" t="s">
        <v>36266</v>
      </c>
      <c r="O14061" s="5" t="s">
        <v>38</v>
      </c>
      <c r="P14061" s="5" t="s">
        <v>39</v>
      </c>
      <c r="Q14061" s="5" t="s">
        <v>40</v>
      </c>
      <c r="R14061" s="5" t="s">
        <v>1522</v>
      </c>
      <c r="S14061" s="5" t="s">
        <v>1523</v>
      </c>
      <c r="T14061" s="5" t="s">
        <v>42</v>
      </c>
      <c r="U14061" s="2">
        <v>1.587</v>
      </c>
      <c r="V14061" s="2">
        <v>1.03</v>
      </c>
      <c r="W14061" s="2">
        <v>1.7999999999999999E-2</v>
      </c>
      <c r="X14061" s="2">
        <v>139.1</v>
      </c>
      <c r="Y14061" s="2">
        <v>7.6</v>
      </c>
      <c r="Z14061" s="2">
        <v>16.7</v>
      </c>
      <c r="AA14061" s="5"/>
      <c r="AB14061" s="5" t="s">
        <v>43</v>
      </c>
      <c r="AC14061" s="5" t="s">
        <v>44</v>
      </c>
      <c r="AD14061" s="2"/>
      <c r="AE14061" s="1"/>
    </row>
    <row r="14062" spans="1:31" ht="14.45">
      <c r="A14062" s="11"/>
      <c r="B14062" s="20"/>
      <c r="C14062" s="2" t="s">
        <v>43137</v>
      </c>
      <c r="D14062" s="14" t="s">
        <v>43138</v>
      </c>
      <c r="E14062" s="2" t="s">
        <v>43139</v>
      </c>
      <c r="F14062" s="2" t="s">
        <v>7539</v>
      </c>
      <c r="G14062" s="8">
        <v>181</v>
      </c>
      <c r="H14062" s="5">
        <v>6</v>
      </c>
      <c r="I14062" s="5" t="s">
        <v>1518</v>
      </c>
      <c r="J14062" s="5" t="s">
        <v>40939</v>
      </c>
      <c r="K14062" s="2" t="s">
        <v>40940</v>
      </c>
      <c r="L14062" s="5" t="s">
        <v>40939</v>
      </c>
      <c r="M14062" s="2" t="s">
        <v>40940</v>
      </c>
      <c r="N14062" s="5" t="s">
        <v>36266</v>
      </c>
      <c r="O14062" s="5" t="s">
        <v>38</v>
      </c>
      <c r="P14062" s="5" t="s">
        <v>39</v>
      </c>
      <c r="Q14062" s="5" t="s">
        <v>40</v>
      </c>
      <c r="R14062" s="5" t="s">
        <v>1522</v>
      </c>
      <c r="S14062" s="5" t="s">
        <v>1523</v>
      </c>
      <c r="T14062" s="5" t="s">
        <v>42</v>
      </c>
      <c r="U14062" s="2">
        <v>1.5229999999999999</v>
      </c>
      <c r="V14062" s="2">
        <v>0.96599999999999997</v>
      </c>
      <c r="W14062" s="2">
        <v>1.7999999999999999E-2</v>
      </c>
      <c r="X14062" s="2">
        <v>139.1</v>
      </c>
      <c r="Y14062" s="2">
        <v>7.6</v>
      </c>
      <c r="Z14062" s="2">
        <v>16.7</v>
      </c>
      <c r="AA14062" s="5"/>
      <c r="AB14062" s="5" t="s">
        <v>43</v>
      </c>
      <c r="AC14062" s="5" t="s">
        <v>44</v>
      </c>
      <c r="AD14062" s="2"/>
      <c r="AE14062" s="1"/>
    </row>
    <row r="14063" spans="1:31" ht="14.45">
      <c r="A14063" s="11"/>
      <c r="B14063" s="20"/>
      <c r="C14063" s="2" t="s">
        <v>43140</v>
      </c>
      <c r="D14063" s="14" t="s">
        <v>43141</v>
      </c>
      <c r="E14063" s="2" t="s">
        <v>43142</v>
      </c>
      <c r="F14063" s="2" t="s">
        <v>7543</v>
      </c>
      <c r="G14063" s="8">
        <v>181</v>
      </c>
      <c r="H14063" s="5">
        <v>6</v>
      </c>
      <c r="I14063" s="5" t="s">
        <v>1518</v>
      </c>
      <c r="J14063" s="5" t="s">
        <v>40939</v>
      </c>
      <c r="K14063" s="2" t="s">
        <v>40940</v>
      </c>
      <c r="L14063" s="5" t="s">
        <v>40939</v>
      </c>
      <c r="M14063" s="2" t="s">
        <v>40940</v>
      </c>
      <c r="N14063" s="5" t="s">
        <v>36266</v>
      </c>
      <c r="O14063" s="5" t="s">
        <v>38</v>
      </c>
      <c r="P14063" s="5" t="s">
        <v>39</v>
      </c>
      <c r="Q14063" s="5" t="s">
        <v>40</v>
      </c>
      <c r="R14063" s="5" t="s">
        <v>1522</v>
      </c>
      <c r="S14063" s="5" t="s">
        <v>1523</v>
      </c>
      <c r="T14063" s="5" t="s">
        <v>42</v>
      </c>
      <c r="U14063" s="2">
        <v>1.5349999999999999</v>
      </c>
      <c r="V14063" s="2">
        <v>0.97799999999999998</v>
      </c>
      <c r="W14063" s="2">
        <v>1.7999999999999999E-2</v>
      </c>
      <c r="X14063" s="2">
        <v>139.1</v>
      </c>
      <c r="Y14063" s="2">
        <v>7.6</v>
      </c>
      <c r="Z14063" s="2">
        <v>16.7</v>
      </c>
      <c r="AA14063" s="5"/>
      <c r="AB14063" s="5" t="s">
        <v>43</v>
      </c>
      <c r="AC14063" s="5" t="s">
        <v>44</v>
      </c>
      <c r="AD14063" s="2"/>
      <c r="AE14063" s="1"/>
    </row>
    <row r="14064" spans="1:31" ht="14.45">
      <c r="A14064" s="11"/>
      <c r="B14064" s="20"/>
      <c r="C14064" s="2" t="s">
        <v>43143</v>
      </c>
      <c r="D14064" s="14" t="s">
        <v>43144</v>
      </c>
      <c r="E14064" s="2" t="s">
        <v>43145</v>
      </c>
      <c r="F14064" s="2" t="s">
        <v>40989</v>
      </c>
      <c r="G14064" s="8">
        <v>181</v>
      </c>
      <c r="H14064" s="5">
        <v>6</v>
      </c>
      <c r="I14064" s="5" t="s">
        <v>1518</v>
      </c>
      <c r="J14064" s="5" t="s">
        <v>40939</v>
      </c>
      <c r="K14064" s="2" t="s">
        <v>40940</v>
      </c>
      <c r="L14064" s="5" t="s">
        <v>40939</v>
      </c>
      <c r="M14064" s="2" t="s">
        <v>40940</v>
      </c>
      <c r="N14064" s="5" t="s">
        <v>36266</v>
      </c>
      <c r="O14064" s="5" t="s">
        <v>38</v>
      </c>
      <c r="P14064" s="5" t="s">
        <v>39</v>
      </c>
      <c r="Q14064" s="5" t="s">
        <v>40</v>
      </c>
      <c r="R14064" s="5" t="s">
        <v>1522</v>
      </c>
      <c r="S14064" s="5" t="s">
        <v>1523</v>
      </c>
      <c r="T14064" s="5" t="s">
        <v>42</v>
      </c>
      <c r="U14064" s="2">
        <v>1.575</v>
      </c>
      <c r="V14064" s="2">
        <v>1.018</v>
      </c>
      <c r="W14064" s="2">
        <v>1.7999999999999999E-2</v>
      </c>
      <c r="X14064" s="2">
        <v>139.1</v>
      </c>
      <c r="Y14064" s="2">
        <v>7.6</v>
      </c>
      <c r="Z14064" s="2">
        <v>16.7</v>
      </c>
      <c r="AA14064" s="5"/>
      <c r="AB14064" s="5" t="s">
        <v>43</v>
      </c>
      <c r="AC14064" s="5" t="s">
        <v>44</v>
      </c>
      <c r="AD14064" s="2"/>
      <c r="AE14064" s="1"/>
    </row>
    <row r="14065" spans="1:31" ht="14.45">
      <c r="A14065" s="11"/>
      <c r="B14065" s="20"/>
      <c r="C14065" s="2" t="s">
        <v>43146</v>
      </c>
      <c r="D14065" s="14" t="s">
        <v>43147</v>
      </c>
      <c r="E14065" s="2" t="s">
        <v>43148</v>
      </c>
      <c r="F14065" s="2" t="s">
        <v>40993</v>
      </c>
      <c r="G14065" s="8">
        <v>181</v>
      </c>
      <c r="H14065" s="5">
        <v>6</v>
      </c>
      <c r="I14065" s="5" t="s">
        <v>1518</v>
      </c>
      <c r="J14065" s="5" t="s">
        <v>40939</v>
      </c>
      <c r="K14065" s="2" t="s">
        <v>40940</v>
      </c>
      <c r="L14065" s="5" t="s">
        <v>40939</v>
      </c>
      <c r="M14065" s="2" t="s">
        <v>40940</v>
      </c>
      <c r="N14065" s="5" t="s">
        <v>36266</v>
      </c>
      <c r="O14065" s="5" t="s">
        <v>38</v>
      </c>
      <c r="P14065" s="5" t="s">
        <v>39</v>
      </c>
      <c r="Q14065" s="5" t="s">
        <v>40</v>
      </c>
      <c r="R14065" s="5" t="s">
        <v>1522</v>
      </c>
      <c r="S14065" s="5" t="s">
        <v>1523</v>
      </c>
      <c r="T14065" s="5" t="s">
        <v>42</v>
      </c>
      <c r="U14065" s="2">
        <v>1.587</v>
      </c>
      <c r="V14065" s="2">
        <v>1.03</v>
      </c>
      <c r="W14065" s="2">
        <v>1.7999999999999999E-2</v>
      </c>
      <c r="X14065" s="2">
        <v>139.1</v>
      </c>
      <c r="Y14065" s="2">
        <v>7.6</v>
      </c>
      <c r="Z14065" s="2">
        <v>16.7</v>
      </c>
      <c r="AA14065" s="5"/>
      <c r="AB14065" s="5" t="s">
        <v>43</v>
      </c>
      <c r="AC14065" s="5" t="s">
        <v>44</v>
      </c>
      <c r="AD14065" s="2"/>
      <c r="AE14065" s="1"/>
    </row>
    <row r="14066" spans="1:31" ht="14.45">
      <c r="A14066" s="11"/>
      <c r="B14066" s="20"/>
      <c r="C14066" s="2" t="s">
        <v>43149</v>
      </c>
      <c r="D14066" s="14" t="s">
        <v>43150</v>
      </c>
      <c r="E14066" s="2" t="s">
        <v>43151</v>
      </c>
      <c r="F14066" s="2" t="s">
        <v>40997</v>
      </c>
      <c r="G14066" s="8">
        <v>181</v>
      </c>
      <c r="H14066" s="5">
        <v>6</v>
      </c>
      <c r="I14066" s="5" t="s">
        <v>1518</v>
      </c>
      <c r="J14066" s="5" t="s">
        <v>40939</v>
      </c>
      <c r="K14066" s="2" t="s">
        <v>40940</v>
      </c>
      <c r="L14066" s="5" t="s">
        <v>40939</v>
      </c>
      <c r="M14066" s="2" t="s">
        <v>40940</v>
      </c>
      <c r="N14066" s="5" t="s">
        <v>36266</v>
      </c>
      <c r="O14066" s="5" t="s">
        <v>38</v>
      </c>
      <c r="P14066" s="5" t="s">
        <v>39</v>
      </c>
      <c r="Q14066" s="5" t="s">
        <v>40</v>
      </c>
      <c r="R14066" s="5" t="s">
        <v>1522</v>
      </c>
      <c r="S14066" s="5" t="s">
        <v>1523</v>
      </c>
      <c r="T14066" s="5" t="s">
        <v>42</v>
      </c>
      <c r="U14066" s="2">
        <v>1.534</v>
      </c>
      <c r="V14066" s="2">
        <v>0.97699999999999998</v>
      </c>
      <c r="W14066" s="2">
        <v>1.7999999999999999E-2</v>
      </c>
      <c r="X14066" s="2">
        <v>139.1</v>
      </c>
      <c r="Y14066" s="2">
        <v>7.6</v>
      </c>
      <c r="Z14066" s="2">
        <v>16.7</v>
      </c>
      <c r="AA14066" s="5"/>
      <c r="AB14066" s="5" t="s">
        <v>43</v>
      </c>
      <c r="AC14066" s="5" t="s">
        <v>44</v>
      </c>
      <c r="AD14066" s="2"/>
      <c r="AE14066" s="1"/>
    </row>
    <row r="14067" spans="1:31" ht="14.45">
      <c r="A14067" s="11"/>
      <c r="B14067" s="20"/>
      <c r="C14067" s="2" t="s">
        <v>43152</v>
      </c>
      <c r="D14067" s="14" t="s">
        <v>43153</v>
      </c>
      <c r="E14067" s="2" t="s">
        <v>43154</v>
      </c>
      <c r="F14067" s="2" t="s">
        <v>41267</v>
      </c>
      <c r="G14067" s="8">
        <v>181</v>
      </c>
      <c r="H14067" s="5">
        <v>6</v>
      </c>
      <c r="I14067" s="5" t="s">
        <v>1518</v>
      </c>
      <c r="J14067" s="5" t="s">
        <v>40939</v>
      </c>
      <c r="K14067" s="2" t="s">
        <v>40940</v>
      </c>
      <c r="L14067" s="5" t="s">
        <v>40939</v>
      </c>
      <c r="M14067" s="2" t="s">
        <v>40940</v>
      </c>
      <c r="N14067" s="5" t="s">
        <v>36266</v>
      </c>
      <c r="O14067" s="5" t="s">
        <v>38</v>
      </c>
      <c r="P14067" s="5" t="s">
        <v>39</v>
      </c>
      <c r="Q14067" s="5" t="s">
        <v>40</v>
      </c>
      <c r="R14067" s="5" t="s">
        <v>1522</v>
      </c>
      <c r="S14067" s="5" t="s">
        <v>1523</v>
      </c>
      <c r="T14067" s="5" t="s">
        <v>42</v>
      </c>
      <c r="U14067" s="2">
        <v>1.546</v>
      </c>
      <c r="V14067" s="2">
        <v>0.98899999999999999</v>
      </c>
      <c r="W14067" s="2">
        <v>1.7999999999999999E-2</v>
      </c>
      <c r="X14067" s="2">
        <v>139.1</v>
      </c>
      <c r="Y14067" s="2">
        <v>7.6</v>
      </c>
      <c r="Z14067" s="2">
        <v>16.7</v>
      </c>
      <c r="AA14067" s="5"/>
      <c r="AB14067" s="5" t="s">
        <v>43</v>
      </c>
      <c r="AC14067" s="5" t="s">
        <v>44</v>
      </c>
      <c r="AD14067" s="2"/>
      <c r="AE14067" s="1"/>
    </row>
    <row r="14068" spans="1:31" ht="14.45">
      <c r="A14068" s="11"/>
      <c r="B14068" s="20"/>
      <c r="C14068" s="2" t="s">
        <v>43155</v>
      </c>
      <c r="D14068" s="14" t="s">
        <v>43156</v>
      </c>
      <c r="E14068" s="2" t="s">
        <v>43157</v>
      </c>
      <c r="F14068" s="2" t="s">
        <v>41001</v>
      </c>
      <c r="G14068" s="8">
        <v>181</v>
      </c>
      <c r="H14068" s="5">
        <v>6</v>
      </c>
      <c r="I14068" s="5" t="s">
        <v>1518</v>
      </c>
      <c r="J14068" s="5" t="s">
        <v>40939</v>
      </c>
      <c r="K14068" s="2" t="s">
        <v>40940</v>
      </c>
      <c r="L14068" s="5" t="s">
        <v>40939</v>
      </c>
      <c r="M14068" s="2" t="s">
        <v>40940</v>
      </c>
      <c r="N14068" s="5" t="s">
        <v>36266</v>
      </c>
      <c r="O14068" s="5" t="s">
        <v>38</v>
      </c>
      <c r="P14068" s="5" t="s">
        <v>39</v>
      </c>
      <c r="Q14068" s="5" t="s">
        <v>40</v>
      </c>
      <c r="R14068" s="5" t="s">
        <v>1522</v>
      </c>
      <c r="S14068" s="5" t="s">
        <v>1523</v>
      </c>
      <c r="T14068" s="5" t="s">
        <v>42</v>
      </c>
      <c r="U14068" s="2">
        <v>1.575</v>
      </c>
      <c r="V14068" s="2">
        <v>1.018</v>
      </c>
      <c r="W14068" s="2">
        <v>1.7999999999999999E-2</v>
      </c>
      <c r="X14068" s="2">
        <v>139.1</v>
      </c>
      <c r="Y14068" s="2">
        <v>7.6</v>
      </c>
      <c r="Z14068" s="2">
        <v>16.7</v>
      </c>
      <c r="AA14068" s="5"/>
      <c r="AB14068" s="5" t="s">
        <v>43</v>
      </c>
      <c r="AC14068" s="5" t="s">
        <v>44</v>
      </c>
      <c r="AD14068" s="2"/>
      <c r="AE14068" s="1"/>
    </row>
    <row r="14069" spans="1:31" ht="14.45">
      <c r="A14069" s="11"/>
      <c r="B14069" s="20"/>
      <c r="C14069" s="2" t="s">
        <v>43158</v>
      </c>
      <c r="D14069" s="14" t="s">
        <v>43159</v>
      </c>
      <c r="E14069" s="2" t="s">
        <v>43160</v>
      </c>
      <c r="F14069" s="2" t="s">
        <v>41005</v>
      </c>
      <c r="G14069" s="8">
        <v>181</v>
      </c>
      <c r="H14069" s="5">
        <v>6</v>
      </c>
      <c r="I14069" s="5" t="s">
        <v>1518</v>
      </c>
      <c r="J14069" s="5" t="s">
        <v>40939</v>
      </c>
      <c r="K14069" s="2" t="s">
        <v>40940</v>
      </c>
      <c r="L14069" s="5" t="s">
        <v>40939</v>
      </c>
      <c r="M14069" s="2" t="s">
        <v>40940</v>
      </c>
      <c r="N14069" s="5" t="s">
        <v>36266</v>
      </c>
      <c r="O14069" s="5" t="s">
        <v>38</v>
      </c>
      <c r="P14069" s="5" t="s">
        <v>39</v>
      </c>
      <c r="Q14069" s="5" t="s">
        <v>40</v>
      </c>
      <c r="R14069" s="5" t="s">
        <v>1522</v>
      </c>
      <c r="S14069" s="5" t="s">
        <v>1523</v>
      </c>
      <c r="T14069" s="5" t="s">
        <v>42</v>
      </c>
      <c r="U14069" s="2">
        <v>1.587</v>
      </c>
      <c r="V14069" s="2">
        <v>1.03</v>
      </c>
      <c r="W14069" s="2">
        <v>1.7999999999999999E-2</v>
      </c>
      <c r="X14069" s="2">
        <v>139.1</v>
      </c>
      <c r="Y14069" s="2">
        <v>7.6</v>
      </c>
      <c r="Z14069" s="2">
        <v>16.7</v>
      </c>
      <c r="AA14069" s="5"/>
      <c r="AB14069" s="5" t="s">
        <v>43</v>
      </c>
      <c r="AC14069" s="5" t="s">
        <v>44</v>
      </c>
      <c r="AD14069" s="2"/>
      <c r="AE14069" s="1"/>
    </row>
    <row r="14070" spans="1:31" ht="14.45">
      <c r="A14070" s="11"/>
      <c r="B14070" s="20"/>
      <c r="C14070" s="2" t="s">
        <v>43161</v>
      </c>
      <c r="D14070" s="14" t="s">
        <v>43162</v>
      </c>
      <c r="E14070" s="2" t="s">
        <v>43163</v>
      </c>
      <c r="F14070" s="2" t="s">
        <v>41009</v>
      </c>
      <c r="G14070" s="8">
        <v>181</v>
      </c>
      <c r="H14070" s="5">
        <v>6</v>
      </c>
      <c r="I14070" s="5" t="s">
        <v>1518</v>
      </c>
      <c r="J14070" s="5" t="s">
        <v>40939</v>
      </c>
      <c r="K14070" s="2" t="s">
        <v>40940</v>
      </c>
      <c r="L14070" s="5" t="s">
        <v>40939</v>
      </c>
      <c r="M14070" s="2" t="s">
        <v>40940</v>
      </c>
      <c r="N14070" s="5" t="s">
        <v>36266</v>
      </c>
      <c r="O14070" s="5" t="s">
        <v>38</v>
      </c>
      <c r="P14070" s="5" t="s">
        <v>39</v>
      </c>
      <c r="Q14070" s="5" t="s">
        <v>40</v>
      </c>
      <c r="R14070" s="5" t="s">
        <v>1522</v>
      </c>
      <c r="S14070" s="5" t="s">
        <v>1523</v>
      </c>
      <c r="T14070" s="5" t="s">
        <v>42</v>
      </c>
      <c r="U14070" s="2">
        <v>1.585</v>
      </c>
      <c r="V14070" s="2">
        <v>1.028</v>
      </c>
      <c r="W14070" s="2">
        <v>1.7999999999999999E-2</v>
      </c>
      <c r="X14070" s="2">
        <v>139.1</v>
      </c>
      <c r="Y14070" s="2">
        <v>7.6</v>
      </c>
      <c r="Z14070" s="2">
        <v>16.7</v>
      </c>
      <c r="AA14070" s="5"/>
      <c r="AB14070" s="5" t="s">
        <v>43</v>
      </c>
      <c r="AC14070" s="5" t="s">
        <v>44</v>
      </c>
      <c r="AD14070" s="2"/>
      <c r="AE14070" s="1"/>
    </row>
    <row r="14071" spans="1:31" ht="14.45">
      <c r="A14071" s="11"/>
      <c r="B14071" s="20"/>
      <c r="C14071" s="2" t="s">
        <v>43164</v>
      </c>
      <c r="D14071" s="14" t="s">
        <v>43165</v>
      </c>
      <c r="E14071" s="2" t="s">
        <v>43166</v>
      </c>
      <c r="F14071" s="2" t="s">
        <v>41013</v>
      </c>
      <c r="G14071" s="8">
        <v>181</v>
      </c>
      <c r="H14071" s="5">
        <v>6</v>
      </c>
      <c r="I14071" s="5" t="s">
        <v>1518</v>
      </c>
      <c r="J14071" s="5" t="s">
        <v>40939</v>
      </c>
      <c r="K14071" s="2" t="s">
        <v>40940</v>
      </c>
      <c r="L14071" s="5" t="s">
        <v>40939</v>
      </c>
      <c r="M14071" s="2" t="s">
        <v>40940</v>
      </c>
      <c r="N14071" s="5" t="s">
        <v>36266</v>
      </c>
      <c r="O14071" s="5" t="s">
        <v>38</v>
      </c>
      <c r="P14071" s="5" t="s">
        <v>39</v>
      </c>
      <c r="Q14071" s="5" t="s">
        <v>40</v>
      </c>
      <c r="R14071" s="5" t="s">
        <v>1522</v>
      </c>
      <c r="S14071" s="5" t="s">
        <v>1523</v>
      </c>
      <c r="T14071" s="5" t="s">
        <v>42</v>
      </c>
      <c r="U14071" s="2">
        <v>1.597</v>
      </c>
      <c r="V14071" s="2">
        <v>1.04</v>
      </c>
      <c r="W14071" s="2">
        <v>1.7999999999999999E-2</v>
      </c>
      <c r="X14071" s="2">
        <v>139.1</v>
      </c>
      <c r="Y14071" s="2">
        <v>7.6</v>
      </c>
      <c r="Z14071" s="2">
        <v>16.7</v>
      </c>
      <c r="AA14071" s="5"/>
      <c r="AB14071" s="5" t="s">
        <v>43</v>
      </c>
      <c r="AC14071" s="5" t="s">
        <v>44</v>
      </c>
      <c r="AD14071" s="2"/>
      <c r="AE14071" s="1"/>
    </row>
    <row r="14072" spans="1:31" ht="14.45">
      <c r="A14072" s="11"/>
      <c r="B14072" s="20"/>
      <c r="C14072" s="2" t="s">
        <v>43167</v>
      </c>
      <c r="D14072" s="14" t="s">
        <v>43168</v>
      </c>
      <c r="E14072" s="2" t="s">
        <v>43169</v>
      </c>
      <c r="F14072" s="2" t="s">
        <v>7396</v>
      </c>
      <c r="G14072" s="8">
        <v>157</v>
      </c>
      <c r="H14072" s="5">
        <v>6</v>
      </c>
      <c r="I14072" s="5" t="s">
        <v>1518</v>
      </c>
      <c r="J14072" s="5" t="s">
        <v>40939</v>
      </c>
      <c r="K14072" s="2" t="s">
        <v>40940</v>
      </c>
      <c r="L14072" s="5" t="s">
        <v>40939</v>
      </c>
      <c r="M14072" s="2" t="s">
        <v>40940</v>
      </c>
      <c r="N14072" s="5" t="s">
        <v>36266</v>
      </c>
      <c r="O14072" s="5" t="s">
        <v>38</v>
      </c>
      <c r="P14072" s="5" t="s">
        <v>39</v>
      </c>
      <c r="Q14072" s="5" t="s">
        <v>40</v>
      </c>
      <c r="R14072" s="5" t="s">
        <v>1522</v>
      </c>
      <c r="S14072" s="5" t="s">
        <v>1523</v>
      </c>
      <c r="T14072" s="5" t="s">
        <v>42</v>
      </c>
      <c r="U14072" s="2">
        <v>1.585</v>
      </c>
      <c r="V14072" s="2">
        <v>1.028</v>
      </c>
      <c r="W14072" s="2">
        <v>1.7999999999999999E-2</v>
      </c>
      <c r="X14072" s="2">
        <v>139.1</v>
      </c>
      <c r="Y14072" s="2">
        <v>7.6</v>
      </c>
      <c r="Z14072" s="2">
        <v>16.7</v>
      </c>
      <c r="AA14072" s="5"/>
      <c r="AB14072" s="5" t="s">
        <v>43</v>
      </c>
      <c r="AC14072" s="5" t="s">
        <v>44</v>
      </c>
      <c r="AD14072" s="2"/>
      <c r="AE14072" s="1"/>
    </row>
    <row r="14073" spans="1:31" ht="14.45">
      <c r="A14073" s="11"/>
      <c r="B14073" s="20"/>
      <c r="C14073" s="2" t="s">
        <v>43170</v>
      </c>
      <c r="D14073" s="14" t="s">
        <v>43171</v>
      </c>
      <c r="E14073" s="2" t="s">
        <v>43172</v>
      </c>
      <c r="F14073" s="2" t="s">
        <v>7507</v>
      </c>
      <c r="G14073" s="8">
        <v>157</v>
      </c>
      <c r="H14073" s="5">
        <v>6</v>
      </c>
      <c r="I14073" s="5" t="s">
        <v>1518</v>
      </c>
      <c r="J14073" s="5" t="s">
        <v>40939</v>
      </c>
      <c r="K14073" s="2" t="s">
        <v>40940</v>
      </c>
      <c r="L14073" s="5" t="s">
        <v>40939</v>
      </c>
      <c r="M14073" s="2" t="s">
        <v>40940</v>
      </c>
      <c r="N14073" s="5" t="s">
        <v>36266</v>
      </c>
      <c r="O14073" s="5" t="s">
        <v>38</v>
      </c>
      <c r="P14073" s="5" t="s">
        <v>39</v>
      </c>
      <c r="Q14073" s="5" t="s">
        <v>40</v>
      </c>
      <c r="R14073" s="5" t="s">
        <v>1522</v>
      </c>
      <c r="S14073" s="5" t="s">
        <v>1523</v>
      </c>
      <c r="T14073" s="5" t="s">
        <v>42</v>
      </c>
      <c r="U14073" s="2">
        <v>1.597</v>
      </c>
      <c r="V14073" s="2">
        <v>1.04</v>
      </c>
      <c r="W14073" s="2">
        <v>1.7999999999999999E-2</v>
      </c>
      <c r="X14073" s="2">
        <v>139.1</v>
      </c>
      <c r="Y14073" s="2">
        <v>7.6</v>
      </c>
      <c r="Z14073" s="2">
        <v>16.7</v>
      </c>
      <c r="AA14073" s="5"/>
      <c r="AB14073" s="5" t="s">
        <v>43</v>
      </c>
      <c r="AC14073" s="5" t="s">
        <v>44</v>
      </c>
      <c r="AD14073" s="2"/>
      <c r="AE14073" s="1"/>
    </row>
    <row r="14074" spans="1:31" ht="14.45">
      <c r="A14074" s="11"/>
      <c r="B14074" s="20"/>
      <c r="C14074" s="2" t="s">
        <v>43173</v>
      </c>
      <c r="D14074" s="14" t="s">
        <v>43174</v>
      </c>
      <c r="E14074" s="2" t="s">
        <v>43175</v>
      </c>
      <c r="F14074" s="2" t="s">
        <v>41023</v>
      </c>
      <c r="G14074" s="8">
        <v>181</v>
      </c>
      <c r="H14074" s="5">
        <v>6</v>
      </c>
      <c r="I14074" s="5" t="s">
        <v>1518</v>
      </c>
      <c r="J14074" s="5" t="s">
        <v>40939</v>
      </c>
      <c r="K14074" s="2" t="s">
        <v>40940</v>
      </c>
      <c r="L14074" s="5" t="s">
        <v>40939</v>
      </c>
      <c r="M14074" s="2" t="s">
        <v>40940</v>
      </c>
      <c r="N14074" s="5" t="s">
        <v>36266</v>
      </c>
      <c r="O14074" s="5" t="s">
        <v>38</v>
      </c>
      <c r="P14074" s="5" t="s">
        <v>39</v>
      </c>
      <c r="Q14074" s="5" t="s">
        <v>40</v>
      </c>
      <c r="R14074" s="5" t="s">
        <v>1522</v>
      </c>
      <c r="S14074" s="5" t="s">
        <v>1523</v>
      </c>
      <c r="T14074" s="5" t="s">
        <v>42</v>
      </c>
      <c r="U14074" s="2">
        <v>1.534</v>
      </c>
      <c r="V14074" s="2">
        <v>0.97699999999999998</v>
      </c>
      <c r="W14074" s="2">
        <v>1.7999999999999999E-2</v>
      </c>
      <c r="X14074" s="2">
        <v>139.1</v>
      </c>
      <c r="Y14074" s="2">
        <v>7.6</v>
      </c>
      <c r="Z14074" s="2">
        <v>16.7</v>
      </c>
      <c r="AA14074" s="5"/>
      <c r="AB14074" s="5" t="s">
        <v>43</v>
      </c>
      <c r="AC14074" s="5" t="s">
        <v>44</v>
      </c>
      <c r="AD14074" s="2"/>
      <c r="AE14074" s="1"/>
    </row>
    <row r="14075" spans="1:31" ht="14.45">
      <c r="A14075" s="11"/>
      <c r="B14075" s="20"/>
      <c r="C14075" s="2" t="s">
        <v>43176</v>
      </c>
      <c r="D14075" s="14" t="s">
        <v>43177</v>
      </c>
      <c r="E14075" s="2" t="s">
        <v>43178</v>
      </c>
      <c r="F14075" s="2" t="s">
        <v>41027</v>
      </c>
      <c r="G14075" s="8">
        <v>181</v>
      </c>
      <c r="H14075" s="5">
        <v>6</v>
      </c>
      <c r="I14075" s="5" t="s">
        <v>1518</v>
      </c>
      <c r="J14075" s="5" t="s">
        <v>40939</v>
      </c>
      <c r="K14075" s="2" t="s">
        <v>40940</v>
      </c>
      <c r="L14075" s="5" t="s">
        <v>40939</v>
      </c>
      <c r="M14075" s="2" t="s">
        <v>40940</v>
      </c>
      <c r="N14075" s="5" t="s">
        <v>36266</v>
      </c>
      <c r="O14075" s="5" t="s">
        <v>38</v>
      </c>
      <c r="P14075" s="5" t="s">
        <v>39</v>
      </c>
      <c r="Q14075" s="5" t="s">
        <v>40</v>
      </c>
      <c r="R14075" s="5" t="s">
        <v>1522</v>
      </c>
      <c r="S14075" s="5" t="s">
        <v>1523</v>
      </c>
      <c r="T14075" s="5" t="s">
        <v>42</v>
      </c>
      <c r="U14075" s="2">
        <v>1.546</v>
      </c>
      <c r="V14075" s="2">
        <v>0.98899999999999999</v>
      </c>
      <c r="W14075" s="2">
        <v>1.4999999999999999E-2</v>
      </c>
      <c r="X14075" s="2">
        <v>118.9</v>
      </c>
      <c r="Y14075" s="2">
        <v>7.6</v>
      </c>
      <c r="Z14075" s="2">
        <v>16.7</v>
      </c>
      <c r="AA14075" s="5"/>
      <c r="AB14075" s="5" t="s">
        <v>43</v>
      </c>
      <c r="AC14075" s="5" t="s">
        <v>44</v>
      </c>
      <c r="AD14075" s="2"/>
      <c r="AE14075" s="1"/>
    </row>
    <row r="14076" spans="1:31" ht="14.45">
      <c r="A14076" s="11"/>
      <c r="B14076" s="20"/>
      <c r="C14076" s="2" t="s">
        <v>43179</v>
      </c>
      <c r="D14076" s="14" t="s">
        <v>43180</v>
      </c>
      <c r="E14076" s="2" t="s">
        <v>43181</v>
      </c>
      <c r="F14076" s="2" t="s">
        <v>41031</v>
      </c>
      <c r="G14076" s="8">
        <v>181</v>
      </c>
      <c r="H14076" s="5">
        <v>6</v>
      </c>
      <c r="I14076" s="5" t="s">
        <v>1518</v>
      </c>
      <c r="J14076" s="5" t="s">
        <v>40939</v>
      </c>
      <c r="K14076" s="2" t="s">
        <v>40940</v>
      </c>
      <c r="L14076" s="5" t="s">
        <v>40939</v>
      </c>
      <c r="M14076" s="2" t="s">
        <v>40940</v>
      </c>
      <c r="N14076" s="5" t="s">
        <v>36266</v>
      </c>
      <c r="O14076" s="5" t="s">
        <v>38</v>
      </c>
      <c r="P14076" s="5" t="s">
        <v>39</v>
      </c>
      <c r="Q14076" s="5" t="s">
        <v>40</v>
      </c>
      <c r="R14076" s="5" t="s">
        <v>1522</v>
      </c>
      <c r="S14076" s="5" t="s">
        <v>1523</v>
      </c>
      <c r="T14076" s="5" t="s">
        <v>42</v>
      </c>
      <c r="U14076" s="2">
        <v>1.534</v>
      </c>
      <c r="V14076" s="2">
        <v>0.97699999999999998</v>
      </c>
      <c r="W14076" s="2">
        <v>1.4999999999999999E-2</v>
      </c>
      <c r="X14076" s="2">
        <v>118.9</v>
      </c>
      <c r="Y14076" s="2">
        <v>7.6</v>
      </c>
      <c r="Z14076" s="2">
        <v>16.7</v>
      </c>
      <c r="AA14076" s="5"/>
      <c r="AB14076" s="5" t="s">
        <v>43</v>
      </c>
      <c r="AC14076" s="5" t="s">
        <v>44</v>
      </c>
      <c r="AD14076" s="2"/>
      <c r="AE14076" s="1"/>
    </row>
    <row r="14077" spans="1:31" ht="14.45">
      <c r="A14077" s="11"/>
      <c r="B14077" s="20"/>
      <c r="C14077" s="2" t="s">
        <v>43182</v>
      </c>
      <c r="D14077" s="14" t="s">
        <v>43183</v>
      </c>
      <c r="E14077" s="2" t="s">
        <v>43184</v>
      </c>
      <c r="F14077" s="2" t="s">
        <v>41035</v>
      </c>
      <c r="G14077" s="8">
        <v>181</v>
      </c>
      <c r="H14077" s="5">
        <v>6</v>
      </c>
      <c r="I14077" s="5" t="s">
        <v>1518</v>
      </c>
      <c r="J14077" s="5" t="s">
        <v>40939</v>
      </c>
      <c r="K14077" s="2" t="s">
        <v>40940</v>
      </c>
      <c r="L14077" s="5" t="s">
        <v>40939</v>
      </c>
      <c r="M14077" s="2" t="s">
        <v>40940</v>
      </c>
      <c r="N14077" s="5" t="s">
        <v>36266</v>
      </c>
      <c r="O14077" s="5" t="s">
        <v>38</v>
      </c>
      <c r="P14077" s="5" t="s">
        <v>39</v>
      </c>
      <c r="Q14077" s="5" t="s">
        <v>40</v>
      </c>
      <c r="R14077" s="5" t="s">
        <v>1522</v>
      </c>
      <c r="S14077" s="5" t="s">
        <v>1523</v>
      </c>
      <c r="T14077" s="5" t="s">
        <v>42</v>
      </c>
      <c r="U14077" s="2">
        <v>1.546</v>
      </c>
      <c r="V14077" s="2">
        <v>0.98899999999999999</v>
      </c>
      <c r="W14077" s="2">
        <v>1.4999999999999999E-2</v>
      </c>
      <c r="X14077" s="2">
        <v>118.9</v>
      </c>
      <c r="Y14077" s="2">
        <v>7.6</v>
      </c>
      <c r="Z14077" s="2">
        <v>16.7</v>
      </c>
      <c r="AA14077" s="5"/>
      <c r="AB14077" s="5" t="s">
        <v>43</v>
      </c>
      <c r="AC14077" s="5" t="s">
        <v>44</v>
      </c>
      <c r="AD14077" s="2"/>
      <c r="AE14077" s="1"/>
    </row>
    <row r="14078" spans="1:31" ht="14.45">
      <c r="A14078" s="11"/>
      <c r="B14078" s="20"/>
      <c r="C14078" s="2" t="s">
        <v>43185</v>
      </c>
      <c r="D14078" s="14" t="s">
        <v>43186</v>
      </c>
      <c r="E14078" s="2" t="s">
        <v>43187</v>
      </c>
      <c r="F14078" s="2" t="s">
        <v>7449</v>
      </c>
      <c r="G14078" s="8">
        <v>181</v>
      </c>
      <c r="H14078" s="5">
        <v>6</v>
      </c>
      <c r="I14078" s="5" t="s">
        <v>1518</v>
      </c>
      <c r="J14078" s="5" t="s">
        <v>40939</v>
      </c>
      <c r="K14078" s="2" t="s">
        <v>40940</v>
      </c>
      <c r="L14078" s="5" t="s">
        <v>40939</v>
      </c>
      <c r="M14078" s="2" t="s">
        <v>40940</v>
      </c>
      <c r="N14078" s="5" t="s">
        <v>36266</v>
      </c>
      <c r="O14078" s="5" t="s">
        <v>38</v>
      </c>
      <c r="P14078" s="5" t="s">
        <v>39</v>
      </c>
      <c r="Q14078" s="5" t="s">
        <v>40</v>
      </c>
      <c r="R14078" s="5" t="s">
        <v>1522</v>
      </c>
      <c r="S14078" s="5" t="s">
        <v>1523</v>
      </c>
      <c r="T14078" s="5" t="s">
        <v>42</v>
      </c>
      <c r="U14078" s="2">
        <v>1.534</v>
      </c>
      <c r="V14078" s="2">
        <v>0.97699999999999998</v>
      </c>
      <c r="W14078" s="2">
        <v>1.4999999999999999E-2</v>
      </c>
      <c r="X14078" s="2">
        <v>118.9</v>
      </c>
      <c r="Y14078" s="2">
        <v>7.6</v>
      </c>
      <c r="Z14078" s="2">
        <v>16.7</v>
      </c>
      <c r="AA14078" s="5"/>
      <c r="AB14078" s="5" t="s">
        <v>43</v>
      </c>
      <c r="AC14078" s="5" t="s">
        <v>44</v>
      </c>
      <c r="AD14078" s="2"/>
      <c r="AE14078" s="1"/>
    </row>
    <row r="14079" spans="1:31" ht="14.45">
      <c r="A14079" s="11"/>
      <c r="B14079" s="20"/>
      <c r="C14079" s="2" t="s">
        <v>43188</v>
      </c>
      <c r="D14079" s="14" t="s">
        <v>43189</v>
      </c>
      <c r="E14079" s="2" t="s">
        <v>43190</v>
      </c>
      <c r="F14079" s="2" t="s">
        <v>7581</v>
      </c>
      <c r="G14079" s="8">
        <v>181</v>
      </c>
      <c r="H14079" s="5">
        <v>6</v>
      </c>
      <c r="I14079" s="5" t="s">
        <v>1518</v>
      </c>
      <c r="J14079" s="5" t="s">
        <v>40939</v>
      </c>
      <c r="K14079" s="2" t="s">
        <v>40940</v>
      </c>
      <c r="L14079" s="5" t="s">
        <v>40939</v>
      </c>
      <c r="M14079" s="2" t="s">
        <v>40940</v>
      </c>
      <c r="N14079" s="5" t="s">
        <v>36266</v>
      </c>
      <c r="O14079" s="5" t="s">
        <v>38</v>
      </c>
      <c r="P14079" s="5" t="s">
        <v>39</v>
      </c>
      <c r="Q14079" s="5" t="s">
        <v>40</v>
      </c>
      <c r="R14079" s="5" t="s">
        <v>1522</v>
      </c>
      <c r="S14079" s="5" t="s">
        <v>1523</v>
      </c>
      <c r="T14079" s="5" t="s">
        <v>42</v>
      </c>
      <c r="U14079" s="2">
        <v>1.546</v>
      </c>
      <c r="V14079" s="2">
        <v>0.98899999999999999</v>
      </c>
      <c r="W14079" s="2">
        <v>1.4999999999999999E-2</v>
      </c>
      <c r="X14079" s="2">
        <v>118.9</v>
      </c>
      <c r="Y14079" s="2">
        <v>7.6</v>
      </c>
      <c r="Z14079" s="2">
        <v>16.7</v>
      </c>
      <c r="AA14079" s="5"/>
      <c r="AB14079" s="5" t="s">
        <v>43</v>
      </c>
      <c r="AC14079" s="5" t="s">
        <v>44</v>
      </c>
      <c r="AD14079" s="2"/>
      <c r="AE14079" s="1"/>
    </row>
    <row r="14080" spans="1:31" ht="14.45">
      <c r="A14080" s="11"/>
      <c r="B14080" s="20"/>
      <c r="C14080" s="2" t="s">
        <v>43191</v>
      </c>
      <c r="D14080" s="14" t="s">
        <v>43192</v>
      </c>
      <c r="E14080" s="2" t="s">
        <v>43193</v>
      </c>
      <c r="F14080" s="2" t="s">
        <v>41045</v>
      </c>
      <c r="G14080" s="8">
        <v>181</v>
      </c>
      <c r="H14080" s="5">
        <v>6</v>
      </c>
      <c r="I14080" s="5" t="s">
        <v>1518</v>
      </c>
      <c r="J14080" s="5" t="s">
        <v>40939</v>
      </c>
      <c r="K14080" s="2" t="s">
        <v>40940</v>
      </c>
      <c r="L14080" s="5" t="s">
        <v>40939</v>
      </c>
      <c r="M14080" s="2" t="s">
        <v>40940</v>
      </c>
      <c r="N14080" s="5" t="s">
        <v>36266</v>
      </c>
      <c r="O14080" s="5" t="s">
        <v>38</v>
      </c>
      <c r="P14080" s="5" t="s">
        <v>39</v>
      </c>
      <c r="Q14080" s="5" t="s">
        <v>40</v>
      </c>
      <c r="R14080" s="5" t="s">
        <v>1522</v>
      </c>
      <c r="S14080" s="5" t="s">
        <v>1523</v>
      </c>
      <c r="T14080" s="5" t="s">
        <v>42</v>
      </c>
      <c r="U14080" s="2">
        <v>1.595</v>
      </c>
      <c r="V14080" s="2">
        <v>1.038</v>
      </c>
      <c r="W14080" s="2">
        <v>1.4999999999999999E-2</v>
      </c>
      <c r="X14080" s="2">
        <v>118.9</v>
      </c>
      <c r="Y14080" s="2">
        <v>7.6</v>
      </c>
      <c r="Z14080" s="2">
        <v>16.7</v>
      </c>
      <c r="AA14080" s="5"/>
      <c r="AB14080" s="5" t="s">
        <v>43</v>
      </c>
      <c r="AC14080" s="5" t="s">
        <v>44</v>
      </c>
      <c r="AD14080" s="2"/>
      <c r="AE14080" s="1"/>
    </row>
    <row r="14081" spans="1:31" ht="14.45">
      <c r="A14081" s="11"/>
      <c r="B14081" s="20"/>
      <c r="C14081" s="2" t="s">
        <v>43194</v>
      </c>
      <c r="D14081" s="14" t="s">
        <v>43195</v>
      </c>
      <c r="E14081" s="2" t="s">
        <v>43196</v>
      </c>
      <c r="F14081" s="2" t="s">
        <v>41049</v>
      </c>
      <c r="G14081" s="8">
        <v>181</v>
      </c>
      <c r="H14081" s="5">
        <v>6</v>
      </c>
      <c r="I14081" s="5" t="s">
        <v>1518</v>
      </c>
      <c r="J14081" s="5" t="s">
        <v>40939</v>
      </c>
      <c r="K14081" s="2" t="s">
        <v>40940</v>
      </c>
      <c r="L14081" s="5" t="s">
        <v>40939</v>
      </c>
      <c r="M14081" s="2" t="s">
        <v>40940</v>
      </c>
      <c r="N14081" s="5" t="s">
        <v>36266</v>
      </c>
      <c r="O14081" s="5" t="s">
        <v>38</v>
      </c>
      <c r="P14081" s="5" t="s">
        <v>39</v>
      </c>
      <c r="Q14081" s="5" t="s">
        <v>40</v>
      </c>
      <c r="R14081" s="5" t="s">
        <v>1522</v>
      </c>
      <c r="S14081" s="5" t="s">
        <v>1523</v>
      </c>
      <c r="T14081" s="5" t="s">
        <v>42</v>
      </c>
      <c r="U14081" s="2">
        <v>1.607</v>
      </c>
      <c r="V14081" s="2">
        <v>1.05</v>
      </c>
      <c r="W14081" s="2">
        <v>1.4999999999999999E-2</v>
      </c>
      <c r="X14081" s="2">
        <v>118.9</v>
      </c>
      <c r="Y14081" s="2">
        <v>7.6</v>
      </c>
      <c r="Z14081" s="2">
        <v>16.7</v>
      </c>
      <c r="AA14081" s="5"/>
      <c r="AB14081" s="5" t="s">
        <v>43</v>
      </c>
      <c r="AC14081" s="5" t="s">
        <v>44</v>
      </c>
      <c r="AD14081" s="2"/>
      <c r="AE14081" s="1"/>
    </row>
    <row r="14082" spans="1:31" ht="14.45">
      <c r="A14082" s="11"/>
      <c r="B14082" s="20"/>
      <c r="C14082" s="2" t="s">
        <v>43197</v>
      </c>
      <c r="D14082" s="14" t="s">
        <v>43198</v>
      </c>
      <c r="E14082" s="2" t="s">
        <v>43199</v>
      </c>
      <c r="F14082" s="2" t="s">
        <v>7204</v>
      </c>
      <c r="G14082" s="8">
        <v>171</v>
      </c>
      <c r="H14082" s="5">
        <v>6</v>
      </c>
      <c r="I14082" s="5" t="s">
        <v>1518</v>
      </c>
      <c r="J14082" s="5" t="s">
        <v>40939</v>
      </c>
      <c r="K14082" s="2" t="s">
        <v>40940</v>
      </c>
      <c r="L14082" s="5" t="s">
        <v>40939</v>
      </c>
      <c r="M14082" s="2" t="s">
        <v>40940</v>
      </c>
      <c r="N14082" s="5" t="s">
        <v>36266</v>
      </c>
      <c r="O14082" s="5" t="s">
        <v>38</v>
      </c>
      <c r="P14082" s="5" t="s">
        <v>39</v>
      </c>
      <c r="Q14082" s="5" t="s">
        <v>40</v>
      </c>
      <c r="R14082" s="5" t="s">
        <v>1522</v>
      </c>
      <c r="S14082" s="5" t="s">
        <v>1523</v>
      </c>
      <c r="T14082" s="5" t="s">
        <v>42</v>
      </c>
      <c r="U14082" s="2">
        <v>1.6990000000000001</v>
      </c>
      <c r="V14082" s="2">
        <v>1.0589999999999999</v>
      </c>
      <c r="W14082" s="2">
        <v>0.02</v>
      </c>
      <c r="X14082" s="2">
        <v>159.1</v>
      </c>
      <c r="Y14082" s="2">
        <v>7.6</v>
      </c>
      <c r="Z14082" s="2">
        <v>16.7</v>
      </c>
      <c r="AA14082" s="5"/>
      <c r="AB14082" s="5" t="s">
        <v>43</v>
      </c>
      <c r="AC14082" s="5" t="s">
        <v>44</v>
      </c>
      <c r="AD14082" s="2"/>
      <c r="AE14082" s="1"/>
    </row>
    <row r="14083" spans="1:31" ht="14.45">
      <c r="A14083" s="11"/>
      <c r="B14083" s="20"/>
      <c r="C14083" s="2" t="s">
        <v>43200</v>
      </c>
      <c r="D14083" s="14" t="s">
        <v>43201</v>
      </c>
      <c r="E14083" s="2" t="s">
        <v>43202</v>
      </c>
      <c r="F14083" s="2" t="s">
        <v>7514</v>
      </c>
      <c r="G14083" s="8">
        <v>171</v>
      </c>
      <c r="H14083" s="5">
        <v>6</v>
      </c>
      <c r="I14083" s="5" t="s">
        <v>1518</v>
      </c>
      <c r="J14083" s="5" t="s">
        <v>40939</v>
      </c>
      <c r="K14083" s="2" t="s">
        <v>40940</v>
      </c>
      <c r="L14083" s="5" t="s">
        <v>40939</v>
      </c>
      <c r="M14083" s="2" t="s">
        <v>40940</v>
      </c>
      <c r="N14083" s="5" t="s">
        <v>36266</v>
      </c>
      <c r="O14083" s="5" t="s">
        <v>38</v>
      </c>
      <c r="P14083" s="5" t="s">
        <v>39</v>
      </c>
      <c r="Q14083" s="5" t="s">
        <v>40</v>
      </c>
      <c r="R14083" s="5" t="s">
        <v>1522</v>
      </c>
      <c r="S14083" s="5" t="s">
        <v>1523</v>
      </c>
      <c r="T14083" s="5" t="s">
        <v>42</v>
      </c>
      <c r="U14083" s="2">
        <v>1.7090000000000001</v>
      </c>
      <c r="V14083" s="2">
        <v>1.069</v>
      </c>
      <c r="W14083" s="2">
        <v>0.02</v>
      </c>
      <c r="X14083" s="2">
        <v>159.1</v>
      </c>
      <c r="Y14083" s="2">
        <v>7.6</v>
      </c>
      <c r="Z14083" s="2">
        <v>16.7</v>
      </c>
      <c r="AA14083" s="5"/>
      <c r="AB14083" s="5" t="s">
        <v>43</v>
      </c>
      <c r="AC14083" s="5" t="s">
        <v>44</v>
      </c>
      <c r="AD14083" s="2"/>
      <c r="AE14083" s="1"/>
    </row>
    <row r="14084" spans="1:31" ht="14.45">
      <c r="A14084" s="11"/>
      <c r="B14084" s="20"/>
      <c r="C14084" s="2" t="s">
        <v>43203</v>
      </c>
      <c r="D14084" s="14" t="s">
        <v>43204</v>
      </c>
      <c r="E14084" s="2" t="s">
        <v>43205</v>
      </c>
      <c r="F14084" s="2" t="s">
        <v>40947</v>
      </c>
      <c r="G14084" s="8">
        <v>197</v>
      </c>
      <c r="H14084" s="5">
        <v>6</v>
      </c>
      <c r="I14084" s="5" t="s">
        <v>1518</v>
      </c>
      <c r="J14084" s="5" t="s">
        <v>40939</v>
      </c>
      <c r="K14084" s="2" t="s">
        <v>40940</v>
      </c>
      <c r="L14084" s="5" t="s">
        <v>40939</v>
      </c>
      <c r="M14084" s="2" t="s">
        <v>40940</v>
      </c>
      <c r="N14084" s="5" t="s">
        <v>36266</v>
      </c>
      <c r="O14084" s="5" t="s">
        <v>38</v>
      </c>
      <c r="P14084" s="5" t="s">
        <v>39</v>
      </c>
      <c r="Q14084" s="5" t="s">
        <v>40</v>
      </c>
      <c r="R14084" s="5" t="s">
        <v>1522</v>
      </c>
      <c r="S14084" s="5" t="s">
        <v>1523</v>
      </c>
      <c r="T14084" s="5" t="s">
        <v>42</v>
      </c>
      <c r="U14084" s="2">
        <v>1.722</v>
      </c>
      <c r="V14084" s="2">
        <v>1.0820000000000001</v>
      </c>
      <c r="W14084" s="2">
        <v>0.02</v>
      </c>
      <c r="X14084" s="2">
        <v>159.1</v>
      </c>
      <c r="Y14084" s="2">
        <v>7.6</v>
      </c>
      <c r="Z14084" s="2">
        <v>16.7</v>
      </c>
      <c r="AA14084" s="5"/>
      <c r="AB14084" s="5" t="s">
        <v>43</v>
      </c>
      <c r="AC14084" s="5" t="s">
        <v>44</v>
      </c>
      <c r="AD14084" s="2"/>
      <c r="AE14084" s="1"/>
    </row>
    <row r="14085" spans="1:31" ht="14.45">
      <c r="A14085" s="11"/>
      <c r="B14085" s="20"/>
      <c r="C14085" s="2" t="s">
        <v>43206</v>
      </c>
      <c r="D14085" s="14" t="s">
        <v>43207</v>
      </c>
      <c r="E14085" s="2" t="s">
        <v>43208</v>
      </c>
      <c r="F14085" s="2" t="s">
        <v>40951</v>
      </c>
      <c r="G14085" s="8">
        <v>197</v>
      </c>
      <c r="H14085" s="5">
        <v>6</v>
      </c>
      <c r="I14085" s="5" t="s">
        <v>1518</v>
      </c>
      <c r="J14085" s="5" t="s">
        <v>40939</v>
      </c>
      <c r="K14085" s="2" t="s">
        <v>40940</v>
      </c>
      <c r="L14085" s="5" t="s">
        <v>40939</v>
      </c>
      <c r="M14085" s="2" t="s">
        <v>40940</v>
      </c>
      <c r="N14085" s="5" t="s">
        <v>36266</v>
      </c>
      <c r="O14085" s="5" t="s">
        <v>38</v>
      </c>
      <c r="P14085" s="5" t="s">
        <v>39</v>
      </c>
      <c r="Q14085" s="5" t="s">
        <v>40</v>
      </c>
      <c r="R14085" s="5" t="s">
        <v>1522</v>
      </c>
      <c r="S14085" s="5" t="s">
        <v>1523</v>
      </c>
      <c r="T14085" s="5" t="s">
        <v>42</v>
      </c>
      <c r="U14085" s="2">
        <v>1.732</v>
      </c>
      <c r="V14085" s="2">
        <v>1.0920000000000001</v>
      </c>
      <c r="W14085" s="2">
        <v>0.02</v>
      </c>
      <c r="X14085" s="2">
        <v>159.1</v>
      </c>
      <c r="Y14085" s="2">
        <v>7.6</v>
      </c>
      <c r="Z14085" s="2">
        <v>16.7</v>
      </c>
      <c r="AA14085" s="5"/>
      <c r="AB14085" s="5" t="s">
        <v>43</v>
      </c>
      <c r="AC14085" s="5" t="s">
        <v>44</v>
      </c>
      <c r="AD14085" s="2"/>
      <c r="AE14085" s="1"/>
    </row>
    <row r="14086" spans="1:31" ht="14.45">
      <c r="A14086" s="11"/>
      <c r="B14086" s="20"/>
      <c r="C14086" s="2" t="s">
        <v>43209</v>
      </c>
      <c r="D14086" s="14" t="s">
        <v>43210</v>
      </c>
      <c r="E14086" s="2" t="s">
        <v>43211</v>
      </c>
      <c r="F14086" s="2" t="s">
        <v>7208</v>
      </c>
      <c r="G14086" s="8">
        <v>171</v>
      </c>
      <c r="H14086" s="5">
        <v>6</v>
      </c>
      <c r="I14086" s="5" t="s">
        <v>1518</v>
      </c>
      <c r="J14086" s="5" t="s">
        <v>40939</v>
      </c>
      <c r="K14086" s="2" t="s">
        <v>40940</v>
      </c>
      <c r="L14086" s="5" t="s">
        <v>40939</v>
      </c>
      <c r="M14086" s="2" t="s">
        <v>40940</v>
      </c>
      <c r="N14086" s="5" t="s">
        <v>36266</v>
      </c>
      <c r="O14086" s="5" t="s">
        <v>38</v>
      </c>
      <c r="P14086" s="5" t="s">
        <v>39</v>
      </c>
      <c r="Q14086" s="5" t="s">
        <v>40</v>
      </c>
      <c r="R14086" s="5" t="s">
        <v>1522</v>
      </c>
      <c r="S14086" s="5" t="s">
        <v>1523</v>
      </c>
      <c r="T14086" s="5" t="s">
        <v>42</v>
      </c>
      <c r="U14086" s="2">
        <v>1.734</v>
      </c>
      <c r="V14086" s="2">
        <v>1.0940000000000001</v>
      </c>
      <c r="W14086" s="2">
        <v>0.02</v>
      </c>
      <c r="X14086" s="2">
        <v>159.1</v>
      </c>
      <c r="Y14086" s="2">
        <v>7.6</v>
      </c>
      <c r="Z14086" s="2">
        <v>16.7</v>
      </c>
      <c r="AA14086" s="5"/>
      <c r="AB14086" s="5" t="s">
        <v>43</v>
      </c>
      <c r="AC14086" s="5" t="s">
        <v>44</v>
      </c>
      <c r="AD14086" s="2"/>
      <c r="AE14086" s="1"/>
    </row>
    <row r="14087" spans="1:31" ht="14.45">
      <c r="A14087" s="11"/>
      <c r="B14087" s="20"/>
      <c r="C14087" s="2" t="s">
        <v>43212</v>
      </c>
      <c r="D14087" s="14" t="s">
        <v>43213</v>
      </c>
      <c r="E14087" s="2" t="s">
        <v>43214</v>
      </c>
      <c r="F14087" s="2" t="s">
        <v>7521</v>
      </c>
      <c r="G14087" s="8">
        <v>171</v>
      </c>
      <c r="H14087" s="5">
        <v>6</v>
      </c>
      <c r="I14087" s="5" t="s">
        <v>1518</v>
      </c>
      <c r="J14087" s="5" t="s">
        <v>40939</v>
      </c>
      <c r="K14087" s="2" t="s">
        <v>40940</v>
      </c>
      <c r="L14087" s="5" t="s">
        <v>40939</v>
      </c>
      <c r="M14087" s="2" t="s">
        <v>40940</v>
      </c>
      <c r="N14087" s="5" t="s">
        <v>36266</v>
      </c>
      <c r="O14087" s="5" t="s">
        <v>38</v>
      </c>
      <c r="P14087" s="5" t="s">
        <v>39</v>
      </c>
      <c r="Q14087" s="5" t="s">
        <v>40</v>
      </c>
      <c r="R14087" s="5" t="s">
        <v>1522</v>
      </c>
      <c r="S14087" s="5" t="s">
        <v>1523</v>
      </c>
      <c r="T14087" s="5" t="s">
        <v>42</v>
      </c>
      <c r="U14087" s="2">
        <v>1.744</v>
      </c>
      <c r="V14087" s="2">
        <v>1.1040000000000001</v>
      </c>
      <c r="W14087" s="2">
        <v>0.02</v>
      </c>
      <c r="X14087" s="2">
        <v>159.1</v>
      </c>
      <c r="Y14087" s="2">
        <v>7.6</v>
      </c>
      <c r="Z14087" s="2">
        <v>16.7</v>
      </c>
      <c r="AA14087" s="5"/>
      <c r="AB14087" s="5" t="s">
        <v>43</v>
      </c>
      <c r="AC14087" s="5" t="s">
        <v>44</v>
      </c>
      <c r="AD14087" s="2"/>
      <c r="AE14087" s="1"/>
    </row>
    <row r="14088" spans="1:31" ht="14.45">
      <c r="A14088" s="11"/>
      <c r="B14088" s="20"/>
      <c r="C14088" s="2" t="s">
        <v>43215</v>
      </c>
      <c r="D14088" s="14" t="s">
        <v>43216</v>
      </c>
      <c r="E14088" s="2" t="s">
        <v>43217</v>
      </c>
      <c r="F14088" s="2" t="s">
        <v>36273</v>
      </c>
      <c r="G14088" s="8">
        <v>171</v>
      </c>
      <c r="H14088" s="5">
        <v>6</v>
      </c>
      <c r="I14088" s="5" t="s">
        <v>1518</v>
      </c>
      <c r="J14088" s="5" t="s">
        <v>40939</v>
      </c>
      <c r="K14088" s="2" t="s">
        <v>40940</v>
      </c>
      <c r="L14088" s="5" t="s">
        <v>40939</v>
      </c>
      <c r="M14088" s="2" t="s">
        <v>40940</v>
      </c>
      <c r="N14088" s="5" t="s">
        <v>36266</v>
      </c>
      <c r="O14088" s="5" t="s">
        <v>38</v>
      </c>
      <c r="P14088" s="5" t="s">
        <v>39</v>
      </c>
      <c r="Q14088" s="5" t="s">
        <v>40</v>
      </c>
      <c r="R14088" s="5" t="s">
        <v>1522</v>
      </c>
      <c r="S14088" s="5" t="s">
        <v>1523</v>
      </c>
      <c r="T14088" s="5" t="s">
        <v>42</v>
      </c>
      <c r="U14088" s="2">
        <v>1.7569999999999999</v>
      </c>
      <c r="V14088" s="2">
        <v>1.117</v>
      </c>
      <c r="W14088" s="2">
        <v>0.02</v>
      </c>
      <c r="X14088" s="2">
        <v>159.1</v>
      </c>
      <c r="Y14088" s="2">
        <v>7.6</v>
      </c>
      <c r="Z14088" s="2">
        <v>16.7</v>
      </c>
      <c r="AA14088" s="5"/>
      <c r="AB14088" s="5" t="s">
        <v>43</v>
      </c>
      <c r="AC14088" s="5" t="s">
        <v>44</v>
      </c>
      <c r="AD14088" s="2"/>
      <c r="AE14088" s="1"/>
    </row>
    <row r="14089" spans="1:31" ht="14.45">
      <c r="A14089" s="11"/>
      <c r="B14089" s="20"/>
      <c r="C14089" s="2" t="s">
        <v>43218</v>
      </c>
      <c r="D14089" s="14" t="s">
        <v>43219</v>
      </c>
      <c r="E14089" s="2" t="s">
        <v>43220</v>
      </c>
      <c r="F14089" s="2" t="s">
        <v>36277</v>
      </c>
      <c r="G14089" s="8">
        <v>171</v>
      </c>
      <c r="H14089" s="5">
        <v>6</v>
      </c>
      <c r="I14089" s="5" t="s">
        <v>1518</v>
      </c>
      <c r="J14089" s="5" t="s">
        <v>40939</v>
      </c>
      <c r="K14089" s="2" t="s">
        <v>40940</v>
      </c>
      <c r="L14089" s="5" t="s">
        <v>40939</v>
      </c>
      <c r="M14089" s="2" t="s">
        <v>40940</v>
      </c>
      <c r="N14089" s="5" t="s">
        <v>36266</v>
      </c>
      <c r="O14089" s="5" t="s">
        <v>38</v>
      </c>
      <c r="P14089" s="5" t="s">
        <v>39</v>
      </c>
      <c r="Q14089" s="5" t="s">
        <v>40</v>
      </c>
      <c r="R14089" s="5" t="s">
        <v>1522</v>
      </c>
      <c r="S14089" s="5" t="s">
        <v>1523</v>
      </c>
      <c r="T14089" s="5" t="s">
        <v>42</v>
      </c>
      <c r="U14089" s="2">
        <v>1.7669999999999999</v>
      </c>
      <c r="V14089" s="2">
        <v>1.127</v>
      </c>
      <c r="W14089" s="2">
        <v>0.02</v>
      </c>
      <c r="X14089" s="2">
        <v>159.1</v>
      </c>
      <c r="Y14089" s="2">
        <v>7.6</v>
      </c>
      <c r="Z14089" s="2">
        <v>16.7</v>
      </c>
      <c r="AA14089" s="5"/>
      <c r="AB14089" s="5" t="s">
        <v>43</v>
      </c>
      <c r="AC14089" s="5" t="s">
        <v>44</v>
      </c>
      <c r="AD14089" s="2"/>
      <c r="AE14089" s="1"/>
    </row>
    <row r="14090" spans="1:31" ht="14.45">
      <c r="A14090" s="11"/>
      <c r="B14090" s="20"/>
      <c r="C14090" s="2" t="s">
        <v>43221</v>
      </c>
      <c r="D14090" s="14" t="s">
        <v>43222</v>
      </c>
      <c r="E14090" s="2" t="s">
        <v>43223</v>
      </c>
      <c r="F14090" s="2" t="s">
        <v>40967</v>
      </c>
      <c r="G14090" s="8">
        <v>197</v>
      </c>
      <c r="H14090" s="5">
        <v>6</v>
      </c>
      <c r="I14090" s="5" t="s">
        <v>1518</v>
      </c>
      <c r="J14090" s="5" t="s">
        <v>40939</v>
      </c>
      <c r="K14090" s="2" t="s">
        <v>40940</v>
      </c>
      <c r="L14090" s="5" t="s">
        <v>40939</v>
      </c>
      <c r="M14090" s="2" t="s">
        <v>40940</v>
      </c>
      <c r="N14090" s="5" t="s">
        <v>36266</v>
      </c>
      <c r="O14090" s="5" t="s">
        <v>38</v>
      </c>
      <c r="P14090" s="5" t="s">
        <v>39</v>
      </c>
      <c r="Q14090" s="5" t="s">
        <v>40</v>
      </c>
      <c r="R14090" s="5" t="s">
        <v>1522</v>
      </c>
      <c r="S14090" s="5" t="s">
        <v>1523</v>
      </c>
      <c r="T14090" s="5" t="s">
        <v>42</v>
      </c>
      <c r="U14090" s="2">
        <v>1.734</v>
      </c>
      <c r="V14090" s="2">
        <v>1.0940000000000001</v>
      </c>
      <c r="W14090" s="2">
        <v>0.02</v>
      </c>
      <c r="X14090" s="2">
        <v>159.1</v>
      </c>
      <c r="Y14090" s="2">
        <v>7.6</v>
      </c>
      <c r="Z14090" s="2">
        <v>16.7</v>
      </c>
      <c r="AA14090" s="5"/>
      <c r="AB14090" s="5" t="s">
        <v>43</v>
      </c>
      <c r="AC14090" s="5" t="s">
        <v>44</v>
      </c>
      <c r="AD14090" s="2"/>
      <c r="AE14090" s="1"/>
    </row>
    <row r="14091" spans="1:31" ht="14.45">
      <c r="A14091" s="11"/>
      <c r="B14091" s="20"/>
      <c r="C14091" s="2" t="s">
        <v>43224</v>
      </c>
      <c r="D14091" s="14" t="s">
        <v>43225</v>
      </c>
      <c r="E14091" s="2" t="s">
        <v>43226</v>
      </c>
      <c r="F14091" s="2" t="s">
        <v>40971</v>
      </c>
      <c r="G14091" s="8">
        <v>197</v>
      </c>
      <c r="H14091" s="5">
        <v>6</v>
      </c>
      <c r="I14091" s="5" t="s">
        <v>1518</v>
      </c>
      <c r="J14091" s="5" t="s">
        <v>40939</v>
      </c>
      <c r="K14091" s="2" t="s">
        <v>40940</v>
      </c>
      <c r="L14091" s="5" t="s">
        <v>40939</v>
      </c>
      <c r="M14091" s="2" t="s">
        <v>40940</v>
      </c>
      <c r="N14091" s="5" t="s">
        <v>36266</v>
      </c>
      <c r="O14091" s="5" t="s">
        <v>38</v>
      </c>
      <c r="P14091" s="5" t="s">
        <v>39</v>
      </c>
      <c r="Q14091" s="5" t="s">
        <v>40</v>
      </c>
      <c r="R14091" s="5" t="s">
        <v>1522</v>
      </c>
      <c r="S14091" s="5" t="s">
        <v>1523</v>
      </c>
      <c r="T14091" s="5" t="s">
        <v>42</v>
      </c>
      <c r="U14091" s="2">
        <v>1.744</v>
      </c>
      <c r="V14091" s="2">
        <v>1.1040000000000001</v>
      </c>
      <c r="W14091" s="2">
        <v>0.02</v>
      </c>
      <c r="X14091" s="2">
        <v>159.1</v>
      </c>
      <c r="Y14091" s="2">
        <v>7.6</v>
      </c>
      <c r="Z14091" s="2">
        <v>16.7</v>
      </c>
      <c r="AA14091" s="5"/>
      <c r="AB14091" s="5" t="s">
        <v>43</v>
      </c>
      <c r="AC14091" s="5" t="s">
        <v>44</v>
      </c>
      <c r="AD14091" s="2"/>
      <c r="AE14091" s="1"/>
    </row>
    <row r="14092" spans="1:31" ht="14.45">
      <c r="A14092" s="11"/>
      <c r="B14092" s="20"/>
      <c r="C14092" s="2" t="s">
        <v>43227</v>
      </c>
      <c r="D14092" s="14" t="s">
        <v>43228</v>
      </c>
      <c r="E14092" s="2" t="s">
        <v>43229</v>
      </c>
      <c r="F14092" s="2" t="s">
        <v>40975</v>
      </c>
      <c r="G14092" s="8">
        <v>197</v>
      </c>
      <c r="H14092" s="5">
        <v>6</v>
      </c>
      <c r="I14092" s="5" t="s">
        <v>1518</v>
      </c>
      <c r="J14092" s="5" t="s">
        <v>40939</v>
      </c>
      <c r="K14092" s="2" t="s">
        <v>40940</v>
      </c>
      <c r="L14092" s="5" t="s">
        <v>40939</v>
      </c>
      <c r="M14092" s="2" t="s">
        <v>40940</v>
      </c>
      <c r="N14092" s="5" t="s">
        <v>36266</v>
      </c>
      <c r="O14092" s="5" t="s">
        <v>38</v>
      </c>
      <c r="P14092" s="5" t="s">
        <v>39</v>
      </c>
      <c r="Q14092" s="5" t="s">
        <v>40</v>
      </c>
      <c r="R14092" s="5" t="s">
        <v>1522</v>
      </c>
      <c r="S14092" s="5" t="s">
        <v>1523</v>
      </c>
      <c r="T14092" s="5" t="s">
        <v>42</v>
      </c>
      <c r="U14092" s="2">
        <v>1.734</v>
      </c>
      <c r="V14092" s="2">
        <v>1.0940000000000001</v>
      </c>
      <c r="W14092" s="2">
        <v>0.02</v>
      </c>
      <c r="X14092" s="2">
        <v>159.1</v>
      </c>
      <c r="Y14092" s="2">
        <v>7.6</v>
      </c>
      <c r="Z14092" s="2">
        <v>16.7</v>
      </c>
      <c r="AA14092" s="5"/>
      <c r="AB14092" s="5" t="s">
        <v>43</v>
      </c>
      <c r="AC14092" s="5" t="s">
        <v>44</v>
      </c>
      <c r="AD14092" s="2"/>
      <c r="AE14092" s="1"/>
    </row>
    <row r="14093" spans="1:31" ht="14.45">
      <c r="A14093" s="11"/>
      <c r="B14093" s="20"/>
      <c r="C14093" s="2" t="s">
        <v>43230</v>
      </c>
      <c r="D14093" s="14" t="s">
        <v>43231</v>
      </c>
      <c r="E14093" s="2" t="s">
        <v>43232</v>
      </c>
      <c r="F14093" s="2" t="s">
        <v>40979</v>
      </c>
      <c r="G14093" s="8">
        <v>197</v>
      </c>
      <c r="H14093" s="5">
        <v>6</v>
      </c>
      <c r="I14093" s="5" t="s">
        <v>1518</v>
      </c>
      <c r="J14093" s="5" t="s">
        <v>40939</v>
      </c>
      <c r="K14093" s="2" t="s">
        <v>40940</v>
      </c>
      <c r="L14093" s="5" t="s">
        <v>40939</v>
      </c>
      <c r="M14093" s="2" t="s">
        <v>40940</v>
      </c>
      <c r="N14093" s="5" t="s">
        <v>36266</v>
      </c>
      <c r="O14093" s="5" t="s">
        <v>38</v>
      </c>
      <c r="P14093" s="5" t="s">
        <v>39</v>
      </c>
      <c r="Q14093" s="5" t="s">
        <v>40</v>
      </c>
      <c r="R14093" s="5" t="s">
        <v>1522</v>
      </c>
      <c r="S14093" s="5" t="s">
        <v>1523</v>
      </c>
      <c r="T14093" s="5" t="s">
        <v>42</v>
      </c>
      <c r="U14093" s="2">
        <v>1.744</v>
      </c>
      <c r="V14093" s="2">
        <v>1.1040000000000001</v>
      </c>
      <c r="W14093" s="2">
        <v>0.02</v>
      </c>
      <c r="X14093" s="2">
        <v>159.1</v>
      </c>
      <c r="Y14093" s="2">
        <v>7.6</v>
      </c>
      <c r="Z14093" s="2">
        <v>16.7</v>
      </c>
      <c r="AA14093" s="5"/>
      <c r="AB14093" s="5" t="s">
        <v>43</v>
      </c>
      <c r="AC14093" s="5" t="s">
        <v>44</v>
      </c>
      <c r="AD14093" s="2"/>
      <c r="AE14093" s="1"/>
    </row>
    <row r="14094" spans="1:31" ht="14.45">
      <c r="A14094" s="11"/>
      <c r="B14094" s="20"/>
      <c r="C14094" s="2" t="s">
        <v>43233</v>
      </c>
      <c r="D14094" s="14" t="s">
        <v>43234</v>
      </c>
      <c r="E14094" s="2" t="s">
        <v>43235</v>
      </c>
      <c r="F14094" s="2" t="s">
        <v>7539</v>
      </c>
      <c r="G14094" s="8">
        <v>197</v>
      </c>
      <c r="H14094" s="5">
        <v>6</v>
      </c>
      <c r="I14094" s="5" t="s">
        <v>1518</v>
      </c>
      <c r="J14094" s="5" t="s">
        <v>40939</v>
      </c>
      <c r="K14094" s="2" t="s">
        <v>40940</v>
      </c>
      <c r="L14094" s="5" t="s">
        <v>40939</v>
      </c>
      <c r="M14094" s="2" t="s">
        <v>40940</v>
      </c>
      <c r="N14094" s="5" t="s">
        <v>36266</v>
      </c>
      <c r="O14094" s="5" t="s">
        <v>38</v>
      </c>
      <c r="P14094" s="5" t="s">
        <v>39</v>
      </c>
      <c r="Q14094" s="5" t="s">
        <v>40</v>
      </c>
      <c r="R14094" s="5" t="s">
        <v>1522</v>
      </c>
      <c r="S14094" s="5" t="s">
        <v>1523</v>
      </c>
      <c r="T14094" s="5" t="s">
        <v>42</v>
      </c>
      <c r="U14094" s="2">
        <v>1.677</v>
      </c>
      <c r="V14094" s="2">
        <v>1.0369999999999999</v>
      </c>
      <c r="W14094" s="2">
        <v>0.02</v>
      </c>
      <c r="X14094" s="2">
        <v>159.1</v>
      </c>
      <c r="Y14094" s="2">
        <v>7.6</v>
      </c>
      <c r="Z14094" s="2">
        <v>16.7</v>
      </c>
      <c r="AA14094" s="5"/>
      <c r="AB14094" s="5" t="s">
        <v>43</v>
      </c>
      <c r="AC14094" s="5" t="s">
        <v>44</v>
      </c>
      <c r="AD14094" s="2"/>
      <c r="AE14094" s="1"/>
    </row>
    <row r="14095" spans="1:31" ht="14.45">
      <c r="A14095" s="11"/>
      <c r="B14095" s="20"/>
      <c r="C14095" s="2" t="s">
        <v>43236</v>
      </c>
      <c r="D14095" s="14" t="s">
        <v>43237</v>
      </c>
      <c r="E14095" s="2" t="s">
        <v>43238</v>
      </c>
      <c r="F14095" s="2" t="s">
        <v>7543</v>
      </c>
      <c r="G14095" s="8">
        <v>197</v>
      </c>
      <c r="H14095" s="5">
        <v>6</v>
      </c>
      <c r="I14095" s="5" t="s">
        <v>1518</v>
      </c>
      <c r="J14095" s="5" t="s">
        <v>40939</v>
      </c>
      <c r="K14095" s="2" t="s">
        <v>40940</v>
      </c>
      <c r="L14095" s="5" t="s">
        <v>40939</v>
      </c>
      <c r="M14095" s="2" t="s">
        <v>40940</v>
      </c>
      <c r="N14095" s="5" t="s">
        <v>36266</v>
      </c>
      <c r="O14095" s="5" t="s">
        <v>38</v>
      </c>
      <c r="P14095" s="5" t="s">
        <v>39</v>
      </c>
      <c r="Q14095" s="5" t="s">
        <v>40</v>
      </c>
      <c r="R14095" s="5" t="s">
        <v>1522</v>
      </c>
      <c r="S14095" s="5" t="s">
        <v>1523</v>
      </c>
      <c r="T14095" s="5" t="s">
        <v>42</v>
      </c>
      <c r="U14095" s="2">
        <v>1.6870000000000001</v>
      </c>
      <c r="V14095" s="2">
        <v>1.0469999999999999</v>
      </c>
      <c r="W14095" s="2">
        <v>0.02</v>
      </c>
      <c r="X14095" s="2">
        <v>159.1</v>
      </c>
      <c r="Y14095" s="2">
        <v>7.6</v>
      </c>
      <c r="Z14095" s="2">
        <v>16.7</v>
      </c>
      <c r="AA14095" s="5"/>
      <c r="AB14095" s="5" t="s">
        <v>43</v>
      </c>
      <c r="AC14095" s="5" t="s">
        <v>44</v>
      </c>
      <c r="AD14095" s="2"/>
      <c r="AE14095" s="1"/>
    </row>
    <row r="14096" spans="1:31" ht="14.45">
      <c r="A14096" s="11"/>
      <c r="B14096" s="20"/>
      <c r="C14096" s="2" t="s">
        <v>43239</v>
      </c>
      <c r="D14096" s="14" t="s">
        <v>43240</v>
      </c>
      <c r="E14096" s="2" t="s">
        <v>43241</v>
      </c>
      <c r="F14096" s="2" t="s">
        <v>40989</v>
      </c>
      <c r="G14096" s="8">
        <v>197</v>
      </c>
      <c r="H14096" s="5">
        <v>6</v>
      </c>
      <c r="I14096" s="5" t="s">
        <v>1518</v>
      </c>
      <c r="J14096" s="5" t="s">
        <v>40939</v>
      </c>
      <c r="K14096" s="2" t="s">
        <v>40940</v>
      </c>
      <c r="L14096" s="5" t="s">
        <v>40939</v>
      </c>
      <c r="M14096" s="2" t="s">
        <v>40940</v>
      </c>
      <c r="N14096" s="5" t="s">
        <v>36266</v>
      </c>
      <c r="O14096" s="5" t="s">
        <v>38</v>
      </c>
      <c r="P14096" s="5" t="s">
        <v>39</v>
      </c>
      <c r="Q14096" s="5" t="s">
        <v>40</v>
      </c>
      <c r="R14096" s="5" t="s">
        <v>1522</v>
      </c>
      <c r="S14096" s="5" t="s">
        <v>1523</v>
      </c>
      <c r="T14096" s="5" t="s">
        <v>42</v>
      </c>
      <c r="U14096" s="2">
        <v>1.734</v>
      </c>
      <c r="V14096" s="2">
        <v>1.0940000000000001</v>
      </c>
      <c r="W14096" s="2">
        <v>0.02</v>
      </c>
      <c r="X14096" s="2">
        <v>159.1</v>
      </c>
      <c r="Y14096" s="2">
        <v>7.6</v>
      </c>
      <c r="Z14096" s="2">
        <v>16.7</v>
      </c>
      <c r="AA14096" s="5"/>
      <c r="AB14096" s="5" t="s">
        <v>43</v>
      </c>
      <c r="AC14096" s="5" t="s">
        <v>44</v>
      </c>
      <c r="AD14096" s="2"/>
      <c r="AE14096" s="1"/>
    </row>
    <row r="14097" spans="1:31" ht="14.45">
      <c r="A14097" s="11"/>
      <c r="B14097" s="20"/>
      <c r="C14097" s="2" t="s">
        <v>43242</v>
      </c>
      <c r="D14097" s="14" t="s">
        <v>43243</v>
      </c>
      <c r="E14097" s="2" t="s">
        <v>43244</v>
      </c>
      <c r="F14097" s="2" t="s">
        <v>40993</v>
      </c>
      <c r="G14097" s="8">
        <v>197</v>
      </c>
      <c r="H14097" s="5">
        <v>6</v>
      </c>
      <c r="I14097" s="5" t="s">
        <v>1518</v>
      </c>
      <c r="J14097" s="5" t="s">
        <v>40939</v>
      </c>
      <c r="K14097" s="2" t="s">
        <v>40940</v>
      </c>
      <c r="L14097" s="5" t="s">
        <v>40939</v>
      </c>
      <c r="M14097" s="2" t="s">
        <v>40940</v>
      </c>
      <c r="N14097" s="5" t="s">
        <v>36266</v>
      </c>
      <c r="O14097" s="5" t="s">
        <v>38</v>
      </c>
      <c r="P14097" s="5" t="s">
        <v>39</v>
      </c>
      <c r="Q14097" s="5" t="s">
        <v>40</v>
      </c>
      <c r="R14097" s="5" t="s">
        <v>1522</v>
      </c>
      <c r="S14097" s="5" t="s">
        <v>1523</v>
      </c>
      <c r="T14097" s="5" t="s">
        <v>42</v>
      </c>
      <c r="U14097" s="2">
        <v>1.744</v>
      </c>
      <c r="V14097" s="2">
        <v>1.1040000000000001</v>
      </c>
      <c r="W14097" s="2">
        <v>0.02</v>
      </c>
      <c r="X14097" s="2">
        <v>159.1</v>
      </c>
      <c r="Y14097" s="2">
        <v>7.6</v>
      </c>
      <c r="Z14097" s="2">
        <v>16.7</v>
      </c>
      <c r="AA14097" s="5"/>
      <c r="AB14097" s="5" t="s">
        <v>43</v>
      </c>
      <c r="AC14097" s="5" t="s">
        <v>44</v>
      </c>
      <c r="AD14097" s="2"/>
      <c r="AE14097" s="1"/>
    </row>
    <row r="14098" spans="1:31" ht="14.45">
      <c r="A14098" s="11"/>
      <c r="B14098" s="20"/>
      <c r="C14098" s="2" t="s">
        <v>43245</v>
      </c>
      <c r="D14098" s="14" t="s">
        <v>43246</v>
      </c>
      <c r="E14098" s="2" t="s">
        <v>43247</v>
      </c>
      <c r="F14098" s="2" t="s">
        <v>40997</v>
      </c>
      <c r="G14098" s="8">
        <v>197</v>
      </c>
      <c r="H14098" s="5">
        <v>6</v>
      </c>
      <c r="I14098" s="5" t="s">
        <v>1518</v>
      </c>
      <c r="J14098" s="5" t="s">
        <v>40939</v>
      </c>
      <c r="K14098" s="2" t="s">
        <v>40940</v>
      </c>
      <c r="L14098" s="5" t="s">
        <v>40939</v>
      </c>
      <c r="M14098" s="2" t="s">
        <v>40940</v>
      </c>
      <c r="N14098" s="5" t="s">
        <v>36266</v>
      </c>
      <c r="O14098" s="5" t="s">
        <v>38</v>
      </c>
      <c r="P14098" s="5" t="s">
        <v>39</v>
      </c>
      <c r="Q14098" s="5" t="s">
        <v>40</v>
      </c>
      <c r="R14098" s="5" t="s">
        <v>1522</v>
      </c>
      <c r="S14098" s="5" t="s">
        <v>1523</v>
      </c>
      <c r="T14098" s="5" t="s">
        <v>42</v>
      </c>
      <c r="U14098" s="2">
        <v>1.6879999999999999</v>
      </c>
      <c r="V14098" s="2">
        <v>1.048</v>
      </c>
      <c r="W14098" s="2">
        <v>0.02</v>
      </c>
      <c r="X14098" s="2">
        <v>159.1</v>
      </c>
      <c r="Y14098" s="2">
        <v>7.6</v>
      </c>
      <c r="Z14098" s="2">
        <v>16.7</v>
      </c>
      <c r="AA14098" s="5"/>
      <c r="AB14098" s="5" t="s">
        <v>43</v>
      </c>
      <c r="AC14098" s="5" t="s">
        <v>44</v>
      </c>
      <c r="AD14098" s="2"/>
      <c r="AE14098" s="1"/>
    </row>
    <row r="14099" spans="1:31" ht="14.45">
      <c r="A14099" s="11"/>
      <c r="B14099" s="20"/>
      <c r="C14099" s="2" t="s">
        <v>43248</v>
      </c>
      <c r="D14099" s="14" t="s">
        <v>43249</v>
      </c>
      <c r="E14099" s="2" t="s">
        <v>43250</v>
      </c>
      <c r="F14099" s="2" t="s">
        <v>41001</v>
      </c>
      <c r="G14099" s="8">
        <v>197</v>
      </c>
      <c r="H14099" s="5">
        <v>6</v>
      </c>
      <c r="I14099" s="5" t="s">
        <v>1518</v>
      </c>
      <c r="J14099" s="5" t="s">
        <v>40939</v>
      </c>
      <c r="K14099" s="2" t="s">
        <v>40940</v>
      </c>
      <c r="L14099" s="5" t="s">
        <v>40939</v>
      </c>
      <c r="M14099" s="2" t="s">
        <v>40940</v>
      </c>
      <c r="N14099" s="5" t="s">
        <v>36266</v>
      </c>
      <c r="O14099" s="5" t="s">
        <v>38</v>
      </c>
      <c r="P14099" s="5" t="s">
        <v>39</v>
      </c>
      <c r="Q14099" s="5" t="s">
        <v>40</v>
      </c>
      <c r="R14099" s="5" t="s">
        <v>1522</v>
      </c>
      <c r="S14099" s="5" t="s">
        <v>1523</v>
      </c>
      <c r="T14099" s="5" t="s">
        <v>42</v>
      </c>
      <c r="U14099" s="2">
        <v>1.734</v>
      </c>
      <c r="V14099" s="2">
        <v>1.0940000000000001</v>
      </c>
      <c r="W14099" s="2">
        <v>0.02</v>
      </c>
      <c r="X14099" s="2">
        <v>159.1</v>
      </c>
      <c r="Y14099" s="2">
        <v>7.6</v>
      </c>
      <c r="Z14099" s="2">
        <v>16.7</v>
      </c>
      <c r="AA14099" s="5"/>
      <c r="AB14099" s="5" t="s">
        <v>43</v>
      </c>
      <c r="AC14099" s="5" t="s">
        <v>44</v>
      </c>
      <c r="AD14099" s="2"/>
      <c r="AE14099" s="1"/>
    </row>
    <row r="14100" spans="1:31" ht="14.45">
      <c r="A14100" s="11"/>
      <c r="B14100" s="20"/>
      <c r="C14100" s="2" t="s">
        <v>43251</v>
      </c>
      <c r="D14100" s="14" t="s">
        <v>43252</v>
      </c>
      <c r="E14100" s="2" t="s">
        <v>43253</v>
      </c>
      <c r="F14100" s="2" t="s">
        <v>41005</v>
      </c>
      <c r="G14100" s="8">
        <v>197</v>
      </c>
      <c r="H14100" s="5">
        <v>6</v>
      </c>
      <c r="I14100" s="5" t="s">
        <v>1518</v>
      </c>
      <c r="J14100" s="5" t="s">
        <v>40939</v>
      </c>
      <c r="K14100" s="2" t="s">
        <v>40940</v>
      </c>
      <c r="L14100" s="5" t="s">
        <v>40939</v>
      </c>
      <c r="M14100" s="2" t="s">
        <v>40940</v>
      </c>
      <c r="N14100" s="5" t="s">
        <v>36266</v>
      </c>
      <c r="O14100" s="5" t="s">
        <v>38</v>
      </c>
      <c r="P14100" s="5" t="s">
        <v>39</v>
      </c>
      <c r="Q14100" s="5" t="s">
        <v>40</v>
      </c>
      <c r="R14100" s="5" t="s">
        <v>1522</v>
      </c>
      <c r="S14100" s="5" t="s">
        <v>1523</v>
      </c>
      <c r="T14100" s="5" t="s">
        <v>42</v>
      </c>
      <c r="U14100" s="2">
        <v>1.744</v>
      </c>
      <c r="V14100" s="2">
        <v>1.1040000000000001</v>
      </c>
      <c r="W14100" s="2">
        <v>0.02</v>
      </c>
      <c r="X14100" s="2">
        <v>159.1</v>
      </c>
      <c r="Y14100" s="2">
        <v>7.6</v>
      </c>
      <c r="Z14100" s="2">
        <v>16.7</v>
      </c>
      <c r="AA14100" s="5"/>
      <c r="AB14100" s="5" t="s">
        <v>43</v>
      </c>
      <c r="AC14100" s="5" t="s">
        <v>44</v>
      </c>
      <c r="AD14100" s="2"/>
      <c r="AE14100" s="1"/>
    </row>
    <row r="14101" spans="1:31" ht="14.45">
      <c r="A14101" s="11"/>
      <c r="B14101" s="20"/>
      <c r="C14101" s="2" t="s">
        <v>43254</v>
      </c>
      <c r="D14101" s="14" t="s">
        <v>43255</v>
      </c>
      <c r="E14101" s="2" t="s">
        <v>43256</v>
      </c>
      <c r="F14101" s="2" t="s">
        <v>41009</v>
      </c>
      <c r="G14101" s="8">
        <v>197</v>
      </c>
      <c r="H14101" s="5">
        <v>6</v>
      </c>
      <c r="I14101" s="5" t="s">
        <v>1518</v>
      </c>
      <c r="J14101" s="5" t="s">
        <v>40939</v>
      </c>
      <c r="K14101" s="2" t="s">
        <v>40940</v>
      </c>
      <c r="L14101" s="5" t="s">
        <v>40939</v>
      </c>
      <c r="M14101" s="2" t="s">
        <v>40940</v>
      </c>
      <c r="N14101" s="5" t="s">
        <v>36266</v>
      </c>
      <c r="O14101" s="5" t="s">
        <v>38</v>
      </c>
      <c r="P14101" s="5" t="s">
        <v>39</v>
      </c>
      <c r="Q14101" s="5" t="s">
        <v>40</v>
      </c>
      <c r="R14101" s="5" t="s">
        <v>1522</v>
      </c>
      <c r="S14101" s="5" t="s">
        <v>1523</v>
      </c>
      <c r="T14101" s="5" t="s">
        <v>42</v>
      </c>
      <c r="U14101" s="2">
        <v>1.7450000000000001</v>
      </c>
      <c r="V14101" s="2">
        <v>1.105</v>
      </c>
      <c r="W14101" s="2">
        <v>0.02</v>
      </c>
      <c r="X14101" s="2">
        <v>159.1</v>
      </c>
      <c r="Y14101" s="2">
        <v>7.6</v>
      </c>
      <c r="Z14101" s="2">
        <v>16.7</v>
      </c>
      <c r="AA14101" s="5"/>
      <c r="AB14101" s="5" t="s">
        <v>43</v>
      </c>
      <c r="AC14101" s="5" t="s">
        <v>44</v>
      </c>
      <c r="AD14101" s="2"/>
      <c r="AE14101" s="1"/>
    </row>
    <row r="14102" spans="1:31" ht="14.45">
      <c r="A14102" s="11"/>
      <c r="B14102" s="20"/>
      <c r="C14102" s="2" t="s">
        <v>43257</v>
      </c>
      <c r="D14102" s="14" t="s">
        <v>43258</v>
      </c>
      <c r="E14102" s="2" t="s">
        <v>43259</v>
      </c>
      <c r="F14102" s="2" t="s">
        <v>41013</v>
      </c>
      <c r="G14102" s="8">
        <v>197</v>
      </c>
      <c r="H14102" s="5">
        <v>6</v>
      </c>
      <c r="I14102" s="5" t="s">
        <v>1518</v>
      </c>
      <c r="J14102" s="5" t="s">
        <v>40939</v>
      </c>
      <c r="K14102" s="2" t="s">
        <v>40940</v>
      </c>
      <c r="L14102" s="5" t="s">
        <v>40939</v>
      </c>
      <c r="M14102" s="2" t="s">
        <v>40940</v>
      </c>
      <c r="N14102" s="5" t="s">
        <v>36266</v>
      </c>
      <c r="O14102" s="5" t="s">
        <v>38</v>
      </c>
      <c r="P14102" s="5" t="s">
        <v>39</v>
      </c>
      <c r="Q14102" s="5" t="s">
        <v>40</v>
      </c>
      <c r="R14102" s="5" t="s">
        <v>1522</v>
      </c>
      <c r="S14102" s="5" t="s">
        <v>1523</v>
      </c>
      <c r="T14102" s="5" t="s">
        <v>42</v>
      </c>
      <c r="U14102" s="2">
        <v>1.7549999999999999</v>
      </c>
      <c r="V14102" s="2">
        <v>1.115</v>
      </c>
      <c r="W14102" s="2">
        <v>0.02</v>
      </c>
      <c r="X14102" s="2">
        <v>159.1</v>
      </c>
      <c r="Y14102" s="2">
        <v>7.6</v>
      </c>
      <c r="Z14102" s="2">
        <v>16.7</v>
      </c>
      <c r="AA14102" s="5"/>
      <c r="AB14102" s="5" t="s">
        <v>43</v>
      </c>
      <c r="AC14102" s="5" t="s">
        <v>44</v>
      </c>
      <c r="AD14102" s="2"/>
      <c r="AE14102" s="1"/>
    </row>
    <row r="14103" spans="1:31" ht="14.45">
      <c r="A14103" s="11"/>
      <c r="B14103" s="20"/>
      <c r="C14103" s="2" t="s">
        <v>43260</v>
      </c>
      <c r="D14103" s="14" t="s">
        <v>43261</v>
      </c>
      <c r="E14103" s="2" t="s">
        <v>43262</v>
      </c>
      <c r="F14103" s="2" t="s">
        <v>7396</v>
      </c>
      <c r="G14103" s="8">
        <v>171</v>
      </c>
      <c r="H14103" s="5">
        <v>6</v>
      </c>
      <c r="I14103" s="5" t="s">
        <v>1518</v>
      </c>
      <c r="J14103" s="5" t="s">
        <v>40939</v>
      </c>
      <c r="K14103" s="2" t="s">
        <v>40940</v>
      </c>
      <c r="L14103" s="5" t="s">
        <v>40939</v>
      </c>
      <c r="M14103" s="2" t="s">
        <v>40940</v>
      </c>
      <c r="N14103" s="5" t="s">
        <v>36266</v>
      </c>
      <c r="O14103" s="5" t="s">
        <v>38</v>
      </c>
      <c r="P14103" s="5" t="s">
        <v>39</v>
      </c>
      <c r="Q14103" s="5" t="s">
        <v>40</v>
      </c>
      <c r="R14103" s="5" t="s">
        <v>1522</v>
      </c>
      <c r="S14103" s="5" t="s">
        <v>1523</v>
      </c>
      <c r="T14103" s="5" t="s">
        <v>42</v>
      </c>
      <c r="U14103" s="2">
        <v>1.7450000000000001</v>
      </c>
      <c r="V14103" s="2">
        <v>1.105</v>
      </c>
      <c r="W14103" s="2">
        <v>0.02</v>
      </c>
      <c r="X14103" s="2">
        <v>159.1</v>
      </c>
      <c r="Y14103" s="2">
        <v>7.6</v>
      </c>
      <c r="Z14103" s="2">
        <v>16.7</v>
      </c>
      <c r="AA14103" s="5"/>
      <c r="AB14103" s="5" t="s">
        <v>43</v>
      </c>
      <c r="AC14103" s="5" t="s">
        <v>44</v>
      </c>
      <c r="AD14103" s="2"/>
      <c r="AE14103" s="1"/>
    </row>
    <row r="14104" spans="1:31" ht="14.45">
      <c r="A14104" s="11"/>
      <c r="B14104" s="20"/>
      <c r="C14104" s="2" t="s">
        <v>43263</v>
      </c>
      <c r="D14104" s="14" t="s">
        <v>43264</v>
      </c>
      <c r="E14104" s="2" t="s">
        <v>43265</v>
      </c>
      <c r="F14104" s="2" t="s">
        <v>7507</v>
      </c>
      <c r="G14104" s="8">
        <v>171</v>
      </c>
      <c r="H14104" s="5">
        <v>6</v>
      </c>
      <c r="I14104" s="5" t="s">
        <v>1518</v>
      </c>
      <c r="J14104" s="5" t="s">
        <v>40939</v>
      </c>
      <c r="K14104" s="2" t="s">
        <v>40940</v>
      </c>
      <c r="L14104" s="5" t="s">
        <v>40939</v>
      </c>
      <c r="M14104" s="2" t="s">
        <v>40940</v>
      </c>
      <c r="N14104" s="5" t="s">
        <v>36266</v>
      </c>
      <c r="O14104" s="5" t="s">
        <v>38</v>
      </c>
      <c r="P14104" s="5" t="s">
        <v>39</v>
      </c>
      <c r="Q14104" s="5" t="s">
        <v>40</v>
      </c>
      <c r="R14104" s="5" t="s">
        <v>1522</v>
      </c>
      <c r="S14104" s="5" t="s">
        <v>1523</v>
      </c>
      <c r="T14104" s="5" t="s">
        <v>42</v>
      </c>
      <c r="U14104" s="2">
        <v>1.7549999999999999</v>
      </c>
      <c r="V14104" s="2">
        <v>1.115</v>
      </c>
      <c r="W14104" s="2">
        <v>0.02</v>
      </c>
      <c r="X14104" s="2">
        <v>159.1</v>
      </c>
      <c r="Y14104" s="2">
        <v>7.6</v>
      </c>
      <c r="Z14104" s="2">
        <v>16.7</v>
      </c>
      <c r="AA14104" s="5"/>
      <c r="AB14104" s="5" t="s">
        <v>43</v>
      </c>
      <c r="AC14104" s="5" t="s">
        <v>44</v>
      </c>
      <c r="AD14104" s="2"/>
      <c r="AE14104" s="1"/>
    </row>
    <row r="14105" spans="1:31" ht="14.45">
      <c r="A14105" s="11"/>
      <c r="B14105" s="20"/>
      <c r="C14105" s="2" t="s">
        <v>43266</v>
      </c>
      <c r="D14105" s="14" t="s">
        <v>43267</v>
      </c>
      <c r="E14105" s="2" t="s">
        <v>43268</v>
      </c>
      <c r="F14105" s="2" t="s">
        <v>41023</v>
      </c>
      <c r="G14105" s="8">
        <v>197</v>
      </c>
      <c r="H14105" s="5">
        <v>6</v>
      </c>
      <c r="I14105" s="5" t="s">
        <v>1518</v>
      </c>
      <c r="J14105" s="5" t="s">
        <v>40939</v>
      </c>
      <c r="K14105" s="2" t="s">
        <v>40940</v>
      </c>
      <c r="L14105" s="5" t="s">
        <v>40939</v>
      </c>
      <c r="M14105" s="2" t="s">
        <v>40940</v>
      </c>
      <c r="N14105" s="5" t="s">
        <v>36266</v>
      </c>
      <c r="O14105" s="5" t="s">
        <v>38</v>
      </c>
      <c r="P14105" s="5" t="s">
        <v>39</v>
      </c>
      <c r="Q14105" s="5" t="s">
        <v>40</v>
      </c>
      <c r="R14105" s="5" t="s">
        <v>1522</v>
      </c>
      <c r="S14105" s="5" t="s">
        <v>1523</v>
      </c>
      <c r="T14105" s="5" t="s">
        <v>42</v>
      </c>
      <c r="U14105" s="2">
        <v>1.6879999999999999</v>
      </c>
      <c r="V14105" s="2">
        <v>1.048</v>
      </c>
      <c r="W14105" s="2">
        <v>0.02</v>
      </c>
      <c r="X14105" s="2">
        <v>159.1</v>
      </c>
      <c r="Y14105" s="2">
        <v>7.6</v>
      </c>
      <c r="Z14105" s="2">
        <v>16.7</v>
      </c>
      <c r="AA14105" s="5"/>
      <c r="AB14105" s="5" t="s">
        <v>43</v>
      </c>
      <c r="AC14105" s="5" t="s">
        <v>44</v>
      </c>
      <c r="AD14105" s="2"/>
      <c r="AE14105" s="1"/>
    </row>
    <row r="14106" spans="1:31" ht="14.45">
      <c r="A14106" s="11"/>
      <c r="B14106" s="20"/>
      <c r="C14106" s="2" t="s">
        <v>43269</v>
      </c>
      <c r="D14106" s="14" t="s">
        <v>43270</v>
      </c>
      <c r="E14106" s="2" t="s">
        <v>43271</v>
      </c>
      <c r="F14106" s="2" t="s">
        <v>41027</v>
      </c>
      <c r="G14106" s="8">
        <v>197</v>
      </c>
      <c r="H14106" s="5">
        <v>6</v>
      </c>
      <c r="I14106" s="5" t="s">
        <v>1518</v>
      </c>
      <c r="J14106" s="5" t="s">
        <v>40939</v>
      </c>
      <c r="K14106" s="2" t="s">
        <v>40940</v>
      </c>
      <c r="L14106" s="5" t="s">
        <v>40939</v>
      </c>
      <c r="M14106" s="2" t="s">
        <v>40940</v>
      </c>
      <c r="N14106" s="5" t="s">
        <v>36266</v>
      </c>
      <c r="O14106" s="5" t="s">
        <v>38</v>
      </c>
      <c r="P14106" s="5" t="s">
        <v>39</v>
      </c>
      <c r="Q14106" s="5" t="s">
        <v>40</v>
      </c>
      <c r="R14106" s="5" t="s">
        <v>1522</v>
      </c>
      <c r="S14106" s="5" t="s">
        <v>1523</v>
      </c>
      <c r="T14106" s="5" t="s">
        <v>42</v>
      </c>
      <c r="U14106" s="2">
        <v>1.698</v>
      </c>
      <c r="V14106" s="2">
        <v>1.0580000000000001</v>
      </c>
      <c r="W14106" s="2">
        <v>0.02</v>
      </c>
      <c r="X14106" s="2">
        <v>159.1</v>
      </c>
      <c r="Y14106" s="2">
        <v>7.6</v>
      </c>
      <c r="Z14106" s="2">
        <v>16.7</v>
      </c>
      <c r="AA14106" s="5"/>
      <c r="AB14106" s="5" t="s">
        <v>43</v>
      </c>
      <c r="AC14106" s="5" t="s">
        <v>44</v>
      </c>
      <c r="AD14106" s="2"/>
      <c r="AE14106" s="1"/>
    </row>
    <row r="14107" spans="1:31" ht="14.45">
      <c r="A14107" s="11"/>
      <c r="B14107" s="20"/>
      <c r="C14107" s="2" t="s">
        <v>43272</v>
      </c>
      <c r="D14107" s="14" t="s">
        <v>43273</v>
      </c>
      <c r="E14107" s="2" t="s">
        <v>43274</v>
      </c>
      <c r="F14107" s="2" t="s">
        <v>41031</v>
      </c>
      <c r="G14107" s="8">
        <v>197</v>
      </c>
      <c r="H14107" s="5">
        <v>6</v>
      </c>
      <c r="I14107" s="5" t="s">
        <v>1518</v>
      </c>
      <c r="J14107" s="5" t="s">
        <v>40939</v>
      </c>
      <c r="K14107" s="2" t="s">
        <v>40940</v>
      </c>
      <c r="L14107" s="5" t="s">
        <v>40939</v>
      </c>
      <c r="M14107" s="2" t="s">
        <v>40940</v>
      </c>
      <c r="N14107" s="5" t="s">
        <v>36266</v>
      </c>
      <c r="O14107" s="5" t="s">
        <v>38</v>
      </c>
      <c r="P14107" s="5" t="s">
        <v>39</v>
      </c>
      <c r="Q14107" s="5" t="s">
        <v>40</v>
      </c>
      <c r="R14107" s="5" t="s">
        <v>1522</v>
      </c>
      <c r="S14107" s="5" t="s">
        <v>1523</v>
      </c>
      <c r="T14107" s="5" t="s">
        <v>42</v>
      </c>
      <c r="U14107" s="2">
        <v>1.6879999999999999</v>
      </c>
      <c r="V14107" s="2">
        <v>1.048</v>
      </c>
      <c r="W14107" s="2">
        <v>0.02</v>
      </c>
      <c r="X14107" s="2">
        <v>159.1</v>
      </c>
      <c r="Y14107" s="2">
        <v>7.6</v>
      </c>
      <c r="Z14107" s="2">
        <v>16.7</v>
      </c>
      <c r="AA14107" s="5"/>
      <c r="AB14107" s="5" t="s">
        <v>43</v>
      </c>
      <c r="AC14107" s="5" t="s">
        <v>44</v>
      </c>
      <c r="AD14107" s="2"/>
      <c r="AE14107" s="1"/>
    </row>
    <row r="14108" spans="1:31" ht="14.45">
      <c r="A14108" s="11"/>
      <c r="B14108" s="20"/>
      <c r="C14108" s="2" t="s">
        <v>43275</v>
      </c>
      <c r="D14108" s="14" t="s">
        <v>43276</v>
      </c>
      <c r="E14108" s="2" t="s">
        <v>43277</v>
      </c>
      <c r="F14108" s="2" t="s">
        <v>41035</v>
      </c>
      <c r="G14108" s="8">
        <v>197</v>
      </c>
      <c r="H14108" s="5">
        <v>6</v>
      </c>
      <c r="I14108" s="5" t="s">
        <v>1518</v>
      </c>
      <c r="J14108" s="5" t="s">
        <v>40939</v>
      </c>
      <c r="K14108" s="2" t="s">
        <v>40940</v>
      </c>
      <c r="L14108" s="5" t="s">
        <v>40939</v>
      </c>
      <c r="M14108" s="2" t="s">
        <v>40940</v>
      </c>
      <c r="N14108" s="5" t="s">
        <v>36266</v>
      </c>
      <c r="O14108" s="5" t="s">
        <v>38</v>
      </c>
      <c r="P14108" s="5" t="s">
        <v>39</v>
      </c>
      <c r="Q14108" s="5" t="s">
        <v>40</v>
      </c>
      <c r="R14108" s="5" t="s">
        <v>1522</v>
      </c>
      <c r="S14108" s="5" t="s">
        <v>1523</v>
      </c>
      <c r="T14108" s="5" t="s">
        <v>42</v>
      </c>
      <c r="U14108" s="2">
        <v>1.698</v>
      </c>
      <c r="V14108" s="2">
        <v>1.0580000000000001</v>
      </c>
      <c r="W14108" s="2">
        <v>0.02</v>
      </c>
      <c r="X14108" s="2">
        <v>159.1</v>
      </c>
      <c r="Y14108" s="2">
        <v>7.6</v>
      </c>
      <c r="Z14108" s="2">
        <v>16.7</v>
      </c>
      <c r="AA14108" s="5"/>
      <c r="AB14108" s="5" t="s">
        <v>43</v>
      </c>
      <c r="AC14108" s="5" t="s">
        <v>44</v>
      </c>
      <c r="AD14108" s="2"/>
      <c r="AE14108" s="1"/>
    </row>
    <row r="14109" spans="1:31" ht="14.45">
      <c r="A14109" s="11"/>
      <c r="B14109" s="20"/>
      <c r="C14109" s="2" t="s">
        <v>43278</v>
      </c>
      <c r="D14109" s="14" t="s">
        <v>43279</v>
      </c>
      <c r="E14109" s="2" t="s">
        <v>43280</v>
      </c>
      <c r="F14109" s="2" t="s">
        <v>7449</v>
      </c>
      <c r="G14109" s="8">
        <v>197</v>
      </c>
      <c r="H14109" s="5">
        <v>6</v>
      </c>
      <c r="I14109" s="5" t="s">
        <v>1518</v>
      </c>
      <c r="J14109" s="5" t="s">
        <v>40939</v>
      </c>
      <c r="K14109" s="2" t="s">
        <v>40940</v>
      </c>
      <c r="L14109" s="5" t="s">
        <v>40939</v>
      </c>
      <c r="M14109" s="2" t="s">
        <v>40940</v>
      </c>
      <c r="N14109" s="5" t="s">
        <v>36266</v>
      </c>
      <c r="O14109" s="5" t="s">
        <v>38</v>
      </c>
      <c r="P14109" s="5" t="s">
        <v>39</v>
      </c>
      <c r="Q14109" s="5" t="s">
        <v>40</v>
      </c>
      <c r="R14109" s="5" t="s">
        <v>1522</v>
      </c>
      <c r="S14109" s="5" t="s">
        <v>1523</v>
      </c>
      <c r="T14109" s="5" t="s">
        <v>42</v>
      </c>
      <c r="U14109" s="2">
        <v>1.6879999999999999</v>
      </c>
      <c r="V14109" s="2">
        <v>1.048</v>
      </c>
      <c r="W14109" s="2">
        <v>0.02</v>
      </c>
      <c r="X14109" s="2">
        <v>159.1</v>
      </c>
      <c r="Y14109" s="2">
        <v>7.6</v>
      </c>
      <c r="Z14109" s="2">
        <v>16.7</v>
      </c>
      <c r="AA14109" s="5"/>
      <c r="AB14109" s="5" t="s">
        <v>43</v>
      </c>
      <c r="AC14109" s="5" t="s">
        <v>44</v>
      </c>
      <c r="AD14109" s="2"/>
      <c r="AE14109" s="1"/>
    </row>
    <row r="14110" spans="1:31" ht="14.45">
      <c r="A14110" s="11"/>
      <c r="B14110" s="20"/>
      <c r="C14110" s="2" t="s">
        <v>43281</v>
      </c>
      <c r="D14110" s="14" t="s">
        <v>43282</v>
      </c>
      <c r="E14110" s="2" t="s">
        <v>43283</v>
      </c>
      <c r="F14110" s="2" t="s">
        <v>7581</v>
      </c>
      <c r="G14110" s="8">
        <v>197</v>
      </c>
      <c r="H14110" s="5">
        <v>6</v>
      </c>
      <c r="I14110" s="5" t="s">
        <v>1518</v>
      </c>
      <c r="J14110" s="5" t="s">
        <v>40939</v>
      </c>
      <c r="K14110" s="2" t="s">
        <v>40940</v>
      </c>
      <c r="L14110" s="5" t="s">
        <v>40939</v>
      </c>
      <c r="M14110" s="2" t="s">
        <v>40940</v>
      </c>
      <c r="N14110" s="5" t="s">
        <v>36266</v>
      </c>
      <c r="O14110" s="5" t="s">
        <v>38</v>
      </c>
      <c r="P14110" s="5" t="s">
        <v>39</v>
      </c>
      <c r="Q14110" s="5" t="s">
        <v>40</v>
      </c>
      <c r="R14110" s="5" t="s">
        <v>1522</v>
      </c>
      <c r="S14110" s="5" t="s">
        <v>1523</v>
      </c>
      <c r="T14110" s="5" t="s">
        <v>42</v>
      </c>
      <c r="U14110" s="2">
        <v>1.698</v>
      </c>
      <c r="V14110" s="2">
        <v>1.0580000000000001</v>
      </c>
      <c r="W14110" s="2">
        <v>0.02</v>
      </c>
      <c r="X14110" s="2">
        <v>159.1</v>
      </c>
      <c r="Y14110" s="2">
        <v>7.6</v>
      </c>
      <c r="Z14110" s="2">
        <v>16.7</v>
      </c>
      <c r="AA14110" s="5"/>
      <c r="AB14110" s="5" t="s">
        <v>43</v>
      </c>
      <c r="AC14110" s="5" t="s">
        <v>44</v>
      </c>
      <c r="AD14110" s="2"/>
      <c r="AE14110" s="1"/>
    </row>
    <row r="14111" spans="1:31" ht="14.45">
      <c r="A14111" s="11"/>
      <c r="B14111" s="20"/>
      <c r="C14111" s="2" t="s">
        <v>43284</v>
      </c>
      <c r="D14111" s="14" t="s">
        <v>43285</v>
      </c>
      <c r="E14111" s="2" t="s">
        <v>43286</v>
      </c>
      <c r="F14111" s="2" t="s">
        <v>41045</v>
      </c>
      <c r="G14111" s="8">
        <v>197</v>
      </c>
      <c r="H14111" s="5">
        <v>6</v>
      </c>
      <c r="I14111" s="5" t="s">
        <v>1518</v>
      </c>
      <c r="J14111" s="5" t="s">
        <v>40939</v>
      </c>
      <c r="K14111" s="2" t="s">
        <v>40940</v>
      </c>
      <c r="L14111" s="5" t="s">
        <v>40939</v>
      </c>
      <c r="M14111" s="2" t="s">
        <v>40940</v>
      </c>
      <c r="N14111" s="5" t="s">
        <v>36266</v>
      </c>
      <c r="O14111" s="5" t="s">
        <v>38</v>
      </c>
      <c r="P14111" s="5" t="s">
        <v>39</v>
      </c>
      <c r="Q14111" s="5" t="s">
        <v>40</v>
      </c>
      <c r="R14111" s="5" t="s">
        <v>1522</v>
      </c>
      <c r="S14111" s="5" t="s">
        <v>1523</v>
      </c>
      <c r="T14111" s="5" t="s">
        <v>42</v>
      </c>
      <c r="U14111" s="2">
        <v>1.7569999999999999</v>
      </c>
      <c r="V14111" s="2">
        <v>1.117</v>
      </c>
      <c r="W14111" s="2">
        <v>0.02</v>
      </c>
      <c r="X14111" s="2">
        <v>159.1</v>
      </c>
      <c r="Y14111" s="2">
        <v>7.6</v>
      </c>
      <c r="Z14111" s="2">
        <v>16.7</v>
      </c>
      <c r="AA14111" s="5"/>
      <c r="AB14111" s="5" t="s">
        <v>43</v>
      </c>
      <c r="AC14111" s="5" t="s">
        <v>44</v>
      </c>
      <c r="AD14111" s="2"/>
      <c r="AE14111" s="1"/>
    </row>
    <row r="14112" spans="1:31" ht="14.45">
      <c r="A14112" s="11"/>
      <c r="B14112" s="20"/>
      <c r="C14112" s="2" t="s">
        <v>43287</v>
      </c>
      <c r="D14112" s="14" t="s">
        <v>43288</v>
      </c>
      <c r="E14112" s="2" t="s">
        <v>43289</v>
      </c>
      <c r="F14112" s="2" t="s">
        <v>41049</v>
      </c>
      <c r="G14112" s="8">
        <v>197</v>
      </c>
      <c r="H14112" s="5">
        <v>6</v>
      </c>
      <c r="I14112" s="5" t="s">
        <v>1518</v>
      </c>
      <c r="J14112" s="5" t="s">
        <v>40939</v>
      </c>
      <c r="K14112" s="2" t="s">
        <v>40940</v>
      </c>
      <c r="L14112" s="5" t="s">
        <v>40939</v>
      </c>
      <c r="M14112" s="2" t="s">
        <v>40940</v>
      </c>
      <c r="N14112" s="5" t="s">
        <v>36266</v>
      </c>
      <c r="O14112" s="5" t="s">
        <v>38</v>
      </c>
      <c r="P14112" s="5" t="s">
        <v>39</v>
      </c>
      <c r="Q14112" s="5" t="s">
        <v>40</v>
      </c>
      <c r="R14112" s="5" t="s">
        <v>1522</v>
      </c>
      <c r="S14112" s="5" t="s">
        <v>1523</v>
      </c>
      <c r="T14112" s="5" t="s">
        <v>42</v>
      </c>
      <c r="U14112" s="2">
        <v>1.7669999999999999</v>
      </c>
      <c r="V14112" s="2">
        <v>1.127</v>
      </c>
      <c r="W14112" s="2">
        <v>0.02</v>
      </c>
      <c r="X14112" s="2">
        <v>159.1</v>
      </c>
      <c r="Y14112" s="2">
        <v>7.6</v>
      </c>
      <c r="Z14112" s="2">
        <v>16.7</v>
      </c>
      <c r="AA14112" s="5"/>
      <c r="AB14112" s="5" t="s">
        <v>43</v>
      </c>
      <c r="AC14112" s="5" t="s">
        <v>44</v>
      </c>
      <c r="AD14112" s="2"/>
      <c r="AE14112" s="1"/>
    </row>
    <row r="14113" spans="1:31" ht="14.45">
      <c r="A14113" s="11"/>
      <c r="B14113" s="20"/>
      <c r="C14113" s="2" t="s">
        <v>43290</v>
      </c>
      <c r="D14113" s="14" t="s">
        <v>43291</v>
      </c>
      <c r="E14113" s="2" t="s">
        <v>43292</v>
      </c>
      <c r="F14113" s="2" t="s">
        <v>7204</v>
      </c>
      <c r="G14113" s="8">
        <v>146</v>
      </c>
      <c r="H14113" s="5">
        <v>6</v>
      </c>
      <c r="I14113" s="5" t="s">
        <v>1518</v>
      </c>
      <c r="J14113" s="5" t="s">
        <v>40939</v>
      </c>
      <c r="K14113" s="2" t="s">
        <v>40940</v>
      </c>
      <c r="L14113" s="5" t="s">
        <v>40939</v>
      </c>
      <c r="M14113" s="2" t="s">
        <v>40940</v>
      </c>
      <c r="N14113" s="5" t="s">
        <v>36266</v>
      </c>
      <c r="O14113" s="5" t="s">
        <v>38</v>
      </c>
      <c r="P14113" s="5" t="s">
        <v>39</v>
      </c>
      <c r="Q14113" s="5" t="s">
        <v>40</v>
      </c>
      <c r="R14113" s="5" t="s">
        <v>1522</v>
      </c>
      <c r="S14113" s="5" t="s">
        <v>1523</v>
      </c>
      <c r="T14113" s="5" t="s">
        <v>42</v>
      </c>
      <c r="U14113" s="2">
        <v>1.1759999999999999</v>
      </c>
      <c r="V14113" s="2">
        <v>0.69499999999999995</v>
      </c>
      <c r="W14113" s="2">
        <v>1.2999999999999999E-2</v>
      </c>
      <c r="X14113" s="2">
        <v>99.1</v>
      </c>
      <c r="Y14113" s="2">
        <v>7.6</v>
      </c>
      <c r="Z14113" s="2">
        <v>16.7</v>
      </c>
      <c r="AA14113" s="5"/>
      <c r="AB14113" s="5" t="s">
        <v>43</v>
      </c>
      <c r="AC14113" s="5" t="s">
        <v>44</v>
      </c>
      <c r="AD14113" s="2"/>
      <c r="AE14113" s="1"/>
    </row>
    <row r="14114" spans="1:31" ht="14.45">
      <c r="A14114" s="11"/>
      <c r="B14114" s="20"/>
      <c r="C14114" s="2" t="s">
        <v>43293</v>
      </c>
      <c r="D14114" s="14" t="s">
        <v>43294</v>
      </c>
      <c r="E14114" s="2" t="s">
        <v>43295</v>
      </c>
      <c r="F14114" s="2" t="s">
        <v>7514</v>
      </c>
      <c r="G14114" s="8">
        <v>146</v>
      </c>
      <c r="H14114" s="5">
        <v>6</v>
      </c>
      <c r="I14114" s="5" t="s">
        <v>1518</v>
      </c>
      <c r="J14114" s="5" t="s">
        <v>40939</v>
      </c>
      <c r="K14114" s="2" t="s">
        <v>40940</v>
      </c>
      <c r="L14114" s="5" t="s">
        <v>40939</v>
      </c>
      <c r="M14114" s="2" t="s">
        <v>40940</v>
      </c>
      <c r="N14114" s="5" t="s">
        <v>36266</v>
      </c>
      <c r="O14114" s="5" t="s">
        <v>38</v>
      </c>
      <c r="P14114" s="5" t="s">
        <v>39</v>
      </c>
      <c r="Q14114" s="5" t="s">
        <v>40</v>
      </c>
      <c r="R14114" s="5" t="s">
        <v>1522</v>
      </c>
      <c r="S14114" s="5" t="s">
        <v>1523</v>
      </c>
      <c r="T14114" s="5" t="s">
        <v>42</v>
      </c>
      <c r="U14114" s="2">
        <v>1.1910000000000001</v>
      </c>
      <c r="V14114" s="2">
        <v>0.71</v>
      </c>
      <c r="W14114" s="2">
        <v>1.2999999999999999E-2</v>
      </c>
      <c r="X14114" s="2">
        <v>99.1</v>
      </c>
      <c r="Y14114" s="2">
        <v>7.6</v>
      </c>
      <c r="Z14114" s="2">
        <v>16.7</v>
      </c>
      <c r="AA14114" s="5"/>
      <c r="AB14114" s="5" t="s">
        <v>43</v>
      </c>
      <c r="AC14114" s="5" t="s">
        <v>44</v>
      </c>
      <c r="AD14114" s="2"/>
      <c r="AE14114" s="1"/>
    </row>
    <row r="14115" spans="1:31" ht="14.45">
      <c r="A14115" s="11"/>
      <c r="B14115" s="20"/>
      <c r="C14115" s="2" t="s">
        <v>43296</v>
      </c>
      <c r="D14115" s="14" t="s">
        <v>43297</v>
      </c>
      <c r="E14115" s="2" t="s">
        <v>43298</v>
      </c>
      <c r="F14115" s="2" t="s">
        <v>7208</v>
      </c>
      <c r="G14115" s="8">
        <v>146</v>
      </c>
      <c r="H14115" s="5">
        <v>6</v>
      </c>
      <c r="I14115" s="5" t="s">
        <v>1518</v>
      </c>
      <c r="J14115" s="5" t="s">
        <v>40939</v>
      </c>
      <c r="K14115" s="2" t="s">
        <v>40940</v>
      </c>
      <c r="L14115" s="5" t="s">
        <v>40939</v>
      </c>
      <c r="M14115" s="2" t="s">
        <v>40940</v>
      </c>
      <c r="N14115" s="5" t="s">
        <v>36266</v>
      </c>
      <c r="O14115" s="5" t="s">
        <v>38</v>
      </c>
      <c r="P14115" s="5" t="s">
        <v>39</v>
      </c>
      <c r="Q14115" s="5" t="s">
        <v>40</v>
      </c>
      <c r="R14115" s="5" t="s">
        <v>1522</v>
      </c>
      <c r="S14115" s="5" t="s">
        <v>1523</v>
      </c>
      <c r="T14115" s="5" t="s">
        <v>42</v>
      </c>
      <c r="U14115" s="2">
        <v>1.19</v>
      </c>
      <c r="V14115" s="2">
        <v>0.70899999999999996</v>
      </c>
      <c r="W14115" s="2">
        <v>1.2999999999999999E-2</v>
      </c>
      <c r="X14115" s="2">
        <v>99.1</v>
      </c>
      <c r="Y14115" s="2">
        <v>7.6</v>
      </c>
      <c r="Z14115" s="2">
        <v>16.7</v>
      </c>
      <c r="AA14115" s="5"/>
      <c r="AB14115" s="5" t="s">
        <v>43</v>
      </c>
      <c r="AC14115" s="5" t="s">
        <v>44</v>
      </c>
      <c r="AD14115" s="2"/>
      <c r="AE14115" s="1"/>
    </row>
    <row r="14116" spans="1:31" ht="14.45">
      <c r="A14116" s="11"/>
      <c r="B14116" s="20"/>
      <c r="C14116" s="2" t="s">
        <v>43299</v>
      </c>
      <c r="D14116" s="14" t="s">
        <v>43300</v>
      </c>
      <c r="E14116" s="2" t="s">
        <v>43301</v>
      </c>
      <c r="F14116" s="2" t="s">
        <v>7521</v>
      </c>
      <c r="G14116" s="8">
        <v>146</v>
      </c>
      <c r="H14116" s="5">
        <v>6</v>
      </c>
      <c r="I14116" s="5" t="s">
        <v>1518</v>
      </c>
      <c r="J14116" s="5" t="s">
        <v>40939</v>
      </c>
      <c r="K14116" s="2" t="s">
        <v>40940</v>
      </c>
      <c r="L14116" s="5" t="s">
        <v>40939</v>
      </c>
      <c r="M14116" s="2" t="s">
        <v>40940</v>
      </c>
      <c r="N14116" s="5" t="s">
        <v>36266</v>
      </c>
      <c r="O14116" s="5" t="s">
        <v>38</v>
      </c>
      <c r="P14116" s="5" t="s">
        <v>39</v>
      </c>
      <c r="Q14116" s="5" t="s">
        <v>40</v>
      </c>
      <c r="R14116" s="5" t="s">
        <v>1522</v>
      </c>
      <c r="S14116" s="5" t="s">
        <v>1523</v>
      </c>
      <c r="T14116" s="5" t="s">
        <v>42</v>
      </c>
      <c r="U14116" s="2">
        <v>1.2050000000000001</v>
      </c>
      <c r="V14116" s="2">
        <v>0.72399999999999998</v>
      </c>
      <c r="W14116" s="2">
        <v>1.2999999999999999E-2</v>
      </c>
      <c r="X14116" s="2">
        <v>99.1</v>
      </c>
      <c r="Y14116" s="2">
        <v>7.6</v>
      </c>
      <c r="Z14116" s="2">
        <v>16.7</v>
      </c>
      <c r="AA14116" s="5"/>
      <c r="AB14116" s="5" t="s">
        <v>43</v>
      </c>
      <c r="AC14116" s="5" t="s">
        <v>44</v>
      </c>
      <c r="AD14116" s="2"/>
      <c r="AE14116" s="1"/>
    </row>
    <row r="14117" spans="1:31" ht="14.45">
      <c r="A14117" s="11"/>
      <c r="B14117" s="20"/>
      <c r="C14117" s="2" t="s">
        <v>43302</v>
      </c>
      <c r="D14117" s="14" t="s">
        <v>43303</v>
      </c>
      <c r="E14117" s="2" t="s">
        <v>43304</v>
      </c>
      <c r="F14117" s="2" t="s">
        <v>36273</v>
      </c>
      <c r="G14117" s="8">
        <v>146</v>
      </c>
      <c r="H14117" s="5">
        <v>6</v>
      </c>
      <c r="I14117" s="5" t="s">
        <v>1518</v>
      </c>
      <c r="J14117" s="5" t="s">
        <v>40939</v>
      </c>
      <c r="K14117" s="2" t="s">
        <v>40940</v>
      </c>
      <c r="L14117" s="5" t="s">
        <v>40939</v>
      </c>
      <c r="M14117" s="2" t="s">
        <v>40940</v>
      </c>
      <c r="N14117" s="5" t="s">
        <v>36266</v>
      </c>
      <c r="O14117" s="5" t="s">
        <v>38</v>
      </c>
      <c r="P14117" s="5" t="s">
        <v>39</v>
      </c>
      <c r="Q14117" s="5" t="s">
        <v>40</v>
      </c>
      <c r="R14117" s="5" t="s">
        <v>1522</v>
      </c>
      <c r="S14117" s="5" t="s">
        <v>1523</v>
      </c>
      <c r="T14117" s="5" t="s">
        <v>42</v>
      </c>
      <c r="U14117" s="2">
        <v>1.1990000000000001</v>
      </c>
      <c r="V14117" s="2">
        <v>0.71799999999999997</v>
      </c>
      <c r="W14117" s="2">
        <v>1.2999999999999999E-2</v>
      </c>
      <c r="X14117" s="2">
        <v>99.1</v>
      </c>
      <c r="Y14117" s="2">
        <v>7.6</v>
      </c>
      <c r="Z14117" s="2">
        <v>16.7</v>
      </c>
      <c r="AA14117" s="5"/>
      <c r="AB14117" s="5" t="s">
        <v>43</v>
      </c>
      <c r="AC14117" s="5" t="s">
        <v>44</v>
      </c>
      <c r="AD14117" s="2"/>
      <c r="AE14117" s="1"/>
    </row>
    <row r="14118" spans="1:31" ht="14.45">
      <c r="A14118" s="11"/>
      <c r="B14118" s="20"/>
      <c r="C14118" s="2" t="s">
        <v>43305</v>
      </c>
      <c r="D14118" s="14" t="s">
        <v>43306</v>
      </c>
      <c r="E14118" s="2" t="s">
        <v>43307</v>
      </c>
      <c r="F14118" s="2" t="s">
        <v>36277</v>
      </c>
      <c r="G14118" s="8">
        <v>146</v>
      </c>
      <c r="H14118" s="5">
        <v>6</v>
      </c>
      <c r="I14118" s="5" t="s">
        <v>1518</v>
      </c>
      <c r="J14118" s="5" t="s">
        <v>40939</v>
      </c>
      <c r="K14118" s="2" t="s">
        <v>40940</v>
      </c>
      <c r="L14118" s="5" t="s">
        <v>40939</v>
      </c>
      <c r="M14118" s="2" t="s">
        <v>40940</v>
      </c>
      <c r="N14118" s="5" t="s">
        <v>36266</v>
      </c>
      <c r="O14118" s="5" t="s">
        <v>38</v>
      </c>
      <c r="P14118" s="5" t="s">
        <v>39</v>
      </c>
      <c r="Q14118" s="5" t="s">
        <v>40</v>
      </c>
      <c r="R14118" s="5" t="s">
        <v>1522</v>
      </c>
      <c r="S14118" s="5" t="s">
        <v>1523</v>
      </c>
      <c r="T14118" s="5" t="s">
        <v>42</v>
      </c>
      <c r="U14118" s="2">
        <v>1.214</v>
      </c>
      <c r="V14118" s="2">
        <v>0.73299999999999998</v>
      </c>
      <c r="W14118" s="2">
        <v>1.2999999999999999E-2</v>
      </c>
      <c r="X14118" s="2">
        <v>99.1</v>
      </c>
      <c r="Y14118" s="2">
        <v>7.6</v>
      </c>
      <c r="Z14118" s="2">
        <v>16.7</v>
      </c>
      <c r="AA14118" s="5"/>
      <c r="AB14118" s="5" t="s">
        <v>43</v>
      </c>
      <c r="AC14118" s="5" t="s">
        <v>44</v>
      </c>
      <c r="AD14118" s="2"/>
      <c r="AE14118" s="1"/>
    </row>
    <row r="14119" spans="1:31" ht="14.45">
      <c r="A14119" s="11"/>
      <c r="B14119" s="20"/>
      <c r="C14119" s="2" t="s">
        <v>43308</v>
      </c>
      <c r="D14119" s="14" t="s">
        <v>43309</v>
      </c>
      <c r="E14119" s="2" t="s">
        <v>43310</v>
      </c>
      <c r="F14119" s="2" t="s">
        <v>40967</v>
      </c>
      <c r="G14119" s="8">
        <v>168</v>
      </c>
      <c r="H14119" s="5">
        <v>6</v>
      </c>
      <c r="I14119" s="5" t="s">
        <v>1518</v>
      </c>
      <c r="J14119" s="5" t="s">
        <v>40939</v>
      </c>
      <c r="K14119" s="2" t="s">
        <v>40940</v>
      </c>
      <c r="L14119" s="5" t="s">
        <v>40939</v>
      </c>
      <c r="M14119" s="2" t="s">
        <v>40940</v>
      </c>
      <c r="N14119" s="5" t="s">
        <v>36266</v>
      </c>
      <c r="O14119" s="5" t="s">
        <v>38</v>
      </c>
      <c r="P14119" s="5" t="s">
        <v>39</v>
      </c>
      <c r="Q14119" s="5" t="s">
        <v>40</v>
      </c>
      <c r="R14119" s="5" t="s">
        <v>1522</v>
      </c>
      <c r="S14119" s="5" t="s">
        <v>1523</v>
      </c>
      <c r="T14119" s="5" t="s">
        <v>42</v>
      </c>
      <c r="U14119" s="2">
        <v>1.19</v>
      </c>
      <c r="V14119" s="2">
        <v>0.70899999999999996</v>
      </c>
      <c r="W14119" s="2">
        <v>1.2999999999999999E-2</v>
      </c>
      <c r="X14119" s="2">
        <v>99.1</v>
      </c>
      <c r="Y14119" s="2">
        <v>7.6</v>
      </c>
      <c r="Z14119" s="2">
        <v>16.7</v>
      </c>
      <c r="AA14119" s="5"/>
      <c r="AB14119" s="5" t="s">
        <v>43</v>
      </c>
      <c r="AC14119" s="5" t="s">
        <v>44</v>
      </c>
      <c r="AD14119" s="2"/>
      <c r="AE14119" s="1"/>
    </row>
    <row r="14120" spans="1:31" ht="14.45">
      <c r="A14120" s="11"/>
      <c r="B14120" s="20"/>
      <c r="C14120" s="2" t="s">
        <v>43311</v>
      </c>
      <c r="D14120" s="14" t="s">
        <v>43312</v>
      </c>
      <c r="E14120" s="2" t="s">
        <v>43313</v>
      </c>
      <c r="F14120" s="2" t="s">
        <v>40971</v>
      </c>
      <c r="G14120" s="8">
        <v>168</v>
      </c>
      <c r="H14120" s="5">
        <v>6</v>
      </c>
      <c r="I14120" s="5" t="s">
        <v>1518</v>
      </c>
      <c r="J14120" s="5" t="s">
        <v>40939</v>
      </c>
      <c r="K14120" s="2" t="s">
        <v>40940</v>
      </c>
      <c r="L14120" s="5" t="s">
        <v>40939</v>
      </c>
      <c r="M14120" s="2" t="s">
        <v>40940</v>
      </c>
      <c r="N14120" s="5" t="s">
        <v>36266</v>
      </c>
      <c r="O14120" s="5" t="s">
        <v>38</v>
      </c>
      <c r="P14120" s="5" t="s">
        <v>39</v>
      </c>
      <c r="Q14120" s="5" t="s">
        <v>40</v>
      </c>
      <c r="R14120" s="5" t="s">
        <v>1522</v>
      </c>
      <c r="S14120" s="5" t="s">
        <v>1523</v>
      </c>
      <c r="T14120" s="5" t="s">
        <v>42</v>
      </c>
      <c r="U14120" s="2">
        <v>1.2050000000000001</v>
      </c>
      <c r="V14120" s="2">
        <v>0.72399999999999998</v>
      </c>
      <c r="W14120" s="2">
        <v>1.2999999999999999E-2</v>
      </c>
      <c r="X14120" s="2">
        <v>99.1</v>
      </c>
      <c r="Y14120" s="2">
        <v>7.6</v>
      </c>
      <c r="Z14120" s="2">
        <v>16.7</v>
      </c>
      <c r="AA14120" s="5"/>
      <c r="AB14120" s="5" t="s">
        <v>43</v>
      </c>
      <c r="AC14120" s="5" t="s">
        <v>44</v>
      </c>
      <c r="AD14120" s="2"/>
      <c r="AE14120" s="1"/>
    </row>
    <row r="14121" spans="1:31" ht="14.45">
      <c r="A14121" s="11"/>
      <c r="B14121" s="20"/>
      <c r="C14121" s="2" t="s">
        <v>43314</v>
      </c>
      <c r="D14121" s="14" t="s">
        <v>43315</v>
      </c>
      <c r="E14121" s="2" t="s">
        <v>43316</v>
      </c>
      <c r="F14121" s="2" t="s">
        <v>7396</v>
      </c>
      <c r="G14121" s="8">
        <v>146</v>
      </c>
      <c r="H14121" s="5">
        <v>6</v>
      </c>
      <c r="I14121" s="5" t="s">
        <v>1518</v>
      </c>
      <c r="J14121" s="5" t="s">
        <v>40939</v>
      </c>
      <c r="K14121" s="2" t="s">
        <v>40940</v>
      </c>
      <c r="L14121" s="5" t="s">
        <v>40939</v>
      </c>
      <c r="M14121" s="2" t="s">
        <v>40940</v>
      </c>
      <c r="N14121" s="5" t="s">
        <v>36266</v>
      </c>
      <c r="O14121" s="5" t="s">
        <v>38</v>
      </c>
      <c r="P14121" s="5" t="s">
        <v>39</v>
      </c>
      <c r="Q14121" s="5" t="s">
        <v>40</v>
      </c>
      <c r="R14121" s="5" t="s">
        <v>1522</v>
      </c>
      <c r="S14121" s="5" t="s">
        <v>1523</v>
      </c>
      <c r="T14121" s="5" t="s">
        <v>42</v>
      </c>
      <c r="U14121" s="2">
        <v>1.194</v>
      </c>
      <c r="V14121" s="2">
        <v>0.71299999999999997</v>
      </c>
      <c r="W14121" s="2">
        <v>1.2999999999999999E-2</v>
      </c>
      <c r="X14121" s="2">
        <v>99.1</v>
      </c>
      <c r="Y14121" s="2">
        <v>7.6</v>
      </c>
      <c r="Z14121" s="2">
        <v>16.7</v>
      </c>
      <c r="AA14121" s="5"/>
      <c r="AB14121" s="5" t="s">
        <v>43</v>
      </c>
      <c r="AC14121" s="5" t="s">
        <v>44</v>
      </c>
      <c r="AD14121" s="2"/>
      <c r="AE14121" s="1"/>
    </row>
    <row r="14122" spans="1:31" ht="14.45">
      <c r="A14122" s="11"/>
      <c r="B14122" s="20"/>
      <c r="C14122" s="2" t="s">
        <v>43317</v>
      </c>
      <c r="D14122" s="14" t="s">
        <v>43318</v>
      </c>
      <c r="E14122" s="2" t="s">
        <v>43319</v>
      </c>
      <c r="F14122" s="2" t="s">
        <v>7507</v>
      </c>
      <c r="G14122" s="8">
        <v>146</v>
      </c>
      <c r="H14122" s="5">
        <v>6</v>
      </c>
      <c r="I14122" s="5" t="s">
        <v>1518</v>
      </c>
      <c r="J14122" s="5" t="s">
        <v>40939</v>
      </c>
      <c r="K14122" s="2" t="s">
        <v>40940</v>
      </c>
      <c r="L14122" s="5" t="s">
        <v>40939</v>
      </c>
      <c r="M14122" s="2" t="s">
        <v>40940</v>
      </c>
      <c r="N14122" s="5" t="s">
        <v>36266</v>
      </c>
      <c r="O14122" s="5" t="s">
        <v>38</v>
      </c>
      <c r="P14122" s="5" t="s">
        <v>39</v>
      </c>
      <c r="Q14122" s="5" t="s">
        <v>40</v>
      </c>
      <c r="R14122" s="5" t="s">
        <v>1522</v>
      </c>
      <c r="S14122" s="5" t="s">
        <v>1523</v>
      </c>
      <c r="T14122" s="5" t="s">
        <v>42</v>
      </c>
      <c r="U14122" s="2">
        <v>1.2090000000000001</v>
      </c>
      <c r="V14122" s="2">
        <v>0.72799999999999998</v>
      </c>
      <c r="W14122" s="2">
        <v>1.2999999999999999E-2</v>
      </c>
      <c r="X14122" s="2">
        <v>99.1</v>
      </c>
      <c r="Y14122" s="2">
        <v>7.6</v>
      </c>
      <c r="Z14122" s="2">
        <v>16.7</v>
      </c>
      <c r="AA14122" s="5"/>
      <c r="AB14122" s="5" t="s">
        <v>43</v>
      </c>
      <c r="AC14122" s="5" t="s">
        <v>44</v>
      </c>
      <c r="AD14122" s="2"/>
      <c r="AE14122" s="1"/>
    </row>
    <row r="14123" spans="1:31" ht="14.45">
      <c r="A14123" s="11"/>
      <c r="B14123" s="20"/>
      <c r="C14123" s="2" t="s">
        <v>43320</v>
      </c>
      <c r="D14123" s="14" t="s">
        <v>43321</v>
      </c>
      <c r="E14123" s="2" t="s">
        <v>43322</v>
      </c>
      <c r="F14123" s="2" t="s">
        <v>41031</v>
      </c>
      <c r="G14123" s="8">
        <v>168</v>
      </c>
      <c r="H14123" s="5">
        <v>6</v>
      </c>
      <c r="I14123" s="5" t="s">
        <v>1518</v>
      </c>
      <c r="J14123" s="5" t="s">
        <v>40939</v>
      </c>
      <c r="K14123" s="2" t="s">
        <v>40940</v>
      </c>
      <c r="L14123" s="5" t="s">
        <v>40939</v>
      </c>
      <c r="M14123" s="2" t="s">
        <v>40940</v>
      </c>
      <c r="N14123" s="5" t="s">
        <v>36266</v>
      </c>
      <c r="O14123" s="5" t="s">
        <v>38</v>
      </c>
      <c r="P14123" s="5" t="s">
        <v>39</v>
      </c>
      <c r="Q14123" s="5" t="s">
        <v>40</v>
      </c>
      <c r="R14123" s="5" t="s">
        <v>1522</v>
      </c>
      <c r="S14123" s="5" t="s">
        <v>1523</v>
      </c>
      <c r="T14123" s="5" t="s">
        <v>42</v>
      </c>
      <c r="U14123" s="2">
        <v>1.1719999999999999</v>
      </c>
      <c r="V14123" s="2">
        <v>0.69099999999999995</v>
      </c>
      <c r="W14123" s="2">
        <v>1.2999999999999999E-2</v>
      </c>
      <c r="X14123" s="2">
        <v>99.1</v>
      </c>
      <c r="Y14123" s="2">
        <v>7.6</v>
      </c>
      <c r="Z14123" s="2">
        <v>16.7</v>
      </c>
      <c r="AA14123" s="5"/>
      <c r="AB14123" s="5" t="s">
        <v>43</v>
      </c>
      <c r="AC14123" s="5" t="s">
        <v>44</v>
      </c>
      <c r="AD14123" s="2"/>
      <c r="AE14123" s="1"/>
    </row>
    <row r="14124" spans="1:31" ht="14.45">
      <c r="A14124" s="11"/>
      <c r="B14124" s="20"/>
      <c r="C14124" s="2" t="s">
        <v>43323</v>
      </c>
      <c r="D14124" s="14" t="s">
        <v>43324</v>
      </c>
      <c r="E14124" s="2" t="s">
        <v>43325</v>
      </c>
      <c r="F14124" s="2" t="s">
        <v>7204</v>
      </c>
      <c r="G14124" s="8">
        <v>146</v>
      </c>
      <c r="H14124" s="5">
        <v>6</v>
      </c>
      <c r="I14124" s="5" t="s">
        <v>1518</v>
      </c>
      <c r="J14124" s="5" t="s">
        <v>40939</v>
      </c>
      <c r="K14124" s="2" t="s">
        <v>40940</v>
      </c>
      <c r="L14124" s="5" t="s">
        <v>40939</v>
      </c>
      <c r="M14124" s="2" t="s">
        <v>40940</v>
      </c>
      <c r="N14124" s="5" t="s">
        <v>36266</v>
      </c>
      <c r="O14124" s="5" t="s">
        <v>38</v>
      </c>
      <c r="P14124" s="5" t="s">
        <v>39</v>
      </c>
      <c r="Q14124" s="5" t="s">
        <v>40</v>
      </c>
      <c r="R14124" s="5" t="s">
        <v>1522</v>
      </c>
      <c r="S14124" s="5" t="s">
        <v>1523</v>
      </c>
      <c r="T14124" s="5" t="s">
        <v>42</v>
      </c>
      <c r="U14124" s="2">
        <v>1.4059999999999999</v>
      </c>
      <c r="V14124" s="2">
        <v>0.92500000000000004</v>
      </c>
      <c r="W14124" s="2">
        <v>1.4999999999999999E-2</v>
      </c>
      <c r="X14124" s="2">
        <v>118.9</v>
      </c>
      <c r="Y14124" s="2">
        <v>7.6</v>
      </c>
      <c r="Z14124" s="2">
        <v>16.7</v>
      </c>
      <c r="AA14124" s="5"/>
      <c r="AB14124" s="5" t="s">
        <v>43</v>
      </c>
      <c r="AC14124" s="5" t="s">
        <v>44</v>
      </c>
      <c r="AD14124" s="2"/>
      <c r="AE14124" s="1"/>
    </row>
    <row r="14125" spans="1:31" ht="14.45">
      <c r="A14125" s="11"/>
      <c r="B14125" s="20"/>
      <c r="C14125" s="2" t="s">
        <v>43326</v>
      </c>
      <c r="D14125" s="14" t="s">
        <v>43327</v>
      </c>
      <c r="E14125" s="2" t="s">
        <v>43328</v>
      </c>
      <c r="F14125" s="2" t="s">
        <v>7514</v>
      </c>
      <c r="G14125" s="8">
        <v>146</v>
      </c>
      <c r="H14125" s="5">
        <v>6</v>
      </c>
      <c r="I14125" s="5" t="s">
        <v>1518</v>
      </c>
      <c r="J14125" s="5" t="s">
        <v>40939</v>
      </c>
      <c r="K14125" s="2" t="s">
        <v>40940</v>
      </c>
      <c r="L14125" s="5" t="s">
        <v>40939</v>
      </c>
      <c r="M14125" s="2" t="s">
        <v>40940</v>
      </c>
      <c r="N14125" s="5" t="s">
        <v>36266</v>
      </c>
      <c r="O14125" s="5" t="s">
        <v>38</v>
      </c>
      <c r="P14125" s="5" t="s">
        <v>39</v>
      </c>
      <c r="Q14125" s="5" t="s">
        <v>40</v>
      </c>
      <c r="R14125" s="5" t="s">
        <v>1522</v>
      </c>
      <c r="S14125" s="5" t="s">
        <v>1523</v>
      </c>
      <c r="T14125" s="5" t="s">
        <v>42</v>
      </c>
      <c r="U14125" s="2">
        <v>1.4179999999999999</v>
      </c>
      <c r="V14125" s="2">
        <v>0.93700000000000006</v>
      </c>
      <c r="W14125" s="2">
        <v>1.4999999999999999E-2</v>
      </c>
      <c r="X14125" s="2">
        <v>118.9</v>
      </c>
      <c r="Y14125" s="2">
        <v>7.6</v>
      </c>
      <c r="Z14125" s="2">
        <v>16.7</v>
      </c>
      <c r="AA14125" s="5"/>
      <c r="AB14125" s="5" t="s">
        <v>43</v>
      </c>
      <c r="AC14125" s="5" t="s">
        <v>44</v>
      </c>
      <c r="AD14125" s="2"/>
      <c r="AE14125" s="1"/>
    </row>
    <row r="14126" spans="1:31" ht="14.45">
      <c r="A14126" s="11"/>
      <c r="B14126" s="20"/>
      <c r="C14126" s="2" t="s">
        <v>43329</v>
      </c>
      <c r="D14126" s="14" t="s">
        <v>43330</v>
      </c>
      <c r="E14126" s="2" t="s">
        <v>43331</v>
      </c>
      <c r="F14126" s="2" t="s">
        <v>41221</v>
      </c>
      <c r="G14126" s="8">
        <v>168</v>
      </c>
      <c r="H14126" s="5">
        <v>6</v>
      </c>
      <c r="I14126" s="5" t="s">
        <v>1518</v>
      </c>
      <c r="J14126" s="5" t="s">
        <v>40939</v>
      </c>
      <c r="K14126" s="2" t="s">
        <v>40940</v>
      </c>
      <c r="L14126" s="5" t="s">
        <v>40939</v>
      </c>
      <c r="M14126" s="2" t="s">
        <v>40940</v>
      </c>
      <c r="N14126" s="5" t="s">
        <v>36266</v>
      </c>
      <c r="O14126" s="5" t="s">
        <v>38</v>
      </c>
      <c r="P14126" s="5" t="s">
        <v>39</v>
      </c>
      <c r="Q14126" s="5" t="s">
        <v>40</v>
      </c>
      <c r="R14126" s="5" t="s">
        <v>1522</v>
      </c>
      <c r="S14126" s="5" t="s">
        <v>1523</v>
      </c>
      <c r="T14126" s="5" t="s">
        <v>42</v>
      </c>
      <c r="U14126" s="2">
        <v>1.425</v>
      </c>
      <c r="V14126" s="2">
        <v>0.94399999999999995</v>
      </c>
      <c r="W14126" s="2">
        <v>1.4999999999999999E-2</v>
      </c>
      <c r="X14126" s="2">
        <v>118.9</v>
      </c>
      <c r="Y14126" s="2">
        <v>7.6</v>
      </c>
      <c r="Z14126" s="2">
        <v>16.7</v>
      </c>
      <c r="AA14126" s="5"/>
      <c r="AB14126" s="5" t="s">
        <v>43</v>
      </c>
      <c r="AC14126" s="5" t="s">
        <v>44</v>
      </c>
      <c r="AD14126" s="2"/>
      <c r="AE14126" s="1"/>
    </row>
    <row r="14127" spans="1:31" ht="14.45">
      <c r="A14127" s="11"/>
      <c r="B14127" s="20"/>
      <c r="C14127" s="2" t="s">
        <v>43332</v>
      </c>
      <c r="D14127" s="14" t="s">
        <v>43333</v>
      </c>
      <c r="E14127" s="2" t="s">
        <v>43334</v>
      </c>
      <c r="F14127" s="2" t="s">
        <v>40951</v>
      </c>
      <c r="G14127" s="8">
        <v>168</v>
      </c>
      <c r="H14127" s="5">
        <v>6</v>
      </c>
      <c r="I14127" s="5" t="s">
        <v>1518</v>
      </c>
      <c r="J14127" s="5" t="s">
        <v>40939</v>
      </c>
      <c r="K14127" s="2" t="s">
        <v>40940</v>
      </c>
      <c r="L14127" s="5" t="s">
        <v>40939</v>
      </c>
      <c r="M14127" s="2" t="s">
        <v>40940</v>
      </c>
      <c r="N14127" s="5" t="s">
        <v>36266</v>
      </c>
      <c r="O14127" s="5" t="s">
        <v>38</v>
      </c>
      <c r="P14127" s="5" t="s">
        <v>39</v>
      </c>
      <c r="Q14127" s="5" t="s">
        <v>40</v>
      </c>
      <c r="R14127" s="5" t="s">
        <v>1522</v>
      </c>
      <c r="S14127" s="5" t="s">
        <v>1523</v>
      </c>
      <c r="T14127" s="5" t="s">
        <v>42</v>
      </c>
      <c r="U14127" s="2">
        <v>1.4370000000000001</v>
      </c>
      <c r="V14127" s="2">
        <v>0.95599999999999996</v>
      </c>
      <c r="W14127" s="2">
        <v>1.4999999999999999E-2</v>
      </c>
      <c r="X14127" s="2">
        <v>118.9</v>
      </c>
      <c r="Y14127" s="2">
        <v>7.6</v>
      </c>
      <c r="Z14127" s="2">
        <v>16.7</v>
      </c>
      <c r="AA14127" s="5"/>
      <c r="AB14127" s="5" t="s">
        <v>43</v>
      </c>
      <c r="AC14127" s="5" t="s">
        <v>44</v>
      </c>
      <c r="AD14127" s="2"/>
      <c r="AE14127" s="1"/>
    </row>
    <row r="14128" spans="1:31" ht="14.45">
      <c r="A14128" s="11"/>
      <c r="B14128" s="20"/>
      <c r="C14128" s="2" t="s">
        <v>43335</v>
      </c>
      <c r="D14128" s="14" t="s">
        <v>43336</v>
      </c>
      <c r="E14128" s="2" t="s">
        <v>43337</v>
      </c>
      <c r="F14128" s="2" t="s">
        <v>7208</v>
      </c>
      <c r="G14128" s="8">
        <v>146</v>
      </c>
      <c r="H14128" s="5">
        <v>6</v>
      </c>
      <c r="I14128" s="5" t="s">
        <v>1518</v>
      </c>
      <c r="J14128" s="5" t="s">
        <v>40939</v>
      </c>
      <c r="K14128" s="2" t="s">
        <v>40940</v>
      </c>
      <c r="L14128" s="5" t="s">
        <v>40939</v>
      </c>
      <c r="M14128" s="2" t="s">
        <v>40940</v>
      </c>
      <c r="N14128" s="5" t="s">
        <v>36266</v>
      </c>
      <c r="O14128" s="5" t="s">
        <v>38</v>
      </c>
      <c r="P14128" s="5" t="s">
        <v>39</v>
      </c>
      <c r="Q14128" s="5" t="s">
        <v>40</v>
      </c>
      <c r="R14128" s="5" t="s">
        <v>1522</v>
      </c>
      <c r="S14128" s="5" t="s">
        <v>1523</v>
      </c>
      <c r="T14128" s="5" t="s">
        <v>42</v>
      </c>
      <c r="U14128" s="2">
        <v>1.4339999999999999</v>
      </c>
      <c r="V14128" s="2">
        <v>0.95299999999999996</v>
      </c>
      <c r="W14128" s="2">
        <v>1.4999999999999999E-2</v>
      </c>
      <c r="X14128" s="2">
        <v>118.9</v>
      </c>
      <c r="Y14128" s="2">
        <v>7.6</v>
      </c>
      <c r="Z14128" s="2">
        <v>16.7</v>
      </c>
      <c r="AA14128" s="5"/>
      <c r="AB14128" s="5" t="s">
        <v>43</v>
      </c>
      <c r="AC14128" s="5" t="s">
        <v>44</v>
      </c>
      <c r="AD14128" s="2"/>
      <c r="AE14128" s="1"/>
    </row>
    <row r="14129" spans="1:31" ht="14.45">
      <c r="A14129" s="11"/>
      <c r="B14129" s="20"/>
      <c r="C14129" s="2" t="s">
        <v>43338</v>
      </c>
      <c r="D14129" s="14" t="s">
        <v>43339</v>
      </c>
      <c r="E14129" s="2" t="s">
        <v>43340</v>
      </c>
      <c r="F14129" s="2" t="s">
        <v>7521</v>
      </c>
      <c r="G14129" s="8">
        <v>146</v>
      </c>
      <c r="H14129" s="5">
        <v>6</v>
      </c>
      <c r="I14129" s="5" t="s">
        <v>1518</v>
      </c>
      <c r="J14129" s="5" t="s">
        <v>40939</v>
      </c>
      <c r="K14129" s="2" t="s">
        <v>40940</v>
      </c>
      <c r="L14129" s="5" t="s">
        <v>40939</v>
      </c>
      <c r="M14129" s="2" t="s">
        <v>40940</v>
      </c>
      <c r="N14129" s="5" t="s">
        <v>36266</v>
      </c>
      <c r="O14129" s="5" t="s">
        <v>38</v>
      </c>
      <c r="P14129" s="5" t="s">
        <v>39</v>
      </c>
      <c r="Q14129" s="5" t="s">
        <v>40</v>
      </c>
      <c r="R14129" s="5" t="s">
        <v>1522</v>
      </c>
      <c r="S14129" s="5" t="s">
        <v>1523</v>
      </c>
      <c r="T14129" s="5" t="s">
        <v>42</v>
      </c>
      <c r="U14129" s="2">
        <v>1.446</v>
      </c>
      <c r="V14129" s="2">
        <v>0.96499999999999997</v>
      </c>
      <c r="W14129" s="2">
        <v>1.4999999999999999E-2</v>
      </c>
      <c r="X14129" s="2">
        <v>118.9</v>
      </c>
      <c r="Y14129" s="2">
        <v>7.6</v>
      </c>
      <c r="Z14129" s="2">
        <v>16.7</v>
      </c>
      <c r="AA14129" s="5"/>
      <c r="AB14129" s="5" t="s">
        <v>43</v>
      </c>
      <c r="AC14129" s="5" t="s">
        <v>44</v>
      </c>
      <c r="AD14129" s="2"/>
      <c r="AE14129" s="1"/>
    </row>
    <row r="14130" spans="1:31" ht="14.45">
      <c r="A14130" s="11"/>
      <c r="B14130" s="20"/>
      <c r="C14130" s="2" t="s">
        <v>43341</v>
      </c>
      <c r="D14130" s="14" t="s">
        <v>43342</v>
      </c>
      <c r="E14130" s="2" t="s">
        <v>43343</v>
      </c>
      <c r="F14130" s="2" t="s">
        <v>36273</v>
      </c>
      <c r="G14130" s="8">
        <v>146</v>
      </c>
      <c r="H14130" s="5">
        <v>6</v>
      </c>
      <c r="I14130" s="5" t="s">
        <v>1518</v>
      </c>
      <c r="J14130" s="5" t="s">
        <v>40939</v>
      </c>
      <c r="K14130" s="2" t="s">
        <v>40940</v>
      </c>
      <c r="L14130" s="5" t="s">
        <v>40939</v>
      </c>
      <c r="M14130" s="2" t="s">
        <v>40940</v>
      </c>
      <c r="N14130" s="5" t="s">
        <v>36266</v>
      </c>
      <c r="O14130" s="5" t="s">
        <v>38</v>
      </c>
      <c r="P14130" s="5" t="s">
        <v>39</v>
      </c>
      <c r="Q14130" s="5" t="s">
        <v>40</v>
      </c>
      <c r="R14130" s="5" t="s">
        <v>1522</v>
      </c>
      <c r="S14130" s="5" t="s">
        <v>1523</v>
      </c>
      <c r="T14130" s="5" t="s">
        <v>42</v>
      </c>
      <c r="U14130" s="2">
        <v>1.452</v>
      </c>
      <c r="V14130" s="2">
        <v>0.97099999999999997</v>
      </c>
      <c r="W14130" s="2">
        <v>1.4999999999999999E-2</v>
      </c>
      <c r="X14130" s="2">
        <v>118.9</v>
      </c>
      <c r="Y14130" s="2">
        <v>7.6</v>
      </c>
      <c r="Z14130" s="2">
        <v>16.7</v>
      </c>
      <c r="AA14130" s="5"/>
      <c r="AB14130" s="5" t="s">
        <v>43</v>
      </c>
      <c r="AC14130" s="5" t="s">
        <v>44</v>
      </c>
      <c r="AD14130" s="2"/>
      <c r="AE14130" s="1"/>
    </row>
    <row r="14131" spans="1:31" ht="14.45">
      <c r="A14131" s="11"/>
      <c r="B14131" s="20"/>
      <c r="C14131" s="2" t="s">
        <v>43344</v>
      </c>
      <c r="D14131" s="14" t="s">
        <v>43345</v>
      </c>
      <c r="E14131" s="2" t="s">
        <v>43346</v>
      </c>
      <c r="F14131" s="2" t="s">
        <v>36277</v>
      </c>
      <c r="G14131" s="8">
        <v>146</v>
      </c>
      <c r="H14131" s="5">
        <v>6</v>
      </c>
      <c r="I14131" s="5" t="s">
        <v>1518</v>
      </c>
      <c r="J14131" s="5" t="s">
        <v>40939</v>
      </c>
      <c r="K14131" s="2" t="s">
        <v>40940</v>
      </c>
      <c r="L14131" s="5" t="s">
        <v>40939</v>
      </c>
      <c r="M14131" s="2" t="s">
        <v>40940</v>
      </c>
      <c r="N14131" s="5" t="s">
        <v>36266</v>
      </c>
      <c r="O14131" s="5" t="s">
        <v>38</v>
      </c>
      <c r="P14131" s="5" t="s">
        <v>39</v>
      </c>
      <c r="Q14131" s="5" t="s">
        <v>40</v>
      </c>
      <c r="R14131" s="5" t="s">
        <v>1522</v>
      </c>
      <c r="S14131" s="5" t="s">
        <v>1523</v>
      </c>
      <c r="T14131" s="5" t="s">
        <v>42</v>
      </c>
      <c r="U14131" s="2">
        <v>1.464</v>
      </c>
      <c r="V14131" s="2">
        <v>0.98299999999999998</v>
      </c>
      <c r="W14131" s="2">
        <v>1.4999999999999999E-2</v>
      </c>
      <c r="X14131" s="2">
        <v>118.9</v>
      </c>
      <c r="Y14131" s="2">
        <v>7.6</v>
      </c>
      <c r="Z14131" s="2">
        <v>16.7</v>
      </c>
      <c r="AA14131" s="5"/>
      <c r="AB14131" s="5" t="s">
        <v>43</v>
      </c>
      <c r="AC14131" s="5" t="s">
        <v>44</v>
      </c>
      <c r="AD14131" s="2"/>
      <c r="AE14131" s="1"/>
    </row>
    <row r="14132" spans="1:31" ht="14.45">
      <c r="A14132" s="11"/>
      <c r="B14132" s="20"/>
      <c r="C14132" s="2" t="s">
        <v>43347</v>
      </c>
      <c r="D14132" s="14" t="s">
        <v>43348</v>
      </c>
      <c r="E14132" s="2" t="s">
        <v>43349</v>
      </c>
      <c r="F14132" s="2" t="s">
        <v>40967</v>
      </c>
      <c r="G14132" s="8">
        <v>168</v>
      </c>
      <c r="H14132" s="5">
        <v>6</v>
      </c>
      <c r="I14132" s="5" t="s">
        <v>1518</v>
      </c>
      <c r="J14132" s="5" t="s">
        <v>40939</v>
      </c>
      <c r="K14132" s="2" t="s">
        <v>40940</v>
      </c>
      <c r="L14132" s="5" t="s">
        <v>40939</v>
      </c>
      <c r="M14132" s="2" t="s">
        <v>40940</v>
      </c>
      <c r="N14132" s="5" t="s">
        <v>36266</v>
      </c>
      <c r="O14132" s="5" t="s">
        <v>38</v>
      </c>
      <c r="P14132" s="5" t="s">
        <v>39</v>
      </c>
      <c r="Q14132" s="5" t="s">
        <v>40</v>
      </c>
      <c r="R14132" s="5" t="s">
        <v>1522</v>
      </c>
      <c r="S14132" s="5" t="s">
        <v>1523</v>
      </c>
      <c r="T14132" s="5" t="s">
        <v>42</v>
      </c>
      <c r="U14132" s="2">
        <v>1.4339999999999999</v>
      </c>
      <c r="V14132" s="2">
        <v>0.95299999999999996</v>
      </c>
      <c r="W14132" s="2">
        <v>1.4999999999999999E-2</v>
      </c>
      <c r="X14132" s="2">
        <v>118.9</v>
      </c>
      <c r="Y14132" s="2">
        <v>7.6</v>
      </c>
      <c r="Z14132" s="2">
        <v>16.7</v>
      </c>
      <c r="AA14132" s="5"/>
      <c r="AB14132" s="5" t="s">
        <v>43</v>
      </c>
      <c r="AC14132" s="5" t="s">
        <v>44</v>
      </c>
      <c r="AD14132" s="2"/>
      <c r="AE14132" s="1"/>
    </row>
    <row r="14133" spans="1:31" ht="14.45">
      <c r="A14133" s="11"/>
      <c r="B14133" s="20"/>
      <c r="C14133" s="2" t="s">
        <v>43350</v>
      </c>
      <c r="D14133" s="14" t="s">
        <v>43351</v>
      </c>
      <c r="E14133" s="2" t="s">
        <v>43352</v>
      </c>
      <c r="F14133" s="2" t="s">
        <v>40971</v>
      </c>
      <c r="G14133" s="8">
        <v>168</v>
      </c>
      <c r="H14133" s="5">
        <v>6</v>
      </c>
      <c r="I14133" s="5" t="s">
        <v>1518</v>
      </c>
      <c r="J14133" s="5" t="s">
        <v>40939</v>
      </c>
      <c r="K14133" s="2" t="s">
        <v>40940</v>
      </c>
      <c r="L14133" s="5" t="s">
        <v>40939</v>
      </c>
      <c r="M14133" s="2" t="s">
        <v>40940</v>
      </c>
      <c r="N14133" s="5" t="s">
        <v>36266</v>
      </c>
      <c r="O14133" s="5" t="s">
        <v>38</v>
      </c>
      <c r="P14133" s="5" t="s">
        <v>39</v>
      </c>
      <c r="Q14133" s="5" t="s">
        <v>40</v>
      </c>
      <c r="R14133" s="5" t="s">
        <v>1522</v>
      </c>
      <c r="S14133" s="5" t="s">
        <v>1523</v>
      </c>
      <c r="T14133" s="5" t="s">
        <v>42</v>
      </c>
      <c r="U14133" s="2">
        <v>1.446</v>
      </c>
      <c r="V14133" s="2">
        <v>0.96499999999999997</v>
      </c>
      <c r="W14133" s="2">
        <v>1.4999999999999999E-2</v>
      </c>
      <c r="X14133" s="2">
        <v>118.9</v>
      </c>
      <c r="Y14133" s="2">
        <v>7.6</v>
      </c>
      <c r="Z14133" s="2">
        <v>16.7</v>
      </c>
      <c r="AA14133" s="5"/>
      <c r="AB14133" s="5" t="s">
        <v>43</v>
      </c>
      <c r="AC14133" s="5" t="s">
        <v>44</v>
      </c>
      <c r="AD14133" s="2"/>
      <c r="AE14133" s="1"/>
    </row>
    <row r="14134" spans="1:31" ht="14.45">
      <c r="A14134" s="11"/>
      <c r="B14134" s="20"/>
      <c r="C14134" s="2" t="s">
        <v>43353</v>
      </c>
      <c r="D14134" s="14" t="s">
        <v>43354</v>
      </c>
      <c r="E14134" s="2" t="s">
        <v>43355</v>
      </c>
      <c r="F14134" s="2" t="s">
        <v>40975</v>
      </c>
      <c r="G14134" s="8">
        <v>168</v>
      </c>
      <c r="H14134" s="5">
        <v>6</v>
      </c>
      <c r="I14134" s="5" t="s">
        <v>1518</v>
      </c>
      <c r="J14134" s="5" t="s">
        <v>40939</v>
      </c>
      <c r="K14134" s="2" t="s">
        <v>40940</v>
      </c>
      <c r="L14134" s="5" t="s">
        <v>40939</v>
      </c>
      <c r="M14134" s="2" t="s">
        <v>40940</v>
      </c>
      <c r="N14134" s="5" t="s">
        <v>36266</v>
      </c>
      <c r="O14134" s="5" t="s">
        <v>38</v>
      </c>
      <c r="P14134" s="5" t="s">
        <v>39</v>
      </c>
      <c r="Q14134" s="5" t="s">
        <v>40</v>
      </c>
      <c r="R14134" s="5" t="s">
        <v>1522</v>
      </c>
      <c r="S14134" s="5" t="s">
        <v>1523</v>
      </c>
      <c r="T14134" s="5" t="s">
        <v>42</v>
      </c>
      <c r="U14134" s="2">
        <v>1.4339999999999999</v>
      </c>
      <c r="V14134" s="2">
        <v>0.95299999999999996</v>
      </c>
      <c r="W14134" s="2">
        <v>1.4999999999999999E-2</v>
      </c>
      <c r="X14134" s="2">
        <v>118.9</v>
      </c>
      <c r="Y14134" s="2">
        <v>7.6</v>
      </c>
      <c r="Z14134" s="2">
        <v>16.7</v>
      </c>
      <c r="AA14134" s="5"/>
      <c r="AB14134" s="5" t="s">
        <v>43</v>
      </c>
      <c r="AC14134" s="5" t="s">
        <v>44</v>
      </c>
      <c r="AD14134" s="2"/>
      <c r="AE14134" s="1"/>
    </row>
    <row r="14135" spans="1:31" ht="14.45">
      <c r="A14135" s="11"/>
      <c r="B14135" s="20"/>
      <c r="C14135" s="2" t="s">
        <v>43356</v>
      </c>
      <c r="D14135" s="14" t="s">
        <v>43357</v>
      </c>
      <c r="E14135" s="2" t="s">
        <v>43358</v>
      </c>
      <c r="F14135" s="2" t="s">
        <v>40979</v>
      </c>
      <c r="G14135" s="8">
        <v>168</v>
      </c>
      <c r="H14135" s="5">
        <v>6</v>
      </c>
      <c r="I14135" s="5" t="s">
        <v>1518</v>
      </c>
      <c r="J14135" s="5" t="s">
        <v>40939</v>
      </c>
      <c r="K14135" s="2" t="s">
        <v>40940</v>
      </c>
      <c r="L14135" s="5" t="s">
        <v>40939</v>
      </c>
      <c r="M14135" s="2" t="s">
        <v>40940</v>
      </c>
      <c r="N14135" s="5" t="s">
        <v>36266</v>
      </c>
      <c r="O14135" s="5" t="s">
        <v>38</v>
      </c>
      <c r="P14135" s="5" t="s">
        <v>39</v>
      </c>
      <c r="Q14135" s="5" t="s">
        <v>40</v>
      </c>
      <c r="R14135" s="5" t="s">
        <v>1522</v>
      </c>
      <c r="S14135" s="5" t="s">
        <v>1523</v>
      </c>
      <c r="T14135" s="5" t="s">
        <v>42</v>
      </c>
      <c r="U14135" s="2">
        <v>1.446</v>
      </c>
      <c r="V14135" s="2">
        <v>0.96499999999999997</v>
      </c>
      <c r="W14135" s="2">
        <v>1.4999999999999999E-2</v>
      </c>
      <c r="X14135" s="2">
        <v>118.9</v>
      </c>
      <c r="Y14135" s="2">
        <v>7.6</v>
      </c>
      <c r="Z14135" s="2">
        <v>16.7</v>
      </c>
      <c r="AA14135" s="5"/>
      <c r="AB14135" s="5" t="s">
        <v>43</v>
      </c>
      <c r="AC14135" s="5" t="s">
        <v>44</v>
      </c>
      <c r="AD14135" s="2"/>
      <c r="AE14135" s="1"/>
    </row>
    <row r="14136" spans="1:31" ht="14.45">
      <c r="A14136" s="11"/>
      <c r="B14136" s="20"/>
      <c r="C14136" s="2" t="s">
        <v>43359</v>
      </c>
      <c r="D14136" s="14" t="s">
        <v>43360</v>
      </c>
      <c r="E14136" s="2" t="s">
        <v>43361</v>
      </c>
      <c r="F14136" s="2" t="s">
        <v>7539</v>
      </c>
      <c r="G14136" s="8">
        <v>168</v>
      </c>
      <c r="H14136" s="5">
        <v>6</v>
      </c>
      <c r="I14136" s="5" t="s">
        <v>1518</v>
      </c>
      <c r="J14136" s="5" t="s">
        <v>40939</v>
      </c>
      <c r="K14136" s="2" t="s">
        <v>40940</v>
      </c>
      <c r="L14136" s="5" t="s">
        <v>40939</v>
      </c>
      <c r="M14136" s="2" t="s">
        <v>40940</v>
      </c>
      <c r="N14136" s="5" t="s">
        <v>36266</v>
      </c>
      <c r="O14136" s="5" t="s">
        <v>38</v>
      </c>
      <c r="P14136" s="5" t="s">
        <v>39</v>
      </c>
      <c r="Q14136" s="5" t="s">
        <v>40</v>
      </c>
      <c r="R14136" s="5" t="s">
        <v>1522</v>
      </c>
      <c r="S14136" s="5" t="s">
        <v>1523</v>
      </c>
      <c r="T14136" s="5" t="s">
        <v>42</v>
      </c>
      <c r="U14136" s="2">
        <v>1.3879999999999999</v>
      </c>
      <c r="V14136" s="2">
        <v>0.90700000000000003</v>
      </c>
      <c r="W14136" s="2">
        <v>1.4999999999999999E-2</v>
      </c>
      <c r="X14136" s="2">
        <v>118.9</v>
      </c>
      <c r="Y14136" s="2">
        <v>7.6</v>
      </c>
      <c r="Z14136" s="2">
        <v>16.7</v>
      </c>
      <c r="AA14136" s="5"/>
      <c r="AB14136" s="5" t="s">
        <v>43</v>
      </c>
      <c r="AC14136" s="5" t="s">
        <v>44</v>
      </c>
      <c r="AD14136" s="2"/>
      <c r="AE14136" s="1"/>
    </row>
    <row r="14137" spans="1:31" ht="14.45">
      <c r="A14137" s="11"/>
      <c r="B14137" s="20"/>
      <c r="C14137" s="2" t="s">
        <v>43362</v>
      </c>
      <c r="D14137" s="14" t="s">
        <v>43363</v>
      </c>
      <c r="E14137" s="2" t="s">
        <v>43364</v>
      </c>
      <c r="F14137" s="2" t="s">
        <v>7543</v>
      </c>
      <c r="G14137" s="8">
        <v>168</v>
      </c>
      <c r="H14137" s="5">
        <v>6</v>
      </c>
      <c r="I14137" s="5" t="s">
        <v>1518</v>
      </c>
      <c r="J14137" s="5" t="s">
        <v>40939</v>
      </c>
      <c r="K14137" s="2" t="s">
        <v>40940</v>
      </c>
      <c r="L14137" s="5" t="s">
        <v>40939</v>
      </c>
      <c r="M14137" s="2" t="s">
        <v>40940</v>
      </c>
      <c r="N14137" s="5" t="s">
        <v>36266</v>
      </c>
      <c r="O14137" s="5" t="s">
        <v>38</v>
      </c>
      <c r="P14137" s="5" t="s">
        <v>39</v>
      </c>
      <c r="Q14137" s="5" t="s">
        <v>40</v>
      </c>
      <c r="R14137" s="5" t="s">
        <v>1522</v>
      </c>
      <c r="S14137" s="5" t="s">
        <v>1523</v>
      </c>
      <c r="T14137" s="5" t="s">
        <v>42</v>
      </c>
      <c r="U14137" s="2">
        <v>1.4</v>
      </c>
      <c r="V14137" s="2">
        <v>0.91900000000000004</v>
      </c>
      <c r="W14137" s="2">
        <v>1.4999999999999999E-2</v>
      </c>
      <c r="X14137" s="2">
        <v>118.9</v>
      </c>
      <c r="Y14137" s="2">
        <v>7.6</v>
      </c>
      <c r="Z14137" s="2">
        <v>16.7</v>
      </c>
      <c r="AA14137" s="5"/>
      <c r="AB14137" s="5" t="s">
        <v>43</v>
      </c>
      <c r="AC14137" s="5" t="s">
        <v>44</v>
      </c>
      <c r="AD14137" s="2"/>
      <c r="AE14137" s="1"/>
    </row>
    <row r="14138" spans="1:31" ht="14.45">
      <c r="A14138" s="11"/>
      <c r="B14138" s="20"/>
      <c r="C14138" s="2" t="s">
        <v>43365</v>
      </c>
      <c r="D14138" s="14" t="s">
        <v>43366</v>
      </c>
      <c r="E14138" s="2" t="s">
        <v>43367</v>
      </c>
      <c r="F14138" s="2" t="s">
        <v>40989</v>
      </c>
      <c r="G14138" s="8">
        <v>168</v>
      </c>
      <c r="H14138" s="5">
        <v>6</v>
      </c>
      <c r="I14138" s="5" t="s">
        <v>1518</v>
      </c>
      <c r="J14138" s="5" t="s">
        <v>40939</v>
      </c>
      <c r="K14138" s="2" t="s">
        <v>40940</v>
      </c>
      <c r="L14138" s="5" t="s">
        <v>40939</v>
      </c>
      <c r="M14138" s="2" t="s">
        <v>40940</v>
      </c>
      <c r="N14138" s="5" t="s">
        <v>36266</v>
      </c>
      <c r="O14138" s="5" t="s">
        <v>38</v>
      </c>
      <c r="P14138" s="5" t="s">
        <v>39</v>
      </c>
      <c r="Q14138" s="5" t="s">
        <v>40</v>
      </c>
      <c r="R14138" s="5" t="s">
        <v>1522</v>
      </c>
      <c r="S14138" s="5" t="s">
        <v>1523</v>
      </c>
      <c r="T14138" s="5" t="s">
        <v>42</v>
      </c>
      <c r="U14138" s="2">
        <v>1.4339999999999999</v>
      </c>
      <c r="V14138" s="2">
        <v>0.95299999999999996</v>
      </c>
      <c r="W14138" s="2">
        <v>1.4999999999999999E-2</v>
      </c>
      <c r="X14138" s="2">
        <v>118.9</v>
      </c>
      <c r="Y14138" s="2">
        <v>7.6</v>
      </c>
      <c r="Z14138" s="2">
        <v>16.7</v>
      </c>
      <c r="AA14138" s="5"/>
      <c r="AB14138" s="5" t="s">
        <v>43</v>
      </c>
      <c r="AC14138" s="5" t="s">
        <v>44</v>
      </c>
      <c r="AD14138" s="2"/>
      <c r="AE14138" s="1"/>
    </row>
    <row r="14139" spans="1:31" ht="14.45">
      <c r="A14139" s="11"/>
      <c r="B14139" s="20"/>
      <c r="C14139" s="2" t="s">
        <v>43368</v>
      </c>
      <c r="D14139" s="14" t="s">
        <v>43369</v>
      </c>
      <c r="E14139" s="2" t="s">
        <v>43370</v>
      </c>
      <c r="F14139" s="2" t="s">
        <v>40993</v>
      </c>
      <c r="G14139" s="8">
        <v>168</v>
      </c>
      <c r="H14139" s="5">
        <v>6</v>
      </c>
      <c r="I14139" s="5" t="s">
        <v>1518</v>
      </c>
      <c r="J14139" s="5" t="s">
        <v>40939</v>
      </c>
      <c r="K14139" s="2" t="s">
        <v>40940</v>
      </c>
      <c r="L14139" s="5" t="s">
        <v>40939</v>
      </c>
      <c r="M14139" s="2" t="s">
        <v>40940</v>
      </c>
      <c r="N14139" s="5" t="s">
        <v>36266</v>
      </c>
      <c r="O14139" s="5" t="s">
        <v>38</v>
      </c>
      <c r="P14139" s="5" t="s">
        <v>39</v>
      </c>
      <c r="Q14139" s="5" t="s">
        <v>40</v>
      </c>
      <c r="R14139" s="5" t="s">
        <v>1522</v>
      </c>
      <c r="S14139" s="5" t="s">
        <v>1523</v>
      </c>
      <c r="T14139" s="5" t="s">
        <v>42</v>
      </c>
      <c r="U14139" s="2">
        <v>1.446</v>
      </c>
      <c r="V14139" s="2">
        <v>0.96499999999999997</v>
      </c>
      <c r="W14139" s="2">
        <v>1.4999999999999999E-2</v>
      </c>
      <c r="X14139" s="2">
        <v>118.9</v>
      </c>
      <c r="Y14139" s="2">
        <v>7.6</v>
      </c>
      <c r="Z14139" s="2">
        <v>16.7</v>
      </c>
      <c r="AA14139" s="5"/>
      <c r="AB14139" s="5" t="s">
        <v>43</v>
      </c>
      <c r="AC14139" s="5" t="s">
        <v>44</v>
      </c>
      <c r="AD14139" s="2"/>
      <c r="AE14139" s="1"/>
    </row>
    <row r="14140" spans="1:31" ht="14.45">
      <c r="A14140" s="11"/>
      <c r="B14140" s="20"/>
      <c r="C14140" s="2" t="s">
        <v>43371</v>
      </c>
      <c r="D14140" s="14" t="s">
        <v>43372</v>
      </c>
      <c r="E14140" s="2" t="s">
        <v>43373</v>
      </c>
      <c r="F14140" s="2" t="s">
        <v>40997</v>
      </c>
      <c r="G14140" s="8">
        <v>168</v>
      </c>
      <c r="H14140" s="5">
        <v>6</v>
      </c>
      <c r="I14140" s="5" t="s">
        <v>1518</v>
      </c>
      <c r="J14140" s="5" t="s">
        <v>40939</v>
      </c>
      <c r="K14140" s="2" t="s">
        <v>40940</v>
      </c>
      <c r="L14140" s="5" t="s">
        <v>40939</v>
      </c>
      <c r="M14140" s="2" t="s">
        <v>40940</v>
      </c>
      <c r="N14140" s="5" t="s">
        <v>36266</v>
      </c>
      <c r="O14140" s="5" t="s">
        <v>38</v>
      </c>
      <c r="P14140" s="5" t="s">
        <v>39</v>
      </c>
      <c r="Q14140" s="5" t="s">
        <v>40</v>
      </c>
      <c r="R14140" s="5" t="s">
        <v>1522</v>
      </c>
      <c r="S14140" s="5" t="s">
        <v>1523</v>
      </c>
      <c r="T14140" s="5" t="s">
        <v>42</v>
      </c>
      <c r="U14140" s="2">
        <v>1.397</v>
      </c>
      <c r="V14140" s="2">
        <v>0.91600000000000004</v>
      </c>
      <c r="W14140" s="2">
        <v>1.4999999999999999E-2</v>
      </c>
      <c r="X14140" s="2">
        <v>118.9</v>
      </c>
      <c r="Y14140" s="2">
        <v>7.6</v>
      </c>
      <c r="Z14140" s="2">
        <v>16.7</v>
      </c>
      <c r="AA14140" s="5"/>
      <c r="AB14140" s="5" t="s">
        <v>43</v>
      </c>
      <c r="AC14140" s="5" t="s">
        <v>44</v>
      </c>
      <c r="AD14140" s="2"/>
      <c r="AE14140" s="1"/>
    </row>
    <row r="14141" spans="1:31" ht="14.45">
      <c r="A14141" s="11"/>
      <c r="B14141" s="20"/>
      <c r="C14141" s="2" t="s">
        <v>43374</v>
      </c>
      <c r="D14141" s="14" t="s">
        <v>43375</v>
      </c>
      <c r="E14141" s="2" t="s">
        <v>43376</v>
      </c>
      <c r="F14141" s="2" t="s">
        <v>41267</v>
      </c>
      <c r="G14141" s="8">
        <v>168</v>
      </c>
      <c r="H14141" s="5">
        <v>6</v>
      </c>
      <c r="I14141" s="5" t="s">
        <v>1518</v>
      </c>
      <c r="J14141" s="5" t="s">
        <v>40939</v>
      </c>
      <c r="K14141" s="2" t="s">
        <v>40940</v>
      </c>
      <c r="L14141" s="5" t="s">
        <v>40939</v>
      </c>
      <c r="M14141" s="2" t="s">
        <v>40940</v>
      </c>
      <c r="N14141" s="5" t="s">
        <v>36266</v>
      </c>
      <c r="O14141" s="5" t="s">
        <v>38</v>
      </c>
      <c r="P14141" s="5" t="s">
        <v>39</v>
      </c>
      <c r="Q14141" s="5" t="s">
        <v>40</v>
      </c>
      <c r="R14141" s="5" t="s">
        <v>1522</v>
      </c>
      <c r="S14141" s="5" t="s">
        <v>1523</v>
      </c>
      <c r="T14141" s="5" t="s">
        <v>42</v>
      </c>
      <c r="U14141" s="2">
        <v>1.409</v>
      </c>
      <c r="V14141" s="2">
        <v>0.92800000000000005</v>
      </c>
      <c r="W14141" s="2">
        <v>1.4999999999999999E-2</v>
      </c>
      <c r="X14141" s="2">
        <v>118.9</v>
      </c>
      <c r="Y14141" s="2">
        <v>7.6</v>
      </c>
      <c r="Z14141" s="2">
        <v>16.7</v>
      </c>
      <c r="AA14141" s="5"/>
      <c r="AB14141" s="5" t="s">
        <v>43</v>
      </c>
      <c r="AC14141" s="5" t="s">
        <v>44</v>
      </c>
      <c r="AD14141" s="2"/>
      <c r="AE14141" s="1"/>
    </row>
    <row r="14142" spans="1:31" ht="14.45">
      <c r="A14142" s="11"/>
      <c r="B14142" s="20"/>
      <c r="C14142" s="2" t="s">
        <v>43377</v>
      </c>
      <c r="D14142" s="14" t="s">
        <v>43378</v>
      </c>
      <c r="E14142" s="2" t="s">
        <v>43379</v>
      </c>
      <c r="F14142" s="2" t="s">
        <v>41001</v>
      </c>
      <c r="G14142" s="8">
        <v>168</v>
      </c>
      <c r="H14142" s="5">
        <v>6</v>
      </c>
      <c r="I14142" s="5" t="s">
        <v>1518</v>
      </c>
      <c r="J14142" s="5" t="s">
        <v>40939</v>
      </c>
      <c r="K14142" s="2" t="s">
        <v>40940</v>
      </c>
      <c r="L14142" s="5" t="s">
        <v>40939</v>
      </c>
      <c r="M14142" s="2" t="s">
        <v>40940</v>
      </c>
      <c r="N14142" s="5" t="s">
        <v>36266</v>
      </c>
      <c r="O14142" s="5" t="s">
        <v>38</v>
      </c>
      <c r="P14142" s="5" t="s">
        <v>39</v>
      </c>
      <c r="Q14142" s="5" t="s">
        <v>40</v>
      </c>
      <c r="R14142" s="5" t="s">
        <v>1522</v>
      </c>
      <c r="S14142" s="5" t="s">
        <v>1523</v>
      </c>
      <c r="T14142" s="5" t="s">
        <v>42</v>
      </c>
      <c r="U14142" s="2">
        <v>1.4339999999999999</v>
      </c>
      <c r="V14142" s="2">
        <v>0.95299999999999996</v>
      </c>
      <c r="W14142" s="2">
        <v>1.4999999999999999E-2</v>
      </c>
      <c r="X14142" s="2">
        <v>118.9</v>
      </c>
      <c r="Y14142" s="2">
        <v>7.6</v>
      </c>
      <c r="Z14142" s="2">
        <v>16.7</v>
      </c>
      <c r="AA14142" s="5"/>
      <c r="AB14142" s="5" t="s">
        <v>43</v>
      </c>
      <c r="AC14142" s="5" t="s">
        <v>44</v>
      </c>
      <c r="AD14142" s="2"/>
      <c r="AE14142" s="1"/>
    </row>
    <row r="14143" spans="1:31" ht="14.45">
      <c r="A14143" s="11"/>
      <c r="B14143" s="20"/>
      <c r="C14143" s="2" t="s">
        <v>43380</v>
      </c>
      <c r="D14143" s="14" t="s">
        <v>43381</v>
      </c>
      <c r="E14143" s="2" t="s">
        <v>43382</v>
      </c>
      <c r="F14143" s="2" t="s">
        <v>41005</v>
      </c>
      <c r="G14143" s="8">
        <v>168</v>
      </c>
      <c r="H14143" s="5">
        <v>6</v>
      </c>
      <c r="I14143" s="5" t="s">
        <v>1518</v>
      </c>
      <c r="J14143" s="5" t="s">
        <v>40939</v>
      </c>
      <c r="K14143" s="2" t="s">
        <v>40940</v>
      </c>
      <c r="L14143" s="5" t="s">
        <v>40939</v>
      </c>
      <c r="M14143" s="2" t="s">
        <v>40940</v>
      </c>
      <c r="N14143" s="5" t="s">
        <v>36266</v>
      </c>
      <c r="O14143" s="5" t="s">
        <v>38</v>
      </c>
      <c r="P14143" s="5" t="s">
        <v>39</v>
      </c>
      <c r="Q14143" s="5" t="s">
        <v>40</v>
      </c>
      <c r="R14143" s="5" t="s">
        <v>1522</v>
      </c>
      <c r="S14143" s="5" t="s">
        <v>1523</v>
      </c>
      <c r="T14143" s="5" t="s">
        <v>42</v>
      </c>
      <c r="U14143" s="2">
        <v>1.446</v>
      </c>
      <c r="V14143" s="2">
        <v>0.96499999999999997</v>
      </c>
      <c r="W14143" s="2">
        <v>1.4999999999999999E-2</v>
      </c>
      <c r="X14143" s="2">
        <v>118.9</v>
      </c>
      <c r="Y14143" s="2">
        <v>7.6</v>
      </c>
      <c r="Z14143" s="2">
        <v>16.7</v>
      </c>
      <c r="AA14143" s="5"/>
      <c r="AB14143" s="5" t="s">
        <v>43</v>
      </c>
      <c r="AC14143" s="5" t="s">
        <v>44</v>
      </c>
      <c r="AD14143" s="2"/>
      <c r="AE14143" s="1"/>
    </row>
    <row r="14144" spans="1:31" ht="14.45">
      <c r="A14144" s="11"/>
      <c r="B14144" s="20"/>
      <c r="C14144" s="2" t="s">
        <v>43383</v>
      </c>
      <c r="D14144" s="14" t="s">
        <v>43384</v>
      </c>
      <c r="E14144" s="2" t="s">
        <v>43385</v>
      </c>
      <c r="F14144" s="2" t="s">
        <v>41009</v>
      </c>
      <c r="G14144" s="8">
        <v>168</v>
      </c>
      <c r="H14144" s="5">
        <v>6</v>
      </c>
      <c r="I14144" s="5" t="s">
        <v>1518</v>
      </c>
      <c r="J14144" s="5" t="s">
        <v>40939</v>
      </c>
      <c r="K14144" s="2" t="s">
        <v>40940</v>
      </c>
      <c r="L14144" s="5" t="s">
        <v>40939</v>
      </c>
      <c r="M14144" s="2" t="s">
        <v>40940</v>
      </c>
      <c r="N14144" s="5" t="s">
        <v>36266</v>
      </c>
      <c r="O14144" s="5" t="s">
        <v>38</v>
      </c>
      <c r="P14144" s="5" t="s">
        <v>39</v>
      </c>
      <c r="Q14144" s="5" t="s">
        <v>40</v>
      </c>
      <c r="R14144" s="5" t="s">
        <v>1522</v>
      </c>
      <c r="S14144" s="5" t="s">
        <v>1523</v>
      </c>
      <c r="T14144" s="5" t="s">
        <v>42</v>
      </c>
      <c r="U14144" s="2">
        <v>1.4430000000000001</v>
      </c>
      <c r="V14144" s="2">
        <v>0.96199999999999997</v>
      </c>
      <c r="W14144" s="2">
        <v>1.4999999999999999E-2</v>
      </c>
      <c r="X14144" s="2">
        <v>118.9</v>
      </c>
      <c r="Y14144" s="2">
        <v>7.6</v>
      </c>
      <c r="Z14144" s="2">
        <v>16.7</v>
      </c>
      <c r="AA14144" s="5"/>
      <c r="AB14144" s="5" t="s">
        <v>43</v>
      </c>
      <c r="AC14144" s="5" t="s">
        <v>44</v>
      </c>
      <c r="AD14144" s="2"/>
      <c r="AE14144" s="1"/>
    </row>
    <row r="14145" spans="1:31" ht="14.45">
      <c r="A14145" s="11"/>
      <c r="B14145" s="20"/>
      <c r="C14145" s="2" t="s">
        <v>43386</v>
      </c>
      <c r="D14145" s="14" t="s">
        <v>43387</v>
      </c>
      <c r="E14145" s="2" t="s">
        <v>43388</v>
      </c>
      <c r="F14145" s="2" t="s">
        <v>41013</v>
      </c>
      <c r="G14145" s="8">
        <v>168</v>
      </c>
      <c r="H14145" s="5">
        <v>6</v>
      </c>
      <c r="I14145" s="5" t="s">
        <v>1518</v>
      </c>
      <c r="J14145" s="5" t="s">
        <v>40939</v>
      </c>
      <c r="K14145" s="2" t="s">
        <v>40940</v>
      </c>
      <c r="L14145" s="5" t="s">
        <v>40939</v>
      </c>
      <c r="M14145" s="2" t="s">
        <v>40940</v>
      </c>
      <c r="N14145" s="5" t="s">
        <v>36266</v>
      </c>
      <c r="O14145" s="5" t="s">
        <v>38</v>
      </c>
      <c r="P14145" s="5" t="s">
        <v>39</v>
      </c>
      <c r="Q14145" s="5" t="s">
        <v>40</v>
      </c>
      <c r="R14145" s="5" t="s">
        <v>1522</v>
      </c>
      <c r="S14145" s="5" t="s">
        <v>1523</v>
      </c>
      <c r="T14145" s="5" t="s">
        <v>42</v>
      </c>
      <c r="U14145" s="2">
        <v>1.4550000000000001</v>
      </c>
      <c r="V14145" s="2">
        <v>0.97399999999999998</v>
      </c>
      <c r="W14145" s="2">
        <v>1.4999999999999999E-2</v>
      </c>
      <c r="X14145" s="2">
        <v>118.9</v>
      </c>
      <c r="Y14145" s="2">
        <v>7.6</v>
      </c>
      <c r="Z14145" s="2">
        <v>16.7</v>
      </c>
      <c r="AA14145" s="5"/>
      <c r="AB14145" s="5" t="s">
        <v>43</v>
      </c>
      <c r="AC14145" s="5" t="s">
        <v>44</v>
      </c>
      <c r="AD14145" s="2"/>
      <c r="AE14145" s="1"/>
    </row>
    <row r="14146" spans="1:31" ht="14.45">
      <c r="A14146" s="11"/>
      <c r="B14146" s="20"/>
      <c r="C14146" s="2" t="s">
        <v>43389</v>
      </c>
      <c r="D14146" s="14" t="s">
        <v>43390</v>
      </c>
      <c r="E14146" s="2" t="s">
        <v>43391</v>
      </c>
      <c r="F14146" s="2" t="s">
        <v>7396</v>
      </c>
      <c r="G14146" s="8">
        <v>146</v>
      </c>
      <c r="H14146" s="5">
        <v>6</v>
      </c>
      <c r="I14146" s="5" t="s">
        <v>1518</v>
      </c>
      <c r="J14146" s="5" t="s">
        <v>40939</v>
      </c>
      <c r="K14146" s="2" t="s">
        <v>40940</v>
      </c>
      <c r="L14146" s="5" t="s">
        <v>40939</v>
      </c>
      <c r="M14146" s="2" t="s">
        <v>40940</v>
      </c>
      <c r="N14146" s="5" t="s">
        <v>36266</v>
      </c>
      <c r="O14146" s="5" t="s">
        <v>38</v>
      </c>
      <c r="P14146" s="5" t="s">
        <v>39</v>
      </c>
      <c r="Q14146" s="5" t="s">
        <v>40</v>
      </c>
      <c r="R14146" s="5" t="s">
        <v>1522</v>
      </c>
      <c r="S14146" s="5" t="s">
        <v>1523</v>
      </c>
      <c r="T14146" s="5" t="s">
        <v>42</v>
      </c>
      <c r="U14146" s="2">
        <v>1.4430000000000001</v>
      </c>
      <c r="V14146" s="2">
        <v>0.96199999999999997</v>
      </c>
      <c r="W14146" s="2">
        <v>1.4999999999999999E-2</v>
      </c>
      <c r="X14146" s="2">
        <v>118.9</v>
      </c>
      <c r="Y14146" s="2">
        <v>7.6</v>
      </c>
      <c r="Z14146" s="2">
        <v>16.7</v>
      </c>
      <c r="AA14146" s="5"/>
      <c r="AB14146" s="5" t="s">
        <v>43</v>
      </c>
      <c r="AC14146" s="5" t="s">
        <v>44</v>
      </c>
      <c r="AD14146" s="2"/>
      <c r="AE14146" s="1"/>
    </row>
    <row r="14147" spans="1:31" ht="14.45">
      <c r="A14147" s="11"/>
      <c r="B14147" s="20"/>
      <c r="C14147" s="2" t="s">
        <v>43392</v>
      </c>
      <c r="D14147" s="14" t="s">
        <v>43393</v>
      </c>
      <c r="E14147" s="2" t="s">
        <v>43394</v>
      </c>
      <c r="F14147" s="2" t="s">
        <v>7507</v>
      </c>
      <c r="G14147" s="8">
        <v>146</v>
      </c>
      <c r="H14147" s="5">
        <v>6</v>
      </c>
      <c r="I14147" s="5" t="s">
        <v>1518</v>
      </c>
      <c r="J14147" s="5" t="s">
        <v>40939</v>
      </c>
      <c r="K14147" s="2" t="s">
        <v>40940</v>
      </c>
      <c r="L14147" s="5" t="s">
        <v>40939</v>
      </c>
      <c r="M14147" s="2" t="s">
        <v>40940</v>
      </c>
      <c r="N14147" s="5" t="s">
        <v>36266</v>
      </c>
      <c r="O14147" s="5" t="s">
        <v>38</v>
      </c>
      <c r="P14147" s="5" t="s">
        <v>39</v>
      </c>
      <c r="Q14147" s="5" t="s">
        <v>40</v>
      </c>
      <c r="R14147" s="5" t="s">
        <v>1522</v>
      </c>
      <c r="S14147" s="5" t="s">
        <v>1523</v>
      </c>
      <c r="T14147" s="5" t="s">
        <v>42</v>
      </c>
      <c r="U14147" s="2">
        <v>1.4550000000000001</v>
      </c>
      <c r="V14147" s="2">
        <v>0.97399999999999998</v>
      </c>
      <c r="W14147" s="2">
        <v>1.4999999999999999E-2</v>
      </c>
      <c r="X14147" s="2">
        <v>118.9</v>
      </c>
      <c r="Y14147" s="2">
        <v>7.6</v>
      </c>
      <c r="Z14147" s="2">
        <v>16.7</v>
      </c>
      <c r="AA14147" s="5"/>
      <c r="AB14147" s="5" t="s">
        <v>43</v>
      </c>
      <c r="AC14147" s="5" t="s">
        <v>44</v>
      </c>
      <c r="AD14147" s="2"/>
      <c r="AE14147" s="1"/>
    </row>
    <row r="14148" spans="1:31" ht="14.45">
      <c r="A14148" s="11"/>
      <c r="B14148" s="20"/>
      <c r="C14148" s="2" t="s">
        <v>43395</v>
      </c>
      <c r="D14148" s="14" t="s">
        <v>43396</v>
      </c>
      <c r="E14148" s="2" t="s">
        <v>43397</v>
      </c>
      <c r="F14148" s="2" t="s">
        <v>41023</v>
      </c>
      <c r="G14148" s="8">
        <v>168</v>
      </c>
      <c r="H14148" s="5">
        <v>6</v>
      </c>
      <c r="I14148" s="5" t="s">
        <v>1518</v>
      </c>
      <c r="J14148" s="5" t="s">
        <v>40939</v>
      </c>
      <c r="K14148" s="2" t="s">
        <v>40940</v>
      </c>
      <c r="L14148" s="5" t="s">
        <v>40939</v>
      </c>
      <c r="M14148" s="2" t="s">
        <v>40940</v>
      </c>
      <c r="N14148" s="5" t="s">
        <v>36266</v>
      </c>
      <c r="O14148" s="5" t="s">
        <v>38</v>
      </c>
      <c r="P14148" s="5" t="s">
        <v>39</v>
      </c>
      <c r="Q14148" s="5" t="s">
        <v>40</v>
      </c>
      <c r="R14148" s="5" t="s">
        <v>1522</v>
      </c>
      <c r="S14148" s="5" t="s">
        <v>1523</v>
      </c>
      <c r="T14148" s="5" t="s">
        <v>42</v>
      </c>
      <c r="U14148" s="2">
        <v>1.397</v>
      </c>
      <c r="V14148" s="2">
        <v>0.91600000000000004</v>
      </c>
      <c r="W14148" s="2">
        <v>1.4999999999999999E-2</v>
      </c>
      <c r="X14148" s="2">
        <v>118.9</v>
      </c>
      <c r="Y14148" s="2">
        <v>7.6</v>
      </c>
      <c r="Z14148" s="2">
        <v>16.7</v>
      </c>
      <c r="AA14148" s="5"/>
      <c r="AB14148" s="5" t="s">
        <v>43</v>
      </c>
      <c r="AC14148" s="5" t="s">
        <v>44</v>
      </c>
      <c r="AD14148" s="2"/>
      <c r="AE14148" s="1"/>
    </row>
    <row r="14149" spans="1:31" ht="14.45">
      <c r="A14149" s="11"/>
      <c r="B14149" s="20"/>
      <c r="C14149" s="2" t="s">
        <v>43398</v>
      </c>
      <c r="D14149" s="14" t="s">
        <v>43399</v>
      </c>
      <c r="E14149" s="2" t="s">
        <v>43400</v>
      </c>
      <c r="F14149" s="2" t="s">
        <v>41027</v>
      </c>
      <c r="G14149" s="8">
        <v>168</v>
      </c>
      <c r="H14149" s="5">
        <v>6</v>
      </c>
      <c r="I14149" s="5" t="s">
        <v>1518</v>
      </c>
      <c r="J14149" s="5" t="s">
        <v>40939</v>
      </c>
      <c r="K14149" s="2" t="s">
        <v>40940</v>
      </c>
      <c r="L14149" s="5" t="s">
        <v>40939</v>
      </c>
      <c r="M14149" s="2" t="s">
        <v>40940</v>
      </c>
      <c r="N14149" s="5" t="s">
        <v>36266</v>
      </c>
      <c r="O14149" s="5" t="s">
        <v>38</v>
      </c>
      <c r="P14149" s="5" t="s">
        <v>39</v>
      </c>
      <c r="Q14149" s="5" t="s">
        <v>40</v>
      </c>
      <c r="R14149" s="5" t="s">
        <v>1522</v>
      </c>
      <c r="S14149" s="5" t="s">
        <v>1523</v>
      </c>
      <c r="T14149" s="5" t="s">
        <v>42</v>
      </c>
      <c r="U14149" s="2">
        <v>1.409</v>
      </c>
      <c r="V14149" s="2">
        <v>0.92800000000000005</v>
      </c>
      <c r="W14149" s="2">
        <v>1.4999999999999999E-2</v>
      </c>
      <c r="X14149" s="2">
        <v>118.9</v>
      </c>
      <c r="Y14149" s="2">
        <v>7.6</v>
      </c>
      <c r="Z14149" s="2">
        <v>16.7</v>
      </c>
      <c r="AA14149" s="5"/>
      <c r="AB14149" s="5" t="s">
        <v>43</v>
      </c>
      <c r="AC14149" s="5" t="s">
        <v>44</v>
      </c>
      <c r="AD14149" s="2"/>
      <c r="AE14149" s="1"/>
    </row>
    <row r="14150" spans="1:31" ht="14.45">
      <c r="A14150" s="11"/>
      <c r="B14150" s="20"/>
      <c r="C14150" s="2" t="s">
        <v>43401</v>
      </c>
      <c r="D14150" s="14" t="s">
        <v>43402</v>
      </c>
      <c r="E14150" s="2" t="s">
        <v>43403</v>
      </c>
      <c r="F14150" s="2" t="s">
        <v>41031</v>
      </c>
      <c r="G14150" s="8">
        <v>168</v>
      </c>
      <c r="H14150" s="5">
        <v>6</v>
      </c>
      <c r="I14150" s="5" t="s">
        <v>1518</v>
      </c>
      <c r="J14150" s="5" t="s">
        <v>40939</v>
      </c>
      <c r="K14150" s="2" t="s">
        <v>40940</v>
      </c>
      <c r="L14150" s="5" t="s">
        <v>40939</v>
      </c>
      <c r="M14150" s="2" t="s">
        <v>40940</v>
      </c>
      <c r="N14150" s="5" t="s">
        <v>36266</v>
      </c>
      <c r="O14150" s="5" t="s">
        <v>38</v>
      </c>
      <c r="P14150" s="5" t="s">
        <v>39</v>
      </c>
      <c r="Q14150" s="5" t="s">
        <v>40</v>
      </c>
      <c r="R14150" s="5" t="s">
        <v>1522</v>
      </c>
      <c r="S14150" s="5" t="s">
        <v>1523</v>
      </c>
      <c r="T14150" s="5" t="s">
        <v>42</v>
      </c>
      <c r="U14150" s="2">
        <v>1.397</v>
      </c>
      <c r="V14150" s="2">
        <v>0.91600000000000004</v>
      </c>
      <c r="W14150" s="2">
        <v>1.4999999999999999E-2</v>
      </c>
      <c r="X14150" s="2">
        <v>118.9</v>
      </c>
      <c r="Y14150" s="2">
        <v>7.6</v>
      </c>
      <c r="Z14150" s="2">
        <v>16.7</v>
      </c>
      <c r="AA14150" s="5"/>
      <c r="AB14150" s="5" t="s">
        <v>43</v>
      </c>
      <c r="AC14150" s="5" t="s">
        <v>44</v>
      </c>
      <c r="AD14150" s="2"/>
      <c r="AE14150" s="1"/>
    </row>
    <row r="14151" spans="1:31" ht="14.45">
      <c r="A14151" s="11"/>
      <c r="B14151" s="20"/>
      <c r="C14151" s="2" t="s">
        <v>43404</v>
      </c>
      <c r="D14151" s="14" t="s">
        <v>43405</v>
      </c>
      <c r="E14151" s="2" t="s">
        <v>43406</v>
      </c>
      <c r="F14151" s="2" t="s">
        <v>41035</v>
      </c>
      <c r="G14151" s="8">
        <v>168</v>
      </c>
      <c r="H14151" s="5">
        <v>6</v>
      </c>
      <c r="I14151" s="5" t="s">
        <v>1518</v>
      </c>
      <c r="J14151" s="5" t="s">
        <v>40939</v>
      </c>
      <c r="K14151" s="2" t="s">
        <v>40940</v>
      </c>
      <c r="L14151" s="5" t="s">
        <v>40939</v>
      </c>
      <c r="M14151" s="2" t="s">
        <v>40940</v>
      </c>
      <c r="N14151" s="5" t="s">
        <v>36266</v>
      </c>
      <c r="O14151" s="5" t="s">
        <v>38</v>
      </c>
      <c r="P14151" s="5" t="s">
        <v>39</v>
      </c>
      <c r="Q14151" s="5" t="s">
        <v>40</v>
      </c>
      <c r="R14151" s="5" t="s">
        <v>1522</v>
      </c>
      <c r="S14151" s="5" t="s">
        <v>1523</v>
      </c>
      <c r="T14151" s="5" t="s">
        <v>42</v>
      </c>
      <c r="U14151" s="2">
        <v>1.409</v>
      </c>
      <c r="V14151" s="2">
        <v>0.92800000000000005</v>
      </c>
      <c r="W14151" s="2">
        <v>1.4999999999999999E-2</v>
      </c>
      <c r="X14151" s="2">
        <v>118.9</v>
      </c>
      <c r="Y14151" s="2">
        <v>7.6</v>
      </c>
      <c r="Z14151" s="2">
        <v>16.7</v>
      </c>
      <c r="AA14151" s="5"/>
      <c r="AB14151" s="5" t="s">
        <v>43</v>
      </c>
      <c r="AC14151" s="5" t="s">
        <v>44</v>
      </c>
      <c r="AD14151" s="2"/>
      <c r="AE14151" s="1"/>
    </row>
    <row r="14152" spans="1:31" ht="14.45">
      <c r="A14152" s="11"/>
      <c r="B14152" s="20"/>
      <c r="C14152" s="2" t="s">
        <v>43407</v>
      </c>
      <c r="D14152" s="14" t="s">
        <v>43408</v>
      </c>
      <c r="E14152" s="2" t="s">
        <v>43409</v>
      </c>
      <c r="F14152" s="2" t="s">
        <v>7449</v>
      </c>
      <c r="G14152" s="8">
        <v>168</v>
      </c>
      <c r="H14152" s="5">
        <v>6</v>
      </c>
      <c r="I14152" s="5" t="s">
        <v>1518</v>
      </c>
      <c r="J14152" s="5" t="s">
        <v>40939</v>
      </c>
      <c r="K14152" s="2" t="s">
        <v>40940</v>
      </c>
      <c r="L14152" s="5" t="s">
        <v>40939</v>
      </c>
      <c r="M14152" s="2" t="s">
        <v>40940</v>
      </c>
      <c r="N14152" s="5" t="s">
        <v>36266</v>
      </c>
      <c r="O14152" s="5" t="s">
        <v>38</v>
      </c>
      <c r="P14152" s="5" t="s">
        <v>39</v>
      </c>
      <c r="Q14152" s="5" t="s">
        <v>40</v>
      </c>
      <c r="R14152" s="5" t="s">
        <v>1522</v>
      </c>
      <c r="S14152" s="5" t="s">
        <v>1523</v>
      </c>
      <c r="T14152" s="5" t="s">
        <v>42</v>
      </c>
      <c r="U14152" s="2">
        <v>1.397</v>
      </c>
      <c r="V14152" s="2">
        <v>0.91600000000000004</v>
      </c>
      <c r="W14152" s="2">
        <v>1.4999999999999999E-2</v>
      </c>
      <c r="X14152" s="2">
        <v>118.9</v>
      </c>
      <c r="Y14152" s="2">
        <v>7.6</v>
      </c>
      <c r="Z14152" s="2">
        <v>16.7</v>
      </c>
      <c r="AA14152" s="5"/>
      <c r="AB14152" s="5" t="s">
        <v>43</v>
      </c>
      <c r="AC14152" s="5" t="s">
        <v>44</v>
      </c>
      <c r="AD14152" s="2"/>
      <c r="AE14152" s="1"/>
    </row>
    <row r="14153" spans="1:31" ht="14.45">
      <c r="A14153" s="11"/>
      <c r="B14153" s="20"/>
      <c r="C14153" s="2" t="s">
        <v>43410</v>
      </c>
      <c r="D14153" s="14" t="s">
        <v>43411</v>
      </c>
      <c r="E14153" s="2" t="s">
        <v>43412</v>
      </c>
      <c r="F14153" s="2" t="s">
        <v>7581</v>
      </c>
      <c r="G14153" s="8">
        <v>168</v>
      </c>
      <c r="H14153" s="5">
        <v>6</v>
      </c>
      <c r="I14153" s="5" t="s">
        <v>1518</v>
      </c>
      <c r="J14153" s="5" t="s">
        <v>40939</v>
      </c>
      <c r="K14153" s="2" t="s">
        <v>40940</v>
      </c>
      <c r="L14153" s="5" t="s">
        <v>40939</v>
      </c>
      <c r="M14153" s="2" t="s">
        <v>40940</v>
      </c>
      <c r="N14153" s="5" t="s">
        <v>36266</v>
      </c>
      <c r="O14153" s="5" t="s">
        <v>38</v>
      </c>
      <c r="P14153" s="5" t="s">
        <v>39</v>
      </c>
      <c r="Q14153" s="5" t="s">
        <v>40</v>
      </c>
      <c r="R14153" s="5" t="s">
        <v>1522</v>
      </c>
      <c r="S14153" s="5" t="s">
        <v>1523</v>
      </c>
      <c r="T14153" s="5" t="s">
        <v>42</v>
      </c>
      <c r="U14153" s="2">
        <v>1.409</v>
      </c>
      <c r="V14153" s="2">
        <v>0.92800000000000005</v>
      </c>
      <c r="W14153" s="2">
        <v>1.4999999999999999E-2</v>
      </c>
      <c r="X14153" s="2">
        <v>118.9</v>
      </c>
      <c r="Y14153" s="2">
        <v>7.6</v>
      </c>
      <c r="Z14153" s="2">
        <v>16.7</v>
      </c>
      <c r="AA14153" s="5"/>
      <c r="AB14153" s="5" t="s">
        <v>43</v>
      </c>
      <c r="AC14153" s="5" t="s">
        <v>44</v>
      </c>
      <c r="AD14153" s="2"/>
      <c r="AE14153" s="1"/>
    </row>
    <row r="14154" spans="1:31" ht="14.45">
      <c r="A14154" s="11"/>
      <c r="B14154" s="20"/>
      <c r="C14154" s="2" t="s">
        <v>43413</v>
      </c>
      <c r="D14154" s="14" t="s">
        <v>43414</v>
      </c>
      <c r="E14154" s="2" t="s">
        <v>43415</v>
      </c>
      <c r="F14154" s="2" t="s">
        <v>41045</v>
      </c>
      <c r="G14154" s="8">
        <v>168</v>
      </c>
      <c r="H14154" s="5">
        <v>6</v>
      </c>
      <c r="I14154" s="5" t="s">
        <v>1518</v>
      </c>
      <c r="J14154" s="5" t="s">
        <v>40939</v>
      </c>
      <c r="K14154" s="2" t="s">
        <v>40940</v>
      </c>
      <c r="L14154" s="5" t="s">
        <v>40939</v>
      </c>
      <c r="M14154" s="2" t="s">
        <v>40940</v>
      </c>
      <c r="N14154" s="5" t="s">
        <v>36266</v>
      </c>
      <c r="O14154" s="5" t="s">
        <v>38</v>
      </c>
      <c r="P14154" s="5" t="s">
        <v>39</v>
      </c>
      <c r="Q14154" s="5" t="s">
        <v>40</v>
      </c>
      <c r="R14154" s="5" t="s">
        <v>1522</v>
      </c>
      <c r="S14154" s="5" t="s">
        <v>1523</v>
      </c>
      <c r="T14154" s="5" t="s">
        <v>42</v>
      </c>
      <c r="U14154" s="2">
        <v>1.452</v>
      </c>
      <c r="V14154" s="2">
        <v>0.97099999999999997</v>
      </c>
      <c r="W14154" s="2">
        <v>1.4999999999999999E-2</v>
      </c>
      <c r="X14154" s="2">
        <v>118.9</v>
      </c>
      <c r="Y14154" s="2">
        <v>7.6</v>
      </c>
      <c r="Z14154" s="2">
        <v>16.7</v>
      </c>
      <c r="AA14154" s="5"/>
      <c r="AB14154" s="5" t="s">
        <v>43</v>
      </c>
      <c r="AC14154" s="5" t="s">
        <v>44</v>
      </c>
      <c r="AD14154" s="2"/>
      <c r="AE14154" s="1"/>
    </row>
    <row r="14155" spans="1:31" ht="14.45">
      <c r="A14155" s="11"/>
      <c r="B14155" s="20"/>
      <c r="C14155" s="2" t="s">
        <v>43416</v>
      </c>
      <c r="D14155" s="14" t="s">
        <v>43417</v>
      </c>
      <c r="E14155" s="2" t="s">
        <v>43418</v>
      </c>
      <c r="F14155" s="2" t="s">
        <v>41049</v>
      </c>
      <c r="G14155" s="8">
        <v>168</v>
      </c>
      <c r="H14155" s="5">
        <v>6</v>
      </c>
      <c r="I14155" s="5" t="s">
        <v>1518</v>
      </c>
      <c r="J14155" s="5" t="s">
        <v>40939</v>
      </c>
      <c r="K14155" s="2" t="s">
        <v>40940</v>
      </c>
      <c r="L14155" s="5" t="s">
        <v>40939</v>
      </c>
      <c r="M14155" s="2" t="s">
        <v>40940</v>
      </c>
      <c r="N14155" s="5" t="s">
        <v>36266</v>
      </c>
      <c r="O14155" s="5" t="s">
        <v>38</v>
      </c>
      <c r="P14155" s="5" t="s">
        <v>39</v>
      </c>
      <c r="Q14155" s="5" t="s">
        <v>40</v>
      </c>
      <c r="R14155" s="5" t="s">
        <v>1522</v>
      </c>
      <c r="S14155" s="5" t="s">
        <v>1523</v>
      </c>
      <c r="T14155" s="5" t="s">
        <v>42</v>
      </c>
      <c r="U14155" s="2">
        <v>1.464</v>
      </c>
      <c r="V14155" s="2">
        <v>0.98299999999999998</v>
      </c>
      <c r="W14155" s="2">
        <v>1.4999999999999999E-2</v>
      </c>
      <c r="X14155" s="2">
        <v>118.9</v>
      </c>
      <c r="Y14155" s="2">
        <v>7.6</v>
      </c>
      <c r="Z14155" s="2">
        <v>16.7</v>
      </c>
      <c r="AA14155" s="5"/>
      <c r="AB14155" s="5" t="s">
        <v>43</v>
      </c>
      <c r="AC14155" s="5" t="s">
        <v>44</v>
      </c>
      <c r="AD14155" s="2"/>
      <c r="AE14155" s="1"/>
    </row>
    <row r="14156" spans="1:31" ht="14.45">
      <c r="A14156" s="11"/>
      <c r="B14156" s="20"/>
      <c r="C14156" s="2" t="s">
        <v>43419</v>
      </c>
      <c r="D14156" s="14" t="s">
        <v>43420</v>
      </c>
      <c r="E14156" s="2" t="s">
        <v>43421</v>
      </c>
      <c r="F14156" s="2" t="s">
        <v>7204</v>
      </c>
      <c r="G14156" s="8">
        <v>157</v>
      </c>
      <c r="H14156" s="5">
        <v>6</v>
      </c>
      <c r="I14156" s="5" t="s">
        <v>1518</v>
      </c>
      <c r="J14156" s="5" t="s">
        <v>40939</v>
      </c>
      <c r="K14156" s="2" t="s">
        <v>40940</v>
      </c>
      <c r="L14156" s="5" t="s">
        <v>40939</v>
      </c>
      <c r="M14156" s="2" t="s">
        <v>40940</v>
      </c>
      <c r="N14156" s="5" t="s">
        <v>36266</v>
      </c>
      <c r="O14156" s="5" t="s">
        <v>38</v>
      </c>
      <c r="P14156" s="5" t="s">
        <v>39</v>
      </c>
      <c r="Q14156" s="5" t="s">
        <v>40</v>
      </c>
      <c r="R14156" s="5" t="s">
        <v>1522</v>
      </c>
      <c r="S14156" s="5" t="s">
        <v>1523</v>
      </c>
      <c r="T14156" s="5" t="s">
        <v>42</v>
      </c>
      <c r="U14156" s="2">
        <v>1.5629999999999999</v>
      </c>
      <c r="V14156" s="2">
        <v>1.006</v>
      </c>
      <c r="W14156" s="2">
        <v>1.7999999999999999E-2</v>
      </c>
      <c r="X14156" s="2">
        <v>139.1</v>
      </c>
      <c r="Y14156" s="2">
        <v>7.6</v>
      </c>
      <c r="Z14156" s="2">
        <v>16.7</v>
      </c>
      <c r="AA14156" s="5"/>
      <c r="AB14156" s="5" t="s">
        <v>43</v>
      </c>
      <c r="AC14156" s="5" t="s">
        <v>44</v>
      </c>
      <c r="AD14156" s="2"/>
      <c r="AE14156" s="1"/>
    </row>
    <row r="14157" spans="1:31" ht="14.45">
      <c r="A14157" s="11"/>
      <c r="B14157" s="20"/>
      <c r="C14157" s="2" t="s">
        <v>43422</v>
      </c>
      <c r="D14157" s="14" t="s">
        <v>43423</v>
      </c>
      <c r="E14157" s="2" t="s">
        <v>43424</v>
      </c>
      <c r="F14157" s="2" t="s">
        <v>7514</v>
      </c>
      <c r="G14157" s="8">
        <v>157</v>
      </c>
      <c r="H14157" s="5">
        <v>6</v>
      </c>
      <c r="I14157" s="5" t="s">
        <v>1518</v>
      </c>
      <c r="J14157" s="5" t="s">
        <v>40939</v>
      </c>
      <c r="K14157" s="2" t="s">
        <v>40940</v>
      </c>
      <c r="L14157" s="5" t="s">
        <v>40939</v>
      </c>
      <c r="M14157" s="2" t="s">
        <v>40940</v>
      </c>
      <c r="N14157" s="5" t="s">
        <v>36266</v>
      </c>
      <c r="O14157" s="5" t="s">
        <v>38</v>
      </c>
      <c r="P14157" s="5" t="s">
        <v>39</v>
      </c>
      <c r="Q14157" s="5" t="s">
        <v>40</v>
      </c>
      <c r="R14157" s="5" t="s">
        <v>1522</v>
      </c>
      <c r="S14157" s="5" t="s">
        <v>1523</v>
      </c>
      <c r="T14157" s="5" t="s">
        <v>42</v>
      </c>
      <c r="U14157" s="2">
        <v>1.5740000000000001</v>
      </c>
      <c r="V14157" s="2">
        <v>1.0169999999999999</v>
      </c>
      <c r="W14157" s="2">
        <v>1.7999999999999999E-2</v>
      </c>
      <c r="X14157" s="2">
        <v>139.1</v>
      </c>
      <c r="Y14157" s="2">
        <v>7.6</v>
      </c>
      <c r="Z14157" s="2">
        <v>16.7</v>
      </c>
      <c r="AA14157" s="5"/>
      <c r="AB14157" s="5" t="s">
        <v>43</v>
      </c>
      <c r="AC14157" s="5" t="s">
        <v>44</v>
      </c>
      <c r="AD14157" s="2"/>
      <c r="AE14157" s="1"/>
    </row>
    <row r="14158" spans="1:31" ht="14.45">
      <c r="A14158" s="11"/>
      <c r="B14158" s="20"/>
      <c r="C14158" s="2" t="s">
        <v>43425</v>
      </c>
      <c r="D14158" s="14" t="s">
        <v>43426</v>
      </c>
      <c r="E14158" s="2" t="s">
        <v>43427</v>
      </c>
      <c r="F14158" s="2" t="s">
        <v>41221</v>
      </c>
      <c r="G14158" s="8">
        <v>181</v>
      </c>
      <c r="H14158" s="5">
        <v>6</v>
      </c>
      <c r="I14158" s="5" t="s">
        <v>1518</v>
      </c>
      <c r="J14158" s="5" t="s">
        <v>40939</v>
      </c>
      <c r="K14158" s="2" t="s">
        <v>40940</v>
      </c>
      <c r="L14158" s="5" t="s">
        <v>40939</v>
      </c>
      <c r="M14158" s="2" t="s">
        <v>40940</v>
      </c>
      <c r="N14158" s="5" t="s">
        <v>36266</v>
      </c>
      <c r="O14158" s="5" t="s">
        <v>38</v>
      </c>
      <c r="P14158" s="5" t="s">
        <v>39</v>
      </c>
      <c r="Q14158" s="5" t="s">
        <v>40</v>
      </c>
      <c r="R14158" s="5" t="s">
        <v>1522</v>
      </c>
      <c r="S14158" s="5" t="s">
        <v>1523</v>
      </c>
      <c r="T14158" s="5" t="s">
        <v>42</v>
      </c>
      <c r="U14158" s="2">
        <v>1.585</v>
      </c>
      <c r="V14158" s="2">
        <v>1.028</v>
      </c>
      <c r="W14158" s="2">
        <v>1.7999999999999999E-2</v>
      </c>
      <c r="X14158" s="2">
        <v>139.1</v>
      </c>
      <c r="Y14158" s="2">
        <v>7.6</v>
      </c>
      <c r="Z14158" s="2">
        <v>16.7</v>
      </c>
      <c r="AA14158" s="5"/>
      <c r="AB14158" s="5" t="s">
        <v>43</v>
      </c>
      <c r="AC14158" s="5" t="s">
        <v>44</v>
      </c>
      <c r="AD14158" s="2"/>
      <c r="AE14158" s="1"/>
    </row>
    <row r="14159" spans="1:31" ht="14.45">
      <c r="A14159" s="11"/>
      <c r="B14159" s="20"/>
      <c r="C14159" s="2" t="s">
        <v>43428</v>
      </c>
      <c r="D14159" s="14" t="s">
        <v>43429</v>
      </c>
      <c r="E14159" s="2" t="s">
        <v>43430</v>
      </c>
      <c r="F14159" s="2" t="s">
        <v>40951</v>
      </c>
      <c r="G14159" s="8">
        <v>181</v>
      </c>
      <c r="H14159" s="5">
        <v>6</v>
      </c>
      <c r="I14159" s="5" t="s">
        <v>1518</v>
      </c>
      <c r="J14159" s="5" t="s">
        <v>40939</v>
      </c>
      <c r="K14159" s="2" t="s">
        <v>40940</v>
      </c>
      <c r="L14159" s="5" t="s">
        <v>40939</v>
      </c>
      <c r="M14159" s="2" t="s">
        <v>40940</v>
      </c>
      <c r="N14159" s="5" t="s">
        <v>36266</v>
      </c>
      <c r="O14159" s="5" t="s">
        <v>38</v>
      </c>
      <c r="P14159" s="5" t="s">
        <v>39</v>
      </c>
      <c r="Q14159" s="5" t="s">
        <v>40</v>
      </c>
      <c r="R14159" s="5" t="s">
        <v>1522</v>
      </c>
      <c r="S14159" s="5" t="s">
        <v>1523</v>
      </c>
      <c r="T14159" s="5" t="s">
        <v>42</v>
      </c>
      <c r="U14159" s="2">
        <v>1.5960000000000001</v>
      </c>
      <c r="V14159" s="2">
        <v>1.0389999999999999</v>
      </c>
      <c r="W14159" s="2">
        <v>1.7999999999999999E-2</v>
      </c>
      <c r="X14159" s="2">
        <v>139.1</v>
      </c>
      <c r="Y14159" s="2">
        <v>7.6</v>
      </c>
      <c r="Z14159" s="2">
        <v>16.7</v>
      </c>
      <c r="AA14159" s="5"/>
      <c r="AB14159" s="5" t="s">
        <v>43</v>
      </c>
      <c r="AC14159" s="5" t="s">
        <v>44</v>
      </c>
      <c r="AD14159" s="2"/>
      <c r="AE14159" s="1"/>
    </row>
    <row r="14160" spans="1:31" ht="14.45">
      <c r="A14160" s="11"/>
      <c r="B14160" s="20"/>
      <c r="C14160" s="2" t="s">
        <v>43431</v>
      </c>
      <c r="D14160" s="14" t="s">
        <v>43432</v>
      </c>
      <c r="E14160" s="2" t="s">
        <v>43433</v>
      </c>
      <c r="F14160" s="2" t="s">
        <v>7208</v>
      </c>
      <c r="G14160" s="8">
        <v>157</v>
      </c>
      <c r="H14160" s="5">
        <v>6</v>
      </c>
      <c r="I14160" s="5" t="s">
        <v>1518</v>
      </c>
      <c r="J14160" s="5" t="s">
        <v>40939</v>
      </c>
      <c r="K14160" s="2" t="s">
        <v>40940</v>
      </c>
      <c r="L14160" s="5" t="s">
        <v>40939</v>
      </c>
      <c r="M14160" s="2" t="s">
        <v>40940</v>
      </c>
      <c r="N14160" s="5" t="s">
        <v>36266</v>
      </c>
      <c r="O14160" s="5" t="s">
        <v>38</v>
      </c>
      <c r="P14160" s="5" t="s">
        <v>39</v>
      </c>
      <c r="Q14160" s="5" t="s">
        <v>40</v>
      </c>
      <c r="R14160" s="5" t="s">
        <v>1522</v>
      </c>
      <c r="S14160" s="5" t="s">
        <v>1523</v>
      </c>
      <c r="T14160" s="5" t="s">
        <v>42</v>
      </c>
      <c r="U14160" s="2">
        <v>1.595</v>
      </c>
      <c r="V14160" s="2">
        <v>1.038</v>
      </c>
      <c r="W14160" s="2">
        <v>1.7999999999999999E-2</v>
      </c>
      <c r="X14160" s="2">
        <v>139.1</v>
      </c>
      <c r="Y14160" s="2">
        <v>7.6</v>
      </c>
      <c r="Z14160" s="2">
        <v>16.7</v>
      </c>
      <c r="AA14160" s="5"/>
      <c r="AB14160" s="5" t="s">
        <v>43</v>
      </c>
      <c r="AC14160" s="5" t="s">
        <v>44</v>
      </c>
      <c r="AD14160" s="2"/>
      <c r="AE14160" s="1"/>
    </row>
    <row r="14161" spans="1:31" ht="14.45">
      <c r="A14161" s="11"/>
      <c r="B14161" s="20"/>
      <c r="C14161" s="2" t="s">
        <v>43434</v>
      </c>
      <c r="D14161" s="14" t="s">
        <v>43435</v>
      </c>
      <c r="E14161" s="2" t="s">
        <v>43436</v>
      </c>
      <c r="F14161" s="2" t="s">
        <v>7521</v>
      </c>
      <c r="G14161" s="8">
        <v>157</v>
      </c>
      <c r="H14161" s="5">
        <v>6</v>
      </c>
      <c r="I14161" s="5" t="s">
        <v>1518</v>
      </c>
      <c r="J14161" s="5" t="s">
        <v>40939</v>
      </c>
      <c r="K14161" s="2" t="s">
        <v>40940</v>
      </c>
      <c r="L14161" s="5" t="s">
        <v>40939</v>
      </c>
      <c r="M14161" s="2" t="s">
        <v>40940</v>
      </c>
      <c r="N14161" s="5" t="s">
        <v>36266</v>
      </c>
      <c r="O14161" s="5" t="s">
        <v>38</v>
      </c>
      <c r="P14161" s="5" t="s">
        <v>39</v>
      </c>
      <c r="Q14161" s="5" t="s">
        <v>40</v>
      </c>
      <c r="R14161" s="5" t="s">
        <v>1522</v>
      </c>
      <c r="S14161" s="5" t="s">
        <v>1523</v>
      </c>
      <c r="T14161" s="5" t="s">
        <v>42</v>
      </c>
      <c r="U14161" s="2">
        <v>1.6060000000000001</v>
      </c>
      <c r="V14161" s="2">
        <v>1.0489999999999999</v>
      </c>
      <c r="W14161" s="2">
        <v>1.7999999999999999E-2</v>
      </c>
      <c r="X14161" s="2">
        <v>139.1</v>
      </c>
      <c r="Y14161" s="2">
        <v>7.6</v>
      </c>
      <c r="Z14161" s="2">
        <v>16.7</v>
      </c>
      <c r="AA14161" s="5"/>
      <c r="AB14161" s="5" t="s">
        <v>43</v>
      </c>
      <c r="AC14161" s="5" t="s">
        <v>44</v>
      </c>
      <c r="AD14161" s="2"/>
      <c r="AE14161" s="1"/>
    </row>
    <row r="14162" spans="1:31" ht="14.45">
      <c r="A14162" s="11"/>
      <c r="B14162" s="20"/>
      <c r="C14162" s="2" t="s">
        <v>43437</v>
      </c>
      <c r="D14162" s="14" t="s">
        <v>43438</v>
      </c>
      <c r="E14162" s="2" t="s">
        <v>43439</v>
      </c>
      <c r="F14162" s="2" t="s">
        <v>36273</v>
      </c>
      <c r="G14162" s="8">
        <v>157</v>
      </c>
      <c r="H14162" s="5">
        <v>6</v>
      </c>
      <c r="I14162" s="5" t="s">
        <v>1518</v>
      </c>
      <c r="J14162" s="5" t="s">
        <v>40939</v>
      </c>
      <c r="K14162" s="2" t="s">
        <v>40940</v>
      </c>
      <c r="L14162" s="5" t="s">
        <v>40939</v>
      </c>
      <c r="M14162" s="2" t="s">
        <v>40940</v>
      </c>
      <c r="N14162" s="5" t="s">
        <v>36266</v>
      </c>
      <c r="O14162" s="5" t="s">
        <v>38</v>
      </c>
      <c r="P14162" s="5" t="s">
        <v>39</v>
      </c>
      <c r="Q14162" s="5" t="s">
        <v>40</v>
      </c>
      <c r="R14162" s="5" t="s">
        <v>1522</v>
      </c>
      <c r="S14162" s="5" t="s">
        <v>1523</v>
      </c>
      <c r="T14162" s="5" t="s">
        <v>42</v>
      </c>
      <c r="U14162" s="2">
        <v>1.6160000000000001</v>
      </c>
      <c r="V14162" s="2">
        <v>1.0589999999999999</v>
      </c>
      <c r="W14162" s="2">
        <v>1.7999999999999999E-2</v>
      </c>
      <c r="X14162" s="2">
        <v>139.1</v>
      </c>
      <c r="Y14162" s="2">
        <v>7.6</v>
      </c>
      <c r="Z14162" s="2">
        <v>16.7</v>
      </c>
      <c r="AA14162" s="5"/>
      <c r="AB14162" s="5" t="s">
        <v>43</v>
      </c>
      <c r="AC14162" s="5" t="s">
        <v>44</v>
      </c>
      <c r="AD14162" s="2"/>
      <c r="AE14162" s="1"/>
    </row>
    <row r="14163" spans="1:31" ht="14.45">
      <c r="A14163" s="11"/>
      <c r="B14163" s="20"/>
      <c r="C14163" s="2" t="s">
        <v>43440</v>
      </c>
      <c r="D14163" s="14" t="s">
        <v>43441</v>
      </c>
      <c r="E14163" s="2" t="s">
        <v>43442</v>
      </c>
      <c r="F14163" s="2" t="s">
        <v>36277</v>
      </c>
      <c r="G14163" s="8">
        <v>157</v>
      </c>
      <c r="H14163" s="5">
        <v>6</v>
      </c>
      <c r="I14163" s="5" t="s">
        <v>1518</v>
      </c>
      <c r="J14163" s="5" t="s">
        <v>40939</v>
      </c>
      <c r="K14163" s="2" t="s">
        <v>40940</v>
      </c>
      <c r="L14163" s="5" t="s">
        <v>40939</v>
      </c>
      <c r="M14163" s="2" t="s">
        <v>40940</v>
      </c>
      <c r="N14163" s="5" t="s">
        <v>36266</v>
      </c>
      <c r="O14163" s="5" t="s">
        <v>38</v>
      </c>
      <c r="P14163" s="5" t="s">
        <v>39</v>
      </c>
      <c r="Q14163" s="5" t="s">
        <v>40</v>
      </c>
      <c r="R14163" s="5" t="s">
        <v>1522</v>
      </c>
      <c r="S14163" s="5" t="s">
        <v>1523</v>
      </c>
      <c r="T14163" s="5" t="s">
        <v>42</v>
      </c>
      <c r="U14163" s="2">
        <v>1.627</v>
      </c>
      <c r="V14163" s="2">
        <v>1.07</v>
      </c>
      <c r="W14163" s="2">
        <v>1.7999999999999999E-2</v>
      </c>
      <c r="X14163" s="2">
        <v>139.1</v>
      </c>
      <c r="Y14163" s="2">
        <v>7.6</v>
      </c>
      <c r="Z14163" s="2">
        <v>16.7</v>
      </c>
      <c r="AA14163" s="5"/>
      <c r="AB14163" s="5" t="s">
        <v>43</v>
      </c>
      <c r="AC14163" s="5" t="s">
        <v>44</v>
      </c>
      <c r="AD14163" s="2"/>
      <c r="AE14163" s="1"/>
    </row>
    <row r="14164" spans="1:31" ht="14.45">
      <c r="A14164" s="11"/>
      <c r="B14164" s="20"/>
      <c r="C14164" s="2" t="s">
        <v>43443</v>
      </c>
      <c r="D14164" s="14" t="s">
        <v>43444</v>
      </c>
      <c r="E14164" s="2" t="s">
        <v>43445</v>
      </c>
      <c r="F14164" s="2" t="s">
        <v>40967</v>
      </c>
      <c r="G14164" s="8">
        <v>181</v>
      </c>
      <c r="H14164" s="5">
        <v>6</v>
      </c>
      <c r="I14164" s="5" t="s">
        <v>1518</v>
      </c>
      <c r="J14164" s="5" t="s">
        <v>40939</v>
      </c>
      <c r="K14164" s="2" t="s">
        <v>40940</v>
      </c>
      <c r="L14164" s="5" t="s">
        <v>40939</v>
      </c>
      <c r="M14164" s="2" t="s">
        <v>40940</v>
      </c>
      <c r="N14164" s="5" t="s">
        <v>36266</v>
      </c>
      <c r="O14164" s="5" t="s">
        <v>38</v>
      </c>
      <c r="P14164" s="5" t="s">
        <v>39</v>
      </c>
      <c r="Q14164" s="5" t="s">
        <v>40</v>
      </c>
      <c r="R14164" s="5" t="s">
        <v>1522</v>
      </c>
      <c r="S14164" s="5" t="s">
        <v>1523</v>
      </c>
      <c r="T14164" s="5" t="s">
        <v>42</v>
      </c>
      <c r="U14164" s="2">
        <v>1.595</v>
      </c>
      <c r="V14164" s="2">
        <v>1.038</v>
      </c>
      <c r="W14164" s="2">
        <v>1.7999999999999999E-2</v>
      </c>
      <c r="X14164" s="2">
        <v>139.1</v>
      </c>
      <c r="Y14164" s="2">
        <v>7.6</v>
      </c>
      <c r="Z14164" s="2">
        <v>16.7</v>
      </c>
      <c r="AA14164" s="5"/>
      <c r="AB14164" s="5" t="s">
        <v>43</v>
      </c>
      <c r="AC14164" s="5" t="s">
        <v>44</v>
      </c>
      <c r="AD14164" s="2"/>
      <c r="AE14164" s="1"/>
    </row>
    <row r="14165" spans="1:31" ht="14.45">
      <c r="A14165" s="11"/>
      <c r="B14165" s="20"/>
      <c r="C14165" s="2" t="s">
        <v>43446</v>
      </c>
      <c r="D14165" s="14" t="s">
        <v>43447</v>
      </c>
      <c r="E14165" s="2" t="s">
        <v>43448</v>
      </c>
      <c r="F14165" s="2" t="s">
        <v>40971</v>
      </c>
      <c r="G14165" s="8">
        <v>181</v>
      </c>
      <c r="H14165" s="5">
        <v>6</v>
      </c>
      <c r="I14165" s="5" t="s">
        <v>1518</v>
      </c>
      <c r="J14165" s="5" t="s">
        <v>40939</v>
      </c>
      <c r="K14165" s="2" t="s">
        <v>40940</v>
      </c>
      <c r="L14165" s="5" t="s">
        <v>40939</v>
      </c>
      <c r="M14165" s="2" t="s">
        <v>40940</v>
      </c>
      <c r="N14165" s="5" t="s">
        <v>36266</v>
      </c>
      <c r="O14165" s="5" t="s">
        <v>38</v>
      </c>
      <c r="P14165" s="5" t="s">
        <v>39</v>
      </c>
      <c r="Q14165" s="5" t="s">
        <v>40</v>
      </c>
      <c r="R14165" s="5" t="s">
        <v>1522</v>
      </c>
      <c r="S14165" s="5" t="s">
        <v>1523</v>
      </c>
      <c r="T14165" s="5" t="s">
        <v>42</v>
      </c>
      <c r="U14165" s="2">
        <v>1.6060000000000001</v>
      </c>
      <c r="V14165" s="2">
        <v>1.0489999999999999</v>
      </c>
      <c r="W14165" s="2">
        <v>1.7999999999999999E-2</v>
      </c>
      <c r="X14165" s="2">
        <v>139.1</v>
      </c>
      <c r="Y14165" s="2">
        <v>7.6</v>
      </c>
      <c r="Z14165" s="2">
        <v>16.7</v>
      </c>
      <c r="AA14165" s="5"/>
      <c r="AB14165" s="5" t="s">
        <v>43</v>
      </c>
      <c r="AC14165" s="5" t="s">
        <v>44</v>
      </c>
      <c r="AD14165" s="2"/>
      <c r="AE14165" s="1"/>
    </row>
    <row r="14166" spans="1:31" ht="14.45">
      <c r="A14166" s="11"/>
      <c r="B14166" s="20"/>
      <c r="C14166" s="2" t="s">
        <v>43449</v>
      </c>
      <c r="D14166" s="14" t="s">
        <v>43450</v>
      </c>
      <c r="E14166" s="2" t="s">
        <v>43451</v>
      </c>
      <c r="F14166" s="2" t="s">
        <v>40975</v>
      </c>
      <c r="G14166" s="8">
        <v>181</v>
      </c>
      <c r="H14166" s="5">
        <v>6</v>
      </c>
      <c r="I14166" s="5" t="s">
        <v>1518</v>
      </c>
      <c r="J14166" s="5" t="s">
        <v>40939</v>
      </c>
      <c r="K14166" s="2" t="s">
        <v>40940</v>
      </c>
      <c r="L14166" s="5" t="s">
        <v>40939</v>
      </c>
      <c r="M14166" s="2" t="s">
        <v>40940</v>
      </c>
      <c r="N14166" s="5" t="s">
        <v>36266</v>
      </c>
      <c r="O14166" s="5" t="s">
        <v>38</v>
      </c>
      <c r="P14166" s="5" t="s">
        <v>39</v>
      </c>
      <c r="Q14166" s="5" t="s">
        <v>40</v>
      </c>
      <c r="R14166" s="5" t="s">
        <v>1522</v>
      </c>
      <c r="S14166" s="5" t="s">
        <v>1523</v>
      </c>
      <c r="T14166" s="5" t="s">
        <v>42</v>
      </c>
      <c r="U14166" s="2">
        <v>1.595</v>
      </c>
      <c r="V14166" s="2">
        <v>1.038</v>
      </c>
      <c r="W14166" s="2">
        <v>1.7999999999999999E-2</v>
      </c>
      <c r="X14166" s="2">
        <v>139.1</v>
      </c>
      <c r="Y14166" s="2">
        <v>7.6</v>
      </c>
      <c r="Z14166" s="2">
        <v>16.7</v>
      </c>
      <c r="AA14166" s="5"/>
      <c r="AB14166" s="5" t="s">
        <v>43</v>
      </c>
      <c r="AC14166" s="5" t="s">
        <v>44</v>
      </c>
      <c r="AD14166" s="2"/>
      <c r="AE14166" s="1"/>
    </row>
    <row r="14167" spans="1:31" ht="14.45">
      <c r="A14167" s="11"/>
      <c r="B14167" s="20"/>
      <c r="C14167" s="2" t="s">
        <v>43452</v>
      </c>
      <c r="D14167" s="14" t="s">
        <v>43453</v>
      </c>
      <c r="E14167" s="2" t="s">
        <v>43454</v>
      </c>
      <c r="F14167" s="2" t="s">
        <v>40979</v>
      </c>
      <c r="G14167" s="8">
        <v>181</v>
      </c>
      <c r="H14167" s="5">
        <v>6</v>
      </c>
      <c r="I14167" s="5" t="s">
        <v>1518</v>
      </c>
      <c r="J14167" s="5" t="s">
        <v>40939</v>
      </c>
      <c r="K14167" s="2" t="s">
        <v>40940</v>
      </c>
      <c r="L14167" s="5" t="s">
        <v>40939</v>
      </c>
      <c r="M14167" s="2" t="s">
        <v>40940</v>
      </c>
      <c r="N14167" s="5" t="s">
        <v>36266</v>
      </c>
      <c r="O14167" s="5" t="s">
        <v>38</v>
      </c>
      <c r="P14167" s="5" t="s">
        <v>39</v>
      </c>
      <c r="Q14167" s="5" t="s">
        <v>40</v>
      </c>
      <c r="R14167" s="5" t="s">
        <v>1522</v>
      </c>
      <c r="S14167" s="5" t="s">
        <v>1523</v>
      </c>
      <c r="T14167" s="5" t="s">
        <v>42</v>
      </c>
      <c r="U14167" s="2">
        <v>1.6060000000000001</v>
      </c>
      <c r="V14167" s="2">
        <v>1.0489999999999999</v>
      </c>
      <c r="W14167" s="2">
        <v>1.7999999999999999E-2</v>
      </c>
      <c r="X14167" s="2">
        <v>139.1</v>
      </c>
      <c r="Y14167" s="2">
        <v>7.6</v>
      </c>
      <c r="Z14167" s="2">
        <v>16.7</v>
      </c>
      <c r="AA14167" s="5"/>
      <c r="AB14167" s="5" t="s">
        <v>43</v>
      </c>
      <c r="AC14167" s="5" t="s">
        <v>44</v>
      </c>
      <c r="AD14167" s="2"/>
      <c r="AE14167" s="1"/>
    </row>
    <row r="14168" spans="1:31" ht="14.45">
      <c r="A14168" s="11"/>
      <c r="B14168" s="20"/>
      <c r="C14168" s="2" t="s">
        <v>43455</v>
      </c>
      <c r="D14168" s="14" t="s">
        <v>43456</v>
      </c>
      <c r="E14168" s="2" t="s">
        <v>43457</v>
      </c>
      <c r="F14168" s="2" t="s">
        <v>7539</v>
      </c>
      <c r="G14168" s="8">
        <v>181</v>
      </c>
      <c r="H14168" s="5">
        <v>6</v>
      </c>
      <c r="I14168" s="5" t="s">
        <v>1518</v>
      </c>
      <c r="J14168" s="5" t="s">
        <v>40939</v>
      </c>
      <c r="K14168" s="2" t="s">
        <v>40940</v>
      </c>
      <c r="L14168" s="5" t="s">
        <v>40939</v>
      </c>
      <c r="M14168" s="2" t="s">
        <v>40940</v>
      </c>
      <c r="N14168" s="5" t="s">
        <v>36266</v>
      </c>
      <c r="O14168" s="5" t="s">
        <v>38</v>
      </c>
      <c r="P14168" s="5" t="s">
        <v>39</v>
      </c>
      <c r="Q14168" s="5" t="s">
        <v>40</v>
      </c>
      <c r="R14168" s="5" t="s">
        <v>1522</v>
      </c>
      <c r="S14168" s="5" t="s">
        <v>1523</v>
      </c>
      <c r="T14168" s="5" t="s">
        <v>42</v>
      </c>
      <c r="U14168" s="2">
        <v>1.542</v>
      </c>
      <c r="V14168" s="2">
        <v>0.98499999999999999</v>
      </c>
      <c r="W14168" s="2">
        <v>1.7999999999999999E-2</v>
      </c>
      <c r="X14168" s="2">
        <v>139.1</v>
      </c>
      <c r="Y14168" s="2">
        <v>7.6</v>
      </c>
      <c r="Z14168" s="2">
        <v>16.7</v>
      </c>
      <c r="AA14168" s="5"/>
      <c r="AB14168" s="5" t="s">
        <v>43</v>
      </c>
      <c r="AC14168" s="5" t="s">
        <v>44</v>
      </c>
      <c r="AD14168" s="2"/>
      <c r="AE14168" s="1"/>
    </row>
    <row r="14169" spans="1:31" ht="14.45">
      <c r="A14169" s="11"/>
      <c r="B14169" s="20"/>
      <c r="C14169" s="2" t="s">
        <v>43458</v>
      </c>
      <c r="D14169" s="14" t="s">
        <v>43459</v>
      </c>
      <c r="E14169" s="2" t="s">
        <v>43460</v>
      </c>
      <c r="F14169" s="2" t="s">
        <v>7543</v>
      </c>
      <c r="G14169" s="8">
        <v>181</v>
      </c>
      <c r="H14169" s="5">
        <v>6</v>
      </c>
      <c r="I14169" s="5" t="s">
        <v>1518</v>
      </c>
      <c r="J14169" s="5" t="s">
        <v>40939</v>
      </c>
      <c r="K14169" s="2" t="s">
        <v>40940</v>
      </c>
      <c r="L14169" s="5" t="s">
        <v>40939</v>
      </c>
      <c r="M14169" s="2" t="s">
        <v>40940</v>
      </c>
      <c r="N14169" s="5" t="s">
        <v>36266</v>
      </c>
      <c r="O14169" s="5" t="s">
        <v>38</v>
      </c>
      <c r="P14169" s="5" t="s">
        <v>39</v>
      </c>
      <c r="Q14169" s="5" t="s">
        <v>40</v>
      </c>
      <c r="R14169" s="5" t="s">
        <v>1522</v>
      </c>
      <c r="S14169" s="5" t="s">
        <v>1523</v>
      </c>
      <c r="T14169" s="5" t="s">
        <v>42</v>
      </c>
      <c r="U14169" s="2">
        <v>1.5529999999999999</v>
      </c>
      <c r="V14169" s="2">
        <v>0.996</v>
      </c>
      <c r="W14169" s="2">
        <v>1.7999999999999999E-2</v>
      </c>
      <c r="X14169" s="2">
        <v>139.1</v>
      </c>
      <c r="Y14169" s="2">
        <v>7.6</v>
      </c>
      <c r="Z14169" s="2">
        <v>16.7</v>
      </c>
      <c r="AA14169" s="5"/>
      <c r="AB14169" s="5" t="s">
        <v>43</v>
      </c>
      <c r="AC14169" s="5" t="s">
        <v>44</v>
      </c>
      <c r="AD14169" s="2"/>
      <c r="AE14169" s="1"/>
    </row>
    <row r="14170" spans="1:31" ht="14.45">
      <c r="A14170" s="11"/>
      <c r="B14170" s="20"/>
      <c r="C14170" s="2" t="s">
        <v>43461</v>
      </c>
      <c r="D14170" s="14" t="s">
        <v>43462</v>
      </c>
      <c r="E14170" s="2" t="s">
        <v>43463</v>
      </c>
      <c r="F14170" s="2" t="s">
        <v>40989</v>
      </c>
      <c r="G14170" s="8">
        <v>181</v>
      </c>
      <c r="H14170" s="5">
        <v>6</v>
      </c>
      <c r="I14170" s="5" t="s">
        <v>1518</v>
      </c>
      <c r="J14170" s="5" t="s">
        <v>40939</v>
      </c>
      <c r="K14170" s="2" t="s">
        <v>40940</v>
      </c>
      <c r="L14170" s="5" t="s">
        <v>40939</v>
      </c>
      <c r="M14170" s="2" t="s">
        <v>40940</v>
      </c>
      <c r="N14170" s="5" t="s">
        <v>36266</v>
      </c>
      <c r="O14170" s="5" t="s">
        <v>38</v>
      </c>
      <c r="P14170" s="5" t="s">
        <v>39</v>
      </c>
      <c r="Q14170" s="5" t="s">
        <v>40</v>
      </c>
      <c r="R14170" s="5" t="s">
        <v>1522</v>
      </c>
      <c r="S14170" s="5" t="s">
        <v>1523</v>
      </c>
      <c r="T14170" s="5" t="s">
        <v>42</v>
      </c>
      <c r="U14170" s="2">
        <v>1.595</v>
      </c>
      <c r="V14170" s="2">
        <v>1.038</v>
      </c>
      <c r="W14170" s="2">
        <v>1.7999999999999999E-2</v>
      </c>
      <c r="X14170" s="2">
        <v>139.1</v>
      </c>
      <c r="Y14170" s="2">
        <v>7.6</v>
      </c>
      <c r="Z14170" s="2">
        <v>16.7</v>
      </c>
      <c r="AA14170" s="5"/>
      <c r="AB14170" s="5" t="s">
        <v>43</v>
      </c>
      <c r="AC14170" s="5" t="s">
        <v>44</v>
      </c>
      <c r="AD14170" s="2"/>
      <c r="AE14170" s="1"/>
    </row>
    <row r="14171" spans="1:31" ht="14.45">
      <c r="A14171" s="11"/>
      <c r="B14171" s="20"/>
      <c r="C14171" s="2" t="s">
        <v>43464</v>
      </c>
      <c r="D14171" s="14" t="s">
        <v>43465</v>
      </c>
      <c r="E14171" s="2" t="s">
        <v>43466</v>
      </c>
      <c r="F14171" s="2" t="s">
        <v>40993</v>
      </c>
      <c r="G14171" s="8">
        <v>181</v>
      </c>
      <c r="H14171" s="5">
        <v>6</v>
      </c>
      <c r="I14171" s="5" t="s">
        <v>1518</v>
      </c>
      <c r="J14171" s="5" t="s">
        <v>40939</v>
      </c>
      <c r="K14171" s="2" t="s">
        <v>40940</v>
      </c>
      <c r="L14171" s="5" t="s">
        <v>40939</v>
      </c>
      <c r="M14171" s="2" t="s">
        <v>40940</v>
      </c>
      <c r="N14171" s="5" t="s">
        <v>36266</v>
      </c>
      <c r="O14171" s="5" t="s">
        <v>38</v>
      </c>
      <c r="P14171" s="5" t="s">
        <v>39</v>
      </c>
      <c r="Q14171" s="5" t="s">
        <v>40</v>
      </c>
      <c r="R14171" s="5" t="s">
        <v>1522</v>
      </c>
      <c r="S14171" s="5" t="s">
        <v>1523</v>
      </c>
      <c r="T14171" s="5" t="s">
        <v>42</v>
      </c>
      <c r="U14171" s="2">
        <v>1.6060000000000001</v>
      </c>
      <c r="V14171" s="2">
        <v>1.0489999999999999</v>
      </c>
      <c r="W14171" s="2">
        <v>1.7999999999999999E-2</v>
      </c>
      <c r="X14171" s="2">
        <v>139.1</v>
      </c>
      <c r="Y14171" s="2">
        <v>7.6</v>
      </c>
      <c r="Z14171" s="2">
        <v>16.7</v>
      </c>
      <c r="AA14171" s="5"/>
      <c r="AB14171" s="5" t="s">
        <v>43</v>
      </c>
      <c r="AC14171" s="5" t="s">
        <v>44</v>
      </c>
      <c r="AD14171" s="2"/>
      <c r="AE14171" s="1"/>
    </row>
    <row r="14172" spans="1:31" ht="14.45">
      <c r="A14172" s="11"/>
      <c r="B14172" s="20"/>
      <c r="C14172" s="2" t="s">
        <v>43467</v>
      </c>
      <c r="D14172" s="14" t="s">
        <v>43468</v>
      </c>
      <c r="E14172" s="2" t="s">
        <v>43469</v>
      </c>
      <c r="F14172" s="2" t="s">
        <v>40997</v>
      </c>
      <c r="G14172" s="8">
        <v>181</v>
      </c>
      <c r="H14172" s="5">
        <v>6</v>
      </c>
      <c r="I14172" s="5" t="s">
        <v>1518</v>
      </c>
      <c r="J14172" s="5" t="s">
        <v>40939</v>
      </c>
      <c r="K14172" s="2" t="s">
        <v>40940</v>
      </c>
      <c r="L14172" s="5" t="s">
        <v>40939</v>
      </c>
      <c r="M14172" s="2" t="s">
        <v>40940</v>
      </c>
      <c r="N14172" s="5" t="s">
        <v>36266</v>
      </c>
      <c r="O14172" s="5" t="s">
        <v>38</v>
      </c>
      <c r="P14172" s="5" t="s">
        <v>39</v>
      </c>
      <c r="Q14172" s="5" t="s">
        <v>40</v>
      </c>
      <c r="R14172" s="5" t="s">
        <v>1522</v>
      </c>
      <c r="S14172" s="5" t="s">
        <v>1523</v>
      </c>
      <c r="T14172" s="5" t="s">
        <v>42</v>
      </c>
      <c r="U14172" s="2">
        <v>1.5529999999999999</v>
      </c>
      <c r="V14172" s="2">
        <v>0.996</v>
      </c>
      <c r="W14172" s="2">
        <v>1.7999999999999999E-2</v>
      </c>
      <c r="X14172" s="2">
        <v>139.1</v>
      </c>
      <c r="Y14172" s="2">
        <v>7.6</v>
      </c>
      <c r="Z14172" s="2">
        <v>16.7</v>
      </c>
      <c r="AA14172" s="5"/>
      <c r="AB14172" s="5" t="s">
        <v>43</v>
      </c>
      <c r="AC14172" s="5" t="s">
        <v>44</v>
      </c>
      <c r="AD14172" s="2"/>
      <c r="AE14172" s="1"/>
    </row>
    <row r="14173" spans="1:31" ht="14.45">
      <c r="A14173" s="11"/>
      <c r="B14173" s="20"/>
      <c r="C14173" s="2" t="s">
        <v>43470</v>
      </c>
      <c r="D14173" s="14" t="s">
        <v>43471</v>
      </c>
      <c r="E14173" s="2" t="s">
        <v>43472</v>
      </c>
      <c r="F14173" s="2" t="s">
        <v>41267</v>
      </c>
      <c r="G14173" s="8">
        <v>181</v>
      </c>
      <c r="H14173" s="5">
        <v>6</v>
      </c>
      <c r="I14173" s="5" t="s">
        <v>1518</v>
      </c>
      <c r="J14173" s="5" t="s">
        <v>40939</v>
      </c>
      <c r="K14173" s="2" t="s">
        <v>40940</v>
      </c>
      <c r="L14173" s="5" t="s">
        <v>40939</v>
      </c>
      <c r="M14173" s="2" t="s">
        <v>40940</v>
      </c>
      <c r="N14173" s="5" t="s">
        <v>36266</v>
      </c>
      <c r="O14173" s="5" t="s">
        <v>38</v>
      </c>
      <c r="P14173" s="5" t="s">
        <v>39</v>
      </c>
      <c r="Q14173" s="5" t="s">
        <v>40</v>
      </c>
      <c r="R14173" s="5" t="s">
        <v>1522</v>
      </c>
      <c r="S14173" s="5" t="s">
        <v>1523</v>
      </c>
      <c r="T14173" s="5" t="s">
        <v>42</v>
      </c>
      <c r="U14173" s="2">
        <v>1.5640000000000001</v>
      </c>
      <c r="V14173" s="2">
        <v>1.0069999999999999</v>
      </c>
      <c r="W14173" s="2">
        <v>1.7999999999999999E-2</v>
      </c>
      <c r="X14173" s="2">
        <v>139.1</v>
      </c>
      <c r="Y14173" s="2">
        <v>7.6</v>
      </c>
      <c r="Z14173" s="2">
        <v>16.7</v>
      </c>
      <c r="AA14173" s="5"/>
      <c r="AB14173" s="5" t="s">
        <v>43</v>
      </c>
      <c r="AC14173" s="5" t="s">
        <v>44</v>
      </c>
      <c r="AD14173" s="2"/>
      <c r="AE14173" s="1"/>
    </row>
    <row r="14174" spans="1:31" ht="14.45">
      <c r="A14174" s="11"/>
      <c r="B14174" s="20"/>
      <c r="C14174" s="2" t="s">
        <v>43473</v>
      </c>
      <c r="D14174" s="14" t="s">
        <v>43474</v>
      </c>
      <c r="E14174" s="2" t="s">
        <v>43475</v>
      </c>
      <c r="F14174" s="2" t="s">
        <v>41001</v>
      </c>
      <c r="G14174" s="8">
        <v>181</v>
      </c>
      <c r="H14174" s="5">
        <v>6</v>
      </c>
      <c r="I14174" s="5" t="s">
        <v>1518</v>
      </c>
      <c r="J14174" s="5" t="s">
        <v>40939</v>
      </c>
      <c r="K14174" s="2" t="s">
        <v>40940</v>
      </c>
      <c r="L14174" s="5" t="s">
        <v>40939</v>
      </c>
      <c r="M14174" s="2" t="s">
        <v>40940</v>
      </c>
      <c r="N14174" s="5" t="s">
        <v>36266</v>
      </c>
      <c r="O14174" s="5" t="s">
        <v>38</v>
      </c>
      <c r="P14174" s="5" t="s">
        <v>39</v>
      </c>
      <c r="Q14174" s="5" t="s">
        <v>40</v>
      </c>
      <c r="R14174" s="5" t="s">
        <v>1522</v>
      </c>
      <c r="S14174" s="5" t="s">
        <v>1523</v>
      </c>
      <c r="T14174" s="5" t="s">
        <v>42</v>
      </c>
      <c r="U14174" s="2">
        <v>1.595</v>
      </c>
      <c r="V14174" s="2">
        <v>1.038</v>
      </c>
      <c r="W14174" s="2">
        <v>1.7999999999999999E-2</v>
      </c>
      <c r="X14174" s="2">
        <v>139.1</v>
      </c>
      <c r="Y14174" s="2">
        <v>7.6</v>
      </c>
      <c r="Z14174" s="2">
        <v>16.7</v>
      </c>
      <c r="AA14174" s="5"/>
      <c r="AB14174" s="5" t="s">
        <v>43</v>
      </c>
      <c r="AC14174" s="5" t="s">
        <v>44</v>
      </c>
      <c r="AD14174" s="2"/>
      <c r="AE14174" s="1"/>
    </row>
    <row r="14175" spans="1:31" ht="14.45">
      <c r="A14175" s="11"/>
      <c r="B14175" s="20"/>
      <c r="C14175" s="2" t="s">
        <v>43476</v>
      </c>
      <c r="D14175" s="14" t="s">
        <v>43477</v>
      </c>
      <c r="E14175" s="2" t="s">
        <v>43478</v>
      </c>
      <c r="F14175" s="2" t="s">
        <v>41005</v>
      </c>
      <c r="G14175" s="8">
        <v>181</v>
      </c>
      <c r="H14175" s="5">
        <v>6</v>
      </c>
      <c r="I14175" s="5" t="s">
        <v>1518</v>
      </c>
      <c r="J14175" s="5" t="s">
        <v>40939</v>
      </c>
      <c r="K14175" s="2" t="s">
        <v>40940</v>
      </c>
      <c r="L14175" s="5" t="s">
        <v>40939</v>
      </c>
      <c r="M14175" s="2" t="s">
        <v>40940</v>
      </c>
      <c r="N14175" s="5" t="s">
        <v>36266</v>
      </c>
      <c r="O14175" s="5" t="s">
        <v>38</v>
      </c>
      <c r="P14175" s="5" t="s">
        <v>39</v>
      </c>
      <c r="Q14175" s="5" t="s">
        <v>40</v>
      </c>
      <c r="R14175" s="5" t="s">
        <v>1522</v>
      </c>
      <c r="S14175" s="5" t="s">
        <v>1523</v>
      </c>
      <c r="T14175" s="5" t="s">
        <v>42</v>
      </c>
      <c r="U14175" s="2">
        <v>1.6060000000000001</v>
      </c>
      <c r="V14175" s="2">
        <v>1.0489999999999999</v>
      </c>
      <c r="W14175" s="2">
        <v>1.7999999999999999E-2</v>
      </c>
      <c r="X14175" s="2">
        <v>139.1</v>
      </c>
      <c r="Y14175" s="2">
        <v>7.6</v>
      </c>
      <c r="Z14175" s="2">
        <v>16.7</v>
      </c>
      <c r="AA14175" s="5"/>
      <c r="AB14175" s="5" t="s">
        <v>43</v>
      </c>
      <c r="AC14175" s="5" t="s">
        <v>44</v>
      </c>
      <c r="AD14175" s="2"/>
      <c r="AE14175" s="1"/>
    </row>
    <row r="14176" spans="1:31" ht="14.45">
      <c r="A14176" s="11"/>
      <c r="B14176" s="20"/>
      <c r="C14176" s="2" t="s">
        <v>43479</v>
      </c>
      <c r="D14176" s="14" t="s">
        <v>43480</v>
      </c>
      <c r="E14176" s="2" t="s">
        <v>43481</v>
      </c>
      <c r="F14176" s="2" t="s">
        <v>41009</v>
      </c>
      <c r="G14176" s="8">
        <v>181</v>
      </c>
      <c r="H14176" s="5">
        <v>6</v>
      </c>
      <c r="I14176" s="5" t="s">
        <v>1518</v>
      </c>
      <c r="J14176" s="5" t="s">
        <v>40939</v>
      </c>
      <c r="K14176" s="2" t="s">
        <v>40940</v>
      </c>
      <c r="L14176" s="5" t="s">
        <v>40939</v>
      </c>
      <c r="M14176" s="2" t="s">
        <v>40940</v>
      </c>
      <c r="N14176" s="5" t="s">
        <v>36266</v>
      </c>
      <c r="O14176" s="5" t="s">
        <v>38</v>
      </c>
      <c r="P14176" s="5" t="s">
        <v>39</v>
      </c>
      <c r="Q14176" s="5" t="s">
        <v>40</v>
      </c>
      <c r="R14176" s="5" t="s">
        <v>1522</v>
      </c>
      <c r="S14176" s="5" t="s">
        <v>1523</v>
      </c>
      <c r="T14176" s="5" t="s">
        <v>42</v>
      </c>
      <c r="U14176" s="2">
        <v>1.6060000000000001</v>
      </c>
      <c r="V14176" s="2">
        <v>1.0489999999999999</v>
      </c>
      <c r="W14176" s="2">
        <v>1.7999999999999999E-2</v>
      </c>
      <c r="X14176" s="2">
        <v>139.1</v>
      </c>
      <c r="Y14176" s="2">
        <v>7.6</v>
      </c>
      <c r="Z14176" s="2">
        <v>16.7</v>
      </c>
      <c r="AA14176" s="5"/>
      <c r="AB14176" s="5" t="s">
        <v>43</v>
      </c>
      <c r="AC14176" s="5" t="s">
        <v>44</v>
      </c>
      <c r="AD14176" s="2"/>
      <c r="AE14176" s="1"/>
    </row>
    <row r="14177" spans="1:31" ht="14.45">
      <c r="A14177" s="11"/>
      <c r="B14177" s="20"/>
      <c r="C14177" s="2" t="s">
        <v>43482</v>
      </c>
      <c r="D14177" s="14" t="s">
        <v>43483</v>
      </c>
      <c r="E14177" s="2" t="s">
        <v>43484</v>
      </c>
      <c r="F14177" s="2" t="s">
        <v>41013</v>
      </c>
      <c r="G14177" s="8">
        <v>181</v>
      </c>
      <c r="H14177" s="5">
        <v>6</v>
      </c>
      <c r="I14177" s="5" t="s">
        <v>1518</v>
      </c>
      <c r="J14177" s="5" t="s">
        <v>40939</v>
      </c>
      <c r="K14177" s="2" t="s">
        <v>40940</v>
      </c>
      <c r="L14177" s="5" t="s">
        <v>40939</v>
      </c>
      <c r="M14177" s="2" t="s">
        <v>40940</v>
      </c>
      <c r="N14177" s="5" t="s">
        <v>36266</v>
      </c>
      <c r="O14177" s="5" t="s">
        <v>38</v>
      </c>
      <c r="P14177" s="5" t="s">
        <v>39</v>
      </c>
      <c r="Q14177" s="5" t="s">
        <v>40</v>
      </c>
      <c r="R14177" s="5" t="s">
        <v>1522</v>
      </c>
      <c r="S14177" s="5" t="s">
        <v>1523</v>
      </c>
      <c r="T14177" s="5" t="s">
        <v>42</v>
      </c>
      <c r="U14177" s="2">
        <v>1.617</v>
      </c>
      <c r="V14177" s="2">
        <v>1.06</v>
      </c>
      <c r="W14177" s="2">
        <v>1.7999999999999999E-2</v>
      </c>
      <c r="X14177" s="2">
        <v>139.1</v>
      </c>
      <c r="Y14177" s="2">
        <v>7.6</v>
      </c>
      <c r="Z14177" s="2">
        <v>16.7</v>
      </c>
      <c r="AA14177" s="5"/>
      <c r="AB14177" s="5" t="s">
        <v>43</v>
      </c>
      <c r="AC14177" s="5" t="s">
        <v>44</v>
      </c>
      <c r="AD14177" s="2"/>
      <c r="AE14177" s="1"/>
    </row>
    <row r="14178" spans="1:31" ht="14.45">
      <c r="A14178" s="11"/>
      <c r="B14178" s="20"/>
      <c r="C14178" s="2" t="s">
        <v>43485</v>
      </c>
      <c r="D14178" s="14" t="s">
        <v>43486</v>
      </c>
      <c r="E14178" s="2" t="s">
        <v>43487</v>
      </c>
      <c r="F14178" s="2" t="s">
        <v>7396</v>
      </c>
      <c r="G14178" s="8">
        <v>157</v>
      </c>
      <c r="H14178" s="5">
        <v>6</v>
      </c>
      <c r="I14178" s="5" t="s">
        <v>1518</v>
      </c>
      <c r="J14178" s="5" t="s">
        <v>40939</v>
      </c>
      <c r="K14178" s="2" t="s">
        <v>40940</v>
      </c>
      <c r="L14178" s="5" t="s">
        <v>40939</v>
      </c>
      <c r="M14178" s="2" t="s">
        <v>40940</v>
      </c>
      <c r="N14178" s="5" t="s">
        <v>36266</v>
      </c>
      <c r="O14178" s="5" t="s">
        <v>38</v>
      </c>
      <c r="P14178" s="5" t="s">
        <v>39</v>
      </c>
      <c r="Q14178" s="5" t="s">
        <v>40</v>
      </c>
      <c r="R14178" s="5" t="s">
        <v>1522</v>
      </c>
      <c r="S14178" s="5" t="s">
        <v>1523</v>
      </c>
      <c r="T14178" s="5" t="s">
        <v>42</v>
      </c>
      <c r="U14178" s="2">
        <v>1.6060000000000001</v>
      </c>
      <c r="V14178" s="2">
        <v>1.0489999999999999</v>
      </c>
      <c r="W14178" s="2">
        <v>1.7999999999999999E-2</v>
      </c>
      <c r="X14178" s="2">
        <v>139.1</v>
      </c>
      <c r="Y14178" s="2">
        <v>7.6</v>
      </c>
      <c r="Z14178" s="2">
        <v>16.7</v>
      </c>
      <c r="AA14178" s="5"/>
      <c r="AB14178" s="5" t="s">
        <v>43</v>
      </c>
      <c r="AC14178" s="5" t="s">
        <v>44</v>
      </c>
      <c r="AD14178" s="2"/>
      <c r="AE14178" s="1"/>
    </row>
    <row r="14179" spans="1:31" ht="14.45">
      <c r="A14179" s="11"/>
      <c r="B14179" s="20"/>
      <c r="C14179" s="2" t="s">
        <v>43488</v>
      </c>
      <c r="D14179" s="14" t="s">
        <v>43489</v>
      </c>
      <c r="E14179" s="2" t="s">
        <v>43490</v>
      </c>
      <c r="F14179" s="2" t="s">
        <v>7507</v>
      </c>
      <c r="G14179" s="8">
        <v>157</v>
      </c>
      <c r="H14179" s="5">
        <v>6</v>
      </c>
      <c r="I14179" s="5" t="s">
        <v>1518</v>
      </c>
      <c r="J14179" s="5" t="s">
        <v>40939</v>
      </c>
      <c r="K14179" s="2" t="s">
        <v>40940</v>
      </c>
      <c r="L14179" s="5" t="s">
        <v>40939</v>
      </c>
      <c r="M14179" s="2" t="s">
        <v>40940</v>
      </c>
      <c r="N14179" s="5" t="s">
        <v>36266</v>
      </c>
      <c r="O14179" s="5" t="s">
        <v>38</v>
      </c>
      <c r="P14179" s="5" t="s">
        <v>39</v>
      </c>
      <c r="Q14179" s="5" t="s">
        <v>40</v>
      </c>
      <c r="R14179" s="5" t="s">
        <v>1522</v>
      </c>
      <c r="S14179" s="5" t="s">
        <v>1523</v>
      </c>
      <c r="T14179" s="5" t="s">
        <v>42</v>
      </c>
      <c r="U14179" s="2">
        <v>1.617</v>
      </c>
      <c r="V14179" s="2">
        <v>1.06</v>
      </c>
      <c r="W14179" s="2">
        <v>1.7999999999999999E-2</v>
      </c>
      <c r="X14179" s="2">
        <v>139.1</v>
      </c>
      <c r="Y14179" s="2">
        <v>7.6</v>
      </c>
      <c r="Z14179" s="2">
        <v>16.7</v>
      </c>
      <c r="AA14179" s="5"/>
      <c r="AB14179" s="5" t="s">
        <v>43</v>
      </c>
      <c r="AC14179" s="5" t="s">
        <v>44</v>
      </c>
      <c r="AD14179" s="2"/>
      <c r="AE14179" s="1"/>
    </row>
    <row r="14180" spans="1:31" ht="14.45">
      <c r="A14180" s="11"/>
      <c r="B14180" s="20"/>
      <c r="C14180" s="2" t="s">
        <v>43491</v>
      </c>
      <c r="D14180" s="14" t="s">
        <v>43492</v>
      </c>
      <c r="E14180" s="2" t="s">
        <v>43493</v>
      </c>
      <c r="F14180" s="2" t="s">
        <v>41023</v>
      </c>
      <c r="G14180" s="8">
        <v>181</v>
      </c>
      <c r="H14180" s="5">
        <v>6</v>
      </c>
      <c r="I14180" s="5" t="s">
        <v>1518</v>
      </c>
      <c r="J14180" s="5" t="s">
        <v>40939</v>
      </c>
      <c r="K14180" s="2" t="s">
        <v>40940</v>
      </c>
      <c r="L14180" s="5" t="s">
        <v>40939</v>
      </c>
      <c r="M14180" s="2" t="s">
        <v>40940</v>
      </c>
      <c r="N14180" s="5" t="s">
        <v>36266</v>
      </c>
      <c r="O14180" s="5" t="s">
        <v>38</v>
      </c>
      <c r="P14180" s="5" t="s">
        <v>39</v>
      </c>
      <c r="Q14180" s="5" t="s">
        <v>40</v>
      </c>
      <c r="R14180" s="5" t="s">
        <v>1522</v>
      </c>
      <c r="S14180" s="5" t="s">
        <v>1523</v>
      </c>
      <c r="T14180" s="5" t="s">
        <v>42</v>
      </c>
      <c r="U14180" s="2">
        <v>1.5529999999999999</v>
      </c>
      <c r="V14180" s="2">
        <v>0.996</v>
      </c>
      <c r="W14180" s="2">
        <v>1.7999999999999999E-2</v>
      </c>
      <c r="X14180" s="2">
        <v>139.1</v>
      </c>
      <c r="Y14180" s="2">
        <v>7.6</v>
      </c>
      <c r="Z14180" s="2">
        <v>16.7</v>
      </c>
      <c r="AA14180" s="5"/>
      <c r="AB14180" s="5" t="s">
        <v>43</v>
      </c>
      <c r="AC14180" s="5" t="s">
        <v>44</v>
      </c>
      <c r="AD14180" s="2"/>
      <c r="AE14180" s="1"/>
    </row>
    <row r="14181" spans="1:31" ht="14.45">
      <c r="A14181" s="11"/>
      <c r="B14181" s="20"/>
      <c r="C14181" s="2" t="s">
        <v>43494</v>
      </c>
      <c r="D14181" s="14" t="s">
        <v>43495</v>
      </c>
      <c r="E14181" s="2" t="s">
        <v>43496</v>
      </c>
      <c r="F14181" s="2" t="s">
        <v>41027</v>
      </c>
      <c r="G14181" s="8">
        <v>181</v>
      </c>
      <c r="H14181" s="5">
        <v>6</v>
      </c>
      <c r="I14181" s="5" t="s">
        <v>1518</v>
      </c>
      <c r="J14181" s="5" t="s">
        <v>40939</v>
      </c>
      <c r="K14181" s="2" t="s">
        <v>40940</v>
      </c>
      <c r="L14181" s="5" t="s">
        <v>40939</v>
      </c>
      <c r="M14181" s="2" t="s">
        <v>40940</v>
      </c>
      <c r="N14181" s="5" t="s">
        <v>36266</v>
      </c>
      <c r="O14181" s="5" t="s">
        <v>38</v>
      </c>
      <c r="P14181" s="5" t="s">
        <v>39</v>
      </c>
      <c r="Q14181" s="5" t="s">
        <v>40</v>
      </c>
      <c r="R14181" s="5" t="s">
        <v>1522</v>
      </c>
      <c r="S14181" s="5" t="s">
        <v>1523</v>
      </c>
      <c r="T14181" s="5" t="s">
        <v>42</v>
      </c>
      <c r="U14181" s="2">
        <v>1.5640000000000001</v>
      </c>
      <c r="V14181" s="2">
        <v>1.0069999999999999</v>
      </c>
      <c r="W14181" s="2">
        <v>1.7999999999999999E-2</v>
      </c>
      <c r="X14181" s="2">
        <v>139.1</v>
      </c>
      <c r="Y14181" s="2">
        <v>7.6</v>
      </c>
      <c r="Z14181" s="2">
        <v>16.7</v>
      </c>
      <c r="AA14181" s="5"/>
      <c r="AB14181" s="5" t="s">
        <v>43</v>
      </c>
      <c r="AC14181" s="5" t="s">
        <v>44</v>
      </c>
      <c r="AD14181" s="2"/>
      <c r="AE14181" s="1"/>
    </row>
    <row r="14182" spans="1:31" ht="14.45">
      <c r="A14182" s="11"/>
      <c r="B14182" s="20"/>
      <c r="C14182" s="2" t="s">
        <v>43497</v>
      </c>
      <c r="D14182" s="14" t="s">
        <v>43498</v>
      </c>
      <c r="E14182" s="2" t="s">
        <v>43499</v>
      </c>
      <c r="F14182" s="2" t="s">
        <v>41031</v>
      </c>
      <c r="G14182" s="8">
        <v>181</v>
      </c>
      <c r="H14182" s="5">
        <v>6</v>
      </c>
      <c r="I14182" s="5" t="s">
        <v>1518</v>
      </c>
      <c r="J14182" s="5" t="s">
        <v>40939</v>
      </c>
      <c r="K14182" s="2" t="s">
        <v>40940</v>
      </c>
      <c r="L14182" s="5" t="s">
        <v>40939</v>
      </c>
      <c r="M14182" s="2" t="s">
        <v>40940</v>
      </c>
      <c r="N14182" s="5" t="s">
        <v>36266</v>
      </c>
      <c r="O14182" s="5" t="s">
        <v>38</v>
      </c>
      <c r="P14182" s="5" t="s">
        <v>39</v>
      </c>
      <c r="Q14182" s="5" t="s">
        <v>40</v>
      </c>
      <c r="R14182" s="5" t="s">
        <v>1522</v>
      </c>
      <c r="S14182" s="5" t="s">
        <v>1523</v>
      </c>
      <c r="T14182" s="5" t="s">
        <v>42</v>
      </c>
      <c r="U14182" s="2">
        <v>1.5529999999999999</v>
      </c>
      <c r="V14182" s="2">
        <v>0.996</v>
      </c>
      <c r="W14182" s="2">
        <v>1.7999999999999999E-2</v>
      </c>
      <c r="X14182" s="2">
        <v>139.1</v>
      </c>
      <c r="Y14182" s="2">
        <v>7.6</v>
      </c>
      <c r="Z14182" s="2">
        <v>16.7</v>
      </c>
      <c r="AA14182" s="5"/>
      <c r="AB14182" s="5" t="s">
        <v>43</v>
      </c>
      <c r="AC14182" s="5" t="s">
        <v>44</v>
      </c>
      <c r="AD14182" s="2"/>
      <c r="AE14182" s="1"/>
    </row>
    <row r="14183" spans="1:31" ht="14.45">
      <c r="A14183" s="11"/>
      <c r="B14183" s="20"/>
      <c r="C14183" s="2" t="s">
        <v>43500</v>
      </c>
      <c r="D14183" s="14" t="s">
        <v>43501</v>
      </c>
      <c r="E14183" s="2" t="s">
        <v>43502</v>
      </c>
      <c r="F14183" s="2" t="s">
        <v>41035</v>
      </c>
      <c r="G14183" s="8">
        <v>181</v>
      </c>
      <c r="H14183" s="5">
        <v>6</v>
      </c>
      <c r="I14183" s="5" t="s">
        <v>1518</v>
      </c>
      <c r="J14183" s="5" t="s">
        <v>40939</v>
      </c>
      <c r="K14183" s="2" t="s">
        <v>40940</v>
      </c>
      <c r="L14183" s="5" t="s">
        <v>40939</v>
      </c>
      <c r="M14183" s="2" t="s">
        <v>40940</v>
      </c>
      <c r="N14183" s="5" t="s">
        <v>36266</v>
      </c>
      <c r="O14183" s="5" t="s">
        <v>38</v>
      </c>
      <c r="P14183" s="5" t="s">
        <v>39</v>
      </c>
      <c r="Q14183" s="5" t="s">
        <v>40</v>
      </c>
      <c r="R14183" s="5" t="s">
        <v>1522</v>
      </c>
      <c r="S14183" s="5" t="s">
        <v>1523</v>
      </c>
      <c r="T14183" s="5" t="s">
        <v>42</v>
      </c>
      <c r="U14183" s="2">
        <v>1.5640000000000001</v>
      </c>
      <c r="V14183" s="2">
        <v>1.0069999999999999</v>
      </c>
      <c r="W14183" s="2">
        <v>1.7999999999999999E-2</v>
      </c>
      <c r="X14183" s="2">
        <v>139.1</v>
      </c>
      <c r="Y14183" s="2">
        <v>7.6</v>
      </c>
      <c r="Z14183" s="2">
        <v>16.7</v>
      </c>
      <c r="AA14183" s="5"/>
      <c r="AB14183" s="5" t="s">
        <v>43</v>
      </c>
      <c r="AC14183" s="5" t="s">
        <v>44</v>
      </c>
      <c r="AD14183" s="2"/>
      <c r="AE14183" s="1"/>
    </row>
    <row r="14184" spans="1:31" ht="14.45">
      <c r="A14184" s="11"/>
      <c r="B14184" s="20"/>
      <c r="C14184" s="2" t="s">
        <v>43503</v>
      </c>
      <c r="D14184" s="14" t="s">
        <v>43504</v>
      </c>
      <c r="E14184" s="2" t="s">
        <v>43505</v>
      </c>
      <c r="F14184" s="2" t="s">
        <v>7449</v>
      </c>
      <c r="G14184" s="8">
        <v>181</v>
      </c>
      <c r="H14184" s="5">
        <v>6</v>
      </c>
      <c r="I14184" s="5" t="s">
        <v>1518</v>
      </c>
      <c r="J14184" s="5" t="s">
        <v>40939</v>
      </c>
      <c r="K14184" s="2" t="s">
        <v>40940</v>
      </c>
      <c r="L14184" s="5" t="s">
        <v>40939</v>
      </c>
      <c r="M14184" s="2" t="s">
        <v>40940</v>
      </c>
      <c r="N14184" s="5" t="s">
        <v>36266</v>
      </c>
      <c r="O14184" s="5" t="s">
        <v>38</v>
      </c>
      <c r="P14184" s="5" t="s">
        <v>39</v>
      </c>
      <c r="Q14184" s="5" t="s">
        <v>40</v>
      </c>
      <c r="R14184" s="5" t="s">
        <v>1522</v>
      </c>
      <c r="S14184" s="5" t="s">
        <v>1523</v>
      </c>
      <c r="T14184" s="5" t="s">
        <v>42</v>
      </c>
      <c r="U14184" s="2">
        <v>1.5529999999999999</v>
      </c>
      <c r="V14184" s="2">
        <v>0.996</v>
      </c>
      <c r="W14184" s="2">
        <v>1.7999999999999999E-2</v>
      </c>
      <c r="X14184" s="2">
        <v>139.1</v>
      </c>
      <c r="Y14184" s="2">
        <v>7.6</v>
      </c>
      <c r="Z14184" s="2">
        <v>16.7</v>
      </c>
      <c r="AA14184" s="5"/>
      <c r="AB14184" s="5" t="s">
        <v>43</v>
      </c>
      <c r="AC14184" s="5" t="s">
        <v>44</v>
      </c>
      <c r="AD14184" s="2"/>
      <c r="AE14184" s="1"/>
    </row>
    <row r="14185" spans="1:31" ht="14.45">
      <c r="A14185" s="11"/>
      <c r="B14185" s="20"/>
      <c r="C14185" s="2" t="s">
        <v>43506</v>
      </c>
      <c r="D14185" s="14" t="s">
        <v>43507</v>
      </c>
      <c r="E14185" s="2" t="s">
        <v>43508</v>
      </c>
      <c r="F14185" s="2" t="s">
        <v>7581</v>
      </c>
      <c r="G14185" s="8">
        <v>181</v>
      </c>
      <c r="H14185" s="5">
        <v>6</v>
      </c>
      <c r="I14185" s="5" t="s">
        <v>1518</v>
      </c>
      <c r="J14185" s="5" t="s">
        <v>40939</v>
      </c>
      <c r="K14185" s="2" t="s">
        <v>40940</v>
      </c>
      <c r="L14185" s="5" t="s">
        <v>40939</v>
      </c>
      <c r="M14185" s="2" t="s">
        <v>40940</v>
      </c>
      <c r="N14185" s="5" t="s">
        <v>36266</v>
      </c>
      <c r="O14185" s="5" t="s">
        <v>38</v>
      </c>
      <c r="P14185" s="5" t="s">
        <v>39</v>
      </c>
      <c r="Q14185" s="5" t="s">
        <v>40</v>
      </c>
      <c r="R14185" s="5" t="s">
        <v>1522</v>
      </c>
      <c r="S14185" s="5" t="s">
        <v>1523</v>
      </c>
      <c r="T14185" s="5" t="s">
        <v>42</v>
      </c>
      <c r="U14185" s="2">
        <v>1.5640000000000001</v>
      </c>
      <c r="V14185" s="2">
        <v>1.0069999999999999</v>
      </c>
      <c r="W14185" s="2">
        <v>1.7999999999999999E-2</v>
      </c>
      <c r="X14185" s="2">
        <v>139.1</v>
      </c>
      <c r="Y14185" s="2">
        <v>7.6</v>
      </c>
      <c r="Z14185" s="2">
        <v>16.7</v>
      </c>
      <c r="AA14185" s="5"/>
      <c r="AB14185" s="5" t="s">
        <v>43</v>
      </c>
      <c r="AC14185" s="5" t="s">
        <v>44</v>
      </c>
      <c r="AD14185" s="2"/>
      <c r="AE14185" s="1"/>
    </row>
    <row r="14186" spans="1:31" ht="14.45">
      <c r="A14186" s="11"/>
      <c r="B14186" s="20"/>
      <c r="C14186" s="2" t="s">
        <v>43509</v>
      </c>
      <c r="D14186" s="14" t="s">
        <v>43510</v>
      </c>
      <c r="E14186" s="2" t="s">
        <v>43511</v>
      </c>
      <c r="F14186" s="2" t="s">
        <v>41045</v>
      </c>
      <c r="G14186" s="8">
        <v>181</v>
      </c>
      <c r="H14186" s="5">
        <v>6</v>
      </c>
      <c r="I14186" s="5" t="s">
        <v>1518</v>
      </c>
      <c r="J14186" s="5" t="s">
        <v>40939</v>
      </c>
      <c r="K14186" s="2" t="s">
        <v>40940</v>
      </c>
      <c r="L14186" s="5" t="s">
        <v>40939</v>
      </c>
      <c r="M14186" s="2" t="s">
        <v>40940</v>
      </c>
      <c r="N14186" s="5" t="s">
        <v>36266</v>
      </c>
      <c r="O14186" s="5" t="s">
        <v>38</v>
      </c>
      <c r="P14186" s="5" t="s">
        <v>39</v>
      </c>
      <c r="Q14186" s="5" t="s">
        <v>40</v>
      </c>
      <c r="R14186" s="5" t="s">
        <v>1522</v>
      </c>
      <c r="S14186" s="5" t="s">
        <v>1523</v>
      </c>
      <c r="T14186" s="5" t="s">
        <v>42</v>
      </c>
      <c r="U14186" s="2">
        <v>1.6160000000000001</v>
      </c>
      <c r="V14186" s="2">
        <v>1.0589999999999999</v>
      </c>
      <c r="W14186" s="2">
        <v>1.7999999999999999E-2</v>
      </c>
      <c r="X14186" s="2">
        <v>139.1</v>
      </c>
      <c r="Y14186" s="2">
        <v>7.6</v>
      </c>
      <c r="Z14186" s="2">
        <v>16.7</v>
      </c>
      <c r="AA14186" s="5"/>
      <c r="AB14186" s="5" t="s">
        <v>43</v>
      </c>
      <c r="AC14186" s="5" t="s">
        <v>44</v>
      </c>
      <c r="AD14186" s="2"/>
      <c r="AE14186" s="1"/>
    </row>
    <row r="14187" spans="1:31" ht="14.45">
      <c r="A14187" s="11"/>
      <c r="B14187" s="20"/>
      <c r="C14187" s="2" t="s">
        <v>43512</v>
      </c>
      <c r="D14187" s="14" t="s">
        <v>43513</v>
      </c>
      <c r="E14187" s="2" t="s">
        <v>43514</v>
      </c>
      <c r="F14187" s="2" t="s">
        <v>41049</v>
      </c>
      <c r="G14187" s="8">
        <v>181</v>
      </c>
      <c r="H14187" s="5">
        <v>6</v>
      </c>
      <c r="I14187" s="5" t="s">
        <v>1518</v>
      </c>
      <c r="J14187" s="5" t="s">
        <v>40939</v>
      </c>
      <c r="K14187" s="2" t="s">
        <v>40940</v>
      </c>
      <c r="L14187" s="5" t="s">
        <v>40939</v>
      </c>
      <c r="M14187" s="2" t="s">
        <v>40940</v>
      </c>
      <c r="N14187" s="5" t="s">
        <v>36266</v>
      </c>
      <c r="O14187" s="5" t="s">
        <v>38</v>
      </c>
      <c r="P14187" s="5" t="s">
        <v>39</v>
      </c>
      <c r="Q14187" s="5" t="s">
        <v>40</v>
      </c>
      <c r="R14187" s="5" t="s">
        <v>1522</v>
      </c>
      <c r="S14187" s="5" t="s">
        <v>1523</v>
      </c>
      <c r="T14187" s="5" t="s">
        <v>42</v>
      </c>
      <c r="U14187" s="2">
        <v>1.627</v>
      </c>
      <c r="V14187" s="2">
        <v>1.07</v>
      </c>
      <c r="W14187" s="2">
        <v>1.7999999999999999E-2</v>
      </c>
      <c r="X14187" s="2">
        <v>139.1</v>
      </c>
      <c r="Y14187" s="2">
        <v>7.6</v>
      </c>
      <c r="Z14187" s="2">
        <v>16.7</v>
      </c>
      <c r="AA14187" s="5"/>
      <c r="AB14187" s="5" t="s">
        <v>43</v>
      </c>
      <c r="AC14187" s="5" t="s">
        <v>44</v>
      </c>
      <c r="AD14187" s="2"/>
      <c r="AE14187" s="1"/>
    </row>
    <row r="14188" spans="1:31" ht="14.45">
      <c r="A14188" s="11"/>
      <c r="B14188" s="20"/>
      <c r="C14188" s="2" t="s">
        <v>43515</v>
      </c>
      <c r="D14188" s="14" t="s">
        <v>43516</v>
      </c>
      <c r="E14188" s="2" t="s">
        <v>43517</v>
      </c>
      <c r="F14188" s="2" t="s">
        <v>7204</v>
      </c>
      <c r="G14188" s="8">
        <v>171</v>
      </c>
      <c r="H14188" s="5">
        <v>6</v>
      </c>
      <c r="I14188" s="5" t="s">
        <v>1518</v>
      </c>
      <c r="J14188" s="5" t="s">
        <v>40939</v>
      </c>
      <c r="K14188" s="2" t="s">
        <v>40940</v>
      </c>
      <c r="L14188" s="5" t="s">
        <v>40939</v>
      </c>
      <c r="M14188" s="2" t="s">
        <v>40940</v>
      </c>
      <c r="N14188" s="5" t="s">
        <v>36266</v>
      </c>
      <c r="O14188" s="5" t="s">
        <v>38</v>
      </c>
      <c r="P14188" s="5" t="s">
        <v>39</v>
      </c>
      <c r="Q14188" s="5" t="s">
        <v>40</v>
      </c>
      <c r="R14188" s="5" t="s">
        <v>1522</v>
      </c>
      <c r="S14188" s="5" t="s">
        <v>1523</v>
      </c>
      <c r="T14188" s="5" t="s">
        <v>42</v>
      </c>
      <c r="U14188" s="2">
        <v>1.722</v>
      </c>
      <c r="V14188" s="2">
        <v>1.0820000000000001</v>
      </c>
      <c r="W14188" s="2">
        <v>0.02</v>
      </c>
      <c r="X14188" s="2">
        <v>159.1</v>
      </c>
      <c r="Y14188" s="2">
        <v>7.6</v>
      </c>
      <c r="Z14188" s="2">
        <v>16.7</v>
      </c>
      <c r="AA14188" s="5"/>
      <c r="AB14188" s="5" t="s">
        <v>43</v>
      </c>
      <c r="AC14188" s="5" t="s">
        <v>44</v>
      </c>
      <c r="AD14188" s="2"/>
      <c r="AE14188" s="1"/>
    </row>
    <row r="14189" spans="1:31" ht="14.45">
      <c r="A14189" s="11"/>
      <c r="B14189" s="20"/>
      <c r="C14189" s="2" t="s">
        <v>43518</v>
      </c>
      <c r="D14189" s="14" t="s">
        <v>43519</v>
      </c>
      <c r="E14189" s="2" t="s">
        <v>43520</v>
      </c>
      <c r="F14189" s="2" t="s">
        <v>7514</v>
      </c>
      <c r="G14189" s="8">
        <v>171</v>
      </c>
      <c r="H14189" s="5">
        <v>6</v>
      </c>
      <c r="I14189" s="5" t="s">
        <v>1518</v>
      </c>
      <c r="J14189" s="5" t="s">
        <v>40939</v>
      </c>
      <c r="K14189" s="2" t="s">
        <v>40940</v>
      </c>
      <c r="L14189" s="5" t="s">
        <v>40939</v>
      </c>
      <c r="M14189" s="2" t="s">
        <v>40940</v>
      </c>
      <c r="N14189" s="5" t="s">
        <v>36266</v>
      </c>
      <c r="O14189" s="5" t="s">
        <v>38</v>
      </c>
      <c r="P14189" s="5" t="s">
        <v>39</v>
      </c>
      <c r="Q14189" s="5" t="s">
        <v>40</v>
      </c>
      <c r="R14189" s="5" t="s">
        <v>1522</v>
      </c>
      <c r="S14189" s="5" t="s">
        <v>1523</v>
      </c>
      <c r="T14189" s="5" t="s">
        <v>42</v>
      </c>
      <c r="U14189" s="2">
        <v>1.732</v>
      </c>
      <c r="V14189" s="2">
        <v>1.0920000000000001</v>
      </c>
      <c r="W14189" s="2">
        <v>0.02</v>
      </c>
      <c r="X14189" s="2">
        <v>159.1</v>
      </c>
      <c r="Y14189" s="2">
        <v>7.6</v>
      </c>
      <c r="Z14189" s="2">
        <v>16.7</v>
      </c>
      <c r="AA14189" s="5"/>
      <c r="AB14189" s="5" t="s">
        <v>43</v>
      </c>
      <c r="AC14189" s="5" t="s">
        <v>44</v>
      </c>
      <c r="AD14189" s="2"/>
      <c r="AE14189" s="1"/>
    </row>
    <row r="14190" spans="1:31" ht="14.45">
      <c r="A14190" s="11"/>
      <c r="B14190" s="20"/>
      <c r="C14190" s="2" t="s">
        <v>43521</v>
      </c>
      <c r="D14190" s="14" t="s">
        <v>43522</v>
      </c>
      <c r="E14190" s="2" t="s">
        <v>43523</v>
      </c>
      <c r="F14190" s="2" t="s">
        <v>41221</v>
      </c>
      <c r="G14190" s="8">
        <v>197</v>
      </c>
      <c r="H14190" s="5">
        <v>6</v>
      </c>
      <c r="I14190" s="5" t="s">
        <v>1518</v>
      </c>
      <c r="J14190" s="5" t="s">
        <v>40939</v>
      </c>
      <c r="K14190" s="2" t="s">
        <v>40940</v>
      </c>
      <c r="L14190" s="5" t="s">
        <v>40939</v>
      </c>
      <c r="M14190" s="2" t="s">
        <v>40940</v>
      </c>
      <c r="N14190" s="5" t="s">
        <v>36266</v>
      </c>
      <c r="O14190" s="5" t="s">
        <v>38</v>
      </c>
      <c r="P14190" s="5" t="s">
        <v>39</v>
      </c>
      <c r="Q14190" s="5" t="s">
        <v>40</v>
      </c>
      <c r="R14190" s="5" t="s">
        <v>1522</v>
      </c>
      <c r="S14190" s="5" t="s">
        <v>1523</v>
      </c>
      <c r="T14190" s="5" t="s">
        <v>42</v>
      </c>
      <c r="U14190" s="2">
        <v>1.746</v>
      </c>
      <c r="V14190" s="2">
        <v>1.1060000000000001</v>
      </c>
      <c r="W14190" s="2">
        <v>0.02</v>
      </c>
      <c r="X14190" s="2">
        <v>159.1</v>
      </c>
      <c r="Y14190" s="2">
        <v>7.6</v>
      </c>
      <c r="Z14190" s="2">
        <v>16.7</v>
      </c>
      <c r="AA14190" s="5"/>
      <c r="AB14190" s="5" t="s">
        <v>43</v>
      </c>
      <c r="AC14190" s="5" t="s">
        <v>44</v>
      </c>
      <c r="AD14190" s="2"/>
      <c r="AE14190" s="1"/>
    </row>
    <row r="14191" spans="1:31" ht="14.45">
      <c r="A14191" s="11"/>
      <c r="B14191" s="20"/>
      <c r="C14191" s="2" t="s">
        <v>43524</v>
      </c>
      <c r="D14191" s="14" t="s">
        <v>43525</v>
      </c>
      <c r="E14191" s="2" t="s">
        <v>43526</v>
      </c>
      <c r="F14191" s="2" t="s">
        <v>40951</v>
      </c>
      <c r="G14191" s="8">
        <v>197</v>
      </c>
      <c r="H14191" s="5">
        <v>6</v>
      </c>
      <c r="I14191" s="5" t="s">
        <v>1518</v>
      </c>
      <c r="J14191" s="5" t="s">
        <v>40939</v>
      </c>
      <c r="K14191" s="2" t="s">
        <v>40940</v>
      </c>
      <c r="L14191" s="5" t="s">
        <v>40939</v>
      </c>
      <c r="M14191" s="2" t="s">
        <v>40940</v>
      </c>
      <c r="N14191" s="5" t="s">
        <v>36266</v>
      </c>
      <c r="O14191" s="5" t="s">
        <v>38</v>
      </c>
      <c r="P14191" s="5" t="s">
        <v>39</v>
      </c>
      <c r="Q14191" s="5" t="s">
        <v>40</v>
      </c>
      <c r="R14191" s="5" t="s">
        <v>1522</v>
      </c>
      <c r="S14191" s="5" t="s">
        <v>1523</v>
      </c>
      <c r="T14191" s="5" t="s">
        <v>42</v>
      </c>
      <c r="U14191" s="2">
        <v>1.756</v>
      </c>
      <c r="V14191" s="2">
        <v>1.1160000000000001</v>
      </c>
      <c r="W14191" s="2">
        <v>0.02</v>
      </c>
      <c r="X14191" s="2">
        <v>159.1</v>
      </c>
      <c r="Y14191" s="2">
        <v>7.6</v>
      </c>
      <c r="Z14191" s="2">
        <v>16.7</v>
      </c>
      <c r="AA14191" s="5"/>
      <c r="AB14191" s="5" t="s">
        <v>43</v>
      </c>
      <c r="AC14191" s="5" t="s">
        <v>44</v>
      </c>
      <c r="AD14191" s="2"/>
      <c r="AE14191" s="1"/>
    </row>
    <row r="14192" spans="1:31" ht="14.45">
      <c r="A14192" s="11"/>
      <c r="B14192" s="20"/>
      <c r="C14192" s="2" t="s">
        <v>43527</v>
      </c>
      <c r="D14192" s="14" t="s">
        <v>43528</v>
      </c>
      <c r="E14192" s="2" t="s">
        <v>43529</v>
      </c>
      <c r="F14192" s="2" t="s">
        <v>7208</v>
      </c>
      <c r="G14192" s="8">
        <v>171</v>
      </c>
      <c r="H14192" s="5">
        <v>6</v>
      </c>
      <c r="I14192" s="5" t="s">
        <v>1518</v>
      </c>
      <c r="J14192" s="5" t="s">
        <v>40939</v>
      </c>
      <c r="K14192" s="2" t="s">
        <v>40940</v>
      </c>
      <c r="L14192" s="5" t="s">
        <v>40939</v>
      </c>
      <c r="M14192" s="2" t="s">
        <v>40940</v>
      </c>
      <c r="N14192" s="5" t="s">
        <v>36266</v>
      </c>
      <c r="O14192" s="5" t="s">
        <v>38</v>
      </c>
      <c r="P14192" s="5" t="s">
        <v>39</v>
      </c>
      <c r="Q14192" s="5" t="s">
        <v>40</v>
      </c>
      <c r="R14192" s="5" t="s">
        <v>1522</v>
      </c>
      <c r="S14192" s="5" t="s">
        <v>1523</v>
      </c>
      <c r="T14192" s="5" t="s">
        <v>42</v>
      </c>
      <c r="U14192" s="2">
        <v>1.758</v>
      </c>
      <c r="V14192" s="2">
        <v>1.1180000000000001</v>
      </c>
      <c r="W14192" s="2">
        <v>0.02</v>
      </c>
      <c r="X14192" s="2">
        <v>159.1</v>
      </c>
      <c r="Y14192" s="2">
        <v>7.6</v>
      </c>
      <c r="Z14192" s="2">
        <v>16.7</v>
      </c>
      <c r="AA14192" s="5"/>
      <c r="AB14192" s="5" t="s">
        <v>43</v>
      </c>
      <c r="AC14192" s="5" t="s">
        <v>44</v>
      </c>
      <c r="AD14192" s="2"/>
      <c r="AE14192" s="1"/>
    </row>
    <row r="14193" spans="1:31" ht="14.45">
      <c r="A14193" s="11"/>
      <c r="B14193" s="20"/>
      <c r="C14193" s="2" t="s">
        <v>43530</v>
      </c>
      <c r="D14193" s="14" t="s">
        <v>43531</v>
      </c>
      <c r="E14193" s="2" t="s">
        <v>43532</v>
      </c>
      <c r="F14193" s="2" t="s">
        <v>7521</v>
      </c>
      <c r="G14193" s="8">
        <v>171</v>
      </c>
      <c r="H14193" s="5">
        <v>6</v>
      </c>
      <c r="I14193" s="5" t="s">
        <v>1518</v>
      </c>
      <c r="J14193" s="5" t="s">
        <v>40939</v>
      </c>
      <c r="K14193" s="2" t="s">
        <v>40940</v>
      </c>
      <c r="L14193" s="5" t="s">
        <v>40939</v>
      </c>
      <c r="M14193" s="2" t="s">
        <v>40940</v>
      </c>
      <c r="N14193" s="5" t="s">
        <v>36266</v>
      </c>
      <c r="O14193" s="5" t="s">
        <v>38</v>
      </c>
      <c r="P14193" s="5" t="s">
        <v>39</v>
      </c>
      <c r="Q14193" s="5" t="s">
        <v>40</v>
      </c>
      <c r="R14193" s="5" t="s">
        <v>1522</v>
      </c>
      <c r="S14193" s="5" t="s">
        <v>1523</v>
      </c>
      <c r="T14193" s="5" t="s">
        <v>42</v>
      </c>
      <c r="U14193" s="2">
        <v>1.768</v>
      </c>
      <c r="V14193" s="2">
        <v>1.1279999999999999</v>
      </c>
      <c r="W14193" s="2">
        <v>0.02</v>
      </c>
      <c r="X14193" s="2">
        <v>159.1</v>
      </c>
      <c r="Y14193" s="2">
        <v>7.6</v>
      </c>
      <c r="Z14193" s="2">
        <v>16.7</v>
      </c>
      <c r="AA14193" s="5"/>
      <c r="AB14193" s="5" t="s">
        <v>43</v>
      </c>
      <c r="AC14193" s="5" t="s">
        <v>44</v>
      </c>
      <c r="AD14193" s="2"/>
      <c r="AE14193" s="1"/>
    </row>
    <row r="14194" spans="1:31" ht="14.45">
      <c r="A14194" s="11"/>
      <c r="B14194" s="20"/>
      <c r="C14194" s="2" t="s">
        <v>43533</v>
      </c>
      <c r="D14194" s="14" t="s">
        <v>43534</v>
      </c>
      <c r="E14194" s="2" t="s">
        <v>43535</v>
      </c>
      <c r="F14194" s="2" t="s">
        <v>36273</v>
      </c>
      <c r="G14194" s="8">
        <v>171</v>
      </c>
      <c r="H14194" s="5">
        <v>6</v>
      </c>
      <c r="I14194" s="5" t="s">
        <v>1518</v>
      </c>
      <c r="J14194" s="5" t="s">
        <v>40939</v>
      </c>
      <c r="K14194" s="2" t="s">
        <v>40940</v>
      </c>
      <c r="L14194" s="5" t="s">
        <v>40939</v>
      </c>
      <c r="M14194" s="2" t="s">
        <v>40940</v>
      </c>
      <c r="N14194" s="5" t="s">
        <v>36266</v>
      </c>
      <c r="O14194" s="5" t="s">
        <v>38</v>
      </c>
      <c r="P14194" s="5" t="s">
        <v>39</v>
      </c>
      <c r="Q14194" s="5" t="s">
        <v>40</v>
      </c>
      <c r="R14194" s="5" t="s">
        <v>1522</v>
      </c>
      <c r="S14194" s="5" t="s">
        <v>1523</v>
      </c>
      <c r="T14194" s="5" t="s">
        <v>42</v>
      </c>
      <c r="U14194" s="2">
        <v>1.782</v>
      </c>
      <c r="V14194" s="2">
        <v>1.1419999999999999</v>
      </c>
      <c r="W14194" s="2">
        <v>0.02</v>
      </c>
      <c r="X14194" s="2">
        <v>159.1</v>
      </c>
      <c r="Y14194" s="2">
        <v>7.6</v>
      </c>
      <c r="Z14194" s="2">
        <v>16.7</v>
      </c>
      <c r="AA14194" s="5"/>
      <c r="AB14194" s="5" t="s">
        <v>43</v>
      </c>
      <c r="AC14194" s="5" t="s">
        <v>44</v>
      </c>
      <c r="AD14194" s="2"/>
      <c r="AE14194" s="1"/>
    </row>
    <row r="14195" spans="1:31" ht="14.45">
      <c r="A14195" s="11"/>
      <c r="B14195" s="20"/>
      <c r="C14195" s="2" t="s">
        <v>43536</v>
      </c>
      <c r="D14195" s="14" t="s">
        <v>43537</v>
      </c>
      <c r="E14195" s="2" t="s">
        <v>43538</v>
      </c>
      <c r="F14195" s="2" t="s">
        <v>36277</v>
      </c>
      <c r="G14195" s="8">
        <v>171</v>
      </c>
      <c r="H14195" s="5">
        <v>6</v>
      </c>
      <c r="I14195" s="5" t="s">
        <v>1518</v>
      </c>
      <c r="J14195" s="5" t="s">
        <v>40939</v>
      </c>
      <c r="K14195" s="2" t="s">
        <v>40940</v>
      </c>
      <c r="L14195" s="5" t="s">
        <v>40939</v>
      </c>
      <c r="M14195" s="2" t="s">
        <v>40940</v>
      </c>
      <c r="N14195" s="5" t="s">
        <v>36266</v>
      </c>
      <c r="O14195" s="5" t="s">
        <v>38</v>
      </c>
      <c r="P14195" s="5" t="s">
        <v>39</v>
      </c>
      <c r="Q14195" s="5" t="s">
        <v>40</v>
      </c>
      <c r="R14195" s="5" t="s">
        <v>1522</v>
      </c>
      <c r="S14195" s="5" t="s">
        <v>1523</v>
      </c>
      <c r="T14195" s="5" t="s">
        <v>42</v>
      </c>
      <c r="U14195" s="2">
        <v>1.792</v>
      </c>
      <c r="V14195" s="2">
        <v>1.1519999999999999</v>
      </c>
      <c r="W14195" s="2">
        <v>0.02</v>
      </c>
      <c r="X14195" s="2">
        <v>159.1</v>
      </c>
      <c r="Y14195" s="2">
        <v>7.6</v>
      </c>
      <c r="Z14195" s="2">
        <v>16.7</v>
      </c>
      <c r="AA14195" s="5"/>
      <c r="AB14195" s="5" t="s">
        <v>43</v>
      </c>
      <c r="AC14195" s="5" t="s">
        <v>44</v>
      </c>
      <c r="AD14195" s="2"/>
      <c r="AE14195" s="1"/>
    </row>
    <row r="14196" spans="1:31" ht="14.45">
      <c r="A14196" s="11"/>
      <c r="B14196" s="20"/>
      <c r="C14196" s="2" t="s">
        <v>43539</v>
      </c>
      <c r="D14196" s="14" t="s">
        <v>43540</v>
      </c>
      <c r="E14196" s="2" t="s">
        <v>43541</v>
      </c>
      <c r="F14196" s="2" t="s">
        <v>40967</v>
      </c>
      <c r="G14196" s="8">
        <v>197</v>
      </c>
      <c r="H14196" s="5">
        <v>6</v>
      </c>
      <c r="I14196" s="5" t="s">
        <v>1518</v>
      </c>
      <c r="J14196" s="5" t="s">
        <v>40939</v>
      </c>
      <c r="K14196" s="2" t="s">
        <v>40940</v>
      </c>
      <c r="L14196" s="5" t="s">
        <v>40939</v>
      </c>
      <c r="M14196" s="2" t="s">
        <v>40940</v>
      </c>
      <c r="N14196" s="5" t="s">
        <v>36266</v>
      </c>
      <c r="O14196" s="5" t="s">
        <v>38</v>
      </c>
      <c r="P14196" s="5" t="s">
        <v>39</v>
      </c>
      <c r="Q14196" s="5" t="s">
        <v>40</v>
      </c>
      <c r="R14196" s="5" t="s">
        <v>1522</v>
      </c>
      <c r="S14196" s="5" t="s">
        <v>1523</v>
      </c>
      <c r="T14196" s="5" t="s">
        <v>42</v>
      </c>
      <c r="U14196" s="2">
        <v>1.758</v>
      </c>
      <c r="V14196" s="2">
        <v>1.1180000000000001</v>
      </c>
      <c r="W14196" s="2">
        <v>0.02</v>
      </c>
      <c r="X14196" s="2">
        <v>159.1</v>
      </c>
      <c r="Y14196" s="2">
        <v>7.6</v>
      </c>
      <c r="Z14196" s="2">
        <v>16.7</v>
      </c>
      <c r="AA14196" s="5"/>
      <c r="AB14196" s="5" t="s">
        <v>43</v>
      </c>
      <c r="AC14196" s="5" t="s">
        <v>44</v>
      </c>
      <c r="AD14196" s="2"/>
      <c r="AE14196" s="1"/>
    </row>
    <row r="14197" spans="1:31" ht="14.45">
      <c r="A14197" s="11"/>
      <c r="B14197" s="20"/>
      <c r="C14197" s="2" t="s">
        <v>43542</v>
      </c>
      <c r="D14197" s="14" t="s">
        <v>43543</v>
      </c>
      <c r="E14197" s="2" t="s">
        <v>43544</v>
      </c>
      <c r="F14197" s="2" t="s">
        <v>40971</v>
      </c>
      <c r="G14197" s="8">
        <v>197</v>
      </c>
      <c r="H14197" s="5">
        <v>6</v>
      </c>
      <c r="I14197" s="5" t="s">
        <v>1518</v>
      </c>
      <c r="J14197" s="5" t="s">
        <v>40939</v>
      </c>
      <c r="K14197" s="2" t="s">
        <v>40940</v>
      </c>
      <c r="L14197" s="5" t="s">
        <v>40939</v>
      </c>
      <c r="M14197" s="2" t="s">
        <v>40940</v>
      </c>
      <c r="N14197" s="5" t="s">
        <v>36266</v>
      </c>
      <c r="O14197" s="5" t="s">
        <v>38</v>
      </c>
      <c r="P14197" s="5" t="s">
        <v>39</v>
      </c>
      <c r="Q14197" s="5" t="s">
        <v>40</v>
      </c>
      <c r="R14197" s="5" t="s">
        <v>1522</v>
      </c>
      <c r="S14197" s="5" t="s">
        <v>1523</v>
      </c>
      <c r="T14197" s="5" t="s">
        <v>42</v>
      </c>
      <c r="U14197" s="2">
        <v>1.768</v>
      </c>
      <c r="V14197" s="2">
        <v>1.1279999999999999</v>
      </c>
      <c r="W14197" s="2">
        <v>0.02</v>
      </c>
      <c r="X14197" s="2">
        <v>159.1</v>
      </c>
      <c r="Y14197" s="2">
        <v>7.6</v>
      </c>
      <c r="Z14197" s="2">
        <v>16.7</v>
      </c>
      <c r="AA14197" s="5"/>
      <c r="AB14197" s="5" t="s">
        <v>43</v>
      </c>
      <c r="AC14197" s="5" t="s">
        <v>44</v>
      </c>
      <c r="AD14197" s="2"/>
      <c r="AE14197" s="1"/>
    </row>
    <row r="14198" spans="1:31" ht="14.45">
      <c r="A14198" s="11"/>
      <c r="B14198" s="20"/>
      <c r="C14198" s="2" t="s">
        <v>43545</v>
      </c>
      <c r="D14198" s="14" t="s">
        <v>43546</v>
      </c>
      <c r="E14198" s="2" t="s">
        <v>43547</v>
      </c>
      <c r="F14198" s="2" t="s">
        <v>40979</v>
      </c>
      <c r="G14198" s="8">
        <v>197</v>
      </c>
      <c r="H14198" s="5">
        <v>6</v>
      </c>
      <c r="I14198" s="5" t="s">
        <v>1518</v>
      </c>
      <c r="J14198" s="5" t="s">
        <v>40939</v>
      </c>
      <c r="K14198" s="2" t="s">
        <v>40940</v>
      </c>
      <c r="L14198" s="5" t="s">
        <v>40939</v>
      </c>
      <c r="M14198" s="2" t="s">
        <v>40940</v>
      </c>
      <c r="N14198" s="5" t="s">
        <v>36266</v>
      </c>
      <c r="O14198" s="5" t="s">
        <v>38</v>
      </c>
      <c r="P14198" s="5" t="s">
        <v>39</v>
      </c>
      <c r="Q14198" s="5" t="s">
        <v>40</v>
      </c>
      <c r="R14198" s="5" t="s">
        <v>1522</v>
      </c>
      <c r="S14198" s="5" t="s">
        <v>1523</v>
      </c>
      <c r="T14198" s="5" t="s">
        <v>42</v>
      </c>
      <c r="U14198" s="2">
        <v>1.768</v>
      </c>
      <c r="V14198" s="2">
        <v>1.1279999999999999</v>
      </c>
      <c r="W14198" s="2">
        <v>0.02</v>
      </c>
      <c r="X14198" s="2">
        <v>159.1</v>
      </c>
      <c r="Y14198" s="2">
        <v>7.6</v>
      </c>
      <c r="Z14198" s="2">
        <v>16.7</v>
      </c>
      <c r="AA14198" s="5"/>
      <c r="AB14198" s="5" t="s">
        <v>43</v>
      </c>
      <c r="AC14198" s="5" t="s">
        <v>44</v>
      </c>
      <c r="AD14198" s="2"/>
      <c r="AE14198" s="1"/>
    </row>
    <row r="14199" spans="1:31" ht="14.45">
      <c r="A14199" s="11"/>
      <c r="B14199" s="20"/>
      <c r="C14199" s="2" t="s">
        <v>43548</v>
      </c>
      <c r="D14199" s="14" t="s">
        <v>43549</v>
      </c>
      <c r="E14199" s="2" t="s">
        <v>43550</v>
      </c>
      <c r="F14199" s="2" t="s">
        <v>7539</v>
      </c>
      <c r="G14199" s="8">
        <v>197</v>
      </c>
      <c r="H14199" s="5">
        <v>6</v>
      </c>
      <c r="I14199" s="5" t="s">
        <v>1518</v>
      </c>
      <c r="J14199" s="5" t="s">
        <v>40939</v>
      </c>
      <c r="K14199" s="2" t="s">
        <v>40940</v>
      </c>
      <c r="L14199" s="5" t="s">
        <v>40939</v>
      </c>
      <c r="M14199" s="2" t="s">
        <v>40940</v>
      </c>
      <c r="N14199" s="5" t="s">
        <v>36266</v>
      </c>
      <c r="O14199" s="5" t="s">
        <v>38</v>
      </c>
      <c r="P14199" s="5" t="s">
        <v>39</v>
      </c>
      <c r="Q14199" s="5" t="s">
        <v>40</v>
      </c>
      <c r="R14199" s="5" t="s">
        <v>1522</v>
      </c>
      <c r="S14199" s="5" t="s">
        <v>1523</v>
      </c>
      <c r="T14199" s="5" t="s">
        <v>42</v>
      </c>
      <c r="U14199" s="2">
        <v>1.698</v>
      </c>
      <c r="V14199" s="2">
        <v>1.0580000000000001</v>
      </c>
      <c r="W14199" s="2">
        <v>0.02</v>
      </c>
      <c r="X14199" s="2">
        <v>159.1</v>
      </c>
      <c r="Y14199" s="2">
        <v>7.6</v>
      </c>
      <c r="Z14199" s="2">
        <v>16.7</v>
      </c>
      <c r="AA14199" s="5"/>
      <c r="AB14199" s="5" t="s">
        <v>43</v>
      </c>
      <c r="AC14199" s="5" t="s">
        <v>44</v>
      </c>
      <c r="AD14199" s="2"/>
      <c r="AE14199" s="1"/>
    </row>
    <row r="14200" spans="1:31" ht="14.45">
      <c r="A14200" s="11"/>
      <c r="B14200" s="20"/>
      <c r="C14200" s="2" t="s">
        <v>43551</v>
      </c>
      <c r="D14200" s="14" t="s">
        <v>43552</v>
      </c>
      <c r="E14200" s="2" t="s">
        <v>43553</v>
      </c>
      <c r="F14200" s="2" t="s">
        <v>7543</v>
      </c>
      <c r="G14200" s="8">
        <v>197</v>
      </c>
      <c r="H14200" s="5">
        <v>6</v>
      </c>
      <c r="I14200" s="5" t="s">
        <v>1518</v>
      </c>
      <c r="J14200" s="5" t="s">
        <v>40939</v>
      </c>
      <c r="K14200" s="2" t="s">
        <v>40940</v>
      </c>
      <c r="L14200" s="5" t="s">
        <v>40939</v>
      </c>
      <c r="M14200" s="2" t="s">
        <v>40940</v>
      </c>
      <c r="N14200" s="5" t="s">
        <v>36266</v>
      </c>
      <c r="O14200" s="5" t="s">
        <v>38</v>
      </c>
      <c r="P14200" s="5" t="s">
        <v>39</v>
      </c>
      <c r="Q14200" s="5" t="s">
        <v>40</v>
      </c>
      <c r="R14200" s="5" t="s">
        <v>1522</v>
      </c>
      <c r="S14200" s="5" t="s">
        <v>1523</v>
      </c>
      <c r="T14200" s="5" t="s">
        <v>42</v>
      </c>
      <c r="U14200" s="2">
        <v>1.708</v>
      </c>
      <c r="V14200" s="2">
        <v>1.0680000000000001</v>
      </c>
      <c r="W14200" s="2">
        <v>0.02</v>
      </c>
      <c r="X14200" s="2">
        <v>159.1</v>
      </c>
      <c r="Y14200" s="2">
        <v>7.6</v>
      </c>
      <c r="Z14200" s="2">
        <v>16.7</v>
      </c>
      <c r="AA14200" s="5"/>
      <c r="AB14200" s="5" t="s">
        <v>43</v>
      </c>
      <c r="AC14200" s="5" t="s">
        <v>44</v>
      </c>
      <c r="AD14200" s="2"/>
      <c r="AE14200" s="1"/>
    </row>
    <row r="14201" spans="1:31" ht="14.45">
      <c r="A14201" s="11"/>
      <c r="B14201" s="20"/>
      <c r="C14201" s="2" t="s">
        <v>43554</v>
      </c>
      <c r="D14201" s="14" t="s">
        <v>43555</v>
      </c>
      <c r="E14201" s="2" t="s">
        <v>43556</v>
      </c>
      <c r="F14201" s="2" t="s">
        <v>40989</v>
      </c>
      <c r="G14201" s="8">
        <v>197</v>
      </c>
      <c r="H14201" s="5">
        <v>6</v>
      </c>
      <c r="I14201" s="5" t="s">
        <v>1518</v>
      </c>
      <c r="J14201" s="5" t="s">
        <v>40939</v>
      </c>
      <c r="K14201" s="2" t="s">
        <v>40940</v>
      </c>
      <c r="L14201" s="5" t="s">
        <v>40939</v>
      </c>
      <c r="M14201" s="2" t="s">
        <v>40940</v>
      </c>
      <c r="N14201" s="5" t="s">
        <v>36266</v>
      </c>
      <c r="O14201" s="5" t="s">
        <v>38</v>
      </c>
      <c r="P14201" s="5" t="s">
        <v>39</v>
      </c>
      <c r="Q14201" s="5" t="s">
        <v>40</v>
      </c>
      <c r="R14201" s="5" t="s">
        <v>1522</v>
      </c>
      <c r="S14201" s="5" t="s">
        <v>1523</v>
      </c>
      <c r="T14201" s="5" t="s">
        <v>42</v>
      </c>
      <c r="U14201" s="2">
        <v>1.758</v>
      </c>
      <c r="V14201" s="2">
        <v>1.1180000000000001</v>
      </c>
      <c r="W14201" s="2">
        <v>0.02</v>
      </c>
      <c r="X14201" s="2">
        <v>159.1</v>
      </c>
      <c r="Y14201" s="2">
        <v>7.6</v>
      </c>
      <c r="Z14201" s="2">
        <v>16.7</v>
      </c>
      <c r="AA14201" s="5"/>
      <c r="AB14201" s="5" t="s">
        <v>43</v>
      </c>
      <c r="AC14201" s="5" t="s">
        <v>44</v>
      </c>
      <c r="AD14201" s="2"/>
      <c r="AE14201" s="1"/>
    </row>
    <row r="14202" spans="1:31" ht="14.45">
      <c r="A14202" s="11"/>
      <c r="B14202" s="20"/>
      <c r="C14202" s="2" t="s">
        <v>43557</v>
      </c>
      <c r="D14202" s="14" t="s">
        <v>43558</v>
      </c>
      <c r="E14202" s="2" t="s">
        <v>43559</v>
      </c>
      <c r="F14202" s="2" t="s">
        <v>40993</v>
      </c>
      <c r="G14202" s="8">
        <v>197</v>
      </c>
      <c r="H14202" s="5">
        <v>6</v>
      </c>
      <c r="I14202" s="5" t="s">
        <v>1518</v>
      </c>
      <c r="J14202" s="5" t="s">
        <v>40939</v>
      </c>
      <c r="K14202" s="2" t="s">
        <v>40940</v>
      </c>
      <c r="L14202" s="5" t="s">
        <v>40939</v>
      </c>
      <c r="M14202" s="2" t="s">
        <v>40940</v>
      </c>
      <c r="N14202" s="5" t="s">
        <v>36266</v>
      </c>
      <c r="O14202" s="5" t="s">
        <v>38</v>
      </c>
      <c r="P14202" s="5" t="s">
        <v>39</v>
      </c>
      <c r="Q14202" s="5" t="s">
        <v>40</v>
      </c>
      <c r="R14202" s="5" t="s">
        <v>1522</v>
      </c>
      <c r="S14202" s="5" t="s">
        <v>1523</v>
      </c>
      <c r="T14202" s="5" t="s">
        <v>42</v>
      </c>
      <c r="U14202" s="2">
        <v>1.768</v>
      </c>
      <c r="V14202" s="2">
        <v>1.1279999999999999</v>
      </c>
      <c r="W14202" s="2">
        <v>0.02</v>
      </c>
      <c r="X14202" s="2">
        <v>159.1</v>
      </c>
      <c r="Y14202" s="2">
        <v>7.6</v>
      </c>
      <c r="Z14202" s="2">
        <v>16.7</v>
      </c>
      <c r="AA14202" s="5"/>
      <c r="AB14202" s="5" t="s">
        <v>43</v>
      </c>
      <c r="AC14202" s="5" t="s">
        <v>44</v>
      </c>
      <c r="AD14202" s="2"/>
      <c r="AE14202" s="1"/>
    </row>
    <row r="14203" spans="1:31" ht="14.45">
      <c r="A14203" s="11"/>
      <c r="B14203" s="20"/>
      <c r="C14203" s="2" t="s">
        <v>43560</v>
      </c>
      <c r="D14203" s="14" t="s">
        <v>43561</v>
      </c>
      <c r="E14203" s="2" t="s">
        <v>43562</v>
      </c>
      <c r="F14203" s="2" t="s">
        <v>40997</v>
      </c>
      <c r="G14203" s="8">
        <v>197</v>
      </c>
      <c r="H14203" s="5">
        <v>6</v>
      </c>
      <c r="I14203" s="5" t="s">
        <v>1518</v>
      </c>
      <c r="J14203" s="5" t="s">
        <v>40939</v>
      </c>
      <c r="K14203" s="2" t="s">
        <v>40940</v>
      </c>
      <c r="L14203" s="5" t="s">
        <v>40939</v>
      </c>
      <c r="M14203" s="2" t="s">
        <v>40940</v>
      </c>
      <c r="N14203" s="5" t="s">
        <v>36266</v>
      </c>
      <c r="O14203" s="5" t="s">
        <v>38</v>
      </c>
      <c r="P14203" s="5" t="s">
        <v>39</v>
      </c>
      <c r="Q14203" s="5" t="s">
        <v>40</v>
      </c>
      <c r="R14203" s="5" t="s">
        <v>1522</v>
      </c>
      <c r="S14203" s="5" t="s">
        <v>1523</v>
      </c>
      <c r="T14203" s="5" t="s">
        <v>42</v>
      </c>
      <c r="U14203" s="2">
        <v>1.71</v>
      </c>
      <c r="V14203" s="2">
        <v>1.07</v>
      </c>
      <c r="W14203" s="2">
        <v>0.02</v>
      </c>
      <c r="X14203" s="2">
        <v>159.1</v>
      </c>
      <c r="Y14203" s="2">
        <v>7.6</v>
      </c>
      <c r="Z14203" s="2">
        <v>16.7</v>
      </c>
      <c r="AA14203" s="5"/>
      <c r="AB14203" s="5" t="s">
        <v>43</v>
      </c>
      <c r="AC14203" s="5" t="s">
        <v>44</v>
      </c>
      <c r="AD14203" s="2"/>
      <c r="AE14203" s="1"/>
    </row>
    <row r="14204" spans="1:31" ht="14.45">
      <c r="A14204" s="11"/>
      <c r="B14204" s="20"/>
      <c r="C14204" s="2" t="s">
        <v>43563</v>
      </c>
      <c r="D14204" s="14" t="s">
        <v>43564</v>
      </c>
      <c r="E14204" s="2" t="s">
        <v>43565</v>
      </c>
      <c r="F14204" s="2" t="s">
        <v>41267</v>
      </c>
      <c r="G14204" s="8">
        <v>197</v>
      </c>
      <c r="H14204" s="5">
        <v>6</v>
      </c>
      <c r="I14204" s="5" t="s">
        <v>1518</v>
      </c>
      <c r="J14204" s="5" t="s">
        <v>40939</v>
      </c>
      <c r="K14204" s="2" t="s">
        <v>40940</v>
      </c>
      <c r="L14204" s="5" t="s">
        <v>40939</v>
      </c>
      <c r="M14204" s="2" t="s">
        <v>40940</v>
      </c>
      <c r="N14204" s="5" t="s">
        <v>36266</v>
      </c>
      <c r="O14204" s="5" t="s">
        <v>38</v>
      </c>
      <c r="P14204" s="5" t="s">
        <v>39</v>
      </c>
      <c r="Q14204" s="5" t="s">
        <v>40</v>
      </c>
      <c r="R14204" s="5" t="s">
        <v>1522</v>
      </c>
      <c r="S14204" s="5" t="s">
        <v>1523</v>
      </c>
      <c r="T14204" s="5" t="s">
        <v>42</v>
      </c>
      <c r="U14204" s="2">
        <v>1.72</v>
      </c>
      <c r="V14204" s="2">
        <v>1.08</v>
      </c>
      <c r="W14204" s="2">
        <v>0.02</v>
      </c>
      <c r="X14204" s="2">
        <v>159.1</v>
      </c>
      <c r="Y14204" s="2">
        <v>7.6</v>
      </c>
      <c r="Z14204" s="2">
        <v>16.7</v>
      </c>
      <c r="AA14204" s="5"/>
      <c r="AB14204" s="5" t="s">
        <v>43</v>
      </c>
      <c r="AC14204" s="5" t="s">
        <v>44</v>
      </c>
      <c r="AD14204" s="2"/>
      <c r="AE14204" s="1"/>
    </row>
    <row r="14205" spans="1:31" ht="14.45">
      <c r="A14205" s="11"/>
      <c r="B14205" s="20"/>
      <c r="C14205" s="2" t="s">
        <v>43566</v>
      </c>
      <c r="D14205" s="14" t="s">
        <v>43567</v>
      </c>
      <c r="E14205" s="2" t="s">
        <v>43568</v>
      </c>
      <c r="F14205" s="2" t="s">
        <v>41001</v>
      </c>
      <c r="G14205" s="8">
        <v>197</v>
      </c>
      <c r="H14205" s="5">
        <v>6</v>
      </c>
      <c r="I14205" s="5" t="s">
        <v>1518</v>
      </c>
      <c r="J14205" s="5" t="s">
        <v>40939</v>
      </c>
      <c r="K14205" s="2" t="s">
        <v>40940</v>
      </c>
      <c r="L14205" s="5" t="s">
        <v>40939</v>
      </c>
      <c r="M14205" s="2" t="s">
        <v>40940</v>
      </c>
      <c r="N14205" s="5" t="s">
        <v>36266</v>
      </c>
      <c r="O14205" s="5" t="s">
        <v>38</v>
      </c>
      <c r="P14205" s="5" t="s">
        <v>39</v>
      </c>
      <c r="Q14205" s="5" t="s">
        <v>40</v>
      </c>
      <c r="R14205" s="5" t="s">
        <v>1522</v>
      </c>
      <c r="S14205" s="5" t="s">
        <v>1523</v>
      </c>
      <c r="T14205" s="5" t="s">
        <v>42</v>
      </c>
      <c r="U14205" s="2">
        <v>1.758</v>
      </c>
      <c r="V14205" s="2">
        <v>1.1180000000000001</v>
      </c>
      <c r="W14205" s="2">
        <v>0.02</v>
      </c>
      <c r="X14205" s="2">
        <v>159.1</v>
      </c>
      <c r="Y14205" s="2">
        <v>7.6</v>
      </c>
      <c r="Z14205" s="2">
        <v>16.7</v>
      </c>
      <c r="AA14205" s="5"/>
      <c r="AB14205" s="5" t="s">
        <v>43</v>
      </c>
      <c r="AC14205" s="5" t="s">
        <v>44</v>
      </c>
      <c r="AD14205" s="2"/>
      <c r="AE14205" s="1"/>
    </row>
    <row r="14206" spans="1:31" ht="14.45">
      <c r="A14206" s="11"/>
      <c r="B14206" s="20"/>
      <c r="C14206" s="2" t="s">
        <v>43569</v>
      </c>
      <c r="D14206" s="14" t="s">
        <v>43570</v>
      </c>
      <c r="E14206" s="2" t="s">
        <v>43571</v>
      </c>
      <c r="F14206" s="2" t="s">
        <v>41005</v>
      </c>
      <c r="G14206" s="8">
        <v>197</v>
      </c>
      <c r="H14206" s="5">
        <v>6</v>
      </c>
      <c r="I14206" s="5" t="s">
        <v>1518</v>
      </c>
      <c r="J14206" s="5" t="s">
        <v>40939</v>
      </c>
      <c r="K14206" s="2" t="s">
        <v>40940</v>
      </c>
      <c r="L14206" s="5" t="s">
        <v>40939</v>
      </c>
      <c r="M14206" s="2" t="s">
        <v>40940</v>
      </c>
      <c r="N14206" s="5" t="s">
        <v>36266</v>
      </c>
      <c r="O14206" s="5" t="s">
        <v>38</v>
      </c>
      <c r="P14206" s="5" t="s">
        <v>39</v>
      </c>
      <c r="Q14206" s="5" t="s">
        <v>40</v>
      </c>
      <c r="R14206" s="5" t="s">
        <v>1522</v>
      </c>
      <c r="S14206" s="5" t="s">
        <v>1523</v>
      </c>
      <c r="T14206" s="5" t="s">
        <v>42</v>
      </c>
      <c r="U14206" s="2">
        <v>1.768</v>
      </c>
      <c r="V14206" s="2">
        <v>1.1279999999999999</v>
      </c>
      <c r="W14206" s="2">
        <v>0.02</v>
      </c>
      <c r="X14206" s="2">
        <v>159.1</v>
      </c>
      <c r="Y14206" s="2">
        <v>7.6</v>
      </c>
      <c r="Z14206" s="2">
        <v>16.7</v>
      </c>
      <c r="AA14206" s="5"/>
      <c r="AB14206" s="5" t="s">
        <v>43</v>
      </c>
      <c r="AC14206" s="5" t="s">
        <v>44</v>
      </c>
      <c r="AD14206" s="2"/>
      <c r="AE14206" s="1"/>
    </row>
    <row r="14207" spans="1:31" ht="14.45">
      <c r="A14207" s="11"/>
      <c r="B14207" s="20"/>
      <c r="C14207" s="2" t="s">
        <v>43572</v>
      </c>
      <c r="D14207" s="14" t="s">
        <v>43573</v>
      </c>
      <c r="E14207" s="2" t="s">
        <v>43574</v>
      </c>
      <c r="F14207" s="2" t="s">
        <v>41009</v>
      </c>
      <c r="G14207" s="8">
        <v>197</v>
      </c>
      <c r="H14207" s="5">
        <v>6</v>
      </c>
      <c r="I14207" s="5" t="s">
        <v>1518</v>
      </c>
      <c r="J14207" s="5" t="s">
        <v>40939</v>
      </c>
      <c r="K14207" s="2" t="s">
        <v>40940</v>
      </c>
      <c r="L14207" s="5" t="s">
        <v>40939</v>
      </c>
      <c r="M14207" s="2" t="s">
        <v>40940</v>
      </c>
      <c r="N14207" s="5" t="s">
        <v>36266</v>
      </c>
      <c r="O14207" s="5" t="s">
        <v>38</v>
      </c>
      <c r="P14207" s="5" t="s">
        <v>39</v>
      </c>
      <c r="Q14207" s="5" t="s">
        <v>40</v>
      </c>
      <c r="R14207" s="5" t="s">
        <v>1522</v>
      </c>
      <c r="S14207" s="5" t="s">
        <v>1523</v>
      </c>
      <c r="T14207" s="5" t="s">
        <v>42</v>
      </c>
      <c r="U14207" s="2">
        <v>1.77</v>
      </c>
      <c r="V14207" s="2">
        <v>1.1299999999999999</v>
      </c>
      <c r="W14207" s="2">
        <v>0.02</v>
      </c>
      <c r="X14207" s="2">
        <v>159.1</v>
      </c>
      <c r="Y14207" s="2">
        <v>7.6</v>
      </c>
      <c r="Z14207" s="2">
        <v>16.7</v>
      </c>
      <c r="AA14207" s="5"/>
      <c r="AB14207" s="5" t="s">
        <v>43</v>
      </c>
      <c r="AC14207" s="5" t="s">
        <v>44</v>
      </c>
      <c r="AD14207" s="2"/>
      <c r="AE14207" s="1"/>
    </row>
    <row r="14208" spans="1:31" ht="14.45">
      <c r="A14208" s="11"/>
      <c r="B14208" s="20"/>
      <c r="C14208" s="2" t="s">
        <v>43575</v>
      </c>
      <c r="D14208" s="14" t="s">
        <v>43576</v>
      </c>
      <c r="E14208" s="2" t="s">
        <v>43577</v>
      </c>
      <c r="F14208" s="2" t="s">
        <v>41013</v>
      </c>
      <c r="G14208" s="8">
        <v>197</v>
      </c>
      <c r="H14208" s="5">
        <v>6</v>
      </c>
      <c r="I14208" s="5" t="s">
        <v>1518</v>
      </c>
      <c r="J14208" s="5" t="s">
        <v>40939</v>
      </c>
      <c r="K14208" s="2" t="s">
        <v>40940</v>
      </c>
      <c r="L14208" s="5" t="s">
        <v>40939</v>
      </c>
      <c r="M14208" s="2" t="s">
        <v>40940</v>
      </c>
      <c r="N14208" s="5" t="s">
        <v>36266</v>
      </c>
      <c r="O14208" s="5" t="s">
        <v>38</v>
      </c>
      <c r="P14208" s="5" t="s">
        <v>39</v>
      </c>
      <c r="Q14208" s="5" t="s">
        <v>40</v>
      </c>
      <c r="R14208" s="5" t="s">
        <v>1522</v>
      </c>
      <c r="S14208" s="5" t="s">
        <v>1523</v>
      </c>
      <c r="T14208" s="5" t="s">
        <v>42</v>
      </c>
      <c r="U14208" s="2">
        <v>1.78</v>
      </c>
      <c r="V14208" s="2">
        <v>1.1399999999999999</v>
      </c>
      <c r="W14208" s="2">
        <v>0.02</v>
      </c>
      <c r="X14208" s="2">
        <v>159.1</v>
      </c>
      <c r="Y14208" s="2">
        <v>7.6</v>
      </c>
      <c r="Z14208" s="2">
        <v>16.7</v>
      </c>
      <c r="AA14208" s="5"/>
      <c r="AB14208" s="5" t="s">
        <v>43</v>
      </c>
      <c r="AC14208" s="5" t="s">
        <v>44</v>
      </c>
      <c r="AD14208" s="2"/>
      <c r="AE14208" s="1"/>
    </row>
    <row r="14209" spans="1:31" ht="14.45">
      <c r="A14209" s="11"/>
      <c r="B14209" s="20"/>
      <c r="C14209" s="2" t="s">
        <v>43578</v>
      </c>
      <c r="D14209" s="14" t="s">
        <v>43579</v>
      </c>
      <c r="E14209" s="2" t="s">
        <v>43580</v>
      </c>
      <c r="F14209" s="2" t="s">
        <v>7396</v>
      </c>
      <c r="G14209" s="8">
        <v>171</v>
      </c>
      <c r="H14209" s="5">
        <v>6</v>
      </c>
      <c r="I14209" s="5" t="s">
        <v>1518</v>
      </c>
      <c r="J14209" s="5" t="s">
        <v>40939</v>
      </c>
      <c r="K14209" s="2" t="s">
        <v>40940</v>
      </c>
      <c r="L14209" s="5" t="s">
        <v>40939</v>
      </c>
      <c r="M14209" s="2" t="s">
        <v>40940</v>
      </c>
      <c r="N14209" s="5" t="s">
        <v>36266</v>
      </c>
      <c r="O14209" s="5" t="s">
        <v>38</v>
      </c>
      <c r="P14209" s="5" t="s">
        <v>39</v>
      </c>
      <c r="Q14209" s="5" t="s">
        <v>40</v>
      </c>
      <c r="R14209" s="5" t="s">
        <v>1522</v>
      </c>
      <c r="S14209" s="5" t="s">
        <v>1523</v>
      </c>
      <c r="T14209" s="5" t="s">
        <v>42</v>
      </c>
      <c r="U14209" s="2">
        <v>1.77</v>
      </c>
      <c r="V14209" s="2">
        <v>1.1299999999999999</v>
      </c>
      <c r="W14209" s="2">
        <v>0.02</v>
      </c>
      <c r="X14209" s="2">
        <v>159.1</v>
      </c>
      <c r="Y14209" s="2">
        <v>7.6</v>
      </c>
      <c r="Z14209" s="2">
        <v>16.7</v>
      </c>
      <c r="AA14209" s="5"/>
      <c r="AB14209" s="5" t="s">
        <v>43</v>
      </c>
      <c r="AC14209" s="5" t="s">
        <v>44</v>
      </c>
      <c r="AD14209" s="2"/>
      <c r="AE14209" s="1"/>
    </row>
    <row r="14210" spans="1:31" ht="14.45">
      <c r="A14210" s="11"/>
      <c r="B14210" s="20"/>
      <c r="C14210" s="2" t="s">
        <v>43581</v>
      </c>
      <c r="D14210" s="14" t="s">
        <v>43582</v>
      </c>
      <c r="E14210" s="2" t="s">
        <v>43583</v>
      </c>
      <c r="F14210" s="2" t="s">
        <v>7507</v>
      </c>
      <c r="G14210" s="8">
        <v>171</v>
      </c>
      <c r="H14210" s="5">
        <v>6</v>
      </c>
      <c r="I14210" s="5" t="s">
        <v>1518</v>
      </c>
      <c r="J14210" s="5" t="s">
        <v>40939</v>
      </c>
      <c r="K14210" s="2" t="s">
        <v>40940</v>
      </c>
      <c r="L14210" s="5" t="s">
        <v>40939</v>
      </c>
      <c r="M14210" s="2" t="s">
        <v>40940</v>
      </c>
      <c r="N14210" s="5" t="s">
        <v>36266</v>
      </c>
      <c r="O14210" s="5" t="s">
        <v>38</v>
      </c>
      <c r="P14210" s="5" t="s">
        <v>39</v>
      </c>
      <c r="Q14210" s="5" t="s">
        <v>40</v>
      </c>
      <c r="R14210" s="5" t="s">
        <v>1522</v>
      </c>
      <c r="S14210" s="5" t="s">
        <v>1523</v>
      </c>
      <c r="T14210" s="5" t="s">
        <v>42</v>
      </c>
      <c r="U14210" s="2">
        <v>1.78</v>
      </c>
      <c r="V14210" s="2">
        <v>1.1399999999999999</v>
      </c>
      <c r="W14210" s="2">
        <v>0.02</v>
      </c>
      <c r="X14210" s="2">
        <v>159.1</v>
      </c>
      <c r="Y14210" s="2">
        <v>7.6</v>
      </c>
      <c r="Z14210" s="2">
        <v>16.7</v>
      </c>
      <c r="AA14210" s="5"/>
      <c r="AB14210" s="5" t="s">
        <v>43</v>
      </c>
      <c r="AC14210" s="5" t="s">
        <v>44</v>
      </c>
      <c r="AD14210" s="2"/>
      <c r="AE14210" s="1"/>
    </row>
    <row r="14211" spans="1:31" ht="14.45">
      <c r="A14211" s="11"/>
      <c r="B14211" s="20"/>
      <c r="C14211" s="2" t="s">
        <v>43584</v>
      </c>
      <c r="D14211" s="14" t="s">
        <v>43585</v>
      </c>
      <c r="E14211" s="2" t="s">
        <v>43586</v>
      </c>
      <c r="F14211" s="2" t="s">
        <v>41023</v>
      </c>
      <c r="G14211" s="8">
        <v>197</v>
      </c>
      <c r="H14211" s="5">
        <v>6</v>
      </c>
      <c r="I14211" s="5" t="s">
        <v>1518</v>
      </c>
      <c r="J14211" s="5" t="s">
        <v>40939</v>
      </c>
      <c r="K14211" s="2" t="s">
        <v>40940</v>
      </c>
      <c r="L14211" s="5" t="s">
        <v>40939</v>
      </c>
      <c r="M14211" s="2" t="s">
        <v>40940</v>
      </c>
      <c r="N14211" s="5" t="s">
        <v>36266</v>
      </c>
      <c r="O14211" s="5" t="s">
        <v>38</v>
      </c>
      <c r="P14211" s="5" t="s">
        <v>39</v>
      </c>
      <c r="Q14211" s="5" t="s">
        <v>40</v>
      </c>
      <c r="R14211" s="5" t="s">
        <v>1522</v>
      </c>
      <c r="S14211" s="5" t="s">
        <v>1523</v>
      </c>
      <c r="T14211" s="5" t="s">
        <v>42</v>
      </c>
      <c r="U14211" s="2">
        <v>1.71</v>
      </c>
      <c r="V14211" s="2">
        <v>1.07</v>
      </c>
      <c r="W14211" s="2">
        <v>0.02</v>
      </c>
      <c r="X14211" s="2">
        <v>159.1</v>
      </c>
      <c r="Y14211" s="2">
        <v>7.6</v>
      </c>
      <c r="Z14211" s="2">
        <v>16.7</v>
      </c>
      <c r="AA14211" s="5"/>
      <c r="AB14211" s="5" t="s">
        <v>43</v>
      </c>
      <c r="AC14211" s="5" t="s">
        <v>44</v>
      </c>
      <c r="AD14211" s="2"/>
      <c r="AE14211" s="1"/>
    </row>
    <row r="14212" spans="1:31" ht="14.45">
      <c r="A14212" s="11"/>
      <c r="B14212" s="20"/>
      <c r="C14212" s="2" t="s">
        <v>43587</v>
      </c>
      <c r="D14212" s="14" t="s">
        <v>43588</v>
      </c>
      <c r="E14212" s="2" t="s">
        <v>43589</v>
      </c>
      <c r="F14212" s="2" t="s">
        <v>41027</v>
      </c>
      <c r="G14212" s="8">
        <v>197</v>
      </c>
      <c r="H14212" s="5">
        <v>6</v>
      </c>
      <c r="I14212" s="5" t="s">
        <v>1518</v>
      </c>
      <c r="J14212" s="5" t="s">
        <v>40939</v>
      </c>
      <c r="K14212" s="2" t="s">
        <v>40940</v>
      </c>
      <c r="L14212" s="5" t="s">
        <v>40939</v>
      </c>
      <c r="M14212" s="2" t="s">
        <v>40940</v>
      </c>
      <c r="N14212" s="5" t="s">
        <v>36266</v>
      </c>
      <c r="O14212" s="5" t="s">
        <v>38</v>
      </c>
      <c r="P14212" s="5" t="s">
        <v>39</v>
      </c>
      <c r="Q14212" s="5" t="s">
        <v>40</v>
      </c>
      <c r="R14212" s="5" t="s">
        <v>1522</v>
      </c>
      <c r="S14212" s="5" t="s">
        <v>1523</v>
      </c>
      <c r="T14212" s="5" t="s">
        <v>42</v>
      </c>
      <c r="U14212" s="2">
        <v>1.72</v>
      </c>
      <c r="V14212" s="2">
        <v>1.08</v>
      </c>
      <c r="W14212" s="2">
        <v>0.02</v>
      </c>
      <c r="X14212" s="2">
        <v>159.1</v>
      </c>
      <c r="Y14212" s="2">
        <v>7.6</v>
      </c>
      <c r="Z14212" s="2">
        <v>16.7</v>
      </c>
      <c r="AA14212" s="5"/>
      <c r="AB14212" s="5" t="s">
        <v>43</v>
      </c>
      <c r="AC14212" s="5" t="s">
        <v>44</v>
      </c>
      <c r="AD14212" s="2"/>
      <c r="AE14212" s="1"/>
    </row>
    <row r="14213" spans="1:31" ht="14.45">
      <c r="A14213" s="11"/>
      <c r="B14213" s="20"/>
      <c r="C14213" s="2" t="s">
        <v>43590</v>
      </c>
      <c r="D14213" s="14" t="s">
        <v>43591</v>
      </c>
      <c r="E14213" s="2" t="s">
        <v>43592</v>
      </c>
      <c r="F14213" s="2" t="s">
        <v>41031</v>
      </c>
      <c r="G14213" s="8">
        <v>197</v>
      </c>
      <c r="H14213" s="5">
        <v>6</v>
      </c>
      <c r="I14213" s="5" t="s">
        <v>1518</v>
      </c>
      <c r="J14213" s="5" t="s">
        <v>40939</v>
      </c>
      <c r="K14213" s="2" t="s">
        <v>40940</v>
      </c>
      <c r="L14213" s="5" t="s">
        <v>40939</v>
      </c>
      <c r="M14213" s="2" t="s">
        <v>40940</v>
      </c>
      <c r="N14213" s="5" t="s">
        <v>36266</v>
      </c>
      <c r="O14213" s="5" t="s">
        <v>38</v>
      </c>
      <c r="P14213" s="5" t="s">
        <v>39</v>
      </c>
      <c r="Q14213" s="5" t="s">
        <v>40</v>
      </c>
      <c r="R14213" s="5" t="s">
        <v>1522</v>
      </c>
      <c r="S14213" s="5" t="s">
        <v>1523</v>
      </c>
      <c r="T14213" s="5" t="s">
        <v>42</v>
      </c>
      <c r="U14213" s="2">
        <v>1.71</v>
      </c>
      <c r="V14213" s="2">
        <v>1.07</v>
      </c>
      <c r="W14213" s="2">
        <v>0.02</v>
      </c>
      <c r="X14213" s="2">
        <v>159.1</v>
      </c>
      <c r="Y14213" s="2">
        <v>7.6</v>
      </c>
      <c r="Z14213" s="2">
        <v>16.7</v>
      </c>
      <c r="AA14213" s="5"/>
      <c r="AB14213" s="5" t="s">
        <v>43</v>
      </c>
      <c r="AC14213" s="5" t="s">
        <v>44</v>
      </c>
      <c r="AD14213" s="2"/>
      <c r="AE14213" s="1"/>
    </row>
    <row r="14214" spans="1:31" ht="14.45">
      <c r="A14214" s="11"/>
      <c r="B14214" s="20"/>
      <c r="C14214" s="2" t="s">
        <v>43593</v>
      </c>
      <c r="D14214" s="14" t="s">
        <v>43594</v>
      </c>
      <c r="E14214" s="2" t="s">
        <v>43595</v>
      </c>
      <c r="F14214" s="2" t="s">
        <v>41035</v>
      </c>
      <c r="G14214" s="8">
        <v>197</v>
      </c>
      <c r="H14214" s="5">
        <v>6</v>
      </c>
      <c r="I14214" s="5" t="s">
        <v>1518</v>
      </c>
      <c r="J14214" s="5" t="s">
        <v>40939</v>
      </c>
      <c r="K14214" s="2" t="s">
        <v>40940</v>
      </c>
      <c r="L14214" s="5" t="s">
        <v>40939</v>
      </c>
      <c r="M14214" s="2" t="s">
        <v>40940</v>
      </c>
      <c r="N14214" s="5" t="s">
        <v>36266</v>
      </c>
      <c r="O14214" s="5" t="s">
        <v>38</v>
      </c>
      <c r="P14214" s="5" t="s">
        <v>39</v>
      </c>
      <c r="Q14214" s="5" t="s">
        <v>40</v>
      </c>
      <c r="R14214" s="5" t="s">
        <v>1522</v>
      </c>
      <c r="S14214" s="5" t="s">
        <v>1523</v>
      </c>
      <c r="T14214" s="5" t="s">
        <v>42</v>
      </c>
      <c r="U14214" s="2">
        <v>1.72</v>
      </c>
      <c r="V14214" s="2">
        <v>1.08</v>
      </c>
      <c r="W14214" s="2">
        <v>0.02</v>
      </c>
      <c r="X14214" s="2">
        <v>159.1</v>
      </c>
      <c r="Y14214" s="2">
        <v>7.6</v>
      </c>
      <c r="Z14214" s="2">
        <v>16.7</v>
      </c>
      <c r="AA14214" s="5"/>
      <c r="AB14214" s="5" t="s">
        <v>43</v>
      </c>
      <c r="AC14214" s="5" t="s">
        <v>44</v>
      </c>
      <c r="AD14214" s="2"/>
      <c r="AE14214" s="1"/>
    </row>
    <row r="14215" spans="1:31" ht="14.45">
      <c r="A14215" s="11"/>
      <c r="B14215" s="20"/>
      <c r="C14215" s="2" t="s">
        <v>43596</v>
      </c>
      <c r="D14215" s="14" t="s">
        <v>43597</v>
      </c>
      <c r="E14215" s="2" t="s">
        <v>43598</v>
      </c>
      <c r="F14215" s="2" t="s">
        <v>7449</v>
      </c>
      <c r="G14215" s="8">
        <v>197</v>
      </c>
      <c r="H14215" s="5">
        <v>6</v>
      </c>
      <c r="I14215" s="5" t="s">
        <v>1518</v>
      </c>
      <c r="J14215" s="5" t="s">
        <v>40939</v>
      </c>
      <c r="K14215" s="2" t="s">
        <v>40940</v>
      </c>
      <c r="L14215" s="5" t="s">
        <v>40939</v>
      </c>
      <c r="M14215" s="2" t="s">
        <v>40940</v>
      </c>
      <c r="N14215" s="5" t="s">
        <v>36266</v>
      </c>
      <c r="O14215" s="5" t="s">
        <v>38</v>
      </c>
      <c r="P14215" s="5" t="s">
        <v>39</v>
      </c>
      <c r="Q14215" s="5" t="s">
        <v>40</v>
      </c>
      <c r="R14215" s="5" t="s">
        <v>1522</v>
      </c>
      <c r="S14215" s="5" t="s">
        <v>1523</v>
      </c>
      <c r="T14215" s="5" t="s">
        <v>42</v>
      </c>
      <c r="U14215" s="2">
        <v>1.71</v>
      </c>
      <c r="V14215" s="2">
        <v>1.07</v>
      </c>
      <c r="W14215" s="2">
        <v>0.02</v>
      </c>
      <c r="X14215" s="2">
        <v>159.1</v>
      </c>
      <c r="Y14215" s="2">
        <v>7.6</v>
      </c>
      <c r="Z14215" s="2">
        <v>16.7</v>
      </c>
      <c r="AA14215" s="5"/>
      <c r="AB14215" s="5" t="s">
        <v>43</v>
      </c>
      <c r="AC14215" s="5" t="s">
        <v>44</v>
      </c>
      <c r="AD14215" s="2"/>
      <c r="AE14215" s="1"/>
    </row>
    <row r="14216" spans="1:31" ht="14.45">
      <c r="A14216" s="11"/>
      <c r="B14216" s="20"/>
      <c r="C14216" s="2" t="s">
        <v>43599</v>
      </c>
      <c r="D14216" s="14" t="s">
        <v>43600</v>
      </c>
      <c r="E14216" s="2" t="s">
        <v>43601</v>
      </c>
      <c r="F14216" s="2" t="s">
        <v>7581</v>
      </c>
      <c r="G14216" s="8">
        <v>197</v>
      </c>
      <c r="H14216" s="5">
        <v>6</v>
      </c>
      <c r="I14216" s="5" t="s">
        <v>1518</v>
      </c>
      <c r="J14216" s="5" t="s">
        <v>40939</v>
      </c>
      <c r="K14216" s="2" t="s">
        <v>40940</v>
      </c>
      <c r="L14216" s="5" t="s">
        <v>40939</v>
      </c>
      <c r="M14216" s="2" t="s">
        <v>40940</v>
      </c>
      <c r="N14216" s="5" t="s">
        <v>36266</v>
      </c>
      <c r="O14216" s="5" t="s">
        <v>38</v>
      </c>
      <c r="P14216" s="5" t="s">
        <v>39</v>
      </c>
      <c r="Q14216" s="5" t="s">
        <v>40</v>
      </c>
      <c r="R14216" s="5" t="s">
        <v>1522</v>
      </c>
      <c r="S14216" s="5" t="s">
        <v>1523</v>
      </c>
      <c r="T14216" s="5" t="s">
        <v>42</v>
      </c>
      <c r="U14216" s="2">
        <v>1.72</v>
      </c>
      <c r="V14216" s="2">
        <v>1.08</v>
      </c>
      <c r="W14216" s="2">
        <v>0.02</v>
      </c>
      <c r="X14216" s="2">
        <v>159.1</v>
      </c>
      <c r="Y14216" s="2">
        <v>7.6</v>
      </c>
      <c r="Z14216" s="2">
        <v>16.7</v>
      </c>
      <c r="AA14216" s="5"/>
      <c r="AB14216" s="5" t="s">
        <v>43</v>
      </c>
      <c r="AC14216" s="5" t="s">
        <v>44</v>
      </c>
      <c r="AD14216" s="2"/>
      <c r="AE14216" s="1"/>
    </row>
    <row r="14217" spans="1:31" ht="14.45">
      <c r="A14217" s="11"/>
      <c r="B14217" s="20"/>
      <c r="C14217" s="2" t="s">
        <v>43602</v>
      </c>
      <c r="D14217" s="14" t="s">
        <v>43603</v>
      </c>
      <c r="E14217" s="2" t="s">
        <v>43604</v>
      </c>
      <c r="F14217" s="2" t="s">
        <v>41045</v>
      </c>
      <c r="G14217" s="8">
        <v>197</v>
      </c>
      <c r="H14217" s="5">
        <v>6</v>
      </c>
      <c r="I14217" s="5" t="s">
        <v>1518</v>
      </c>
      <c r="J14217" s="5" t="s">
        <v>40939</v>
      </c>
      <c r="K14217" s="2" t="s">
        <v>40940</v>
      </c>
      <c r="L14217" s="5" t="s">
        <v>40939</v>
      </c>
      <c r="M14217" s="2" t="s">
        <v>40940</v>
      </c>
      <c r="N14217" s="5" t="s">
        <v>36266</v>
      </c>
      <c r="O14217" s="5" t="s">
        <v>38</v>
      </c>
      <c r="P14217" s="5" t="s">
        <v>39</v>
      </c>
      <c r="Q14217" s="5" t="s">
        <v>40</v>
      </c>
      <c r="R14217" s="5" t="s">
        <v>1522</v>
      </c>
      <c r="S14217" s="5" t="s">
        <v>1523</v>
      </c>
      <c r="T14217" s="5" t="s">
        <v>42</v>
      </c>
      <c r="U14217" s="2">
        <v>1.782</v>
      </c>
      <c r="V14217" s="2">
        <v>1.1419999999999999</v>
      </c>
      <c r="W14217" s="2">
        <v>0.02</v>
      </c>
      <c r="X14217" s="2">
        <v>159.1</v>
      </c>
      <c r="Y14217" s="2">
        <v>7.6</v>
      </c>
      <c r="Z14217" s="2">
        <v>16.7</v>
      </c>
      <c r="AA14217" s="5"/>
      <c r="AB14217" s="5" t="s">
        <v>43</v>
      </c>
      <c r="AC14217" s="5" t="s">
        <v>44</v>
      </c>
      <c r="AD14217" s="2"/>
      <c r="AE14217" s="1"/>
    </row>
    <row r="14218" spans="1:31" ht="14.45">
      <c r="A14218" s="11"/>
      <c r="B14218" s="20"/>
      <c r="C14218" s="2" t="s">
        <v>43605</v>
      </c>
      <c r="D14218" s="14" t="s">
        <v>43606</v>
      </c>
      <c r="E14218" s="2" t="s">
        <v>43607</v>
      </c>
      <c r="F14218" s="2" t="s">
        <v>41049</v>
      </c>
      <c r="G14218" s="8">
        <v>197</v>
      </c>
      <c r="H14218" s="5">
        <v>6</v>
      </c>
      <c r="I14218" s="5" t="s">
        <v>1518</v>
      </c>
      <c r="J14218" s="5" t="s">
        <v>40939</v>
      </c>
      <c r="K14218" s="2" t="s">
        <v>40940</v>
      </c>
      <c r="L14218" s="5" t="s">
        <v>40939</v>
      </c>
      <c r="M14218" s="2" t="s">
        <v>40940</v>
      </c>
      <c r="N14218" s="5" t="s">
        <v>36266</v>
      </c>
      <c r="O14218" s="5" t="s">
        <v>38</v>
      </c>
      <c r="P14218" s="5" t="s">
        <v>39</v>
      </c>
      <c r="Q14218" s="5" t="s">
        <v>40</v>
      </c>
      <c r="R14218" s="5" t="s">
        <v>1522</v>
      </c>
      <c r="S14218" s="5" t="s">
        <v>1523</v>
      </c>
      <c r="T14218" s="5" t="s">
        <v>42</v>
      </c>
      <c r="U14218" s="2">
        <v>1.792</v>
      </c>
      <c r="V14218" s="2">
        <v>1.1519999999999999</v>
      </c>
      <c r="W14218" s="2">
        <v>0.02</v>
      </c>
      <c r="X14218" s="2">
        <v>159.1</v>
      </c>
      <c r="Y14218" s="2">
        <v>7.6</v>
      </c>
      <c r="Z14218" s="2">
        <v>16.7</v>
      </c>
      <c r="AA14218" s="5"/>
      <c r="AB14218" s="5" t="s">
        <v>43</v>
      </c>
      <c r="AC14218" s="5" t="s">
        <v>44</v>
      </c>
      <c r="AD14218" s="2"/>
      <c r="AE14218" s="1"/>
    </row>
    <row r="14219" spans="1:31" ht="14.45">
      <c r="A14219" s="11"/>
      <c r="B14219" s="20"/>
      <c r="C14219" s="2" t="s">
        <v>43608</v>
      </c>
      <c r="D14219" s="14" t="s">
        <v>43609</v>
      </c>
      <c r="E14219" s="2" t="s">
        <v>43610</v>
      </c>
      <c r="F14219" s="2" t="s">
        <v>7204</v>
      </c>
      <c r="G14219" s="8">
        <v>166</v>
      </c>
      <c r="H14219" s="5">
        <v>6</v>
      </c>
      <c r="I14219" s="5" t="s">
        <v>1518</v>
      </c>
      <c r="J14219" s="5" t="s">
        <v>40939</v>
      </c>
      <c r="K14219" s="2" t="s">
        <v>40940</v>
      </c>
      <c r="L14219" s="5" t="s">
        <v>40939</v>
      </c>
      <c r="M14219" s="2" t="s">
        <v>40940</v>
      </c>
      <c r="N14219" s="5" t="s">
        <v>36266</v>
      </c>
      <c r="O14219" s="5" t="s">
        <v>38</v>
      </c>
      <c r="P14219" s="5" t="s">
        <v>39</v>
      </c>
      <c r="Q14219" s="5" t="s">
        <v>40</v>
      </c>
      <c r="R14219" s="5" t="s">
        <v>1522</v>
      </c>
      <c r="S14219" s="5" t="s">
        <v>1523</v>
      </c>
      <c r="T14219" s="5" t="s">
        <v>42</v>
      </c>
      <c r="U14219" s="2">
        <v>1.427</v>
      </c>
      <c r="V14219" s="2">
        <v>0.96899999999999997</v>
      </c>
      <c r="W14219" s="2">
        <v>1.4999999999999999E-2</v>
      </c>
      <c r="X14219" s="2">
        <v>118.9</v>
      </c>
      <c r="Y14219" s="2">
        <v>7.6</v>
      </c>
      <c r="Z14219" s="2">
        <v>16.7</v>
      </c>
      <c r="AA14219" s="5"/>
      <c r="AB14219" s="5" t="s">
        <v>43</v>
      </c>
      <c r="AC14219" s="5" t="s">
        <v>44</v>
      </c>
      <c r="AD14219" s="2"/>
      <c r="AE14219" s="1"/>
    </row>
    <row r="14220" spans="1:31" ht="14.45">
      <c r="A14220" s="11"/>
      <c r="B14220" s="20"/>
      <c r="C14220" s="2" t="s">
        <v>43611</v>
      </c>
      <c r="D14220" s="14" t="s">
        <v>43612</v>
      </c>
      <c r="E14220" s="2" t="s">
        <v>43613</v>
      </c>
      <c r="F14220" s="2" t="s">
        <v>7514</v>
      </c>
      <c r="G14220" s="8">
        <v>166</v>
      </c>
      <c r="H14220" s="5">
        <v>6</v>
      </c>
      <c r="I14220" s="5" t="s">
        <v>1518</v>
      </c>
      <c r="J14220" s="5" t="s">
        <v>40939</v>
      </c>
      <c r="K14220" s="2" t="s">
        <v>40940</v>
      </c>
      <c r="L14220" s="5" t="s">
        <v>40939</v>
      </c>
      <c r="M14220" s="2" t="s">
        <v>40940</v>
      </c>
      <c r="N14220" s="5" t="s">
        <v>36266</v>
      </c>
      <c r="O14220" s="5" t="s">
        <v>38</v>
      </c>
      <c r="P14220" s="5" t="s">
        <v>39</v>
      </c>
      <c r="Q14220" s="5" t="s">
        <v>40</v>
      </c>
      <c r="R14220" s="5" t="s">
        <v>1522</v>
      </c>
      <c r="S14220" s="5" t="s">
        <v>1523</v>
      </c>
      <c r="T14220" s="5" t="s">
        <v>42</v>
      </c>
      <c r="U14220" s="2">
        <v>1.444</v>
      </c>
      <c r="V14220" s="2">
        <v>0.98599999999999999</v>
      </c>
      <c r="W14220" s="2">
        <v>1.4999999999999999E-2</v>
      </c>
      <c r="X14220" s="2">
        <v>118.9</v>
      </c>
      <c r="Y14220" s="2">
        <v>7.6</v>
      </c>
      <c r="Z14220" s="2">
        <v>16.7</v>
      </c>
      <c r="AA14220" s="5"/>
      <c r="AB14220" s="5" t="s">
        <v>43</v>
      </c>
      <c r="AC14220" s="5" t="s">
        <v>44</v>
      </c>
      <c r="AD14220" s="2"/>
      <c r="AE14220" s="1"/>
    </row>
    <row r="14221" spans="1:31" ht="14.45">
      <c r="A14221" s="11"/>
      <c r="B14221" s="20"/>
      <c r="C14221" s="2" t="s">
        <v>43614</v>
      </c>
      <c r="D14221" s="14" t="s">
        <v>43615</v>
      </c>
      <c r="E14221" s="2" t="s">
        <v>43616</v>
      </c>
      <c r="F14221" s="2" t="s">
        <v>40947</v>
      </c>
      <c r="G14221" s="8">
        <v>190</v>
      </c>
      <c r="H14221" s="5">
        <v>6</v>
      </c>
      <c r="I14221" s="5" t="s">
        <v>1518</v>
      </c>
      <c r="J14221" s="5" t="s">
        <v>40939</v>
      </c>
      <c r="K14221" s="2" t="s">
        <v>40940</v>
      </c>
      <c r="L14221" s="5" t="s">
        <v>40939</v>
      </c>
      <c r="M14221" s="2" t="s">
        <v>40940</v>
      </c>
      <c r="N14221" s="5" t="s">
        <v>36266</v>
      </c>
      <c r="O14221" s="5" t="s">
        <v>38</v>
      </c>
      <c r="P14221" s="5" t="s">
        <v>39</v>
      </c>
      <c r="Q14221" s="5" t="s">
        <v>40</v>
      </c>
      <c r="R14221" s="5" t="s">
        <v>1522</v>
      </c>
      <c r="S14221" s="5" t="s">
        <v>1523</v>
      </c>
      <c r="T14221" s="5" t="s">
        <v>42</v>
      </c>
      <c r="U14221" s="2">
        <v>1.4450000000000001</v>
      </c>
      <c r="V14221" s="2">
        <v>0.98699999999999999</v>
      </c>
      <c r="W14221" s="2">
        <v>1.4999999999999999E-2</v>
      </c>
      <c r="X14221" s="2">
        <v>118.9</v>
      </c>
      <c r="Y14221" s="2">
        <v>7.6</v>
      </c>
      <c r="Z14221" s="2">
        <v>16.7</v>
      </c>
      <c r="AA14221" s="5"/>
      <c r="AB14221" s="5" t="s">
        <v>43</v>
      </c>
      <c r="AC14221" s="5" t="s">
        <v>44</v>
      </c>
      <c r="AD14221" s="2"/>
      <c r="AE14221" s="1"/>
    </row>
    <row r="14222" spans="1:31" ht="14.45">
      <c r="A14222" s="11"/>
      <c r="B14222" s="20"/>
      <c r="C14222" s="2" t="s">
        <v>43617</v>
      </c>
      <c r="D14222" s="14" t="s">
        <v>43618</v>
      </c>
      <c r="E14222" s="2" t="s">
        <v>43619</v>
      </c>
      <c r="F14222" s="2" t="s">
        <v>40951</v>
      </c>
      <c r="G14222" s="8">
        <v>190</v>
      </c>
      <c r="H14222" s="5">
        <v>6</v>
      </c>
      <c r="I14222" s="5" t="s">
        <v>1518</v>
      </c>
      <c r="J14222" s="5" t="s">
        <v>40939</v>
      </c>
      <c r="K14222" s="2" t="s">
        <v>40940</v>
      </c>
      <c r="L14222" s="5" t="s">
        <v>40939</v>
      </c>
      <c r="M14222" s="2" t="s">
        <v>40940</v>
      </c>
      <c r="N14222" s="5" t="s">
        <v>36266</v>
      </c>
      <c r="O14222" s="5" t="s">
        <v>38</v>
      </c>
      <c r="P14222" s="5" t="s">
        <v>39</v>
      </c>
      <c r="Q14222" s="5" t="s">
        <v>40</v>
      </c>
      <c r="R14222" s="5" t="s">
        <v>1522</v>
      </c>
      <c r="S14222" s="5" t="s">
        <v>1523</v>
      </c>
      <c r="T14222" s="5" t="s">
        <v>42</v>
      </c>
      <c r="U14222" s="2">
        <v>1.462</v>
      </c>
      <c r="V14222" s="2">
        <v>1.004</v>
      </c>
      <c r="W14222" s="2">
        <v>1.4999999999999999E-2</v>
      </c>
      <c r="X14222" s="2">
        <v>118.9</v>
      </c>
      <c r="Y14222" s="2">
        <v>7.6</v>
      </c>
      <c r="Z14222" s="2">
        <v>16.7</v>
      </c>
      <c r="AA14222" s="5"/>
      <c r="AB14222" s="5" t="s">
        <v>43</v>
      </c>
      <c r="AC14222" s="5" t="s">
        <v>44</v>
      </c>
      <c r="AD14222" s="2"/>
      <c r="AE14222" s="1"/>
    </row>
    <row r="14223" spans="1:31" ht="14.45">
      <c r="A14223" s="11"/>
      <c r="B14223" s="20"/>
      <c r="C14223" s="2" t="s">
        <v>43620</v>
      </c>
      <c r="D14223" s="14" t="s">
        <v>43621</v>
      </c>
      <c r="E14223" s="2" t="s">
        <v>43622</v>
      </c>
      <c r="F14223" s="2" t="s">
        <v>7208</v>
      </c>
      <c r="G14223" s="8">
        <v>166</v>
      </c>
      <c r="H14223" s="5">
        <v>6</v>
      </c>
      <c r="I14223" s="5" t="s">
        <v>1518</v>
      </c>
      <c r="J14223" s="5" t="s">
        <v>40939</v>
      </c>
      <c r="K14223" s="2" t="s">
        <v>40940</v>
      </c>
      <c r="L14223" s="5" t="s">
        <v>40939</v>
      </c>
      <c r="M14223" s="2" t="s">
        <v>40940</v>
      </c>
      <c r="N14223" s="5" t="s">
        <v>36266</v>
      </c>
      <c r="O14223" s="5" t="s">
        <v>38</v>
      </c>
      <c r="P14223" s="5" t="s">
        <v>39</v>
      </c>
      <c r="Q14223" s="5" t="s">
        <v>40</v>
      </c>
      <c r="R14223" s="5" t="s">
        <v>1522</v>
      </c>
      <c r="S14223" s="5" t="s">
        <v>1523</v>
      </c>
      <c r="T14223" s="5" t="s">
        <v>42</v>
      </c>
      <c r="U14223" s="2">
        <v>1.454</v>
      </c>
      <c r="V14223" s="2">
        <v>0.996</v>
      </c>
      <c r="W14223" s="2">
        <v>1.4999999999999999E-2</v>
      </c>
      <c r="X14223" s="2">
        <v>118.9</v>
      </c>
      <c r="Y14223" s="2">
        <v>7.6</v>
      </c>
      <c r="Z14223" s="2">
        <v>16.7</v>
      </c>
      <c r="AA14223" s="5"/>
      <c r="AB14223" s="5" t="s">
        <v>43</v>
      </c>
      <c r="AC14223" s="5" t="s">
        <v>44</v>
      </c>
      <c r="AD14223" s="2"/>
      <c r="AE14223" s="1"/>
    </row>
    <row r="14224" spans="1:31" ht="14.45">
      <c r="A14224" s="11"/>
      <c r="B14224" s="20"/>
      <c r="C14224" s="2" t="s">
        <v>43623</v>
      </c>
      <c r="D14224" s="14" t="s">
        <v>43624</v>
      </c>
      <c r="E14224" s="2" t="s">
        <v>43625</v>
      </c>
      <c r="F14224" s="2" t="s">
        <v>7521</v>
      </c>
      <c r="G14224" s="8">
        <v>166</v>
      </c>
      <c r="H14224" s="5">
        <v>6</v>
      </c>
      <c r="I14224" s="5" t="s">
        <v>1518</v>
      </c>
      <c r="J14224" s="5" t="s">
        <v>40939</v>
      </c>
      <c r="K14224" s="2" t="s">
        <v>40940</v>
      </c>
      <c r="L14224" s="5" t="s">
        <v>40939</v>
      </c>
      <c r="M14224" s="2" t="s">
        <v>40940</v>
      </c>
      <c r="N14224" s="5" t="s">
        <v>36266</v>
      </c>
      <c r="O14224" s="5" t="s">
        <v>38</v>
      </c>
      <c r="P14224" s="5" t="s">
        <v>39</v>
      </c>
      <c r="Q14224" s="5" t="s">
        <v>40</v>
      </c>
      <c r="R14224" s="5" t="s">
        <v>1522</v>
      </c>
      <c r="S14224" s="5" t="s">
        <v>1523</v>
      </c>
      <c r="T14224" s="5" t="s">
        <v>42</v>
      </c>
      <c r="U14224" s="2">
        <v>1.4710000000000001</v>
      </c>
      <c r="V14224" s="2">
        <v>1.0129999999999999</v>
      </c>
      <c r="W14224" s="2">
        <v>1.4999999999999999E-2</v>
      </c>
      <c r="X14224" s="2">
        <v>118.9</v>
      </c>
      <c r="Y14224" s="2">
        <v>7.6</v>
      </c>
      <c r="Z14224" s="2">
        <v>16.7</v>
      </c>
      <c r="AA14224" s="5"/>
      <c r="AB14224" s="5" t="s">
        <v>43</v>
      </c>
      <c r="AC14224" s="5" t="s">
        <v>44</v>
      </c>
      <c r="AD14224" s="2"/>
      <c r="AE14224" s="1"/>
    </row>
    <row r="14225" spans="1:31" ht="14.45">
      <c r="A14225" s="11"/>
      <c r="B14225" s="20"/>
      <c r="C14225" s="2" t="s">
        <v>43626</v>
      </c>
      <c r="D14225" s="14" t="s">
        <v>43627</v>
      </c>
      <c r="E14225" s="2" t="s">
        <v>43628</v>
      </c>
      <c r="F14225" s="2" t="s">
        <v>36273</v>
      </c>
      <c r="G14225" s="8">
        <v>166</v>
      </c>
      <c r="H14225" s="5">
        <v>6</v>
      </c>
      <c r="I14225" s="5" t="s">
        <v>1518</v>
      </c>
      <c r="J14225" s="5" t="s">
        <v>40939</v>
      </c>
      <c r="K14225" s="2" t="s">
        <v>40940</v>
      </c>
      <c r="L14225" s="5" t="s">
        <v>40939</v>
      </c>
      <c r="M14225" s="2" t="s">
        <v>40940</v>
      </c>
      <c r="N14225" s="5" t="s">
        <v>36266</v>
      </c>
      <c r="O14225" s="5" t="s">
        <v>38</v>
      </c>
      <c r="P14225" s="5" t="s">
        <v>39</v>
      </c>
      <c r="Q14225" s="5" t="s">
        <v>40</v>
      </c>
      <c r="R14225" s="5" t="s">
        <v>1522</v>
      </c>
      <c r="S14225" s="5" t="s">
        <v>1523</v>
      </c>
      <c r="T14225" s="5" t="s">
        <v>42</v>
      </c>
      <c r="U14225" s="2">
        <v>1.472</v>
      </c>
      <c r="V14225" s="2">
        <v>1.014</v>
      </c>
      <c r="W14225" s="2">
        <v>1.4999999999999999E-2</v>
      </c>
      <c r="X14225" s="2">
        <v>118.9</v>
      </c>
      <c r="Y14225" s="2">
        <v>7.6</v>
      </c>
      <c r="Z14225" s="2">
        <v>16.7</v>
      </c>
      <c r="AA14225" s="5"/>
      <c r="AB14225" s="5" t="s">
        <v>43</v>
      </c>
      <c r="AC14225" s="5" t="s">
        <v>44</v>
      </c>
      <c r="AD14225" s="2"/>
      <c r="AE14225" s="1"/>
    </row>
    <row r="14226" spans="1:31" ht="14.45">
      <c r="A14226" s="11"/>
      <c r="B14226" s="20"/>
      <c r="C14226" s="2" t="s">
        <v>43629</v>
      </c>
      <c r="D14226" s="14" t="s">
        <v>43630</v>
      </c>
      <c r="E14226" s="2" t="s">
        <v>43631</v>
      </c>
      <c r="F14226" s="2" t="s">
        <v>36277</v>
      </c>
      <c r="G14226" s="8">
        <v>166</v>
      </c>
      <c r="H14226" s="5">
        <v>6</v>
      </c>
      <c r="I14226" s="5" t="s">
        <v>1518</v>
      </c>
      <c r="J14226" s="5" t="s">
        <v>40939</v>
      </c>
      <c r="K14226" s="2" t="s">
        <v>40940</v>
      </c>
      <c r="L14226" s="5" t="s">
        <v>40939</v>
      </c>
      <c r="M14226" s="2" t="s">
        <v>40940</v>
      </c>
      <c r="N14226" s="5" t="s">
        <v>36266</v>
      </c>
      <c r="O14226" s="5" t="s">
        <v>38</v>
      </c>
      <c r="P14226" s="5" t="s">
        <v>39</v>
      </c>
      <c r="Q14226" s="5" t="s">
        <v>40</v>
      </c>
      <c r="R14226" s="5" t="s">
        <v>1522</v>
      </c>
      <c r="S14226" s="5" t="s">
        <v>1523</v>
      </c>
      <c r="T14226" s="5" t="s">
        <v>42</v>
      </c>
      <c r="U14226" s="2">
        <v>1.4890000000000001</v>
      </c>
      <c r="V14226" s="2">
        <v>1.0309999999999999</v>
      </c>
      <c r="W14226" s="2">
        <v>1.4999999999999999E-2</v>
      </c>
      <c r="X14226" s="2">
        <v>118.9</v>
      </c>
      <c r="Y14226" s="2">
        <v>7.6</v>
      </c>
      <c r="Z14226" s="2">
        <v>16.7</v>
      </c>
      <c r="AA14226" s="5"/>
      <c r="AB14226" s="5" t="s">
        <v>43</v>
      </c>
      <c r="AC14226" s="5" t="s">
        <v>44</v>
      </c>
      <c r="AD14226" s="2"/>
      <c r="AE14226" s="1"/>
    </row>
    <row r="14227" spans="1:31" ht="14.45">
      <c r="A14227" s="11"/>
      <c r="B14227" s="20"/>
      <c r="C14227" s="2" t="s">
        <v>43632</v>
      </c>
      <c r="D14227" s="14" t="s">
        <v>43633</v>
      </c>
      <c r="E14227" s="2" t="s">
        <v>43634</v>
      </c>
      <c r="F14227" s="2" t="s">
        <v>40967</v>
      </c>
      <c r="G14227" s="8">
        <v>190</v>
      </c>
      <c r="H14227" s="5">
        <v>6</v>
      </c>
      <c r="I14227" s="5" t="s">
        <v>1518</v>
      </c>
      <c r="J14227" s="5" t="s">
        <v>40939</v>
      </c>
      <c r="K14227" s="2" t="s">
        <v>40940</v>
      </c>
      <c r="L14227" s="5" t="s">
        <v>40939</v>
      </c>
      <c r="M14227" s="2" t="s">
        <v>40940</v>
      </c>
      <c r="N14227" s="5" t="s">
        <v>36266</v>
      </c>
      <c r="O14227" s="5" t="s">
        <v>38</v>
      </c>
      <c r="P14227" s="5" t="s">
        <v>39</v>
      </c>
      <c r="Q14227" s="5" t="s">
        <v>40</v>
      </c>
      <c r="R14227" s="5" t="s">
        <v>1522</v>
      </c>
      <c r="S14227" s="5" t="s">
        <v>1523</v>
      </c>
      <c r="T14227" s="5" t="s">
        <v>42</v>
      </c>
      <c r="U14227" s="2">
        <v>1.454</v>
      </c>
      <c r="V14227" s="2">
        <v>0.996</v>
      </c>
      <c r="W14227" s="2">
        <v>1.4999999999999999E-2</v>
      </c>
      <c r="X14227" s="2">
        <v>118.9</v>
      </c>
      <c r="Y14227" s="2">
        <v>7.6</v>
      </c>
      <c r="Z14227" s="2">
        <v>16.7</v>
      </c>
      <c r="AA14227" s="5"/>
      <c r="AB14227" s="5" t="s">
        <v>43</v>
      </c>
      <c r="AC14227" s="5" t="s">
        <v>44</v>
      </c>
      <c r="AD14227" s="2"/>
      <c r="AE14227" s="1"/>
    </row>
    <row r="14228" spans="1:31" ht="14.45">
      <c r="A14228" s="11"/>
      <c r="B14228" s="20"/>
      <c r="C14228" s="2" t="s">
        <v>43635</v>
      </c>
      <c r="D14228" s="14" t="s">
        <v>43636</v>
      </c>
      <c r="E14228" s="2" t="s">
        <v>43637</v>
      </c>
      <c r="F14228" s="2" t="s">
        <v>40971</v>
      </c>
      <c r="G14228" s="8">
        <v>190</v>
      </c>
      <c r="H14228" s="5">
        <v>6</v>
      </c>
      <c r="I14228" s="5" t="s">
        <v>1518</v>
      </c>
      <c r="J14228" s="5" t="s">
        <v>40939</v>
      </c>
      <c r="K14228" s="2" t="s">
        <v>40940</v>
      </c>
      <c r="L14228" s="5" t="s">
        <v>40939</v>
      </c>
      <c r="M14228" s="2" t="s">
        <v>40940</v>
      </c>
      <c r="N14228" s="5" t="s">
        <v>36266</v>
      </c>
      <c r="O14228" s="5" t="s">
        <v>38</v>
      </c>
      <c r="P14228" s="5" t="s">
        <v>39</v>
      </c>
      <c r="Q14228" s="5" t="s">
        <v>40</v>
      </c>
      <c r="R14228" s="5" t="s">
        <v>1522</v>
      </c>
      <c r="S14228" s="5" t="s">
        <v>1523</v>
      </c>
      <c r="T14228" s="5" t="s">
        <v>42</v>
      </c>
      <c r="U14228" s="2">
        <v>1.4710000000000001</v>
      </c>
      <c r="V14228" s="2">
        <v>1.0129999999999999</v>
      </c>
      <c r="W14228" s="2">
        <v>1.4999999999999999E-2</v>
      </c>
      <c r="X14228" s="2">
        <v>118.9</v>
      </c>
      <c r="Y14228" s="2">
        <v>7.6</v>
      </c>
      <c r="Z14228" s="2">
        <v>16.7</v>
      </c>
      <c r="AA14228" s="5"/>
      <c r="AB14228" s="5" t="s">
        <v>43</v>
      </c>
      <c r="AC14228" s="5" t="s">
        <v>44</v>
      </c>
      <c r="AD14228" s="2"/>
      <c r="AE14228" s="1"/>
    </row>
    <row r="14229" spans="1:31" ht="14.45">
      <c r="A14229" s="11"/>
      <c r="B14229" s="20"/>
      <c r="C14229" s="2" t="s">
        <v>43638</v>
      </c>
      <c r="D14229" s="14" t="s">
        <v>43639</v>
      </c>
      <c r="E14229" s="2" t="s">
        <v>43640</v>
      </c>
      <c r="F14229" s="2" t="s">
        <v>7539</v>
      </c>
      <c r="G14229" s="8">
        <v>190</v>
      </c>
      <c r="H14229" s="5">
        <v>6</v>
      </c>
      <c r="I14229" s="5" t="s">
        <v>1518</v>
      </c>
      <c r="J14229" s="5" t="s">
        <v>40939</v>
      </c>
      <c r="K14229" s="2" t="s">
        <v>40940</v>
      </c>
      <c r="L14229" s="5" t="s">
        <v>40939</v>
      </c>
      <c r="M14229" s="2" t="s">
        <v>40940</v>
      </c>
      <c r="N14229" s="5" t="s">
        <v>36266</v>
      </c>
      <c r="O14229" s="5" t="s">
        <v>38</v>
      </c>
      <c r="P14229" s="5" t="s">
        <v>39</v>
      </c>
      <c r="Q14229" s="5" t="s">
        <v>40</v>
      </c>
      <c r="R14229" s="5" t="s">
        <v>1522</v>
      </c>
      <c r="S14229" s="5" t="s">
        <v>1523</v>
      </c>
      <c r="T14229" s="5" t="s">
        <v>42</v>
      </c>
      <c r="U14229" s="2">
        <v>1.4079999999999999</v>
      </c>
      <c r="V14229" s="2">
        <v>0.95</v>
      </c>
      <c r="W14229" s="2">
        <v>1.4999999999999999E-2</v>
      </c>
      <c r="X14229" s="2">
        <v>118.9</v>
      </c>
      <c r="Y14229" s="2">
        <v>7.6</v>
      </c>
      <c r="Z14229" s="2">
        <v>16.7</v>
      </c>
      <c r="AA14229" s="5"/>
      <c r="AB14229" s="5" t="s">
        <v>43</v>
      </c>
      <c r="AC14229" s="5" t="s">
        <v>44</v>
      </c>
      <c r="AD14229" s="2"/>
      <c r="AE14229" s="1"/>
    </row>
    <row r="14230" spans="1:31" ht="14.45">
      <c r="A14230" s="11"/>
      <c r="B14230" s="20"/>
      <c r="C14230" s="2" t="s">
        <v>43641</v>
      </c>
      <c r="D14230" s="14" t="s">
        <v>43642</v>
      </c>
      <c r="E14230" s="2" t="s">
        <v>43643</v>
      </c>
      <c r="F14230" s="2" t="s">
        <v>7543</v>
      </c>
      <c r="G14230" s="8">
        <v>190</v>
      </c>
      <c r="H14230" s="5">
        <v>6</v>
      </c>
      <c r="I14230" s="5" t="s">
        <v>1518</v>
      </c>
      <c r="J14230" s="5" t="s">
        <v>40939</v>
      </c>
      <c r="K14230" s="2" t="s">
        <v>40940</v>
      </c>
      <c r="L14230" s="5" t="s">
        <v>40939</v>
      </c>
      <c r="M14230" s="2" t="s">
        <v>40940</v>
      </c>
      <c r="N14230" s="5" t="s">
        <v>36266</v>
      </c>
      <c r="O14230" s="5" t="s">
        <v>38</v>
      </c>
      <c r="P14230" s="5" t="s">
        <v>39</v>
      </c>
      <c r="Q14230" s="5" t="s">
        <v>40</v>
      </c>
      <c r="R14230" s="5" t="s">
        <v>1522</v>
      </c>
      <c r="S14230" s="5" t="s">
        <v>1523</v>
      </c>
      <c r="T14230" s="5" t="s">
        <v>42</v>
      </c>
      <c r="U14230" s="2">
        <v>1.425</v>
      </c>
      <c r="V14230" s="2">
        <v>0.96699999999999997</v>
      </c>
      <c r="W14230" s="2">
        <v>1.4999999999999999E-2</v>
      </c>
      <c r="X14230" s="2">
        <v>118.9</v>
      </c>
      <c r="Y14230" s="2">
        <v>7.6</v>
      </c>
      <c r="Z14230" s="2">
        <v>16.7</v>
      </c>
      <c r="AA14230" s="5"/>
      <c r="AB14230" s="5" t="s">
        <v>43</v>
      </c>
      <c r="AC14230" s="5" t="s">
        <v>44</v>
      </c>
      <c r="AD14230" s="2"/>
      <c r="AE14230" s="1"/>
    </row>
    <row r="14231" spans="1:31" ht="14.45">
      <c r="A14231" s="11"/>
      <c r="B14231" s="20"/>
      <c r="C14231" s="2" t="s">
        <v>43644</v>
      </c>
      <c r="D14231" s="14" t="s">
        <v>43645</v>
      </c>
      <c r="E14231" s="2" t="s">
        <v>43646</v>
      </c>
      <c r="F14231" s="2" t="s">
        <v>40989</v>
      </c>
      <c r="G14231" s="8">
        <v>190</v>
      </c>
      <c r="H14231" s="5">
        <v>6</v>
      </c>
      <c r="I14231" s="5" t="s">
        <v>1518</v>
      </c>
      <c r="J14231" s="5" t="s">
        <v>40939</v>
      </c>
      <c r="K14231" s="2" t="s">
        <v>40940</v>
      </c>
      <c r="L14231" s="5" t="s">
        <v>40939</v>
      </c>
      <c r="M14231" s="2" t="s">
        <v>40940</v>
      </c>
      <c r="N14231" s="5" t="s">
        <v>36266</v>
      </c>
      <c r="O14231" s="5" t="s">
        <v>38</v>
      </c>
      <c r="P14231" s="5" t="s">
        <v>39</v>
      </c>
      <c r="Q14231" s="5" t="s">
        <v>40</v>
      </c>
      <c r="R14231" s="5" t="s">
        <v>1522</v>
      </c>
      <c r="S14231" s="5" t="s">
        <v>1523</v>
      </c>
      <c r="T14231" s="5" t="s">
        <v>42</v>
      </c>
      <c r="U14231" s="2">
        <v>1.454</v>
      </c>
      <c r="V14231" s="2">
        <v>0.996</v>
      </c>
      <c r="W14231" s="2">
        <v>1.4999999999999999E-2</v>
      </c>
      <c r="X14231" s="2">
        <v>118.9</v>
      </c>
      <c r="Y14231" s="2">
        <v>7.6</v>
      </c>
      <c r="Z14231" s="2">
        <v>16.7</v>
      </c>
      <c r="AA14231" s="5"/>
      <c r="AB14231" s="5" t="s">
        <v>43</v>
      </c>
      <c r="AC14231" s="5" t="s">
        <v>44</v>
      </c>
      <c r="AD14231" s="2"/>
      <c r="AE14231" s="1"/>
    </row>
    <row r="14232" spans="1:31" ht="14.45">
      <c r="A14232" s="11"/>
      <c r="B14232" s="20"/>
      <c r="C14232" s="2" t="s">
        <v>43647</v>
      </c>
      <c r="D14232" s="14" t="s">
        <v>43648</v>
      </c>
      <c r="E14232" s="2" t="s">
        <v>43649</v>
      </c>
      <c r="F14232" s="2" t="s">
        <v>40993</v>
      </c>
      <c r="G14232" s="8">
        <v>190</v>
      </c>
      <c r="H14232" s="5">
        <v>6</v>
      </c>
      <c r="I14232" s="5" t="s">
        <v>1518</v>
      </c>
      <c r="J14232" s="5" t="s">
        <v>40939</v>
      </c>
      <c r="K14232" s="2" t="s">
        <v>40940</v>
      </c>
      <c r="L14232" s="5" t="s">
        <v>40939</v>
      </c>
      <c r="M14232" s="2" t="s">
        <v>40940</v>
      </c>
      <c r="N14232" s="5" t="s">
        <v>36266</v>
      </c>
      <c r="O14232" s="5" t="s">
        <v>38</v>
      </c>
      <c r="P14232" s="5" t="s">
        <v>39</v>
      </c>
      <c r="Q14232" s="5" t="s">
        <v>40</v>
      </c>
      <c r="R14232" s="5" t="s">
        <v>1522</v>
      </c>
      <c r="S14232" s="5" t="s">
        <v>1523</v>
      </c>
      <c r="T14232" s="5" t="s">
        <v>42</v>
      </c>
      <c r="U14232" s="2">
        <v>1.4710000000000001</v>
      </c>
      <c r="V14232" s="2">
        <v>1.0129999999999999</v>
      </c>
      <c r="W14232" s="2">
        <v>1.4999999999999999E-2</v>
      </c>
      <c r="X14232" s="2">
        <v>118.9</v>
      </c>
      <c r="Y14232" s="2">
        <v>7.6</v>
      </c>
      <c r="Z14232" s="2">
        <v>16.7</v>
      </c>
      <c r="AA14232" s="5"/>
      <c r="AB14232" s="5" t="s">
        <v>43</v>
      </c>
      <c r="AC14232" s="5" t="s">
        <v>44</v>
      </c>
      <c r="AD14232" s="2"/>
      <c r="AE14232" s="1"/>
    </row>
    <row r="14233" spans="1:31" ht="14.45">
      <c r="A14233" s="11"/>
      <c r="B14233" s="20"/>
      <c r="C14233" s="2" t="s">
        <v>43650</v>
      </c>
      <c r="D14233" s="14" t="s">
        <v>43651</v>
      </c>
      <c r="E14233" s="2" t="s">
        <v>43652</v>
      </c>
      <c r="F14233" s="2" t="s">
        <v>40997</v>
      </c>
      <c r="G14233" s="8">
        <v>190</v>
      </c>
      <c r="H14233" s="5">
        <v>6</v>
      </c>
      <c r="I14233" s="5" t="s">
        <v>1518</v>
      </c>
      <c r="J14233" s="5" t="s">
        <v>40939</v>
      </c>
      <c r="K14233" s="2" t="s">
        <v>40940</v>
      </c>
      <c r="L14233" s="5" t="s">
        <v>40939</v>
      </c>
      <c r="M14233" s="2" t="s">
        <v>40940</v>
      </c>
      <c r="N14233" s="5" t="s">
        <v>36266</v>
      </c>
      <c r="O14233" s="5" t="s">
        <v>38</v>
      </c>
      <c r="P14233" s="5" t="s">
        <v>39</v>
      </c>
      <c r="Q14233" s="5" t="s">
        <v>40</v>
      </c>
      <c r="R14233" s="5" t="s">
        <v>1522</v>
      </c>
      <c r="S14233" s="5" t="s">
        <v>1523</v>
      </c>
      <c r="T14233" s="5" t="s">
        <v>42</v>
      </c>
      <c r="U14233" s="2">
        <v>1.417</v>
      </c>
      <c r="V14233" s="2">
        <v>0.95899999999999996</v>
      </c>
      <c r="W14233" s="2">
        <v>1.4999999999999999E-2</v>
      </c>
      <c r="X14233" s="2">
        <v>118.9</v>
      </c>
      <c r="Y14233" s="2">
        <v>7.6</v>
      </c>
      <c r="Z14233" s="2">
        <v>16.7</v>
      </c>
      <c r="AA14233" s="5"/>
      <c r="AB14233" s="5" t="s">
        <v>43</v>
      </c>
      <c r="AC14233" s="5" t="s">
        <v>44</v>
      </c>
      <c r="AD14233" s="2"/>
      <c r="AE14233" s="1"/>
    </row>
    <row r="14234" spans="1:31" ht="14.45">
      <c r="A14234" s="11"/>
      <c r="B14234" s="20"/>
      <c r="C14234" s="2" t="s">
        <v>43653</v>
      </c>
      <c r="D14234" s="14" t="s">
        <v>43654</v>
      </c>
      <c r="E14234" s="2" t="s">
        <v>43655</v>
      </c>
      <c r="F14234" s="2" t="s">
        <v>41267</v>
      </c>
      <c r="G14234" s="8">
        <v>190</v>
      </c>
      <c r="H14234" s="5">
        <v>6</v>
      </c>
      <c r="I14234" s="5" t="s">
        <v>1518</v>
      </c>
      <c r="J14234" s="5" t="s">
        <v>40939</v>
      </c>
      <c r="K14234" s="2" t="s">
        <v>40940</v>
      </c>
      <c r="L14234" s="5" t="s">
        <v>40939</v>
      </c>
      <c r="M14234" s="2" t="s">
        <v>40940</v>
      </c>
      <c r="N14234" s="5" t="s">
        <v>36266</v>
      </c>
      <c r="O14234" s="5" t="s">
        <v>38</v>
      </c>
      <c r="P14234" s="5" t="s">
        <v>39</v>
      </c>
      <c r="Q14234" s="5" t="s">
        <v>40</v>
      </c>
      <c r="R14234" s="5" t="s">
        <v>1522</v>
      </c>
      <c r="S14234" s="5" t="s">
        <v>1523</v>
      </c>
      <c r="T14234" s="5" t="s">
        <v>42</v>
      </c>
      <c r="U14234" s="2">
        <v>1.4339999999999999</v>
      </c>
      <c r="V14234" s="2">
        <v>0.97599999999999998</v>
      </c>
      <c r="W14234" s="2">
        <v>1.4999999999999999E-2</v>
      </c>
      <c r="X14234" s="2">
        <v>118.9</v>
      </c>
      <c r="Y14234" s="2">
        <v>7.6</v>
      </c>
      <c r="Z14234" s="2">
        <v>16.7</v>
      </c>
      <c r="AA14234" s="5"/>
      <c r="AB14234" s="5" t="s">
        <v>43</v>
      </c>
      <c r="AC14234" s="5" t="s">
        <v>44</v>
      </c>
      <c r="AD14234" s="2"/>
      <c r="AE14234" s="1"/>
    </row>
    <row r="14235" spans="1:31" ht="14.45">
      <c r="A14235" s="11"/>
      <c r="B14235" s="20"/>
      <c r="C14235" s="2" t="s">
        <v>43656</v>
      </c>
      <c r="D14235" s="14" t="s">
        <v>43657</v>
      </c>
      <c r="E14235" s="2" t="s">
        <v>43658</v>
      </c>
      <c r="F14235" s="2" t="s">
        <v>41001</v>
      </c>
      <c r="G14235" s="8">
        <v>190</v>
      </c>
      <c r="H14235" s="5">
        <v>6</v>
      </c>
      <c r="I14235" s="5" t="s">
        <v>1518</v>
      </c>
      <c r="J14235" s="5" t="s">
        <v>40939</v>
      </c>
      <c r="K14235" s="2" t="s">
        <v>40940</v>
      </c>
      <c r="L14235" s="5" t="s">
        <v>40939</v>
      </c>
      <c r="M14235" s="2" t="s">
        <v>40940</v>
      </c>
      <c r="N14235" s="5" t="s">
        <v>36266</v>
      </c>
      <c r="O14235" s="5" t="s">
        <v>38</v>
      </c>
      <c r="P14235" s="5" t="s">
        <v>39</v>
      </c>
      <c r="Q14235" s="5" t="s">
        <v>40</v>
      </c>
      <c r="R14235" s="5" t="s">
        <v>1522</v>
      </c>
      <c r="S14235" s="5" t="s">
        <v>1523</v>
      </c>
      <c r="T14235" s="5" t="s">
        <v>42</v>
      </c>
      <c r="U14235" s="2">
        <v>1.454</v>
      </c>
      <c r="V14235" s="2">
        <v>0.996</v>
      </c>
      <c r="W14235" s="2">
        <v>1.4999999999999999E-2</v>
      </c>
      <c r="X14235" s="2">
        <v>118.9</v>
      </c>
      <c r="Y14235" s="2">
        <v>7.6</v>
      </c>
      <c r="Z14235" s="2">
        <v>16.7</v>
      </c>
      <c r="AA14235" s="5"/>
      <c r="AB14235" s="5" t="s">
        <v>43</v>
      </c>
      <c r="AC14235" s="5" t="s">
        <v>44</v>
      </c>
      <c r="AD14235" s="2"/>
      <c r="AE14235" s="1"/>
    </row>
    <row r="14236" spans="1:31" ht="14.45">
      <c r="A14236" s="11"/>
      <c r="B14236" s="20"/>
      <c r="C14236" s="2" t="s">
        <v>43659</v>
      </c>
      <c r="D14236" s="14" t="s">
        <v>43660</v>
      </c>
      <c r="E14236" s="2" t="s">
        <v>43661</v>
      </c>
      <c r="F14236" s="2" t="s">
        <v>41005</v>
      </c>
      <c r="G14236" s="8">
        <v>190</v>
      </c>
      <c r="H14236" s="5">
        <v>6</v>
      </c>
      <c r="I14236" s="5" t="s">
        <v>1518</v>
      </c>
      <c r="J14236" s="5" t="s">
        <v>40939</v>
      </c>
      <c r="K14236" s="2" t="s">
        <v>40940</v>
      </c>
      <c r="L14236" s="5" t="s">
        <v>40939</v>
      </c>
      <c r="M14236" s="2" t="s">
        <v>40940</v>
      </c>
      <c r="N14236" s="5" t="s">
        <v>36266</v>
      </c>
      <c r="O14236" s="5" t="s">
        <v>38</v>
      </c>
      <c r="P14236" s="5" t="s">
        <v>39</v>
      </c>
      <c r="Q14236" s="5" t="s">
        <v>40</v>
      </c>
      <c r="R14236" s="5" t="s">
        <v>1522</v>
      </c>
      <c r="S14236" s="5" t="s">
        <v>1523</v>
      </c>
      <c r="T14236" s="5" t="s">
        <v>42</v>
      </c>
      <c r="U14236" s="2">
        <v>1.4710000000000001</v>
      </c>
      <c r="V14236" s="2">
        <v>1.0129999999999999</v>
      </c>
      <c r="W14236" s="2">
        <v>1.4999999999999999E-2</v>
      </c>
      <c r="X14236" s="2">
        <v>118.9</v>
      </c>
      <c r="Y14236" s="2">
        <v>7.6</v>
      </c>
      <c r="Z14236" s="2">
        <v>16.7</v>
      </c>
      <c r="AA14236" s="5"/>
      <c r="AB14236" s="5" t="s">
        <v>43</v>
      </c>
      <c r="AC14236" s="5" t="s">
        <v>44</v>
      </c>
      <c r="AD14236" s="2"/>
      <c r="AE14236" s="1"/>
    </row>
    <row r="14237" spans="1:31" ht="14.45">
      <c r="A14237" s="11"/>
      <c r="B14237" s="20"/>
      <c r="C14237" s="2" t="s">
        <v>43662</v>
      </c>
      <c r="D14237" s="14" t="s">
        <v>43663</v>
      </c>
      <c r="E14237" s="2" t="s">
        <v>43664</v>
      </c>
      <c r="F14237" s="2" t="s">
        <v>41013</v>
      </c>
      <c r="G14237" s="8">
        <v>190</v>
      </c>
      <c r="H14237" s="5">
        <v>6</v>
      </c>
      <c r="I14237" s="5" t="s">
        <v>1518</v>
      </c>
      <c r="J14237" s="5" t="s">
        <v>40939</v>
      </c>
      <c r="K14237" s="2" t="s">
        <v>40940</v>
      </c>
      <c r="L14237" s="5" t="s">
        <v>40939</v>
      </c>
      <c r="M14237" s="2" t="s">
        <v>40940</v>
      </c>
      <c r="N14237" s="5" t="s">
        <v>36266</v>
      </c>
      <c r="O14237" s="5" t="s">
        <v>38</v>
      </c>
      <c r="P14237" s="5" t="s">
        <v>39</v>
      </c>
      <c r="Q14237" s="5" t="s">
        <v>40</v>
      </c>
      <c r="R14237" s="5" t="s">
        <v>1522</v>
      </c>
      <c r="S14237" s="5" t="s">
        <v>1523</v>
      </c>
      <c r="T14237" s="5" t="s">
        <v>42</v>
      </c>
      <c r="U14237" s="2">
        <v>1.48</v>
      </c>
      <c r="V14237" s="2">
        <v>1.022</v>
      </c>
      <c r="W14237" s="2">
        <v>1.4999999999999999E-2</v>
      </c>
      <c r="X14237" s="2">
        <v>118.9</v>
      </c>
      <c r="Y14237" s="2">
        <v>7.6</v>
      </c>
      <c r="Z14237" s="2">
        <v>16.7</v>
      </c>
      <c r="AA14237" s="5"/>
      <c r="AB14237" s="5" t="s">
        <v>43</v>
      </c>
      <c r="AC14237" s="5" t="s">
        <v>44</v>
      </c>
      <c r="AD14237" s="2"/>
      <c r="AE14237" s="1"/>
    </row>
    <row r="14238" spans="1:31" ht="14.45">
      <c r="A14238" s="11"/>
      <c r="B14238" s="20"/>
      <c r="C14238" s="2" t="s">
        <v>43665</v>
      </c>
      <c r="D14238" s="14" t="s">
        <v>43666</v>
      </c>
      <c r="E14238" s="2" t="s">
        <v>43667</v>
      </c>
      <c r="F14238" s="2" t="s">
        <v>7396</v>
      </c>
      <c r="G14238" s="8">
        <v>166</v>
      </c>
      <c r="H14238" s="5">
        <v>6</v>
      </c>
      <c r="I14238" s="5" t="s">
        <v>1518</v>
      </c>
      <c r="J14238" s="5" t="s">
        <v>40939</v>
      </c>
      <c r="K14238" s="2" t="s">
        <v>40940</v>
      </c>
      <c r="L14238" s="5" t="s">
        <v>40939</v>
      </c>
      <c r="M14238" s="2" t="s">
        <v>40940</v>
      </c>
      <c r="N14238" s="5" t="s">
        <v>36266</v>
      </c>
      <c r="O14238" s="5" t="s">
        <v>38</v>
      </c>
      <c r="P14238" s="5" t="s">
        <v>39</v>
      </c>
      <c r="Q14238" s="5" t="s">
        <v>40</v>
      </c>
      <c r="R14238" s="5" t="s">
        <v>1522</v>
      </c>
      <c r="S14238" s="5" t="s">
        <v>1523</v>
      </c>
      <c r="T14238" s="5" t="s">
        <v>42</v>
      </c>
      <c r="U14238" s="2">
        <v>1.4630000000000001</v>
      </c>
      <c r="V14238" s="2">
        <v>1.0049999999999999</v>
      </c>
      <c r="W14238" s="2">
        <v>1.4999999999999999E-2</v>
      </c>
      <c r="X14238" s="2">
        <v>118.9</v>
      </c>
      <c r="Y14238" s="2">
        <v>7.6</v>
      </c>
      <c r="Z14238" s="2">
        <v>16.7</v>
      </c>
      <c r="AA14238" s="5"/>
      <c r="AB14238" s="5" t="s">
        <v>43</v>
      </c>
      <c r="AC14238" s="5" t="s">
        <v>44</v>
      </c>
      <c r="AD14238" s="2"/>
      <c r="AE14238" s="1"/>
    </row>
    <row r="14239" spans="1:31" ht="14.45">
      <c r="A14239" s="11"/>
      <c r="B14239" s="20"/>
      <c r="C14239" s="2" t="s">
        <v>43668</v>
      </c>
      <c r="D14239" s="14" t="s">
        <v>43669</v>
      </c>
      <c r="E14239" s="2" t="s">
        <v>43670</v>
      </c>
      <c r="F14239" s="2" t="s">
        <v>7507</v>
      </c>
      <c r="G14239" s="8">
        <v>166</v>
      </c>
      <c r="H14239" s="5">
        <v>6</v>
      </c>
      <c r="I14239" s="5" t="s">
        <v>1518</v>
      </c>
      <c r="J14239" s="5" t="s">
        <v>40939</v>
      </c>
      <c r="K14239" s="2" t="s">
        <v>40940</v>
      </c>
      <c r="L14239" s="5" t="s">
        <v>40939</v>
      </c>
      <c r="M14239" s="2" t="s">
        <v>40940</v>
      </c>
      <c r="N14239" s="5" t="s">
        <v>36266</v>
      </c>
      <c r="O14239" s="5" t="s">
        <v>38</v>
      </c>
      <c r="P14239" s="5" t="s">
        <v>39</v>
      </c>
      <c r="Q14239" s="5" t="s">
        <v>40</v>
      </c>
      <c r="R14239" s="5" t="s">
        <v>1522</v>
      </c>
      <c r="S14239" s="5" t="s">
        <v>1523</v>
      </c>
      <c r="T14239" s="5" t="s">
        <v>42</v>
      </c>
      <c r="U14239" s="2">
        <v>1.48</v>
      </c>
      <c r="V14239" s="2">
        <v>1.022</v>
      </c>
      <c r="W14239" s="2">
        <v>1.4999999999999999E-2</v>
      </c>
      <c r="X14239" s="2">
        <v>118.9</v>
      </c>
      <c r="Y14239" s="2">
        <v>7.6</v>
      </c>
      <c r="Z14239" s="2">
        <v>16.7</v>
      </c>
      <c r="AA14239" s="5"/>
      <c r="AB14239" s="5" t="s">
        <v>43</v>
      </c>
      <c r="AC14239" s="5" t="s">
        <v>44</v>
      </c>
      <c r="AD14239" s="2"/>
      <c r="AE14239" s="1"/>
    </row>
    <row r="14240" spans="1:31" ht="14.45">
      <c r="A14240" s="11"/>
      <c r="B14240" s="20"/>
      <c r="C14240" s="2" t="s">
        <v>43671</v>
      </c>
      <c r="D14240" s="14" t="s">
        <v>43672</v>
      </c>
      <c r="E14240" s="2" t="s">
        <v>43673</v>
      </c>
      <c r="F14240" s="2" t="s">
        <v>41023</v>
      </c>
      <c r="G14240" s="8">
        <v>190</v>
      </c>
      <c r="H14240" s="5">
        <v>6</v>
      </c>
      <c r="I14240" s="5" t="s">
        <v>1518</v>
      </c>
      <c r="J14240" s="5" t="s">
        <v>40939</v>
      </c>
      <c r="K14240" s="2" t="s">
        <v>40940</v>
      </c>
      <c r="L14240" s="5" t="s">
        <v>40939</v>
      </c>
      <c r="M14240" s="2" t="s">
        <v>40940</v>
      </c>
      <c r="N14240" s="5" t="s">
        <v>36266</v>
      </c>
      <c r="O14240" s="5" t="s">
        <v>38</v>
      </c>
      <c r="P14240" s="5" t="s">
        <v>39</v>
      </c>
      <c r="Q14240" s="5" t="s">
        <v>40</v>
      </c>
      <c r="R14240" s="5" t="s">
        <v>1522</v>
      </c>
      <c r="S14240" s="5" t="s">
        <v>1523</v>
      </c>
      <c r="T14240" s="5" t="s">
        <v>42</v>
      </c>
      <c r="U14240" s="2">
        <v>1.417</v>
      </c>
      <c r="V14240" s="2">
        <v>0.95899999999999996</v>
      </c>
      <c r="W14240" s="2">
        <v>1.4999999999999999E-2</v>
      </c>
      <c r="X14240" s="2">
        <v>118.9</v>
      </c>
      <c r="Y14240" s="2">
        <v>7.6</v>
      </c>
      <c r="Z14240" s="2">
        <v>16.7</v>
      </c>
      <c r="AA14240" s="5"/>
      <c r="AB14240" s="5" t="s">
        <v>43</v>
      </c>
      <c r="AC14240" s="5" t="s">
        <v>44</v>
      </c>
      <c r="AD14240" s="2"/>
      <c r="AE14240" s="1"/>
    </row>
    <row r="14241" spans="1:31" ht="14.45">
      <c r="A14241" s="11"/>
      <c r="B14241" s="20"/>
      <c r="C14241" s="2" t="s">
        <v>43674</v>
      </c>
      <c r="D14241" s="14" t="s">
        <v>43675</v>
      </c>
      <c r="E14241" s="2" t="s">
        <v>43676</v>
      </c>
      <c r="F14241" s="2" t="s">
        <v>41027</v>
      </c>
      <c r="G14241" s="8">
        <v>190</v>
      </c>
      <c r="H14241" s="5">
        <v>6</v>
      </c>
      <c r="I14241" s="5" t="s">
        <v>1518</v>
      </c>
      <c r="J14241" s="5" t="s">
        <v>40939</v>
      </c>
      <c r="K14241" s="2" t="s">
        <v>40940</v>
      </c>
      <c r="L14241" s="5" t="s">
        <v>40939</v>
      </c>
      <c r="M14241" s="2" t="s">
        <v>40940</v>
      </c>
      <c r="N14241" s="5" t="s">
        <v>36266</v>
      </c>
      <c r="O14241" s="5" t="s">
        <v>38</v>
      </c>
      <c r="P14241" s="5" t="s">
        <v>39</v>
      </c>
      <c r="Q14241" s="5" t="s">
        <v>40</v>
      </c>
      <c r="R14241" s="5" t="s">
        <v>1522</v>
      </c>
      <c r="S14241" s="5" t="s">
        <v>1523</v>
      </c>
      <c r="T14241" s="5" t="s">
        <v>42</v>
      </c>
      <c r="U14241" s="2">
        <v>1.4339999999999999</v>
      </c>
      <c r="V14241" s="2">
        <v>0.97599999999999998</v>
      </c>
      <c r="W14241" s="2">
        <v>1.4999999999999999E-2</v>
      </c>
      <c r="X14241" s="2">
        <v>118.9</v>
      </c>
      <c r="Y14241" s="2">
        <v>7.6</v>
      </c>
      <c r="Z14241" s="2">
        <v>16.7</v>
      </c>
      <c r="AA14241" s="5"/>
      <c r="AB14241" s="5" t="s">
        <v>43</v>
      </c>
      <c r="AC14241" s="5" t="s">
        <v>44</v>
      </c>
      <c r="AD14241" s="2"/>
      <c r="AE14241" s="1"/>
    </row>
    <row r="14242" spans="1:31" ht="14.45">
      <c r="A14242" s="11"/>
      <c r="B14242" s="20"/>
      <c r="C14242" s="2" t="s">
        <v>43677</v>
      </c>
      <c r="D14242" s="14" t="s">
        <v>43678</v>
      </c>
      <c r="E14242" s="2" t="s">
        <v>43679</v>
      </c>
      <c r="F14242" s="2" t="s">
        <v>41031</v>
      </c>
      <c r="G14242" s="8">
        <v>190</v>
      </c>
      <c r="H14242" s="5">
        <v>6</v>
      </c>
      <c r="I14242" s="5" t="s">
        <v>1518</v>
      </c>
      <c r="J14242" s="5" t="s">
        <v>40939</v>
      </c>
      <c r="K14242" s="2" t="s">
        <v>40940</v>
      </c>
      <c r="L14242" s="5" t="s">
        <v>40939</v>
      </c>
      <c r="M14242" s="2" t="s">
        <v>40940</v>
      </c>
      <c r="N14242" s="5" t="s">
        <v>36266</v>
      </c>
      <c r="O14242" s="5" t="s">
        <v>38</v>
      </c>
      <c r="P14242" s="5" t="s">
        <v>39</v>
      </c>
      <c r="Q14242" s="5" t="s">
        <v>40</v>
      </c>
      <c r="R14242" s="5" t="s">
        <v>1522</v>
      </c>
      <c r="S14242" s="5" t="s">
        <v>1523</v>
      </c>
      <c r="T14242" s="5" t="s">
        <v>42</v>
      </c>
      <c r="U14242" s="2">
        <v>1.417</v>
      </c>
      <c r="V14242" s="2">
        <v>0.95899999999999996</v>
      </c>
      <c r="W14242" s="2">
        <v>1.4999999999999999E-2</v>
      </c>
      <c r="X14242" s="2">
        <v>118.9</v>
      </c>
      <c r="Y14242" s="2">
        <v>7.6</v>
      </c>
      <c r="Z14242" s="2">
        <v>16.7</v>
      </c>
      <c r="AA14242" s="5"/>
      <c r="AB14242" s="5" t="s">
        <v>43</v>
      </c>
      <c r="AC14242" s="5" t="s">
        <v>44</v>
      </c>
      <c r="AD14242" s="2"/>
      <c r="AE14242" s="1"/>
    </row>
    <row r="14243" spans="1:31" ht="14.45">
      <c r="A14243" s="11"/>
      <c r="B14243" s="20"/>
      <c r="C14243" s="2" t="s">
        <v>43680</v>
      </c>
      <c r="D14243" s="14" t="s">
        <v>43681</v>
      </c>
      <c r="E14243" s="2" t="s">
        <v>43682</v>
      </c>
      <c r="F14243" s="2" t="s">
        <v>41035</v>
      </c>
      <c r="G14243" s="8">
        <v>190</v>
      </c>
      <c r="H14243" s="5">
        <v>6</v>
      </c>
      <c r="I14243" s="5" t="s">
        <v>1518</v>
      </c>
      <c r="J14243" s="5" t="s">
        <v>40939</v>
      </c>
      <c r="K14243" s="2" t="s">
        <v>40940</v>
      </c>
      <c r="L14243" s="5" t="s">
        <v>40939</v>
      </c>
      <c r="M14243" s="2" t="s">
        <v>40940</v>
      </c>
      <c r="N14243" s="5" t="s">
        <v>36266</v>
      </c>
      <c r="O14243" s="5" t="s">
        <v>38</v>
      </c>
      <c r="P14243" s="5" t="s">
        <v>39</v>
      </c>
      <c r="Q14243" s="5" t="s">
        <v>40</v>
      </c>
      <c r="R14243" s="5" t="s">
        <v>1522</v>
      </c>
      <c r="S14243" s="5" t="s">
        <v>1523</v>
      </c>
      <c r="T14243" s="5" t="s">
        <v>42</v>
      </c>
      <c r="U14243" s="2">
        <v>1.4339999999999999</v>
      </c>
      <c r="V14243" s="2">
        <v>0.97599999999999998</v>
      </c>
      <c r="W14243" s="2">
        <v>1.4999999999999999E-2</v>
      </c>
      <c r="X14243" s="2">
        <v>118.9</v>
      </c>
      <c r="Y14243" s="2">
        <v>7.6</v>
      </c>
      <c r="Z14243" s="2">
        <v>16.7</v>
      </c>
      <c r="AA14243" s="5"/>
      <c r="AB14243" s="5" t="s">
        <v>43</v>
      </c>
      <c r="AC14243" s="5" t="s">
        <v>44</v>
      </c>
      <c r="AD14243" s="2"/>
      <c r="AE14243" s="1"/>
    </row>
    <row r="14244" spans="1:31" ht="14.45">
      <c r="A14244" s="11"/>
      <c r="B14244" s="20"/>
      <c r="C14244" s="2" t="s">
        <v>43683</v>
      </c>
      <c r="D14244" s="14" t="s">
        <v>43684</v>
      </c>
      <c r="E14244" s="2" t="s">
        <v>43685</v>
      </c>
      <c r="F14244" s="2" t="s">
        <v>7449</v>
      </c>
      <c r="G14244" s="8">
        <v>190</v>
      </c>
      <c r="H14244" s="5">
        <v>6</v>
      </c>
      <c r="I14244" s="5" t="s">
        <v>1518</v>
      </c>
      <c r="J14244" s="5" t="s">
        <v>40939</v>
      </c>
      <c r="K14244" s="2" t="s">
        <v>40940</v>
      </c>
      <c r="L14244" s="5" t="s">
        <v>40939</v>
      </c>
      <c r="M14244" s="2" t="s">
        <v>40940</v>
      </c>
      <c r="N14244" s="5" t="s">
        <v>36266</v>
      </c>
      <c r="O14244" s="5" t="s">
        <v>38</v>
      </c>
      <c r="P14244" s="5" t="s">
        <v>39</v>
      </c>
      <c r="Q14244" s="5" t="s">
        <v>40</v>
      </c>
      <c r="R14244" s="5" t="s">
        <v>1522</v>
      </c>
      <c r="S14244" s="5" t="s">
        <v>1523</v>
      </c>
      <c r="T14244" s="5" t="s">
        <v>42</v>
      </c>
      <c r="U14244" s="2">
        <v>1.417</v>
      </c>
      <c r="V14244" s="2">
        <v>0.95899999999999996</v>
      </c>
      <c r="W14244" s="2">
        <v>1.4999999999999999E-2</v>
      </c>
      <c r="X14244" s="2">
        <v>118.9</v>
      </c>
      <c r="Y14244" s="2">
        <v>7.6</v>
      </c>
      <c r="Z14244" s="2">
        <v>16.7</v>
      </c>
      <c r="AA14244" s="5"/>
      <c r="AB14244" s="5" t="s">
        <v>43</v>
      </c>
      <c r="AC14244" s="5" t="s">
        <v>44</v>
      </c>
      <c r="AD14244" s="2"/>
      <c r="AE14244" s="1"/>
    </row>
    <row r="14245" spans="1:31" ht="14.45">
      <c r="A14245" s="11"/>
      <c r="B14245" s="20"/>
      <c r="C14245" s="2" t="s">
        <v>43686</v>
      </c>
      <c r="D14245" s="14" t="s">
        <v>43687</v>
      </c>
      <c r="E14245" s="2" t="s">
        <v>43688</v>
      </c>
      <c r="F14245" s="2" t="s">
        <v>7581</v>
      </c>
      <c r="G14245" s="8">
        <v>190</v>
      </c>
      <c r="H14245" s="5">
        <v>6</v>
      </c>
      <c r="I14245" s="5" t="s">
        <v>1518</v>
      </c>
      <c r="J14245" s="5" t="s">
        <v>40939</v>
      </c>
      <c r="K14245" s="2" t="s">
        <v>40940</v>
      </c>
      <c r="L14245" s="5" t="s">
        <v>40939</v>
      </c>
      <c r="M14245" s="2" t="s">
        <v>40940</v>
      </c>
      <c r="N14245" s="5" t="s">
        <v>36266</v>
      </c>
      <c r="O14245" s="5" t="s">
        <v>38</v>
      </c>
      <c r="P14245" s="5" t="s">
        <v>39</v>
      </c>
      <c r="Q14245" s="5" t="s">
        <v>40</v>
      </c>
      <c r="R14245" s="5" t="s">
        <v>1522</v>
      </c>
      <c r="S14245" s="5" t="s">
        <v>1523</v>
      </c>
      <c r="T14245" s="5" t="s">
        <v>42</v>
      </c>
      <c r="U14245" s="2">
        <v>1.4339999999999999</v>
      </c>
      <c r="V14245" s="2">
        <v>0.97599999999999998</v>
      </c>
      <c r="W14245" s="2">
        <v>1.4999999999999999E-2</v>
      </c>
      <c r="X14245" s="2">
        <v>118.9</v>
      </c>
      <c r="Y14245" s="2">
        <v>7.6</v>
      </c>
      <c r="Z14245" s="2">
        <v>16.7</v>
      </c>
      <c r="AA14245" s="5"/>
      <c r="AB14245" s="5" t="s">
        <v>43</v>
      </c>
      <c r="AC14245" s="5" t="s">
        <v>44</v>
      </c>
      <c r="AD14245" s="2"/>
      <c r="AE14245" s="1"/>
    </row>
    <row r="14246" spans="1:31" ht="14.45">
      <c r="A14246" s="11"/>
      <c r="B14246" s="20"/>
      <c r="C14246" s="2" t="s">
        <v>43689</v>
      </c>
      <c r="D14246" s="14" t="s">
        <v>43690</v>
      </c>
      <c r="E14246" s="2" t="s">
        <v>43691</v>
      </c>
      <c r="F14246" s="2" t="s">
        <v>41045</v>
      </c>
      <c r="G14246" s="8">
        <v>190</v>
      </c>
      <c r="H14246" s="5">
        <v>6</v>
      </c>
      <c r="I14246" s="5" t="s">
        <v>1518</v>
      </c>
      <c r="J14246" s="5" t="s">
        <v>40939</v>
      </c>
      <c r="K14246" s="2" t="s">
        <v>40940</v>
      </c>
      <c r="L14246" s="5" t="s">
        <v>40939</v>
      </c>
      <c r="M14246" s="2" t="s">
        <v>40940</v>
      </c>
      <c r="N14246" s="5" t="s">
        <v>36266</v>
      </c>
      <c r="O14246" s="5" t="s">
        <v>38</v>
      </c>
      <c r="P14246" s="5" t="s">
        <v>39</v>
      </c>
      <c r="Q14246" s="5" t="s">
        <v>40</v>
      </c>
      <c r="R14246" s="5" t="s">
        <v>1522</v>
      </c>
      <c r="S14246" s="5" t="s">
        <v>1523</v>
      </c>
      <c r="T14246" s="5" t="s">
        <v>42</v>
      </c>
      <c r="U14246" s="2">
        <v>1.472</v>
      </c>
      <c r="V14246" s="2">
        <v>1.014</v>
      </c>
      <c r="W14246" s="2">
        <v>1.4999999999999999E-2</v>
      </c>
      <c r="X14246" s="2">
        <v>118.9</v>
      </c>
      <c r="Y14246" s="2">
        <v>7.6</v>
      </c>
      <c r="Z14246" s="2">
        <v>16.7</v>
      </c>
      <c r="AA14246" s="5"/>
      <c r="AB14246" s="5" t="s">
        <v>43</v>
      </c>
      <c r="AC14246" s="5" t="s">
        <v>44</v>
      </c>
      <c r="AD14246" s="2"/>
      <c r="AE14246" s="1"/>
    </row>
    <row r="14247" spans="1:31" ht="14.45">
      <c r="A14247" s="11"/>
      <c r="B14247" s="20"/>
      <c r="C14247" s="2" t="s">
        <v>43692</v>
      </c>
      <c r="D14247" s="14" t="s">
        <v>43693</v>
      </c>
      <c r="E14247" s="2" t="s">
        <v>43694</v>
      </c>
      <c r="F14247" s="2" t="s">
        <v>41049</v>
      </c>
      <c r="G14247" s="8">
        <v>190</v>
      </c>
      <c r="H14247" s="5">
        <v>6</v>
      </c>
      <c r="I14247" s="5" t="s">
        <v>1518</v>
      </c>
      <c r="J14247" s="5" t="s">
        <v>40939</v>
      </c>
      <c r="K14247" s="2" t="s">
        <v>40940</v>
      </c>
      <c r="L14247" s="5" t="s">
        <v>40939</v>
      </c>
      <c r="M14247" s="2" t="s">
        <v>40940</v>
      </c>
      <c r="N14247" s="5" t="s">
        <v>36266</v>
      </c>
      <c r="O14247" s="5" t="s">
        <v>38</v>
      </c>
      <c r="P14247" s="5" t="s">
        <v>39</v>
      </c>
      <c r="Q14247" s="5" t="s">
        <v>40</v>
      </c>
      <c r="R14247" s="5" t="s">
        <v>1522</v>
      </c>
      <c r="S14247" s="5" t="s">
        <v>1523</v>
      </c>
      <c r="T14247" s="5" t="s">
        <v>42</v>
      </c>
      <c r="U14247" s="2">
        <v>1.4890000000000001</v>
      </c>
      <c r="V14247" s="2">
        <v>1.0309999999999999</v>
      </c>
      <c r="W14247" s="2">
        <v>1.4999999999999999E-2</v>
      </c>
      <c r="X14247" s="2">
        <v>118.9</v>
      </c>
      <c r="Y14247" s="2">
        <v>7.6</v>
      </c>
      <c r="Z14247" s="2">
        <v>16.7</v>
      </c>
      <c r="AA14247" s="5"/>
      <c r="AB14247" s="5" t="s">
        <v>43</v>
      </c>
      <c r="AC14247" s="5" t="s">
        <v>44</v>
      </c>
      <c r="AD14247" s="2"/>
      <c r="AE14247" s="1"/>
    </row>
    <row r="14248" spans="1:31" ht="14.45">
      <c r="A14248" s="11"/>
      <c r="B14248" s="20"/>
      <c r="C14248" s="2" t="s">
        <v>43695</v>
      </c>
      <c r="D14248" s="14" t="s">
        <v>43696</v>
      </c>
      <c r="E14248" s="2" t="s">
        <v>43697</v>
      </c>
      <c r="F14248" s="2" t="s">
        <v>7204</v>
      </c>
      <c r="G14248" s="8">
        <v>166</v>
      </c>
      <c r="H14248" s="5">
        <v>6</v>
      </c>
      <c r="I14248" s="5" t="s">
        <v>1518</v>
      </c>
      <c r="J14248" s="5" t="s">
        <v>40939</v>
      </c>
      <c r="K14248" s="2" t="s">
        <v>40940</v>
      </c>
      <c r="L14248" s="5" t="s">
        <v>40939</v>
      </c>
      <c r="M14248" s="2" t="s">
        <v>40940</v>
      </c>
      <c r="N14248" s="5" t="s">
        <v>36266</v>
      </c>
      <c r="O14248" s="5" t="s">
        <v>38</v>
      </c>
      <c r="P14248" s="5" t="s">
        <v>39</v>
      </c>
      <c r="Q14248" s="5" t="s">
        <v>40</v>
      </c>
      <c r="R14248" s="5" t="s">
        <v>1522</v>
      </c>
      <c r="S14248" s="5" t="s">
        <v>1523</v>
      </c>
      <c r="T14248" s="5" t="s">
        <v>42</v>
      </c>
      <c r="U14248" s="2">
        <v>1.5029999999999999</v>
      </c>
      <c r="V14248" s="2">
        <v>1.0449999999999999</v>
      </c>
      <c r="W14248" s="2">
        <v>1.4999999999999999E-2</v>
      </c>
      <c r="X14248" s="2">
        <v>118.9</v>
      </c>
      <c r="Y14248" s="2">
        <v>7.6</v>
      </c>
      <c r="Z14248" s="2">
        <v>16.7</v>
      </c>
      <c r="AA14248" s="5"/>
      <c r="AB14248" s="5" t="s">
        <v>43</v>
      </c>
      <c r="AC14248" s="5" t="s">
        <v>44</v>
      </c>
      <c r="AD14248" s="2"/>
      <c r="AE14248" s="1"/>
    </row>
    <row r="14249" spans="1:31" ht="14.45">
      <c r="A14249" s="11"/>
      <c r="B14249" s="20"/>
      <c r="C14249" s="2" t="s">
        <v>43698</v>
      </c>
      <c r="D14249" s="14" t="s">
        <v>43699</v>
      </c>
      <c r="E14249" s="2" t="s">
        <v>43700</v>
      </c>
      <c r="F14249" s="2" t="s">
        <v>7514</v>
      </c>
      <c r="G14249" s="8">
        <v>166</v>
      </c>
      <c r="H14249" s="5">
        <v>6</v>
      </c>
      <c r="I14249" s="5" t="s">
        <v>1518</v>
      </c>
      <c r="J14249" s="5" t="s">
        <v>40939</v>
      </c>
      <c r="K14249" s="2" t="s">
        <v>40940</v>
      </c>
      <c r="L14249" s="5" t="s">
        <v>40939</v>
      </c>
      <c r="M14249" s="2" t="s">
        <v>40940</v>
      </c>
      <c r="N14249" s="5" t="s">
        <v>36266</v>
      </c>
      <c r="O14249" s="5" t="s">
        <v>38</v>
      </c>
      <c r="P14249" s="5" t="s">
        <v>39</v>
      </c>
      <c r="Q14249" s="5" t="s">
        <v>40</v>
      </c>
      <c r="R14249" s="5" t="s">
        <v>1522</v>
      </c>
      <c r="S14249" s="5" t="s">
        <v>1523</v>
      </c>
      <c r="T14249" s="5" t="s">
        <v>42</v>
      </c>
      <c r="U14249" s="2">
        <v>1.5189999999999999</v>
      </c>
      <c r="V14249" s="2">
        <v>1.0609999999999999</v>
      </c>
      <c r="W14249" s="2">
        <v>1.4999999999999999E-2</v>
      </c>
      <c r="X14249" s="2">
        <v>118.9</v>
      </c>
      <c r="Y14249" s="2">
        <v>7.6</v>
      </c>
      <c r="Z14249" s="2">
        <v>16.7</v>
      </c>
      <c r="AA14249" s="5"/>
      <c r="AB14249" s="5" t="s">
        <v>43</v>
      </c>
      <c r="AC14249" s="5" t="s">
        <v>44</v>
      </c>
      <c r="AD14249" s="2"/>
      <c r="AE14249" s="1"/>
    </row>
    <row r="14250" spans="1:31" ht="14.45">
      <c r="A14250" s="11"/>
      <c r="B14250" s="20"/>
      <c r="C14250" s="2" t="s">
        <v>43701</v>
      </c>
      <c r="D14250" s="14" t="s">
        <v>43702</v>
      </c>
      <c r="E14250" s="2" t="s">
        <v>43703</v>
      </c>
      <c r="F14250" s="2" t="s">
        <v>40947</v>
      </c>
      <c r="G14250" s="8">
        <v>190</v>
      </c>
      <c r="H14250" s="5">
        <v>6</v>
      </c>
      <c r="I14250" s="5" t="s">
        <v>1518</v>
      </c>
      <c r="J14250" s="5" t="s">
        <v>40939</v>
      </c>
      <c r="K14250" s="2" t="s">
        <v>40940</v>
      </c>
      <c r="L14250" s="5" t="s">
        <v>40939</v>
      </c>
      <c r="M14250" s="2" t="s">
        <v>40940</v>
      </c>
      <c r="N14250" s="5" t="s">
        <v>36266</v>
      </c>
      <c r="O14250" s="5" t="s">
        <v>38</v>
      </c>
      <c r="P14250" s="5" t="s">
        <v>39</v>
      </c>
      <c r="Q14250" s="5" t="s">
        <v>40</v>
      </c>
      <c r="R14250" s="5" t="s">
        <v>1522</v>
      </c>
      <c r="S14250" s="5" t="s">
        <v>1523</v>
      </c>
      <c r="T14250" s="5" t="s">
        <v>42</v>
      </c>
      <c r="U14250" s="2">
        <v>1.524</v>
      </c>
      <c r="V14250" s="2">
        <v>1.0660000000000001</v>
      </c>
      <c r="W14250" s="2">
        <v>1.4999999999999999E-2</v>
      </c>
      <c r="X14250" s="2">
        <v>118.9</v>
      </c>
      <c r="Y14250" s="2">
        <v>7.6</v>
      </c>
      <c r="Z14250" s="2">
        <v>16.7</v>
      </c>
      <c r="AA14250" s="5"/>
      <c r="AB14250" s="5" t="s">
        <v>43</v>
      </c>
      <c r="AC14250" s="5" t="s">
        <v>44</v>
      </c>
      <c r="AD14250" s="2"/>
      <c r="AE14250" s="1"/>
    </row>
    <row r="14251" spans="1:31" ht="14.45">
      <c r="A14251" s="11"/>
      <c r="B14251" s="20"/>
      <c r="C14251" s="2" t="s">
        <v>43704</v>
      </c>
      <c r="D14251" s="14" t="s">
        <v>43705</v>
      </c>
      <c r="E14251" s="2" t="s">
        <v>43706</v>
      </c>
      <c r="F14251" s="2" t="s">
        <v>40951</v>
      </c>
      <c r="G14251" s="8">
        <v>190</v>
      </c>
      <c r="H14251" s="5">
        <v>6</v>
      </c>
      <c r="I14251" s="5" t="s">
        <v>1518</v>
      </c>
      <c r="J14251" s="5" t="s">
        <v>40939</v>
      </c>
      <c r="K14251" s="2" t="s">
        <v>40940</v>
      </c>
      <c r="L14251" s="5" t="s">
        <v>40939</v>
      </c>
      <c r="M14251" s="2" t="s">
        <v>40940</v>
      </c>
      <c r="N14251" s="5" t="s">
        <v>36266</v>
      </c>
      <c r="O14251" s="5" t="s">
        <v>38</v>
      </c>
      <c r="P14251" s="5" t="s">
        <v>39</v>
      </c>
      <c r="Q14251" s="5" t="s">
        <v>40</v>
      </c>
      <c r="R14251" s="5" t="s">
        <v>1522</v>
      </c>
      <c r="S14251" s="5" t="s">
        <v>1523</v>
      </c>
      <c r="T14251" s="5" t="s">
        <v>42</v>
      </c>
      <c r="U14251" s="2">
        <v>1.54</v>
      </c>
      <c r="V14251" s="2">
        <v>1.0820000000000001</v>
      </c>
      <c r="W14251" s="2">
        <v>1.4999999999999999E-2</v>
      </c>
      <c r="X14251" s="2">
        <v>118.9</v>
      </c>
      <c r="Y14251" s="2">
        <v>7.6</v>
      </c>
      <c r="Z14251" s="2">
        <v>16.7</v>
      </c>
      <c r="AA14251" s="5"/>
      <c r="AB14251" s="5" t="s">
        <v>43</v>
      </c>
      <c r="AC14251" s="5" t="s">
        <v>44</v>
      </c>
      <c r="AD14251" s="2"/>
      <c r="AE14251" s="1"/>
    </row>
    <row r="14252" spans="1:31" ht="14.45">
      <c r="A14252" s="11"/>
      <c r="B14252" s="20"/>
      <c r="C14252" s="2" t="s">
        <v>43707</v>
      </c>
      <c r="D14252" s="14" t="s">
        <v>43708</v>
      </c>
      <c r="E14252" s="2" t="s">
        <v>43709</v>
      </c>
      <c r="F14252" s="2" t="s">
        <v>7208</v>
      </c>
      <c r="G14252" s="8">
        <v>166</v>
      </c>
      <c r="H14252" s="5">
        <v>6</v>
      </c>
      <c r="I14252" s="5" t="s">
        <v>1518</v>
      </c>
      <c r="J14252" s="5" t="s">
        <v>40939</v>
      </c>
      <c r="K14252" s="2" t="s">
        <v>40940</v>
      </c>
      <c r="L14252" s="5" t="s">
        <v>40939</v>
      </c>
      <c r="M14252" s="2" t="s">
        <v>40940</v>
      </c>
      <c r="N14252" s="5" t="s">
        <v>36266</v>
      </c>
      <c r="O14252" s="5" t="s">
        <v>38</v>
      </c>
      <c r="P14252" s="5" t="s">
        <v>39</v>
      </c>
      <c r="Q14252" s="5" t="s">
        <v>40</v>
      </c>
      <c r="R14252" s="5" t="s">
        <v>1522</v>
      </c>
      <c r="S14252" s="5" t="s">
        <v>1523</v>
      </c>
      <c r="T14252" s="5" t="s">
        <v>42</v>
      </c>
      <c r="U14252" s="2">
        <v>1.5349999999999999</v>
      </c>
      <c r="V14252" s="2">
        <v>1.077</v>
      </c>
      <c r="W14252" s="2">
        <v>1.4999999999999999E-2</v>
      </c>
      <c r="X14252" s="2">
        <v>118.9</v>
      </c>
      <c r="Y14252" s="2">
        <v>7.6</v>
      </c>
      <c r="Z14252" s="2">
        <v>16.7</v>
      </c>
      <c r="AA14252" s="5"/>
      <c r="AB14252" s="5" t="s">
        <v>43</v>
      </c>
      <c r="AC14252" s="5" t="s">
        <v>44</v>
      </c>
      <c r="AD14252" s="2"/>
      <c r="AE14252" s="1"/>
    </row>
    <row r="14253" spans="1:31" ht="14.45">
      <c r="A14253" s="11"/>
      <c r="B14253" s="20"/>
      <c r="C14253" s="2" t="s">
        <v>43710</v>
      </c>
      <c r="D14253" s="14" t="s">
        <v>43711</v>
      </c>
      <c r="E14253" s="2" t="s">
        <v>43712</v>
      </c>
      <c r="F14253" s="2" t="s">
        <v>7521</v>
      </c>
      <c r="G14253" s="8">
        <v>166</v>
      </c>
      <c r="H14253" s="5">
        <v>6</v>
      </c>
      <c r="I14253" s="5" t="s">
        <v>1518</v>
      </c>
      <c r="J14253" s="5" t="s">
        <v>40939</v>
      </c>
      <c r="K14253" s="2" t="s">
        <v>40940</v>
      </c>
      <c r="L14253" s="5" t="s">
        <v>40939</v>
      </c>
      <c r="M14253" s="2" t="s">
        <v>40940</v>
      </c>
      <c r="N14253" s="5" t="s">
        <v>36266</v>
      </c>
      <c r="O14253" s="5" t="s">
        <v>38</v>
      </c>
      <c r="P14253" s="5" t="s">
        <v>39</v>
      </c>
      <c r="Q14253" s="5" t="s">
        <v>40</v>
      </c>
      <c r="R14253" s="5" t="s">
        <v>1522</v>
      </c>
      <c r="S14253" s="5" t="s">
        <v>1523</v>
      </c>
      <c r="T14253" s="5" t="s">
        <v>42</v>
      </c>
      <c r="U14253" s="2">
        <v>1.5509999999999999</v>
      </c>
      <c r="V14253" s="2">
        <v>1.093</v>
      </c>
      <c r="W14253" s="2">
        <v>1.4999999999999999E-2</v>
      </c>
      <c r="X14253" s="2">
        <v>118.9</v>
      </c>
      <c r="Y14253" s="2">
        <v>7.6</v>
      </c>
      <c r="Z14253" s="2">
        <v>16.7</v>
      </c>
      <c r="AA14253" s="5"/>
      <c r="AB14253" s="5" t="s">
        <v>43</v>
      </c>
      <c r="AC14253" s="5" t="s">
        <v>44</v>
      </c>
      <c r="AD14253" s="2"/>
      <c r="AE14253" s="1"/>
    </row>
    <row r="14254" spans="1:31" ht="14.45">
      <c r="A14254" s="11"/>
      <c r="B14254" s="20"/>
      <c r="C14254" s="2" t="s">
        <v>43713</v>
      </c>
      <c r="D14254" s="14" t="s">
        <v>43714</v>
      </c>
      <c r="E14254" s="2" t="s">
        <v>43715</v>
      </c>
      <c r="F14254" s="2" t="s">
        <v>36273</v>
      </c>
      <c r="G14254" s="8">
        <v>166</v>
      </c>
      <c r="H14254" s="5">
        <v>6</v>
      </c>
      <c r="I14254" s="5" t="s">
        <v>1518</v>
      </c>
      <c r="J14254" s="5" t="s">
        <v>40939</v>
      </c>
      <c r="K14254" s="2" t="s">
        <v>40940</v>
      </c>
      <c r="L14254" s="5" t="s">
        <v>40939</v>
      </c>
      <c r="M14254" s="2" t="s">
        <v>40940</v>
      </c>
      <c r="N14254" s="5" t="s">
        <v>36266</v>
      </c>
      <c r="O14254" s="5" t="s">
        <v>38</v>
      </c>
      <c r="P14254" s="5" t="s">
        <v>39</v>
      </c>
      <c r="Q14254" s="5" t="s">
        <v>40</v>
      </c>
      <c r="R14254" s="5" t="s">
        <v>1522</v>
      </c>
      <c r="S14254" s="5" t="s">
        <v>1523</v>
      </c>
      <c r="T14254" s="5" t="s">
        <v>42</v>
      </c>
      <c r="U14254" s="2">
        <v>1.556</v>
      </c>
      <c r="V14254" s="2">
        <v>1.0980000000000001</v>
      </c>
      <c r="W14254" s="2">
        <v>1.4999999999999999E-2</v>
      </c>
      <c r="X14254" s="2">
        <v>118.9</v>
      </c>
      <c r="Y14254" s="2">
        <v>7.6</v>
      </c>
      <c r="Z14254" s="2">
        <v>16.7</v>
      </c>
      <c r="AA14254" s="5"/>
      <c r="AB14254" s="5" t="s">
        <v>43</v>
      </c>
      <c r="AC14254" s="5" t="s">
        <v>44</v>
      </c>
      <c r="AD14254" s="2"/>
      <c r="AE14254" s="1"/>
    </row>
    <row r="14255" spans="1:31" ht="14.45">
      <c r="A14255" s="11"/>
      <c r="B14255" s="20"/>
      <c r="C14255" s="2" t="s">
        <v>43716</v>
      </c>
      <c r="D14255" s="14" t="s">
        <v>43717</v>
      </c>
      <c r="E14255" s="2" t="s">
        <v>43718</v>
      </c>
      <c r="F14255" s="2" t="s">
        <v>36277</v>
      </c>
      <c r="G14255" s="8">
        <v>166</v>
      </c>
      <c r="H14255" s="5">
        <v>6</v>
      </c>
      <c r="I14255" s="5" t="s">
        <v>1518</v>
      </c>
      <c r="J14255" s="5" t="s">
        <v>40939</v>
      </c>
      <c r="K14255" s="2" t="s">
        <v>40940</v>
      </c>
      <c r="L14255" s="5" t="s">
        <v>40939</v>
      </c>
      <c r="M14255" s="2" t="s">
        <v>40940</v>
      </c>
      <c r="N14255" s="5" t="s">
        <v>36266</v>
      </c>
      <c r="O14255" s="5" t="s">
        <v>38</v>
      </c>
      <c r="P14255" s="5" t="s">
        <v>39</v>
      </c>
      <c r="Q14255" s="5" t="s">
        <v>40</v>
      </c>
      <c r="R14255" s="5" t="s">
        <v>1522</v>
      </c>
      <c r="S14255" s="5" t="s">
        <v>1523</v>
      </c>
      <c r="T14255" s="5" t="s">
        <v>42</v>
      </c>
      <c r="U14255" s="2">
        <v>1.5720000000000001</v>
      </c>
      <c r="V14255" s="2">
        <v>1.1140000000000001</v>
      </c>
      <c r="W14255" s="2">
        <v>1.4999999999999999E-2</v>
      </c>
      <c r="X14255" s="2">
        <v>118.9</v>
      </c>
      <c r="Y14255" s="2">
        <v>7.6</v>
      </c>
      <c r="Z14255" s="2">
        <v>16.7</v>
      </c>
      <c r="AA14255" s="5"/>
      <c r="AB14255" s="5" t="s">
        <v>43</v>
      </c>
      <c r="AC14255" s="5" t="s">
        <v>44</v>
      </c>
      <c r="AD14255" s="2"/>
      <c r="AE14255" s="1"/>
    </row>
    <row r="14256" spans="1:31" ht="14.45">
      <c r="A14256" s="11"/>
      <c r="B14256" s="20"/>
      <c r="C14256" s="2" t="s">
        <v>43719</v>
      </c>
      <c r="D14256" s="14" t="s">
        <v>43720</v>
      </c>
      <c r="E14256" s="2" t="s">
        <v>43721</v>
      </c>
      <c r="F14256" s="2" t="s">
        <v>40967</v>
      </c>
      <c r="G14256" s="8">
        <v>190</v>
      </c>
      <c r="H14256" s="5">
        <v>6</v>
      </c>
      <c r="I14256" s="5" t="s">
        <v>1518</v>
      </c>
      <c r="J14256" s="5" t="s">
        <v>40939</v>
      </c>
      <c r="K14256" s="2" t="s">
        <v>40940</v>
      </c>
      <c r="L14256" s="5" t="s">
        <v>40939</v>
      </c>
      <c r="M14256" s="2" t="s">
        <v>40940</v>
      </c>
      <c r="N14256" s="5" t="s">
        <v>36266</v>
      </c>
      <c r="O14256" s="5" t="s">
        <v>38</v>
      </c>
      <c r="P14256" s="5" t="s">
        <v>39</v>
      </c>
      <c r="Q14256" s="5" t="s">
        <v>40</v>
      </c>
      <c r="R14256" s="5" t="s">
        <v>1522</v>
      </c>
      <c r="S14256" s="5" t="s">
        <v>1523</v>
      </c>
      <c r="T14256" s="5" t="s">
        <v>42</v>
      </c>
      <c r="U14256" s="2">
        <v>1.5349999999999999</v>
      </c>
      <c r="V14256" s="2">
        <v>1.077</v>
      </c>
      <c r="W14256" s="2">
        <v>1.4999999999999999E-2</v>
      </c>
      <c r="X14256" s="2">
        <v>118.9</v>
      </c>
      <c r="Y14256" s="2">
        <v>7.6</v>
      </c>
      <c r="Z14256" s="2">
        <v>16.7</v>
      </c>
      <c r="AA14256" s="5"/>
      <c r="AB14256" s="5" t="s">
        <v>43</v>
      </c>
      <c r="AC14256" s="5" t="s">
        <v>44</v>
      </c>
      <c r="AD14256" s="2"/>
      <c r="AE14256" s="1"/>
    </row>
    <row r="14257" spans="1:31" ht="14.45">
      <c r="A14257" s="11"/>
      <c r="B14257" s="20"/>
      <c r="C14257" s="2" t="s">
        <v>43722</v>
      </c>
      <c r="D14257" s="14" t="s">
        <v>43723</v>
      </c>
      <c r="E14257" s="2" t="s">
        <v>43724</v>
      </c>
      <c r="F14257" s="2" t="s">
        <v>40971</v>
      </c>
      <c r="G14257" s="8">
        <v>190</v>
      </c>
      <c r="H14257" s="5">
        <v>6</v>
      </c>
      <c r="I14257" s="5" t="s">
        <v>1518</v>
      </c>
      <c r="J14257" s="5" t="s">
        <v>40939</v>
      </c>
      <c r="K14257" s="2" t="s">
        <v>40940</v>
      </c>
      <c r="L14257" s="5" t="s">
        <v>40939</v>
      </c>
      <c r="M14257" s="2" t="s">
        <v>40940</v>
      </c>
      <c r="N14257" s="5" t="s">
        <v>36266</v>
      </c>
      <c r="O14257" s="5" t="s">
        <v>38</v>
      </c>
      <c r="P14257" s="5" t="s">
        <v>39</v>
      </c>
      <c r="Q14257" s="5" t="s">
        <v>40</v>
      </c>
      <c r="R14257" s="5" t="s">
        <v>1522</v>
      </c>
      <c r="S14257" s="5" t="s">
        <v>1523</v>
      </c>
      <c r="T14257" s="5" t="s">
        <v>42</v>
      </c>
      <c r="U14257" s="2">
        <v>1.5509999999999999</v>
      </c>
      <c r="V14257" s="2">
        <v>1.093</v>
      </c>
      <c r="W14257" s="2">
        <v>1.4999999999999999E-2</v>
      </c>
      <c r="X14257" s="2">
        <v>118.9</v>
      </c>
      <c r="Y14257" s="2">
        <v>7.6</v>
      </c>
      <c r="Z14257" s="2">
        <v>16.7</v>
      </c>
      <c r="AA14257" s="5"/>
      <c r="AB14257" s="5" t="s">
        <v>43</v>
      </c>
      <c r="AC14257" s="5" t="s">
        <v>44</v>
      </c>
      <c r="AD14257" s="2"/>
      <c r="AE14257" s="1"/>
    </row>
    <row r="14258" spans="1:31" ht="14.45">
      <c r="A14258" s="11"/>
      <c r="B14258" s="20"/>
      <c r="C14258" s="2" t="s">
        <v>43725</v>
      </c>
      <c r="D14258" s="14" t="s">
        <v>43726</v>
      </c>
      <c r="E14258" s="2" t="s">
        <v>43727</v>
      </c>
      <c r="F14258" s="2" t="s">
        <v>40975</v>
      </c>
      <c r="G14258" s="8">
        <v>190</v>
      </c>
      <c r="H14258" s="5">
        <v>6</v>
      </c>
      <c r="I14258" s="5" t="s">
        <v>1518</v>
      </c>
      <c r="J14258" s="5" t="s">
        <v>40939</v>
      </c>
      <c r="K14258" s="2" t="s">
        <v>40940</v>
      </c>
      <c r="L14258" s="5" t="s">
        <v>40939</v>
      </c>
      <c r="M14258" s="2" t="s">
        <v>40940</v>
      </c>
      <c r="N14258" s="5" t="s">
        <v>36266</v>
      </c>
      <c r="O14258" s="5" t="s">
        <v>38</v>
      </c>
      <c r="P14258" s="5" t="s">
        <v>39</v>
      </c>
      <c r="Q14258" s="5" t="s">
        <v>40</v>
      </c>
      <c r="R14258" s="5" t="s">
        <v>1522</v>
      </c>
      <c r="S14258" s="5" t="s">
        <v>1523</v>
      </c>
      <c r="T14258" s="5" t="s">
        <v>42</v>
      </c>
      <c r="U14258" s="2">
        <v>1.5349999999999999</v>
      </c>
      <c r="V14258" s="2">
        <v>1.077</v>
      </c>
      <c r="W14258" s="2">
        <v>1.4999999999999999E-2</v>
      </c>
      <c r="X14258" s="2">
        <v>118.9</v>
      </c>
      <c r="Y14258" s="2">
        <v>7.6</v>
      </c>
      <c r="Z14258" s="2">
        <v>16.7</v>
      </c>
      <c r="AA14258" s="5"/>
      <c r="AB14258" s="5" t="s">
        <v>43</v>
      </c>
      <c r="AC14258" s="5" t="s">
        <v>44</v>
      </c>
      <c r="AD14258" s="2"/>
      <c r="AE14258" s="1"/>
    </row>
    <row r="14259" spans="1:31" ht="14.45">
      <c r="A14259" s="11"/>
      <c r="B14259" s="20"/>
      <c r="C14259" s="2" t="s">
        <v>43728</v>
      </c>
      <c r="D14259" s="14" t="s">
        <v>43729</v>
      </c>
      <c r="E14259" s="2" t="s">
        <v>43730</v>
      </c>
      <c r="F14259" s="2" t="s">
        <v>40979</v>
      </c>
      <c r="G14259" s="8">
        <v>190</v>
      </c>
      <c r="H14259" s="5">
        <v>6</v>
      </c>
      <c r="I14259" s="5" t="s">
        <v>1518</v>
      </c>
      <c r="J14259" s="5" t="s">
        <v>40939</v>
      </c>
      <c r="K14259" s="2" t="s">
        <v>40940</v>
      </c>
      <c r="L14259" s="5" t="s">
        <v>40939</v>
      </c>
      <c r="M14259" s="2" t="s">
        <v>40940</v>
      </c>
      <c r="N14259" s="5" t="s">
        <v>36266</v>
      </c>
      <c r="O14259" s="5" t="s">
        <v>38</v>
      </c>
      <c r="P14259" s="5" t="s">
        <v>39</v>
      </c>
      <c r="Q14259" s="5" t="s">
        <v>40</v>
      </c>
      <c r="R14259" s="5" t="s">
        <v>1522</v>
      </c>
      <c r="S14259" s="5" t="s">
        <v>1523</v>
      </c>
      <c r="T14259" s="5" t="s">
        <v>42</v>
      </c>
      <c r="U14259" s="2">
        <v>1.5509999999999999</v>
      </c>
      <c r="V14259" s="2">
        <v>1.093</v>
      </c>
      <c r="W14259" s="2">
        <v>1.4999999999999999E-2</v>
      </c>
      <c r="X14259" s="2">
        <v>118.9</v>
      </c>
      <c r="Y14259" s="2">
        <v>7.6</v>
      </c>
      <c r="Z14259" s="2">
        <v>16.7</v>
      </c>
      <c r="AA14259" s="5"/>
      <c r="AB14259" s="5" t="s">
        <v>43</v>
      </c>
      <c r="AC14259" s="5" t="s">
        <v>44</v>
      </c>
      <c r="AD14259" s="2"/>
      <c r="AE14259" s="1"/>
    </row>
    <row r="14260" spans="1:31" ht="14.45">
      <c r="A14260" s="11"/>
      <c r="B14260" s="20"/>
      <c r="C14260" s="2" t="s">
        <v>43731</v>
      </c>
      <c r="D14260" s="14" t="s">
        <v>43732</v>
      </c>
      <c r="E14260" s="2" t="s">
        <v>43733</v>
      </c>
      <c r="F14260" s="2" t="s">
        <v>7539</v>
      </c>
      <c r="G14260" s="8">
        <v>190</v>
      </c>
      <c r="H14260" s="5">
        <v>6</v>
      </c>
      <c r="I14260" s="5" t="s">
        <v>1518</v>
      </c>
      <c r="J14260" s="5" t="s">
        <v>40939</v>
      </c>
      <c r="K14260" s="2" t="s">
        <v>40940</v>
      </c>
      <c r="L14260" s="5" t="s">
        <v>40939</v>
      </c>
      <c r="M14260" s="2" t="s">
        <v>40940</v>
      </c>
      <c r="N14260" s="5" t="s">
        <v>36266</v>
      </c>
      <c r="O14260" s="5" t="s">
        <v>38</v>
      </c>
      <c r="P14260" s="5" t="s">
        <v>39</v>
      </c>
      <c r="Q14260" s="5" t="s">
        <v>40</v>
      </c>
      <c r="R14260" s="5" t="s">
        <v>1522</v>
      </c>
      <c r="S14260" s="5" t="s">
        <v>1523</v>
      </c>
      <c r="T14260" s="5" t="s">
        <v>42</v>
      </c>
      <c r="U14260" s="2">
        <v>1.482</v>
      </c>
      <c r="V14260" s="2">
        <v>1.024</v>
      </c>
      <c r="W14260" s="2">
        <v>1.4999999999999999E-2</v>
      </c>
      <c r="X14260" s="2">
        <v>118.9</v>
      </c>
      <c r="Y14260" s="2">
        <v>7.6</v>
      </c>
      <c r="Z14260" s="2">
        <v>16.7</v>
      </c>
      <c r="AA14260" s="5"/>
      <c r="AB14260" s="5" t="s">
        <v>43</v>
      </c>
      <c r="AC14260" s="5" t="s">
        <v>44</v>
      </c>
      <c r="AD14260" s="2"/>
      <c r="AE14260" s="1"/>
    </row>
    <row r="14261" spans="1:31" ht="14.45">
      <c r="A14261" s="11"/>
      <c r="B14261" s="20"/>
      <c r="C14261" s="2" t="s">
        <v>43734</v>
      </c>
      <c r="D14261" s="14" t="s">
        <v>43735</v>
      </c>
      <c r="E14261" s="2" t="s">
        <v>43736</v>
      </c>
      <c r="F14261" s="2" t="s">
        <v>7543</v>
      </c>
      <c r="G14261" s="8">
        <v>190</v>
      </c>
      <c r="H14261" s="5">
        <v>6</v>
      </c>
      <c r="I14261" s="5" t="s">
        <v>1518</v>
      </c>
      <c r="J14261" s="5" t="s">
        <v>40939</v>
      </c>
      <c r="K14261" s="2" t="s">
        <v>40940</v>
      </c>
      <c r="L14261" s="5" t="s">
        <v>40939</v>
      </c>
      <c r="M14261" s="2" t="s">
        <v>40940</v>
      </c>
      <c r="N14261" s="5" t="s">
        <v>36266</v>
      </c>
      <c r="O14261" s="5" t="s">
        <v>38</v>
      </c>
      <c r="P14261" s="5" t="s">
        <v>39</v>
      </c>
      <c r="Q14261" s="5" t="s">
        <v>40</v>
      </c>
      <c r="R14261" s="5" t="s">
        <v>1522</v>
      </c>
      <c r="S14261" s="5" t="s">
        <v>1523</v>
      </c>
      <c r="T14261" s="5" t="s">
        <v>42</v>
      </c>
      <c r="U14261" s="2">
        <v>1.498</v>
      </c>
      <c r="V14261" s="2">
        <v>1.04</v>
      </c>
      <c r="W14261" s="2">
        <v>1.4999999999999999E-2</v>
      </c>
      <c r="X14261" s="2">
        <v>118.9</v>
      </c>
      <c r="Y14261" s="2">
        <v>7.6</v>
      </c>
      <c r="Z14261" s="2">
        <v>16.7</v>
      </c>
      <c r="AA14261" s="5"/>
      <c r="AB14261" s="5" t="s">
        <v>43</v>
      </c>
      <c r="AC14261" s="5" t="s">
        <v>44</v>
      </c>
      <c r="AD14261" s="2"/>
      <c r="AE14261" s="1"/>
    </row>
    <row r="14262" spans="1:31" ht="14.45">
      <c r="A14262" s="11"/>
      <c r="B14262" s="20"/>
      <c r="C14262" s="2" t="s">
        <v>43737</v>
      </c>
      <c r="D14262" s="14" t="s">
        <v>43738</v>
      </c>
      <c r="E14262" s="2" t="s">
        <v>43739</v>
      </c>
      <c r="F14262" s="2" t="s">
        <v>40989</v>
      </c>
      <c r="G14262" s="8">
        <v>190</v>
      </c>
      <c r="H14262" s="5">
        <v>6</v>
      </c>
      <c r="I14262" s="5" t="s">
        <v>1518</v>
      </c>
      <c r="J14262" s="5" t="s">
        <v>40939</v>
      </c>
      <c r="K14262" s="2" t="s">
        <v>40940</v>
      </c>
      <c r="L14262" s="5" t="s">
        <v>40939</v>
      </c>
      <c r="M14262" s="2" t="s">
        <v>40940</v>
      </c>
      <c r="N14262" s="5" t="s">
        <v>36266</v>
      </c>
      <c r="O14262" s="5" t="s">
        <v>38</v>
      </c>
      <c r="P14262" s="5" t="s">
        <v>39</v>
      </c>
      <c r="Q14262" s="5" t="s">
        <v>40</v>
      </c>
      <c r="R14262" s="5" t="s">
        <v>1522</v>
      </c>
      <c r="S14262" s="5" t="s">
        <v>1523</v>
      </c>
      <c r="T14262" s="5" t="s">
        <v>42</v>
      </c>
      <c r="U14262" s="2">
        <v>1.5349999999999999</v>
      </c>
      <c r="V14262" s="2">
        <v>1.077</v>
      </c>
      <c r="W14262" s="2">
        <v>1.4999999999999999E-2</v>
      </c>
      <c r="X14262" s="2">
        <v>118.9</v>
      </c>
      <c r="Y14262" s="2">
        <v>7.6</v>
      </c>
      <c r="Z14262" s="2">
        <v>16.7</v>
      </c>
      <c r="AA14262" s="5"/>
      <c r="AB14262" s="5" t="s">
        <v>43</v>
      </c>
      <c r="AC14262" s="5" t="s">
        <v>44</v>
      </c>
      <c r="AD14262" s="2"/>
      <c r="AE14262" s="1"/>
    </row>
    <row r="14263" spans="1:31" ht="14.45">
      <c r="A14263" s="11"/>
      <c r="B14263" s="20"/>
      <c r="C14263" s="2" t="s">
        <v>43740</v>
      </c>
      <c r="D14263" s="14" t="s">
        <v>43741</v>
      </c>
      <c r="E14263" s="2" t="s">
        <v>43742</v>
      </c>
      <c r="F14263" s="2" t="s">
        <v>40993</v>
      </c>
      <c r="G14263" s="8">
        <v>190</v>
      </c>
      <c r="H14263" s="5">
        <v>6</v>
      </c>
      <c r="I14263" s="5" t="s">
        <v>1518</v>
      </c>
      <c r="J14263" s="5" t="s">
        <v>40939</v>
      </c>
      <c r="K14263" s="2" t="s">
        <v>40940</v>
      </c>
      <c r="L14263" s="5" t="s">
        <v>40939</v>
      </c>
      <c r="M14263" s="2" t="s">
        <v>40940</v>
      </c>
      <c r="N14263" s="5" t="s">
        <v>36266</v>
      </c>
      <c r="O14263" s="5" t="s">
        <v>38</v>
      </c>
      <c r="P14263" s="5" t="s">
        <v>39</v>
      </c>
      <c r="Q14263" s="5" t="s">
        <v>40</v>
      </c>
      <c r="R14263" s="5" t="s">
        <v>1522</v>
      </c>
      <c r="S14263" s="5" t="s">
        <v>1523</v>
      </c>
      <c r="T14263" s="5" t="s">
        <v>42</v>
      </c>
      <c r="U14263" s="2">
        <v>1.5509999999999999</v>
      </c>
      <c r="V14263" s="2">
        <v>1.093</v>
      </c>
      <c r="W14263" s="2">
        <v>1.4999999999999999E-2</v>
      </c>
      <c r="X14263" s="2">
        <v>118.9</v>
      </c>
      <c r="Y14263" s="2">
        <v>7.6</v>
      </c>
      <c r="Z14263" s="2">
        <v>16.7</v>
      </c>
      <c r="AA14263" s="5"/>
      <c r="AB14263" s="5" t="s">
        <v>43</v>
      </c>
      <c r="AC14263" s="5" t="s">
        <v>44</v>
      </c>
      <c r="AD14263" s="2"/>
      <c r="AE14263" s="1"/>
    </row>
    <row r="14264" spans="1:31" ht="14.45">
      <c r="A14264" s="11"/>
      <c r="B14264" s="20"/>
      <c r="C14264" s="2" t="s">
        <v>43743</v>
      </c>
      <c r="D14264" s="14" t="s">
        <v>43744</v>
      </c>
      <c r="E14264" s="2" t="s">
        <v>43745</v>
      </c>
      <c r="F14264" s="2" t="s">
        <v>40997</v>
      </c>
      <c r="G14264" s="8">
        <v>190</v>
      </c>
      <c r="H14264" s="5">
        <v>6</v>
      </c>
      <c r="I14264" s="5" t="s">
        <v>1518</v>
      </c>
      <c r="J14264" s="5" t="s">
        <v>40939</v>
      </c>
      <c r="K14264" s="2" t="s">
        <v>40940</v>
      </c>
      <c r="L14264" s="5" t="s">
        <v>40939</v>
      </c>
      <c r="M14264" s="2" t="s">
        <v>40940</v>
      </c>
      <c r="N14264" s="5" t="s">
        <v>36266</v>
      </c>
      <c r="O14264" s="5" t="s">
        <v>38</v>
      </c>
      <c r="P14264" s="5" t="s">
        <v>39</v>
      </c>
      <c r="Q14264" s="5" t="s">
        <v>40</v>
      </c>
      <c r="R14264" s="5" t="s">
        <v>1522</v>
      </c>
      <c r="S14264" s="5" t="s">
        <v>1523</v>
      </c>
      <c r="T14264" s="5" t="s">
        <v>42</v>
      </c>
      <c r="U14264" s="2">
        <v>1.492</v>
      </c>
      <c r="V14264" s="2">
        <v>1.034</v>
      </c>
      <c r="W14264" s="2">
        <v>1.4999999999999999E-2</v>
      </c>
      <c r="X14264" s="2">
        <v>118.9</v>
      </c>
      <c r="Y14264" s="2">
        <v>7.6</v>
      </c>
      <c r="Z14264" s="2">
        <v>16.7</v>
      </c>
      <c r="AA14264" s="5"/>
      <c r="AB14264" s="5" t="s">
        <v>43</v>
      </c>
      <c r="AC14264" s="5" t="s">
        <v>44</v>
      </c>
      <c r="AD14264" s="2"/>
      <c r="AE14264" s="1"/>
    </row>
    <row r="14265" spans="1:31" ht="14.45">
      <c r="A14265" s="11"/>
      <c r="B14265" s="20"/>
      <c r="C14265" s="2" t="s">
        <v>43746</v>
      </c>
      <c r="D14265" s="14" t="s">
        <v>43747</v>
      </c>
      <c r="E14265" s="2" t="s">
        <v>43748</v>
      </c>
      <c r="F14265" s="2" t="s">
        <v>41267</v>
      </c>
      <c r="G14265" s="8">
        <v>190</v>
      </c>
      <c r="H14265" s="5">
        <v>6</v>
      </c>
      <c r="I14265" s="5" t="s">
        <v>1518</v>
      </c>
      <c r="J14265" s="5" t="s">
        <v>40939</v>
      </c>
      <c r="K14265" s="2" t="s">
        <v>40940</v>
      </c>
      <c r="L14265" s="5" t="s">
        <v>40939</v>
      </c>
      <c r="M14265" s="2" t="s">
        <v>40940</v>
      </c>
      <c r="N14265" s="5" t="s">
        <v>36266</v>
      </c>
      <c r="O14265" s="5" t="s">
        <v>38</v>
      </c>
      <c r="P14265" s="5" t="s">
        <v>39</v>
      </c>
      <c r="Q14265" s="5" t="s">
        <v>40</v>
      </c>
      <c r="R14265" s="5" t="s">
        <v>1522</v>
      </c>
      <c r="S14265" s="5" t="s">
        <v>1523</v>
      </c>
      <c r="T14265" s="5" t="s">
        <v>42</v>
      </c>
      <c r="U14265" s="2">
        <v>1.508</v>
      </c>
      <c r="V14265" s="2">
        <v>1.05</v>
      </c>
      <c r="W14265" s="2">
        <v>1.4999999999999999E-2</v>
      </c>
      <c r="X14265" s="2">
        <v>118.9</v>
      </c>
      <c r="Y14265" s="2">
        <v>7.6</v>
      </c>
      <c r="Z14265" s="2">
        <v>16.7</v>
      </c>
      <c r="AA14265" s="5"/>
      <c r="AB14265" s="5" t="s">
        <v>43</v>
      </c>
      <c r="AC14265" s="5" t="s">
        <v>44</v>
      </c>
      <c r="AD14265" s="2"/>
      <c r="AE14265" s="1"/>
    </row>
    <row r="14266" spans="1:31" ht="14.45">
      <c r="A14266" s="11"/>
      <c r="B14266" s="20"/>
      <c r="C14266" s="2" t="s">
        <v>43749</v>
      </c>
      <c r="D14266" s="14" t="s">
        <v>43750</v>
      </c>
      <c r="E14266" s="2" t="s">
        <v>43751</v>
      </c>
      <c r="F14266" s="2" t="s">
        <v>41001</v>
      </c>
      <c r="G14266" s="8">
        <v>190</v>
      </c>
      <c r="H14266" s="5">
        <v>6</v>
      </c>
      <c r="I14266" s="5" t="s">
        <v>1518</v>
      </c>
      <c r="J14266" s="5" t="s">
        <v>40939</v>
      </c>
      <c r="K14266" s="2" t="s">
        <v>40940</v>
      </c>
      <c r="L14266" s="5" t="s">
        <v>40939</v>
      </c>
      <c r="M14266" s="2" t="s">
        <v>40940</v>
      </c>
      <c r="N14266" s="5" t="s">
        <v>36266</v>
      </c>
      <c r="O14266" s="5" t="s">
        <v>38</v>
      </c>
      <c r="P14266" s="5" t="s">
        <v>39</v>
      </c>
      <c r="Q14266" s="5" t="s">
        <v>40</v>
      </c>
      <c r="R14266" s="5" t="s">
        <v>1522</v>
      </c>
      <c r="S14266" s="5" t="s">
        <v>1523</v>
      </c>
      <c r="T14266" s="5" t="s">
        <v>42</v>
      </c>
      <c r="U14266" s="2">
        <v>1.5349999999999999</v>
      </c>
      <c r="V14266" s="2">
        <v>1.077</v>
      </c>
      <c r="W14266" s="2">
        <v>1.4999999999999999E-2</v>
      </c>
      <c r="X14266" s="2">
        <v>118.9</v>
      </c>
      <c r="Y14266" s="2">
        <v>7.6</v>
      </c>
      <c r="Z14266" s="2">
        <v>16.7</v>
      </c>
      <c r="AA14266" s="5"/>
      <c r="AB14266" s="5" t="s">
        <v>43</v>
      </c>
      <c r="AC14266" s="5" t="s">
        <v>44</v>
      </c>
      <c r="AD14266" s="2"/>
      <c r="AE14266" s="1"/>
    </row>
    <row r="14267" spans="1:31" ht="14.45">
      <c r="A14267" s="11"/>
      <c r="B14267" s="20"/>
      <c r="C14267" s="2" t="s">
        <v>43752</v>
      </c>
      <c r="D14267" s="14" t="s">
        <v>43753</v>
      </c>
      <c r="E14267" s="2" t="s">
        <v>43754</v>
      </c>
      <c r="F14267" s="2" t="s">
        <v>41005</v>
      </c>
      <c r="G14267" s="8">
        <v>190</v>
      </c>
      <c r="H14267" s="5">
        <v>6</v>
      </c>
      <c r="I14267" s="5" t="s">
        <v>1518</v>
      </c>
      <c r="J14267" s="5" t="s">
        <v>40939</v>
      </c>
      <c r="K14267" s="2" t="s">
        <v>40940</v>
      </c>
      <c r="L14267" s="5" t="s">
        <v>40939</v>
      </c>
      <c r="M14267" s="2" t="s">
        <v>40940</v>
      </c>
      <c r="N14267" s="5" t="s">
        <v>36266</v>
      </c>
      <c r="O14267" s="5" t="s">
        <v>38</v>
      </c>
      <c r="P14267" s="5" t="s">
        <v>39</v>
      </c>
      <c r="Q14267" s="5" t="s">
        <v>40</v>
      </c>
      <c r="R14267" s="5" t="s">
        <v>1522</v>
      </c>
      <c r="S14267" s="5" t="s">
        <v>1523</v>
      </c>
      <c r="T14267" s="5" t="s">
        <v>42</v>
      </c>
      <c r="U14267" s="2">
        <v>1.5509999999999999</v>
      </c>
      <c r="V14267" s="2">
        <v>1.093</v>
      </c>
      <c r="W14267" s="2">
        <v>1.4999999999999999E-2</v>
      </c>
      <c r="X14267" s="2">
        <v>118.9</v>
      </c>
      <c r="Y14267" s="2">
        <v>7.6</v>
      </c>
      <c r="Z14267" s="2">
        <v>16.7</v>
      </c>
      <c r="AA14267" s="5"/>
      <c r="AB14267" s="5" t="s">
        <v>43</v>
      </c>
      <c r="AC14267" s="5" t="s">
        <v>44</v>
      </c>
      <c r="AD14267" s="2"/>
      <c r="AE14267" s="1"/>
    </row>
    <row r="14268" spans="1:31" ht="14.45">
      <c r="A14268" s="11"/>
      <c r="B14268" s="20"/>
      <c r="C14268" s="2" t="s">
        <v>43755</v>
      </c>
      <c r="D14268" s="14" t="s">
        <v>43756</v>
      </c>
      <c r="E14268" s="2" t="s">
        <v>43757</v>
      </c>
      <c r="F14268" s="2" t="s">
        <v>41009</v>
      </c>
      <c r="G14268" s="8">
        <v>190</v>
      </c>
      <c r="H14268" s="5">
        <v>6</v>
      </c>
      <c r="I14268" s="5" t="s">
        <v>1518</v>
      </c>
      <c r="J14268" s="5" t="s">
        <v>40939</v>
      </c>
      <c r="K14268" s="2" t="s">
        <v>40940</v>
      </c>
      <c r="L14268" s="5" t="s">
        <v>40939</v>
      </c>
      <c r="M14268" s="2" t="s">
        <v>40940</v>
      </c>
      <c r="N14268" s="5" t="s">
        <v>36266</v>
      </c>
      <c r="O14268" s="5" t="s">
        <v>38</v>
      </c>
      <c r="P14268" s="5" t="s">
        <v>39</v>
      </c>
      <c r="Q14268" s="5" t="s">
        <v>40</v>
      </c>
      <c r="R14268" s="5" t="s">
        <v>1522</v>
      </c>
      <c r="S14268" s="5" t="s">
        <v>1523</v>
      </c>
      <c r="T14268" s="5" t="s">
        <v>42</v>
      </c>
      <c r="U14268" s="2">
        <v>1.5449999999999999</v>
      </c>
      <c r="V14268" s="2">
        <v>1.087</v>
      </c>
      <c r="W14268" s="2">
        <v>1.4999999999999999E-2</v>
      </c>
      <c r="X14268" s="2">
        <v>118.9</v>
      </c>
      <c r="Y14268" s="2">
        <v>7.6</v>
      </c>
      <c r="Z14268" s="2">
        <v>16.7</v>
      </c>
      <c r="AA14268" s="5"/>
      <c r="AB14268" s="5" t="s">
        <v>43</v>
      </c>
      <c r="AC14268" s="5" t="s">
        <v>44</v>
      </c>
      <c r="AD14268" s="2"/>
      <c r="AE14268" s="1"/>
    </row>
    <row r="14269" spans="1:31" ht="14.45">
      <c r="A14269" s="11"/>
      <c r="B14269" s="20"/>
      <c r="C14269" s="2" t="s">
        <v>43758</v>
      </c>
      <c r="D14269" s="14" t="s">
        <v>43759</v>
      </c>
      <c r="E14269" s="2" t="s">
        <v>43760</v>
      </c>
      <c r="F14269" s="2" t="s">
        <v>41013</v>
      </c>
      <c r="G14269" s="8">
        <v>190</v>
      </c>
      <c r="H14269" s="5">
        <v>6</v>
      </c>
      <c r="I14269" s="5" t="s">
        <v>1518</v>
      </c>
      <c r="J14269" s="5" t="s">
        <v>40939</v>
      </c>
      <c r="K14269" s="2" t="s">
        <v>40940</v>
      </c>
      <c r="L14269" s="5" t="s">
        <v>40939</v>
      </c>
      <c r="M14269" s="2" t="s">
        <v>40940</v>
      </c>
      <c r="N14269" s="5" t="s">
        <v>36266</v>
      </c>
      <c r="O14269" s="5" t="s">
        <v>38</v>
      </c>
      <c r="P14269" s="5" t="s">
        <v>39</v>
      </c>
      <c r="Q14269" s="5" t="s">
        <v>40</v>
      </c>
      <c r="R14269" s="5" t="s">
        <v>1522</v>
      </c>
      <c r="S14269" s="5" t="s">
        <v>1523</v>
      </c>
      <c r="T14269" s="5" t="s">
        <v>42</v>
      </c>
      <c r="U14269" s="2">
        <v>1.5609999999999999</v>
      </c>
      <c r="V14269" s="2">
        <v>1.103</v>
      </c>
      <c r="W14269" s="2">
        <v>1.4999999999999999E-2</v>
      </c>
      <c r="X14269" s="2">
        <v>118.9</v>
      </c>
      <c r="Y14269" s="2">
        <v>7.6</v>
      </c>
      <c r="Z14269" s="2">
        <v>16.7</v>
      </c>
      <c r="AA14269" s="5"/>
      <c r="AB14269" s="5" t="s">
        <v>43</v>
      </c>
      <c r="AC14269" s="5" t="s">
        <v>44</v>
      </c>
      <c r="AD14269" s="2"/>
      <c r="AE14269" s="1"/>
    </row>
    <row r="14270" spans="1:31" ht="14.45">
      <c r="A14270" s="11"/>
      <c r="B14270" s="20"/>
      <c r="C14270" s="2" t="s">
        <v>43761</v>
      </c>
      <c r="D14270" s="14" t="s">
        <v>43762</v>
      </c>
      <c r="E14270" s="2" t="s">
        <v>43763</v>
      </c>
      <c r="F14270" s="2" t="s">
        <v>7396</v>
      </c>
      <c r="G14270" s="8">
        <v>166</v>
      </c>
      <c r="H14270" s="5">
        <v>6</v>
      </c>
      <c r="I14270" s="5" t="s">
        <v>1518</v>
      </c>
      <c r="J14270" s="5" t="s">
        <v>40939</v>
      </c>
      <c r="K14270" s="2" t="s">
        <v>40940</v>
      </c>
      <c r="L14270" s="5" t="s">
        <v>40939</v>
      </c>
      <c r="M14270" s="2" t="s">
        <v>40940</v>
      </c>
      <c r="N14270" s="5" t="s">
        <v>36266</v>
      </c>
      <c r="O14270" s="5" t="s">
        <v>38</v>
      </c>
      <c r="P14270" s="5" t="s">
        <v>39</v>
      </c>
      <c r="Q14270" s="5" t="s">
        <v>40</v>
      </c>
      <c r="R14270" s="5" t="s">
        <v>1522</v>
      </c>
      <c r="S14270" s="5" t="s">
        <v>1523</v>
      </c>
      <c r="T14270" s="5" t="s">
        <v>42</v>
      </c>
      <c r="U14270" s="2">
        <v>1.5449999999999999</v>
      </c>
      <c r="V14270" s="2">
        <v>1.087</v>
      </c>
      <c r="W14270" s="2">
        <v>1.4999999999999999E-2</v>
      </c>
      <c r="X14270" s="2">
        <v>118.9</v>
      </c>
      <c r="Y14270" s="2">
        <v>7.6</v>
      </c>
      <c r="Z14270" s="2">
        <v>16.7</v>
      </c>
      <c r="AA14270" s="5"/>
      <c r="AB14270" s="5" t="s">
        <v>43</v>
      </c>
      <c r="AC14270" s="5" t="s">
        <v>44</v>
      </c>
      <c r="AD14270" s="2"/>
      <c r="AE14270" s="1"/>
    </row>
    <row r="14271" spans="1:31" ht="14.45">
      <c r="A14271" s="11"/>
      <c r="B14271" s="20"/>
      <c r="C14271" s="2" t="s">
        <v>43764</v>
      </c>
      <c r="D14271" s="14" t="s">
        <v>43765</v>
      </c>
      <c r="E14271" s="2" t="s">
        <v>43766</v>
      </c>
      <c r="F14271" s="2" t="s">
        <v>7507</v>
      </c>
      <c r="G14271" s="8">
        <v>166</v>
      </c>
      <c r="H14271" s="5">
        <v>6</v>
      </c>
      <c r="I14271" s="5" t="s">
        <v>1518</v>
      </c>
      <c r="J14271" s="5" t="s">
        <v>40939</v>
      </c>
      <c r="K14271" s="2" t="s">
        <v>40940</v>
      </c>
      <c r="L14271" s="5" t="s">
        <v>40939</v>
      </c>
      <c r="M14271" s="2" t="s">
        <v>40940</v>
      </c>
      <c r="N14271" s="5" t="s">
        <v>36266</v>
      </c>
      <c r="O14271" s="5" t="s">
        <v>38</v>
      </c>
      <c r="P14271" s="5" t="s">
        <v>39</v>
      </c>
      <c r="Q14271" s="5" t="s">
        <v>40</v>
      </c>
      <c r="R14271" s="5" t="s">
        <v>1522</v>
      </c>
      <c r="S14271" s="5" t="s">
        <v>1523</v>
      </c>
      <c r="T14271" s="5" t="s">
        <v>42</v>
      </c>
      <c r="U14271" s="2">
        <v>1.5609999999999999</v>
      </c>
      <c r="V14271" s="2">
        <v>1.103</v>
      </c>
      <c r="W14271" s="2">
        <v>1.4999999999999999E-2</v>
      </c>
      <c r="X14271" s="2">
        <v>118.9</v>
      </c>
      <c r="Y14271" s="2">
        <v>7.6</v>
      </c>
      <c r="Z14271" s="2">
        <v>16.7</v>
      </c>
      <c r="AA14271" s="5"/>
      <c r="AB14271" s="5" t="s">
        <v>43</v>
      </c>
      <c r="AC14271" s="5" t="s">
        <v>44</v>
      </c>
      <c r="AD14271" s="2"/>
      <c r="AE14271" s="1"/>
    </row>
    <row r="14272" spans="1:31" ht="14.45">
      <c r="A14272" s="11"/>
      <c r="B14272" s="20"/>
      <c r="C14272" s="2" t="s">
        <v>43767</v>
      </c>
      <c r="D14272" s="14" t="s">
        <v>43768</v>
      </c>
      <c r="E14272" s="2" t="s">
        <v>43769</v>
      </c>
      <c r="F14272" s="2" t="s">
        <v>41023</v>
      </c>
      <c r="G14272" s="8">
        <v>190</v>
      </c>
      <c r="H14272" s="5">
        <v>6</v>
      </c>
      <c r="I14272" s="5" t="s">
        <v>1518</v>
      </c>
      <c r="J14272" s="5" t="s">
        <v>40939</v>
      </c>
      <c r="K14272" s="2" t="s">
        <v>40940</v>
      </c>
      <c r="L14272" s="5" t="s">
        <v>40939</v>
      </c>
      <c r="M14272" s="2" t="s">
        <v>40940</v>
      </c>
      <c r="N14272" s="5" t="s">
        <v>36266</v>
      </c>
      <c r="O14272" s="5" t="s">
        <v>38</v>
      </c>
      <c r="P14272" s="5" t="s">
        <v>39</v>
      </c>
      <c r="Q14272" s="5" t="s">
        <v>40</v>
      </c>
      <c r="R14272" s="5" t="s">
        <v>1522</v>
      </c>
      <c r="S14272" s="5" t="s">
        <v>1523</v>
      </c>
      <c r="T14272" s="5" t="s">
        <v>42</v>
      </c>
      <c r="U14272" s="2">
        <v>1.492</v>
      </c>
      <c r="V14272" s="2">
        <v>1.034</v>
      </c>
      <c r="W14272" s="2">
        <v>1.4999999999999999E-2</v>
      </c>
      <c r="X14272" s="2">
        <v>118.9</v>
      </c>
      <c r="Y14272" s="2">
        <v>7.6</v>
      </c>
      <c r="Z14272" s="2">
        <v>16.7</v>
      </c>
      <c r="AA14272" s="5"/>
      <c r="AB14272" s="5" t="s">
        <v>43</v>
      </c>
      <c r="AC14272" s="5" t="s">
        <v>44</v>
      </c>
      <c r="AD14272" s="2"/>
      <c r="AE14272" s="1"/>
    </row>
    <row r="14273" spans="1:31" ht="14.45">
      <c r="A14273" s="11"/>
      <c r="B14273" s="20"/>
      <c r="C14273" s="2" t="s">
        <v>43770</v>
      </c>
      <c r="D14273" s="14" t="s">
        <v>43771</v>
      </c>
      <c r="E14273" s="2" t="s">
        <v>43772</v>
      </c>
      <c r="F14273" s="2" t="s">
        <v>41027</v>
      </c>
      <c r="G14273" s="8">
        <v>190</v>
      </c>
      <c r="H14273" s="5">
        <v>6</v>
      </c>
      <c r="I14273" s="5" t="s">
        <v>1518</v>
      </c>
      <c r="J14273" s="5" t="s">
        <v>40939</v>
      </c>
      <c r="K14273" s="2" t="s">
        <v>40940</v>
      </c>
      <c r="L14273" s="5" t="s">
        <v>40939</v>
      </c>
      <c r="M14273" s="2" t="s">
        <v>40940</v>
      </c>
      <c r="N14273" s="5" t="s">
        <v>36266</v>
      </c>
      <c r="O14273" s="5" t="s">
        <v>38</v>
      </c>
      <c r="P14273" s="5" t="s">
        <v>39</v>
      </c>
      <c r="Q14273" s="5" t="s">
        <v>40</v>
      </c>
      <c r="R14273" s="5" t="s">
        <v>1522</v>
      </c>
      <c r="S14273" s="5" t="s">
        <v>1523</v>
      </c>
      <c r="T14273" s="5" t="s">
        <v>42</v>
      </c>
      <c r="U14273" s="2">
        <v>1.508</v>
      </c>
      <c r="V14273" s="2">
        <v>1.05</v>
      </c>
      <c r="W14273" s="2">
        <v>1.4999999999999999E-2</v>
      </c>
      <c r="X14273" s="2">
        <v>118.9</v>
      </c>
      <c r="Y14273" s="2">
        <v>7.6</v>
      </c>
      <c r="Z14273" s="2">
        <v>16.7</v>
      </c>
      <c r="AA14273" s="5"/>
      <c r="AB14273" s="5" t="s">
        <v>43</v>
      </c>
      <c r="AC14273" s="5" t="s">
        <v>44</v>
      </c>
      <c r="AD14273" s="2"/>
      <c r="AE14273" s="1"/>
    </row>
    <row r="14274" spans="1:31" ht="14.45">
      <c r="A14274" s="11"/>
      <c r="B14274" s="20"/>
      <c r="C14274" s="2" t="s">
        <v>43773</v>
      </c>
      <c r="D14274" s="14" t="s">
        <v>43774</v>
      </c>
      <c r="E14274" s="2" t="s">
        <v>43775</v>
      </c>
      <c r="F14274" s="2" t="s">
        <v>41031</v>
      </c>
      <c r="G14274" s="8">
        <v>190</v>
      </c>
      <c r="H14274" s="5">
        <v>6</v>
      </c>
      <c r="I14274" s="5" t="s">
        <v>1518</v>
      </c>
      <c r="J14274" s="5" t="s">
        <v>40939</v>
      </c>
      <c r="K14274" s="2" t="s">
        <v>40940</v>
      </c>
      <c r="L14274" s="5" t="s">
        <v>40939</v>
      </c>
      <c r="M14274" s="2" t="s">
        <v>40940</v>
      </c>
      <c r="N14274" s="5" t="s">
        <v>36266</v>
      </c>
      <c r="O14274" s="5" t="s">
        <v>38</v>
      </c>
      <c r="P14274" s="5" t="s">
        <v>39</v>
      </c>
      <c r="Q14274" s="5" t="s">
        <v>40</v>
      </c>
      <c r="R14274" s="5" t="s">
        <v>1522</v>
      </c>
      <c r="S14274" s="5" t="s">
        <v>1523</v>
      </c>
      <c r="T14274" s="5" t="s">
        <v>42</v>
      </c>
      <c r="U14274" s="2">
        <v>1.492</v>
      </c>
      <c r="V14274" s="2">
        <v>1.034</v>
      </c>
      <c r="W14274" s="2">
        <v>1.4999999999999999E-2</v>
      </c>
      <c r="X14274" s="2">
        <v>118.9</v>
      </c>
      <c r="Y14274" s="2">
        <v>7.6</v>
      </c>
      <c r="Z14274" s="2">
        <v>16.7</v>
      </c>
      <c r="AA14274" s="5"/>
      <c r="AB14274" s="5" t="s">
        <v>43</v>
      </c>
      <c r="AC14274" s="5" t="s">
        <v>44</v>
      </c>
      <c r="AD14274" s="2"/>
      <c r="AE14274" s="1"/>
    </row>
    <row r="14275" spans="1:31" ht="14.45">
      <c r="A14275" s="11"/>
      <c r="B14275" s="20"/>
      <c r="C14275" s="2" t="s">
        <v>43776</v>
      </c>
      <c r="D14275" s="14" t="s">
        <v>43777</v>
      </c>
      <c r="E14275" s="2" t="s">
        <v>43778</v>
      </c>
      <c r="F14275" s="2" t="s">
        <v>41035</v>
      </c>
      <c r="G14275" s="8">
        <v>190</v>
      </c>
      <c r="H14275" s="5">
        <v>6</v>
      </c>
      <c r="I14275" s="5" t="s">
        <v>1518</v>
      </c>
      <c r="J14275" s="5" t="s">
        <v>40939</v>
      </c>
      <c r="K14275" s="2" t="s">
        <v>40940</v>
      </c>
      <c r="L14275" s="5" t="s">
        <v>40939</v>
      </c>
      <c r="M14275" s="2" t="s">
        <v>40940</v>
      </c>
      <c r="N14275" s="5" t="s">
        <v>36266</v>
      </c>
      <c r="O14275" s="5" t="s">
        <v>38</v>
      </c>
      <c r="P14275" s="5" t="s">
        <v>39</v>
      </c>
      <c r="Q14275" s="5" t="s">
        <v>40</v>
      </c>
      <c r="R14275" s="5" t="s">
        <v>1522</v>
      </c>
      <c r="S14275" s="5" t="s">
        <v>1523</v>
      </c>
      <c r="T14275" s="5" t="s">
        <v>42</v>
      </c>
      <c r="U14275" s="2">
        <v>1.508</v>
      </c>
      <c r="V14275" s="2">
        <v>1.05</v>
      </c>
      <c r="W14275" s="2">
        <v>1.4999999999999999E-2</v>
      </c>
      <c r="X14275" s="2">
        <v>118.9</v>
      </c>
      <c r="Y14275" s="2">
        <v>7.6</v>
      </c>
      <c r="Z14275" s="2">
        <v>16.7</v>
      </c>
      <c r="AA14275" s="5"/>
      <c r="AB14275" s="5" t="s">
        <v>43</v>
      </c>
      <c r="AC14275" s="5" t="s">
        <v>44</v>
      </c>
      <c r="AD14275" s="2"/>
      <c r="AE14275" s="1"/>
    </row>
    <row r="14276" spans="1:31" ht="14.45">
      <c r="A14276" s="11"/>
      <c r="B14276" s="20"/>
      <c r="C14276" s="2" t="s">
        <v>43779</v>
      </c>
      <c r="D14276" s="14" t="s">
        <v>43780</v>
      </c>
      <c r="E14276" s="2" t="s">
        <v>43781</v>
      </c>
      <c r="F14276" s="2" t="s">
        <v>7449</v>
      </c>
      <c r="G14276" s="8">
        <v>190</v>
      </c>
      <c r="H14276" s="5">
        <v>6</v>
      </c>
      <c r="I14276" s="5" t="s">
        <v>1518</v>
      </c>
      <c r="J14276" s="5" t="s">
        <v>40939</v>
      </c>
      <c r="K14276" s="2" t="s">
        <v>40940</v>
      </c>
      <c r="L14276" s="5" t="s">
        <v>40939</v>
      </c>
      <c r="M14276" s="2" t="s">
        <v>40940</v>
      </c>
      <c r="N14276" s="5" t="s">
        <v>36266</v>
      </c>
      <c r="O14276" s="5" t="s">
        <v>38</v>
      </c>
      <c r="P14276" s="5" t="s">
        <v>39</v>
      </c>
      <c r="Q14276" s="5" t="s">
        <v>40</v>
      </c>
      <c r="R14276" s="5" t="s">
        <v>1522</v>
      </c>
      <c r="S14276" s="5" t="s">
        <v>1523</v>
      </c>
      <c r="T14276" s="5" t="s">
        <v>42</v>
      </c>
      <c r="U14276" s="2">
        <v>1.492</v>
      </c>
      <c r="V14276" s="2">
        <v>1.034</v>
      </c>
      <c r="W14276" s="2">
        <v>1.4999999999999999E-2</v>
      </c>
      <c r="X14276" s="2">
        <v>118.9</v>
      </c>
      <c r="Y14276" s="2">
        <v>7.6</v>
      </c>
      <c r="Z14276" s="2">
        <v>16.7</v>
      </c>
      <c r="AA14276" s="5"/>
      <c r="AB14276" s="5" t="s">
        <v>43</v>
      </c>
      <c r="AC14276" s="5" t="s">
        <v>44</v>
      </c>
      <c r="AD14276" s="2"/>
      <c r="AE14276" s="1"/>
    </row>
    <row r="14277" spans="1:31" ht="14.45">
      <c r="A14277" s="11"/>
      <c r="B14277" s="20"/>
      <c r="C14277" s="2" t="s">
        <v>43782</v>
      </c>
      <c r="D14277" s="14" t="s">
        <v>43783</v>
      </c>
      <c r="E14277" s="2" t="s">
        <v>43784</v>
      </c>
      <c r="F14277" s="2" t="s">
        <v>7581</v>
      </c>
      <c r="G14277" s="8">
        <v>190</v>
      </c>
      <c r="H14277" s="5">
        <v>6</v>
      </c>
      <c r="I14277" s="5" t="s">
        <v>1518</v>
      </c>
      <c r="J14277" s="5" t="s">
        <v>40939</v>
      </c>
      <c r="K14277" s="2" t="s">
        <v>40940</v>
      </c>
      <c r="L14277" s="5" t="s">
        <v>40939</v>
      </c>
      <c r="M14277" s="2" t="s">
        <v>40940</v>
      </c>
      <c r="N14277" s="5" t="s">
        <v>36266</v>
      </c>
      <c r="O14277" s="5" t="s">
        <v>38</v>
      </c>
      <c r="P14277" s="5" t="s">
        <v>39</v>
      </c>
      <c r="Q14277" s="5" t="s">
        <v>40</v>
      </c>
      <c r="R14277" s="5" t="s">
        <v>1522</v>
      </c>
      <c r="S14277" s="5" t="s">
        <v>1523</v>
      </c>
      <c r="T14277" s="5" t="s">
        <v>42</v>
      </c>
      <c r="U14277" s="2">
        <v>1.508</v>
      </c>
      <c r="V14277" s="2">
        <v>1.05</v>
      </c>
      <c r="W14277" s="2">
        <v>1.4999999999999999E-2</v>
      </c>
      <c r="X14277" s="2">
        <v>118.9</v>
      </c>
      <c r="Y14277" s="2">
        <v>7.6</v>
      </c>
      <c r="Z14277" s="2">
        <v>16.7</v>
      </c>
      <c r="AA14277" s="5"/>
      <c r="AB14277" s="5" t="s">
        <v>43</v>
      </c>
      <c r="AC14277" s="5" t="s">
        <v>44</v>
      </c>
      <c r="AD14277" s="2"/>
      <c r="AE14277" s="1"/>
    </row>
    <row r="14278" spans="1:31" ht="14.45">
      <c r="A14278" s="11"/>
      <c r="B14278" s="20"/>
      <c r="C14278" s="2" t="s">
        <v>43785</v>
      </c>
      <c r="D14278" s="14" t="s">
        <v>43786</v>
      </c>
      <c r="E14278" s="2" t="s">
        <v>43787</v>
      </c>
      <c r="F14278" s="2" t="s">
        <v>41045</v>
      </c>
      <c r="G14278" s="8">
        <v>190</v>
      </c>
      <c r="H14278" s="5">
        <v>6</v>
      </c>
      <c r="I14278" s="5" t="s">
        <v>1518</v>
      </c>
      <c r="J14278" s="5" t="s">
        <v>40939</v>
      </c>
      <c r="K14278" s="2" t="s">
        <v>40940</v>
      </c>
      <c r="L14278" s="5" t="s">
        <v>40939</v>
      </c>
      <c r="M14278" s="2" t="s">
        <v>40940</v>
      </c>
      <c r="N14278" s="5" t="s">
        <v>36266</v>
      </c>
      <c r="O14278" s="5" t="s">
        <v>38</v>
      </c>
      <c r="P14278" s="5" t="s">
        <v>39</v>
      </c>
      <c r="Q14278" s="5" t="s">
        <v>40</v>
      </c>
      <c r="R14278" s="5" t="s">
        <v>1522</v>
      </c>
      <c r="S14278" s="5" t="s">
        <v>1523</v>
      </c>
      <c r="T14278" s="5" t="s">
        <v>42</v>
      </c>
      <c r="U14278" s="2">
        <v>1.556</v>
      </c>
      <c r="V14278" s="2">
        <v>1.0980000000000001</v>
      </c>
      <c r="W14278" s="2">
        <v>1.4999999999999999E-2</v>
      </c>
      <c r="X14278" s="2">
        <v>118.9</v>
      </c>
      <c r="Y14278" s="2">
        <v>7.6</v>
      </c>
      <c r="Z14278" s="2">
        <v>16.7</v>
      </c>
      <c r="AA14278" s="5"/>
      <c r="AB14278" s="5" t="s">
        <v>43</v>
      </c>
      <c r="AC14278" s="5" t="s">
        <v>44</v>
      </c>
      <c r="AD14278" s="2"/>
      <c r="AE14278" s="1"/>
    </row>
    <row r="14279" spans="1:31" ht="14.45">
      <c r="A14279" s="11"/>
      <c r="B14279" s="20"/>
      <c r="C14279" s="2" t="s">
        <v>43788</v>
      </c>
      <c r="D14279" s="14" t="s">
        <v>43789</v>
      </c>
      <c r="E14279" s="2" t="s">
        <v>43790</v>
      </c>
      <c r="F14279" s="2" t="s">
        <v>41049</v>
      </c>
      <c r="G14279" s="8">
        <v>190</v>
      </c>
      <c r="H14279" s="5">
        <v>6</v>
      </c>
      <c r="I14279" s="5" t="s">
        <v>1518</v>
      </c>
      <c r="J14279" s="5" t="s">
        <v>40939</v>
      </c>
      <c r="K14279" s="2" t="s">
        <v>40940</v>
      </c>
      <c r="L14279" s="5" t="s">
        <v>40939</v>
      </c>
      <c r="M14279" s="2" t="s">
        <v>40940</v>
      </c>
      <c r="N14279" s="5" t="s">
        <v>36266</v>
      </c>
      <c r="O14279" s="5" t="s">
        <v>38</v>
      </c>
      <c r="P14279" s="5" t="s">
        <v>39</v>
      </c>
      <c r="Q14279" s="5" t="s">
        <v>40</v>
      </c>
      <c r="R14279" s="5" t="s">
        <v>1522</v>
      </c>
      <c r="S14279" s="5" t="s">
        <v>1523</v>
      </c>
      <c r="T14279" s="5" t="s">
        <v>42</v>
      </c>
      <c r="U14279" s="2">
        <v>1.5720000000000001</v>
      </c>
      <c r="V14279" s="2">
        <v>1.1140000000000001</v>
      </c>
      <c r="W14279" s="2">
        <v>1.4999999999999999E-2</v>
      </c>
      <c r="X14279" s="2">
        <v>118.9</v>
      </c>
      <c r="Y14279" s="2">
        <v>7.6</v>
      </c>
      <c r="Z14279" s="2">
        <v>16.7</v>
      </c>
      <c r="AA14279" s="5"/>
      <c r="AB14279" s="5" t="s">
        <v>43</v>
      </c>
      <c r="AC14279" s="5" t="s">
        <v>44</v>
      </c>
      <c r="AD14279" s="2"/>
      <c r="AE14279" s="1"/>
    </row>
    <row r="14280" spans="1:31" ht="14.45">
      <c r="A14280" s="11"/>
      <c r="B14280" s="20"/>
      <c r="C14280" s="2" t="s">
        <v>43791</v>
      </c>
      <c r="D14280" s="14" t="s">
        <v>43792</v>
      </c>
      <c r="E14280" s="2" t="s">
        <v>43793</v>
      </c>
      <c r="F14280" s="2" t="s">
        <v>7204</v>
      </c>
      <c r="G14280" s="8">
        <v>175</v>
      </c>
      <c r="H14280" s="5">
        <v>6</v>
      </c>
      <c r="I14280" s="5" t="s">
        <v>1518</v>
      </c>
      <c r="J14280" s="5" t="s">
        <v>40939</v>
      </c>
      <c r="K14280" s="2" t="s">
        <v>40940</v>
      </c>
      <c r="L14280" s="5" t="s">
        <v>40939</v>
      </c>
      <c r="M14280" s="2" t="s">
        <v>40940</v>
      </c>
      <c r="N14280" s="5" t="s">
        <v>36266</v>
      </c>
      <c r="O14280" s="5" t="s">
        <v>38</v>
      </c>
      <c r="P14280" s="5" t="s">
        <v>39</v>
      </c>
      <c r="Q14280" s="5" t="s">
        <v>40</v>
      </c>
      <c r="R14280" s="5" t="s">
        <v>1522</v>
      </c>
      <c r="S14280" s="5" t="s">
        <v>1523</v>
      </c>
      <c r="T14280" s="5" t="s">
        <v>42</v>
      </c>
      <c r="U14280" s="2">
        <v>1.669</v>
      </c>
      <c r="V14280" s="2">
        <v>1.1339999999999999</v>
      </c>
      <c r="W14280" s="2">
        <v>1.7999999999999999E-2</v>
      </c>
      <c r="X14280" s="2">
        <v>139.1</v>
      </c>
      <c r="Y14280" s="2">
        <v>7.6</v>
      </c>
      <c r="Z14280" s="2">
        <v>16.7</v>
      </c>
      <c r="AA14280" s="5"/>
      <c r="AB14280" s="5" t="s">
        <v>43</v>
      </c>
      <c r="AC14280" s="5" t="s">
        <v>44</v>
      </c>
      <c r="AD14280" s="2"/>
      <c r="AE14280" s="1"/>
    </row>
    <row r="14281" spans="1:31" ht="14.45">
      <c r="A14281" s="11"/>
      <c r="B14281" s="20"/>
      <c r="C14281" s="2" t="s">
        <v>43794</v>
      </c>
      <c r="D14281" s="14" t="s">
        <v>43795</v>
      </c>
      <c r="E14281" s="2" t="s">
        <v>43796</v>
      </c>
      <c r="F14281" s="2" t="s">
        <v>7514</v>
      </c>
      <c r="G14281" s="8">
        <v>175</v>
      </c>
      <c r="H14281" s="5">
        <v>6</v>
      </c>
      <c r="I14281" s="5" t="s">
        <v>1518</v>
      </c>
      <c r="J14281" s="5" t="s">
        <v>40939</v>
      </c>
      <c r="K14281" s="2" t="s">
        <v>40940</v>
      </c>
      <c r="L14281" s="5" t="s">
        <v>40939</v>
      </c>
      <c r="M14281" s="2" t="s">
        <v>40940</v>
      </c>
      <c r="N14281" s="5" t="s">
        <v>36266</v>
      </c>
      <c r="O14281" s="5" t="s">
        <v>38</v>
      </c>
      <c r="P14281" s="5" t="s">
        <v>39</v>
      </c>
      <c r="Q14281" s="5" t="s">
        <v>40</v>
      </c>
      <c r="R14281" s="5" t="s">
        <v>1522</v>
      </c>
      <c r="S14281" s="5" t="s">
        <v>1523</v>
      </c>
      <c r="T14281" s="5" t="s">
        <v>42</v>
      </c>
      <c r="U14281" s="2">
        <v>1.6850000000000001</v>
      </c>
      <c r="V14281" s="2">
        <v>1.1499999999999999</v>
      </c>
      <c r="W14281" s="2">
        <v>1.7999999999999999E-2</v>
      </c>
      <c r="X14281" s="2">
        <v>139.1</v>
      </c>
      <c r="Y14281" s="2">
        <v>7.6</v>
      </c>
      <c r="Z14281" s="2">
        <v>16.7</v>
      </c>
      <c r="AA14281" s="5"/>
      <c r="AB14281" s="5" t="s">
        <v>43</v>
      </c>
      <c r="AC14281" s="5" t="s">
        <v>44</v>
      </c>
      <c r="AD14281" s="2"/>
      <c r="AE14281" s="1"/>
    </row>
    <row r="14282" spans="1:31" ht="14.45">
      <c r="A14282" s="11"/>
      <c r="B14282" s="20"/>
      <c r="C14282" s="2" t="s">
        <v>43797</v>
      </c>
      <c r="D14282" s="14" t="s">
        <v>43798</v>
      </c>
      <c r="E14282" s="2" t="s">
        <v>43799</v>
      </c>
      <c r="F14282" s="2" t="s">
        <v>40947</v>
      </c>
      <c r="G14282" s="8">
        <v>201</v>
      </c>
      <c r="H14282" s="5">
        <v>6</v>
      </c>
      <c r="I14282" s="5" t="s">
        <v>1518</v>
      </c>
      <c r="J14282" s="5" t="s">
        <v>40939</v>
      </c>
      <c r="K14282" s="2" t="s">
        <v>40940</v>
      </c>
      <c r="L14282" s="5" t="s">
        <v>40939</v>
      </c>
      <c r="M14282" s="2" t="s">
        <v>40940</v>
      </c>
      <c r="N14282" s="5" t="s">
        <v>36266</v>
      </c>
      <c r="O14282" s="5" t="s">
        <v>38</v>
      </c>
      <c r="P14282" s="5" t="s">
        <v>39</v>
      </c>
      <c r="Q14282" s="5" t="s">
        <v>40</v>
      </c>
      <c r="R14282" s="5" t="s">
        <v>1522</v>
      </c>
      <c r="S14282" s="5" t="s">
        <v>1523</v>
      </c>
      <c r="T14282" s="5" t="s">
        <v>42</v>
      </c>
      <c r="U14282" s="2">
        <v>1.6950000000000001</v>
      </c>
      <c r="V14282" s="2">
        <v>1.1599999999999999</v>
      </c>
      <c r="W14282" s="2">
        <v>1.7999999999999999E-2</v>
      </c>
      <c r="X14282" s="2">
        <v>139.1</v>
      </c>
      <c r="Y14282" s="2">
        <v>7.6</v>
      </c>
      <c r="Z14282" s="2">
        <v>16.7</v>
      </c>
      <c r="AA14282" s="5"/>
      <c r="AB14282" s="5" t="s">
        <v>43</v>
      </c>
      <c r="AC14282" s="5" t="s">
        <v>44</v>
      </c>
      <c r="AD14282" s="2"/>
      <c r="AE14282" s="1"/>
    </row>
    <row r="14283" spans="1:31" ht="14.45">
      <c r="A14283" s="11"/>
      <c r="B14283" s="20"/>
      <c r="C14283" s="2" t="s">
        <v>43800</v>
      </c>
      <c r="D14283" s="14" t="s">
        <v>43801</v>
      </c>
      <c r="E14283" s="2" t="s">
        <v>43802</v>
      </c>
      <c r="F14283" s="2" t="s">
        <v>40951</v>
      </c>
      <c r="G14283" s="8">
        <v>201</v>
      </c>
      <c r="H14283" s="5">
        <v>6</v>
      </c>
      <c r="I14283" s="5" t="s">
        <v>1518</v>
      </c>
      <c r="J14283" s="5" t="s">
        <v>40939</v>
      </c>
      <c r="K14283" s="2" t="s">
        <v>40940</v>
      </c>
      <c r="L14283" s="5" t="s">
        <v>40939</v>
      </c>
      <c r="M14283" s="2" t="s">
        <v>40940</v>
      </c>
      <c r="N14283" s="5" t="s">
        <v>36266</v>
      </c>
      <c r="O14283" s="5" t="s">
        <v>38</v>
      </c>
      <c r="P14283" s="5" t="s">
        <v>39</v>
      </c>
      <c r="Q14283" s="5" t="s">
        <v>40</v>
      </c>
      <c r="R14283" s="5" t="s">
        <v>1522</v>
      </c>
      <c r="S14283" s="5" t="s">
        <v>1523</v>
      </c>
      <c r="T14283" s="5" t="s">
        <v>42</v>
      </c>
      <c r="U14283" s="2">
        <v>1.7110000000000001</v>
      </c>
      <c r="V14283" s="2">
        <v>1.1759999999999999</v>
      </c>
      <c r="W14283" s="2">
        <v>1.7999999999999999E-2</v>
      </c>
      <c r="X14283" s="2">
        <v>139.1</v>
      </c>
      <c r="Y14283" s="2">
        <v>7.6</v>
      </c>
      <c r="Z14283" s="2">
        <v>16.7</v>
      </c>
      <c r="AA14283" s="5"/>
      <c r="AB14283" s="5" t="s">
        <v>43</v>
      </c>
      <c r="AC14283" s="5" t="s">
        <v>44</v>
      </c>
      <c r="AD14283" s="2"/>
      <c r="AE14283" s="1"/>
    </row>
    <row r="14284" spans="1:31" ht="14.45">
      <c r="A14284" s="11"/>
      <c r="B14284" s="20"/>
      <c r="C14284" s="2" t="s">
        <v>43803</v>
      </c>
      <c r="D14284" s="14" t="s">
        <v>43804</v>
      </c>
      <c r="E14284" s="2" t="s">
        <v>43805</v>
      </c>
      <c r="F14284" s="2" t="s">
        <v>7208</v>
      </c>
      <c r="G14284" s="8">
        <v>175</v>
      </c>
      <c r="H14284" s="5">
        <v>6</v>
      </c>
      <c r="I14284" s="5" t="s">
        <v>1518</v>
      </c>
      <c r="J14284" s="5" t="s">
        <v>40939</v>
      </c>
      <c r="K14284" s="2" t="s">
        <v>40940</v>
      </c>
      <c r="L14284" s="5" t="s">
        <v>40939</v>
      </c>
      <c r="M14284" s="2" t="s">
        <v>40940</v>
      </c>
      <c r="N14284" s="5" t="s">
        <v>36266</v>
      </c>
      <c r="O14284" s="5" t="s">
        <v>38</v>
      </c>
      <c r="P14284" s="5" t="s">
        <v>39</v>
      </c>
      <c r="Q14284" s="5" t="s">
        <v>40</v>
      </c>
      <c r="R14284" s="5" t="s">
        <v>1522</v>
      </c>
      <c r="S14284" s="5" t="s">
        <v>1523</v>
      </c>
      <c r="T14284" s="5" t="s">
        <v>42</v>
      </c>
      <c r="U14284" s="2">
        <v>1.708</v>
      </c>
      <c r="V14284" s="2">
        <v>1.173</v>
      </c>
      <c r="W14284" s="2">
        <v>1.7999999999999999E-2</v>
      </c>
      <c r="X14284" s="2">
        <v>139.1</v>
      </c>
      <c r="Y14284" s="2">
        <v>7.6</v>
      </c>
      <c r="Z14284" s="2">
        <v>16.7</v>
      </c>
      <c r="AA14284" s="5"/>
      <c r="AB14284" s="5" t="s">
        <v>43</v>
      </c>
      <c r="AC14284" s="5" t="s">
        <v>44</v>
      </c>
      <c r="AD14284" s="2"/>
      <c r="AE14284" s="1"/>
    </row>
    <row r="14285" spans="1:31" ht="14.45">
      <c r="A14285" s="11"/>
      <c r="B14285" s="20"/>
      <c r="C14285" s="2" t="s">
        <v>43806</v>
      </c>
      <c r="D14285" s="14" t="s">
        <v>43807</v>
      </c>
      <c r="E14285" s="2" t="s">
        <v>43808</v>
      </c>
      <c r="F14285" s="2" t="s">
        <v>7521</v>
      </c>
      <c r="G14285" s="8">
        <v>175</v>
      </c>
      <c r="H14285" s="5">
        <v>6</v>
      </c>
      <c r="I14285" s="5" t="s">
        <v>1518</v>
      </c>
      <c r="J14285" s="5" t="s">
        <v>40939</v>
      </c>
      <c r="K14285" s="2" t="s">
        <v>40940</v>
      </c>
      <c r="L14285" s="5" t="s">
        <v>40939</v>
      </c>
      <c r="M14285" s="2" t="s">
        <v>40940</v>
      </c>
      <c r="N14285" s="5" t="s">
        <v>36266</v>
      </c>
      <c r="O14285" s="5" t="s">
        <v>38</v>
      </c>
      <c r="P14285" s="5" t="s">
        <v>39</v>
      </c>
      <c r="Q14285" s="5" t="s">
        <v>40</v>
      </c>
      <c r="R14285" s="5" t="s">
        <v>1522</v>
      </c>
      <c r="S14285" s="5" t="s">
        <v>1523</v>
      </c>
      <c r="T14285" s="5" t="s">
        <v>42</v>
      </c>
      <c r="U14285" s="2">
        <v>1.724</v>
      </c>
      <c r="V14285" s="2">
        <v>1.1890000000000001</v>
      </c>
      <c r="W14285" s="2">
        <v>1.7999999999999999E-2</v>
      </c>
      <c r="X14285" s="2">
        <v>139.1</v>
      </c>
      <c r="Y14285" s="2">
        <v>7.6</v>
      </c>
      <c r="Z14285" s="2">
        <v>16.7</v>
      </c>
      <c r="AA14285" s="5"/>
      <c r="AB14285" s="5" t="s">
        <v>43</v>
      </c>
      <c r="AC14285" s="5" t="s">
        <v>44</v>
      </c>
      <c r="AD14285" s="2"/>
      <c r="AE14285" s="1"/>
    </row>
    <row r="14286" spans="1:31" ht="14.45">
      <c r="A14286" s="11"/>
      <c r="B14286" s="20"/>
      <c r="C14286" s="2" t="s">
        <v>43809</v>
      </c>
      <c r="D14286" s="14" t="s">
        <v>43810</v>
      </c>
      <c r="E14286" s="2" t="s">
        <v>43811</v>
      </c>
      <c r="F14286" s="2" t="s">
        <v>36273</v>
      </c>
      <c r="G14286" s="8">
        <v>175</v>
      </c>
      <c r="H14286" s="5">
        <v>6</v>
      </c>
      <c r="I14286" s="5" t="s">
        <v>1518</v>
      </c>
      <c r="J14286" s="5" t="s">
        <v>40939</v>
      </c>
      <c r="K14286" s="2" t="s">
        <v>40940</v>
      </c>
      <c r="L14286" s="5" t="s">
        <v>40939</v>
      </c>
      <c r="M14286" s="2" t="s">
        <v>40940</v>
      </c>
      <c r="N14286" s="5" t="s">
        <v>36266</v>
      </c>
      <c r="O14286" s="5" t="s">
        <v>38</v>
      </c>
      <c r="P14286" s="5" t="s">
        <v>39</v>
      </c>
      <c r="Q14286" s="5" t="s">
        <v>40</v>
      </c>
      <c r="R14286" s="5" t="s">
        <v>1522</v>
      </c>
      <c r="S14286" s="5" t="s">
        <v>1523</v>
      </c>
      <c r="T14286" s="5" t="s">
        <v>42</v>
      </c>
      <c r="U14286" s="2">
        <v>1.734</v>
      </c>
      <c r="V14286" s="2">
        <v>1.1990000000000001</v>
      </c>
      <c r="W14286" s="2">
        <v>1.7999999999999999E-2</v>
      </c>
      <c r="X14286" s="2">
        <v>139.1</v>
      </c>
      <c r="Y14286" s="2">
        <v>7.6</v>
      </c>
      <c r="Z14286" s="2">
        <v>16.7</v>
      </c>
      <c r="AA14286" s="5"/>
      <c r="AB14286" s="5" t="s">
        <v>43</v>
      </c>
      <c r="AC14286" s="5" t="s">
        <v>44</v>
      </c>
      <c r="AD14286" s="2"/>
      <c r="AE14286" s="1"/>
    </row>
    <row r="14287" spans="1:31" ht="14.45">
      <c r="A14287" s="11"/>
      <c r="B14287" s="20"/>
      <c r="C14287" s="2" t="s">
        <v>43812</v>
      </c>
      <c r="D14287" s="14" t="s">
        <v>43813</v>
      </c>
      <c r="E14287" s="2" t="s">
        <v>43814</v>
      </c>
      <c r="F14287" s="2" t="s">
        <v>36277</v>
      </c>
      <c r="G14287" s="8">
        <v>175</v>
      </c>
      <c r="H14287" s="5">
        <v>6</v>
      </c>
      <c r="I14287" s="5" t="s">
        <v>1518</v>
      </c>
      <c r="J14287" s="5" t="s">
        <v>40939</v>
      </c>
      <c r="K14287" s="2" t="s">
        <v>40940</v>
      </c>
      <c r="L14287" s="5" t="s">
        <v>40939</v>
      </c>
      <c r="M14287" s="2" t="s">
        <v>40940</v>
      </c>
      <c r="N14287" s="5" t="s">
        <v>36266</v>
      </c>
      <c r="O14287" s="5" t="s">
        <v>38</v>
      </c>
      <c r="P14287" s="5" t="s">
        <v>39</v>
      </c>
      <c r="Q14287" s="5" t="s">
        <v>40</v>
      </c>
      <c r="R14287" s="5" t="s">
        <v>1522</v>
      </c>
      <c r="S14287" s="5" t="s">
        <v>1523</v>
      </c>
      <c r="T14287" s="5" t="s">
        <v>42</v>
      </c>
      <c r="U14287" s="2">
        <v>1.75</v>
      </c>
      <c r="V14287" s="2">
        <v>1.2150000000000001</v>
      </c>
      <c r="W14287" s="2">
        <v>1.7999999999999999E-2</v>
      </c>
      <c r="X14287" s="2">
        <v>139.1</v>
      </c>
      <c r="Y14287" s="2">
        <v>7.6</v>
      </c>
      <c r="Z14287" s="2">
        <v>16.7</v>
      </c>
      <c r="AA14287" s="5"/>
      <c r="AB14287" s="5" t="s">
        <v>43</v>
      </c>
      <c r="AC14287" s="5" t="s">
        <v>44</v>
      </c>
      <c r="AD14287" s="2"/>
      <c r="AE14287" s="1"/>
    </row>
    <row r="14288" spans="1:31" ht="14.45">
      <c r="A14288" s="11"/>
      <c r="B14288" s="20"/>
      <c r="C14288" s="2" t="s">
        <v>43815</v>
      </c>
      <c r="D14288" s="14" t="s">
        <v>43816</v>
      </c>
      <c r="E14288" s="2" t="s">
        <v>43817</v>
      </c>
      <c r="F14288" s="2" t="s">
        <v>40967</v>
      </c>
      <c r="G14288" s="8">
        <v>201</v>
      </c>
      <c r="H14288" s="5">
        <v>6</v>
      </c>
      <c r="I14288" s="5" t="s">
        <v>1518</v>
      </c>
      <c r="J14288" s="5" t="s">
        <v>40939</v>
      </c>
      <c r="K14288" s="2" t="s">
        <v>40940</v>
      </c>
      <c r="L14288" s="5" t="s">
        <v>40939</v>
      </c>
      <c r="M14288" s="2" t="s">
        <v>40940</v>
      </c>
      <c r="N14288" s="5" t="s">
        <v>36266</v>
      </c>
      <c r="O14288" s="5" t="s">
        <v>38</v>
      </c>
      <c r="P14288" s="5" t="s">
        <v>39</v>
      </c>
      <c r="Q14288" s="5" t="s">
        <v>40</v>
      </c>
      <c r="R14288" s="5" t="s">
        <v>1522</v>
      </c>
      <c r="S14288" s="5" t="s">
        <v>1523</v>
      </c>
      <c r="T14288" s="5" t="s">
        <v>42</v>
      </c>
      <c r="U14288" s="2">
        <v>1.708</v>
      </c>
      <c r="V14288" s="2">
        <v>1.173</v>
      </c>
      <c r="W14288" s="2">
        <v>1.7999999999999999E-2</v>
      </c>
      <c r="X14288" s="2">
        <v>139.1</v>
      </c>
      <c r="Y14288" s="2">
        <v>7.6</v>
      </c>
      <c r="Z14288" s="2">
        <v>16.7</v>
      </c>
      <c r="AA14288" s="5"/>
      <c r="AB14288" s="5" t="s">
        <v>43</v>
      </c>
      <c r="AC14288" s="5" t="s">
        <v>44</v>
      </c>
      <c r="AD14288" s="2"/>
      <c r="AE14288" s="1"/>
    </row>
    <row r="14289" spans="1:31" ht="14.45">
      <c r="A14289" s="11"/>
      <c r="B14289" s="20"/>
      <c r="C14289" s="2" t="s">
        <v>43818</v>
      </c>
      <c r="D14289" s="14" t="s">
        <v>43819</v>
      </c>
      <c r="E14289" s="2" t="s">
        <v>43820</v>
      </c>
      <c r="F14289" s="2" t="s">
        <v>40971</v>
      </c>
      <c r="G14289" s="8">
        <v>201</v>
      </c>
      <c r="H14289" s="5">
        <v>6</v>
      </c>
      <c r="I14289" s="5" t="s">
        <v>1518</v>
      </c>
      <c r="J14289" s="5" t="s">
        <v>40939</v>
      </c>
      <c r="K14289" s="2" t="s">
        <v>40940</v>
      </c>
      <c r="L14289" s="5" t="s">
        <v>40939</v>
      </c>
      <c r="M14289" s="2" t="s">
        <v>40940</v>
      </c>
      <c r="N14289" s="5" t="s">
        <v>36266</v>
      </c>
      <c r="O14289" s="5" t="s">
        <v>38</v>
      </c>
      <c r="P14289" s="5" t="s">
        <v>39</v>
      </c>
      <c r="Q14289" s="5" t="s">
        <v>40</v>
      </c>
      <c r="R14289" s="5" t="s">
        <v>1522</v>
      </c>
      <c r="S14289" s="5" t="s">
        <v>1523</v>
      </c>
      <c r="T14289" s="5" t="s">
        <v>42</v>
      </c>
      <c r="U14289" s="2">
        <v>1.724</v>
      </c>
      <c r="V14289" s="2">
        <v>1.1890000000000001</v>
      </c>
      <c r="W14289" s="2">
        <v>1.7999999999999999E-2</v>
      </c>
      <c r="X14289" s="2">
        <v>139.1</v>
      </c>
      <c r="Y14289" s="2">
        <v>7.6</v>
      </c>
      <c r="Z14289" s="2">
        <v>16.7</v>
      </c>
      <c r="AA14289" s="5"/>
      <c r="AB14289" s="5" t="s">
        <v>43</v>
      </c>
      <c r="AC14289" s="5" t="s">
        <v>44</v>
      </c>
      <c r="AD14289" s="2"/>
      <c r="AE14289" s="1"/>
    </row>
    <row r="14290" spans="1:31" ht="14.45">
      <c r="A14290" s="11"/>
      <c r="B14290" s="20"/>
      <c r="C14290" s="2" t="s">
        <v>43821</v>
      </c>
      <c r="D14290" s="14" t="s">
        <v>43822</v>
      </c>
      <c r="E14290" s="2" t="s">
        <v>43823</v>
      </c>
      <c r="F14290" s="2" t="s">
        <v>40975</v>
      </c>
      <c r="G14290" s="8">
        <v>201</v>
      </c>
      <c r="H14290" s="5">
        <v>6</v>
      </c>
      <c r="I14290" s="5" t="s">
        <v>1518</v>
      </c>
      <c r="J14290" s="5" t="s">
        <v>40939</v>
      </c>
      <c r="K14290" s="2" t="s">
        <v>40940</v>
      </c>
      <c r="L14290" s="5" t="s">
        <v>40939</v>
      </c>
      <c r="M14290" s="2" t="s">
        <v>40940</v>
      </c>
      <c r="N14290" s="5" t="s">
        <v>36266</v>
      </c>
      <c r="O14290" s="5" t="s">
        <v>38</v>
      </c>
      <c r="P14290" s="5" t="s">
        <v>39</v>
      </c>
      <c r="Q14290" s="5" t="s">
        <v>40</v>
      </c>
      <c r="R14290" s="5" t="s">
        <v>1522</v>
      </c>
      <c r="S14290" s="5" t="s">
        <v>1523</v>
      </c>
      <c r="T14290" s="5" t="s">
        <v>42</v>
      </c>
      <c r="U14290" s="2">
        <v>1.708</v>
      </c>
      <c r="V14290" s="2">
        <v>1.173</v>
      </c>
      <c r="W14290" s="2">
        <v>1.7999999999999999E-2</v>
      </c>
      <c r="X14290" s="2">
        <v>139.1</v>
      </c>
      <c r="Y14290" s="2">
        <v>7.6</v>
      </c>
      <c r="Z14290" s="2">
        <v>16.7</v>
      </c>
      <c r="AA14290" s="5"/>
      <c r="AB14290" s="5" t="s">
        <v>43</v>
      </c>
      <c r="AC14290" s="5" t="s">
        <v>44</v>
      </c>
      <c r="AD14290" s="2"/>
      <c r="AE14290" s="1"/>
    </row>
    <row r="14291" spans="1:31" ht="14.45">
      <c r="A14291" s="11"/>
      <c r="B14291" s="20"/>
      <c r="C14291" s="2" t="s">
        <v>43824</v>
      </c>
      <c r="D14291" s="14" t="s">
        <v>43825</v>
      </c>
      <c r="E14291" s="2" t="s">
        <v>43826</v>
      </c>
      <c r="F14291" s="2" t="s">
        <v>40979</v>
      </c>
      <c r="G14291" s="8">
        <v>201</v>
      </c>
      <c r="H14291" s="5">
        <v>6</v>
      </c>
      <c r="I14291" s="5" t="s">
        <v>1518</v>
      </c>
      <c r="J14291" s="5" t="s">
        <v>40939</v>
      </c>
      <c r="K14291" s="2" t="s">
        <v>40940</v>
      </c>
      <c r="L14291" s="5" t="s">
        <v>40939</v>
      </c>
      <c r="M14291" s="2" t="s">
        <v>40940</v>
      </c>
      <c r="N14291" s="5" t="s">
        <v>36266</v>
      </c>
      <c r="O14291" s="5" t="s">
        <v>38</v>
      </c>
      <c r="P14291" s="5" t="s">
        <v>39</v>
      </c>
      <c r="Q14291" s="5" t="s">
        <v>40</v>
      </c>
      <c r="R14291" s="5" t="s">
        <v>1522</v>
      </c>
      <c r="S14291" s="5" t="s">
        <v>1523</v>
      </c>
      <c r="T14291" s="5" t="s">
        <v>42</v>
      </c>
      <c r="U14291" s="2">
        <v>1.724</v>
      </c>
      <c r="V14291" s="2">
        <v>1.1890000000000001</v>
      </c>
      <c r="W14291" s="2">
        <v>1.7999999999999999E-2</v>
      </c>
      <c r="X14291" s="2">
        <v>139.1</v>
      </c>
      <c r="Y14291" s="2">
        <v>7.6</v>
      </c>
      <c r="Z14291" s="2">
        <v>16.7</v>
      </c>
      <c r="AA14291" s="5"/>
      <c r="AB14291" s="5" t="s">
        <v>43</v>
      </c>
      <c r="AC14291" s="5" t="s">
        <v>44</v>
      </c>
      <c r="AD14291" s="2"/>
      <c r="AE14291" s="1"/>
    </row>
    <row r="14292" spans="1:31" ht="14.45">
      <c r="A14292" s="11"/>
      <c r="B14292" s="20"/>
      <c r="C14292" s="2" t="s">
        <v>43827</v>
      </c>
      <c r="D14292" s="14" t="s">
        <v>43828</v>
      </c>
      <c r="E14292" s="2" t="s">
        <v>43829</v>
      </c>
      <c r="F14292" s="2" t="s">
        <v>7539</v>
      </c>
      <c r="G14292" s="8">
        <v>201</v>
      </c>
      <c r="H14292" s="5">
        <v>6</v>
      </c>
      <c r="I14292" s="5" t="s">
        <v>1518</v>
      </c>
      <c r="J14292" s="5" t="s">
        <v>40939</v>
      </c>
      <c r="K14292" s="2" t="s">
        <v>40940</v>
      </c>
      <c r="L14292" s="5" t="s">
        <v>40939</v>
      </c>
      <c r="M14292" s="2" t="s">
        <v>40940</v>
      </c>
      <c r="N14292" s="5" t="s">
        <v>36266</v>
      </c>
      <c r="O14292" s="5" t="s">
        <v>38</v>
      </c>
      <c r="P14292" s="5" t="s">
        <v>39</v>
      </c>
      <c r="Q14292" s="5" t="s">
        <v>40</v>
      </c>
      <c r="R14292" s="5" t="s">
        <v>1522</v>
      </c>
      <c r="S14292" s="5" t="s">
        <v>1523</v>
      </c>
      <c r="T14292" s="5" t="s">
        <v>42</v>
      </c>
      <c r="U14292" s="2">
        <v>1.643</v>
      </c>
      <c r="V14292" s="2">
        <v>1.1080000000000001</v>
      </c>
      <c r="W14292" s="2">
        <v>1.7999999999999999E-2</v>
      </c>
      <c r="X14292" s="2">
        <v>139.1</v>
      </c>
      <c r="Y14292" s="2">
        <v>7.6</v>
      </c>
      <c r="Z14292" s="2">
        <v>16.7</v>
      </c>
      <c r="AA14292" s="5"/>
      <c r="AB14292" s="5" t="s">
        <v>43</v>
      </c>
      <c r="AC14292" s="5" t="s">
        <v>44</v>
      </c>
      <c r="AD14292" s="2"/>
      <c r="AE14292" s="1"/>
    </row>
    <row r="14293" spans="1:31" ht="14.45">
      <c r="A14293" s="11"/>
      <c r="B14293" s="20"/>
      <c r="C14293" s="2" t="s">
        <v>43830</v>
      </c>
      <c r="D14293" s="14" t="s">
        <v>43831</v>
      </c>
      <c r="E14293" s="2" t="s">
        <v>43832</v>
      </c>
      <c r="F14293" s="2" t="s">
        <v>7543</v>
      </c>
      <c r="G14293" s="8">
        <v>201</v>
      </c>
      <c r="H14293" s="5">
        <v>6</v>
      </c>
      <c r="I14293" s="5" t="s">
        <v>1518</v>
      </c>
      <c r="J14293" s="5" t="s">
        <v>40939</v>
      </c>
      <c r="K14293" s="2" t="s">
        <v>40940</v>
      </c>
      <c r="L14293" s="5" t="s">
        <v>40939</v>
      </c>
      <c r="M14293" s="2" t="s">
        <v>40940</v>
      </c>
      <c r="N14293" s="5" t="s">
        <v>36266</v>
      </c>
      <c r="O14293" s="5" t="s">
        <v>38</v>
      </c>
      <c r="P14293" s="5" t="s">
        <v>39</v>
      </c>
      <c r="Q14293" s="5" t="s">
        <v>40</v>
      </c>
      <c r="R14293" s="5" t="s">
        <v>1522</v>
      </c>
      <c r="S14293" s="5" t="s">
        <v>1523</v>
      </c>
      <c r="T14293" s="5" t="s">
        <v>42</v>
      </c>
      <c r="U14293" s="2">
        <v>1.659</v>
      </c>
      <c r="V14293" s="2">
        <v>1.1240000000000001</v>
      </c>
      <c r="W14293" s="2">
        <v>1.7999999999999999E-2</v>
      </c>
      <c r="X14293" s="2">
        <v>139.1</v>
      </c>
      <c r="Y14293" s="2">
        <v>7.6</v>
      </c>
      <c r="Z14293" s="2">
        <v>16.7</v>
      </c>
      <c r="AA14293" s="5"/>
      <c r="AB14293" s="5" t="s">
        <v>43</v>
      </c>
      <c r="AC14293" s="5" t="s">
        <v>44</v>
      </c>
      <c r="AD14293" s="2"/>
      <c r="AE14293" s="1"/>
    </row>
    <row r="14294" spans="1:31" ht="14.45">
      <c r="A14294" s="11"/>
      <c r="B14294" s="20"/>
      <c r="C14294" s="2" t="s">
        <v>43833</v>
      </c>
      <c r="D14294" s="14" t="s">
        <v>43834</v>
      </c>
      <c r="E14294" s="2" t="s">
        <v>43835</v>
      </c>
      <c r="F14294" s="2" t="s">
        <v>40989</v>
      </c>
      <c r="G14294" s="8">
        <v>201</v>
      </c>
      <c r="H14294" s="5">
        <v>6</v>
      </c>
      <c r="I14294" s="5" t="s">
        <v>1518</v>
      </c>
      <c r="J14294" s="5" t="s">
        <v>40939</v>
      </c>
      <c r="K14294" s="2" t="s">
        <v>40940</v>
      </c>
      <c r="L14294" s="5" t="s">
        <v>40939</v>
      </c>
      <c r="M14294" s="2" t="s">
        <v>40940</v>
      </c>
      <c r="N14294" s="5" t="s">
        <v>36266</v>
      </c>
      <c r="O14294" s="5" t="s">
        <v>38</v>
      </c>
      <c r="P14294" s="5" t="s">
        <v>39</v>
      </c>
      <c r="Q14294" s="5" t="s">
        <v>40</v>
      </c>
      <c r="R14294" s="5" t="s">
        <v>1522</v>
      </c>
      <c r="S14294" s="5" t="s">
        <v>1523</v>
      </c>
      <c r="T14294" s="5" t="s">
        <v>42</v>
      </c>
      <c r="U14294" s="2">
        <v>1.708</v>
      </c>
      <c r="V14294" s="2">
        <v>1.173</v>
      </c>
      <c r="W14294" s="2">
        <v>1.7999999999999999E-2</v>
      </c>
      <c r="X14294" s="2">
        <v>139.1</v>
      </c>
      <c r="Y14294" s="2">
        <v>7.6</v>
      </c>
      <c r="Z14294" s="2">
        <v>16.7</v>
      </c>
      <c r="AA14294" s="5"/>
      <c r="AB14294" s="5" t="s">
        <v>43</v>
      </c>
      <c r="AC14294" s="5" t="s">
        <v>44</v>
      </c>
      <c r="AD14294" s="2"/>
      <c r="AE14294" s="1"/>
    </row>
    <row r="14295" spans="1:31" ht="14.45">
      <c r="A14295" s="11"/>
      <c r="B14295" s="20"/>
      <c r="C14295" s="2" t="s">
        <v>43836</v>
      </c>
      <c r="D14295" s="14" t="s">
        <v>43837</v>
      </c>
      <c r="E14295" s="2" t="s">
        <v>43838</v>
      </c>
      <c r="F14295" s="2" t="s">
        <v>40993</v>
      </c>
      <c r="G14295" s="8">
        <v>201</v>
      </c>
      <c r="H14295" s="5">
        <v>6</v>
      </c>
      <c r="I14295" s="5" t="s">
        <v>1518</v>
      </c>
      <c r="J14295" s="5" t="s">
        <v>40939</v>
      </c>
      <c r="K14295" s="2" t="s">
        <v>40940</v>
      </c>
      <c r="L14295" s="5" t="s">
        <v>40939</v>
      </c>
      <c r="M14295" s="2" t="s">
        <v>40940</v>
      </c>
      <c r="N14295" s="5" t="s">
        <v>36266</v>
      </c>
      <c r="O14295" s="5" t="s">
        <v>38</v>
      </c>
      <c r="P14295" s="5" t="s">
        <v>39</v>
      </c>
      <c r="Q14295" s="5" t="s">
        <v>40</v>
      </c>
      <c r="R14295" s="5" t="s">
        <v>1522</v>
      </c>
      <c r="S14295" s="5" t="s">
        <v>1523</v>
      </c>
      <c r="T14295" s="5" t="s">
        <v>42</v>
      </c>
      <c r="U14295" s="2">
        <v>1.724</v>
      </c>
      <c r="V14295" s="2">
        <v>1.1890000000000001</v>
      </c>
      <c r="W14295" s="2">
        <v>1.7999999999999999E-2</v>
      </c>
      <c r="X14295" s="2">
        <v>139.1</v>
      </c>
      <c r="Y14295" s="2">
        <v>7.6</v>
      </c>
      <c r="Z14295" s="2">
        <v>16.7</v>
      </c>
      <c r="AA14295" s="5"/>
      <c r="AB14295" s="5" t="s">
        <v>43</v>
      </c>
      <c r="AC14295" s="5" t="s">
        <v>44</v>
      </c>
      <c r="AD14295" s="2"/>
      <c r="AE14295" s="1"/>
    </row>
    <row r="14296" spans="1:31" ht="14.45">
      <c r="A14296" s="11"/>
      <c r="B14296" s="20"/>
      <c r="C14296" s="2" t="s">
        <v>43839</v>
      </c>
      <c r="D14296" s="14" t="s">
        <v>43840</v>
      </c>
      <c r="E14296" s="2" t="s">
        <v>43841</v>
      </c>
      <c r="F14296" s="2" t="s">
        <v>40997</v>
      </c>
      <c r="G14296" s="8">
        <v>201</v>
      </c>
      <c r="H14296" s="5">
        <v>6</v>
      </c>
      <c r="I14296" s="5" t="s">
        <v>1518</v>
      </c>
      <c r="J14296" s="5" t="s">
        <v>40939</v>
      </c>
      <c r="K14296" s="2" t="s">
        <v>40940</v>
      </c>
      <c r="L14296" s="5" t="s">
        <v>40939</v>
      </c>
      <c r="M14296" s="2" t="s">
        <v>40940</v>
      </c>
      <c r="N14296" s="5" t="s">
        <v>36266</v>
      </c>
      <c r="O14296" s="5" t="s">
        <v>38</v>
      </c>
      <c r="P14296" s="5" t="s">
        <v>39</v>
      </c>
      <c r="Q14296" s="5" t="s">
        <v>40</v>
      </c>
      <c r="R14296" s="5" t="s">
        <v>1522</v>
      </c>
      <c r="S14296" s="5" t="s">
        <v>1523</v>
      </c>
      <c r="T14296" s="5" t="s">
        <v>42</v>
      </c>
      <c r="U14296" s="2">
        <v>1.6559999999999999</v>
      </c>
      <c r="V14296" s="2">
        <v>1.121</v>
      </c>
      <c r="W14296" s="2">
        <v>1.7999999999999999E-2</v>
      </c>
      <c r="X14296" s="2">
        <v>139.1</v>
      </c>
      <c r="Y14296" s="2">
        <v>7.6</v>
      </c>
      <c r="Z14296" s="2">
        <v>16.7</v>
      </c>
      <c r="AA14296" s="5"/>
      <c r="AB14296" s="5" t="s">
        <v>43</v>
      </c>
      <c r="AC14296" s="5" t="s">
        <v>44</v>
      </c>
      <c r="AD14296" s="2"/>
      <c r="AE14296" s="1"/>
    </row>
    <row r="14297" spans="1:31" ht="14.45">
      <c r="A14297" s="11"/>
      <c r="B14297" s="20"/>
      <c r="C14297" s="2" t="s">
        <v>43842</v>
      </c>
      <c r="D14297" s="14" t="s">
        <v>43843</v>
      </c>
      <c r="E14297" s="2" t="s">
        <v>43844</v>
      </c>
      <c r="F14297" s="2" t="s">
        <v>41267</v>
      </c>
      <c r="G14297" s="8">
        <v>201</v>
      </c>
      <c r="H14297" s="5">
        <v>6</v>
      </c>
      <c r="I14297" s="5" t="s">
        <v>1518</v>
      </c>
      <c r="J14297" s="5" t="s">
        <v>40939</v>
      </c>
      <c r="K14297" s="2" t="s">
        <v>40940</v>
      </c>
      <c r="L14297" s="5" t="s">
        <v>40939</v>
      </c>
      <c r="M14297" s="2" t="s">
        <v>40940</v>
      </c>
      <c r="N14297" s="5" t="s">
        <v>36266</v>
      </c>
      <c r="O14297" s="5" t="s">
        <v>38</v>
      </c>
      <c r="P14297" s="5" t="s">
        <v>39</v>
      </c>
      <c r="Q14297" s="5" t="s">
        <v>40</v>
      </c>
      <c r="R14297" s="5" t="s">
        <v>1522</v>
      </c>
      <c r="S14297" s="5" t="s">
        <v>1523</v>
      </c>
      <c r="T14297" s="5" t="s">
        <v>42</v>
      </c>
      <c r="U14297" s="2">
        <v>1.6719999999999999</v>
      </c>
      <c r="V14297" s="2">
        <v>1.137</v>
      </c>
      <c r="W14297" s="2">
        <v>1.7999999999999999E-2</v>
      </c>
      <c r="X14297" s="2">
        <v>139.1</v>
      </c>
      <c r="Y14297" s="2">
        <v>7.6</v>
      </c>
      <c r="Z14297" s="2">
        <v>16.7</v>
      </c>
      <c r="AA14297" s="5"/>
      <c r="AB14297" s="5" t="s">
        <v>43</v>
      </c>
      <c r="AC14297" s="5" t="s">
        <v>44</v>
      </c>
      <c r="AD14297" s="2"/>
      <c r="AE14297" s="1"/>
    </row>
    <row r="14298" spans="1:31" ht="14.45">
      <c r="A14298" s="11"/>
      <c r="B14298" s="20"/>
      <c r="C14298" s="2" t="s">
        <v>43845</v>
      </c>
      <c r="D14298" s="14" t="s">
        <v>43846</v>
      </c>
      <c r="E14298" s="2" t="s">
        <v>43847</v>
      </c>
      <c r="F14298" s="2" t="s">
        <v>41001</v>
      </c>
      <c r="G14298" s="8">
        <v>201</v>
      </c>
      <c r="H14298" s="5">
        <v>6</v>
      </c>
      <c r="I14298" s="5" t="s">
        <v>1518</v>
      </c>
      <c r="J14298" s="5" t="s">
        <v>40939</v>
      </c>
      <c r="K14298" s="2" t="s">
        <v>40940</v>
      </c>
      <c r="L14298" s="5" t="s">
        <v>40939</v>
      </c>
      <c r="M14298" s="2" t="s">
        <v>40940</v>
      </c>
      <c r="N14298" s="5" t="s">
        <v>36266</v>
      </c>
      <c r="O14298" s="5" t="s">
        <v>38</v>
      </c>
      <c r="P14298" s="5" t="s">
        <v>39</v>
      </c>
      <c r="Q14298" s="5" t="s">
        <v>40</v>
      </c>
      <c r="R14298" s="5" t="s">
        <v>1522</v>
      </c>
      <c r="S14298" s="5" t="s">
        <v>1523</v>
      </c>
      <c r="T14298" s="5" t="s">
        <v>42</v>
      </c>
      <c r="U14298" s="2">
        <v>1.708</v>
      </c>
      <c r="V14298" s="2">
        <v>1.173</v>
      </c>
      <c r="W14298" s="2">
        <v>1.7999999999999999E-2</v>
      </c>
      <c r="X14298" s="2">
        <v>139.1</v>
      </c>
      <c r="Y14298" s="2">
        <v>7.6</v>
      </c>
      <c r="Z14298" s="2">
        <v>16.7</v>
      </c>
      <c r="AA14298" s="5"/>
      <c r="AB14298" s="5" t="s">
        <v>43</v>
      </c>
      <c r="AC14298" s="5" t="s">
        <v>44</v>
      </c>
      <c r="AD14298" s="2"/>
      <c r="AE14298" s="1"/>
    </row>
    <row r="14299" spans="1:31" ht="14.45">
      <c r="A14299" s="11"/>
      <c r="B14299" s="20"/>
      <c r="C14299" s="2" t="s">
        <v>43848</v>
      </c>
      <c r="D14299" s="14" t="s">
        <v>43849</v>
      </c>
      <c r="E14299" s="2" t="s">
        <v>43850</v>
      </c>
      <c r="F14299" s="2" t="s">
        <v>41005</v>
      </c>
      <c r="G14299" s="8">
        <v>201</v>
      </c>
      <c r="H14299" s="5">
        <v>6</v>
      </c>
      <c r="I14299" s="5" t="s">
        <v>1518</v>
      </c>
      <c r="J14299" s="5" t="s">
        <v>40939</v>
      </c>
      <c r="K14299" s="2" t="s">
        <v>40940</v>
      </c>
      <c r="L14299" s="5" t="s">
        <v>40939</v>
      </c>
      <c r="M14299" s="2" t="s">
        <v>40940</v>
      </c>
      <c r="N14299" s="5" t="s">
        <v>36266</v>
      </c>
      <c r="O14299" s="5" t="s">
        <v>38</v>
      </c>
      <c r="P14299" s="5" t="s">
        <v>39</v>
      </c>
      <c r="Q14299" s="5" t="s">
        <v>40</v>
      </c>
      <c r="R14299" s="5" t="s">
        <v>1522</v>
      </c>
      <c r="S14299" s="5" t="s">
        <v>1523</v>
      </c>
      <c r="T14299" s="5" t="s">
        <v>42</v>
      </c>
      <c r="U14299" s="2">
        <v>1.724</v>
      </c>
      <c r="V14299" s="2">
        <v>1.1890000000000001</v>
      </c>
      <c r="W14299" s="2">
        <v>1.7999999999999999E-2</v>
      </c>
      <c r="X14299" s="2">
        <v>139.1</v>
      </c>
      <c r="Y14299" s="2">
        <v>7.6</v>
      </c>
      <c r="Z14299" s="2">
        <v>16.7</v>
      </c>
      <c r="AA14299" s="5"/>
      <c r="AB14299" s="5" t="s">
        <v>43</v>
      </c>
      <c r="AC14299" s="5" t="s">
        <v>44</v>
      </c>
      <c r="AD14299" s="2"/>
      <c r="AE14299" s="1"/>
    </row>
    <row r="14300" spans="1:31" ht="14.45">
      <c r="A14300" s="11"/>
      <c r="B14300" s="20"/>
      <c r="C14300" s="2" t="s">
        <v>43851</v>
      </c>
      <c r="D14300" s="14" t="s">
        <v>43852</v>
      </c>
      <c r="E14300" s="2" t="s">
        <v>43853</v>
      </c>
      <c r="F14300" s="2" t="s">
        <v>41009</v>
      </c>
      <c r="G14300" s="8">
        <v>201</v>
      </c>
      <c r="H14300" s="5">
        <v>6</v>
      </c>
      <c r="I14300" s="5" t="s">
        <v>1518</v>
      </c>
      <c r="J14300" s="5" t="s">
        <v>40939</v>
      </c>
      <c r="K14300" s="2" t="s">
        <v>40940</v>
      </c>
      <c r="L14300" s="5" t="s">
        <v>40939</v>
      </c>
      <c r="M14300" s="2" t="s">
        <v>40940</v>
      </c>
      <c r="N14300" s="5" t="s">
        <v>36266</v>
      </c>
      <c r="O14300" s="5" t="s">
        <v>38</v>
      </c>
      <c r="P14300" s="5" t="s">
        <v>39</v>
      </c>
      <c r="Q14300" s="5" t="s">
        <v>40</v>
      </c>
      <c r="R14300" s="5" t="s">
        <v>1522</v>
      </c>
      <c r="S14300" s="5" t="s">
        <v>1523</v>
      </c>
      <c r="T14300" s="5" t="s">
        <v>42</v>
      </c>
      <c r="U14300" s="2">
        <v>1.7210000000000001</v>
      </c>
      <c r="V14300" s="2">
        <v>1.1859999999999999</v>
      </c>
      <c r="W14300" s="2">
        <v>1.7999999999999999E-2</v>
      </c>
      <c r="X14300" s="2">
        <v>139.1</v>
      </c>
      <c r="Y14300" s="2">
        <v>7.6</v>
      </c>
      <c r="Z14300" s="2">
        <v>16.7</v>
      </c>
      <c r="AA14300" s="5"/>
      <c r="AB14300" s="5" t="s">
        <v>43</v>
      </c>
      <c r="AC14300" s="5" t="s">
        <v>44</v>
      </c>
      <c r="AD14300" s="2"/>
      <c r="AE14300" s="1"/>
    </row>
    <row r="14301" spans="1:31" ht="14.45">
      <c r="A14301" s="11"/>
      <c r="B14301" s="20"/>
      <c r="C14301" s="2" t="s">
        <v>43854</v>
      </c>
      <c r="D14301" s="14" t="s">
        <v>43855</v>
      </c>
      <c r="E14301" s="2" t="s">
        <v>43856</v>
      </c>
      <c r="F14301" s="2" t="s">
        <v>41013</v>
      </c>
      <c r="G14301" s="8">
        <v>201</v>
      </c>
      <c r="H14301" s="5">
        <v>6</v>
      </c>
      <c r="I14301" s="5" t="s">
        <v>1518</v>
      </c>
      <c r="J14301" s="5" t="s">
        <v>40939</v>
      </c>
      <c r="K14301" s="2" t="s">
        <v>40940</v>
      </c>
      <c r="L14301" s="5" t="s">
        <v>40939</v>
      </c>
      <c r="M14301" s="2" t="s">
        <v>40940</v>
      </c>
      <c r="N14301" s="5" t="s">
        <v>36266</v>
      </c>
      <c r="O14301" s="5" t="s">
        <v>38</v>
      </c>
      <c r="P14301" s="5" t="s">
        <v>39</v>
      </c>
      <c r="Q14301" s="5" t="s">
        <v>40</v>
      </c>
      <c r="R14301" s="5" t="s">
        <v>1522</v>
      </c>
      <c r="S14301" s="5" t="s">
        <v>1523</v>
      </c>
      <c r="T14301" s="5" t="s">
        <v>42</v>
      </c>
      <c r="U14301" s="2">
        <v>1.7370000000000001</v>
      </c>
      <c r="V14301" s="2">
        <v>1.202</v>
      </c>
      <c r="W14301" s="2">
        <v>1.7999999999999999E-2</v>
      </c>
      <c r="X14301" s="2">
        <v>139.1</v>
      </c>
      <c r="Y14301" s="2">
        <v>7.6</v>
      </c>
      <c r="Z14301" s="2">
        <v>16.7</v>
      </c>
      <c r="AA14301" s="5"/>
      <c r="AB14301" s="5" t="s">
        <v>43</v>
      </c>
      <c r="AC14301" s="5" t="s">
        <v>44</v>
      </c>
      <c r="AD14301" s="2"/>
      <c r="AE14301" s="1"/>
    </row>
    <row r="14302" spans="1:31" ht="14.45">
      <c r="A14302" s="11"/>
      <c r="B14302" s="20"/>
      <c r="C14302" s="2" t="s">
        <v>43857</v>
      </c>
      <c r="D14302" s="14" t="s">
        <v>43858</v>
      </c>
      <c r="E14302" s="2" t="s">
        <v>43859</v>
      </c>
      <c r="F14302" s="2" t="s">
        <v>7396</v>
      </c>
      <c r="G14302" s="8">
        <v>175</v>
      </c>
      <c r="H14302" s="5">
        <v>6</v>
      </c>
      <c r="I14302" s="5" t="s">
        <v>1518</v>
      </c>
      <c r="J14302" s="5" t="s">
        <v>40939</v>
      </c>
      <c r="K14302" s="2" t="s">
        <v>40940</v>
      </c>
      <c r="L14302" s="5" t="s">
        <v>40939</v>
      </c>
      <c r="M14302" s="2" t="s">
        <v>40940</v>
      </c>
      <c r="N14302" s="5" t="s">
        <v>36266</v>
      </c>
      <c r="O14302" s="5" t="s">
        <v>38</v>
      </c>
      <c r="P14302" s="5" t="s">
        <v>39</v>
      </c>
      <c r="Q14302" s="5" t="s">
        <v>40</v>
      </c>
      <c r="R14302" s="5" t="s">
        <v>1522</v>
      </c>
      <c r="S14302" s="5" t="s">
        <v>1523</v>
      </c>
      <c r="T14302" s="5" t="s">
        <v>42</v>
      </c>
      <c r="U14302" s="2">
        <v>1.7210000000000001</v>
      </c>
      <c r="V14302" s="2">
        <v>1.1859999999999999</v>
      </c>
      <c r="W14302" s="2">
        <v>1.7999999999999999E-2</v>
      </c>
      <c r="X14302" s="2">
        <v>139.1</v>
      </c>
      <c r="Y14302" s="2">
        <v>7.6</v>
      </c>
      <c r="Z14302" s="2">
        <v>16.7</v>
      </c>
      <c r="AA14302" s="5"/>
      <c r="AB14302" s="5" t="s">
        <v>43</v>
      </c>
      <c r="AC14302" s="5" t="s">
        <v>44</v>
      </c>
      <c r="AD14302" s="2"/>
      <c r="AE14302" s="1"/>
    </row>
    <row r="14303" spans="1:31" ht="14.45">
      <c r="A14303" s="11"/>
      <c r="B14303" s="20"/>
      <c r="C14303" s="2" t="s">
        <v>43860</v>
      </c>
      <c r="D14303" s="14" t="s">
        <v>43861</v>
      </c>
      <c r="E14303" s="2" t="s">
        <v>43862</v>
      </c>
      <c r="F14303" s="2" t="s">
        <v>7507</v>
      </c>
      <c r="G14303" s="8">
        <v>175</v>
      </c>
      <c r="H14303" s="5">
        <v>6</v>
      </c>
      <c r="I14303" s="5" t="s">
        <v>1518</v>
      </c>
      <c r="J14303" s="5" t="s">
        <v>40939</v>
      </c>
      <c r="K14303" s="2" t="s">
        <v>40940</v>
      </c>
      <c r="L14303" s="5" t="s">
        <v>40939</v>
      </c>
      <c r="M14303" s="2" t="s">
        <v>40940</v>
      </c>
      <c r="N14303" s="5" t="s">
        <v>36266</v>
      </c>
      <c r="O14303" s="5" t="s">
        <v>38</v>
      </c>
      <c r="P14303" s="5" t="s">
        <v>39</v>
      </c>
      <c r="Q14303" s="5" t="s">
        <v>40</v>
      </c>
      <c r="R14303" s="5" t="s">
        <v>1522</v>
      </c>
      <c r="S14303" s="5" t="s">
        <v>1523</v>
      </c>
      <c r="T14303" s="5" t="s">
        <v>42</v>
      </c>
      <c r="U14303" s="2">
        <v>1.7370000000000001</v>
      </c>
      <c r="V14303" s="2">
        <v>1.202</v>
      </c>
      <c r="W14303" s="2">
        <v>1.7999999999999999E-2</v>
      </c>
      <c r="X14303" s="2">
        <v>139.1</v>
      </c>
      <c r="Y14303" s="2">
        <v>7.6</v>
      </c>
      <c r="Z14303" s="2">
        <v>16.7</v>
      </c>
      <c r="AA14303" s="5"/>
      <c r="AB14303" s="5" t="s">
        <v>43</v>
      </c>
      <c r="AC14303" s="5" t="s">
        <v>44</v>
      </c>
      <c r="AD14303" s="2"/>
      <c r="AE14303" s="1"/>
    </row>
    <row r="14304" spans="1:31" ht="14.45">
      <c r="A14304" s="11"/>
      <c r="B14304" s="20"/>
      <c r="C14304" s="2" t="s">
        <v>43863</v>
      </c>
      <c r="D14304" s="14" t="s">
        <v>43864</v>
      </c>
      <c r="E14304" s="2" t="s">
        <v>43865</v>
      </c>
      <c r="F14304" s="2" t="s">
        <v>41023</v>
      </c>
      <c r="G14304" s="8">
        <v>201</v>
      </c>
      <c r="H14304" s="5">
        <v>6</v>
      </c>
      <c r="I14304" s="5" t="s">
        <v>1518</v>
      </c>
      <c r="J14304" s="5" t="s">
        <v>40939</v>
      </c>
      <c r="K14304" s="2" t="s">
        <v>40940</v>
      </c>
      <c r="L14304" s="5" t="s">
        <v>40939</v>
      </c>
      <c r="M14304" s="2" t="s">
        <v>40940</v>
      </c>
      <c r="N14304" s="5" t="s">
        <v>36266</v>
      </c>
      <c r="O14304" s="5" t="s">
        <v>38</v>
      </c>
      <c r="P14304" s="5" t="s">
        <v>39</v>
      </c>
      <c r="Q14304" s="5" t="s">
        <v>40</v>
      </c>
      <c r="R14304" s="5" t="s">
        <v>1522</v>
      </c>
      <c r="S14304" s="5" t="s">
        <v>1523</v>
      </c>
      <c r="T14304" s="5" t="s">
        <v>42</v>
      </c>
      <c r="U14304" s="2">
        <v>1.6559999999999999</v>
      </c>
      <c r="V14304" s="2">
        <v>1.121</v>
      </c>
      <c r="W14304" s="2">
        <v>1.7999999999999999E-2</v>
      </c>
      <c r="X14304" s="2">
        <v>139.1</v>
      </c>
      <c r="Y14304" s="2">
        <v>7.6</v>
      </c>
      <c r="Z14304" s="2">
        <v>16.7</v>
      </c>
      <c r="AA14304" s="5"/>
      <c r="AB14304" s="5" t="s">
        <v>43</v>
      </c>
      <c r="AC14304" s="5" t="s">
        <v>44</v>
      </c>
      <c r="AD14304" s="2"/>
      <c r="AE14304" s="1"/>
    </row>
    <row r="14305" spans="1:31" ht="14.45">
      <c r="A14305" s="11"/>
      <c r="B14305" s="20"/>
      <c r="C14305" s="2" t="s">
        <v>43866</v>
      </c>
      <c r="D14305" s="14" t="s">
        <v>43867</v>
      </c>
      <c r="E14305" s="2" t="s">
        <v>43868</v>
      </c>
      <c r="F14305" s="2" t="s">
        <v>41027</v>
      </c>
      <c r="G14305" s="8">
        <v>201</v>
      </c>
      <c r="H14305" s="5">
        <v>6</v>
      </c>
      <c r="I14305" s="5" t="s">
        <v>1518</v>
      </c>
      <c r="J14305" s="5" t="s">
        <v>40939</v>
      </c>
      <c r="K14305" s="2" t="s">
        <v>40940</v>
      </c>
      <c r="L14305" s="5" t="s">
        <v>40939</v>
      </c>
      <c r="M14305" s="2" t="s">
        <v>40940</v>
      </c>
      <c r="N14305" s="5" t="s">
        <v>36266</v>
      </c>
      <c r="O14305" s="5" t="s">
        <v>38</v>
      </c>
      <c r="P14305" s="5" t="s">
        <v>39</v>
      </c>
      <c r="Q14305" s="5" t="s">
        <v>40</v>
      </c>
      <c r="R14305" s="5" t="s">
        <v>1522</v>
      </c>
      <c r="S14305" s="5" t="s">
        <v>1523</v>
      </c>
      <c r="T14305" s="5" t="s">
        <v>42</v>
      </c>
      <c r="U14305" s="2">
        <v>1.6719999999999999</v>
      </c>
      <c r="V14305" s="2">
        <v>1.137</v>
      </c>
      <c r="W14305" s="2">
        <v>1.7999999999999999E-2</v>
      </c>
      <c r="X14305" s="2">
        <v>139.1</v>
      </c>
      <c r="Y14305" s="2">
        <v>7.6</v>
      </c>
      <c r="Z14305" s="2">
        <v>16.7</v>
      </c>
      <c r="AA14305" s="5"/>
      <c r="AB14305" s="5" t="s">
        <v>43</v>
      </c>
      <c r="AC14305" s="5" t="s">
        <v>44</v>
      </c>
      <c r="AD14305" s="2"/>
      <c r="AE14305" s="1"/>
    </row>
    <row r="14306" spans="1:31" ht="14.45">
      <c r="A14306" s="11"/>
      <c r="B14306" s="20"/>
      <c r="C14306" s="2" t="s">
        <v>43869</v>
      </c>
      <c r="D14306" s="14" t="s">
        <v>43870</v>
      </c>
      <c r="E14306" s="2" t="s">
        <v>43871</v>
      </c>
      <c r="F14306" s="2" t="s">
        <v>41031</v>
      </c>
      <c r="G14306" s="8">
        <v>201</v>
      </c>
      <c r="H14306" s="5">
        <v>6</v>
      </c>
      <c r="I14306" s="5" t="s">
        <v>1518</v>
      </c>
      <c r="J14306" s="5" t="s">
        <v>40939</v>
      </c>
      <c r="K14306" s="2" t="s">
        <v>40940</v>
      </c>
      <c r="L14306" s="5" t="s">
        <v>40939</v>
      </c>
      <c r="M14306" s="2" t="s">
        <v>40940</v>
      </c>
      <c r="N14306" s="5" t="s">
        <v>36266</v>
      </c>
      <c r="O14306" s="5" t="s">
        <v>38</v>
      </c>
      <c r="P14306" s="5" t="s">
        <v>39</v>
      </c>
      <c r="Q14306" s="5" t="s">
        <v>40</v>
      </c>
      <c r="R14306" s="5" t="s">
        <v>1522</v>
      </c>
      <c r="S14306" s="5" t="s">
        <v>1523</v>
      </c>
      <c r="T14306" s="5" t="s">
        <v>42</v>
      </c>
      <c r="U14306" s="2">
        <v>1.6559999999999999</v>
      </c>
      <c r="V14306" s="2">
        <v>1.121</v>
      </c>
      <c r="W14306" s="2">
        <v>1.7999999999999999E-2</v>
      </c>
      <c r="X14306" s="2">
        <v>139.1</v>
      </c>
      <c r="Y14306" s="2">
        <v>7.6</v>
      </c>
      <c r="Z14306" s="2">
        <v>16.7</v>
      </c>
      <c r="AA14306" s="5"/>
      <c r="AB14306" s="5" t="s">
        <v>43</v>
      </c>
      <c r="AC14306" s="5" t="s">
        <v>44</v>
      </c>
      <c r="AD14306" s="2"/>
      <c r="AE14306" s="1"/>
    </row>
    <row r="14307" spans="1:31" ht="14.45">
      <c r="A14307" s="11"/>
      <c r="B14307" s="20"/>
      <c r="C14307" s="2" t="s">
        <v>43872</v>
      </c>
      <c r="D14307" s="14" t="s">
        <v>43873</v>
      </c>
      <c r="E14307" s="2" t="s">
        <v>43874</v>
      </c>
      <c r="F14307" s="2" t="s">
        <v>41035</v>
      </c>
      <c r="G14307" s="8">
        <v>201</v>
      </c>
      <c r="H14307" s="5">
        <v>6</v>
      </c>
      <c r="I14307" s="5" t="s">
        <v>1518</v>
      </c>
      <c r="J14307" s="5" t="s">
        <v>40939</v>
      </c>
      <c r="K14307" s="2" t="s">
        <v>40940</v>
      </c>
      <c r="L14307" s="5" t="s">
        <v>40939</v>
      </c>
      <c r="M14307" s="2" t="s">
        <v>40940</v>
      </c>
      <c r="N14307" s="5" t="s">
        <v>36266</v>
      </c>
      <c r="O14307" s="5" t="s">
        <v>38</v>
      </c>
      <c r="P14307" s="5" t="s">
        <v>39</v>
      </c>
      <c r="Q14307" s="5" t="s">
        <v>40</v>
      </c>
      <c r="R14307" s="5" t="s">
        <v>1522</v>
      </c>
      <c r="S14307" s="5" t="s">
        <v>1523</v>
      </c>
      <c r="T14307" s="5" t="s">
        <v>42</v>
      </c>
      <c r="U14307" s="2">
        <v>1.6719999999999999</v>
      </c>
      <c r="V14307" s="2">
        <v>1.137</v>
      </c>
      <c r="W14307" s="2">
        <v>1.7999999999999999E-2</v>
      </c>
      <c r="X14307" s="2">
        <v>139.1</v>
      </c>
      <c r="Y14307" s="2">
        <v>7.6</v>
      </c>
      <c r="Z14307" s="2">
        <v>16.7</v>
      </c>
      <c r="AA14307" s="5"/>
      <c r="AB14307" s="5" t="s">
        <v>43</v>
      </c>
      <c r="AC14307" s="5" t="s">
        <v>44</v>
      </c>
      <c r="AD14307" s="2"/>
      <c r="AE14307" s="1"/>
    </row>
    <row r="14308" spans="1:31" ht="14.45">
      <c r="A14308" s="11"/>
      <c r="B14308" s="20"/>
      <c r="C14308" s="2" t="s">
        <v>43875</v>
      </c>
      <c r="D14308" s="14" t="s">
        <v>43876</v>
      </c>
      <c r="E14308" s="2" t="s">
        <v>43877</v>
      </c>
      <c r="F14308" s="2" t="s">
        <v>7449</v>
      </c>
      <c r="G14308" s="8">
        <v>201</v>
      </c>
      <c r="H14308" s="5">
        <v>6</v>
      </c>
      <c r="I14308" s="5" t="s">
        <v>1518</v>
      </c>
      <c r="J14308" s="5" t="s">
        <v>40939</v>
      </c>
      <c r="K14308" s="2" t="s">
        <v>40940</v>
      </c>
      <c r="L14308" s="5" t="s">
        <v>40939</v>
      </c>
      <c r="M14308" s="2" t="s">
        <v>40940</v>
      </c>
      <c r="N14308" s="5" t="s">
        <v>36266</v>
      </c>
      <c r="O14308" s="5" t="s">
        <v>38</v>
      </c>
      <c r="P14308" s="5" t="s">
        <v>39</v>
      </c>
      <c r="Q14308" s="5" t="s">
        <v>40</v>
      </c>
      <c r="R14308" s="5" t="s">
        <v>1522</v>
      </c>
      <c r="S14308" s="5" t="s">
        <v>1523</v>
      </c>
      <c r="T14308" s="5" t="s">
        <v>42</v>
      </c>
      <c r="U14308" s="2">
        <v>1.6559999999999999</v>
      </c>
      <c r="V14308" s="2">
        <v>1.121</v>
      </c>
      <c r="W14308" s="2">
        <v>1.7999999999999999E-2</v>
      </c>
      <c r="X14308" s="2">
        <v>139.1</v>
      </c>
      <c r="Y14308" s="2">
        <v>7.6</v>
      </c>
      <c r="Z14308" s="2">
        <v>16.7</v>
      </c>
      <c r="AA14308" s="5"/>
      <c r="AB14308" s="5" t="s">
        <v>43</v>
      </c>
      <c r="AC14308" s="5" t="s">
        <v>44</v>
      </c>
      <c r="AD14308" s="2"/>
      <c r="AE14308" s="1"/>
    </row>
    <row r="14309" spans="1:31" ht="14.45">
      <c r="A14309" s="11"/>
      <c r="B14309" s="20"/>
      <c r="C14309" s="2" t="s">
        <v>43878</v>
      </c>
      <c r="D14309" s="14" t="s">
        <v>43879</v>
      </c>
      <c r="E14309" s="2" t="s">
        <v>43880</v>
      </c>
      <c r="F14309" s="2" t="s">
        <v>7581</v>
      </c>
      <c r="G14309" s="8">
        <v>201</v>
      </c>
      <c r="H14309" s="5">
        <v>6</v>
      </c>
      <c r="I14309" s="5" t="s">
        <v>1518</v>
      </c>
      <c r="J14309" s="5" t="s">
        <v>40939</v>
      </c>
      <c r="K14309" s="2" t="s">
        <v>40940</v>
      </c>
      <c r="L14309" s="5" t="s">
        <v>40939</v>
      </c>
      <c r="M14309" s="2" t="s">
        <v>40940</v>
      </c>
      <c r="N14309" s="5" t="s">
        <v>36266</v>
      </c>
      <c r="O14309" s="5" t="s">
        <v>38</v>
      </c>
      <c r="P14309" s="5" t="s">
        <v>39</v>
      </c>
      <c r="Q14309" s="5" t="s">
        <v>40</v>
      </c>
      <c r="R14309" s="5" t="s">
        <v>1522</v>
      </c>
      <c r="S14309" s="5" t="s">
        <v>1523</v>
      </c>
      <c r="T14309" s="5" t="s">
        <v>42</v>
      </c>
      <c r="U14309" s="2">
        <v>1.6719999999999999</v>
      </c>
      <c r="V14309" s="2">
        <v>1.137</v>
      </c>
      <c r="W14309" s="2">
        <v>1.7999999999999999E-2</v>
      </c>
      <c r="X14309" s="2">
        <v>139.1</v>
      </c>
      <c r="Y14309" s="2">
        <v>7.6</v>
      </c>
      <c r="Z14309" s="2">
        <v>16.7</v>
      </c>
      <c r="AA14309" s="5"/>
      <c r="AB14309" s="5" t="s">
        <v>43</v>
      </c>
      <c r="AC14309" s="5" t="s">
        <v>44</v>
      </c>
      <c r="AD14309" s="2"/>
      <c r="AE14309" s="1"/>
    </row>
    <row r="14310" spans="1:31" ht="14.45">
      <c r="A14310" s="11"/>
      <c r="B14310" s="20"/>
      <c r="C14310" s="2" t="s">
        <v>43881</v>
      </c>
      <c r="D14310" s="14" t="s">
        <v>43882</v>
      </c>
      <c r="E14310" s="2" t="s">
        <v>43883</v>
      </c>
      <c r="F14310" s="2" t="s">
        <v>41045</v>
      </c>
      <c r="G14310" s="8">
        <v>201</v>
      </c>
      <c r="H14310" s="5">
        <v>6</v>
      </c>
      <c r="I14310" s="5" t="s">
        <v>1518</v>
      </c>
      <c r="J14310" s="5" t="s">
        <v>40939</v>
      </c>
      <c r="K14310" s="2" t="s">
        <v>40940</v>
      </c>
      <c r="L14310" s="5" t="s">
        <v>40939</v>
      </c>
      <c r="M14310" s="2" t="s">
        <v>40940</v>
      </c>
      <c r="N14310" s="5" t="s">
        <v>36266</v>
      </c>
      <c r="O14310" s="5" t="s">
        <v>38</v>
      </c>
      <c r="P14310" s="5" t="s">
        <v>39</v>
      </c>
      <c r="Q14310" s="5" t="s">
        <v>40</v>
      </c>
      <c r="R14310" s="5" t="s">
        <v>1522</v>
      </c>
      <c r="S14310" s="5" t="s">
        <v>1523</v>
      </c>
      <c r="T14310" s="5" t="s">
        <v>42</v>
      </c>
      <c r="U14310" s="2">
        <v>1.734</v>
      </c>
      <c r="V14310" s="2">
        <v>1.1990000000000001</v>
      </c>
      <c r="W14310" s="2">
        <v>1.7999999999999999E-2</v>
      </c>
      <c r="X14310" s="2">
        <v>139.1</v>
      </c>
      <c r="Y14310" s="2">
        <v>7.6</v>
      </c>
      <c r="Z14310" s="2">
        <v>16.7</v>
      </c>
      <c r="AA14310" s="5"/>
      <c r="AB14310" s="5" t="s">
        <v>43</v>
      </c>
      <c r="AC14310" s="5" t="s">
        <v>44</v>
      </c>
      <c r="AD14310" s="2"/>
      <c r="AE14310" s="1"/>
    </row>
    <row r="14311" spans="1:31" ht="14.45">
      <c r="A14311" s="11"/>
      <c r="B14311" s="20"/>
      <c r="C14311" s="2" t="s">
        <v>43884</v>
      </c>
      <c r="D14311" s="14" t="s">
        <v>43885</v>
      </c>
      <c r="E14311" s="2" t="s">
        <v>43886</v>
      </c>
      <c r="F14311" s="2" t="s">
        <v>41049</v>
      </c>
      <c r="G14311" s="8">
        <v>201</v>
      </c>
      <c r="H14311" s="5">
        <v>6</v>
      </c>
      <c r="I14311" s="5" t="s">
        <v>1518</v>
      </c>
      <c r="J14311" s="5" t="s">
        <v>40939</v>
      </c>
      <c r="K14311" s="2" t="s">
        <v>40940</v>
      </c>
      <c r="L14311" s="5" t="s">
        <v>40939</v>
      </c>
      <c r="M14311" s="2" t="s">
        <v>40940</v>
      </c>
      <c r="N14311" s="5" t="s">
        <v>36266</v>
      </c>
      <c r="O14311" s="5" t="s">
        <v>38</v>
      </c>
      <c r="P14311" s="5" t="s">
        <v>39</v>
      </c>
      <c r="Q14311" s="5" t="s">
        <v>40</v>
      </c>
      <c r="R14311" s="5" t="s">
        <v>1522</v>
      </c>
      <c r="S14311" s="5" t="s">
        <v>1523</v>
      </c>
      <c r="T14311" s="5" t="s">
        <v>42</v>
      </c>
      <c r="U14311" s="2">
        <v>1.75</v>
      </c>
      <c r="V14311" s="2">
        <v>1.2150000000000001</v>
      </c>
      <c r="W14311" s="2">
        <v>1.7999999999999999E-2</v>
      </c>
      <c r="X14311" s="2">
        <v>139.1</v>
      </c>
      <c r="Y14311" s="2">
        <v>7.6</v>
      </c>
      <c r="Z14311" s="2">
        <v>16.7</v>
      </c>
      <c r="AA14311" s="5"/>
      <c r="AB14311" s="5" t="s">
        <v>43</v>
      </c>
      <c r="AC14311" s="5" t="s">
        <v>44</v>
      </c>
      <c r="AD14311" s="2"/>
      <c r="AE14311" s="1"/>
    </row>
    <row r="14312" spans="1:31" ht="14.45">
      <c r="A14312" s="11"/>
      <c r="B14312" s="20"/>
      <c r="C14312" s="2" t="s">
        <v>43887</v>
      </c>
      <c r="D14312" s="14" t="s">
        <v>43888</v>
      </c>
      <c r="E14312" s="2" t="s">
        <v>43889</v>
      </c>
      <c r="F14312" s="2" t="s">
        <v>7204</v>
      </c>
      <c r="G14312" s="8">
        <v>197</v>
      </c>
      <c r="H14312" s="5">
        <v>6</v>
      </c>
      <c r="I14312" s="5" t="s">
        <v>1518</v>
      </c>
      <c r="J14312" s="5" t="s">
        <v>40939</v>
      </c>
      <c r="K14312" s="2" t="s">
        <v>40940</v>
      </c>
      <c r="L14312" s="5" t="s">
        <v>40939</v>
      </c>
      <c r="M14312" s="2" t="s">
        <v>40940</v>
      </c>
      <c r="N14312" s="5" t="s">
        <v>36266</v>
      </c>
      <c r="O14312" s="5" t="s">
        <v>38</v>
      </c>
      <c r="P14312" s="5" t="s">
        <v>39</v>
      </c>
      <c r="Q14312" s="5" t="s">
        <v>40</v>
      </c>
      <c r="R14312" s="5" t="s">
        <v>1522</v>
      </c>
      <c r="S14312" s="5" t="s">
        <v>1523</v>
      </c>
      <c r="T14312" s="5" t="s">
        <v>42</v>
      </c>
      <c r="U14312" s="2">
        <v>1.83</v>
      </c>
      <c r="V14312" s="2">
        <v>1.212</v>
      </c>
      <c r="W14312" s="2">
        <v>0.02</v>
      </c>
      <c r="X14312" s="2">
        <v>159.1</v>
      </c>
      <c r="Y14312" s="2">
        <v>7.6</v>
      </c>
      <c r="Z14312" s="2">
        <v>16.7</v>
      </c>
      <c r="AA14312" s="5"/>
      <c r="AB14312" s="5" t="s">
        <v>43</v>
      </c>
      <c r="AC14312" s="5" t="s">
        <v>44</v>
      </c>
      <c r="AD14312" s="2"/>
      <c r="AE14312" s="1"/>
    </row>
    <row r="14313" spans="1:31" ht="14.45">
      <c r="A14313" s="11"/>
      <c r="B14313" s="20"/>
      <c r="C14313" s="2" t="s">
        <v>43890</v>
      </c>
      <c r="D14313" s="14" t="s">
        <v>43891</v>
      </c>
      <c r="E14313" s="2" t="s">
        <v>43892</v>
      </c>
      <c r="F14313" s="2" t="s">
        <v>7514</v>
      </c>
      <c r="G14313" s="8">
        <v>197</v>
      </c>
      <c r="H14313" s="5">
        <v>6</v>
      </c>
      <c r="I14313" s="5" t="s">
        <v>1518</v>
      </c>
      <c r="J14313" s="5" t="s">
        <v>40939</v>
      </c>
      <c r="K14313" s="2" t="s">
        <v>40940</v>
      </c>
      <c r="L14313" s="5" t="s">
        <v>40939</v>
      </c>
      <c r="M14313" s="2" t="s">
        <v>40940</v>
      </c>
      <c r="N14313" s="5" t="s">
        <v>36266</v>
      </c>
      <c r="O14313" s="5" t="s">
        <v>38</v>
      </c>
      <c r="P14313" s="5" t="s">
        <v>39</v>
      </c>
      <c r="Q14313" s="5" t="s">
        <v>40</v>
      </c>
      <c r="R14313" s="5" t="s">
        <v>1522</v>
      </c>
      <c r="S14313" s="5" t="s">
        <v>1523</v>
      </c>
      <c r="T14313" s="5" t="s">
        <v>42</v>
      </c>
      <c r="U14313" s="2">
        <v>1.8440000000000001</v>
      </c>
      <c r="V14313" s="2">
        <v>1.226</v>
      </c>
      <c r="W14313" s="2">
        <v>0.02</v>
      </c>
      <c r="X14313" s="2">
        <v>159.1</v>
      </c>
      <c r="Y14313" s="2">
        <v>7.6</v>
      </c>
      <c r="Z14313" s="2">
        <v>16.7</v>
      </c>
      <c r="AA14313" s="5"/>
      <c r="AB14313" s="5" t="s">
        <v>43</v>
      </c>
      <c r="AC14313" s="5" t="s">
        <v>44</v>
      </c>
      <c r="AD14313" s="2"/>
      <c r="AE14313" s="1"/>
    </row>
    <row r="14314" spans="1:31" ht="14.45">
      <c r="A14314" s="11"/>
      <c r="B14314" s="20"/>
      <c r="C14314" s="2" t="s">
        <v>43893</v>
      </c>
      <c r="D14314" s="14" t="s">
        <v>43894</v>
      </c>
      <c r="E14314" s="2" t="s">
        <v>43895</v>
      </c>
      <c r="F14314" s="2" t="s">
        <v>40947</v>
      </c>
      <c r="G14314" s="8">
        <v>227</v>
      </c>
      <c r="H14314" s="5">
        <v>6</v>
      </c>
      <c r="I14314" s="5" t="s">
        <v>1518</v>
      </c>
      <c r="J14314" s="5" t="s">
        <v>40939</v>
      </c>
      <c r="K14314" s="2" t="s">
        <v>40940</v>
      </c>
      <c r="L14314" s="5" t="s">
        <v>40939</v>
      </c>
      <c r="M14314" s="2" t="s">
        <v>40940</v>
      </c>
      <c r="N14314" s="5" t="s">
        <v>36266</v>
      </c>
      <c r="O14314" s="5" t="s">
        <v>38</v>
      </c>
      <c r="P14314" s="5" t="s">
        <v>39</v>
      </c>
      <c r="Q14314" s="5" t="s">
        <v>40</v>
      </c>
      <c r="R14314" s="5" t="s">
        <v>1522</v>
      </c>
      <c r="S14314" s="5" t="s">
        <v>1523</v>
      </c>
      <c r="T14314" s="5" t="s">
        <v>42</v>
      </c>
      <c r="U14314" s="2">
        <v>1.8580000000000001</v>
      </c>
      <c r="V14314" s="2">
        <v>1.24</v>
      </c>
      <c r="W14314" s="2">
        <v>0.02</v>
      </c>
      <c r="X14314" s="2">
        <v>159.1</v>
      </c>
      <c r="Y14314" s="2">
        <v>7.6</v>
      </c>
      <c r="Z14314" s="2">
        <v>16.7</v>
      </c>
      <c r="AA14314" s="5"/>
      <c r="AB14314" s="5" t="s">
        <v>43</v>
      </c>
      <c r="AC14314" s="5" t="s">
        <v>44</v>
      </c>
      <c r="AD14314" s="2"/>
      <c r="AE14314" s="1"/>
    </row>
    <row r="14315" spans="1:31" ht="14.45">
      <c r="A14315" s="11"/>
      <c r="B14315" s="20"/>
      <c r="C14315" s="2" t="s">
        <v>43896</v>
      </c>
      <c r="D14315" s="14" t="s">
        <v>43897</v>
      </c>
      <c r="E14315" s="2" t="s">
        <v>43898</v>
      </c>
      <c r="F14315" s="2" t="s">
        <v>40951</v>
      </c>
      <c r="G14315" s="8">
        <v>227</v>
      </c>
      <c r="H14315" s="5">
        <v>6</v>
      </c>
      <c r="I14315" s="5" t="s">
        <v>1518</v>
      </c>
      <c r="J14315" s="5" t="s">
        <v>40939</v>
      </c>
      <c r="K14315" s="2" t="s">
        <v>40940</v>
      </c>
      <c r="L14315" s="5" t="s">
        <v>40939</v>
      </c>
      <c r="M14315" s="2" t="s">
        <v>40940</v>
      </c>
      <c r="N14315" s="5" t="s">
        <v>36266</v>
      </c>
      <c r="O14315" s="5" t="s">
        <v>38</v>
      </c>
      <c r="P14315" s="5" t="s">
        <v>39</v>
      </c>
      <c r="Q14315" s="5" t="s">
        <v>40</v>
      </c>
      <c r="R14315" s="5" t="s">
        <v>1522</v>
      </c>
      <c r="S14315" s="5" t="s">
        <v>1523</v>
      </c>
      <c r="T14315" s="5" t="s">
        <v>42</v>
      </c>
      <c r="U14315" s="2">
        <v>1.8720000000000001</v>
      </c>
      <c r="V14315" s="2">
        <v>1.254</v>
      </c>
      <c r="W14315" s="2">
        <v>0.02</v>
      </c>
      <c r="X14315" s="2">
        <v>159.1</v>
      </c>
      <c r="Y14315" s="2">
        <v>7.6</v>
      </c>
      <c r="Z14315" s="2">
        <v>16.7</v>
      </c>
      <c r="AA14315" s="5"/>
      <c r="AB14315" s="5" t="s">
        <v>43</v>
      </c>
      <c r="AC14315" s="5" t="s">
        <v>44</v>
      </c>
      <c r="AD14315" s="2"/>
      <c r="AE14315" s="1"/>
    </row>
    <row r="14316" spans="1:31" ht="14.45">
      <c r="A14316" s="11"/>
      <c r="B14316" s="20"/>
      <c r="C14316" s="2" t="s">
        <v>43899</v>
      </c>
      <c r="D14316" s="14" t="s">
        <v>43900</v>
      </c>
      <c r="E14316" s="2" t="s">
        <v>43901</v>
      </c>
      <c r="F14316" s="2" t="s">
        <v>7208</v>
      </c>
      <c r="G14316" s="8">
        <v>197</v>
      </c>
      <c r="H14316" s="5">
        <v>6</v>
      </c>
      <c r="I14316" s="5" t="s">
        <v>1518</v>
      </c>
      <c r="J14316" s="5" t="s">
        <v>40939</v>
      </c>
      <c r="K14316" s="2" t="s">
        <v>40940</v>
      </c>
      <c r="L14316" s="5" t="s">
        <v>40939</v>
      </c>
      <c r="M14316" s="2" t="s">
        <v>40940</v>
      </c>
      <c r="N14316" s="5" t="s">
        <v>36266</v>
      </c>
      <c r="O14316" s="5" t="s">
        <v>38</v>
      </c>
      <c r="P14316" s="5" t="s">
        <v>39</v>
      </c>
      <c r="Q14316" s="5" t="s">
        <v>40</v>
      </c>
      <c r="R14316" s="5" t="s">
        <v>1522</v>
      </c>
      <c r="S14316" s="5" t="s">
        <v>1523</v>
      </c>
      <c r="T14316" s="5" t="s">
        <v>42</v>
      </c>
      <c r="U14316" s="2">
        <v>1.873</v>
      </c>
      <c r="V14316" s="2">
        <v>1.2549999999999999</v>
      </c>
      <c r="W14316" s="2">
        <v>0.02</v>
      </c>
      <c r="X14316" s="2">
        <v>159.1</v>
      </c>
      <c r="Y14316" s="2">
        <v>7.6</v>
      </c>
      <c r="Z14316" s="2">
        <v>16.7</v>
      </c>
      <c r="AA14316" s="5"/>
      <c r="AB14316" s="5" t="s">
        <v>43</v>
      </c>
      <c r="AC14316" s="5" t="s">
        <v>44</v>
      </c>
      <c r="AD14316" s="2"/>
      <c r="AE14316" s="1"/>
    </row>
    <row r="14317" spans="1:31" ht="14.45">
      <c r="A14317" s="11"/>
      <c r="B14317" s="20"/>
      <c r="C14317" s="2" t="s">
        <v>43902</v>
      </c>
      <c r="D14317" s="14" t="s">
        <v>43903</v>
      </c>
      <c r="E14317" s="2" t="s">
        <v>43904</v>
      </c>
      <c r="F14317" s="2" t="s">
        <v>7521</v>
      </c>
      <c r="G14317" s="8">
        <v>197</v>
      </c>
      <c r="H14317" s="5">
        <v>6</v>
      </c>
      <c r="I14317" s="5" t="s">
        <v>1518</v>
      </c>
      <c r="J14317" s="5" t="s">
        <v>40939</v>
      </c>
      <c r="K14317" s="2" t="s">
        <v>40940</v>
      </c>
      <c r="L14317" s="5" t="s">
        <v>40939</v>
      </c>
      <c r="M14317" s="2" t="s">
        <v>40940</v>
      </c>
      <c r="N14317" s="5" t="s">
        <v>36266</v>
      </c>
      <c r="O14317" s="5" t="s">
        <v>38</v>
      </c>
      <c r="P14317" s="5" t="s">
        <v>39</v>
      </c>
      <c r="Q14317" s="5" t="s">
        <v>40</v>
      </c>
      <c r="R14317" s="5" t="s">
        <v>1522</v>
      </c>
      <c r="S14317" s="5" t="s">
        <v>1523</v>
      </c>
      <c r="T14317" s="5" t="s">
        <v>42</v>
      </c>
      <c r="U14317" s="2">
        <v>1.887</v>
      </c>
      <c r="V14317" s="2">
        <v>1.2689999999999999</v>
      </c>
      <c r="W14317" s="2">
        <v>0.02</v>
      </c>
      <c r="X14317" s="2">
        <v>159.1</v>
      </c>
      <c r="Y14317" s="2">
        <v>7.6</v>
      </c>
      <c r="Z14317" s="2">
        <v>16.7</v>
      </c>
      <c r="AA14317" s="5"/>
      <c r="AB14317" s="5" t="s">
        <v>43</v>
      </c>
      <c r="AC14317" s="5" t="s">
        <v>44</v>
      </c>
      <c r="AD14317" s="2"/>
      <c r="AE14317" s="1"/>
    </row>
    <row r="14318" spans="1:31" ht="14.45">
      <c r="A14318" s="11"/>
      <c r="B14318" s="20"/>
      <c r="C14318" s="2" t="s">
        <v>43905</v>
      </c>
      <c r="D14318" s="14" t="s">
        <v>43906</v>
      </c>
      <c r="E14318" s="2" t="s">
        <v>43907</v>
      </c>
      <c r="F14318" s="2" t="s">
        <v>36273</v>
      </c>
      <c r="G14318" s="8">
        <v>197</v>
      </c>
      <c r="H14318" s="5">
        <v>6</v>
      </c>
      <c r="I14318" s="5" t="s">
        <v>1518</v>
      </c>
      <c r="J14318" s="5" t="s">
        <v>40939</v>
      </c>
      <c r="K14318" s="2" t="s">
        <v>40940</v>
      </c>
      <c r="L14318" s="5" t="s">
        <v>40939</v>
      </c>
      <c r="M14318" s="2" t="s">
        <v>40940</v>
      </c>
      <c r="N14318" s="5" t="s">
        <v>36266</v>
      </c>
      <c r="O14318" s="5" t="s">
        <v>38</v>
      </c>
      <c r="P14318" s="5" t="s">
        <v>39</v>
      </c>
      <c r="Q14318" s="5" t="s">
        <v>40</v>
      </c>
      <c r="R14318" s="5" t="s">
        <v>1522</v>
      </c>
      <c r="S14318" s="5" t="s">
        <v>1523</v>
      </c>
      <c r="T14318" s="5" t="s">
        <v>42</v>
      </c>
      <c r="U14318" s="2">
        <v>1.9019999999999999</v>
      </c>
      <c r="V14318" s="2">
        <v>1.284</v>
      </c>
      <c r="W14318" s="2">
        <v>0.02</v>
      </c>
      <c r="X14318" s="2">
        <v>159.1</v>
      </c>
      <c r="Y14318" s="2">
        <v>7.6</v>
      </c>
      <c r="Z14318" s="2">
        <v>16.7</v>
      </c>
      <c r="AA14318" s="5"/>
      <c r="AB14318" s="5" t="s">
        <v>43</v>
      </c>
      <c r="AC14318" s="5" t="s">
        <v>44</v>
      </c>
      <c r="AD14318" s="2"/>
      <c r="AE14318" s="1"/>
    </row>
    <row r="14319" spans="1:31" ht="14.45">
      <c r="A14319" s="11"/>
      <c r="B14319" s="20"/>
      <c r="C14319" s="2" t="s">
        <v>43908</v>
      </c>
      <c r="D14319" s="14" t="s">
        <v>43909</v>
      </c>
      <c r="E14319" s="2" t="s">
        <v>43910</v>
      </c>
      <c r="F14319" s="2" t="s">
        <v>36277</v>
      </c>
      <c r="G14319" s="8">
        <v>197</v>
      </c>
      <c r="H14319" s="5">
        <v>6</v>
      </c>
      <c r="I14319" s="5" t="s">
        <v>1518</v>
      </c>
      <c r="J14319" s="5" t="s">
        <v>40939</v>
      </c>
      <c r="K14319" s="2" t="s">
        <v>40940</v>
      </c>
      <c r="L14319" s="5" t="s">
        <v>40939</v>
      </c>
      <c r="M14319" s="2" t="s">
        <v>40940</v>
      </c>
      <c r="N14319" s="5" t="s">
        <v>36266</v>
      </c>
      <c r="O14319" s="5" t="s">
        <v>38</v>
      </c>
      <c r="P14319" s="5" t="s">
        <v>39</v>
      </c>
      <c r="Q14319" s="5" t="s">
        <v>40</v>
      </c>
      <c r="R14319" s="5" t="s">
        <v>1522</v>
      </c>
      <c r="S14319" s="5" t="s">
        <v>1523</v>
      </c>
      <c r="T14319" s="5" t="s">
        <v>42</v>
      </c>
      <c r="U14319" s="2">
        <v>1.9159999999999999</v>
      </c>
      <c r="V14319" s="2">
        <v>1.298</v>
      </c>
      <c r="W14319" s="2">
        <v>0.02</v>
      </c>
      <c r="X14319" s="2">
        <v>159.1</v>
      </c>
      <c r="Y14319" s="2">
        <v>7.6</v>
      </c>
      <c r="Z14319" s="2">
        <v>16.7</v>
      </c>
      <c r="AA14319" s="5"/>
      <c r="AB14319" s="5" t="s">
        <v>43</v>
      </c>
      <c r="AC14319" s="5" t="s">
        <v>44</v>
      </c>
      <c r="AD14319" s="2"/>
      <c r="AE14319" s="1"/>
    </row>
    <row r="14320" spans="1:31" ht="14.45">
      <c r="A14320" s="11"/>
      <c r="B14320" s="20"/>
      <c r="C14320" s="2" t="s">
        <v>43911</v>
      </c>
      <c r="D14320" s="14" t="s">
        <v>43912</v>
      </c>
      <c r="E14320" s="2" t="s">
        <v>43913</v>
      </c>
      <c r="F14320" s="2" t="s">
        <v>40967</v>
      </c>
      <c r="G14320" s="8">
        <v>227</v>
      </c>
      <c r="H14320" s="5">
        <v>6</v>
      </c>
      <c r="I14320" s="5" t="s">
        <v>1518</v>
      </c>
      <c r="J14320" s="5" t="s">
        <v>40939</v>
      </c>
      <c r="K14320" s="2" t="s">
        <v>40940</v>
      </c>
      <c r="L14320" s="5" t="s">
        <v>40939</v>
      </c>
      <c r="M14320" s="2" t="s">
        <v>40940</v>
      </c>
      <c r="N14320" s="5" t="s">
        <v>36266</v>
      </c>
      <c r="O14320" s="5" t="s">
        <v>38</v>
      </c>
      <c r="P14320" s="5" t="s">
        <v>39</v>
      </c>
      <c r="Q14320" s="5" t="s">
        <v>40</v>
      </c>
      <c r="R14320" s="5" t="s">
        <v>1522</v>
      </c>
      <c r="S14320" s="5" t="s">
        <v>1523</v>
      </c>
      <c r="T14320" s="5" t="s">
        <v>42</v>
      </c>
      <c r="U14320" s="2">
        <v>1.873</v>
      </c>
      <c r="V14320" s="2">
        <v>1.2549999999999999</v>
      </c>
      <c r="W14320" s="2">
        <v>0.02</v>
      </c>
      <c r="X14320" s="2">
        <v>159.1</v>
      </c>
      <c r="Y14320" s="2">
        <v>7.6</v>
      </c>
      <c r="Z14320" s="2">
        <v>16.7</v>
      </c>
      <c r="AA14320" s="5"/>
      <c r="AB14320" s="5" t="s">
        <v>43</v>
      </c>
      <c r="AC14320" s="5" t="s">
        <v>44</v>
      </c>
      <c r="AD14320" s="2"/>
      <c r="AE14320" s="1"/>
    </row>
    <row r="14321" spans="1:31" ht="14.45">
      <c r="A14321" s="11"/>
      <c r="B14321" s="20"/>
      <c r="C14321" s="2" t="s">
        <v>43914</v>
      </c>
      <c r="D14321" s="14" t="s">
        <v>43915</v>
      </c>
      <c r="E14321" s="2" t="s">
        <v>43916</v>
      </c>
      <c r="F14321" s="2" t="s">
        <v>40971</v>
      </c>
      <c r="G14321" s="8">
        <v>227</v>
      </c>
      <c r="H14321" s="5">
        <v>6</v>
      </c>
      <c r="I14321" s="5" t="s">
        <v>1518</v>
      </c>
      <c r="J14321" s="5" t="s">
        <v>40939</v>
      </c>
      <c r="K14321" s="2" t="s">
        <v>40940</v>
      </c>
      <c r="L14321" s="5" t="s">
        <v>40939</v>
      </c>
      <c r="M14321" s="2" t="s">
        <v>40940</v>
      </c>
      <c r="N14321" s="5" t="s">
        <v>36266</v>
      </c>
      <c r="O14321" s="5" t="s">
        <v>38</v>
      </c>
      <c r="P14321" s="5" t="s">
        <v>39</v>
      </c>
      <c r="Q14321" s="5" t="s">
        <v>40</v>
      </c>
      <c r="R14321" s="5" t="s">
        <v>1522</v>
      </c>
      <c r="S14321" s="5" t="s">
        <v>1523</v>
      </c>
      <c r="T14321" s="5" t="s">
        <v>42</v>
      </c>
      <c r="U14321" s="2">
        <v>1.887</v>
      </c>
      <c r="V14321" s="2">
        <v>1.2689999999999999</v>
      </c>
      <c r="W14321" s="2">
        <v>0.02</v>
      </c>
      <c r="X14321" s="2">
        <v>159.1</v>
      </c>
      <c r="Y14321" s="2">
        <v>7.6</v>
      </c>
      <c r="Z14321" s="2">
        <v>16.7</v>
      </c>
      <c r="AA14321" s="5"/>
      <c r="AB14321" s="5" t="s">
        <v>43</v>
      </c>
      <c r="AC14321" s="5" t="s">
        <v>44</v>
      </c>
      <c r="AD14321" s="2"/>
      <c r="AE14321" s="1"/>
    </row>
    <row r="14322" spans="1:31" ht="14.45">
      <c r="A14322" s="11"/>
      <c r="B14322" s="20"/>
      <c r="C14322" s="2" t="s">
        <v>43917</v>
      </c>
      <c r="D14322" s="14" t="s">
        <v>43918</v>
      </c>
      <c r="E14322" s="2" t="s">
        <v>43919</v>
      </c>
      <c r="F14322" s="2" t="s">
        <v>40975</v>
      </c>
      <c r="G14322" s="8">
        <v>227</v>
      </c>
      <c r="H14322" s="5">
        <v>6</v>
      </c>
      <c r="I14322" s="5" t="s">
        <v>1518</v>
      </c>
      <c r="J14322" s="5" t="s">
        <v>40939</v>
      </c>
      <c r="K14322" s="2" t="s">
        <v>40940</v>
      </c>
      <c r="L14322" s="5" t="s">
        <v>40939</v>
      </c>
      <c r="M14322" s="2" t="s">
        <v>40940</v>
      </c>
      <c r="N14322" s="5" t="s">
        <v>36266</v>
      </c>
      <c r="O14322" s="5" t="s">
        <v>38</v>
      </c>
      <c r="P14322" s="5" t="s">
        <v>39</v>
      </c>
      <c r="Q14322" s="5" t="s">
        <v>40</v>
      </c>
      <c r="R14322" s="5" t="s">
        <v>1522</v>
      </c>
      <c r="S14322" s="5" t="s">
        <v>1523</v>
      </c>
      <c r="T14322" s="5" t="s">
        <v>42</v>
      </c>
      <c r="U14322" s="2">
        <v>1.873</v>
      </c>
      <c r="V14322" s="2">
        <v>1.2549999999999999</v>
      </c>
      <c r="W14322" s="2">
        <v>0.02</v>
      </c>
      <c r="X14322" s="2">
        <v>159.1</v>
      </c>
      <c r="Y14322" s="2">
        <v>7.6</v>
      </c>
      <c r="Z14322" s="2">
        <v>16.7</v>
      </c>
      <c r="AA14322" s="5"/>
      <c r="AB14322" s="5" t="s">
        <v>43</v>
      </c>
      <c r="AC14322" s="5" t="s">
        <v>44</v>
      </c>
      <c r="AD14322" s="2"/>
      <c r="AE14322" s="1"/>
    </row>
    <row r="14323" spans="1:31" ht="14.45">
      <c r="A14323" s="11"/>
      <c r="B14323" s="20"/>
      <c r="C14323" s="2" t="s">
        <v>43920</v>
      </c>
      <c r="D14323" s="14" t="s">
        <v>43921</v>
      </c>
      <c r="E14323" s="2" t="s">
        <v>43922</v>
      </c>
      <c r="F14323" s="2" t="s">
        <v>40989</v>
      </c>
      <c r="G14323" s="8">
        <v>227</v>
      </c>
      <c r="H14323" s="5">
        <v>6</v>
      </c>
      <c r="I14323" s="5" t="s">
        <v>1518</v>
      </c>
      <c r="J14323" s="5" t="s">
        <v>40939</v>
      </c>
      <c r="K14323" s="2" t="s">
        <v>40940</v>
      </c>
      <c r="L14323" s="5" t="s">
        <v>40939</v>
      </c>
      <c r="M14323" s="2" t="s">
        <v>40940</v>
      </c>
      <c r="N14323" s="5" t="s">
        <v>36266</v>
      </c>
      <c r="O14323" s="5" t="s">
        <v>38</v>
      </c>
      <c r="P14323" s="5" t="s">
        <v>39</v>
      </c>
      <c r="Q14323" s="5" t="s">
        <v>40</v>
      </c>
      <c r="R14323" s="5" t="s">
        <v>1522</v>
      </c>
      <c r="S14323" s="5" t="s">
        <v>1523</v>
      </c>
      <c r="T14323" s="5" t="s">
        <v>42</v>
      </c>
      <c r="U14323" s="2">
        <v>1.873</v>
      </c>
      <c r="V14323" s="2">
        <v>1.2549999999999999</v>
      </c>
      <c r="W14323" s="2">
        <v>0.02</v>
      </c>
      <c r="X14323" s="2">
        <v>159.1</v>
      </c>
      <c r="Y14323" s="2">
        <v>7.6</v>
      </c>
      <c r="Z14323" s="2">
        <v>16.7</v>
      </c>
      <c r="AA14323" s="5"/>
      <c r="AB14323" s="5" t="s">
        <v>43</v>
      </c>
      <c r="AC14323" s="5" t="s">
        <v>44</v>
      </c>
      <c r="AD14323" s="2"/>
      <c r="AE14323" s="1"/>
    </row>
    <row r="14324" spans="1:31" ht="14.45">
      <c r="A14324" s="11"/>
      <c r="B14324" s="20"/>
      <c r="C14324" s="2" t="s">
        <v>43923</v>
      </c>
      <c r="D14324" s="14" t="s">
        <v>43924</v>
      </c>
      <c r="E14324" s="2" t="s">
        <v>43925</v>
      </c>
      <c r="F14324" s="2" t="s">
        <v>40993</v>
      </c>
      <c r="G14324" s="8">
        <v>227</v>
      </c>
      <c r="H14324" s="5">
        <v>6</v>
      </c>
      <c r="I14324" s="5" t="s">
        <v>1518</v>
      </c>
      <c r="J14324" s="5" t="s">
        <v>40939</v>
      </c>
      <c r="K14324" s="2" t="s">
        <v>40940</v>
      </c>
      <c r="L14324" s="5" t="s">
        <v>40939</v>
      </c>
      <c r="M14324" s="2" t="s">
        <v>40940</v>
      </c>
      <c r="N14324" s="5" t="s">
        <v>36266</v>
      </c>
      <c r="O14324" s="5" t="s">
        <v>38</v>
      </c>
      <c r="P14324" s="5" t="s">
        <v>39</v>
      </c>
      <c r="Q14324" s="5" t="s">
        <v>40</v>
      </c>
      <c r="R14324" s="5" t="s">
        <v>1522</v>
      </c>
      <c r="S14324" s="5" t="s">
        <v>1523</v>
      </c>
      <c r="T14324" s="5" t="s">
        <v>42</v>
      </c>
      <c r="U14324" s="2">
        <v>1.887</v>
      </c>
      <c r="V14324" s="2">
        <v>1.2689999999999999</v>
      </c>
      <c r="W14324" s="2">
        <v>0.02</v>
      </c>
      <c r="X14324" s="2">
        <v>159.1</v>
      </c>
      <c r="Y14324" s="2">
        <v>7.6</v>
      </c>
      <c r="Z14324" s="2">
        <v>16.7</v>
      </c>
      <c r="AA14324" s="5"/>
      <c r="AB14324" s="5" t="s">
        <v>43</v>
      </c>
      <c r="AC14324" s="5" t="s">
        <v>44</v>
      </c>
      <c r="AD14324" s="2"/>
      <c r="AE14324" s="1"/>
    </row>
    <row r="14325" spans="1:31" ht="14.45">
      <c r="A14325" s="11"/>
      <c r="B14325" s="20"/>
      <c r="C14325" s="2" t="s">
        <v>43926</v>
      </c>
      <c r="D14325" s="14" t="s">
        <v>43927</v>
      </c>
      <c r="E14325" s="2" t="s">
        <v>43928</v>
      </c>
      <c r="F14325" s="2" t="s">
        <v>40997</v>
      </c>
      <c r="G14325" s="8">
        <v>227</v>
      </c>
      <c r="H14325" s="5">
        <v>6</v>
      </c>
      <c r="I14325" s="5" t="s">
        <v>1518</v>
      </c>
      <c r="J14325" s="5" t="s">
        <v>40939</v>
      </c>
      <c r="K14325" s="2" t="s">
        <v>40940</v>
      </c>
      <c r="L14325" s="5" t="s">
        <v>40939</v>
      </c>
      <c r="M14325" s="2" t="s">
        <v>40940</v>
      </c>
      <c r="N14325" s="5" t="s">
        <v>36266</v>
      </c>
      <c r="O14325" s="5" t="s">
        <v>38</v>
      </c>
      <c r="P14325" s="5" t="s">
        <v>39</v>
      </c>
      <c r="Q14325" s="5" t="s">
        <v>40</v>
      </c>
      <c r="R14325" s="5" t="s">
        <v>1522</v>
      </c>
      <c r="S14325" s="5" t="s">
        <v>1523</v>
      </c>
      <c r="T14325" s="5" t="s">
        <v>42</v>
      </c>
      <c r="U14325" s="2">
        <v>1.8149999999999999</v>
      </c>
      <c r="V14325" s="2">
        <v>1.1970000000000001</v>
      </c>
      <c r="W14325" s="2">
        <v>0.02</v>
      </c>
      <c r="X14325" s="2">
        <v>159.1</v>
      </c>
      <c r="Y14325" s="2">
        <v>7.6</v>
      </c>
      <c r="Z14325" s="2">
        <v>16.7</v>
      </c>
      <c r="AA14325" s="5"/>
      <c r="AB14325" s="5" t="s">
        <v>43</v>
      </c>
      <c r="AC14325" s="5" t="s">
        <v>44</v>
      </c>
      <c r="AD14325" s="2"/>
      <c r="AE14325" s="1"/>
    </row>
    <row r="14326" spans="1:31" ht="14.45">
      <c r="A14326" s="11"/>
      <c r="B14326" s="20"/>
      <c r="C14326" s="2" t="s">
        <v>43929</v>
      </c>
      <c r="D14326" s="14" t="s">
        <v>43930</v>
      </c>
      <c r="E14326" s="2" t="s">
        <v>43931</v>
      </c>
      <c r="F14326" s="2" t="s">
        <v>41267</v>
      </c>
      <c r="G14326" s="8">
        <v>227</v>
      </c>
      <c r="H14326" s="5">
        <v>6</v>
      </c>
      <c r="I14326" s="5" t="s">
        <v>1518</v>
      </c>
      <c r="J14326" s="5" t="s">
        <v>40939</v>
      </c>
      <c r="K14326" s="2" t="s">
        <v>40940</v>
      </c>
      <c r="L14326" s="5" t="s">
        <v>40939</v>
      </c>
      <c r="M14326" s="2" t="s">
        <v>40940</v>
      </c>
      <c r="N14326" s="5" t="s">
        <v>36266</v>
      </c>
      <c r="O14326" s="5" t="s">
        <v>38</v>
      </c>
      <c r="P14326" s="5" t="s">
        <v>39</v>
      </c>
      <c r="Q14326" s="5" t="s">
        <v>40</v>
      </c>
      <c r="R14326" s="5" t="s">
        <v>1522</v>
      </c>
      <c r="S14326" s="5" t="s">
        <v>1523</v>
      </c>
      <c r="T14326" s="5" t="s">
        <v>42</v>
      </c>
      <c r="U14326" s="2">
        <v>1.829</v>
      </c>
      <c r="V14326" s="2">
        <v>1.2110000000000001</v>
      </c>
      <c r="W14326" s="2">
        <v>0.02</v>
      </c>
      <c r="X14326" s="2">
        <v>159.1</v>
      </c>
      <c r="Y14326" s="2">
        <v>7.6</v>
      </c>
      <c r="Z14326" s="2">
        <v>16.7</v>
      </c>
      <c r="AA14326" s="5"/>
      <c r="AB14326" s="5" t="s">
        <v>43</v>
      </c>
      <c r="AC14326" s="5" t="s">
        <v>44</v>
      </c>
      <c r="AD14326" s="2"/>
      <c r="AE14326" s="1"/>
    </row>
    <row r="14327" spans="1:31" ht="14.45">
      <c r="A14327" s="11"/>
      <c r="B14327" s="20"/>
      <c r="C14327" s="2" t="s">
        <v>43932</v>
      </c>
      <c r="D14327" s="14" t="s">
        <v>43933</v>
      </c>
      <c r="E14327" s="2" t="s">
        <v>43934</v>
      </c>
      <c r="F14327" s="2" t="s">
        <v>41001</v>
      </c>
      <c r="G14327" s="8">
        <v>227</v>
      </c>
      <c r="H14327" s="5">
        <v>6</v>
      </c>
      <c r="I14327" s="5" t="s">
        <v>1518</v>
      </c>
      <c r="J14327" s="5" t="s">
        <v>40939</v>
      </c>
      <c r="K14327" s="2" t="s">
        <v>40940</v>
      </c>
      <c r="L14327" s="5" t="s">
        <v>40939</v>
      </c>
      <c r="M14327" s="2" t="s">
        <v>40940</v>
      </c>
      <c r="N14327" s="5" t="s">
        <v>36266</v>
      </c>
      <c r="O14327" s="5" t="s">
        <v>38</v>
      </c>
      <c r="P14327" s="5" t="s">
        <v>39</v>
      </c>
      <c r="Q14327" s="5" t="s">
        <v>40</v>
      </c>
      <c r="R14327" s="5" t="s">
        <v>1522</v>
      </c>
      <c r="S14327" s="5" t="s">
        <v>1523</v>
      </c>
      <c r="T14327" s="5" t="s">
        <v>42</v>
      </c>
      <c r="U14327" s="2">
        <v>1.873</v>
      </c>
      <c r="V14327" s="2">
        <v>1.2549999999999999</v>
      </c>
      <c r="W14327" s="2">
        <v>0.02</v>
      </c>
      <c r="X14327" s="2">
        <v>159.1</v>
      </c>
      <c r="Y14327" s="2">
        <v>7.6</v>
      </c>
      <c r="Z14327" s="2">
        <v>16.7</v>
      </c>
      <c r="AA14327" s="5"/>
      <c r="AB14327" s="5" t="s">
        <v>43</v>
      </c>
      <c r="AC14327" s="5" t="s">
        <v>44</v>
      </c>
      <c r="AD14327" s="2"/>
      <c r="AE14327" s="1"/>
    </row>
    <row r="14328" spans="1:31" ht="14.45">
      <c r="A14328" s="11"/>
      <c r="B14328" s="20"/>
      <c r="C14328" s="2" t="s">
        <v>43935</v>
      </c>
      <c r="D14328" s="14" t="s">
        <v>43936</v>
      </c>
      <c r="E14328" s="2" t="s">
        <v>43937</v>
      </c>
      <c r="F14328" s="2" t="s">
        <v>41005</v>
      </c>
      <c r="G14328" s="8">
        <v>227</v>
      </c>
      <c r="H14328" s="5">
        <v>6</v>
      </c>
      <c r="I14328" s="5" t="s">
        <v>1518</v>
      </c>
      <c r="J14328" s="5" t="s">
        <v>40939</v>
      </c>
      <c r="K14328" s="2" t="s">
        <v>40940</v>
      </c>
      <c r="L14328" s="5" t="s">
        <v>40939</v>
      </c>
      <c r="M14328" s="2" t="s">
        <v>40940</v>
      </c>
      <c r="N14328" s="5" t="s">
        <v>36266</v>
      </c>
      <c r="O14328" s="5" t="s">
        <v>38</v>
      </c>
      <c r="P14328" s="5" t="s">
        <v>39</v>
      </c>
      <c r="Q14328" s="5" t="s">
        <v>40</v>
      </c>
      <c r="R14328" s="5" t="s">
        <v>1522</v>
      </c>
      <c r="S14328" s="5" t="s">
        <v>1523</v>
      </c>
      <c r="T14328" s="5" t="s">
        <v>42</v>
      </c>
      <c r="U14328" s="2">
        <v>1.887</v>
      </c>
      <c r="V14328" s="2">
        <v>1.2689999999999999</v>
      </c>
      <c r="W14328" s="2">
        <v>0.02</v>
      </c>
      <c r="X14328" s="2">
        <v>159.1</v>
      </c>
      <c r="Y14328" s="2">
        <v>7.6</v>
      </c>
      <c r="Z14328" s="2">
        <v>16.7</v>
      </c>
      <c r="AA14328" s="5"/>
      <c r="AB14328" s="5" t="s">
        <v>43</v>
      </c>
      <c r="AC14328" s="5" t="s">
        <v>44</v>
      </c>
      <c r="AD14328" s="2"/>
      <c r="AE14328" s="1"/>
    </row>
    <row r="14329" spans="1:31" ht="14.45">
      <c r="A14329" s="11"/>
      <c r="B14329" s="20"/>
      <c r="C14329" s="2" t="s">
        <v>43938</v>
      </c>
      <c r="D14329" s="14" t="s">
        <v>43939</v>
      </c>
      <c r="E14329" s="2" t="s">
        <v>43940</v>
      </c>
      <c r="F14329" s="2" t="s">
        <v>41009</v>
      </c>
      <c r="G14329" s="8">
        <v>227</v>
      </c>
      <c r="H14329" s="5">
        <v>6</v>
      </c>
      <c r="I14329" s="5" t="s">
        <v>1518</v>
      </c>
      <c r="J14329" s="5" t="s">
        <v>40939</v>
      </c>
      <c r="K14329" s="2" t="s">
        <v>40940</v>
      </c>
      <c r="L14329" s="5" t="s">
        <v>40939</v>
      </c>
      <c r="M14329" s="2" t="s">
        <v>40940</v>
      </c>
      <c r="N14329" s="5" t="s">
        <v>36266</v>
      </c>
      <c r="O14329" s="5" t="s">
        <v>38</v>
      </c>
      <c r="P14329" s="5" t="s">
        <v>39</v>
      </c>
      <c r="Q14329" s="5" t="s">
        <v>40</v>
      </c>
      <c r="R14329" s="5" t="s">
        <v>1522</v>
      </c>
      <c r="S14329" s="5" t="s">
        <v>1523</v>
      </c>
      <c r="T14329" s="5" t="s">
        <v>42</v>
      </c>
      <c r="U14329" s="2">
        <v>1.887</v>
      </c>
      <c r="V14329" s="2">
        <v>1.2689999999999999</v>
      </c>
      <c r="W14329" s="2">
        <v>0.02</v>
      </c>
      <c r="X14329" s="2">
        <v>159.1</v>
      </c>
      <c r="Y14329" s="2">
        <v>7.6</v>
      </c>
      <c r="Z14329" s="2">
        <v>16.7</v>
      </c>
      <c r="AA14329" s="5"/>
      <c r="AB14329" s="5" t="s">
        <v>43</v>
      </c>
      <c r="AC14329" s="5" t="s">
        <v>44</v>
      </c>
      <c r="AD14329" s="2"/>
      <c r="AE14329" s="1"/>
    </row>
    <row r="14330" spans="1:31" ht="14.45">
      <c r="A14330" s="11"/>
      <c r="B14330" s="20"/>
      <c r="C14330" s="2" t="s">
        <v>43941</v>
      </c>
      <c r="D14330" s="14" t="s">
        <v>43942</v>
      </c>
      <c r="E14330" s="2" t="s">
        <v>43943</v>
      </c>
      <c r="F14330" s="2" t="s">
        <v>41013</v>
      </c>
      <c r="G14330" s="8">
        <v>227</v>
      </c>
      <c r="H14330" s="5">
        <v>6</v>
      </c>
      <c r="I14330" s="5" t="s">
        <v>1518</v>
      </c>
      <c r="J14330" s="5" t="s">
        <v>40939</v>
      </c>
      <c r="K14330" s="2" t="s">
        <v>40940</v>
      </c>
      <c r="L14330" s="5" t="s">
        <v>40939</v>
      </c>
      <c r="M14330" s="2" t="s">
        <v>40940</v>
      </c>
      <c r="N14330" s="5" t="s">
        <v>36266</v>
      </c>
      <c r="O14330" s="5" t="s">
        <v>38</v>
      </c>
      <c r="P14330" s="5" t="s">
        <v>39</v>
      </c>
      <c r="Q14330" s="5" t="s">
        <v>40</v>
      </c>
      <c r="R14330" s="5" t="s">
        <v>1522</v>
      </c>
      <c r="S14330" s="5" t="s">
        <v>1523</v>
      </c>
      <c r="T14330" s="5" t="s">
        <v>42</v>
      </c>
      <c r="U14330" s="2">
        <v>1.901</v>
      </c>
      <c r="V14330" s="2">
        <v>1.2829999999999999</v>
      </c>
      <c r="W14330" s="2">
        <v>0.02</v>
      </c>
      <c r="X14330" s="2">
        <v>159.1</v>
      </c>
      <c r="Y14330" s="2">
        <v>7.6</v>
      </c>
      <c r="Z14330" s="2">
        <v>16.7</v>
      </c>
      <c r="AA14330" s="5"/>
      <c r="AB14330" s="5" t="s">
        <v>43</v>
      </c>
      <c r="AC14330" s="5" t="s">
        <v>44</v>
      </c>
      <c r="AD14330" s="2"/>
      <c r="AE14330" s="1"/>
    </row>
    <row r="14331" spans="1:31" ht="14.45">
      <c r="A14331" s="11"/>
      <c r="B14331" s="20"/>
      <c r="C14331" s="2" t="s">
        <v>43944</v>
      </c>
      <c r="D14331" s="14" t="s">
        <v>43945</v>
      </c>
      <c r="E14331" s="2" t="s">
        <v>43946</v>
      </c>
      <c r="F14331" s="2" t="s">
        <v>7396</v>
      </c>
      <c r="G14331" s="8">
        <v>197</v>
      </c>
      <c r="H14331" s="5">
        <v>6</v>
      </c>
      <c r="I14331" s="5" t="s">
        <v>1518</v>
      </c>
      <c r="J14331" s="5" t="s">
        <v>40939</v>
      </c>
      <c r="K14331" s="2" t="s">
        <v>40940</v>
      </c>
      <c r="L14331" s="5" t="s">
        <v>40939</v>
      </c>
      <c r="M14331" s="2" t="s">
        <v>40940</v>
      </c>
      <c r="N14331" s="5" t="s">
        <v>36266</v>
      </c>
      <c r="O14331" s="5" t="s">
        <v>38</v>
      </c>
      <c r="P14331" s="5" t="s">
        <v>39</v>
      </c>
      <c r="Q14331" s="5" t="s">
        <v>40</v>
      </c>
      <c r="R14331" s="5" t="s">
        <v>1522</v>
      </c>
      <c r="S14331" s="5" t="s">
        <v>1523</v>
      </c>
      <c r="T14331" s="5" t="s">
        <v>42</v>
      </c>
      <c r="U14331" s="2">
        <v>1.887</v>
      </c>
      <c r="V14331" s="2">
        <v>1.2689999999999999</v>
      </c>
      <c r="W14331" s="2">
        <v>0.02</v>
      </c>
      <c r="X14331" s="2">
        <v>159.1</v>
      </c>
      <c r="Y14331" s="2">
        <v>7.6</v>
      </c>
      <c r="Z14331" s="2">
        <v>16.7</v>
      </c>
      <c r="AA14331" s="5"/>
      <c r="AB14331" s="5" t="s">
        <v>43</v>
      </c>
      <c r="AC14331" s="5" t="s">
        <v>44</v>
      </c>
      <c r="AD14331" s="2"/>
      <c r="AE14331" s="1"/>
    </row>
    <row r="14332" spans="1:31" ht="14.45">
      <c r="A14332" s="11"/>
      <c r="B14332" s="20"/>
      <c r="C14332" s="2" t="s">
        <v>43947</v>
      </c>
      <c r="D14332" s="14" t="s">
        <v>43948</v>
      </c>
      <c r="E14332" s="2" t="s">
        <v>43949</v>
      </c>
      <c r="F14332" s="2" t="s">
        <v>7507</v>
      </c>
      <c r="G14332" s="8">
        <v>197</v>
      </c>
      <c r="H14332" s="5">
        <v>6</v>
      </c>
      <c r="I14332" s="5" t="s">
        <v>1518</v>
      </c>
      <c r="J14332" s="5" t="s">
        <v>40939</v>
      </c>
      <c r="K14332" s="2" t="s">
        <v>40940</v>
      </c>
      <c r="L14332" s="5" t="s">
        <v>40939</v>
      </c>
      <c r="M14332" s="2" t="s">
        <v>40940</v>
      </c>
      <c r="N14332" s="5" t="s">
        <v>36266</v>
      </c>
      <c r="O14332" s="5" t="s">
        <v>38</v>
      </c>
      <c r="P14332" s="5" t="s">
        <v>39</v>
      </c>
      <c r="Q14332" s="5" t="s">
        <v>40</v>
      </c>
      <c r="R14332" s="5" t="s">
        <v>1522</v>
      </c>
      <c r="S14332" s="5" t="s">
        <v>1523</v>
      </c>
      <c r="T14332" s="5" t="s">
        <v>42</v>
      </c>
      <c r="U14332" s="2">
        <v>1.901</v>
      </c>
      <c r="V14332" s="2">
        <v>1.2829999999999999</v>
      </c>
      <c r="W14332" s="2">
        <v>0.02</v>
      </c>
      <c r="X14332" s="2">
        <v>159.1</v>
      </c>
      <c r="Y14332" s="2">
        <v>7.6</v>
      </c>
      <c r="Z14332" s="2">
        <v>16.7</v>
      </c>
      <c r="AA14332" s="5"/>
      <c r="AB14332" s="5" t="s">
        <v>43</v>
      </c>
      <c r="AC14332" s="5" t="s">
        <v>44</v>
      </c>
      <c r="AD14332" s="2"/>
      <c r="AE14332" s="1"/>
    </row>
    <row r="14333" spans="1:31" ht="14.45">
      <c r="A14333" s="11"/>
      <c r="B14333" s="20"/>
      <c r="C14333" s="2" t="s">
        <v>43950</v>
      </c>
      <c r="D14333" s="14" t="s">
        <v>43951</v>
      </c>
      <c r="E14333" s="2" t="s">
        <v>43952</v>
      </c>
      <c r="F14333" s="2" t="s">
        <v>41023</v>
      </c>
      <c r="G14333" s="8">
        <v>227</v>
      </c>
      <c r="H14333" s="5">
        <v>6</v>
      </c>
      <c r="I14333" s="5" t="s">
        <v>1518</v>
      </c>
      <c r="J14333" s="5" t="s">
        <v>40939</v>
      </c>
      <c r="K14333" s="2" t="s">
        <v>40940</v>
      </c>
      <c r="L14333" s="5" t="s">
        <v>40939</v>
      </c>
      <c r="M14333" s="2" t="s">
        <v>40940</v>
      </c>
      <c r="N14333" s="5" t="s">
        <v>36266</v>
      </c>
      <c r="O14333" s="5" t="s">
        <v>38</v>
      </c>
      <c r="P14333" s="5" t="s">
        <v>39</v>
      </c>
      <c r="Q14333" s="5" t="s">
        <v>40</v>
      </c>
      <c r="R14333" s="5" t="s">
        <v>1522</v>
      </c>
      <c r="S14333" s="5" t="s">
        <v>1523</v>
      </c>
      <c r="T14333" s="5" t="s">
        <v>42</v>
      </c>
      <c r="U14333" s="2">
        <v>1.8149999999999999</v>
      </c>
      <c r="V14333" s="2">
        <v>1.1970000000000001</v>
      </c>
      <c r="W14333" s="2">
        <v>0.02</v>
      </c>
      <c r="X14333" s="2">
        <v>159.1</v>
      </c>
      <c r="Y14333" s="2">
        <v>7.6</v>
      </c>
      <c r="Z14333" s="2">
        <v>16.7</v>
      </c>
      <c r="AA14333" s="5"/>
      <c r="AB14333" s="5" t="s">
        <v>43</v>
      </c>
      <c r="AC14333" s="5" t="s">
        <v>44</v>
      </c>
      <c r="AD14333" s="2"/>
      <c r="AE14333" s="1"/>
    </row>
    <row r="14334" spans="1:31" ht="14.45">
      <c r="A14334" s="11"/>
      <c r="B14334" s="20"/>
      <c r="C14334" s="2" t="s">
        <v>43953</v>
      </c>
      <c r="D14334" s="14" t="s">
        <v>43954</v>
      </c>
      <c r="E14334" s="2" t="s">
        <v>43955</v>
      </c>
      <c r="F14334" s="2" t="s">
        <v>41027</v>
      </c>
      <c r="G14334" s="8">
        <v>227</v>
      </c>
      <c r="H14334" s="5">
        <v>6</v>
      </c>
      <c r="I14334" s="5" t="s">
        <v>1518</v>
      </c>
      <c r="J14334" s="5" t="s">
        <v>40939</v>
      </c>
      <c r="K14334" s="2" t="s">
        <v>40940</v>
      </c>
      <c r="L14334" s="5" t="s">
        <v>40939</v>
      </c>
      <c r="M14334" s="2" t="s">
        <v>40940</v>
      </c>
      <c r="N14334" s="5" t="s">
        <v>36266</v>
      </c>
      <c r="O14334" s="5" t="s">
        <v>38</v>
      </c>
      <c r="P14334" s="5" t="s">
        <v>39</v>
      </c>
      <c r="Q14334" s="5" t="s">
        <v>40</v>
      </c>
      <c r="R14334" s="5" t="s">
        <v>1522</v>
      </c>
      <c r="S14334" s="5" t="s">
        <v>1523</v>
      </c>
      <c r="T14334" s="5" t="s">
        <v>42</v>
      </c>
      <c r="U14334" s="2">
        <v>1.829</v>
      </c>
      <c r="V14334" s="2">
        <v>1.2110000000000001</v>
      </c>
      <c r="W14334" s="2">
        <v>0.02</v>
      </c>
      <c r="X14334" s="2">
        <v>159.1</v>
      </c>
      <c r="Y14334" s="2">
        <v>7.6</v>
      </c>
      <c r="Z14334" s="2">
        <v>16.7</v>
      </c>
      <c r="AA14334" s="5"/>
      <c r="AB14334" s="5" t="s">
        <v>43</v>
      </c>
      <c r="AC14334" s="5" t="s">
        <v>44</v>
      </c>
      <c r="AD14334" s="2"/>
      <c r="AE14334" s="1"/>
    </row>
    <row r="14335" spans="1:31" ht="14.45">
      <c r="A14335" s="11"/>
      <c r="B14335" s="20"/>
      <c r="C14335" s="2" t="s">
        <v>43956</v>
      </c>
      <c r="D14335" s="14" t="s">
        <v>43957</v>
      </c>
      <c r="E14335" s="2" t="s">
        <v>43958</v>
      </c>
      <c r="F14335" s="2" t="s">
        <v>41031</v>
      </c>
      <c r="G14335" s="8">
        <v>227</v>
      </c>
      <c r="H14335" s="5">
        <v>6</v>
      </c>
      <c r="I14335" s="5" t="s">
        <v>1518</v>
      </c>
      <c r="J14335" s="5" t="s">
        <v>40939</v>
      </c>
      <c r="K14335" s="2" t="s">
        <v>40940</v>
      </c>
      <c r="L14335" s="5" t="s">
        <v>40939</v>
      </c>
      <c r="M14335" s="2" t="s">
        <v>40940</v>
      </c>
      <c r="N14335" s="5" t="s">
        <v>36266</v>
      </c>
      <c r="O14335" s="5" t="s">
        <v>38</v>
      </c>
      <c r="P14335" s="5" t="s">
        <v>39</v>
      </c>
      <c r="Q14335" s="5" t="s">
        <v>40</v>
      </c>
      <c r="R14335" s="5" t="s">
        <v>1522</v>
      </c>
      <c r="S14335" s="5" t="s">
        <v>1523</v>
      </c>
      <c r="T14335" s="5" t="s">
        <v>42</v>
      </c>
      <c r="U14335" s="2">
        <v>1.8149999999999999</v>
      </c>
      <c r="V14335" s="2">
        <v>1.1970000000000001</v>
      </c>
      <c r="W14335" s="2">
        <v>0.02</v>
      </c>
      <c r="X14335" s="2">
        <v>159.1</v>
      </c>
      <c r="Y14335" s="2">
        <v>7.6</v>
      </c>
      <c r="Z14335" s="2">
        <v>16.7</v>
      </c>
      <c r="AA14335" s="5"/>
      <c r="AB14335" s="5" t="s">
        <v>43</v>
      </c>
      <c r="AC14335" s="5" t="s">
        <v>44</v>
      </c>
      <c r="AD14335" s="2"/>
      <c r="AE14335" s="1"/>
    </row>
    <row r="14336" spans="1:31" ht="14.45">
      <c r="A14336" s="11"/>
      <c r="B14336" s="20"/>
      <c r="C14336" s="2" t="s">
        <v>43959</v>
      </c>
      <c r="D14336" s="14" t="s">
        <v>43960</v>
      </c>
      <c r="E14336" s="2" t="s">
        <v>43961</v>
      </c>
      <c r="F14336" s="2" t="s">
        <v>41035</v>
      </c>
      <c r="G14336" s="8">
        <v>227</v>
      </c>
      <c r="H14336" s="5">
        <v>6</v>
      </c>
      <c r="I14336" s="5" t="s">
        <v>1518</v>
      </c>
      <c r="J14336" s="5" t="s">
        <v>40939</v>
      </c>
      <c r="K14336" s="2" t="s">
        <v>40940</v>
      </c>
      <c r="L14336" s="5" t="s">
        <v>40939</v>
      </c>
      <c r="M14336" s="2" t="s">
        <v>40940</v>
      </c>
      <c r="N14336" s="5" t="s">
        <v>36266</v>
      </c>
      <c r="O14336" s="5" t="s">
        <v>38</v>
      </c>
      <c r="P14336" s="5" t="s">
        <v>39</v>
      </c>
      <c r="Q14336" s="5" t="s">
        <v>40</v>
      </c>
      <c r="R14336" s="5" t="s">
        <v>1522</v>
      </c>
      <c r="S14336" s="5" t="s">
        <v>1523</v>
      </c>
      <c r="T14336" s="5" t="s">
        <v>42</v>
      </c>
      <c r="U14336" s="2">
        <v>1.829</v>
      </c>
      <c r="V14336" s="2">
        <v>1.2110000000000001</v>
      </c>
      <c r="W14336" s="2">
        <v>0.02</v>
      </c>
      <c r="X14336" s="2">
        <v>159.1</v>
      </c>
      <c r="Y14336" s="2">
        <v>7.6</v>
      </c>
      <c r="Z14336" s="2">
        <v>16.7</v>
      </c>
      <c r="AA14336" s="5"/>
      <c r="AB14336" s="5" t="s">
        <v>43</v>
      </c>
      <c r="AC14336" s="5" t="s">
        <v>44</v>
      </c>
      <c r="AD14336" s="2"/>
      <c r="AE14336" s="1"/>
    </row>
    <row r="14337" spans="1:31" ht="14.45">
      <c r="A14337" s="11"/>
      <c r="B14337" s="20"/>
      <c r="C14337" s="2" t="s">
        <v>43962</v>
      </c>
      <c r="D14337" s="14" t="s">
        <v>43963</v>
      </c>
      <c r="E14337" s="2" t="s">
        <v>43964</v>
      </c>
      <c r="F14337" s="2" t="s">
        <v>7581</v>
      </c>
      <c r="G14337" s="8">
        <v>227</v>
      </c>
      <c r="H14337" s="5">
        <v>6</v>
      </c>
      <c r="I14337" s="5" t="s">
        <v>1518</v>
      </c>
      <c r="J14337" s="5" t="s">
        <v>40939</v>
      </c>
      <c r="K14337" s="2" t="s">
        <v>40940</v>
      </c>
      <c r="L14337" s="5" t="s">
        <v>40939</v>
      </c>
      <c r="M14337" s="2" t="s">
        <v>40940</v>
      </c>
      <c r="N14337" s="5" t="s">
        <v>36266</v>
      </c>
      <c r="O14337" s="5" t="s">
        <v>38</v>
      </c>
      <c r="P14337" s="5" t="s">
        <v>39</v>
      </c>
      <c r="Q14337" s="5" t="s">
        <v>40</v>
      </c>
      <c r="R14337" s="5" t="s">
        <v>1522</v>
      </c>
      <c r="S14337" s="5" t="s">
        <v>1523</v>
      </c>
      <c r="T14337" s="5" t="s">
        <v>42</v>
      </c>
      <c r="U14337" s="2">
        <v>1.829</v>
      </c>
      <c r="V14337" s="2">
        <v>1.2110000000000001</v>
      </c>
      <c r="W14337" s="2">
        <v>0.02</v>
      </c>
      <c r="X14337" s="2">
        <v>159.1</v>
      </c>
      <c r="Y14337" s="2">
        <v>7.6</v>
      </c>
      <c r="Z14337" s="2">
        <v>16.7</v>
      </c>
      <c r="AA14337" s="5"/>
      <c r="AB14337" s="5" t="s">
        <v>43</v>
      </c>
      <c r="AC14337" s="5" t="s">
        <v>44</v>
      </c>
      <c r="AD14337" s="2"/>
      <c r="AE14337" s="1"/>
    </row>
    <row r="14338" spans="1:31" ht="14.45">
      <c r="A14338" s="11"/>
      <c r="B14338" s="20"/>
      <c r="C14338" s="2" t="s">
        <v>43965</v>
      </c>
      <c r="D14338" s="14" t="s">
        <v>43966</v>
      </c>
      <c r="E14338" s="2" t="s">
        <v>43967</v>
      </c>
      <c r="F14338" s="2" t="s">
        <v>41045</v>
      </c>
      <c r="G14338" s="8">
        <v>227</v>
      </c>
      <c r="H14338" s="5">
        <v>6</v>
      </c>
      <c r="I14338" s="5" t="s">
        <v>1518</v>
      </c>
      <c r="J14338" s="5" t="s">
        <v>40939</v>
      </c>
      <c r="K14338" s="2" t="s">
        <v>40940</v>
      </c>
      <c r="L14338" s="5" t="s">
        <v>40939</v>
      </c>
      <c r="M14338" s="2" t="s">
        <v>40940</v>
      </c>
      <c r="N14338" s="5" t="s">
        <v>36266</v>
      </c>
      <c r="O14338" s="5" t="s">
        <v>38</v>
      </c>
      <c r="P14338" s="5" t="s">
        <v>39</v>
      </c>
      <c r="Q14338" s="5" t="s">
        <v>40</v>
      </c>
      <c r="R14338" s="5" t="s">
        <v>1522</v>
      </c>
      <c r="S14338" s="5" t="s">
        <v>1523</v>
      </c>
      <c r="T14338" s="5" t="s">
        <v>42</v>
      </c>
      <c r="U14338" s="2">
        <v>1.9019999999999999</v>
      </c>
      <c r="V14338" s="2">
        <v>1.284</v>
      </c>
      <c r="W14338" s="2">
        <v>0.02</v>
      </c>
      <c r="X14338" s="2">
        <v>159.1</v>
      </c>
      <c r="Y14338" s="2">
        <v>7.6</v>
      </c>
      <c r="Z14338" s="2">
        <v>16.7</v>
      </c>
      <c r="AA14338" s="5"/>
      <c r="AB14338" s="5" t="s">
        <v>43</v>
      </c>
      <c r="AC14338" s="5" t="s">
        <v>44</v>
      </c>
      <c r="AD14338" s="2"/>
      <c r="AE14338" s="1"/>
    </row>
    <row r="14339" spans="1:31" ht="14.45">
      <c r="A14339" s="11"/>
      <c r="B14339" s="20"/>
      <c r="C14339" s="2" t="s">
        <v>43968</v>
      </c>
      <c r="D14339" s="14" t="s">
        <v>43969</v>
      </c>
      <c r="E14339" s="2" t="s">
        <v>43970</v>
      </c>
      <c r="F14339" s="2" t="s">
        <v>41049</v>
      </c>
      <c r="G14339" s="8">
        <v>227</v>
      </c>
      <c r="H14339" s="5">
        <v>6</v>
      </c>
      <c r="I14339" s="5" t="s">
        <v>1518</v>
      </c>
      <c r="J14339" s="5" t="s">
        <v>40939</v>
      </c>
      <c r="K14339" s="2" t="s">
        <v>40940</v>
      </c>
      <c r="L14339" s="5" t="s">
        <v>40939</v>
      </c>
      <c r="M14339" s="2" t="s">
        <v>40940</v>
      </c>
      <c r="N14339" s="5" t="s">
        <v>36266</v>
      </c>
      <c r="O14339" s="5" t="s">
        <v>38</v>
      </c>
      <c r="P14339" s="5" t="s">
        <v>39</v>
      </c>
      <c r="Q14339" s="5" t="s">
        <v>40</v>
      </c>
      <c r="R14339" s="5" t="s">
        <v>1522</v>
      </c>
      <c r="S14339" s="5" t="s">
        <v>1523</v>
      </c>
      <c r="T14339" s="5" t="s">
        <v>42</v>
      </c>
      <c r="U14339" s="2">
        <v>1.9159999999999999</v>
      </c>
      <c r="V14339" s="2">
        <v>1.298</v>
      </c>
      <c r="W14339" s="2">
        <v>0.02</v>
      </c>
      <c r="X14339" s="2">
        <v>159.1</v>
      </c>
      <c r="Y14339" s="2">
        <v>7.6</v>
      </c>
      <c r="Z14339" s="2">
        <v>16.7</v>
      </c>
      <c r="AA14339" s="5"/>
      <c r="AB14339" s="5" t="s">
        <v>43</v>
      </c>
      <c r="AC14339" s="5" t="s">
        <v>44</v>
      </c>
      <c r="AD14339" s="2"/>
      <c r="AE14339" s="1"/>
    </row>
    <row r="14340" spans="1:31" ht="14.45">
      <c r="A14340" s="11"/>
      <c r="B14340" s="20"/>
      <c r="C14340" s="2" t="s">
        <v>43971</v>
      </c>
      <c r="D14340" s="14" t="s">
        <v>43972</v>
      </c>
      <c r="E14340" s="2" t="s">
        <v>43973</v>
      </c>
      <c r="F14340" s="2" t="s">
        <v>7204</v>
      </c>
      <c r="G14340" s="8">
        <v>166</v>
      </c>
      <c r="H14340" s="5">
        <v>6</v>
      </c>
      <c r="I14340" s="5" t="s">
        <v>1518</v>
      </c>
      <c r="J14340" s="5" t="s">
        <v>40939</v>
      </c>
      <c r="K14340" s="2" t="s">
        <v>40940</v>
      </c>
      <c r="L14340" s="5" t="s">
        <v>40939</v>
      </c>
      <c r="M14340" s="2" t="s">
        <v>40940</v>
      </c>
      <c r="N14340" s="5" t="s">
        <v>36266</v>
      </c>
      <c r="O14340" s="5" t="s">
        <v>38</v>
      </c>
      <c r="P14340" s="5" t="s">
        <v>39</v>
      </c>
      <c r="Q14340" s="5" t="s">
        <v>40</v>
      </c>
      <c r="R14340" s="5" t="s">
        <v>1522</v>
      </c>
      <c r="S14340" s="5" t="s">
        <v>1523</v>
      </c>
      <c r="T14340" s="5" t="s">
        <v>42</v>
      </c>
      <c r="U14340" s="2">
        <v>1.284</v>
      </c>
      <c r="V14340" s="2">
        <v>0.82599999999999996</v>
      </c>
      <c r="W14340" s="2">
        <v>1.4999999999999999E-2</v>
      </c>
      <c r="X14340" s="2">
        <v>118.9</v>
      </c>
      <c r="Y14340" s="2">
        <v>7.6</v>
      </c>
      <c r="Z14340" s="2">
        <v>16.7</v>
      </c>
      <c r="AA14340" s="5"/>
      <c r="AB14340" s="5" t="s">
        <v>43</v>
      </c>
      <c r="AC14340" s="5" t="s">
        <v>44</v>
      </c>
      <c r="AD14340" s="2"/>
      <c r="AE14340" s="1"/>
    </row>
    <row r="14341" spans="1:31" ht="14.45">
      <c r="A14341" s="11"/>
      <c r="B14341" s="20"/>
      <c r="C14341" s="2" t="s">
        <v>43974</v>
      </c>
      <c r="D14341" s="14" t="s">
        <v>43975</v>
      </c>
      <c r="E14341" s="2" t="s">
        <v>43976</v>
      </c>
      <c r="F14341" s="2" t="s">
        <v>7514</v>
      </c>
      <c r="G14341" s="8">
        <v>166</v>
      </c>
      <c r="H14341" s="5">
        <v>6</v>
      </c>
      <c r="I14341" s="5" t="s">
        <v>1518</v>
      </c>
      <c r="J14341" s="5" t="s">
        <v>40939</v>
      </c>
      <c r="K14341" s="2" t="s">
        <v>40940</v>
      </c>
      <c r="L14341" s="5" t="s">
        <v>40939</v>
      </c>
      <c r="M14341" s="2" t="s">
        <v>40940</v>
      </c>
      <c r="N14341" s="5" t="s">
        <v>36266</v>
      </c>
      <c r="O14341" s="5" t="s">
        <v>38</v>
      </c>
      <c r="P14341" s="5" t="s">
        <v>39</v>
      </c>
      <c r="Q14341" s="5" t="s">
        <v>40</v>
      </c>
      <c r="R14341" s="5" t="s">
        <v>1522</v>
      </c>
      <c r="S14341" s="5" t="s">
        <v>1523</v>
      </c>
      <c r="T14341" s="5" t="s">
        <v>42</v>
      </c>
      <c r="U14341" s="2">
        <v>1.3029999999999999</v>
      </c>
      <c r="V14341" s="2">
        <v>0.84499999999999997</v>
      </c>
      <c r="W14341" s="2">
        <v>1.4999999999999999E-2</v>
      </c>
      <c r="X14341" s="2">
        <v>118.9</v>
      </c>
      <c r="Y14341" s="2">
        <v>7.6</v>
      </c>
      <c r="Z14341" s="2">
        <v>16.7</v>
      </c>
      <c r="AA14341" s="5"/>
      <c r="AB14341" s="5" t="s">
        <v>43</v>
      </c>
      <c r="AC14341" s="5" t="s">
        <v>44</v>
      </c>
      <c r="AD14341" s="2"/>
      <c r="AE14341" s="1"/>
    </row>
    <row r="14342" spans="1:31" ht="14.45">
      <c r="A14342" s="11"/>
      <c r="B14342" s="20"/>
      <c r="C14342" s="2" t="s">
        <v>43977</v>
      </c>
      <c r="D14342" s="14" t="s">
        <v>43978</v>
      </c>
      <c r="E14342" s="2" t="s">
        <v>43979</v>
      </c>
      <c r="F14342" s="2" t="s">
        <v>40947</v>
      </c>
      <c r="G14342" s="8">
        <v>190</v>
      </c>
      <c r="H14342" s="5">
        <v>6</v>
      </c>
      <c r="I14342" s="5" t="s">
        <v>1518</v>
      </c>
      <c r="J14342" s="5" t="s">
        <v>40939</v>
      </c>
      <c r="K14342" s="2" t="s">
        <v>40940</v>
      </c>
      <c r="L14342" s="5" t="s">
        <v>40939</v>
      </c>
      <c r="M14342" s="2" t="s">
        <v>40940</v>
      </c>
      <c r="N14342" s="5" t="s">
        <v>36266</v>
      </c>
      <c r="O14342" s="5" t="s">
        <v>38</v>
      </c>
      <c r="P14342" s="5" t="s">
        <v>39</v>
      </c>
      <c r="Q14342" s="5" t="s">
        <v>40</v>
      </c>
      <c r="R14342" s="5" t="s">
        <v>1522</v>
      </c>
      <c r="S14342" s="5" t="s">
        <v>1523</v>
      </c>
      <c r="T14342" s="5" t="s">
        <v>42</v>
      </c>
      <c r="U14342" s="2">
        <v>1.2949999999999999</v>
      </c>
      <c r="V14342" s="2">
        <v>0.83699999999999997</v>
      </c>
      <c r="W14342" s="2">
        <v>1.4999999999999999E-2</v>
      </c>
      <c r="X14342" s="2">
        <v>118.9</v>
      </c>
      <c r="Y14342" s="2">
        <v>7.6</v>
      </c>
      <c r="Z14342" s="2">
        <v>16.7</v>
      </c>
      <c r="AA14342" s="5"/>
      <c r="AB14342" s="5" t="s">
        <v>43</v>
      </c>
      <c r="AC14342" s="5" t="s">
        <v>44</v>
      </c>
      <c r="AD14342" s="2"/>
      <c r="AE14342" s="1"/>
    </row>
    <row r="14343" spans="1:31" ht="14.45">
      <c r="A14343" s="11"/>
      <c r="B14343" s="20"/>
      <c r="C14343" s="2" t="s">
        <v>43980</v>
      </c>
      <c r="D14343" s="14" t="s">
        <v>43981</v>
      </c>
      <c r="E14343" s="2" t="s">
        <v>43982</v>
      </c>
      <c r="F14343" s="2" t="s">
        <v>40951</v>
      </c>
      <c r="G14343" s="8">
        <v>190</v>
      </c>
      <c r="H14343" s="5">
        <v>6</v>
      </c>
      <c r="I14343" s="5" t="s">
        <v>1518</v>
      </c>
      <c r="J14343" s="5" t="s">
        <v>40939</v>
      </c>
      <c r="K14343" s="2" t="s">
        <v>40940</v>
      </c>
      <c r="L14343" s="5" t="s">
        <v>40939</v>
      </c>
      <c r="M14343" s="2" t="s">
        <v>40940</v>
      </c>
      <c r="N14343" s="5" t="s">
        <v>36266</v>
      </c>
      <c r="O14343" s="5" t="s">
        <v>38</v>
      </c>
      <c r="P14343" s="5" t="s">
        <v>39</v>
      </c>
      <c r="Q14343" s="5" t="s">
        <v>40</v>
      </c>
      <c r="R14343" s="5" t="s">
        <v>1522</v>
      </c>
      <c r="S14343" s="5" t="s">
        <v>1523</v>
      </c>
      <c r="T14343" s="5" t="s">
        <v>42</v>
      </c>
      <c r="U14343" s="2">
        <v>1.3140000000000001</v>
      </c>
      <c r="V14343" s="2">
        <v>0.85599999999999998</v>
      </c>
      <c r="W14343" s="2">
        <v>1.4999999999999999E-2</v>
      </c>
      <c r="X14343" s="2">
        <v>118.9</v>
      </c>
      <c r="Y14343" s="2">
        <v>7.6</v>
      </c>
      <c r="Z14343" s="2">
        <v>16.7</v>
      </c>
      <c r="AA14343" s="5"/>
      <c r="AB14343" s="5" t="s">
        <v>43</v>
      </c>
      <c r="AC14343" s="5" t="s">
        <v>44</v>
      </c>
      <c r="AD14343" s="2"/>
      <c r="AE14343" s="1"/>
    </row>
    <row r="14344" spans="1:31" ht="14.45">
      <c r="A14344" s="11"/>
      <c r="B14344" s="20"/>
      <c r="C14344" s="2" t="s">
        <v>43983</v>
      </c>
      <c r="D14344" s="14" t="s">
        <v>43984</v>
      </c>
      <c r="E14344" s="2" t="s">
        <v>43985</v>
      </c>
      <c r="F14344" s="2" t="s">
        <v>7208</v>
      </c>
      <c r="G14344" s="8">
        <v>166</v>
      </c>
      <c r="H14344" s="5">
        <v>6</v>
      </c>
      <c r="I14344" s="5" t="s">
        <v>1518</v>
      </c>
      <c r="J14344" s="5" t="s">
        <v>40939</v>
      </c>
      <c r="K14344" s="2" t="s">
        <v>40940</v>
      </c>
      <c r="L14344" s="5" t="s">
        <v>40939</v>
      </c>
      <c r="M14344" s="2" t="s">
        <v>40940</v>
      </c>
      <c r="N14344" s="5" t="s">
        <v>36266</v>
      </c>
      <c r="O14344" s="5" t="s">
        <v>38</v>
      </c>
      <c r="P14344" s="5" t="s">
        <v>39</v>
      </c>
      <c r="Q14344" s="5" t="s">
        <v>40</v>
      </c>
      <c r="R14344" s="5" t="s">
        <v>1522</v>
      </c>
      <c r="S14344" s="5" t="s">
        <v>1523</v>
      </c>
      <c r="T14344" s="5" t="s">
        <v>42</v>
      </c>
      <c r="U14344" s="2">
        <v>1.3009999999999999</v>
      </c>
      <c r="V14344" s="2">
        <v>0.84299999999999997</v>
      </c>
      <c r="W14344" s="2">
        <v>1.4999999999999999E-2</v>
      </c>
      <c r="X14344" s="2">
        <v>118.9</v>
      </c>
      <c r="Y14344" s="2">
        <v>7.6</v>
      </c>
      <c r="Z14344" s="2">
        <v>16.7</v>
      </c>
      <c r="AA14344" s="5"/>
      <c r="AB14344" s="5" t="s">
        <v>43</v>
      </c>
      <c r="AC14344" s="5" t="s">
        <v>44</v>
      </c>
      <c r="AD14344" s="2"/>
      <c r="AE14344" s="1"/>
    </row>
    <row r="14345" spans="1:31" ht="14.45">
      <c r="A14345" s="11"/>
      <c r="B14345" s="20"/>
      <c r="C14345" s="2" t="s">
        <v>43986</v>
      </c>
      <c r="D14345" s="14" t="s">
        <v>43987</v>
      </c>
      <c r="E14345" s="2" t="s">
        <v>43988</v>
      </c>
      <c r="F14345" s="2" t="s">
        <v>7521</v>
      </c>
      <c r="G14345" s="8">
        <v>166</v>
      </c>
      <c r="H14345" s="5">
        <v>6</v>
      </c>
      <c r="I14345" s="5" t="s">
        <v>1518</v>
      </c>
      <c r="J14345" s="5" t="s">
        <v>40939</v>
      </c>
      <c r="K14345" s="2" t="s">
        <v>40940</v>
      </c>
      <c r="L14345" s="5" t="s">
        <v>40939</v>
      </c>
      <c r="M14345" s="2" t="s">
        <v>40940</v>
      </c>
      <c r="N14345" s="5" t="s">
        <v>36266</v>
      </c>
      <c r="O14345" s="5" t="s">
        <v>38</v>
      </c>
      <c r="P14345" s="5" t="s">
        <v>39</v>
      </c>
      <c r="Q14345" s="5" t="s">
        <v>40</v>
      </c>
      <c r="R14345" s="5" t="s">
        <v>1522</v>
      </c>
      <c r="S14345" s="5" t="s">
        <v>1523</v>
      </c>
      <c r="T14345" s="5" t="s">
        <v>42</v>
      </c>
      <c r="U14345" s="2">
        <v>1.32</v>
      </c>
      <c r="V14345" s="2">
        <v>0.86199999999999999</v>
      </c>
      <c r="W14345" s="2">
        <v>1.4999999999999999E-2</v>
      </c>
      <c r="X14345" s="2">
        <v>118.9</v>
      </c>
      <c r="Y14345" s="2">
        <v>7.6</v>
      </c>
      <c r="Z14345" s="2">
        <v>16.7</v>
      </c>
      <c r="AA14345" s="5"/>
      <c r="AB14345" s="5" t="s">
        <v>43</v>
      </c>
      <c r="AC14345" s="5" t="s">
        <v>44</v>
      </c>
      <c r="AD14345" s="2"/>
      <c r="AE14345" s="1"/>
    </row>
    <row r="14346" spans="1:31" ht="14.45">
      <c r="A14346" s="11"/>
      <c r="B14346" s="20"/>
      <c r="C14346" s="2" t="s">
        <v>43989</v>
      </c>
      <c r="D14346" s="14" t="s">
        <v>43990</v>
      </c>
      <c r="E14346" s="2" t="s">
        <v>43991</v>
      </c>
      <c r="F14346" s="2" t="s">
        <v>36277</v>
      </c>
      <c r="G14346" s="8">
        <v>166</v>
      </c>
      <c r="H14346" s="5">
        <v>6</v>
      </c>
      <c r="I14346" s="5" t="s">
        <v>1518</v>
      </c>
      <c r="J14346" s="5" t="s">
        <v>40939</v>
      </c>
      <c r="K14346" s="2" t="s">
        <v>40940</v>
      </c>
      <c r="L14346" s="5" t="s">
        <v>40939</v>
      </c>
      <c r="M14346" s="2" t="s">
        <v>40940</v>
      </c>
      <c r="N14346" s="5" t="s">
        <v>36266</v>
      </c>
      <c r="O14346" s="5" t="s">
        <v>38</v>
      </c>
      <c r="P14346" s="5" t="s">
        <v>39</v>
      </c>
      <c r="Q14346" s="5" t="s">
        <v>40</v>
      </c>
      <c r="R14346" s="5" t="s">
        <v>1522</v>
      </c>
      <c r="S14346" s="5" t="s">
        <v>1523</v>
      </c>
      <c r="T14346" s="5" t="s">
        <v>42</v>
      </c>
      <c r="U14346" s="2">
        <v>1.331</v>
      </c>
      <c r="V14346" s="2">
        <v>0.873</v>
      </c>
      <c r="W14346" s="2">
        <v>1.4999999999999999E-2</v>
      </c>
      <c r="X14346" s="2">
        <v>118.9</v>
      </c>
      <c r="Y14346" s="2">
        <v>7.6</v>
      </c>
      <c r="Z14346" s="2">
        <v>16.7</v>
      </c>
      <c r="AA14346" s="5"/>
      <c r="AB14346" s="5" t="s">
        <v>43</v>
      </c>
      <c r="AC14346" s="5" t="s">
        <v>44</v>
      </c>
      <c r="AD14346" s="2"/>
      <c r="AE14346" s="1"/>
    </row>
    <row r="14347" spans="1:31" ht="14.45">
      <c r="A14347" s="11"/>
      <c r="B14347" s="20"/>
      <c r="C14347" s="2" t="s">
        <v>43992</v>
      </c>
      <c r="D14347" s="14" t="s">
        <v>43993</v>
      </c>
      <c r="E14347" s="2" t="s">
        <v>43994</v>
      </c>
      <c r="F14347" s="2" t="s">
        <v>40967</v>
      </c>
      <c r="G14347" s="8">
        <v>190</v>
      </c>
      <c r="H14347" s="5">
        <v>6</v>
      </c>
      <c r="I14347" s="5" t="s">
        <v>1518</v>
      </c>
      <c r="J14347" s="5" t="s">
        <v>40939</v>
      </c>
      <c r="K14347" s="2" t="s">
        <v>40940</v>
      </c>
      <c r="L14347" s="5" t="s">
        <v>40939</v>
      </c>
      <c r="M14347" s="2" t="s">
        <v>40940</v>
      </c>
      <c r="N14347" s="5" t="s">
        <v>36266</v>
      </c>
      <c r="O14347" s="5" t="s">
        <v>38</v>
      </c>
      <c r="P14347" s="5" t="s">
        <v>39</v>
      </c>
      <c r="Q14347" s="5" t="s">
        <v>40</v>
      </c>
      <c r="R14347" s="5" t="s">
        <v>1522</v>
      </c>
      <c r="S14347" s="5" t="s">
        <v>1523</v>
      </c>
      <c r="T14347" s="5" t="s">
        <v>42</v>
      </c>
      <c r="U14347" s="2">
        <v>1.3009999999999999</v>
      </c>
      <c r="V14347" s="2">
        <v>0.84299999999999997</v>
      </c>
      <c r="W14347" s="2">
        <v>1.4999999999999999E-2</v>
      </c>
      <c r="X14347" s="2">
        <v>118.9</v>
      </c>
      <c r="Y14347" s="2">
        <v>7.6</v>
      </c>
      <c r="Z14347" s="2">
        <v>16.7</v>
      </c>
      <c r="AA14347" s="5"/>
      <c r="AB14347" s="5" t="s">
        <v>43</v>
      </c>
      <c r="AC14347" s="5" t="s">
        <v>44</v>
      </c>
      <c r="AD14347" s="2"/>
      <c r="AE14347" s="1"/>
    </row>
    <row r="14348" spans="1:31" ht="14.45">
      <c r="A14348" s="11"/>
      <c r="B14348" s="20"/>
      <c r="C14348" s="2" t="s">
        <v>43995</v>
      </c>
      <c r="D14348" s="14" t="s">
        <v>43996</v>
      </c>
      <c r="E14348" s="2" t="s">
        <v>43997</v>
      </c>
      <c r="F14348" s="2" t="s">
        <v>40971</v>
      </c>
      <c r="G14348" s="8">
        <v>190</v>
      </c>
      <c r="H14348" s="5">
        <v>6</v>
      </c>
      <c r="I14348" s="5" t="s">
        <v>1518</v>
      </c>
      <c r="J14348" s="5" t="s">
        <v>40939</v>
      </c>
      <c r="K14348" s="2" t="s">
        <v>40940</v>
      </c>
      <c r="L14348" s="5" t="s">
        <v>40939</v>
      </c>
      <c r="M14348" s="2" t="s">
        <v>40940</v>
      </c>
      <c r="N14348" s="5" t="s">
        <v>36266</v>
      </c>
      <c r="O14348" s="5" t="s">
        <v>38</v>
      </c>
      <c r="P14348" s="5" t="s">
        <v>39</v>
      </c>
      <c r="Q14348" s="5" t="s">
        <v>40</v>
      </c>
      <c r="R14348" s="5" t="s">
        <v>1522</v>
      </c>
      <c r="S14348" s="5" t="s">
        <v>1523</v>
      </c>
      <c r="T14348" s="5" t="s">
        <v>42</v>
      </c>
      <c r="U14348" s="2">
        <v>1.32</v>
      </c>
      <c r="V14348" s="2">
        <v>0.86199999999999999</v>
      </c>
      <c r="W14348" s="2">
        <v>1.4999999999999999E-2</v>
      </c>
      <c r="X14348" s="2">
        <v>118.9</v>
      </c>
      <c r="Y14348" s="2">
        <v>7.6</v>
      </c>
      <c r="Z14348" s="2">
        <v>16.7</v>
      </c>
      <c r="AA14348" s="5"/>
      <c r="AB14348" s="5" t="s">
        <v>43</v>
      </c>
      <c r="AC14348" s="5" t="s">
        <v>44</v>
      </c>
      <c r="AD14348" s="2"/>
      <c r="AE14348" s="1"/>
    </row>
    <row r="14349" spans="1:31" ht="14.45">
      <c r="A14349" s="11"/>
      <c r="B14349" s="20"/>
      <c r="C14349" s="2" t="s">
        <v>43998</v>
      </c>
      <c r="D14349" s="14" t="s">
        <v>43999</v>
      </c>
      <c r="E14349" s="2" t="s">
        <v>44000</v>
      </c>
      <c r="F14349" s="2" t="s">
        <v>40975</v>
      </c>
      <c r="G14349" s="8">
        <v>190</v>
      </c>
      <c r="H14349" s="5">
        <v>6</v>
      </c>
      <c r="I14349" s="5" t="s">
        <v>1518</v>
      </c>
      <c r="J14349" s="5" t="s">
        <v>40939</v>
      </c>
      <c r="K14349" s="2" t="s">
        <v>40940</v>
      </c>
      <c r="L14349" s="5" t="s">
        <v>40939</v>
      </c>
      <c r="M14349" s="2" t="s">
        <v>40940</v>
      </c>
      <c r="N14349" s="5" t="s">
        <v>36266</v>
      </c>
      <c r="O14349" s="5" t="s">
        <v>38</v>
      </c>
      <c r="P14349" s="5" t="s">
        <v>39</v>
      </c>
      <c r="Q14349" s="5" t="s">
        <v>40</v>
      </c>
      <c r="R14349" s="5" t="s">
        <v>1522</v>
      </c>
      <c r="S14349" s="5" t="s">
        <v>1523</v>
      </c>
      <c r="T14349" s="5" t="s">
        <v>42</v>
      </c>
      <c r="U14349" s="2">
        <v>1.3009999999999999</v>
      </c>
      <c r="V14349" s="2">
        <v>0.84299999999999997</v>
      </c>
      <c r="W14349" s="2">
        <v>1.4999999999999999E-2</v>
      </c>
      <c r="X14349" s="2">
        <v>118.9</v>
      </c>
      <c r="Y14349" s="2">
        <v>7.6</v>
      </c>
      <c r="Z14349" s="2">
        <v>16.7</v>
      </c>
      <c r="AA14349" s="5"/>
      <c r="AB14349" s="5" t="s">
        <v>43</v>
      </c>
      <c r="AC14349" s="5" t="s">
        <v>44</v>
      </c>
      <c r="AD14349" s="2"/>
      <c r="AE14349" s="1"/>
    </row>
    <row r="14350" spans="1:31" ht="14.45">
      <c r="A14350" s="11"/>
      <c r="B14350" s="20"/>
      <c r="C14350" s="2" t="s">
        <v>44001</v>
      </c>
      <c r="D14350" s="14" t="s">
        <v>44002</v>
      </c>
      <c r="E14350" s="2" t="s">
        <v>44003</v>
      </c>
      <c r="F14350" s="2" t="s">
        <v>40989</v>
      </c>
      <c r="G14350" s="8">
        <v>190</v>
      </c>
      <c r="H14350" s="5">
        <v>6</v>
      </c>
      <c r="I14350" s="5" t="s">
        <v>1518</v>
      </c>
      <c r="J14350" s="5" t="s">
        <v>40939</v>
      </c>
      <c r="K14350" s="2" t="s">
        <v>40940</v>
      </c>
      <c r="L14350" s="5" t="s">
        <v>40939</v>
      </c>
      <c r="M14350" s="2" t="s">
        <v>40940</v>
      </c>
      <c r="N14350" s="5" t="s">
        <v>36266</v>
      </c>
      <c r="O14350" s="5" t="s">
        <v>38</v>
      </c>
      <c r="P14350" s="5" t="s">
        <v>39</v>
      </c>
      <c r="Q14350" s="5" t="s">
        <v>40</v>
      </c>
      <c r="R14350" s="5" t="s">
        <v>1522</v>
      </c>
      <c r="S14350" s="5" t="s">
        <v>1523</v>
      </c>
      <c r="T14350" s="5" t="s">
        <v>42</v>
      </c>
      <c r="U14350" s="2">
        <v>1.3009999999999999</v>
      </c>
      <c r="V14350" s="2">
        <v>0.84299999999999997</v>
      </c>
      <c r="W14350" s="2">
        <v>1.4999999999999999E-2</v>
      </c>
      <c r="X14350" s="2">
        <v>118.9</v>
      </c>
      <c r="Y14350" s="2">
        <v>7.6</v>
      </c>
      <c r="Z14350" s="2">
        <v>16.7</v>
      </c>
      <c r="AA14350" s="5"/>
      <c r="AB14350" s="5" t="s">
        <v>43</v>
      </c>
      <c r="AC14350" s="5" t="s">
        <v>44</v>
      </c>
      <c r="AD14350" s="2"/>
      <c r="AE14350" s="1"/>
    </row>
    <row r="14351" spans="1:31" ht="14.45">
      <c r="A14351" s="11"/>
      <c r="B14351" s="20"/>
      <c r="C14351" s="2" t="s">
        <v>44004</v>
      </c>
      <c r="D14351" s="14" t="s">
        <v>44005</v>
      </c>
      <c r="E14351" s="2" t="s">
        <v>44006</v>
      </c>
      <c r="F14351" s="2" t="s">
        <v>41009</v>
      </c>
      <c r="G14351" s="8">
        <v>190</v>
      </c>
      <c r="H14351" s="5">
        <v>6</v>
      </c>
      <c r="I14351" s="5" t="s">
        <v>1518</v>
      </c>
      <c r="J14351" s="5" t="s">
        <v>40939</v>
      </c>
      <c r="K14351" s="2" t="s">
        <v>40940</v>
      </c>
      <c r="L14351" s="5" t="s">
        <v>40939</v>
      </c>
      <c r="M14351" s="2" t="s">
        <v>40940</v>
      </c>
      <c r="N14351" s="5" t="s">
        <v>36266</v>
      </c>
      <c r="O14351" s="5" t="s">
        <v>38</v>
      </c>
      <c r="P14351" s="5" t="s">
        <v>39</v>
      </c>
      <c r="Q14351" s="5" t="s">
        <v>40</v>
      </c>
      <c r="R14351" s="5" t="s">
        <v>1522</v>
      </c>
      <c r="S14351" s="5" t="s">
        <v>1523</v>
      </c>
      <c r="T14351" s="5" t="s">
        <v>42</v>
      </c>
      <c r="U14351" s="2">
        <v>1.306</v>
      </c>
      <c r="V14351" s="2">
        <v>0.84799999999999998</v>
      </c>
      <c r="W14351" s="2">
        <v>1.4999999999999999E-2</v>
      </c>
      <c r="X14351" s="2">
        <v>118.9</v>
      </c>
      <c r="Y14351" s="2">
        <v>7.6</v>
      </c>
      <c r="Z14351" s="2">
        <v>16.7</v>
      </c>
      <c r="AA14351" s="5"/>
      <c r="AB14351" s="5" t="s">
        <v>43</v>
      </c>
      <c r="AC14351" s="5" t="s">
        <v>44</v>
      </c>
      <c r="AD14351" s="2"/>
      <c r="AE14351" s="1"/>
    </row>
    <row r="14352" spans="1:31" ht="14.45">
      <c r="A14352" s="11"/>
      <c r="B14352" s="20"/>
      <c r="C14352" s="2" t="s">
        <v>44007</v>
      </c>
      <c r="D14352" s="14" t="s">
        <v>44008</v>
      </c>
      <c r="E14352" s="2" t="s">
        <v>44009</v>
      </c>
      <c r="F14352" s="2" t="s">
        <v>7396</v>
      </c>
      <c r="G14352" s="8">
        <v>166</v>
      </c>
      <c r="H14352" s="5">
        <v>6</v>
      </c>
      <c r="I14352" s="5" t="s">
        <v>1518</v>
      </c>
      <c r="J14352" s="5" t="s">
        <v>40939</v>
      </c>
      <c r="K14352" s="2" t="s">
        <v>40940</v>
      </c>
      <c r="L14352" s="5" t="s">
        <v>40939</v>
      </c>
      <c r="M14352" s="2" t="s">
        <v>40940</v>
      </c>
      <c r="N14352" s="5" t="s">
        <v>36266</v>
      </c>
      <c r="O14352" s="5" t="s">
        <v>38</v>
      </c>
      <c r="P14352" s="5" t="s">
        <v>39</v>
      </c>
      <c r="Q14352" s="5" t="s">
        <v>40</v>
      </c>
      <c r="R14352" s="5" t="s">
        <v>1522</v>
      </c>
      <c r="S14352" s="5" t="s">
        <v>1523</v>
      </c>
      <c r="T14352" s="5" t="s">
        <v>42</v>
      </c>
      <c r="U14352" s="2">
        <v>1.306</v>
      </c>
      <c r="V14352" s="2">
        <v>0.84799999999999998</v>
      </c>
      <c r="W14352" s="2">
        <v>1.4999999999999999E-2</v>
      </c>
      <c r="X14352" s="2">
        <v>118.9</v>
      </c>
      <c r="Y14352" s="2">
        <v>7.6</v>
      </c>
      <c r="Z14352" s="2">
        <v>16.7</v>
      </c>
      <c r="AA14352" s="5"/>
      <c r="AB14352" s="5" t="s">
        <v>43</v>
      </c>
      <c r="AC14352" s="5" t="s">
        <v>44</v>
      </c>
      <c r="AD14352" s="2"/>
      <c r="AE14352" s="1"/>
    </row>
    <row r="14353" spans="1:31" ht="14.45">
      <c r="A14353" s="11"/>
      <c r="B14353" s="20"/>
      <c r="C14353" s="2" t="s">
        <v>44010</v>
      </c>
      <c r="D14353" s="14" t="s">
        <v>44011</v>
      </c>
      <c r="E14353" s="2" t="s">
        <v>44012</v>
      </c>
      <c r="F14353" s="2" t="s">
        <v>7507</v>
      </c>
      <c r="G14353" s="8">
        <v>166</v>
      </c>
      <c r="H14353" s="5">
        <v>6</v>
      </c>
      <c r="I14353" s="5" t="s">
        <v>1518</v>
      </c>
      <c r="J14353" s="5" t="s">
        <v>40939</v>
      </c>
      <c r="K14353" s="2" t="s">
        <v>40940</v>
      </c>
      <c r="L14353" s="5" t="s">
        <v>40939</v>
      </c>
      <c r="M14353" s="2" t="s">
        <v>40940</v>
      </c>
      <c r="N14353" s="5" t="s">
        <v>36266</v>
      </c>
      <c r="O14353" s="5" t="s">
        <v>38</v>
      </c>
      <c r="P14353" s="5" t="s">
        <v>39</v>
      </c>
      <c r="Q14353" s="5" t="s">
        <v>40</v>
      </c>
      <c r="R14353" s="5" t="s">
        <v>1522</v>
      </c>
      <c r="S14353" s="5" t="s">
        <v>1523</v>
      </c>
      <c r="T14353" s="5" t="s">
        <v>42</v>
      </c>
      <c r="U14353" s="2">
        <v>1.325</v>
      </c>
      <c r="V14353" s="2">
        <v>0.86699999999999999</v>
      </c>
      <c r="W14353" s="2">
        <v>1.4999999999999999E-2</v>
      </c>
      <c r="X14353" s="2">
        <v>118.9</v>
      </c>
      <c r="Y14353" s="2">
        <v>7.6</v>
      </c>
      <c r="Z14353" s="2">
        <v>16.7</v>
      </c>
      <c r="AA14353" s="5"/>
      <c r="AB14353" s="5" t="s">
        <v>43</v>
      </c>
      <c r="AC14353" s="5" t="s">
        <v>44</v>
      </c>
      <c r="AD14353" s="2"/>
      <c r="AE14353" s="1"/>
    </row>
    <row r="14354" spans="1:31" ht="14.45">
      <c r="A14354" s="11"/>
      <c r="B14354" s="20"/>
      <c r="C14354" s="2" t="s">
        <v>44013</v>
      </c>
      <c r="D14354" s="14" t="s">
        <v>44014</v>
      </c>
      <c r="E14354" s="2" t="s">
        <v>44015</v>
      </c>
      <c r="F14354" s="2" t="s">
        <v>41035</v>
      </c>
      <c r="G14354" s="8">
        <v>190</v>
      </c>
      <c r="H14354" s="5">
        <v>6</v>
      </c>
      <c r="I14354" s="5" t="s">
        <v>1518</v>
      </c>
      <c r="J14354" s="5" t="s">
        <v>40939</v>
      </c>
      <c r="K14354" s="2" t="s">
        <v>40940</v>
      </c>
      <c r="L14354" s="5" t="s">
        <v>40939</v>
      </c>
      <c r="M14354" s="2" t="s">
        <v>40940</v>
      </c>
      <c r="N14354" s="5" t="s">
        <v>36266</v>
      </c>
      <c r="O14354" s="5" t="s">
        <v>38</v>
      </c>
      <c r="P14354" s="5" t="s">
        <v>39</v>
      </c>
      <c r="Q14354" s="5" t="s">
        <v>40</v>
      </c>
      <c r="R14354" s="5" t="s">
        <v>1522</v>
      </c>
      <c r="S14354" s="5" t="s">
        <v>1523</v>
      </c>
      <c r="T14354" s="5" t="s">
        <v>42</v>
      </c>
      <c r="U14354" s="2">
        <v>1.2969999999999999</v>
      </c>
      <c r="V14354" s="2">
        <v>0.83899999999999997</v>
      </c>
      <c r="W14354" s="2">
        <v>1.4999999999999999E-2</v>
      </c>
      <c r="X14354" s="2">
        <v>118.9</v>
      </c>
      <c r="Y14354" s="2">
        <v>7.6</v>
      </c>
      <c r="Z14354" s="2">
        <v>16.7</v>
      </c>
      <c r="AA14354" s="5"/>
      <c r="AB14354" s="5" t="s">
        <v>43</v>
      </c>
      <c r="AC14354" s="5" t="s">
        <v>44</v>
      </c>
      <c r="AD14354" s="2"/>
      <c r="AE14354" s="1"/>
    </row>
    <row r="14355" spans="1:31" ht="14.45">
      <c r="A14355" s="11"/>
      <c r="B14355" s="20"/>
      <c r="C14355" s="2" t="s">
        <v>44016</v>
      </c>
      <c r="D14355" s="14" t="s">
        <v>44017</v>
      </c>
      <c r="E14355" s="2" t="s">
        <v>44018</v>
      </c>
      <c r="F14355" s="2" t="s">
        <v>41045</v>
      </c>
      <c r="G14355" s="8">
        <v>190</v>
      </c>
      <c r="H14355" s="5">
        <v>6</v>
      </c>
      <c r="I14355" s="5" t="s">
        <v>1518</v>
      </c>
      <c r="J14355" s="5" t="s">
        <v>40939</v>
      </c>
      <c r="K14355" s="2" t="s">
        <v>40940</v>
      </c>
      <c r="L14355" s="5" t="s">
        <v>40939</v>
      </c>
      <c r="M14355" s="2" t="s">
        <v>40940</v>
      </c>
      <c r="N14355" s="5" t="s">
        <v>36266</v>
      </c>
      <c r="O14355" s="5" t="s">
        <v>38</v>
      </c>
      <c r="P14355" s="5" t="s">
        <v>39</v>
      </c>
      <c r="Q14355" s="5" t="s">
        <v>40</v>
      </c>
      <c r="R14355" s="5" t="s">
        <v>1522</v>
      </c>
      <c r="S14355" s="5" t="s">
        <v>1523</v>
      </c>
      <c r="T14355" s="5" t="s">
        <v>42</v>
      </c>
      <c r="U14355" s="2">
        <v>1.3120000000000001</v>
      </c>
      <c r="V14355" s="2">
        <v>0.85399999999999998</v>
      </c>
      <c r="W14355" s="2">
        <v>1.4999999999999999E-2</v>
      </c>
      <c r="X14355" s="2">
        <v>118.9</v>
      </c>
      <c r="Y14355" s="2">
        <v>7.6</v>
      </c>
      <c r="Z14355" s="2">
        <v>16.7</v>
      </c>
      <c r="AA14355" s="5"/>
      <c r="AB14355" s="5" t="s">
        <v>43</v>
      </c>
      <c r="AC14355" s="5" t="s">
        <v>44</v>
      </c>
      <c r="AD14355" s="2"/>
      <c r="AE14355" s="1"/>
    </row>
    <row r="14356" spans="1:31" ht="14.45">
      <c r="A14356" s="11"/>
      <c r="B14356" s="20"/>
      <c r="C14356" s="2" t="s">
        <v>44019</v>
      </c>
      <c r="D14356" s="14" t="s">
        <v>44020</v>
      </c>
      <c r="E14356" s="2" t="s">
        <v>44021</v>
      </c>
      <c r="F14356" s="2" t="s">
        <v>7204</v>
      </c>
      <c r="G14356" s="8">
        <v>166</v>
      </c>
      <c r="H14356" s="5">
        <v>6</v>
      </c>
      <c r="I14356" s="5" t="s">
        <v>1518</v>
      </c>
      <c r="J14356" s="5" t="s">
        <v>40939</v>
      </c>
      <c r="K14356" s="2" t="s">
        <v>40940</v>
      </c>
      <c r="L14356" s="5" t="s">
        <v>40939</v>
      </c>
      <c r="M14356" s="2" t="s">
        <v>40940</v>
      </c>
      <c r="N14356" s="5" t="s">
        <v>36266</v>
      </c>
      <c r="O14356" s="5" t="s">
        <v>38</v>
      </c>
      <c r="P14356" s="5" t="s">
        <v>39</v>
      </c>
      <c r="Q14356" s="5" t="s">
        <v>40</v>
      </c>
      <c r="R14356" s="5" t="s">
        <v>1522</v>
      </c>
      <c r="S14356" s="5" t="s">
        <v>1523</v>
      </c>
      <c r="T14356" s="5" t="s">
        <v>42</v>
      </c>
      <c r="U14356" s="2">
        <v>1.5269999999999999</v>
      </c>
      <c r="V14356" s="2">
        <v>1.069</v>
      </c>
      <c r="W14356" s="2">
        <v>1.4999999999999999E-2</v>
      </c>
      <c r="X14356" s="2">
        <v>118.9</v>
      </c>
      <c r="Y14356" s="2">
        <v>7.6</v>
      </c>
      <c r="Z14356" s="2">
        <v>16.7</v>
      </c>
      <c r="AA14356" s="5"/>
      <c r="AB14356" s="5" t="s">
        <v>43</v>
      </c>
      <c r="AC14356" s="5" t="s">
        <v>44</v>
      </c>
      <c r="AD14356" s="2"/>
      <c r="AE14356" s="1"/>
    </row>
    <row r="14357" spans="1:31" ht="14.45">
      <c r="A14357" s="11"/>
      <c r="B14357" s="20"/>
      <c r="C14357" s="2" t="s">
        <v>44022</v>
      </c>
      <c r="D14357" s="14" t="s">
        <v>44023</v>
      </c>
      <c r="E14357" s="2" t="s">
        <v>44024</v>
      </c>
      <c r="F14357" s="2" t="s">
        <v>7514</v>
      </c>
      <c r="G14357" s="8">
        <v>166</v>
      </c>
      <c r="H14357" s="5">
        <v>6</v>
      </c>
      <c r="I14357" s="5" t="s">
        <v>1518</v>
      </c>
      <c r="J14357" s="5" t="s">
        <v>40939</v>
      </c>
      <c r="K14357" s="2" t="s">
        <v>40940</v>
      </c>
      <c r="L14357" s="5" t="s">
        <v>40939</v>
      </c>
      <c r="M14357" s="2" t="s">
        <v>40940</v>
      </c>
      <c r="N14357" s="5" t="s">
        <v>36266</v>
      </c>
      <c r="O14357" s="5" t="s">
        <v>38</v>
      </c>
      <c r="P14357" s="5" t="s">
        <v>39</v>
      </c>
      <c r="Q14357" s="5" t="s">
        <v>40</v>
      </c>
      <c r="R14357" s="5" t="s">
        <v>1522</v>
      </c>
      <c r="S14357" s="5" t="s">
        <v>1523</v>
      </c>
      <c r="T14357" s="5" t="s">
        <v>42</v>
      </c>
      <c r="U14357" s="2">
        <v>1.5429999999999999</v>
      </c>
      <c r="V14357" s="2">
        <v>1.085</v>
      </c>
      <c r="W14357" s="2">
        <v>1.4999999999999999E-2</v>
      </c>
      <c r="X14357" s="2">
        <v>118.9</v>
      </c>
      <c r="Y14357" s="2">
        <v>7.6</v>
      </c>
      <c r="Z14357" s="2">
        <v>16.7</v>
      </c>
      <c r="AA14357" s="5"/>
      <c r="AB14357" s="5" t="s">
        <v>43</v>
      </c>
      <c r="AC14357" s="5" t="s">
        <v>44</v>
      </c>
      <c r="AD14357" s="2"/>
      <c r="AE14357" s="1"/>
    </row>
    <row r="14358" spans="1:31" ht="14.45">
      <c r="A14358" s="11"/>
      <c r="B14358" s="20"/>
      <c r="C14358" s="2" t="s">
        <v>44025</v>
      </c>
      <c r="D14358" s="14" t="s">
        <v>44026</v>
      </c>
      <c r="E14358" s="2" t="s">
        <v>44027</v>
      </c>
      <c r="F14358" s="2" t="s">
        <v>41221</v>
      </c>
      <c r="G14358" s="8">
        <v>190</v>
      </c>
      <c r="H14358" s="5">
        <v>6</v>
      </c>
      <c r="I14358" s="5" t="s">
        <v>1518</v>
      </c>
      <c r="J14358" s="5" t="s">
        <v>40939</v>
      </c>
      <c r="K14358" s="2" t="s">
        <v>40940</v>
      </c>
      <c r="L14358" s="5" t="s">
        <v>40939</v>
      </c>
      <c r="M14358" s="2" t="s">
        <v>40940</v>
      </c>
      <c r="N14358" s="5" t="s">
        <v>36266</v>
      </c>
      <c r="O14358" s="5" t="s">
        <v>38</v>
      </c>
      <c r="P14358" s="5" t="s">
        <v>39</v>
      </c>
      <c r="Q14358" s="5" t="s">
        <v>40</v>
      </c>
      <c r="R14358" s="5" t="s">
        <v>1522</v>
      </c>
      <c r="S14358" s="5" t="s">
        <v>1523</v>
      </c>
      <c r="T14358" s="5" t="s">
        <v>42</v>
      </c>
      <c r="U14358" s="2">
        <v>1.55</v>
      </c>
      <c r="V14358" s="2">
        <v>1.0920000000000001</v>
      </c>
      <c r="W14358" s="2">
        <v>1.4999999999999999E-2</v>
      </c>
      <c r="X14358" s="2">
        <v>118.9</v>
      </c>
      <c r="Y14358" s="2">
        <v>7.6</v>
      </c>
      <c r="Z14358" s="2">
        <v>16.7</v>
      </c>
      <c r="AA14358" s="5"/>
      <c r="AB14358" s="5" t="s">
        <v>43</v>
      </c>
      <c r="AC14358" s="5" t="s">
        <v>44</v>
      </c>
      <c r="AD14358" s="2"/>
      <c r="AE14358" s="1"/>
    </row>
    <row r="14359" spans="1:31" ht="14.45">
      <c r="A14359" s="11"/>
      <c r="B14359" s="20"/>
      <c r="C14359" s="2" t="s">
        <v>44028</v>
      </c>
      <c r="D14359" s="14" t="s">
        <v>44029</v>
      </c>
      <c r="E14359" s="2" t="s">
        <v>44030</v>
      </c>
      <c r="F14359" s="2" t="s">
        <v>40951</v>
      </c>
      <c r="G14359" s="8">
        <v>190</v>
      </c>
      <c r="H14359" s="5">
        <v>6</v>
      </c>
      <c r="I14359" s="5" t="s">
        <v>1518</v>
      </c>
      <c r="J14359" s="5" t="s">
        <v>40939</v>
      </c>
      <c r="K14359" s="2" t="s">
        <v>40940</v>
      </c>
      <c r="L14359" s="5" t="s">
        <v>40939</v>
      </c>
      <c r="M14359" s="2" t="s">
        <v>40940</v>
      </c>
      <c r="N14359" s="5" t="s">
        <v>36266</v>
      </c>
      <c r="O14359" s="5" t="s">
        <v>38</v>
      </c>
      <c r="P14359" s="5" t="s">
        <v>39</v>
      </c>
      <c r="Q14359" s="5" t="s">
        <v>40</v>
      </c>
      <c r="R14359" s="5" t="s">
        <v>1522</v>
      </c>
      <c r="S14359" s="5" t="s">
        <v>1523</v>
      </c>
      <c r="T14359" s="5" t="s">
        <v>42</v>
      </c>
      <c r="U14359" s="2">
        <v>1.5660000000000001</v>
      </c>
      <c r="V14359" s="2">
        <v>1.1080000000000001</v>
      </c>
      <c r="W14359" s="2">
        <v>1.4999999999999999E-2</v>
      </c>
      <c r="X14359" s="2">
        <v>118.9</v>
      </c>
      <c r="Y14359" s="2">
        <v>7.6</v>
      </c>
      <c r="Z14359" s="2">
        <v>16.7</v>
      </c>
      <c r="AA14359" s="5"/>
      <c r="AB14359" s="5" t="s">
        <v>43</v>
      </c>
      <c r="AC14359" s="5" t="s">
        <v>44</v>
      </c>
      <c r="AD14359" s="2"/>
      <c r="AE14359" s="1"/>
    </row>
    <row r="14360" spans="1:31" ht="14.45">
      <c r="A14360" s="11"/>
      <c r="B14360" s="20"/>
      <c r="C14360" s="2" t="s">
        <v>44031</v>
      </c>
      <c r="D14360" s="14" t="s">
        <v>44032</v>
      </c>
      <c r="E14360" s="2" t="s">
        <v>44033</v>
      </c>
      <c r="F14360" s="2" t="s">
        <v>7208</v>
      </c>
      <c r="G14360" s="8">
        <v>166</v>
      </c>
      <c r="H14360" s="5">
        <v>6</v>
      </c>
      <c r="I14360" s="5" t="s">
        <v>1518</v>
      </c>
      <c r="J14360" s="5" t="s">
        <v>40939</v>
      </c>
      <c r="K14360" s="2" t="s">
        <v>40940</v>
      </c>
      <c r="L14360" s="5" t="s">
        <v>40939</v>
      </c>
      <c r="M14360" s="2" t="s">
        <v>40940</v>
      </c>
      <c r="N14360" s="5" t="s">
        <v>36266</v>
      </c>
      <c r="O14360" s="5" t="s">
        <v>38</v>
      </c>
      <c r="P14360" s="5" t="s">
        <v>39</v>
      </c>
      <c r="Q14360" s="5" t="s">
        <v>40</v>
      </c>
      <c r="R14360" s="5" t="s">
        <v>1522</v>
      </c>
      <c r="S14360" s="5" t="s">
        <v>1523</v>
      </c>
      <c r="T14360" s="5" t="s">
        <v>42</v>
      </c>
      <c r="U14360" s="2">
        <v>1.5609999999999999</v>
      </c>
      <c r="V14360" s="2">
        <v>1.103</v>
      </c>
      <c r="W14360" s="2">
        <v>1.4999999999999999E-2</v>
      </c>
      <c r="X14360" s="2">
        <v>118.9</v>
      </c>
      <c r="Y14360" s="2">
        <v>7.6</v>
      </c>
      <c r="Z14360" s="2">
        <v>16.7</v>
      </c>
      <c r="AA14360" s="5"/>
      <c r="AB14360" s="5" t="s">
        <v>43</v>
      </c>
      <c r="AC14360" s="5" t="s">
        <v>44</v>
      </c>
      <c r="AD14360" s="2"/>
      <c r="AE14360" s="1"/>
    </row>
    <row r="14361" spans="1:31" ht="14.45">
      <c r="A14361" s="11"/>
      <c r="B14361" s="20"/>
      <c r="C14361" s="2" t="s">
        <v>44034</v>
      </c>
      <c r="D14361" s="14" t="s">
        <v>44035</v>
      </c>
      <c r="E14361" s="2" t="s">
        <v>44036</v>
      </c>
      <c r="F14361" s="2" t="s">
        <v>7521</v>
      </c>
      <c r="G14361" s="8">
        <v>166</v>
      </c>
      <c r="H14361" s="5">
        <v>6</v>
      </c>
      <c r="I14361" s="5" t="s">
        <v>1518</v>
      </c>
      <c r="J14361" s="5" t="s">
        <v>40939</v>
      </c>
      <c r="K14361" s="2" t="s">
        <v>40940</v>
      </c>
      <c r="L14361" s="5" t="s">
        <v>40939</v>
      </c>
      <c r="M14361" s="2" t="s">
        <v>40940</v>
      </c>
      <c r="N14361" s="5" t="s">
        <v>36266</v>
      </c>
      <c r="O14361" s="5" t="s">
        <v>38</v>
      </c>
      <c r="P14361" s="5" t="s">
        <v>39</v>
      </c>
      <c r="Q14361" s="5" t="s">
        <v>40</v>
      </c>
      <c r="R14361" s="5" t="s">
        <v>1522</v>
      </c>
      <c r="S14361" s="5" t="s">
        <v>1523</v>
      </c>
      <c r="T14361" s="5" t="s">
        <v>42</v>
      </c>
      <c r="U14361" s="2">
        <v>1.577</v>
      </c>
      <c r="V14361" s="2">
        <v>1.119</v>
      </c>
      <c r="W14361" s="2">
        <v>1.4999999999999999E-2</v>
      </c>
      <c r="X14361" s="2">
        <v>118.9</v>
      </c>
      <c r="Y14361" s="2">
        <v>7.6</v>
      </c>
      <c r="Z14361" s="2">
        <v>16.7</v>
      </c>
      <c r="AA14361" s="5"/>
      <c r="AB14361" s="5" t="s">
        <v>43</v>
      </c>
      <c r="AC14361" s="5" t="s">
        <v>44</v>
      </c>
      <c r="AD14361" s="2"/>
      <c r="AE14361" s="1"/>
    </row>
    <row r="14362" spans="1:31" ht="14.45">
      <c r="A14362" s="11"/>
      <c r="B14362" s="20"/>
      <c r="C14362" s="2" t="s">
        <v>44037</v>
      </c>
      <c r="D14362" s="14" t="s">
        <v>44038</v>
      </c>
      <c r="E14362" s="2" t="s">
        <v>44039</v>
      </c>
      <c r="F14362" s="2" t="s">
        <v>36273</v>
      </c>
      <c r="G14362" s="8">
        <v>166</v>
      </c>
      <c r="H14362" s="5">
        <v>6</v>
      </c>
      <c r="I14362" s="5" t="s">
        <v>1518</v>
      </c>
      <c r="J14362" s="5" t="s">
        <v>40939</v>
      </c>
      <c r="K14362" s="2" t="s">
        <v>40940</v>
      </c>
      <c r="L14362" s="5" t="s">
        <v>40939</v>
      </c>
      <c r="M14362" s="2" t="s">
        <v>40940</v>
      </c>
      <c r="N14362" s="5" t="s">
        <v>36266</v>
      </c>
      <c r="O14362" s="5" t="s">
        <v>38</v>
      </c>
      <c r="P14362" s="5" t="s">
        <v>39</v>
      </c>
      <c r="Q14362" s="5" t="s">
        <v>40</v>
      </c>
      <c r="R14362" s="5" t="s">
        <v>1522</v>
      </c>
      <c r="S14362" s="5" t="s">
        <v>1523</v>
      </c>
      <c r="T14362" s="5" t="s">
        <v>42</v>
      </c>
      <c r="U14362" s="2">
        <v>1.5840000000000001</v>
      </c>
      <c r="V14362" s="2">
        <v>1.1259999999999999</v>
      </c>
      <c r="W14362" s="2">
        <v>1.4999999999999999E-2</v>
      </c>
      <c r="X14362" s="2">
        <v>118.9</v>
      </c>
      <c r="Y14362" s="2">
        <v>7.6</v>
      </c>
      <c r="Z14362" s="2">
        <v>16.7</v>
      </c>
      <c r="AA14362" s="5"/>
      <c r="AB14362" s="5" t="s">
        <v>43</v>
      </c>
      <c r="AC14362" s="5" t="s">
        <v>44</v>
      </c>
      <c r="AD14362" s="2"/>
      <c r="AE14362" s="1"/>
    </row>
    <row r="14363" spans="1:31" ht="14.45">
      <c r="A14363" s="11"/>
      <c r="B14363" s="20"/>
      <c r="C14363" s="2" t="s">
        <v>44040</v>
      </c>
      <c r="D14363" s="14" t="s">
        <v>44041</v>
      </c>
      <c r="E14363" s="2" t="s">
        <v>44042</v>
      </c>
      <c r="F14363" s="2" t="s">
        <v>36277</v>
      </c>
      <c r="G14363" s="8">
        <v>166</v>
      </c>
      <c r="H14363" s="5">
        <v>6</v>
      </c>
      <c r="I14363" s="5" t="s">
        <v>1518</v>
      </c>
      <c r="J14363" s="5" t="s">
        <v>40939</v>
      </c>
      <c r="K14363" s="2" t="s">
        <v>40940</v>
      </c>
      <c r="L14363" s="5" t="s">
        <v>40939</v>
      </c>
      <c r="M14363" s="2" t="s">
        <v>40940</v>
      </c>
      <c r="N14363" s="5" t="s">
        <v>36266</v>
      </c>
      <c r="O14363" s="5" t="s">
        <v>38</v>
      </c>
      <c r="P14363" s="5" t="s">
        <v>39</v>
      </c>
      <c r="Q14363" s="5" t="s">
        <v>40</v>
      </c>
      <c r="R14363" s="5" t="s">
        <v>1522</v>
      </c>
      <c r="S14363" s="5" t="s">
        <v>1523</v>
      </c>
      <c r="T14363" s="5" t="s">
        <v>42</v>
      </c>
      <c r="U14363" s="2">
        <v>1.6</v>
      </c>
      <c r="V14363" s="2">
        <v>1.1419999999999999</v>
      </c>
      <c r="W14363" s="2">
        <v>1.4999999999999999E-2</v>
      </c>
      <c r="X14363" s="2">
        <v>118.9</v>
      </c>
      <c r="Y14363" s="2">
        <v>7.6</v>
      </c>
      <c r="Z14363" s="2">
        <v>16.7</v>
      </c>
      <c r="AA14363" s="5"/>
      <c r="AB14363" s="5" t="s">
        <v>43</v>
      </c>
      <c r="AC14363" s="5" t="s">
        <v>44</v>
      </c>
      <c r="AD14363" s="2"/>
      <c r="AE14363" s="1"/>
    </row>
    <row r="14364" spans="1:31" ht="14.45">
      <c r="A14364" s="11"/>
      <c r="B14364" s="20"/>
      <c r="C14364" s="2" t="s">
        <v>44043</v>
      </c>
      <c r="D14364" s="14" t="s">
        <v>44044</v>
      </c>
      <c r="E14364" s="2" t="s">
        <v>44045</v>
      </c>
      <c r="F14364" s="2" t="s">
        <v>40967</v>
      </c>
      <c r="G14364" s="8">
        <v>190</v>
      </c>
      <c r="H14364" s="5">
        <v>6</v>
      </c>
      <c r="I14364" s="5" t="s">
        <v>1518</v>
      </c>
      <c r="J14364" s="5" t="s">
        <v>40939</v>
      </c>
      <c r="K14364" s="2" t="s">
        <v>40940</v>
      </c>
      <c r="L14364" s="5" t="s">
        <v>40939</v>
      </c>
      <c r="M14364" s="2" t="s">
        <v>40940</v>
      </c>
      <c r="N14364" s="5" t="s">
        <v>36266</v>
      </c>
      <c r="O14364" s="5" t="s">
        <v>38</v>
      </c>
      <c r="P14364" s="5" t="s">
        <v>39</v>
      </c>
      <c r="Q14364" s="5" t="s">
        <v>40</v>
      </c>
      <c r="R14364" s="5" t="s">
        <v>1522</v>
      </c>
      <c r="S14364" s="5" t="s">
        <v>1523</v>
      </c>
      <c r="T14364" s="5" t="s">
        <v>42</v>
      </c>
      <c r="U14364" s="2">
        <v>1.5609999999999999</v>
      </c>
      <c r="V14364" s="2">
        <v>1.103</v>
      </c>
      <c r="W14364" s="2">
        <v>1.4999999999999999E-2</v>
      </c>
      <c r="X14364" s="2">
        <v>118.9</v>
      </c>
      <c r="Y14364" s="2">
        <v>7.6</v>
      </c>
      <c r="Z14364" s="2">
        <v>16.7</v>
      </c>
      <c r="AA14364" s="5"/>
      <c r="AB14364" s="5" t="s">
        <v>43</v>
      </c>
      <c r="AC14364" s="5" t="s">
        <v>44</v>
      </c>
      <c r="AD14364" s="2"/>
      <c r="AE14364" s="1"/>
    </row>
    <row r="14365" spans="1:31" ht="14.45">
      <c r="A14365" s="11"/>
      <c r="B14365" s="20"/>
      <c r="C14365" s="2" t="s">
        <v>44046</v>
      </c>
      <c r="D14365" s="14" t="s">
        <v>44047</v>
      </c>
      <c r="E14365" s="2" t="s">
        <v>44048</v>
      </c>
      <c r="F14365" s="2" t="s">
        <v>40971</v>
      </c>
      <c r="G14365" s="8">
        <v>190</v>
      </c>
      <c r="H14365" s="5">
        <v>6</v>
      </c>
      <c r="I14365" s="5" t="s">
        <v>1518</v>
      </c>
      <c r="J14365" s="5" t="s">
        <v>40939</v>
      </c>
      <c r="K14365" s="2" t="s">
        <v>40940</v>
      </c>
      <c r="L14365" s="5" t="s">
        <v>40939</v>
      </c>
      <c r="M14365" s="2" t="s">
        <v>40940</v>
      </c>
      <c r="N14365" s="5" t="s">
        <v>36266</v>
      </c>
      <c r="O14365" s="5" t="s">
        <v>38</v>
      </c>
      <c r="P14365" s="5" t="s">
        <v>39</v>
      </c>
      <c r="Q14365" s="5" t="s">
        <v>40</v>
      </c>
      <c r="R14365" s="5" t="s">
        <v>1522</v>
      </c>
      <c r="S14365" s="5" t="s">
        <v>1523</v>
      </c>
      <c r="T14365" s="5" t="s">
        <v>42</v>
      </c>
      <c r="U14365" s="2">
        <v>1.577</v>
      </c>
      <c r="V14365" s="2">
        <v>1.119</v>
      </c>
      <c r="W14365" s="2">
        <v>1.4999999999999999E-2</v>
      </c>
      <c r="X14365" s="2">
        <v>118.9</v>
      </c>
      <c r="Y14365" s="2">
        <v>7.6</v>
      </c>
      <c r="Z14365" s="2">
        <v>16.7</v>
      </c>
      <c r="AA14365" s="5"/>
      <c r="AB14365" s="5" t="s">
        <v>43</v>
      </c>
      <c r="AC14365" s="5" t="s">
        <v>44</v>
      </c>
      <c r="AD14365" s="2"/>
      <c r="AE14365" s="1"/>
    </row>
    <row r="14366" spans="1:31" ht="14.45">
      <c r="A14366" s="11"/>
      <c r="B14366" s="20"/>
      <c r="C14366" s="2" t="s">
        <v>44049</v>
      </c>
      <c r="D14366" s="14" t="s">
        <v>44050</v>
      </c>
      <c r="E14366" s="2" t="s">
        <v>44051</v>
      </c>
      <c r="F14366" s="2" t="s">
        <v>40975</v>
      </c>
      <c r="G14366" s="8">
        <v>190</v>
      </c>
      <c r="H14366" s="5">
        <v>6</v>
      </c>
      <c r="I14366" s="5" t="s">
        <v>1518</v>
      </c>
      <c r="J14366" s="5" t="s">
        <v>40939</v>
      </c>
      <c r="K14366" s="2" t="s">
        <v>40940</v>
      </c>
      <c r="L14366" s="5" t="s">
        <v>40939</v>
      </c>
      <c r="M14366" s="2" t="s">
        <v>40940</v>
      </c>
      <c r="N14366" s="5" t="s">
        <v>36266</v>
      </c>
      <c r="O14366" s="5" t="s">
        <v>38</v>
      </c>
      <c r="P14366" s="5" t="s">
        <v>39</v>
      </c>
      <c r="Q14366" s="5" t="s">
        <v>40</v>
      </c>
      <c r="R14366" s="5" t="s">
        <v>1522</v>
      </c>
      <c r="S14366" s="5" t="s">
        <v>1523</v>
      </c>
      <c r="T14366" s="5" t="s">
        <v>42</v>
      </c>
      <c r="U14366" s="2">
        <v>1.5609999999999999</v>
      </c>
      <c r="V14366" s="2">
        <v>1.103</v>
      </c>
      <c r="W14366" s="2">
        <v>1.4999999999999999E-2</v>
      </c>
      <c r="X14366" s="2">
        <v>118.9</v>
      </c>
      <c r="Y14366" s="2">
        <v>7.6</v>
      </c>
      <c r="Z14366" s="2">
        <v>16.7</v>
      </c>
      <c r="AA14366" s="5"/>
      <c r="AB14366" s="5" t="s">
        <v>43</v>
      </c>
      <c r="AC14366" s="5" t="s">
        <v>44</v>
      </c>
      <c r="AD14366" s="2"/>
      <c r="AE14366" s="1"/>
    </row>
    <row r="14367" spans="1:31" ht="14.45">
      <c r="A14367" s="11"/>
      <c r="B14367" s="20"/>
      <c r="C14367" s="2" t="s">
        <v>44052</v>
      </c>
      <c r="D14367" s="14" t="s">
        <v>44053</v>
      </c>
      <c r="E14367" s="2" t="s">
        <v>44054</v>
      </c>
      <c r="F14367" s="2" t="s">
        <v>40979</v>
      </c>
      <c r="G14367" s="8">
        <v>190</v>
      </c>
      <c r="H14367" s="5">
        <v>6</v>
      </c>
      <c r="I14367" s="5" t="s">
        <v>1518</v>
      </c>
      <c r="J14367" s="5" t="s">
        <v>40939</v>
      </c>
      <c r="K14367" s="2" t="s">
        <v>40940</v>
      </c>
      <c r="L14367" s="5" t="s">
        <v>40939</v>
      </c>
      <c r="M14367" s="2" t="s">
        <v>40940</v>
      </c>
      <c r="N14367" s="5" t="s">
        <v>36266</v>
      </c>
      <c r="O14367" s="5" t="s">
        <v>38</v>
      </c>
      <c r="P14367" s="5" t="s">
        <v>39</v>
      </c>
      <c r="Q14367" s="5" t="s">
        <v>40</v>
      </c>
      <c r="R14367" s="5" t="s">
        <v>1522</v>
      </c>
      <c r="S14367" s="5" t="s">
        <v>1523</v>
      </c>
      <c r="T14367" s="5" t="s">
        <v>42</v>
      </c>
      <c r="U14367" s="2">
        <v>1.577</v>
      </c>
      <c r="V14367" s="2">
        <v>1.119</v>
      </c>
      <c r="W14367" s="2">
        <v>1.4999999999999999E-2</v>
      </c>
      <c r="X14367" s="2">
        <v>118.9</v>
      </c>
      <c r="Y14367" s="2">
        <v>7.6</v>
      </c>
      <c r="Z14367" s="2">
        <v>16.7</v>
      </c>
      <c r="AA14367" s="5"/>
      <c r="AB14367" s="5" t="s">
        <v>43</v>
      </c>
      <c r="AC14367" s="5" t="s">
        <v>44</v>
      </c>
      <c r="AD14367" s="2"/>
      <c r="AE14367" s="1"/>
    </row>
    <row r="14368" spans="1:31" ht="14.45">
      <c r="A14368" s="11"/>
      <c r="B14368" s="20"/>
      <c r="C14368" s="2" t="s">
        <v>44055</v>
      </c>
      <c r="D14368" s="14" t="s">
        <v>44056</v>
      </c>
      <c r="E14368" s="2" t="s">
        <v>44057</v>
      </c>
      <c r="F14368" s="2" t="s">
        <v>7539</v>
      </c>
      <c r="G14368" s="8">
        <v>190</v>
      </c>
      <c r="H14368" s="5">
        <v>6</v>
      </c>
      <c r="I14368" s="5" t="s">
        <v>1518</v>
      </c>
      <c r="J14368" s="5" t="s">
        <v>40939</v>
      </c>
      <c r="K14368" s="2" t="s">
        <v>40940</v>
      </c>
      <c r="L14368" s="5" t="s">
        <v>40939</v>
      </c>
      <c r="M14368" s="2" t="s">
        <v>40940</v>
      </c>
      <c r="N14368" s="5" t="s">
        <v>36266</v>
      </c>
      <c r="O14368" s="5" t="s">
        <v>38</v>
      </c>
      <c r="P14368" s="5" t="s">
        <v>39</v>
      </c>
      <c r="Q14368" s="5" t="s">
        <v>40</v>
      </c>
      <c r="R14368" s="5" t="s">
        <v>1522</v>
      </c>
      <c r="S14368" s="5" t="s">
        <v>1523</v>
      </c>
      <c r="T14368" s="5" t="s">
        <v>42</v>
      </c>
      <c r="U14368" s="2">
        <v>1.504</v>
      </c>
      <c r="V14368" s="2">
        <v>1.046</v>
      </c>
      <c r="W14368" s="2">
        <v>1.4999999999999999E-2</v>
      </c>
      <c r="X14368" s="2">
        <v>118.9</v>
      </c>
      <c r="Y14368" s="2">
        <v>7.6</v>
      </c>
      <c r="Z14368" s="2">
        <v>16.7</v>
      </c>
      <c r="AA14368" s="5"/>
      <c r="AB14368" s="5" t="s">
        <v>43</v>
      </c>
      <c r="AC14368" s="5" t="s">
        <v>44</v>
      </c>
      <c r="AD14368" s="2"/>
      <c r="AE14368" s="1"/>
    </row>
    <row r="14369" spans="1:31" ht="14.45">
      <c r="A14369" s="11"/>
      <c r="B14369" s="20"/>
      <c r="C14369" s="2" t="s">
        <v>44058</v>
      </c>
      <c r="D14369" s="14" t="s">
        <v>44059</v>
      </c>
      <c r="E14369" s="2" t="s">
        <v>44060</v>
      </c>
      <c r="F14369" s="2" t="s">
        <v>7543</v>
      </c>
      <c r="G14369" s="8">
        <v>190</v>
      </c>
      <c r="H14369" s="5">
        <v>6</v>
      </c>
      <c r="I14369" s="5" t="s">
        <v>1518</v>
      </c>
      <c r="J14369" s="5" t="s">
        <v>40939</v>
      </c>
      <c r="K14369" s="2" t="s">
        <v>40940</v>
      </c>
      <c r="L14369" s="5" t="s">
        <v>40939</v>
      </c>
      <c r="M14369" s="2" t="s">
        <v>40940</v>
      </c>
      <c r="N14369" s="5" t="s">
        <v>36266</v>
      </c>
      <c r="O14369" s="5" t="s">
        <v>38</v>
      </c>
      <c r="P14369" s="5" t="s">
        <v>39</v>
      </c>
      <c r="Q14369" s="5" t="s">
        <v>40</v>
      </c>
      <c r="R14369" s="5" t="s">
        <v>1522</v>
      </c>
      <c r="S14369" s="5" t="s">
        <v>1523</v>
      </c>
      <c r="T14369" s="5" t="s">
        <v>42</v>
      </c>
      <c r="U14369" s="2">
        <v>1.52</v>
      </c>
      <c r="V14369" s="2">
        <v>1.0620000000000001</v>
      </c>
      <c r="W14369" s="2">
        <v>1.4999999999999999E-2</v>
      </c>
      <c r="X14369" s="2">
        <v>118.9</v>
      </c>
      <c r="Y14369" s="2">
        <v>7.6</v>
      </c>
      <c r="Z14369" s="2">
        <v>16.7</v>
      </c>
      <c r="AA14369" s="5"/>
      <c r="AB14369" s="5" t="s">
        <v>43</v>
      </c>
      <c r="AC14369" s="5" t="s">
        <v>44</v>
      </c>
      <c r="AD14369" s="2"/>
      <c r="AE14369" s="1"/>
    </row>
    <row r="14370" spans="1:31" ht="14.45">
      <c r="A14370" s="11"/>
      <c r="B14370" s="20"/>
      <c r="C14370" s="2" t="s">
        <v>44061</v>
      </c>
      <c r="D14370" s="14" t="s">
        <v>44062</v>
      </c>
      <c r="E14370" s="2" t="s">
        <v>44063</v>
      </c>
      <c r="F14370" s="2" t="s">
        <v>40989</v>
      </c>
      <c r="G14370" s="8">
        <v>190</v>
      </c>
      <c r="H14370" s="5">
        <v>6</v>
      </c>
      <c r="I14370" s="5" t="s">
        <v>1518</v>
      </c>
      <c r="J14370" s="5" t="s">
        <v>40939</v>
      </c>
      <c r="K14370" s="2" t="s">
        <v>40940</v>
      </c>
      <c r="L14370" s="5" t="s">
        <v>40939</v>
      </c>
      <c r="M14370" s="2" t="s">
        <v>40940</v>
      </c>
      <c r="N14370" s="5" t="s">
        <v>36266</v>
      </c>
      <c r="O14370" s="5" t="s">
        <v>38</v>
      </c>
      <c r="P14370" s="5" t="s">
        <v>39</v>
      </c>
      <c r="Q14370" s="5" t="s">
        <v>40</v>
      </c>
      <c r="R14370" s="5" t="s">
        <v>1522</v>
      </c>
      <c r="S14370" s="5" t="s">
        <v>1523</v>
      </c>
      <c r="T14370" s="5" t="s">
        <v>42</v>
      </c>
      <c r="U14370" s="2">
        <v>1.5609999999999999</v>
      </c>
      <c r="V14370" s="2">
        <v>1.103</v>
      </c>
      <c r="W14370" s="2">
        <v>1.4999999999999999E-2</v>
      </c>
      <c r="X14370" s="2">
        <v>118.9</v>
      </c>
      <c r="Y14370" s="2">
        <v>7.6</v>
      </c>
      <c r="Z14370" s="2">
        <v>16.7</v>
      </c>
      <c r="AA14370" s="5"/>
      <c r="AB14370" s="5" t="s">
        <v>43</v>
      </c>
      <c r="AC14370" s="5" t="s">
        <v>44</v>
      </c>
      <c r="AD14370" s="2"/>
      <c r="AE14370" s="1"/>
    </row>
    <row r="14371" spans="1:31" ht="14.45">
      <c r="A14371" s="11"/>
      <c r="B14371" s="20"/>
      <c r="C14371" s="2" t="s">
        <v>44064</v>
      </c>
      <c r="D14371" s="14" t="s">
        <v>44065</v>
      </c>
      <c r="E14371" s="2" t="s">
        <v>44066</v>
      </c>
      <c r="F14371" s="2" t="s">
        <v>40993</v>
      </c>
      <c r="G14371" s="8">
        <v>190</v>
      </c>
      <c r="H14371" s="5">
        <v>6</v>
      </c>
      <c r="I14371" s="5" t="s">
        <v>1518</v>
      </c>
      <c r="J14371" s="5" t="s">
        <v>40939</v>
      </c>
      <c r="K14371" s="2" t="s">
        <v>40940</v>
      </c>
      <c r="L14371" s="5" t="s">
        <v>40939</v>
      </c>
      <c r="M14371" s="2" t="s">
        <v>40940</v>
      </c>
      <c r="N14371" s="5" t="s">
        <v>36266</v>
      </c>
      <c r="O14371" s="5" t="s">
        <v>38</v>
      </c>
      <c r="P14371" s="5" t="s">
        <v>39</v>
      </c>
      <c r="Q14371" s="5" t="s">
        <v>40</v>
      </c>
      <c r="R14371" s="5" t="s">
        <v>1522</v>
      </c>
      <c r="S14371" s="5" t="s">
        <v>1523</v>
      </c>
      <c r="T14371" s="5" t="s">
        <v>42</v>
      </c>
      <c r="U14371" s="2">
        <v>1.577</v>
      </c>
      <c r="V14371" s="2">
        <v>1.119</v>
      </c>
      <c r="W14371" s="2">
        <v>1.4999999999999999E-2</v>
      </c>
      <c r="X14371" s="2">
        <v>118.9</v>
      </c>
      <c r="Y14371" s="2">
        <v>7.6</v>
      </c>
      <c r="Z14371" s="2">
        <v>16.7</v>
      </c>
      <c r="AA14371" s="5"/>
      <c r="AB14371" s="5" t="s">
        <v>43</v>
      </c>
      <c r="AC14371" s="5" t="s">
        <v>44</v>
      </c>
      <c r="AD14371" s="2"/>
      <c r="AE14371" s="1"/>
    </row>
    <row r="14372" spans="1:31" ht="14.45">
      <c r="A14372" s="11"/>
      <c r="B14372" s="20"/>
      <c r="C14372" s="2" t="s">
        <v>44067</v>
      </c>
      <c r="D14372" s="14" t="s">
        <v>44068</v>
      </c>
      <c r="E14372" s="2" t="s">
        <v>44069</v>
      </c>
      <c r="F14372" s="2" t="s">
        <v>40997</v>
      </c>
      <c r="G14372" s="8">
        <v>190</v>
      </c>
      <c r="H14372" s="5">
        <v>6</v>
      </c>
      <c r="I14372" s="5" t="s">
        <v>1518</v>
      </c>
      <c r="J14372" s="5" t="s">
        <v>40939</v>
      </c>
      <c r="K14372" s="2" t="s">
        <v>40940</v>
      </c>
      <c r="L14372" s="5" t="s">
        <v>40939</v>
      </c>
      <c r="M14372" s="2" t="s">
        <v>40940</v>
      </c>
      <c r="N14372" s="5" t="s">
        <v>36266</v>
      </c>
      <c r="O14372" s="5" t="s">
        <v>38</v>
      </c>
      <c r="P14372" s="5" t="s">
        <v>39</v>
      </c>
      <c r="Q14372" s="5" t="s">
        <v>40</v>
      </c>
      <c r="R14372" s="5" t="s">
        <v>1522</v>
      </c>
      <c r="S14372" s="5" t="s">
        <v>1523</v>
      </c>
      <c r="T14372" s="5" t="s">
        <v>42</v>
      </c>
      <c r="U14372" s="2">
        <v>1.516</v>
      </c>
      <c r="V14372" s="2">
        <v>1.0580000000000001</v>
      </c>
      <c r="W14372" s="2">
        <v>1.4999999999999999E-2</v>
      </c>
      <c r="X14372" s="2">
        <v>118.9</v>
      </c>
      <c r="Y14372" s="2">
        <v>7.6</v>
      </c>
      <c r="Z14372" s="2">
        <v>16.7</v>
      </c>
      <c r="AA14372" s="5"/>
      <c r="AB14372" s="5" t="s">
        <v>43</v>
      </c>
      <c r="AC14372" s="5" t="s">
        <v>44</v>
      </c>
      <c r="AD14372" s="2"/>
      <c r="AE14372" s="1"/>
    </row>
    <row r="14373" spans="1:31" ht="14.45">
      <c r="A14373" s="11"/>
      <c r="B14373" s="20"/>
      <c r="C14373" s="2" t="s">
        <v>44070</v>
      </c>
      <c r="D14373" s="14" t="s">
        <v>44071</v>
      </c>
      <c r="E14373" s="2" t="s">
        <v>44072</v>
      </c>
      <c r="F14373" s="2" t="s">
        <v>41267</v>
      </c>
      <c r="G14373" s="8">
        <v>190</v>
      </c>
      <c r="H14373" s="5">
        <v>6</v>
      </c>
      <c r="I14373" s="5" t="s">
        <v>1518</v>
      </c>
      <c r="J14373" s="5" t="s">
        <v>40939</v>
      </c>
      <c r="K14373" s="2" t="s">
        <v>40940</v>
      </c>
      <c r="L14373" s="5" t="s">
        <v>40939</v>
      </c>
      <c r="M14373" s="2" t="s">
        <v>40940</v>
      </c>
      <c r="N14373" s="5" t="s">
        <v>36266</v>
      </c>
      <c r="O14373" s="5" t="s">
        <v>38</v>
      </c>
      <c r="P14373" s="5" t="s">
        <v>39</v>
      </c>
      <c r="Q14373" s="5" t="s">
        <v>40</v>
      </c>
      <c r="R14373" s="5" t="s">
        <v>1522</v>
      </c>
      <c r="S14373" s="5" t="s">
        <v>1523</v>
      </c>
      <c r="T14373" s="5" t="s">
        <v>42</v>
      </c>
      <c r="U14373" s="2">
        <v>1.532</v>
      </c>
      <c r="V14373" s="2">
        <v>1.0740000000000001</v>
      </c>
      <c r="W14373" s="2">
        <v>1.4999999999999999E-2</v>
      </c>
      <c r="X14373" s="2">
        <v>118.9</v>
      </c>
      <c r="Y14373" s="2">
        <v>7.6</v>
      </c>
      <c r="Z14373" s="2">
        <v>16.7</v>
      </c>
      <c r="AA14373" s="5"/>
      <c r="AB14373" s="5" t="s">
        <v>43</v>
      </c>
      <c r="AC14373" s="5" t="s">
        <v>44</v>
      </c>
      <c r="AD14373" s="2"/>
      <c r="AE14373" s="1"/>
    </row>
    <row r="14374" spans="1:31" ht="14.45">
      <c r="A14374" s="11"/>
      <c r="B14374" s="20"/>
      <c r="C14374" s="2" t="s">
        <v>44073</v>
      </c>
      <c r="D14374" s="14" t="s">
        <v>44074</v>
      </c>
      <c r="E14374" s="2" t="s">
        <v>44075</v>
      </c>
      <c r="F14374" s="2" t="s">
        <v>41001</v>
      </c>
      <c r="G14374" s="8">
        <v>190</v>
      </c>
      <c r="H14374" s="5">
        <v>6</v>
      </c>
      <c r="I14374" s="5" t="s">
        <v>1518</v>
      </c>
      <c r="J14374" s="5" t="s">
        <v>40939</v>
      </c>
      <c r="K14374" s="2" t="s">
        <v>40940</v>
      </c>
      <c r="L14374" s="5" t="s">
        <v>40939</v>
      </c>
      <c r="M14374" s="2" t="s">
        <v>40940</v>
      </c>
      <c r="N14374" s="5" t="s">
        <v>36266</v>
      </c>
      <c r="O14374" s="5" t="s">
        <v>38</v>
      </c>
      <c r="P14374" s="5" t="s">
        <v>39</v>
      </c>
      <c r="Q14374" s="5" t="s">
        <v>40</v>
      </c>
      <c r="R14374" s="5" t="s">
        <v>1522</v>
      </c>
      <c r="S14374" s="5" t="s">
        <v>1523</v>
      </c>
      <c r="T14374" s="5" t="s">
        <v>42</v>
      </c>
      <c r="U14374" s="2">
        <v>1.5609999999999999</v>
      </c>
      <c r="V14374" s="2">
        <v>1.103</v>
      </c>
      <c r="W14374" s="2">
        <v>1.4999999999999999E-2</v>
      </c>
      <c r="X14374" s="2">
        <v>118.9</v>
      </c>
      <c r="Y14374" s="2">
        <v>7.6</v>
      </c>
      <c r="Z14374" s="2">
        <v>16.7</v>
      </c>
      <c r="AA14374" s="5"/>
      <c r="AB14374" s="5" t="s">
        <v>43</v>
      </c>
      <c r="AC14374" s="5" t="s">
        <v>44</v>
      </c>
      <c r="AD14374" s="2"/>
      <c r="AE14374" s="1"/>
    </row>
    <row r="14375" spans="1:31" ht="14.45">
      <c r="A14375" s="11"/>
      <c r="B14375" s="20"/>
      <c r="C14375" s="2" t="s">
        <v>44076</v>
      </c>
      <c r="D14375" s="14" t="s">
        <v>44077</v>
      </c>
      <c r="E14375" s="2" t="s">
        <v>44078</v>
      </c>
      <c r="F14375" s="2" t="s">
        <v>41005</v>
      </c>
      <c r="G14375" s="8">
        <v>190</v>
      </c>
      <c r="H14375" s="5">
        <v>6</v>
      </c>
      <c r="I14375" s="5" t="s">
        <v>1518</v>
      </c>
      <c r="J14375" s="5" t="s">
        <v>40939</v>
      </c>
      <c r="K14375" s="2" t="s">
        <v>40940</v>
      </c>
      <c r="L14375" s="5" t="s">
        <v>40939</v>
      </c>
      <c r="M14375" s="2" t="s">
        <v>40940</v>
      </c>
      <c r="N14375" s="5" t="s">
        <v>36266</v>
      </c>
      <c r="O14375" s="5" t="s">
        <v>38</v>
      </c>
      <c r="P14375" s="5" t="s">
        <v>39</v>
      </c>
      <c r="Q14375" s="5" t="s">
        <v>40</v>
      </c>
      <c r="R14375" s="5" t="s">
        <v>1522</v>
      </c>
      <c r="S14375" s="5" t="s">
        <v>1523</v>
      </c>
      <c r="T14375" s="5" t="s">
        <v>42</v>
      </c>
      <c r="U14375" s="2">
        <v>1.577</v>
      </c>
      <c r="V14375" s="2">
        <v>1.119</v>
      </c>
      <c r="W14375" s="2">
        <v>1.4999999999999999E-2</v>
      </c>
      <c r="X14375" s="2">
        <v>118.9</v>
      </c>
      <c r="Y14375" s="2">
        <v>7.6</v>
      </c>
      <c r="Z14375" s="2">
        <v>16.7</v>
      </c>
      <c r="AA14375" s="5"/>
      <c r="AB14375" s="5" t="s">
        <v>43</v>
      </c>
      <c r="AC14375" s="5" t="s">
        <v>44</v>
      </c>
      <c r="AD14375" s="2"/>
      <c r="AE14375" s="1"/>
    </row>
    <row r="14376" spans="1:31" ht="14.45">
      <c r="A14376" s="11"/>
      <c r="B14376" s="20"/>
      <c r="C14376" s="2" t="s">
        <v>44079</v>
      </c>
      <c r="D14376" s="14" t="s">
        <v>44080</v>
      </c>
      <c r="E14376" s="2" t="s">
        <v>44081</v>
      </c>
      <c r="F14376" s="2" t="s">
        <v>41009</v>
      </c>
      <c r="G14376" s="8">
        <v>190</v>
      </c>
      <c r="H14376" s="5">
        <v>6</v>
      </c>
      <c r="I14376" s="5" t="s">
        <v>1518</v>
      </c>
      <c r="J14376" s="5" t="s">
        <v>40939</v>
      </c>
      <c r="K14376" s="2" t="s">
        <v>40940</v>
      </c>
      <c r="L14376" s="5" t="s">
        <v>40939</v>
      </c>
      <c r="M14376" s="2" t="s">
        <v>40940</v>
      </c>
      <c r="N14376" s="5" t="s">
        <v>36266</v>
      </c>
      <c r="O14376" s="5" t="s">
        <v>38</v>
      </c>
      <c r="P14376" s="5" t="s">
        <v>39</v>
      </c>
      <c r="Q14376" s="5" t="s">
        <v>40</v>
      </c>
      <c r="R14376" s="5" t="s">
        <v>1522</v>
      </c>
      <c r="S14376" s="5" t="s">
        <v>1523</v>
      </c>
      <c r="T14376" s="5" t="s">
        <v>42</v>
      </c>
      <c r="U14376" s="2">
        <v>1.573</v>
      </c>
      <c r="V14376" s="2">
        <v>1.115</v>
      </c>
      <c r="W14376" s="2">
        <v>1.4999999999999999E-2</v>
      </c>
      <c r="X14376" s="2">
        <v>118.9</v>
      </c>
      <c r="Y14376" s="2">
        <v>7.6</v>
      </c>
      <c r="Z14376" s="2">
        <v>16.7</v>
      </c>
      <c r="AA14376" s="5"/>
      <c r="AB14376" s="5" t="s">
        <v>43</v>
      </c>
      <c r="AC14376" s="5" t="s">
        <v>44</v>
      </c>
      <c r="AD14376" s="2"/>
      <c r="AE14376" s="1"/>
    </row>
    <row r="14377" spans="1:31" ht="14.45">
      <c r="A14377" s="11"/>
      <c r="B14377" s="20"/>
      <c r="C14377" s="2" t="s">
        <v>44082</v>
      </c>
      <c r="D14377" s="14" t="s">
        <v>44083</v>
      </c>
      <c r="E14377" s="2" t="s">
        <v>44084</v>
      </c>
      <c r="F14377" s="2" t="s">
        <v>41013</v>
      </c>
      <c r="G14377" s="8">
        <v>190</v>
      </c>
      <c r="H14377" s="5">
        <v>6</v>
      </c>
      <c r="I14377" s="5" t="s">
        <v>1518</v>
      </c>
      <c r="J14377" s="5" t="s">
        <v>40939</v>
      </c>
      <c r="K14377" s="2" t="s">
        <v>40940</v>
      </c>
      <c r="L14377" s="5" t="s">
        <v>40939</v>
      </c>
      <c r="M14377" s="2" t="s">
        <v>40940</v>
      </c>
      <c r="N14377" s="5" t="s">
        <v>36266</v>
      </c>
      <c r="O14377" s="5" t="s">
        <v>38</v>
      </c>
      <c r="P14377" s="5" t="s">
        <v>39</v>
      </c>
      <c r="Q14377" s="5" t="s">
        <v>40</v>
      </c>
      <c r="R14377" s="5" t="s">
        <v>1522</v>
      </c>
      <c r="S14377" s="5" t="s">
        <v>1523</v>
      </c>
      <c r="T14377" s="5" t="s">
        <v>42</v>
      </c>
      <c r="U14377" s="2">
        <v>1.589</v>
      </c>
      <c r="V14377" s="2">
        <v>1.131</v>
      </c>
      <c r="W14377" s="2">
        <v>1.4999999999999999E-2</v>
      </c>
      <c r="X14377" s="2">
        <v>118.9</v>
      </c>
      <c r="Y14377" s="2">
        <v>7.6</v>
      </c>
      <c r="Z14377" s="2">
        <v>16.7</v>
      </c>
      <c r="AA14377" s="5"/>
      <c r="AB14377" s="5" t="s">
        <v>43</v>
      </c>
      <c r="AC14377" s="5" t="s">
        <v>44</v>
      </c>
      <c r="AD14377" s="2"/>
      <c r="AE14377" s="1"/>
    </row>
    <row r="14378" spans="1:31" ht="14.45">
      <c r="A14378" s="11"/>
      <c r="B14378" s="20"/>
      <c r="C14378" s="2" t="s">
        <v>44085</v>
      </c>
      <c r="D14378" s="14" t="s">
        <v>44086</v>
      </c>
      <c r="E14378" s="2" t="s">
        <v>44087</v>
      </c>
      <c r="F14378" s="2" t="s">
        <v>7396</v>
      </c>
      <c r="G14378" s="8">
        <v>166</v>
      </c>
      <c r="H14378" s="5">
        <v>6</v>
      </c>
      <c r="I14378" s="5" t="s">
        <v>1518</v>
      </c>
      <c r="J14378" s="5" t="s">
        <v>40939</v>
      </c>
      <c r="K14378" s="2" t="s">
        <v>40940</v>
      </c>
      <c r="L14378" s="5" t="s">
        <v>40939</v>
      </c>
      <c r="M14378" s="2" t="s">
        <v>40940</v>
      </c>
      <c r="N14378" s="5" t="s">
        <v>36266</v>
      </c>
      <c r="O14378" s="5" t="s">
        <v>38</v>
      </c>
      <c r="P14378" s="5" t="s">
        <v>39</v>
      </c>
      <c r="Q14378" s="5" t="s">
        <v>40</v>
      </c>
      <c r="R14378" s="5" t="s">
        <v>1522</v>
      </c>
      <c r="S14378" s="5" t="s">
        <v>1523</v>
      </c>
      <c r="T14378" s="5" t="s">
        <v>42</v>
      </c>
      <c r="U14378" s="2">
        <v>1.573</v>
      </c>
      <c r="V14378" s="2">
        <v>1.115</v>
      </c>
      <c r="W14378" s="2">
        <v>1.4999999999999999E-2</v>
      </c>
      <c r="X14378" s="2">
        <v>118.9</v>
      </c>
      <c r="Y14378" s="2">
        <v>7.6</v>
      </c>
      <c r="Z14378" s="2">
        <v>16.7</v>
      </c>
      <c r="AA14378" s="5"/>
      <c r="AB14378" s="5" t="s">
        <v>43</v>
      </c>
      <c r="AC14378" s="5" t="s">
        <v>44</v>
      </c>
      <c r="AD14378" s="2"/>
      <c r="AE14378" s="1"/>
    </row>
    <row r="14379" spans="1:31" ht="14.45">
      <c r="A14379" s="11"/>
      <c r="B14379" s="20"/>
      <c r="C14379" s="2" t="s">
        <v>44088</v>
      </c>
      <c r="D14379" s="14" t="s">
        <v>44089</v>
      </c>
      <c r="E14379" s="2" t="s">
        <v>44090</v>
      </c>
      <c r="F14379" s="2" t="s">
        <v>7507</v>
      </c>
      <c r="G14379" s="8">
        <v>166</v>
      </c>
      <c r="H14379" s="5">
        <v>6</v>
      </c>
      <c r="I14379" s="5" t="s">
        <v>1518</v>
      </c>
      <c r="J14379" s="5" t="s">
        <v>40939</v>
      </c>
      <c r="K14379" s="2" t="s">
        <v>40940</v>
      </c>
      <c r="L14379" s="5" t="s">
        <v>40939</v>
      </c>
      <c r="M14379" s="2" t="s">
        <v>40940</v>
      </c>
      <c r="N14379" s="5" t="s">
        <v>36266</v>
      </c>
      <c r="O14379" s="5" t="s">
        <v>38</v>
      </c>
      <c r="P14379" s="5" t="s">
        <v>39</v>
      </c>
      <c r="Q14379" s="5" t="s">
        <v>40</v>
      </c>
      <c r="R14379" s="5" t="s">
        <v>1522</v>
      </c>
      <c r="S14379" s="5" t="s">
        <v>1523</v>
      </c>
      <c r="T14379" s="5" t="s">
        <v>42</v>
      </c>
      <c r="U14379" s="2">
        <v>1.589</v>
      </c>
      <c r="V14379" s="2">
        <v>1.131</v>
      </c>
      <c r="W14379" s="2">
        <v>1.4999999999999999E-2</v>
      </c>
      <c r="X14379" s="2">
        <v>118.9</v>
      </c>
      <c r="Y14379" s="2">
        <v>7.6</v>
      </c>
      <c r="Z14379" s="2">
        <v>16.7</v>
      </c>
      <c r="AA14379" s="5"/>
      <c r="AB14379" s="5" t="s">
        <v>43</v>
      </c>
      <c r="AC14379" s="5" t="s">
        <v>44</v>
      </c>
      <c r="AD14379" s="2"/>
      <c r="AE14379" s="1"/>
    </row>
    <row r="14380" spans="1:31" ht="14.45">
      <c r="A14380" s="11"/>
      <c r="B14380" s="20"/>
      <c r="C14380" s="2" t="s">
        <v>44091</v>
      </c>
      <c r="D14380" s="14" t="s">
        <v>44092</v>
      </c>
      <c r="E14380" s="2" t="s">
        <v>44093</v>
      </c>
      <c r="F14380" s="2" t="s">
        <v>41023</v>
      </c>
      <c r="G14380" s="8">
        <v>190</v>
      </c>
      <c r="H14380" s="5">
        <v>6</v>
      </c>
      <c r="I14380" s="5" t="s">
        <v>1518</v>
      </c>
      <c r="J14380" s="5" t="s">
        <v>40939</v>
      </c>
      <c r="K14380" s="2" t="s">
        <v>40940</v>
      </c>
      <c r="L14380" s="5" t="s">
        <v>40939</v>
      </c>
      <c r="M14380" s="2" t="s">
        <v>40940</v>
      </c>
      <c r="N14380" s="5" t="s">
        <v>36266</v>
      </c>
      <c r="O14380" s="5" t="s">
        <v>38</v>
      </c>
      <c r="P14380" s="5" t="s">
        <v>39</v>
      </c>
      <c r="Q14380" s="5" t="s">
        <v>40</v>
      </c>
      <c r="R14380" s="5" t="s">
        <v>1522</v>
      </c>
      <c r="S14380" s="5" t="s">
        <v>1523</v>
      </c>
      <c r="T14380" s="5" t="s">
        <v>42</v>
      </c>
      <c r="U14380" s="2">
        <v>1.516</v>
      </c>
      <c r="V14380" s="2">
        <v>1.0580000000000001</v>
      </c>
      <c r="W14380" s="2">
        <v>1.4999999999999999E-2</v>
      </c>
      <c r="X14380" s="2">
        <v>118.9</v>
      </c>
      <c r="Y14380" s="2">
        <v>7.6</v>
      </c>
      <c r="Z14380" s="2">
        <v>16.7</v>
      </c>
      <c r="AA14380" s="5"/>
      <c r="AB14380" s="5" t="s">
        <v>43</v>
      </c>
      <c r="AC14380" s="5" t="s">
        <v>44</v>
      </c>
      <c r="AD14380" s="2"/>
      <c r="AE14380" s="1"/>
    </row>
    <row r="14381" spans="1:31" ht="14.45">
      <c r="A14381" s="11"/>
      <c r="B14381" s="20"/>
      <c r="C14381" s="2" t="s">
        <v>44094</v>
      </c>
      <c r="D14381" s="14" t="s">
        <v>44095</v>
      </c>
      <c r="E14381" s="2" t="s">
        <v>44096</v>
      </c>
      <c r="F14381" s="2" t="s">
        <v>41027</v>
      </c>
      <c r="G14381" s="8">
        <v>190</v>
      </c>
      <c r="H14381" s="5">
        <v>6</v>
      </c>
      <c r="I14381" s="5" t="s">
        <v>1518</v>
      </c>
      <c r="J14381" s="5" t="s">
        <v>40939</v>
      </c>
      <c r="K14381" s="2" t="s">
        <v>40940</v>
      </c>
      <c r="L14381" s="5" t="s">
        <v>40939</v>
      </c>
      <c r="M14381" s="2" t="s">
        <v>40940</v>
      </c>
      <c r="N14381" s="5" t="s">
        <v>36266</v>
      </c>
      <c r="O14381" s="5" t="s">
        <v>38</v>
      </c>
      <c r="P14381" s="5" t="s">
        <v>39</v>
      </c>
      <c r="Q14381" s="5" t="s">
        <v>40</v>
      </c>
      <c r="R14381" s="5" t="s">
        <v>1522</v>
      </c>
      <c r="S14381" s="5" t="s">
        <v>1523</v>
      </c>
      <c r="T14381" s="5" t="s">
        <v>42</v>
      </c>
      <c r="U14381" s="2">
        <v>1.532</v>
      </c>
      <c r="V14381" s="2">
        <v>1.0740000000000001</v>
      </c>
      <c r="W14381" s="2">
        <v>1.4999999999999999E-2</v>
      </c>
      <c r="X14381" s="2">
        <v>118.9</v>
      </c>
      <c r="Y14381" s="2">
        <v>7.6</v>
      </c>
      <c r="Z14381" s="2">
        <v>16.7</v>
      </c>
      <c r="AA14381" s="5"/>
      <c r="AB14381" s="5" t="s">
        <v>43</v>
      </c>
      <c r="AC14381" s="5" t="s">
        <v>44</v>
      </c>
      <c r="AD14381" s="2"/>
      <c r="AE14381" s="1"/>
    </row>
    <row r="14382" spans="1:31" ht="14.45">
      <c r="A14382" s="11"/>
      <c r="B14382" s="20"/>
      <c r="C14382" s="2" t="s">
        <v>44097</v>
      </c>
      <c r="D14382" s="14" t="s">
        <v>44098</v>
      </c>
      <c r="E14382" s="2" t="s">
        <v>44099</v>
      </c>
      <c r="F14382" s="2" t="s">
        <v>41031</v>
      </c>
      <c r="G14382" s="8">
        <v>190</v>
      </c>
      <c r="H14382" s="5">
        <v>6</v>
      </c>
      <c r="I14382" s="5" t="s">
        <v>1518</v>
      </c>
      <c r="J14382" s="5" t="s">
        <v>40939</v>
      </c>
      <c r="K14382" s="2" t="s">
        <v>40940</v>
      </c>
      <c r="L14382" s="5" t="s">
        <v>40939</v>
      </c>
      <c r="M14382" s="2" t="s">
        <v>40940</v>
      </c>
      <c r="N14382" s="5" t="s">
        <v>36266</v>
      </c>
      <c r="O14382" s="5" t="s">
        <v>38</v>
      </c>
      <c r="P14382" s="5" t="s">
        <v>39</v>
      </c>
      <c r="Q14382" s="5" t="s">
        <v>40</v>
      </c>
      <c r="R14382" s="5" t="s">
        <v>1522</v>
      </c>
      <c r="S14382" s="5" t="s">
        <v>1523</v>
      </c>
      <c r="T14382" s="5" t="s">
        <v>42</v>
      </c>
      <c r="U14382" s="2">
        <v>1.516</v>
      </c>
      <c r="V14382" s="2">
        <v>1.0580000000000001</v>
      </c>
      <c r="W14382" s="2">
        <v>1.4999999999999999E-2</v>
      </c>
      <c r="X14382" s="2">
        <v>118.9</v>
      </c>
      <c r="Y14382" s="2">
        <v>7.6</v>
      </c>
      <c r="Z14382" s="2">
        <v>16.7</v>
      </c>
      <c r="AA14382" s="5"/>
      <c r="AB14382" s="5" t="s">
        <v>43</v>
      </c>
      <c r="AC14382" s="5" t="s">
        <v>44</v>
      </c>
      <c r="AD14382" s="2"/>
      <c r="AE14382" s="1"/>
    </row>
    <row r="14383" spans="1:31" ht="14.45">
      <c r="A14383" s="11"/>
      <c r="B14383" s="20"/>
      <c r="C14383" s="2" t="s">
        <v>44100</v>
      </c>
      <c r="D14383" s="14" t="s">
        <v>44101</v>
      </c>
      <c r="E14383" s="2" t="s">
        <v>44102</v>
      </c>
      <c r="F14383" s="2" t="s">
        <v>41035</v>
      </c>
      <c r="G14383" s="8">
        <v>190</v>
      </c>
      <c r="H14383" s="5">
        <v>6</v>
      </c>
      <c r="I14383" s="5" t="s">
        <v>1518</v>
      </c>
      <c r="J14383" s="5" t="s">
        <v>40939</v>
      </c>
      <c r="K14383" s="2" t="s">
        <v>40940</v>
      </c>
      <c r="L14383" s="5" t="s">
        <v>40939</v>
      </c>
      <c r="M14383" s="2" t="s">
        <v>40940</v>
      </c>
      <c r="N14383" s="5" t="s">
        <v>36266</v>
      </c>
      <c r="O14383" s="5" t="s">
        <v>38</v>
      </c>
      <c r="P14383" s="5" t="s">
        <v>39</v>
      </c>
      <c r="Q14383" s="5" t="s">
        <v>40</v>
      </c>
      <c r="R14383" s="5" t="s">
        <v>1522</v>
      </c>
      <c r="S14383" s="5" t="s">
        <v>1523</v>
      </c>
      <c r="T14383" s="5" t="s">
        <v>42</v>
      </c>
      <c r="U14383" s="2">
        <v>1.532</v>
      </c>
      <c r="V14383" s="2">
        <v>1.0740000000000001</v>
      </c>
      <c r="W14383" s="2">
        <v>1.4999999999999999E-2</v>
      </c>
      <c r="X14383" s="2">
        <v>118.9</v>
      </c>
      <c r="Y14383" s="2">
        <v>7.6</v>
      </c>
      <c r="Z14383" s="2">
        <v>16.7</v>
      </c>
      <c r="AA14383" s="5"/>
      <c r="AB14383" s="5" t="s">
        <v>43</v>
      </c>
      <c r="AC14383" s="5" t="s">
        <v>44</v>
      </c>
      <c r="AD14383" s="2"/>
      <c r="AE14383" s="1"/>
    </row>
    <row r="14384" spans="1:31" ht="14.45">
      <c r="A14384" s="11"/>
      <c r="B14384" s="20"/>
      <c r="C14384" s="2" t="s">
        <v>44103</v>
      </c>
      <c r="D14384" s="14" t="s">
        <v>44104</v>
      </c>
      <c r="E14384" s="2" t="s">
        <v>44105</v>
      </c>
      <c r="F14384" s="2" t="s">
        <v>7449</v>
      </c>
      <c r="G14384" s="8">
        <v>190</v>
      </c>
      <c r="H14384" s="5">
        <v>6</v>
      </c>
      <c r="I14384" s="5" t="s">
        <v>1518</v>
      </c>
      <c r="J14384" s="5" t="s">
        <v>40939</v>
      </c>
      <c r="K14384" s="2" t="s">
        <v>40940</v>
      </c>
      <c r="L14384" s="5" t="s">
        <v>40939</v>
      </c>
      <c r="M14384" s="2" t="s">
        <v>40940</v>
      </c>
      <c r="N14384" s="5" t="s">
        <v>36266</v>
      </c>
      <c r="O14384" s="5" t="s">
        <v>38</v>
      </c>
      <c r="P14384" s="5" t="s">
        <v>39</v>
      </c>
      <c r="Q14384" s="5" t="s">
        <v>40</v>
      </c>
      <c r="R14384" s="5" t="s">
        <v>1522</v>
      </c>
      <c r="S14384" s="5" t="s">
        <v>1523</v>
      </c>
      <c r="T14384" s="5" t="s">
        <v>42</v>
      </c>
      <c r="U14384" s="2">
        <v>1.516</v>
      </c>
      <c r="V14384" s="2">
        <v>1.0580000000000001</v>
      </c>
      <c r="W14384" s="2">
        <v>1.4999999999999999E-2</v>
      </c>
      <c r="X14384" s="2">
        <v>118.9</v>
      </c>
      <c r="Y14384" s="2">
        <v>7.6</v>
      </c>
      <c r="Z14384" s="2">
        <v>16.7</v>
      </c>
      <c r="AA14384" s="5"/>
      <c r="AB14384" s="5" t="s">
        <v>43</v>
      </c>
      <c r="AC14384" s="5" t="s">
        <v>44</v>
      </c>
      <c r="AD14384" s="2"/>
      <c r="AE14384" s="1"/>
    </row>
    <row r="14385" spans="1:31" ht="14.45">
      <c r="A14385" s="11"/>
      <c r="B14385" s="20"/>
      <c r="C14385" s="2" t="s">
        <v>44106</v>
      </c>
      <c r="D14385" s="14" t="s">
        <v>44107</v>
      </c>
      <c r="E14385" s="2" t="s">
        <v>44108</v>
      </c>
      <c r="F14385" s="2" t="s">
        <v>7581</v>
      </c>
      <c r="G14385" s="8">
        <v>190</v>
      </c>
      <c r="H14385" s="5">
        <v>6</v>
      </c>
      <c r="I14385" s="5" t="s">
        <v>1518</v>
      </c>
      <c r="J14385" s="5" t="s">
        <v>40939</v>
      </c>
      <c r="K14385" s="2" t="s">
        <v>40940</v>
      </c>
      <c r="L14385" s="5" t="s">
        <v>40939</v>
      </c>
      <c r="M14385" s="2" t="s">
        <v>40940</v>
      </c>
      <c r="N14385" s="5" t="s">
        <v>36266</v>
      </c>
      <c r="O14385" s="5" t="s">
        <v>38</v>
      </c>
      <c r="P14385" s="5" t="s">
        <v>39</v>
      </c>
      <c r="Q14385" s="5" t="s">
        <v>40</v>
      </c>
      <c r="R14385" s="5" t="s">
        <v>1522</v>
      </c>
      <c r="S14385" s="5" t="s">
        <v>1523</v>
      </c>
      <c r="T14385" s="5" t="s">
        <v>42</v>
      </c>
      <c r="U14385" s="2">
        <v>1.532</v>
      </c>
      <c r="V14385" s="2">
        <v>1.0740000000000001</v>
      </c>
      <c r="W14385" s="2">
        <v>1.4999999999999999E-2</v>
      </c>
      <c r="X14385" s="2">
        <v>118.9</v>
      </c>
      <c r="Y14385" s="2">
        <v>7.6</v>
      </c>
      <c r="Z14385" s="2">
        <v>16.7</v>
      </c>
      <c r="AA14385" s="5"/>
      <c r="AB14385" s="5" t="s">
        <v>43</v>
      </c>
      <c r="AC14385" s="5" t="s">
        <v>44</v>
      </c>
      <c r="AD14385" s="2"/>
      <c r="AE14385" s="1"/>
    </row>
    <row r="14386" spans="1:31" ht="14.45">
      <c r="A14386" s="11"/>
      <c r="B14386" s="20"/>
      <c r="C14386" s="2" t="s">
        <v>44109</v>
      </c>
      <c r="D14386" s="14" t="s">
        <v>44110</v>
      </c>
      <c r="E14386" s="2" t="s">
        <v>44111</v>
      </c>
      <c r="F14386" s="2" t="s">
        <v>41045</v>
      </c>
      <c r="G14386" s="8">
        <v>190</v>
      </c>
      <c r="H14386" s="5">
        <v>6</v>
      </c>
      <c r="I14386" s="5" t="s">
        <v>1518</v>
      </c>
      <c r="J14386" s="5" t="s">
        <v>40939</v>
      </c>
      <c r="K14386" s="2" t="s">
        <v>40940</v>
      </c>
      <c r="L14386" s="5" t="s">
        <v>40939</v>
      </c>
      <c r="M14386" s="2" t="s">
        <v>40940</v>
      </c>
      <c r="N14386" s="5" t="s">
        <v>36266</v>
      </c>
      <c r="O14386" s="5" t="s">
        <v>38</v>
      </c>
      <c r="P14386" s="5" t="s">
        <v>39</v>
      </c>
      <c r="Q14386" s="5" t="s">
        <v>40</v>
      </c>
      <c r="R14386" s="5" t="s">
        <v>1522</v>
      </c>
      <c r="S14386" s="5" t="s">
        <v>1523</v>
      </c>
      <c r="T14386" s="5" t="s">
        <v>42</v>
      </c>
      <c r="U14386" s="2">
        <v>1.5840000000000001</v>
      </c>
      <c r="V14386" s="2">
        <v>1.1259999999999999</v>
      </c>
      <c r="W14386" s="2">
        <v>1.4999999999999999E-2</v>
      </c>
      <c r="X14386" s="2">
        <v>118.9</v>
      </c>
      <c r="Y14386" s="2">
        <v>7.6</v>
      </c>
      <c r="Z14386" s="2">
        <v>16.7</v>
      </c>
      <c r="AA14386" s="5"/>
      <c r="AB14386" s="5" t="s">
        <v>43</v>
      </c>
      <c r="AC14386" s="5" t="s">
        <v>44</v>
      </c>
      <c r="AD14386" s="2"/>
      <c r="AE14386" s="1"/>
    </row>
    <row r="14387" spans="1:31" ht="14.45">
      <c r="A14387" s="11"/>
      <c r="B14387" s="20"/>
      <c r="C14387" s="2" t="s">
        <v>44112</v>
      </c>
      <c r="D14387" s="14" t="s">
        <v>44113</v>
      </c>
      <c r="E14387" s="2" t="s">
        <v>44114</v>
      </c>
      <c r="F14387" s="2" t="s">
        <v>41049</v>
      </c>
      <c r="G14387" s="8">
        <v>190</v>
      </c>
      <c r="H14387" s="5">
        <v>6</v>
      </c>
      <c r="I14387" s="5" t="s">
        <v>1518</v>
      </c>
      <c r="J14387" s="5" t="s">
        <v>40939</v>
      </c>
      <c r="K14387" s="2" t="s">
        <v>40940</v>
      </c>
      <c r="L14387" s="5" t="s">
        <v>40939</v>
      </c>
      <c r="M14387" s="2" t="s">
        <v>40940</v>
      </c>
      <c r="N14387" s="5" t="s">
        <v>36266</v>
      </c>
      <c r="O14387" s="5" t="s">
        <v>38</v>
      </c>
      <c r="P14387" s="5" t="s">
        <v>39</v>
      </c>
      <c r="Q14387" s="5" t="s">
        <v>40</v>
      </c>
      <c r="R14387" s="5" t="s">
        <v>1522</v>
      </c>
      <c r="S14387" s="5" t="s">
        <v>1523</v>
      </c>
      <c r="T14387" s="5" t="s">
        <v>42</v>
      </c>
      <c r="U14387" s="2">
        <v>1.6</v>
      </c>
      <c r="V14387" s="2">
        <v>1.1419999999999999</v>
      </c>
      <c r="W14387" s="2">
        <v>1.4999999999999999E-2</v>
      </c>
      <c r="X14387" s="2">
        <v>118.9</v>
      </c>
      <c r="Y14387" s="2">
        <v>7.6</v>
      </c>
      <c r="Z14387" s="2">
        <v>16.7</v>
      </c>
      <c r="AA14387" s="5"/>
      <c r="AB14387" s="5" t="s">
        <v>43</v>
      </c>
      <c r="AC14387" s="5" t="s">
        <v>44</v>
      </c>
      <c r="AD14387" s="2"/>
      <c r="AE14387" s="1"/>
    </row>
    <row r="14388" spans="1:31" ht="14.45">
      <c r="A14388" s="11"/>
      <c r="B14388" s="20"/>
      <c r="C14388" s="2" t="s">
        <v>44115</v>
      </c>
      <c r="D14388" s="14" t="s">
        <v>44116</v>
      </c>
      <c r="E14388" s="2" t="s">
        <v>44117</v>
      </c>
      <c r="F14388" s="2" t="s">
        <v>7204</v>
      </c>
      <c r="G14388" s="8">
        <v>175</v>
      </c>
      <c r="H14388" s="5">
        <v>6</v>
      </c>
      <c r="I14388" s="5" t="s">
        <v>1518</v>
      </c>
      <c r="J14388" s="5" t="s">
        <v>40939</v>
      </c>
      <c r="K14388" s="2" t="s">
        <v>40940</v>
      </c>
      <c r="L14388" s="5" t="s">
        <v>40939</v>
      </c>
      <c r="M14388" s="2" t="s">
        <v>40940</v>
      </c>
      <c r="N14388" s="5" t="s">
        <v>36266</v>
      </c>
      <c r="O14388" s="5" t="s">
        <v>38</v>
      </c>
      <c r="P14388" s="5" t="s">
        <v>39</v>
      </c>
      <c r="Q14388" s="5" t="s">
        <v>40</v>
      </c>
      <c r="R14388" s="5" t="s">
        <v>1522</v>
      </c>
      <c r="S14388" s="5" t="s">
        <v>1523</v>
      </c>
      <c r="T14388" s="5" t="s">
        <v>42</v>
      </c>
      <c r="U14388" s="2">
        <v>1.69</v>
      </c>
      <c r="V14388" s="2">
        <v>1.155</v>
      </c>
      <c r="W14388" s="2">
        <v>1.7999999999999999E-2</v>
      </c>
      <c r="X14388" s="2">
        <v>139.1</v>
      </c>
      <c r="Y14388" s="2">
        <v>7.6</v>
      </c>
      <c r="Z14388" s="2">
        <v>16.7</v>
      </c>
      <c r="AA14388" s="5"/>
      <c r="AB14388" s="5" t="s">
        <v>43</v>
      </c>
      <c r="AC14388" s="5" t="s">
        <v>44</v>
      </c>
      <c r="AD14388" s="2"/>
      <c r="AE14388" s="1"/>
    </row>
    <row r="14389" spans="1:31" ht="14.45">
      <c r="A14389" s="11"/>
      <c r="B14389" s="20"/>
      <c r="C14389" s="2" t="s">
        <v>44118</v>
      </c>
      <c r="D14389" s="14" t="s">
        <v>44119</v>
      </c>
      <c r="E14389" s="2" t="s">
        <v>44120</v>
      </c>
      <c r="F14389" s="2" t="s">
        <v>7514</v>
      </c>
      <c r="G14389" s="8">
        <v>175</v>
      </c>
      <c r="H14389" s="5">
        <v>6</v>
      </c>
      <c r="I14389" s="5" t="s">
        <v>1518</v>
      </c>
      <c r="J14389" s="5" t="s">
        <v>40939</v>
      </c>
      <c r="K14389" s="2" t="s">
        <v>40940</v>
      </c>
      <c r="L14389" s="5" t="s">
        <v>40939</v>
      </c>
      <c r="M14389" s="2" t="s">
        <v>40940</v>
      </c>
      <c r="N14389" s="5" t="s">
        <v>36266</v>
      </c>
      <c r="O14389" s="5" t="s">
        <v>38</v>
      </c>
      <c r="P14389" s="5" t="s">
        <v>39</v>
      </c>
      <c r="Q14389" s="5" t="s">
        <v>40</v>
      </c>
      <c r="R14389" s="5" t="s">
        <v>1522</v>
      </c>
      <c r="S14389" s="5" t="s">
        <v>1523</v>
      </c>
      <c r="T14389" s="5" t="s">
        <v>42</v>
      </c>
      <c r="U14389" s="2">
        <v>1.7050000000000001</v>
      </c>
      <c r="V14389" s="2">
        <v>1.17</v>
      </c>
      <c r="W14389" s="2">
        <v>1.7999999999999999E-2</v>
      </c>
      <c r="X14389" s="2">
        <v>139.1</v>
      </c>
      <c r="Y14389" s="2">
        <v>7.6</v>
      </c>
      <c r="Z14389" s="2">
        <v>16.7</v>
      </c>
      <c r="AA14389" s="5"/>
      <c r="AB14389" s="5" t="s">
        <v>43</v>
      </c>
      <c r="AC14389" s="5" t="s">
        <v>44</v>
      </c>
      <c r="AD14389" s="2"/>
      <c r="AE14389" s="1"/>
    </row>
    <row r="14390" spans="1:31" ht="14.45">
      <c r="A14390" s="11"/>
      <c r="B14390" s="20"/>
      <c r="C14390" s="2" t="s">
        <v>44121</v>
      </c>
      <c r="D14390" s="14" t="s">
        <v>44122</v>
      </c>
      <c r="E14390" s="2" t="s">
        <v>44123</v>
      </c>
      <c r="F14390" s="2" t="s">
        <v>41221</v>
      </c>
      <c r="G14390" s="8">
        <v>201</v>
      </c>
      <c r="H14390" s="5">
        <v>6</v>
      </c>
      <c r="I14390" s="5" t="s">
        <v>1518</v>
      </c>
      <c r="J14390" s="5" t="s">
        <v>40939</v>
      </c>
      <c r="K14390" s="2" t="s">
        <v>40940</v>
      </c>
      <c r="L14390" s="5" t="s">
        <v>40939</v>
      </c>
      <c r="M14390" s="2" t="s">
        <v>40940</v>
      </c>
      <c r="N14390" s="5" t="s">
        <v>36266</v>
      </c>
      <c r="O14390" s="5" t="s">
        <v>38</v>
      </c>
      <c r="P14390" s="5" t="s">
        <v>39</v>
      </c>
      <c r="Q14390" s="5" t="s">
        <v>40</v>
      </c>
      <c r="R14390" s="5" t="s">
        <v>1522</v>
      </c>
      <c r="S14390" s="5" t="s">
        <v>1523</v>
      </c>
      <c r="T14390" s="5" t="s">
        <v>42</v>
      </c>
      <c r="U14390" s="2">
        <v>1.716</v>
      </c>
      <c r="V14390" s="2">
        <v>1.181</v>
      </c>
      <c r="W14390" s="2">
        <v>1.7999999999999999E-2</v>
      </c>
      <c r="X14390" s="2">
        <v>139.1</v>
      </c>
      <c r="Y14390" s="2">
        <v>7.6</v>
      </c>
      <c r="Z14390" s="2">
        <v>16.7</v>
      </c>
      <c r="AA14390" s="5"/>
      <c r="AB14390" s="5" t="s">
        <v>43</v>
      </c>
      <c r="AC14390" s="5" t="s">
        <v>44</v>
      </c>
      <c r="AD14390" s="2"/>
      <c r="AE14390" s="1"/>
    </row>
    <row r="14391" spans="1:31" ht="14.45">
      <c r="A14391" s="11"/>
      <c r="B14391" s="20"/>
      <c r="C14391" s="2" t="s">
        <v>44124</v>
      </c>
      <c r="D14391" s="14" t="s">
        <v>44125</v>
      </c>
      <c r="E14391" s="2" t="s">
        <v>44126</v>
      </c>
      <c r="F14391" s="2" t="s">
        <v>40951</v>
      </c>
      <c r="G14391" s="8">
        <v>201</v>
      </c>
      <c r="H14391" s="5">
        <v>6</v>
      </c>
      <c r="I14391" s="5" t="s">
        <v>1518</v>
      </c>
      <c r="J14391" s="5" t="s">
        <v>40939</v>
      </c>
      <c r="K14391" s="2" t="s">
        <v>40940</v>
      </c>
      <c r="L14391" s="5" t="s">
        <v>40939</v>
      </c>
      <c r="M14391" s="2" t="s">
        <v>40940</v>
      </c>
      <c r="N14391" s="5" t="s">
        <v>36266</v>
      </c>
      <c r="O14391" s="5" t="s">
        <v>38</v>
      </c>
      <c r="P14391" s="5" t="s">
        <v>39</v>
      </c>
      <c r="Q14391" s="5" t="s">
        <v>40</v>
      </c>
      <c r="R14391" s="5" t="s">
        <v>1522</v>
      </c>
      <c r="S14391" s="5" t="s">
        <v>1523</v>
      </c>
      <c r="T14391" s="5" t="s">
        <v>42</v>
      </c>
      <c r="U14391" s="2">
        <v>1.7310000000000001</v>
      </c>
      <c r="V14391" s="2">
        <v>1.196</v>
      </c>
      <c r="W14391" s="2">
        <v>1.7999999999999999E-2</v>
      </c>
      <c r="X14391" s="2">
        <v>139.1</v>
      </c>
      <c r="Y14391" s="2">
        <v>7.6</v>
      </c>
      <c r="Z14391" s="2">
        <v>16.7</v>
      </c>
      <c r="AA14391" s="5"/>
      <c r="AB14391" s="5" t="s">
        <v>43</v>
      </c>
      <c r="AC14391" s="5" t="s">
        <v>44</v>
      </c>
      <c r="AD14391" s="2"/>
      <c r="AE14391" s="1"/>
    </row>
    <row r="14392" spans="1:31" ht="14.45">
      <c r="A14392" s="11"/>
      <c r="B14392" s="20"/>
      <c r="C14392" s="2" t="s">
        <v>44127</v>
      </c>
      <c r="D14392" s="14" t="s">
        <v>44128</v>
      </c>
      <c r="E14392" s="2" t="s">
        <v>44129</v>
      </c>
      <c r="F14392" s="2" t="s">
        <v>7208</v>
      </c>
      <c r="G14392" s="8">
        <v>175</v>
      </c>
      <c r="H14392" s="5">
        <v>6</v>
      </c>
      <c r="I14392" s="5" t="s">
        <v>1518</v>
      </c>
      <c r="J14392" s="5" t="s">
        <v>40939</v>
      </c>
      <c r="K14392" s="2" t="s">
        <v>40940</v>
      </c>
      <c r="L14392" s="5" t="s">
        <v>40939</v>
      </c>
      <c r="M14392" s="2" t="s">
        <v>40940</v>
      </c>
      <c r="N14392" s="5" t="s">
        <v>36266</v>
      </c>
      <c r="O14392" s="5" t="s">
        <v>38</v>
      </c>
      <c r="P14392" s="5" t="s">
        <v>39</v>
      </c>
      <c r="Q14392" s="5" t="s">
        <v>40</v>
      </c>
      <c r="R14392" s="5" t="s">
        <v>1522</v>
      </c>
      <c r="S14392" s="5" t="s">
        <v>1523</v>
      </c>
      <c r="T14392" s="5" t="s">
        <v>42</v>
      </c>
      <c r="U14392" s="2">
        <v>1.73</v>
      </c>
      <c r="V14392" s="2">
        <v>1.1950000000000001</v>
      </c>
      <c r="W14392" s="2">
        <v>1.7999999999999999E-2</v>
      </c>
      <c r="X14392" s="2">
        <v>139.1</v>
      </c>
      <c r="Y14392" s="2">
        <v>7.6</v>
      </c>
      <c r="Z14392" s="2">
        <v>16.7</v>
      </c>
      <c r="AA14392" s="5"/>
      <c r="AB14392" s="5" t="s">
        <v>43</v>
      </c>
      <c r="AC14392" s="5" t="s">
        <v>44</v>
      </c>
      <c r="AD14392" s="2"/>
      <c r="AE14392" s="1"/>
    </row>
    <row r="14393" spans="1:31" ht="14.45">
      <c r="A14393" s="11"/>
      <c r="B14393" s="20"/>
      <c r="C14393" s="2" t="s">
        <v>44130</v>
      </c>
      <c r="D14393" s="14" t="s">
        <v>44131</v>
      </c>
      <c r="E14393" s="2" t="s">
        <v>44132</v>
      </c>
      <c r="F14393" s="2" t="s">
        <v>7521</v>
      </c>
      <c r="G14393" s="8">
        <v>175</v>
      </c>
      <c r="H14393" s="5">
        <v>6</v>
      </c>
      <c r="I14393" s="5" t="s">
        <v>1518</v>
      </c>
      <c r="J14393" s="5" t="s">
        <v>40939</v>
      </c>
      <c r="K14393" s="2" t="s">
        <v>40940</v>
      </c>
      <c r="L14393" s="5" t="s">
        <v>40939</v>
      </c>
      <c r="M14393" s="2" t="s">
        <v>40940</v>
      </c>
      <c r="N14393" s="5" t="s">
        <v>36266</v>
      </c>
      <c r="O14393" s="5" t="s">
        <v>38</v>
      </c>
      <c r="P14393" s="5" t="s">
        <v>39</v>
      </c>
      <c r="Q14393" s="5" t="s">
        <v>40</v>
      </c>
      <c r="R14393" s="5" t="s">
        <v>1522</v>
      </c>
      <c r="S14393" s="5" t="s">
        <v>1523</v>
      </c>
      <c r="T14393" s="5" t="s">
        <v>42</v>
      </c>
      <c r="U14393" s="2">
        <v>1.7450000000000001</v>
      </c>
      <c r="V14393" s="2">
        <v>1.21</v>
      </c>
      <c r="W14393" s="2">
        <v>1.7999999999999999E-2</v>
      </c>
      <c r="X14393" s="2">
        <v>139.1</v>
      </c>
      <c r="Y14393" s="2">
        <v>7.6</v>
      </c>
      <c r="Z14393" s="2">
        <v>16.7</v>
      </c>
      <c r="AA14393" s="5"/>
      <c r="AB14393" s="5" t="s">
        <v>43</v>
      </c>
      <c r="AC14393" s="5" t="s">
        <v>44</v>
      </c>
      <c r="AD14393" s="2"/>
      <c r="AE14393" s="1"/>
    </row>
    <row r="14394" spans="1:31" ht="14.45">
      <c r="A14394" s="11"/>
      <c r="B14394" s="20"/>
      <c r="C14394" s="2" t="s">
        <v>44133</v>
      </c>
      <c r="D14394" s="14" t="s">
        <v>44134</v>
      </c>
      <c r="E14394" s="2" t="s">
        <v>44135</v>
      </c>
      <c r="F14394" s="2" t="s">
        <v>36273</v>
      </c>
      <c r="G14394" s="8">
        <v>175</v>
      </c>
      <c r="H14394" s="5">
        <v>6</v>
      </c>
      <c r="I14394" s="5" t="s">
        <v>1518</v>
      </c>
      <c r="J14394" s="5" t="s">
        <v>40939</v>
      </c>
      <c r="K14394" s="2" t="s">
        <v>40940</v>
      </c>
      <c r="L14394" s="5" t="s">
        <v>40939</v>
      </c>
      <c r="M14394" s="2" t="s">
        <v>40940</v>
      </c>
      <c r="N14394" s="5" t="s">
        <v>36266</v>
      </c>
      <c r="O14394" s="5" t="s">
        <v>38</v>
      </c>
      <c r="P14394" s="5" t="s">
        <v>39</v>
      </c>
      <c r="Q14394" s="5" t="s">
        <v>40</v>
      </c>
      <c r="R14394" s="5" t="s">
        <v>1522</v>
      </c>
      <c r="S14394" s="5" t="s">
        <v>1523</v>
      </c>
      <c r="T14394" s="5" t="s">
        <v>42</v>
      </c>
      <c r="U14394" s="2">
        <v>1.756</v>
      </c>
      <c r="V14394" s="2">
        <v>1.2210000000000001</v>
      </c>
      <c r="W14394" s="2">
        <v>1.7999999999999999E-2</v>
      </c>
      <c r="X14394" s="2">
        <v>139.1</v>
      </c>
      <c r="Y14394" s="2">
        <v>7.6</v>
      </c>
      <c r="Z14394" s="2">
        <v>16.7</v>
      </c>
      <c r="AA14394" s="5"/>
      <c r="AB14394" s="5" t="s">
        <v>43</v>
      </c>
      <c r="AC14394" s="5" t="s">
        <v>44</v>
      </c>
      <c r="AD14394" s="2"/>
      <c r="AE14394" s="1"/>
    </row>
    <row r="14395" spans="1:31" ht="14.45">
      <c r="A14395" s="11"/>
      <c r="B14395" s="20"/>
      <c r="C14395" s="2" t="s">
        <v>44136</v>
      </c>
      <c r="D14395" s="14" t="s">
        <v>44137</v>
      </c>
      <c r="E14395" s="2" t="s">
        <v>44138</v>
      </c>
      <c r="F14395" s="2" t="s">
        <v>36277</v>
      </c>
      <c r="G14395" s="8">
        <v>175</v>
      </c>
      <c r="H14395" s="5">
        <v>6</v>
      </c>
      <c r="I14395" s="5" t="s">
        <v>1518</v>
      </c>
      <c r="J14395" s="5" t="s">
        <v>40939</v>
      </c>
      <c r="K14395" s="2" t="s">
        <v>40940</v>
      </c>
      <c r="L14395" s="5" t="s">
        <v>40939</v>
      </c>
      <c r="M14395" s="2" t="s">
        <v>40940</v>
      </c>
      <c r="N14395" s="5" t="s">
        <v>36266</v>
      </c>
      <c r="O14395" s="5" t="s">
        <v>38</v>
      </c>
      <c r="P14395" s="5" t="s">
        <v>39</v>
      </c>
      <c r="Q14395" s="5" t="s">
        <v>40</v>
      </c>
      <c r="R14395" s="5" t="s">
        <v>1522</v>
      </c>
      <c r="S14395" s="5" t="s">
        <v>1523</v>
      </c>
      <c r="T14395" s="5" t="s">
        <v>42</v>
      </c>
      <c r="U14395" s="2">
        <v>1.7709999999999999</v>
      </c>
      <c r="V14395" s="2">
        <v>1.236</v>
      </c>
      <c r="W14395" s="2">
        <v>1.7999999999999999E-2</v>
      </c>
      <c r="X14395" s="2">
        <v>139.1</v>
      </c>
      <c r="Y14395" s="2">
        <v>7.6</v>
      </c>
      <c r="Z14395" s="2">
        <v>16.7</v>
      </c>
      <c r="AA14395" s="5"/>
      <c r="AB14395" s="5" t="s">
        <v>43</v>
      </c>
      <c r="AC14395" s="5" t="s">
        <v>44</v>
      </c>
      <c r="AD14395" s="2"/>
      <c r="AE14395" s="1"/>
    </row>
    <row r="14396" spans="1:31" ht="14.45">
      <c r="A14396" s="11"/>
      <c r="B14396" s="20"/>
      <c r="C14396" s="2" t="s">
        <v>44139</v>
      </c>
      <c r="D14396" s="14" t="s">
        <v>44140</v>
      </c>
      <c r="E14396" s="2" t="s">
        <v>44141</v>
      </c>
      <c r="F14396" s="2" t="s">
        <v>40967</v>
      </c>
      <c r="G14396" s="8">
        <v>201</v>
      </c>
      <c r="H14396" s="5">
        <v>6</v>
      </c>
      <c r="I14396" s="5" t="s">
        <v>1518</v>
      </c>
      <c r="J14396" s="5" t="s">
        <v>40939</v>
      </c>
      <c r="K14396" s="2" t="s">
        <v>40940</v>
      </c>
      <c r="L14396" s="5" t="s">
        <v>40939</v>
      </c>
      <c r="M14396" s="2" t="s">
        <v>40940</v>
      </c>
      <c r="N14396" s="5" t="s">
        <v>36266</v>
      </c>
      <c r="O14396" s="5" t="s">
        <v>38</v>
      </c>
      <c r="P14396" s="5" t="s">
        <v>39</v>
      </c>
      <c r="Q14396" s="5" t="s">
        <v>40</v>
      </c>
      <c r="R14396" s="5" t="s">
        <v>1522</v>
      </c>
      <c r="S14396" s="5" t="s">
        <v>1523</v>
      </c>
      <c r="T14396" s="5" t="s">
        <v>42</v>
      </c>
      <c r="U14396" s="2">
        <v>1.73</v>
      </c>
      <c r="V14396" s="2">
        <v>1.1950000000000001</v>
      </c>
      <c r="W14396" s="2">
        <v>1.7999999999999999E-2</v>
      </c>
      <c r="X14396" s="2">
        <v>139.1</v>
      </c>
      <c r="Y14396" s="2">
        <v>7.6</v>
      </c>
      <c r="Z14396" s="2">
        <v>16.7</v>
      </c>
      <c r="AA14396" s="5"/>
      <c r="AB14396" s="5" t="s">
        <v>43</v>
      </c>
      <c r="AC14396" s="5" t="s">
        <v>44</v>
      </c>
      <c r="AD14396" s="2"/>
      <c r="AE14396" s="1"/>
    </row>
    <row r="14397" spans="1:31" ht="14.45">
      <c r="A14397" s="11"/>
      <c r="B14397" s="20"/>
      <c r="C14397" s="2" t="s">
        <v>44142</v>
      </c>
      <c r="D14397" s="14" t="s">
        <v>44143</v>
      </c>
      <c r="E14397" s="2" t="s">
        <v>44144</v>
      </c>
      <c r="F14397" s="2" t="s">
        <v>40971</v>
      </c>
      <c r="G14397" s="8">
        <v>201</v>
      </c>
      <c r="H14397" s="5">
        <v>6</v>
      </c>
      <c r="I14397" s="5" t="s">
        <v>1518</v>
      </c>
      <c r="J14397" s="5" t="s">
        <v>40939</v>
      </c>
      <c r="K14397" s="2" t="s">
        <v>40940</v>
      </c>
      <c r="L14397" s="5" t="s">
        <v>40939</v>
      </c>
      <c r="M14397" s="2" t="s">
        <v>40940</v>
      </c>
      <c r="N14397" s="5" t="s">
        <v>36266</v>
      </c>
      <c r="O14397" s="5" t="s">
        <v>38</v>
      </c>
      <c r="P14397" s="5" t="s">
        <v>39</v>
      </c>
      <c r="Q14397" s="5" t="s">
        <v>40</v>
      </c>
      <c r="R14397" s="5" t="s">
        <v>1522</v>
      </c>
      <c r="S14397" s="5" t="s">
        <v>1523</v>
      </c>
      <c r="T14397" s="5" t="s">
        <v>42</v>
      </c>
      <c r="U14397" s="2">
        <v>1.7450000000000001</v>
      </c>
      <c r="V14397" s="2">
        <v>1.21</v>
      </c>
      <c r="W14397" s="2">
        <v>1.7999999999999999E-2</v>
      </c>
      <c r="X14397" s="2">
        <v>139.1</v>
      </c>
      <c r="Y14397" s="2">
        <v>7.6</v>
      </c>
      <c r="Z14397" s="2">
        <v>16.7</v>
      </c>
      <c r="AA14397" s="5"/>
      <c r="AB14397" s="5" t="s">
        <v>43</v>
      </c>
      <c r="AC14397" s="5" t="s">
        <v>44</v>
      </c>
      <c r="AD14397" s="2"/>
      <c r="AE14397" s="1"/>
    </row>
    <row r="14398" spans="1:31" ht="14.45">
      <c r="A14398" s="11"/>
      <c r="B14398" s="20"/>
      <c r="C14398" s="2" t="s">
        <v>44145</v>
      </c>
      <c r="D14398" s="14" t="s">
        <v>44146</v>
      </c>
      <c r="E14398" s="2" t="s">
        <v>44147</v>
      </c>
      <c r="F14398" s="2" t="s">
        <v>40975</v>
      </c>
      <c r="G14398" s="8">
        <v>201</v>
      </c>
      <c r="H14398" s="5">
        <v>6</v>
      </c>
      <c r="I14398" s="5" t="s">
        <v>1518</v>
      </c>
      <c r="J14398" s="5" t="s">
        <v>40939</v>
      </c>
      <c r="K14398" s="2" t="s">
        <v>40940</v>
      </c>
      <c r="L14398" s="5" t="s">
        <v>40939</v>
      </c>
      <c r="M14398" s="2" t="s">
        <v>40940</v>
      </c>
      <c r="N14398" s="5" t="s">
        <v>36266</v>
      </c>
      <c r="O14398" s="5" t="s">
        <v>38</v>
      </c>
      <c r="P14398" s="5" t="s">
        <v>39</v>
      </c>
      <c r="Q14398" s="5" t="s">
        <v>40</v>
      </c>
      <c r="R14398" s="5" t="s">
        <v>1522</v>
      </c>
      <c r="S14398" s="5" t="s">
        <v>1523</v>
      </c>
      <c r="T14398" s="5" t="s">
        <v>42</v>
      </c>
      <c r="U14398" s="2">
        <v>1.73</v>
      </c>
      <c r="V14398" s="2">
        <v>1.1950000000000001</v>
      </c>
      <c r="W14398" s="2">
        <v>1.7999999999999999E-2</v>
      </c>
      <c r="X14398" s="2">
        <v>139.1</v>
      </c>
      <c r="Y14398" s="2">
        <v>7.6</v>
      </c>
      <c r="Z14398" s="2">
        <v>16.7</v>
      </c>
      <c r="AA14398" s="5"/>
      <c r="AB14398" s="5" t="s">
        <v>43</v>
      </c>
      <c r="AC14398" s="5" t="s">
        <v>44</v>
      </c>
      <c r="AD14398" s="2"/>
      <c r="AE14398" s="1"/>
    </row>
    <row r="14399" spans="1:31" ht="14.45">
      <c r="A14399" s="11"/>
      <c r="B14399" s="20"/>
      <c r="C14399" s="2" t="s">
        <v>44148</v>
      </c>
      <c r="D14399" s="14" t="s">
        <v>44149</v>
      </c>
      <c r="E14399" s="2" t="s">
        <v>44150</v>
      </c>
      <c r="F14399" s="2" t="s">
        <v>40979</v>
      </c>
      <c r="G14399" s="8">
        <v>201</v>
      </c>
      <c r="H14399" s="5">
        <v>6</v>
      </c>
      <c r="I14399" s="5" t="s">
        <v>1518</v>
      </c>
      <c r="J14399" s="5" t="s">
        <v>40939</v>
      </c>
      <c r="K14399" s="2" t="s">
        <v>40940</v>
      </c>
      <c r="L14399" s="5" t="s">
        <v>40939</v>
      </c>
      <c r="M14399" s="2" t="s">
        <v>40940</v>
      </c>
      <c r="N14399" s="5" t="s">
        <v>36266</v>
      </c>
      <c r="O14399" s="5" t="s">
        <v>38</v>
      </c>
      <c r="P14399" s="5" t="s">
        <v>39</v>
      </c>
      <c r="Q14399" s="5" t="s">
        <v>40</v>
      </c>
      <c r="R14399" s="5" t="s">
        <v>1522</v>
      </c>
      <c r="S14399" s="5" t="s">
        <v>1523</v>
      </c>
      <c r="T14399" s="5" t="s">
        <v>42</v>
      </c>
      <c r="U14399" s="2">
        <v>1.7450000000000001</v>
      </c>
      <c r="V14399" s="2">
        <v>1.21</v>
      </c>
      <c r="W14399" s="2">
        <v>1.7999999999999999E-2</v>
      </c>
      <c r="X14399" s="2">
        <v>139.1</v>
      </c>
      <c r="Y14399" s="2">
        <v>7.6</v>
      </c>
      <c r="Z14399" s="2">
        <v>16.7</v>
      </c>
      <c r="AA14399" s="5"/>
      <c r="AB14399" s="5" t="s">
        <v>43</v>
      </c>
      <c r="AC14399" s="5" t="s">
        <v>44</v>
      </c>
      <c r="AD14399" s="2"/>
      <c r="AE14399" s="1"/>
    </row>
    <row r="14400" spans="1:31" ht="14.45">
      <c r="A14400" s="11"/>
      <c r="B14400" s="20"/>
      <c r="C14400" s="2" t="s">
        <v>44151</v>
      </c>
      <c r="D14400" s="14" t="s">
        <v>44152</v>
      </c>
      <c r="E14400" s="2" t="s">
        <v>44153</v>
      </c>
      <c r="F14400" s="2" t="s">
        <v>7539</v>
      </c>
      <c r="G14400" s="8">
        <v>201</v>
      </c>
      <c r="H14400" s="5">
        <v>6</v>
      </c>
      <c r="I14400" s="5" t="s">
        <v>1518</v>
      </c>
      <c r="J14400" s="5" t="s">
        <v>40939</v>
      </c>
      <c r="K14400" s="2" t="s">
        <v>40940</v>
      </c>
      <c r="L14400" s="5" t="s">
        <v>40939</v>
      </c>
      <c r="M14400" s="2" t="s">
        <v>40940</v>
      </c>
      <c r="N14400" s="5" t="s">
        <v>36266</v>
      </c>
      <c r="O14400" s="5" t="s">
        <v>38</v>
      </c>
      <c r="P14400" s="5" t="s">
        <v>39</v>
      </c>
      <c r="Q14400" s="5" t="s">
        <v>40</v>
      </c>
      <c r="R14400" s="5" t="s">
        <v>1522</v>
      </c>
      <c r="S14400" s="5" t="s">
        <v>1523</v>
      </c>
      <c r="T14400" s="5" t="s">
        <v>42</v>
      </c>
      <c r="U14400" s="2">
        <v>1.663</v>
      </c>
      <c r="V14400" s="2">
        <v>1.1279999999999999</v>
      </c>
      <c r="W14400" s="2">
        <v>1.7999999999999999E-2</v>
      </c>
      <c r="X14400" s="2">
        <v>139.1</v>
      </c>
      <c r="Y14400" s="2">
        <v>7.6</v>
      </c>
      <c r="Z14400" s="2">
        <v>16.7</v>
      </c>
      <c r="AA14400" s="5"/>
      <c r="AB14400" s="5" t="s">
        <v>43</v>
      </c>
      <c r="AC14400" s="5" t="s">
        <v>44</v>
      </c>
      <c r="AD14400" s="2"/>
      <c r="AE14400" s="1"/>
    </row>
    <row r="14401" spans="1:31" ht="14.45">
      <c r="A14401" s="11"/>
      <c r="B14401" s="20"/>
      <c r="C14401" s="2" t="s">
        <v>44154</v>
      </c>
      <c r="D14401" s="14" t="s">
        <v>44155</v>
      </c>
      <c r="E14401" s="2" t="s">
        <v>44156</v>
      </c>
      <c r="F14401" s="2" t="s">
        <v>7543</v>
      </c>
      <c r="G14401" s="8">
        <v>201</v>
      </c>
      <c r="H14401" s="5">
        <v>6</v>
      </c>
      <c r="I14401" s="5" t="s">
        <v>1518</v>
      </c>
      <c r="J14401" s="5" t="s">
        <v>40939</v>
      </c>
      <c r="K14401" s="2" t="s">
        <v>40940</v>
      </c>
      <c r="L14401" s="5" t="s">
        <v>40939</v>
      </c>
      <c r="M14401" s="2" t="s">
        <v>40940</v>
      </c>
      <c r="N14401" s="5" t="s">
        <v>36266</v>
      </c>
      <c r="O14401" s="5" t="s">
        <v>38</v>
      </c>
      <c r="P14401" s="5" t="s">
        <v>39</v>
      </c>
      <c r="Q14401" s="5" t="s">
        <v>40</v>
      </c>
      <c r="R14401" s="5" t="s">
        <v>1522</v>
      </c>
      <c r="S14401" s="5" t="s">
        <v>1523</v>
      </c>
      <c r="T14401" s="5" t="s">
        <v>42</v>
      </c>
      <c r="U14401" s="2">
        <v>1.6779999999999999</v>
      </c>
      <c r="V14401" s="2">
        <v>1.143</v>
      </c>
      <c r="W14401" s="2">
        <v>1.7999999999999999E-2</v>
      </c>
      <c r="X14401" s="2">
        <v>139.1</v>
      </c>
      <c r="Y14401" s="2">
        <v>7.6</v>
      </c>
      <c r="Z14401" s="2">
        <v>16.7</v>
      </c>
      <c r="AA14401" s="5"/>
      <c r="AB14401" s="5" t="s">
        <v>43</v>
      </c>
      <c r="AC14401" s="5" t="s">
        <v>44</v>
      </c>
      <c r="AD14401" s="2"/>
      <c r="AE14401" s="1"/>
    </row>
    <row r="14402" spans="1:31" ht="14.45">
      <c r="A14402" s="11"/>
      <c r="B14402" s="20"/>
      <c r="C14402" s="2" t="s">
        <v>44157</v>
      </c>
      <c r="D14402" s="14" t="s">
        <v>44158</v>
      </c>
      <c r="E14402" s="2" t="s">
        <v>44159</v>
      </c>
      <c r="F14402" s="2" t="s">
        <v>40989</v>
      </c>
      <c r="G14402" s="8">
        <v>201</v>
      </c>
      <c r="H14402" s="5">
        <v>6</v>
      </c>
      <c r="I14402" s="5" t="s">
        <v>1518</v>
      </c>
      <c r="J14402" s="5" t="s">
        <v>40939</v>
      </c>
      <c r="K14402" s="2" t="s">
        <v>40940</v>
      </c>
      <c r="L14402" s="5" t="s">
        <v>40939</v>
      </c>
      <c r="M14402" s="2" t="s">
        <v>40940</v>
      </c>
      <c r="N14402" s="5" t="s">
        <v>36266</v>
      </c>
      <c r="O14402" s="5" t="s">
        <v>38</v>
      </c>
      <c r="P14402" s="5" t="s">
        <v>39</v>
      </c>
      <c r="Q14402" s="5" t="s">
        <v>40</v>
      </c>
      <c r="R14402" s="5" t="s">
        <v>1522</v>
      </c>
      <c r="S14402" s="5" t="s">
        <v>1523</v>
      </c>
      <c r="T14402" s="5" t="s">
        <v>42</v>
      </c>
      <c r="U14402" s="2">
        <v>1.73</v>
      </c>
      <c r="V14402" s="2">
        <v>1.1950000000000001</v>
      </c>
      <c r="W14402" s="2">
        <v>1.7999999999999999E-2</v>
      </c>
      <c r="X14402" s="2">
        <v>139.1</v>
      </c>
      <c r="Y14402" s="2">
        <v>7.6</v>
      </c>
      <c r="Z14402" s="2">
        <v>16.7</v>
      </c>
      <c r="AA14402" s="5"/>
      <c r="AB14402" s="5" t="s">
        <v>43</v>
      </c>
      <c r="AC14402" s="5" t="s">
        <v>44</v>
      </c>
      <c r="AD14402" s="2"/>
      <c r="AE14402" s="1"/>
    </row>
    <row r="14403" spans="1:31" ht="14.45">
      <c r="A14403" s="11"/>
      <c r="B14403" s="20"/>
      <c r="C14403" s="2" t="s">
        <v>44160</v>
      </c>
      <c r="D14403" s="14" t="s">
        <v>44161</v>
      </c>
      <c r="E14403" s="2" t="s">
        <v>44162</v>
      </c>
      <c r="F14403" s="2" t="s">
        <v>40993</v>
      </c>
      <c r="G14403" s="8">
        <v>201</v>
      </c>
      <c r="H14403" s="5">
        <v>6</v>
      </c>
      <c r="I14403" s="5" t="s">
        <v>1518</v>
      </c>
      <c r="J14403" s="5" t="s">
        <v>40939</v>
      </c>
      <c r="K14403" s="2" t="s">
        <v>40940</v>
      </c>
      <c r="L14403" s="5" t="s">
        <v>40939</v>
      </c>
      <c r="M14403" s="2" t="s">
        <v>40940</v>
      </c>
      <c r="N14403" s="5" t="s">
        <v>36266</v>
      </c>
      <c r="O14403" s="5" t="s">
        <v>38</v>
      </c>
      <c r="P14403" s="5" t="s">
        <v>39</v>
      </c>
      <c r="Q14403" s="5" t="s">
        <v>40</v>
      </c>
      <c r="R14403" s="5" t="s">
        <v>1522</v>
      </c>
      <c r="S14403" s="5" t="s">
        <v>1523</v>
      </c>
      <c r="T14403" s="5" t="s">
        <v>42</v>
      </c>
      <c r="U14403" s="2">
        <v>1.7450000000000001</v>
      </c>
      <c r="V14403" s="2">
        <v>1.21</v>
      </c>
      <c r="W14403" s="2">
        <v>1.7999999999999999E-2</v>
      </c>
      <c r="X14403" s="2">
        <v>139.1</v>
      </c>
      <c r="Y14403" s="2">
        <v>7.6</v>
      </c>
      <c r="Z14403" s="2">
        <v>16.7</v>
      </c>
      <c r="AA14403" s="5"/>
      <c r="AB14403" s="5" t="s">
        <v>43</v>
      </c>
      <c r="AC14403" s="5" t="s">
        <v>44</v>
      </c>
      <c r="AD14403" s="2"/>
      <c r="AE14403" s="1"/>
    </row>
    <row r="14404" spans="1:31" ht="14.45">
      <c r="A14404" s="11"/>
      <c r="B14404" s="20"/>
      <c r="C14404" s="2" t="s">
        <v>44163</v>
      </c>
      <c r="D14404" s="14" t="s">
        <v>44164</v>
      </c>
      <c r="E14404" s="2" t="s">
        <v>44165</v>
      </c>
      <c r="F14404" s="2" t="s">
        <v>40997</v>
      </c>
      <c r="G14404" s="8">
        <v>201</v>
      </c>
      <c r="H14404" s="5">
        <v>6</v>
      </c>
      <c r="I14404" s="5" t="s">
        <v>1518</v>
      </c>
      <c r="J14404" s="5" t="s">
        <v>40939</v>
      </c>
      <c r="K14404" s="2" t="s">
        <v>40940</v>
      </c>
      <c r="L14404" s="5" t="s">
        <v>40939</v>
      </c>
      <c r="M14404" s="2" t="s">
        <v>40940</v>
      </c>
      <c r="N14404" s="5" t="s">
        <v>36266</v>
      </c>
      <c r="O14404" s="5" t="s">
        <v>38</v>
      </c>
      <c r="P14404" s="5" t="s">
        <v>39</v>
      </c>
      <c r="Q14404" s="5" t="s">
        <v>40</v>
      </c>
      <c r="R14404" s="5" t="s">
        <v>1522</v>
      </c>
      <c r="S14404" s="5" t="s">
        <v>1523</v>
      </c>
      <c r="T14404" s="5" t="s">
        <v>42</v>
      </c>
      <c r="U14404" s="2">
        <v>1.6759999999999999</v>
      </c>
      <c r="V14404" s="2">
        <v>1.141</v>
      </c>
      <c r="W14404" s="2">
        <v>1.7999999999999999E-2</v>
      </c>
      <c r="X14404" s="2">
        <v>139.1</v>
      </c>
      <c r="Y14404" s="2">
        <v>7.6</v>
      </c>
      <c r="Z14404" s="2">
        <v>16.7</v>
      </c>
      <c r="AA14404" s="5"/>
      <c r="AB14404" s="5" t="s">
        <v>43</v>
      </c>
      <c r="AC14404" s="5" t="s">
        <v>44</v>
      </c>
      <c r="AD14404" s="2"/>
      <c r="AE14404" s="1"/>
    </row>
    <row r="14405" spans="1:31" ht="14.45">
      <c r="A14405" s="11"/>
      <c r="B14405" s="20"/>
      <c r="C14405" s="2" t="s">
        <v>44166</v>
      </c>
      <c r="D14405" s="14" t="s">
        <v>44167</v>
      </c>
      <c r="E14405" s="2" t="s">
        <v>44168</v>
      </c>
      <c r="F14405" s="2" t="s">
        <v>41267</v>
      </c>
      <c r="G14405" s="8">
        <v>201</v>
      </c>
      <c r="H14405" s="5">
        <v>6</v>
      </c>
      <c r="I14405" s="5" t="s">
        <v>1518</v>
      </c>
      <c r="J14405" s="5" t="s">
        <v>40939</v>
      </c>
      <c r="K14405" s="2" t="s">
        <v>40940</v>
      </c>
      <c r="L14405" s="5" t="s">
        <v>40939</v>
      </c>
      <c r="M14405" s="2" t="s">
        <v>40940</v>
      </c>
      <c r="N14405" s="5" t="s">
        <v>36266</v>
      </c>
      <c r="O14405" s="5" t="s">
        <v>38</v>
      </c>
      <c r="P14405" s="5" t="s">
        <v>39</v>
      </c>
      <c r="Q14405" s="5" t="s">
        <v>40</v>
      </c>
      <c r="R14405" s="5" t="s">
        <v>1522</v>
      </c>
      <c r="S14405" s="5" t="s">
        <v>1523</v>
      </c>
      <c r="T14405" s="5" t="s">
        <v>42</v>
      </c>
      <c r="U14405" s="2">
        <v>1.6910000000000001</v>
      </c>
      <c r="V14405" s="2">
        <v>1.1559999999999999</v>
      </c>
      <c r="W14405" s="2">
        <v>1.7999999999999999E-2</v>
      </c>
      <c r="X14405" s="2">
        <v>139.1</v>
      </c>
      <c r="Y14405" s="2">
        <v>7.6</v>
      </c>
      <c r="Z14405" s="2">
        <v>16.7</v>
      </c>
      <c r="AA14405" s="5"/>
      <c r="AB14405" s="5" t="s">
        <v>43</v>
      </c>
      <c r="AC14405" s="5" t="s">
        <v>44</v>
      </c>
      <c r="AD14405" s="2"/>
      <c r="AE14405" s="1"/>
    </row>
    <row r="14406" spans="1:31" ht="14.45">
      <c r="A14406" s="11"/>
      <c r="B14406" s="20"/>
      <c r="C14406" s="2" t="s">
        <v>44169</v>
      </c>
      <c r="D14406" s="14" t="s">
        <v>44170</v>
      </c>
      <c r="E14406" s="2" t="s">
        <v>44171</v>
      </c>
      <c r="F14406" s="2" t="s">
        <v>41001</v>
      </c>
      <c r="G14406" s="8">
        <v>201</v>
      </c>
      <c r="H14406" s="5">
        <v>6</v>
      </c>
      <c r="I14406" s="5" t="s">
        <v>1518</v>
      </c>
      <c r="J14406" s="5" t="s">
        <v>40939</v>
      </c>
      <c r="K14406" s="2" t="s">
        <v>40940</v>
      </c>
      <c r="L14406" s="5" t="s">
        <v>40939</v>
      </c>
      <c r="M14406" s="2" t="s">
        <v>40940</v>
      </c>
      <c r="N14406" s="5" t="s">
        <v>36266</v>
      </c>
      <c r="O14406" s="5" t="s">
        <v>38</v>
      </c>
      <c r="P14406" s="5" t="s">
        <v>39</v>
      </c>
      <c r="Q14406" s="5" t="s">
        <v>40</v>
      </c>
      <c r="R14406" s="5" t="s">
        <v>1522</v>
      </c>
      <c r="S14406" s="5" t="s">
        <v>1523</v>
      </c>
      <c r="T14406" s="5" t="s">
        <v>42</v>
      </c>
      <c r="U14406" s="2">
        <v>1.73</v>
      </c>
      <c r="V14406" s="2">
        <v>1.1950000000000001</v>
      </c>
      <c r="W14406" s="2">
        <v>1.7999999999999999E-2</v>
      </c>
      <c r="X14406" s="2">
        <v>139.1</v>
      </c>
      <c r="Y14406" s="2">
        <v>7.6</v>
      </c>
      <c r="Z14406" s="2">
        <v>16.7</v>
      </c>
      <c r="AA14406" s="5"/>
      <c r="AB14406" s="5" t="s">
        <v>43</v>
      </c>
      <c r="AC14406" s="5" t="s">
        <v>44</v>
      </c>
      <c r="AD14406" s="2"/>
      <c r="AE14406" s="1"/>
    </row>
    <row r="14407" spans="1:31" ht="14.45">
      <c r="A14407" s="11"/>
      <c r="B14407" s="20"/>
      <c r="C14407" s="2" t="s">
        <v>44172</v>
      </c>
      <c r="D14407" s="14" t="s">
        <v>44173</v>
      </c>
      <c r="E14407" s="2" t="s">
        <v>44174</v>
      </c>
      <c r="F14407" s="2" t="s">
        <v>41005</v>
      </c>
      <c r="G14407" s="8">
        <v>201</v>
      </c>
      <c r="H14407" s="5">
        <v>6</v>
      </c>
      <c r="I14407" s="5" t="s">
        <v>1518</v>
      </c>
      <c r="J14407" s="5" t="s">
        <v>40939</v>
      </c>
      <c r="K14407" s="2" t="s">
        <v>40940</v>
      </c>
      <c r="L14407" s="5" t="s">
        <v>40939</v>
      </c>
      <c r="M14407" s="2" t="s">
        <v>40940</v>
      </c>
      <c r="N14407" s="5" t="s">
        <v>36266</v>
      </c>
      <c r="O14407" s="5" t="s">
        <v>38</v>
      </c>
      <c r="P14407" s="5" t="s">
        <v>39</v>
      </c>
      <c r="Q14407" s="5" t="s">
        <v>40</v>
      </c>
      <c r="R14407" s="5" t="s">
        <v>1522</v>
      </c>
      <c r="S14407" s="5" t="s">
        <v>1523</v>
      </c>
      <c r="T14407" s="5" t="s">
        <v>42</v>
      </c>
      <c r="U14407" s="2">
        <v>1.7450000000000001</v>
      </c>
      <c r="V14407" s="2">
        <v>1.21</v>
      </c>
      <c r="W14407" s="2">
        <v>1.7999999999999999E-2</v>
      </c>
      <c r="X14407" s="2">
        <v>139.1</v>
      </c>
      <c r="Y14407" s="2">
        <v>7.6</v>
      </c>
      <c r="Z14407" s="2">
        <v>16.7</v>
      </c>
      <c r="AA14407" s="5"/>
      <c r="AB14407" s="5" t="s">
        <v>43</v>
      </c>
      <c r="AC14407" s="5" t="s">
        <v>44</v>
      </c>
      <c r="AD14407" s="2"/>
      <c r="AE14407" s="1"/>
    </row>
    <row r="14408" spans="1:31" ht="14.45">
      <c r="A14408" s="11"/>
      <c r="B14408" s="20"/>
      <c r="C14408" s="2" t="s">
        <v>44175</v>
      </c>
      <c r="D14408" s="14" t="s">
        <v>44176</v>
      </c>
      <c r="E14408" s="2" t="s">
        <v>44177</v>
      </c>
      <c r="F14408" s="2" t="s">
        <v>41009</v>
      </c>
      <c r="G14408" s="8">
        <v>201</v>
      </c>
      <c r="H14408" s="5">
        <v>6</v>
      </c>
      <c r="I14408" s="5" t="s">
        <v>1518</v>
      </c>
      <c r="J14408" s="5" t="s">
        <v>40939</v>
      </c>
      <c r="K14408" s="2" t="s">
        <v>40940</v>
      </c>
      <c r="L14408" s="5" t="s">
        <v>40939</v>
      </c>
      <c r="M14408" s="2" t="s">
        <v>40940</v>
      </c>
      <c r="N14408" s="5" t="s">
        <v>36266</v>
      </c>
      <c r="O14408" s="5" t="s">
        <v>38</v>
      </c>
      <c r="P14408" s="5" t="s">
        <v>39</v>
      </c>
      <c r="Q14408" s="5" t="s">
        <v>40</v>
      </c>
      <c r="R14408" s="5" t="s">
        <v>1522</v>
      </c>
      <c r="S14408" s="5" t="s">
        <v>1523</v>
      </c>
      <c r="T14408" s="5" t="s">
        <v>42</v>
      </c>
      <c r="U14408" s="2">
        <v>1.7430000000000001</v>
      </c>
      <c r="V14408" s="2">
        <v>1.208</v>
      </c>
      <c r="W14408" s="2">
        <v>1.7999999999999999E-2</v>
      </c>
      <c r="X14408" s="2">
        <v>139.1</v>
      </c>
      <c r="Y14408" s="2">
        <v>7.6</v>
      </c>
      <c r="Z14408" s="2">
        <v>16.7</v>
      </c>
      <c r="AA14408" s="5"/>
      <c r="AB14408" s="5" t="s">
        <v>43</v>
      </c>
      <c r="AC14408" s="5" t="s">
        <v>44</v>
      </c>
      <c r="AD14408" s="2"/>
      <c r="AE14408" s="1"/>
    </row>
    <row r="14409" spans="1:31" ht="14.45">
      <c r="A14409" s="11"/>
      <c r="B14409" s="20"/>
      <c r="C14409" s="2" t="s">
        <v>44178</v>
      </c>
      <c r="D14409" s="14" t="s">
        <v>44179</v>
      </c>
      <c r="E14409" s="2" t="s">
        <v>44180</v>
      </c>
      <c r="F14409" s="2" t="s">
        <v>41013</v>
      </c>
      <c r="G14409" s="8">
        <v>201</v>
      </c>
      <c r="H14409" s="5">
        <v>6</v>
      </c>
      <c r="I14409" s="5" t="s">
        <v>1518</v>
      </c>
      <c r="J14409" s="5" t="s">
        <v>40939</v>
      </c>
      <c r="K14409" s="2" t="s">
        <v>40940</v>
      </c>
      <c r="L14409" s="5" t="s">
        <v>40939</v>
      </c>
      <c r="M14409" s="2" t="s">
        <v>40940</v>
      </c>
      <c r="N14409" s="5" t="s">
        <v>36266</v>
      </c>
      <c r="O14409" s="5" t="s">
        <v>38</v>
      </c>
      <c r="P14409" s="5" t="s">
        <v>39</v>
      </c>
      <c r="Q14409" s="5" t="s">
        <v>40</v>
      </c>
      <c r="R14409" s="5" t="s">
        <v>1522</v>
      </c>
      <c r="S14409" s="5" t="s">
        <v>1523</v>
      </c>
      <c r="T14409" s="5" t="s">
        <v>42</v>
      </c>
      <c r="U14409" s="2">
        <v>1.758</v>
      </c>
      <c r="V14409" s="2">
        <v>1.2230000000000001</v>
      </c>
      <c r="W14409" s="2">
        <v>1.7999999999999999E-2</v>
      </c>
      <c r="X14409" s="2">
        <v>139.1</v>
      </c>
      <c r="Y14409" s="2">
        <v>7.6</v>
      </c>
      <c r="Z14409" s="2">
        <v>16.7</v>
      </c>
      <c r="AA14409" s="5"/>
      <c r="AB14409" s="5" t="s">
        <v>43</v>
      </c>
      <c r="AC14409" s="5" t="s">
        <v>44</v>
      </c>
      <c r="AD14409" s="2"/>
      <c r="AE14409" s="1"/>
    </row>
    <row r="14410" spans="1:31" ht="14.45">
      <c r="A14410" s="11"/>
      <c r="B14410" s="20"/>
      <c r="C14410" s="2" t="s">
        <v>44181</v>
      </c>
      <c r="D14410" s="14" t="s">
        <v>44182</v>
      </c>
      <c r="E14410" s="2" t="s">
        <v>44183</v>
      </c>
      <c r="F14410" s="2" t="s">
        <v>7396</v>
      </c>
      <c r="G14410" s="8">
        <v>175</v>
      </c>
      <c r="H14410" s="5">
        <v>6</v>
      </c>
      <c r="I14410" s="5" t="s">
        <v>1518</v>
      </c>
      <c r="J14410" s="5" t="s">
        <v>40939</v>
      </c>
      <c r="K14410" s="2" t="s">
        <v>40940</v>
      </c>
      <c r="L14410" s="5" t="s">
        <v>40939</v>
      </c>
      <c r="M14410" s="2" t="s">
        <v>40940</v>
      </c>
      <c r="N14410" s="5" t="s">
        <v>36266</v>
      </c>
      <c r="O14410" s="5" t="s">
        <v>38</v>
      </c>
      <c r="P14410" s="5" t="s">
        <v>39</v>
      </c>
      <c r="Q14410" s="5" t="s">
        <v>40</v>
      </c>
      <c r="R14410" s="5" t="s">
        <v>1522</v>
      </c>
      <c r="S14410" s="5" t="s">
        <v>1523</v>
      </c>
      <c r="T14410" s="5" t="s">
        <v>42</v>
      </c>
      <c r="U14410" s="2">
        <v>1.7430000000000001</v>
      </c>
      <c r="V14410" s="2">
        <v>1.208</v>
      </c>
      <c r="W14410" s="2">
        <v>1.7999999999999999E-2</v>
      </c>
      <c r="X14410" s="2">
        <v>139.1</v>
      </c>
      <c r="Y14410" s="2">
        <v>7.6</v>
      </c>
      <c r="Z14410" s="2">
        <v>16.7</v>
      </c>
      <c r="AA14410" s="5"/>
      <c r="AB14410" s="5" t="s">
        <v>43</v>
      </c>
      <c r="AC14410" s="5" t="s">
        <v>44</v>
      </c>
      <c r="AD14410" s="2"/>
      <c r="AE14410" s="1"/>
    </row>
    <row r="14411" spans="1:31" ht="14.45">
      <c r="A14411" s="11"/>
      <c r="B14411" s="20"/>
      <c r="C14411" s="2" t="s">
        <v>44184</v>
      </c>
      <c r="D14411" s="14" t="s">
        <v>44185</v>
      </c>
      <c r="E14411" s="2" t="s">
        <v>44186</v>
      </c>
      <c r="F14411" s="2" t="s">
        <v>7507</v>
      </c>
      <c r="G14411" s="8">
        <v>175</v>
      </c>
      <c r="H14411" s="5">
        <v>6</v>
      </c>
      <c r="I14411" s="5" t="s">
        <v>1518</v>
      </c>
      <c r="J14411" s="5" t="s">
        <v>40939</v>
      </c>
      <c r="K14411" s="2" t="s">
        <v>40940</v>
      </c>
      <c r="L14411" s="5" t="s">
        <v>40939</v>
      </c>
      <c r="M14411" s="2" t="s">
        <v>40940</v>
      </c>
      <c r="N14411" s="5" t="s">
        <v>36266</v>
      </c>
      <c r="O14411" s="5" t="s">
        <v>38</v>
      </c>
      <c r="P14411" s="5" t="s">
        <v>39</v>
      </c>
      <c r="Q14411" s="5" t="s">
        <v>40</v>
      </c>
      <c r="R14411" s="5" t="s">
        <v>1522</v>
      </c>
      <c r="S14411" s="5" t="s">
        <v>1523</v>
      </c>
      <c r="T14411" s="5" t="s">
        <v>42</v>
      </c>
      <c r="U14411" s="2">
        <v>1.758</v>
      </c>
      <c r="V14411" s="2">
        <v>1.2230000000000001</v>
      </c>
      <c r="W14411" s="2">
        <v>1.7999999999999999E-2</v>
      </c>
      <c r="X14411" s="2">
        <v>139.1</v>
      </c>
      <c r="Y14411" s="2">
        <v>7.6</v>
      </c>
      <c r="Z14411" s="2">
        <v>16.7</v>
      </c>
      <c r="AA14411" s="5"/>
      <c r="AB14411" s="5" t="s">
        <v>43</v>
      </c>
      <c r="AC14411" s="5" t="s">
        <v>44</v>
      </c>
      <c r="AD14411" s="2"/>
      <c r="AE14411" s="1"/>
    </row>
    <row r="14412" spans="1:31" ht="14.45">
      <c r="A14412" s="11"/>
      <c r="B14412" s="20"/>
      <c r="C14412" s="2" t="s">
        <v>44187</v>
      </c>
      <c r="D14412" s="14" t="s">
        <v>44188</v>
      </c>
      <c r="E14412" s="2" t="s">
        <v>44189</v>
      </c>
      <c r="F14412" s="2" t="s">
        <v>41023</v>
      </c>
      <c r="G14412" s="8">
        <v>201</v>
      </c>
      <c r="H14412" s="5">
        <v>6</v>
      </c>
      <c r="I14412" s="5" t="s">
        <v>1518</v>
      </c>
      <c r="J14412" s="5" t="s">
        <v>40939</v>
      </c>
      <c r="K14412" s="2" t="s">
        <v>40940</v>
      </c>
      <c r="L14412" s="5" t="s">
        <v>40939</v>
      </c>
      <c r="M14412" s="2" t="s">
        <v>40940</v>
      </c>
      <c r="N14412" s="5" t="s">
        <v>36266</v>
      </c>
      <c r="O14412" s="5" t="s">
        <v>38</v>
      </c>
      <c r="P14412" s="5" t="s">
        <v>39</v>
      </c>
      <c r="Q14412" s="5" t="s">
        <v>40</v>
      </c>
      <c r="R14412" s="5" t="s">
        <v>1522</v>
      </c>
      <c r="S14412" s="5" t="s">
        <v>1523</v>
      </c>
      <c r="T14412" s="5" t="s">
        <v>42</v>
      </c>
      <c r="U14412" s="2">
        <v>1.6759999999999999</v>
      </c>
      <c r="V14412" s="2">
        <v>1.141</v>
      </c>
      <c r="W14412" s="2">
        <v>1.7999999999999999E-2</v>
      </c>
      <c r="X14412" s="2">
        <v>139.1</v>
      </c>
      <c r="Y14412" s="2">
        <v>7.6</v>
      </c>
      <c r="Z14412" s="2">
        <v>16.7</v>
      </c>
      <c r="AA14412" s="5"/>
      <c r="AB14412" s="5" t="s">
        <v>43</v>
      </c>
      <c r="AC14412" s="5" t="s">
        <v>44</v>
      </c>
      <c r="AD14412" s="2"/>
      <c r="AE14412" s="1"/>
    </row>
    <row r="14413" spans="1:31" ht="14.45">
      <c r="A14413" s="11"/>
      <c r="B14413" s="20"/>
      <c r="C14413" s="2" t="s">
        <v>44190</v>
      </c>
      <c r="D14413" s="14" t="s">
        <v>44191</v>
      </c>
      <c r="E14413" s="2" t="s">
        <v>44192</v>
      </c>
      <c r="F14413" s="2" t="s">
        <v>41027</v>
      </c>
      <c r="G14413" s="8">
        <v>201</v>
      </c>
      <c r="H14413" s="5">
        <v>6</v>
      </c>
      <c r="I14413" s="5" t="s">
        <v>1518</v>
      </c>
      <c r="J14413" s="5" t="s">
        <v>40939</v>
      </c>
      <c r="K14413" s="2" t="s">
        <v>40940</v>
      </c>
      <c r="L14413" s="5" t="s">
        <v>40939</v>
      </c>
      <c r="M14413" s="2" t="s">
        <v>40940</v>
      </c>
      <c r="N14413" s="5" t="s">
        <v>36266</v>
      </c>
      <c r="O14413" s="5" t="s">
        <v>38</v>
      </c>
      <c r="P14413" s="5" t="s">
        <v>39</v>
      </c>
      <c r="Q14413" s="5" t="s">
        <v>40</v>
      </c>
      <c r="R14413" s="5" t="s">
        <v>1522</v>
      </c>
      <c r="S14413" s="5" t="s">
        <v>1523</v>
      </c>
      <c r="T14413" s="5" t="s">
        <v>42</v>
      </c>
      <c r="U14413" s="2">
        <v>1.6910000000000001</v>
      </c>
      <c r="V14413" s="2">
        <v>1.1559999999999999</v>
      </c>
      <c r="W14413" s="2">
        <v>1.7999999999999999E-2</v>
      </c>
      <c r="X14413" s="2">
        <v>139.1</v>
      </c>
      <c r="Y14413" s="2">
        <v>7.6</v>
      </c>
      <c r="Z14413" s="2">
        <v>16.7</v>
      </c>
      <c r="AA14413" s="5"/>
      <c r="AB14413" s="5" t="s">
        <v>43</v>
      </c>
      <c r="AC14413" s="5" t="s">
        <v>44</v>
      </c>
      <c r="AD14413" s="2"/>
      <c r="AE14413" s="1"/>
    </row>
    <row r="14414" spans="1:31" ht="14.45">
      <c r="A14414" s="11"/>
      <c r="B14414" s="20"/>
      <c r="C14414" s="2" t="s">
        <v>44193</v>
      </c>
      <c r="D14414" s="14" t="s">
        <v>44194</v>
      </c>
      <c r="E14414" s="2" t="s">
        <v>44195</v>
      </c>
      <c r="F14414" s="2" t="s">
        <v>41031</v>
      </c>
      <c r="G14414" s="8">
        <v>201</v>
      </c>
      <c r="H14414" s="5">
        <v>6</v>
      </c>
      <c r="I14414" s="5" t="s">
        <v>1518</v>
      </c>
      <c r="J14414" s="5" t="s">
        <v>40939</v>
      </c>
      <c r="K14414" s="2" t="s">
        <v>40940</v>
      </c>
      <c r="L14414" s="5" t="s">
        <v>40939</v>
      </c>
      <c r="M14414" s="2" t="s">
        <v>40940</v>
      </c>
      <c r="N14414" s="5" t="s">
        <v>36266</v>
      </c>
      <c r="O14414" s="5" t="s">
        <v>38</v>
      </c>
      <c r="P14414" s="5" t="s">
        <v>39</v>
      </c>
      <c r="Q14414" s="5" t="s">
        <v>40</v>
      </c>
      <c r="R14414" s="5" t="s">
        <v>1522</v>
      </c>
      <c r="S14414" s="5" t="s">
        <v>1523</v>
      </c>
      <c r="T14414" s="5" t="s">
        <v>42</v>
      </c>
      <c r="U14414" s="2">
        <v>1.6759999999999999</v>
      </c>
      <c r="V14414" s="2">
        <v>1.141</v>
      </c>
      <c r="W14414" s="2">
        <v>1.7999999999999999E-2</v>
      </c>
      <c r="X14414" s="2">
        <v>139.1</v>
      </c>
      <c r="Y14414" s="2">
        <v>7.6</v>
      </c>
      <c r="Z14414" s="2">
        <v>16.7</v>
      </c>
      <c r="AA14414" s="5"/>
      <c r="AB14414" s="5" t="s">
        <v>43</v>
      </c>
      <c r="AC14414" s="5" t="s">
        <v>44</v>
      </c>
      <c r="AD14414" s="2"/>
      <c r="AE14414" s="1"/>
    </row>
    <row r="14415" spans="1:31" ht="14.45">
      <c r="A14415" s="11"/>
      <c r="B14415" s="20"/>
      <c r="C14415" s="2" t="s">
        <v>44196</v>
      </c>
      <c r="D14415" s="14" t="s">
        <v>44197</v>
      </c>
      <c r="E14415" s="2" t="s">
        <v>44198</v>
      </c>
      <c r="F14415" s="2" t="s">
        <v>41035</v>
      </c>
      <c r="G14415" s="8">
        <v>201</v>
      </c>
      <c r="H14415" s="5">
        <v>6</v>
      </c>
      <c r="I14415" s="5" t="s">
        <v>1518</v>
      </c>
      <c r="J14415" s="5" t="s">
        <v>40939</v>
      </c>
      <c r="K14415" s="2" t="s">
        <v>40940</v>
      </c>
      <c r="L14415" s="5" t="s">
        <v>40939</v>
      </c>
      <c r="M14415" s="2" t="s">
        <v>40940</v>
      </c>
      <c r="N14415" s="5" t="s">
        <v>36266</v>
      </c>
      <c r="O14415" s="5" t="s">
        <v>38</v>
      </c>
      <c r="P14415" s="5" t="s">
        <v>39</v>
      </c>
      <c r="Q14415" s="5" t="s">
        <v>40</v>
      </c>
      <c r="R14415" s="5" t="s">
        <v>1522</v>
      </c>
      <c r="S14415" s="5" t="s">
        <v>1523</v>
      </c>
      <c r="T14415" s="5" t="s">
        <v>42</v>
      </c>
      <c r="U14415" s="2">
        <v>1.6910000000000001</v>
      </c>
      <c r="V14415" s="2">
        <v>1.1559999999999999</v>
      </c>
      <c r="W14415" s="2">
        <v>1.7999999999999999E-2</v>
      </c>
      <c r="X14415" s="2">
        <v>139.1</v>
      </c>
      <c r="Y14415" s="2">
        <v>7.6</v>
      </c>
      <c r="Z14415" s="2">
        <v>16.7</v>
      </c>
      <c r="AA14415" s="5"/>
      <c r="AB14415" s="5" t="s">
        <v>43</v>
      </c>
      <c r="AC14415" s="5" t="s">
        <v>44</v>
      </c>
      <c r="AD14415" s="2"/>
      <c r="AE14415" s="1"/>
    </row>
    <row r="14416" spans="1:31" ht="14.45">
      <c r="A14416" s="11"/>
      <c r="B14416" s="20"/>
      <c r="C14416" s="2" t="s">
        <v>44199</v>
      </c>
      <c r="D14416" s="14" t="s">
        <v>44200</v>
      </c>
      <c r="E14416" s="2" t="s">
        <v>44201</v>
      </c>
      <c r="F14416" s="2" t="s">
        <v>7449</v>
      </c>
      <c r="G14416" s="8">
        <v>201</v>
      </c>
      <c r="H14416" s="5">
        <v>6</v>
      </c>
      <c r="I14416" s="5" t="s">
        <v>1518</v>
      </c>
      <c r="J14416" s="5" t="s">
        <v>40939</v>
      </c>
      <c r="K14416" s="2" t="s">
        <v>40940</v>
      </c>
      <c r="L14416" s="5" t="s">
        <v>40939</v>
      </c>
      <c r="M14416" s="2" t="s">
        <v>40940</v>
      </c>
      <c r="N14416" s="5" t="s">
        <v>36266</v>
      </c>
      <c r="O14416" s="5" t="s">
        <v>38</v>
      </c>
      <c r="P14416" s="5" t="s">
        <v>39</v>
      </c>
      <c r="Q14416" s="5" t="s">
        <v>40</v>
      </c>
      <c r="R14416" s="5" t="s">
        <v>1522</v>
      </c>
      <c r="S14416" s="5" t="s">
        <v>1523</v>
      </c>
      <c r="T14416" s="5" t="s">
        <v>42</v>
      </c>
      <c r="U14416" s="2">
        <v>1.6759999999999999</v>
      </c>
      <c r="V14416" s="2">
        <v>1.141</v>
      </c>
      <c r="W14416" s="2">
        <v>1.7999999999999999E-2</v>
      </c>
      <c r="X14416" s="2">
        <v>139.1</v>
      </c>
      <c r="Y14416" s="2">
        <v>7.6</v>
      </c>
      <c r="Z14416" s="2">
        <v>16.7</v>
      </c>
      <c r="AA14416" s="5"/>
      <c r="AB14416" s="5" t="s">
        <v>43</v>
      </c>
      <c r="AC14416" s="5" t="s">
        <v>44</v>
      </c>
      <c r="AD14416" s="2"/>
      <c r="AE14416" s="1"/>
    </row>
    <row r="14417" spans="1:31" ht="14.45">
      <c r="A14417" s="11"/>
      <c r="B14417" s="20"/>
      <c r="C14417" s="2" t="s">
        <v>44202</v>
      </c>
      <c r="D14417" s="14" t="s">
        <v>44203</v>
      </c>
      <c r="E14417" s="2" t="s">
        <v>44204</v>
      </c>
      <c r="F14417" s="2" t="s">
        <v>7581</v>
      </c>
      <c r="G14417" s="8">
        <v>201</v>
      </c>
      <c r="H14417" s="5">
        <v>6</v>
      </c>
      <c r="I14417" s="5" t="s">
        <v>1518</v>
      </c>
      <c r="J14417" s="5" t="s">
        <v>40939</v>
      </c>
      <c r="K14417" s="2" t="s">
        <v>40940</v>
      </c>
      <c r="L14417" s="5" t="s">
        <v>40939</v>
      </c>
      <c r="M14417" s="2" t="s">
        <v>40940</v>
      </c>
      <c r="N14417" s="5" t="s">
        <v>36266</v>
      </c>
      <c r="O14417" s="5" t="s">
        <v>38</v>
      </c>
      <c r="P14417" s="5" t="s">
        <v>39</v>
      </c>
      <c r="Q14417" s="5" t="s">
        <v>40</v>
      </c>
      <c r="R14417" s="5" t="s">
        <v>1522</v>
      </c>
      <c r="S14417" s="5" t="s">
        <v>1523</v>
      </c>
      <c r="T14417" s="5" t="s">
        <v>42</v>
      </c>
      <c r="U14417" s="2">
        <v>1.6910000000000001</v>
      </c>
      <c r="V14417" s="2">
        <v>1.1559999999999999</v>
      </c>
      <c r="W14417" s="2">
        <v>1.7999999999999999E-2</v>
      </c>
      <c r="X14417" s="2">
        <v>139.1</v>
      </c>
      <c r="Y14417" s="2">
        <v>7.6</v>
      </c>
      <c r="Z14417" s="2">
        <v>16.7</v>
      </c>
      <c r="AA14417" s="5"/>
      <c r="AB14417" s="5" t="s">
        <v>43</v>
      </c>
      <c r="AC14417" s="5" t="s">
        <v>44</v>
      </c>
      <c r="AD14417" s="2"/>
      <c r="AE14417" s="1"/>
    </row>
    <row r="14418" spans="1:31" ht="14.45">
      <c r="A14418" s="11"/>
      <c r="B14418" s="20"/>
      <c r="C14418" s="2" t="s">
        <v>44205</v>
      </c>
      <c r="D14418" s="14" t="s">
        <v>44206</v>
      </c>
      <c r="E14418" s="2" t="s">
        <v>44207</v>
      </c>
      <c r="F14418" s="2" t="s">
        <v>41045</v>
      </c>
      <c r="G14418" s="8">
        <v>201</v>
      </c>
      <c r="H14418" s="5">
        <v>6</v>
      </c>
      <c r="I14418" s="5" t="s">
        <v>1518</v>
      </c>
      <c r="J14418" s="5" t="s">
        <v>40939</v>
      </c>
      <c r="K14418" s="2" t="s">
        <v>40940</v>
      </c>
      <c r="L14418" s="5" t="s">
        <v>40939</v>
      </c>
      <c r="M14418" s="2" t="s">
        <v>40940</v>
      </c>
      <c r="N14418" s="5" t="s">
        <v>36266</v>
      </c>
      <c r="O14418" s="5" t="s">
        <v>38</v>
      </c>
      <c r="P14418" s="5" t="s">
        <v>39</v>
      </c>
      <c r="Q14418" s="5" t="s">
        <v>40</v>
      </c>
      <c r="R14418" s="5" t="s">
        <v>1522</v>
      </c>
      <c r="S14418" s="5" t="s">
        <v>1523</v>
      </c>
      <c r="T14418" s="5" t="s">
        <v>42</v>
      </c>
      <c r="U14418" s="2">
        <v>1.756</v>
      </c>
      <c r="V14418" s="2">
        <v>1.2210000000000001</v>
      </c>
      <c r="W14418" s="2">
        <v>1.7999999999999999E-2</v>
      </c>
      <c r="X14418" s="2">
        <v>139.1</v>
      </c>
      <c r="Y14418" s="2">
        <v>7.6</v>
      </c>
      <c r="Z14418" s="2">
        <v>16.7</v>
      </c>
      <c r="AA14418" s="5"/>
      <c r="AB14418" s="5" t="s">
        <v>43</v>
      </c>
      <c r="AC14418" s="5" t="s">
        <v>44</v>
      </c>
      <c r="AD14418" s="2"/>
      <c r="AE14418" s="1"/>
    </row>
    <row r="14419" spans="1:31" ht="14.45">
      <c r="A14419" s="11"/>
      <c r="B14419" s="20"/>
      <c r="C14419" s="2" t="s">
        <v>44208</v>
      </c>
      <c r="D14419" s="14" t="s">
        <v>44209</v>
      </c>
      <c r="E14419" s="2" t="s">
        <v>44210</v>
      </c>
      <c r="F14419" s="2" t="s">
        <v>41049</v>
      </c>
      <c r="G14419" s="8">
        <v>201</v>
      </c>
      <c r="H14419" s="5">
        <v>6</v>
      </c>
      <c r="I14419" s="5" t="s">
        <v>1518</v>
      </c>
      <c r="J14419" s="5" t="s">
        <v>40939</v>
      </c>
      <c r="K14419" s="2" t="s">
        <v>40940</v>
      </c>
      <c r="L14419" s="5" t="s">
        <v>40939</v>
      </c>
      <c r="M14419" s="2" t="s">
        <v>40940</v>
      </c>
      <c r="N14419" s="5" t="s">
        <v>36266</v>
      </c>
      <c r="O14419" s="5" t="s">
        <v>38</v>
      </c>
      <c r="P14419" s="5" t="s">
        <v>39</v>
      </c>
      <c r="Q14419" s="5" t="s">
        <v>40</v>
      </c>
      <c r="R14419" s="5" t="s">
        <v>1522</v>
      </c>
      <c r="S14419" s="5" t="s">
        <v>1523</v>
      </c>
      <c r="T14419" s="5" t="s">
        <v>42</v>
      </c>
      <c r="U14419" s="2">
        <v>1.7709999999999999</v>
      </c>
      <c r="V14419" s="2">
        <v>1.236</v>
      </c>
      <c r="W14419" s="2">
        <v>1.7999999999999999E-2</v>
      </c>
      <c r="X14419" s="2">
        <v>139.1</v>
      </c>
      <c r="Y14419" s="2">
        <v>7.6</v>
      </c>
      <c r="Z14419" s="2">
        <v>16.7</v>
      </c>
      <c r="AA14419" s="5"/>
      <c r="AB14419" s="5" t="s">
        <v>43</v>
      </c>
      <c r="AC14419" s="5" t="s">
        <v>44</v>
      </c>
      <c r="AD14419" s="2"/>
      <c r="AE14419" s="1"/>
    </row>
    <row r="14420" spans="1:31" ht="14.45">
      <c r="A14420" s="11"/>
      <c r="B14420" s="20"/>
      <c r="C14420" s="2" t="s">
        <v>44211</v>
      </c>
      <c r="D14420" s="14" t="s">
        <v>44212</v>
      </c>
      <c r="E14420" s="2" t="s">
        <v>44213</v>
      </c>
      <c r="F14420" s="2" t="s">
        <v>7204</v>
      </c>
      <c r="G14420" s="8">
        <v>197</v>
      </c>
      <c r="H14420" s="5">
        <v>6</v>
      </c>
      <c r="I14420" s="5" t="s">
        <v>1518</v>
      </c>
      <c r="J14420" s="5" t="s">
        <v>40939</v>
      </c>
      <c r="K14420" s="2" t="s">
        <v>40940</v>
      </c>
      <c r="L14420" s="5" t="s">
        <v>40939</v>
      </c>
      <c r="M14420" s="2" t="s">
        <v>40940</v>
      </c>
      <c r="N14420" s="5" t="s">
        <v>36266</v>
      </c>
      <c r="O14420" s="5" t="s">
        <v>38</v>
      </c>
      <c r="P14420" s="5" t="s">
        <v>39</v>
      </c>
      <c r="Q14420" s="5" t="s">
        <v>40</v>
      </c>
      <c r="R14420" s="5" t="s">
        <v>1522</v>
      </c>
      <c r="S14420" s="5" t="s">
        <v>1523</v>
      </c>
      <c r="T14420" s="5" t="s">
        <v>42</v>
      </c>
      <c r="U14420" s="2">
        <v>1.8540000000000001</v>
      </c>
      <c r="V14420" s="2">
        <v>1.236</v>
      </c>
      <c r="W14420" s="2">
        <v>0.02</v>
      </c>
      <c r="X14420" s="2">
        <v>159.1</v>
      </c>
      <c r="Y14420" s="2">
        <v>7.6</v>
      </c>
      <c r="Z14420" s="2">
        <v>16.7</v>
      </c>
      <c r="AA14420" s="5"/>
      <c r="AB14420" s="5" t="s">
        <v>43</v>
      </c>
      <c r="AC14420" s="5" t="s">
        <v>44</v>
      </c>
      <c r="AD14420" s="2"/>
      <c r="AE14420" s="1"/>
    </row>
    <row r="14421" spans="1:31" ht="14.45">
      <c r="A14421" s="11"/>
      <c r="B14421" s="20"/>
      <c r="C14421" s="2" t="s">
        <v>44214</v>
      </c>
      <c r="D14421" s="14" t="s">
        <v>44215</v>
      </c>
      <c r="E14421" s="2" t="s">
        <v>44216</v>
      </c>
      <c r="F14421" s="2" t="s">
        <v>7514</v>
      </c>
      <c r="G14421" s="8">
        <v>197</v>
      </c>
      <c r="H14421" s="5">
        <v>6</v>
      </c>
      <c r="I14421" s="5" t="s">
        <v>1518</v>
      </c>
      <c r="J14421" s="5" t="s">
        <v>40939</v>
      </c>
      <c r="K14421" s="2" t="s">
        <v>40940</v>
      </c>
      <c r="L14421" s="5" t="s">
        <v>40939</v>
      </c>
      <c r="M14421" s="2" t="s">
        <v>40940</v>
      </c>
      <c r="N14421" s="5" t="s">
        <v>36266</v>
      </c>
      <c r="O14421" s="5" t="s">
        <v>38</v>
      </c>
      <c r="P14421" s="5" t="s">
        <v>39</v>
      </c>
      <c r="Q14421" s="5" t="s">
        <v>40</v>
      </c>
      <c r="R14421" s="5" t="s">
        <v>1522</v>
      </c>
      <c r="S14421" s="5" t="s">
        <v>1523</v>
      </c>
      <c r="T14421" s="5" t="s">
        <v>42</v>
      </c>
      <c r="U14421" s="2">
        <v>1.8680000000000001</v>
      </c>
      <c r="V14421" s="2">
        <v>1.25</v>
      </c>
      <c r="W14421" s="2">
        <v>0.02</v>
      </c>
      <c r="X14421" s="2">
        <v>159.1</v>
      </c>
      <c r="Y14421" s="2">
        <v>7.6</v>
      </c>
      <c r="Z14421" s="2">
        <v>16.7</v>
      </c>
      <c r="AA14421" s="5"/>
      <c r="AB14421" s="5" t="s">
        <v>43</v>
      </c>
      <c r="AC14421" s="5" t="s">
        <v>44</v>
      </c>
      <c r="AD14421" s="2"/>
      <c r="AE14421" s="1"/>
    </row>
    <row r="14422" spans="1:31" ht="14.45">
      <c r="A14422" s="11"/>
      <c r="B14422" s="20"/>
      <c r="C14422" s="2" t="s">
        <v>44217</v>
      </c>
      <c r="D14422" s="14" t="s">
        <v>44218</v>
      </c>
      <c r="E14422" s="2" t="s">
        <v>44219</v>
      </c>
      <c r="F14422" s="2" t="s">
        <v>41221</v>
      </c>
      <c r="G14422" s="8">
        <v>227</v>
      </c>
      <c r="H14422" s="5">
        <v>6</v>
      </c>
      <c r="I14422" s="5" t="s">
        <v>1518</v>
      </c>
      <c r="J14422" s="5" t="s">
        <v>40939</v>
      </c>
      <c r="K14422" s="2" t="s">
        <v>40940</v>
      </c>
      <c r="L14422" s="5" t="s">
        <v>40939</v>
      </c>
      <c r="M14422" s="2" t="s">
        <v>40940</v>
      </c>
      <c r="N14422" s="5" t="s">
        <v>36266</v>
      </c>
      <c r="O14422" s="5" t="s">
        <v>38</v>
      </c>
      <c r="P14422" s="5" t="s">
        <v>39</v>
      </c>
      <c r="Q14422" s="5" t="s">
        <v>40</v>
      </c>
      <c r="R14422" s="5" t="s">
        <v>1522</v>
      </c>
      <c r="S14422" s="5" t="s">
        <v>1523</v>
      </c>
      <c r="T14422" s="5" t="s">
        <v>42</v>
      </c>
      <c r="U14422" s="2">
        <v>1.8839999999999999</v>
      </c>
      <c r="V14422" s="2">
        <v>1.266</v>
      </c>
      <c r="W14422" s="2">
        <v>0.02</v>
      </c>
      <c r="X14422" s="2">
        <v>159.1</v>
      </c>
      <c r="Y14422" s="2">
        <v>7.6</v>
      </c>
      <c r="Z14422" s="2">
        <v>16.7</v>
      </c>
      <c r="AA14422" s="5"/>
      <c r="AB14422" s="5" t="s">
        <v>43</v>
      </c>
      <c r="AC14422" s="5" t="s">
        <v>44</v>
      </c>
      <c r="AD14422" s="2"/>
      <c r="AE14422" s="1"/>
    </row>
    <row r="14423" spans="1:31" ht="14.45">
      <c r="A14423" s="11"/>
      <c r="B14423" s="20"/>
      <c r="C14423" s="2" t="s">
        <v>44220</v>
      </c>
      <c r="D14423" s="14" t="s">
        <v>44221</v>
      </c>
      <c r="E14423" s="2" t="s">
        <v>44222</v>
      </c>
      <c r="F14423" s="2" t="s">
        <v>40951</v>
      </c>
      <c r="G14423" s="8">
        <v>227</v>
      </c>
      <c r="H14423" s="5">
        <v>6</v>
      </c>
      <c r="I14423" s="5" t="s">
        <v>1518</v>
      </c>
      <c r="J14423" s="5" t="s">
        <v>40939</v>
      </c>
      <c r="K14423" s="2" t="s">
        <v>40940</v>
      </c>
      <c r="L14423" s="5" t="s">
        <v>40939</v>
      </c>
      <c r="M14423" s="2" t="s">
        <v>40940</v>
      </c>
      <c r="N14423" s="5" t="s">
        <v>36266</v>
      </c>
      <c r="O14423" s="5" t="s">
        <v>38</v>
      </c>
      <c r="P14423" s="5" t="s">
        <v>39</v>
      </c>
      <c r="Q14423" s="5" t="s">
        <v>40</v>
      </c>
      <c r="R14423" s="5" t="s">
        <v>1522</v>
      </c>
      <c r="S14423" s="5" t="s">
        <v>1523</v>
      </c>
      <c r="T14423" s="5" t="s">
        <v>42</v>
      </c>
      <c r="U14423" s="2">
        <v>1.8979999999999999</v>
      </c>
      <c r="V14423" s="2">
        <v>1.28</v>
      </c>
      <c r="W14423" s="2">
        <v>0.02</v>
      </c>
      <c r="X14423" s="2">
        <v>159.1</v>
      </c>
      <c r="Y14423" s="2">
        <v>7.6</v>
      </c>
      <c r="Z14423" s="2">
        <v>16.7</v>
      </c>
      <c r="AA14423" s="5"/>
      <c r="AB14423" s="5" t="s">
        <v>43</v>
      </c>
      <c r="AC14423" s="5" t="s">
        <v>44</v>
      </c>
      <c r="AD14423" s="2"/>
      <c r="AE14423" s="1"/>
    </row>
    <row r="14424" spans="1:31" ht="14.45">
      <c r="A14424" s="11"/>
      <c r="B14424" s="20"/>
      <c r="C14424" s="2" t="s">
        <v>44223</v>
      </c>
      <c r="D14424" s="14" t="s">
        <v>44224</v>
      </c>
      <c r="E14424" s="2" t="s">
        <v>44225</v>
      </c>
      <c r="F14424" s="2" t="s">
        <v>7208</v>
      </c>
      <c r="G14424" s="8">
        <v>197</v>
      </c>
      <c r="H14424" s="5">
        <v>6</v>
      </c>
      <c r="I14424" s="5" t="s">
        <v>1518</v>
      </c>
      <c r="J14424" s="5" t="s">
        <v>40939</v>
      </c>
      <c r="K14424" s="2" t="s">
        <v>40940</v>
      </c>
      <c r="L14424" s="5" t="s">
        <v>40939</v>
      </c>
      <c r="M14424" s="2" t="s">
        <v>40940</v>
      </c>
      <c r="N14424" s="5" t="s">
        <v>36266</v>
      </c>
      <c r="O14424" s="5" t="s">
        <v>38</v>
      </c>
      <c r="P14424" s="5" t="s">
        <v>39</v>
      </c>
      <c r="Q14424" s="5" t="s">
        <v>40</v>
      </c>
      <c r="R14424" s="5" t="s">
        <v>1522</v>
      </c>
      <c r="S14424" s="5" t="s">
        <v>1523</v>
      </c>
      <c r="T14424" s="5" t="s">
        <v>42</v>
      </c>
      <c r="U14424" s="2">
        <v>1.899</v>
      </c>
      <c r="V14424" s="2">
        <v>1.2809999999999999</v>
      </c>
      <c r="W14424" s="2">
        <v>0.02</v>
      </c>
      <c r="X14424" s="2">
        <v>159.1</v>
      </c>
      <c r="Y14424" s="2">
        <v>7.6</v>
      </c>
      <c r="Z14424" s="2">
        <v>16.7</v>
      </c>
      <c r="AA14424" s="5"/>
      <c r="AB14424" s="5" t="s">
        <v>43</v>
      </c>
      <c r="AC14424" s="5" t="s">
        <v>44</v>
      </c>
      <c r="AD14424" s="2"/>
      <c r="AE14424" s="1"/>
    </row>
    <row r="14425" spans="1:31" ht="14.45">
      <c r="A14425" s="11"/>
      <c r="B14425" s="20"/>
      <c r="C14425" s="2" t="s">
        <v>44226</v>
      </c>
      <c r="D14425" s="14" t="s">
        <v>44227</v>
      </c>
      <c r="E14425" s="2" t="s">
        <v>44228</v>
      </c>
      <c r="F14425" s="2" t="s">
        <v>7521</v>
      </c>
      <c r="G14425" s="8">
        <v>197</v>
      </c>
      <c r="H14425" s="5">
        <v>6</v>
      </c>
      <c r="I14425" s="5" t="s">
        <v>1518</v>
      </c>
      <c r="J14425" s="5" t="s">
        <v>40939</v>
      </c>
      <c r="K14425" s="2" t="s">
        <v>40940</v>
      </c>
      <c r="L14425" s="5" t="s">
        <v>40939</v>
      </c>
      <c r="M14425" s="2" t="s">
        <v>40940</v>
      </c>
      <c r="N14425" s="5" t="s">
        <v>36266</v>
      </c>
      <c r="O14425" s="5" t="s">
        <v>38</v>
      </c>
      <c r="P14425" s="5" t="s">
        <v>39</v>
      </c>
      <c r="Q14425" s="5" t="s">
        <v>40</v>
      </c>
      <c r="R14425" s="5" t="s">
        <v>1522</v>
      </c>
      <c r="S14425" s="5" t="s">
        <v>1523</v>
      </c>
      <c r="T14425" s="5" t="s">
        <v>42</v>
      </c>
      <c r="U14425" s="2">
        <v>1.913</v>
      </c>
      <c r="V14425" s="2">
        <v>1.2949999999999999</v>
      </c>
      <c r="W14425" s="2">
        <v>0.02</v>
      </c>
      <c r="X14425" s="2">
        <v>159.1</v>
      </c>
      <c r="Y14425" s="2">
        <v>7.6</v>
      </c>
      <c r="Z14425" s="2">
        <v>16.7</v>
      </c>
      <c r="AA14425" s="5"/>
      <c r="AB14425" s="5" t="s">
        <v>43</v>
      </c>
      <c r="AC14425" s="5" t="s">
        <v>44</v>
      </c>
      <c r="AD14425" s="2"/>
      <c r="AE14425" s="1"/>
    </row>
    <row r="14426" spans="1:31" ht="14.45">
      <c r="A14426" s="11"/>
      <c r="B14426" s="20"/>
      <c r="C14426" s="2" t="s">
        <v>44229</v>
      </c>
      <c r="D14426" s="14" t="s">
        <v>44230</v>
      </c>
      <c r="E14426" s="2" t="s">
        <v>44231</v>
      </c>
      <c r="F14426" s="2" t="s">
        <v>36273</v>
      </c>
      <c r="G14426" s="8">
        <v>197</v>
      </c>
      <c r="H14426" s="5">
        <v>6</v>
      </c>
      <c r="I14426" s="5" t="s">
        <v>1518</v>
      </c>
      <c r="J14426" s="5" t="s">
        <v>40939</v>
      </c>
      <c r="K14426" s="2" t="s">
        <v>40940</v>
      </c>
      <c r="L14426" s="5" t="s">
        <v>40939</v>
      </c>
      <c r="M14426" s="2" t="s">
        <v>40940</v>
      </c>
      <c r="N14426" s="5" t="s">
        <v>36266</v>
      </c>
      <c r="O14426" s="5" t="s">
        <v>38</v>
      </c>
      <c r="P14426" s="5" t="s">
        <v>39</v>
      </c>
      <c r="Q14426" s="5" t="s">
        <v>40</v>
      </c>
      <c r="R14426" s="5" t="s">
        <v>1522</v>
      </c>
      <c r="S14426" s="5" t="s">
        <v>1523</v>
      </c>
      <c r="T14426" s="5" t="s">
        <v>42</v>
      </c>
      <c r="U14426" s="2">
        <v>1.93</v>
      </c>
      <c r="V14426" s="2">
        <v>1.3120000000000001</v>
      </c>
      <c r="W14426" s="2">
        <v>0.02</v>
      </c>
      <c r="X14426" s="2">
        <v>159.1</v>
      </c>
      <c r="Y14426" s="2">
        <v>7.6</v>
      </c>
      <c r="Z14426" s="2">
        <v>16.7</v>
      </c>
      <c r="AA14426" s="5"/>
      <c r="AB14426" s="5" t="s">
        <v>43</v>
      </c>
      <c r="AC14426" s="5" t="s">
        <v>44</v>
      </c>
      <c r="AD14426" s="2"/>
      <c r="AE14426" s="1"/>
    </row>
    <row r="14427" spans="1:31" ht="14.45">
      <c r="A14427" s="11"/>
      <c r="B14427" s="20"/>
      <c r="C14427" s="2" t="s">
        <v>44232</v>
      </c>
      <c r="D14427" s="14" t="s">
        <v>44233</v>
      </c>
      <c r="E14427" s="2" t="s">
        <v>44234</v>
      </c>
      <c r="F14427" s="2" t="s">
        <v>36277</v>
      </c>
      <c r="G14427" s="8">
        <v>197</v>
      </c>
      <c r="H14427" s="5">
        <v>6</v>
      </c>
      <c r="I14427" s="5" t="s">
        <v>1518</v>
      </c>
      <c r="J14427" s="5" t="s">
        <v>40939</v>
      </c>
      <c r="K14427" s="2" t="s">
        <v>40940</v>
      </c>
      <c r="L14427" s="5" t="s">
        <v>40939</v>
      </c>
      <c r="M14427" s="2" t="s">
        <v>40940</v>
      </c>
      <c r="N14427" s="5" t="s">
        <v>36266</v>
      </c>
      <c r="O14427" s="5" t="s">
        <v>38</v>
      </c>
      <c r="P14427" s="5" t="s">
        <v>39</v>
      </c>
      <c r="Q14427" s="5" t="s">
        <v>40</v>
      </c>
      <c r="R14427" s="5" t="s">
        <v>1522</v>
      </c>
      <c r="S14427" s="5" t="s">
        <v>1523</v>
      </c>
      <c r="T14427" s="5" t="s">
        <v>42</v>
      </c>
      <c r="U14427" s="2">
        <v>1.944</v>
      </c>
      <c r="V14427" s="2">
        <v>1.3260000000000001</v>
      </c>
      <c r="W14427" s="2">
        <v>0.02</v>
      </c>
      <c r="X14427" s="2">
        <v>159.1</v>
      </c>
      <c r="Y14427" s="2">
        <v>7.6</v>
      </c>
      <c r="Z14427" s="2">
        <v>16.7</v>
      </c>
      <c r="AA14427" s="5"/>
      <c r="AB14427" s="5" t="s">
        <v>43</v>
      </c>
      <c r="AC14427" s="5" t="s">
        <v>44</v>
      </c>
      <c r="AD14427" s="2"/>
      <c r="AE14427" s="1"/>
    </row>
    <row r="14428" spans="1:31" ht="14.45">
      <c r="A14428" s="11"/>
      <c r="B14428" s="20"/>
      <c r="C14428" s="2" t="s">
        <v>44235</v>
      </c>
      <c r="D14428" s="14" t="s">
        <v>44236</v>
      </c>
      <c r="E14428" s="2" t="s">
        <v>44237</v>
      </c>
      <c r="F14428" s="2" t="s">
        <v>40967</v>
      </c>
      <c r="G14428" s="8">
        <v>227</v>
      </c>
      <c r="H14428" s="5">
        <v>6</v>
      </c>
      <c r="I14428" s="5" t="s">
        <v>1518</v>
      </c>
      <c r="J14428" s="5" t="s">
        <v>40939</v>
      </c>
      <c r="K14428" s="2" t="s">
        <v>40940</v>
      </c>
      <c r="L14428" s="5" t="s">
        <v>40939</v>
      </c>
      <c r="M14428" s="2" t="s">
        <v>40940</v>
      </c>
      <c r="N14428" s="5" t="s">
        <v>36266</v>
      </c>
      <c r="O14428" s="5" t="s">
        <v>38</v>
      </c>
      <c r="P14428" s="5" t="s">
        <v>39</v>
      </c>
      <c r="Q14428" s="5" t="s">
        <v>40</v>
      </c>
      <c r="R14428" s="5" t="s">
        <v>1522</v>
      </c>
      <c r="S14428" s="5" t="s">
        <v>1523</v>
      </c>
      <c r="T14428" s="5" t="s">
        <v>42</v>
      </c>
      <c r="U14428" s="2">
        <v>1.899</v>
      </c>
      <c r="V14428" s="2">
        <v>1.2809999999999999</v>
      </c>
      <c r="W14428" s="2">
        <v>0.02</v>
      </c>
      <c r="X14428" s="2">
        <v>159.1</v>
      </c>
      <c r="Y14428" s="2">
        <v>7.6</v>
      </c>
      <c r="Z14428" s="2">
        <v>16.7</v>
      </c>
      <c r="AA14428" s="5"/>
      <c r="AB14428" s="5" t="s">
        <v>43</v>
      </c>
      <c r="AC14428" s="5" t="s">
        <v>44</v>
      </c>
      <c r="AD14428" s="2"/>
      <c r="AE14428" s="1"/>
    </row>
    <row r="14429" spans="1:31" ht="14.45">
      <c r="A14429" s="11"/>
      <c r="B14429" s="20"/>
      <c r="C14429" s="2" t="s">
        <v>44238</v>
      </c>
      <c r="D14429" s="14" t="s">
        <v>44239</v>
      </c>
      <c r="E14429" s="2" t="s">
        <v>44240</v>
      </c>
      <c r="F14429" s="2" t="s">
        <v>40971</v>
      </c>
      <c r="G14429" s="8">
        <v>227</v>
      </c>
      <c r="H14429" s="5">
        <v>6</v>
      </c>
      <c r="I14429" s="5" t="s">
        <v>1518</v>
      </c>
      <c r="J14429" s="5" t="s">
        <v>40939</v>
      </c>
      <c r="K14429" s="2" t="s">
        <v>40940</v>
      </c>
      <c r="L14429" s="5" t="s">
        <v>40939</v>
      </c>
      <c r="M14429" s="2" t="s">
        <v>40940</v>
      </c>
      <c r="N14429" s="5" t="s">
        <v>36266</v>
      </c>
      <c r="O14429" s="5" t="s">
        <v>38</v>
      </c>
      <c r="P14429" s="5" t="s">
        <v>39</v>
      </c>
      <c r="Q14429" s="5" t="s">
        <v>40</v>
      </c>
      <c r="R14429" s="5" t="s">
        <v>1522</v>
      </c>
      <c r="S14429" s="5" t="s">
        <v>1523</v>
      </c>
      <c r="T14429" s="5" t="s">
        <v>42</v>
      </c>
      <c r="U14429" s="2">
        <v>1.913</v>
      </c>
      <c r="V14429" s="2">
        <v>1.2949999999999999</v>
      </c>
      <c r="W14429" s="2">
        <v>0.02</v>
      </c>
      <c r="X14429" s="2">
        <v>159.1</v>
      </c>
      <c r="Y14429" s="2">
        <v>7.6</v>
      </c>
      <c r="Z14429" s="2">
        <v>16.7</v>
      </c>
      <c r="AA14429" s="5"/>
      <c r="AB14429" s="5" t="s">
        <v>43</v>
      </c>
      <c r="AC14429" s="5" t="s">
        <v>44</v>
      </c>
      <c r="AD14429" s="2"/>
      <c r="AE14429" s="1"/>
    </row>
    <row r="14430" spans="1:31" ht="14.45">
      <c r="A14430" s="11"/>
      <c r="B14430" s="20"/>
      <c r="C14430" s="2" t="s">
        <v>44241</v>
      </c>
      <c r="D14430" s="14" t="s">
        <v>44242</v>
      </c>
      <c r="E14430" s="2" t="s">
        <v>44243</v>
      </c>
      <c r="F14430" s="2" t="s">
        <v>40975</v>
      </c>
      <c r="G14430" s="8">
        <v>227</v>
      </c>
      <c r="H14430" s="5">
        <v>6</v>
      </c>
      <c r="I14430" s="5" t="s">
        <v>1518</v>
      </c>
      <c r="J14430" s="5" t="s">
        <v>40939</v>
      </c>
      <c r="K14430" s="2" t="s">
        <v>40940</v>
      </c>
      <c r="L14430" s="5" t="s">
        <v>40939</v>
      </c>
      <c r="M14430" s="2" t="s">
        <v>40940</v>
      </c>
      <c r="N14430" s="5" t="s">
        <v>36266</v>
      </c>
      <c r="O14430" s="5" t="s">
        <v>38</v>
      </c>
      <c r="P14430" s="5" t="s">
        <v>39</v>
      </c>
      <c r="Q14430" s="5" t="s">
        <v>40</v>
      </c>
      <c r="R14430" s="5" t="s">
        <v>1522</v>
      </c>
      <c r="S14430" s="5" t="s">
        <v>1523</v>
      </c>
      <c r="T14430" s="5" t="s">
        <v>42</v>
      </c>
      <c r="U14430" s="2">
        <v>1.899</v>
      </c>
      <c r="V14430" s="2">
        <v>1.2809999999999999</v>
      </c>
      <c r="W14430" s="2">
        <v>0.02</v>
      </c>
      <c r="X14430" s="2">
        <v>159.1</v>
      </c>
      <c r="Y14430" s="2">
        <v>7.6</v>
      </c>
      <c r="Z14430" s="2">
        <v>16.7</v>
      </c>
      <c r="AA14430" s="5"/>
      <c r="AB14430" s="5" t="s">
        <v>43</v>
      </c>
      <c r="AC14430" s="5" t="s">
        <v>44</v>
      </c>
      <c r="AD14430" s="2"/>
      <c r="AE14430" s="1"/>
    </row>
    <row r="14431" spans="1:31" ht="14.45">
      <c r="A14431" s="11"/>
      <c r="B14431" s="20"/>
      <c r="C14431" s="2" t="s">
        <v>44244</v>
      </c>
      <c r="D14431" s="14" t="s">
        <v>44245</v>
      </c>
      <c r="E14431" s="2" t="s">
        <v>44246</v>
      </c>
      <c r="F14431" s="2" t="s">
        <v>40979</v>
      </c>
      <c r="G14431" s="8">
        <v>227</v>
      </c>
      <c r="H14431" s="5">
        <v>6</v>
      </c>
      <c r="I14431" s="5" t="s">
        <v>1518</v>
      </c>
      <c r="J14431" s="5" t="s">
        <v>40939</v>
      </c>
      <c r="K14431" s="2" t="s">
        <v>40940</v>
      </c>
      <c r="L14431" s="5" t="s">
        <v>40939</v>
      </c>
      <c r="M14431" s="2" t="s">
        <v>40940</v>
      </c>
      <c r="N14431" s="5" t="s">
        <v>36266</v>
      </c>
      <c r="O14431" s="5" t="s">
        <v>38</v>
      </c>
      <c r="P14431" s="5" t="s">
        <v>39</v>
      </c>
      <c r="Q14431" s="5" t="s">
        <v>40</v>
      </c>
      <c r="R14431" s="5" t="s">
        <v>1522</v>
      </c>
      <c r="S14431" s="5" t="s">
        <v>1523</v>
      </c>
      <c r="T14431" s="5" t="s">
        <v>42</v>
      </c>
      <c r="U14431" s="2">
        <v>1.913</v>
      </c>
      <c r="V14431" s="2">
        <v>1.2949999999999999</v>
      </c>
      <c r="W14431" s="2">
        <v>0.02</v>
      </c>
      <c r="X14431" s="2">
        <v>159.1</v>
      </c>
      <c r="Y14431" s="2">
        <v>7.6</v>
      </c>
      <c r="Z14431" s="2">
        <v>16.7</v>
      </c>
      <c r="AA14431" s="5"/>
      <c r="AB14431" s="5" t="s">
        <v>43</v>
      </c>
      <c r="AC14431" s="5" t="s">
        <v>44</v>
      </c>
      <c r="AD14431" s="2"/>
      <c r="AE14431" s="1"/>
    </row>
    <row r="14432" spans="1:31" ht="14.45">
      <c r="A14432" s="11"/>
      <c r="B14432" s="20"/>
      <c r="C14432" s="2" t="s">
        <v>44247</v>
      </c>
      <c r="D14432" s="14" t="s">
        <v>44248</v>
      </c>
      <c r="E14432" s="2" t="s">
        <v>44249</v>
      </c>
      <c r="F14432" s="2" t="s">
        <v>7539</v>
      </c>
      <c r="G14432" s="8">
        <v>227</v>
      </c>
      <c r="H14432" s="5">
        <v>6</v>
      </c>
      <c r="I14432" s="5" t="s">
        <v>1518</v>
      </c>
      <c r="J14432" s="5" t="s">
        <v>40939</v>
      </c>
      <c r="K14432" s="2" t="s">
        <v>40940</v>
      </c>
      <c r="L14432" s="5" t="s">
        <v>40939</v>
      </c>
      <c r="M14432" s="2" t="s">
        <v>40940</v>
      </c>
      <c r="N14432" s="5" t="s">
        <v>36266</v>
      </c>
      <c r="O14432" s="5" t="s">
        <v>38</v>
      </c>
      <c r="P14432" s="5" t="s">
        <v>39</v>
      </c>
      <c r="Q14432" s="5" t="s">
        <v>40</v>
      </c>
      <c r="R14432" s="5" t="s">
        <v>1522</v>
      </c>
      <c r="S14432" s="5" t="s">
        <v>1523</v>
      </c>
      <c r="T14432" s="5" t="s">
        <v>42</v>
      </c>
      <c r="U14432" s="2">
        <v>1.823</v>
      </c>
      <c r="V14432" s="2">
        <v>1.2050000000000001</v>
      </c>
      <c r="W14432" s="2">
        <v>0.02</v>
      </c>
      <c r="X14432" s="2">
        <v>159.1</v>
      </c>
      <c r="Y14432" s="2">
        <v>7.6</v>
      </c>
      <c r="Z14432" s="2">
        <v>16.7</v>
      </c>
      <c r="AA14432" s="5"/>
      <c r="AB14432" s="5" t="s">
        <v>43</v>
      </c>
      <c r="AC14432" s="5" t="s">
        <v>44</v>
      </c>
      <c r="AD14432" s="2"/>
      <c r="AE14432" s="1"/>
    </row>
    <row r="14433" spans="1:31" ht="14.45">
      <c r="A14433" s="11"/>
      <c r="B14433" s="20"/>
      <c r="C14433" s="2" t="s">
        <v>44250</v>
      </c>
      <c r="D14433" s="14" t="s">
        <v>44251</v>
      </c>
      <c r="E14433" s="2" t="s">
        <v>44252</v>
      </c>
      <c r="F14433" s="2" t="s">
        <v>7543</v>
      </c>
      <c r="G14433" s="8">
        <v>227</v>
      </c>
      <c r="H14433" s="5">
        <v>6</v>
      </c>
      <c r="I14433" s="5" t="s">
        <v>1518</v>
      </c>
      <c r="J14433" s="5" t="s">
        <v>40939</v>
      </c>
      <c r="K14433" s="2" t="s">
        <v>40940</v>
      </c>
      <c r="L14433" s="5" t="s">
        <v>40939</v>
      </c>
      <c r="M14433" s="2" t="s">
        <v>40940</v>
      </c>
      <c r="N14433" s="5" t="s">
        <v>36266</v>
      </c>
      <c r="O14433" s="5" t="s">
        <v>38</v>
      </c>
      <c r="P14433" s="5" t="s">
        <v>39</v>
      </c>
      <c r="Q14433" s="5" t="s">
        <v>40</v>
      </c>
      <c r="R14433" s="5" t="s">
        <v>1522</v>
      </c>
      <c r="S14433" s="5" t="s">
        <v>1523</v>
      </c>
      <c r="T14433" s="5" t="s">
        <v>42</v>
      </c>
      <c r="U14433" s="2">
        <v>1.837</v>
      </c>
      <c r="V14433" s="2">
        <v>1.2190000000000001</v>
      </c>
      <c r="W14433" s="2">
        <v>0.02</v>
      </c>
      <c r="X14433" s="2">
        <v>159.1</v>
      </c>
      <c r="Y14433" s="2">
        <v>7.6</v>
      </c>
      <c r="Z14433" s="2">
        <v>16.7</v>
      </c>
      <c r="AA14433" s="5"/>
      <c r="AB14433" s="5" t="s">
        <v>43</v>
      </c>
      <c r="AC14433" s="5" t="s">
        <v>44</v>
      </c>
      <c r="AD14433" s="2"/>
      <c r="AE14433" s="1"/>
    </row>
    <row r="14434" spans="1:31" ht="14.45">
      <c r="A14434" s="11"/>
      <c r="B14434" s="20"/>
      <c r="C14434" s="2" t="s">
        <v>44253</v>
      </c>
      <c r="D14434" s="14" t="s">
        <v>44254</v>
      </c>
      <c r="E14434" s="2" t="s">
        <v>44255</v>
      </c>
      <c r="F14434" s="2" t="s">
        <v>40989</v>
      </c>
      <c r="G14434" s="8">
        <v>227</v>
      </c>
      <c r="H14434" s="5">
        <v>6</v>
      </c>
      <c r="I14434" s="5" t="s">
        <v>1518</v>
      </c>
      <c r="J14434" s="5" t="s">
        <v>40939</v>
      </c>
      <c r="K14434" s="2" t="s">
        <v>40940</v>
      </c>
      <c r="L14434" s="5" t="s">
        <v>40939</v>
      </c>
      <c r="M14434" s="2" t="s">
        <v>40940</v>
      </c>
      <c r="N14434" s="5" t="s">
        <v>36266</v>
      </c>
      <c r="O14434" s="5" t="s">
        <v>38</v>
      </c>
      <c r="P14434" s="5" t="s">
        <v>39</v>
      </c>
      <c r="Q14434" s="5" t="s">
        <v>40</v>
      </c>
      <c r="R14434" s="5" t="s">
        <v>1522</v>
      </c>
      <c r="S14434" s="5" t="s">
        <v>1523</v>
      </c>
      <c r="T14434" s="5" t="s">
        <v>42</v>
      </c>
      <c r="U14434" s="2">
        <v>1.899</v>
      </c>
      <c r="V14434" s="2">
        <v>1.2809999999999999</v>
      </c>
      <c r="W14434" s="2">
        <v>0.02</v>
      </c>
      <c r="X14434" s="2">
        <v>159.1</v>
      </c>
      <c r="Y14434" s="2">
        <v>7.6</v>
      </c>
      <c r="Z14434" s="2">
        <v>16.7</v>
      </c>
      <c r="AA14434" s="5"/>
      <c r="AB14434" s="5" t="s">
        <v>43</v>
      </c>
      <c r="AC14434" s="5" t="s">
        <v>44</v>
      </c>
      <c r="AD14434" s="2"/>
      <c r="AE14434" s="1"/>
    </row>
    <row r="14435" spans="1:31" ht="14.45">
      <c r="A14435" s="11"/>
      <c r="B14435" s="20"/>
      <c r="C14435" s="2" t="s">
        <v>44256</v>
      </c>
      <c r="D14435" s="14" t="s">
        <v>44257</v>
      </c>
      <c r="E14435" s="2" t="s">
        <v>44258</v>
      </c>
      <c r="F14435" s="2" t="s">
        <v>40993</v>
      </c>
      <c r="G14435" s="8">
        <v>227</v>
      </c>
      <c r="H14435" s="5">
        <v>6</v>
      </c>
      <c r="I14435" s="5" t="s">
        <v>1518</v>
      </c>
      <c r="J14435" s="5" t="s">
        <v>40939</v>
      </c>
      <c r="K14435" s="2" t="s">
        <v>40940</v>
      </c>
      <c r="L14435" s="5" t="s">
        <v>40939</v>
      </c>
      <c r="M14435" s="2" t="s">
        <v>40940</v>
      </c>
      <c r="N14435" s="5" t="s">
        <v>36266</v>
      </c>
      <c r="O14435" s="5" t="s">
        <v>38</v>
      </c>
      <c r="P14435" s="5" t="s">
        <v>39</v>
      </c>
      <c r="Q14435" s="5" t="s">
        <v>40</v>
      </c>
      <c r="R14435" s="5" t="s">
        <v>1522</v>
      </c>
      <c r="S14435" s="5" t="s">
        <v>1523</v>
      </c>
      <c r="T14435" s="5" t="s">
        <v>42</v>
      </c>
      <c r="U14435" s="2">
        <v>1.913</v>
      </c>
      <c r="V14435" s="2">
        <v>1.2949999999999999</v>
      </c>
      <c r="W14435" s="2">
        <v>0.02</v>
      </c>
      <c r="X14435" s="2">
        <v>159.1</v>
      </c>
      <c r="Y14435" s="2">
        <v>7.6</v>
      </c>
      <c r="Z14435" s="2">
        <v>16.7</v>
      </c>
      <c r="AA14435" s="5"/>
      <c r="AB14435" s="5" t="s">
        <v>43</v>
      </c>
      <c r="AC14435" s="5" t="s">
        <v>44</v>
      </c>
      <c r="AD14435" s="2"/>
      <c r="AE14435" s="1"/>
    </row>
    <row r="14436" spans="1:31" ht="14.45">
      <c r="A14436" s="11"/>
      <c r="B14436" s="20"/>
      <c r="C14436" s="2" t="s">
        <v>44259</v>
      </c>
      <c r="D14436" s="14" t="s">
        <v>44260</v>
      </c>
      <c r="E14436" s="2" t="s">
        <v>44261</v>
      </c>
      <c r="F14436" s="2" t="s">
        <v>40997</v>
      </c>
      <c r="G14436" s="8">
        <v>227</v>
      </c>
      <c r="H14436" s="5">
        <v>6</v>
      </c>
      <c r="I14436" s="5" t="s">
        <v>1518</v>
      </c>
      <c r="J14436" s="5" t="s">
        <v>40939</v>
      </c>
      <c r="K14436" s="2" t="s">
        <v>40940</v>
      </c>
      <c r="L14436" s="5" t="s">
        <v>40939</v>
      </c>
      <c r="M14436" s="2" t="s">
        <v>40940</v>
      </c>
      <c r="N14436" s="5" t="s">
        <v>36266</v>
      </c>
      <c r="O14436" s="5" t="s">
        <v>38</v>
      </c>
      <c r="P14436" s="5" t="s">
        <v>39</v>
      </c>
      <c r="Q14436" s="5" t="s">
        <v>40</v>
      </c>
      <c r="R14436" s="5" t="s">
        <v>1522</v>
      </c>
      <c r="S14436" s="5" t="s">
        <v>1523</v>
      </c>
      <c r="T14436" s="5" t="s">
        <v>42</v>
      </c>
      <c r="U14436" s="2">
        <v>1.8380000000000001</v>
      </c>
      <c r="V14436" s="2">
        <v>1.22</v>
      </c>
      <c r="W14436" s="2">
        <v>0.02</v>
      </c>
      <c r="X14436" s="2">
        <v>159.1</v>
      </c>
      <c r="Y14436" s="2">
        <v>7.6</v>
      </c>
      <c r="Z14436" s="2">
        <v>16.7</v>
      </c>
      <c r="AA14436" s="5"/>
      <c r="AB14436" s="5" t="s">
        <v>43</v>
      </c>
      <c r="AC14436" s="5" t="s">
        <v>44</v>
      </c>
      <c r="AD14436" s="2"/>
      <c r="AE14436" s="1"/>
    </row>
    <row r="14437" spans="1:31" ht="14.45">
      <c r="A14437" s="11"/>
      <c r="B14437" s="20"/>
      <c r="C14437" s="2" t="s">
        <v>44262</v>
      </c>
      <c r="D14437" s="14" t="s">
        <v>44263</v>
      </c>
      <c r="E14437" s="2" t="s">
        <v>44264</v>
      </c>
      <c r="F14437" s="2" t="s">
        <v>41267</v>
      </c>
      <c r="G14437" s="8">
        <v>227</v>
      </c>
      <c r="H14437" s="5">
        <v>6</v>
      </c>
      <c r="I14437" s="5" t="s">
        <v>1518</v>
      </c>
      <c r="J14437" s="5" t="s">
        <v>40939</v>
      </c>
      <c r="K14437" s="2" t="s">
        <v>40940</v>
      </c>
      <c r="L14437" s="5" t="s">
        <v>40939</v>
      </c>
      <c r="M14437" s="2" t="s">
        <v>40940</v>
      </c>
      <c r="N14437" s="5" t="s">
        <v>36266</v>
      </c>
      <c r="O14437" s="5" t="s">
        <v>38</v>
      </c>
      <c r="P14437" s="5" t="s">
        <v>39</v>
      </c>
      <c r="Q14437" s="5" t="s">
        <v>40</v>
      </c>
      <c r="R14437" s="5" t="s">
        <v>1522</v>
      </c>
      <c r="S14437" s="5" t="s">
        <v>1523</v>
      </c>
      <c r="T14437" s="5" t="s">
        <v>42</v>
      </c>
      <c r="U14437" s="2">
        <v>1.8520000000000001</v>
      </c>
      <c r="V14437" s="2">
        <v>1.234</v>
      </c>
      <c r="W14437" s="2">
        <v>0.02</v>
      </c>
      <c r="X14437" s="2">
        <v>159.1</v>
      </c>
      <c r="Y14437" s="2">
        <v>7.6</v>
      </c>
      <c r="Z14437" s="2">
        <v>16.7</v>
      </c>
      <c r="AA14437" s="5"/>
      <c r="AB14437" s="5" t="s">
        <v>43</v>
      </c>
      <c r="AC14437" s="5" t="s">
        <v>44</v>
      </c>
      <c r="AD14437" s="2"/>
      <c r="AE14437" s="1"/>
    </row>
    <row r="14438" spans="1:31" ht="14.45">
      <c r="A14438" s="11"/>
      <c r="B14438" s="20"/>
      <c r="C14438" s="2" t="s">
        <v>44265</v>
      </c>
      <c r="D14438" s="14" t="s">
        <v>44266</v>
      </c>
      <c r="E14438" s="2" t="s">
        <v>44267</v>
      </c>
      <c r="F14438" s="2" t="s">
        <v>41001</v>
      </c>
      <c r="G14438" s="8">
        <v>227</v>
      </c>
      <c r="H14438" s="5">
        <v>6</v>
      </c>
      <c r="I14438" s="5" t="s">
        <v>1518</v>
      </c>
      <c r="J14438" s="5" t="s">
        <v>40939</v>
      </c>
      <c r="K14438" s="2" t="s">
        <v>40940</v>
      </c>
      <c r="L14438" s="5" t="s">
        <v>40939</v>
      </c>
      <c r="M14438" s="2" t="s">
        <v>40940</v>
      </c>
      <c r="N14438" s="5" t="s">
        <v>36266</v>
      </c>
      <c r="O14438" s="5" t="s">
        <v>38</v>
      </c>
      <c r="P14438" s="5" t="s">
        <v>39</v>
      </c>
      <c r="Q14438" s="5" t="s">
        <v>40</v>
      </c>
      <c r="R14438" s="5" t="s">
        <v>1522</v>
      </c>
      <c r="S14438" s="5" t="s">
        <v>1523</v>
      </c>
      <c r="T14438" s="5" t="s">
        <v>42</v>
      </c>
      <c r="U14438" s="2">
        <v>1.899</v>
      </c>
      <c r="V14438" s="2">
        <v>1.2809999999999999</v>
      </c>
      <c r="W14438" s="2">
        <v>0.02</v>
      </c>
      <c r="X14438" s="2">
        <v>159.1</v>
      </c>
      <c r="Y14438" s="2">
        <v>7.6</v>
      </c>
      <c r="Z14438" s="2">
        <v>16.7</v>
      </c>
      <c r="AA14438" s="5"/>
      <c r="AB14438" s="5" t="s">
        <v>43</v>
      </c>
      <c r="AC14438" s="5" t="s">
        <v>44</v>
      </c>
      <c r="AD14438" s="2"/>
      <c r="AE14438" s="1"/>
    </row>
    <row r="14439" spans="1:31" ht="14.45">
      <c r="A14439" s="11"/>
      <c r="B14439" s="20"/>
      <c r="C14439" s="2" t="s">
        <v>44268</v>
      </c>
      <c r="D14439" s="14" t="s">
        <v>44269</v>
      </c>
      <c r="E14439" s="2" t="s">
        <v>44270</v>
      </c>
      <c r="F14439" s="2" t="s">
        <v>41005</v>
      </c>
      <c r="G14439" s="8">
        <v>227</v>
      </c>
      <c r="H14439" s="5">
        <v>6</v>
      </c>
      <c r="I14439" s="5" t="s">
        <v>1518</v>
      </c>
      <c r="J14439" s="5" t="s">
        <v>40939</v>
      </c>
      <c r="K14439" s="2" t="s">
        <v>40940</v>
      </c>
      <c r="L14439" s="5" t="s">
        <v>40939</v>
      </c>
      <c r="M14439" s="2" t="s">
        <v>40940</v>
      </c>
      <c r="N14439" s="5" t="s">
        <v>36266</v>
      </c>
      <c r="O14439" s="5" t="s">
        <v>38</v>
      </c>
      <c r="P14439" s="5" t="s">
        <v>39</v>
      </c>
      <c r="Q14439" s="5" t="s">
        <v>40</v>
      </c>
      <c r="R14439" s="5" t="s">
        <v>1522</v>
      </c>
      <c r="S14439" s="5" t="s">
        <v>1523</v>
      </c>
      <c r="T14439" s="5" t="s">
        <v>42</v>
      </c>
      <c r="U14439" s="2">
        <v>1.913</v>
      </c>
      <c r="V14439" s="2">
        <v>1.2949999999999999</v>
      </c>
      <c r="W14439" s="2">
        <v>0.02</v>
      </c>
      <c r="X14439" s="2">
        <v>159.1</v>
      </c>
      <c r="Y14439" s="2">
        <v>7.6</v>
      </c>
      <c r="Z14439" s="2">
        <v>16.7</v>
      </c>
      <c r="AA14439" s="5"/>
      <c r="AB14439" s="5" t="s">
        <v>43</v>
      </c>
      <c r="AC14439" s="5" t="s">
        <v>44</v>
      </c>
      <c r="AD14439" s="2"/>
      <c r="AE14439" s="1"/>
    </row>
    <row r="14440" spans="1:31" ht="14.45">
      <c r="A14440" s="11"/>
      <c r="B14440" s="20"/>
      <c r="C14440" s="2" t="s">
        <v>44271</v>
      </c>
      <c r="D14440" s="14" t="s">
        <v>44272</v>
      </c>
      <c r="E14440" s="2" t="s">
        <v>44273</v>
      </c>
      <c r="F14440" s="2" t="s">
        <v>41009</v>
      </c>
      <c r="G14440" s="8">
        <v>227</v>
      </c>
      <c r="H14440" s="5">
        <v>6</v>
      </c>
      <c r="I14440" s="5" t="s">
        <v>1518</v>
      </c>
      <c r="J14440" s="5" t="s">
        <v>40939</v>
      </c>
      <c r="K14440" s="2" t="s">
        <v>40940</v>
      </c>
      <c r="L14440" s="5" t="s">
        <v>40939</v>
      </c>
      <c r="M14440" s="2" t="s">
        <v>40940</v>
      </c>
      <c r="N14440" s="5" t="s">
        <v>36266</v>
      </c>
      <c r="O14440" s="5" t="s">
        <v>38</v>
      </c>
      <c r="P14440" s="5" t="s">
        <v>39</v>
      </c>
      <c r="Q14440" s="5" t="s">
        <v>40</v>
      </c>
      <c r="R14440" s="5" t="s">
        <v>1522</v>
      </c>
      <c r="S14440" s="5" t="s">
        <v>1523</v>
      </c>
      <c r="T14440" s="5" t="s">
        <v>42</v>
      </c>
      <c r="U14440" s="2">
        <v>1.915</v>
      </c>
      <c r="V14440" s="2">
        <v>1.2969999999999999</v>
      </c>
      <c r="W14440" s="2">
        <v>0.02</v>
      </c>
      <c r="X14440" s="2">
        <v>159.1</v>
      </c>
      <c r="Y14440" s="2">
        <v>7.6</v>
      </c>
      <c r="Z14440" s="2">
        <v>16.7</v>
      </c>
      <c r="AA14440" s="5"/>
      <c r="AB14440" s="5" t="s">
        <v>43</v>
      </c>
      <c r="AC14440" s="5" t="s">
        <v>44</v>
      </c>
      <c r="AD14440" s="2"/>
      <c r="AE14440" s="1"/>
    </row>
    <row r="14441" spans="1:31" ht="14.45">
      <c r="A14441" s="11"/>
      <c r="B14441" s="20"/>
      <c r="C14441" s="2" t="s">
        <v>44274</v>
      </c>
      <c r="D14441" s="14" t="s">
        <v>44275</v>
      </c>
      <c r="E14441" s="2" t="s">
        <v>44276</v>
      </c>
      <c r="F14441" s="2" t="s">
        <v>41013</v>
      </c>
      <c r="G14441" s="8">
        <v>227</v>
      </c>
      <c r="H14441" s="5">
        <v>6</v>
      </c>
      <c r="I14441" s="5" t="s">
        <v>1518</v>
      </c>
      <c r="J14441" s="5" t="s">
        <v>40939</v>
      </c>
      <c r="K14441" s="2" t="s">
        <v>40940</v>
      </c>
      <c r="L14441" s="5" t="s">
        <v>40939</v>
      </c>
      <c r="M14441" s="2" t="s">
        <v>40940</v>
      </c>
      <c r="N14441" s="5" t="s">
        <v>36266</v>
      </c>
      <c r="O14441" s="5" t="s">
        <v>38</v>
      </c>
      <c r="P14441" s="5" t="s">
        <v>39</v>
      </c>
      <c r="Q14441" s="5" t="s">
        <v>40</v>
      </c>
      <c r="R14441" s="5" t="s">
        <v>1522</v>
      </c>
      <c r="S14441" s="5" t="s">
        <v>1523</v>
      </c>
      <c r="T14441" s="5" t="s">
        <v>42</v>
      </c>
      <c r="U14441" s="2">
        <v>1.929</v>
      </c>
      <c r="V14441" s="2">
        <v>1.3109999999999999</v>
      </c>
      <c r="W14441" s="2">
        <v>0.02</v>
      </c>
      <c r="X14441" s="2">
        <v>159.1</v>
      </c>
      <c r="Y14441" s="2">
        <v>7.6</v>
      </c>
      <c r="Z14441" s="2">
        <v>16.7</v>
      </c>
      <c r="AA14441" s="5"/>
      <c r="AB14441" s="5" t="s">
        <v>43</v>
      </c>
      <c r="AC14441" s="5" t="s">
        <v>44</v>
      </c>
      <c r="AD14441" s="2"/>
      <c r="AE14441" s="1"/>
    </row>
    <row r="14442" spans="1:31" ht="14.45">
      <c r="A14442" s="11"/>
      <c r="B14442" s="20"/>
      <c r="C14442" s="2" t="s">
        <v>44277</v>
      </c>
      <c r="D14442" s="14" t="s">
        <v>44278</v>
      </c>
      <c r="E14442" s="2" t="s">
        <v>44279</v>
      </c>
      <c r="F14442" s="2" t="s">
        <v>7396</v>
      </c>
      <c r="G14442" s="8">
        <v>197</v>
      </c>
      <c r="H14442" s="5">
        <v>6</v>
      </c>
      <c r="I14442" s="5" t="s">
        <v>1518</v>
      </c>
      <c r="J14442" s="5" t="s">
        <v>40939</v>
      </c>
      <c r="K14442" s="2" t="s">
        <v>40940</v>
      </c>
      <c r="L14442" s="5" t="s">
        <v>40939</v>
      </c>
      <c r="M14442" s="2" t="s">
        <v>40940</v>
      </c>
      <c r="N14442" s="5" t="s">
        <v>36266</v>
      </c>
      <c r="O14442" s="5" t="s">
        <v>38</v>
      </c>
      <c r="P14442" s="5" t="s">
        <v>39</v>
      </c>
      <c r="Q14442" s="5" t="s">
        <v>40</v>
      </c>
      <c r="R14442" s="5" t="s">
        <v>1522</v>
      </c>
      <c r="S14442" s="5" t="s">
        <v>1523</v>
      </c>
      <c r="T14442" s="5" t="s">
        <v>42</v>
      </c>
      <c r="U14442" s="2">
        <v>1.915</v>
      </c>
      <c r="V14442" s="2">
        <v>1.2969999999999999</v>
      </c>
      <c r="W14442" s="2">
        <v>0.02</v>
      </c>
      <c r="X14442" s="2">
        <v>159.1</v>
      </c>
      <c r="Y14442" s="2">
        <v>7.6</v>
      </c>
      <c r="Z14442" s="2">
        <v>16.7</v>
      </c>
      <c r="AA14442" s="5"/>
      <c r="AB14442" s="5" t="s">
        <v>43</v>
      </c>
      <c r="AC14442" s="5" t="s">
        <v>44</v>
      </c>
      <c r="AD14442" s="2"/>
      <c r="AE14442" s="1"/>
    </row>
    <row r="14443" spans="1:31" ht="14.45">
      <c r="A14443" s="11"/>
      <c r="B14443" s="20"/>
      <c r="C14443" s="2" t="s">
        <v>44280</v>
      </c>
      <c r="D14443" s="14" t="s">
        <v>44281</v>
      </c>
      <c r="E14443" s="2" t="s">
        <v>44282</v>
      </c>
      <c r="F14443" s="2" t="s">
        <v>7507</v>
      </c>
      <c r="G14443" s="8">
        <v>197</v>
      </c>
      <c r="H14443" s="5">
        <v>6</v>
      </c>
      <c r="I14443" s="5" t="s">
        <v>1518</v>
      </c>
      <c r="J14443" s="5" t="s">
        <v>40939</v>
      </c>
      <c r="K14443" s="2" t="s">
        <v>40940</v>
      </c>
      <c r="L14443" s="5" t="s">
        <v>40939</v>
      </c>
      <c r="M14443" s="2" t="s">
        <v>40940</v>
      </c>
      <c r="N14443" s="5" t="s">
        <v>36266</v>
      </c>
      <c r="O14443" s="5" t="s">
        <v>38</v>
      </c>
      <c r="P14443" s="5" t="s">
        <v>39</v>
      </c>
      <c r="Q14443" s="5" t="s">
        <v>40</v>
      </c>
      <c r="R14443" s="5" t="s">
        <v>1522</v>
      </c>
      <c r="S14443" s="5" t="s">
        <v>1523</v>
      </c>
      <c r="T14443" s="5" t="s">
        <v>42</v>
      </c>
      <c r="U14443" s="2">
        <v>1.929</v>
      </c>
      <c r="V14443" s="2">
        <v>1.3109999999999999</v>
      </c>
      <c r="W14443" s="2">
        <v>0.02</v>
      </c>
      <c r="X14443" s="2">
        <v>159.1</v>
      </c>
      <c r="Y14443" s="2">
        <v>7.6</v>
      </c>
      <c r="Z14443" s="2">
        <v>16.7</v>
      </c>
      <c r="AA14443" s="5"/>
      <c r="AB14443" s="5" t="s">
        <v>43</v>
      </c>
      <c r="AC14443" s="5" t="s">
        <v>44</v>
      </c>
      <c r="AD14443" s="2"/>
      <c r="AE14443" s="1"/>
    </row>
    <row r="14444" spans="1:31" ht="14.45">
      <c r="A14444" s="11"/>
      <c r="B14444" s="20"/>
      <c r="C14444" s="2" t="s">
        <v>44283</v>
      </c>
      <c r="D14444" s="14" t="s">
        <v>44284</v>
      </c>
      <c r="E14444" s="2" t="s">
        <v>44285</v>
      </c>
      <c r="F14444" s="2" t="s">
        <v>41023</v>
      </c>
      <c r="G14444" s="8">
        <v>227</v>
      </c>
      <c r="H14444" s="5">
        <v>6</v>
      </c>
      <c r="I14444" s="5" t="s">
        <v>1518</v>
      </c>
      <c r="J14444" s="5" t="s">
        <v>40939</v>
      </c>
      <c r="K14444" s="2" t="s">
        <v>40940</v>
      </c>
      <c r="L14444" s="5" t="s">
        <v>40939</v>
      </c>
      <c r="M14444" s="2" t="s">
        <v>40940</v>
      </c>
      <c r="N14444" s="5" t="s">
        <v>36266</v>
      </c>
      <c r="O14444" s="5" t="s">
        <v>38</v>
      </c>
      <c r="P14444" s="5" t="s">
        <v>39</v>
      </c>
      <c r="Q14444" s="5" t="s">
        <v>40</v>
      </c>
      <c r="R14444" s="5" t="s">
        <v>1522</v>
      </c>
      <c r="S14444" s="5" t="s">
        <v>1523</v>
      </c>
      <c r="T14444" s="5" t="s">
        <v>42</v>
      </c>
      <c r="U14444" s="2">
        <v>1.8380000000000001</v>
      </c>
      <c r="V14444" s="2">
        <v>1.22</v>
      </c>
      <c r="W14444" s="2">
        <v>0.02</v>
      </c>
      <c r="X14444" s="2">
        <v>159.1</v>
      </c>
      <c r="Y14444" s="2">
        <v>7.6</v>
      </c>
      <c r="Z14444" s="2">
        <v>16.7</v>
      </c>
      <c r="AA14444" s="5"/>
      <c r="AB14444" s="5" t="s">
        <v>43</v>
      </c>
      <c r="AC14444" s="5" t="s">
        <v>44</v>
      </c>
      <c r="AD14444" s="2"/>
      <c r="AE14444" s="1"/>
    </row>
    <row r="14445" spans="1:31" ht="14.45">
      <c r="A14445" s="11"/>
      <c r="B14445" s="20"/>
      <c r="C14445" s="2" t="s">
        <v>44286</v>
      </c>
      <c r="D14445" s="14" t="s">
        <v>44287</v>
      </c>
      <c r="E14445" s="2" t="s">
        <v>44288</v>
      </c>
      <c r="F14445" s="2" t="s">
        <v>41027</v>
      </c>
      <c r="G14445" s="8">
        <v>227</v>
      </c>
      <c r="H14445" s="5">
        <v>6</v>
      </c>
      <c r="I14445" s="5" t="s">
        <v>1518</v>
      </c>
      <c r="J14445" s="5" t="s">
        <v>40939</v>
      </c>
      <c r="K14445" s="2" t="s">
        <v>40940</v>
      </c>
      <c r="L14445" s="5" t="s">
        <v>40939</v>
      </c>
      <c r="M14445" s="2" t="s">
        <v>40940</v>
      </c>
      <c r="N14445" s="5" t="s">
        <v>36266</v>
      </c>
      <c r="O14445" s="5" t="s">
        <v>38</v>
      </c>
      <c r="P14445" s="5" t="s">
        <v>39</v>
      </c>
      <c r="Q14445" s="5" t="s">
        <v>40</v>
      </c>
      <c r="R14445" s="5" t="s">
        <v>1522</v>
      </c>
      <c r="S14445" s="5" t="s">
        <v>1523</v>
      </c>
      <c r="T14445" s="5" t="s">
        <v>42</v>
      </c>
      <c r="U14445" s="2">
        <v>1.8520000000000001</v>
      </c>
      <c r="V14445" s="2">
        <v>1.234</v>
      </c>
      <c r="W14445" s="2">
        <v>0.02</v>
      </c>
      <c r="X14445" s="2">
        <v>159.1</v>
      </c>
      <c r="Y14445" s="2">
        <v>7.6</v>
      </c>
      <c r="Z14445" s="2">
        <v>16.7</v>
      </c>
      <c r="AA14445" s="5"/>
      <c r="AB14445" s="5" t="s">
        <v>43</v>
      </c>
      <c r="AC14445" s="5" t="s">
        <v>44</v>
      </c>
      <c r="AD14445" s="2"/>
      <c r="AE14445" s="1"/>
    </row>
    <row r="14446" spans="1:31" ht="14.45">
      <c r="A14446" s="11"/>
      <c r="B14446" s="20"/>
      <c r="C14446" s="2" t="s">
        <v>44289</v>
      </c>
      <c r="D14446" s="14" t="s">
        <v>44290</v>
      </c>
      <c r="E14446" s="2" t="s">
        <v>44291</v>
      </c>
      <c r="F14446" s="2" t="s">
        <v>41031</v>
      </c>
      <c r="G14446" s="8">
        <v>227</v>
      </c>
      <c r="H14446" s="5">
        <v>6</v>
      </c>
      <c r="I14446" s="5" t="s">
        <v>1518</v>
      </c>
      <c r="J14446" s="5" t="s">
        <v>40939</v>
      </c>
      <c r="K14446" s="2" t="s">
        <v>40940</v>
      </c>
      <c r="L14446" s="5" t="s">
        <v>40939</v>
      </c>
      <c r="M14446" s="2" t="s">
        <v>40940</v>
      </c>
      <c r="N14446" s="5" t="s">
        <v>36266</v>
      </c>
      <c r="O14446" s="5" t="s">
        <v>38</v>
      </c>
      <c r="P14446" s="5" t="s">
        <v>39</v>
      </c>
      <c r="Q14446" s="5" t="s">
        <v>40</v>
      </c>
      <c r="R14446" s="5" t="s">
        <v>1522</v>
      </c>
      <c r="S14446" s="5" t="s">
        <v>1523</v>
      </c>
      <c r="T14446" s="5" t="s">
        <v>42</v>
      </c>
      <c r="U14446" s="2">
        <v>1.8380000000000001</v>
      </c>
      <c r="V14446" s="2">
        <v>1.22</v>
      </c>
      <c r="W14446" s="2">
        <v>0.02</v>
      </c>
      <c r="X14446" s="2">
        <v>159.1</v>
      </c>
      <c r="Y14446" s="2">
        <v>7.6</v>
      </c>
      <c r="Z14446" s="2">
        <v>16.7</v>
      </c>
      <c r="AA14446" s="5"/>
      <c r="AB14446" s="5" t="s">
        <v>43</v>
      </c>
      <c r="AC14446" s="5" t="s">
        <v>44</v>
      </c>
      <c r="AD14446" s="2"/>
      <c r="AE14446" s="1"/>
    </row>
    <row r="14447" spans="1:31" ht="14.45">
      <c r="A14447" s="11"/>
      <c r="B14447" s="20"/>
      <c r="C14447" s="2" t="s">
        <v>44292</v>
      </c>
      <c r="D14447" s="14" t="s">
        <v>44293</v>
      </c>
      <c r="E14447" s="2" t="s">
        <v>44294</v>
      </c>
      <c r="F14447" s="2" t="s">
        <v>41035</v>
      </c>
      <c r="G14447" s="8">
        <v>227</v>
      </c>
      <c r="H14447" s="5">
        <v>6</v>
      </c>
      <c r="I14447" s="5" t="s">
        <v>1518</v>
      </c>
      <c r="J14447" s="5" t="s">
        <v>40939</v>
      </c>
      <c r="K14447" s="2" t="s">
        <v>40940</v>
      </c>
      <c r="L14447" s="5" t="s">
        <v>40939</v>
      </c>
      <c r="M14447" s="2" t="s">
        <v>40940</v>
      </c>
      <c r="N14447" s="5" t="s">
        <v>36266</v>
      </c>
      <c r="O14447" s="5" t="s">
        <v>38</v>
      </c>
      <c r="P14447" s="5" t="s">
        <v>39</v>
      </c>
      <c r="Q14447" s="5" t="s">
        <v>40</v>
      </c>
      <c r="R14447" s="5" t="s">
        <v>1522</v>
      </c>
      <c r="S14447" s="5" t="s">
        <v>1523</v>
      </c>
      <c r="T14447" s="5" t="s">
        <v>42</v>
      </c>
      <c r="U14447" s="2">
        <v>1.8520000000000001</v>
      </c>
      <c r="V14447" s="2">
        <v>1.234</v>
      </c>
      <c r="W14447" s="2">
        <v>0.02</v>
      </c>
      <c r="X14447" s="2">
        <v>159.1</v>
      </c>
      <c r="Y14447" s="2">
        <v>7.6</v>
      </c>
      <c r="Z14447" s="2">
        <v>16.7</v>
      </c>
      <c r="AA14447" s="5"/>
      <c r="AB14447" s="5" t="s">
        <v>43</v>
      </c>
      <c r="AC14447" s="5" t="s">
        <v>44</v>
      </c>
      <c r="AD14447" s="2"/>
      <c r="AE14447" s="1"/>
    </row>
    <row r="14448" spans="1:31" ht="14.45">
      <c r="A14448" s="11"/>
      <c r="B14448" s="20"/>
      <c r="C14448" s="2" t="s">
        <v>44295</v>
      </c>
      <c r="D14448" s="14" t="s">
        <v>44296</v>
      </c>
      <c r="E14448" s="2" t="s">
        <v>44297</v>
      </c>
      <c r="F14448" s="2" t="s">
        <v>7449</v>
      </c>
      <c r="G14448" s="8">
        <v>227</v>
      </c>
      <c r="H14448" s="5">
        <v>6</v>
      </c>
      <c r="I14448" s="5" t="s">
        <v>1518</v>
      </c>
      <c r="J14448" s="5" t="s">
        <v>40939</v>
      </c>
      <c r="K14448" s="2" t="s">
        <v>40940</v>
      </c>
      <c r="L14448" s="5" t="s">
        <v>40939</v>
      </c>
      <c r="M14448" s="2" t="s">
        <v>40940</v>
      </c>
      <c r="N14448" s="5" t="s">
        <v>36266</v>
      </c>
      <c r="O14448" s="5" t="s">
        <v>38</v>
      </c>
      <c r="P14448" s="5" t="s">
        <v>39</v>
      </c>
      <c r="Q14448" s="5" t="s">
        <v>40</v>
      </c>
      <c r="R14448" s="5" t="s">
        <v>1522</v>
      </c>
      <c r="S14448" s="5" t="s">
        <v>1523</v>
      </c>
      <c r="T14448" s="5" t="s">
        <v>42</v>
      </c>
      <c r="U14448" s="2">
        <v>1.8380000000000001</v>
      </c>
      <c r="V14448" s="2">
        <v>1.22</v>
      </c>
      <c r="W14448" s="2">
        <v>0.02</v>
      </c>
      <c r="X14448" s="2">
        <v>159.1</v>
      </c>
      <c r="Y14448" s="2">
        <v>7.6</v>
      </c>
      <c r="Z14448" s="2">
        <v>16.7</v>
      </c>
      <c r="AA14448" s="5"/>
      <c r="AB14448" s="5" t="s">
        <v>43</v>
      </c>
      <c r="AC14448" s="5" t="s">
        <v>44</v>
      </c>
      <c r="AD14448" s="2"/>
      <c r="AE14448" s="1"/>
    </row>
    <row r="14449" spans="1:31" ht="14.45">
      <c r="A14449" s="11"/>
      <c r="B14449" s="20"/>
      <c r="C14449" s="2" t="s">
        <v>44298</v>
      </c>
      <c r="D14449" s="14" t="s">
        <v>44299</v>
      </c>
      <c r="E14449" s="2" t="s">
        <v>44300</v>
      </c>
      <c r="F14449" s="2" t="s">
        <v>7581</v>
      </c>
      <c r="G14449" s="8">
        <v>227</v>
      </c>
      <c r="H14449" s="5">
        <v>6</v>
      </c>
      <c r="I14449" s="5" t="s">
        <v>1518</v>
      </c>
      <c r="J14449" s="5" t="s">
        <v>40939</v>
      </c>
      <c r="K14449" s="2" t="s">
        <v>40940</v>
      </c>
      <c r="L14449" s="5" t="s">
        <v>40939</v>
      </c>
      <c r="M14449" s="2" t="s">
        <v>40940</v>
      </c>
      <c r="N14449" s="5" t="s">
        <v>36266</v>
      </c>
      <c r="O14449" s="5" t="s">
        <v>38</v>
      </c>
      <c r="P14449" s="5" t="s">
        <v>39</v>
      </c>
      <c r="Q14449" s="5" t="s">
        <v>40</v>
      </c>
      <c r="R14449" s="5" t="s">
        <v>1522</v>
      </c>
      <c r="S14449" s="5" t="s">
        <v>1523</v>
      </c>
      <c r="T14449" s="5" t="s">
        <v>42</v>
      </c>
      <c r="U14449" s="2">
        <v>1.8520000000000001</v>
      </c>
      <c r="V14449" s="2">
        <v>1.234</v>
      </c>
      <c r="W14449" s="2">
        <v>0.02</v>
      </c>
      <c r="X14449" s="2">
        <v>159.1</v>
      </c>
      <c r="Y14449" s="2">
        <v>7.6</v>
      </c>
      <c r="Z14449" s="2">
        <v>16.7</v>
      </c>
      <c r="AA14449" s="5"/>
      <c r="AB14449" s="5" t="s">
        <v>43</v>
      </c>
      <c r="AC14449" s="5" t="s">
        <v>44</v>
      </c>
      <c r="AD14449" s="2"/>
      <c r="AE14449" s="1"/>
    </row>
    <row r="14450" spans="1:31" ht="14.45">
      <c r="A14450" s="11"/>
      <c r="B14450" s="20"/>
      <c r="C14450" s="2" t="s">
        <v>44301</v>
      </c>
      <c r="D14450" s="14" t="s">
        <v>44302</v>
      </c>
      <c r="E14450" s="2" t="s">
        <v>44303</v>
      </c>
      <c r="F14450" s="2" t="s">
        <v>41045</v>
      </c>
      <c r="G14450" s="8">
        <v>227</v>
      </c>
      <c r="H14450" s="5">
        <v>6</v>
      </c>
      <c r="I14450" s="5" t="s">
        <v>1518</v>
      </c>
      <c r="J14450" s="5" t="s">
        <v>40939</v>
      </c>
      <c r="K14450" s="2" t="s">
        <v>40940</v>
      </c>
      <c r="L14450" s="5" t="s">
        <v>40939</v>
      </c>
      <c r="M14450" s="2" t="s">
        <v>40940</v>
      </c>
      <c r="N14450" s="5" t="s">
        <v>36266</v>
      </c>
      <c r="O14450" s="5" t="s">
        <v>38</v>
      </c>
      <c r="P14450" s="5" t="s">
        <v>39</v>
      </c>
      <c r="Q14450" s="5" t="s">
        <v>40</v>
      </c>
      <c r="R14450" s="5" t="s">
        <v>1522</v>
      </c>
      <c r="S14450" s="5" t="s">
        <v>1523</v>
      </c>
      <c r="T14450" s="5" t="s">
        <v>42</v>
      </c>
      <c r="U14450" s="2">
        <v>1.93</v>
      </c>
      <c r="V14450" s="2">
        <v>1.3120000000000001</v>
      </c>
      <c r="W14450" s="2">
        <v>0.02</v>
      </c>
      <c r="X14450" s="2">
        <v>159.1</v>
      </c>
      <c r="Y14450" s="2">
        <v>7.6</v>
      </c>
      <c r="Z14450" s="2">
        <v>16.7</v>
      </c>
      <c r="AA14450" s="5"/>
      <c r="AB14450" s="5" t="s">
        <v>43</v>
      </c>
      <c r="AC14450" s="5" t="s">
        <v>44</v>
      </c>
      <c r="AD14450" s="2"/>
      <c r="AE14450" s="1"/>
    </row>
    <row r="14451" spans="1:31" ht="14.45">
      <c r="A14451" s="11"/>
      <c r="B14451" s="20"/>
      <c r="C14451" s="2" t="s">
        <v>44304</v>
      </c>
      <c r="D14451" s="14" t="s">
        <v>44305</v>
      </c>
      <c r="E14451" s="2" t="s">
        <v>44306</v>
      </c>
      <c r="F14451" s="2" t="s">
        <v>41049</v>
      </c>
      <c r="G14451" s="8">
        <v>227</v>
      </c>
      <c r="H14451" s="5">
        <v>6</v>
      </c>
      <c r="I14451" s="5" t="s">
        <v>1518</v>
      </c>
      <c r="J14451" s="5" t="s">
        <v>40939</v>
      </c>
      <c r="K14451" s="2" t="s">
        <v>40940</v>
      </c>
      <c r="L14451" s="5" t="s">
        <v>40939</v>
      </c>
      <c r="M14451" s="2" t="s">
        <v>40940</v>
      </c>
      <c r="N14451" s="5" t="s">
        <v>36266</v>
      </c>
      <c r="O14451" s="5" t="s">
        <v>38</v>
      </c>
      <c r="P14451" s="5" t="s">
        <v>39</v>
      </c>
      <c r="Q14451" s="5" t="s">
        <v>40</v>
      </c>
      <c r="R14451" s="5" t="s">
        <v>1522</v>
      </c>
      <c r="S14451" s="5" t="s">
        <v>1523</v>
      </c>
      <c r="T14451" s="5" t="s">
        <v>42</v>
      </c>
      <c r="U14451" s="2">
        <v>1.944</v>
      </c>
      <c r="V14451" s="2">
        <v>1.3260000000000001</v>
      </c>
      <c r="W14451" s="2">
        <v>0.02</v>
      </c>
      <c r="X14451" s="2">
        <v>159.1</v>
      </c>
      <c r="Y14451" s="2">
        <v>7.6</v>
      </c>
      <c r="Z14451" s="2">
        <v>16.7</v>
      </c>
      <c r="AA14451" s="5"/>
      <c r="AB14451" s="5" t="s">
        <v>43</v>
      </c>
      <c r="AC14451" s="5" t="s">
        <v>44</v>
      </c>
      <c r="AD14451" s="2"/>
      <c r="AE14451" s="1"/>
    </row>
    <row r="14452" spans="1:31" ht="14.45">
      <c r="A14452" s="11"/>
      <c r="B14452" s="20"/>
      <c r="C14452" s="2" t="s">
        <v>44307</v>
      </c>
      <c r="D14452" s="14" t="s">
        <v>44308</v>
      </c>
      <c r="E14452" s="2" t="s">
        <v>44309</v>
      </c>
      <c r="F14452" s="2" t="s">
        <v>7204</v>
      </c>
      <c r="G14452" s="8">
        <v>175</v>
      </c>
      <c r="H14452" s="5">
        <v>6</v>
      </c>
      <c r="I14452" s="5" t="s">
        <v>1518</v>
      </c>
      <c r="J14452" s="5" t="s">
        <v>40939</v>
      </c>
      <c r="K14452" s="2" t="s">
        <v>40940</v>
      </c>
      <c r="L14452" s="5" t="s">
        <v>40939</v>
      </c>
      <c r="M14452" s="2" t="s">
        <v>40940</v>
      </c>
      <c r="N14452" s="5" t="s">
        <v>36266</v>
      </c>
      <c r="O14452" s="5" t="s">
        <v>38</v>
      </c>
      <c r="P14452" s="5" t="s">
        <v>39</v>
      </c>
      <c r="Q14452" s="5" t="s">
        <v>40</v>
      </c>
      <c r="R14452" s="5" t="s">
        <v>1522</v>
      </c>
      <c r="S14452" s="5" t="s">
        <v>1523</v>
      </c>
      <c r="T14452" s="5" t="s">
        <v>42</v>
      </c>
      <c r="U14452" s="2">
        <v>1.619</v>
      </c>
      <c r="V14452" s="2">
        <v>1.107</v>
      </c>
      <c r="W14452" s="2">
        <v>1.7999999999999999E-2</v>
      </c>
      <c r="X14452" s="2">
        <v>139.1</v>
      </c>
      <c r="Y14452" s="2">
        <v>7.6</v>
      </c>
      <c r="Z14452" s="2">
        <v>16.7</v>
      </c>
      <c r="AA14452" s="5"/>
      <c r="AB14452" s="5" t="s">
        <v>43</v>
      </c>
      <c r="AC14452" s="5" t="s">
        <v>44</v>
      </c>
      <c r="AD14452" s="2"/>
      <c r="AE14452" s="1"/>
    </row>
    <row r="14453" spans="1:31" ht="14.45">
      <c r="A14453" s="11"/>
      <c r="B14453" s="20"/>
      <c r="C14453" s="2" t="s">
        <v>44310</v>
      </c>
      <c r="D14453" s="14" t="s">
        <v>44311</v>
      </c>
      <c r="E14453" s="2" t="s">
        <v>44312</v>
      </c>
      <c r="F14453" s="2" t="s">
        <v>7514</v>
      </c>
      <c r="G14453" s="8">
        <v>175</v>
      </c>
      <c r="H14453" s="5">
        <v>6</v>
      </c>
      <c r="I14453" s="5" t="s">
        <v>1518</v>
      </c>
      <c r="J14453" s="5" t="s">
        <v>40939</v>
      </c>
      <c r="K14453" s="2" t="s">
        <v>40940</v>
      </c>
      <c r="L14453" s="5" t="s">
        <v>40939</v>
      </c>
      <c r="M14453" s="2" t="s">
        <v>40940</v>
      </c>
      <c r="N14453" s="5" t="s">
        <v>36266</v>
      </c>
      <c r="O14453" s="5" t="s">
        <v>38</v>
      </c>
      <c r="P14453" s="5" t="s">
        <v>39</v>
      </c>
      <c r="Q14453" s="5" t="s">
        <v>40</v>
      </c>
      <c r="R14453" s="5" t="s">
        <v>1522</v>
      </c>
      <c r="S14453" s="5" t="s">
        <v>1523</v>
      </c>
      <c r="T14453" s="5" t="s">
        <v>42</v>
      </c>
      <c r="U14453" s="2">
        <v>1.6419999999999999</v>
      </c>
      <c r="V14453" s="2">
        <v>1.1299999999999999</v>
      </c>
      <c r="W14453" s="2">
        <v>1.7999999999999999E-2</v>
      </c>
      <c r="X14453" s="2">
        <v>139.1</v>
      </c>
      <c r="Y14453" s="2">
        <v>7.6</v>
      </c>
      <c r="Z14453" s="2">
        <v>16.7</v>
      </c>
      <c r="AA14453" s="5"/>
      <c r="AB14453" s="5" t="s">
        <v>43</v>
      </c>
      <c r="AC14453" s="5" t="s">
        <v>44</v>
      </c>
      <c r="AD14453" s="2"/>
      <c r="AE14453" s="1"/>
    </row>
    <row r="14454" spans="1:31" ht="14.45">
      <c r="A14454" s="11"/>
      <c r="B14454" s="20"/>
      <c r="C14454" s="2" t="s">
        <v>44313</v>
      </c>
      <c r="D14454" s="14" t="s">
        <v>44314</v>
      </c>
      <c r="E14454" s="2" t="s">
        <v>44315</v>
      </c>
      <c r="F14454" s="2" t="s">
        <v>40947</v>
      </c>
      <c r="G14454" s="8">
        <v>201</v>
      </c>
      <c r="H14454" s="5">
        <v>6</v>
      </c>
      <c r="I14454" s="5" t="s">
        <v>1518</v>
      </c>
      <c r="J14454" s="5" t="s">
        <v>40939</v>
      </c>
      <c r="K14454" s="2" t="s">
        <v>40940</v>
      </c>
      <c r="L14454" s="5" t="s">
        <v>40939</v>
      </c>
      <c r="M14454" s="2" t="s">
        <v>40940</v>
      </c>
      <c r="N14454" s="5" t="s">
        <v>36266</v>
      </c>
      <c r="O14454" s="5" t="s">
        <v>38</v>
      </c>
      <c r="P14454" s="5" t="s">
        <v>39</v>
      </c>
      <c r="Q14454" s="5" t="s">
        <v>40</v>
      </c>
      <c r="R14454" s="5" t="s">
        <v>1522</v>
      </c>
      <c r="S14454" s="5" t="s">
        <v>1523</v>
      </c>
      <c r="T14454" s="5" t="s">
        <v>42</v>
      </c>
      <c r="U14454" s="2">
        <v>1.641</v>
      </c>
      <c r="V14454" s="2">
        <v>1.129</v>
      </c>
      <c r="W14454" s="2">
        <v>1.7999999999999999E-2</v>
      </c>
      <c r="X14454" s="2">
        <v>139.1</v>
      </c>
      <c r="Y14454" s="2">
        <v>7.6</v>
      </c>
      <c r="Z14454" s="2">
        <v>16.7</v>
      </c>
      <c r="AA14454" s="5"/>
      <c r="AB14454" s="5" t="s">
        <v>43</v>
      </c>
      <c r="AC14454" s="5" t="s">
        <v>44</v>
      </c>
      <c r="AD14454" s="2"/>
      <c r="AE14454" s="1"/>
    </row>
    <row r="14455" spans="1:31" ht="14.45">
      <c r="A14455" s="11"/>
      <c r="B14455" s="20"/>
      <c r="C14455" s="2" t="s">
        <v>44316</v>
      </c>
      <c r="D14455" s="14" t="s">
        <v>44317</v>
      </c>
      <c r="E14455" s="2" t="s">
        <v>44318</v>
      </c>
      <c r="F14455" s="2" t="s">
        <v>40951</v>
      </c>
      <c r="G14455" s="8">
        <v>201</v>
      </c>
      <c r="H14455" s="5">
        <v>6</v>
      </c>
      <c r="I14455" s="5" t="s">
        <v>1518</v>
      </c>
      <c r="J14455" s="5" t="s">
        <v>40939</v>
      </c>
      <c r="K14455" s="2" t="s">
        <v>40940</v>
      </c>
      <c r="L14455" s="5" t="s">
        <v>40939</v>
      </c>
      <c r="M14455" s="2" t="s">
        <v>40940</v>
      </c>
      <c r="N14455" s="5" t="s">
        <v>36266</v>
      </c>
      <c r="O14455" s="5" t="s">
        <v>38</v>
      </c>
      <c r="P14455" s="5" t="s">
        <v>39</v>
      </c>
      <c r="Q14455" s="5" t="s">
        <v>40</v>
      </c>
      <c r="R14455" s="5" t="s">
        <v>1522</v>
      </c>
      <c r="S14455" s="5" t="s">
        <v>1523</v>
      </c>
      <c r="T14455" s="5" t="s">
        <v>42</v>
      </c>
      <c r="U14455" s="2">
        <v>1.6639999999999999</v>
      </c>
      <c r="V14455" s="2">
        <v>1.1519999999999999</v>
      </c>
      <c r="W14455" s="2">
        <v>1.7999999999999999E-2</v>
      </c>
      <c r="X14455" s="2">
        <v>139.1</v>
      </c>
      <c r="Y14455" s="2">
        <v>7.6</v>
      </c>
      <c r="Z14455" s="2">
        <v>16.7</v>
      </c>
      <c r="AA14455" s="5"/>
      <c r="AB14455" s="5" t="s">
        <v>43</v>
      </c>
      <c r="AC14455" s="5" t="s">
        <v>44</v>
      </c>
      <c r="AD14455" s="2"/>
      <c r="AE14455" s="1"/>
    </row>
    <row r="14456" spans="1:31" ht="14.45">
      <c r="A14456" s="11"/>
      <c r="B14456" s="20"/>
      <c r="C14456" s="2" t="s">
        <v>44319</v>
      </c>
      <c r="D14456" s="14" t="s">
        <v>44320</v>
      </c>
      <c r="E14456" s="2" t="s">
        <v>44321</v>
      </c>
      <c r="F14456" s="2" t="s">
        <v>7208</v>
      </c>
      <c r="G14456" s="8">
        <v>175</v>
      </c>
      <c r="H14456" s="5">
        <v>6</v>
      </c>
      <c r="I14456" s="5" t="s">
        <v>1518</v>
      </c>
      <c r="J14456" s="5" t="s">
        <v>40939</v>
      </c>
      <c r="K14456" s="2" t="s">
        <v>40940</v>
      </c>
      <c r="L14456" s="5" t="s">
        <v>40939</v>
      </c>
      <c r="M14456" s="2" t="s">
        <v>40940</v>
      </c>
      <c r="N14456" s="5" t="s">
        <v>36266</v>
      </c>
      <c r="O14456" s="5" t="s">
        <v>38</v>
      </c>
      <c r="P14456" s="5" t="s">
        <v>39</v>
      </c>
      <c r="Q14456" s="5" t="s">
        <v>40</v>
      </c>
      <c r="R14456" s="5" t="s">
        <v>1522</v>
      </c>
      <c r="S14456" s="5" t="s">
        <v>1523</v>
      </c>
      <c r="T14456" s="5" t="s">
        <v>42</v>
      </c>
      <c r="U14456" s="2">
        <v>1.6519999999999999</v>
      </c>
      <c r="V14456" s="2">
        <v>1.1399999999999999</v>
      </c>
      <c r="W14456" s="2">
        <v>1.7999999999999999E-2</v>
      </c>
      <c r="X14456" s="2">
        <v>139.1</v>
      </c>
      <c r="Y14456" s="2">
        <v>7.6</v>
      </c>
      <c r="Z14456" s="2">
        <v>16.7</v>
      </c>
      <c r="AA14456" s="5"/>
      <c r="AB14456" s="5" t="s">
        <v>43</v>
      </c>
      <c r="AC14456" s="5" t="s">
        <v>44</v>
      </c>
      <c r="AD14456" s="2"/>
      <c r="AE14456" s="1"/>
    </row>
    <row r="14457" spans="1:31" ht="14.45">
      <c r="A14457" s="11"/>
      <c r="B14457" s="20"/>
      <c r="C14457" s="2" t="s">
        <v>44322</v>
      </c>
      <c r="D14457" s="14" t="s">
        <v>44323</v>
      </c>
      <c r="E14457" s="2" t="s">
        <v>44324</v>
      </c>
      <c r="F14457" s="2" t="s">
        <v>7521</v>
      </c>
      <c r="G14457" s="8">
        <v>175</v>
      </c>
      <c r="H14457" s="5">
        <v>6</v>
      </c>
      <c r="I14457" s="5" t="s">
        <v>1518</v>
      </c>
      <c r="J14457" s="5" t="s">
        <v>40939</v>
      </c>
      <c r="K14457" s="2" t="s">
        <v>40940</v>
      </c>
      <c r="L14457" s="5" t="s">
        <v>40939</v>
      </c>
      <c r="M14457" s="2" t="s">
        <v>40940</v>
      </c>
      <c r="N14457" s="5" t="s">
        <v>36266</v>
      </c>
      <c r="O14457" s="5" t="s">
        <v>38</v>
      </c>
      <c r="P14457" s="5" t="s">
        <v>39</v>
      </c>
      <c r="Q14457" s="5" t="s">
        <v>40</v>
      </c>
      <c r="R14457" s="5" t="s">
        <v>1522</v>
      </c>
      <c r="S14457" s="5" t="s">
        <v>1523</v>
      </c>
      <c r="T14457" s="5" t="s">
        <v>42</v>
      </c>
      <c r="U14457" s="2">
        <v>1.675</v>
      </c>
      <c r="V14457" s="2">
        <v>1.163</v>
      </c>
      <c r="W14457" s="2">
        <v>1.7999999999999999E-2</v>
      </c>
      <c r="X14457" s="2">
        <v>139.1</v>
      </c>
      <c r="Y14457" s="2">
        <v>7.6</v>
      </c>
      <c r="Z14457" s="2">
        <v>16.7</v>
      </c>
      <c r="AA14457" s="5"/>
      <c r="AB14457" s="5" t="s">
        <v>43</v>
      </c>
      <c r="AC14457" s="5" t="s">
        <v>44</v>
      </c>
      <c r="AD14457" s="2"/>
      <c r="AE14457" s="1"/>
    </row>
    <row r="14458" spans="1:31" ht="14.45">
      <c r="A14458" s="11"/>
      <c r="B14458" s="20"/>
      <c r="C14458" s="2" t="s">
        <v>44325</v>
      </c>
      <c r="D14458" s="14" t="s">
        <v>44326</v>
      </c>
      <c r="E14458" s="2" t="s">
        <v>44327</v>
      </c>
      <c r="F14458" s="2" t="s">
        <v>36273</v>
      </c>
      <c r="G14458" s="8">
        <v>175</v>
      </c>
      <c r="H14458" s="5">
        <v>6</v>
      </c>
      <c r="I14458" s="5" t="s">
        <v>1518</v>
      </c>
      <c r="J14458" s="5" t="s">
        <v>40939</v>
      </c>
      <c r="K14458" s="2" t="s">
        <v>40940</v>
      </c>
      <c r="L14458" s="5" t="s">
        <v>40939</v>
      </c>
      <c r="M14458" s="2" t="s">
        <v>40940</v>
      </c>
      <c r="N14458" s="5" t="s">
        <v>36266</v>
      </c>
      <c r="O14458" s="5" t="s">
        <v>38</v>
      </c>
      <c r="P14458" s="5" t="s">
        <v>39</v>
      </c>
      <c r="Q14458" s="5" t="s">
        <v>40</v>
      </c>
      <c r="R14458" s="5" t="s">
        <v>1522</v>
      </c>
      <c r="S14458" s="5" t="s">
        <v>1523</v>
      </c>
      <c r="T14458" s="5" t="s">
        <v>42</v>
      </c>
      <c r="U14458" s="2">
        <v>1.6739999999999999</v>
      </c>
      <c r="V14458" s="2">
        <v>1.1619999999999999</v>
      </c>
      <c r="W14458" s="2">
        <v>1.7999999999999999E-2</v>
      </c>
      <c r="X14458" s="2">
        <v>139.1</v>
      </c>
      <c r="Y14458" s="2">
        <v>7.6</v>
      </c>
      <c r="Z14458" s="2">
        <v>16.7</v>
      </c>
      <c r="AA14458" s="5"/>
      <c r="AB14458" s="5" t="s">
        <v>43</v>
      </c>
      <c r="AC14458" s="5" t="s">
        <v>44</v>
      </c>
      <c r="AD14458" s="2"/>
      <c r="AE14458" s="1"/>
    </row>
    <row r="14459" spans="1:31" ht="14.45">
      <c r="A14459" s="11"/>
      <c r="B14459" s="20"/>
      <c r="C14459" s="2" t="s">
        <v>44328</v>
      </c>
      <c r="D14459" s="14" t="s">
        <v>44329</v>
      </c>
      <c r="E14459" s="2" t="s">
        <v>44330</v>
      </c>
      <c r="F14459" s="2" t="s">
        <v>36277</v>
      </c>
      <c r="G14459" s="8">
        <v>175</v>
      </c>
      <c r="H14459" s="5">
        <v>6</v>
      </c>
      <c r="I14459" s="5" t="s">
        <v>1518</v>
      </c>
      <c r="J14459" s="5" t="s">
        <v>40939</v>
      </c>
      <c r="K14459" s="2" t="s">
        <v>40940</v>
      </c>
      <c r="L14459" s="5" t="s">
        <v>40939</v>
      </c>
      <c r="M14459" s="2" t="s">
        <v>40940</v>
      </c>
      <c r="N14459" s="5" t="s">
        <v>36266</v>
      </c>
      <c r="O14459" s="5" t="s">
        <v>38</v>
      </c>
      <c r="P14459" s="5" t="s">
        <v>39</v>
      </c>
      <c r="Q14459" s="5" t="s">
        <v>40</v>
      </c>
      <c r="R14459" s="5" t="s">
        <v>1522</v>
      </c>
      <c r="S14459" s="5" t="s">
        <v>1523</v>
      </c>
      <c r="T14459" s="5" t="s">
        <v>42</v>
      </c>
      <c r="U14459" s="2">
        <v>1.6970000000000001</v>
      </c>
      <c r="V14459" s="2">
        <v>1.1850000000000001</v>
      </c>
      <c r="W14459" s="2">
        <v>1.7999999999999999E-2</v>
      </c>
      <c r="X14459" s="2">
        <v>139.1</v>
      </c>
      <c r="Y14459" s="2">
        <v>7.6</v>
      </c>
      <c r="Z14459" s="2">
        <v>16.7</v>
      </c>
      <c r="AA14459" s="5"/>
      <c r="AB14459" s="5" t="s">
        <v>43</v>
      </c>
      <c r="AC14459" s="5" t="s">
        <v>44</v>
      </c>
      <c r="AD14459" s="2"/>
      <c r="AE14459" s="1"/>
    </row>
    <row r="14460" spans="1:31" ht="14.45">
      <c r="A14460" s="11"/>
      <c r="B14460" s="20"/>
      <c r="C14460" s="2" t="s">
        <v>44331</v>
      </c>
      <c r="D14460" s="14" t="s">
        <v>44332</v>
      </c>
      <c r="E14460" s="2" t="s">
        <v>44333</v>
      </c>
      <c r="F14460" s="2" t="s">
        <v>40967</v>
      </c>
      <c r="G14460" s="8">
        <v>201</v>
      </c>
      <c r="H14460" s="5">
        <v>6</v>
      </c>
      <c r="I14460" s="5" t="s">
        <v>1518</v>
      </c>
      <c r="J14460" s="5" t="s">
        <v>40939</v>
      </c>
      <c r="K14460" s="2" t="s">
        <v>40940</v>
      </c>
      <c r="L14460" s="5" t="s">
        <v>40939</v>
      </c>
      <c r="M14460" s="2" t="s">
        <v>40940</v>
      </c>
      <c r="N14460" s="5" t="s">
        <v>36266</v>
      </c>
      <c r="O14460" s="5" t="s">
        <v>38</v>
      </c>
      <c r="P14460" s="5" t="s">
        <v>39</v>
      </c>
      <c r="Q14460" s="5" t="s">
        <v>40</v>
      </c>
      <c r="R14460" s="5" t="s">
        <v>1522</v>
      </c>
      <c r="S14460" s="5" t="s">
        <v>1523</v>
      </c>
      <c r="T14460" s="5" t="s">
        <v>42</v>
      </c>
      <c r="U14460" s="2">
        <v>1.6519999999999999</v>
      </c>
      <c r="V14460" s="2">
        <v>1.1399999999999999</v>
      </c>
      <c r="W14460" s="2">
        <v>1.7999999999999999E-2</v>
      </c>
      <c r="X14460" s="2">
        <v>139.1</v>
      </c>
      <c r="Y14460" s="2">
        <v>7.6</v>
      </c>
      <c r="Z14460" s="2">
        <v>16.7</v>
      </c>
      <c r="AA14460" s="5"/>
      <c r="AB14460" s="5" t="s">
        <v>43</v>
      </c>
      <c r="AC14460" s="5" t="s">
        <v>44</v>
      </c>
      <c r="AD14460" s="2"/>
      <c r="AE14460" s="1"/>
    </row>
    <row r="14461" spans="1:31" ht="14.45">
      <c r="A14461" s="11"/>
      <c r="B14461" s="20"/>
      <c r="C14461" s="2" t="s">
        <v>44334</v>
      </c>
      <c r="D14461" s="14" t="s">
        <v>44335</v>
      </c>
      <c r="E14461" s="2" t="s">
        <v>44336</v>
      </c>
      <c r="F14461" s="2" t="s">
        <v>40971</v>
      </c>
      <c r="G14461" s="8">
        <v>201</v>
      </c>
      <c r="H14461" s="5">
        <v>6</v>
      </c>
      <c r="I14461" s="5" t="s">
        <v>1518</v>
      </c>
      <c r="J14461" s="5" t="s">
        <v>40939</v>
      </c>
      <c r="K14461" s="2" t="s">
        <v>40940</v>
      </c>
      <c r="L14461" s="5" t="s">
        <v>40939</v>
      </c>
      <c r="M14461" s="2" t="s">
        <v>40940</v>
      </c>
      <c r="N14461" s="5" t="s">
        <v>36266</v>
      </c>
      <c r="O14461" s="5" t="s">
        <v>38</v>
      </c>
      <c r="P14461" s="5" t="s">
        <v>39</v>
      </c>
      <c r="Q14461" s="5" t="s">
        <v>40</v>
      </c>
      <c r="R14461" s="5" t="s">
        <v>1522</v>
      </c>
      <c r="S14461" s="5" t="s">
        <v>1523</v>
      </c>
      <c r="T14461" s="5" t="s">
        <v>42</v>
      </c>
      <c r="U14461" s="2">
        <v>1.675</v>
      </c>
      <c r="V14461" s="2">
        <v>1.163</v>
      </c>
      <c r="W14461" s="2">
        <v>1.7999999999999999E-2</v>
      </c>
      <c r="X14461" s="2">
        <v>139.1</v>
      </c>
      <c r="Y14461" s="2">
        <v>7.6</v>
      </c>
      <c r="Z14461" s="2">
        <v>16.7</v>
      </c>
      <c r="AA14461" s="5"/>
      <c r="AB14461" s="5" t="s">
        <v>43</v>
      </c>
      <c r="AC14461" s="5" t="s">
        <v>44</v>
      </c>
      <c r="AD14461" s="2"/>
      <c r="AE14461" s="1"/>
    </row>
    <row r="14462" spans="1:31" ht="14.45">
      <c r="A14462" s="11"/>
      <c r="B14462" s="20"/>
      <c r="C14462" s="2" t="s">
        <v>44337</v>
      </c>
      <c r="D14462" s="14" t="s">
        <v>44338</v>
      </c>
      <c r="E14462" s="2" t="s">
        <v>44339</v>
      </c>
      <c r="F14462" s="2" t="s">
        <v>40975</v>
      </c>
      <c r="G14462" s="8">
        <v>201</v>
      </c>
      <c r="H14462" s="5">
        <v>6</v>
      </c>
      <c r="I14462" s="5" t="s">
        <v>1518</v>
      </c>
      <c r="J14462" s="5" t="s">
        <v>40939</v>
      </c>
      <c r="K14462" s="2" t="s">
        <v>40940</v>
      </c>
      <c r="L14462" s="5" t="s">
        <v>40939</v>
      </c>
      <c r="M14462" s="2" t="s">
        <v>40940</v>
      </c>
      <c r="N14462" s="5" t="s">
        <v>36266</v>
      </c>
      <c r="O14462" s="5" t="s">
        <v>38</v>
      </c>
      <c r="P14462" s="5" t="s">
        <v>39</v>
      </c>
      <c r="Q14462" s="5" t="s">
        <v>40</v>
      </c>
      <c r="R14462" s="5" t="s">
        <v>1522</v>
      </c>
      <c r="S14462" s="5" t="s">
        <v>1523</v>
      </c>
      <c r="T14462" s="5" t="s">
        <v>42</v>
      </c>
      <c r="U14462" s="2">
        <v>1.6519999999999999</v>
      </c>
      <c r="V14462" s="2">
        <v>1.1399999999999999</v>
      </c>
      <c r="W14462" s="2">
        <v>1.7999999999999999E-2</v>
      </c>
      <c r="X14462" s="2">
        <v>139.1</v>
      </c>
      <c r="Y14462" s="2">
        <v>7.6</v>
      </c>
      <c r="Z14462" s="2">
        <v>16.7</v>
      </c>
      <c r="AA14462" s="5"/>
      <c r="AB14462" s="5" t="s">
        <v>43</v>
      </c>
      <c r="AC14462" s="5" t="s">
        <v>44</v>
      </c>
      <c r="AD14462" s="2"/>
      <c r="AE14462" s="1"/>
    </row>
    <row r="14463" spans="1:31" ht="14.45">
      <c r="A14463" s="11"/>
      <c r="B14463" s="20"/>
      <c r="C14463" s="2" t="s">
        <v>44340</v>
      </c>
      <c r="D14463" s="14" t="s">
        <v>44341</v>
      </c>
      <c r="E14463" s="2" t="s">
        <v>44342</v>
      </c>
      <c r="F14463" s="2" t="s">
        <v>40979</v>
      </c>
      <c r="G14463" s="8">
        <v>201</v>
      </c>
      <c r="H14463" s="5">
        <v>6</v>
      </c>
      <c r="I14463" s="5" t="s">
        <v>1518</v>
      </c>
      <c r="J14463" s="5" t="s">
        <v>40939</v>
      </c>
      <c r="K14463" s="2" t="s">
        <v>40940</v>
      </c>
      <c r="L14463" s="5" t="s">
        <v>40939</v>
      </c>
      <c r="M14463" s="2" t="s">
        <v>40940</v>
      </c>
      <c r="N14463" s="5" t="s">
        <v>36266</v>
      </c>
      <c r="O14463" s="5" t="s">
        <v>38</v>
      </c>
      <c r="P14463" s="5" t="s">
        <v>39</v>
      </c>
      <c r="Q14463" s="5" t="s">
        <v>40</v>
      </c>
      <c r="R14463" s="5" t="s">
        <v>1522</v>
      </c>
      <c r="S14463" s="5" t="s">
        <v>1523</v>
      </c>
      <c r="T14463" s="5" t="s">
        <v>42</v>
      </c>
      <c r="U14463" s="2">
        <v>1.675</v>
      </c>
      <c r="V14463" s="2">
        <v>1.163</v>
      </c>
      <c r="W14463" s="2">
        <v>1.7999999999999999E-2</v>
      </c>
      <c r="X14463" s="2">
        <v>139.1</v>
      </c>
      <c r="Y14463" s="2">
        <v>7.6</v>
      </c>
      <c r="Z14463" s="2">
        <v>16.7</v>
      </c>
      <c r="AA14463" s="5"/>
      <c r="AB14463" s="5" t="s">
        <v>43</v>
      </c>
      <c r="AC14463" s="5" t="s">
        <v>44</v>
      </c>
      <c r="AD14463" s="2"/>
      <c r="AE14463" s="1"/>
    </row>
    <row r="14464" spans="1:31" ht="14.45">
      <c r="A14464" s="11"/>
      <c r="B14464" s="20"/>
      <c r="C14464" s="2" t="s">
        <v>44343</v>
      </c>
      <c r="D14464" s="14" t="s">
        <v>44344</v>
      </c>
      <c r="E14464" s="2" t="s">
        <v>44345</v>
      </c>
      <c r="F14464" s="2" t="s">
        <v>7539</v>
      </c>
      <c r="G14464" s="8">
        <v>201</v>
      </c>
      <c r="H14464" s="5">
        <v>6</v>
      </c>
      <c r="I14464" s="5" t="s">
        <v>1518</v>
      </c>
      <c r="J14464" s="5" t="s">
        <v>40939</v>
      </c>
      <c r="K14464" s="2" t="s">
        <v>40940</v>
      </c>
      <c r="L14464" s="5" t="s">
        <v>40939</v>
      </c>
      <c r="M14464" s="2" t="s">
        <v>40940</v>
      </c>
      <c r="N14464" s="5" t="s">
        <v>36266</v>
      </c>
      <c r="O14464" s="5" t="s">
        <v>38</v>
      </c>
      <c r="P14464" s="5" t="s">
        <v>39</v>
      </c>
      <c r="Q14464" s="5" t="s">
        <v>40</v>
      </c>
      <c r="R14464" s="5" t="s">
        <v>1522</v>
      </c>
      <c r="S14464" s="5" t="s">
        <v>1523</v>
      </c>
      <c r="T14464" s="5" t="s">
        <v>42</v>
      </c>
      <c r="U14464" s="2">
        <v>1.597</v>
      </c>
      <c r="V14464" s="2">
        <v>1.085</v>
      </c>
      <c r="W14464" s="2">
        <v>1.7999999999999999E-2</v>
      </c>
      <c r="X14464" s="2">
        <v>139.1</v>
      </c>
      <c r="Y14464" s="2">
        <v>7.6</v>
      </c>
      <c r="Z14464" s="2">
        <v>16.7</v>
      </c>
      <c r="AA14464" s="5"/>
      <c r="AB14464" s="5" t="s">
        <v>43</v>
      </c>
      <c r="AC14464" s="5" t="s">
        <v>44</v>
      </c>
      <c r="AD14464" s="2"/>
      <c r="AE14464" s="1"/>
    </row>
    <row r="14465" spans="1:31" ht="14.45">
      <c r="A14465" s="11"/>
      <c r="B14465" s="20"/>
      <c r="C14465" s="2" t="s">
        <v>44346</v>
      </c>
      <c r="D14465" s="14" t="s">
        <v>44347</v>
      </c>
      <c r="E14465" s="2" t="s">
        <v>44348</v>
      </c>
      <c r="F14465" s="2" t="s">
        <v>7543</v>
      </c>
      <c r="G14465" s="8">
        <v>201</v>
      </c>
      <c r="H14465" s="5">
        <v>6</v>
      </c>
      <c r="I14465" s="5" t="s">
        <v>1518</v>
      </c>
      <c r="J14465" s="5" t="s">
        <v>40939</v>
      </c>
      <c r="K14465" s="2" t="s">
        <v>40940</v>
      </c>
      <c r="L14465" s="5" t="s">
        <v>40939</v>
      </c>
      <c r="M14465" s="2" t="s">
        <v>40940</v>
      </c>
      <c r="N14465" s="5" t="s">
        <v>36266</v>
      </c>
      <c r="O14465" s="5" t="s">
        <v>38</v>
      </c>
      <c r="P14465" s="5" t="s">
        <v>39</v>
      </c>
      <c r="Q14465" s="5" t="s">
        <v>40</v>
      </c>
      <c r="R14465" s="5" t="s">
        <v>1522</v>
      </c>
      <c r="S14465" s="5" t="s">
        <v>1523</v>
      </c>
      <c r="T14465" s="5" t="s">
        <v>42</v>
      </c>
      <c r="U14465" s="2">
        <v>1.62</v>
      </c>
      <c r="V14465" s="2">
        <v>1.1080000000000001</v>
      </c>
      <c r="W14465" s="2">
        <v>1.7999999999999999E-2</v>
      </c>
      <c r="X14465" s="2">
        <v>139.1</v>
      </c>
      <c r="Y14465" s="2">
        <v>7.6</v>
      </c>
      <c r="Z14465" s="2">
        <v>16.7</v>
      </c>
      <c r="AA14465" s="5"/>
      <c r="AB14465" s="5" t="s">
        <v>43</v>
      </c>
      <c r="AC14465" s="5" t="s">
        <v>44</v>
      </c>
      <c r="AD14465" s="2"/>
      <c r="AE14465" s="1"/>
    </row>
    <row r="14466" spans="1:31" ht="14.45">
      <c r="A14466" s="11"/>
      <c r="B14466" s="20"/>
      <c r="C14466" s="2" t="s">
        <v>44349</v>
      </c>
      <c r="D14466" s="14" t="s">
        <v>44350</v>
      </c>
      <c r="E14466" s="2" t="s">
        <v>44351</v>
      </c>
      <c r="F14466" s="2" t="s">
        <v>40989</v>
      </c>
      <c r="G14466" s="8">
        <v>201</v>
      </c>
      <c r="H14466" s="5">
        <v>6</v>
      </c>
      <c r="I14466" s="5" t="s">
        <v>1518</v>
      </c>
      <c r="J14466" s="5" t="s">
        <v>40939</v>
      </c>
      <c r="K14466" s="2" t="s">
        <v>40940</v>
      </c>
      <c r="L14466" s="5" t="s">
        <v>40939</v>
      </c>
      <c r="M14466" s="2" t="s">
        <v>40940</v>
      </c>
      <c r="N14466" s="5" t="s">
        <v>36266</v>
      </c>
      <c r="O14466" s="5" t="s">
        <v>38</v>
      </c>
      <c r="P14466" s="5" t="s">
        <v>39</v>
      </c>
      <c r="Q14466" s="5" t="s">
        <v>40</v>
      </c>
      <c r="R14466" s="5" t="s">
        <v>1522</v>
      </c>
      <c r="S14466" s="5" t="s">
        <v>1523</v>
      </c>
      <c r="T14466" s="5" t="s">
        <v>42</v>
      </c>
      <c r="U14466" s="2">
        <v>1.6519999999999999</v>
      </c>
      <c r="V14466" s="2">
        <v>1.1399999999999999</v>
      </c>
      <c r="W14466" s="2">
        <v>1.7999999999999999E-2</v>
      </c>
      <c r="X14466" s="2">
        <v>139.1</v>
      </c>
      <c r="Y14466" s="2">
        <v>7.6</v>
      </c>
      <c r="Z14466" s="2">
        <v>16.7</v>
      </c>
      <c r="AA14466" s="5"/>
      <c r="AB14466" s="5" t="s">
        <v>43</v>
      </c>
      <c r="AC14466" s="5" t="s">
        <v>44</v>
      </c>
      <c r="AD14466" s="2"/>
      <c r="AE14466" s="1"/>
    </row>
    <row r="14467" spans="1:31" ht="14.45">
      <c r="A14467" s="11"/>
      <c r="B14467" s="20"/>
      <c r="C14467" s="2" t="s">
        <v>44352</v>
      </c>
      <c r="D14467" s="14" t="s">
        <v>44353</v>
      </c>
      <c r="E14467" s="2" t="s">
        <v>44354</v>
      </c>
      <c r="F14467" s="2" t="s">
        <v>40993</v>
      </c>
      <c r="G14467" s="8">
        <v>201</v>
      </c>
      <c r="H14467" s="5">
        <v>6</v>
      </c>
      <c r="I14467" s="5" t="s">
        <v>1518</v>
      </c>
      <c r="J14467" s="5" t="s">
        <v>40939</v>
      </c>
      <c r="K14467" s="2" t="s">
        <v>40940</v>
      </c>
      <c r="L14467" s="5" t="s">
        <v>40939</v>
      </c>
      <c r="M14467" s="2" t="s">
        <v>40940</v>
      </c>
      <c r="N14467" s="5" t="s">
        <v>36266</v>
      </c>
      <c r="O14467" s="5" t="s">
        <v>38</v>
      </c>
      <c r="P14467" s="5" t="s">
        <v>39</v>
      </c>
      <c r="Q14467" s="5" t="s">
        <v>40</v>
      </c>
      <c r="R14467" s="5" t="s">
        <v>1522</v>
      </c>
      <c r="S14467" s="5" t="s">
        <v>1523</v>
      </c>
      <c r="T14467" s="5" t="s">
        <v>42</v>
      </c>
      <c r="U14467" s="2">
        <v>1.675</v>
      </c>
      <c r="V14467" s="2">
        <v>1.163</v>
      </c>
      <c r="W14467" s="2">
        <v>1.7999999999999999E-2</v>
      </c>
      <c r="X14467" s="2">
        <v>139.1</v>
      </c>
      <c r="Y14467" s="2">
        <v>7.6</v>
      </c>
      <c r="Z14467" s="2">
        <v>16.7</v>
      </c>
      <c r="AA14467" s="5"/>
      <c r="AB14467" s="5" t="s">
        <v>43</v>
      </c>
      <c r="AC14467" s="5" t="s">
        <v>44</v>
      </c>
      <c r="AD14467" s="2"/>
      <c r="AE14467" s="1"/>
    </row>
    <row r="14468" spans="1:31" ht="14.45">
      <c r="A14468" s="11"/>
      <c r="B14468" s="20"/>
      <c r="C14468" s="2" t="s">
        <v>44355</v>
      </c>
      <c r="D14468" s="14" t="s">
        <v>44356</v>
      </c>
      <c r="E14468" s="2" t="s">
        <v>44357</v>
      </c>
      <c r="F14468" s="2" t="s">
        <v>40997</v>
      </c>
      <c r="G14468" s="8">
        <v>201</v>
      </c>
      <c r="H14468" s="5">
        <v>6</v>
      </c>
      <c r="I14468" s="5" t="s">
        <v>1518</v>
      </c>
      <c r="J14468" s="5" t="s">
        <v>40939</v>
      </c>
      <c r="K14468" s="2" t="s">
        <v>40940</v>
      </c>
      <c r="L14468" s="5" t="s">
        <v>40939</v>
      </c>
      <c r="M14468" s="2" t="s">
        <v>40940</v>
      </c>
      <c r="N14468" s="5" t="s">
        <v>36266</v>
      </c>
      <c r="O14468" s="5" t="s">
        <v>38</v>
      </c>
      <c r="P14468" s="5" t="s">
        <v>39</v>
      </c>
      <c r="Q14468" s="5" t="s">
        <v>40</v>
      </c>
      <c r="R14468" s="5" t="s">
        <v>1522</v>
      </c>
      <c r="S14468" s="5" t="s">
        <v>1523</v>
      </c>
      <c r="T14468" s="5" t="s">
        <v>42</v>
      </c>
      <c r="U14468" s="2">
        <v>1.6080000000000001</v>
      </c>
      <c r="V14468" s="2">
        <v>1.0960000000000001</v>
      </c>
      <c r="W14468" s="2">
        <v>1.7999999999999999E-2</v>
      </c>
      <c r="X14468" s="2">
        <v>139.1</v>
      </c>
      <c r="Y14468" s="2">
        <v>7.6</v>
      </c>
      <c r="Z14468" s="2">
        <v>16.7</v>
      </c>
      <c r="AA14468" s="5"/>
      <c r="AB14468" s="5" t="s">
        <v>43</v>
      </c>
      <c r="AC14468" s="5" t="s">
        <v>44</v>
      </c>
      <c r="AD14468" s="2"/>
      <c r="AE14468" s="1"/>
    </row>
    <row r="14469" spans="1:31" ht="14.45">
      <c r="A14469" s="11"/>
      <c r="B14469" s="20"/>
      <c r="C14469" s="2" t="s">
        <v>44358</v>
      </c>
      <c r="D14469" s="14" t="s">
        <v>44359</v>
      </c>
      <c r="E14469" s="2" t="s">
        <v>44360</v>
      </c>
      <c r="F14469" s="2" t="s">
        <v>41267</v>
      </c>
      <c r="G14469" s="8">
        <v>201</v>
      </c>
      <c r="H14469" s="5">
        <v>6</v>
      </c>
      <c r="I14469" s="5" t="s">
        <v>1518</v>
      </c>
      <c r="J14469" s="5" t="s">
        <v>40939</v>
      </c>
      <c r="K14469" s="2" t="s">
        <v>40940</v>
      </c>
      <c r="L14469" s="5" t="s">
        <v>40939</v>
      </c>
      <c r="M14469" s="2" t="s">
        <v>40940</v>
      </c>
      <c r="N14469" s="5" t="s">
        <v>36266</v>
      </c>
      <c r="O14469" s="5" t="s">
        <v>38</v>
      </c>
      <c r="P14469" s="5" t="s">
        <v>39</v>
      </c>
      <c r="Q14469" s="5" t="s">
        <v>40</v>
      </c>
      <c r="R14469" s="5" t="s">
        <v>1522</v>
      </c>
      <c r="S14469" s="5" t="s">
        <v>1523</v>
      </c>
      <c r="T14469" s="5" t="s">
        <v>42</v>
      </c>
      <c r="U14469" s="2">
        <v>1.631</v>
      </c>
      <c r="V14469" s="2">
        <v>1.119</v>
      </c>
      <c r="W14469" s="2">
        <v>1.7999999999999999E-2</v>
      </c>
      <c r="X14469" s="2">
        <v>139.1</v>
      </c>
      <c r="Y14469" s="2">
        <v>7.6</v>
      </c>
      <c r="Z14469" s="2">
        <v>16.7</v>
      </c>
      <c r="AA14469" s="5"/>
      <c r="AB14469" s="5" t="s">
        <v>43</v>
      </c>
      <c r="AC14469" s="5" t="s">
        <v>44</v>
      </c>
      <c r="AD14469" s="2"/>
      <c r="AE14469" s="1"/>
    </row>
    <row r="14470" spans="1:31" ht="14.45">
      <c r="A14470" s="11"/>
      <c r="B14470" s="20"/>
      <c r="C14470" s="2" t="s">
        <v>44361</v>
      </c>
      <c r="D14470" s="14" t="s">
        <v>44362</v>
      </c>
      <c r="E14470" s="2" t="s">
        <v>44363</v>
      </c>
      <c r="F14470" s="2" t="s">
        <v>41001</v>
      </c>
      <c r="G14470" s="8">
        <v>201</v>
      </c>
      <c r="H14470" s="5">
        <v>6</v>
      </c>
      <c r="I14470" s="5" t="s">
        <v>1518</v>
      </c>
      <c r="J14470" s="5" t="s">
        <v>40939</v>
      </c>
      <c r="K14470" s="2" t="s">
        <v>40940</v>
      </c>
      <c r="L14470" s="5" t="s">
        <v>40939</v>
      </c>
      <c r="M14470" s="2" t="s">
        <v>40940</v>
      </c>
      <c r="N14470" s="5" t="s">
        <v>36266</v>
      </c>
      <c r="O14470" s="5" t="s">
        <v>38</v>
      </c>
      <c r="P14470" s="5" t="s">
        <v>39</v>
      </c>
      <c r="Q14470" s="5" t="s">
        <v>40</v>
      </c>
      <c r="R14470" s="5" t="s">
        <v>1522</v>
      </c>
      <c r="S14470" s="5" t="s">
        <v>1523</v>
      </c>
      <c r="T14470" s="5" t="s">
        <v>42</v>
      </c>
      <c r="U14470" s="2">
        <v>1.6519999999999999</v>
      </c>
      <c r="V14470" s="2">
        <v>1.1399999999999999</v>
      </c>
      <c r="W14470" s="2">
        <v>1.7999999999999999E-2</v>
      </c>
      <c r="X14470" s="2">
        <v>139.1</v>
      </c>
      <c r="Y14470" s="2">
        <v>7.6</v>
      </c>
      <c r="Z14470" s="2">
        <v>16.7</v>
      </c>
      <c r="AA14470" s="5"/>
      <c r="AB14470" s="5" t="s">
        <v>43</v>
      </c>
      <c r="AC14470" s="5" t="s">
        <v>44</v>
      </c>
      <c r="AD14470" s="2"/>
      <c r="AE14470" s="1"/>
    </row>
    <row r="14471" spans="1:31" ht="14.45">
      <c r="A14471" s="11"/>
      <c r="B14471" s="20"/>
      <c r="C14471" s="2" t="s">
        <v>44364</v>
      </c>
      <c r="D14471" s="14" t="s">
        <v>44365</v>
      </c>
      <c r="E14471" s="2" t="s">
        <v>44366</v>
      </c>
      <c r="F14471" s="2" t="s">
        <v>41005</v>
      </c>
      <c r="G14471" s="8">
        <v>201</v>
      </c>
      <c r="H14471" s="5">
        <v>6</v>
      </c>
      <c r="I14471" s="5" t="s">
        <v>1518</v>
      </c>
      <c r="J14471" s="5" t="s">
        <v>40939</v>
      </c>
      <c r="K14471" s="2" t="s">
        <v>40940</v>
      </c>
      <c r="L14471" s="5" t="s">
        <v>40939</v>
      </c>
      <c r="M14471" s="2" t="s">
        <v>40940</v>
      </c>
      <c r="N14471" s="5" t="s">
        <v>36266</v>
      </c>
      <c r="O14471" s="5" t="s">
        <v>38</v>
      </c>
      <c r="P14471" s="5" t="s">
        <v>39</v>
      </c>
      <c r="Q14471" s="5" t="s">
        <v>40</v>
      </c>
      <c r="R14471" s="5" t="s">
        <v>1522</v>
      </c>
      <c r="S14471" s="5" t="s">
        <v>1523</v>
      </c>
      <c r="T14471" s="5" t="s">
        <v>42</v>
      </c>
      <c r="U14471" s="2">
        <v>1.675</v>
      </c>
      <c r="V14471" s="2">
        <v>1.163</v>
      </c>
      <c r="W14471" s="2">
        <v>1.7999999999999999E-2</v>
      </c>
      <c r="X14471" s="2">
        <v>139.1</v>
      </c>
      <c r="Y14471" s="2">
        <v>7.6</v>
      </c>
      <c r="Z14471" s="2">
        <v>16.7</v>
      </c>
      <c r="AA14471" s="5"/>
      <c r="AB14471" s="5" t="s">
        <v>43</v>
      </c>
      <c r="AC14471" s="5" t="s">
        <v>44</v>
      </c>
      <c r="AD14471" s="2"/>
      <c r="AE14471" s="1"/>
    </row>
    <row r="14472" spans="1:31" ht="14.45">
      <c r="A14472" s="11"/>
      <c r="B14472" s="20"/>
      <c r="C14472" s="2" t="s">
        <v>44367</v>
      </c>
      <c r="D14472" s="14" t="s">
        <v>44368</v>
      </c>
      <c r="E14472" s="2" t="s">
        <v>44369</v>
      </c>
      <c r="F14472" s="2" t="s">
        <v>41009</v>
      </c>
      <c r="G14472" s="8">
        <v>201</v>
      </c>
      <c r="H14472" s="5">
        <v>6</v>
      </c>
      <c r="I14472" s="5" t="s">
        <v>1518</v>
      </c>
      <c r="J14472" s="5" t="s">
        <v>40939</v>
      </c>
      <c r="K14472" s="2" t="s">
        <v>40940</v>
      </c>
      <c r="L14472" s="5" t="s">
        <v>40939</v>
      </c>
      <c r="M14472" s="2" t="s">
        <v>40940</v>
      </c>
      <c r="N14472" s="5" t="s">
        <v>36266</v>
      </c>
      <c r="O14472" s="5" t="s">
        <v>38</v>
      </c>
      <c r="P14472" s="5" t="s">
        <v>39</v>
      </c>
      <c r="Q14472" s="5" t="s">
        <v>40</v>
      </c>
      <c r="R14472" s="5" t="s">
        <v>1522</v>
      </c>
      <c r="S14472" s="5" t="s">
        <v>1523</v>
      </c>
      <c r="T14472" s="5" t="s">
        <v>42</v>
      </c>
      <c r="U14472" s="2">
        <v>1.663</v>
      </c>
      <c r="V14472" s="2">
        <v>1.151</v>
      </c>
      <c r="W14472" s="2">
        <v>1.7999999999999999E-2</v>
      </c>
      <c r="X14472" s="2">
        <v>139.1</v>
      </c>
      <c r="Y14472" s="2">
        <v>7.6</v>
      </c>
      <c r="Z14472" s="2">
        <v>16.7</v>
      </c>
      <c r="AA14472" s="5"/>
      <c r="AB14472" s="5" t="s">
        <v>43</v>
      </c>
      <c r="AC14472" s="5" t="s">
        <v>44</v>
      </c>
      <c r="AD14472" s="2"/>
      <c r="AE14472" s="1"/>
    </row>
    <row r="14473" spans="1:31" ht="14.45">
      <c r="A14473" s="11"/>
      <c r="B14473" s="20"/>
      <c r="C14473" s="2" t="s">
        <v>44370</v>
      </c>
      <c r="D14473" s="14" t="s">
        <v>44371</v>
      </c>
      <c r="E14473" s="2" t="s">
        <v>44372</v>
      </c>
      <c r="F14473" s="2" t="s">
        <v>41013</v>
      </c>
      <c r="G14473" s="8">
        <v>201</v>
      </c>
      <c r="H14473" s="5">
        <v>6</v>
      </c>
      <c r="I14473" s="5" t="s">
        <v>1518</v>
      </c>
      <c r="J14473" s="5" t="s">
        <v>40939</v>
      </c>
      <c r="K14473" s="2" t="s">
        <v>40940</v>
      </c>
      <c r="L14473" s="5" t="s">
        <v>40939</v>
      </c>
      <c r="M14473" s="2" t="s">
        <v>40940</v>
      </c>
      <c r="N14473" s="5" t="s">
        <v>36266</v>
      </c>
      <c r="O14473" s="5" t="s">
        <v>38</v>
      </c>
      <c r="P14473" s="5" t="s">
        <v>39</v>
      </c>
      <c r="Q14473" s="5" t="s">
        <v>40</v>
      </c>
      <c r="R14473" s="5" t="s">
        <v>1522</v>
      </c>
      <c r="S14473" s="5" t="s">
        <v>1523</v>
      </c>
      <c r="T14473" s="5" t="s">
        <v>42</v>
      </c>
      <c r="U14473" s="2">
        <v>1.6859999999999999</v>
      </c>
      <c r="V14473" s="2">
        <v>1.1739999999999999</v>
      </c>
      <c r="W14473" s="2">
        <v>1.7999999999999999E-2</v>
      </c>
      <c r="X14473" s="2">
        <v>139.1</v>
      </c>
      <c r="Y14473" s="2">
        <v>7.6</v>
      </c>
      <c r="Z14473" s="2">
        <v>16.7</v>
      </c>
      <c r="AA14473" s="5"/>
      <c r="AB14473" s="5" t="s">
        <v>43</v>
      </c>
      <c r="AC14473" s="5" t="s">
        <v>44</v>
      </c>
      <c r="AD14473" s="2"/>
      <c r="AE14473" s="1"/>
    </row>
    <row r="14474" spans="1:31" ht="14.45">
      <c r="A14474" s="11"/>
      <c r="B14474" s="20"/>
      <c r="C14474" s="2" t="s">
        <v>44373</v>
      </c>
      <c r="D14474" s="14" t="s">
        <v>44374</v>
      </c>
      <c r="E14474" s="2" t="s">
        <v>44375</v>
      </c>
      <c r="F14474" s="2" t="s">
        <v>7396</v>
      </c>
      <c r="G14474" s="8">
        <v>175</v>
      </c>
      <c r="H14474" s="5">
        <v>6</v>
      </c>
      <c r="I14474" s="5" t="s">
        <v>1518</v>
      </c>
      <c r="J14474" s="5" t="s">
        <v>40939</v>
      </c>
      <c r="K14474" s="2" t="s">
        <v>40940</v>
      </c>
      <c r="L14474" s="5" t="s">
        <v>40939</v>
      </c>
      <c r="M14474" s="2" t="s">
        <v>40940</v>
      </c>
      <c r="N14474" s="5" t="s">
        <v>36266</v>
      </c>
      <c r="O14474" s="5" t="s">
        <v>38</v>
      </c>
      <c r="P14474" s="5" t="s">
        <v>39</v>
      </c>
      <c r="Q14474" s="5" t="s">
        <v>40</v>
      </c>
      <c r="R14474" s="5" t="s">
        <v>1522</v>
      </c>
      <c r="S14474" s="5" t="s">
        <v>1523</v>
      </c>
      <c r="T14474" s="5" t="s">
        <v>42</v>
      </c>
      <c r="U14474" s="2">
        <v>1.663</v>
      </c>
      <c r="V14474" s="2">
        <v>1.151</v>
      </c>
      <c r="W14474" s="2">
        <v>1.7999999999999999E-2</v>
      </c>
      <c r="X14474" s="2">
        <v>139.1</v>
      </c>
      <c r="Y14474" s="2">
        <v>7.6</v>
      </c>
      <c r="Z14474" s="2">
        <v>16.7</v>
      </c>
      <c r="AA14474" s="5"/>
      <c r="AB14474" s="5" t="s">
        <v>43</v>
      </c>
      <c r="AC14474" s="5" t="s">
        <v>44</v>
      </c>
      <c r="AD14474" s="2"/>
      <c r="AE14474" s="1"/>
    </row>
    <row r="14475" spans="1:31" ht="14.45">
      <c r="A14475" s="11"/>
      <c r="B14475" s="20"/>
      <c r="C14475" s="2" t="s">
        <v>44376</v>
      </c>
      <c r="D14475" s="14" t="s">
        <v>44377</v>
      </c>
      <c r="E14475" s="2" t="s">
        <v>44378</v>
      </c>
      <c r="F14475" s="2" t="s">
        <v>7507</v>
      </c>
      <c r="G14475" s="8">
        <v>175</v>
      </c>
      <c r="H14475" s="5">
        <v>6</v>
      </c>
      <c r="I14475" s="5" t="s">
        <v>1518</v>
      </c>
      <c r="J14475" s="5" t="s">
        <v>40939</v>
      </c>
      <c r="K14475" s="2" t="s">
        <v>40940</v>
      </c>
      <c r="L14475" s="5" t="s">
        <v>40939</v>
      </c>
      <c r="M14475" s="2" t="s">
        <v>40940</v>
      </c>
      <c r="N14475" s="5" t="s">
        <v>36266</v>
      </c>
      <c r="O14475" s="5" t="s">
        <v>38</v>
      </c>
      <c r="P14475" s="5" t="s">
        <v>39</v>
      </c>
      <c r="Q14475" s="5" t="s">
        <v>40</v>
      </c>
      <c r="R14475" s="5" t="s">
        <v>1522</v>
      </c>
      <c r="S14475" s="5" t="s">
        <v>1523</v>
      </c>
      <c r="T14475" s="5" t="s">
        <v>42</v>
      </c>
      <c r="U14475" s="2">
        <v>1.6859999999999999</v>
      </c>
      <c r="V14475" s="2">
        <v>1.1739999999999999</v>
      </c>
      <c r="W14475" s="2">
        <v>1.7999999999999999E-2</v>
      </c>
      <c r="X14475" s="2">
        <v>139.1</v>
      </c>
      <c r="Y14475" s="2">
        <v>7.6</v>
      </c>
      <c r="Z14475" s="2">
        <v>16.7</v>
      </c>
      <c r="AA14475" s="5"/>
      <c r="AB14475" s="5" t="s">
        <v>43</v>
      </c>
      <c r="AC14475" s="5" t="s">
        <v>44</v>
      </c>
      <c r="AD14475" s="2"/>
      <c r="AE14475" s="1"/>
    </row>
    <row r="14476" spans="1:31" ht="14.45">
      <c r="A14476" s="11"/>
      <c r="B14476" s="20"/>
      <c r="C14476" s="2" t="s">
        <v>44379</v>
      </c>
      <c r="D14476" s="14" t="s">
        <v>44380</v>
      </c>
      <c r="E14476" s="2" t="s">
        <v>44381</v>
      </c>
      <c r="F14476" s="2" t="s">
        <v>41023</v>
      </c>
      <c r="G14476" s="8">
        <v>201</v>
      </c>
      <c r="H14476" s="5">
        <v>6</v>
      </c>
      <c r="I14476" s="5" t="s">
        <v>1518</v>
      </c>
      <c r="J14476" s="5" t="s">
        <v>40939</v>
      </c>
      <c r="K14476" s="2" t="s">
        <v>40940</v>
      </c>
      <c r="L14476" s="5" t="s">
        <v>40939</v>
      </c>
      <c r="M14476" s="2" t="s">
        <v>40940</v>
      </c>
      <c r="N14476" s="5" t="s">
        <v>36266</v>
      </c>
      <c r="O14476" s="5" t="s">
        <v>38</v>
      </c>
      <c r="P14476" s="5" t="s">
        <v>39</v>
      </c>
      <c r="Q14476" s="5" t="s">
        <v>40</v>
      </c>
      <c r="R14476" s="5" t="s">
        <v>1522</v>
      </c>
      <c r="S14476" s="5" t="s">
        <v>1523</v>
      </c>
      <c r="T14476" s="5" t="s">
        <v>42</v>
      </c>
      <c r="U14476" s="2">
        <v>1.6080000000000001</v>
      </c>
      <c r="V14476" s="2">
        <v>1.0960000000000001</v>
      </c>
      <c r="W14476" s="2">
        <v>1.7999999999999999E-2</v>
      </c>
      <c r="X14476" s="2">
        <v>139.1</v>
      </c>
      <c r="Y14476" s="2">
        <v>7.6</v>
      </c>
      <c r="Z14476" s="2">
        <v>16.7</v>
      </c>
      <c r="AA14476" s="5"/>
      <c r="AB14476" s="5" t="s">
        <v>43</v>
      </c>
      <c r="AC14476" s="5" t="s">
        <v>44</v>
      </c>
      <c r="AD14476" s="2"/>
      <c r="AE14476" s="1"/>
    </row>
    <row r="14477" spans="1:31" ht="14.45">
      <c r="A14477" s="11"/>
      <c r="B14477" s="20"/>
      <c r="C14477" s="2" t="s">
        <v>44382</v>
      </c>
      <c r="D14477" s="14" t="s">
        <v>44383</v>
      </c>
      <c r="E14477" s="2" t="s">
        <v>44384</v>
      </c>
      <c r="F14477" s="2" t="s">
        <v>41027</v>
      </c>
      <c r="G14477" s="8">
        <v>201</v>
      </c>
      <c r="H14477" s="5">
        <v>6</v>
      </c>
      <c r="I14477" s="5" t="s">
        <v>1518</v>
      </c>
      <c r="J14477" s="5" t="s">
        <v>40939</v>
      </c>
      <c r="K14477" s="2" t="s">
        <v>40940</v>
      </c>
      <c r="L14477" s="5" t="s">
        <v>40939</v>
      </c>
      <c r="M14477" s="2" t="s">
        <v>40940</v>
      </c>
      <c r="N14477" s="5" t="s">
        <v>36266</v>
      </c>
      <c r="O14477" s="5" t="s">
        <v>38</v>
      </c>
      <c r="P14477" s="5" t="s">
        <v>39</v>
      </c>
      <c r="Q14477" s="5" t="s">
        <v>40</v>
      </c>
      <c r="R14477" s="5" t="s">
        <v>1522</v>
      </c>
      <c r="S14477" s="5" t="s">
        <v>1523</v>
      </c>
      <c r="T14477" s="5" t="s">
        <v>42</v>
      </c>
      <c r="U14477" s="2">
        <v>1.631</v>
      </c>
      <c r="V14477" s="2">
        <v>1.119</v>
      </c>
      <c r="W14477" s="2">
        <v>1.7999999999999999E-2</v>
      </c>
      <c r="X14477" s="2">
        <v>139.1</v>
      </c>
      <c r="Y14477" s="2">
        <v>7.6</v>
      </c>
      <c r="Z14477" s="2">
        <v>16.7</v>
      </c>
      <c r="AA14477" s="5"/>
      <c r="AB14477" s="5" t="s">
        <v>43</v>
      </c>
      <c r="AC14477" s="5" t="s">
        <v>44</v>
      </c>
      <c r="AD14477" s="2"/>
      <c r="AE14477" s="1"/>
    </row>
    <row r="14478" spans="1:31" ht="14.45">
      <c r="A14478" s="11"/>
      <c r="B14478" s="20"/>
      <c r="C14478" s="2" t="s">
        <v>44385</v>
      </c>
      <c r="D14478" s="14" t="s">
        <v>44386</v>
      </c>
      <c r="E14478" s="2" t="s">
        <v>44387</v>
      </c>
      <c r="F14478" s="2" t="s">
        <v>41031</v>
      </c>
      <c r="G14478" s="8">
        <v>201</v>
      </c>
      <c r="H14478" s="5">
        <v>6</v>
      </c>
      <c r="I14478" s="5" t="s">
        <v>1518</v>
      </c>
      <c r="J14478" s="5" t="s">
        <v>40939</v>
      </c>
      <c r="K14478" s="2" t="s">
        <v>40940</v>
      </c>
      <c r="L14478" s="5" t="s">
        <v>40939</v>
      </c>
      <c r="M14478" s="2" t="s">
        <v>40940</v>
      </c>
      <c r="N14478" s="5" t="s">
        <v>36266</v>
      </c>
      <c r="O14478" s="5" t="s">
        <v>38</v>
      </c>
      <c r="P14478" s="5" t="s">
        <v>39</v>
      </c>
      <c r="Q14478" s="5" t="s">
        <v>40</v>
      </c>
      <c r="R14478" s="5" t="s">
        <v>1522</v>
      </c>
      <c r="S14478" s="5" t="s">
        <v>1523</v>
      </c>
      <c r="T14478" s="5" t="s">
        <v>42</v>
      </c>
      <c r="U14478" s="2">
        <v>1.6080000000000001</v>
      </c>
      <c r="V14478" s="2">
        <v>1.0960000000000001</v>
      </c>
      <c r="W14478" s="2">
        <v>1.7999999999999999E-2</v>
      </c>
      <c r="X14478" s="2">
        <v>139.1</v>
      </c>
      <c r="Y14478" s="2">
        <v>7.6</v>
      </c>
      <c r="Z14478" s="2">
        <v>16.7</v>
      </c>
      <c r="AA14478" s="5"/>
      <c r="AB14478" s="5" t="s">
        <v>43</v>
      </c>
      <c r="AC14478" s="5" t="s">
        <v>44</v>
      </c>
      <c r="AD14478" s="2"/>
      <c r="AE14478" s="1"/>
    </row>
    <row r="14479" spans="1:31" ht="14.45">
      <c r="A14479" s="11"/>
      <c r="B14479" s="20"/>
      <c r="C14479" s="2" t="s">
        <v>44388</v>
      </c>
      <c r="D14479" s="14" t="s">
        <v>44389</v>
      </c>
      <c r="E14479" s="2" t="s">
        <v>44390</v>
      </c>
      <c r="F14479" s="2" t="s">
        <v>41035</v>
      </c>
      <c r="G14479" s="8">
        <v>201</v>
      </c>
      <c r="H14479" s="5">
        <v>6</v>
      </c>
      <c r="I14479" s="5" t="s">
        <v>1518</v>
      </c>
      <c r="J14479" s="5" t="s">
        <v>40939</v>
      </c>
      <c r="K14479" s="2" t="s">
        <v>40940</v>
      </c>
      <c r="L14479" s="5" t="s">
        <v>40939</v>
      </c>
      <c r="M14479" s="2" t="s">
        <v>40940</v>
      </c>
      <c r="N14479" s="5" t="s">
        <v>36266</v>
      </c>
      <c r="O14479" s="5" t="s">
        <v>38</v>
      </c>
      <c r="P14479" s="5" t="s">
        <v>39</v>
      </c>
      <c r="Q14479" s="5" t="s">
        <v>40</v>
      </c>
      <c r="R14479" s="5" t="s">
        <v>1522</v>
      </c>
      <c r="S14479" s="5" t="s">
        <v>1523</v>
      </c>
      <c r="T14479" s="5" t="s">
        <v>42</v>
      </c>
      <c r="U14479" s="2">
        <v>1.631</v>
      </c>
      <c r="V14479" s="2">
        <v>1.119</v>
      </c>
      <c r="W14479" s="2">
        <v>1.7999999999999999E-2</v>
      </c>
      <c r="X14479" s="2">
        <v>139.1</v>
      </c>
      <c r="Y14479" s="2">
        <v>7.6</v>
      </c>
      <c r="Z14479" s="2">
        <v>16.7</v>
      </c>
      <c r="AA14479" s="5"/>
      <c r="AB14479" s="5" t="s">
        <v>43</v>
      </c>
      <c r="AC14479" s="5" t="s">
        <v>44</v>
      </c>
      <c r="AD14479" s="2"/>
      <c r="AE14479" s="1"/>
    </row>
    <row r="14480" spans="1:31" ht="14.45">
      <c r="A14480" s="11"/>
      <c r="B14480" s="20"/>
      <c r="C14480" s="2" t="s">
        <v>44391</v>
      </c>
      <c r="D14480" s="14" t="s">
        <v>44392</v>
      </c>
      <c r="E14480" s="2" t="s">
        <v>44393</v>
      </c>
      <c r="F14480" s="2" t="s">
        <v>7449</v>
      </c>
      <c r="G14480" s="8">
        <v>201</v>
      </c>
      <c r="H14480" s="5">
        <v>6</v>
      </c>
      <c r="I14480" s="5" t="s">
        <v>1518</v>
      </c>
      <c r="J14480" s="5" t="s">
        <v>40939</v>
      </c>
      <c r="K14480" s="2" t="s">
        <v>40940</v>
      </c>
      <c r="L14480" s="5" t="s">
        <v>40939</v>
      </c>
      <c r="M14480" s="2" t="s">
        <v>40940</v>
      </c>
      <c r="N14480" s="5" t="s">
        <v>36266</v>
      </c>
      <c r="O14480" s="5" t="s">
        <v>38</v>
      </c>
      <c r="P14480" s="5" t="s">
        <v>39</v>
      </c>
      <c r="Q14480" s="5" t="s">
        <v>40</v>
      </c>
      <c r="R14480" s="5" t="s">
        <v>1522</v>
      </c>
      <c r="S14480" s="5" t="s">
        <v>1523</v>
      </c>
      <c r="T14480" s="5" t="s">
        <v>42</v>
      </c>
      <c r="U14480" s="2">
        <v>1.6080000000000001</v>
      </c>
      <c r="V14480" s="2">
        <v>1.0960000000000001</v>
      </c>
      <c r="W14480" s="2">
        <v>1.7999999999999999E-2</v>
      </c>
      <c r="X14480" s="2">
        <v>139.1</v>
      </c>
      <c r="Y14480" s="2">
        <v>7.6</v>
      </c>
      <c r="Z14480" s="2">
        <v>16.7</v>
      </c>
      <c r="AA14480" s="5"/>
      <c r="AB14480" s="5" t="s">
        <v>43</v>
      </c>
      <c r="AC14480" s="5" t="s">
        <v>44</v>
      </c>
      <c r="AD14480" s="2"/>
      <c r="AE14480" s="1"/>
    </row>
    <row r="14481" spans="1:31" ht="14.45">
      <c r="A14481" s="11"/>
      <c r="B14481" s="20"/>
      <c r="C14481" s="2" t="s">
        <v>44394</v>
      </c>
      <c r="D14481" s="14" t="s">
        <v>44395</v>
      </c>
      <c r="E14481" s="2" t="s">
        <v>44396</v>
      </c>
      <c r="F14481" s="2" t="s">
        <v>7581</v>
      </c>
      <c r="G14481" s="8">
        <v>201</v>
      </c>
      <c r="H14481" s="5">
        <v>6</v>
      </c>
      <c r="I14481" s="5" t="s">
        <v>1518</v>
      </c>
      <c r="J14481" s="5" t="s">
        <v>40939</v>
      </c>
      <c r="K14481" s="2" t="s">
        <v>40940</v>
      </c>
      <c r="L14481" s="5" t="s">
        <v>40939</v>
      </c>
      <c r="M14481" s="2" t="s">
        <v>40940</v>
      </c>
      <c r="N14481" s="5" t="s">
        <v>36266</v>
      </c>
      <c r="O14481" s="5" t="s">
        <v>38</v>
      </c>
      <c r="P14481" s="5" t="s">
        <v>39</v>
      </c>
      <c r="Q14481" s="5" t="s">
        <v>40</v>
      </c>
      <c r="R14481" s="5" t="s">
        <v>1522</v>
      </c>
      <c r="S14481" s="5" t="s">
        <v>1523</v>
      </c>
      <c r="T14481" s="5" t="s">
        <v>42</v>
      </c>
      <c r="U14481" s="2">
        <v>1.631</v>
      </c>
      <c r="V14481" s="2">
        <v>1.119</v>
      </c>
      <c r="W14481" s="2">
        <v>1.7999999999999999E-2</v>
      </c>
      <c r="X14481" s="2">
        <v>139.1</v>
      </c>
      <c r="Y14481" s="2">
        <v>7.6</v>
      </c>
      <c r="Z14481" s="2">
        <v>16.7</v>
      </c>
      <c r="AA14481" s="5"/>
      <c r="AB14481" s="5" t="s">
        <v>43</v>
      </c>
      <c r="AC14481" s="5" t="s">
        <v>44</v>
      </c>
      <c r="AD14481" s="2"/>
      <c r="AE14481" s="1"/>
    </row>
    <row r="14482" spans="1:31" ht="14.45">
      <c r="A14482" s="11"/>
      <c r="B14482" s="20"/>
      <c r="C14482" s="2" t="s">
        <v>44397</v>
      </c>
      <c r="D14482" s="14" t="s">
        <v>44398</v>
      </c>
      <c r="E14482" s="2" t="s">
        <v>44399</v>
      </c>
      <c r="F14482" s="2" t="s">
        <v>41045</v>
      </c>
      <c r="G14482" s="8">
        <v>201</v>
      </c>
      <c r="H14482" s="5">
        <v>6</v>
      </c>
      <c r="I14482" s="5" t="s">
        <v>1518</v>
      </c>
      <c r="J14482" s="5" t="s">
        <v>40939</v>
      </c>
      <c r="K14482" s="2" t="s">
        <v>40940</v>
      </c>
      <c r="L14482" s="5" t="s">
        <v>40939</v>
      </c>
      <c r="M14482" s="2" t="s">
        <v>40940</v>
      </c>
      <c r="N14482" s="5" t="s">
        <v>36266</v>
      </c>
      <c r="O14482" s="5" t="s">
        <v>38</v>
      </c>
      <c r="P14482" s="5" t="s">
        <v>39</v>
      </c>
      <c r="Q14482" s="5" t="s">
        <v>40</v>
      </c>
      <c r="R14482" s="5" t="s">
        <v>1522</v>
      </c>
      <c r="S14482" s="5" t="s">
        <v>1523</v>
      </c>
      <c r="T14482" s="5" t="s">
        <v>42</v>
      </c>
      <c r="U14482" s="2">
        <v>1.6739999999999999</v>
      </c>
      <c r="V14482" s="2">
        <v>1.1619999999999999</v>
      </c>
      <c r="W14482" s="2">
        <v>1.7999999999999999E-2</v>
      </c>
      <c r="X14482" s="2">
        <v>139.1</v>
      </c>
      <c r="Y14482" s="2">
        <v>7.6</v>
      </c>
      <c r="Z14482" s="2">
        <v>16.7</v>
      </c>
      <c r="AA14482" s="5"/>
      <c r="AB14482" s="5" t="s">
        <v>43</v>
      </c>
      <c r="AC14482" s="5" t="s">
        <v>44</v>
      </c>
      <c r="AD14482" s="2"/>
      <c r="AE14482" s="1"/>
    </row>
    <row r="14483" spans="1:31" ht="14.45">
      <c r="A14483" s="11"/>
      <c r="B14483" s="20"/>
      <c r="C14483" s="2" t="s">
        <v>44400</v>
      </c>
      <c r="D14483" s="14" t="s">
        <v>44401</v>
      </c>
      <c r="E14483" s="2" t="s">
        <v>44402</v>
      </c>
      <c r="F14483" s="2" t="s">
        <v>41049</v>
      </c>
      <c r="G14483" s="8">
        <v>201</v>
      </c>
      <c r="H14483" s="5">
        <v>6</v>
      </c>
      <c r="I14483" s="5" t="s">
        <v>1518</v>
      </c>
      <c r="J14483" s="5" t="s">
        <v>40939</v>
      </c>
      <c r="K14483" s="2" t="s">
        <v>40940</v>
      </c>
      <c r="L14483" s="5" t="s">
        <v>40939</v>
      </c>
      <c r="M14483" s="2" t="s">
        <v>40940</v>
      </c>
      <c r="N14483" s="5" t="s">
        <v>36266</v>
      </c>
      <c r="O14483" s="5" t="s">
        <v>38</v>
      </c>
      <c r="P14483" s="5" t="s">
        <v>39</v>
      </c>
      <c r="Q14483" s="5" t="s">
        <v>40</v>
      </c>
      <c r="R14483" s="5" t="s">
        <v>1522</v>
      </c>
      <c r="S14483" s="5" t="s">
        <v>1523</v>
      </c>
      <c r="T14483" s="5" t="s">
        <v>42</v>
      </c>
      <c r="U14483" s="2">
        <v>1.6970000000000001</v>
      </c>
      <c r="V14483" s="2">
        <v>1.1850000000000001</v>
      </c>
      <c r="W14483" s="2">
        <v>1.7999999999999999E-2</v>
      </c>
      <c r="X14483" s="2">
        <v>139.1</v>
      </c>
      <c r="Y14483" s="2">
        <v>7.6</v>
      </c>
      <c r="Z14483" s="2">
        <v>16.7</v>
      </c>
      <c r="AA14483" s="5"/>
      <c r="AB14483" s="5" t="s">
        <v>43</v>
      </c>
      <c r="AC14483" s="5" t="s">
        <v>44</v>
      </c>
      <c r="AD14483" s="2"/>
      <c r="AE14483" s="1"/>
    </row>
    <row r="14484" spans="1:31" ht="14.45">
      <c r="A14484" s="11"/>
      <c r="B14484" s="20"/>
      <c r="C14484" s="2" t="s">
        <v>44403</v>
      </c>
      <c r="D14484" s="14" t="s">
        <v>44404</v>
      </c>
      <c r="E14484" s="2" t="s">
        <v>44405</v>
      </c>
      <c r="F14484" s="2" t="s">
        <v>7204</v>
      </c>
      <c r="G14484" s="8">
        <v>190</v>
      </c>
      <c r="H14484" s="5">
        <v>6</v>
      </c>
      <c r="I14484" s="5" t="s">
        <v>1518</v>
      </c>
      <c r="J14484" s="5" t="s">
        <v>40939</v>
      </c>
      <c r="K14484" s="2" t="s">
        <v>40940</v>
      </c>
      <c r="L14484" s="5" t="s">
        <v>40939</v>
      </c>
      <c r="M14484" s="2" t="s">
        <v>40940</v>
      </c>
      <c r="N14484" s="5" t="s">
        <v>36266</v>
      </c>
      <c r="O14484" s="5" t="s">
        <v>38</v>
      </c>
      <c r="P14484" s="5" t="s">
        <v>39</v>
      </c>
      <c r="Q14484" s="5" t="s">
        <v>40</v>
      </c>
      <c r="R14484" s="5" t="s">
        <v>1522</v>
      </c>
      <c r="S14484" s="5" t="s">
        <v>1523</v>
      </c>
      <c r="T14484" s="5" t="s">
        <v>42</v>
      </c>
      <c r="U14484" s="2">
        <v>1.794</v>
      </c>
      <c r="V14484" s="2">
        <v>1.282</v>
      </c>
      <c r="W14484" s="2">
        <v>1.7999999999999999E-2</v>
      </c>
      <c r="X14484" s="2">
        <v>139.1</v>
      </c>
      <c r="Y14484" s="2">
        <v>7.6</v>
      </c>
      <c r="Z14484" s="2">
        <v>16.7</v>
      </c>
      <c r="AA14484" s="5"/>
      <c r="AB14484" s="5" t="s">
        <v>43</v>
      </c>
      <c r="AC14484" s="5" t="s">
        <v>44</v>
      </c>
      <c r="AD14484" s="2"/>
      <c r="AE14484" s="1"/>
    </row>
    <row r="14485" spans="1:31" ht="14.45">
      <c r="A14485" s="11"/>
      <c r="B14485" s="20"/>
      <c r="C14485" s="2" t="s">
        <v>44406</v>
      </c>
      <c r="D14485" s="14" t="s">
        <v>44407</v>
      </c>
      <c r="E14485" s="2" t="s">
        <v>44408</v>
      </c>
      <c r="F14485" s="2" t="s">
        <v>7514</v>
      </c>
      <c r="G14485" s="8">
        <v>190</v>
      </c>
      <c r="H14485" s="5">
        <v>6</v>
      </c>
      <c r="I14485" s="5" t="s">
        <v>1518</v>
      </c>
      <c r="J14485" s="5" t="s">
        <v>40939</v>
      </c>
      <c r="K14485" s="2" t="s">
        <v>40940</v>
      </c>
      <c r="L14485" s="5" t="s">
        <v>40939</v>
      </c>
      <c r="M14485" s="2" t="s">
        <v>40940</v>
      </c>
      <c r="N14485" s="5" t="s">
        <v>36266</v>
      </c>
      <c r="O14485" s="5" t="s">
        <v>38</v>
      </c>
      <c r="P14485" s="5" t="s">
        <v>39</v>
      </c>
      <c r="Q14485" s="5" t="s">
        <v>40</v>
      </c>
      <c r="R14485" s="5" t="s">
        <v>1522</v>
      </c>
      <c r="S14485" s="5" t="s">
        <v>1523</v>
      </c>
      <c r="T14485" s="5" t="s">
        <v>42</v>
      </c>
      <c r="U14485" s="2">
        <v>1.8160000000000001</v>
      </c>
      <c r="V14485" s="2">
        <v>1.304</v>
      </c>
      <c r="W14485" s="2">
        <v>1.7999999999999999E-2</v>
      </c>
      <c r="X14485" s="2">
        <v>139.1</v>
      </c>
      <c r="Y14485" s="2">
        <v>7.6</v>
      </c>
      <c r="Z14485" s="2">
        <v>16.7</v>
      </c>
      <c r="AA14485" s="5"/>
      <c r="AB14485" s="5" t="s">
        <v>43</v>
      </c>
      <c r="AC14485" s="5" t="s">
        <v>44</v>
      </c>
      <c r="AD14485" s="2"/>
      <c r="AE14485" s="1"/>
    </row>
    <row r="14486" spans="1:31" ht="14.45">
      <c r="A14486" s="11"/>
      <c r="B14486" s="20"/>
      <c r="C14486" s="2" t="s">
        <v>44409</v>
      </c>
      <c r="D14486" s="14" t="s">
        <v>44410</v>
      </c>
      <c r="E14486" s="2" t="s">
        <v>44411</v>
      </c>
      <c r="F14486" s="2" t="s">
        <v>40947</v>
      </c>
      <c r="G14486" s="8">
        <v>219</v>
      </c>
      <c r="H14486" s="5">
        <v>6</v>
      </c>
      <c r="I14486" s="5" t="s">
        <v>1518</v>
      </c>
      <c r="J14486" s="5" t="s">
        <v>40939</v>
      </c>
      <c r="K14486" s="2" t="s">
        <v>40940</v>
      </c>
      <c r="L14486" s="5" t="s">
        <v>40939</v>
      </c>
      <c r="M14486" s="2" t="s">
        <v>40940</v>
      </c>
      <c r="N14486" s="5" t="s">
        <v>36266</v>
      </c>
      <c r="O14486" s="5" t="s">
        <v>38</v>
      </c>
      <c r="P14486" s="5" t="s">
        <v>39</v>
      </c>
      <c r="Q14486" s="5" t="s">
        <v>40</v>
      </c>
      <c r="R14486" s="5" t="s">
        <v>1522</v>
      </c>
      <c r="S14486" s="5" t="s">
        <v>1523</v>
      </c>
      <c r="T14486" s="5" t="s">
        <v>42</v>
      </c>
      <c r="U14486" s="2">
        <v>1.825</v>
      </c>
      <c r="V14486" s="2">
        <v>1.3129999999999999</v>
      </c>
      <c r="W14486" s="2">
        <v>1.7999999999999999E-2</v>
      </c>
      <c r="X14486" s="2">
        <v>139.1</v>
      </c>
      <c r="Y14486" s="2">
        <v>7.6</v>
      </c>
      <c r="Z14486" s="2">
        <v>16.7</v>
      </c>
      <c r="AA14486" s="5"/>
      <c r="AB14486" s="5" t="s">
        <v>43</v>
      </c>
      <c r="AC14486" s="5" t="s">
        <v>44</v>
      </c>
      <c r="AD14486" s="2"/>
      <c r="AE14486" s="1"/>
    </row>
    <row r="14487" spans="1:31" ht="14.45">
      <c r="A14487" s="11"/>
      <c r="B14487" s="20"/>
      <c r="C14487" s="2" t="s">
        <v>44412</v>
      </c>
      <c r="D14487" s="14" t="s">
        <v>44413</v>
      </c>
      <c r="E14487" s="2" t="s">
        <v>44414</v>
      </c>
      <c r="F14487" s="2" t="s">
        <v>40951</v>
      </c>
      <c r="G14487" s="8">
        <v>219</v>
      </c>
      <c r="H14487" s="5">
        <v>6</v>
      </c>
      <c r="I14487" s="5" t="s">
        <v>1518</v>
      </c>
      <c r="J14487" s="5" t="s">
        <v>40939</v>
      </c>
      <c r="K14487" s="2" t="s">
        <v>40940</v>
      </c>
      <c r="L14487" s="5" t="s">
        <v>40939</v>
      </c>
      <c r="M14487" s="2" t="s">
        <v>40940</v>
      </c>
      <c r="N14487" s="5" t="s">
        <v>36266</v>
      </c>
      <c r="O14487" s="5" t="s">
        <v>38</v>
      </c>
      <c r="P14487" s="5" t="s">
        <v>39</v>
      </c>
      <c r="Q14487" s="5" t="s">
        <v>40</v>
      </c>
      <c r="R14487" s="5" t="s">
        <v>1522</v>
      </c>
      <c r="S14487" s="5" t="s">
        <v>1523</v>
      </c>
      <c r="T14487" s="5" t="s">
        <v>42</v>
      </c>
      <c r="U14487" s="2">
        <v>1.847</v>
      </c>
      <c r="V14487" s="2">
        <v>1.335</v>
      </c>
      <c r="W14487" s="2">
        <v>1.7999999999999999E-2</v>
      </c>
      <c r="X14487" s="2">
        <v>139.1</v>
      </c>
      <c r="Y14487" s="2">
        <v>7.6</v>
      </c>
      <c r="Z14487" s="2">
        <v>16.7</v>
      </c>
      <c r="AA14487" s="5"/>
      <c r="AB14487" s="5" t="s">
        <v>43</v>
      </c>
      <c r="AC14487" s="5" t="s">
        <v>44</v>
      </c>
      <c r="AD14487" s="2"/>
      <c r="AE14487" s="1"/>
    </row>
    <row r="14488" spans="1:31" ht="14.45">
      <c r="A14488" s="11"/>
      <c r="B14488" s="20"/>
      <c r="C14488" s="2" t="s">
        <v>44415</v>
      </c>
      <c r="D14488" s="14" t="s">
        <v>44416</v>
      </c>
      <c r="E14488" s="2" t="s">
        <v>44417</v>
      </c>
      <c r="F14488" s="2" t="s">
        <v>7208</v>
      </c>
      <c r="G14488" s="8">
        <v>190</v>
      </c>
      <c r="H14488" s="5">
        <v>6</v>
      </c>
      <c r="I14488" s="5" t="s">
        <v>1518</v>
      </c>
      <c r="J14488" s="5" t="s">
        <v>40939</v>
      </c>
      <c r="K14488" s="2" t="s">
        <v>40940</v>
      </c>
      <c r="L14488" s="5" t="s">
        <v>40939</v>
      </c>
      <c r="M14488" s="2" t="s">
        <v>40940</v>
      </c>
      <c r="N14488" s="5" t="s">
        <v>36266</v>
      </c>
      <c r="O14488" s="5" t="s">
        <v>38</v>
      </c>
      <c r="P14488" s="5" t="s">
        <v>39</v>
      </c>
      <c r="Q14488" s="5" t="s">
        <v>40</v>
      </c>
      <c r="R14488" s="5" t="s">
        <v>1522</v>
      </c>
      <c r="S14488" s="5" t="s">
        <v>1523</v>
      </c>
      <c r="T14488" s="5" t="s">
        <v>42</v>
      </c>
      <c r="U14488" s="2">
        <v>1.841</v>
      </c>
      <c r="V14488" s="2">
        <v>1.329</v>
      </c>
      <c r="W14488" s="2">
        <v>1.7999999999999999E-2</v>
      </c>
      <c r="X14488" s="2">
        <v>139.1</v>
      </c>
      <c r="Y14488" s="2">
        <v>7.6</v>
      </c>
      <c r="Z14488" s="2">
        <v>16.7</v>
      </c>
      <c r="AA14488" s="5"/>
      <c r="AB14488" s="5" t="s">
        <v>43</v>
      </c>
      <c r="AC14488" s="5" t="s">
        <v>44</v>
      </c>
      <c r="AD14488" s="2"/>
      <c r="AE14488" s="1"/>
    </row>
    <row r="14489" spans="1:31" ht="14.45">
      <c r="A14489" s="11"/>
      <c r="B14489" s="20"/>
      <c r="C14489" s="2" t="s">
        <v>44418</v>
      </c>
      <c r="D14489" s="14" t="s">
        <v>44419</v>
      </c>
      <c r="E14489" s="2" t="s">
        <v>44420</v>
      </c>
      <c r="F14489" s="2" t="s">
        <v>7521</v>
      </c>
      <c r="G14489" s="8">
        <v>190</v>
      </c>
      <c r="H14489" s="5">
        <v>6</v>
      </c>
      <c r="I14489" s="5" t="s">
        <v>1518</v>
      </c>
      <c r="J14489" s="5" t="s">
        <v>40939</v>
      </c>
      <c r="K14489" s="2" t="s">
        <v>40940</v>
      </c>
      <c r="L14489" s="5" t="s">
        <v>40939</v>
      </c>
      <c r="M14489" s="2" t="s">
        <v>40940</v>
      </c>
      <c r="N14489" s="5" t="s">
        <v>36266</v>
      </c>
      <c r="O14489" s="5" t="s">
        <v>38</v>
      </c>
      <c r="P14489" s="5" t="s">
        <v>39</v>
      </c>
      <c r="Q14489" s="5" t="s">
        <v>40</v>
      </c>
      <c r="R14489" s="5" t="s">
        <v>1522</v>
      </c>
      <c r="S14489" s="5" t="s">
        <v>1523</v>
      </c>
      <c r="T14489" s="5" t="s">
        <v>42</v>
      </c>
      <c r="U14489" s="2">
        <v>1.863</v>
      </c>
      <c r="V14489" s="2">
        <v>1.351</v>
      </c>
      <c r="W14489" s="2">
        <v>1.7999999999999999E-2</v>
      </c>
      <c r="X14489" s="2">
        <v>139.1</v>
      </c>
      <c r="Y14489" s="2">
        <v>7.6</v>
      </c>
      <c r="Z14489" s="2">
        <v>16.7</v>
      </c>
      <c r="AA14489" s="5"/>
      <c r="AB14489" s="5" t="s">
        <v>43</v>
      </c>
      <c r="AC14489" s="5" t="s">
        <v>44</v>
      </c>
      <c r="AD14489" s="2"/>
      <c r="AE14489" s="1"/>
    </row>
    <row r="14490" spans="1:31" ht="14.45">
      <c r="A14490" s="11"/>
      <c r="B14490" s="20"/>
      <c r="C14490" s="2" t="s">
        <v>44421</v>
      </c>
      <c r="D14490" s="14" t="s">
        <v>44422</v>
      </c>
      <c r="E14490" s="2" t="s">
        <v>44423</v>
      </c>
      <c r="F14490" s="2" t="s">
        <v>36273</v>
      </c>
      <c r="G14490" s="8">
        <v>190</v>
      </c>
      <c r="H14490" s="5">
        <v>6</v>
      </c>
      <c r="I14490" s="5" t="s">
        <v>1518</v>
      </c>
      <c r="J14490" s="5" t="s">
        <v>40939</v>
      </c>
      <c r="K14490" s="2" t="s">
        <v>40940</v>
      </c>
      <c r="L14490" s="5" t="s">
        <v>40939</v>
      </c>
      <c r="M14490" s="2" t="s">
        <v>40940</v>
      </c>
      <c r="N14490" s="5" t="s">
        <v>36266</v>
      </c>
      <c r="O14490" s="5" t="s">
        <v>38</v>
      </c>
      <c r="P14490" s="5" t="s">
        <v>39</v>
      </c>
      <c r="Q14490" s="5" t="s">
        <v>40</v>
      </c>
      <c r="R14490" s="5" t="s">
        <v>1522</v>
      </c>
      <c r="S14490" s="5" t="s">
        <v>1523</v>
      </c>
      <c r="T14490" s="5" t="s">
        <v>42</v>
      </c>
      <c r="U14490" s="2">
        <v>1.8720000000000001</v>
      </c>
      <c r="V14490" s="2">
        <v>1.36</v>
      </c>
      <c r="W14490" s="2">
        <v>1.7999999999999999E-2</v>
      </c>
      <c r="X14490" s="2">
        <v>139.1</v>
      </c>
      <c r="Y14490" s="2">
        <v>7.6</v>
      </c>
      <c r="Z14490" s="2">
        <v>16.7</v>
      </c>
      <c r="AA14490" s="5"/>
      <c r="AB14490" s="5" t="s">
        <v>43</v>
      </c>
      <c r="AC14490" s="5" t="s">
        <v>44</v>
      </c>
      <c r="AD14490" s="2"/>
      <c r="AE14490" s="1"/>
    </row>
    <row r="14491" spans="1:31" ht="14.45">
      <c r="A14491" s="11"/>
      <c r="B14491" s="20"/>
      <c r="C14491" s="2" t="s">
        <v>44424</v>
      </c>
      <c r="D14491" s="14" t="s">
        <v>44425</v>
      </c>
      <c r="E14491" s="2" t="s">
        <v>44426</v>
      </c>
      <c r="F14491" s="2" t="s">
        <v>36277</v>
      </c>
      <c r="G14491" s="8">
        <v>190</v>
      </c>
      <c r="H14491" s="5">
        <v>6</v>
      </c>
      <c r="I14491" s="5" t="s">
        <v>1518</v>
      </c>
      <c r="J14491" s="5" t="s">
        <v>40939</v>
      </c>
      <c r="K14491" s="2" t="s">
        <v>40940</v>
      </c>
      <c r="L14491" s="5" t="s">
        <v>40939</v>
      </c>
      <c r="M14491" s="2" t="s">
        <v>40940</v>
      </c>
      <c r="N14491" s="5" t="s">
        <v>36266</v>
      </c>
      <c r="O14491" s="5" t="s">
        <v>38</v>
      </c>
      <c r="P14491" s="5" t="s">
        <v>39</v>
      </c>
      <c r="Q14491" s="5" t="s">
        <v>40</v>
      </c>
      <c r="R14491" s="5" t="s">
        <v>1522</v>
      </c>
      <c r="S14491" s="5" t="s">
        <v>1523</v>
      </c>
      <c r="T14491" s="5" t="s">
        <v>42</v>
      </c>
      <c r="U14491" s="2">
        <v>1.8939999999999999</v>
      </c>
      <c r="V14491" s="2">
        <v>1.3819999999999999</v>
      </c>
      <c r="W14491" s="2">
        <v>1.7999999999999999E-2</v>
      </c>
      <c r="X14491" s="2">
        <v>139.1</v>
      </c>
      <c r="Y14491" s="2">
        <v>7.6</v>
      </c>
      <c r="Z14491" s="2">
        <v>16.7</v>
      </c>
      <c r="AA14491" s="5"/>
      <c r="AB14491" s="5" t="s">
        <v>43</v>
      </c>
      <c r="AC14491" s="5" t="s">
        <v>44</v>
      </c>
      <c r="AD14491" s="2"/>
      <c r="AE14491" s="1"/>
    </row>
    <row r="14492" spans="1:31" ht="14.45">
      <c r="A14492" s="11"/>
      <c r="B14492" s="20"/>
      <c r="C14492" s="2" t="s">
        <v>44427</v>
      </c>
      <c r="D14492" s="14" t="s">
        <v>44428</v>
      </c>
      <c r="E14492" s="2" t="s">
        <v>44429</v>
      </c>
      <c r="F14492" s="2" t="s">
        <v>40967</v>
      </c>
      <c r="G14492" s="8">
        <v>219</v>
      </c>
      <c r="H14492" s="5">
        <v>6</v>
      </c>
      <c r="I14492" s="5" t="s">
        <v>1518</v>
      </c>
      <c r="J14492" s="5" t="s">
        <v>40939</v>
      </c>
      <c r="K14492" s="2" t="s">
        <v>40940</v>
      </c>
      <c r="L14492" s="5" t="s">
        <v>40939</v>
      </c>
      <c r="M14492" s="2" t="s">
        <v>40940</v>
      </c>
      <c r="N14492" s="5" t="s">
        <v>36266</v>
      </c>
      <c r="O14492" s="5" t="s">
        <v>38</v>
      </c>
      <c r="P14492" s="5" t="s">
        <v>39</v>
      </c>
      <c r="Q14492" s="5" t="s">
        <v>40</v>
      </c>
      <c r="R14492" s="5" t="s">
        <v>1522</v>
      </c>
      <c r="S14492" s="5" t="s">
        <v>1523</v>
      </c>
      <c r="T14492" s="5" t="s">
        <v>42</v>
      </c>
      <c r="U14492" s="2">
        <v>1.841</v>
      </c>
      <c r="V14492" s="2">
        <v>1.329</v>
      </c>
      <c r="W14492" s="2">
        <v>1.7999999999999999E-2</v>
      </c>
      <c r="X14492" s="2">
        <v>139.1</v>
      </c>
      <c r="Y14492" s="2">
        <v>7.6</v>
      </c>
      <c r="Z14492" s="2">
        <v>16.7</v>
      </c>
      <c r="AA14492" s="5"/>
      <c r="AB14492" s="5" t="s">
        <v>43</v>
      </c>
      <c r="AC14492" s="5" t="s">
        <v>44</v>
      </c>
      <c r="AD14492" s="2"/>
      <c r="AE14492" s="1"/>
    </row>
    <row r="14493" spans="1:31" ht="14.45">
      <c r="A14493" s="11"/>
      <c r="B14493" s="20"/>
      <c r="C14493" s="2" t="s">
        <v>44430</v>
      </c>
      <c r="D14493" s="14" t="s">
        <v>44431</v>
      </c>
      <c r="E14493" s="2" t="s">
        <v>44432</v>
      </c>
      <c r="F14493" s="2" t="s">
        <v>40971</v>
      </c>
      <c r="G14493" s="8">
        <v>219</v>
      </c>
      <c r="H14493" s="5">
        <v>6</v>
      </c>
      <c r="I14493" s="5" t="s">
        <v>1518</v>
      </c>
      <c r="J14493" s="5" t="s">
        <v>40939</v>
      </c>
      <c r="K14493" s="2" t="s">
        <v>40940</v>
      </c>
      <c r="L14493" s="5" t="s">
        <v>40939</v>
      </c>
      <c r="M14493" s="2" t="s">
        <v>40940</v>
      </c>
      <c r="N14493" s="5" t="s">
        <v>36266</v>
      </c>
      <c r="O14493" s="5" t="s">
        <v>38</v>
      </c>
      <c r="P14493" s="5" t="s">
        <v>39</v>
      </c>
      <c r="Q14493" s="5" t="s">
        <v>40</v>
      </c>
      <c r="R14493" s="5" t="s">
        <v>1522</v>
      </c>
      <c r="S14493" s="5" t="s">
        <v>1523</v>
      </c>
      <c r="T14493" s="5" t="s">
        <v>42</v>
      </c>
      <c r="U14493" s="2">
        <v>1.863</v>
      </c>
      <c r="V14493" s="2">
        <v>1.351</v>
      </c>
      <c r="W14493" s="2">
        <v>1.7999999999999999E-2</v>
      </c>
      <c r="X14493" s="2">
        <v>139.1</v>
      </c>
      <c r="Y14493" s="2">
        <v>7.6</v>
      </c>
      <c r="Z14493" s="2">
        <v>16.7</v>
      </c>
      <c r="AA14493" s="5"/>
      <c r="AB14493" s="5" t="s">
        <v>43</v>
      </c>
      <c r="AC14493" s="5" t="s">
        <v>44</v>
      </c>
      <c r="AD14493" s="2"/>
      <c r="AE14493" s="1"/>
    </row>
    <row r="14494" spans="1:31" ht="14.45">
      <c r="A14494" s="11"/>
      <c r="B14494" s="20"/>
      <c r="C14494" s="2" t="s">
        <v>44433</v>
      </c>
      <c r="D14494" s="14" t="s">
        <v>44434</v>
      </c>
      <c r="E14494" s="2" t="s">
        <v>44435</v>
      </c>
      <c r="F14494" s="2" t="s">
        <v>40975</v>
      </c>
      <c r="G14494" s="8">
        <v>219</v>
      </c>
      <c r="H14494" s="5">
        <v>6</v>
      </c>
      <c r="I14494" s="5" t="s">
        <v>1518</v>
      </c>
      <c r="J14494" s="5" t="s">
        <v>40939</v>
      </c>
      <c r="K14494" s="2" t="s">
        <v>40940</v>
      </c>
      <c r="L14494" s="5" t="s">
        <v>40939</v>
      </c>
      <c r="M14494" s="2" t="s">
        <v>40940</v>
      </c>
      <c r="N14494" s="5" t="s">
        <v>36266</v>
      </c>
      <c r="O14494" s="5" t="s">
        <v>38</v>
      </c>
      <c r="P14494" s="5" t="s">
        <v>39</v>
      </c>
      <c r="Q14494" s="5" t="s">
        <v>40</v>
      </c>
      <c r="R14494" s="5" t="s">
        <v>1522</v>
      </c>
      <c r="S14494" s="5" t="s">
        <v>1523</v>
      </c>
      <c r="T14494" s="5" t="s">
        <v>42</v>
      </c>
      <c r="U14494" s="2">
        <v>1.841</v>
      </c>
      <c r="V14494" s="2">
        <v>1.329</v>
      </c>
      <c r="W14494" s="2">
        <v>1.7999999999999999E-2</v>
      </c>
      <c r="X14494" s="2">
        <v>139.1</v>
      </c>
      <c r="Y14494" s="2">
        <v>7.6</v>
      </c>
      <c r="Z14494" s="2">
        <v>16.7</v>
      </c>
      <c r="AA14494" s="5"/>
      <c r="AB14494" s="5" t="s">
        <v>43</v>
      </c>
      <c r="AC14494" s="5" t="s">
        <v>44</v>
      </c>
      <c r="AD14494" s="2"/>
      <c r="AE14494" s="1"/>
    </row>
    <row r="14495" spans="1:31" ht="14.45">
      <c r="A14495" s="11"/>
      <c r="B14495" s="20"/>
      <c r="C14495" s="2" t="s">
        <v>44436</v>
      </c>
      <c r="D14495" s="14" t="s">
        <v>44437</v>
      </c>
      <c r="E14495" s="2" t="s">
        <v>44438</v>
      </c>
      <c r="F14495" s="2" t="s">
        <v>40979</v>
      </c>
      <c r="G14495" s="8">
        <v>219</v>
      </c>
      <c r="H14495" s="5">
        <v>6</v>
      </c>
      <c r="I14495" s="5" t="s">
        <v>1518</v>
      </c>
      <c r="J14495" s="5" t="s">
        <v>40939</v>
      </c>
      <c r="K14495" s="2" t="s">
        <v>40940</v>
      </c>
      <c r="L14495" s="5" t="s">
        <v>40939</v>
      </c>
      <c r="M14495" s="2" t="s">
        <v>40940</v>
      </c>
      <c r="N14495" s="5" t="s">
        <v>36266</v>
      </c>
      <c r="O14495" s="5" t="s">
        <v>38</v>
      </c>
      <c r="P14495" s="5" t="s">
        <v>39</v>
      </c>
      <c r="Q14495" s="5" t="s">
        <v>40</v>
      </c>
      <c r="R14495" s="5" t="s">
        <v>1522</v>
      </c>
      <c r="S14495" s="5" t="s">
        <v>1523</v>
      </c>
      <c r="T14495" s="5" t="s">
        <v>42</v>
      </c>
      <c r="U14495" s="2">
        <v>1.863</v>
      </c>
      <c r="V14495" s="2">
        <v>1.351</v>
      </c>
      <c r="W14495" s="2">
        <v>1.7999999999999999E-2</v>
      </c>
      <c r="X14495" s="2">
        <v>139.1</v>
      </c>
      <c r="Y14495" s="2">
        <v>7.6</v>
      </c>
      <c r="Z14495" s="2">
        <v>16.7</v>
      </c>
      <c r="AA14495" s="5"/>
      <c r="AB14495" s="5" t="s">
        <v>43</v>
      </c>
      <c r="AC14495" s="5" t="s">
        <v>44</v>
      </c>
      <c r="AD14495" s="2"/>
      <c r="AE14495" s="1"/>
    </row>
    <row r="14496" spans="1:31" ht="14.45">
      <c r="A14496" s="11"/>
      <c r="B14496" s="20"/>
      <c r="C14496" s="2" t="s">
        <v>44439</v>
      </c>
      <c r="D14496" s="14" t="s">
        <v>44440</v>
      </c>
      <c r="E14496" s="2" t="s">
        <v>44441</v>
      </c>
      <c r="F14496" s="2" t="s">
        <v>7539</v>
      </c>
      <c r="G14496" s="8">
        <v>219</v>
      </c>
      <c r="H14496" s="5">
        <v>6</v>
      </c>
      <c r="I14496" s="5" t="s">
        <v>1518</v>
      </c>
      <c r="J14496" s="5" t="s">
        <v>40939</v>
      </c>
      <c r="K14496" s="2" t="s">
        <v>40940</v>
      </c>
      <c r="L14496" s="5" t="s">
        <v>40939</v>
      </c>
      <c r="M14496" s="2" t="s">
        <v>40940</v>
      </c>
      <c r="N14496" s="5" t="s">
        <v>36266</v>
      </c>
      <c r="O14496" s="5" t="s">
        <v>38</v>
      </c>
      <c r="P14496" s="5" t="s">
        <v>39</v>
      </c>
      <c r="Q14496" s="5" t="s">
        <v>40</v>
      </c>
      <c r="R14496" s="5" t="s">
        <v>1522</v>
      </c>
      <c r="S14496" s="5" t="s">
        <v>1523</v>
      </c>
      <c r="T14496" s="5" t="s">
        <v>42</v>
      </c>
      <c r="U14496" s="2">
        <v>1.7629999999999999</v>
      </c>
      <c r="V14496" s="2">
        <v>1.2509999999999999</v>
      </c>
      <c r="W14496" s="2">
        <v>1.7999999999999999E-2</v>
      </c>
      <c r="X14496" s="2">
        <v>139.1</v>
      </c>
      <c r="Y14496" s="2">
        <v>7.6</v>
      </c>
      <c r="Z14496" s="2">
        <v>16.7</v>
      </c>
      <c r="AA14496" s="5"/>
      <c r="AB14496" s="5" t="s">
        <v>43</v>
      </c>
      <c r="AC14496" s="5" t="s">
        <v>44</v>
      </c>
      <c r="AD14496" s="2"/>
      <c r="AE14496" s="1"/>
    </row>
    <row r="14497" spans="1:31" ht="14.45">
      <c r="A14497" s="11"/>
      <c r="B14497" s="20"/>
      <c r="C14497" s="2" t="s">
        <v>44442</v>
      </c>
      <c r="D14497" s="14" t="s">
        <v>44443</v>
      </c>
      <c r="E14497" s="2" t="s">
        <v>44444</v>
      </c>
      <c r="F14497" s="2" t="s">
        <v>7543</v>
      </c>
      <c r="G14497" s="8">
        <v>219</v>
      </c>
      <c r="H14497" s="5">
        <v>6</v>
      </c>
      <c r="I14497" s="5" t="s">
        <v>1518</v>
      </c>
      <c r="J14497" s="5" t="s">
        <v>40939</v>
      </c>
      <c r="K14497" s="2" t="s">
        <v>40940</v>
      </c>
      <c r="L14497" s="5" t="s">
        <v>40939</v>
      </c>
      <c r="M14497" s="2" t="s">
        <v>40940</v>
      </c>
      <c r="N14497" s="5" t="s">
        <v>36266</v>
      </c>
      <c r="O14497" s="5" t="s">
        <v>38</v>
      </c>
      <c r="P14497" s="5" t="s">
        <v>39</v>
      </c>
      <c r="Q14497" s="5" t="s">
        <v>40</v>
      </c>
      <c r="R14497" s="5" t="s">
        <v>1522</v>
      </c>
      <c r="S14497" s="5" t="s">
        <v>1523</v>
      </c>
      <c r="T14497" s="5" t="s">
        <v>42</v>
      </c>
      <c r="U14497" s="2">
        <v>1.7849999999999999</v>
      </c>
      <c r="V14497" s="2">
        <v>1.2729999999999999</v>
      </c>
      <c r="W14497" s="2">
        <v>1.7999999999999999E-2</v>
      </c>
      <c r="X14497" s="2">
        <v>139.1</v>
      </c>
      <c r="Y14497" s="2">
        <v>7.6</v>
      </c>
      <c r="Z14497" s="2">
        <v>16.7</v>
      </c>
      <c r="AA14497" s="5"/>
      <c r="AB14497" s="5" t="s">
        <v>43</v>
      </c>
      <c r="AC14497" s="5" t="s">
        <v>44</v>
      </c>
      <c r="AD14497" s="2"/>
      <c r="AE14497" s="1"/>
    </row>
    <row r="14498" spans="1:31" ht="14.45">
      <c r="A14498" s="11"/>
      <c r="B14498" s="20"/>
      <c r="C14498" s="2" t="s">
        <v>44445</v>
      </c>
      <c r="D14498" s="14" t="s">
        <v>44446</v>
      </c>
      <c r="E14498" s="2" t="s">
        <v>44447</v>
      </c>
      <c r="F14498" s="2" t="s">
        <v>40989</v>
      </c>
      <c r="G14498" s="8">
        <v>219</v>
      </c>
      <c r="H14498" s="5">
        <v>6</v>
      </c>
      <c r="I14498" s="5" t="s">
        <v>1518</v>
      </c>
      <c r="J14498" s="5" t="s">
        <v>40939</v>
      </c>
      <c r="K14498" s="2" t="s">
        <v>40940</v>
      </c>
      <c r="L14498" s="5" t="s">
        <v>40939</v>
      </c>
      <c r="M14498" s="2" t="s">
        <v>40940</v>
      </c>
      <c r="N14498" s="5" t="s">
        <v>36266</v>
      </c>
      <c r="O14498" s="5" t="s">
        <v>38</v>
      </c>
      <c r="P14498" s="5" t="s">
        <v>39</v>
      </c>
      <c r="Q14498" s="5" t="s">
        <v>40</v>
      </c>
      <c r="R14498" s="5" t="s">
        <v>1522</v>
      </c>
      <c r="S14498" s="5" t="s">
        <v>1523</v>
      </c>
      <c r="T14498" s="5" t="s">
        <v>42</v>
      </c>
      <c r="U14498" s="2">
        <v>1.841</v>
      </c>
      <c r="V14498" s="2">
        <v>1.329</v>
      </c>
      <c r="W14498" s="2">
        <v>1.7999999999999999E-2</v>
      </c>
      <c r="X14498" s="2">
        <v>139.1</v>
      </c>
      <c r="Y14498" s="2">
        <v>7.6</v>
      </c>
      <c r="Z14498" s="2">
        <v>16.7</v>
      </c>
      <c r="AA14498" s="5"/>
      <c r="AB14498" s="5" t="s">
        <v>43</v>
      </c>
      <c r="AC14498" s="5" t="s">
        <v>44</v>
      </c>
      <c r="AD14498" s="2"/>
      <c r="AE14498" s="1"/>
    </row>
    <row r="14499" spans="1:31" ht="14.45">
      <c r="A14499" s="11"/>
      <c r="B14499" s="20"/>
      <c r="C14499" s="2" t="s">
        <v>44448</v>
      </c>
      <c r="D14499" s="14" t="s">
        <v>44449</v>
      </c>
      <c r="E14499" s="2" t="s">
        <v>44450</v>
      </c>
      <c r="F14499" s="2" t="s">
        <v>40993</v>
      </c>
      <c r="G14499" s="8">
        <v>219</v>
      </c>
      <c r="H14499" s="5">
        <v>6</v>
      </c>
      <c r="I14499" s="5" t="s">
        <v>1518</v>
      </c>
      <c r="J14499" s="5" t="s">
        <v>40939</v>
      </c>
      <c r="K14499" s="2" t="s">
        <v>40940</v>
      </c>
      <c r="L14499" s="5" t="s">
        <v>40939</v>
      </c>
      <c r="M14499" s="2" t="s">
        <v>40940</v>
      </c>
      <c r="N14499" s="5" t="s">
        <v>36266</v>
      </c>
      <c r="O14499" s="5" t="s">
        <v>38</v>
      </c>
      <c r="P14499" s="5" t="s">
        <v>39</v>
      </c>
      <c r="Q14499" s="5" t="s">
        <v>40</v>
      </c>
      <c r="R14499" s="5" t="s">
        <v>1522</v>
      </c>
      <c r="S14499" s="5" t="s">
        <v>1523</v>
      </c>
      <c r="T14499" s="5" t="s">
        <v>42</v>
      </c>
      <c r="U14499" s="2">
        <v>1.863</v>
      </c>
      <c r="V14499" s="2">
        <v>1.351</v>
      </c>
      <c r="W14499" s="2">
        <v>1.7999999999999999E-2</v>
      </c>
      <c r="X14499" s="2">
        <v>139.1</v>
      </c>
      <c r="Y14499" s="2">
        <v>7.6</v>
      </c>
      <c r="Z14499" s="2">
        <v>16.7</v>
      </c>
      <c r="AA14499" s="5"/>
      <c r="AB14499" s="5" t="s">
        <v>43</v>
      </c>
      <c r="AC14499" s="5" t="s">
        <v>44</v>
      </c>
      <c r="AD14499" s="2"/>
      <c r="AE14499" s="1"/>
    </row>
    <row r="14500" spans="1:31" ht="14.45">
      <c r="A14500" s="11"/>
      <c r="B14500" s="20"/>
      <c r="C14500" s="2" t="s">
        <v>44451</v>
      </c>
      <c r="D14500" s="14" t="s">
        <v>44452</v>
      </c>
      <c r="E14500" s="2" t="s">
        <v>44453</v>
      </c>
      <c r="F14500" s="2" t="s">
        <v>40997</v>
      </c>
      <c r="G14500" s="8">
        <v>219</v>
      </c>
      <c r="H14500" s="5">
        <v>6</v>
      </c>
      <c r="I14500" s="5" t="s">
        <v>1518</v>
      </c>
      <c r="J14500" s="5" t="s">
        <v>40939</v>
      </c>
      <c r="K14500" s="2" t="s">
        <v>40940</v>
      </c>
      <c r="L14500" s="5" t="s">
        <v>40939</v>
      </c>
      <c r="M14500" s="2" t="s">
        <v>40940</v>
      </c>
      <c r="N14500" s="5" t="s">
        <v>36266</v>
      </c>
      <c r="O14500" s="5" t="s">
        <v>38</v>
      </c>
      <c r="P14500" s="5" t="s">
        <v>39</v>
      </c>
      <c r="Q14500" s="5" t="s">
        <v>40</v>
      </c>
      <c r="R14500" s="5" t="s">
        <v>1522</v>
      </c>
      <c r="S14500" s="5" t="s">
        <v>1523</v>
      </c>
      <c r="T14500" s="5" t="s">
        <v>42</v>
      </c>
      <c r="U14500" s="2">
        <v>1.778</v>
      </c>
      <c r="V14500" s="2">
        <v>1.266</v>
      </c>
      <c r="W14500" s="2">
        <v>1.7999999999999999E-2</v>
      </c>
      <c r="X14500" s="2">
        <v>139.1</v>
      </c>
      <c r="Y14500" s="2">
        <v>7.6</v>
      </c>
      <c r="Z14500" s="2">
        <v>16.7</v>
      </c>
      <c r="AA14500" s="5"/>
      <c r="AB14500" s="5" t="s">
        <v>43</v>
      </c>
      <c r="AC14500" s="5" t="s">
        <v>44</v>
      </c>
      <c r="AD14500" s="2"/>
      <c r="AE14500" s="1"/>
    </row>
    <row r="14501" spans="1:31" ht="14.45">
      <c r="A14501" s="11"/>
      <c r="B14501" s="20"/>
      <c r="C14501" s="2" t="s">
        <v>44454</v>
      </c>
      <c r="D14501" s="14" t="s">
        <v>44455</v>
      </c>
      <c r="E14501" s="2" t="s">
        <v>44456</v>
      </c>
      <c r="F14501" s="2" t="s">
        <v>41267</v>
      </c>
      <c r="G14501" s="8">
        <v>219</v>
      </c>
      <c r="H14501" s="5">
        <v>6</v>
      </c>
      <c r="I14501" s="5" t="s">
        <v>1518</v>
      </c>
      <c r="J14501" s="5" t="s">
        <v>40939</v>
      </c>
      <c r="K14501" s="2" t="s">
        <v>40940</v>
      </c>
      <c r="L14501" s="5" t="s">
        <v>40939</v>
      </c>
      <c r="M14501" s="2" t="s">
        <v>40940</v>
      </c>
      <c r="N14501" s="5" t="s">
        <v>36266</v>
      </c>
      <c r="O14501" s="5" t="s">
        <v>38</v>
      </c>
      <c r="P14501" s="5" t="s">
        <v>39</v>
      </c>
      <c r="Q14501" s="5" t="s">
        <v>40</v>
      </c>
      <c r="R14501" s="5" t="s">
        <v>1522</v>
      </c>
      <c r="S14501" s="5" t="s">
        <v>1523</v>
      </c>
      <c r="T14501" s="5" t="s">
        <v>42</v>
      </c>
      <c r="U14501" s="2">
        <v>1.8</v>
      </c>
      <c r="V14501" s="2">
        <v>1.288</v>
      </c>
      <c r="W14501" s="2">
        <v>1.7999999999999999E-2</v>
      </c>
      <c r="X14501" s="2">
        <v>139.1</v>
      </c>
      <c r="Y14501" s="2">
        <v>7.6</v>
      </c>
      <c r="Z14501" s="2">
        <v>16.7</v>
      </c>
      <c r="AA14501" s="5"/>
      <c r="AB14501" s="5" t="s">
        <v>43</v>
      </c>
      <c r="AC14501" s="5" t="s">
        <v>44</v>
      </c>
      <c r="AD14501" s="2"/>
      <c r="AE14501" s="1"/>
    </row>
    <row r="14502" spans="1:31" ht="14.45">
      <c r="A14502" s="11"/>
      <c r="B14502" s="20"/>
      <c r="C14502" s="2" t="s">
        <v>44457</v>
      </c>
      <c r="D14502" s="14" t="s">
        <v>44458</v>
      </c>
      <c r="E14502" s="2" t="s">
        <v>44459</v>
      </c>
      <c r="F14502" s="2" t="s">
        <v>41001</v>
      </c>
      <c r="G14502" s="8">
        <v>219</v>
      </c>
      <c r="H14502" s="5">
        <v>6</v>
      </c>
      <c r="I14502" s="5" t="s">
        <v>1518</v>
      </c>
      <c r="J14502" s="5" t="s">
        <v>40939</v>
      </c>
      <c r="K14502" s="2" t="s">
        <v>40940</v>
      </c>
      <c r="L14502" s="5" t="s">
        <v>40939</v>
      </c>
      <c r="M14502" s="2" t="s">
        <v>40940</v>
      </c>
      <c r="N14502" s="5" t="s">
        <v>36266</v>
      </c>
      <c r="O14502" s="5" t="s">
        <v>38</v>
      </c>
      <c r="P14502" s="5" t="s">
        <v>39</v>
      </c>
      <c r="Q14502" s="5" t="s">
        <v>40</v>
      </c>
      <c r="R14502" s="5" t="s">
        <v>1522</v>
      </c>
      <c r="S14502" s="5" t="s">
        <v>1523</v>
      </c>
      <c r="T14502" s="5" t="s">
        <v>42</v>
      </c>
      <c r="U14502" s="2">
        <v>1.841</v>
      </c>
      <c r="V14502" s="2">
        <v>1.329</v>
      </c>
      <c r="W14502" s="2">
        <v>1.7999999999999999E-2</v>
      </c>
      <c r="X14502" s="2">
        <v>139.1</v>
      </c>
      <c r="Y14502" s="2">
        <v>7.6</v>
      </c>
      <c r="Z14502" s="2">
        <v>16.7</v>
      </c>
      <c r="AA14502" s="5"/>
      <c r="AB14502" s="5" t="s">
        <v>43</v>
      </c>
      <c r="AC14502" s="5" t="s">
        <v>44</v>
      </c>
      <c r="AD14502" s="2"/>
      <c r="AE14502" s="1"/>
    </row>
    <row r="14503" spans="1:31" ht="14.45">
      <c r="A14503" s="11"/>
      <c r="B14503" s="20"/>
      <c r="C14503" s="2" t="s">
        <v>44460</v>
      </c>
      <c r="D14503" s="14" t="s">
        <v>44461</v>
      </c>
      <c r="E14503" s="2" t="s">
        <v>44462</v>
      </c>
      <c r="F14503" s="2" t="s">
        <v>41005</v>
      </c>
      <c r="G14503" s="8">
        <v>219</v>
      </c>
      <c r="H14503" s="5">
        <v>6</v>
      </c>
      <c r="I14503" s="5" t="s">
        <v>1518</v>
      </c>
      <c r="J14503" s="5" t="s">
        <v>40939</v>
      </c>
      <c r="K14503" s="2" t="s">
        <v>40940</v>
      </c>
      <c r="L14503" s="5" t="s">
        <v>40939</v>
      </c>
      <c r="M14503" s="2" t="s">
        <v>40940</v>
      </c>
      <c r="N14503" s="5" t="s">
        <v>36266</v>
      </c>
      <c r="O14503" s="5" t="s">
        <v>38</v>
      </c>
      <c r="P14503" s="5" t="s">
        <v>39</v>
      </c>
      <c r="Q14503" s="5" t="s">
        <v>40</v>
      </c>
      <c r="R14503" s="5" t="s">
        <v>1522</v>
      </c>
      <c r="S14503" s="5" t="s">
        <v>1523</v>
      </c>
      <c r="T14503" s="5" t="s">
        <v>42</v>
      </c>
      <c r="U14503" s="2">
        <v>1.863</v>
      </c>
      <c r="V14503" s="2">
        <v>1.351</v>
      </c>
      <c r="W14503" s="2">
        <v>1.7999999999999999E-2</v>
      </c>
      <c r="X14503" s="2">
        <v>139.1</v>
      </c>
      <c r="Y14503" s="2">
        <v>7.6</v>
      </c>
      <c r="Z14503" s="2">
        <v>16.7</v>
      </c>
      <c r="AA14503" s="5"/>
      <c r="AB14503" s="5" t="s">
        <v>43</v>
      </c>
      <c r="AC14503" s="5" t="s">
        <v>44</v>
      </c>
      <c r="AD14503" s="2"/>
      <c r="AE14503" s="1"/>
    </row>
    <row r="14504" spans="1:31" ht="14.45">
      <c r="A14504" s="11"/>
      <c r="B14504" s="20"/>
      <c r="C14504" s="2" t="s">
        <v>44463</v>
      </c>
      <c r="D14504" s="14" t="s">
        <v>44464</v>
      </c>
      <c r="E14504" s="2" t="s">
        <v>44465</v>
      </c>
      <c r="F14504" s="2" t="s">
        <v>41009</v>
      </c>
      <c r="G14504" s="8">
        <v>219</v>
      </c>
      <c r="H14504" s="5">
        <v>6</v>
      </c>
      <c r="I14504" s="5" t="s">
        <v>1518</v>
      </c>
      <c r="J14504" s="5" t="s">
        <v>40939</v>
      </c>
      <c r="K14504" s="2" t="s">
        <v>40940</v>
      </c>
      <c r="L14504" s="5" t="s">
        <v>40939</v>
      </c>
      <c r="M14504" s="2" t="s">
        <v>40940</v>
      </c>
      <c r="N14504" s="5" t="s">
        <v>36266</v>
      </c>
      <c r="O14504" s="5" t="s">
        <v>38</v>
      </c>
      <c r="P14504" s="5" t="s">
        <v>39</v>
      </c>
      <c r="Q14504" s="5" t="s">
        <v>40</v>
      </c>
      <c r="R14504" s="5" t="s">
        <v>1522</v>
      </c>
      <c r="S14504" s="5" t="s">
        <v>1523</v>
      </c>
      <c r="T14504" s="5" t="s">
        <v>42</v>
      </c>
      <c r="U14504" s="2">
        <v>1.8560000000000001</v>
      </c>
      <c r="V14504" s="2">
        <v>1.3440000000000001</v>
      </c>
      <c r="W14504" s="2">
        <v>1.7999999999999999E-2</v>
      </c>
      <c r="X14504" s="2">
        <v>139.1</v>
      </c>
      <c r="Y14504" s="2">
        <v>7.6</v>
      </c>
      <c r="Z14504" s="2">
        <v>16.7</v>
      </c>
      <c r="AA14504" s="5"/>
      <c r="AB14504" s="5" t="s">
        <v>43</v>
      </c>
      <c r="AC14504" s="5" t="s">
        <v>44</v>
      </c>
      <c r="AD14504" s="2"/>
      <c r="AE14504" s="1"/>
    </row>
    <row r="14505" spans="1:31" ht="14.45">
      <c r="A14505" s="11"/>
      <c r="B14505" s="20"/>
      <c r="C14505" s="2" t="s">
        <v>44466</v>
      </c>
      <c r="D14505" s="14" t="s">
        <v>44467</v>
      </c>
      <c r="E14505" s="2" t="s">
        <v>44468</v>
      </c>
      <c r="F14505" s="2" t="s">
        <v>41013</v>
      </c>
      <c r="G14505" s="8">
        <v>219</v>
      </c>
      <c r="H14505" s="5">
        <v>6</v>
      </c>
      <c r="I14505" s="5" t="s">
        <v>1518</v>
      </c>
      <c r="J14505" s="5" t="s">
        <v>40939</v>
      </c>
      <c r="K14505" s="2" t="s">
        <v>40940</v>
      </c>
      <c r="L14505" s="5" t="s">
        <v>40939</v>
      </c>
      <c r="M14505" s="2" t="s">
        <v>40940</v>
      </c>
      <c r="N14505" s="5" t="s">
        <v>36266</v>
      </c>
      <c r="O14505" s="5" t="s">
        <v>38</v>
      </c>
      <c r="P14505" s="5" t="s">
        <v>39</v>
      </c>
      <c r="Q14505" s="5" t="s">
        <v>40</v>
      </c>
      <c r="R14505" s="5" t="s">
        <v>1522</v>
      </c>
      <c r="S14505" s="5" t="s">
        <v>1523</v>
      </c>
      <c r="T14505" s="5" t="s">
        <v>42</v>
      </c>
      <c r="U14505" s="2">
        <v>1.8779999999999999</v>
      </c>
      <c r="V14505" s="2">
        <v>1.3660000000000001</v>
      </c>
      <c r="W14505" s="2">
        <v>1.7999999999999999E-2</v>
      </c>
      <c r="X14505" s="2">
        <v>139.1</v>
      </c>
      <c r="Y14505" s="2">
        <v>7.6</v>
      </c>
      <c r="Z14505" s="2">
        <v>16.7</v>
      </c>
      <c r="AA14505" s="5"/>
      <c r="AB14505" s="5" t="s">
        <v>43</v>
      </c>
      <c r="AC14505" s="5" t="s">
        <v>44</v>
      </c>
      <c r="AD14505" s="2"/>
      <c r="AE14505" s="1"/>
    </row>
    <row r="14506" spans="1:31" ht="14.45">
      <c r="A14506" s="11"/>
      <c r="B14506" s="20"/>
      <c r="C14506" s="2" t="s">
        <v>44469</v>
      </c>
      <c r="D14506" s="14" t="s">
        <v>44470</v>
      </c>
      <c r="E14506" s="2" t="s">
        <v>44471</v>
      </c>
      <c r="F14506" s="2" t="s">
        <v>7396</v>
      </c>
      <c r="G14506" s="8">
        <v>190</v>
      </c>
      <c r="H14506" s="5">
        <v>6</v>
      </c>
      <c r="I14506" s="5" t="s">
        <v>1518</v>
      </c>
      <c r="J14506" s="5" t="s">
        <v>40939</v>
      </c>
      <c r="K14506" s="2" t="s">
        <v>40940</v>
      </c>
      <c r="L14506" s="5" t="s">
        <v>40939</v>
      </c>
      <c r="M14506" s="2" t="s">
        <v>40940</v>
      </c>
      <c r="N14506" s="5" t="s">
        <v>36266</v>
      </c>
      <c r="O14506" s="5" t="s">
        <v>38</v>
      </c>
      <c r="P14506" s="5" t="s">
        <v>39</v>
      </c>
      <c r="Q14506" s="5" t="s">
        <v>40</v>
      </c>
      <c r="R14506" s="5" t="s">
        <v>1522</v>
      </c>
      <c r="S14506" s="5" t="s">
        <v>1523</v>
      </c>
      <c r="T14506" s="5" t="s">
        <v>42</v>
      </c>
      <c r="U14506" s="2">
        <v>1.8560000000000001</v>
      </c>
      <c r="V14506" s="2">
        <v>1.3440000000000001</v>
      </c>
      <c r="W14506" s="2">
        <v>1.7999999999999999E-2</v>
      </c>
      <c r="X14506" s="2">
        <v>139.1</v>
      </c>
      <c r="Y14506" s="2">
        <v>7.6</v>
      </c>
      <c r="Z14506" s="2">
        <v>16.7</v>
      </c>
      <c r="AA14506" s="5"/>
      <c r="AB14506" s="5" t="s">
        <v>43</v>
      </c>
      <c r="AC14506" s="5" t="s">
        <v>44</v>
      </c>
      <c r="AD14506" s="2"/>
      <c r="AE14506" s="1"/>
    </row>
    <row r="14507" spans="1:31" ht="14.45">
      <c r="A14507" s="11"/>
      <c r="B14507" s="20"/>
      <c r="C14507" s="2" t="s">
        <v>44472</v>
      </c>
      <c r="D14507" s="14" t="s">
        <v>44473</v>
      </c>
      <c r="E14507" s="2" t="s">
        <v>44474</v>
      </c>
      <c r="F14507" s="2" t="s">
        <v>7507</v>
      </c>
      <c r="G14507" s="8">
        <v>190</v>
      </c>
      <c r="H14507" s="5">
        <v>6</v>
      </c>
      <c r="I14507" s="5" t="s">
        <v>1518</v>
      </c>
      <c r="J14507" s="5" t="s">
        <v>40939</v>
      </c>
      <c r="K14507" s="2" t="s">
        <v>40940</v>
      </c>
      <c r="L14507" s="5" t="s">
        <v>40939</v>
      </c>
      <c r="M14507" s="2" t="s">
        <v>40940</v>
      </c>
      <c r="N14507" s="5" t="s">
        <v>36266</v>
      </c>
      <c r="O14507" s="5" t="s">
        <v>38</v>
      </c>
      <c r="P14507" s="5" t="s">
        <v>39</v>
      </c>
      <c r="Q14507" s="5" t="s">
        <v>40</v>
      </c>
      <c r="R14507" s="5" t="s">
        <v>1522</v>
      </c>
      <c r="S14507" s="5" t="s">
        <v>1523</v>
      </c>
      <c r="T14507" s="5" t="s">
        <v>42</v>
      </c>
      <c r="U14507" s="2">
        <v>1.8779999999999999</v>
      </c>
      <c r="V14507" s="2">
        <v>1.3660000000000001</v>
      </c>
      <c r="W14507" s="2">
        <v>1.7999999999999999E-2</v>
      </c>
      <c r="X14507" s="2">
        <v>139.1</v>
      </c>
      <c r="Y14507" s="2">
        <v>7.6</v>
      </c>
      <c r="Z14507" s="2">
        <v>16.7</v>
      </c>
      <c r="AA14507" s="5"/>
      <c r="AB14507" s="5" t="s">
        <v>43</v>
      </c>
      <c r="AC14507" s="5" t="s">
        <v>44</v>
      </c>
      <c r="AD14507" s="2"/>
      <c r="AE14507" s="1"/>
    </row>
    <row r="14508" spans="1:31" ht="14.45">
      <c r="A14508" s="11"/>
      <c r="B14508" s="20"/>
      <c r="C14508" s="2" t="s">
        <v>44475</v>
      </c>
      <c r="D14508" s="14" t="s">
        <v>44476</v>
      </c>
      <c r="E14508" s="2" t="s">
        <v>44477</v>
      </c>
      <c r="F14508" s="2" t="s">
        <v>41023</v>
      </c>
      <c r="G14508" s="8">
        <v>219</v>
      </c>
      <c r="H14508" s="5">
        <v>6</v>
      </c>
      <c r="I14508" s="5" t="s">
        <v>1518</v>
      </c>
      <c r="J14508" s="5" t="s">
        <v>40939</v>
      </c>
      <c r="K14508" s="2" t="s">
        <v>40940</v>
      </c>
      <c r="L14508" s="5" t="s">
        <v>40939</v>
      </c>
      <c r="M14508" s="2" t="s">
        <v>40940</v>
      </c>
      <c r="N14508" s="5" t="s">
        <v>36266</v>
      </c>
      <c r="O14508" s="5" t="s">
        <v>38</v>
      </c>
      <c r="P14508" s="5" t="s">
        <v>39</v>
      </c>
      <c r="Q14508" s="5" t="s">
        <v>40</v>
      </c>
      <c r="R14508" s="5" t="s">
        <v>1522</v>
      </c>
      <c r="S14508" s="5" t="s">
        <v>1523</v>
      </c>
      <c r="T14508" s="5" t="s">
        <v>42</v>
      </c>
      <c r="U14508" s="2">
        <v>1.778</v>
      </c>
      <c r="V14508" s="2">
        <v>1.266</v>
      </c>
      <c r="W14508" s="2">
        <v>1.7999999999999999E-2</v>
      </c>
      <c r="X14508" s="2">
        <v>139.1</v>
      </c>
      <c r="Y14508" s="2">
        <v>7.6</v>
      </c>
      <c r="Z14508" s="2">
        <v>16.7</v>
      </c>
      <c r="AA14508" s="5"/>
      <c r="AB14508" s="5" t="s">
        <v>43</v>
      </c>
      <c r="AC14508" s="5" t="s">
        <v>44</v>
      </c>
      <c r="AD14508" s="2"/>
      <c r="AE14508" s="1"/>
    </row>
    <row r="14509" spans="1:31" ht="14.45">
      <c r="A14509" s="11"/>
      <c r="B14509" s="20"/>
      <c r="C14509" s="2" t="s">
        <v>44478</v>
      </c>
      <c r="D14509" s="14" t="s">
        <v>44479</v>
      </c>
      <c r="E14509" s="2" t="s">
        <v>44480</v>
      </c>
      <c r="F14509" s="2" t="s">
        <v>41027</v>
      </c>
      <c r="G14509" s="8">
        <v>219</v>
      </c>
      <c r="H14509" s="5">
        <v>6</v>
      </c>
      <c r="I14509" s="5" t="s">
        <v>1518</v>
      </c>
      <c r="J14509" s="5" t="s">
        <v>40939</v>
      </c>
      <c r="K14509" s="2" t="s">
        <v>40940</v>
      </c>
      <c r="L14509" s="5" t="s">
        <v>40939</v>
      </c>
      <c r="M14509" s="2" t="s">
        <v>40940</v>
      </c>
      <c r="N14509" s="5" t="s">
        <v>36266</v>
      </c>
      <c r="O14509" s="5" t="s">
        <v>38</v>
      </c>
      <c r="P14509" s="5" t="s">
        <v>39</v>
      </c>
      <c r="Q14509" s="5" t="s">
        <v>40</v>
      </c>
      <c r="R14509" s="5" t="s">
        <v>1522</v>
      </c>
      <c r="S14509" s="5" t="s">
        <v>1523</v>
      </c>
      <c r="T14509" s="5" t="s">
        <v>42</v>
      </c>
      <c r="U14509" s="2">
        <v>1.8</v>
      </c>
      <c r="V14509" s="2">
        <v>1.288</v>
      </c>
      <c r="W14509" s="2">
        <v>1.7999999999999999E-2</v>
      </c>
      <c r="X14509" s="2">
        <v>139.1</v>
      </c>
      <c r="Y14509" s="2">
        <v>7.6</v>
      </c>
      <c r="Z14509" s="2">
        <v>16.7</v>
      </c>
      <c r="AA14509" s="5"/>
      <c r="AB14509" s="5" t="s">
        <v>43</v>
      </c>
      <c r="AC14509" s="5" t="s">
        <v>44</v>
      </c>
      <c r="AD14509" s="2"/>
      <c r="AE14509" s="1"/>
    </row>
    <row r="14510" spans="1:31" ht="14.45">
      <c r="A14510" s="11"/>
      <c r="B14510" s="20"/>
      <c r="C14510" s="2" t="s">
        <v>44481</v>
      </c>
      <c r="D14510" s="14" t="s">
        <v>44482</v>
      </c>
      <c r="E14510" s="2" t="s">
        <v>44483</v>
      </c>
      <c r="F14510" s="2" t="s">
        <v>41031</v>
      </c>
      <c r="G14510" s="8">
        <v>219</v>
      </c>
      <c r="H14510" s="5">
        <v>6</v>
      </c>
      <c r="I14510" s="5" t="s">
        <v>1518</v>
      </c>
      <c r="J14510" s="5" t="s">
        <v>40939</v>
      </c>
      <c r="K14510" s="2" t="s">
        <v>40940</v>
      </c>
      <c r="L14510" s="5" t="s">
        <v>40939</v>
      </c>
      <c r="M14510" s="2" t="s">
        <v>40940</v>
      </c>
      <c r="N14510" s="5" t="s">
        <v>36266</v>
      </c>
      <c r="O14510" s="5" t="s">
        <v>38</v>
      </c>
      <c r="P14510" s="5" t="s">
        <v>39</v>
      </c>
      <c r="Q14510" s="5" t="s">
        <v>40</v>
      </c>
      <c r="R14510" s="5" t="s">
        <v>1522</v>
      </c>
      <c r="S14510" s="5" t="s">
        <v>1523</v>
      </c>
      <c r="T14510" s="5" t="s">
        <v>42</v>
      </c>
      <c r="U14510" s="2">
        <v>1.778</v>
      </c>
      <c r="V14510" s="2">
        <v>1.266</v>
      </c>
      <c r="W14510" s="2">
        <v>1.7999999999999999E-2</v>
      </c>
      <c r="X14510" s="2">
        <v>139.1</v>
      </c>
      <c r="Y14510" s="2">
        <v>7.6</v>
      </c>
      <c r="Z14510" s="2">
        <v>16.7</v>
      </c>
      <c r="AA14510" s="5"/>
      <c r="AB14510" s="5" t="s">
        <v>43</v>
      </c>
      <c r="AC14510" s="5" t="s">
        <v>44</v>
      </c>
      <c r="AD14510" s="2"/>
      <c r="AE14510" s="1"/>
    </row>
    <row r="14511" spans="1:31" ht="14.45">
      <c r="A14511" s="11"/>
      <c r="B14511" s="20"/>
      <c r="C14511" s="2" t="s">
        <v>44484</v>
      </c>
      <c r="D14511" s="14" t="s">
        <v>44485</v>
      </c>
      <c r="E14511" s="2" t="s">
        <v>44486</v>
      </c>
      <c r="F14511" s="2" t="s">
        <v>41035</v>
      </c>
      <c r="G14511" s="8">
        <v>219</v>
      </c>
      <c r="H14511" s="5">
        <v>6</v>
      </c>
      <c r="I14511" s="5" t="s">
        <v>1518</v>
      </c>
      <c r="J14511" s="5" t="s">
        <v>40939</v>
      </c>
      <c r="K14511" s="2" t="s">
        <v>40940</v>
      </c>
      <c r="L14511" s="5" t="s">
        <v>40939</v>
      </c>
      <c r="M14511" s="2" t="s">
        <v>40940</v>
      </c>
      <c r="N14511" s="5" t="s">
        <v>36266</v>
      </c>
      <c r="O14511" s="5" t="s">
        <v>38</v>
      </c>
      <c r="P14511" s="5" t="s">
        <v>39</v>
      </c>
      <c r="Q14511" s="5" t="s">
        <v>40</v>
      </c>
      <c r="R14511" s="5" t="s">
        <v>1522</v>
      </c>
      <c r="S14511" s="5" t="s">
        <v>1523</v>
      </c>
      <c r="T14511" s="5" t="s">
        <v>42</v>
      </c>
      <c r="U14511" s="2">
        <v>1.8</v>
      </c>
      <c r="V14511" s="2">
        <v>1.288</v>
      </c>
      <c r="W14511" s="2">
        <v>1.7999999999999999E-2</v>
      </c>
      <c r="X14511" s="2">
        <v>139.1</v>
      </c>
      <c r="Y14511" s="2">
        <v>7.6</v>
      </c>
      <c r="Z14511" s="2">
        <v>16.7</v>
      </c>
      <c r="AA14511" s="5"/>
      <c r="AB14511" s="5" t="s">
        <v>43</v>
      </c>
      <c r="AC14511" s="5" t="s">
        <v>44</v>
      </c>
      <c r="AD14511" s="2"/>
      <c r="AE14511" s="1"/>
    </row>
    <row r="14512" spans="1:31" ht="14.45">
      <c r="A14512" s="11"/>
      <c r="B14512" s="20"/>
      <c r="C14512" s="2" t="s">
        <v>44487</v>
      </c>
      <c r="D14512" s="14" t="s">
        <v>44488</v>
      </c>
      <c r="E14512" s="2" t="s">
        <v>44489</v>
      </c>
      <c r="F14512" s="2" t="s">
        <v>7449</v>
      </c>
      <c r="G14512" s="8">
        <v>219</v>
      </c>
      <c r="H14512" s="5">
        <v>6</v>
      </c>
      <c r="I14512" s="5" t="s">
        <v>1518</v>
      </c>
      <c r="J14512" s="5" t="s">
        <v>40939</v>
      </c>
      <c r="K14512" s="2" t="s">
        <v>40940</v>
      </c>
      <c r="L14512" s="5" t="s">
        <v>40939</v>
      </c>
      <c r="M14512" s="2" t="s">
        <v>40940</v>
      </c>
      <c r="N14512" s="5" t="s">
        <v>36266</v>
      </c>
      <c r="O14512" s="5" t="s">
        <v>38</v>
      </c>
      <c r="P14512" s="5" t="s">
        <v>39</v>
      </c>
      <c r="Q14512" s="5" t="s">
        <v>40</v>
      </c>
      <c r="R14512" s="5" t="s">
        <v>1522</v>
      </c>
      <c r="S14512" s="5" t="s">
        <v>1523</v>
      </c>
      <c r="T14512" s="5" t="s">
        <v>42</v>
      </c>
      <c r="U14512" s="2">
        <v>1.778</v>
      </c>
      <c r="V14512" s="2">
        <v>1.266</v>
      </c>
      <c r="W14512" s="2">
        <v>1.7999999999999999E-2</v>
      </c>
      <c r="X14512" s="2">
        <v>139.1</v>
      </c>
      <c r="Y14512" s="2">
        <v>7.6</v>
      </c>
      <c r="Z14512" s="2">
        <v>16.7</v>
      </c>
      <c r="AA14512" s="5"/>
      <c r="AB14512" s="5" t="s">
        <v>43</v>
      </c>
      <c r="AC14512" s="5" t="s">
        <v>44</v>
      </c>
      <c r="AD14512" s="2"/>
      <c r="AE14512" s="1"/>
    </row>
    <row r="14513" spans="1:31" ht="14.45">
      <c r="A14513" s="11"/>
      <c r="B14513" s="20"/>
      <c r="C14513" s="2" t="s">
        <v>44490</v>
      </c>
      <c r="D14513" s="14" t="s">
        <v>44491</v>
      </c>
      <c r="E14513" s="2" t="s">
        <v>44492</v>
      </c>
      <c r="F14513" s="2" t="s">
        <v>7581</v>
      </c>
      <c r="G14513" s="8">
        <v>219</v>
      </c>
      <c r="H14513" s="5">
        <v>6</v>
      </c>
      <c r="I14513" s="5" t="s">
        <v>1518</v>
      </c>
      <c r="J14513" s="5" t="s">
        <v>40939</v>
      </c>
      <c r="K14513" s="2" t="s">
        <v>40940</v>
      </c>
      <c r="L14513" s="5" t="s">
        <v>40939</v>
      </c>
      <c r="M14513" s="2" t="s">
        <v>40940</v>
      </c>
      <c r="N14513" s="5" t="s">
        <v>36266</v>
      </c>
      <c r="O14513" s="5" t="s">
        <v>38</v>
      </c>
      <c r="P14513" s="5" t="s">
        <v>39</v>
      </c>
      <c r="Q14513" s="5" t="s">
        <v>40</v>
      </c>
      <c r="R14513" s="5" t="s">
        <v>1522</v>
      </c>
      <c r="S14513" s="5" t="s">
        <v>1523</v>
      </c>
      <c r="T14513" s="5" t="s">
        <v>42</v>
      </c>
      <c r="U14513" s="2">
        <v>1.8</v>
      </c>
      <c r="V14513" s="2">
        <v>1.288</v>
      </c>
      <c r="W14513" s="2">
        <v>1.7999999999999999E-2</v>
      </c>
      <c r="X14513" s="2">
        <v>139.1</v>
      </c>
      <c r="Y14513" s="2">
        <v>7.6</v>
      </c>
      <c r="Z14513" s="2">
        <v>16.7</v>
      </c>
      <c r="AA14513" s="5"/>
      <c r="AB14513" s="5" t="s">
        <v>43</v>
      </c>
      <c r="AC14513" s="5" t="s">
        <v>44</v>
      </c>
      <c r="AD14513" s="2"/>
      <c r="AE14513" s="1"/>
    </row>
    <row r="14514" spans="1:31" ht="14.45">
      <c r="A14514" s="11"/>
      <c r="B14514" s="20"/>
      <c r="C14514" s="2" t="s">
        <v>44493</v>
      </c>
      <c r="D14514" s="14" t="s">
        <v>44494</v>
      </c>
      <c r="E14514" s="2" t="s">
        <v>44495</v>
      </c>
      <c r="F14514" s="2" t="s">
        <v>41045</v>
      </c>
      <c r="G14514" s="8">
        <v>219</v>
      </c>
      <c r="H14514" s="5">
        <v>6</v>
      </c>
      <c r="I14514" s="5" t="s">
        <v>1518</v>
      </c>
      <c r="J14514" s="5" t="s">
        <v>40939</v>
      </c>
      <c r="K14514" s="2" t="s">
        <v>40940</v>
      </c>
      <c r="L14514" s="5" t="s">
        <v>40939</v>
      </c>
      <c r="M14514" s="2" t="s">
        <v>40940</v>
      </c>
      <c r="N14514" s="5" t="s">
        <v>36266</v>
      </c>
      <c r="O14514" s="5" t="s">
        <v>38</v>
      </c>
      <c r="P14514" s="5" t="s">
        <v>39</v>
      </c>
      <c r="Q14514" s="5" t="s">
        <v>40</v>
      </c>
      <c r="R14514" s="5" t="s">
        <v>1522</v>
      </c>
      <c r="S14514" s="5" t="s">
        <v>1523</v>
      </c>
      <c r="T14514" s="5" t="s">
        <v>42</v>
      </c>
      <c r="U14514" s="2">
        <v>1.8720000000000001</v>
      </c>
      <c r="V14514" s="2">
        <v>1.36</v>
      </c>
      <c r="W14514" s="2">
        <v>1.7999999999999999E-2</v>
      </c>
      <c r="X14514" s="2">
        <v>139.1</v>
      </c>
      <c r="Y14514" s="2">
        <v>7.6</v>
      </c>
      <c r="Z14514" s="2">
        <v>16.7</v>
      </c>
      <c r="AA14514" s="5"/>
      <c r="AB14514" s="5" t="s">
        <v>43</v>
      </c>
      <c r="AC14514" s="5" t="s">
        <v>44</v>
      </c>
      <c r="AD14514" s="2"/>
      <c r="AE14514" s="1"/>
    </row>
    <row r="14515" spans="1:31" ht="14.45">
      <c r="A14515" s="11"/>
      <c r="B14515" s="20"/>
      <c r="C14515" s="2" t="s">
        <v>44496</v>
      </c>
      <c r="D14515" s="14" t="s">
        <v>44497</v>
      </c>
      <c r="E14515" s="2" t="s">
        <v>44498</v>
      </c>
      <c r="F14515" s="2" t="s">
        <v>41049</v>
      </c>
      <c r="G14515" s="8">
        <v>219</v>
      </c>
      <c r="H14515" s="5">
        <v>6</v>
      </c>
      <c r="I14515" s="5" t="s">
        <v>1518</v>
      </c>
      <c r="J14515" s="5" t="s">
        <v>40939</v>
      </c>
      <c r="K14515" s="2" t="s">
        <v>40940</v>
      </c>
      <c r="L14515" s="5" t="s">
        <v>40939</v>
      </c>
      <c r="M14515" s="2" t="s">
        <v>40940</v>
      </c>
      <c r="N14515" s="5" t="s">
        <v>36266</v>
      </c>
      <c r="O14515" s="5" t="s">
        <v>38</v>
      </c>
      <c r="P14515" s="5" t="s">
        <v>39</v>
      </c>
      <c r="Q14515" s="5" t="s">
        <v>40</v>
      </c>
      <c r="R14515" s="5" t="s">
        <v>1522</v>
      </c>
      <c r="S14515" s="5" t="s">
        <v>1523</v>
      </c>
      <c r="T14515" s="5" t="s">
        <v>42</v>
      </c>
      <c r="U14515" s="2">
        <v>1.8939999999999999</v>
      </c>
      <c r="V14515" s="2">
        <v>1.3819999999999999</v>
      </c>
      <c r="W14515" s="2">
        <v>1.7999999999999999E-2</v>
      </c>
      <c r="X14515" s="2">
        <v>139.1</v>
      </c>
      <c r="Y14515" s="2">
        <v>7.6</v>
      </c>
      <c r="Z14515" s="2">
        <v>16.7</v>
      </c>
      <c r="AA14515" s="5"/>
      <c r="AB14515" s="5" t="s">
        <v>43</v>
      </c>
      <c r="AC14515" s="5" t="s">
        <v>44</v>
      </c>
      <c r="AD14515" s="2"/>
      <c r="AE14515" s="1"/>
    </row>
    <row r="14516" spans="1:31" ht="14.45">
      <c r="A14516" s="11"/>
      <c r="B14516" s="20"/>
      <c r="C14516" s="2" t="s">
        <v>44499</v>
      </c>
      <c r="D14516" s="14" t="s">
        <v>44500</v>
      </c>
      <c r="E14516" s="2" t="s">
        <v>44501</v>
      </c>
      <c r="F14516" s="2" t="s">
        <v>7204</v>
      </c>
      <c r="G14516" s="8">
        <v>211</v>
      </c>
      <c r="H14516" s="5">
        <v>6</v>
      </c>
      <c r="I14516" s="5" t="s">
        <v>1518</v>
      </c>
      <c r="J14516" s="5" t="s">
        <v>40939</v>
      </c>
      <c r="K14516" s="2" t="s">
        <v>40940</v>
      </c>
      <c r="L14516" s="5" t="s">
        <v>40939</v>
      </c>
      <c r="M14516" s="2" t="s">
        <v>40940</v>
      </c>
      <c r="N14516" s="5" t="s">
        <v>36266</v>
      </c>
      <c r="O14516" s="5" t="s">
        <v>38</v>
      </c>
      <c r="P14516" s="5" t="s">
        <v>39</v>
      </c>
      <c r="Q14516" s="5" t="s">
        <v>40</v>
      </c>
      <c r="R14516" s="5" t="s">
        <v>1522</v>
      </c>
      <c r="S14516" s="5" t="s">
        <v>1523</v>
      </c>
      <c r="T14516" s="5" t="s">
        <v>42</v>
      </c>
      <c r="U14516" s="2">
        <v>1.9590000000000001</v>
      </c>
      <c r="V14516" s="2">
        <v>1.3640000000000001</v>
      </c>
      <c r="W14516" s="2">
        <v>0.02</v>
      </c>
      <c r="X14516" s="2">
        <v>159.1</v>
      </c>
      <c r="Y14516" s="2">
        <v>7.6</v>
      </c>
      <c r="Z14516" s="2">
        <v>16.7</v>
      </c>
      <c r="AA14516" s="5"/>
      <c r="AB14516" s="5" t="s">
        <v>43</v>
      </c>
      <c r="AC14516" s="5" t="s">
        <v>44</v>
      </c>
      <c r="AD14516" s="2"/>
      <c r="AE14516" s="1"/>
    </row>
    <row r="14517" spans="1:31" ht="14.45">
      <c r="A14517" s="11"/>
      <c r="B14517" s="20"/>
      <c r="C14517" s="2" t="s">
        <v>44502</v>
      </c>
      <c r="D14517" s="14" t="s">
        <v>44503</v>
      </c>
      <c r="E14517" s="2" t="s">
        <v>44504</v>
      </c>
      <c r="F14517" s="2" t="s">
        <v>7514</v>
      </c>
      <c r="G14517" s="8">
        <v>211</v>
      </c>
      <c r="H14517" s="5">
        <v>6</v>
      </c>
      <c r="I14517" s="5" t="s">
        <v>1518</v>
      </c>
      <c r="J14517" s="5" t="s">
        <v>40939</v>
      </c>
      <c r="K14517" s="2" t="s">
        <v>40940</v>
      </c>
      <c r="L14517" s="5" t="s">
        <v>40939</v>
      </c>
      <c r="M14517" s="2" t="s">
        <v>40940</v>
      </c>
      <c r="N14517" s="5" t="s">
        <v>36266</v>
      </c>
      <c r="O14517" s="5" t="s">
        <v>38</v>
      </c>
      <c r="P14517" s="5" t="s">
        <v>39</v>
      </c>
      <c r="Q14517" s="5" t="s">
        <v>40</v>
      </c>
      <c r="R14517" s="5" t="s">
        <v>1522</v>
      </c>
      <c r="S14517" s="5" t="s">
        <v>1523</v>
      </c>
      <c r="T14517" s="5" t="s">
        <v>42</v>
      </c>
      <c r="U14517" s="2">
        <v>1.9790000000000001</v>
      </c>
      <c r="V14517" s="2">
        <v>1.3839999999999999</v>
      </c>
      <c r="W14517" s="2">
        <v>0.02</v>
      </c>
      <c r="X14517" s="2">
        <v>159.1</v>
      </c>
      <c r="Y14517" s="2">
        <v>7.6</v>
      </c>
      <c r="Z14517" s="2">
        <v>16.7</v>
      </c>
      <c r="AA14517" s="5"/>
      <c r="AB14517" s="5" t="s">
        <v>43</v>
      </c>
      <c r="AC14517" s="5" t="s">
        <v>44</v>
      </c>
      <c r="AD14517" s="2"/>
      <c r="AE14517" s="1"/>
    </row>
    <row r="14518" spans="1:31" ht="14.45">
      <c r="A14518" s="11"/>
      <c r="B14518" s="20"/>
      <c r="C14518" s="2" t="s">
        <v>44505</v>
      </c>
      <c r="D14518" s="14" t="s">
        <v>44506</v>
      </c>
      <c r="E14518" s="2" t="s">
        <v>44507</v>
      </c>
      <c r="F14518" s="2" t="s">
        <v>40947</v>
      </c>
      <c r="G14518" s="8">
        <v>242</v>
      </c>
      <c r="H14518" s="5">
        <v>6</v>
      </c>
      <c r="I14518" s="5" t="s">
        <v>1518</v>
      </c>
      <c r="J14518" s="5" t="s">
        <v>40939</v>
      </c>
      <c r="K14518" s="2" t="s">
        <v>40940</v>
      </c>
      <c r="L14518" s="5" t="s">
        <v>40939</v>
      </c>
      <c r="M14518" s="2" t="s">
        <v>40940</v>
      </c>
      <c r="N14518" s="5" t="s">
        <v>36266</v>
      </c>
      <c r="O14518" s="5" t="s">
        <v>38</v>
      </c>
      <c r="P14518" s="5" t="s">
        <v>39</v>
      </c>
      <c r="Q14518" s="5" t="s">
        <v>40</v>
      </c>
      <c r="R14518" s="5" t="s">
        <v>1522</v>
      </c>
      <c r="S14518" s="5" t="s">
        <v>1523</v>
      </c>
      <c r="T14518" s="5" t="s">
        <v>42</v>
      </c>
      <c r="U14518" s="2">
        <v>1.994</v>
      </c>
      <c r="V14518" s="2">
        <v>1.399</v>
      </c>
      <c r="W14518" s="2">
        <v>0.02</v>
      </c>
      <c r="X14518" s="2">
        <v>159.1</v>
      </c>
      <c r="Y14518" s="2">
        <v>7.6</v>
      </c>
      <c r="Z14518" s="2">
        <v>16.7</v>
      </c>
      <c r="AA14518" s="5"/>
      <c r="AB14518" s="5" t="s">
        <v>43</v>
      </c>
      <c r="AC14518" s="5" t="s">
        <v>44</v>
      </c>
      <c r="AD14518" s="2"/>
      <c r="AE14518" s="1"/>
    </row>
    <row r="14519" spans="1:31" ht="14.45">
      <c r="A14519" s="11"/>
      <c r="B14519" s="20"/>
      <c r="C14519" s="2" t="s">
        <v>44508</v>
      </c>
      <c r="D14519" s="14" t="s">
        <v>44509</v>
      </c>
      <c r="E14519" s="2" t="s">
        <v>44510</v>
      </c>
      <c r="F14519" s="2" t="s">
        <v>40951</v>
      </c>
      <c r="G14519" s="8">
        <v>242</v>
      </c>
      <c r="H14519" s="5">
        <v>6</v>
      </c>
      <c r="I14519" s="5" t="s">
        <v>1518</v>
      </c>
      <c r="J14519" s="5" t="s">
        <v>40939</v>
      </c>
      <c r="K14519" s="2" t="s">
        <v>40940</v>
      </c>
      <c r="L14519" s="5" t="s">
        <v>40939</v>
      </c>
      <c r="M14519" s="2" t="s">
        <v>40940</v>
      </c>
      <c r="N14519" s="5" t="s">
        <v>36266</v>
      </c>
      <c r="O14519" s="5" t="s">
        <v>38</v>
      </c>
      <c r="P14519" s="5" t="s">
        <v>39</v>
      </c>
      <c r="Q14519" s="5" t="s">
        <v>40</v>
      </c>
      <c r="R14519" s="5" t="s">
        <v>1522</v>
      </c>
      <c r="S14519" s="5" t="s">
        <v>1523</v>
      </c>
      <c r="T14519" s="5" t="s">
        <v>42</v>
      </c>
      <c r="U14519" s="2">
        <v>2.0139999999999998</v>
      </c>
      <c r="V14519" s="2">
        <v>1.419</v>
      </c>
      <c r="W14519" s="2">
        <v>0.02</v>
      </c>
      <c r="X14519" s="2">
        <v>159.1</v>
      </c>
      <c r="Y14519" s="2">
        <v>7.6</v>
      </c>
      <c r="Z14519" s="2">
        <v>16.7</v>
      </c>
      <c r="AA14519" s="5"/>
      <c r="AB14519" s="5" t="s">
        <v>43</v>
      </c>
      <c r="AC14519" s="5" t="s">
        <v>44</v>
      </c>
      <c r="AD14519" s="2"/>
      <c r="AE14519" s="1"/>
    </row>
    <row r="14520" spans="1:31" ht="14.45">
      <c r="A14520" s="11"/>
      <c r="B14520" s="20"/>
      <c r="C14520" s="2" t="s">
        <v>44511</v>
      </c>
      <c r="D14520" s="14" t="s">
        <v>44512</v>
      </c>
      <c r="E14520" s="2" t="s">
        <v>44513</v>
      </c>
      <c r="F14520" s="2" t="s">
        <v>7208</v>
      </c>
      <c r="G14520" s="8">
        <v>211</v>
      </c>
      <c r="H14520" s="5">
        <v>6</v>
      </c>
      <c r="I14520" s="5" t="s">
        <v>1518</v>
      </c>
      <c r="J14520" s="5" t="s">
        <v>40939</v>
      </c>
      <c r="K14520" s="2" t="s">
        <v>40940</v>
      </c>
      <c r="L14520" s="5" t="s">
        <v>40939</v>
      </c>
      <c r="M14520" s="2" t="s">
        <v>40940</v>
      </c>
      <c r="N14520" s="5" t="s">
        <v>36266</v>
      </c>
      <c r="O14520" s="5" t="s">
        <v>38</v>
      </c>
      <c r="P14520" s="5" t="s">
        <v>39</v>
      </c>
      <c r="Q14520" s="5" t="s">
        <v>40</v>
      </c>
      <c r="R14520" s="5" t="s">
        <v>1522</v>
      </c>
      <c r="S14520" s="5" t="s">
        <v>1523</v>
      </c>
      <c r="T14520" s="5" t="s">
        <v>42</v>
      </c>
      <c r="U14520" s="2">
        <v>2.012</v>
      </c>
      <c r="V14520" s="2">
        <v>1.417</v>
      </c>
      <c r="W14520" s="2">
        <v>0.02</v>
      </c>
      <c r="X14520" s="2">
        <v>159.1</v>
      </c>
      <c r="Y14520" s="2">
        <v>7.6</v>
      </c>
      <c r="Z14520" s="2">
        <v>16.7</v>
      </c>
      <c r="AA14520" s="5"/>
      <c r="AB14520" s="5" t="s">
        <v>43</v>
      </c>
      <c r="AC14520" s="5" t="s">
        <v>44</v>
      </c>
      <c r="AD14520" s="2"/>
      <c r="AE14520" s="1"/>
    </row>
    <row r="14521" spans="1:31" ht="14.45">
      <c r="A14521" s="11"/>
      <c r="B14521" s="20"/>
      <c r="C14521" s="2" t="s">
        <v>44514</v>
      </c>
      <c r="D14521" s="14" t="s">
        <v>44515</v>
      </c>
      <c r="E14521" s="2" t="s">
        <v>44516</v>
      </c>
      <c r="F14521" s="2" t="s">
        <v>7521</v>
      </c>
      <c r="G14521" s="8">
        <v>211</v>
      </c>
      <c r="H14521" s="5">
        <v>6</v>
      </c>
      <c r="I14521" s="5" t="s">
        <v>1518</v>
      </c>
      <c r="J14521" s="5" t="s">
        <v>40939</v>
      </c>
      <c r="K14521" s="2" t="s">
        <v>40940</v>
      </c>
      <c r="L14521" s="5" t="s">
        <v>40939</v>
      </c>
      <c r="M14521" s="2" t="s">
        <v>40940</v>
      </c>
      <c r="N14521" s="5" t="s">
        <v>36266</v>
      </c>
      <c r="O14521" s="5" t="s">
        <v>38</v>
      </c>
      <c r="P14521" s="5" t="s">
        <v>39</v>
      </c>
      <c r="Q14521" s="5" t="s">
        <v>40</v>
      </c>
      <c r="R14521" s="5" t="s">
        <v>1522</v>
      </c>
      <c r="S14521" s="5" t="s">
        <v>1523</v>
      </c>
      <c r="T14521" s="5" t="s">
        <v>42</v>
      </c>
      <c r="U14521" s="2">
        <v>2.032</v>
      </c>
      <c r="V14521" s="2">
        <v>1.4370000000000001</v>
      </c>
      <c r="W14521" s="2">
        <v>0.02</v>
      </c>
      <c r="X14521" s="2">
        <v>159.1</v>
      </c>
      <c r="Y14521" s="2">
        <v>7.6</v>
      </c>
      <c r="Z14521" s="2">
        <v>16.7</v>
      </c>
      <c r="AA14521" s="5"/>
      <c r="AB14521" s="5" t="s">
        <v>43</v>
      </c>
      <c r="AC14521" s="5" t="s">
        <v>44</v>
      </c>
      <c r="AD14521" s="2"/>
      <c r="AE14521" s="1"/>
    </row>
    <row r="14522" spans="1:31" ht="14.45">
      <c r="A14522" s="11"/>
      <c r="B14522" s="20"/>
      <c r="C14522" s="2" t="s">
        <v>44517</v>
      </c>
      <c r="D14522" s="14" t="s">
        <v>44518</v>
      </c>
      <c r="E14522" s="2" t="s">
        <v>44519</v>
      </c>
      <c r="F14522" s="2" t="s">
        <v>36273</v>
      </c>
      <c r="G14522" s="8">
        <v>211</v>
      </c>
      <c r="H14522" s="5">
        <v>6</v>
      </c>
      <c r="I14522" s="5" t="s">
        <v>1518</v>
      </c>
      <c r="J14522" s="5" t="s">
        <v>40939</v>
      </c>
      <c r="K14522" s="2" t="s">
        <v>40940</v>
      </c>
      <c r="L14522" s="5" t="s">
        <v>40939</v>
      </c>
      <c r="M14522" s="2" t="s">
        <v>40940</v>
      </c>
      <c r="N14522" s="5" t="s">
        <v>36266</v>
      </c>
      <c r="O14522" s="5" t="s">
        <v>38</v>
      </c>
      <c r="P14522" s="5" t="s">
        <v>39</v>
      </c>
      <c r="Q14522" s="5" t="s">
        <v>40</v>
      </c>
      <c r="R14522" s="5" t="s">
        <v>1522</v>
      </c>
      <c r="S14522" s="5" t="s">
        <v>1523</v>
      </c>
      <c r="T14522" s="5" t="s">
        <v>42</v>
      </c>
      <c r="U14522" s="2">
        <v>2.0470000000000002</v>
      </c>
      <c r="V14522" s="2">
        <v>1.452</v>
      </c>
      <c r="W14522" s="2">
        <v>0.02</v>
      </c>
      <c r="X14522" s="2">
        <v>159.1</v>
      </c>
      <c r="Y14522" s="2">
        <v>7.6</v>
      </c>
      <c r="Z14522" s="2">
        <v>16.7</v>
      </c>
      <c r="AA14522" s="5"/>
      <c r="AB14522" s="5" t="s">
        <v>43</v>
      </c>
      <c r="AC14522" s="5" t="s">
        <v>44</v>
      </c>
      <c r="AD14522" s="2"/>
      <c r="AE14522" s="1"/>
    </row>
    <row r="14523" spans="1:31" ht="14.45">
      <c r="A14523" s="11"/>
      <c r="B14523" s="20"/>
      <c r="C14523" s="2" t="s">
        <v>44520</v>
      </c>
      <c r="D14523" s="14" t="s">
        <v>44521</v>
      </c>
      <c r="E14523" s="2" t="s">
        <v>44522</v>
      </c>
      <c r="F14523" s="2" t="s">
        <v>40967</v>
      </c>
      <c r="G14523" s="8">
        <v>242</v>
      </c>
      <c r="H14523" s="5">
        <v>6</v>
      </c>
      <c r="I14523" s="5" t="s">
        <v>1518</v>
      </c>
      <c r="J14523" s="5" t="s">
        <v>40939</v>
      </c>
      <c r="K14523" s="2" t="s">
        <v>40940</v>
      </c>
      <c r="L14523" s="5" t="s">
        <v>40939</v>
      </c>
      <c r="M14523" s="2" t="s">
        <v>40940</v>
      </c>
      <c r="N14523" s="5" t="s">
        <v>36266</v>
      </c>
      <c r="O14523" s="5" t="s">
        <v>38</v>
      </c>
      <c r="P14523" s="5" t="s">
        <v>39</v>
      </c>
      <c r="Q14523" s="5" t="s">
        <v>40</v>
      </c>
      <c r="R14523" s="5" t="s">
        <v>1522</v>
      </c>
      <c r="S14523" s="5" t="s">
        <v>1523</v>
      </c>
      <c r="T14523" s="5" t="s">
        <v>42</v>
      </c>
      <c r="U14523" s="2">
        <v>2.012</v>
      </c>
      <c r="V14523" s="2">
        <v>1.417</v>
      </c>
      <c r="W14523" s="2">
        <v>0.02</v>
      </c>
      <c r="X14523" s="2">
        <v>159.1</v>
      </c>
      <c r="Y14523" s="2">
        <v>7.6</v>
      </c>
      <c r="Z14523" s="2">
        <v>16.7</v>
      </c>
      <c r="AA14523" s="5"/>
      <c r="AB14523" s="5" t="s">
        <v>43</v>
      </c>
      <c r="AC14523" s="5" t="s">
        <v>44</v>
      </c>
      <c r="AD14523" s="2"/>
      <c r="AE14523" s="1"/>
    </row>
    <row r="14524" spans="1:31" ht="14.45">
      <c r="A14524" s="11"/>
      <c r="B14524" s="20"/>
      <c r="C14524" s="2" t="s">
        <v>44523</v>
      </c>
      <c r="D14524" s="14" t="s">
        <v>44524</v>
      </c>
      <c r="E14524" s="2" t="s">
        <v>44525</v>
      </c>
      <c r="F14524" s="2" t="s">
        <v>40979</v>
      </c>
      <c r="G14524" s="8">
        <v>242</v>
      </c>
      <c r="H14524" s="5">
        <v>6</v>
      </c>
      <c r="I14524" s="5" t="s">
        <v>1518</v>
      </c>
      <c r="J14524" s="5" t="s">
        <v>40939</v>
      </c>
      <c r="K14524" s="2" t="s">
        <v>40940</v>
      </c>
      <c r="L14524" s="5" t="s">
        <v>40939</v>
      </c>
      <c r="M14524" s="2" t="s">
        <v>40940</v>
      </c>
      <c r="N14524" s="5" t="s">
        <v>36266</v>
      </c>
      <c r="O14524" s="5" t="s">
        <v>38</v>
      </c>
      <c r="P14524" s="5" t="s">
        <v>39</v>
      </c>
      <c r="Q14524" s="5" t="s">
        <v>40</v>
      </c>
      <c r="R14524" s="5" t="s">
        <v>1522</v>
      </c>
      <c r="S14524" s="5" t="s">
        <v>1523</v>
      </c>
      <c r="T14524" s="5" t="s">
        <v>42</v>
      </c>
      <c r="U14524" s="2">
        <v>2.032</v>
      </c>
      <c r="V14524" s="2">
        <v>1.4370000000000001</v>
      </c>
      <c r="W14524" s="2">
        <v>0.02</v>
      </c>
      <c r="X14524" s="2">
        <v>159.1</v>
      </c>
      <c r="Y14524" s="2">
        <v>7.6</v>
      </c>
      <c r="Z14524" s="2">
        <v>16.7</v>
      </c>
      <c r="AA14524" s="5"/>
      <c r="AB14524" s="5" t="s">
        <v>43</v>
      </c>
      <c r="AC14524" s="5" t="s">
        <v>44</v>
      </c>
      <c r="AD14524" s="2"/>
      <c r="AE14524" s="1"/>
    </row>
    <row r="14525" spans="1:31" ht="14.45">
      <c r="A14525" s="11"/>
      <c r="B14525" s="20"/>
      <c r="C14525" s="2" t="s">
        <v>44526</v>
      </c>
      <c r="D14525" s="14" t="s">
        <v>44527</v>
      </c>
      <c r="E14525" s="2" t="s">
        <v>44528</v>
      </c>
      <c r="F14525" s="2" t="s">
        <v>40989</v>
      </c>
      <c r="G14525" s="8">
        <v>242</v>
      </c>
      <c r="H14525" s="5">
        <v>6</v>
      </c>
      <c r="I14525" s="5" t="s">
        <v>1518</v>
      </c>
      <c r="J14525" s="5" t="s">
        <v>40939</v>
      </c>
      <c r="K14525" s="2" t="s">
        <v>40940</v>
      </c>
      <c r="L14525" s="5" t="s">
        <v>40939</v>
      </c>
      <c r="M14525" s="2" t="s">
        <v>40940</v>
      </c>
      <c r="N14525" s="5" t="s">
        <v>36266</v>
      </c>
      <c r="O14525" s="5" t="s">
        <v>38</v>
      </c>
      <c r="P14525" s="5" t="s">
        <v>39</v>
      </c>
      <c r="Q14525" s="5" t="s">
        <v>40</v>
      </c>
      <c r="R14525" s="5" t="s">
        <v>1522</v>
      </c>
      <c r="S14525" s="5" t="s">
        <v>1523</v>
      </c>
      <c r="T14525" s="5" t="s">
        <v>42</v>
      </c>
      <c r="U14525" s="2">
        <v>2.012</v>
      </c>
      <c r="V14525" s="2">
        <v>1.417</v>
      </c>
      <c r="W14525" s="2">
        <v>0.02</v>
      </c>
      <c r="X14525" s="2">
        <v>159.1</v>
      </c>
      <c r="Y14525" s="2">
        <v>7.6</v>
      </c>
      <c r="Z14525" s="2">
        <v>16.7</v>
      </c>
      <c r="AA14525" s="5"/>
      <c r="AB14525" s="5" t="s">
        <v>43</v>
      </c>
      <c r="AC14525" s="5" t="s">
        <v>44</v>
      </c>
      <c r="AD14525" s="2"/>
      <c r="AE14525" s="1"/>
    </row>
    <row r="14526" spans="1:31" ht="14.45">
      <c r="A14526" s="11"/>
      <c r="B14526" s="20"/>
      <c r="C14526" s="2" t="s">
        <v>44529</v>
      </c>
      <c r="D14526" s="14" t="s">
        <v>44530</v>
      </c>
      <c r="E14526" s="2" t="s">
        <v>44531</v>
      </c>
      <c r="F14526" s="2" t="s">
        <v>40997</v>
      </c>
      <c r="G14526" s="8">
        <v>242</v>
      </c>
      <c r="H14526" s="5">
        <v>6</v>
      </c>
      <c r="I14526" s="5" t="s">
        <v>1518</v>
      </c>
      <c r="J14526" s="5" t="s">
        <v>40939</v>
      </c>
      <c r="K14526" s="2" t="s">
        <v>40940</v>
      </c>
      <c r="L14526" s="5" t="s">
        <v>40939</v>
      </c>
      <c r="M14526" s="2" t="s">
        <v>40940</v>
      </c>
      <c r="N14526" s="5" t="s">
        <v>36266</v>
      </c>
      <c r="O14526" s="5" t="s">
        <v>38</v>
      </c>
      <c r="P14526" s="5" t="s">
        <v>39</v>
      </c>
      <c r="Q14526" s="5" t="s">
        <v>40</v>
      </c>
      <c r="R14526" s="5" t="s">
        <v>1522</v>
      </c>
      <c r="S14526" s="5" t="s">
        <v>1523</v>
      </c>
      <c r="T14526" s="5" t="s">
        <v>42</v>
      </c>
      <c r="U14526" s="2">
        <v>1.9419999999999999</v>
      </c>
      <c r="V14526" s="2">
        <v>1.347</v>
      </c>
      <c r="W14526" s="2">
        <v>0.02</v>
      </c>
      <c r="X14526" s="2">
        <v>159.1</v>
      </c>
      <c r="Y14526" s="2">
        <v>7.6</v>
      </c>
      <c r="Z14526" s="2">
        <v>16.7</v>
      </c>
      <c r="AA14526" s="5"/>
      <c r="AB14526" s="5" t="s">
        <v>43</v>
      </c>
      <c r="AC14526" s="5" t="s">
        <v>44</v>
      </c>
      <c r="AD14526" s="2"/>
      <c r="AE14526" s="1"/>
    </row>
    <row r="14527" spans="1:31" ht="14.45">
      <c r="A14527" s="11"/>
      <c r="B14527" s="20"/>
      <c r="C14527" s="2" t="s">
        <v>44532</v>
      </c>
      <c r="D14527" s="14" t="s">
        <v>44533</v>
      </c>
      <c r="E14527" s="2" t="s">
        <v>44534</v>
      </c>
      <c r="F14527" s="2" t="s">
        <v>41001</v>
      </c>
      <c r="G14527" s="8">
        <v>242</v>
      </c>
      <c r="H14527" s="5">
        <v>6</v>
      </c>
      <c r="I14527" s="5" t="s">
        <v>1518</v>
      </c>
      <c r="J14527" s="5" t="s">
        <v>40939</v>
      </c>
      <c r="K14527" s="2" t="s">
        <v>40940</v>
      </c>
      <c r="L14527" s="5" t="s">
        <v>40939</v>
      </c>
      <c r="M14527" s="2" t="s">
        <v>40940</v>
      </c>
      <c r="N14527" s="5" t="s">
        <v>36266</v>
      </c>
      <c r="O14527" s="5" t="s">
        <v>38</v>
      </c>
      <c r="P14527" s="5" t="s">
        <v>39</v>
      </c>
      <c r="Q14527" s="5" t="s">
        <v>40</v>
      </c>
      <c r="R14527" s="5" t="s">
        <v>1522</v>
      </c>
      <c r="S14527" s="5" t="s">
        <v>1523</v>
      </c>
      <c r="T14527" s="5" t="s">
        <v>42</v>
      </c>
      <c r="U14527" s="2">
        <v>2.012</v>
      </c>
      <c r="V14527" s="2">
        <v>1.417</v>
      </c>
      <c r="W14527" s="2">
        <v>0.02</v>
      </c>
      <c r="X14527" s="2">
        <v>159.1</v>
      </c>
      <c r="Y14527" s="2">
        <v>7.6</v>
      </c>
      <c r="Z14527" s="2">
        <v>16.7</v>
      </c>
      <c r="AA14527" s="5"/>
      <c r="AB14527" s="5" t="s">
        <v>43</v>
      </c>
      <c r="AC14527" s="5" t="s">
        <v>44</v>
      </c>
      <c r="AD14527" s="2"/>
      <c r="AE14527" s="1"/>
    </row>
    <row r="14528" spans="1:31" ht="14.45">
      <c r="A14528" s="11"/>
      <c r="B14528" s="20"/>
      <c r="C14528" s="2" t="s">
        <v>44535</v>
      </c>
      <c r="D14528" s="14" t="s">
        <v>44536</v>
      </c>
      <c r="E14528" s="2" t="s">
        <v>44537</v>
      </c>
      <c r="F14528" s="2" t="s">
        <v>41009</v>
      </c>
      <c r="G14528" s="8">
        <v>242</v>
      </c>
      <c r="H14528" s="5">
        <v>6</v>
      </c>
      <c r="I14528" s="5" t="s">
        <v>1518</v>
      </c>
      <c r="J14528" s="5" t="s">
        <v>40939</v>
      </c>
      <c r="K14528" s="2" t="s">
        <v>40940</v>
      </c>
      <c r="L14528" s="5" t="s">
        <v>40939</v>
      </c>
      <c r="M14528" s="2" t="s">
        <v>40940</v>
      </c>
      <c r="N14528" s="5" t="s">
        <v>36266</v>
      </c>
      <c r="O14528" s="5" t="s">
        <v>38</v>
      </c>
      <c r="P14528" s="5" t="s">
        <v>39</v>
      </c>
      <c r="Q14528" s="5" t="s">
        <v>40</v>
      </c>
      <c r="R14528" s="5" t="s">
        <v>1522</v>
      </c>
      <c r="S14528" s="5" t="s">
        <v>1523</v>
      </c>
      <c r="T14528" s="5" t="s">
        <v>42</v>
      </c>
      <c r="U14528" s="2">
        <v>2.0289999999999999</v>
      </c>
      <c r="V14528" s="2">
        <v>1.4339999999999999</v>
      </c>
      <c r="W14528" s="2">
        <v>0.02</v>
      </c>
      <c r="X14528" s="2">
        <v>159.1</v>
      </c>
      <c r="Y14528" s="2">
        <v>7.6</v>
      </c>
      <c r="Z14528" s="2">
        <v>16.7</v>
      </c>
      <c r="AA14528" s="5"/>
      <c r="AB14528" s="5" t="s">
        <v>43</v>
      </c>
      <c r="AC14528" s="5" t="s">
        <v>44</v>
      </c>
      <c r="AD14528" s="2"/>
      <c r="AE14528" s="1"/>
    </row>
    <row r="14529" spans="1:31" ht="14.45">
      <c r="A14529" s="11"/>
      <c r="B14529" s="20"/>
      <c r="C14529" s="2" t="s">
        <v>44538</v>
      </c>
      <c r="D14529" s="14" t="s">
        <v>44539</v>
      </c>
      <c r="E14529" s="2" t="s">
        <v>44540</v>
      </c>
      <c r="F14529" s="2" t="s">
        <v>7396</v>
      </c>
      <c r="G14529" s="8">
        <v>211</v>
      </c>
      <c r="H14529" s="5">
        <v>6</v>
      </c>
      <c r="I14529" s="5" t="s">
        <v>1518</v>
      </c>
      <c r="J14529" s="5" t="s">
        <v>40939</v>
      </c>
      <c r="K14529" s="2" t="s">
        <v>40940</v>
      </c>
      <c r="L14529" s="5" t="s">
        <v>40939</v>
      </c>
      <c r="M14529" s="2" t="s">
        <v>40940</v>
      </c>
      <c r="N14529" s="5" t="s">
        <v>36266</v>
      </c>
      <c r="O14529" s="5" t="s">
        <v>38</v>
      </c>
      <c r="P14529" s="5" t="s">
        <v>39</v>
      </c>
      <c r="Q14529" s="5" t="s">
        <v>40</v>
      </c>
      <c r="R14529" s="5" t="s">
        <v>1522</v>
      </c>
      <c r="S14529" s="5" t="s">
        <v>1523</v>
      </c>
      <c r="T14529" s="5" t="s">
        <v>42</v>
      </c>
      <c r="U14529" s="2">
        <v>2.0289999999999999</v>
      </c>
      <c r="V14529" s="2">
        <v>1.4339999999999999</v>
      </c>
      <c r="W14529" s="2">
        <v>0.02</v>
      </c>
      <c r="X14529" s="2">
        <v>159.1</v>
      </c>
      <c r="Y14529" s="2">
        <v>7.6</v>
      </c>
      <c r="Z14529" s="2">
        <v>16.7</v>
      </c>
      <c r="AA14529" s="5"/>
      <c r="AB14529" s="5" t="s">
        <v>43</v>
      </c>
      <c r="AC14529" s="5" t="s">
        <v>44</v>
      </c>
      <c r="AD14529" s="2"/>
      <c r="AE14529" s="1"/>
    </row>
    <row r="14530" spans="1:31" ht="14.45">
      <c r="A14530" s="11"/>
      <c r="B14530" s="20"/>
      <c r="C14530" s="2" t="s">
        <v>44541</v>
      </c>
      <c r="D14530" s="14" t="s">
        <v>44542</v>
      </c>
      <c r="E14530" s="2" t="s">
        <v>44543</v>
      </c>
      <c r="F14530" s="2" t="s">
        <v>7507</v>
      </c>
      <c r="G14530" s="8">
        <v>211</v>
      </c>
      <c r="H14530" s="5">
        <v>6</v>
      </c>
      <c r="I14530" s="5" t="s">
        <v>1518</v>
      </c>
      <c r="J14530" s="5" t="s">
        <v>40939</v>
      </c>
      <c r="K14530" s="2" t="s">
        <v>40940</v>
      </c>
      <c r="L14530" s="5" t="s">
        <v>40939</v>
      </c>
      <c r="M14530" s="2" t="s">
        <v>40940</v>
      </c>
      <c r="N14530" s="5" t="s">
        <v>36266</v>
      </c>
      <c r="O14530" s="5" t="s">
        <v>38</v>
      </c>
      <c r="P14530" s="5" t="s">
        <v>39</v>
      </c>
      <c r="Q14530" s="5" t="s">
        <v>40</v>
      </c>
      <c r="R14530" s="5" t="s">
        <v>1522</v>
      </c>
      <c r="S14530" s="5" t="s">
        <v>1523</v>
      </c>
      <c r="T14530" s="5" t="s">
        <v>42</v>
      </c>
      <c r="U14530" s="2">
        <v>2.0489999999999999</v>
      </c>
      <c r="V14530" s="2">
        <v>1.454</v>
      </c>
      <c r="W14530" s="2">
        <v>0.02</v>
      </c>
      <c r="X14530" s="2">
        <v>159.1</v>
      </c>
      <c r="Y14530" s="2">
        <v>7.6</v>
      </c>
      <c r="Z14530" s="2">
        <v>16.7</v>
      </c>
      <c r="AA14530" s="5"/>
      <c r="AB14530" s="5" t="s">
        <v>43</v>
      </c>
      <c r="AC14530" s="5" t="s">
        <v>44</v>
      </c>
      <c r="AD14530" s="2"/>
      <c r="AE14530" s="1"/>
    </row>
    <row r="14531" spans="1:31" ht="14.45">
      <c r="A14531" s="11"/>
      <c r="B14531" s="20"/>
      <c r="C14531" s="2" t="s">
        <v>44544</v>
      </c>
      <c r="D14531" s="14" t="s">
        <v>44545</v>
      </c>
      <c r="E14531" s="2" t="s">
        <v>44546</v>
      </c>
      <c r="F14531" s="2" t="s">
        <v>41023</v>
      </c>
      <c r="G14531" s="8">
        <v>242</v>
      </c>
      <c r="H14531" s="5">
        <v>6</v>
      </c>
      <c r="I14531" s="5" t="s">
        <v>1518</v>
      </c>
      <c r="J14531" s="5" t="s">
        <v>40939</v>
      </c>
      <c r="K14531" s="2" t="s">
        <v>40940</v>
      </c>
      <c r="L14531" s="5" t="s">
        <v>40939</v>
      </c>
      <c r="M14531" s="2" t="s">
        <v>40940</v>
      </c>
      <c r="N14531" s="5" t="s">
        <v>36266</v>
      </c>
      <c r="O14531" s="5" t="s">
        <v>38</v>
      </c>
      <c r="P14531" s="5" t="s">
        <v>39</v>
      </c>
      <c r="Q14531" s="5" t="s">
        <v>40</v>
      </c>
      <c r="R14531" s="5" t="s">
        <v>1522</v>
      </c>
      <c r="S14531" s="5" t="s">
        <v>1523</v>
      </c>
      <c r="T14531" s="5" t="s">
        <v>42</v>
      </c>
      <c r="U14531" s="2">
        <v>1.9419999999999999</v>
      </c>
      <c r="V14531" s="2">
        <v>1.347</v>
      </c>
      <c r="W14531" s="2">
        <v>0.02</v>
      </c>
      <c r="X14531" s="2">
        <v>159.1</v>
      </c>
      <c r="Y14531" s="2">
        <v>7.6</v>
      </c>
      <c r="Z14531" s="2">
        <v>16.7</v>
      </c>
      <c r="AA14531" s="5"/>
      <c r="AB14531" s="5" t="s">
        <v>43</v>
      </c>
      <c r="AC14531" s="5" t="s">
        <v>44</v>
      </c>
      <c r="AD14531" s="2"/>
      <c r="AE14531" s="1"/>
    </row>
    <row r="14532" spans="1:31" ht="14.45">
      <c r="A14532" s="11"/>
      <c r="B14532" s="20"/>
      <c r="C14532" s="2" t="s">
        <v>44547</v>
      </c>
      <c r="D14532" s="14" t="s">
        <v>44548</v>
      </c>
      <c r="E14532" s="2" t="s">
        <v>44549</v>
      </c>
      <c r="F14532" s="2" t="s">
        <v>41031</v>
      </c>
      <c r="G14532" s="8">
        <v>242</v>
      </c>
      <c r="H14532" s="5">
        <v>6</v>
      </c>
      <c r="I14532" s="5" t="s">
        <v>1518</v>
      </c>
      <c r="J14532" s="5" t="s">
        <v>40939</v>
      </c>
      <c r="K14532" s="2" t="s">
        <v>40940</v>
      </c>
      <c r="L14532" s="5" t="s">
        <v>40939</v>
      </c>
      <c r="M14532" s="2" t="s">
        <v>40940</v>
      </c>
      <c r="N14532" s="5" t="s">
        <v>36266</v>
      </c>
      <c r="O14532" s="5" t="s">
        <v>38</v>
      </c>
      <c r="P14532" s="5" t="s">
        <v>39</v>
      </c>
      <c r="Q14532" s="5" t="s">
        <v>40</v>
      </c>
      <c r="R14532" s="5" t="s">
        <v>1522</v>
      </c>
      <c r="S14532" s="5" t="s">
        <v>1523</v>
      </c>
      <c r="T14532" s="5" t="s">
        <v>42</v>
      </c>
      <c r="U14532" s="2">
        <v>1.9419999999999999</v>
      </c>
      <c r="V14532" s="2">
        <v>1.347</v>
      </c>
      <c r="W14532" s="2">
        <v>0.02</v>
      </c>
      <c r="X14532" s="2">
        <v>159.1</v>
      </c>
      <c r="Y14532" s="2">
        <v>7.6</v>
      </c>
      <c r="Z14532" s="2">
        <v>16.7</v>
      </c>
      <c r="AA14532" s="5"/>
      <c r="AB14532" s="5" t="s">
        <v>43</v>
      </c>
      <c r="AC14532" s="5" t="s">
        <v>44</v>
      </c>
      <c r="AD14532" s="2"/>
      <c r="AE14532" s="1"/>
    </row>
    <row r="14533" spans="1:31" ht="14.45">
      <c r="A14533" s="11"/>
      <c r="B14533" s="20"/>
      <c r="C14533" s="2" t="s">
        <v>44550</v>
      </c>
      <c r="D14533" s="14" t="s">
        <v>44551</v>
      </c>
      <c r="E14533" s="2" t="s">
        <v>44552</v>
      </c>
      <c r="F14533" s="2" t="s">
        <v>41045</v>
      </c>
      <c r="G14533" s="8">
        <v>242</v>
      </c>
      <c r="H14533" s="5">
        <v>6</v>
      </c>
      <c r="I14533" s="5" t="s">
        <v>1518</v>
      </c>
      <c r="J14533" s="5" t="s">
        <v>40939</v>
      </c>
      <c r="K14533" s="2" t="s">
        <v>40940</v>
      </c>
      <c r="L14533" s="5" t="s">
        <v>40939</v>
      </c>
      <c r="M14533" s="2" t="s">
        <v>40940</v>
      </c>
      <c r="N14533" s="5" t="s">
        <v>36266</v>
      </c>
      <c r="O14533" s="5" t="s">
        <v>38</v>
      </c>
      <c r="P14533" s="5" t="s">
        <v>39</v>
      </c>
      <c r="Q14533" s="5" t="s">
        <v>40</v>
      </c>
      <c r="R14533" s="5" t="s">
        <v>1522</v>
      </c>
      <c r="S14533" s="5" t="s">
        <v>1523</v>
      </c>
      <c r="T14533" s="5" t="s">
        <v>42</v>
      </c>
      <c r="U14533" s="2">
        <v>2.0470000000000002</v>
      </c>
      <c r="V14533" s="2">
        <v>1.452</v>
      </c>
      <c r="W14533" s="2">
        <v>0.02</v>
      </c>
      <c r="X14533" s="2">
        <v>159.1</v>
      </c>
      <c r="Y14533" s="2">
        <v>7.6</v>
      </c>
      <c r="Z14533" s="2">
        <v>16.7</v>
      </c>
      <c r="AA14533" s="5"/>
      <c r="AB14533" s="5" t="s">
        <v>43</v>
      </c>
      <c r="AC14533" s="5" t="s">
        <v>44</v>
      </c>
      <c r="AD14533" s="2"/>
      <c r="AE14533" s="1"/>
    </row>
    <row r="14534" spans="1:31" ht="14.45">
      <c r="A14534" s="11"/>
      <c r="B14534" s="20"/>
      <c r="C14534" s="2" t="s">
        <v>44553</v>
      </c>
      <c r="D14534" s="14" t="s">
        <v>44554</v>
      </c>
      <c r="E14534" s="2" t="s">
        <v>44555</v>
      </c>
      <c r="F14534" s="2" t="s">
        <v>41049</v>
      </c>
      <c r="G14534" s="8">
        <v>242</v>
      </c>
      <c r="H14534" s="5">
        <v>6</v>
      </c>
      <c r="I14534" s="5" t="s">
        <v>1518</v>
      </c>
      <c r="J14534" s="5" t="s">
        <v>40939</v>
      </c>
      <c r="K14534" s="2" t="s">
        <v>40940</v>
      </c>
      <c r="L14534" s="5" t="s">
        <v>40939</v>
      </c>
      <c r="M14534" s="2" t="s">
        <v>40940</v>
      </c>
      <c r="N14534" s="5" t="s">
        <v>36266</v>
      </c>
      <c r="O14534" s="5" t="s">
        <v>38</v>
      </c>
      <c r="P14534" s="5" t="s">
        <v>39</v>
      </c>
      <c r="Q14534" s="5" t="s">
        <v>40</v>
      </c>
      <c r="R14534" s="5" t="s">
        <v>1522</v>
      </c>
      <c r="S14534" s="5" t="s">
        <v>1523</v>
      </c>
      <c r="T14534" s="5" t="s">
        <v>42</v>
      </c>
      <c r="U14534" s="2">
        <v>2.0670000000000002</v>
      </c>
      <c r="V14534" s="2">
        <v>1.472</v>
      </c>
      <c r="W14534" s="2">
        <v>0.02</v>
      </c>
      <c r="X14534" s="2">
        <v>159.1</v>
      </c>
      <c r="Y14534" s="2">
        <v>7.6</v>
      </c>
      <c r="Z14534" s="2">
        <v>16.7</v>
      </c>
      <c r="AA14534" s="5"/>
      <c r="AB14534" s="5" t="s">
        <v>43</v>
      </c>
      <c r="AC14534" s="5" t="s">
        <v>44</v>
      </c>
      <c r="AD14534" s="2"/>
      <c r="AE14534" s="1"/>
    </row>
    <row r="14535" spans="1:31" ht="14.45">
      <c r="A14535" s="11"/>
      <c r="B14535" s="20"/>
      <c r="C14535" s="2" t="s">
        <v>44556</v>
      </c>
      <c r="D14535" s="14" t="s">
        <v>44557</v>
      </c>
      <c r="E14535" s="2" t="s">
        <v>44558</v>
      </c>
      <c r="F14535" s="2" t="s">
        <v>7204</v>
      </c>
      <c r="G14535" s="8">
        <v>175</v>
      </c>
      <c r="H14535" s="5">
        <v>6</v>
      </c>
      <c r="I14535" s="5" t="s">
        <v>1518</v>
      </c>
      <c r="J14535" s="5" t="s">
        <v>40939</v>
      </c>
      <c r="K14535" s="2" t="s">
        <v>40940</v>
      </c>
      <c r="L14535" s="5" t="s">
        <v>40939</v>
      </c>
      <c r="M14535" s="2" t="s">
        <v>40940</v>
      </c>
      <c r="N14535" s="5" t="s">
        <v>36266</v>
      </c>
      <c r="O14535" s="5" t="s">
        <v>38</v>
      </c>
      <c r="P14535" s="5" t="s">
        <v>39</v>
      </c>
      <c r="Q14535" s="5" t="s">
        <v>40</v>
      </c>
      <c r="R14535" s="5" t="s">
        <v>1522</v>
      </c>
      <c r="S14535" s="5" t="s">
        <v>1523</v>
      </c>
      <c r="T14535" s="5" t="s">
        <v>42</v>
      </c>
      <c r="U14535" s="2">
        <v>1.468</v>
      </c>
      <c r="V14535" s="2">
        <v>0.95599999999999996</v>
      </c>
      <c r="W14535" s="2">
        <v>1.7999999999999999E-2</v>
      </c>
      <c r="X14535" s="2">
        <v>139.1</v>
      </c>
      <c r="Y14535" s="2">
        <v>7.6</v>
      </c>
      <c r="Z14535" s="2">
        <v>16.7</v>
      </c>
      <c r="AA14535" s="5"/>
      <c r="AB14535" s="5" t="s">
        <v>43</v>
      </c>
      <c r="AC14535" s="5" t="s">
        <v>44</v>
      </c>
      <c r="AD14535" s="2"/>
      <c r="AE14535" s="1"/>
    </row>
    <row r="14536" spans="1:31" ht="14.45">
      <c r="A14536" s="11"/>
      <c r="B14536" s="20"/>
      <c r="C14536" s="2" t="s">
        <v>44559</v>
      </c>
      <c r="D14536" s="14" t="s">
        <v>44560</v>
      </c>
      <c r="E14536" s="2" t="s">
        <v>44561</v>
      </c>
      <c r="F14536" s="2" t="s">
        <v>7514</v>
      </c>
      <c r="G14536" s="8">
        <v>175</v>
      </c>
      <c r="H14536" s="5">
        <v>6</v>
      </c>
      <c r="I14536" s="5" t="s">
        <v>1518</v>
      </c>
      <c r="J14536" s="5" t="s">
        <v>40939</v>
      </c>
      <c r="K14536" s="2" t="s">
        <v>40940</v>
      </c>
      <c r="L14536" s="5" t="s">
        <v>40939</v>
      </c>
      <c r="M14536" s="2" t="s">
        <v>40940</v>
      </c>
      <c r="N14536" s="5" t="s">
        <v>36266</v>
      </c>
      <c r="O14536" s="5" t="s">
        <v>38</v>
      </c>
      <c r="P14536" s="5" t="s">
        <v>39</v>
      </c>
      <c r="Q14536" s="5" t="s">
        <v>40</v>
      </c>
      <c r="R14536" s="5" t="s">
        <v>1522</v>
      </c>
      <c r="S14536" s="5" t="s">
        <v>1523</v>
      </c>
      <c r="T14536" s="5" t="s">
        <v>42</v>
      </c>
      <c r="U14536" s="2">
        <v>1.4930000000000001</v>
      </c>
      <c r="V14536" s="2">
        <v>0.98099999999999998</v>
      </c>
      <c r="W14536" s="2">
        <v>1.7999999999999999E-2</v>
      </c>
      <c r="X14536" s="2">
        <v>139.1</v>
      </c>
      <c r="Y14536" s="2">
        <v>7.6</v>
      </c>
      <c r="Z14536" s="2">
        <v>16.7</v>
      </c>
      <c r="AA14536" s="5"/>
      <c r="AB14536" s="5" t="s">
        <v>43</v>
      </c>
      <c r="AC14536" s="5" t="s">
        <v>44</v>
      </c>
      <c r="AD14536" s="2"/>
      <c r="AE14536" s="1"/>
    </row>
    <row r="14537" spans="1:31" ht="14.45">
      <c r="A14537" s="11"/>
      <c r="B14537" s="20"/>
      <c r="C14537" s="2" t="s">
        <v>44562</v>
      </c>
      <c r="D14537" s="14" t="s">
        <v>44563</v>
      </c>
      <c r="E14537" s="2" t="s">
        <v>44564</v>
      </c>
      <c r="F14537" s="2" t="s">
        <v>7208</v>
      </c>
      <c r="G14537" s="8">
        <v>175</v>
      </c>
      <c r="H14537" s="5">
        <v>6</v>
      </c>
      <c r="I14537" s="5" t="s">
        <v>1518</v>
      </c>
      <c r="J14537" s="5" t="s">
        <v>40939</v>
      </c>
      <c r="K14537" s="2" t="s">
        <v>40940</v>
      </c>
      <c r="L14537" s="5" t="s">
        <v>40939</v>
      </c>
      <c r="M14537" s="2" t="s">
        <v>40940</v>
      </c>
      <c r="N14537" s="5" t="s">
        <v>36266</v>
      </c>
      <c r="O14537" s="5" t="s">
        <v>38</v>
      </c>
      <c r="P14537" s="5" t="s">
        <v>39</v>
      </c>
      <c r="Q14537" s="5" t="s">
        <v>40</v>
      </c>
      <c r="R14537" s="5" t="s">
        <v>1522</v>
      </c>
      <c r="S14537" s="5" t="s">
        <v>1523</v>
      </c>
      <c r="T14537" s="5" t="s">
        <v>42</v>
      </c>
      <c r="U14537" s="2">
        <v>1.4890000000000001</v>
      </c>
      <c r="V14537" s="2">
        <v>0.97699999999999998</v>
      </c>
      <c r="W14537" s="2">
        <v>1.7999999999999999E-2</v>
      </c>
      <c r="X14537" s="2">
        <v>139.1</v>
      </c>
      <c r="Y14537" s="2">
        <v>7.6</v>
      </c>
      <c r="Z14537" s="2">
        <v>16.7</v>
      </c>
      <c r="AA14537" s="5"/>
      <c r="AB14537" s="5" t="s">
        <v>43</v>
      </c>
      <c r="AC14537" s="5" t="s">
        <v>44</v>
      </c>
      <c r="AD14537" s="2"/>
      <c r="AE14537" s="1"/>
    </row>
    <row r="14538" spans="1:31" ht="14.45">
      <c r="A14538" s="11"/>
      <c r="B14538" s="20"/>
      <c r="C14538" s="2" t="s">
        <v>44565</v>
      </c>
      <c r="D14538" s="14" t="s">
        <v>44566</v>
      </c>
      <c r="E14538" s="2" t="s">
        <v>44567</v>
      </c>
      <c r="F14538" s="2" t="s">
        <v>36277</v>
      </c>
      <c r="G14538" s="8">
        <v>175</v>
      </c>
      <c r="H14538" s="5">
        <v>6</v>
      </c>
      <c r="I14538" s="5" t="s">
        <v>1518</v>
      </c>
      <c r="J14538" s="5" t="s">
        <v>40939</v>
      </c>
      <c r="K14538" s="2" t="s">
        <v>40940</v>
      </c>
      <c r="L14538" s="5" t="s">
        <v>40939</v>
      </c>
      <c r="M14538" s="2" t="s">
        <v>40940</v>
      </c>
      <c r="N14538" s="5" t="s">
        <v>36266</v>
      </c>
      <c r="O14538" s="5" t="s">
        <v>38</v>
      </c>
      <c r="P14538" s="5" t="s">
        <v>39</v>
      </c>
      <c r="Q14538" s="5" t="s">
        <v>40</v>
      </c>
      <c r="R14538" s="5" t="s">
        <v>1522</v>
      </c>
      <c r="S14538" s="5" t="s">
        <v>1523</v>
      </c>
      <c r="T14538" s="5" t="s">
        <v>42</v>
      </c>
      <c r="U14538" s="2">
        <v>1.5269999999999999</v>
      </c>
      <c r="V14538" s="2">
        <v>1.0149999999999999</v>
      </c>
      <c r="W14538" s="2">
        <v>1.7999999999999999E-2</v>
      </c>
      <c r="X14538" s="2">
        <v>139.1</v>
      </c>
      <c r="Y14538" s="2">
        <v>7.6</v>
      </c>
      <c r="Z14538" s="2">
        <v>16.7</v>
      </c>
      <c r="AA14538" s="5"/>
      <c r="AB14538" s="5" t="s">
        <v>43</v>
      </c>
      <c r="AC14538" s="5" t="s">
        <v>44</v>
      </c>
      <c r="AD14538" s="2"/>
      <c r="AE14538" s="1"/>
    </row>
    <row r="14539" spans="1:31" ht="14.45">
      <c r="A14539" s="11"/>
      <c r="B14539" s="20"/>
      <c r="C14539" s="2" t="s">
        <v>44568</v>
      </c>
      <c r="D14539" s="14" t="s">
        <v>44569</v>
      </c>
      <c r="E14539" s="2" t="s">
        <v>44570</v>
      </c>
      <c r="F14539" s="2" t="s">
        <v>7539</v>
      </c>
      <c r="G14539" s="8">
        <v>201</v>
      </c>
      <c r="H14539" s="5">
        <v>6</v>
      </c>
      <c r="I14539" s="5" t="s">
        <v>1518</v>
      </c>
      <c r="J14539" s="5" t="s">
        <v>40939</v>
      </c>
      <c r="K14539" s="2" t="s">
        <v>40940</v>
      </c>
      <c r="L14539" s="5" t="s">
        <v>40939</v>
      </c>
      <c r="M14539" s="2" t="s">
        <v>40940</v>
      </c>
      <c r="N14539" s="5" t="s">
        <v>36266</v>
      </c>
      <c r="O14539" s="5" t="s">
        <v>38</v>
      </c>
      <c r="P14539" s="5" t="s">
        <v>39</v>
      </c>
      <c r="Q14539" s="5" t="s">
        <v>40</v>
      </c>
      <c r="R14539" s="5" t="s">
        <v>1522</v>
      </c>
      <c r="S14539" s="5" t="s">
        <v>1523</v>
      </c>
      <c r="T14539" s="5" t="s">
        <v>42</v>
      </c>
      <c r="U14539" s="2">
        <v>1.454</v>
      </c>
      <c r="V14539" s="2">
        <v>0.94199999999999995</v>
      </c>
      <c r="W14539" s="2">
        <v>1.7999999999999999E-2</v>
      </c>
      <c r="X14539" s="2">
        <v>139.1</v>
      </c>
      <c r="Y14539" s="2">
        <v>7.6</v>
      </c>
      <c r="Z14539" s="2">
        <v>16.7</v>
      </c>
      <c r="AA14539" s="5"/>
      <c r="AB14539" s="5" t="s">
        <v>43</v>
      </c>
      <c r="AC14539" s="5" t="s">
        <v>44</v>
      </c>
      <c r="AD14539" s="2"/>
      <c r="AE14539" s="1"/>
    </row>
    <row r="14540" spans="1:31" ht="14.45">
      <c r="A14540" s="11"/>
      <c r="B14540" s="20"/>
      <c r="C14540" s="2" t="s">
        <v>44571</v>
      </c>
      <c r="D14540" s="14" t="s">
        <v>44572</v>
      </c>
      <c r="E14540" s="2" t="s">
        <v>44573</v>
      </c>
      <c r="F14540" s="2" t="s">
        <v>41013</v>
      </c>
      <c r="G14540" s="8">
        <v>201</v>
      </c>
      <c r="H14540" s="5">
        <v>6</v>
      </c>
      <c r="I14540" s="5" t="s">
        <v>1518</v>
      </c>
      <c r="J14540" s="5" t="s">
        <v>40939</v>
      </c>
      <c r="K14540" s="2" t="s">
        <v>40940</v>
      </c>
      <c r="L14540" s="5" t="s">
        <v>40939</v>
      </c>
      <c r="M14540" s="2" t="s">
        <v>40940</v>
      </c>
      <c r="N14540" s="5" t="s">
        <v>36266</v>
      </c>
      <c r="O14540" s="5" t="s">
        <v>38</v>
      </c>
      <c r="P14540" s="5" t="s">
        <v>39</v>
      </c>
      <c r="Q14540" s="5" t="s">
        <v>40</v>
      </c>
      <c r="R14540" s="5" t="s">
        <v>1522</v>
      </c>
      <c r="S14540" s="5" t="s">
        <v>1523</v>
      </c>
      <c r="T14540" s="5" t="s">
        <v>42</v>
      </c>
      <c r="U14540" s="2">
        <v>1.5209999999999999</v>
      </c>
      <c r="V14540" s="2">
        <v>1.0089999999999999</v>
      </c>
      <c r="W14540" s="2">
        <v>1.7999999999999999E-2</v>
      </c>
      <c r="X14540" s="2">
        <v>139.1</v>
      </c>
      <c r="Y14540" s="2">
        <v>7.6</v>
      </c>
      <c r="Z14540" s="2">
        <v>16.7</v>
      </c>
      <c r="AA14540" s="5"/>
      <c r="AB14540" s="5" t="s">
        <v>43</v>
      </c>
      <c r="AC14540" s="5" t="s">
        <v>44</v>
      </c>
      <c r="AD14540" s="2"/>
      <c r="AE14540" s="1"/>
    </row>
    <row r="14541" spans="1:31" ht="14.45">
      <c r="A14541" s="11"/>
      <c r="B14541" s="20"/>
      <c r="C14541" s="2" t="s">
        <v>44574</v>
      </c>
      <c r="D14541" s="14" t="s">
        <v>44575</v>
      </c>
      <c r="E14541" s="2" t="s">
        <v>44576</v>
      </c>
      <c r="F14541" s="2" t="s">
        <v>41035</v>
      </c>
      <c r="G14541" s="8">
        <v>201</v>
      </c>
      <c r="H14541" s="5">
        <v>6</v>
      </c>
      <c r="I14541" s="5" t="s">
        <v>1518</v>
      </c>
      <c r="J14541" s="5" t="s">
        <v>40939</v>
      </c>
      <c r="K14541" s="2" t="s">
        <v>40940</v>
      </c>
      <c r="L14541" s="5" t="s">
        <v>40939</v>
      </c>
      <c r="M14541" s="2" t="s">
        <v>40940</v>
      </c>
      <c r="N14541" s="5" t="s">
        <v>36266</v>
      </c>
      <c r="O14541" s="5" t="s">
        <v>38</v>
      </c>
      <c r="P14541" s="5" t="s">
        <v>39</v>
      </c>
      <c r="Q14541" s="5" t="s">
        <v>40</v>
      </c>
      <c r="R14541" s="5" t="s">
        <v>1522</v>
      </c>
      <c r="S14541" s="5" t="s">
        <v>1523</v>
      </c>
      <c r="T14541" s="5" t="s">
        <v>42</v>
      </c>
      <c r="U14541" s="2">
        <v>1.486</v>
      </c>
      <c r="V14541" s="2">
        <v>0.97399999999999998</v>
      </c>
      <c r="W14541" s="2">
        <v>1.7999999999999999E-2</v>
      </c>
      <c r="X14541" s="2">
        <v>139.1</v>
      </c>
      <c r="Y14541" s="2">
        <v>7.6</v>
      </c>
      <c r="Z14541" s="2">
        <v>16.7</v>
      </c>
      <c r="AA14541" s="5"/>
      <c r="AB14541" s="5" t="s">
        <v>43</v>
      </c>
      <c r="AC14541" s="5" t="s">
        <v>44</v>
      </c>
      <c r="AD14541" s="2"/>
      <c r="AE14541" s="1"/>
    </row>
    <row r="14542" spans="1:31" ht="14.45">
      <c r="A14542" s="11"/>
      <c r="B14542" s="20"/>
      <c r="C14542" s="2" t="s">
        <v>44577</v>
      </c>
      <c r="D14542" s="14" t="s">
        <v>44578</v>
      </c>
      <c r="E14542" s="2" t="s">
        <v>44579</v>
      </c>
      <c r="F14542" s="2" t="s">
        <v>7204</v>
      </c>
      <c r="G14542" s="8">
        <v>175</v>
      </c>
      <c r="H14542" s="5">
        <v>6</v>
      </c>
      <c r="I14542" s="5" t="s">
        <v>1518</v>
      </c>
      <c r="J14542" s="5" t="s">
        <v>40939</v>
      </c>
      <c r="K14542" s="2" t="s">
        <v>40940</v>
      </c>
      <c r="L14542" s="5" t="s">
        <v>40939</v>
      </c>
      <c r="M14542" s="2" t="s">
        <v>40940</v>
      </c>
      <c r="N14542" s="5" t="s">
        <v>36266</v>
      </c>
      <c r="O14542" s="5" t="s">
        <v>38</v>
      </c>
      <c r="P14542" s="5" t="s">
        <v>39</v>
      </c>
      <c r="Q14542" s="5" t="s">
        <v>40</v>
      </c>
      <c r="R14542" s="5" t="s">
        <v>1522</v>
      </c>
      <c r="S14542" s="5" t="s">
        <v>1523</v>
      </c>
      <c r="T14542" s="5" t="s">
        <v>42</v>
      </c>
      <c r="U14542" s="2">
        <v>1.64</v>
      </c>
      <c r="V14542" s="2">
        <v>1.1279999999999999</v>
      </c>
      <c r="W14542" s="2">
        <v>1.7999999999999999E-2</v>
      </c>
      <c r="X14542" s="2">
        <v>139.1</v>
      </c>
      <c r="Y14542" s="2">
        <v>7.6</v>
      </c>
      <c r="Z14542" s="2">
        <v>16.7</v>
      </c>
      <c r="AA14542" s="5"/>
      <c r="AB14542" s="5" t="s">
        <v>43</v>
      </c>
      <c r="AC14542" s="5" t="s">
        <v>44</v>
      </c>
      <c r="AD14542" s="2"/>
      <c r="AE14542" s="1"/>
    </row>
    <row r="14543" spans="1:31" ht="14.45">
      <c r="A14543" s="11"/>
      <c r="B14543" s="20"/>
      <c r="C14543" s="2" t="s">
        <v>44580</v>
      </c>
      <c r="D14543" s="14" t="s">
        <v>44581</v>
      </c>
      <c r="E14543" s="2" t="s">
        <v>44582</v>
      </c>
      <c r="F14543" s="2" t="s">
        <v>7514</v>
      </c>
      <c r="G14543" s="8">
        <v>175</v>
      </c>
      <c r="H14543" s="5">
        <v>6</v>
      </c>
      <c r="I14543" s="5" t="s">
        <v>1518</v>
      </c>
      <c r="J14543" s="5" t="s">
        <v>40939</v>
      </c>
      <c r="K14543" s="2" t="s">
        <v>40940</v>
      </c>
      <c r="L14543" s="5" t="s">
        <v>40939</v>
      </c>
      <c r="M14543" s="2" t="s">
        <v>40940</v>
      </c>
      <c r="N14543" s="5" t="s">
        <v>36266</v>
      </c>
      <c r="O14543" s="5" t="s">
        <v>38</v>
      </c>
      <c r="P14543" s="5" t="s">
        <v>39</v>
      </c>
      <c r="Q14543" s="5" t="s">
        <v>40</v>
      </c>
      <c r="R14543" s="5" t="s">
        <v>1522</v>
      </c>
      <c r="S14543" s="5" t="s">
        <v>1523</v>
      </c>
      <c r="T14543" s="5" t="s">
        <v>42</v>
      </c>
      <c r="U14543" s="2">
        <v>1.663</v>
      </c>
      <c r="V14543" s="2">
        <v>1.151</v>
      </c>
      <c r="W14543" s="2">
        <v>1.7999999999999999E-2</v>
      </c>
      <c r="X14543" s="2">
        <v>139.1</v>
      </c>
      <c r="Y14543" s="2">
        <v>7.6</v>
      </c>
      <c r="Z14543" s="2">
        <v>16.7</v>
      </c>
      <c r="AA14543" s="5"/>
      <c r="AB14543" s="5" t="s">
        <v>43</v>
      </c>
      <c r="AC14543" s="5" t="s">
        <v>44</v>
      </c>
      <c r="AD14543" s="2"/>
      <c r="AE14543" s="1"/>
    </row>
    <row r="14544" spans="1:31" ht="14.45">
      <c r="A14544" s="11"/>
      <c r="B14544" s="20"/>
      <c r="C14544" s="2" t="s">
        <v>44583</v>
      </c>
      <c r="D14544" s="14" t="s">
        <v>44584</v>
      </c>
      <c r="E14544" s="2" t="s">
        <v>44585</v>
      </c>
      <c r="F14544" s="2" t="s">
        <v>41221</v>
      </c>
      <c r="G14544" s="8">
        <v>201</v>
      </c>
      <c r="H14544" s="5">
        <v>6</v>
      </c>
      <c r="I14544" s="5" t="s">
        <v>1518</v>
      </c>
      <c r="J14544" s="5" t="s">
        <v>40939</v>
      </c>
      <c r="K14544" s="2" t="s">
        <v>40940</v>
      </c>
      <c r="L14544" s="5" t="s">
        <v>40939</v>
      </c>
      <c r="M14544" s="2" t="s">
        <v>40940</v>
      </c>
      <c r="N14544" s="5" t="s">
        <v>36266</v>
      </c>
      <c r="O14544" s="5" t="s">
        <v>38</v>
      </c>
      <c r="P14544" s="5" t="s">
        <v>39</v>
      </c>
      <c r="Q14544" s="5" t="s">
        <v>40</v>
      </c>
      <c r="R14544" s="5" t="s">
        <v>1522</v>
      </c>
      <c r="S14544" s="5" t="s">
        <v>1523</v>
      </c>
      <c r="T14544" s="5" t="s">
        <v>42</v>
      </c>
      <c r="U14544" s="2">
        <v>1.663</v>
      </c>
      <c r="V14544" s="2">
        <v>1.151</v>
      </c>
      <c r="W14544" s="2">
        <v>1.7999999999999999E-2</v>
      </c>
      <c r="X14544" s="2">
        <v>139.1</v>
      </c>
      <c r="Y14544" s="2">
        <v>7.6</v>
      </c>
      <c r="Z14544" s="2">
        <v>16.7</v>
      </c>
      <c r="AA14544" s="5"/>
      <c r="AB14544" s="5" t="s">
        <v>43</v>
      </c>
      <c r="AC14544" s="5" t="s">
        <v>44</v>
      </c>
      <c r="AD14544" s="2"/>
      <c r="AE14544" s="1"/>
    </row>
    <row r="14545" spans="1:31" ht="14.45">
      <c r="A14545" s="11"/>
      <c r="B14545" s="20"/>
      <c r="C14545" s="2" t="s">
        <v>44586</v>
      </c>
      <c r="D14545" s="14" t="s">
        <v>44587</v>
      </c>
      <c r="E14545" s="2" t="s">
        <v>44588</v>
      </c>
      <c r="F14545" s="2" t="s">
        <v>40951</v>
      </c>
      <c r="G14545" s="8">
        <v>201</v>
      </c>
      <c r="H14545" s="5">
        <v>6</v>
      </c>
      <c r="I14545" s="5" t="s">
        <v>1518</v>
      </c>
      <c r="J14545" s="5" t="s">
        <v>40939</v>
      </c>
      <c r="K14545" s="2" t="s">
        <v>40940</v>
      </c>
      <c r="L14545" s="5" t="s">
        <v>40939</v>
      </c>
      <c r="M14545" s="2" t="s">
        <v>40940</v>
      </c>
      <c r="N14545" s="5" t="s">
        <v>36266</v>
      </c>
      <c r="O14545" s="5" t="s">
        <v>38</v>
      </c>
      <c r="P14545" s="5" t="s">
        <v>39</v>
      </c>
      <c r="Q14545" s="5" t="s">
        <v>40</v>
      </c>
      <c r="R14545" s="5" t="s">
        <v>1522</v>
      </c>
      <c r="S14545" s="5" t="s">
        <v>1523</v>
      </c>
      <c r="T14545" s="5" t="s">
        <v>42</v>
      </c>
      <c r="U14545" s="2">
        <v>1.6859999999999999</v>
      </c>
      <c r="V14545" s="2">
        <v>1.1739999999999999</v>
      </c>
      <c r="W14545" s="2">
        <v>1.7999999999999999E-2</v>
      </c>
      <c r="X14545" s="2">
        <v>139.1</v>
      </c>
      <c r="Y14545" s="2">
        <v>7.6</v>
      </c>
      <c r="Z14545" s="2">
        <v>16.7</v>
      </c>
      <c r="AA14545" s="5"/>
      <c r="AB14545" s="5" t="s">
        <v>43</v>
      </c>
      <c r="AC14545" s="5" t="s">
        <v>44</v>
      </c>
      <c r="AD14545" s="2"/>
      <c r="AE14545" s="1"/>
    </row>
    <row r="14546" spans="1:31" ht="14.45">
      <c r="A14546" s="11"/>
      <c r="B14546" s="20"/>
      <c r="C14546" s="2" t="s">
        <v>44589</v>
      </c>
      <c r="D14546" s="14" t="s">
        <v>44590</v>
      </c>
      <c r="E14546" s="2" t="s">
        <v>44591</v>
      </c>
      <c r="F14546" s="2" t="s">
        <v>7208</v>
      </c>
      <c r="G14546" s="8">
        <v>175</v>
      </c>
      <c r="H14546" s="5">
        <v>6</v>
      </c>
      <c r="I14546" s="5" t="s">
        <v>1518</v>
      </c>
      <c r="J14546" s="5" t="s">
        <v>40939</v>
      </c>
      <c r="K14546" s="2" t="s">
        <v>40940</v>
      </c>
      <c r="L14546" s="5" t="s">
        <v>40939</v>
      </c>
      <c r="M14546" s="2" t="s">
        <v>40940</v>
      </c>
      <c r="N14546" s="5" t="s">
        <v>36266</v>
      </c>
      <c r="O14546" s="5" t="s">
        <v>38</v>
      </c>
      <c r="P14546" s="5" t="s">
        <v>39</v>
      </c>
      <c r="Q14546" s="5" t="s">
        <v>40</v>
      </c>
      <c r="R14546" s="5" t="s">
        <v>1522</v>
      </c>
      <c r="S14546" s="5" t="s">
        <v>1523</v>
      </c>
      <c r="T14546" s="5" t="s">
        <v>42</v>
      </c>
      <c r="U14546" s="2">
        <v>1.675</v>
      </c>
      <c r="V14546" s="2">
        <v>1.163</v>
      </c>
      <c r="W14546" s="2">
        <v>1.7999999999999999E-2</v>
      </c>
      <c r="X14546" s="2">
        <v>139.1</v>
      </c>
      <c r="Y14546" s="2">
        <v>7.6</v>
      </c>
      <c r="Z14546" s="2">
        <v>16.7</v>
      </c>
      <c r="AA14546" s="5"/>
      <c r="AB14546" s="5" t="s">
        <v>43</v>
      </c>
      <c r="AC14546" s="5" t="s">
        <v>44</v>
      </c>
      <c r="AD14546" s="2"/>
      <c r="AE14546" s="1"/>
    </row>
    <row r="14547" spans="1:31" ht="14.45">
      <c r="A14547" s="11"/>
      <c r="B14547" s="20"/>
      <c r="C14547" s="2" t="s">
        <v>44592</v>
      </c>
      <c r="D14547" s="14" t="s">
        <v>44593</v>
      </c>
      <c r="E14547" s="2" t="s">
        <v>44594</v>
      </c>
      <c r="F14547" s="2" t="s">
        <v>7521</v>
      </c>
      <c r="G14547" s="8">
        <v>175</v>
      </c>
      <c r="H14547" s="5">
        <v>6</v>
      </c>
      <c r="I14547" s="5" t="s">
        <v>1518</v>
      </c>
      <c r="J14547" s="5" t="s">
        <v>40939</v>
      </c>
      <c r="K14547" s="2" t="s">
        <v>40940</v>
      </c>
      <c r="L14547" s="5" t="s">
        <v>40939</v>
      </c>
      <c r="M14547" s="2" t="s">
        <v>40940</v>
      </c>
      <c r="N14547" s="5" t="s">
        <v>36266</v>
      </c>
      <c r="O14547" s="5" t="s">
        <v>38</v>
      </c>
      <c r="P14547" s="5" t="s">
        <v>39</v>
      </c>
      <c r="Q14547" s="5" t="s">
        <v>40</v>
      </c>
      <c r="R14547" s="5" t="s">
        <v>1522</v>
      </c>
      <c r="S14547" s="5" t="s">
        <v>1523</v>
      </c>
      <c r="T14547" s="5" t="s">
        <v>42</v>
      </c>
      <c r="U14547" s="2">
        <v>1.698</v>
      </c>
      <c r="V14547" s="2">
        <v>1.1859999999999999</v>
      </c>
      <c r="W14547" s="2">
        <v>1.7999999999999999E-2</v>
      </c>
      <c r="X14547" s="2">
        <v>139.1</v>
      </c>
      <c r="Y14547" s="2">
        <v>7.6</v>
      </c>
      <c r="Z14547" s="2">
        <v>16.7</v>
      </c>
      <c r="AA14547" s="5"/>
      <c r="AB14547" s="5" t="s">
        <v>43</v>
      </c>
      <c r="AC14547" s="5" t="s">
        <v>44</v>
      </c>
      <c r="AD14547" s="2"/>
      <c r="AE14547" s="1"/>
    </row>
    <row r="14548" spans="1:31" ht="14.45">
      <c r="A14548" s="11"/>
      <c r="B14548" s="20"/>
      <c r="C14548" s="2" t="s">
        <v>44595</v>
      </c>
      <c r="D14548" s="14" t="s">
        <v>44596</v>
      </c>
      <c r="E14548" s="2" t="s">
        <v>44597</v>
      </c>
      <c r="F14548" s="2" t="s">
        <v>36273</v>
      </c>
      <c r="G14548" s="8">
        <v>175</v>
      </c>
      <c r="H14548" s="5">
        <v>6</v>
      </c>
      <c r="I14548" s="5" t="s">
        <v>1518</v>
      </c>
      <c r="J14548" s="5" t="s">
        <v>40939</v>
      </c>
      <c r="K14548" s="2" t="s">
        <v>40940</v>
      </c>
      <c r="L14548" s="5" t="s">
        <v>40939</v>
      </c>
      <c r="M14548" s="2" t="s">
        <v>40940</v>
      </c>
      <c r="N14548" s="5" t="s">
        <v>36266</v>
      </c>
      <c r="O14548" s="5" t="s">
        <v>38</v>
      </c>
      <c r="P14548" s="5" t="s">
        <v>39</v>
      </c>
      <c r="Q14548" s="5" t="s">
        <v>40</v>
      </c>
      <c r="R14548" s="5" t="s">
        <v>1522</v>
      </c>
      <c r="S14548" s="5" t="s">
        <v>1523</v>
      </c>
      <c r="T14548" s="5" t="s">
        <v>42</v>
      </c>
      <c r="U14548" s="2">
        <v>1.698</v>
      </c>
      <c r="V14548" s="2">
        <v>1.1859999999999999</v>
      </c>
      <c r="W14548" s="2">
        <v>1.7999999999999999E-2</v>
      </c>
      <c r="X14548" s="2">
        <v>139.1</v>
      </c>
      <c r="Y14548" s="2">
        <v>7.6</v>
      </c>
      <c r="Z14548" s="2">
        <v>16.7</v>
      </c>
      <c r="AA14548" s="5"/>
      <c r="AB14548" s="5" t="s">
        <v>43</v>
      </c>
      <c r="AC14548" s="5" t="s">
        <v>44</v>
      </c>
      <c r="AD14548" s="2"/>
      <c r="AE14548" s="1"/>
    </row>
    <row r="14549" spans="1:31" ht="14.45">
      <c r="A14549" s="11"/>
      <c r="B14549" s="20"/>
      <c r="C14549" s="2" t="s">
        <v>44598</v>
      </c>
      <c r="D14549" s="14" t="s">
        <v>44599</v>
      </c>
      <c r="E14549" s="2" t="s">
        <v>44600</v>
      </c>
      <c r="F14549" s="2" t="s">
        <v>36277</v>
      </c>
      <c r="G14549" s="8">
        <v>175</v>
      </c>
      <c r="H14549" s="5">
        <v>6</v>
      </c>
      <c r="I14549" s="5" t="s">
        <v>1518</v>
      </c>
      <c r="J14549" s="5" t="s">
        <v>40939</v>
      </c>
      <c r="K14549" s="2" t="s">
        <v>40940</v>
      </c>
      <c r="L14549" s="5" t="s">
        <v>40939</v>
      </c>
      <c r="M14549" s="2" t="s">
        <v>40940</v>
      </c>
      <c r="N14549" s="5" t="s">
        <v>36266</v>
      </c>
      <c r="O14549" s="5" t="s">
        <v>38</v>
      </c>
      <c r="P14549" s="5" t="s">
        <v>39</v>
      </c>
      <c r="Q14549" s="5" t="s">
        <v>40</v>
      </c>
      <c r="R14549" s="5" t="s">
        <v>1522</v>
      </c>
      <c r="S14549" s="5" t="s">
        <v>1523</v>
      </c>
      <c r="T14549" s="5" t="s">
        <v>42</v>
      </c>
      <c r="U14549" s="2">
        <v>1.7210000000000001</v>
      </c>
      <c r="V14549" s="2">
        <v>1.2090000000000001</v>
      </c>
      <c r="W14549" s="2">
        <v>1.7999999999999999E-2</v>
      </c>
      <c r="X14549" s="2">
        <v>139.1</v>
      </c>
      <c r="Y14549" s="2">
        <v>7.6</v>
      </c>
      <c r="Z14549" s="2">
        <v>16.7</v>
      </c>
      <c r="AA14549" s="5"/>
      <c r="AB14549" s="5" t="s">
        <v>43</v>
      </c>
      <c r="AC14549" s="5" t="s">
        <v>44</v>
      </c>
      <c r="AD14549" s="2"/>
      <c r="AE14549" s="1"/>
    </row>
    <row r="14550" spans="1:31" ht="14.45">
      <c r="A14550" s="11"/>
      <c r="B14550" s="20"/>
      <c r="C14550" s="2" t="s">
        <v>44601</v>
      </c>
      <c r="D14550" s="14" t="s">
        <v>44602</v>
      </c>
      <c r="E14550" s="2" t="s">
        <v>44603</v>
      </c>
      <c r="F14550" s="2" t="s">
        <v>40967</v>
      </c>
      <c r="G14550" s="8">
        <v>201</v>
      </c>
      <c r="H14550" s="5">
        <v>6</v>
      </c>
      <c r="I14550" s="5" t="s">
        <v>1518</v>
      </c>
      <c r="J14550" s="5" t="s">
        <v>40939</v>
      </c>
      <c r="K14550" s="2" t="s">
        <v>40940</v>
      </c>
      <c r="L14550" s="5" t="s">
        <v>40939</v>
      </c>
      <c r="M14550" s="2" t="s">
        <v>40940</v>
      </c>
      <c r="N14550" s="5" t="s">
        <v>36266</v>
      </c>
      <c r="O14550" s="5" t="s">
        <v>38</v>
      </c>
      <c r="P14550" s="5" t="s">
        <v>39</v>
      </c>
      <c r="Q14550" s="5" t="s">
        <v>40</v>
      </c>
      <c r="R14550" s="5" t="s">
        <v>1522</v>
      </c>
      <c r="S14550" s="5" t="s">
        <v>1523</v>
      </c>
      <c r="T14550" s="5" t="s">
        <v>42</v>
      </c>
      <c r="U14550" s="2">
        <v>1.675</v>
      </c>
      <c r="V14550" s="2">
        <v>1.163</v>
      </c>
      <c r="W14550" s="2">
        <v>1.7999999999999999E-2</v>
      </c>
      <c r="X14550" s="2">
        <v>139.1</v>
      </c>
      <c r="Y14550" s="2">
        <v>7.6</v>
      </c>
      <c r="Z14550" s="2">
        <v>16.7</v>
      </c>
      <c r="AA14550" s="5"/>
      <c r="AB14550" s="5" t="s">
        <v>43</v>
      </c>
      <c r="AC14550" s="5" t="s">
        <v>44</v>
      </c>
      <c r="AD14550" s="2"/>
      <c r="AE14550" s="1"/>
    </row>
    <row r="14551" spans="1:31" ht="14.45">
      <c r="A14551" s="11"/>
      <c r="B14551" s="20"/>
      <c r="C14551" s="2" t="s">
        <v>44604</v>
      </c>
      <c r="D14551" s="14" t="s">
        <v>44605</v>
      </c>
      <c r="E14551" s="2" t="s">
        <v>44606</v>
      </c>
      <c r="F14551" s="2" t="s">
        <v>40971</v>
      </c>
      <c r="G14551" s="8">
        <v>201</v>
      </c>
      <c r="H14551" s="5">
        <v>6</v>
      </c>
      <c r="I14551" s="5" t="s">
        <v>1518</v>
      </c>
      <c r="J14551" s="5" t="s">
        <v>40939</v>
      </c>
      <c r="K14551" s="2" t="s">
        <v>40940</v>
      </c>
      <c r="L14551" s="5" t="s">
        <v>40939</v>
      </c>
      <c r="M14551" s="2" t="s">
        <v>40940</v>
      </c>
      <c r="N14551" s="5" t="s">
        <v>36266</v>
      </c>
      <c r="O14551" s="5" t="s">
        <v>38</v>
      </c>
      <c r="P14551" s="5" t="s">
        <v>39</v>
      </c>
      <c r="Q14551" s="5" t="s">
        <v>40</v>
      </c>
      <c r="R14551" s="5" t="s">
        <v>1522</v>
      </c>
      <c r="S14551" s="5" t="s">
        <v>1523</v>
      </c>
      <c r="T14551" s="5" t="s">
        <v>42</v>
      </c>
      <c r="U14551" s="2">
        <v>1.698</v>
      </c>
      <c r="V14551" s="2">
        <v>1.1859999999999999</v>
      </c>
      <c r="W14551" s="2">
        <v>1.7999999999999999E-2</v>
      </c>
      <c r="X14551" s="2">
        <v>139.1</v>
      </c>
      <c r="Y14551" s="2">
        <v>7.6</v>
      </c>
      <c r="Z14551" s="2">
        <v>16.7</v>
      </c>
      <c r="AA14551" s="5"/>
      <c r="AB14551" s="5" t="s">
        <v>43</v>
      </c>
      <c r="AC14551" s="5" t="s">
        <v>44</v>
      </c>
      <c r="AD14551" s="2"/>
      <c r="AE14551" s="1"/>
    </row>
    <row r="14552" spans="1:31" ht="14.45">
      <c r="A14552" s="11"/>
      <c r="B14552" s="20"/>
      <c r="C14552" s="2" t="s">
        <v>44607</v>
      </c>
      <c r="D14552" s="14" t="s">
        <v>44608</v>
      </c>
      <c r="E14552" s="2" t="s">
        <v>44609</v>
      </c>
      <c r="F14552" s="2" t="s">
        <v>40975</v>
      </c>
      <c r="G14552" s="8">
        <v>201</v>
      </c>
      <c r="H14552" s="5">
        <v>6</v>
      </c>
      <c r="I14552" s="5" t="s">
        <v>1518</v>
      </c>
      <c r="J14552" s="5" t="s">
        <v>40939</v>
      </c>
      <c r="K14552" s="2" t="s">
        <v>40940</v>
      </c>
      <c r="L14552" s="5" t="s">
        <v>40939</v>
      </c>
      <c r="M14552" s="2" t="s">
        <v>40940</v>
      </c>
      <c r="N14552" s="5" t="s">
        <v>36266</v>
      </c>
      <c r="O14552" s="5" t="s">
        <v>38</v>
      </c>
      <c r="P14552" s="5" t="s">
        <v>39</v>
      </c>
      <c r="Q14552" s="5" t="s">
        <v>40</v>
      </c>
      <c r="R14552" s="5" t="s">
        <v>1522</v>
      </c>
      <c r="S14552" s="5" t="s">
        <v>1523</v>
      </c>
      <c r="T14552" s="5" t="s">
        <v>42</v>
      </c>
      <c r="U14552" s="2">
        <v>1.675</v>
      </c>
      <c r="V14552" s="2">
        <v>1.163</v>
      </c>
      <c r="W14552" s="2">
        <v>1.7999999999999999E-2</v>
      </c>
      <c r="X14552" s="2">
        <v>139.1</v>
      </c>
      <c r="Y14552" s="2">
        <v>7.6</v>
      </c>
      <c r="Z14552" s="2">
        <v>16.7</v>
      </c>
      <c r="AA14552" s="5"/>
      <c r="AB14552" s="5" t="s">
        <v>43</v>
      </c>
      <c r="AC14552" s="5" t="s">
        <v>44</v>
      </c>
      <c r="AD14552" s="2"/>
      <c r="AE14552" s="1"/>
    </row>
    <row r="14553" spans="1:31" ht="14.45">
      <c r="A14553" s="11"/>
      <c r="B14553" s="20"/>
      <c r="C14553" s="2" t="s">
        <v>44610</v>
      </c>
      <c r="D14553" s="14" t="s">
        <v>44611</v>
      </c>
      <c r="E14553" s="2" t="s">
        <v>44612</v>
      </c>
      <c r="F14553" s="2" t="s">
        <v>40979</v>
      </c>
      <c r="G14553" s="8">
        <v>201</v>
      </c>
      <c r="H14553" s="5">
        <v>6</v>
      </c>
      <c r="I14553" s="5" t="s">
        <v>1518</v>
      </c>
      <c r="J14553" s="5" t="s">
        <v>40939</v>
      </c>
      <c r="K14553" s="2" t="s">
        <v>40940</v>
      </c>
      <c r="L14553" s="5" t="s">
        <v>40939</v>
      </c>
      <c r="M14553" s="2" t="s">
        <v>40940</v>
      </c>
      <c r="N14553" s="5" t="s">
        <v>36266</v>
      </c>
      <c r="O14553" s="5" t="s">
        <v>38</v>
      </c>
      <c r="P14553" s="5" t="s">
        <v>39</v>
      </c>
      <c r="Q14553" s="5" t="s">
        <v>40</v>
      </c>
      <c r="R14553" s="5" t="s">
        <v>1522</v>
      </c>
      <c r="S14553" s="5" t="s">
        <v>1523</v>
      </c>
      <c r="T14553" s="5" t="s">
        <v>42</v>
      </c>
      <c r="U14553" s="2">
        <v>1.698</v>
      </c>
      <c r="V14553" s="2">
        <v>1.1859999999999999</v>
      </c>
      <c r="W14553" s="2">
        <v>1.7999999999999999E-2</v>
      </c>
      <c r="X14553" s="2">
        <v>139.1</v>
      </c>
      <c r="Y14553" s="2">
        <v>7.6</v>
      </c>
      <c r="Z14553" s="2">
        <v>16.7</v>
      </c>
      <c r="AA14553" s="5"/>
      <c r="AB14553" s="5" t="s">
        <v>43</v>
      </c>
      <c r="AC14553" s="5" t="s">
        <v>44</v>
      </c>
      <c r="AD14553" s="2"/>
      <c r="AE14553" s="1"/>
    </row>
    <row r="14554" spans="1:31" ht="14.45">
      <c r="A14554" s="11"/>
      <c r="B14554" s="20"/>
      <c r="C14554" s="2" t="s">
        <v>44613</v>
      </c>
      <c r="D14554" s="14" t="s">
        <v>44614</v>
      </c>
      <c r="E14554" s="2" t="s">
        <v>44615</v>
      </c>
      <c r="F14554" s="2" t="s">
        <v>7539</v>
      </c>
      <c r="G14554" s="8">
        <v>201</v>
      </c>
      <c r="H14554" s="5">
        <v>6</v>
      </c>
      <c r="I14554" s="5" t="s">
        <v>1518</v>
      </c>
      <c r="J14554" s="5" t="s">
        <v>40939</v>
      </c>
      <c r="K14554" s="2" t="s">
        <v>40940</v>
      </c>
      <c r="L14554" s="5" t="s">
        <v>40939</v>
      </c>
      <c r="M14554" s="2" t="s">
        <v>40940</v>
      </c>
      <c r="N14554" s="5" t="s">
        <v>36266</v>
      </c>
      <c r="O14554" s="5" t="s">
        <v>38</v>
      </c>
      <c r="P14554" s="5" t="s">
        <v>39</v>
      </c>
      <c r="Q14554" s="5" t="s">
        <v>40</v>
      </c>
      <c r="R14554" s="5" t="s">
        <v>1522</v>
      </c>
      <c r="S14554" s="5" t="s">
        <v>1523</v>
      </c>
      <c r="T14554" s="5" t="s">
        <v>42</v>
      </c>
      <c r="U14554" s="2">
        <v>1.617</v>
      </c>
      <c r="V14554" s="2">
        <v>1.105</v>
      </c>
      <c r="W14554" s="2">
        <v>1.7999999999999999E-2</v>
      </c>
      <c r="X14554" s="2">
        <v>139.1</v>
      </c>
      <c r="Y14554" s="2">
        <v>7.6</v>
      </c>
      <c r="Z14554" s="2">
        <v>16.7</v>
      </c>
      <c r="AA14554" s="5"/>
      <c r="AB14554" s="5" t="s">
        <v>43</v>
      </c>
      <c r="AC14554" s="5" t="s">
        <v>44</v>
      </c>
      <c r="AD14554" s="2"/>
      <c r="AE14554" s="1"/>
    </row>
    <row r="14555" spans="1:31" ht="14.45">
      <c r="A14555" s="11"/>
      <c r="B14555" s="20"/>
      <c r="C14555" s="2" t="s">
        <v>44616</v>
      </c>
      <c r="D14555" s="14" t="s">
        <v>44617</v>
      </c>
      <c r="E14555" s="2" t="s">
        <v>44618</v>
      </c>
      <c r="F14555" s="2" t="s">
        <v>7543</v>
      </c>
      <c r="G14555" s="8">
        <v>201</v>
      </c>
      <c r="H14555" s="5">
        <v>6</v>
      </c>
      <c r="I14555" s="5" t="s">
        <v>1518</v>
      </c>
      <c r="J14555" s="5" t="s">
        <v>40939</v>
      </c>
      <c r="K14555" s="2" t="s">
        <v>40940</v>
      </c>
      <c r="L14555" s="5" t="s">
        <v>40939</v>
      </c>
      <c r="M14555" s="2" t="s">
        <v>40940</v>
      </c>
      <c r="N14555" s="5" t="s">
        <v>36266</v>
      </c>
      <c r="O14555" s="5" t="s">
        <v>38</v>
      </c>
      <c r="P14555" s="5" t="s">
        <v>39</v>
      </c>
      <c r="Q14555" s="5" t="s">
        <v>40</v>
      </c>
      <c r="R14555" s="5" t="s">
        <v>1522</v>
      </c>
      <c r="S14555" s="5" t="s">
        <v>1523</v>
      </c>
      <c r="T14555" s="5" t="s">
        <v>42</v>
      </c>
      <c r="U14555" s="2">
        <v>1.64</v>
      </c>
      <c r="V14555" s="2">
        <v>1.1279999999999999</v>
      </c>
      <c r="W14555" s="2">
        <v>1.7999999999999999E-2</v>
      </c>
      <c r="X14555" s="2">
        <v>139.1</v>
      </c>
      <c r="Y14555" s="2">
        <v>7.6</v>
      </c>
      <c r="Z14555" s="2">
        <v>16.7</v>
      </c>
      <c r="AA14555" s="5"/>
      <c r="AB14555" s="5" t="s">
        <v>43</v>
      </c>
      <c r="AC14555" s="5" t="s">
        <v>44</v>
      </c>
      <c r="AD14555" s="2"/>
      <c r="AE14555" s="1"/>
    </row>
    <row r="14556" spans="1:31" ht="14.45">
      <c r="A14556" s="11"/>
      <c r="B14556" s="20"/>
      <c r="C14556" s="2" t="s">
        <v>44619</v>
      </c>
      <c r="D14556" s="14" t="s">
        <v>44620</v>
      </c>
      <c r="E14556" s="2" t="s">
        <v>44621</v>
      </c>
      <c r="F14556" s="2" t="s">
        <v>40989</v>
      </c>
      <c r="G14556" s="8">
        <v>201</v>
      </c>
      <c r="H14556" s="5">
        <v>6</v>
      </c>
      <c r="I14556" s="5" t="s">
        <v>1518</v>
      </c>
      <c r="J14556" s="5" t="s">
        <v>40939</v>
      </c>
      <c r="K14556" s="2" t="s">
        <v>40940</v>
      </c>
      <c r="L14556" s="5" t="s">
        <v>40939</v>
      </c>
      <c r="M14556" s="2" t="s">
        <v>40940</v>
      </c>
      <c r="N14556" s="5" t="s">
        <v>36266</v>
      </c>
      <c r="O14556" s="5" t="s">
        <v>38</v>
      </c>
      <c r="P14556" s="5" t="s">
        <v>39</v>
      </c>
      <c r="Q14556" s="5" t="s">
        <v>40</v>
      </c>
      <c r="R14556" s="5" t="s">
        <v>1522</v>
      </c>
      <c r="S14556" s="5" t="s">
        <v>1523</v>
      </c>
      <c r="T14556" s="5" t="s">
        <v>42</v>
      </c>
      <c r="U14556" s="2">
        <v>1.675</v>
      </c>
      <c r="V14556" s="2">
        <v>1.163</v>
      </c>
      <c r="W14556" s="2">
        <v>1.7999999999999999E-2</v>
      </c>
      <c r="X14556" s="2">
        <v>139.1</v>
      </c>
      <c r="Y14556" s="2">
        <v>7.6</v>
      </c>
      <c r="Z14556" s="2">
        <v>16.7</v>
      </c>
      <c r="AA14556" s="5"/>
      <c r="AB14556" s="5" t="s">
        <v>43</v>
      </c>
      <c r="AC14556" s="5" t="s">
        <v>44</v>
      </c>
      <c r="AD14556" s="2"/>
      <c r="AE14556" s="1"/>
    </row>
    <row r="14557" spans="1:31" ht="14.45">
      <c r="A14557" s="11"/>
      <c r="B14557" s="20"/>
      <c r="C14557" s="2" t="s">
        <v>44622</v>
      </c>
      <c r="D14557" s="14" t="s">
        <v>44623</v>
      </c>
      <c r="E14557" s="2" t="s">
        <v>44624</v>
      </c>
      <c r="F14557" s="2" t="s">
        <v>40993</v>
      </c>
      <c r="G14557" s="8">
        <v>201</v>
      </c>
      <c r="H14557" s="5">
        <v>6</v>
      </c>
      <c r="I14557" s="5" t="s">
        <v>1518</v>
      </c>
      <c r="J14557" s="5" t="s">
        <v>40939</v>
      </c>
      <c r="K14557" s="2" t="s">
        <v>40940</v>
      </c>
      <c r="L14557" s="5" t="s">
        <v>40939</v>
      </c>
      <c r="M14557" s="2" t="s">
        <v>40940</v>
      </c>
      <c r="N14557" s="5" t="s">
        <v>36266</v>
      </c>
      <c r="O14557" s="5" t="s">
        <v>38</v>
      </c>
      <c r="P14557" s="5" t="s">
        <v>39</v>
      </c>
      <c r="Q14557" s="5" t="s">
        <v>40</v>
      </c>
      <c r="R14557" s="5" t="s">
        <v>1522</v>
      </c>
      <c r="S14557" s="5" t="s">
        <v>1523</v>
      </c>
      <c r="T14557" s="5" t="s">
        <v>42</v>
      </c>
      <c r="U14557" s="2">
        <v>1.698</v>
      </c>
      <c r="V14557" s="2">
        <v>1.1859999999999999</v>
      </c>
      <c r="W14557" s="2">
        <v>1.7999999999999999E-2</v>
      </c>
      <c r="X14557" s="2">
        <v>139.1</v>
      </c>
      <c r="Y14557" s="2">
        <v>7.6</v>
      </c>
      <c r="Z14557" s="2">
        <v>16.7</v>
      </c>
      <c r="AA14557" s="5"/>
      <c r="AB14557" s="5" t="s">
        <v>43</v>
      </c>
      <c r="AC14557" s="5" t="s">
        <v>44</v>
      </c>
      <c r="AD14557" s="2"/>
      <c r="AE14557" s="1"/>
    </row>
    <row r="14558" spans="1:31" ht="14.45">
      <c r="A14558" s="11"/>
      <c r="B14558" s="20"/>
      <c r="C14558" s="2" t="s">
        <v>44625</v>
      </c>
      <c r="D14558" s="14" t="s">
        <v>44626</v>
      </c>
      <c r="E14558" s="2" t="s">
        <v>44627</v>
      </c>
      <c r="F14558" s="2" t="s">
        <v>40997</v>
      </c>
      <c r="G14558" s="8">
        <v>201</v>
      </c>
      <c r="H14558" s="5">
        <v>6</v>
      </c>
      <c r="I14558" s="5" t="s">
        <v>1518</v>
      </c>
      <c r="J14558" s="5" t="s">
        <v>40939</v>
      </c>
      <c r="K14558" s="2" t="s">
        <v>40940</v>
      </c>
      <c r="L14558" s="5" t="s">
        <v>40939</v>
      </c>
      <c r="M14558" s="2" t="s">
        <v>40940</v>
      </c>
      <c r="N14558" s="5" t="s">
        <v>36266</v>
      </c>
      <c r="O14558" s="5" t="s">
        <v>38</v>
      </c>
      <c r="P14558" s="5" t="s">
        <v>39</v>
      </c>
      <c r="Q14558" s="5" t="s">
        <v>40</v>
      </c>
      <c r="R14558" s="5" t="s">
        <v>1522</v>
      </c>
      <c r="S14558" s="5" t="s">
        <v>1523</v>
      </c>
      <c r="T14558" s="5" t="s">
        <v>42</v>
      </c>
      <c r="U14558" s="2">
        <v>1.629</v>
      </c>
      <c r="V14558" s="2">
        <v>1.117</v>
      </c>
      <c r="W14558" s="2">
        <v>1.7999999999999999E-2</v>
      </c>
      <c r="X14558" s="2">
        <v>139.1</v>
      </c>
      <c r="Y14558" s="2">
        <v>7.6</v>
      </c>
      <c r="Z14558" s="2">
        <v>16.7</v>
      </c>
      <c r="AA14558" s="5"/>
      <c r="AB14558" s="5" t="s">
        <v>43</v>
      </c>
      <c r="AC14558" s="5" t="s">
        <v>44</v>
      </c>
      <c r="AD14558" s="2"/>
      <c r="AE14558" s="1"/>
    </row>
    <row r="14559" spans="1:31" ht="14.45">
      <c r="A14559" s="11"/>
      <c r="B14559" s="20"/>
      <c r="C14559" s="2" t="s">
        <v>44628</v>
      </c>
      <c r="D14559" s="14" t="s">
        <v>44629</v>
      </c>
      <c r="E14559" s="2" t="s">
        <v>44630</v>
      </c>
      <c r="F14559" s="2" t="s">
        <v>41267</v>
      </c>
      <c r="G14559" s="8">
        <v>201</v>
      </c>
      <c r="H14559" s="5">
        <v>6</v>
      </c>
      <c r="I14559" s="5" t="s">
        <v>1518</v>
      </c>
      <c r="J14559" s="5" t="s">
        <v>40939</v>
      </c>
      <c r="K14559" s="2" t="s">
        <v>40940</v>
      </c>
      <c r="L14559" s="5" t="s">
        <v>40939</v>
      </c>
      <c r="M14559" s="2" t="s">
        <v>40940</v>
      </c>
      <c r="N14559" s="5" t="s">
        <v>36266</v>
      </c>
      <c r="O14559" s="5" t="s">
        <v>38</v>
      </c>
      <c r="P14559" s="5" t="s">
        <v>39</v>
      </c>
      <c r="Q14559" s="5" t="s">
        <v>40</v>
      </c>
      <c r="R14559" s="5" t="s">
        <v>1522</v>
      </c>
      <c r="S14559" s="5" t="s">
        <v>1523</v>
      </c>
      <c r="T14559" s="5" t="s">
        <v>42</v>
      </c>
      <c r="U14559" s="2">
        <v>1.6519999999999999</v>
      </c>
      <c r="V14559" s="2">
        <v>1.1399999999999999</v>
      </c>
      <c r="W14559" s="2">
        <v>1.7999999999999999E-2</v>
      </c>
      <c r="X14559" s="2">
        <v>139.1</v>
      </c>
      <c r="Y14559" s="2">
        <v>7.6</v>
      </c>
      <c r="Z14559" s="2">
        <v>16.7</v>
      </c>
      <c r="AA14559" s="5"/>
      <c r="AB14559" s="5" t="s">
        <v>43</v>
      </c>
      <c r="AC14559" s="5" t="s">
        <v>44</v>
      </c>
      <c r="AD14559" s="2"/>
      <c r="AE14559" s="1"/>
    </row>
    <row r="14560" spans="1:31" ht="14.45">
      <c r="A14560" s="11"/>
      <c r="B14560" s="20"/>
      <c r="C14560" s="2" t="s">
        <v>44631</v>
      </c>
      <c r="D14560" s="14" t="s">
        <v>44632</v>
      </c>
      <c r="E14560" s="2" t="s">
        <v>44633</v>
      </c>
      <c r="F14560" s="2" t="s">
        <v>41001</v>
      </c>
      <c r="G14560" s="8">
        <v>201</v>
      </c>
      <c r="H14560" s="5">
        <v>6</v>
      </c>
      <c r="I14560" s="5" t="s">
        <v>1518</v>
      </c>
      <c r="J14560" s="5" t="s">
        <v>40939</v>
      </c>
      <c r="K14560" s="2" t="s">
        <v>40940</v>
      </c>
      <c r="L14560" s="5" t="s">
        <v>40939</v>
      </c>
      <c r="M14560" s="2" t="s">
        <v>40940</v>
      </c>
      <c r="N14560" s="5" t="s">
        <v>36266</v>
      </c>
      <c r="O14560" s="5" t="s">
        <v>38</v>
      </c>
      <c r="P14560" s="5" t="s">
        <v>39</v>
      </c>
      <c r="Q14560" s="5" t="s">
        <v>40</v>
      </c>
      <c r="R14560" s="5" t="s">
        <v>1522</v>
      </c>
      <c r="S14560" s="5" t="s">
        <v>1523</v>
      </c>
      <c r="T14560" s="5" t="s">
        <v>42</v>
      </c>
      <c r="U14560" s="2">
        <v>1.675</v>
      </c>
      <c r="V14560" s="2">
        <v>1.163</v>
      </c>
      <c r="W14560" s="2">
        <v>1.7999999999999999E-2</v>
      </c>
      <c r="X14560" s="2">
        <v>139.1</v>
      </c>
      <c r="Y14560" s="2">
        <v>7.6</v>
      </c>
      <c r="Z14560" s="2">
        <v>16.7</v>
      </c>
      <c r="AA14560" s="5"/>
      <c r="AB14560" s="5" t="s">
        <v>43</v>
      </c>
      <c r="AC14560" s="5" t="s">
        <v>44</v>
      </c>
      <c r="AD14560" s="2"/>
      <c r="AE14560" s="1"/>
    </row>
    <row r="14561" spans="1:31" ht="14.45">
      <c r="A14561" s="11"/>
      <c r="B14561" s="20"/>
      <c r="C14561" s="2" t="s">
        <v>44634</v>
      </c>
      <c r="D14561" s="14" t="s">
        <v>44635</v>
      </c>
      <c r="E14561" s="2" t="s">
        <v>44636</v>
      </c>
      <c r="F14561" s="2" t="s">
        <v>41005</v>
      </c>
      <c r="G14561" s="8">
        <v>201</v>
      </c>
      <c r="H14561" s="5">
        <v>6</v>
      </c>
      <c r="I14561" s="5" t="s">
        <v>1518</v>
      </c>
      <c r="J14561" s="5" t="s">
        <v>40939</v>
      </c>
      <c r="K14561" s="2" t="s">
        <v>40940</v>
      </c>
      <c r="L14561" s="5" t="s">
        <v>40939</v>
      </c>
      <c r="M14561" s="2" t="s">
        <v>40940</v>
      </c>
      <c r="N14561" s="5" t="s">
        <v>36266</v>
      </c>
      <c r="O14561" s="5" t="s">
        <v>38</v>
      </c>
      <c r="P14561" s="5" t="s">
        <v>39</v>
      </c>
      <c r="Q14561" s="5" t="s">
        <v>40</v>
      </c>
      <c r="R14561" s="5" t="s">
        <v>1522</v>
      </c>
      <c r="S14561" s="5" t="s">
        <v>1523</v>
      </c>
      <c r="T14561" s="5" t="s">
        <v>42</v>
      </c>
      <c r="U14561" s="2">
        <v>1.698</v>
      </c>
      <c r="V14561" s="2">
        <v>1.1859999999999999</v>
      </c>
      <c r="W14561" s="2">
        <v>1.7999999999999999E-2</v>
      </c>
      <c r="X14561" s="2">
        <v>139.1</v>
      </c>
      <c r="Y14561" s="2">
        <v>7.6</v>
      </c>
      <c r="Z14561" s="2">
        <v>16.7</v>
      </c>
      <c r="AA14561" s="5"/>
      <c r="AB14561" s="5" t="s">
        <v>43</v>
      </c>
      <c r="AC14561" s="5" t="s">
        <v>44</v>
      </c>
      <c r="AD14561" s="2"/>
      <c r="AE14561" s="1"/>
    </row>
    <row r="14562" spans="1:31" ht="14.45">
      <c r="A14562" s="11"/>
      <c r="B14562" s="20"/>
      <c r="C14562" s="2" t="s">
        <v>44637</v>
      </c>
      <c r="D14562" s="14" t="s">
        <v>44638</v>
      </c>
      <c r="E14562" s="2" t="s">
        <v>44639</v>
      </c>
      <c r="F14562" s="2" t="s">
        <v>41009</v>
      </c>
      <c r="G14562" s="8">
        <v>201</v>
      </c>
      <c r="H14562" s="5">
        <v>6</v>
      </c>
      <c r="I14562" s="5" t="s">
        <v>1518</v>
      </c>
      <c r="J14562" s="5" t="s">
        <v>40939</v>
      </c>
      <c r="K14562" s="2" t="s">
        <v>40940</v>
      </c>
      <c r="L14562" s="5" t="s">
        <v>40939</v>
      </c>
      <c r="M14562" s="2" t="s">
        <v>40940</v>
      </c>
      <c r="N14562" s="5" t="s">
        <v>36266</v>
      </c>
      <c r="O14562" s="5" t="s">
        <v>38</v>
      </c>
      <c r="P14562" s="5" t="s">
        <v>39</v>
      </c>
      <c r="Q14562" s="5" t="s">
        <v>40</v>
      </c>
      <c r="R14562" s="5" t="s">
        <v>1522</v>
      </c>
      <c r="S14562" s="5" t="s">
        <v>1523</v>
      </c>
      <c r="T14562" s="5" t="s">
        <v>42</v>
      </c>
      <c r="U14562" s="2">
        <v>1.6859999999999999</v>
      </c>
      <c r="V14562" s="2">
        <v>1.1739999999999999</v>
      </c>
      <c r="W14562" s="2">
        <v>1.7999999999999999E-2</v>
      </c>
      <c r="X14562" s="2">
        <v>139.1</v>
      </c>
      <c r="Y14562" s="2">
        <v>7.6</v>
      </c>
      <c r="Z14562" s="2">
        <v>16.7</v>
      </c>
      <c r="AA14562" s="5"/>
      <c r="AB14562" s="5" t="s">
        <v>43</v>
      </c>
      <c r="AC14562" s="5" t="s">
        <v>44</v>
      </c>
      <c r="AD14562" s="2"/>
      <c r="AE14562" s="1"/>
    </row>
    <row r="14563" spans="1:31" ht="14.45">
      <c r="A14563" s="11"/>
      <c r="B14563" s="20"/>
      <c r="C14563" s="2" t="s">
        <v>44640</v>
      </c>
      <c r="D14563" s="14" t="s">
        <v>44641</v>
      </c>
      <c r="E14563" s="2" t="s">
        <v>44642</v>
      </c>
      <c r="F14563" s="2" t="s">
        <v>41013</v>
      </c>
      <c r="G14563" s="8">
        <v>201</v>
      </c>
      <c r="H14563" s="5">
        <v>6</v>
      </c>
      <c r="I14563" s="5" t="s">
        <v>1518</v>
      </c>
      <c r="J14563" s="5" t="s">
        <v>40939</v>
      </c>
      <c r="K14563" s="2" t="s">
        <v>40940</v>
      </c>
      <c r="L14563" s="5" t="s">
        <v>40939</v>
      </c>
      <c r="M14563" s="2" t="s">
        <v>40940</v>
      </c>
      <c r="N14563" s="5" t="s">
        <v>36266</v>
      </c>
      <c r="O14563" s="5" t="s">
        <v>38</v>
      </c>
      <c r="P14563" s="5" t="s">
        <v>39</v>
      </c>
      <c r="Q14563" s="5" t="s">
        <v>40</v>
      </c>
      <c r="R14563" s="5" t="s">
        <v>1522</v>
      </c>
      <c r="S14563" s="5" t="s">
        <v>1523</v>
      </c>
      <c r="T14563" s="5" t="s">
        <v>42</v>
      </c>
      <c r="U14563" s="2">
        <v>1.7090000000000001</v>
      </c>
      <c r="V14563" s="2">
        <v>1.1970000000000001</v>
      </c>
      <c r="W14563" s="2">
        <v>1.7999999999999999E-2</v>
      </c>
      <c r="X14563" s="2">
        <v>139.1</v>
      </c>
      <c r="Y14563" s="2">
        <v>7.6</v>
      </c>
      <c r="Z14563" s="2">
        <v>16.7</v>
      </c>
      <c r="AA14563" s="5"/>
      <c r="AB14563" s="5" t="s">
        <v>43</v>
      </c>
      <c r="AC14563" s="5" t="s">
        <v>44</v>
      </c>
      <c r="AD14563" s="2"/>
      <c r="AE14563" s="1"/>
    </row>
    <row r="14564" spans="1:31" ht="14.45">
      <c r="A14564" s="11"/>
      <c r="B14564" s="20"/>
      <c r="C14564" s="2" t="s">
        <v>44643</v>
      </c>
      <c r="D14564" s="14" t="s">
        <v>44644</v>
      </c>
      <c r="E14564" s="2" t="s">
        <v>44645</v>
      </c>
      <c r="F14564" s="2" t="s">
        <v>7396</v>
      </c>
      <c r="G14564" s="8">
        <v>175</v>
      </c>
      <c r="H14564" s="5">
        <v>6</v>
      </c>
      <c r="I14564" s="5" t="s">
        <v>1518</v>
      </c>
      <c r="J14564" s="5" t="s">
        <v>40939</v>
      </c>
      <c r="K14564" s="2" t="s">
        <v>40940</v>
      </c>
      <c r="L14564" s="5" t="s">
        <v>40939</v>
      </c>
      <c r="M14564" s="2" t="s">
        <v>40940</v>
      </c>
      <c r="N14564" s="5" t="s">
        <v>36266</v>
      </c>
      <c r="O14564" s="5" t="s">
        <v>38</v>
      </c>
      <c r="P14564" s="5" t="s">
        <v>39</v>
      </c>
      <c r="Q14564" s="5" t="s">
        <v>40</v>
      </c>
      <c r="R14564" s="5" t="s">
        <v>1522</v>
      </c>
      <c r="S14564" s="5" t="s">
        <v>1523</v>
      </c>
      <c r="T14564" s="5" t="s">
        <v>42</v>
      </c>
      <c r="U14564" s="2">
        <v>1.6859999999999999</v>
      </c>
      <c r="V14564" s="2">
        <v>1.1739999999999999</v>
      </c>
      <c r="W14564" s="2">
        <v>1.7999999999999999E-2</v>
      </c>
      <c r="X14564" s="2">
        <v>139.1</v>
      </c>
      <c r="Y14564" s="2">
        <v>7.6</v>
      </c>
      <c r="Z14564" s="2">
        <v>16.7</v>
      </c>
      <c r="AA14564" s="5"/>
      <c r="AB14564" s="5" t="s">
        <v>43</v>
      </c>
      <c r="AC14564" s="5" t="s">
        <v>44</v>
      </c>
      <c r="AD14564" s="2"/>
      <c r="AE14564" s="1"/>
    </row>
    <row r="14565" spans="1:31" ht="14.45">
      <c r="A14565" s="11"/>
      <c r="B14565" s="20"/>
      <c r="C14565" s="2" t="s">
        <v>44646</v>
      </c>
      <c r="D14565" s="14" t="s">
        <v>44647</v>
      </c>
      <c r="E14565" s="2" t="s">
        <v>44648</v>
      </c>
      <c r="F14565" s="2" t="s">
        <v>7507</v>
      </c>
      <c r="G14565" s="8">
        <v>175</v>
      </c>
      <c r="H14565" s="5">
        <v>6</v>
      </c>
      <c r="I14565" s="5" t="s">
        <v>1518</v>
      </c>
      <c r="J14565" s="5" t="s">
        <v>40939</v>
      </c>
      <c r="K14565" s="2" t="s">
        <v>40940</v>
      </c>
      <c r="L14565" s="5" t="s">
        <v>40939</v>
      </c>
      <c r="M14565" s="2" t="s">
        <v>40940</v>
      </c>
      <c r="N14565" s="5" t="s">
        <v>36266</v>
      </c>
      <c r="O14565" s="5" t="s">
        <v>38</v>
      </c>
      <c r="P14565" s="5" t="s">
        <v>39</v>
      </c>
      <c r="Q14565" s="5" t="s">
        <v>40</v>
      </c>
      <c r="R14565" s="5" t="s">
        <v>1522</v>
      </c>
      <c r="S14565" s="5" t="s">
        <v>1523</v>
      </c>
      <c r="T14565" s="5" t="s">
        <v>42</v>
      </c>
      <c r="U14565" s="2">
        <v>1.7090000000000001</v>
      </c>
      <c r="V14565" s="2">
        <v>1.1970000000000001</v>
      </c>
      <c r="W14565" s="2">
        <v>1.7999999999999999E-2</v>
      </c>
      <c r="X14565" s="2">
        <v>139.1</v>
      </c>
      <c r="Y14565" s="2">
        <v>7.6</v>
      </c>
      <c r="Z14565" s="2">
        <v>16.7</v>
      </c>
      <c r="AA14565" s="5"/>
      <c r="AB14565" s="5" t="s">
        <v>43</v>
      </c>
      <c r="AC14565" s="5" t="s">
        <v>44</v>
      </c>
      <c r="AD14565" s="2"/>
      <c r="AE14565" s="1"/>
    </row>
    <row r="14566" spans="1:31" ht="14.45">
      <c r="A14566" s="11"/>
      <c r="B14566" s="20"/>
      <c r="C14566" s="2" t="s">
        <v>44649</v>
      </c>
      <c r="D14566" s="14" t="s">
        <v>44650</v>
      </c>
      <c r="E14566" s="2" t="s">
        <v>44651</v>
      </c>
      <c r="F14566" s="2" t="s">
        <v>41023</v>
      </c>
      <c r="G14566" s="8">
        <v>201</v>
      </c>
      <c r="H14566" s="5">
        <v>6</v>
      </c>
      <c r="I14566" s="5" t="s">
        <v>1518</v>
      </c>
      <c r="J14566" s="5" t="s">
        <v>40939</v>
      </c>
      <c r="K14566" s="2" t="s">
        <v>40940</v>
      </c>
      <c r="L14566" s="5" t="s">
        <v>40939</v>
      </c>
      <c r="M14566" s="2" t="s">
        <v>40940</v>
      </c>
      <c r="N14566" s="5" t="s">
        <v>36266</v>
      </c>
      <c r="O14566" s="5" t="s">
        <v>38</v>
      </c>
      <c r="P14566" s="5" t="s">
        <v>39</v>
      </c>
      <c r="Q14566" s="5" t="s">
        <v>40</v>
      </c>
      <c r="R14566" s="5" t="s">
        <v>1522</v>
      </c>
      <c r="S14566" s="5" t="s">
        <v>1523</v>
      </c>
      <c r="T14566" s="5" t="s">
        <v>42</v>
      </c>
      <c r="U14566" s="2">
        <v>1.629</v>
      </c>
      <c r="V14566" s="2">
        <v>1.117</v>
      </c>
      <c r="W14566" s="2">
        <v>1.7999999999999999E-2</v>
      </c>
      <c r="X14566" s="2">
        <v>139.1</v>
      </c>
      <c r="Y14566" s="2">
        <v>7.6</v>
      </c>
      <c r="Z14566" s="2">
        <v>16.7</v>
      </c>
      <c r="AA14566" s="5"/>
      <c r="AB14566" s="5" t="s">
        <v>43</v>
      </c>
      <c r="AC14566" s="5" t="s">
        <v>44</v>
      </c>
      <c r="AD14566" s="2"/>
      <c r="AE14566" s="1"/>
    </row>
    <row r="14567" spans="1:31" ht="14.45">
      <c r="A14567" s="11"/>
      <c r="B14567" s="20"/>
      <c r="C14567" s="2" t="s">
        <v>44652</v>
      </c>
      <c r="D14567" s="14" t="s">
        <v>44653</v>
      </c>
      <c r="E14567" s="2" t="s">
        <v>44654</v>
      </c>
      <c r="F14567" s="2" t="s">
        <v>41027</v>
      </c>
      <c r="G14567" s="8">
        <v>201</v>
      </c>
      <c r="H14567" s="5">
        <v>6</v>
      </c>
      <c r="I14567" s="5" t="s">
        <v>1518</v>
      </c>
      <c r="J14567" s="5" t="s">
        <v>40939</v>
      </c>
      <c r="K14567" s="2" t="s">
        <v>40940</v>
      </c>
      <c r="L14567" s="5" t="s">
        <v>40939</v>
      </c>
      <c r="M14567" s="2" t="s">
        <v>40940</v>
      </c>
      <c r="N14567" s="5" t="s">
        <v>36266</v>
      </c>
      <c r="O14567" s="5" t="s">
        <v>38</v>
      </c>
      <c r="P14567" s="5" t="s">
        <v>39</v>
      </c>
      <c r="Q14567" s="5" t="s">
        <v>40</v>
      </c>
      <c r="R14567" s="5" t="s">
        <v>1522</v>
      </c>
      <c r="S14567" s="5" t="s">
        <v>1523</v>
      </c>
      <c r="T14567" s="5" t="s">
        <v>42</v>
      </c>
      <c r="U14567" s="2">
        <v>1.6519999999999999</v>
      </c>
      <c r="V14567" s="2">
        <v>1.1399999999999999</v>
      </c>
      <c r="W14567" s="2">
        <v>1.7999999999999999E-2</v>
      </c>
      <c r="X14567" s="2">
        <v>139.1</v>
      </c>
      <c r="Y14567" s="2">
        <v>7.6</v>
      </c>
      <c r="Z14567" s="2">
        <v>16.7</v>
      </c>
      <c r="AA14567" s="5"/>
      <c r="AB14567" s="5" t="s">
        <v>43</v>
      </c>
      <c r="AC14567" s="5" t="s">
        <v>44</v>
      </c>
      <c r="AD14567" s="2"/>
      <c r="AE14567" s="1"/>
    </row>
    <row r="14568" spans="1:31" ht="14.45">
      <c r="A14568" s="11"/>
      <c r="B14568" s="20"/>
      <c r="C14568" s="2" t="s">
        <v>44655</v>
      </c>
      <c r="D14568" s="14" t="s">
        <v>44656</v>
      </c>
      <c r="E14568" s="2" t="s">
        <v>44657</v>
      </c>
      <c r="F14568" s="2" t="s">
        <v>41031</v>
      </c>
      <c r="G14568" s="8">
        <v>201</v>
      </c>
      <c r="H14568" s="5">
        <v>6</v>
      </c>
      <c r="I14568" s="5" t="s">
        <v>1518</v>
      </c>
      <c r="J14568" s="5" t="s">
        <v>40939</v>
      </c>
      <c r="K14568" s="2" t="s">
        <v>40940</v>
      </c>
      <c r="L14568" s="5" t="s">
        <v>40939</v>
      </c>
      <c r="M14568" s="2" t="s">
        <v>40940</v>
      </c>
      <c r="N14568" s="5" t="s">
        <v>36266</v>
      </c>
      <c r="O14568" s="5" t="s">
        <v>38</v>
      </c>
      <c r="P14568" s="5" t="s">
        <v>39</v>
      </c>
      <c r="Q14568" s="5" t="s">
        <v>40</v>
      </c>
      <c r="R14568" s="5" t="s">
        <v>1522</v>
      </c>
      <c r="S14568" s="5" t="s">
        <v>1523</v>
      </c>
      <c r="T14568" s="5" t="s">
        <v>42</v>
      </c>
      <c r="U14568" s="2">
        <v>1.629</v>
      </c>
      <c r="V14568" s="2">
        <v>1.117</v>
      </c>
      <c r="W14568" s="2">
        <v>1.7999999999999999E-2</v>
      </c>
      <c r="X14568" s="2">
        <v>139.1</v>
      </c>
      <c r="Y14568" s="2">
        <v>7.6</v>
      </c>
      <c r="Z14568" s="2">
        <v>16.7</v>
      </c>
      <c r="AA14568" s="5"/>
      <c r="AB14568" s="5" t="s">
        <v>43</v>
      </c>
      <c r="AC14568" s="5" t="s">
        <v>44</v>
      </c>
      <c r="AD14568" s="2"/>
      <c r="AE14568" s="1"/>
    </row>
    <row r="14569" spans="1:31" ht="14.45">
      <c r="A14569" s="11"/>
      <c r="B14569" s="20"/>
      <c r="C14569" s="2" t="s">
        <v>44658</v>
      </c>
      <c r="D14569" s="14" t="s">
        <v>44659</v>
      </c>
      <c r="E14569" s="2" t="s">
        <v>44660</v>
      </c>
      <c r="F14569" s="2" t="s">
        <v>41035</v>
      </c>
      <c r="G14569" s="8">
        <v>201</v>
      </c>
      <c r="H14569" s="5">
        <v>6</v>
      </c>
      <c r="I14569" s="5" t="s">
        <v>1518</v>
      </c>
      <c r="J14569" s="5" t="s">
        <v>40939</v>
      </c>
      <c r="K14569" s="2" t="s">
        <v>40940</v>
      </c>
      <c r="L14569" s="5" t="s">
        <v>40939</v>
      </c>
      <c r="M14569" s="2" t="s">
        <v>40940</v>
      </c>
      <c r="N14569" s="5" t="s">
        <v>36266</v>
      </c>
      <c r="O14569" s="5" t="s">
        <v>38</v>
      </c>
      <c r="P14569" s="5" t="s">
        <v>39</v>
      </c>
      <c r="Q14569" s="5" t="s">
        <v>40</v>
      </c>
      <c r="R14569" s="5" t="s">
        <v>1522</v>
      </c>
      <c r="S14569" s="5" t="s">
        <v>1523</v>
      </c>
      <c r="T14569" s="5" t="s">
        <v>42</v>
      </c>
      <c r="U14569" s="2">
        <v>1.6519999999999999</v>
      </c>
      <c r="V14569" s="2">
        <v>1.1399999999999999</v>
      </c>
      <c r="W14569" s="2">
        <v>1.7999999999999999E-2</v>
      </c>
      <c r="X14569" s="2">
        <v>139.1</v>
      </c>
      <c r="Y14569" s="2">
        <v>7.6</v>
      </c>
      <c r="Z14569" s="2">
        <v>16.7</v>
      </c>
      <c r="AA14569" s="5"/>
      <c r="AB14569" s="5" t="s">
        <v>43</v>
      </c>
      <c r="AC14569" s="5" t="s">
        <v>44</v>
      </c>
      <c r="AD14569" s="2"/>
      <c r="AE14569" s="1"/>
    </row>
    <row r="14570" spans="1:31" ht="14.45">
      <c r="A14570" s="11"/>
      <c r="B14570" s="20"/>
      <c r="C14570" s="2" t="s">
        <v>44661</v>
      </c>
      <c r="D14570" s="14" t="s">
        <v>44662</v>
      </c>
      <c r="E14570" s="2" t="s">
        <v>44663</v>
      </c>
      <c r="F14570" s="2" t="s">
        <v>7449</v>
      </c>
      <c r="G14570" s="8">
        <v>201</v>
      </c>
      <c r="H14570" s="5">
        <v>6</v>
      </c>
      <c r="I14570" s="5" t="s">
        <v>1518</v>
      </c>
      <c r="J14570" s="5" t="s">
        <v>40939</v>
      </c>
      <c r="K14570" s="2" t="s">
        <v>40940</v>
      </c>
      <c r="L14570" s="5" t="s">
        <v>40939</v>
      </c>
      <c r="M14570" s="2" t="s">
        <v>40940</v>
      </c>
      <c r="N14570" s="5" t="s">
        <v>36266</v>
      </c>
      <c r="O14570" s="5" t="s">
        <v>38</v>
      </c>
      <c r="P14570" s="5" t="s">
        <v>39</v>
      </c>
      <c r="Q14570" s="5" t="s">
        <v>40</v>
      </c>
      <c r="R14570" s="5" t="s">
        <v>1522</v>
      </c>
      <c r="S14570" s="5" t="s">
        <v>1523</v>
      </c>
      <c r="T14570" s="5" t="s">
        <v>42</v>
      </c>
      <c r="U14570" s="2">
        <v>1.629</v>
      </c>
      <c r="V14570" s="2">
        <v>1.117</v>
      </c>
      <c r="W14570" s="2">
        <v>1.7999999999999999E-2</v>
      </c>
      <c r="X14570" s="2">
        <v>139.1</v>
      </c>
      <c r="Y14570" s="2">
        <v>7.6</v>
      </c>
      <c r="Z14570" s="2">
        <v>16.7</v>
      </c>
      <c r="AA14570" s="5"/>
      <c r="AB14570" s="5" t="s">
        <v>43</v>
      </c>
      <c r="AC14570" s="5" t="s">
        <v>44</v>
      </c>
      <c r="AD14570" s="2"/>
      <c r="AE14570" s="1"/>
    </row>
    <row r="14571" spans="1:31" ht="14.45">
      <c r="A14571" s="11"/>
      <c r="B14571" s="20"/>
      <c r="C14571" s="2" t="s">
        <v>44664</v>
      </c>
      <c r="D14571" s="14" t="s">
        <v>44665</v>
      </c>
      <c r="E14571" s="2" t="s">
        <v>44666</v>
      </c>
      <c r="F14571" s="2" t="s">
        <v>7581</v>
      </c>
      <c r="G14571" s="8">
        <v>201</v>
      </c>
      <c r="H14571" s="5">
        <v>6</v>
      </c>
      <c r="I14571" s="5" t="s">
        <v>1518</v>
      </c>
      <c r="J14571" s="5" t="s">
        <v>40939</v>
      </c>
      <c r="K14571" s="2" t="s">
        <v>40940</v>
      </c>
      <c r="L14571" s="5" t="s">
        <v>40939</v>
      </c>
      <c r="M14571" s="2" t="s">
        <v>40940</v>
      </c>
      <c r="N14571" s="5" t="s">
        <v>36266</v>
      </c>
      <c r="O14571" s="5" t="s">
        <v>38</v>
      </c>
      <c r="P14571" s="5" t="s">
        <v>39</v>
      </c>
      <c r="Q14571" s="5" t="s">
        <v>40</v>
      </c>
      <c r="R14571" s="5" t="s">
        <v>1522</v>
      </c>
      <c r="S14571" s="5" t="s">
        <v>1523</v>
      </c>
      <c r="T14571" s="5" t="s">
        <v>42</v>
      </c>
      <c r="U14571" s="2">
        <v>1.6519999999999999</v>
      </c>
      <c r="V14571" s="2">
        <v>1.1399999999999999</v>
      </c>
      <c r="W14571" s="2">
        <v>1.7999999999999999E-2</v>
      </c>
      <c r="X14571" s="2">
        <v>139.1</v>
      </c>
      <c r="Y14571" s="2">
        <v>7.6</v>
      </c>
      <c r="Z14571" s="2">
        <v>16.7</v>
      </c>
      <c r="AA14571" s="5"/>
      <c r="AB14571" s="5" t="s">
        <v>43</v>
      </c>
      <c r="AC14571" s="5" t="s">
        <v>44</v>
      </c>
      <c r="AD14571" s="2"/>
      <c r="AE14571" s="1"/>
    </row>
    <row r="14572" spans="1:31" ht="14.45">
      <c r="A14572" s="11"/>
      <c r="B14572" s="20"/>
      <c r="C14572" s="2" t="s">
        <v>44667</v>
      </c>
      <c r="D14572" s="14" t="s">
        <v>44668</v>
      </c>
      <c r="E14572" s="2" t="s">
        <v>44669</v>
      </c>
      <c r="F14572" s="2" t="s">
        <v>41045</v>
      </c>
      <c r="G14572" s="8">
        <v>201</v>
      </c>
      <c r="H14572" s="5">
        <v>6</v>
      </c>
      <c r="I14572" s="5" t="s">
        <v>1518</v>
      </c>
      <c r="J14572" s="5" t="s">
        <v>40939</v>
      </c>
      <c r="K14572" s="2" t="s">
        <v>40940</v>
      </c>
      <c r="L14572" s="5" t="s">
        <v>40939</v>
      </c>
      <c r="M14572" s="2" t="s">
        <v>40940</v>
      </c>
      <c r="N14572" s="5" t="s">
        <v>36266</v>
      </c>
      <c r="O14572" s="5" t="s">
        <v>38</v>
      </c>
      <c r="P14572" s="5" t="s">
        <v>39</v>
      </c>
      <c r="Q14572" s="5" t="s">
        <v>40</v>
      </c>
      <c r="R14572" s="5" t="s">
        <v>1522</v>
      </c>
      <c r="S14572" s="5" t="s">
        <v>1523</v>
      </c>
      <c r="T14572" s="5" t="s">
        <v>42</v>
      </c>
      <c r="U14572" s="2">
        <v>1.698</v>
      </c>
      <c r="V14572" s="2">
        <v>1.1859999999999999</v>
      </c>
      <c r="W14572" s="2">
        <v>1.7999999999999999E-2</v>
      </c>
      <c r="X14572" s="2">
        <v>139.1</v>
      </c>
      <c r="Y14572" s="2">
        <v>7.6</v>
      </c>
      <c r="Z14572" s="2">
        <v>16.7</v>
      </c>
      <c r="AA14572" s="5"/>
      <c r="AB14572" s="5" t="s">
        <v>43</v>
      </c>
      <c r="AC14572" s="5" t="s">
        <v>44</v>
      </c>
      <c r="AD14572" s="2"/>
      <c r="AE14572" s="1"/>
    </row>
    <row r="14573" spans="1:31" ht="14.45">
      <c r="A14573" s="11"/>
      <c r="B14573" s="20"/>
      <c r="C14573" s="2" t="s">
        <v>44670</v>
      </c>
      <c r="D14573" s="14" t="s">
        <v>44671</v>
      </c>
      <c r="E14573" s="2" t="s">
        <v>44672</v>
      </c>
      <c r="F14573" s="2" t="s">
        <v>41049</v>
      </c>
      <c r="G14573" s="8">
        <v>201</v>
      </c>
      <c r="H14573" s="5">
        <v>6</v>
      </c>
      <c r="I14573" s="5" t="s">
        <v>1518</v>
      </c>
      <c r="J14573" s="5" t="s">
        <v>40939</v>
      </c>
      <c r="K14573" s="2" t="s">
        <v>40940</v>
      </c>
      <c r="L14573" s="5" t="s">
        <v>40939</v>
      </c>
      <c r="M14573" s="2" t="s">
        <v>40940</v>
      </c>
      <c r="N14573" s="5" t="s">
        <v>36266</v>
      </c>
      <c r="O14573" s="5" t="s">
        <v>38</v>
      </c>
      <c r="P14573" s="5" t="s">
        <v>39</v>
      </c>
      <c r="Q14573" s="5" t="s">
        <v>40</v>
      </c>
      <c r="R14573" s="5" t="s">
        <v>1522</v>
      </c>
      <c r="S14573" s="5" t="s">
        <v>1523</v>
      </c>
      <c r="T14573" s="5" t="s">
        <v>42</v>
      </c>
      <c r="U14573" s="2">
        <v>1.7210000000000001</v>
      </c>
      <c r="V14573" s="2">
        <v>1.2090000000000001</v>
      </c>
      <c r="W14573" s="2">
        <v>1.7999999999999999E-2</v>
      </c>
      <c r="X14573" s="2">
        <v>139.1</v>
      </c>
      <c r="Y14573" s="2">
        <v>7.6</v>
      </c>
      <c r="Z14573" s="2">
        <v>16.7</v>
      </c>
      <c r="AA14573" s="5"/>
      <c r="AB14573" s="5" t="s">
        <v>43</v>
      </c>
      <c r="AC14573" s="5" t="s">
        <v>44</v>
      </c>
      <c r="AD14573" s="2"/>
      <c r="AE14573" s="1"/>
    </row>
    <row r="14574" spans="1:31" ht="14.45">
      <c r="A14574" s="11"/>
      <c r="B14574" s="20"/>
      <c r="C14574" s="2" t="s">
        <v>44673</v>
      </c>
      <c r="D14574" s="14" t="s">
        <v>44674</v>
      </c>
      <c r="E14574" s="2" t="s">
        <v>44675</v>
      </c>
      <c r="F14574" s="2" t="s">
        <v>7204</v>
      </c>
      <c r="G14574" s="8">
        <v>190</v>
      </c>
      <c r="H14574" s="5">
        <v>6</v>
      </c>
      <c r="I14574" s="5" t="s">
        <v>1518</v>
      </c>
      <c r="J14574" s="5" t="s">
        <v>40939</v>
      </c>
      <c r="K14574" s="2" t="s">
        <v>40940</v>
      </c>
      <c r="L14574" s="5" t="s">
        <v>40939</v>
      </c>
      <c r="M14574" s="2" t="s">
        <v>40940</v>
      </c>
      <c r="N14574" s="5" t="s">
        <v>36266</v>
      </c>
      <c r="O14574" s="5" t="s">
        <v>38</v>
      </c>
      <c r="P14574" s="5" t="s">
        <v>39</v>
      </c>
      <c r="Q14574" s="5" t="s">
        <v>40</v>
      </c>
      <c r="R14574" s="5" t="s">
        <v>1522</v>
      </c>
      <c r="S14574" s="5" t="s">
        <v>1523</v>
      </c>
      <c r="T14574" s="5" t="s">
        <v>42</v>
      </c>
      <c r="U14574" s="2">
        <v>1.8149999999999999</v>
      </c>
      <c r="V14574" s="2">
        <v>1.3029999999999999</v>
      </c>
      <c r="W14574" s="2">
        <v>1.7999999999999999E-2</v>
      </c>
      <c r="X14574" s="2">
        <v>139.1</v>
      </c>
      <c r="Y14574" s="2">
        <v>7.6</v>
      </c>
      <c r="Z14574" s="2">
        <v>16.7</v>
      </c>
      <c r="AA14574" s="5"/>
      <c r="AB14574" s="5" t="s">
        <v>43</v>
      </c>
      <c r="AC14574" s="5" t="s">
        <v>44</v>
      </c>
      <c r="AD14574" s="2"/>
      <c r="AE14574" s="1"/>
    </row>
    <row r="14575" spans="1:31" ht="14.45">
      <c r="A14575" s="11"/>
      <c r="B14575" s="20"/>
      <c r="C14575" s="2" t="s">
        <v>44676</v>
      </c>
      <c r="D14575" s="14" t="s">
        <v>44677</v>
      </c>
      <c r="E14575" s="2" t="s">
        <v>44678</v>
      </c>
      <c r="F14575" s="2" t="s">
        <v>7514</v>
      </c>
      <c r="G14575" s="8">
        <v>190</v>
      </c>
      <c r="H14575" s="5">
        <v>6</v>
      </c>
      <c r="I14575" s="5" t="s">
        <v>1518</v>
      </c>
      <c r="J14575" s="5" t="s">
        <v>40939</v>
      </c>
      <c r="K14575" s="2" t="s">
        <v>40940</v>
      </c>
      <c r="L14575" s="5" t="s">
        <v>40939</v>
      </c>
      <c r="M14575" s="2" t="s">
        <v>40940</v>
      </c>
      <c r="N14575" s="5" t="s">
        <v>36266</v>
      </c>
      <c r="O14575" s="5" t="s">
        <v>38</v>
      </c>
      <c r="P14575" s="5" t="s">
        <v>39</v>
      </c>
      <c r="Q14575" s="5" t="s">
        <v>40</v>
      </c>
      <c r="R14575" s="5" t="s">
        <v>1522</v>
      </c>
      <c r="S14575" s="5" t="s">
        <v>1523</v>
      </c>
      <c r="T14575" s="5" t="s">
        <v>42</v>
      </c>
      <c r="U14575" s="2">
        <v>1.8360000000000001</v>
      </c>
      <c r="V14575" s="2">
        <v>1.3240000000000001</v>
      </c>
      <c r="W14575" s="2">
        <v>1.7999999999999999E-2</v>
      </c>
      <c r="X14575" s="2">
        <v>139.1</v>
      </c>
      <c r="Y14575" s="2">
        <v>7.6</v>
      </c>
      <c r="Z14575" s="2">
        <v>16.7</v>
      </c>
      <c r="AA14575" s="5"/>
      <c r="AB14575" s="5" t="s">
        <v>43</v>
      </c>
      <c r="AC14575" s="5" t="s">
        <v>44</v>
      </c>
      <c r="AD14575" s="2"/>
      <c r="AE14575" s="1"/>
    </row>
    <row r="14576" spans="1:31" ht="14.45">
      <c r="A14576" s="11"/>
      <c r="B14576" s="20"/>
      <c r="C14576" s="2" t="s">
        <v>44679</v>
      </c>
      <c r="D14576" s="14" t="s">
        <v>44680</v>
      </c>
      <c r="E14576" s="2" t="s">
        <v>44681</v>
      </c>
      <c r="F14576" s="2" t="s">
        <v>41221</v>
      </c>
      <c r="G14576" s="8">
        <v>219</v>
      </c>
      <c r="H14576" s="5">
        <v>6</v>
      </c>
      <c r="I14576" s="5" t="s">
        <v>1518</v>
      </c>
      <c r="J14576" s="5" t="s">
        <v>40939</v>
      </c>
      <c r="K14576" s="2" t="s">
        <v>40940</v>
      </c>
      <c r="L14576" s="5" t="s">
        <v>40939</v>
      </c>
      <c r="M14576" s="2" t="s">
        <v>40940</v>
      </c>
      <c r="N14576" s="5" t="s">
        <v>36266</v>
      </c>
      <c r="O14576" s="5" t="s">
        <v>38</v>
      </c>
      <c r="P14576" s="5" t="s">
        <v>39</v>
      </c>
      <c r="Q14576" s="5" t="s">
        <v>40</v>
      </c>
      <c r="R14576" s="5" t="s">
        <v>1522</v>
      </c>
      <c r="S14576" s="5" t="s">
        <v>1523</v>
      </c>
      <c r="T14576" s="5" t="s">
        <v>42</v>
      </c>
      <c r="U14576" s="2">
        <v>1.8480000000000001</v>
      </c>
      <c r="V14576" s="2">
        <v>1.3360000000000001</v>
      </c>
      <c r="W14576" s="2">
        <v>1.7999999999999999E-2</v>
      </c>
      <c r="X14576" s="2">
        <v>139.1</v>
      </c>
      <c r="Y14576" s="2">
        <v>7.6</v>
      </c>
      <c r="Z14576" s="2">
        <v>16.7</v>
      </c>
      <c r="AA14576" s="5"/>
      <c r="AB14576" s="5" t="s">
        <v>43</v>
      </c>
      <c r="AC14576" s="5" t="s">
        <v>44</v>
      </c>
      <c r="AD14576" s="2"/>
      <c r="AE14576" s="1"/>
    </row>
    <row r="14577" spans="1:31" ht="14.45">
      <c r="A14577" s="11"/>
      <c r="B14577" s="20"/>
      <c r="C14577" s="2" t="s">
        <v>44682</v>
      </c>
      <c r="D14577" s="14" t="s">
        <v>44683</v>
      </c>
      <c r="E14577" s="2" t="s">
        <v>44684</v>
      </c>
      <c r="F14577" s="2" t="s">
        <v>40951</v>
      </c>
      <c r="G14577" s="8">
        <v>219</v>
      </c>
      <c r="H14577" s="5">
        <v>6</v>
      </c>
      <c r="I14577" s="5" t="s">
        <v>1518</v>
      </c>
      <c r="J14577" s="5" t="s">
        <v>40939</v>
      </c>
      <c r="K14577" s="2" t="s">
        <v>40940</v>
      </c>
      <c r="L14577" s="5" t="s">
        <v>40939</v>
      </c>
      <c r="M14577" s="2" t="s">
        <v>40940</v>
      </c>
      <c r="N14577" s="5" t="s">
        <v>36266</v>
      </c>
      <c r="O14577" s="5" t="s">
        <v>38</v>
      </c>
      <c r="P14577" s="5" t="s">
        <v>39</v>
      </c>
      <c r="Q14577" s="5" t="s">
        <v>40</v>
      </c>
      <c r="R14577" s="5" t="s">
        <v>1522</v>
      </c>
      <c r="S14577" s="5" t="s">
        <v>1523</v>
      </c>
      <c r="T14577" s="5" t="s">
        <v>42</v>
      </c>
      <c r="U14577" s="2">
        <v>1.869</v>
      </c>
      <c r="V14577" s="2">
        <v>1.357</v>
      </c>
      <c r="W14577" s="2">
        <v>1.7999999999999999E-2</v>
      </c>
      <c r="X14577" s="2">
        <v>139.1</v>
      </c>
      <c r="Y14577" s="2">
        <v>7.6</v>
      </c>
      <c r="Z14577" s="2">
        <v>16.7</v>
      </c>
      <c r="AA14577" s="5"/>
      <c r="AB14577" s="5" t="s">
        <v>43</v>
      </c>
      <c r="AC14577" s="5" t="s">
        <v>44</v>
      </c>
      <c r="AD14577" s="2"/>
      <c r="AE14577" s="1"/>
    </row>
    <row r="14578" spans="1:31" ht="14.45">
      <c r="A14578" s="11"/>
      <c r="B14578" s="20"/>
      <c r="C14578" s="2" t="s">
        <v>44685</v>
      </c>
      <c r="D14578" s="14" t="s">
        <v>44686</v>
      </c>
      <c r="E14578" s="2" t="s">
        <v>44687</v>
      </c>
      <c r="F14578" s="2" t="s">
        <v>7208</v>
      </c>
      <c r="G14578" s="8">
        <v>190</v>
      </c>
      <c r="H14578" s="5">
        <v>6</v>
      </c>
      <c r="I14578" s="5" t="s">
        <v>1518</v>
      </c>
      <c r="J14578" s="5" t="s">
        <v>40939</v>
      </c>
      <c r="K14578" s="2" t="s">
        <v>40940</v>
      </c>
      <c r="L14578" s="5" t="s">
        <v>40939</v>
      </c>
      <c r="M14578" s="2" t="s">
        <v>40940</v>
      </c>
      <c r="N14578" s="5" t="s">
        <v>36266</v>
      </c>
      <c r="O14578" s="5" t="s">
        <v>38</v>
      </c>
      <c r="P14578" s="5" t="s">
        <v>39</v>
      </c>
      <c r="Q14578" s="5" t="s">
        <v>40</v>
      </c>
      <c r="R14578" s="5" t="s">
        <v>1522</v>
      </c>
      <c r="S14578" s="5" t="s">
        <v>1523</v>
      </c>
      <c r="T14578" s="5" t="s">
        <v>42</v>
      </c>
      <c r="U14578" s="2">
        <v>1.8640000000000001</v>
      </c>
      <c r="V14578" s="2">
        <v>1.3520000000000001</v>
      </c>
      <c r="W14578" s="2">
        <v>1.7999999999999999E-2</v>
      </c>
      <c r="X14578" s="2">
        <v>139.1</v>
      </c>
      <c r="Y14578" s="2">
        <v>7.6</v>
      </c>
      <c r="Z14578" s="2">
        <v>16.7</v>
      </c>
      <c r="AA14578" s="5"/>
      <c r="AB14578" s="5" t="s">
        <v>43</v>
      </c>
      <c r="AC14578" s="5" t="s">
        <v>44</v>
      </c>
      <c r="AD14578" s="2"/>
      <c r="AE14578" s="1"/>
    </row>
    <row r="14579" spans="1:31" ht="14.45">
      <c r="A14579" s="11"/>
      <c r="B14579" s="20"/>
      <c r="C14579" s="2" t="s">
        <v>44688</v>
      </c>
      <c r="D14579" s="14" t="s">
        <v>44689</v>
      </c>
      <c r="E14579" s="2" t="s">
        <v>44690</v>
      </c>
      <c r="F14579" s="2" t="s">
        <v>7521</v>
      </c>
      <c r="G14579" s="8">
        <v>190</v>
      </c>
      <c r="H14579" s="5">
        <v>6</v>
      </c>
      <c r="I14579" s="5" t="s">
        <v>1518</v>
      </c>
      <c r="J14579" s="5" t="s">
        <v>40939</v>
      </c>
      <c r="K14579" s="2" t="s">
        <v>40940</v>
      </c>
      <c r="L14579" s="5" t="s">
        <v>40939</v>
      </c>
      <c r="M14579" s="2" t="s">
        <v>40940</v>
      </c>
      <c r="N14579" s="5" t="s">
        <v>36266</v>
      </c>
      <c r="O14579" s="5" t="s">
        <v>38</v>
      </c>
      <c r="P14579" s="5" t="s">
        <v>39</v>
      </c>
      <c r="Q14579" s="5" t="s">
        <v>40</v>
      </c>
      <c r="R14579" s="5" t="s">
        <v>1522</v>
      </c>
      <c r="S14579" s="5" t="s">
        <v>1523</v>
      </c>
      <c r="T14579" s="5" t="s">
        <v>42</v>
      </c>
      <c r="U14579" s="2">
        <v>1.885</v>
      </c>
      <c r="V14579" s="2">
        <v>1.373</v>
      </c>
      <c r="W14579" s="2">
        <v>1.7999999999999999E-2</v>
      </c>
      <c r="X14579" s="2">
        <v>139.1</v>
      </c>
      <c r="Y14579" s="2">
        <v>7.6</v>
      </c>
      <c r="Z14579" s="2">
        <v>16.7</v>
      </c>
      <c r="AA14579" s="5"/>
      <c r="AB14579" s="5" t="s">
        <v>43</v>
      </c>
      <c r="AC14579" s="5" t="s">
        <v>44</v>
      </c>
      <c r="AD14579" s="2"/>
      <c r="AE14579" s="1"/>
    </row>
    <row r="14580" spans="1:31" ht="14.45">
      <c r="A14580" s="11"/>
      <c r="B14580" s="20"/>
      <c r="C14580" s="2" t="s">
        <v>44691</v>
      </c>
      <c r="D14580" s="14" t="s">
        <v>44692</v>
      </c>
      <c r="E14580" s="2" t="s">
        <v>44693</v>
      </c>
      <c r="F14580" s="2" t="s">
        <v>36273</v>
      </c>
      <c r="G14580" s="8">
        <v>190</v>
      </c>
      <c r="H14580" s="5">
        <v>6</v>
      </c>
      <c r="I14580" s="5" t="s">
        <v>1518</v>
      </c>
      <c r="J14580" s="5" t="s">
        <v>40939</v>
      </c>
      <c r="K14580" s="2" t="s">
        <v>40940</v>
      </c>
      <c r="L14580" s="5" t="s">
        <v>40939</v>
      </c>
      <c r="M14580" s="2" t="s">
        <v>40940</v>
      </c>
      <c r="N14580" s="5" t="s">
        <v>36266</v>
      </c>
      <c r="O14580" s="5" t="s">
        <v>38</v>
      </c>
      <c r="P14580" s="5" t="s">
        <v>39</v>
      </c>
      <c r="Q14580" s="5" t="s">
        <v>40</v>
      </c>
      <c r="R14580" s="5" t="s">
        <v>1522</v>
      </c>
      <c r="S14580" s="5" t="s">
        <v>1523</v>
      </c>
      <c r="T14580" s="5" t="s">
        <v>42</v>
      </c>
      <c r="U14580" s="2">
        <v>1.8959999999999999</v>
      </c>
      <c r="V14580" s="2">
        <v>1.3839999999999999</v>
      </c>
      <c r="W14580" s="2">
        <v>1.7999999999999999E-2</v>
      </c>
      <c r="X14580" s="2">
        <v>139.1</v>
      </c>
      <c r="Y14580" s="2">
        <v>7.6</v>
      </c>
      <c r="Z14580" s="2">
        <v>16.7</v>
      </c>
      <c r="AA14580" s="5"/>
      <c r="AB14580" s="5" t="s">
        <v>43</v>
      </c>
      <c r="AC14580" s="5" t="s">
        <v>44</v>
      </c>
      <c r="AD14580" s="2"/>
      <c r="AE14580" s="1"/>
    </row>
    <row r="14581" spans="1:31" ht="14.45">
      <c r="A14581" s="11"/>
      <c r="B14581" s="20"/>
      <c r="C14581" s="2" t="s">
        <v>44694</v>
      </c>
      <c r="D14581" s="14" t="s">
        <v>44695</v>
      </c>
      <c r="E14581" s="2" t="s">
        <v>44696</v>
      </c>
      <c r="F14581" s="2" t="s">
        <v>36277</v>
      </c>
      <c r="G14581" s="8">
        <v>190</v>
      </c>
      <c r="H14581" s="5">
        <v>6</v>
      </c>
      <c r="I14581" s="5" t="s">
        <v>1518</v>
      </c>
      <c r="J14581" s="5" t="s">
        <v>40939</v>
      </c>
      <c r="K14581" s="2" t="s">
        <v>40940</v>
      </c>
      <c r="L14581" s="5" t="s">
        <v>40939</v>
      </c>
      <c r="M14581" s="2" t="s">
        <v>40940</v>
      </c>
      <c r="N14581" s="5" t="s">
        <v>36266</v>
      </c>
      <c r="O14581" s="5" t="s">
        <v>38</v>
      </c>
      <c r="P14581" s="5" t="s">
        <v>39</v>
      </c>
      <c r="Q14581" s="5" t="s">
        <v>40</v>
      </c>
      <c r="R14581" s="5" t="s">
        <v>1522</v>
      </c>
      <c r="S14581" s="5" t="s">
        <v>1523</v>
      </c>
      <c r="T14581" s="5" t="s">
        <v>42</v>
      </c>
      <c r="U14581" s="2">
        <v>1.917</v>
      </c>
      <c r="V14581" s="2">
        <v>1.405</v>
      </c>
      <c r="W14581" s="2">
        <v>1.7999999999999999E-2</v>
      </c>
      <c r="X14581" s="2">
        <v>139.1</v>
      </c>
      <c r="Y14581" s="2">
        <v>7.6</v>
      </c>
      <c r="Z14581" s="2">
        <v>16.7</v>
      </c>
      <c r="AA14581" s="5"/>
      <c r="AB14581" s="5" t="s">
        <v>43</v>
      </c>
      <c r="AC14581" s="5" t="s">
        <v>44</v>
      </c>
      <c r="AD14581" s="2"/>
      <c r="AE14581" s="1"/>
    </row>
    <row r="14582" spans="1:31" ht="14.45">
      <c r="A14582" s="11"/>
      <c r="B14582" s="20"/>
      <c r="C14582" s="2" t="s">
        <v>44697</v>
      </c>
      <c r="D14582" s="14" t="s">
        <v>44698</v>
      </c>
      <c r="E14582" s="2" t="s">
        <v>44699</v>
      </c>
      <c r="F14582" s="2" t="s">
        <v>40967</v>
      </c>
      <c r="G14582" s="8">
        <v>219</v>
      </c>
      <c r="H14582" s="5">
        <v>6</v>
      </c>
      <c r="I14582" s="5" t="s">
        <v>1518</v>
      </c>
      <c r="J14582" s="5" t="s">
        <v>40939</v>
      </c>
      <c r="K14582" s="2" t="s">
        <v>40940</v>
      </c>
      <c r="L14582" s="5" t="s">
        <v>40939</v>
      </c>
      <c r="M14582" s="2" t="s">
        <v>40940</v>
      </c>
      <c r="N14582" s="5" t="s">
        <v>36266</v>
      </c>
      <c r="O14582" s="5" t="s">
        <v>38</v>
      </c>
      <c r="P14582" s="5" t="s">
        <v>39</v>
      </c>
      <c r="Q14582" s="5" t="s">
        <v>40</v>
      </c>
      <c r="R14582" s="5" t="s">
        <v>1522</v>
      </c>
      <c r="S14582" s="5" t="s">
        <v>1523</v>
      </c>
      <c r="T14582" s="5" t="s">
        <v>42</v>
      </c>
      <c r="U14582" s="2">
        <v>1.8640000000000001</v>
      </c>
      <c r="V14582" s="2">
        <v>1.3520000000000001</v>
      </c>
      <c r="W14582" s="2">
        <v>1.7999999999999999E-2</v>
      </c>
      <c r="X14582" s="2">
        <v>139.1</v>
      </c>
      <c r="Y14582" s="2">
        <v>7.6</v>
      </c>
      <c r="Z14582" s="2">
        <v>16.7</v>
      </c>
      <c r="AA14582" s="5"/>
      <c r="AB14582" s="5" t="s">
        <v>43</v>
      </c>
      <c r="AC14582" s="5" t="s">
        <v>44</v>
      </c>
      <c r="AD14582" s="2"/>
      <c r="AE14582" s="1"/>
    </row>
    <row r="14583" spans="1:31" ht="14.45">
      <c r="A14583" s="11"/>
      <c r="B14583" s="20"/>
      <c r="C14583" s="2" t="s">
        <v>44700</v>
      </c>
      <c r="D14583" s="14" t="s">
        <v>44701</v>
      </c>
      <c r="E14583" s="2" t="s">
        <v>44702</v>
      </c>
      <c r="F14583" s="2" t="s">
        <v>40971</v>
      </c>
      <c r="G14583" s="8">
        <v>219</v>
      </c>
      <c r="H14583" s="5">
        <v>6</v>
      </c>
      <c r="I14583" s="5" t="s">
        <v>1518</v>
      </c>
      <c r="J14583" s="5" t="s">
        <v>40939</v>
      </c>
      <c r="K14583" s="2" t="s">
        <v>40940</v>
      </c>
      <c r="L14583" s="5" t="s">
        <v>40939</v>
      </c>
      <c r="M14583" s="2" t="s">
        <v>40940</v>
      </c>
      <c r="N14583" s="5" t="s">
        <v>36266</v>
      </c>
      <c r="O14583" s="5" t="s">
        <v>38</v>
      </c>
      <c r="P14583" s="5" t="s">
        <v>39</v>
      </c>
      <c r="Q14583" s="5" t="s">
        <v>40</v>
      </c>
      <c r="R14583" s="5" t="s">
        <v>1522</v>
      </c>
      <c r="S14583" s="5" t="s">
        <v>1523</v>
      </c>
      <c r="T14583" s="5" t="s">
        <v>42</v>
      </c>
      <c r="U14583" s="2">
        <v>1.885</v>
      </c>
      <c r="V14583" s="2">
        <v>1.373</v>
      </c>
      <c r="W14583" s="2">
        <v>1.7999999999999999E-2</v>
      </c>
      <c r="X14583" s="2">
        <v>139.1</v>
      </c>
      <c r="Y14583" s="2">
        <v>7.6</v>
      </c>
      <c r="Z14583" s="2">
        <v>16.7</v>
      </c>
      <c r="AA14583" s="5"/>
      <c r="AB14583" s="5" t="s">
        <v>43</v>
      </c>
      <c r="AC14583" s="5" t="s">
        <v>44</v>
      </c>
      <c r="AD14583" s="2"/>
      <c r="AE14583" s="1"/>
    </row>
    <row r="14584" spans="1:31" ht="14.45">
      <c r="A14584" s="11"/>
      <c r="B14584" s="20"/>
      <c r="C14584" s="2" t="s">
        <v>44703</v>
      </c>
      <c r="D14584" s="14" t="s">
        <v>44704</v>
      </c>
      <c r="E14584" s="2" t="s">
        <v>44705</v>
      </c>
      <c r="F14584" s="2" t="s">
        <v>40975</v>
      </c>
      <c r="G14584" s="8">
        <v>219</v>
      </c>
      <c r="H14584" s="5">
        <v>6</v>
      </c>
      <c r="I14584" s="5" t="s">
        <v>1518</v>
      </c>
      <c r="J14584" s="5" t="s">
        <v>40939</v>
      </c>
      <c r="K14584" s="2" t="s">
        <v>40940</v>
      </c>
      <c r="L14584" s="5" t="s">
        <v>40939</v>
      </c>
      <c r="M14584" s="2" t="s">
        <v>40940</v>
      </c>
      <c r="N14584" s="5" t="s">
        <v>36266</v>
      </c>
      <c r="O14584" s="5" t="s">
        <v>38</v>
      </c>
      <c r="P14584" s="5" t="s">
        <v>39</v>
      </c>
      <c r="Q14584" s="5" t="s">
        <v>40</v>
      </c>
      <c r="R14584" s="5" t="s">
        <v>1522</v>
      </c>
      <c r="S14584" s="5" t="s">
        <v>1523</v>
      </c>
      <c r="T14584" s="5" t="s">
        <v>42</v>
      </c>
      <c r="U14584" s="2">
        <v>1.8640000000000001</v>
      </c>
      <c r="V14584" s="2">
        <v>1.3520000000000001</v>
      </c>
      <c r="W14584" s="2">
        <v>1.7999999999999999E-2</v>
      </c>
      <c r="X14584" s="2">
        <v>139.1</v>
      </c>
      <c r="Y14584" s="2">
        <v>7.6</v>
      </c>
      <c r="Z14584" s="2">
        <v>16.7</v>
      </c>
      <c r="AA14584" s="5"/>
      <c r="AB14584" s="5" t="s">
        <v>43</v>
      </c>
      <c r="AC14584" s="5" t="s">
        <v>44</v>
      </c>
      <c r="AD14584" s="2"/>
      <c r="AE14584" s="1"/>
    </row>
    <row r="14585" spans="1:31" ht="14.45">
      <c r="A14585" s="11"/>
      <c r="B14585" s="20"/>
      <c r="C14585" s="2" t="s">
        <v>44706</v>
      </c>
      <c r="D14585" s="14" t="s">
        <v>44707</v>
      </c>
      <c r="E14585" s="2" t="s">
        <v>44708</v>
      </c>
      <c r="F14585" s="2" t="s">
        <v>40979</v>
      </c>
      <c r="G14585" s="8">
        <v>219</v>
      </c>
      <c r="H14585" s="5">
        <v>6</v>
      </c>
      <c r="I14585" s="5" t="s">
        <v>1518</v>
      </c>
      <c r="J14585" s="5" t="s">
        <v>40939</v>
      </c>
      <c r="K14585" s="2" t="s">
        <v>40940</v>
      </c>
      <c r="L14585" s="5" t="s">
        <v>40939</v>
      </c>
      <c r="M14585" s="2" t="s">
        <v>40940</v>
      </c>
      <c r="N14585" s="5" t="s">
        <v>36266</v>
      </c>
      <c r="O14585" s="5" t="s">
        <v>38</v>
      </c>
      <c r="P14585" s="5" t="s">
        <v>39</v>
      </c>
      <c r="Q14585" s="5" t="s">
        <v>40</v>
      </c>
      <c r="R14585" s="5" t="s">
        <v>1522</v>
      </c>
      <c r="S14585" s="5" t="s">
        <v>1523</v>
      </c>
      <c r="T14585" s="5" t="s">
        <v>42</v>
      </c>
      <c r="U14585" s="2">
        <v>1.885</v>
      </c>
      <c r="V14585" s="2">
        <v>1.373</v>
      </c>
      <c r="W14585" s="2">
        <v>1.7999999999999999E-2</v>
      </c>
      <c r="X14585" s="2">
        <v>139.1</v>
      </c>
      <c r="Y14585" s="2">
        <v>7.6</v>
      </c>
      <c r="Z14585" s="2">
        <v>16.7</v>
      </c>
      <c r="AA14585" s="5"/>
      <c r="AB14585" s="5" t="s">
        <v>43</v>
      </c>
      <c r="AC14585" s="5" t="s">
        <v>44</v>
      </c>
      <c r="AD14585" s="2"/>
      <c r="AE14585" s="1"/>
    </row>
    <row r="14586" spans="1:31" ht="14.45">
      <c r="A14586" s="11"/>
      <c r="B14586" s="20"/>
      <c r="C14586" s="2" t="s">
        <v>44709</v>
      </c>
      <c r="D14586" s="14" t="s">
        <v>44710</v>
      </c>
      <c r="E14586" s="2" t="s">
        <v>44711</v>
      </c>
      <c r="F14586" s="2" t="s">
        <v>7539</v>
      </c>
      <c r="G14586" s="8">
        <v>219</v>
      </c>
      <c r="H14586" s="5">
        <v>6</v>
      </c>
      <c r="I14586" s="5" t="s">
        <v>1518</v>
      </c>
      <c r="J14586" s="5" t="s">
        <v>40939</v>
      </c>
      <c r="K14586" s="2" t="s">
        <v>40940</v>
      </c>
      <c r="L14586" s="5" t="s">
        <v>40939</v>
      </c>
      <c r="M14586" s="2" t="s">
        <v>40940</v>
      </c>
      <c r="N14586" s="5" t="s">
        <v>36266</v>
      </c>
      <c r="O14586" s="5" t="s">
        <v>38</v>
      </c>
      <c r="P14586" s="5" t="s">
        <v>39</v>
      </c>
      <c r="Q14586" s="5" t="s">
        <v>40</v>
      </c>
      <c r="R14586" s="5" t="s">
        <v>1522</v>
      </c>
      <c r="S14586" s="5" t="s">
        <v>1523</v>
      </c>
      <c r="T14586" s="5" t="s">
        <v>42</v>
      </c>
      <c r="U14586" s="2">
        <v>1.7829999999999999</v>
      </c>
      <c r="V14586" s="2">
        <v>1.2709999999999999</v>
      </c>
      <c r="W14586" s="2">
        <v>1.7999999999999999E-2</v>
      </c>
      <c r="X14586" s="2">
        <v>139.1</v>
      </c>
      <c r="Y14586" s="2">
        <v>7.6</v>
      </c>
      <c r="Z14586" s="2">
        <v>16.7</v>
      </c>
      <c r="AA14586" s="5"/>
      <c r="AB14586" s="5" t="s">
        <v>43</v>
      </c>
      <c r="AC14586" s="5" t="s">
        <v>44</v>
      </c>
      <c r="AD14586" s="2"/>
      <c r="AE14586" s="1"/>
    </row>
    <row r="14587" spans="1:31" ht="14.45">
      <c r="A14587" s="11"/>
      <c r="B14587" s="20"/>
      <c r="C14587" s="2" t="s">
        <v>44712</v>
      </c>
      <c r="D14587" s="14" t="s">
        <v>44713</v>
      </c>
      <c r="E14587" s="2" t="s">
        <v>44714</v>
      </c>
      <c r="F14587" s="2" t="s">
        <v>7543</v>
      </c>
      <c r="G14587" s="8">
        <v>219</v>
      </c>
      <c r="H14587" s="5">
        <v>6</v>
      </c>
      <c r="I14587" s="5" t="s">
        <v>1518</v>
      </c>
      <c r="J14587" s="5" t="s">
        <v>40939</v>
      </c>
      <c r="K14587" s="2" t="s">
        <v>40940</v>
      </c>
      <c r="L14587" s="5" t="s">
        <v>40939</v>
      </c>
      <c r="M14587" s="2" t="s">
        <v>40940</v>
      </c>
      <c r="N14587" s="5" t="s">
        <v>36266</v>
      </c>
      <c r="O14587" s="5" t="s">
        <v>38</v>
      </c>
      <c r="P14587" s="5" t="s">
        <v>39</v>
      </c>
      <c r="Q14587" s="5" t="s">
        <v>40</v>
      </c>
      <c r="R14587" s="5" t="s">
        <v>1522</v>
      </c>
      <c r="S14587" s="5" t="s">
        <v>1523</v>
      </c>
      <c r="T14587" s="5" t="s">
        <v>42</v>
      </c>
      <c r="U14587" s="2">
        <v>1.804</v>
      </c>
      <c r="V14587" s="2">
        <v>1.292</v>
      </c>
      <c r="W14587" s="2">
        <v>1.7999999999999999E-2</v>
      </c>
      <c r="X14587" s="2">
        <v>139.1</v>
      </c>
      <c r="Y14587" s="2">
        <v>7.6</v>
      </c>
      <c r="Z14587" s="2">
        <v>16.7</v>
      </c>
      <c r="AA14587" s="5"/>
      <c r="AB14587" s="5" t="s">
        <v>43</v>
      </c>
      <c r="AC14587" s="5" t="s">
        <v>44</v>
      </c>
      <c r="AD14587" s="2"/>
      <c r="AE14587" s="1"/>
    </row>
    <row r="14588" spans="1:31" ht="14.45">
      <c r="A14588" s="11"/>
      <c r="B14588" s="20"/>
      <c r="C14588" s="2" t="s">
        <v>44715</v>
      </c>
      <c r="D14588" s="14" t="s">
        <v>44716</v>
      </c>
      <c r="E14588" s="2" t="s">
        <v>44717</v>
      </c>
      <c r="F14588" s="2" t="s">
        <v>40989</v>
      </c>
      <c r="G14588" s="8">
        <v>219</v>
      </c>
      <c r="H14588" s="5">
        <v>6</v>
      </c>
      <c r="I14588" s="5" t="s">
        <v>1518</v>
      </c>
      <c r="J14588" s="5" t="s">
        <v>40939</v>
      </c>
      <c r="K14588" s="2" t="s">
        <v>40940</v>
      </c>
      <c r="L14588" s="5" t="s">
        <v>40939</v>
      </c>
      <c r="M14588" s="2" t="s">
        <v>40940</v>
      </c>
      <c r="N14588" s="5" t="s">
        <v>36266</v>
      </c>
      <c r="O14588" s="5" t="s">
        <v>38</v>
      </c>
      <c r="P14588" s="5" t="s">
        <v>39</v>
      </c>
      <c r="Q14588" s="5" t="s">
        <v>40</v>
      </c>
      <c r="R14588" s="5" t="s">
        <v>1522</v>
      </c>
      <c r="S14588" s="5" t="s">
        <v>1523</v>
      </c>
      <c r="T14588" s="5" t="s">
        <v>42</v>
      </c>
      <c r="U14588" s="2">
        <v>1.8640000000000001</v>
      </c>
      <c r="V14588" s="2">
        <v>1.3520000000000001</v>
      </c>
      <c r="W14588" s="2">
        <v>1.7999999999999999E-2</v>
      </c>
      <c r="X14588" s="2">
        <v>139.1</v>
      </c>
      <c r="Y14588" s="2">
        <v>7.6</v>
      </c>
      <c r="Z14588" s="2">
        <v>16.7</v>
      </c>
      <c r="AA14588" s="5"/>
      <c r="AB14588" s="5" t="s">
        <v>43</v>
      </c>
      <c r="AC14588" s="5" t="s">
        <v>44</v>
      </c>
      <c r="AD14588" s="2"/>
      <c r="AE14588" s="1"/>
    </row>
    <row r="14589" spans="1:31" ht="14.45">
      <c r="A14589" s="11"/>
      <c r="B14589" s="20"/>
      <c r="C14589" s="2" t="s">
        <v>44718</v>
      </c>
      <c r="D14589" s="14" t="s">
        <v>44719</v>
      </c>
      <c r="E14589" s="2" t="s">
        <v>44720</v>
      </c>
      <c r="F14589" s="2" t="s">
        <v>40993</v>
      </c>
      <c r="G14589" s="8">
        <v>219</v>
      </c>
      <c r="H14589" s="5">
        <v>6</v>
      </c>
      <c r="I14589" s="5" t="s">
        <v>1518</v>
      </c>
      <c r="J14589" s="5" t="s">
        <v>40939</v>
      </c>
      <c r="K14589" s="2" t="s">
        <v>40940</v>
      </c>
      <c r="L14589" s="5" t="s">
        <v>40939</v>
      </c>
      <c r="M14589" s="2" t="s">
        <v>40940</v>
      </c>
      <c r="N14589" s="5" t="s">
        <v>36266</v>
      </c>
      <c r="O14589" s="5" t="s">
        <v>38</v>
      </c>
      <c r="P14589" s="5" t="s">
        <v>39</v>
      </c>
      <c r="Q14589" s="5" t="s">
        <v>40</v>
      </c>
      <c r="R14589" s="5" t="s">
        <v>1522</v>
      </c>
      <c r="S14589" s="5" t="s">
        <v>1523</v>
      </c>
      <c r="T14589" s="5" t="s">
        <v>42</v>
      </c>
      <c r="U14589" s="2">
        <v>1.885</v>
      </c>
      <c r="V14589" s="2">
        <v>1.373</v>
      </c>
      <c r="W14589" s="2">
        <v>1.7999999999999999E-2</v>
      </c>
      <c r="X14589" s="2">
        <v>139.1</v>
      </c>
      <c r="Y14589" s="2">
        <v>7.6</v>
      </c>
      <c r="Z14589" s="2">
        <v>16.7</v>
      </c>
      <c r="AA14589" s="5"/>
      <c r="AB14589" s="5" t="s">
        <v>43</v>
      </c>
      <c r="AC14589" s="5" t="s">
        <v>44</v>
      </c>
      <c r="AD14589" s="2"/>
      <c r="AE14589" s="1"/>
    </row>
    <row r="14590" spans="1:31" ht="14.45">
      <c r="A14590" s="11"/>
      <c r="B14590" s="20"/>
      <c r="C14590" s="2" t="s">
        <v>44721</v>
      </c>
      <c r="D14590" s="14" t="s">
        <v>44722</v>
      </c>
      <c r="E14590" s="2" t="s">
        <v>44723</v>
      </c>
      <c r="F14590" s="2" t="s">
        <v>40997</v>
      </c>
      <c r="G14590" s="8">
        <v>219</v>
      </c>
      <c r="H14590" s="5">
        <v>6</v>
      </c>
      <c r="I14590" s="5" t="s">
        <v>1518</v>
      </c>
      <c r="J14590" s="5" t="s">
        <v>40939</v>
      </c>
      <c r="K14590" s="2" t="s">
        <v>40940</v>
      </c>
      <c r="L14590" s="5" t="s">
        <v>40939</v>
      </c>
      <c r="M14590" s="2" t="s">
        <v>40940</v>
      </c>
      <c r="N14590" s="5" t="s">
        <v>36266</v>
      </c>
      <c r="O14590" s="5" t="s">
        <v>38</v>
      </c>
      <c r="P14590" s="5" t="s">
        <v>39</v>
      </c>
      <c r="Q14590" s="5" t="s">
        <v>40</v>
      </c>
      <c r="R14590" s="5" t="s">
        <v>1522</v>
      </c>
      <c r="S14590" s="5" t="s">
        <v>1523</v>
      </c>
      <c r="T14590" s="5" t="s">
        <v>42</v>
      </c>
      <c r="U14590" s="2">
        <v>1.7989999999999999</v>
      </c>
      <c r="V14590" s="2">
        <v>1.2869999999999999</v>
      </c>
      <c r="W14590" s="2">
        <v>1.7999999999999999E-2</v>
      </c>
      <c r="X14590" s="2">
        <v>139.1</v>
      </c>
      <c r="Y14590" s="2">
        <v>7.6</v>
      </c>
      <c r="Z14590" s="2">
        <v>16.7</v>
      </c>
      <c r="AA14590" s="5"/>
      <c r="AB14590" s="5" t="s">
        <v>43</v>
      </c>
      <c r="AC14590" s="5" t="s">
        <v>44</v>
      </c>
      <c r="AD14590" s="2"/>
      <c r="AE14590" s="1"/>
    </row>
    <row r="14591" spans="1:31" ht="14.45">
      <c r="A14591" s="11"/>
      <c r="B14591" s="20"/>
      <c r="C14591" s="2" t="s">
        <v>44724</v>
      </c>
      <c r="D14591" s="14" t="s">
        <v>44725</v>
      </c>
      <c r="E14591" s="2" t="s">
        <v>44726</v>
      </c>
      <c r="F14591" s="2" t="s">
        <v>41267</v>
      </c>
      <c r="G14591" s="8">
        <v>219</v>
      </c>
      <c r="H14591" s="5">
        <v>6</v>
      </c>
      <c r="I14591" s="5" t="s">
        <v>1518</v>
      </c>
      <c r="J14591" s="5" t="s">
        <v>40939</v>
      </c>
      <c r="K14591" s="2" t="s">
        <v>40940</v>
      </c>
      <c r="L14591" s="5" t="s">
        <v>40939</v>
      </c>
      <c r="M14591" s="2" t="s">
        <v>40940</v>
      </c>
      <c r="N14591" s="5" t="s">
        <v>36266</v>
      </c>
      <c r="O14591" s="5" t="s">
        <v>38</v>
      </c>
      <c r="P14591" s="5" t="s">
        <v>39</v>
      </c>
      <c r="Q14591" s="5" t="s">
        <v>40</v>
      </c>
      <c r="R14591" s="5" t="s">
        <v>1522</v>
      </c>
      <c r="S14591" s="5" t="s">
        <v>1523</v>
      </c>
      <c r="T14591" s="5" t="s">
        <v>42</v>
      </c>
      <c r="U14591" s="2">
        <v>1.82</v>
      </c>
      <c r="V14591" s="2">
        <v>1.3080000000000001</v>
      </c>
      <c r="W14591" s="2">
        <v>1.7999999999999999E-2</v>
      </c>
      <c r="X14591" s="2">
        <v>139.1</v>
      </c>
      <c r="Y14591" s="2">
        <v>7.6</v>
      </c>
      <c r="Z14591" s="2">
        <v>16.7</v>
      </c>
      <c r="AA14591" s="5"/>
      <c r="AB14591" s="5" t="s">
        <v>43</v>
      </c>
      <c r="AC14591" s="5" t="s">
        <v>44</v>
      </c>
      <c r="AD14591" s="2"/>
      <c r="AE14591" s="1"/>
    </row>
    <row r="14592" spans="1:31" ht="14.45">
      <c r="A14592" s="11"/>
      <c r="B14592" s="20"/>
      <c r="C14592" s="2" t="s">
        <v>44727</v>
      </c>
      <c r="D14592" s="14" t="s">
        <v>44728</v>
      </c>
      <c r="E14592" s="2" t="s">
        <v>44729</v>
      </c>
      <c r="F14592" s="2" t="s">
        <v>41001</v>
      </c>
      <c r="G14592" s="8">
        <v>219</v>
      </c>
      <c r="H14592" s="5">
        <v>6</v>
      </c>
      <c r="I14592" s="5" t="s">
        <v>1518</v>
      </c>
      <c r="J14592" s="5" t="s">
        <v>40939</v>
      </c>
      <c r="K14592" s="2" t="s">
        <v>40940</v>
      </c>
      <c r="L14592" s="5" t="s">
        <v>40939</v>
      </c>
      <c r="M14592" s="2" t="s">
        <v>40940</v>
      </c>
      <c r="N14592" s="5" t="s">
        <v>36266</v>
      </c>
      <c r="O14592" s="5" t="s">
        <v>38</v>
      </c>
      <c r="P14592" s="5" t="s">
        <v>39</v>
      </c>
      <c r="Q14592" s="5" t="s">
        <v>40</v>
      </c>
      <c r="R14592" s="5" t="s">
        <v>1522</v>
      </c>
      <c r="S14592" s="5" t="s">
        <v>1523</v>
      </c>
      <c r="T14592" s="5" t="s">
        <v>42</v>
      </c>
      <c r="U14592" s="2">
        <v>1.8640000000000001</v>
      </c>
      <c r="V14592" s="2">
        <v>1.3520000000000001</v>
      </c>
      <c r="W14592" s="2">
        <v>1.7999999999999999E-2</v>
      </c>
      <c r="X14592" s="2">
        <v>139.1</v>
      </c>
      <c r="Y14592" s="2">
        <v>7.6</v>
      </c>
      <c r="Z14592" s="2">
        <v>16.7</v>
      </c>
      <c r="AA14592" s="5"/>
      <c r="AB14592" s="5" t="s">
        <v>43</v>
      </c>
      <c r="AC14592" s="5" t="s">
        <v>44</v>
      </c>
      <c r="AD14592" s="2"/>
      <c r="AE14592" s="1"/>
    </row>
    <row r="14593" spans="1:31" ht="14.45">
      <c r="A14593" s="11"/>
      <c r="B14593" s="20"/>
      <c r="C14593" s="2" t="s">
        <v>44730</v>
      </c>
      <c r="D14593" s="14" t="s">
        <v>44731</v>
      </c>
      <c r="E14593" s="2" t="s">
        <v>44732</v>
      </c>
      <c r="F14593" s="2" t="s">
        <v>41005</v>
      </c>
      <c r="G14593" s="8">
        <v>219</v>
      </c>
      <c r="H14593" s="5">
        <v>6</v>
      </c>
      <c r="I14593" s="5" t="s">
        <v>1518</v>
      </c>
      <c r="J14593" s="5" t="s">
        <v>40939</v>
      </c>
      <c r="K14593" s="2" t="s">
        <v>40940</v>
      </c>
      <c r="L14593" s="5" t="s">
        <v>40939</v>
      </c>
      <c r="M14593" s="2" t="s">
        <v>40940</v>
      </c>
      <c r="N14593" s="5" t="s">
        <v>36266</v>
      </c>
      <c r="O14593" s="5" t="s">
        <v>38</v>
      </c>
      <c r="P14593" s="5" t="s">
        <v>39</v>
      </c>
      <c r="Q14593" s="5" t="s">
        <v>40</v>
      </c>
      <c r="R14593" s="5" t="s">
        <v>1522</v>
      </c>
      <c r="S14593" s="5" t="s">
        <v>1523</v>
      </c>
      <c r="T14593" s="5" t="s">
        <v>42</v>
      </c>
      <c r="U14593" s="2">
        <v>1.885</v>
      </c>
      <c r="V14593" s="2">
        <v>1.373</v>
      </c>
      <c r="W14593" s="2">
        <v>1.7999999999999999E-2</v>
      </c>
      <c r="X14593" s="2">
        <v>139.1</v>
      </c>
      <c r="Y14593" s="2">
        <v>7.6</v>
      </c>
      <c r="Z14593" s="2">
        <v>16.7</v>
      </c>
      <c r="AA14593" s="5"/>
      <c r="AB14593" s="5" t="s">
        <v>43</v>
      </c>
      <c r="AC14593" s="5" t="s">
        <v>44</v>
      </c>
      <c r="AD14593" s="2"/>
      <c r="AE14593" s="1"/>
    </row>
    <row r="14594" spans="1:31" ht="14.45">
      <c r="A14594" s="11"/>
      <c r="B14594" s="20"/>
      <c r="C14594" s="2" t="s">
        <v>44733</v>
      </c>
      <c r="D14594" s="14" t="s">
        <v>44734</v>
      </c>
      <c r="E14594" s="2" t="s">
        <v>44735</v>
      </c>
      <c r="F14594" s="2" t="s">
        <v>41009</v>
      </c>
      <c r="G14594" s="8">
        <v>219</v>
      </c>
      <c r="H14594" s="5">
        <v>6</v>
      </c>
      <c r="I14594" s="5" t="s">
        <v>1518</v>
      </c>
      <c r="J14594" s="5" t="s">
        <v>40939</v>
      </c>
      <c r="K14594" s="2" t="s">
        <v>40940</v>
      </c>
      <c r="L14594" s="5" t="s">
        <v>40939</v>
      </c>
      <c r="M14594" s="2" t="s">
        <v>40940</v>
      </c>
      <c r="N14594" s="5" t="s">
        <v>36266</v>
      </c>
      <c r="O14594" s="5" t="s">
        <v>38</v>
      </c>
      <c r="P14594" s="5" t="s">
        <v>39</v>
      </c>
      <c r="Q14594" s="5" t="s">
        <v>40</v>
      </c>
      <c r="R14594" s="5" t="s">
        <v>1522</v>
      </c>
      <c r="S14594" s="5" t="s">
        <v>1523</v>
      </c>
      <c r="T14594" s="5" t="s">
        <v>42</v>
      </c>
      <c r="U14594" s="2">
        <v>1.88</v>
      </c>
      <c r="V14594" s="2">
        <v>1.3680000000000001</v>
      </c>
      <c r="W14594" s="2">
        <v>1.7999999999999999E-2</v>
      </c>
      <c r="X14594" s="2">
        <v>139.1</v>
      </c>
      <c r="Y14594" s="2">
        <v>7.6</v>
      </c>
      <c r="Z14594" s="2">
        <v>16.7</v>
      </c>
      <c r="AA14594" s="5"/>
      <c r="AB14594" s="5" t="s">
        <v>43</v>
      </c>
      <c r="AC14594" s="5" t="s">
        <v>44</v>
      </c>
      <c r="AD14594" s="2"/>
      <c r="AE14594" s="1"/>
    </row>
    <row r="14595" spans="1:31" ht="14.45">
      <c r="A14595" s="11"/>
      <c r="B14595" s="20"/>
      <c r="C14595" s="2" t="s">
        <v>44736</v>
      </c>
      <c r="D14595" s="14" t="s">
        <v>44737</v>
      </c>
      <c r="E14595" s="2" t="s">
        <v>44738</v>
      </c>
      <c r="F14595" s="2" t="s">
        <v>41013</v>
      </c>
      <c r="G14595" s="8">
        <v>219</v>
      </c>
      <c r="H14595" s="5">
        <v>6</v>
      </c>
      <c r="I14595" s="5" t="s">
        <v>1518</v>
      </c>
      <c r="J14595" s="5" t="s">
        <v>40939</v>
      </c>
      <c r="K14595" s="2" t="s">
        <v>40940</v>
      </c>
      <c r="L14595" s="5" t="s">
        <v>40939</v>
      </c>
      <c r="M14595" s="2" t="s">
        <v>40940</v>
      </c>
      <c r="N14595" s="5" t="s">
        <v>36266</v>
      </c>
      <c r="O14595" s="5" t="s">
        <v>38</v>
      </c>
      <c r="P14595" s="5" t="s">
        <v>39</v>
      </c>
      <c r="Q14595" s="5" t="s">
        <v>40</v>
      </c>
      <c r="R14595" s="5" t="s">
        <v>1522</v>
      </c>
      <c r="S14595" s="5" t="s">
        <v>1523</v>
      </c>
      <c r="T14595" s="5" t="s">
        <v>42</v>
      </c>
      <c r="U14595" s="2">
        <v>1.901</v>
      </c>
      <c r="V14595" s="2">
        <v>1.389</v>
      </c>
      <c r="W14595" s="2">
        <v>1.7999999999999999E-2</v>
      </c>
      <c r="X14595" s="2">
        <v>139.1</v>
      </c>
      <c r="Y14595" s="2">
        <v>7.6</v>
      </c>
      <c r="Z14595" s="2">
        <v>16.7</v>
      </c>
      <c r="AA14595" s="5"/>
      <c r="AB14595" s="5" t="s">
        <v>43</v>
      </c>
      <c r="AC14595" s="5" t="s">
        <v>44</v>
      </c>
      <c r="AD14595" s="2"/>
      <c r="AE14595" s="1"/>
    </row>
    <row r="14596" spans="1:31" ht="14.45">
      <c r="A14596" s="11"/>
      <c r="B14596" s="20"/>
      <c r="C14596" s="2" t="s">
        <v>44739</v>
      </c>
      <c r="D14596" s="14" t="s">
        <v>44740</v>
      </c>
      <c r="E14596" s="2" t="s">
        <v>44741</v>
      </c>
      <c r="F14596" s="2" t="s">
        <v>7396</v>
      </c>
      <c r="G14596" s="8">
        <v>190</v>
      </c>
      <c r="H14596" s="5">
        <v>6</v>
      </c>
      <c r="I14596" s="5" t="s">
        <v>1518</v>
      </c>
      <c r="J14596" s="5" t="s">
        <v>40939</v>
      </c>
      <c r="K14596" s="2" t="s">
        <v>40940</v>
      </c>
      <c r="L14596" s="5" t="s">
        <v>40939</v>
      </c>
      <c r="M14596" s="2" t="s">
        <v>40940</v>
      </c>
      <c r="N14596" s="5" t="s">
        <v>36266</v>
      </c>
      <c r="O14596" s="5" t="s">
        <v>38</v>
      </c>
      <c r="P14596" s="5" t="s">
        <v>39</v>
      </c>
      <c r="Q14596" s="5" t="s">
        <v>40</v>
      </c>
      <c r="R14596" s="5" t="s">
        <v>1522</v>
      </c>
      <c r="S14596" s="5" t="s">
        <v>1523</v>
      </c>
      <c r="T14596" s="5" t="s">
        <v>42</v>
      </c>
      <c r="U14596" s="2">
        <v>1.88</v>
      </c>
      <c r="V14596" s="2">
        <v>1.3680000000000001</v>
      </c>
      <c r="W14596" s="2">
        <v>1.7999999999999999E-2</v>
      </c>
      <c r="X14596" s="2">
        <v>139.1</v>
      </c>
      <c r="Y14596" s="2">
        <v>7.6</v>
      </c>
      <c r="Z14596" s="2">
        <v>16.7</v>
      </c>
      <c r="AA14596" s="5"/>
      <c r="AB14596" s="5" t="s">
        <v>43</v>
      </c>
      <c r="AC14596" s="5" t="s">
        <v>44</v>
      </c>
      <c r="AD14596" s="2"/>
      <c r="AE14596" s="1"/>
    </row>
    <row r="14597" spans="1:31" ht="14.45">
      <c r="A14597" s="11"/>
      <c r="B14597" s="20"/>
      <c r="C14597" s="2" t="s">
        <v>44742</v>
      </c>
      <c r="D14597" s="14" t="s">
        <v>44743</v>
      </c>
      <c r="E14597" s="2" t="s">
        <v>44744</v>
      </c>
      <c r="F14597" s="2" t="s">
        <v>7507</v>
      </c>
      <c r="G14597" s="8">
        <v>190</v>
      </c>
      <c r="H14597" s="5">
        <v>6</v>
      </c>
      <c r="I14597" s="5" t="s">
        <v>1518</v>
      </c>
      <c r="J14597" s="5" t="s">
        <v>40939</v>
      </c>
      <c r="K14597" s="2" t="s">
        <v>40940</v>
      </c>
      <c r="L14597" s="5" t="s">
        <v>40939</v>
      </c>
      <c r="M14597" s="2" t="s">
        <v>40940</v>
      </c>
      <c r="N14597" s="5" t="s">
        <v>36266</v>
      </c>
      <c r="O14597" s="5" t="s">
        <v>38</v>
      </c>
      <c r="P14597" s="5" t="s">
        <v>39</v>
      </c>
      <c r="Q14597" s="5" t="s">
        <v>40</v>
      </c>
      <c r="R14597" s="5" t="s">
        <v>1522</v>
      </c>
      <c r="S14597" s="5" t="s">
        <v>1523</v>
      </c>
      <c r="T14597" s="5" t="s">
        <v>42</v>
      </c>
      <c r="U14597" s="2">
        <v>1.901</v>
      </c>
      <c r="V14597" s="2">
        <v>1.389</v>
      </c>
      <c r="W14597" s="2">
        <v>1.7999999999999999E-2</v>
      </c>
      <c r="X14597" s="2">
        <v>139.1</v>
      </c>
      <c r="Y14597" s="2">
        <v>7.6</v>
      </c>
      <c r="Z14597" s="2">
        <v>16.7</v>
      </c>
      <c r="AA14597" s="5"/>
      <c r="AB14597" s="5" t="s">
        <v>43</v>
      </c>
      <c r="AC14597" s="5" t="s">
        <v>44</v>
      </c>
      <c r="AD14597" s="2"/>
      <c r="AE14597" s="1"/>
    </row>
    <row r="14598" spans="1:31" ht="14.45">
      <c r="A14598" s="11"/>
      <c r="B14598" s="20"/>
      <c r="C14598" s="2" t="s">
        <v>44745</v>
      </c>
      <c r="D14598" s="14" t="s">
        <v>44746</v>
      </c>
      <c r="E14598" s="2" t="s">
        <v>44747</v>
      </c>
      <c r="F14598" s="2" t="s">
        <v>41023</v>
      </c>
      <c r="G14598" s="8">
        <v>219</v>
      </c>
      <c r="H14598" s="5">
        <v>6</v>
      </c>
      <c r="I14598" s="5" t="s">
        <v>1518</v>
      </c>
      <c r="J14598" s="5" t="s">
        <v>40939</v>
      </c>
      <c r="K14598" s="2" t="s">
        <v>40940</v>
      </c>
      <c r="L14598" s="5" t="s">
        <v>40939</v>
      </c>
      <c r="M14598" s="2" t="s">
        <v>40940</v>
      </c>
      <c r="N14598" s="5" t="s">
        <v>36266</v>
      </c>
      <c r="O14598" s="5" t="s">
        <v>38</v>
      </c>
      <c r="P14598" s="5" t="s">
        <v>39</v>
      </c>
      <c r="Q14598" s="5" t="s">
        <v>40</v>
      </c>
      <c r="R14598" s="5" t="s">
        <v>1522</v>
      </c>
      <c r="S14598" s="5" t="s">
        <v>1523</v>
      </c>
      <c r="T14598" s="5" t="s">
        <v>42</v>
      </c>
      <c r="U14598" s="2">
        <v>1.7989999999999999</v>
      </c>
      <c r="V14598" s="2">
        <v>1.2869999999999999</v>
      </c>
      <c r="W14598" s="2">
        <v>1.7999999999999999E-2</v>
      </c>
      <c r="X14598" s="2">
        <v>139.1</v>
      </c>
      <c r="Y14598" s="2">
        <v>7.6</v>
      </c>
      <c r="Z14598" s="2">
        <v>16.7</v>
      </c>
      <c r="AA14598" s="5"/>
      <c r="AB14598" s="5" t="s">
        <v>43</v>
      </c>
      <c r="AC14598" s="5" t="s">
        <v>44</v>
      </c>
      <c r="AD14598" s="2"/>
      <c r="AE14598" s="1"/>
    </row>
    <row r="14599" spans="1:31" ht="14.45">
      <c r="A14599" s="11"/>
      <c r="B14599" s="20"/>
      <c r="C14599" s="2" t="s">
        <v>44748</v>
      </c>
      <c r="D14599" s="14" t="s">
        <v>44749</v>
      </c>
      <c r="E14599" s="2" t="s">
        <v>44750</v>
      </c>
      <c r="F14599" s="2" t="s">
        <v>41027</v>
      </c>
      <c r="G14599" s="8">
        <v>219</v>
      </c>
      <c r="H14599" s="5">
        <v>6</v>
      </c>
      <c r="I14599" s="5" t="s">
        <v>1518</v>
      </c>
      <c r="J14599" s="5" t="s">
        <v>40939</v>
      </c>
      <c r="K14599" s="2" t="s">
        <v>40940</v>
      </c>
      <c r="L14599" s="5" t="s">
        <v>40939</v>
      </c>
      <c r="M14599" s="2" t="s">
        <v>40940</v>
      </c>
      <c r="N14599" s="5" t="s">
        <v>36266</v>
      </c>
      <c r="O14599" s="5" t="s">
        <v>38</v>
      </c>
      <c r="P14599" s="5" t="s">
        <v>39</v>
      </c>
      <c r="Q14599" s="5" t="s">
        <v>40</v>
      </c>
      <c r="R14599" s="5" t="s">
        <v>1522</v>
      </c>
      <c r="S14599" s="5" t="s">
        <v>1523</v>
      </c>
      <c r="T14599" s="5" t="s">
        <v>42</v>
      </c>
      <c r="U14599" s="2">
        <v>1.82</v>
      </c>
      <c r="V14599" s="2">
        <v>1.3080000000000001</v>
      </c>
      <c r="W14599" s="2">
        <v>1.7999999999999999E-2</v>
      </c>
      <c r="X14599" s="2">
        <v>139.1</v>
      </c>
      <c r="Y14599" s="2">
        <v>7.6</v>
      </c>
      <c r="Z14599" s="2">
        <v>16.7</v>
      </c>
      <c r="AA14599" s="5"/>
      <c r="AB14599" s="5" t="s">
        <v>43</v>
      </c>
      <c r="AC14599" s="5" t="s">
        <v>44</v>
      </c>
      <c r="AD14599" s="2"/>
      <c r="AE14599" s="1"/>
    </row>
    <row r="14600" spans="1:31" ht="14.45">
      <c r="A14600" s="11"/>
      <c r="B14600" s="20"/>
      <c r="C14600" s="2" t="s">
        <v>44751</v>
      </c>
      <c r="D14600" s="14" t="s">
        <v>44752</v>
      </c>
      <c r="E14600" s="2" t="s">
        <v>44753</v>
      </c>
      <c r="F14600" s="2" t="s">
        <v>41031</v>
      </c>
      <c r="G14600" s="8">
        <v>219</v>
      </c>
      <c r="H14600" s="5">
        <v>6</v>
      </c>
      <c r="I14600" s="5" t="s">
        <v>1518</v>
      </c>
      <c r="J14600" s="5" t="s">
        <v>40939</v>
      </c>
      <c r="K14600" s="2" t="s">
        <v>40940</v>
      </c>
      <c r="L14600" s="5" t="s">
        <v>40939</v>
      </c>
      <c r="M14600" s="2" t="s">
        <v>40940</v>
      </c>
      <c r="N14600" s="5" t="s">
        <v>36266</v>
      </c>
      <c r="O14600" s="5" t="s">
        <v>38</v>
      </c>
      <c r="P14600" s="5" t="s">
        <v>39</v>
      </c>
      <c r="Q14600" s="5" t="s">
        <v>40</v>
      </c>
      <c r="R14600" s="5" t="s">
        <v>1522</v>
      </c>
      <c r="S14600" s="5" t="s">
        <v>1523</v>
      </c>
      <c r="T14600" s="5" t="s">
        <v>42</v>
      </c>
      <c r="U14600" s="2">
        <v>1.7989999999999999</v>
      </c>
      <c r="V14600" s="2">
        <v>1.2869999999999999</v>
      </c>
      <c r="W14600" s="2">
        <v>1.7999999999999999E-2</v>
      </c>
      <c r="X14600" s="2">
        <v>139.1</v>
      </c>
      <c r="Y14600" s="2">
        <v>7.6</v>
      </c>
      <c r="Z14600" s="2">
        <v>16.7</v>
      </c>
      <c r="AA14600" s="5"/>
      <c r="AB14600" s="5" t="s">
        <v>43</v>
      </c>
      <c r="AC14600" s="5" t="s">
        <v>44</v>
      </c>
      <c r="AD14600" s="2"/>
      <c r="AE14600" s="1"/>
    </row>
    <row r="14601" spans="1:31" ht="14.45">
      <c r="A14601" s="11"/>
      <c r="B14601" s="20"/>
      <c r="C14601" s="2" t="s">
        <v>44754</v>
      </c>
      <c r="D14601" s="14" t="s">
        <v>44755</v>
      </c>
      <c r="E14601" s="2" t="s">
        <v>44756</v>
      </c>
      <c r="F14601" s="2" t="s">
        <v>41035</v>
      </c>
      <c r="G14601" s="8">
        <v>219</v>
      </c>
      <c r="H14601" s="5">
        <v>6</v>
      </c>
      <c r="I14601" s="5" t="s">
        <v>1518</v>
      </c>
      <c r="J14601" s="5" t="s">
        <v>40939</v>
      </c>
      <c r="K14601" s="2" t="s">
        <v>40940</v>
      </c>
      <c r="L14601" s="5" t="s">
        <v>40939</v>
      </c>
      <c r="M14601" s="2" t="s">
        <v>40940</v>
      </c>
      <c r="N14601" s="5" t="s">
        <v>36266</v>
      </c>
      <c r="O14601" s="5" t="s">
        <v>38</v>
      </c>
      <c r="P14601" s="5" t="s">
        <v>39</v>
      </c>
      <c r="Q14601" s="5" t="s">
        <v>40</v>
      </c>
      <c r="R14601" s="5" t="s">
        <v>1522</v>
      </c>
      <c r="S14601" s="5" t="s">
        <v>1523</v>
      </c>
      <c r="T14601" s="5" t="s">
        <v>42</v>
      </c>
      <c r="U14601" s="2">
        <v>1.82</v>
      </c>
      <c r="V14601" s="2">
        <v>1.3080000000000001</v>
      </c>
      <c r="W14601" s="2">
        <v>1.7999999999999999E-2</v>
      </c>
      <c r="X14601" s="2">
        <v>139.1</v>
      </c>
      <c r="Y14601" s="2">
        <v>7.6</v>
      </c>
      <c r="Z14601" s="2">
        <v>16.7</v>
      </c>
      <c r="AA14601" s="5"/>
      <c r="AB14601" s="5" t="s">
        <v>43</v>
      </c>
      <c r="AC14601" s="5" t="s">
        <v>44</v>
      </c>
      <c r="AD14601" s="2"/>
      <c r="AE14601" s="1"/>
    </row>
    <row r="14602" spans="1:31" ht="14.45">
      <c r="A14602" s="11"/>
      <c r="B14602" s="20"/>
      <c r="C14602" s="2" t="s">
        <v>44757</v>
      </c>
      <c r="D14602" s="14" t="s">
        <v>44758</v>
      </c>
      <c r="E14602" s="2" t="s">
        <v>44759</v>
      </c>
      <c r="F14602" s="2" t="s">
        <v>7449</v>
      </c>
      <c r="G14602" s="8">
        <v>219</v>
      </c>
      <c r="H14602" s="5">
        <v>6</v>
      </c>
      <c r="I14602" s="5" t="s">
        <v>1518</v>
      </c>
      <c r="J14602" s="5" t="s">
        <v>40939</v>
      </c>
      <c r="K14602" s="2" t="s">
        <v>40940</v>
      </c>
      <c r="L14602" s="5" t="s">
        <v>40939</v>
      </c>
      <c r="M14602" s="2" t="s">
        <v>40940</v>
      </c>
      <c r="N14602" s="5" t="s">
        <v>36266</v>
      </c>
      <c r="O14602" s="5" t="s">
        <v>38</v>
      </c>
      <c r="P14602" s="5" t="s">
        <v>39</v>
      </c>
      <c r="Q14602" s="5" t="s">
        <v>40</v>
      </c>
      <c r="R14602" s="5" t="s">
        <v>1522</v>
      </c>
      <c r="S14602" s="5" t="s">
        <v>1523</v>
      </c>
      <c r="T14602" s="5" t="s">
        <v>42</v>
      </c>
      <c r="U14602" s="2">
        <v>1.7989999999999999</v>
      </c>
      <c r="V14602" s="2">
        <v>1.2869999999999999</v>
      </c>
      <c r="W14602" s="2">
        <v>1.7999999999999999E-2</v>
      </c>
      <c r="X14602" s="2">
        <v>139.1</v>
      </c>
      <c r="Y14602" s="2">
        <v>7.6</v>
      </c>
      <c r="Z14602" s="2">
        <v>16.7</v>
      </c>
      <c r="AA14602" s="5"/>
      <c r="AB14602" s="5" t="s">
        <v>43</v>
      </c>
      <c r="AC14602" s="5" t="s">
        <v>44</v>
      </c>
      <c r="AD14602" s="2"/>
      <c r="AE14602" s="1"/>
    </row>
    <row r="14603" spans="1:31" ht="14.45">
      <c r="A14603" s="11"/>
      <c r="B14603" s="20"/>
      <c r="C14603" s="2" t="s">
        <v>44760</v>
      </c>
      <c r="D14603" s="14" t="s">
        <v>44761</v>
      </c>
      <c r="E14603" s="2" t="s">
        <v>44762</v>
      </c>
      <c r="F14603" s="2" t="s">
        <v>7581</v>
      </c>
      <c r="G14603" s="8">
        <v>219</v>
      </c>
      <c r="H14603" s="5">
        <v>6</v>
      </c>
      <c r="I14603" s="5" t="s">
        <v>1518</v>
      </c>
      <c r="J14603" s="5" t="s">
        <v>40939</v>
      </c>
      <c r="K14603" s="2" t="s">
        <v>40940</v>
      </c>
      <c r="L14603" s="5" t="s">
        <v>40939</v>
      </c>
      <c r="M14603" s="2" t="s">
        <v>40940</v>
      </c>
      <c r="N14603" s="5" t="s">
        <v>36266</v>
      </c>
      <c r="O14603" s="5" t="s">
        <v>38</v>
      </c>
      <c r="P14603" s="5" t="s">
        <v>39</v>
      </c>
      <c r="Q14603" s="5" t="s">
        <v>40</v>
      </c>
      <c r="R14603" s="5" t="s">
        <v>1522</v>
      </c>
      <c r="S14603" s="5" t="s">
        <v>1523</v>
      </c>
      <c r="T14603" s="5" t="s">
        <v>42</v>
      </c>
      <c r="U14603" s="2">
        <v>1.82</v>
      </c>
      <c r="V14603" s="2">
        <v>1.3080000000000001</v>
      </c>
      <c r="W14603" s="2">
        <v>1.7999999999999999E-2</v>
      </c>
      <c r="X14603" s="2">
        <v>139.1</v>
      </c>
      <c r="Y14603" s="2">
        <v>7.6</v>
      </c>
      <c r="Z14603" s="2">
        <v>16.7</v>
      </c>
      <c r="AA14603" s="5"/>
      <c r="AB14603" s="5" t="s">
        <v>43</v>
      </c>
      <c r="AC14603" s="5" t="s">
        <v>44</v>
      </c>
      <c r="AD14603" s="2"/>
      <c r="AE14603" s="1"/>
    </row>
    <row r="14604" spans="1:31" ht="14.45">
      <c r="A14604" s="11"/>
      <c r="B14604" s="20"/>
      <c r="C14604" s="2" t="s">
        <v>44763</v>
      </c>
      <c r="D14604" s="14" t="s">
        <v>44764</v>
      </c>
      <c r="E14604" s="2" t="s">
        <v>44765</v>
      </c>
      <c r="F14604" s="2" t="s">
        <v>41045</v>
      </c>
      <c r="G14604" s="8">
        <v>219</v>
      </c>
      <c r="H14604" s="5">
        <v>6</v>
      </c>
      <c r="I14604" s="5" t="s">
        <v>1518</v>
      </c>
      <c r="J14604" s="5" t="s">
        <v>40939</v>
      </c>
      <c r="K14604" s="2" t="s">
        <v>40940</v>
      </c>
      <c r="L14604" s="5" t="s">
        <v>40939</v>
      </c>
      <c r="M14604" s="2" t="s">
        <v>40940</v>
      </c>
      <c r="N14604" s="5" t="s">
        <v>36266</v>
      </c>
      <c r="O14604" s="5" t="s">
        <v>38</v>
      </c>
      <c r="P14604" s="5" t="s">
        <v>39</v>
      </c>
      <c r="Q14604" s="5" t="s">
        <v>40</v>
      </c>
      <c r="R14604" s="5" t="s">
        <v>1522</v>
      </c>
      <c r="S14604" s="5" t="s">
        <v>1523</v>
      </c>
      <c r="T14604" s="5" t="s">
        <v>42</v>
      </c>
      <c r="U14604" s="2">
        <v>1.8959999999999999</v>
      </c>
      <c r="V14604" s="2">
        <v>1.3839999999999999</v>
      </c>
      <c r="W14604" s="2">
        <v>1.7999999999999999E-2</v>
      </c>
      <c r="X14604" s="2">
        <v>139.1</v>
      </c>
      <c r="Y14604" s="2">
        <v>7.6</v>
      </c>
      <c r="Z14604" s="2">
        <v>16.7</v>
      </c>
      <c r="AA14604" s="5"/>
      <c r="AB14604" s="5" t="s">
        <v>43</v>
      </c>
      <c r="AC14604" s="5" t="s">
        <v>44</v>
      </c>
      <c r="AD14604" s="2"/>
      <c r="AE14604" s="1"/>
    </row>
    <row r="14605" spans="1:31" ht="14.45">
      <c r="A14605" s="11"/>
      <c r="B14605" s="20"/>
      <c r="C14605" s="2" t="s">
        <v>44766</v>
      </c>
      <c r="D14605" s="14" t="s">
        <v>44767</v>
      </c>
      <c r="E14605" s="2" t="s">
        <v>44768</v>
      </c>
      <c r="F14605" s="2" t="s">
        <v>41049</v>
      </c>
      <c r="G14605" s="8">
        <v>219</v>
      </c>
      <c r="H14605" s="5">
        <v>6</v>
      </c>
      <c r="I14605" s="5" t="s">
        <v>1518</v>
      </c>
      <c r="J14605" s="5" t="s">
        <v>40939</v>
      </c>
      <c r="K14605" s="2" t="s">
        <v>40940</v>
      </c>
      <c r="L14605" s="5" t="s">
        <v>40939</v>
      </c>
      <c r="M14605" s="2" t="s">
        <v>40940</v>
      </c>
      <c r="N14605" s="5" t="s">
        <v>36266</v>
      </c>
      <c r="O14605" s="5" t="s">
        <v>38</v>
      </c>
      <c r="P14605" s="5" t="s">
        <v>39</v>
      </c>
      <c r="Q14605" s="5" t="s">
        <v>40</v>
      </c>
      <c r="R14605" s="5" t="s">
        <v>1522</v>
      </c>
      <c r="S14605" s="5" t="s">
        <v>1523</v>
      </c>
      <c r="T14605" s="5" t="s">
        <v>42</v>
      </c>
      <c r="U14605" s="2">
        <v>1.917</v>
      </c>
      <c r="V14605" s="2">
        <v>1.405</v>
      </c>
      <c r="W14605" s="2">
        <v>1.7999999999999999E-2</v>
      </c>
      <c r="X14605" s="2">
        <v>139.1</v>
      </c>
      <c r="Y14605" s="2">
        <v>7.6</v>
      </c>
      <c r="Z14605" s="2">
        <v>16.7</v>
      </c>
      <c r="AA14605" s="5"/>
      <c r="AB14605" s="5" t="s">
        <v>43</v>
      </c>
      <c r="AC14605" s="5" t="s">
        <v>44</v>
      </c>
      <c r="AD14605" s="2"/>
      <c r="AE14605" s="1"/>
    </row>
    <row r="14606" spans="1:31" ht="14.45">
      <c r="A14606" s="11"/>
      <c r="B14606" s="20"/>
      <c r="C14606" s="2" t="s">
        <v>44769</v>
      </c>
      <c r="D14606" s="14" t="s">
        <v>44770</v>
      </c>
      <c r="E14606" s="2" t="s">
        <v>44771</v>
      </c>
      <c r="F14606" s="2" t="s">
        <v>7204</v>
      </c>
      <c r="G14606" s="8">
        <v>211</v>
      </c>
      <c r="H14606" s="5">
        <v>6</v>
      </c>
      <c r="I14606" s="5" t="s">
        <v>1518</v>
      </c>
      <c r="J14606" s="5" t="s">
        <v>40939</v>
      </c>
      <c r="K14606" s="2" t="s">
        <v>40940</v>
      </c>
      <c r="L14606" s="5" t="s">
        <v>40939</v>
      </c>
      <c r="M14606" s="2" t="s">
        <v>40940</v>
      </c>
      <c r="N14606" s="5" t="s">
        <v>36266</v>
      </c>
      <c r="O14606" s="5" t="s">
        <v>38</v>
      </c>
      <c r="P14606" s="5" t="s">
        <v>39</v>
      </c>
      <c r="Q14606" s="5" t="s">
        <v>40</v>
      </c>
      <c r="R14606" s="5" t="s">
        <v>1522</v>
      </c>
      <c r="S14606" s="5" t="s">
        <v>1523</v>
      </c>
      <c r="T14606" s="5" t="s">
        <v>42</v>
      </c>
      <c r="U14606" s="2">
        <v>1.9850000000000001</v>
      </c>
      <c r="V14606" s="2">
        <v>1.39</v>
      </c>
      <c r="W14606" s="2">
        <v>0.02</v>
      </c>
      <c r="X14606" s="2">
        <v>159.1</v>
      </c>
      <c r="Y14606" s="2">
        <v>7.6</v>
      </c>
      <c r="Z14606" s="2">
        <v>16.7</v>
      </c>
      <c r="AA14606" s="5"/>
      <c r="AB14606" s="5" t="s">
        <v>43</v>
      </c>
      <c r="AC14606" s="5" t="s">
        <v>44</v>
      </c>
      <c r="AD14606" s="2"/>
      <c r="AE14606" s="1"/>
    </row>
    <row r="14607" spans="1:31" ht="14.45">
      <c r="A14607" s="11"/>
      <c r="B14607" s="20"/>
      <c r="C14607" s="2" t="s">
        <v>44772</v>
      </c>
      <c r="D14607" s="14" t="s">
        <v>44773</v>
      </c>
      <c r="E14607" s="2" t="s">
        <v>44774</v>
      </c>
      <c r="F14607" s="2" t="s">
        <v>7514</v>
      </c>
      <c r="G14607" s="8">
        <v>211</v>
      </c>
      <c r="H14607" s="5">
        <v>6</v>
      </c>
      <c r="I14607" s="5" t="s">
        <v>1518</v>
      </c>
      <c r="J14607" s="5" t="s">
        <v>40939</v>
      </c>
      <c r="K14607" s="2" t="s">
        <v>40940</v>
      </c>
      <c r="L14607" s="5" t="s">
        <v>40939</v>
      </c>
      <c r="M14607" s="2" t="s">
        <v>40940</v>
      </c>
      <c r="N14607" s="5" t="s">
        <v>36266</v>
      </c>
      <c r="O14607" s="5" t="s">
        <v>38</v>
      </c>
      <c r="P14607" s="5" t="s">
        <v>39</v>
      </c>
      <c r="Q14607" s="5" t="s">
        <v>40</v>
      </c>
      <c r="R14607" s="5" t="s">
        <v>1522</v>
      </c>
      <c r="S14607" s="5" t="s">
        <v>1523</v>
      </c>
      <c r="T14607" s="5" t="s">
        <v>42</v>
      </c>
      <c r="U14607" s="2">
        <v>2.0049999999999999</v>
      </c>
      <c r="V14607" s="2">
        <v>1.41</v>
      </c>
      <c r="W14607" s="2">
        <v>0.02</v>
      </c>
      <c r="X14607" s="2">
        <v>159.1</v>
      </c>
      <c r="Y14607" s="2">
        <v>7.6</v>
      </c>
      <c r="Z14607" s="2">
        <v>16.7</v>
      </c>
      <c r="AA14607" s="5"/>
      <c r="AB14607" s="5" t="s">
        <v>43</v>
      </c>
      <c r="AC14607" s="5" t="s">
        <v>44</v>
      </c>
      <c r="AD14607" s="2"/>
      <c r="AE14607" s="1"/>
    </row>
    <row r="14608" spans="1:31" ht="14.45">
      <c r="A14608" s="11"/>
      <c r="B14608" s="20"/>
      <c r="C14608" s="2" t="s">
        <v>44775</v>
      </c>
      <c r="D14608" s="14" t="s">
        <v>44776</v>
      </c>
      <c r="E14608" s="2" t="s">
        <v>44777</v>
      </c>
      <c r="F14608" s="2" t="s">
        <v>41221</v>
      </c>
      <c r="G14608" s="8">
        <v>242</v>
      </c>
      <c r="H14608" s="5">
        <v>6</v>
      </c>
      <c r="I14608" s="5" t="s">
        <v>1518</v>
      </c>
      <c r="J14608" s="5" t="s">
        <v>40939</v>
      </c>
      <c r="K14608" s="2" t="s">
        <v>40940</v>
      </c>
      <c r="L14608" s="5" t="s">
        <v>40939</v>
      </c>
      <c r="M14608" s="2" t="s">
        <v>40940</v>
      </c>
      <c r="N14608" s="5" t="s">
        <v>36266</v>
      </c>
      <c r="O14608" s="5" t="s">
        <v>38</v>
      </c>
      <c r="P14608" s="5" t="s">
        <v>39</v>
      </c>
      <c r="Q14608" s="5" t="s">
        <v>40</v>
      </c>
      <c r="R14608" s="5" t="s">
        <v>1522</v>
      </c>
      <c r="S14608" s="5" t="s">
        <v>1523</v>
      </c>
      <c r="T14608" s="5" t="s">
        <v>42</v>
      </c>
      <c r="U14608" s="2">
        <v>2.0219999999999998</v>
      </c>
      <c r="V14608" s="2">
        <v>1.427</v>
      </c>
      <c r="W14608" s="2">
        <v>0.02</v>
      </c>
      <c r="X14608" s="2">
        <v>159.1</v>
      </c>
      <c r="Y14608" s="2">
        <v>7.6</v>
      </c>
      <c r="Z14608" s="2">
        <v>16.7</v>
      </c>
      <c r="AA14608" s="5"/>
      <c r="AB14608" s="5" t="s">
        <v>43</v>
      </c>
      <c r="AC14608" s="5" t="s">
        <v>44</v>
      </c>
      <c r="AD14608" s="2"/>
      <c r="AE14608" s="1"/>
    </row>
    <row r="14609" spans="1:31" ht="14.45">
      <c r="A14609" s="11"/>
      <c r="B14609" s="20"/>
      <c r="C14609" s="2" t="s">
        <v>44778</v>
      </c>
      <c r="D14609" s="14" t="s">
        <v>44779</v>
      </c>
      <c r="E14609" s="2" t="s">
        <v>44780</v>
      </c>
      <c r="F14609" s="2" t="s">
        <v>40951</v>
      </c>
      <c r="G14609" s="8">
        <v>242</v>
      </c>
      <c r="H14609" s="5">
        <v>6</v>
      </c>
      <c r="I14609" s="5" t="s">
        <v>1518</v>
      </c>
      <c r="J14609" s="5" t="s">
        <v>40939</v>
      </c>
      <c r="K14609" s="2" t="s">
        <v>40940</v>
      </c>
      <c r="L14609" s="5" t="s">
        <v>40939</v>
      </c>
      <c r="M14609" s="2" t="s">
        <v>40940</v>
      </c>
      <c r="N14609" s="5" t="s">
        <v>36266</v>
      </c>
      <c r="O14609" s="5" t="s">
        <v>38</v>
      </c>
      <c r="P14609" s="5" t="s">
        <v>39</v>
      </c>
      <c r="Q14609" s="5" t="s">
        <v>40</v>
      </c>
      <c r="R14609" s="5" t="s">
        <v>1522</v>
      </c>
      <c r="S14609" s="5" t="s">
        <v>1523</v>
      </c>
      <c r="T14609" s="5" t="s">
        <v>42</v>
      </c>
      <c r="U14609" s="2">
        <v>2.0419999999999998</v>
      </c>
      <c r="V14609" s="2">
        <v>1.4470000000000001</v>
      </c>
      <c r="W14609" s="2">
        <v>0.02</v>
      </c>
      <c r="X14609" s="2">
        <v>159.1</v>
      </c>
      <c r="Y14609" s="2">
        <v>7.6</v>
      </c>
      <c r="Z14609" s="2">
        <v>16.7</v>
      </c>
      <c r="AA14609" s="5"/>
      <c r="AB14609" s="5" t="s">
        <v>43</v>
      </c>
      <c r="AC14609" s="5" t="s">
        <v>44</v>
      </c>
      <c r="AD14609" s="2"/>
      <c r="AE14609" s="1"/>
    </row>
    <row r="14610" spans="1:31" ht="14.45">
      <c r="A14610" s="11"/>
      <c r="B14610" s="20"/>
      <c r="C14610" s="2" t="s">
        <v>44781</v>
      </c>
      <c r="D14610" s="14" t="s">
        <v>44782</v>
      </c>
      <c r="E14610" s="2" t="s">
        <v>44783</v>
      </c>
      <c r="F14610" s="2" t="s">
        <v>7208</v>
      </c>
      <c r="G14610" s="8">
        <v>211</v>
      </c>
      <c r="H14610" s="5">
        <v>6</v>
      </c>
      <c r="I14610" s="5" t="s">
        <v>1518</v>
      </c>
      <c r="J14610" s="5" t="s">
        <v>40939</v>
      </c>
      <c r="K14610" s="2" t="s">
        <v>40940</v>
      </c>
      <c r="L14610" s="5" t="s">
        <v>40939</v>
      </c>
      <c r="M14610" s="2" t="s">
        <v>40940</v>
      </c>
      <c r="N14610" s="5" t="s">
        <v>36266</v>
      </c>
      <c r="O14610" s="5" t="s">
        <v>38</v>
      </c>
      <c r="P14610" s="5" t="s">
        <v>39</v>
      </c>
      <c r="Q14610" s="5" t="s">
        <v>40</v>
      </c>
      <c r="R14610" s="5" t="s">
        <v>1522</v>
      </c>
      <c r="S14610" s="5" t="s">
        <v>1523</v>
      </c>
      <c r="T14610" s="5" t="s">
        <v>42</v>
      </c>
      <c r="U14610" s="2">
        <v>2.04</v>
      </c>
      <c r="V14610" s="2">
        <v>1.4450000000000001</v>
      </c>
      <c r="W14610" s="2">
        <v>0.02</v>
      </c>
      <c r="X14610" s="2">
        <v>159.1</v>
      </c>
      <c r="Y14610" s="2">
        <v>7.6</v>
      </c>
      <c r="Z14610" s="2">
        <v>16.7</v>
      </c>
      <c r="AA14610" s="5"/>
      <c r="AB14610" s="5" t="s">
        <v>43</v>
      </c>
      <c r="AC14610" s="5" t="s">
        <v>44</v>
      </c>
      <c r="AD14610" s="2"/>
      <c r="AE14610" s="1"/>
    </row>
    <row r="14611" spans="1:31" ht="14.45">
      <c r="A14611" s="11"/>
      <c r="B14611" s="20"/>
      <c r="C14611" s="2" t="s">
        <v>44784</v>
      </c>
      <c r="D14611" s="14" t="s">
        <v>44785</v>
      </c>
      <c r="E14611" s="2" t="s">
        <v>44786</v>
      </c>
      <c r="F14611" s="2" t="s">
        <v>7521</v>
      </c>
      <c r="G14611" s="8">
        <v>211</v>
      </c>
      <c r="H14611" s="5">
        <v>6</v>
      </c>
      <c r="I14611" s="5" t="s">
        <v>1518</v>
      </c>
      <c r="J14611" s="5" t="s">
        <v>40939</v>
      </c>
      <c r="K14611" s="2" t="s">
        <v>40940</v>
      </c>
      <c r="L14611" s="5" t="s">
        <v>40939</v>
      </c>
      <c r="M14611" s="2" t="s">
        <v>40940</v>
      </c>
      <c r="N14611" s="5" t="s">
        <v>36266</v>
      </c>
      <c r="O14611" s="5" t="s">
        <v>38</v>
      </c>
      <c r="P14611" s="5" t="s">
        <v>39</v>
      </c>
      <c r="Q14611" s="5" t="s">
        <v>40</v>
      </c>
      <c r="R14611" s="5" t="s">
        <v>1522</v>
      </c>
      <c r="S14611" s="5" t="s">
        <v>1523</v>
      </c>
      <c r="T14611" s="5" t="s">
        <v>42</v>
      </c>
      <c r="U14611" s="2">
        <v>2.06</v>
      </c>
      <c r="V14611" s="2">
        <v>1.4650000000000001</v>
      </c>
      <c r="W14611" s="2">
        <v>0.02</v>
      </c>
      <c r="X14611" s="2">
        <v>159.1</v>
      </c>
      <c r="Y14611" s="2">
        <v>7.6</v>
      </c>
      <c r="Z14611" s="2">
        <v>16.7</v>
      </c>
      <c r="AA14611" s="5"/>
      <c r="AB14611" s="5" t="s">
        <v>43</v>
      </c>
      <c r="AC14611" s="5" t="s">
        <v>44</v>
      </c>
      <c r="AD14611" s="2"/>
      <c r="AE14611" s="1"/>
    </row>
    <row r="14612" spans="1:31" ht="14.45">
      <c r="A14612" s="11"/>
      <c r="B14612" s="20"/>
      <c r="C14612" s="2" t="s">
        <v>44787</v>
      </c>
      <c r="D14612" s="14" t="s">
        <v>44788</v>
      </c>
      <c r="E14612" s="2" t="s">
        <v>44789</v>
      </c>
      <c r="F14612" s="2" t="s">
        <v>36273</v>
      </c>
      <c r="G14612" s="8">
        <v>211</v>
      </c>
      <c r="H14612" s="5">
        <v>6</v>
      </c>
      <c r="I14612" s="5" t="s">
        <v>1518</v>
      </c>
      <c r="J14612" s="5" t="s">
        <v>40939</v>
      </c>
      <c r="K14612" s="2" t="s">
        <v>40940</v>
      </c>
      <c r="L14612" s="5" t="s">
        <v>40939</v>
      </c>
      <c r="M14612" s="2" t="s">
        <v>40940</v>
      </c>
      <c r="N14612" s="5" t="s">
        <v>36266</v>
      </c>
      <c r="O14612" s="5" t="s">
        <v>38</v>
      </c>
      <c r="P14612" s="5" t="s">
        <v>39</v>
      </c>
      <c r="Q14612" s="5" t="s">
        <v>40</v>
      </c>
      <c r="R14612" s="5" t="s">
        <v>1522</v>
      </c>
      <c r="S14612" s="5" t="s">
        <v>1523</v>
      </c>
      <c r="T14612" s="5" t="s">
        <v>42</v>
      </c>
      <c r="U14612" s="2">
        <v>2.077</v>
      </c>
      <c r="V14612" s="2">
        <v>1.482</v>
      </c>
      <c r="W14612" s="2">
        <v>0.02</v>
      </c>
      <c r="X14612" s="2">
        <v>159.1</v>
      </c>
      <c r="Y14612" s="2">
        <v>7.6</v>
      </c>
      <c r="Z14612" s="2">
        <v>16.7</v>
      </c>
      <c r="AA14612" s="5"/>
      <c r="AB14612" s="5" t="s">
        <v>43</v>
      </c>
      <c r="AC14612" s="5" t="s">
        <v>44</v>
      </c>
      <c r="AD14612" s="2"/>
      <c r="AE14612" s="1"/>
    </row>
    <row r="14613" spans="1:31" ht="14.45">
      <c r="A14613" s="11"/>
      <c r="B14613" s="20"/>
      <c r="C14613" s="2" t="s">
        <v>44790</v>
      </c>
      <c r="D14613" s="14" t="s">
        <v>44791</v>
      </c>
      <c r="E14613" s="2" t="s">
        <v>44792</v>
      </c>
      <c r="F14613" s="2" t="s">
        <v>36277</v>
      </c>
      <c r="G14613" s="8">
        <v>211</v>
      </c>
      <c r="H14613" s="5">
        <v>6</v>
      </c>
      <c r="I14613" s="5" t="s">
        <v>1518</v>
      </c>
      <c r="J14613" s="5" t="s">
        <v>40939</v>
      </c>
      <c r="K14613" s="2" t="s">
        <v>40940</v>
      </c>
      <c r="L14613" s="5" t="s">
        <v>40939</v>
      </c>
      <c r="M14613" s="2" t="s">
        <v>40940</v>
      </c>
      <c r="N14613" s="5" t="s">
        <v>36266</v>
      </c>
      <c r="O14613" s="5" t="s">
        <v>38</v>
      </c>
      <c r="P14613" s="5" t="s">
        <v>39</v>
      </c>
      <c r="Q14613" s="5" t="s">
        <v>40</v>
      </c>
      <c r="R14613" s="5" t="s">
        <v>1522</v>
      </c>
      <c r="S14613" s="5" t="s">
        <v>1523</v>
      </c>
      <c r="T14613" s="5" t="s">
        <v>42</v>
      </c>
      <c r="U14613" s="2">
        <v>2.097</v>
      </c>
      <c r="V14613" s="2">
        <v>1.502</v>
      </c>
      <c r="W14613" s="2">
        <v>0.02</v>
      </c>
      <c r="X14613" s="2">
        <v>159.1</v>
      </c>
      <c r="Y14613" s="2">
        <v>7.6</v>
      </c>
      <c r="Z14613" s="2">
        <v>16.7</v>
      </c>
      <c r="AA14613" s="5"/>
      <c r="AB14613" s="5" t="s">
        <v>43</v>
      </c>
      <c r="AC14613" s="5" t="s">
        <v>44</v>
      </c>
      <c r="AD14613" s="2"/>
      <c r="AE14613" s="1"/>
    </row>
    <row r="14614" spans="1:31" ht="14.45">
      <c r="A14614" s="11"/>
      <c r="B14614" s="20"/>
      <c r="C14614" s="2" t="s">
        <v>44793</v>
      </c>
      <c r="D14614" s="14" t="s">
        <v>44794</v>
      </c>
      <c r="E14614" s="2" t="s">
        <v>44795</v>
      </c>
      <c r="F14614" s="2" t="s">
        <v>40967</v>
      </c>
      <c r="G14614" s="8">
        <v>242</v>
      </c>
      <c r="H14614" s="5">
        <v>6</v>
      </c>
      <c r="I14614" s="5" t="s">
        <v>1518</v>
      </c>
      <c r="J14614" s="5" t="s">
        <v>40939</v>
      </c>
      <c r="K14614" s="2" t="s">
        <v>40940</v>
      </c>
      <c r="L14614" s="5" t="s">
        <v>40939</v>
      </c>
      <c r="M14614" s="2" t="s">
        <v>40940</v>
      </c>
      <c r="N14614" s="5" t="s">
        <v>36266</v>
      </c>
      <c r="O14614" s="5" t="s">
        <v>38</v>
      </c>
      <c r="P14614" s="5" t="s">
        <v>39</v>
      </c>
      <c r="Q14614" s="5" t="s">
        <v>40</v>
      </c>
      <c r="R14614" s="5" t="s">
        <v>1522</v>
      </c>
      <c r="S14614" s="5" t="s">
        <v>1523</v>
      </c>
      <c r="T14614" s="5" t="s">
        <v>42</v>
      </c>
      <c r="U14614" s="2">
        <v>2.04</v>
      </c>
      <c r="V14614" s="2">
        <v>1.4450000000000001</v>
      </c>
      <c r="W14614" s="2">
        <v>0.02</v>
      </c>
      <c r="X14614" s="2">
        <v>159.1</v>
      </c>
      <c r="Y14614" s="2">
        <v>7.6</v>
      </c>
      <c r="Z14614" s="2">
        <v>16.7</v>
      </c>
      <c r="AA14614" s="5"/>
      <c r="AB14614" s="5" t="s">
        <v>43</v>
      </c>
      <c r="AC14614" s="5" t="s">
        <v>44</v>
      </c>
      <c r="AD14614" s="2"/>
      <c r="AE14614" s="1"/>
    </row>
    <row r="14615" spans="1:31" ht="14.45">
      <c r="A14615" s="11"/>
      <c r="B14615" s="20"/>
      <c r="C14615" s="2" t="s">
        <v>44796</v>
      </c>
      <c r="D14615" s="14" t="s">
        <v>44797</v>
      </c>
      <c r="E14615" s="2" t="s">
        <v>44798</v>
      </c>
      <c r="F14615" s="2" t="s">
        <v>40971</v>
      </c>
      <c r="G14615" s="8">
        <v>242</v>
      </c>
      <c r="H14615" s="5">
        <v>6</v>
      </c>
      <c r="I14615" s="5" t="s">
        <v>1518</v>
      </c>
      <c r="J14615" s="5" t="s">
        <v>40939</v>
      </c>
      <c r="K14615" s="2" t="s">
        <v>40940</v>
      </c>
      <c r="L14615" s="5" t="s">
        <v>40939</v>
      </c>
      <c r="M14615" s="2" t="s">
        <v>40940</v>
      </c>
      <c r="N14615" s="5" t="s">
        <v>36266</v>
      </c>
      <c r="O14615" s="5" t="s">
        <v>38</v>
      </c>
      <c r="P14615" s="5" t="s">
        <v>39</v>
      </c>
      <c r="Q14615" s="5" t="s">
        <v>40</v>
      </c>
      <c r="R14615" s="5" t="s">
        <v>1522</v>
      </c>
      <c r="S14615" s="5" t="s">
        <v>1523</v>
      </c>
      <c r="T14615" s="5" t="s">
        <v>42</v>
      </c>
      <c r="U14615" s="2">
        <v>2.06</v>
      </c>
      <c r="V14615" s="2">
        <v>1.4650000000000001</v>
      </c>
      <c r="W14615" s="2">
        <v>0.02</v>
      </c>
      <c r="X14615" s="2">
        <v>159.1</v>
      </c>
      <c r="Y14615" s="2">
        <v>7.6</v>
      </c>
      <c r="Z14615" s="2">
        <v>16.7</v>
      </c>
      <c r="AA14615" s="5"/>
      <c r="AB14615" s="5" t="s">
        <v>43</v>
      </c>
      <c r="AC14615" s="5" t="s">
        <v>44</v>
      </c>
      <c r="AD14615" s="2"/>
      <c r="AE14615" s="1"/>
    </row>
    <row r="14616" spans="1:31" ht="14.45">
      <c r="A14616" s="11"/>
      <c r="B14616" s="20"/>
      <c r="C14616" s="2" t="s">
        <v>44799</v>
      </c>
      <c r="D14616" s="14" t="s">
        <v>44800</v>
      </c>
      <c r="E14616" s="2" t="s">
        <v>44801</v>
      </c>
      <c r="F14616" s="2" t="s">
        <v>40975</v>
      </c>
      <c r="G14616" s="8">
        <v>242</v>
      </c>
      <c r="H14616" s="5">
        <v>6</v>
      </c>
      <c r="I14616" s="5" t="s">
        <v>1518</v>
      </c>
      <c r="J14616" s="5" t="s">
        <v>40939</v>
      </c>
      <c r="K14616" s="2" t="s">
        <v>40940</v>
      </c>
      <c r="L14616" s="5" t="s">
        <v>40939</v>
      </c>
      <c r="M14616" s="2" t="s">
        <v>40940</v>
      </c>
      <c r="N14616" s="5" t="s">
        <v>36266</v>
      </c>
      <c r="O14616" s="5" t="s">
        <v>38</v>
      </c>
      <c r="P14616" s="5" t="s">
        <v>39</v>
      </c>
      <c r="Q14616" s="5" t="s">
        <v>40</v>
      </c>
      <c r="R14616" s="5" t="s">
        <v>1522</v>
      </c>
      <c r="S14616" s="5" t="s">
        <v>1523</v>
      </c>
      <c r="T14616" s="5" t="s">
        <v>42</v>
      </c>
      <c r="U14616" s="2">
        <v>2.04</v>
      </c>
      <c r="V14616" s="2">
        <v>1.4450000000000001</v>
      </c>
      <c r="W14616" s="2">
        <v>0.02</v>
      </c>
      <c r="X14616" s="2">
        <v>159.1</v>
      </c>
      <c r="Y14616" s="2">
        <v>7.6</v>
      </c>
      <c r="Z14616" s="2">
        <v>16.7</v>
      </c>
      <c r="AA14616" s="5"/>
      <c r="AB14616" s="5" t="s">
        <v>43</v>
      </c>
      <c r="AC14616" s="5" t="s">
        <v>44</v>
      </c>
      <c r="AD14616" s="2"/>
      <c r="AE14616" s="1"/>
    </row>
    <row r="14617" spans="1:31" ht="14.45">
      <c r="A14617" s="11"/>
      <c r="B14617" s="20"/>
      <c r="C14617" s="2" t="s">
        <v>44802</v>
      </c>
      <c r="D14617" s="14" t="s">
        <v>44803</v>
      </c>
      <c r="E14617" s="2" t="s">
        <v>44804</v>
      </c>
      <c r="F14617" s="2" t="s">
        <v>7539</v>
      </c>
      <c r="G14617" s="8">
        <v>242</v>
      </c>
      <c r="H14617" s="5">
        <v>6</v>
      </c>
      <c r="I14617" s="5" t="s">
        <v>1518</v>
      </c>
      <c r="J14617" s="5" t="s">
        <v>40939</v>
      </c>
      <c r="K14617" s="2" t="s">
        <v>40940</v>
      </c>
      <c r="L14617" s="5" t="s">
        <v>40939</v>
      </c>
      <c r="M14617" s="2" t="s">
        <v>40940</v>
      </c>
      <c r="N14617" s="5" t="s">
        <v>36266</v>
      </c>
      <c r="O14617" s="5" t="s">
        <v>38</v>
      </c>
      <c r="P14617" s="5" t="s">
        <v>39</v>
      </c>
      <c r="Q14617" s="5" t="s">
        <v>40</v>
      </c>
      <c r="R14617" s="5" t="s">
        <v>1522</v>
      </c>
      <c r="S14617" s="5" t="s">
        <v>1523</v>
      </c>
      <c r="T14617" s="5" t="s">
        <v>42</v>
      </c>
      <c r="U14617" s="2">
        <v>1.948</v>
      </c>
      <c r="V14617" s="2">
        <v>1.353</v>
      </c>
      <c r="W14617" s="2">
        <v>0.02</v>
      </c>
      <c r="X14617" s="2">
        <v>159.1</v>
      </c>
      <c r="Y14617" s="2">
        <v>7.6</v>
      </c>
      <c r="Z14617" s="2">
        <v>16.7</v>
      </c>
      <c r="AA14617" s="5"/>
      <c r="AB14617" s="5" t="s">
        <v>43</v>
      </c>
      <c r="AC14617" s="5" t="s">
        <v>44</v>
      </c>
      <c r="AD14617" s="2"/>
      <c r="AE14617" s="1"/>
    </row>
    <row r="14618" spans="1:31" ht="14.45">
      <c r="A14618" s="11"/>
      <c r="B14618" s="20"/>
      <c r="C14618" s="2" t="s">
        <v>44805</v>
      </c>
      <c r="D14618" s="14" t="s">
        <v>44806</v>
      </c>
      <c r="E14618" s="2" t="s">
        <v>44807</v>
      </c>
      <c r="F14618" s="2" t="s">
        <v>7543</v>
      </c>
      <c r="G14618" s="8">
        <v>242</v>
      </c>
      <c r="H14618" s="5">
        <v>6</v>
      </c>
      <c r="I14618" s="5" t="s">
        <v>1518</v>
      </c>
      <c r="J14618" s="5" t="s">
        <v>40939</v>
      </c>
      <c r="K14618" s="2" t="s">
        <v>40940</v>
      </c>
      <c r="L14618" s="5" t="s">
        <v>40939</v>
      </c>
      <c r="M14618" s="2" t="s">
        <v>40940</v>
      </c>
      <c r="N14618" s="5" t="s">
        <v>36266</v>
      </c>
      <c r="O14618" s="5" t="s">
        <v>38</v>
      </c>
      <c r="P14618" s="5" t="s">
        <v>39</v>
      </c>
      <c r="Q14618" s="5" t="s">
        <v>40</v>
      </c>
      <c r="R14618" s="5" t="s">
        <v>1522</v>
      </c>
      <c r="S14618" s="5" t="s">
        <v>1523</v>
      </c>
      <c r="T14618" s="5" t="s">
        <v>42</v>
      </c>
      <c r="U14618" s="2">
        <v>1.968</v>
      </c>
      <c r="V14618" s="2">
        <v>1.373</v>
      </c>
      <c r="W14618" s="2">
        <v>0.02</v>
      </c>
      <c r="X14618" s="2">
        <v>159.1</v>
      </c>
      <c r="Y14618" s="2">
        <v>7.6</v>
      </c>
      <c r="Z14618" s="2">
        <v>16.7</v>
      </c>
      <c r="AA14618" s="5"/>
      <c r="AB14618" s="5" t="s">
        <v>43</v>
      </c>
      <c r="AC14618" s="5" t="s">
        <v>44</v>
      </c>
      <c r="AD14618" s="2"/>
      <c r="AE14618" s="1"/>
    </row>
    <row r="14619" spans="1:31" ht="14.45">
      <c r="A14619" s="11"/>
      <c r="B14619" s="20"/>
      <c r="C14619" s="2" t="s">
        <v>44808</v>
      </c>
      <c r="D14619" s="14" t="s">
        <v>44809</v>
      </c>
      <c r="E14619" s="2" t="s">
        <v>44810</v>
      </c>
      <c r="F14619" s="2" t="s">
        <v>40989</v>
      </c>
      <c r="G14619" s="8">
        <v>242</v>
      </c>
      <c r="H14619" s="5">
        <v>6</v>
      </c>
      <c r="I14619" s="5" t="s">
        <v>1518</v>
      </c>
      <c r="J14619" s="5" t="s">
        <v>40939</v>
      </c>
      <c r="K14619" s="2" t="s">
        <v>40940</v>
      </c>
      <c r="L14619" s="5" t="s">
        <v>40939</v>
      </c>
      <c r="M14619" s="2" t="s">
        <v>40940</v>
      </c>
      <c r="N14619" s="5" t="s">
        <v>36266</v>
      </c>
      <c r="O14619" s="5" t="s">
        <v>38</v>
      </c>
      <c r="P14619" s="5" t="s">
        <v>39</v>
      </c>
      <c r="Q14619" s="5" t="s">
        <v>40</v>
      </c>
      <c r="R14619" s="5" t="s">
        <v>1522</v>
      </c>
      <c r="S14619" s="5" t="s">
        <v>1523</v>
      </c>
      <c r="T14619" s="5" t="s">
        <v>42</v>
      </c>
      <c r="U14619" s="2">
        <v>2.04</v>
      </c>
      <c r="V14619" s="2">
        <v>1.4450000000000001</v>
      </c>
      <c r="W14619" s="2">
        <v>0.02</v>
      </c>
      <c r="X14619" s="2">
        <v>159.1</v>
      </c>
      <c r="Y14619" s="2">
        <v>7.6</v>
      </c>
      <c r="Z14619" s="2">
        <v>16.7</v>
      </c>
      <c r="AA14619" s="5"/>
      <c r="AB14619" s="5" t="s">
        <v>43</v>
      </c>
      <c r="AC14619" s="5" t="s">
        <v>44</v>
      </c>
      <c r="AD14619" s="2"/>
      <c r="AE14619" s="1"/>
    </row>
    <row r="14620" spans="1:31" ht="14.45">
      <c r="A14620" s="11"/>
      <c r="B14620" s="20"/>
      <c r="C14620" s="2" t="s">
        <v>44811</v>
      </c>
      <c r="D14620" s="14" t="s">
        <v>44812</v>
      </c>
      <c r="E14620" s="2" t="s">
        <v>44813</v>
      </c>
      <c r="F14620" s="2" t="s">
        <v>40993</v>
      </c>
      <c r="G14620" s="8">
        <v>242</v>
      </c>
      <c r="H14620" s="5">
        <v>6</v>
      </c>
      <c r="I14620" s="5" t="s">
        <v>1518</v>
      </c>
      <c r="J14620" s="5" t="s">
        <v>40939</v>
      </c>
      <c r="K14620" s="2" t="s">
        <v>40940</v>
      </c>
      <c r="L14620" s="5" t="s">
        <v>40939</v>
      </c>
      <c r="M14620" s="2" t="s">
        <v>40940</v>
      </c>
      <c r="N14620" s="5" t="s">
        <v>36266</v>
      </c>
      <c r="O14620" s="5" t="s">
        <v>38</v>
      </c>
      <c r="P14620" s="5" t="s">
        <v>39</v>
      </c>
      <c r="Q14620" s="5" t="s">
        <v>40</v>
      </c>
      <c r="R14620" s="5" t="s">
        <v>1522</v>
      </c>
      <c r="S14620" s="5" t="s">
        <v>1523</v>
      </c>
      <c r="T14620" s="5" t="s">
        <v>42</v>
      </c>
      <c r="U14620" s="2">
        <v>2.06</v>
      </c>
      <c r="V14620" s="2">
        <v>1.4650000000000001</v>
      </c>
      <c r="W14620" s="2">
        <v>0.02</v>
      </c>
      <c r="X14620" s="2">
        <v>159.1</v>
      </c>
      <c r="Y14620" s="2">
        <v>7.6</v>
      </c>
      <c r="Z14620" s="2">
        <v>16.7</v>
      </c>
      <c r="AA14620" s="5"/>
      <c r="AB14620" s="5" t="s">
        <v>43</v>
      </c>
      <c r="AC14620" s="5" t="s">
        <v>44</v>
      </c>
      <c r="AD14620" s="2"/>
      <c r="AE14620" s="1"/>
    </row>
    <row r="14621" spans="1:31" ht="14.45">
      <c r="A14621" s="11"/>
      <c r="B14621" s="20"/>
      <c r="C14621" s="2" t="s">
        <v>44814</v>
      </c>
      <c r="D14621" s="14" t="s">
        <v>44815</v>
      </c>
      <c r="E14621" s="2" t="s">
        <v>44816</v>
      </c>
      <c r="F14621" s="2" t="s">
        <v>41267</v>
      </c>
      <c r="G14621" s="8">
        <v>242</v>
      </c>
      <c r="H14621" s="5">
        <v>6</v>
      </c>
      <c r="I14621" s="5" t="s">
        <v>1518</v>
      </c>
      <c r="J14621" s="5" t="s">
        <v>40939</v>
      </c>
      <c r="K14621" s="2" t="s">
        <v>40940</v>
      </c>
      <c r="L14621" s="5" t="s">
        <v>40939</v>
      </c>
      <c r="M14621" s="2" t="s">
        <v>40940</v>
      </c>
      <c r="N14621" s="5" t="s">
        <v>36266</v>
      </c>
      <c r="O14621" s="5" t="s">
        <v>38</v>
      </c>
      <c r="P14621" s="5" t="s">
        <v>39</v>
      </c>
      <c r="Q14621" s="5" t="s">
        <v>40</v>
      </c>
      <c r="R14621" s="5" t="s">
        <v>1522</v>
      </c>
      <c r="S14621" s="5" t="s">
        <v>1523</v>
      </c>
      <c r="T14621" s="5" t="s">
        <v>42</v>
      </c>
      <c r="U14621" s="2">
        <v>1.9870000000000001</v>
      </c>
      <c r="V14621" s="2">
        <v>1.3919999999999999</v>
      </c>
      <c r="W14621" s="2">
        <v>0.02</v>
      </c>
      <c r="X14621" s="2">
        <v>159.1</v>
      </c>
      <c r="Y14621" s="2">
        <v>7.6</v>
      </c>
      <c r="Z14621" s="2">
        <v>16.7</v>
      </c>
      <c r="AA14621" s="5"/>
      <c r="AB14621" s="5" t="s">
        <v>43</v>
      </c>
      <c r="AC14621" s="5" t="s">
        <v>44</v>
      </c>
      <c r="AD14621" s="2"/>
      <c r="AE14621" s="1"/>
    </row>
    <row r="14622" spans="1:31" ht="14.45">
      <c r="A14622" s="11"/>
      <c r="B14622" s="20"/>
      <c r="C14622" s="2" t="s">
        <v>44817</v>
      </c>
      <c r="D14622" s="14" t="s">
        <v>44818</v>
      </c>
      <c r="E14622" s="2" t="s">
        <v>44819</v>
      </c>
      <c r="F14622" s="2" t="s">
        <v>41005</v>
      </c>
      <c r="G14622" s="8">
        <v>242</v>
      </c>
      <c r="H14622" s="5">
        <v>6</v>
      </c>
      <c r="I14622" s="5" t="s">
        <v>1518</v>
      </c>
      <c r="J14622" s="5" t="s">
        <v>40939</v>
      </c>
      <c r="K14622" s="2" t="s">
        <v>40940</v>
      </c>
      <c r="L14622" s="5" t="s">
        <v>40939</v>
      </c>
      <c r="M14622" s="2" t="s">
        <v>40940</v>
      </c>
      <c r="N14622" s="5" t="s">
        <v>36266</v>
      </c>
      <c r="O14622" s="5" t="s">
        <v>38</v>
      </c>
      <c r="P14622" s="5" t="s">
        <v>39</v>
      </c>
      <c r="Q14622" s="5" t="s">
        <v>40</v>
      </c>
      <c r="R14622" s="5" t="s">
        <v>1522</v>
      </c>
      <c r="S14622" s="5" t="s">
        <v>1523</v>
      </c>
      <c r="T14622" s="5" t="s">
        <v>42</v>
      </c>
      <c r="U14622" s="2">
        <v>2.06</v>
      </c>
      <c r="V14622" s="2">
        <v>1.4650000000000001</v>
      </c>
      <c r="W14622" s="2">
        <v>0.02</v>
      </c>
      <c r="X14622" s="2">
        <v>159.1</v>
      </c>
      <c r="Y14622" s="2">
        <v>7.6</v>
      </c>
      <c r="Z14622" s="2">
        <v>16.7</v>
      </c>
      <c r="AA14622" s="5"/>
      <c r="AB14622" s="5" t="s">
        <v>43</v>
      </c>
      <c r="AC14622" s="5" t="s">
        <v>44</v>
      </c>
      <c r="AD14622" s="2"/>
      <c r="AE14622" s="1"/>
    </row>
    <row r="14623" spans="1:31" ht="14.45">
      <c r="A14623" s="11"/>
      <c r="B14623" s="20"/>
      <c r="C14623" s="2" t="s">
        <v>44820</v>
      </c>
      <c r="D14623" s="14" t="s">
        <v>44821</v>
      </c>
      <c r="E14623" s="2" t="s">
        <v>44822</v>
      </c>
      <c r="F14623" s="2" t="s">
        <v>41009</v>
      </c>
      <c r="G14623" s="8">
        <v>242</v>
      </c>
      <c r="H14623" s="5">
        <v>6</v>
      </c>
      <c r="I14623" s="5" t="s">
        <v>1518</v>
      </c>
      <c r="J14623" s="5" t="s">
        <v>40939</v>
      </c>
      <c r="K14623" s="2" t="s">
        <v>40940</v>
      </c>
      <c r="L14623" s="5" t="s">
        <v>40939</v>
      </c>
      <c r="M14623" s="2" t="s">
        <v>40940</v>
      </c>
      <c r="N14623" s="5" t="s">
        <v>36266</v>
      </c>
      <c r="O14623" s="5" t="s">
        <v>38</v>
      </c>
      <c r="P14623" s="5" t="s">
        <v>39</v>
      </c>
      <c r="Q14623" s="5" t="s">
        <v>40</v>
      </c>
      <c r="R14623" s="5" t="s">
        <v>1522</v>
      </c>
      <c r="S14623" s="5" t="s">
        <v>1523</v>
      </c>
      <c r="T14623" s="5" t="s">
        <v>42</v>
      </c>
      <c r="U14623" s="2">
        <v>2.0590000000000002</v>
      </c>
      <c r="V14623" s="2">
        <v>1.464</v>
      </c>
      <c r="W14623" s="2">
        <v>0.02</v>
      </c>
      <c r="X14623" s="2">
        <v>159.1</v>
      </c>
      <c r="Y14623" s="2">
        <v>7.6</v>
      </c>
      <c r="Z14623" s="2">
        <v>16.7</v>
      </c>
      <c r="AA14623" s="5"/>
      <c r="AB14623" s="5" t="s">
        <v>43</v>
      </c>
      <c r="AC14623" s="5" t="s">
        <v>44</v>
      </c>
      <c r="AD14623" s="2"/>
      <c r="AE14623" s="1"/>
    </row>
    <row r="14624" spans="1:31" ht="14.45">
      <c r="A14624" s="11"/>
      <c r="B14624" s="20"/>
      <c r="C14624" s="2" t="s">
        <v>44823</v>
      </c>
      <c r="D14624" s="14" t="s">
        <v>44824</v>
      </c>
      <c r="E14624" s="2" t="s">
        <v>44825</v>
      </c>
      <c r="F14624" s="2" t="s">
        <v>41013</v>
      </c>
      <c r="G14624" s="8">
        <v>242</v>
      </c>
      <c r="H14624" s="5">
        <v>6</v>
      </c>
      <c r="I14624" s="5" t="s">
        <v>1518</v>
      </c>
      <c r="J14624" s="5" t="s">
        <v>40939</v>
      </c>
      <c r="K14624" s="2" t="s">
        <v>40940</v>
      </c>
      <c r="L14624" s="5" t="s">
        <v>40939</v>
      </c>
      <c r="M14624" s="2" t="s">
        <v>40940</v>
      </c>
      <c r="N14624" s="5" t="s">
        <v>36266</v>
      </c>
      <c r="O14624" s="5" t="s">
        <v>38</v>
      </c>
      <c r="P14624" s="5" t="s">
        <v>39</v>
      </c>
      <c r="Q14624" s="5" t="s">
        <v>40</v>
      </c>
      <c r="R14624" s="5" t="s">
        <v>1522</v>
      </c>
      <c r="S14624" s="5" t="s">
        <v>1523</v>
      </c>
      <c r="T14624" s="5" t="s">
        <v>42</v>
      </c>
      <c r="U14624" s="2">
        <v>2.0790000000000002</v>
      </c>
      <c r="V14624" s="2">
        <v>1.484</v>
      </c>
      <c r="W14624" s="2">
        <v>0.02</v>
      </c>
      <c r="X14624" s="2">
        <v>159.1</v>
      </c>
      <c r="Y14624" s="2">
        <v>7.6</v>
      </c>
      <c r="Z14624" s="2">
        <v>16.7</v>
      </c>
      <c r="AA14624" s="5"/>
      <c r="AB14624" s="5" t="s">
        <v>43</v>
      </c>
      <c r="AC14624" s="5" t="s">
        <v>44</v>
      </c>
      <c r="AD14624" s="2"/>
      <c r="AE14624" s="1"/>
    </row>
    <row r="14625" spans="1:31" ht="14.45">
      <c r="A14625" s="11"/>
      <c r="B14625" s="20"/>
      <c r="C14625" s="2" t="s">
        <v>44826</v>
      </c>
      <c r="D14625" s="14" t="s">
        <v>44827</v>
      </c>
      <c r="E14625" s="2" t="s">
        <v>44828</v>
      </c>
      <c r="F14625" s="2" t="s">
        <v>7396</v>
      </c>
      <c r="G14625" s="8">
        <v>211</v>
      </c>
      <c r="H14625" s="5">
        <v>6</v>
      </c>
      <c r="I14625" s="5" t="s">
        <v>1518</v>
      </c>
      <c r="J14625" s="5" t="s">
        <v>40939</v>
      </c>
      <c r="K14625" s="2" t="s">
        <v>40940</v>
      </c>
      <c r="L14625" s="5" t="s">
        <v>40939</v>
      </c>
      <c r="M14625" s="2" t="s">
        <v>40940</v>
      </c>
      <c r="N14625" s="5" t="s">
        <v>36266</v>
      </c>
      <c r="O14625" s="5" t="s">
        <v>38</v>
      </c>
      <c r="P14625" s="5" t="s">
        <v>39</v>
      </c>
      <c r="Q14625" s="5" t="s">
        <v>40</v>
      </c>
      <c r="R14625" s="5" t="s">
        <v>1522</v>
      </c>
      <c r="S14625" s="5" t="s">
        <v>1523</v>
      </c>
      <c r="T14625" s="5" t="s">
        <v>42</v>
      </c>
      <c r="U14625" s="2">
        <v>2.0590000000000002</v>
      </c>
      <c r="V14625" s="2">
        <v>1.464</v>
      </c>
      <c r="W14625" s="2">
        <v>0.02</v>
      </c>
      <c r="X14625" s="2">
        <v>159.1</v>
      </c>
      <c r="Y14625" s="2">
        <v>7.6</v>
      </c>
      <c r="Z14625" s="2">
        <v>16.7</v>
      </c>
      <c r="AA14625" s="5"/>
      <c r="AB14625" s="5" t="s">
        <v>43</v>
      </c>
      <c r="AC14625" s="5" t="s">
        <v>44</v>
      </c>
      <c r="AD14625" s="2"/>
      <c r="AE14625" s="1"/>
    </row>
    <row r="14626" spans="1:31" ht="14.45">
      <c r="A14626" s="11"/>
      <c r="B14626" s="20"/>
      <c r="C14626" s="2" t="s">
        <v>44829</v>
      </c>
      <c r="D14626" s="14" t="s">
        <v>44830</v>
      </c>
      <c r="E14626" s="2" t="s">
        <v>44831</v>
      </c>
      <c r="F14626" s="2" t="s">
        <v>7507</v>
      </c>
      <c r="G14626" s="8">
        <v>211</v>
      </c>
      <c r="H14626" s="5">
        <v>6</v>
      </c>
      <c r="I14626" s="5" t="s">
        <v>1518</v>
      </c>
      <c r="J14626" s="5" t="s">
        <v>40939</v>
      </c>
      <c r="K14626" s="2" t="s">
        <v>40940</v>
      </c>
      <c r="L14626" s="5" t="s">
        <v>40939</v>
      </c>
      <c r="M14626" s="2" t="s">
        <v>40940</v>
      </c>
      <c r="N14626" s="5" t="s">
        <v>36266</v>
      </c>
      <c r="O14626" s="5" t="s">
        <v>38</v>
      </c>
      <c r="P14626" s="5" t="s">
        <v>39</v>
      </c>
      <c r="Q14626" s="5" t="s">
        <v>40</v>
      </c>
      <c r="R14626" s="5" t="s">
        <v>1522</v>
      </c>
      <c r="S14626" s="5" t="s">
        <v>1523</v>
      </c>
      <c r="T14626" s="5" t="s">
        <v>42</v>
      </c>
      <c r="U14626" s="2">
        <v>2.0790000000000002</v>
      </c>
      <c r="V14626" s="2">
        <v>1.484</v>
      </c>
      <c r="W14626" s="2">
        <v>0.02</v>
      </c>
      <c r="X14626" s="2">
        <v>159.1</v>
      </c>
      <c r="Y14626" s="2">
        <v>7.6</v>
      </c>
      <c r="Z14626" s="2">
        <v>16.7</v>
      </c>
      <c r="AA14626" s="5"/>
      <c r="AB14626" s="5" t="s">
        <v>43</v>
      </c>
      <c r="AC14626" s="5" t="s">
        <v>44</v>
      </c>
      <c r="AD14626" s="2"/>
      <c r="AE14626" s="1"/>
    </row>
    <row r="14627" spans="1:31" ht="14.45">
      <c r="A14627" s="11"/>
      <c r="B14627" s="20"/>
      <c r="C14627" s="2" t="s">
        <v>44832</v>
      </c>
      <c r="D14627" s="14" t="s">
        <v>44833</v>
      </c>
      <c r="E14627" s="2" t="s">
        <v>44834</v>
      </c>
      <c r="F14627" s="2" t="s">
        <v>41027</v>
      </c>
      <c r="G14627" s="8">
        <v>242</v>
      </c>
      <c r="H14627" s="5">
        <v>6</v>
      </c>
      <c r="I14627" s="5" t="s">
        <v>1518</v>
      </c>
      <c r="J14627" s="5" t="s">
        <v>40939</v>
      </c>
      <c r="K14627" s="2" t="s">
        <v>40940</v>
      </c>
      <c r="L14627" s="5" t="s">
        <v>40939</v>
      </c>
      <c r="M14627" s="2" t="s">
        <v>40940</v>
      </c>
      <c r="N14627" s="5" t="s">
        <v>36266</v>
      </c>
      <c r="O14627" s="5" t="s">
        <v>38</v>
      </c>
      <c r="P14627" s="5" t="s">
        <v>39</v>
      </c>
      <c r="Q14627" s="5" t="s">
        <v>40</v>
      </c>
      <c r="R14627" s="5" t="s">
        <v>1522</v>
      </c>
      <c r="S14627" s="5" t="s">
        <v>1523</v>
      </c>
      <c r="T14627" s="5" t="s">
        <v>42</v>
      </c>
      <c r="U14627" s="2">
        <v>1.9870000000000001</v>
      </c>
      <c r="V14627" s="2">
        <v>1.3919999999999999</v>
      </c>
      <c r="W14627" s="2">
        <v>0.02</v>
      </c>
      <c r="X14627" s="2">
        <v>159.1</v>
      </c>
      <c r="Y14627" s="2">
        <v>7.6</v>
      </c>
      <c r="Z14627" s="2">
        <v>16.7</v>
      </c>
      <c r="AA14627" s="5"/>
      <c r="AB14627" s="5" t="s">
        <v>43</v>
      </c>
      <c r="AC14627" s="5" t="s">
        <v>44</v>
      </c>
      <c r="AD14627" s="2"/>
      <c r="AE14627" s="1"/>
    </row>
    <row r="14628" spans="1:31" ht="14.45">
      <c r="A14628" s="11"/>
      <c r="B14628" s="20"/>
      <c r="C14628" s="2" t="s">
        <v>44835</v>
      </c>
      <c r="D14628" s="14" t="s">
        <v>44836</v>
      </c>
      <c r="E14628" s="2" t="s">
        <v>44837</v>
      </c>
      <c r="F14628" s="2" t="s">
        <v>41031</v>
      </c>
      <c r="G14628" s="8">
        <v>242</v>
      </c>
      <c r="H14628" s="5">
        <v>6</v>
      </c>
      <c r="I14628" s="5" t="s">
        <v>1518</v>
      </c>
      <c r="J14628" s="5" t="s">
        <v>40939</v>
      </c>
      <c r="K14628" s="2" t="s">
        <v>40940</v>
      </c>
      <c r="L14628" s="5" t="s">
        <v>40939</v>
      </c>
      <c r="M14628" s="2" t="s">
        <v>40940</v>
      </c>
      <c r="N14628" s="5" t="s">
        <v>36266</v>
      </c>
      <c r="O14628" s="5" t="s">
        <v>38</v>
      </c>
      <c r="P14628" s="5" t="s">
        <v>39</v>
      </c>
      <c r="Q14628" s="5" t="s">
        <v>40</v>
      </c>
      <c r="R14628" s="5" t="s">
        <v>1522</v>
      </c>
      <c r="S14628" s="5" t="s">
        <v>1523</v>
      </c>
      <c r="T14628" s="5" t="s">
        <v>42</v>
      </c>
      <c r="U14628" s="2">
        <v>1.9670000000000001</v>
      </c>
      <c r="V14628" s="2">
        <v>1.3720000000000001</v>
      </c>
      <c r="W14628" s="2">
        <v>0.02</v>
      </c>
      <c r="X14628" s="2">
        <v>159.1</v>
      </c>
      <c r="Y14628" s="2">
        <v>7.6</v>
      </c>
      <c r="Z14628" s="2">
        <v>16.7</v>
      </c>
      <c r="AA14628" s="5"/>
      <c r="AB14628" s="5" t="s">
        <v>43</v>
      </c>
      <c r="AC14628" s="5" t="s">
        <v>44</v>
      </c>
      <c r="AD14628" s="2"/>
      <c r="AE14628" s="1"/>
    </row>
    <row r="14629" spans="1:31" ht="14.45">
      <c r="A14629" s="11"/>
      <c r="B14629" s="20"/>
      <c r="C14629" s="2" t="s">
        <v>44838</v>
      </c>
      <c r="D14629" s="14" t="s">
        <v>44839</v>
      </c>
      <c r="E14629" s="2" t="s">
        <v>44840</v>
      </c>
      <c r="F14629" s="2" t="s">
        <v>41035</v>
      </c>
      <c r="G14629" s="8">
        <v>242</v>
      </c>
      <c r="H14629" s="5">
        <v>6</v>
      </c>
      <c r="I14629" s="5" t="s">
        <v>1518</v>
      </c>
      <c r="J14629" s="5" t="s">
        <v>40939</v>
      </c>
      <c r="K14629" s="2" t="s">
        <v>40940</v>
      </c>
      <c r="L14629" s="5" t="s">
        <v>40939</v>
      </c>
      <c r="M14629" s="2" t="s">
        <v>40940</v>
      </c>
      <c r="N14629" s="5" t="s">
        <v>36266</v>
      </c>
      <c r="O14629" s="5" t="s">
        <v>38</v>
      </c>
      <c r="P14629" s="5" t="s">
        <v>39</v>
      </c>
      <c r="Q14629" s="5" t="s">
        <v>40</v>
      </c>
      <c r="R14629" s="5" t="s">
        <v>1522</v>
      </c>
      <c r="S14629" s="5" t="s">
        <v>1523</v>
      </c>
      <c r="T14629" s="5" t="s">
        <v>42</v>
      </c>
      <c r="U14629" s="2">
        <v>1.9870000000000001</v>
      </c>
      <c r="V14629" s="2">
        <v>1.3919999999999999</v>
      </c>
      <c r="W14629" s="2">
        <v>0.02</v>
      </c>
      <c r="X14629" s="2">
        <v>159.1</v>
      </c>
      <c r="Y14629" s="2">
        <v>7.6</v>
      </c>
      <c r="Z14629" s="2">
        <v>16.7</v>
      </c>
      <c r="AA14629" s="5"/>
      <c r="AB14629" s="5" t="s">
        <v>43</v>
      </c>
      <c r="AC14629" s="5" t="s">
        <v>44</v>
      </c>
      <c r="AD14629" s="2"/>
      <c r="AE14629" s="1"/>
    </row>
    <row r="14630" spans="1:31" ht="14.45">
      <c r="A14630" s="11"/>
      <c r="B14630" s="20"/>
      <c r="C14630" s="2" t="s">
        <v>44841</v>
      </c>
      <c r="D14630" s="14" t="s">
        <v>44842</v>
      </c>
      <c r="E14630" s="2" t="s">
        <v>44843</v>
      </c>
      <c r="F14630" s="2" t="s">
        <v>7449</v>
      </c>
      <c r="G14630" s="8">
        <v>242</v>
      </c>
      <c r="H14630" s="5">
        <v>6</v>
      </c>
      <c r="I14630" s="5" t="s">
        <v>1518</v>
      </c>
      <c r="J14630" s="5" t="s">
        <v>40939</v>
      </c>
      <c r="K14630" s="2" t="s">
        <v>40940</v>
      </c>
      <c r="L14630" s="5" t="s">
        <v>40939</v>
      </c>
      <c r="M14630" s="2" t="s">
        <v>40940</v>
      </c>
      <c r="N14630" s="5" t="s">
        <v>36266</v>
      </c>
      <c r="O14630" s="5" t="s">
        <v>38</v>
      </c>
      <c r="P14630" s="5" t="s">
        <v>39</v>
      </c>
      <c r="Q14630" s="5" t="s">
        <v>40</v>
      </c>
      <c r="R14630" s="5" t="s">
        <v>1522</v>
      </c>
      <c r="S14630" s="5" t="s">
        <v>1523</v>
      </c>
      <c r="T14630" s="5" t="s">
        <v>42</v>
      </c>
      <c r="U14630" s="2">
        <v>1.9670000000000001</v>
      </c>
      <c r="V14630" s="2">
        <v>1.3720000000000001</v>
      </c>
      <c r="W14630" s="2">
        <v>0.02</v>
      </c>
      <c r="X14630" s="2">
        <v>159.1</v>
      </c>
      <c r="Y14630" s="2">
        <v>7.6</v>
      </c>
      <c r="Z14630" s="2">
        <v>16.7</v>
      </c>
      <c r="AA14630" s="5"/>
      <c r="AB14630" s="5" t="s">
        <v>43</v>
      </c>
      <c r="AC14630" s="5" t="s">
        <v>44</v>
      </c>
      <c r="AD14630" s="2"/>
      <c r="AE14630" s="1"/>
    </row>
    <row r="14631" spans="1:31" ht="14.45">
      <c r="A14631" s="11"/>
      <c r="B14631" s="20"/>
      <c r="C14631" s="2" t="s">
        <v>44844</v>
      </c>
      <c r="D14631" s="14" t="s">
        <v>44845</v>
      </c>
      <c r="E14631" s="2" t="s">
        <v>44846</v>
      </c>
      <c r="F14631" s="2" t="s">
        <v>7581</v>
      </c>
      <c r="G14631" s="8">
        <v>242</v>
      </c>
      <c r="H14631" s="5">
        <v>6</v>
      </c>
      <c r="I14631" s="5" t="s">
        <v>1518</v>
      </c>
      <c r="J14631" s="5" t="s">
        <v>40939</v>
      </c>
      <c r="K14631" s="2" t="s">
        <v>40940</v>
      </c>
      <c r="L14631" s="5" t="s">
        <v>40939</v>
      </c>
      <c r="M14631" s="2" t="s">
        <v>40940</v>
      </c>
      <c r="N14631" s="5" t="s">
        <v>36266</v>
      </c>
      <c r="O14631" s="5" t="s">
        <v>38</v>
      </c>
      <c r="P14631" s="5" t="s">
        <v>39</v>
      </c>
      <c r="Q14631" s="5" t="s">
        <v>40</v>
      </c>
      <c r="R14631" s="5" t="s">
        <v>1522</v>
      </c>
      <c r="S14631" s="5" t="s">
        <v>1523</v>
      </c>
      <c r="T14631" s="5" t="s">
        <v>42</v>
      </c>
      <c r="U14631" s="2">
        <v>1.9870000000000001</v>
      </c>
      <c r="V14631" s="2">
        <v>1.3919999999999999</v>
      </c>
      <c r="W14631" s="2">
        <v>0.02</v>
      </c>
      <c r="X14631" s="2">
        <v>159.1</v>
      </c>
      <c r="Y14631" s="2">
        <v>7.6</v>
      </c>
      <c r="Z14631" s="2">
        <v>16.7</v>
      </c>
      <c r="AA14631" s="5"/>
      <c r="AB14631" s="5" t="s">
        <v>43</v>
      </c>
      <c r="AC14631" s="5" t="s">
        <v>44</v>
      </c>
      <c r="AD14631" s="2"/>
      <c r="AE14631" s="1"/>
    </row>
    <row r="14632" spans="1:31" ht="14.45">
      <c r="A14632" s="11"/>
      <c r="B14632" s="20"/>
      <c r="C14632" s="2" t="s">
        <v>44847</v>
      </c>
      <c r="D14632" s="14" t="s">
        <v>44848</v>
      </c>
      <c r="E14632" s="2" t="s">
        <v>44849</v>
      </c>
      <c r="F14632" s="2" t="s">
        <v>41045</v>
      </c>
      <c r="G14632" s="8">
        <v>242</v>
      </c>
      <c r="H14632" s="5">
        <v>6</v>
      </c>
      <c r="I14632" s="5" t="s">
        <v>1518</v>
      </c>
      <c r="J14632" s="5" t="s">
        <v>40939</v>
      </c>
      <c r="K14632" s="2" t="s">
        <v>40940</v>
      </c>
      <c r="L14632" s="5" t="s">
        <v>40939</v>
      </c>
      <c r="M14632" s="2" t="s">
        <v>40940</v>
      </c>
      <c r="N14632" s="5" t="s">
        <v>36266</v>
      </c>
      <c r="O14632" s="5" t="s">
        <v>38</v>
      </c>
      <c r="P14632" s="5" t="s">
        <v>39</v>
      </c>
      <c r="Q14632" s="5" t="s">
        <v>40</v>
      </c>
      <c r="R14632" s="5" t="s">
        <v>1522</v>
      </c>
      <c r="S14632" s="5" t="s">
        <v>1523</v>
      </c>
      <c r="T14632" s="5" t="s">
        <v>42</v>
      </c>
      <c r="U14632" s="2">
        <v>2.077</v>
      </c>
      <c r="V14632" s="2">
        <v>1.482</v>
      </c>
      <c r="W14632" s="2">
        <v>0.02</v>
      </c>
      <c r="X14632" s="2">
        <v>159.1</v>
      </c>
      <c r="Y14632" s="2">
        <v>7.6</v>
      </c>
      <c r="Z14632" s="2">
        <v>16.7</v>
      </c>
      <c r="AA14632" s="5"/>
      <c r="AB14632" s="5" t="s">
        <v>43</v>
      </c>
      <c r="AC14632" s="5" t="s">
        <v>44</v>
      </c>
      <c r="AD14632" s="2"/>
      <c r="AE14632" s="1"/>
    </row>
    <row r="14633" spans="1:31" ht="14.45">
      <c r="A14633" s="11"/>
      <c r="B14633" s="20"/>
      <c r="C14633" s="2" t="s">
        <v>44850</v>
      </c>
      <c r="D14633" s="14" t="s">
        <v>44851</v>
      </c>
      <c r="E14633" s="2" t="s">
        <v>44852</v>
      </c>
      <c r="F14633" s="2" t="s">
        <v>41049</v>
      </c>
      <c r="G14633" s="8">
        <v>242</v>
      </c>
      <c r="H14633" s="5">
        <v>6</v>
      </c>
      <c r="I14633" s="5" t="s">
        <v>1518</v>
      </c>
      <c r="J14633" s="5" t="s">
        <v>40939</v>
      </c>
      <c r="K14633" s="2" t="s">
        <v>40940</v>
      </c>
      <c r="L14633" s="5" t="s">
        <v>40939</v>
      </c>
      <c r="M14633" s="2" t="s">
        <v>40940</v>
      </c>
      <c r="N14633" s="5" t="s">
        <v>36266</v>
      </c>
      <c r="O14633" s="5" t="s">
        <v>38</v>
      </c>
      <c r="P14633" s="5" t="s">
        <v>39</v>
      </c>
      <c r="Q14633" s="5" t="s">
        <v>40</v>
      </c>
      <c r="R14633" s="5" t="s">
        <v>1522</v>
      </c>
      <c r="S14633" s="5" t="s">
        <v>1523</v>
      </c>
      <c r="T14633" s="5" t="s">
        <v>42</v>
      </c>
      <c r="U14633" s="2">
        <v>2.097</v>
      </c>
      <c r="V14633" s="2">
        <v>1.502</v>
      </c>
      <c r="W14633" s="2">
        <v>0.02</v>
      </c>
      <c r="X14633" s="2">
        <v>159.1</v>
      </c>
      <c r="Y14633" s="2">
        <v>7.6</v>
      </c>
      <c r="Z14633" s="2">
        <v>16.7</v>
      </c>
      <c r="AA14633" s="5"/>
      <c r="AB14633" s="5" t="s">
        <v>43</v>
      </c>
      <c r="AC14633" s="5" t="s">
        <v>44</v>
      </c>
      <c r="AD14633" s="2"/>
      <c r="AE14633" s="1"/>
    </row>
    <row r="14634" spans="1:31" ht="14.45">
      <c r="A14634" s="11"/>
      <c r="B14634" s="20"/>
      <c r="C14634" s="2" t="s">
        <v>44853</v>
      </c>
      <c r="D14634" s="14" t="s">
        <v>44854</v>
      </c>
      <c r="E14634" s="2" t="s">
        <v>44855</v>
      </c>
      <c r="F14634" s="2" t="s">
        <v>7204</v>
      </c>
      <c r="G14634" s="8">
        <v>96</v>
      </c>
      <c r="H14634" s="5">
        <v>6</v>
      </c>
      <c r="I14634" s="5" t="s">
        <v>1518</v>
      </c>
      <c r="J14634" s="5" t="s">
        <v>40939</v>
      </c>
      <c r="K14634" s="2" t="s">
        <v>40940</v>
      </c>
      <c r="L14634" s="5" t="s">
        <v>40939</v>
      </c>
      <c r="M14634" s="2" t="s">
        <v>40940</v>
      </c>
      <c r="N14634" s="5" t="s">
        <v>36266</v>
      </c>
      <c r="O14634" s="5" t="s">
        <v>38</v>
      </c>
      <c r="P14634" s="5" t="s">
        <v>39</v>
      </c>
      <c r="Q14634" s="5" t="s">
        <v>40</v>
      </c>
      <c r="R14634" s="5" t="s">
        <v>1522</v>
      </c>
      <c r="S14634" s="5" t="s">
        <v>1523</v>
      </c>
      <c r="T14634" s="5" t="s">
        <v>42</v>
      </c>
      <c r="U14634" s="2">
        <v>0.93</v>
      </c>
      <c r="V14634" s="2">
        <v>0.51100000000000001</v>
      </c>
      <c r="W14634" s="2">
        <v>0.01</v>
      </c>
      <c r="X14634" s="2">
        <v>76.900000000000006</v>
      </c>
      <c r="Y14634" s="2">
        <v>7.6</v>
      </c>
      <c r="Z14634" s="2">
        <v>16.7</v>
      </c>
      <c r="AA14634" s="5"/>
      <c r="AB14634" s="5" t="s">
        <v>43</v>
      </c>
      <c r="AC14634" s="5" t="s">
        <v>44</v>
      </c>
      <c r="AD14634" s="2"/>
      <c r="AE14634" s="1"/>
    </row>
    <row r="14635" spans="1:31" ht="14.45">
      <c r="A14635" s="11"/>
      <c r="B14635" s="20"/>
      <c r="C14635" s="2" t="s">
        <v>44856</v>
      </c>
      <c r="D14635" s="14" t="s">
        <v>44857</v>
      </c>
      <c r="E14635" s="2" t="s">
        <v>44858</v>
      </c>
      <c r="F14635" s="2" t="s">
        <v>40947</v>
      </c>
      <c r="G14635" s="8">
        <v>110</v>
      </c>
      <c r="H14635" s="5">
        <v>6</v>
      </c>
      <c r="I14635" s="5" t="s">
        <v>1518</v>
      </c>
      <c r="J14635" s="5" t="s">
        <v>40939</v>
      </c>
      <c r="K14635" s="2" t="s">
        <v>40940</v>
      </c>
      <c r="L14635" s="5" t="s">
        <v>40939</v>
      </c>
      <c r="M14635" s="2" t="s">
        <v>40940</v>
      </c>
      <c r="N14635" s="5" t="s">
        <v>36266</v>
      </c>
      <c r="O14635" s="5" t="s">
        <v>38</v>
      </c>
      <c r="P14635" s="5" t="s">
        <v>39</v>
      </c>
      <c r="Q14635" s="5" t="s">
        <v>40</v>
      </c>
      <c r="R14635" s="5" t="s">
        <v>1522</v>
      </c>
      <c r="S14635" s="5" t="s">
        <v>1523</v>
      </c>
      <c r="T14635" s="5" t="s">
        <v>42</v>
      </c>
      <c r="U14635" s="2">
        <v>0.93500000000000005</v>
      </c>
      <c r="V14635" s="2">
        <v>0.51600000000000001</v>
      </c>
      <c r="W14635" s="2">
        <v>0.01</v>
      </c>
      <c r="X14635" s="2">
        <v>76.900000000000006</v>
      </c>
      <c r="Y14635" s="2">
        <v>7.6</v>
      </c>
      <c r="Z14635" s="2">
        <v>16.7</v>
      </c>
      <c r="AA14635" s="5"/>
      <c r="AB14635" s="5" t="s">
        <v>43</v>
      </c>
      <c r="AC14635" s="5" t="s">
        <v>44</v>
      </c>
      <c r="AD14635" s="2"/>
      <c r="AE14635" s="1"/>
    </row>
    <row r="14636" spans="1:31" ht="14.45">
      <c r="A14636" s="11"/>
      <c r="B14636" s="20"/>
      <c r="C14636" s="2" t="s">
        <v>44859</v>
      </c>
      <c r="D14636" s="14" t="s">
        <v>44860</v>
      </c>
      <c r="E14636" s="2" t="s">
        <v>44861</v>
      </c>
      <c r="F14636" s="2" t="s">
        <v>7208</v>
      </c>
      <c r="G14636" s="8">
        <v>96</v>
      </c>
      <c r="H14636" s="5">
        <v>6</v>
      </c>
      <c r="I14636" s="5" t="s">
        <v>1518</v>
      </c>
      <c r="J14636" s="5" t="s">
        <v>40939</v>
      </c>
      <c r="K14636" s="2" t="s">
        <v>40940</v>
      </c>
      <c r="L14636" s="5" t="s">
        <v>40939</v>
      </c>
      <c r="M14636" s="2" t="s">
        <v>40940</v>
      </c>
      <c r="N14636" s="5" t="s">
        <v>36266</v>
      </c>
      <c r="O14636" s="5" t="s">
        <v>38</v>
      </c>
      <c r="P14636" s="5" t="s">
        <v>39</v>
      </c>
      <c r="Q14636" s="5" t="s">
        <v>40</v>
      </c>
      <c r="R14636" s="5" t="s">
        <v>1522</v>
      </c>
      <c r="S14636" s="5" t="s">
        <v>1523</v>
      </c>
      <c r="T14636" s="5" t="s">
        <v>42</v>
      </c>
      <c r="U14636" s="2">
        <v>0.93799999999999994</v>
      </c>
      <c r="V14636" s="2">
        <v>0.51900000000000002</v>
      </c>
      <c r="W14636" s="2">
        <v>0.01</v>
      </c>
      <c r="X14636" s="2">
        <v>76.900000000000006</v>
      </c>
      <c r="Y14636" s="2">
        <v>7.6</v>
      </c>
      <c r="Z14636" s="2">
        <v>16.7</v>
      </c>
      <c r="AA14636" s="5"/>
      <c r="AB14636" s="5" t="s">
        <v>43</v>
      </c>
      <c r="AC14636" s="5" t="s">
        <v>44</v>
      </c>
      <c r="AD14636" s="2"/>
      <c r="AE14636" s="1"/>
    </row>
    <row r="14637" spans="1:31" ht="14.45">
      <c r="A14637" s="11"/>
      <c r="B14637" s="20"/>
      <c r="C14637" s="2" t="s">
        <v>44862</v>
      </c>
      <c r="D14637" s="14" t="s">
        <v>44863</v>
      </c>
      <c r="E14637" s="2" t="s">
        <v>44864</v>
      </c>
      <c r="F14637" s="2" t="s">
        <v>36273</v>
      </c>
      <c r="G14637" s="8">
        <v>96</v>
      </c>
      <c r="H14637" s="5">
        <v>6</v>
      </c>
      <c r="I14637" s="5" t="s">
        <v>1518</v>
      </c>
      <c r="J14637" s="5" t="s">
        <v>40939</v>
      </c>
      <c r="K14637" s="2" t="s">
        <v>40940</v>
      </c>
      <c r="L14637" s="5" t="s">
        <v>40939</v>
      </c>
      <c r="M14637" s="2" t="s">
        <v>40940</v>
      </c>
      <c r="N14637" s="5" t="s">
        <v>36266</v>
      </c>
      <c r="O14637" s="5" t="s">
        <v>38</v>
      </c>
      <c r="P14637" s="5" t="s">
        <v>39</v>
      </c>
      <c r="Q14637" s="5" t="s">
        <v>40</v>
      </c>
      <c r="R14637" s="5" t="s">
        <v>1522</v>
      </c>
      <c r="S14637" s="5" t="s">
        <v>1523</v>
      </c>
      <c r="T14637" s="5" t="s">
        <v>42</v>
      </c>
      <c r="U14637" s="2">
        <v>0.94399999999999995</v>
      </c>
      <c r="V14637" s="2">
        <v>0.52500000000000002</v>
      </c>
      <c r="W14637" s="2">
        <v>0.01</v>
      </c>
      <c r="X14637" s="2">
        <v>76.900000000000006</v>
      </c>
      <c r="Y14637" s="2">
        <v>7.6</v>
      </c>
      <c r="Z14637" s="2">
        <v>16.7</v>
      </c>
      <c r="AA14637" s="5"/>
      <c r="AB14637" s="5" t="s">
        <v>43</v>
      </c>
      <c r="AC14637" s="5" t="s">
        <v>44</v>
      </c>
      <c r="AD14637" s="2"/>
      <c r="AE14637" s="1"/>
    </row>
    <row r="14638" spans="1:31" ht="14.45">
      <c r="A14638" s="11"/>
      <c r="B14638" s="20"/>
      <c r="C14638" s="2" t="s">
        <v>44865</v>
      </c>
      <c r="D14638" s="14" t="s">
        <v>44866</v>
      </c>
      <c r="E14638" s="2" t="s">
        <v>44867</v>
      </c>
      <c r="F14638" s="2" t="s">
        <v>40967</v>
      </c>
      <c r="G14638" s="8">
        <v>110</v>
      </c>
      <c r="H14638" s="5">
        <v>6</v>
      </c>
      <c r="I14638" s="5" t="s">
        <v>1518</v>
      </c>
      <c r="J14638" s="5" t="s">
        <v>40939</v>
      </c>
      <c r="K14638" s="2" t="s">
        <v>40940</v>
      </c>
      <c r="L14638" s="5" t="s">
        <v>40939</v>
      </c>
      <c r="M14638" s="2" t="s">
        <v>40940</v>
      </c>
      <c r="N14638" s="5" t="s">
        <v>36266</v>
      </c>
      <c r="O14638" s="5" t="s">
        <v>38</v>
      </c>
      <c r="P14638" s="5" t="s">
        <v>39</v>
      </c>
      <c r="Q14638" s="5" t="s">
        <v>40</v>
      </c>
      <c r="R14638" s="5" t="s">
        <v>1522</v>
      </c>
      <c r="S14638" s="5" t="s">
        <v>1523</v>
      </c>
      <c r="T14638" s="5" t="s">
        <v>42</v>
      </c>
      <c r="U14638" s="2">
        <v>0.93799999999999994</v>
      </c>
      <c r="V14638" s="2">
        <v>0.51900000000000002</v>
      </c>
      <c r="W14638" s="2">
        <v>0.01</v>
      </c>
      <c r="X14638" s="2">
        <v>76.900000000000006</v>
      </c>
      <c r="Y14638" s="2">
        <v>7.6</v>
      </c>
      <c r="Z14638" s="2">
        <v>16.7</v>
      </c>
      <c r="AA14638" s="5"/>
      <c r="AB14638" s="5" t="s">
        <v>43</v>
      </c>
      <c r="AC14638" s="5" t="s">
        <v>44</v>
      </c>
      <c r="AD14638" s="2"/>
      <c r="AE14638" s="1"/>
    </row>
    <row r="14639" spans="1:31" ht="14.45">
      <c r="A14639" s="11"/>
      <c r="B14639" s="20"/>
      <c r="C14639" s="2" t="s">
        <v>44868</v>
      </c>
      <c r="D14639" s="14" t="s">
        <v>44869</v>
      </c>
      <c r="E14639" s="2" t="s">
        <v>44870</v>
      </c>
      <c r="F14639" s="2" t="s">
        <v>40975</v>
      </c>
      <c r="G14639" s="8">
        <v>110</v>
      </c>
      <c r="H14639" s="5">
        <v>6</v>
      </c>
      <c r="I14639" s="5" t="s">
        <v>1518</v>
      </c>
      <c r="J14639" s="5" t="s">
        <v>40939</v>
      </c>
      <c r="K14639" s="2" t="s">
        <v>40940</v>
      </c>
      <c r="L14639" s="5" t="s">
        <v>40939</v>
      </c>
      <c r="M14639" s="2" t="s">
        <v>40940</v>
      </c>
      <c r="N14639" s="5" t="s">
        <v>36266</v>
      </c>
      <c r="O14639" s="5" t="s">
        <v>38</v>
      </c>
      <c r="P14639" s="5" t="s">
        <v>39</v>
      </c>
      <c r="Q14639" s="5" t="s">
        <v>40</v>
      </c>
      <c r="R14639" s="5" t="s">
        <v>1522</v>
      </c>
      <c r="S14639" s="5" t="s">
        <v>1523</v>
      </c>
      <c r="T14639" s="5" t="s">
        <v>42</v>
      </c>
      <c r="U14639" s="2">
        <v>0.93799999999999994</v>
      </c>
      <c r="V14639" s="2">
        <v>0.51900000000000002</v>
      </c>
      <c r="W14639" s="2">
        <v>0.01</v>
      </c>
      <c r="X14639" s="2">
        <v>76.900000000000006</v>
      </c>
      <c r="Y14639" s="2">
        <v>7.6</v>
      </c>
      <c r="Z14639" s="2">
        <v>16.7</v>
      </c>
      <c r="AA14639" s="5"/>
      <c r="AB14639" s="5" t="s">
        <v>43</v>
      </c>
      <c r="AC14639" s="5" t="s">
        <v>44</v>
      </c>
      <c r="AD14639" s="2"/>
      <c r="AE14639" s="1"/>
    </row>
    <row r="14640" spans="1:31" ht="14.45">
      <c r="A14640" s="11"/>
      <c r="B14640" s="20"/>
      <c r="C14640" s="2" t="s">
        <v>44871</v>
      </c>
      <c r="D14640" s="14" t="s">
        <v>44872</v>
      </c>
      <c r="E14640" s="2" t="s">
        <v>44873</v>
      </c>
      <c r="F14640" s="2" t="s">
        <v>7539</v>
      </c>
      <c r="G14640" s="8">
        <v>110</v>
      </c>
      <c r="H14640" s="5">
        <v>6</v>
      </c>
      <c r="I14640" s="5" t="s">
        <v>1518</v>
      </c>
      <c r="J14640" s="5" t="s">
        <v>40939</v>
      </c>
      <c r="K14640" s="2" t="s">
        <v>40940</v>
      </c>
      <c r="L14640" s="5" t="s">
        <v>40939</v>
      </c>
      <c r="M14640" s="2" t="s">
        <v>40940</v>
      </c>
      <c r="N14640" s="5" t="s">
        <v>36266</v>
      </c>
      <c r="O14640" s="5" t="s">
        <v>38</v>
      </c>
      <c r="P14640" s="5" t="s">
        <v>39</v>
      </c>
      <c r="Q14640" s="5" t="s">
        <v>40</v>
      </c>
      <c r="R14640" s="5" t="s">
        <v>1522</v>
      </c>
      <c r="S14640" s="5" t="s">
        <v>1523</v>
      </c>
      <c r="T14640" s="5" t="s">
        <v>42</v>
      </c>
      <c r="U14640" s="2">
        <v>0.92400000000000004</v>
      </c>
      <c r="V14640" s="2">
        <v>0.505</v>
      </c>
      <c r="W14640" s="2">
        <v>0.01</v>
      </c>
      <c r="X14640" s="2">
        <v>76.900000000000006</v>
      </c>
      <c r="Y14640" s="2">
        <v>7.6</v>
      </c>
      <c r="Z14640" s="2">
        <v>16.7</v>
      </c>
      <c r="AA14640" s="5"/>
      <c r="AB14640" s="5" t="s">
        <v>43</v>
      </c>
      <c r="AC14640" s="5" t="s">
        <v>44</v>
      </c>
      <c r="AD14640" s="2"/>
      <c r="AE14640" s="1"/>
    </row>
    <row r="14641" spans="1:31" ht="14.45">
      <c r="A14641" s="11"/>
      <c r="B14641" s="20"/>
      <c r="C14641" s="2" t="s">
        <v>44874</v>
      </c>
      <c r="D14641" s="14" t="s">
        <v>44875</v>
      </c>
      <c r="E14641" s="2" t="s">
        <v>44876</v>
      </c>
      <c r="F14641" s="2" t="s">
        <v>40989</v>
      </c>
      <c r="G14641" s="8">
        <v>110</v>
      </c>
      <c r="H14641" s="5">
        <v>6</v>
      </c>
      <c r="I14641" s="5" t="s">
        <v>1518</v>
      </c>
      <c r="J14641" s="5" t="s">
        <v>40939</v>
      </c>
      <c r="K14641" s="2" t="s">
        <v>40940</v>
      </c>
      <c r="L14641" s="5" t="s">
        <v>40939</v>
      </c>
      <c r="M14641" s="2" t="s">
        <v>40940</v>
      </c>
      <c r="N14641" s="5" t="s">
        <v>36266</v>
      </c>
      <c r="O14641" s="5" t="s">
        <v>38</v>
      </c>
      <c r="P14641" s="5" t="s">
        <v>39</v>
      </c>
      <c r="Q14641" s="5" t="s">
        <v>40</v>
      </c>
      <c r="R14641" s="5" t="s">
        <v>1522</v>
      </c>
      <c r="S14641" s="5" t="s">
        <v>1523</v>
      </c>
      <c r="T14641" s="5" t="s">
        <v>42</v>
      </c>
      <c r="U14641" s="2">
        <v>0.93799999999999994</v>
      </c>
      <c r="V14641" s="2">
        <v>0.51900000000000002</v>
      </c>
      <c r="W14641" s="2">
        <v>0.01</v>
      </c>
      <c r="X14641" s="2">
        <v>76.900000000000006</v>
      </c>
      <c r="Y14641" s="2">
        <v>7.6</v>
      </c>
      <c r="Z14641" s="2">
        <v>16.7</v>
      </c>
      <c r="AA14641" s="5"/>
      <c r="AB14641" s="5" t="s">
        <v>43</v>
      </c>
      <c r="AC14641" s="5" t="s">
        <v>44</v>
      </c>
      <c r="AD14641" s="2"/>
      <c r="AE14641" s="1"/>
    </row>
    <row r="14642" spans="1:31" ht="14.45">
      <c r="A14642" s="11"/>
      <c r="B14642" s="20"/>
      <c r="C14642" s="2" t="s">
        <v>44877</v>
      </c>
      <c r="D14642" s="14" t="s">
        <v>44878</v>
      </c>
      <c r="E14642" s="2" t="s">
        <v>44879</v>
      </c>
      <c r="F14642" s="2" t="s">
        <v>40997</v>
      </c>
      <c r="G14642" s="8">
        <v>110</v>
      </c>
      <c r="H14642" s="5">
        <v>6</v>
      </c>
      <c r="I14642" s="5" t="s">
        <v>1518</v>
      </c>
      <c r="J14642" s="5" t="s">
        <v>40939</v>
      </c>
      <c r="K14642" s="2" t="s">
        <v>40940</v>
      </c>
      <c r="L14642" s="5" t="s">
        <v>40939</v>
      </c>
      <c r="M14642" s="2" t="s">
        <v>40940</v>
      </c>
      <c r="N14642" s="5" t="s">
        <v>36266</v>
      </c>
      <c r="O14642" s="5" t="s">
        <v>38</v>
      </c>
      <c r="P14642" s="5" t="s">
        <v>39</v>
      </c>
      <c r="Q14642" s="5" t="s">
        <v>40</v>
      </c>
      <c r="R14642" s="5" t="s">
        <v>1522</v>
      </c>
      <c r="S14642" s="5" t="s">
        <v>1523</v>
      </c>
      <c r="T14642" s="5" t="s">
        <v>42</v>
      </c>
      <c r="U14642" s="2">
        <v>0.92700000000000005</v>
      </c>
      <c r="V14642" s="2">
        <v>0.50800000000000001</v>
      </c>
      <c r="W14642" s="2">
        <v>0.01</v>
      </c>
      <c r="X14642" s="2">
        <v>76.900000000000006</v>
      </c>
      <c r="Y14642" s="2">
        <v>7.6</v>
      </c>
      <c r="Z14642" s="2">
        <v>16.7</v>
      </c>
      <c r="AA14642" s="5"/>
      <c r="AB14642" s="5" t="s">
        <v>43</v>
      </c>
      <c r="AC14642" s="5" t="s">
        <v>44</v>
      </c>
      <c r="AD14642" s="2"/>
      <c r="AE14642" s="1"/>
    </row>
    <row r="14643" spans="1:31" ht="14.45">
      <c r="A14643" s="11"/>
      <c r="B14643" s="20"/>
      <c r="C14643" s="2" t="s">
        <v>44880</v>
      </c>
      <c r="D14643" s="14" t="s">
        <v>44881</v>
      </c>
      <c r="E14643" s="2" t="s">
        <v>44882</v>
      </c>
      <c r="F14643" s="2" t="s">
        <v>41001</v>
      </c>
      <c r="G14643" s="8">
        <v>110</v>
      </c>
      <c r="H14643" s="5">
        <v>6</v>
      </c>
      <c r="I14643" s="5" t="s">
        <v>1518</v>
      </c>
      <c r="J14643" s="5" t="s">
        <v>40939</v>
      </c>
      <c r="K14643" s="2" t="s">
        <v>40940</v>
      </c>
      <c r="L14643" s="5" t="s">
        <v>40939</v>
      </c>
      <c r="M14643" s="2" t="s">
        <v>40940</v>
      </c>
      <c r="N14643" s="5" t="s">
        <v>36266</v>
      </c>
      <c r="O14643" s="5" t="s">
        <v>38</v>
      </c>
      <c r="P14643" s="5" t="s">
        <v>39</v>
      </c>
      <c r="Q14643" s="5" t="s">
        <v>40</v>
      </c>
      <c r="R14643" s="5" t="s">
        <v>1522</v>
      </c>
      <c r="S14643" s="5" t="s">
        <v>1523</v>
      </c>
      <c r="T14643" s="5" t="s">
        <v>42</v>
      </c>
      <c r="U14643" s="2">
        <v>0.93799999999999994</v>
      </c>
      <c r="V14643" s="2">
        <v>0.51900000000000002</v>
      </c>
      <c r="W14643" s="2">
        <v>0.01</v>
      </c>
      <c r="X14643" s="2">
        <v>76.900000000000006</v>
      </c>
      <c r="Y14643" s="2">
        <v>7.6</v>
      </c>
      <c r="Z14643" s="2">
        <v>16.7</v>
      </c>
      <c r="AA14643" s="5"/>
      <c r="AB14643" s="5" t="s">
        <v>43</v>
      </c>
      <c r="AC14643" s="5" t="s">
        <v>44</v>
      </c>
      <c r="AD14643" s="2"/>
      <c r="AE14643" s="1"/>
    </row>
    <row r="14644" spans="1:31" ht="14.45">
      <c r="A14644" s="11"/>
      <c r="B14644" s="20"/>
      <c r="C14644" s="2" t="s">
        <v>44883</v>
      </c>
      <c r="D14644" s="14" t="s">
        <v>44884</v>
      </c>
      <c r="E14644" s="2" t="s">
        <v>44885</v>
      </c>
      <c r="F14644" s="2" t="s">
        <v>41009</v>
      </c>
      <c r="G14644" s="8">
        <v>110</v>
      </c>
      <c r="H14644" s="5">
        <v>6</v>
      </c>
      <c r="I14644" s="5" t="s">
        <v>1518</v>
      </c>
      <c r="J14644" s="5" t="s">
        <v>40939</v>
      </c>
      <c r="K14644" s="2" t="s">
        <v>40940</v>
      </c>
      <c r="L14644" s="5" t="s">
        <v>40939</v>
      </c>
      <c r="M14644" s="2" t="s">
        <v>40940</v>
      </c>
      <c r="N14644" s="5" t="s">
        <v>36266</v>
      </c>
      <c r="O14644" s="5" t="s">
        <v>38</v>
      </c>
      <c r="P14644" s="5" t="s">
        <v>39</v>
      </c>
      <c r="Q14644" s="5" t="s">
        <v>40</v>
      </c>
      <c r="R14644" s="5" t="s">
        <v>1522</v>
      </c>
      <c r="S14644" s="5" t="s">
        <v>1523</v>
      </c>
      <c r="T14644" s="5" t="s">
        <v>42</v>
      </c>
      <c r="U14644" s="2">
        <v>0.94099999999999995</v>
      </c>
      <c r="V14644" s="2">
        <v>0.52200000000000002</v>
      </c>
      <c r="W14644" s="2">
        <v>0.01</v>
      </c>
      <c r="X14644" s="2">
        <v>76.900000000000006</v>
      </c>
      <c r="Y14644" s="2">
        <v>7.6</v>
      </c>
      <c r="Z14644" s="2">
        <v>16.7</v>
      </c>
      <c r="AA14644" s="5"/>
      <c r="AB14644" s="5" t="s">
        <v>43</v>
      </c>
      <c r="AC14644" s="5" t="s">
        <v>44</v>
      </c>
      <c r="AD14644" s="2"/>
      <c r="AE14644" s="1"/>
    </row>
    <row r="14645" spans="1:31" ht="14.45">
      <c r="A14645" s="11"/>
      <c r="B14645" s="20"/>
      <c r="C14645" s="2" t="s">
        <v>44886</v>
      </c>
      <c r="D14645" s="14" t="s">
        <v>44887</v>
      </c>
      <c r="E14645" s="2" t="s">
        <v>44888</v>
      </c>
      <c r="F14645" s="2" t="s">
        <v>7396</v>
      </c>
      <c r="G14645" s="8">
        <v>96</v>
      </c>
      <c r="H14645" s="5">
        <v>6</v>
      </c>
      <c r="I14645" s="5" t="s">
        <v>1518</v>
      </c>
      <c r="J14645" s="5" t="s">
        <v>40939</v>
      </c>
      <c r="K14645" s="2" t="s">
        <v>40940</v>
      </c>
      <c r="L14645" s="5" t="s">
        <v>40939</v>
      </c>
      <c r="M14645" s="2" t="s">
        <v>40940</v>
      </c>
      <c r="N14645" s="5" t="s">
        <v>36266</v>
      </c>
      <c r="O14645" s="5" t="s">
        <v>38</v>
      </c>
      <c r="P14645" s="5" t="s">
        <v>39</v>
      </c>
      <c r="Q14645" s="5" t="s">
        <v>40</v>
      </c>
      <c r="R14645" s="5" t="s">
        <v>1522</v>
      </c>
      <c r="S14645" s="5" t="s">
        <v>1523</v>
      </c>
      <c r="T14645" s="5" t="s">
        <v>42</v>
      </c>
      <c r="U14645" s="2">
        <v>0.94099999999999995</v>
      </c>
      <c r="V14645" s="2">
        <v>0.52200000000000002</v>
      </c>
      <c r="W14645" s="2">
        <v>0.01</v>
      </c>
      <c r="X14645" s="2">
        <v>76.900000000000006</v>
      </c>
      <c r="Y14645" s="2">
        <v>7.6</v>
      </c>
      <c r="Z14645" s="2">
        <v>16.7</v>
      </c>
      <c r="AA14645" s="5"/>
      <c r="AB14645" s="5" t="s">
        <v>43</v>
      </c>
      <c r="AC14645" s="5" t="s">
        <v>44</v>
      </c>
      <c r="AD14645" s="2"/>
      <c r="AE14645" s="1"/>
    </row>
    <row r="14646" spans="1:31" ht="14.45">
      <c r="A14646" s="11"/>
      <c r="B14646" s="20"/>
      <c r="C14646" s="2" t="s">
        <v>44889</v>
      </c>
      <c r="D14646" s="14" t="s">
        <v>44890</v>
      </c>
      <c r="E14646" s="2" t="s">
        <v>44891</v>
      </c>
      <c r="F14646" s="2" t="s">
        <v>41023</v>
      </c>
      <c r="G14646" s="8">
        <v>110</v>
      </c>
      <c r="H14646" s="5">
        <v>6</v>
      </c>
      <c r="I14646" s="5" t="s">
        <v>1518</v>
      </c>
      <c r="J14646" s="5" t="s">
        <v>40939</v>
      </c>
      <c r="K14646" s="2" t="s">
        <v>40940</v>
      </c>
      <c r="L14646" s="5" t="s">
        <v>40939</v>
      </c>
      <c r="M14646" s="2" t="s">
        <v>40940</v>
      </c>
      <c r="N14646" s="5" t="s">
        <v>36266</v>
      </c>
      <c r="O14646" s="5" t="s">
        <v>38</v>
      </c>
      <c r="P14646" s="5" t="s">
        <v>39</v>
      </c>
      <c r="Q14646" s="5" t="s">
        <v>40</v>
      </c>
      <c r="R14646" s="5" t="s">
        <v>1522</v>
      </c>
      <c r="S14646" s="5" t="s">
        <v>1523</v>
      </c>
      <c r="T14646" s="5" t="s">
        <v>42</v>
      </c>
      <c r="U14646" s="2">
        <v>0.92700000000000005</v>
      </c>
      <c r="V14646" s="2">
        <v>0.50800000000000001</v>
      </c>
      <c r="W14646" s="2">
        <v>0.01</v>
      </c>
      <c r="X14646" s="2">
        <v>76.900000000000006</v>
      </c>
      <c r="Y14646" s="2">
        <v>7.6</v>
      </c>
      <c r="Z14646" s="2">
        <v>16.7</v>
      </c>
      <c r="AA14646" s="5"/>
      <c r="AB14646" s="5" t="s">
        <v>43</v>
      </c>
      <c r="AC14646" s="5" t="s">
        <v>44</v>
      </c>
      <c r="AD14646" s="2"/>
      <c r="AE14646" s="1"/>
    </row>
    <row r="14647" spans="1:31" ht="14.45">
      <c r="A14647" s="11"/>
      <c r="B14647" s="20"/>
      <c r="C14647" s="2" t="s">
        <v>44892</v>
      </c>
      <c r="D14647" s="14" t="s">
        <v>44893</v>
      </c>
      <c r="E14647" s="2" t="s">
        <v>44894</v>
      </c>
      <c r="F14647" s="2" t="s">
        <v>41031</v>
      </c>
      <c r="G14647" s="8">
        <v>110</v>
      </c>
      <c r="H14647" s="5">
        <v>6</v>
      </c>
      <c r="I14647" s="5" t="s">
        <v>1518</v>
      </c>
      <c r="J14647" s="5" t="s">
        <v>40939</v>
      </c>
      <c r="K14647" s="2" t="s">
        <v>40940</v>
      </c>
      <c r="L14647" s="5" t="s">
        <v>40939</v>
      </c>
      <c r="M14647" s="2" t="s">
        <v>40940</v>
      </c>
      <c r="N14647" s="5" t="s">
        <v>36266</v>
      </c>
      <c r="O14647" s="5" t="s">
        <v>38</v>
      </c>
      <c r="P14647" s="5" t="s">
        <v>39</v>
      </c>
      <c r="Q14647" s="5" t="s">
        <v>40</v>
      </c>
      <c r="R14647" s="5" t="s">
        <v>1522</v>
      </c>
      <c r="S14647" s="5" t="s">
        <v>1523</v>
      </c>
      <c r="T14647" s="5" t="s">
        <v>42</v>
      </c>
      <c r="U14647" s="2">
        <v>0.92700000000000005</v>
      </c>
      <c r="V14647" s="2">
        <v>0.50800000000000001</v>
      </c>
      <c r="W14647" s="2">
        <v>0.01</v>
      </c>
      <c r="X14647" s="2">
        <v>76.900000000000006</v>
      </c>
      <c r="Y14647" s="2">
        <v>7.6</v>
      </c>
      <c r="Z14647" s="2">
        <v>16.7</v>
      </c>
      <c r="AA14647" s="5"/>
      <c r="AB14647" s="5" t="s">
        <v>43</v>
      </c>
      <c r="AC14647" s="5" t="s">
        <v>44</v>
      </c>
      <c r="AD14647" s="2"/>
      <c r="AE14647" s="1"/>
    </row>
    <row r="14648" spans="1:31" ht="14.45">
      <c r="A14648" s="11"/>
      <c r="B14648" s="20"/>
      <c r="C14648" s="2" t="s">
        <v>44895</v>
      </c>
      <c r="D14648" s="14" t="s">
        <v>44896</v>
      </c>
      <c r="E14648" s="2" t="s">
        <v>44897</v>
      </c>
      <c r="F14648" s="2" t="s">
        <v>41045</v>
      </c>
      <c r="G14648" s="8">
        <v>110</v>
      </c>
      <c r="H14648" s="5">
        <v>6</v>
      </c>
      <c r="I14648" s="5" t="s">
        <v>1518</v>
      </c>
      <c r="J14648" s="5" t="s">
        <v>40939</v>
      </c>
      <c r="K14648" s="2" t="s">
        <v>40940</v>
      </c>
      <c r="L14648" s="5" t="s">
        <v>40939</v>
      </c>
      <c r="M14648" s="2" t="s">
        <v>40940</v>
      </c>
      <c r="N14648" s="5" t="s">
        <v>36266</v>
      </c>
      <c r="O14648" s="5" t="s">
        <v>38</v>
      </c>
      <c r="P14648" s="5" t="s">
        <v>39</v>
      </c>
      <c r="Q14648" s="5" t="s">
        <v>40</v>
      </c>
      <c r="R14648" s="5" t="s">
        <v>1522</v>
      </c>
      <c r="S14648" s="5" t="s">
        <v>1523</v>
      </c>
      <c r="T14648" s="5" t="s">
        <v>42</v>
      </c>
      <c r="U14648" s="2">
        <v>0.94399999999999995</v>
      </c>
      <c r="V14648" s="2">
        <v>0.52500000000000002</v>
      </c>
      <c r="W14648" s="2">
        <v>0.01</v>
      </c>
      <c r="X14648" s="2">
        <v>76.900000000000006</v>
      </c>
      <c r="Y14648" s="2">
        <v>7.6</v>
      </c>
      <c r="Z14648" s="2">
        <v>16.7</v>
      </c>
      <c r="AA14648" s="5"/>
      <c r="AB14648" s="5" t="s">
        <v>43</v>
      </c>
      <c r="AC14648" s="5" t="s">
        <v>44</v>
      </c>
      <c r="AD14648" s="2"/>
      <c r="AE14648" s="1"/>
    </row>
    <row r="14649" spans="1:31" ht="14.45">
      <c r="A14649" s="11"/>
      <c r="B14649" s="20"/>
      <c r="C14649" s="2" t="s">
        <v>44898</v>
      </c>
      <c r="D14649" s="14" t="s">
        <v>44899</v>
      </c>
      <c r="E14649" s="2" t="s">
        <v>44900</v>
      </c>
      <c r="F14649" s="2" t="s">
        <v>7204</v>
      </c>
      <c r="G14649" s="8">
        <v>109</v>
      </c>
      <c r="H14649" s="5">
        <v>6</v>
      </c>
      <c r="I14649" s="5" t="s">
        <v>1518</v>
      </c>
      <c r="J14649" s="5" t="s">
        <v>40939</v>
      </c>
      <c r="K14649" s="2" t="s">
        <v>40940</v>
      </c>
      <c r="L14649" s="5" t="s">
        <v>40939</v>
      </c>
      <c r="M14649" s="2" t="s">
        <v>40940</v>
      </c>
      <c r="N14649" s="5" t="s">
        <v>36266</v>
      </c>
      <c r="O14649" s="5" t="s">
        <v>38</v>
      </c>
      <c r="P14649" s="5" t="s">
        <v>39</v>
      </c>
      <c r="Q14649" s="5" t="s">
        <v>40</v>
      </c>
      <c r="R14649" s="5" t="s">
        <v>1522</v>
      </c>
      <c r="S14649" s="5" t="s">
        <v>1523</v>
      </c>
      <c r="T14649" s="5" t="s">
        <v>42</v>
      </c>
      <c r="U14649" s="2">
        <v>1.103</v>
      </c>
      <c r="V14649" s="2">
        <v>0.57599999999999996</v>
      </c>
      <c r="W14649" s="2">
        <v>1.2999999999999999E-2</v>
      </c>
      <c r="X14649" s="2">
        <v>99.1</v>
      </c>
      <c r="Y14649" s="2">
        <v>7.6</v>
      </c>
      <c r="Z14649" s="2">
        <v>16.7</v>
      </c>
      <c r="AA14649" s="5"/>
      <c r="AB14649" s="5" t="s">
        <v>43</v>
      </c>
      <c r="AC14649" s="5" t="s">
        <v>44</v>
      </c>
      <c r="AD14649" s="2"/>
      <c r="AE14649" s="1"/>
    </row>
    <row r="14650" spans="1:31" ht="14.45">
      <c r="A14650" s="11"/>
      <c r="B14650" s="20"/>
      <c r="C14650" s="2" t="s">
        <v>44901</v>
      </c>
      <c r="D14650" s="14" t="s">
        <v>44902</v>
      </c>
      <c r="E14650" s="2" t="s">
        <v>44903</v>
      </c>
      <c r="F14650" s="2" t="s">
        <v>40947</v>
      </c>
      <c r="G14650" s="8">
        <v>126</v>
      </c>
      <c r="H14650" s="5">
        <v>6</v>
      </c>
      <c r="I14650" s="5" t="s">
        <v>1518</v>
      </c>
      <c r="J14650" s="5" t="s">
        <v>40939</v>
      </c>
      <c r="K14650" s="2" t="s">
        <v>40940</v>
      </c>
      <c r="L14650" s="5" t="s">
        <v>40939</v>
      </c>
      <c r="M14650" s="2" t="s">
        <v>40940</v>
      </c>
      <c r="N14650" s="5" t="s">
        <v>36266</v>
      </c>
      <c r="O14650" s="5" t="s">
        <v>38</v>
      </c>
      <c r="P14650" s="5" t="s">
        <v>39</v>
      </c>
      <c r="Q14650" s="5" t="s">
        <v>40</v>
      </c>
      <c r="R14650" s="5" t="s">
        <v>1522</v>
      </c>
      <c r="S14650" s="5" t="s">
        <v>1523</v>
      </c>
      <c r="T14650" s="5" t="s">
        <v>42</v>
      </c>
      <c r="U14650" s="2">
        <v>1.111</v>
      </c>
      <c r="V14650" s="2">
        <v>0.58399999999999996</v>
      </c>
      <c r="W14650" s="2">
        <v>1.2999999999999999E-2</v>
      </c>
      <c r="X14650" s="2">
        <v>99.1</v>
      </c>
      <c r="Y14650" s="2">
        <v>7.6</v>
      </c>
      <c r="Z14650" s="2">
        <v>16.7</v>
      </c>
      <c r="AA14650" s="5"/>
      <c r="AB14650" s="5" t="s">
        <v>43</v>
      </c>
      <c r="AC14650" s="5" t="s">
        <v>44</v>
      </c>
      <c r="AD14650" s="2"/>
      <c r="AE14650" s="1"/>
    </row>
    <row r="14651" spans="1:31" ht="14.45">
      <c r="A14651" s="11"/>
      <c r="B14651" s="20"/>
      <c r="C14651" s="2" t="s">
        <v>44904</v>
      </c>
      <c r="D14651" s="14" t="s">
        <v>44905</v>
      </c>
      <c r="E14651" s="2" t="s">
        <v>44906</v>
      </c>
      <c r="F14651" s="2" t="s">
        <v>7208</v>
      </c>
      <c r="G14651" s="8">
        <v>109</v>
      </c>
      <c r="H14651" s="5">
        <v>6</v>
      </c>
      <c r="I14651" s="5" t="s">
        <v>1518</v>
      </c>
      <c r="J14651" s="5" t="s">
        <v>40939</v>
      </c>
      <c r="K14651" s="2" t="s">
        <v>40940</v>
      </c>
      <c r="L14651" s="5" t="s">
        <v>40939</v>
      </c>
      <c r="M14651" s="2" t="s">
        <v>40940</v>
      </c>
      <c r="N14651" s="5" t="s">
        <v>36266</v>
      </c>
      <c r="O14651" s="5" t="s">
        <v>38</v>
      </c>
      <c r="P14651" s="5" t="s">
        <v>39</v>
      </c>
      <c r="Q14651" s="5" t="s">
        <v>40</v>
      </c>
      <c r="R14651" s="5" t="s">
        <v>1522</v>
      </c>
      <c r="S14651" s="5" t="s">
        <v>1523</v>
      </c>
      <c r="T14651" s="5" t="s">
        <v>42</v>
      </c>
      <c r="U14651" s="2">
        <v>1.1140000000000001</v>
      </c>
      <c r="V14651" s="2">
        <v>0.58699999999999997</v>
      </c>
      <c r="W14651" s="2">
        <v>1.2999999999999999E-2</v>
      </c>
      <c r="X14651" s="2">
        <v>99.1</v>
      </c>
      <c r="Y14651" s="2">
        <v>7.6</v>
      </c>
      <c r="Z14651" s="2">
        <v>16.7</v>
      </c>
      <c r="AA14651" s="5"/>
      <c r="AB14651" s="5" t="s">
        <v>43</v>
      </c>
      <c r="AC14651" s="5" t="s">
        <v>44</v>
      </c>
      <c r="AD14651" s="2"/>
      <c r="AE14651" s="1"/>
    </row>
    <row r="14652" spans="1:31" ht="14.45">
      <c r="A14652" s="11"/>
      <c r="B14652" s="20"/>
      <c r="C14652" s="2" t="s">
        <v>44907</v>
      </c>
      <c r="D14652" s="14" t="s">
        <v>44908</v>
      </c>
      <c r="E14652" s="2" t="s">
        <v>44909</v>
      </c>
      <c r="F14652" s="2" t="s">
        <v>36273</v>
      </c>
      <c r="G14652" s="8">
        <v>109</v>
      </c>
      <c r="H14652" s="5">
        <v>6</v>
      </c>
      <c r="I14652" s="5" t="s">
        <v>1518</v>
      </c>
      <c r="J14652" s="5" t="s">
        <v>40939</v>
      </c>
      <c r="K14652" s="2" t="s">
        <v>40940</v>
      </c>
      <c r="L14652" s="5" t="s">
        <v>40939</v>
      </c>
      <c r="M14652" s="2" t="s">
        <v>40940</v>
      </c>
      <c r="N14652" s="5" t="s">
        <v>36266</v>
      </c>
      <c r="O14652" s="5" t="s">
        <v>38</v>
      </c>
      <c r="P14652" s="5" t="s">
        <v>39</v>
      </c>
      <c r="Q14652" s="5" t="s">
        <v>40</v>
      </c>
      <c r="R14652" s="5" t="s">
        <v>1522</v>
      </c>
      <c r="S14652" s="5" t="s">
        <v>1523</v>
      </c>
      <c r="T14652" s="5" t="s">
        <v>42</v>
      </c>
      <c r="U14652" s="2">
        <v>1.121</v>
      </c>
      <c r="V14652" s="2">
        <v>0.59399999999999997</v>
      </c>
      <c r="W14652" s="2">
        <v>1.2999999999999999E-2</v>
      </c>
      <c r="X14652" s="2">
        <v>99.1</v>
      </c>
      <c r="Y14652" s="2">
        <v>7.6</v>
      </c>
      <c r="Z14652" s="2">
        <v>16.7</v>
      </c>
      <c r="AA14652" s="5"/>
      <c r="AB14652" s="5" t="s">
        <v>43</v>
      </c>
      <c r="AC14652" s="5" t="s">
        <v>44</v>
      </c>
      <c r="AD14652" s="2"/>
      <c r="AE14652" s="1"/>
    </row>
    <row r="14653" spans="1:31" ht="14.45">
      <c r="A14653" s="11"/>
      <c r="B14653" s="20"/>
      <c r="C14653" s="2" t="s">
        <v>44910</v>
      </c>
      <c r="D14653" s="14" t="s">
        <v>44911</v>
      </c>
      <c r="E14653" s="2" t="s">
        <v>44912</v>
      </c>
      <c r="F14653" s="2" t="s">
        <v>40967</v>
      </c>
      <c r="G14653" s="8">
        <v>126</v>
      </c>
      <c r="H14653" s="5">
        <v>6</v>
      </c>
      <c r="I14653" s="5" t="s">
        <v>1518</v>
      </c>
      <c r="J14653" s="5" t="s">
        <v>40939</v>
      </c>
      <c r="K14653" s="2" t="s">
        <v>40940</v>
      </c>
      <c r="L14653" s="5" t="s">
        <v>40939</v>
      </c>
      <c r="M14653" s="2" t="s">
        <v>40940</v>
      </c>
      <c r="N14653" s="5" t="s">
        <v>36266</v>
      </c>
      <c r="O14653" s="5" t="s">
        <v>38</v>
      </c>
      <c r="P14653" s="5" t="s">
        <v>39</v>
      </c>
      <c r="Q14653" s="5" t="s">
        <v>40</v>
      </c>
      <c r="R14653" s="5" t="s">
        <v>1522</v>
      </c>
      <c r="S14653" s="5" t="s">
        <v>1523</v>
      </c>
      <c r="T14653" s="5" t="s">
        <v>42</v>
      </c>
      <c r="U14653" s="2">
        <v>1.1140000000000001</v>
      </c>
      <c r="V14653" s="2">
        <v>0.58699999999999997</v>
      </c>
      <c r="W14653" s="2">
        <v>1.2999999999999999E-2</v>
      </c>
      <c r="X14653" s="2">
        <v>99.1</v>
      </c>
      <c r="Y14653" s="2">
        <v>7.6</v>
      </c>
      <c r="Z14653" s="2">
        <v>16.7</v>
      </c>
      <c r="AA14653" s="5"/>
      <c r="AB14653" s="5" t="s">
        <v>43</v>
      </c>
      <c r="AC14653" s="5" t="s">
        <v>44</v>
      </c>
      <c r="AD14653" s="2"/>
      <c r="AE14653" s="1"/>
    </row>
    <row r="14654" spans="1:31" ht="14.45">
      <c r="A14654" s="11"/>
      <c r="B14654" s="20"/>
      <c r="C14654" s="2" t="s">
        <v>44913</v>
      </c>
      <c r="D14654" s="14" t="s">
        <v>44914</v>
      </c>
      <c r="E14654" s="2" t="s">
        <v>44915</v>
      </c>
      <c r="F14654" s="2" t="s">
        <v>40989</v>
      </c>
      <c r="G14654" s="8">
        <v>126</v>
      </c>
      <c r="H14654" s="5">
        <v>6</v>
      </c>
      <c r="I14654" s="5" t="s">
        <v>1518</v>
      </c>
      <c r="J14654" s="5" t="s">
        <v>40939</v>
      </c>
      <c r="K14654" s="2" t="s">
        <v>40940</v>
      </c>
      <c r="L14654" s="5" t="s">
        <v>40939</v>
      </c>
      <c r="M14654" s="2" t="s">
        <v>40940</v>
      </c>
      <c r="N14654" s="5" t="s">
        <v>36266</v>
      </c>
      <c r="O14654" s="5" t="s">
        <v>38</v>
      </c>
      <c r="P14654" s="5" t="s">
        <v>39</v>
      </c>
      <c r="Q14654" s="5" t="s">
        <v>40</v>
      </c>
      <c r="R14654" s="5" t="s">
        <v>1522</v>
      </c>
      <c r="S14654" s="5" t="s">
        <v>1523</v>
      </c>
      <c r="T14654" s="5" t="s">
        <v>42</v>
      </c>
      <c r="U14654" s="2">
        <v>1.1140000000000001</v>
      </c>
      <c r="V14654" s="2">
        <v>0.58699999999999997</v>
      </c>
      <c r="W14654" s="2">
        <v>1.2999999999999999E-2</v>
      </c>
      <c r="X14654" s="2">
        <v>99.1</v>
      </c>
      <c r="Y14654" s="2">
        <v>7.6</v>
      </c>
      <c r="Z14654" s="2">
        <v>16.7</v>
      </c>
      <c r="AA14654" s="5"/>
      <c r="AB14654" s="5" t="s">
        <v>43</v>
      </c>
      <c r="AC14654" s="5" t="s">
        <v>44</v>
      </c>
      <c r="AD14654" s="2"/>
      <c r="AE14654" s="1"/>
    </row>
    <row r="14655" spans="1:31" ht="14.45">
      <c r="A14655" s="11"/>
      <c r="B14655" s="20"/>
      <c r="C14655" s="2" t="s">
        <v>44916</v>
      </c>
      <c r="D14655" s="14" t="s">
        <v>44917</v>
      </c>
      <c r="E14655" s="2" t="s">
        <v>44918</v>
      </c>
      <c r="F14655" s="2" t="s">
        <v>40997</v>
      </c>
      <c r="G14655" s="8">
        <v>126</v>
      </c>
      <c r="H14655" s="5">
        <v>6</v>
      </c>
      <c r="I14655" s="5" t="s">
        <v>1518</v>
      </c>
      <c r="J14655" s="5" t="s">
        <v>40939</v>
      </c>
      <c r="K14655" s="2" t="s">
        <v>40940</v>
      </c>
      <c r="L14655" s="5" t="s">
        <v>40939</v>
      </c>
      <c r="M14655" s="2" t="s">
        <v>40940</v>
      </c>
      <c r="N14655" s="5" t="s">
        <v>36266</v>
      </c>
      <c r="O14655" s="5" t="s">
        <v>38</v>
      </c>
      <c r="P14655" s="5" t="s">
        <v>39</v>
      </c>
      <c r="Q14655" s="5" t="s">
        <v>40</v>
      </c>
      <c r="R14655" s="5" t="s">
        <v>1522</v>
      </c>
      <c r="S14655" s="5" t="s">
        <v>1523</v>
      </c>
      <c r="T14655" s="5" t="s">
        <v>42</v>
      </c>
      <c r="U14655" s="2">
        <v>1.1000000000000001</v>
      </c>
      <c r="V14655" s="2">
        <v>0.57299999999999995</v>
      </c>
      <c r="W14655" s="2">
        <v>1.2999999999999999E-2</v>
      </c>
      <c r="X14655" s="2">
        <v>99.1</v>
      </c>
      <c r="Y14655" s="2">
        <v>7.6</v>
      </c>
      <c r="Z14655" s="2">
        <v>16.7</v>
      </c>
      <c r="AA14655" s="5"/>
      <c r="AB14655" s="5" t="s">
        <v>43</v>
      </c>
      <c r="AC14655" s="5" t="s">
        <v>44</v>
      </c>
      <c r="AD14655" s="2"/>
      <c r="AE14655" s="1"/>
    </row>
    <row r="14656" spans="1:31" ht="14.45">
      <c r="A14656" s="11"/>
      <c r="B14656" s="20"/>
      <c r="C14656" s="2" t="s">
        <v>44919</v>
      </c>
      <c r="D14656" s="14" t="s">
        <v>44920</v>
      </c>
      <c r="E14656" s="2" t="s">
        <v>44921</v>
      </c>
      <c r="F14656" s="2" t="s">
        <v>41001</v>
      </c>
      <c r="G14656" s="8">
        <v>126</v>
      </c>
      <c r="H14656" s="5">
        <v>6</v>
      </c>
      <c r="I14656" s="5" t="s">
        <v>1518</v>
      </c>
      <c r="J14656" s="5" t="s">
        <v>40939</v>
      </c>
      <c r="K14656" s="2" t="s">
        <v>40940</v>
      </c>
      <c r="L14656" s="5" t="s">
        <v>40939</v>
      </c>
      <c r="M14656" s="2" t="s">
        <v>40940</v>
      </c>
      <c r="N14656" s="5" t="s">
        <v>36266</v>
      </c>
      <c r="O14656" s="5" t="s">
        <v>38</v>
      </c>
      <c r="P14656" s="5" t="s">
        <v>39</v>
      </c>
      <c r="Q14656" s="5" t="s">
        <v>40</v>
      </c>
      <c r="R14656" s="5" t="s">
        <v>1522</v>
      </c>
      <c r="S14656" s="5" t="s">
        <v>1523</v>
      </c>
      <c r="T14656" s="5" t="s">
        <v>42</v>
      </c>
      <c r="U14656" s="2">
        <v>1.1140000000000001</v>
      </c>
      <c r="V14656" s="2">
        <v>0.58699999999999997</v>
      </c>
      <c r="W14656" s="2">
        <v>1.2999999999999999E-2</v>
      </c>
      <c r="X14656" s="2">
        <v>99.1</v>
      </c>
      <c r="Y14656" s="2">
        <v>7.6</v>
      </c>
      <c r="Z14656" s="2">
        <v>16.7</v>
      </c>
      <c r="AA14656" s="5"/>
      <c r="AB14656" s="5" t="s">
        <v>43</v>
      </c>
      <c r="AC14656" s="5" t="s">
        <v>44</v>
      </c>
      <c r="AD14656" s="2"/>
      <c r="AE14656" s="1"/>
    </row>
    <row r="14657" spans="1:31" ht="14.45">
      <c r="A14657" s="11"/>
      <c r="B14657" s="20"/>
      <c r="C14657" s="2" t="s">
        <v>44922</v>
      </c>
      <c r="D14657" s="14" t="s">
        <v>44923</v>
      </c>
      <c r="E14657" s="2" t="s">
        <v>44924</v>
      </c>
      <c r="F14657" s="2" t="s">
        <v>41009</v>
      </c>
      <c r="G14657" s="8">
        <v>126</v>
      </c>
      <c r="H14657" s="5">
        <v>6</v>
      </c>
      <c r="I14657" s="5" t="s">
        <v>1518</v>
      </c>
      <c r="J14657" s="5" t="s">
        <v>40939</v>
      </c>
      <c r="K14657" s="2" t="s">
        <v>40940</v>
      </c>
      <c r="L14657" s="5" t="s">
        <v>40939</v>
      </c>
      <c r="M14657" s="2" t="s">
        <v>40940</v>
      </c>
      <c r="N14657" s="5" t="s">
        <v>36266</v>
      </c>
      <c r="O14657" s="5" t="s">
        <v>38</v>
      </c>
      <c r="P14657" s="5" t="s">
        <v>39</v>
      </c>
      <c r="Q14657" s="5" t="s">
        <v>40</v>
      </c>
      <c r="R14657" s="5" t="s">
        <v>1522</v>
      </c>
      <c r="S14657" s="5" t="s">
        <v>1523</v>
      </c>
      <c r="T14657" s="5" t="s">
        <v>42</v>
      </c>
      <c r="U14657" s="2">
        <v>1.1180000000000001</v>
      </c>
      <c r="V14657" s="2">
        <v>0.59099999999999997</v>
      </c>
      <c r="W14657" s="2">
        <v>1.2999999999999999E-2</v>
      </c>
      <c r="X14657" s="2">
        <v>99.1</v>
      </c>
      <c r="Y14657" s="2">
        <v>7.6</v>
      </c>
      <c r="Z14657" s="2">
        <v>16.7</v>
      </c>
      <c r="AA14657" s="5"/>
      <c r="AB14657" s="5" t="s">
        <v>43</v>
      </c>
      <c r="AC14657" s="5" t="s">
        <v>44</v>
      </c>
      <c r="AD14657" s="2"/>
      <c r="AE14657" s="1"/>
    </row>
    <row r="14658" spans="1:31" ht="14.45">
      <c r="A14658" s="11"/>
      <c r="B14658" s="20"/>
      <c r="C14658" s="2" t="s">
        <v>44925</v>
      </c>
      <c r="D14658" s="14" t="s">
        <v>44926</v>
      </c>
      <c r="E14658" s="2" t="s">
        <v>44927</v>
      </c>
      <c r="F14658" s="2" t="s">
        <v>7396</v>
      </c>
      <c r="G14658" s="8">
        <v>109</v>
      </c>
      <c r="H14658" s="5">
        <v>6</v>
      </c>
      <c r="I14658" s="5" t="s">
        <v>1518</v>
      </c>
      <c r="J14658" s="5" t="s">
        <v>40939</v>
      </c>
      <c r="K14658" s="2" t="s">
        <v>40940</v>
      </c>
      <c r="L14658" s="5" t="s">
        <v>40939</v>
      </c>
      <c r="M14658" s="2" t="s">
        <v>40940</v>
      </c>
      <c r="N14658" s="5" t="s">
        <v>36266</v>
      </c>
      <c r="O14658" s="5" t="s">
        <v>38</v>
      </c>
      <c r="P14658" s="5" t="s">
        <v>39</v>
      </c>
      <c r="Q14658" s="5" t="s">
        <v>40</v>
      </c>
      <c r="R14658" s="5" t="s">
        <v>1522</v>
      </c>
      <c r="S14658" s="5" t="s">
        <v>1523</v>
      </c>
      <c r="T14658" s="5" t="s">
        <v>42</v>
      </c>
      <c r="U14658" s="2">
        <v>1.1180000000000001</v>
      </c>
      <c r="V14658" s="2">
        <v>0.59099999999999997</v>
      </c>
      <c r="W14658" s="2">
        <v>1.2999999999999999E-2</v>
      </c>
      <c r="X14658" s="2">
        <v>99.1</v>
      </c>
      <c r="Y14658" s="2">
        <v>7.6</v>
      </c>
      <c r="Z14658" s="2">
        <v>16.7</v>
      </c>
      <c r="AA14658" s="5"/>
      <c r="AB14658" s="5" t="s">
        <v>43</v>
      </c>
      <c r="AC14658" s="5" t="s">
        <v>44</v>
      </c>
      <c r="AD14658" s="2"/>
      <c r="AE14658" s="1"/>
    </row>
    <row r="14659" spans="1:31" ht="14.45">
      <c r="A14659" s="11"/>
      <c r="B14659" s="20"/>
      <c r="C14659" s="2" t="s">
        <v>44928</v>
      </c>
      <c r="D14659" s="14" t="s">
        <v>44929</v>
      </c>
      <c r="E14659" s="2" t="s">
        <v>44930</v>
      </c>
      <c r="F14659" s="2" t="s">
        <v>41023</v>
      </c>
      <c r="G14659" s="8">
        <v>126</v>
      </c>
      <c r="H14659" s="5">
        <v>6</v>
      </c>
      <c r="I14659" s="5" t="s">
        <v>1518</v>
      </c>
      <c r="J14659" s="5" t="s">
        <v>40939</v>
      </c>
      <c r="K14659" s="2" t="s">
        <v>40940</v>
      </c>
      <c r="L14659" s="5" t="s">
        <v>40939</v>
      </c>
      <c r="M14659" s="2" t="s">
        <v>40940</v>
      </c>
      <c r="N14659" s="5" t="s">
        <v>36266</v>
      </c>
      <c r="O14659" s="5" t="s">
        <v>38</v>
      </c>
      <c r="P14659" s="5" t="s">
        <v>39</v>
      </c>
      <c r="Q14659" s="5" t="s">
        <v>40</v>
      </c>
      <c r="R14659" s="5" t="s">
        <v>1522</v>
      </c>
      <c r="S14659" s="5" t="s">
        <v>1523</v>
      </c>
      <c r="T14659" s="5" t="s">
        <v>42</v>
      </c>
      <c r="U14659" s="2">
        <v>1.1000000000000001</v>
      </c>
      <c r="V14659" s="2">
        <v>0.57299999999999995</v>
      </c>
      <c r="W14659" s="2">
        <v>1.2999999999999999E-2</v>
      </c>
      <c r="X14659" s="2">
        <v>99.1</v>
      </c>
      <c r="Y14659" s="2">
        <v>7.6</v>
      </c>
      <c r="Z14659" s="2">
        <v>16.7</v>
      </c>
      <c r="AA14659" s="5"/>
      <c r="AB14659" s="5" t="s">
        <v>43</v>
      </c>
      <c r="AC14659" s="5" t="s">
        <v>44</v>
      </c>
      <c r="AD14659" s="2"/>
      <c r="AE14659" s="1"/>
    </row>
    <row r="14660" spans="1:31" ht="14.45">
      <c r="A14660" s="11"/>
      <c r="B14660" s="20"/>
      <c r="C14660" s="2" t="s">
        <v>44931</v>
      </c>
      <c r="D14660" s="14" t="s">
        <v>44932</v>
      </c>
      <c r="E14660" s="2" t="s">
        <v>44933</v>
      </c>
      <c r="F14660" s="2" t="s">
        <v>41031</v>
      </c>
      <c r="G14660" s="8">
        <v>126</v>
      </c>
      <c r="H14660" s="5">
        <v>6</v>
      </c>
      <c r="I14660" s="5" t="s">
        <v>1518</v>
      </c>
      <c r="J14660" s="5" t="s">
        <v>40939</v>
      </c>
      <c r="K14660" s="2" t="s">
        <v>40940</v>
      </c>
      <c r="L14660" s="5" t="s">
        <v>40939</v>
      </c>
      <c r="M14660" s="2" t="s">
        <v>40940</v>
      </c>
      <c r="N14660" s="5" t="s">
        <v>36266</v>
      </c>
      <c r="O14660" s="5" t="s">
        <v>38</v>
      </c>
      <c r="P14660" s="5" t="s">
        <v>39</v>
      </c>
      <c r="Q14660" s="5" t="s">
        <v>40</v>
      </c>
      <c r="R14660" s="5" t="s">
        <v>1522</v>
      </c>
      <c r="S14660" s="5" t="s">
        <v>1523</v>
      </c>
      <c r="T14660" s="5" t="s">
        <v>42</v>
      </c>
      <c r="U14660" s="2">
        <v>1.1000000000000001</v>
      </c>
      <c r="V14660" s="2">
        <v>0.57299999999999995</v>
      </c>
      <c r="W14660" s="2">
        <v>1.2999999999999999E-2</v>
      </c>
      <c r="X14660" s="2">
        <v>99.1</v>
      </c>
      <c r="Y14660" s="2">
        <v>7.6</v>
      </c>
      <c r="Z14660" s="2">
        <v>16.7</v>
      </c>
      <c r="AA14660" s="5"/>
      <c r="AB14660" s="5" t="s">
        <v>43</v>
      </c>
      <c r="AC14660" s="5" t="s">
        <v>44</v>
      </c>
      <c r="AD14660" s="2"/>
      <c r="AE14660" s="1"/>
    </row>
    <row r="14661" spans="1:31" ht="14.45">
      <c r="A14661" s="11"/>
      <c r="B14661" s="20"/>
      <c r="C14661" s="2" t="s">
        <v>44934</v>
      </c>
      <c r="D14661" s="14" t="s">
        <v>44935</v>
      </c>
      <c r="E14661" s="2" t="s">
        <v>44936</v>
      </c>
      <c r="F14661" s="2" t="s">
        <v>7449</v>
      </c>
      <c r="G14661" s="8">
        <v>126</v>
      </c>
      <c r="H14661" s="5">
        <v>6</v>
      </c>
      <c r="I14661" s="5" t="s">
        <v>1518</v>
      </c>
      <c r="J14661" s="5" t="s">
        <v>40939</v>
      </c>
      <c r="K14661" s="2" t="s">
        <v>40940</v>
      </c>
      <c r="L14661" s="5" t="s">
        <v>40939</v>
      </c>
      <c r="M14661" s="2" t="s">
        <v>40940</v>
      </c>
      <c r="N14661" s="5" t="s">
        <v>36266</v>
      </c>
      <c r="O14661" s="5" t="s">
        <v>38</v>
      </c>
      <c r="P14661" s="5" t="s">
        <v>39</v>
      </c>
      <c r="Q14661" s="5" t="s">
        <v>40</v>
      </c>
      <c r="R14661" s="5" t="s">
        <v>1522</v>
      </c>
      <c r="S14661" s="5" t="s">
        <v>1523</v>
      </c>
      <c r="T14661" s="5" t="s">
        <v>42</v>
      </c>
      <c r="U14661" s="2">
        <v>1.1000000000000001</v>
      </c>
      <c r="V14661" s="2">
        <v>0.57299999999999995</v>
      </c>
      <c r="W14661" s="2">
        <v>1.2999999999999999E-2</v>
      </c>
      <c r="X14661" s="2">
        <v>99.1</v>
      </c>
      <c r="Y14661" s="2">
        <v>7.6</v>
      </c>
      <c r="Z14661" s="2">
        <v>16.7</v>
      </c>
      <c r="AA14661" s="5"/>
      <c r="AB14661" s="5" t="s">
        <v>43</v>
      </c>
      <c r="AC14661" s="5" t="s">
        <v>44</v>
      </c>
      <c r="AD14661" s="2"/>
      <c r="AE14661" s="1"/>
    </row>
    <row r="14662" spans="1:31" ht="14.45">
      <c r="A14662" s="11"/>
      <c r="B14662" s="20"/>
      <c r="C14662" s="2" t="s">
        <v>44937</v>
      </c>
      <c r="D14662" s="14" t="s">
        <v>44938</v>
      </c>
      <c r="E14662" s="2" t="s">
        <v>44939</v>
      </c>
      <c r="F14662" s="2" t="s">
        <v>41045</v>
      </c>
      <c r="G14662" s="8">
        <v>126</v>
      </c>
      <c r="H14662" s="5">
        <v>6</v>
      </c>
      <c r="I14662" s="5" t="s">
        <v>1518</v>
      </c>
      <c r="J14662" s="5" t="s">
        <v>40939</v>
      </c>
      <c r="K14662" s="2" t="s">
        <v>40940</v>
      </c>
      <c r="L14662" s="5" t="s">
        <v>40939</v>
      </c>
      <c r="M14662" s="2" t="s">
        <v>40940</v>
      </c>
      <c r="N14662" s="5" t="s">
        <v>36266</v>
      </c>
      <c r="O14662" s="5" t="s">
        <v>38</v>
      </c>
      <c r="P14662" s="5" t="s">
        <v>39</v>
      </c>
      <c r="Q14662" s="5" t="s">
        <v>40</v>
      </c>
      <c r="R14662" s="5" t="s">
        <v>1522</v>
      </c>
      <c r="S14662" s="5" t="s">
        <v>1523</v>
      </c>
      <c r="T14662" s="5" t="s">
        <v>42</v>
      </c>
      <c r="U14662" s="2">
        <v>1.121</v>
      </c>
      <c r="V14662" s="2">
        <v>0.59399999999999997</v>
      </c>
      <c r="W14662" s="2">
        <v>1.2999999999999999E-2</v>
      </c>
      <c r="X14662" s="2">
        <v>99.1</v>
      </c>
      <c r="Y14662" s="2">
        <v>7.6</v>
      </c>
      <c r="Z14662" s="2">
        <v>16.7</v>
      </c>
      <c r="AA14662" s="5"/>
      <c r="AB14662" s="5" t="s">
        <v>43</v>
      </c>
      <c r="AC14662" s="5" t="s">
        <v>44</v>
      </c>
      <c r="AD14662" s="2"/>
      <c r="AE14662" s="1"/>
    </row>
    <row r="14663" spans="1:31" ht="14.45">
      <c r="A14663" s="11"/>
      <c r="B14663" s="20"/>
      <c r="C14663" s="2" t="s">
        <v>44940</v>
      </c>
      <c r="D14663" s="14" t="s">
        <v>44941</v>
      </c>
      <c r="E14663" s="2" t="s">
        <v>44942</v>
      </c>
      <c r="F14663" s="2" t="s">
        <v>7204</v>
      </c>
      <c r="G14663" s="8">
        <v>120</v>
      </c>
      <c r="H14663" s="5">
        <v>6</v>
      </c>
      <c r="I14663" s="5" t="s">
        <v>1518</v>
      </c>
      <c r="J14663" s="5" t="s">
        <v>40939</v>
      </c>
      <c r="K14663" s="2" t="s">
        <v>40940</v>
      </c>
      <c r="L14663" s="5" t="s">
        <v>40939</v>
      </c>
      <c r="M14663" s="2" t="s">
        <v>40940</v>
      </c>
      <c r="N14663" s="5" t="s">
        <v>36266</v>
      </c>
      <c r="O14663" s="5" t="s">
        <v>38</v>
      </c>
      <c r="P14663" s="5" t="s">
        <v>39</v>
      </c>
      <c r="Q14663" s="5" t="s">
        <v>40</v>
      </c>
      <c r="R14663" s="5" t="s">
        <v>1522</v>
      </c>
      <c r="S14663" s="5" t="s">
        <v>1523</v>
      </c>
      <c r="T14663" s="5" t="s">
        <v>42</v>
      </c>
      <c r="U14663" s="2">
        <v>1.159</v>
      </c>
      <c r="V14663" s="2">
        <v>0.64400000000000002</v>
      </c>
      <c r="W14663" s="2">
        <v>1.2999999999999999E-2</v>
      </c>
      <c r="X14663" s="2">
        <v>99.1</v>
      </c>
      <c r="Y14663" s="2">
        <v>7.6</v>
      </c>
      <c r="Z14663" s="2">
        <v>16.7</v>
      </c>
      <c r="AA14663" s="5"/>
      <c r="AB14663" s="5" t="s">
        <v>43</v>
      </c>
      <c r="AC14663" s="5" t="s">
        <v>44</v>
      </c>
      <c r="AD14663" s="2"/>
      <c r="AE14663" s="1"/>
    </row>
    <row r="14664" spans="1:31" ht="14.45">
      <c r="A14664" s="11"/>
      <c r="B14664" s="20"/>
      <c r="C14664" s="2" t="s">
        <v>44943</v>
      </c>
      <c r="D14664" s="14" t="s">
        <v>44944</v>
      </c>
      <c r="E14664" s="2" t="s">
        <v>44945</v>
      </c>
      <c r="F14664" s="2" t="s">
        <v>40947</v>
      </c>
      <c r="G14664" s="8">
        <v>138</v>
      </c>
      <c r="H14664" s="5">
        <v>6</v>
      </c>
      <c r="I14664" s="5" t="s">
        <v>1518</v>
      </c>
      <c r="J14664" s="5" t="s">
        <v>40939</v>
      </c>
      <c r="K14664" s="2" t="s">
        <v>40940</v>
      </c>
      <c r="L14664" s="5" t="s">
        <v>40939</v>
      </c>
      <c r="M14664" s="2" t="s">
        <v>40940</v>
      </c>
      <c r="N14664" s="5" t="s">
        <v>36266</v>
      </c>
      <c r="O14664" s="5" t="s">
        <v>38</v>
      </c>
      <c r="P14664" s="5" t="s">
        <v>39</v>
      </c>
      <c r="Q14664" s="5" t="s">
        <v>40</v>
      </c>
      <c r="R14664" s="5" t="s">
        <v>1522</v>
      </c>
      <c r="S14664" s="5" t="s">
        <v>1523</v>
      </c>
      <c r="T14664" s="5" t="s">
        <v>42</v>
      </c>
      <c r="U14664" s="2">
        <v>1.1679999999999999</v>
      </c>
      <c r="V14664" s="2">
        <v>0.65300000000000002</v>
      </c>
      <c r="W14664" s="2">
        <v>1.2999999999999999E-2</v>
      </c>
      <c r="X14664" s="2">
        <v>99.1</v>
      </c>
      <c r="Y14664" s="2">
        <v>7.6</v>
      </c>
      <c r="Z14664" s="2">
        <v>16.7</v>
      </c>
      <c r="AA14664" s="5"/>
      <c r="AB14664" s="5" t="s">
        <v>43</v>
      </c>
      <c r="AC14664" s="5" t="s">
        <v>44</v>
      </c>
      <c r="AD14664" s="2"/>
      <c r="AE14664" s="1"/>
    </row>
    <row r="14665" spans="1:31" ht="14.45">
      <c r="A14665" s="11"/>
      <c r="B14665" s="20"/>
      <c r="C14665" s="2" t="s">
        <v>44946</v>
      </c>
      <c r="D14665" s="14" t="s">
        <v>44947</v>
      </c>
      <c r="E14665" s="2" t="s">
        <v>44948</v>
      </c>
      <c r="F14665" s="2" t="s">
        <v>7208</v>
      </c>
      <c r="G14665" s="8">
        <v>120</v>
      </c>
      <c r="H14665" s="5">
        <v>6</v>
      </c>
      <c r="I14665" s="5" t="s">
        <v>1518</v>
      </c>
      <c r="J14665" s="5" t="s">
        <v>40939</v>
      </c>
      <c r="K14665" s="2" t="s">
        <v>40940</v>
      </c>
      <c r="L14665" s="5" t="s">
        <v>40939</v>
      </c>
      <c r="M14665" s="2" t="s">
        <v>40940</v>
      </c>
      <c r="N14665" s="5" t="s">
        <v>36266</v>
      </c>
      <c r="O14665" s="5" t="s">
        <v>38</v>
      </c>
      <c r="P14665" s="5" t="s">
        <v>39</v>
      </c>
      <c r="Q14665" s="5" t="s">
        <v>40</v>
      </c>
      <c r="R14665" s="5" t="s">
        <v>1522</v>
      </c>
      <c r="S14665" s="5" t="s">
        <v>1523</v>
      </c>
      <c r="T14665" s="5" t="s">
        <v>42</v>
      </c>
      <c r="U14665" s="2">
        <v>1.173</v>
      </c>
      <c r="V14665" s="2">
        <v>0.65800000000000003</v>
      </c>
      <c r="W14665" s="2">
        <v>1.2999999999999999E-2</v>
      </c>
      <c r="X14665" s="2">
        <v>99.1</v>
      </c>
      <c r="Y14665" s="2">
        <v>7.6</v>
      </c>
      <c r="Z14665" s="2">
        <v>16.7</v>
      </c>
      <c r="AA14665" s="5"/>
      <c r="AB14665" s="5" t="s">
        <v>43</v>
      </c>
      <c r="AC14665" s="5" t="s">
        <v>44</v>
      </c>
      <c r="AD14665" s="2"/>
      <c r="AE14665" s="1"/>
    </row>
    <row r="14666" spans="1:31" ht="14.45">
      <c r="A14666" s="11"/>
      <c r="B14666" s="20"/>
      <c r="C14666" s="2" t="s">
        <v>44949</v>
      </c>
      <c r="D14666" s="14" t="s">
        <v>44950</v>
      </c>
      <c r="E14666" s="2" t="s">
        <v>44951</v>
      </c>
      <c r="F14666" s="2" t="s">
        <v>36273</v>
      </c>
      <c r="G14666" s="8">
        <v>120</v>
      </c>
      <c r="H14666" s="5">
        <v>6</v>
      </c>
      <c r="I14666" s="5" t="s">
        <v>1518</v>
      </c>
      <c r="J14666" s="5" t="s">
        <v>40939</v>
      </c>
      <c r="K14666" s="2" t="s">
        <v>40940</v>
      </c>
      <c r="L14666" s="5" t="s">
        <v>40939</v>
      </c>
      <c r="M14666" s="2" t="s">
        <v>40940</v>
      </c>
      <c r="N14666" s="5" t="s">
        <v>36266</v>
      </c>
      <c r="O14666" s="5" t="s">
        <v>38</v>
      </c>
      <c r="P14666" s="5" t="s">
        <v>39</v>
      </c>
      <c r="Q14666" s="5" t="s">
        <v>40</v>
      </c>
      <c r="R14666" s="5" t="s">
        <v>1522</v>
      </c>
      <c r="S14666" s="5" t="s">
        <v>1523</v>
      </c>
      <c r="T14666" s="5" t="s">
        <v>42</v>
      </c>
      <c r="U14666" s="2">
        <v>1.1819999999999999</v>
      </c>
      <c r="V14666" s="2">
        <v>0.66700000000000004</v>
      </c>
      <c r="W14666" s="2">
        <v>1.2999999999999999E-2</v>
      </c>
      <c r="X14666" s="2">
        <v>99.1</v>
      </c>
      <c r="Y14666" s="2">
        <v>7.6</v>
      </c>
      <c r="Z14666" s="2">
        <v>16.7</v>
      </c>
      <c r="AA14666" s="5"/>
      <c r="AB14666" s="5" t="s">
        <v>43</v>
      </c>
      <c r="AC14666" s="5" t="s">
        <v>44</v>
      </c>
      <c r="AD14666" s="2"/>
      <c r="AE14666" s="1"/>
    </row>
    <row r="14667" spans="1:31" ht="14.45">
      <c r="A14667" s="11"/>
      <c r="B14667" s="20"/>
      <c r="C14667" s="2" t="s">
        <v>44952</v>
      </c>
      <c r="D14667" s="14" t="s">
        <v>44953</v>
      </c>
      <c r="E14667" s="2" t="s">
        <v>44954</v>
      </c>
      <c r="F14667" s="2" t="s">
        <v>40967</v>
      </c>
      <c r="G14667" s="8">
        <v>138</v>
      </c>
      <c r="H14667" s="5">
        <v>6</v>
      </c>
      <c r="I14667" s="5" t="s">
        <v>1518</v>
      </c>
      <c r="J14667" s="5" t="s">
        <v>40939</v>
      </c>
      <c r="K14667" s="2" t="s">
        <v>40940</v>
      </c>
      <c r="L14667" s="5" t="s">
        <v>40939</v>
      </c>
      <c r="M14667" s="2" t="s">
        <v>40940</v>
      </c>
      <c r="N14667" s="5" t="s">
        <v>36266</v>
      </c>
      <c r="O14667" s="5" t="s">
        <v>38</v>
      </c>
      <c r="P14667" s="5" t="s">
        <v>39</v>
      </c>
      <c r="Q14667" s="5" t="s">
        <v>40</v>
      </c>
      <c r="R14667" s="5" t="s">
        <v>1522</v>
      </c>
      <c r="S14667" s="5" t="s">
        <v>1523</v>
      </c>
      <c r="T14667" s="5" t="s">
        <v>42</v>
      </c>
      <c r="U14667" s="2">
        <v>1.173</v>
      </c>
      <c r="V14667" s="2">
        <v>0.65800000000000003</v>
      </c>
      <c r="W14667" s="2">
        <v>1.2999999999999999E-2</v>
      </c>
      <c r="X14667" s="2">
        <v>99.1</v>
      </c>
      <c r="Y14667" s="2">
        <v>7.6</v>
      </c>
      <c r="Z14667" s="2">
        <v>16.7</v>
      </c>
      <c r="AA14667" s="5"/>
      <c r="AB14667" s="5" t="s">
        <v>43</v>
      </c>
      <c r="AC14667" s="5" t="s">
        <v>44</v>
      </c>
      <c r="AD14667" s="2"/>
      <c r="AE14667" s="1"/>
    </row>
    <row r="14668" spans="1:31" ht="14.45">
      <c r="A14668" s="11"/>
      <c r="B14668" s="20"/>
      <c r="C14668" s="2" t="s">
        <v>44955</v>
      </c>
      <c r="D14668" s="14" t="s">
        <v>44956</v>
      </c>
      <c r="E14668" s="2" t="s">
        <v>44957</v>
      </c>
      <c r="F14668" s="2" t="s">
        <v>40975</v>
      </c>
      <c r="G14668" s="8">
        <v>138</v>
      </c>
      <c r="H14668" s="5">
        <v>6</v>
      </c>
      <c r="I14668" s="5" t="s">
        <v>1518</v>
      </c>
      <c r="J14668" s="5" t="s">
        <v>40939</v>
      </c>
      <c r="K14668" s="2" t="s">
        <v>40940</v>
      </c>
      <c r="L14668" s="5" t="s">
        <v>40939</v>
      </c>
      <c r="M14668" s="2" t="s">
        <v>40940</v>
      </c>
      <c r="N14668" s="5" t="s">
        <v>36266</v>
      </c>
      <c r="O14668" s="5" t="s">
        <v>38</v>
      </c>
      <c r="P14668" s="5" t="s">
        <v>39</v>
      </c>
      <c r="Q14668" s="5" t="s">
        <v>40</v>
      </c>
      <c r="R14668" s="5" t="s">
        <v>1522</v>
      </c>
      <c r="S14668" s="5" t="s">
        <v>1523</v>
      </c>
      <c r="T14668" s="5" t="s">
        <v>42</v>
      </c>
      <c r="U14668" s="2">
        <v>1.173</v>
      </c>
      <c r="V14668" s="2">
        <v>0.65800000000000003</v>
      </c>
      <c r="W14668" s="2">
        <v>1.2999999999999999E-2</v>
      </c>
      <c r="X14668" s="2">
        <v>99.1</v>
      </c>
      <c r="Y14668" s="2">
        <v>7.6</v>
      </c>
      <c r="Z14668" s="2">
        <v>16.7</v>
      </c>
      <c r="AA14668" s="5"/>
      <c r="AB14668" s="5" t="s">
        <v>43</v>
      </c>
      <c r="AC14668" s="5" t="s">
        <v>44</v>
      </c>
      <c r="AD14668" s="2"/>
      <c r="AE14668" s="1"/>
    </row>
    <row r="14669" spans="1:31" ht="14.45">
      <c r="A14669" s="11"/>
      <c r="B14669" s="20"/>
      <c r="C14669" s="2" t="s">
        <v>44958</v>
      </c>
      <c r="D14669" s="14" t="s">
        <v>44959</v>
      </c>
      <c r="E14669" s="2" t="s">
        <v>44960</v>
      </c>
      <c r="F14669" s="2" t="s">
        <v>40989</v>
      </c>
      <c r="G14669" s="8">
        <v>138</v>
      </c>
      <c r="H14669" s="5">
        <v>6</v>
      </c>
      <c r="I14669" s="5" t="s">
        <v>1518</v>
      </c>
      <c r="J14669" s="5" t="s">
        <v>40939</v>
      </c>
      <c r="K14669" s="2" t="s">
        <v>40940</v>
      </c>
      <c r="L14669" s="5" t="s">
        <v>40939</v>
      </c>
      <c r="M14669" s="2" t="s">
        <v>40940</v>
      </c>
      <c r="N14669" s="5" t="s">
        <v>36266</v>
      </c>
      <c r="O14669" s="5" t="s">
        <v>38</v>
      </c>
      <c r="P14669" s="5" t="s">
        <v>39</v>
      </c>
      <c r="Q14669" s="5" t="s">
        <v>40</v>
      </c>
      <c r="R14669" s="5" t="s">
        <v>1522</v>
      </c>
      <c r="S14669" s="5" t="s">
        <v>1523</v>
      </c>
      <c r="T14669" s="5" t="s">
        <v>42</v>
      </c>
      <c r="U14669" s="2">
        <v>1.173</v>
      </c>
      <c r="V14669" s="2">
        <v>0.65800000000000003</v>
      </c>
      <c r="W14669" s="2">
        <v>1.2999999999999999E-2</v>
      </c>
      <c r="X14669" s="2">
        <v>99.1</v>
      </c>
      <c r="Y14669" s="2">
        <v>7.6</v>
      </c>
      <c r="Z14669" s="2">
        <v>16.7</v>
      </c>
      <c r="AA14669" s="5"/>
      <c r="AB14669" s="5" t="s">
        <v>43</v>
      </c>
      <c r="AC14669" s="5" t="s">
        <v>44</v>
      </c>
      <c r="AD14669" s="2"/>
      <c r="AE14669" s="1"/>
    </row>
    <row r="14670" spans="1:31" ht="14.45">
      <c r="A14670" s="11"/>
      <c r="B14670" s="20"/>
      <c r="C14670" s="2" t="s">
        <v>44961</v>
      </c>
      <c r="D14670" s="14" t="s">
        <v>44962</v>
      </c>
      <c r="E14670" s="2" t="s">
        <v>44963</v>
      </c>
      <c r="F14670" s="2" t="s">
        <v>40997</v>
      </c>
      <c r="G14670" s="8">
        <v>138</v>
      </c>
      <c r="H14670" s="5">
        <v>6</v>
      </c>
      <c r="I14670" s="5" t="s">
        <v>1518</v>
      </c>
      <c r="J14670" s="5" t="s">
        <v>40939</v>
      </c>
      <c r="K14670" s="2" t="s">
        <v>40940</v>
      </c>
      <c r="L14670" s="5" t="s">
        <v>40939</v>
      </c>
      <c r="M14670" s="2" t="s">
        <v>40940</v>
      </c>
      <c r="N14670" s="5" t="s">
        <v>36266</v>
      </c>
      <c r="O14670" s="5" t="s">
        <v>38</v>
      </c>
      <c r="P14670" s="5" t="s">
        <v>39</v>
      </c>
      <c r="Q14670" s="5" t="s">
        <v>40</v>
      </c>
      <c r="R14670" s="5" t="s">
        <v>1522</v>
      </c>
      <c r="S14670" s="5" t="s">
        <v>1523</v>
      </c>
      <c r="T14670" s="5" t="s">
        <v>42</v>
      </c>
      <c r="U14670" s="2">
        <v>1.155</v>
      </c>
      <c r="V14670" s="2">
        <v>0.64</v>
      </c>
      <c r="W14670" s="2">
        <v>1.2999999999999999E-2</v>
      </c>
      <c r="X14670" s="2">
        <v>99.1</v>
      </c>
      <c r="Y14670" s="2">
        <v>7.6</v>
      </c>
      <c r="Z14670" s="2">
        <v>16.7</v>
      </c>
      <c r="AA14670" s="5"/>
      <c r="AB14670" s="5" t="s">
        <v>43</v>
      </c>
      <c r="AC14670" s="5" t="s">
        <v>44</v>
      </c>
      <c r="AD14670" s="2"/>
      <c r="AE14670" s="1"/>
    </row>
    <row r="14671" spans="1:31" ht="14.45">
      <c r="A14671" s="11"/>
      <c r="B14671" s="20"/>
      <c r="C14671" s="2" t="s">
        <v>44964</v>
      </c>
      <c r="D14671" s="14" t="s">
        <v>44965</v>
      </c>
      <c r="E14671" s="2" t="s">
        <v>44966</v>
      </c>
      <c r="F14671" s="2" t="s">
        <v>41001</v>
      </c>
      <c r="G14671" s="8">
        <v>138</v>
      </c>
      <c r="H14671" s="5">
        <v>6</v>
      </c>
      <c r="I14671" s="5" t="s">
        <v>1518</v>
      </c>
      <c r="J14671" s="5" t="s">
        <v>40939</v>
      </c>
      <c r="K14671" s="2" t="s">
        <v>40940</v>
      </c>
      <c r="L14671" s="5" t="s">
        <v>40939</v>
      </c>
      <c r="M14671" s="2" t="s">
        <v>40940</v>
      </c>
      <c r="N14671" s="5" t="s">
        <v>36266</v>
      </c>
      <c r="O14671" s="5" t="s">
        <v>38</v>
      </c>
      <c r="P14671" s="5" t="s">
        <v>39</v>
      </c>
      <c r="Q14671" s="5" t="s">
        <v>40</v>
      </c>
      <c r="R14671" s="5" t="s">
        <v>1522</v>
      </c>
      <c r="S14671" s="5" t="s">
        <v>1523</v>
      </c>
      <c r="T14671" s="5" t="s">
        <v>42</v>
      </c>
      <c r="U14671" s="2">
        <v>1.173</v>
      </c>
      <c r="V14671" s="2">
        <v>0.65800000000000003</v>
      </c>
      <c r="W14671" s="2">
        <v>1.2999999999999999E-2</v>
      </c>
      <c r="X14671" s="2">
        <v>99.1</v>
      </c>
      <c r="Y14671" s="2">
        <v>7.6</v>
      </c>
      <c r="Z14671" s="2">
        <v>16.7</v>
      </c>
      <c r="AA14671" s="5"/>
      <c r="AB14671" s="5" t="s">
        <v>43</v>
      </c>
      <c r="AC14671" s="5" t="s">
        <v>44</v>
      </c>
      <c r="AD14671" s="2"/>
      <c r="AE14671" s="1"/>
    </row>
    <row r="14672" spans="1:31" ht="14.45">
      <c r="A14672" s="11"/>
      <c r="B14672" s="20"/>
      <c r="C14672" s="2" t="s">
        <v>44967</v>
      </c>
      <c r="D14672" s="14" t="s">
        <v>44968</v>
      </c>
      <c r="E14672" s="2" t="s">
        <v>44969</v>
      </c>
      <c r="F14672" s="2" t="s">
        <v>41009</v>
      </c>
      <c r="G14672" s="8">
        <v>138</v>
      </c>
      <c r="H14672" s="5">
        <v>6</v>
      </c>
      <c r="I14672" s="5" t="s">
        <v>1518</v>
      </c>
      <c r="J14672" s="5" t="s">
        <v>40939</v>
      </c>
      <c r="K14672" s="2" t="s">
        <v>40940</v>
      </c>
      <c r="L14672" s="5" t="s">
        <v>40939</v>
      </c>
      <c r="M14672" s="2" t="s">
        <v>40940</v>
      </c>
      <c r="N14672" s="5" t="s">
        <v>36266</v>
      </c>
      <c r="O14672" s="5" t="s">
        <v>38</v>
      </c>
      <c r="P14672" s="5" t="s">
        <v>39</v>
      </c>
      <c r="Q14672" s="5" t="s">
        <v>40</v>
      </c>
      <c r="R14672" s="5" t="s">
        <v>1522</v>
      </c>
      <c r="S14672" s="5" t="s">
        <v>1523</v>
      </c>
      <c r="T14672" s="5" t="s">
        <v>42</v>
      </c>
      <c r="U14672" s="2">
        <v>1.1779999999999999</v>
      </c>
      <c r="V14672" s="2">
        <v>0.66300000000000003</v>
      </c>
      <c r="W14672" s="2">
        <v>1.2999999999999999E-2</v>
      </c>
      <c r="X14672" s="2">
        <v>99.1</v>
      </c>
      <c r="Y14672" s="2">
        <v>7.6</v>
      </c>
      <c r="Z14672" s="2">
        <v>16.7</v>
      </c>
      <c r="AA14672" s="5"/>
      <c r="AB14672" s="5" t="s">
        <v>43</v>
      </c>
      <c r="AC14672" s="5" t="s">
        <v>44</v>
      </c>
      <c r="AD14672" s="2"/>
      <c r="AE14672" s="1"/>
    </row>
    <row r="14673" spans="1:31" ht="14.45">
      <c r="A14673" s="11"/>
      <c r="B14673" s="20"/>
      <c r="C14673" s="2" t="s">
        <v>44970</v>
      </c>
      <c r="D14673" s="14" t="s">
        <v>44971</v>
      </c>
      <c r="E14673" s="2" t="s">
        <v>44972</v>
      </c>
      <c r="F14673" s="2" t="s">
        <v>7396</v>
      </c>
      <c r="G14673" s="8">
        <v>120</v>
      </c>
      <c r="H14673" s="5">
        <v>6</v>
      </c>
      <c r="I14673" s="5" t="s">
        <v>1518</v>
      </c>
      <c r="J14673" s="5" t="s">
        <v>40939</v>
      </c>
      <c r="K14673" s="2" t="s">
        <v>40940</v>
      </c>
      <c r="L14673" s="5" t="s">
        <v>40939</v>
      </c>
      <c r="M14673" s="2" t="s">
        <v>40940</v>
      </c>
      <c r="N14673" s="5" t="s">
        <v>36266</v>
      </c>
      <c r="O14673" s="5" t="s">
        <v>38</v>
      </c>
      <c r="P14673" s="5" t="s">
        <v>39</v>
      </c>
      <c r="Q14673" s="5" t="s">
        <v>40</v>
      </c>
      <c r="R14673" s="5" t="s">
        <v>1522</v>
      </c>
      <c r="S14673" s="5" t="s">
        <v>1523</v>
      </c>
      <c r="T14673" s="5" t="s">
        <v>42</v>
      </c>
      <c r="U14673" s="2">
        <v>1.1779999999999999</v>
      </c>
      <c r="V14673" s="2">
        <v>0.66300000000000003</v>
      </c>
      <c r="W14673" s="2">
        <v>1.2999999999999999E-2</v>
      </c>
      <c r="X14673" s="2">
        <v>99.1</v>
      </c>
      <c r="Y14673" s="2">
        <v>7.6</v>
      </c>
      <c r="Z14673" s="2">
        <v>16.7</v>
      </c>
      <c r="AA14673" s="5"/>
      <c r="AB14673" s="5" t="s">
        <v>43</v>
      </c>
      <c r="AC14673" s="5" t="s">
        <v>44</v>
      </c>
      <c r="AD14673" s="2"/>
      <c r="AE14673" s="1"/>
    </row>
    <row r="14674" spans="1:31" ht="14.45">
      <c r="A14674" s="11"/>
      <c r="B14674" s="20"/>
      <c r="C14674" s="2" t="s">
        <v>44973</v>
      </c>
      <c r="D14674" s="14" t="s">
        <v>44974</v>
      </c>
      <c r="E14674" s="2" t="s">
        <v>44975</v>
      </c>
      <c r="F14674" s="2" t="s">
        <v>41023</v>
      </c>
      <c r="G14674" s="8">
        <v>138</v>
      </c>
      <c r="H14674" s="5">
        <v>6</v>
      </c>
      <c r="I14674" s="5" t="s">
        <v>1518</v>
      </c>
      <c r="J14674" s="5" t="s">
        <v>40939</v>
      </c>
      <c r="K14674" s="2" t="s">
        <v>40940</v>
      </c>
      <c r="L14674" s="5" t="s">
        <v>40939</v>
      </c>
      <c r="M14674" s="2" t="s">
        <v>40940</v>
      </c>
      <c r="N14674" s="5" t="s">
        <v>36266</v>
      </c>
      <c r="O14674" s="5" t="s">
        <v>38</v>
      </c>
      <c r="P14674" s="5" t="s">
        <v>39</v>
      </c>
      <c r="Q14674" s="5" t="s">
        <v>40</v>
      </c>
      <c r="R14674" s="5" t="s">
        <v>1522</v>
      </c>
      <c r="S14674" s="5" t="s">
        <v>1523</v>
      </c>
      <c r="T14674" s="5" t="s">
        <v>42</v>
      </c>
      <c r="U14674" s="2">
        <v>1.155</v>
      </c>
      <c r="V14674" s="2">
        <v>0.64</v>
      </c>
      <c r="W14674" s="2">
        <v>1.2999999999999999E-2</v>
      </c>
      <c r="X14674" s="2">
        <v>99.1</v>
      </c>
      <c r="Y14674" s="2">
        <v>7.6</v>
      </c>
      <c r="Z14674" s="2">
        <v>16.7</v>
      </c>
      <c r="AA14674" s="5"/>
      <c r="AB14674" s="5" t="s">
        <v>43</v>
      </c>
      <c r="AC14674" s="5" t="s">
        <v>44</v>
      </c>
      <c r="AD14674" s="2"/>
      <c r="AE14674" s="1"/>
    </row>
    <row r="14675" spans="1:31" ht="14.45">
      <c r="A14675" s="11"/>
      <c r="B14675" s="20"/>
      <c r="C14675" s="2" t="s">
        <v>44976</v>
      </c>
      <c r="D14675" s="14" t="s">
        <v>44977</v>
      </c>
      <c r="E14675" s="2" t="s">
        <v>44978</v>
      </c>
      <c r="F14675" s="2" t="s">
        <v>41031</v>
      </c>
      <c r="G14675" s="8">
        <v>138</v>
      </c>
      <c r="H14675" s="5">
        <v>6</v>
      </c>
      <c r="I14675" s="5" t="s">
        <v>1518</v>
      </c>
      <c r="J14675" s="5" t="s">
        <v>40939</v>
      </c>
      <c r="K14675" s="2" t="s">
        <v>40940</v>
      </c>
      <c r="L14675" s="5" t="s">
        <v>40939</v>
      </c>
      <c r="M14675" s="2" t="s">
        <v>40940</v>
      </c>
      <c r="N14675" s="5" t="s">
        <v>36266</v>
      </c>
      <c r="O14675" s="5" t="s">
        <v>38</v>
      </c>
      <c r="P14675" s="5" t="s">
        <v>39</v>
      </c>
      <c r="Q14675" s="5" t="s">
        <v>40</v>
      </c>
      <c r="R14675" s="5" t="s">
        <v>1522</v>
      </c>
      <c r="S14675" s="5" t="s">
        <v>1523</v>
      </c>
      <c r="T14675" s="5" t="s">
        <v>42</v>
      </c>
      <c r="U14675" s="2">
        <v>1.155</v>
      </c>
      <c r="V14675" s="2">
        <v>0.64</v>
      </c>
      <c r="W14675" s="2">
        <v>1.2999999999999999E-2</v>
      </c>
      <c r="X14675" s="2">
        <v>99.1</v>
      </c>
      <c r="Y14675" s="2">
        <v>7.6</v>
      </c>
      <c r="Z14675" s="2">
        <v>16.7</v>
      </c>
      <c r="AA14675" s="5"/>
      <c r="AB14675" s="5" t="s">
        <v>43</v>
      </c>
      <c r="AC14675" s="5" t="s">
        <v>44</v>
      </c>
      <c r="AD14675" s="2"/>
      <c r="AE14675" s="1"/>
    </row>
    <row r="14676" spans="1:31" ht="14.45">
      <c r="A14676" s="11"/>
      <c r="B14676" s="20"/>
      <c r="C14676" s="2" t="s">
        <v>44979</v>
      </c>
      <c r="D14676" s="14" t="s">
        <v>44980</v>
      </c>
      <c r="E14676" s="2" t="s">
        <v>44981</v>
      </c>
      <c r="F14676" s="2" t="s">
        <v>7449</v>
      </c>
      <c r="G14676" s="8">
        <v>138</v>
      </c>
      <c r="H14676" s="5">
        <v>6</v>
      </c>
      <c r="I14676" s="5" t="s">
        <v>1518</v>
      </c>
      <c r="J14676" s="5" t="s">
        <v>40939</v>
      </c>
      <c r="K14676" s="2" t="s">
        <v>40940</v>
      </c>
      <c r="L14676" s="5" t="s">
        <v>40939</v>
      </c>
      <c r="M14676" s="2" t="s">
        <v>40940</v>
      </c>
      <c r="N14676" s="5" t="s">
        <v>36266</v>
      </c>
      <c r="O14676" s="5" t="s">
        <v>38</v>
      </c>
      <c r="P14676" s="5" t="s">
        <v>39</v>
      </c>
      <c r="Q14676" s="5" t="s">
        <v>40</v>
      </c>
      <c r="R14676" s="5" t="s">
        <v>1522</v>
      </c>
      <c r="S14676" s="5" t="s">
        <v>1523</v>
      </c>
      <c r="T14676" s="5" t="s">
        <v>42</v>
      </c>
      <c r="U14676" s="2">
        <v>1.155</v>
      </c>
      <c r="V14676" s="2">
        <v>0.64</v>
      </c>
      <c r="W14676" s="2">
        <v>1.2999999999999999E-2</v>
      </c>
      <c r="X14676" s="2">
        <v>99.1</v>
      </c>
      <c r="Y14676" s="2">
        <v>7.6</v>
      </c>
      <c r="Z14676" s="2">
        <v>16.7</v>
      </c>
      <c r="AA14676" s="5"/>
      <c r="AB14676" s="5" t="s">
        <v>43</v>
      </c>
      <c r="AC14676" s="5" t="s">
        <v>44</v>
      </c>
      <c r="AD14676" s="2"/>
      <c r="AE14676" s="1"/>
    </row>
    <row r="14677" spans="1:31" ht="14.45">
      <c r="A14677" s="11"/>
      <c r="B14677" s="20"/>
      <c r="C14677" s="2" t="s">
        <v>44982</v>
      </c>
      <c r="D14677" s="14" t="s">
        <v>44983</v>
      </c>
      <c r="E14677" s="2" t="s">
        <v>44984</v>
      </c>
      <c r="F14677" s="2" t="s">
        <v>41045</v>
      </c>
      <c r="G14677" s="8">
        <v>138</v>
      </c>
      <c r="H14677" s="5">
        <v>6</v>
      </c>
      <c r="I14677" s="5" t="s">
        <v>1518</v>
      </c>
      <c r="J14677" s="5" t="s">
        <v>40939</v>
      </c>
      <c r="K14677" s="2" t="s">
        <v>40940</v>
      </c>
      <c r="L14677" s="5" t="s">
        <v>40939</v>
      </c>
      <c r="M14677" s="2" t="s">
        <v>40940</v>
      </c>
      <c r="N14677" s="5" t="s">
        <v>36266</v>
      </c>
      <c r="O14677" s="5" t="s">
        <v>38</v>
      </c>
      <c r="P14677" s="5" t="s">
        <v>39</v>
      </c>
      <c r="Q14677" s="5" t="s">
        <v>40</v>
      </c>
      <c r="R14677" s="5" t="s">
        <v>1522</v>
      </c>
      <c r="S14677" s="5" t="s">
        <v>1523</v>
      </c>
      <c r="T14677" s="5" t="s">
        <v>42</v>
      </c>
      <c r="U14677" s="2">
        <v>1.1819999999999999</v>
      </c>
      <c r="V14677" s="2">
        <v>0.66700000000000004</v>
      </c>
      <c r="W14677" s="2">
        <v>1.2999999999999999E-2</v>
      </c>
      <c r="X14677" s="2">
        <v>99.1</v>
      </c>
      <c r="Y14677" s="2">
        <v>7.6</v>
      </c>
      <c r="Z14677" s="2">
        <v>16.7</v>
      </c>
      <c r="AA14677" s="5"/>
      <c r="AB14677" s="5" t="s">
        <v>43</v>
      </c>
      <c r="AC14677" s="5" t="s">
        <v>44</v>
      </c>
      <c r="AD14677" s="2"/>
      <c r="AE14677" s="1"/>
    </row>
    <row r="14678" spans="1:31" ht="14.45">
      <c r="A14678" s="11"/>
      <c r="B14678" s="20"/>
      <c r="C14678" s="2" t="s">
        <v>44985</v>
      </c>
      <c r="D14678" s="14" t="s">
        <v>44986</v>
      </c>
      <c r="E14678" s="2" t="s">
        <v>44987</v>
      </c>
      <c r="F14678" s="2" t="s">
        <v>7204</v>
      </c>
      <c r="G14678" s="8">
        <v>133</v>
      </c>
      <c r="H14678" s="5">
        <v>6</v>
      </c>
      <c r="I14678" s="5" t="s">
        <v>1518</v>
      </c>
      <c r="J14678" s="5" t="s">
        <v>40939</v>
      </c>
      <c r="K14678" s="2" t="s">
        <v>40940</v>
      </c>
      <c r="L14678" s="5" t="s">
        <v>40939</v>
      </c>
      <c r="M14678" s="2" t="s">
        <v>40940</v>
      </c>
      <c r="N14678" s="5" t="s">
        <v>36266</v>
      </c>
      <c r="O14678" s="5" t="s">
        <v>38</v>
      </c>
      <c r="P14678" s="5" t="s">
        <v>39</v>
      </c>
      <c r="Q14678" s="5" t="s">
        <v>40</v>
      </c>
      <c r="R14678" s="5" t="s">
        <v>1522</v>
      </c>
      <c r="S14678" s="5" t="s">
        <v>1523</v>
      </c>
      <c r="T14678" s="5" t="s">
        <v>42</v>
      </c>
      <c r="U14678" s="2">
        <v>1.2270000000000001</v>
      </c>
      <c r="V14678" s="2">
        <v>0.71199999999999997</v>
      </c>
      <c r="W14678" s="2">
        <v>1.4999999999999999E-2</v>
      </c>
      <c r="X14678" s="2">
        <v>118.9</v>
      </c>
      <c r="Y14678" s="2">
        <v>7.6</v>
      </c>
      <c r="Z14678" s="2">
        <v>16.7</v>
      </c>
      <c r="AA14678" s="5"/>
      <c r="AB14678" s="5" t="s">
        <v>43</v>
      </c>
      <c r="AC14678" s="5" t="s">
        <v>44</v>
      </c>
      <c r="AD14678" s="2"/>
      <c r="AE14678" s="1"/>
    </row>
    <row r="14679" spans="1:31" ht="14.45">
      <c r="A14679" s="11"/>
      <c r="B14679" s="20"/>
      <c r="C14679" s="2" t="s">
        <v>44988</v>
      </c>
      <c r="D14679" s="14" t="s">
        <v>44989</v>
      </c>
      <c r="E14679" s="2" t="s">
        <v>44990</v>
      </c>
      <c r="F14679" s="2" t="s">
        <v>40947</v>
      </c>
      <c r="G14679" s="8">
        <v>153</v>
      </c>
      <c r="H14679" s="5">
        <v>6</v>
      </c>
      <c r="I14679" s="5" t="s">
        <v>1518</v>
      </c>
      <c r="J14679" s="5" t="s">
        <v>40939</v>
      </c>
      <c r="K14679" s="2" t="s">
        <v>40940</v>
      </c>
      <c r="L14679" s="5" t="s">
        <v>40939</v>
      </c>
      <c r="M14679" s="2" t="s">
        <v>40940</v>
      </c>
      <c r="N14679" s="5" t="s">
        <v>36266</v>
      </c>
      <c r="O14679" s="5" t="s">
        <v>38</v>
      </c>
      <c r="P14679" s="5" t="s">
        <v>39</v>
      </c>
      <c r="Q14679" s="5" t="s">
        <v>40</v>
      </c>
      <c r="R14679" s="5" t="s">
        <v>1522</v>
      </c>
      <c r="S14679" s="5" t="s">
        <v>1523</v>
      </c>
      <c r="T14679" s="5" t="s">
        <v>42</v>
      </c>
      <c r="U14679" s="2">
        <v>1.238</v>
      </c>
      <c r="V14679" s="2">
        <v>0.72299999999999998</v>
      </c>
      <c r="W14679" s="2">
        <v>1.4999999999999999E-2</v>
      </c>
      <c r="X14679" s="2">
        <v>118.9</v>
      </c>
      <c r="Y14679" s="2">
        <v>7.6</v>
      </c>
      <c r="Z14679" s="2">
        <v>16.7</v>
      </c>
      <c r="AA14679" s="5"/>
      <c r="AB14679" s="5" t="s">
        <v>43</v>
      </c>
      <c r="AC14679" s="5" t="s">
        <v>44</v>
      </c>
      <c r="AD14679" s="2"/>
      <c r="AE14679" s="1"/>
    </row>
    <row r="14680" spans="1:31" ht="14.45">
      <c r="A14680" s="11"/>
      <c r="B14680" s="20"/>
      <c r="C14680" s="2" t="s">
        <v>44991</v>
      </c>
      <c r="D14680" s="14" t="s">
        <v>44992</v>
      </c>
      <c r="E14680" s="2" t="s">
        <v>44993</v>
      </c>
      <c r="F14680" s="2" t="s">
        <v>7208</v>
      </c>
      <c r="G14680" s="8">
        <v>133</v>
      </c>
      <c r="H14680" s="5">
        <v>6</v>
      </c>
      <c r="I14680" s="5" t="s">
        <v>1518</v>
      </c>
      <c r="J14680" s="5" t="s">
        <v>40939</v>
      </c>
      <c r="K14680" s="2" t="s">
        <v>40940</v>
      </c>
      <c r="L14680" s="5" t="s">
        <v>40939</v>
      </c>
      <c r="M14680" s="2" t="s">
        <v>40940</v>
      </c>
      <c r="N14680" s="5" t="s">
        <v>36266</v>
      </c>
      <c r="O14680" s="5" t="s">
        <v>38</v>
      </c>
      <c r="P14680" s="5" t="s">
        <v>39</v>
      </c>
      <c r="Q14680" s="5" t="s">
        <v>40</v>
      </c>
      <c r="R14680" s="5" t="s">
        <v>1522</v>
      </c>
      <c r="S14680" s="5" t="s">
        <v>1523</v>
      </c>
      <c r="T14680" s="5" t="s">
        <v>42</v>
      </c>
      <c r="U14680" s="2">
        <v>1.244</v>
      </c>
      <c r="V14680" s="2">
        <v>0.72899999999999998</v>
      </c>
      <c r="W14680" s="2">
        <v>1.4999999999999999E-2</v>
      </c>
      <c r="X14680" s="2">
        <v>118.9</v>
      </c>
      <c r="Y14680" s="2">
        <v>7.6</v>
      </c>
      <c r="Z14680" s="2">
        <v>16.7</v>
      </c>
      <c r="AA14680" s="5"/>
      <c r="AB14680" s="5" t="s">
        <v>43</v>
      </c>
      <c r="AC14680" s="5" t="s">
        <v>44</v>
      </c>
      <c r="AD14680" s="2"/>
      <c r="AE14680" s="1"/>
    </row>
    <row r="14681" spans="1:31" ht="14.45">
      <c r="A14681" s="11"/>
      <c r="B14681" s="20"/>
      <c r="C14681" s="2" t="s">
        <v>44994</v>
      </c>
      <c r="D14681" s="14" t="s">
        <v>44995</v>
      </c>
      <c r="E14681" s="2" t="s">
        <v>44996</v>
      </c>
      <c r="F14681" s="2" t="s">
        <v>36273</v>
      </c>
      <c r="G14681" s="8">
        <v>133</v>
      </c>
      <c r="H14681" s="5">
        <v>6</v>
      </c>
      <c r="I14681" s="5" t="s">
        <v>1518</v>
      </c>
      <c r="J14681" s="5" t="s">
        <v>40939</v>
      </c>
      <c r="K14681" s="2" t="s">
        <v>40940</v>
      </c>
      <c r="L14681" s="5" t="s">
        <v>40939</v>
      </c>
      <c r="M14681" s="2" t="s">
        <v>40940</v>
      </c>
      <c r="N14681" s="5" t="s">
        <v>36266</v>
      </c>
      <c r="O14681" s="5" t="s">
        <v>38</v>
      </c>
      <c r="P14681" s="5" t="s">
        <v>39</v>
      </c>
      <c r="Q14681" s="5" t="s">
        <v>40</v>
      </c>
      <c r="R14681" s="5" t="s">
        <v>1522</v>
      </c>
      <c r="S14681" s="5" t="s">
        <v>1523</v>
      </c>
      <c r="T14681" s="5" t="s">
        <v>42</v>
      </c>
      <c r="U14681" s="2">
        <v>1.2549999999999999</v>
      </c>
      <c r="V14681" s="2">
        <v>0.74</v>
      </c>
      <c r="W14681" s="2">
        <v>1.4999999999999999E-2</v>
      </c>
      <c r="X14681" s="2">
        <v>118.9</v>
      </c>
      <c r="Y14681" s="2">
        <v>7.6</v>
      </c>
      <c r="Z14681" s="2">
        <v>16.7</v>
      </c>
      <c r="AA14681" s="5"/>
      <c r="AB14681" s="5" t="s">
        <v>43</v>
      </c>
      <c r="AC14681" s="5" t="s">
        <v>44</v>
      </c>
      <c r="AD14681" s="2"/>
      <c r="AE14681" s="1"/>
    </row>
    <row r="14682" spans="1:31" ht="14.45">
      <c r="A14682" s="11"/>
      <c r="B14682" s="20"/>
      <c r="C14682" s="2" t="s">
        <v>44997</v>
      </c>
      <c r="D14682" s="14" t="s">
        <v>44998</v>
      </c>
      <c r="E14682" s="2" t="s">
        <v>44999</v>
      </c>
      <c r="F14682" s="2" t="s">
        <v>40967</v>
      </c>
      <c r="G14682" s="8">
        <v>153</v>
      </c>
      <c r="H14682" s="5">
        <v>6</v>
      </c>
      <c r="I14682" s="5" t="s">
        <v>1518</v>
      </c>
      <c r="J14682" s="5" t="s">
        <v>40939</v>
      </c>
      <c r="K14682" s="2" t="s">
        <v>40940</v>
      </c>
      <c r="L14682" s="5" t="s">
        <v>40939</v>
      </c>
      <c r="M14682" s="2" t="s">
        <v>40940</v>
      </c>
      <c r="N14682" s="5" t="s">
        <v>36266</v>
      </c>
      <c r="O14682" s="5" t="s">
        <v>38</v>
      </c>
      <c r="P14682" s="5" t="s">
        <v>39</v>
      </c>
      <c r="Q14682" s="5" t="s">
        <v>40</v>
      </c>
      <c r="R14682" s="5" t="s">
        <v>1522</v>
      </c>
      <c r="S14682" s="5" t="s">
        <v>1523</v>
      </c>
      <c r="T14682" s="5" t="s">
        <v>42</v>
      </c>
      <c r="U14682" s="2">
        <v>1.244</v>
      </c>
      <c r="V14682" s="2">
        <v>0.72899999999999998</v>
      </c>
      <c r="W14682" s="2">
        <v>1.4999999999999999E-2</v>
      </c>
      <c r="X14682" s="2">
        <v>118.9</v>
      </c>
      <c r="Y14682" s="2">
        <v>7.6</v>
      </c>
      <c r="Z14682" s="2">
        <v>16.7</v>
      </c>
      <c r="AA14682" s="5"/>
      <c r="AB14682" s="5" t="s">
        <v>43</v>
      </c>
      <c r="AC14682" s="5" t="s">
        <v>44</v>
      </c>
      <c r="AD14682" s="2"/>
      <c r="AE14682" s="1"/>
    </row>
    <row r="14683" spans="1:31" ht="14.45">
      <c r="A14683" s="11"/>
      <c r="B14683" s="20"/>
      <c r="C14683" s="2" t="s">
        <v>45000</v>
      </c>
      <c r="D14683" s="14" t="s">
        <v>45001</v>
      </c>
      <c r="E14683" s="2" t="s">
        <v>45002</v>
      </c>
      <c r="F14683" s="2" t="s">
        <v>7539</v>
      </c>
      <c r="G14683" s="8">
        <v>153</v>
      </c>
      <c r="H14683" s="5">
        <v>6</v>
      </c>
      <c r="I14683" s="5" t="s">
        <v>1518</v>
      </c>
      <c r="J14683" s="5" t="s">
        <v>40939</v>
      </c>
      <c r="K14683" s="2" t="s">
        <v>40940</v>
      </c>
      <c r="L14683" s="5" t="s">
        <v>40939</v>
      </c>
      <c r="M14683" s="2" t="s">
        <v>40940</v>
      </c>
      <c r="N14683" s="5" t="s">
        <v>36266</v>
      </c>
      <c r="O14683" s="5" t="s">
        <v>38</v>
      </c>
      <c r="P14683" s="5" t="s">
        <v>39</v>
      </c>
      <c r="Q14683" s="5" t="s">
        <v>40</v>
      </c>
      <c r="R14683" s="5" t="s">
        <v>1522</v>
      </c>
      <c r="S14683" s="5" t="s">
        <v>1523</v>
      </c>
      <c r="T14683" s="5" t="s">
        <v>42</v>
      </c>
      <c r="U14683" s="2">
        <v>1.216</v>
      </c>
      <c r="V14683" s="2">
        <v>0.70099999999999996</v>
      </c>
      <c r="W14683" s="2">
        <v>1.4999999999999999E-2</v>
      </c>
      <c r="X14683" s="2">
        <v>118.9</v>
      </c>
      <c r="Y14683" s="2">
        <v>7.6</v>
      </c>
      <c r="Z14683" s="2">
        <v>16.7</v>
      </c>
      <c r="AA14683" s="5"/>
      <c r="AB14683" s="5" t="s">
        <v>43</v>
      </c>
      <c r="AC14683" s="5" t="s">
        <v>44</v>
      </c>
      <c r="AD14683" s="2"/>
      <c r="AE14683" s="1"/>
    </row>
    <row r="14684" spans="1:31" ht="14.45">
      <c r="A14684" s="11"/>
      <c r="B14684" s="20"/>
      <c r="C14684" s="2" t="s">
        <v>45003</v>
      </c>
      <c r="D14684" s="14" t="s">
        <v>45004</v>
      </c>
      <c r="E14684" s="2" t="s">
        <v>45005</v>
      </c>
      <c r="F14684" s="2" t="s">
        <v>40989</v>
      </c>
      <c r="G14684" s="8">
        <v>153</v>
      </c>
      <c r="H14684" s="5">
        <v>6</v>
      </c>
      <c r="I14684" s="5" t="s">
        <v>1518</v>
      </c>
      <c r="J14684" s="5" t="s">
        <v>40939</v>
      </c>
      <c r="K14684" s="2" t="s">
        <v>40940</v>
      </c>
      <c r="L14684" s="5" t="s">
        <v>40939</v>
      </c>
      <c r="M14684" s="2" t="s">
        <v>40940</v>
      </c>
      <c r="N14684" s="5" t="s">
        <v>36266</v>
      </c>
      <c r="O14684" s="5" t="s">
        <v>38</v>
      </c>
      <c r="P14684" s="5" t="s">
        <v>39</v>
      </c>
      <c r="Q14684" s="5" t="s">
        <v>40</v>
      </c>
      <c r="R14684" s="5" t="s">
        <v>1522</v>
      </c>
      <c r="S14684" s="5" t="s">
        <v>1523</v>
      </c>
      <c r="T14684" s="5" t="s">
        <v>42</v>
      </c>
      <c r="U14684" s="2">
        <v>1.244</v>
      </c>
      <c r="V14684" s="2">
        <v>0.72899999999999998</v>
      </c>
      <c r="W14684" s="2">
        <v>1.4999999999999999E-2</v>
      </c>
      <c r="X14684" s="2">
        <v>118.9</v>
      </c>
      <c r="Y14684" s="2">
        <v>7.6</v>
      </c>
      <c r="Z14684" s="2">
        <v>16.7</v>
      </c>
      <c r="AA14684" s="5"/>
      <c r="AB14684" s="5" t="s">
        <v>43</v>
      </c>
      <c r="AC14684" s="5" t="s">
        <v>44</v>
      </c>
      <c r="AD14684" s="2"/>
      <c r="AE14684" s="1"/>
    </row>
    <row r="14685" spans="1:31" ht="14.45">
      <c r="A14685" s="11"/>
      <c r="B14685" s="20"/>
      <c r="C14685" s="2" t="s">
        <v>45006</v>
      </c>
      <c r="D14685" s="14" t="s">
        <v>45007</v>
      </c>
      <c r="E14685" s="2" t="s">
        <v>45008</v>
      </c>
      <c r="F14685" s="2" t="s">
        <v>41001</v>
      </c>
      <c r="G14685" s="8">
        <v>153</v>
      </c>
      <c r="H14685" s="5">
        <v>6</v>
      </c>
      <c r="I14685" s="5" t="s">
        <v>1518</v>
      </c>
      <c r="J14685" s="5" t="s">
        <v>40939</v>
      </c>
      <c r="K14685" s="2" t="s">
        <v>40940</v>
      </c>
      <c r="L14685" s="5" t="s">
        <v>40939</v>
      </c>
      <c r="M14685" s="2" t="s">
        <v>40940</v>
      </c>
      <c r="N14685" s="5" t="s">
        <v>36266</v>
      </c>
      <c r="O14685" s="5" t="s">
        <v>38</v>
      </c>
      <c r="P14685" s="5" t="s">
        <v>39</v>
      </c>
      <c r="Q14685" s="5" t="s">
        <v>40</v>
      </c>
      <c r="R14685" s="5" t="s">
        <v>1522</v>
      </c>
      <c r="S14685" s="5" t="s">
        <v>1523</v>
      </c>
      <c r="T14685" s="5" t="s">
        <v>42</v>
      </c>
      <c r="U14685" s="2">
        <v>1.244</v>
      </c>
      <c r="V14685" s="2">
        <v>0.72899999999999998</v>
      </c>
      <c r="W14685" s="2">
        <v>1.4999999999999999E-2</v>
      </c>
      <c r="X14685" s="2">
        <v>118.9</v>
      </c>
      <c r="Y14685" s="2">
        <v>7.6</v>
      </c>
      <c r="Z14685" s="2">
        <v>16.7</v>
      </c>
      <c r="AA14685" s="5"/>
      <c r="AB14685" s="5" t="s">
        <v>43</v>
      </c>
      <c r="AC14685" s="5" t="s">
        <v>44</v>
      </c>
      <c r="AD14685" s="2"/>
      <c r="AE14685" s="1"/>
    </row>
    <row r="14686" spans="1:31" ht="14.45">
      <c r="A14686" s="11"/>
      <c r="B14686" s="20"/>
      <c r="C14686" s="2" t="s">
        <v>45009</v>
      </c>
      <c r="D14686" s="14" t="s">
        <v>45010</v>
      </c>
      <c r="E14686" s="2" t="s">
        <v>45011</v>
      </c>
      <c r="F14686" s="2" t="s">
        <v>41009</v>
      </c>
      <c r="G14686" s="8">
        <v>153</v>
      </c>
      <c r="H14686" s="5">
        <v>6</v>
      </c>
      <c r="I14686" s="5" t="s">
        <v>1518</v>
      </c>
      <c r="J14686" s="5" t="s">
        <v>40939</v>
      </c>
      <c r="K14686" s="2" t="s">
        <v>40940</v>
      </c>
      <c r="L14686" s="5" t="s">
        <v>40939</v>
      </c>
      <c r="M14686" s="2" t="s">
        <v>40940</v>
      </c>
      <c r="N14686" s="5" t="s">
        <v>36266</v>
      </c>
      <c r="O14686" s="5" t="s">
        <v>38</v>
      </c>
      <c r="P14686" s="5" t="s">
        <v>39</v>
      </c>
      <c r="Q14686" s="5" t="s">
        <v>40</v>
      </c>
      <c r="R14686" s="5" t="s">
        <v>1522</v>
      </c>
      <c r="S14686" s="5" t="s">
        <v>1523</v>
      </c>
      <c r="T14686" s="5" t="s">
        <v>42</v>
      </c>
      <c r="U14686" s="2">
        <v>1.2490000000000001</v>
      </c>
      <c r="V14686" s="2">
        <v>0.73399999999999999</v>
      </c>
      <c r="W14686" s="2">
        <v>1.4999999999999999E-2</v>
      </c>
      <c r="X14686" s="2">
        <v>118.9</v>
      </c>
      <c r="Y14686" s="2">
        <v>7.6</v>
      </c>
      <c r="Z14686" s="2">
        <v>16.7</v>
      </c>
      <c r="AA14686" s="5"/>
      <c r="AB14686" s="5" t="s">
        <v>43</v>
      </c>
      <c r="AC14686" s="5" t="s">
        <v>44</v>
      </c>
      <c r="AD14686" s="2"/>
      <c r="AE14686" s="1"/>
    </row>
    <row r="14687" spans="1:31" ht="14.45">
      <c r="A14687" s="11"/>
      <c r="B14687" s="20"/>
      <c r="C14687" s="2" t="s">
        <v>45012</v>
      </c>
      <c r="D14687" s="14" t="s">
        <v>45013</v>
      </c>
      <c r="E14687" s="2" t="s">
        <v>45014</v>
      </c>
      <c r="F14687" s="2" t="s">
        <v>7396</v>
      </c>
      <c r="G14687" s="8">
        <v>133</v>
      </c>
      <c r="H14687" s="5">
        <v>6</v>
      </c>
      <c r="I14687" s="5" t="s">
        <v>1518</v>
      </c>
      <c r="J14687" s="5" t="s">
        <v>40939</v>
      </c>
      <c r="K14687" s="2" t="s">
        <v>40940</v>
      </c>
      <c r="L14687" s="5" t="s">
        <v>40939</v>
      </c>
      <c r="M14687" s="2" t="s">
        <v>40940</v>
      </c>
      <c r="N14687" s="5" t="s">
        <v>36266</v>
      </c>
      <c r="O14687" s="5" t="s">
        <v>38</v>
      </c>
      <c r="P14687" s="5" t="s">
        <v>39</v>
      </c>
      <c r="Q14687" s="5" t="s">
        <v>40</v>
      </c>
      <c r="R14687" s="5" t="s">
        <v>1522</v>
      </c>
      <c r="S14687" s="5" t="s">
        <v>1523</v>
      </c>
      <c r="T14687" s="5" t="s">
        <v>42</v>
      </c>
      <c r="U14687" s="2">
        <v>1.2490000000000001</v>
      </c>
      <c r="V14687" s="2">
        <v>0.73399999999999999</v>
      </c>
      <c r="W14687" s="2">
        <v>1.4999999999999999E-2</v>
      </c>
      <c r="X14687" s="2">
        <v>118.9</v>
      </c>
      <c r="Y14687" s="2">
        <v>7.6</v>
      </c>
      <c r="Z14687" s="2">
        <v>16.7</v>
      </c>
      <c r="AA14687" s="5"/>
      <c r="AB14687" s="5" t="s">
        <v>43</v>
      </c>
      <c r="AC14687" s="5" t="s">
        <v>44</v>
      </c>
      <c r="AD14687" s="2"/>
      <c r="AE14687" s="1"/>
    </row>
    <row r="14688" spans="1:31" ht="14.45">
      <c r="A14688" s="11"/>
      <c r="B14688" s="20"/>
      <c r="C14688" s="2" t="s">
        <v>45015</v>
      </c>
      <c r="D14688" s="14" t="s">
        <v>45016</v>
      </c>
      <c r="E14688" s="2" t="s">
        <v>45017</v>
      </c>
      <c r="F14688" s="2" t="s">
        <v>41023</v>
      </c>
      <c r="G14688" s="8">
        <v>153</v>
      </c>
      <c r="H14688" s="5">
        <v>6</v>
      </c>
      <c r="I14688" s="5" t="s">
        <v>1518</v>
      </c>
      <c r="J14688" s="5" t="s">
        <v>40939</v>
      </c>
      <c r="K14688" s="2" t="s">
        <v>40940</v>
      </c>
      <c r="L14688" s="5" t="s">
        <v>40939</v>
      </c>
      <c r="M14688" s="2" t="s">
        <v>40940</v>
      </c>
      <c r="N14688" s="5" t="s">
        <v>36266</v>
      </c>
      <c r="O14688" s="5" t="s">
        <v>38</v>
      </c>
      <c r="P14688" s="5" t="s">
        <v>39</v>
      </c>
      <c r="Q14688" s="5" t="s">
        <v>40</v>
      </c>
      <c r="R14688" s="5" t="s">
        <v>1522</v>
      </c>
      <c r="S14688" s="5" t="s">
        <v>1523</v>
      </c>
      <c r="T14688" s="5" t="s">
        <v>42</v>
      </c>
      <c r="U14688" s="2">
        <v>1.222</v>
      </c>
      <c r="V14688" s="2">
        <v>0.70699999999999996</v>
      </c>
      <c r="W14688" s="2">
        <v>1.4999999999999999E-2</v>
      </c>
      <c r="X14688" s="2">
        <v>118.9</v>
      </c>
      <c r="Y14688" s="2">
        <v>7.6</v>
      </c>
      <c r="Z14688" s="2">
        <v>16.7</v>
      </c>
      <c r="AA14688" s="5"/>
      <c r="AB14688" s="5" t="s">
        <v>43</v>
      </c>
      <c r="AC14688" s="5" t="s">
        <v>44</v>
      </c>
      <c r="AD14688" s="2"/>
      <c r="AE14688" s="1"/>
    </row>
    <row r="14689" spans="1:31" ht="14.45">
      <c r="A14689" s="11"/>
      <c r="B14689" s="20"/>
      <c r="C14689" s="2" t="s">
        <v>45018</v>
      </c>
      <c r="D14689" s="14" t="s">
        <v>45019</v>
      </c>
      <c r="E14689" s="2" t="s">
        <v>45020</v>
      </c>
      <c r="F14689" s="2" t="s">
        <v>41031</v>
      </c>
      <c r="G14689" s="8">
        <v>153</v>
      </c>
      <c r="H14689" s="5">
        <v>6</v>
      </c>
      <c r="I14689" s="5" t="s">
        <v>1518</v>
      </c>
      <c r="J14689" s="5" t="s">
        <v>40939</v>
      </c>
      <c r="K14689" s="2" t="s">
        <v>40940</v>
      </c>
      <c r="L14689" s="5" t="s">
        <v>40939</v>
      </c>
      <c r="M14689" s="2" t="s">
        <v>40940</v>
      </c>
      <c r="N14689" s="5" t="s">
        <v>36266</v>
      </c>
      <c r="O14689" s="5" t="s">
        <v>38</v>
      </c>
      <c r="P14689" s="5" t="s">
        <v>39</v>
      </c>
      <c r="Q14689" s="5" t="s">
        <v>40</v>
      </c>
      <c r="R14689" s="5" t="s">
        <v>1522</v>
      </c>
      <c r="S14689" s="5" t="s">
        <v>1523</v>
      </c>
      <c r="T14689" s="5" t="s">
        <v>42</v>
      </c>
      <c r="U14689" s="2">
        <v>1.222</v>
      </c>
      <c r="V14689" s="2">
        <v>0.70699999999999996</v>
      </c>
      <c r="W14689" s="2">
        <v>1.4999999999999999E-2</v>
      </c>
      <c r="X14689" s="2">
        <v>118.9</v>
      </c>
      <c r="Y14689" s="2">
        <v>7.6</v>
      </c>
      <c r="Z14689" s="2">
        <v>16.7</v>
      </c>
      <c r="AA14689" s="5"/>
      <c r="AB14689" s="5" t="s">
        <v>43</v>
      </c>
      <c r="AC14689" s="5" t="s">
        <v>44</v>
      </c>
      <c r="AD14689" s="2"/>
      <c r="AE14689" s="1"/>
    </row>
    <row r="14690" spans="1:31" ht="14.45">
      <c r="A14690" s="11"/>
      <c r="B14690" s="20"/>
      <c r="C14690" s="2" t="s">
        <v>45021</v>
      </c>
      <c r="D14690" s="14" t="s">
        <v>45022</v>
      </c>
      <c r="E14690" s="2" t="s">
        <v>45023</v>
      </c>
      <c r="F14690" s="2" t="s">
        <v>7449</v>
      </c>
      <c r="G14690" s="8">
        <v>153</v>
      </c>
      <c r="H14690" s="5">
        <v>6</v>
      </c>
      <c r="I14690" s="5" t="s">
        <v>1518</v>
      </c>
      <c r="J14690" s="5" t="s">
        <v>40939</v>
      </c>
      <c r="K14690" s="2" t="s">
        <v>40940</v>
      </c>
      <c r="L14690" s="5" t="s">
        <v>40939</v>
      </c>
      <c r="M14690" s="2" t="s">
        <v>40940</v>
      </c>
      <c r="N14690" s="5" t="s">
        <v>36266</v>
      </c>
      <c r="O14690" s="5" t="s">
        <v>38</v>
      </c>
      <c r="P14690" s="5" t="s">
        <v>39</v>
      </c>
      <c r="Q14690" s="5" t="s">
        <v>40</v>
      </c>
      <c r="R14690" s="5" t="s">
        <v>1522</v>
      </c>
      <c r="S14690" s="5" t="s">
        <v>1523</v>
      </c>
      <c r="T14690" s="5" t="s">
        <v>42</v>
      </c>
      <c r="U14690" s="2">
        <v>1.222</v>
      </c>
      <c r="V14690" s="2">
        <v>0.70699999999999996</v>
      </c>
      <c r="W14690" s="2">
        <v>1.4999999999999999E-2</v>
      </c>
      <c r="X14690" s="2">
        <v>118.9</v>
      </c>
      <c r="Y14690" s="2">
        <v>7.6</v>
      </c>
      <c r="Z14690" s="2">
        <v>16.7</v>
      </c>
      <c r="AA14690" s="5"/>
      <c r="AB14690" s="5" t="s">
        <v>43</v>
      </c>
      <c r="AC14690" s="5" t="s">
        <v>44</v>
      </c>
      <c r="AD14690" s="2"/>
      <c r="AE14690" s="1"/>
    </row>
    <row r="14691" spans="1:31" ht="14.45">
      <c r="A14691" s="11"/>
      <c r="B14691" s="20"/>
      <c r="C14691" s="2" t="s">
        <v>45024</v>
      </c>
      <c r="D14691" s="14" t="s">
        <v>45025</v>
      </c>
      <c r="E14691" s="2" t="s">
        <v>45026</v>
      </c>
      <c r="F14691" s="2" t="s">
        <v>41045</v>
      </c>
      <c r="G14691" s="8">
        <v>153</v>
      </c>
      <c r="H14691" s="5">
        <v>6</v>
      </c>
      <c r="I14691" s="5" t="s">
        <v>1518</v>
      </c>
      <c r="J14691" s="5" t="s">
        <v>40939</v>
      </c>
      <c r="K14691" s="2" t="s">
        <v>40940</v>
      </c>
      <c r="L14691" s="5" t="s">
        <v>40939</v>
      </c>
      <c r="M14691" s="2" t="s">
        <v>40940</v>
      </c>
      <c r="N14691" s="5" t="s">
        <v>36266</v>
      </c>
      <c r="O14691" s="5" t="s">
        <v>38</v>
      </c>
      <c r="P14691" s="5" t="s">
        <v>39</v>
      </c>
      <c r="Q14691" s="5" t="s">
        <v>40</v>
      </c>
      <c r="R14691" s="5" t="s">
        <v>1522</v>
      </c>
      <c r="S14691" s="5" t="s">
        <v>1523</v>
      </c>
      <c r="T14691" s="5" t="s">
        <v>42</v>
      </c>
      <c r="U14691" s="2">
        <v>1.2549999999999999</v>
      </c>
      <c r="V14691" s="2">
        <v>0.74</v>
      </c>
      <c r="W14691" s="2">
        <v>1.4999999999999999E-2</v>
      </c>
      <c r="X14691" s="2">
        <v>118.9</v>
      </c>
      <c r="Y14691" s="2">
        <v>7.6</v>
      </c>
      <c r="Z14691" s="2">
        <v>16.7</v>
      </c>
      <c r="AA14691" s="5"/>
      <c r="AB14691" s="5" t="s">
        <v>43</v>
      </c>
      <c r="AC14691" s="5" t="s">
        <v>44</v>
      </c>
      <c r="AD14691" s="2"/>
      <c r="AE14691" s="1"/>
    </row>
    <row r="14692" spans="1:31" ht="14.45">
      <c r="A14692" s="11"/>
      <c r="B14692" s="20"/>
      <c r="C14692" s="2" t="s">
        <v>45027</v>
      </c>
      <c r="D14692" s="14" t="s">
        <v>45028</v>
      </c>
      <c r="E14692" s="2" t="s">
        <v>45029</v>
      </c>
      <c r="F14692" s="2" t="s">
        <v>7204</v>
      </c>
      <c r="G14692" s="8">
        <v>126</v>
      </c>
      <c r="H14692" s="5">
        <v>6</v>
      </c>
      <c r="I14692" s="5" t="s">
        <v>1518</v>
      </c>
      <c r="J14692" s="5" t="s">
        <v>40939</v>
      </c>
      <c r="K14692" s="2" t="s">
        <v>40940</v>
      </c>
      <c r="L14692" s="5" t="s">
        <v>40939</v>
      </c>
      <c r="M14692" s="2" t="s">
        <v>40940</v>
      </c>
      <c r="N14692" s="5" t="s">
        <v>36266</v>
      </c>
      <c r="O14692" s="5" t="s">
        <v>38</v>
      </c>
      <c r="P14692" s="5" t="s">
        <v>39</v>
      </c>
      <c r="Q14692" s="5" t="s">
        <v>40</v>
      </c>
      <c r="R14692" s="5" t="s">
        <v>1522</v>
      </c>
      <c r="S14692" s="5" t="s">
        <v>1523</v>
      </c>
      <c r="T14692" s="5" t="s">
        <v>42</v>
      </c>
      <c r="U14692" s="2">
        <v>1.2190000000000001</v>
      </c>
      <c r="V14692" s="2">
        <v>0.71499999999999997</v>
      </c>
      <c r="W14692" s="2">
        <v>1.2999999999999999E-2</v>
      </c>
      <c r="X14692" s="2">
        <v>99.1</v>
      </c>
      <c r="Y14692" s="2">
        <v>7.6</v>
      </c>
      <c r="Z14692" s="2">
        <v>16.7</v>
      </c>
      <c r="AA14692" s="5"/>
      <c r="AB14692" s="5" t="s">
        <v>43</v>
      </c>
      <c r="AC14692" s="5" t="s">
        <v>44</v>
      </c>
      <c r="AD14692" s="2"/>
      <c r="AE14692" s="1"/>
    </row>
    <row r="14693" spans="1:31" ht="14.45">
      <c r="A14693" s="11"/>
      <c r="B14693" s="20"/>
      <c r="C14693" s="2" t="s">
        <v>45030</v>
      </c>
      <c r="D14693" s="14" t="s">
        <v>45031</v>
      </c>
      <c r="E14693" s="2" t="s">
        <v>45032</v>
      </c>
      <c r="F14693" s="2" t="s">
        <v>40947</v>
      </c>
      <c r="G14693" s="8">
        <v>145</v>
      </c>
      <c r="H14693" s="5">
        <v>6</v>
      </c>
      <c r="I14693" s="5" t="s">
        <v>1518</v>
      </c>
      <c r="J14693" s="5" t="s">
        <v>40939</v>
      </c>
      <c r="K14693" s="2" t="s">
        <v>40940</v>
      </c>
      <c r="L14693" s="5" t="s">
        <v>40939</v>
      </c>
      <c r="M14693" s="2" t="s">
        <v>40940</v>
      </c>
      <c r="N14693" s="5" t="s">
        <v>36266</v>
      </c>
      <c r="O14693" s="5" t="s">
        <v>38</v>
      </c>
      <c r="P14693" s="5" t="s">
        <v>39</v>
      </c>
      <c r="Q14693" s="5" t="s">
        <v>40</v>
      </c>
      <c r="R14693" s="5" t="s">
        <v>1522</v>
      </c>
      <c r="S14693" s="5" t="s">
        <v>1523</v>
      </c>
      <c r="T14693" s="5" t="s">
        <v>42</v>
      </c>
      <c r="U14693" s="2">
        <v>1.23</v>
      </c>
      <c r="V14693" s="2">
        <v>0.72599999999999998</v>
      </c>
      <c r="W14693" s="2">
        <v>1.2999999999999999E-2</v>
      </c>
      <c r="X14693" s="2">
        <v>99.1</v>
      </c>
      <c r="Y14693" s="2">
        <v>7.6</v>
      </c>
      <c r="Z14693" s="2">
        <v>16.7</v>
      </c>
      <c r="AA14693" s="5"/>
      <c r="AB14693" s="5" t="s">
        <v>43</v>
      </c>
      <c r="AC14693" s="5" t="s">
        <v>44</v>
      </c>
      <c r="AD14693" s="2"/>
      <c r="AE14693" s="1"/>
    </row>
    <row r="14694" spans="1:31" ht="14.45">
      <c r="A14694" s="11"/>
      <c r="B14694" s="20"/>
      <c r="C14694" s="2" t="s">
        <v>45033</v>
      </c>
      <c r="D14694" s="14" t="s">
        <v>45034</v>
      </c>
      <c r="E14694" s="2" t="s">
        <v>45035</v>
      </c>
      <c r="F14694" s="2" t="s">
        <v>7208</v>
      </c>
      <c r="G14694" s="8">
        <v>126</v>
      </c>
      <c r="H14694" s="5">
        <v>6</v>
      </c>
      <c r="I14694" s="5" t="s">
        <v>1518</v>
      </c>
      <c r="J14694" s="5" t="s">
        <v>40939</v>
      </c>
      <c r="K14694" s="2" t="s">
        <v>40940</v>
      </c>
      <c r="L14694" s="5" t="s">
        <v>40939</v>
      </c>
      <c r="M14694" s="2" t="s">
        <v>40940</v>
      </c>
      <c r="N14694" s="5" t="s">
        <v>36266</v>
      </c>
      <c r="O14694" s="5" t="s">
        <v>38</v>
      </c>
      <c r="P14694" s="5" t="s">
        <v>39</v>
      </c>
      <c r="Q14694" s="5" t="s">
        <v>40</v>
      </c>
      <c r="R14694" s="5" t="s">
        <v>1522</v>
      </c>
      <c r="S14694" s="5" t="s">
        <v>1523</v>
      </c>
      <c r="T14694" s="5" t="s">
        <v>42</v>
      </c>
      <c r="U14694" s="2">
        <v>1.236</v>
      </c>
      <c r="V14694" s="2">
        <v>0.73199999999999998</v>
      </c>
      <c r="W14694" s="2">
        <v>1.2999999999999999E-2</v>
      </c>
      <c r="X14694" s="2">
        <v>99.1</v>
      </c>
      <c r="Y14694" s="2">
        <v>7.6</v>
      </c>
      <c r="Z14694" s="2">
        <v>16.7</v>
      </c>
      <c r="AA14694" s="5"/>
      <c r="AB14694" s="5" t="s">
        <v>43</v>
      </c>
      <c r="AC14694" s="5" t="s">
        <v>44</v>
      </c>
      <c r="AD14694" s="2"/>
      <c r="AE14694" s="1"/>
    </row>
    <row r="14695" spans="1:31" ht="14.45">
      <c r="A14695" s="11"/>
      <c r="B14695" s="20"/>
      <c r="C14695" s="2" t="s">
        <v>45036</v>
      </c>
      <c r="D14695" s="14" t="s">
        <v>45037</v>
      </c>
      <c r="E14695" s="2" t="s">
        <v>45038</v>
      </c>
      <c r="F14695" s="2" t="s">
        <v>36273</v>
      </c>
      <c r="G14695" s="8">
        <v>126</v>
      </c>
      <c r="H14695" s="5">
        <v>6</v>
      </c>
      <c r="I14695" s="5" t="s">
        <v>1518</v>
      </c>
      <c r="J14695" s="5" t="s">
        <v>40939</v>
      </c>
      <c r="K14695" s="2" t="s">
        <v>40940</v>
      </c>
      <c r="L14695" s="5" t="s">
        <v>40939</v>
      </c>
      <c r="M14695" s="2" t="s">
        <v>40940</v>
      </c>
      <c r="N14695" s="5" t="s">
        <v>36266</v>
      </c>
      <c r="O14695" s="5" t="s">
        <v>38</v>
      </c>
      <c r="P14695" s="5" t="s">
        <v>39</v>
      </c>
      <c r="Q14695" s="5" t="s">
        <v>40</v>
      </c>
      <c r="R14695" s="5" t="s">
        <v>1522</v>
      </c>
      <c r="S14695" s="5" t="s">
        <v>1523</v>
      </c>
      <c r="T14695" s="5" t="s">
        <v>42</v>
      </c>
      <c r="U14695" s="2">
        <v>1.2470000000000001</v>
      </c>
      <c r="V14695" s="2">
        <v>0.74299999999999999</v>
      </c>
      <c r="W14695" s="2">
        <v>1.2999999999999999E-2</v>
      </c>
      <c r="X14695" s="2">
        <v>99.1</v>
      </c>
      <c r="Y14695" s="2">
        <v>7.6</v>
      </c>
      <c r="Z14695" s="2">
        <v>16.7</v>
      </c>
      <c r="AA14695" s="5"/>
      <c r="AB14695" s="5" t="s">
        <v>43</v>
      </c>
      <c r="AC14695" s="5" t="s">
        <v>44</v>
      </c>
      <c r="AD14695" s="2"/>
      <c r="AE14695" s="1"/>
    </row>
    <row r="14696" spans="1:31" ht="14.45">
      <c r="A14696" s="11"/>
      <c r="B14696" s="20"/>
      <c r="C14696" s="2" t="s">
        <v>45039</v>
      </c>
      <c r="D14696" s="14" t="s">
        <v>45040</v>
      </c>
      <c r="E14696" s="2" t="s">
        <v>45041</v>
      </c>
      <c r="F14696" s="2" t="s">
        <v>40967</v>
      </c>
      <c r="G14696" s="8">
        <v>145</v>
      </c>
      <c r="H14696" s="5">
        <v>6</v>
      </c>
      <c r="I14696" s="5" t="s">
        <v>1518</v>
      </c>
      <c r="J14696" s="5" t="s">
        <v>40939</v>
      </c>
      <c r="K14696" s="2" t="s">
        <v>40940</v>
      </c>
      <c r="L14696" s="5" t="s">
        <v>40939</v>
      </c>
      <c r="M14696" s="2" t="s">
        <v>40940</v>
      </c>
      <c r="N14696" s="5" t="s">
        <v>36266</v>
      </c>
      <c r="O14696" s="5" t="s">
        <v>38</v>
      </c>
      <c r="P14696" s="5" t="s">
        <v>39</v>
      </c>
      <c r="Q14696" s="5" t="s">
        <v>40</v>
      </c>
      <c r="R14696" s="5" t="s">
        <v>1522</v>
      </c>
      <c r="S14696" s="5" t="s">
        <v>1523</v>
      </c>
      <c r="T14696" s="5" t="s">
        <v>42</v>
      </c>
      <c r="U14696" s="2">
        <v>1.236</v>
      </c>
      <c r="V14696" s="2">
        <v>0.73199999999999998</v>
      </c>
      <c r="W14696" s="2">
        <v>1.2999999999999999E-2</v>
      </c>
      <c r="X14696" s="2">
        <v>99.1</v>
      </c>
      <c r="Y14696" s="2">
        <v>7.6</v>
      </c>
      <c r="Z14696" s="2">
        <v>16.7</v>
      </c>
      <c r="AA14696" s="5"/>
      <c r="AB14696" s="5" t="s">
        <v>43</v>
      </c>
      <c r="AC14696" s="5" t="s">
        <v>44</v>
      </c>
      <c r="AD14696" s="2"/>
      <c r="AE14696" s="1"/>
    </row>
    <row r="14697" spans="1:31" ht="14.45">
      <c r="A14697" s="11"/>
      <c r="B14697" s="20"/>
      <c r="C14697" s="2" t="s">
        <v>45042</v>
      </c>
      <c r="D14697" s="14" t="s">
        <v>45043</v>
      </c>
      <c r="E14697" s="2" t="s">
        <v>45044</v>
      </c>
      <c r="F14697" s="2" t="s">
        <v>40975</v>
      </c>
      <c r="G14697" s="8">
        <v>145</v>
      </c>
      <c r="H14697" s="5">
        <v>6</v>
      </c>
      <c r="I14697" s="5" t="s">
        <v>1518</v>
      </c>
      <c r="J14697" s="5" t="s">
        <v>40939</v>
      </c>
      <c r="K14697" s="2" t="s">
        <v>40940</v>
      </c>
      <c r="L14697" s="5" t="s">
        <v>40939</v>
      </c>
      <c r="M14697" s="2" t="s">
        <v>40940</v>
      </c>
      <c r="N14697" s="5" t="s">
        <v>36266</v>
      </c>
      <c r="O14697" s="5" t="s">
        <v>38</v>
      </c>
      <c r="P14697" s="5" t="s">
        <v>39</v>
      </c>
      <c r="Q14697" s="5" t="s">
        <v>40</v>
      </c>
      <c r="R14697" s="5" t="s">
        <v>1522</v>
      </c>
      <c r="S14697" s="5" t="s">
        <v>1523</v>
      </c>
      <c r="T14697" s="5" t="s">
        <v>42</v>
      </c>
      <c r="U14697" s="2">
        <v>1.236</v>
      </c>
      <c r="V14697" s="2">
        <v>0.73199999999999998</v>
      </c>
      <c r="W14697" s="2">
        <v>1.2999999999999999E-2</v>
      </c>
      <c r="X14697" s="2">
        <v>99.1</v>
      </c>
      <c r="Y14697" s="2">
        <v>7.6</v>
      </c>
      <c r="Z14697" s="2">
        <v>16.7</v>
      </c>
      <c r="AA14697" s="5"/>
      <c r="AB14697" s="5" t="s">
        <v>43</v>
      </c>
      <c r="AC14697" s="5" t="s">
        <v>44</v>
      </c>
      <c r="AD14697" s="2"/>
      <c r="AE14697" s="1"/>
    </row>
    <row r="14698" spans="1:31" ht="14.45">
      <c r="A14698" s="11"/>
      <c r="B14698" s="20"/>
      <c r="C14698" s="2" t="s">
        <v>45045</v>
      </c>
      <c r="D14698" s="14" t="s">
        <v>45046</v>
      </c>
      <c r="E14698" s="2" t="s">
        <v>45047</v>
      </c>
      <c r="F14698" s="2" t="s">
        <v>7539</v>
      </c>
      <c r="G14698" s="8">
        <v>145</v>
      </c>
      <c r="H14698" s="5">
        <v>6</v>
      </c>
      <c r="I14698" s="5" t="s">
        <v>1518</v>
      </c>
      <c r="J14698" s="5" t="s">
        <v>40939</v>
      </c>
      <c r="K14698" s="2" t="s">
        <v>40940</v>
      </c>
      <c r="L14698" s="5" t="s">
        <v>40939</v>
      </c>
      <c r="M14698" s="2" t="s">
        <v>40940</v>
      </c>
      <c r="N14698" s="5" t="s">
        <v>36266</v>
      </c>
      <c r="O14698" s="5" t="s">
        <v>38</v>
      </c>
      <c r="P14698" s="5" t="s">
        <v>39</v>
      </c>
      <c r="Q14698" s="5" t="s">
        <v>40</v>
      </c>
      <c r="R14698" s="5" t="s">
        <v>1522</v>
      </c>
      <c r="S14698" s="5" t="s">
        <v>1523</v>
      </c>
      <c r="T14698" s="5" t="s">
        <v>42</v>
      </c>
      <c r="U14698" s="2">
        <v>1.208</v>
      </c>
      <c r="V14698" s="2">
        <v>0.70399999999999996</v>
      </c>
      <c r="W14698" s="2">
        <v>1.2999999999999999E-2</v>
      </c>
      <c r="X14698" s="2">
        <v>99.1</v>
      </c>
      <c r="Y14698" s="2">
        <v>7.6</v>
      </c>
      <c r="Z14698" s="2">
        <v>16.7</v>
      </c>
      <c r="AA14698" s="5"/>
      <c r="AB14698" s="5" t="s">
        <v>43</v>
      </c>
      <c r="AC14698" s="5" t="s">
        <v>44</v>
      </c>
      <c r="AD14698" s="2"/>
      <c r="AE14698" s="1"/>
    </row>
    <row r="14699" spans="1:31" ht="14.45">
      <c r="A14699" s="11"/>
      <c r="B14699" s="20"/>
      <c r="C14699" s="2" t="s">
        <v>45048</v>
      </c>
      <c r="D14699" s="14" t="s">
        <v>45049</v>
      </c>
      <c r="E14699" s="2" t="s">
        <v>45050</v>
      </c>
      <c r="F14699" s="2" t="s">
        <v>40989</v>
      </c>
      <c r="G14699" s="8">
        <v>145</v>
      </c>
      <c r="H14699" s="5">
        <v>6</v>
      </c>
      <c r="I14699" s="5" t="s">
        <v>1518</v>
      </c>
      <c r="J14699" s="5" t="s">
        <v>40939</v>
      </c>
      <c r="K14699" s="2" t="s">
        <v>40940</v>
      </c>
      <c r="L14699" s="5" t="s">
        <v>40939</v>
      </c>
      <c r="M14699" s="2" t="s">
        <v>40940</v>
      </c>
      <c r="N14699" s="5" t="s">
        <v>36266</v>
      </c>
      <c r="O14699" s="5" t="s">
        <v>38</v>
      </c>
      <c r="P14699" s="5" t="s">
        <v>39</v>
      </c>
      <c r="Q14699" s="5" t="s">
        <v>40</v>
      </c>
      <c r="R14699" s="5" t="s">
        <v>1522</v>
      </c>
      <c r="S14699" s="5" t="s">
        <v>1523</v>
      </c>
      <c r="T14699" s="5" t="s">
        <v>42</v>
      </c>
      <c r="U14699" s="2">
        <v>1.236</v>
      </c>
      <c r="V14699" s="2">
        <v>0.73199999999999998</v>
      </c>
      <c r="W14699" s="2">
        <v>1.2999999999999999E-2</v>
      </c>
      <c r="X14699" s="2">
        <v>99.1</v>
      </c>
      <c r="Y14699" s="2">
        <v>7.6</v>
      </c>
      <c r="Z14699" s="2">
        <v>16.7</v>
      </c>
      <c r="AA14699" s="5"/>
      <c r="AB14699" s="5" t="s">
        <v>43</v>
      </c>
      <c r="AC14699" s="5" t="s">
        <v>44</v>
      </c>
      <c r="AD14699" s="2"/>
      <c r="AE14699" s="1"/>
    </row>
    <row r="14700" spans="1:31" ht="14.45">
      <c r="A14700" s="11"/>
      <c r="B14700" s="20"/>
      <c r="C14700" s="2" t="s">
        <v>45051</v>
      </c>
      <c r="D14700" s="14" t="s">
        <v>45052</v>
      </c>
      <c r="E14700" s="2" t="s">
        <v>45053</v>
      </c>
      <c r="F14700" s="2" t="s">
        <v>40997</v>
      </c>
      <c r="G14700" s="8">
        <v>145</v>
      </c>
      <c r="H14700" s="5">
        <v>6</v>
      </c>
      <c r="I14700" s="5" t="s">
        <v>1518</v>
      </c>
      <c r="J14700" s="5" t="s">
        <v>40939</v>
      </c>
      <c r="K14700" s="2" t="s">
        <v>40940</v>
      </c>
      <c r="L14700" s="5" t="s">
        <v>40939</v>
      </c>
      <c r="M14700" s="2" t="s">
        <v>40940</v>
      </c>
      <c r="N14700" s="5" t="s">
        <v>36266</v>
      </c>
      <c r="O14700" s="5" t="s">
        <v>38</v>
      </c>
      <c r="P14700" s="5" t="s">
        <v>39</v>
      </c>
      <c r="Q14700" s="5" t="s">
        <v>40</v>
      </c>
      <c r="R14700" s="5" t="s">
        <v>1522</v>
      </c>
      <c r="S14700" s="5" t="s">
        <v>1523</v>
      </c>
      <c r="T14700" s="5" t="s">
        <v>42</v>
      </c>
      <c r="U14700" s="2">
        <v>1.214</v>
      </c>
      <c r="V14700" s="2">
        <v>0.71</v>
      </c>
      <c r="W14700" s="2">
        <v>1.2999999999999999E-2</v>
      </c>
      <c r="X14700" s="2">
        <v>99.1</v>
      </c>
      <c r="Y14700" s="2">
        <v>7.6</v>
      </c>
      <c r="Z14700" s="2">
        <v>16.7</v>
      </c>
      <c r="AA14700" s="5"/>
      <c r="AB14700" s="5" t="s">
        <v>43</v>
      </c>
      <c r="AC14700" s="5" t="s">
        <v>44</v>
      </c>
      <c r="AD14700" s="2"/>
      <c r="AE14700" s="1"/>
    </row>
    <row r="14701" spans="1:31" ht="14.45">
      <c r="A14701" s="11"/>
      <c r="B14701" s="20"/>
      <c r="C14701" s="2" t="s">
        <v>45054</v>
      </c>
      <c r="D14701" s="14" t="s">
        <v>45055</v>
      </c>
      <c r="E14701" s="2" t="s">
        <v>45056</v>
      </c>
      <c r="F14701" s="2" t="s">
        <v>41001</v>
      </c>
      <c r="G14701" s="8">
        <v>145</v>
      </c>
      <c r="H14701" s="5">
        <v>6</v>
      </c>
      <c r="I14701" s="5" t="s">
        <v>1518</v>
      </c>
      <c r="J14701" s="5" t="s">
        <v>40939</v>
      </c>
      <c r="K14701" s="2" t="s">
        <v>40940</v>
      </c>
      <c r="L14701" s="5" t="s">
        <v>40939</v>
      </c>
      <c r="M14701" s="2" t="s">
        <v>40940</v>
      </c>
      <c r="N14701" s="5" t="s">
        <v>36266</v>
      </c>
      <c r="O14701" s="5" t="s">
        <v>38</v>
      </c>
      <c r="P14701" s="5" t="s">
        <v>39</v>
      </c>
      <c r="Q14701" s="5" t="s">
        <v>40</v>
      </c>
      <c r="R14701" s="5" t="s">
        <v>1522</v>
      </c>
      <c r="S14701" s="5" t="s">
        <v>1523</v>
      </c>
      <c r="T14701" s="5" t="s">
        <v>42</v>
      </c>
      <c r="U14701" s="2">
        <v>1.236</v>
      </c>
      <c r="V14701" s="2">
        <v>0.73199999999999998</v>
      </c>
      <c r="W14701" s="2">
        <v>1.2999999999999999E-2</v>
      </c>
      <c r="X14701" s="2">
        <v>99.1</v>
      </c>
      <c r="Y14701" s="2">
        <v>7.6</v>
      </c>
      <c r="Z14701" s="2">
        <v>16.7</v>
      </c>
      <c r="AA14701" s="5"/>
      <c r="AB14701" s="5" t="s">
        <v>43</v>
      </c>
      <c r="AC14701" s="5" t="s">
        <v>44</v>
      </c>
      <c r="AD14701" s="2"/>
      <c r="AE14701" s="1"/>
    </row>
    <row r="14702" spans="1:31" ht="14.45">
      <c r="A14702" s="11"/>
      <c r="B14702" s="20"/>
      <c r="C14702" s="2" t="s">
        <v>45057</v>
      </c>
      <c r="D14702" s="14" t="s">
        <v>45058</v>
      </c>
      <c r="E14702" s="2" t="s">
        <v>45059</v>
      </c>
      <c r="F14702" s="2" t="s">
        <v>41009</v>
      </c>
      <c r="G14702" s="8">
        <v>145</v>
      </c>
      <c r="H14702" s="5">
        <v>6</v>
      </c>
      <c r="I14702" s="5" t="s">
        <v>1518</v>
      </c>
      <c r="J14702" s="5" t="s">
        <v>40939</v>
      </c>
      <c r="K14702" s="2" t="s">
        <v>40940</v>
      </c>
      <c r="L14702" s="5" t="s">
        <v>40939</v>
      </c>
      <c r="M14702" s="2" t="s">
        <v>40940</v>
      </c>
      <c r="N14702" s="5" t="s">
        <v>36266</v>
      </c>
      <c r="O14702" s="5" t="s">
        <v>38</v>
      </c>
      <c r="P14702" s="5" t="s">
        <v>39</v>
      </c>
      <c r="Q14702" s="5" t="s">
        <v>40</v>
      </c>
      <c r="R14702" s="5" t="s">
        <v>1522</v>
      </c>
      <c r="S14702" s="5" t="s">
        <v>1523</v>
      </c>
      <c r="T14702" s="5" t="s">
        <v>42</v>
      </c>
      <c r="U14702" s="2">
        <v>1.242</v>
      </c>
      <c r="V14702" s="2">
        <v>0.73799999999999999</v>
      </c>
      <c r="W14702" s="2">
        <v>1.2999999999999999E-2</v>
      </c>
      <c r="X14702" s="2">
        <v>99.1</v>
      </c>
      <c r="Y14702" s="2">
        <v>7.6</v>
      </c>
      <c r="Z14702" s="2">
        <v>16.7</v>
      </c>
      <c r="AA14702" s="5"/>
      <c r="AB14702" s="5" t="s">
        <v>43</v>
      </c>
      <c r="AC14702" s="5" t="s">
        <v>44</v>
      </c>
      <c r="AD14702" s="2"/>
      <c r="AE14702" s="1"/>
    </row>
    <row r="14703" spans="1:31" ht="14.45">
      <c r="A14703" s="11"/>
      <c r="B14703" s="20"/>
      <c r="C14703" s="2" t="s">
        <v>45060</v>
      </c>
      <c r="D14703" s="14" t="s">
        <v>45061</v>
      </c>
      <c r="E14703" s="2" t="s">
        <v>45062</v>
      </c>
      <c r="F14703" s="2" t="s">
        <v>7396</v>
      </c>
      <c r="G14703" s="8">
        <v>126</v>
      </c>
      <c r="H14703" s="5">
        <v>6</v>
      </c>
      <c r="I14703" s="5" t="s">
        <v>1518</v>
      </c>
      <c r="J14703" s="5" t="s">
        <v>40939</v>
      </c>
      <c r="K14703" s="2" t="s">
        <v>40940</v>
      </c>
      <c r="L14703" s="5" t="s">
        <v>40939</v>
      </c>
      <c r="M14703" s="2" t="s">
        <v>40940</v>
      </c>
      <c r="N14703" s="5" t="s">
        <v>36266</v>
      </c>
      <c r="O14703" s="5" t="s">
        <v>38</v>
      </c>
      <c r="P14703" s="5" t="s">
        <v>39</v>
      </c>
      <c r="Q14703" s="5" t="s">
        <v>40</v>
      </c>
      <c r="R14703" s="5" t="s">
        <v>1522</v>
      </c>
      <c r="S14703" s="5" t="s">
        <v>1523</v>
      </c>
      <c r="T14703" s="5" t="s">
        <v>42</v>
      </c>
      <c r="U14703" s="2">
        <v>1.242</v>
      </c>
      <c r="V14703" s="2">
        <v>0.73799999999999999</v>
      </c>
      <c r="W14703" s="2">
        <v>1.2999999999999999E-2</v>
      </c>
      <c r="X14703" s="2">
        <v>99.1</v>
      </c>
      <c r="Y14703" s="2">
        <v>7.6</v>
      </c>
      <c r="Z14703" s="2">
        <v>16.7</v>
      </c>
      <c r="AA14703" s="5"/>
      <c r="AB14703" s="5" t="s">
        <v>43</v>
      </c>
      <c r="AC14703" s="5" t="s">
        <v>44</v>
      </c>
      <c r="AD14703" s="2"/>
      <c r="AE14703" s="1"/>
    </row>
    <row r="14704" spans="1:31" ht="14.45">
      <c r="A14704" s="11"/>
      <c r="B14704" s="20"/>
      <c r="C14704" s="2" t="s">
        <v>45063</v>
      </c>
      <c r="D14704" s="14" t="s">
        <v>45064</v>
      </c>
      <c r="E14704" s="2" t="s">
        <v>45065</v>
      </c>
      <c r="F14704" s="2" t="s">
        <v>41023</v>
      </c>
      <c r="G14704" s="8">
        <v>145</v>
      </c>
      <c r="H14704" s="5">
        <v>6</v>
      </c>
      <c r="I14704" s="5" t="s">
        <v>1518</v>
      </c>
      <c r="J14704" s="5" t="s">
        <v>40939</v>
      </c>
      <c r="K14704" s="2" t="s">
        <v>40940</v>
      </c>
      <c r="L14704" s="5" t="s">
        <v>40939</v>
      </c>
      <c r="M14704" s="2" t="s">
        <v>40940</v>
      </c>
      <c r="N14704" s="5" t="s">
        <v>36266</v>
      </c>
      <c r="O14704" s="5" t="s">
        <v>38</v>
      </c>
      <c r="P14704" s="5" t="s">
        <v>39</v>
      </c>
      <c r="Q14704" s="5" t="s">
        <v>40</v>
      </c>
      <c r="R14704" s="5" t="s">
        <v>1522</v>
      </c>
      <c r="S14704" s="5" t="s">
        <v>1523</v>
      </c>
      <c r="T14704" s="5" t="s">
        <v>42</v>
      </c>
      <c r="U14704" s="2">
        <v>1.214</v>
      </c>
      <c r="V14704" s="2">
        <v>0.71</v>
      </c>
      <c r="W14704" s="2">
        <v>1.2999999999999999E-2</v>
      </c>
      <c r="X14704" s="2">
        <v>99.1</v>
      </c>
      <c r="Y14704" s="2">
        <v>7.6</v>
      </c>
      <c r="Z14704" s="2">
        <v>16.7</v>
      </c>
      <c r="AA14704" s="5"/>
      <c r="AB14704" s="5" t="s">
        <v>43</v>
      </c>
      <c r="AC14704" s="5" t="s">
        <v>44</v>
      </c>
      <c r="AD14704" s="2"/>
      <c r="AE14704" s="1"/>
    </row>
    <row r="14705" spans="1:31" ht="14.45">
      <c r="A14705" s="11"/>
      <c r="B14705" s="20"/>
      <c r="C14705" s="2" t="s">
        <v>45066</v>
      </c>
      <c r="D14705" s="14" t="s">
        <v>45067</v>
      </c>
      <c r="E14705" s="2" t="s">
        <v>45068</v>
      </c>
      <c r="F14705" s="2" t="s">
        <v>41031</v>
      </c>
      <c r="G14705" s="8">
        <v>145</v>
      </c>
      <c r="H14705" s="5">
        <v>6</v>
      </c>
      <c r="I14705" s="5" t="s">
        <v>1518</v>
      </c>
      <c r="J14705" s="5" t="s">
        <v>40939</v>
      </c>
      <c r="K14705" s="2" t="s">
        <v>40940</v>
      </c>
      <c r="L14705" s="5" t="s">
        <v>40939</v>
      </c>
      <c r="M14705" s="2" t="s">
        <v>40940</v>
      </c>
      <c r="N14705" s="5" t="s">
        <v>36266</v>
      </c>
      <c r="O14705" s="5" t="s">
        <v>38</v>
      </c>
      <c r="P14705" s="5" t="s">
        <v>39</v>
      </c>
      <c r="Q14705" s="5" t="s">
        <v>40</v>
      </c>
      <c r="R14705" s="5" t="s">
        <v>1522</v>
      </c>
      <c r="S14705" s="5" t="s">
        <v>1523</v>
      </c>
      <c r="T14705" s="5" t="s">
        <v>42</v>
      </c>
      <c r="U14705" s="2">
        <v>1.214</v>
      </c>
      <c r="V14705" s="2">
        <v>0.71</v>
      </c>
      <c r="W14705" s="2">
        <v>1.2999999999999999E-2</v>
      </c>
      <c r="X14705" s="2">
        <v>99.1</v>
      </c>
      <c r="Y14705" s="2">
        <v>7.6</v>
      </c>
      <c r="Z14705" s="2">
        <v>16.7</v>
      </c>
      <c r="AA14705" s="5"/>
      <c r="AB14705" s="5" t="s">
        <v>43</v>
      </c>
      <c r="AC14705" s="5" t="s">
        <v>44</v>
      </c>
      <c r="AD14705" s="2"/>
      <c r="AE14705" s="1"/>
    </row>
    <row r="14706" spans="1:31" ht="14.45">
      <c r="A14706" s="11"/>
      <c r="B14706" s="20"/>
      <c r="C14706" s="2" t="s">
        <v>45069</v>
      </c>
      <c r="D14706" s="14" t="s">
        <v>45070</v>
      </c>
      <c r="E14706" s="2" t="s">
        <v>45071</v>
      </c>
      <c r="F14706" s="2" t="s">
        <v>41045</v>
      </c>
      <c r="G14706" s="8">
        <v>145</v>
      </c>
      <c r="H14706" s="5">
        <v>6</v>
      </c>
      <c r="I14706" s="5" t="s">
        <v>1518</v>
      </c>
      <c r="J14706" s="5" t="s">
        <v>40939</v>
      </c>
      <c r="K14706" s="2" t="s">
        <v>40940</v>
      </c>
      <c r="L14706" s="5" t="s">
        <v>40939</v>
      </c>
      <c r="M14706" s="2" t="s">
        <v>40940</v>
      </c>
      <c r="N14706" s="5" t="s">
        <v>36266</v>
      </c>
      <c r="O14706" s="5" t="s">
        <v>38</v>
      </c>
      <c r="P14706" s="5" t="s">
        <v>39</v>
      </c>
      <c r="Q14706" s="5" t="s">
        <v>40</v>
      </c>
      <c r="R14706" s="5" t="s">
        <v>1522</v>
      </c>
      <c r="S14706" s="5" t="s">
        <v>1523</v>
      </c>
      <c r="T14706" s="5" t="s">
        <v>42</v>
      </c>
      <c r="U14706" s="2">
        <v>1.2470000000000001</v>
      </c>
      <c r="V14706" s="2">
        <v>0.74299999999999999</v>
      </c>
      <c r="W14706" s="2">
        <v>1.2999999999999999E-2</v>
      </c>
      <c r="X14706" s="2">
        <v>99.1</v>
      </c>
      <c r="Y14706" s="2">
        <v>7.6</v>
      </c>
      <c r="Z14706" s="2">
        <v>16.7</v>
      </c>
      <c r="AA14706" s="5"/>
      <c r="AB14706" s="5" t="s">
        <v>43</v>
      </c>
      <c r="AC14706" s="5" t="s">
        <v>44</v>
      </c>
      <c r="AD14706" s="2"/>
      <c r="AE14706" s="1"/>
    </row>
    <row r="14707" spans="1:31" ht="14.45">
      <c r="A14707" s="11"/>
      <c r="B14707" s="20"/>
      <c r="C14707" s="2" t="s">
        <v>45072</v>
      </c>
      <c r="D14707" s="14" t="s">
        <v>45073</v>
      </c>
      <c r="E14707" s="2" t="s">
        <v>45074</v>
      </c>
      <c r="F14707" s="2" t="s">
        <v>7204</v>
      </c>
      <c r="G14707" s="8">
        <v>137</v>
      </c>
      <c r="H14707" s="5">
        <v>6</v>
      </c>
      <c r="I14707" s="5" t="s">
        <v>1518</v>
      </c>
      <c r="J14707" s="5" t="s">
        <v>40939</v>
      </c>
      <c r="K14707" s="2" t="s">
        <v>40940</v>
      </c>
      <c r="L14707" s="5" t="s">
        <v>40939</v>
      </c>
      <c r="M14707" s="2" t="s">
        <v>40940</v>
      </c>
      <c r="N14707" s="5" t="s">
        <v>36266</v>
      </c>
      <c r="O14707" s="5" t="s">
        <v>38</v>
      </c>
      <c r="P14707" s="5" t="s">
        <v>39</v>
      </c>
      <c r="Q14707" s="5" t="s">
        <v>40</v>
      </c>
      <c r="R14707" s="5" t="s">
        <v>1522</v>
      </c>
      <c r="S14707" s="5" t="s">
        <v>1523</v>
      </c>
      <c r="T14707" s="5" t="s">
        <v>42</v>
      </c>
      <c r="U14707" s="2">
        <v>1.2909999999999999</v>
      </c>
      <c r="V14707" s="2">
        <v>0.78800000000000003</v>
      </c>
      <c r="W14707" s="2">
        <v>1.4999999999999999E-2</v>
      </c>
      <c r="X14707" s="2">
        <v>118.9</v>
      </c>
      <c r="Y14707" s="2">
        <v>7.6</v>
      </c>
      <c r="Z14707" s="2">
        <v>16.7</v>
      </c>
      <c r="AA14707" s="5"/>
      <c r="AB14707" s="5" t="s">
        <v>43</v>
      </c>
      <c r="AC14707" s="5" t="s">
        <v>44</v>
      </c>
      <c r="AD14707" s="2"/>
      <c r="AE14707" s="1"/>
    </row>
    <row r="14708" spans="1:31" ht="14.45">
      <c r="A14708" s="11"/>
      <c r="B14708" s="20"/>
      <c r="C14708" s="2" t="s">
        <v>45075</v>
      </c>
      <c r="D14708" s="14" t="s">
        <v>45076</v>
      </c>
      <c r="E14708" s="2" t="s">
        <v>45077</v>
      </c>
      <c r="F14708" s="2" t="s">
        <v>40947</v>
      </c>
      <c r="G14708" s="8">
        <v>157</v>
      </c>
      <c r="H14708" s="5">
        <v>6</v>
      </c>
      <c r="I14708" s="5" t="s">
        <v>1518</v>
      </c>
      <c r="J14708" s="5" t="s">
        <v>40939</v>
      </c>
      <c r="K14708" s="2" t="s">
        <v>40940</v>
      </c>
      <c r="L14708" s="5" t="s">
        <v>40939</v>
      </c>
      <c r="M14708" s="2" t="s">
        <v>40940</v>
      </c>
      <c r="N14708" s="5" t="s">
        <v>36266</v>
      </c>
      <c r="O14708" s="5" t="s">
        <v>38</v>
      </c>
      <c r="P14708" s="5" t="s">
        <v>39</v>
      </c>
      <c r="Q14708" s="5" t="s">
        <v>40</v>
      </c>
      <c r="R14708" s="5" t="s">
        <v>1522</v>
      </c>
      <c r="S14708" s="5" t="s">
        <v>1523</v>
      </c>
      <c r="T14708" s="5" t="s">
        <v>42</v>
      </c>
      <c r="U14708" s="2">
        <v>1.304</v>
      </c>
      <c r="V14708" s="2">
        <v>0.80100000000000005</v>
      </c>
      <c r="W14708" s="2">
        <v>1.4999999999999999E-2</v>
      </c>
      <c r="X14708" s="2">
        <v>118.9</v>
      </c>
      <c r="Y14708" s="2">
        <v>7.6</v>
      </c>
      <c r="Z14708" s="2">
        <v>16.7</v>
      </c>
      <c r="AA14708" s="5"/>
      <c r="AB14708" s="5" t="s">
        <v>43</v>
      </c>
      <c r="AC14708" s="5" t="s">
        <v>44</v>
      </c>
      <c r="AD14708" s="2"/>
      <c r="AE14708" s="1"/>
    </row>
    <row r="14709" spans="1:31" ht="14.45">
      <c r="A14709" s="11"/>
      <c r="B14709" s="20"/>
      <c r="C14709" s="2" t="s">
        <v>45078</v>
      </c>
      <c r="D14709" s="14" t="s">
        <v>45079</v>
      </c>
      <c r="E14709" s="2" t="s">
        <v>45080</v>
      </c>
      <c r="F14709" s="2" t="s">
        <v>7208</v>
      </c>
      <c r="G14709" s="8">
        <v>137</v>
      </c>
      <c r="H14709" s="5">
        <v>6</v>
      </c>
      <c r="I14709" s="5" t="s">
        <v>1518</v>
      </c>
      <c r="J14709" s="5" t="s">
        <v>40939</v>
      </c>
      <c r="K14709" s="2" t="s">
        <v>40940</v>
      </c>
      <c r="L14709" s="5" t="s">
        <v>40939</v>
      </c>
      <c r="M14709" s="2" t="s">
        <v>40940</v>
      </c>
      <c r="N14709" s="5" t="s">
        <v>36266</v>
      </c>
      <c r="O14709" s="5" t="s">
        <v>38</v>
      </c>
      <c r="P14709" s="5" t="s">
        <v>39</v>
      </c>
      <c r="Q14709" s="5" t="s">
        <v>40</v>
      </c>
      <c r="R14709" s="5" t="s">
        <v>1522</v>
      </c>
      <c r="S14709" s="5" t="s">
        <v>1523</v>
      </c>
      <c r="T14709" s="5" t="s">
        <v>42</v>
      </c>
      <c r="U14709" s="2">
        <v>1.3109999999999999</v>
      </c>
      <c r="V14709" s="2">
        <v>0.80800000000000005</v>
      </c>
      <c r="W14709" s="2">
        <v>1.4999999999999999E-2</v>
      </c>
      <c r="X14709" s="2">
        <v>118.9</v>
      </c>
      <c r="Y14709" s="2">
        <v>7.6</v>
      </c>
      <c r="Z14709" s="2">
        <v>16.7</v>
      </c>
      <c r="AA14709" s="5"/>
      <c r="AB14709" s="5" t="s">
        <v>43</v>
      </c>
      <c r="AC14709" s="5" t="s">
        <v>44</v>
      </c>
      <c r="AD14709" s="2"/>
      <c r="AE14709" s="1"/>
    </row>
    <row r="14710" spans="1:31" ht="14.45">
      <c r="A14710" s="11"/>
      <c r="B14710" s="20"/>
      <c r="C14710" s="2" t="s">
        <v>45081</v>
      </c>
      <c r="D14710" s="14" t="s">
        <v>45082</v>
      </c>
      <c r="E14710" s="2" t="s">
        <v>45083</v>
      </c>
      <c r="F14710" s="2" t="s">
        <v>36273</v>
      </c>
      <c r="G14710" s="8">
        <v>137</v>
      </c>
      <c r="H14710" s="5">
        <v>6</v>
      </c>
      <c r="I14710" s="5" t="s">
        <v>1518</v>
      </c>
      <c r="J14710" s="5" t="s">
        <v>40939</v>
      </c>
      <c r="K14710" s="2" t="s">
        <v>40940</v>
      </c>
      <c r="L14710" s="5" t="s">
        <v>40939</v>
      </c>
      <c r="M14710" s="2" t="s">
        <v>40940</v>
      </c>
      <c r="N14710" s="5" t="s">
        <v>36266</v>
      </c>
      <c r="O14710" s="5" t="s">
        <v>38</v>
      </c>
      <c r="P14710" s="5" t="s">
        <v>39</v>
      </c>
      <c r="Q14710" s="5" t="s">
        <v>40</v>
      </c>
      <c r="R14710" s="5" t="s">
        <v>1522</v>
      </c>
      <c r="S14710" s="5" t="s">
        <v>1523</v>
      </c>
      <c r="T14710" s="5" t="s">
        <v>42</v>
      </c>
      <c r="U14710" s="2">
        <v>1.3240000000000001</v>
      </c>
      <c r="V14710" s="2">
        <v>0.82099999999999995</v>
      </c>
      <c r="W14710" s="2">
        <v>1.4999999999999999E-2</v>
      </c>
      <c r="X14710" s="2">
        <v>118.9</v>
      </c>
      <c r="Y14710" s="2">
        <v>7.6</v>
      </c>
      <c r="Z14710" s="2">
        <v>16.7</v>
      </c>
      <c r="AA14710" s="5"/>
      <c r="AB14710" s="5" t="s">
        <v>43</v>
      </c>
      <c r="AC14710" s="5" t="s">
        <v>44</v>
      </c>
      <c r="AD14710" s="2"/>
      <c r="AE14710" s="1"/>
    </row>
    <row r="14711" spans="1:31" ht="14.45">
      <c r="A14711" s="11"/>
      <c r="B14711" s="20"/>
      <c r="C14711" s="2" t="s">
        <v>45084</v>
      </c>
      <c r="D14711" s="14" t="s">
        <v>45085</v>
      </c>
      <c r="E14711" s="2" t="s">
        <v>45086</v>
      </c>
      <c r="F14711" s="2" t="s">
        <v>40967</v>
      </c>
      <c r="G14711" s="8">
        <v>157</v>
      </c>
      <c r="H14711" s="5">
        <v>6</v>
      </c>
      <c r="I14711" s="5" t="s">
        <v>1518</v>
      </c>
      <c r="J14711" s="5" t="s">
        <v>40939</v>
      </c>
      <c r="K14711" s="2" t="s">
        <v>40940</v>
      </c>
      <c r="L14711" s="5" t="s">
        <v>40939</v>
      </c>
      <c r="M14711" s="2" t="s">
        <v>40940</v>
      </c>
      <c r="N14711" s="5" t="s">
        <v>36266</v>
      </c>
      <c r="O14711" s="5" t="s">
        <v>38</v>
      </c>
      <c r="P14711" s="5" t="s">
        <v>39</v>
      </c>
      <c r="Q14711" s="5" t="s">
        <v>40</v>
      </c>
      <c r="R14711" s="5" t="s">
        <v>1522</v>
      </c>
      <c r="S14711" s="5" t="s">
        <v>1523</v>
      </c>
      <c r="T14711" s="5" t="s">
        <v>42</v>
      </c>
      <c r="U14711" s="2">
        <v>1.3109999999999999</v>
      </c>
      <c r="V14711" s="2">
        <v>0.80800000000000005</v>
      </c>
      <c r="W14711" s="2">
        <v>1.4999999999999999E-2</v>
      </c>
      <c r="X14711" s="2">
        <v>118.9</v>
      </c>
      <c r="Y14711" s="2">
        <v>7.6</v>
      </c>
      <c r="Z14711" s="2">
        <v>16.7</v>
      </c>
      <c r="AA14711" s="5"/>
      <c r="AB14711" s="5" t="s">
        <v>43</v>
      </c>
      <c r="AC14711" s="5" t="s">
        <v>44</v>
      </c>
      <c r="AD14711" s="2"/>
      <c r="AE14711" s="1"/>
    </row>
    <row r="14712" spans="1:31" ht="14.45">
      <c r="A14712" s="11"/>
      <c r="B14712" s="20"/>
      <c r="C14712" s="2" t="s">
        <v>45087</v>
      </c>
      <c r="D14712" s="14" t="s">
        <v>45088</v>
      </c>
      <c r="E14712" s="2" t="s">
        <v>45089</v>
      </c>
      <c r="F14712" s="2" t="s">
        <v>40975</v>
      </c>
      <c r="G14712" s="8">
        <v>157</v>
      </c>
      <c r="H14712" s="5">
        <v>6</v>
      </c>
      <c r="I14712" s="5" t="s">
        <v>1518</v>
      </c>
      <c r="J14712" s="5" t="s">
        <v>40939</v>
      </c>
      <c r="K14712" s="2" t="s">
        <v>40940</v>
      </c>
      <c r="L14712" s="5" t="s">
        <v>40939</v>
      </c>
      <c r="M14712" s="2" t="s">
        <v>40940</v>
      </c>
      <c r="N14712" s="5" t="s">
        <v>36266</v>
      </c>
      <c r="O14712" s="5" t="s">
        <v>38</v>
      </c>
      <c r="P14712" s="5" t="s">
        <v>39</v>
      </c>
      <c r="Q14712" s="5" t="s">
        <v>40</v>
      </c>
      <c r="R14712" s="5" t="s">
        <v>1522</v>
      </c>
      <c r="S14712" s="5" t="s">
        <v>1523</v>
      </c>
      <c r="T14712" s="5" t="s">
        <v>42</v>
      </c>
      <c r="U14712" s="2">
        <v>1.3109999999999999</v>
      </c>
      <c r="V14712" s="2">
        <v>0.80800000000000005</v>
      </c>
      <c r="W14712" s="2">
        <v>1.4999999999999999E-2</v>
      </c>
      <c r="X14712" s="2">
        <v>118.9</v>
      </c>
      <c r="Y14712" s="2">
        <v>7.6</v>
      </c>
      <c r="Z14712" s="2">
        <v>16.7</v>
      </c>
      <c r="AA14712" s="5"/>
      <c r="AB14712" s="5" t="s">
        <v>43</v>
      </c>
      <c r="AC14712" s="5" t="s">
        <v>44</v>
      </c>
      <c r="AD14712" s="2"/>
      <c r="AE14712" s="1"/>
    </row>
    <row r="14713" spans="1:31" ht="14.45">
      <c r="A14713" s="11"/>
      <c r="B14713" s="20"/>
      <c r="C14713" s="2" t="s">
        <v>45090</v>
      </c>
      <c r="D14713" s="14" t="s">
        <v>45091</v>
      </c>
      <c r="E14713" s="2" t="s">
        <v>45092</v>
      </c>
      <c r="F14713" s="2" t="s">
        <v>7539</v>
      </c>
      <c r="G14713" s="8">
        <v>157</v>
      </c>
      <c r="H14713" s="5">
        <v>6</v>
      </c>
      <c r="I14713" s="5" t="s">
        <v>1518</v>
      </c>
      <c r="J14713" s="5" t="s">
        <v>40939</v>
      </c>
      <c r="K14713" s="2" t="s">
        <v>40940</v>
      </c>
      <c r="L14713" s="5" t="s">
        <v>40939</v>
      </c>
      <c r="M14713" s="2" t="s">
        <v>40940</v>
      </c>
      <c r="N14713" s="5" t="s">
        <v>36266</v>
      </c>
      <c r="O14713" s="5" t="s">
        <v>38</v>
      </c>
      <c r="P14713" s="5" t="s">
        <v>39</v>
      </c>
      <c r="Q14713" s="5" t="s">
        <v>40</v>
      </c>
      <c r="R14713" s="5" t="s">
        <v>1522</v>
      </c>
      <c r="S14713" s="5" t="s">
        <v>1523</v>
      </c>
      <c r="T14713" s="5" t="s">
        <v>42</v>
      </c>
      <c r="U14713" s="2">
        <v>1.2769999999999999</v>
      </c>
      <c r="V14713" s="2">
        <v>0.77400000000000002</v>
      </c>
      <c r="W14713" s="2">
        <v>1.4999999999999999E-2</v>
      </c>
      <c r="X14713" s="2">
        <v>118.9</v>
      </c>
      <c r="Y14713" s="2">
        <v>7.6</v>
      </c>
      <c r="Z14713" s="2">
        <v>16.7</v>
      </c>
      <c r="AA14713" s="5"/>
      <c r="AB14713" s="5" t="s">
        <v>43</v>
      </c>
      <c r="AC14713" s="5" t="s">
        <v>44</v>
      </c>
      <c r="AD14713" s="2"/>
      <c r="AE14713" s="1"/>
    </row>
    <row r="14714" spans="1:31" ht="14.45">
      <c r="A14714" s="11"/>
      <c r="B14714" s="20"/>
      <c r="C14714" s="2" t="s">
        <v>45093</v>
      </c>
      <c r="D14714" s="14" t="s">
        <v>45094</v>
      </c>
      <c r="E14714" s="2" t="s">
        <v>45095</v>
      </c>
      <c r="F14714" s="2" t="s">
        <v>40989</v>
      </c>
      <c r="G14714" s="8">
        <v>157</v>
      </c>
      <c r="H14714" s="5">
        <v>6</v>
      </c>
      <c r="I14714" s="5" t="s">
        <v>1518</v>
      </c>
      <c r="J14714" s="5" t="s">
        <v>40939</v>
      </c>
      <c r="K14714" s="2" t="s">
        <v>40940</v>
      </c>
      <c r="L14714" s="5" t="s">
        <v>40939</v>
      </c>
      <c r="M14714" s="2" t="s">
        <v>40940</v>
      </c>
      <c r="N14714" s="5" t="s">
        <v>36266</v>
      </c>
      <c r="O14714" s="5" t="s">
        <v>38</v>
      </c>
      <c r="P14714" s="5" t="s">
        <v>39</v>
      </c>
      <c r="Q14714" s="5" t="s">
        <v>40</v>
      </c>
      <c r="R14714" s="5" t="s">
        <v>1522</v>
      </c>
      <c r="S14714" s="5" t="s">
        <v>1523</v>
      </c>
      <c r="T14714" s="5" t="s">
        <v>42</v>
      </c>
      <c r="U14714" s="2">
        <v>1.3109999999999999</v>
      </c>
      <c r="V14714" s="2">
        <v>0.80800000000000005</v>
      </c>
      <c r="W14714" s="2">
        <v>1.4999999999999999E-2</v>
      </c>
      <c r="X14714" s="2">
        <v>118.9</v>
      </c>
      <c r="Y14714" s="2">
        <v>7.6</v>
      </c>
      <c r="Z14714" s="2">
        <v>16.7</v>
      </c>
      <c r="AA14714" s="5"/>
      <c r="AB14714" s="5" t="s">
        <v>43</v>
      </c>
      <c r="AC14714" s="5" t="s">
        <v>44</v>
      </c>
      <c r="AD14714" s="2"/>
      <c r="AE14714" s="1"/>
    </row>
    <row r="14715" spans="1:31" ht="14.45">
      <c r="A14715" s="11"/>
      <c r="B14715" s="20"/>
      <c r="C14715" s="2" t="s">
        <v>45096</v>
      </c>
      <c r="D14715" s="14" t="s">
        <v>45097</v>
      </c>
      <c r="E14715" s="2" t="s">
        <v>45098</v>
      </c>
      <c r="F14715" s="2" t="s">
        <v>40997</v>
      </c>
      <c r="G14715" s="8">
        <v>157</v>
      </c>
      <c r="H14715" s="5">
        <v>6</v>
      </c>
      <c r="I14715" s="5" t="s">
        <v>1518</v>
      </c>
      <c r="J14715" s="5" t="s">
        <v>40939</v>
      </c>
      <c r="K14715" s="2" t="s">
        <v>40940</v>
      </c>
      <c r="L14715" s="5" t="s">
        <v>40939</v>
      </c>
      <c r="M14715" s="2" t="s">
        <v>40940</v>
      </c>
      <c r="N14715" s="5" t="s">
        <v>36266</v>
      </c>
      <c r="O14715" s="5" t="s">
        <v>38</v>
      </c>
      <c r="P14715" s="5" t="s">
        <v>39</v>
      </c>
      <c r="Q14715" s="5" t="s">
        <v>40</v>
      </c>
      <c r="R14715" s="5" t="s">
        <v>1522</v>
      </c>
      <c r="S14715" s="5" t="s">
        <v>1523</v>
      </c>
      <c r="T14715" s="5" t="s">
        <v>42</v>
      </c>
      <c r="U14715" s="2">
        <v>1.284</v>
      </c>
      <c r="V14715" s="2">
        <v>0.78100000000000003</v>
      </c>
      <c r="W14715" s="2">
        <v>1.4999999999999999E-2</v>
      </c>
      <c r="X14715" s="2">
        <v>118.9</v>
      </c>
      <c r="Y14715" s="2">
        <v>7.6</v>
      </c>
      <c r="Z14715" s="2">
        <v>16.7</v>
      </c>
      <c r="AA14715" s="5"/>
      <c r="AB14715" s="5" t="s">
        <v>43</v>
      </c>
      <c r="AC14715" s="5" t="s">
        <v>44</v>
      </c>
      <c r="AD14715" s="2"/>
      <c r="AE14715" s="1"/>
    </row>
    <row r="14716" spans="1:31" ht="14.45">
      <c r="A14716" s="11"/>
      <c r="B14716" s="20"/>
      <c r="C14716" s="2" t="s">
        <v>45099</v>
      </c>
      <c r="D14716" s="14" t="s">
        <v>45100</v>
      </c>
      <c r="E14716" s="2" t="s">
        <v>45101</v>
      </c>
      <c r="F14716" s="2" t="s">
        <v>41001</v>
      </c>
      <c r="G14716" s="8">
        <v>157</v>
      </c>
      <c r="H14716" s="5">
        <v>6</v>
      </c>
      <c r="I14716" s="5" t="s">
        <v>1518</v>
      </c>
      <c r="J14716" s="5" t="s">
        <v>40939</v>
      </c>
      <c r="K14716" s="2" t="s">
        <v>40940</v>
      </c>
      <c r="L14716" s="5" t="s">
        <v>40939</v>
      </c>
      <c r="M14716" s="2" t="s">
        <v>40940</v>
      </c>
      <c r="N14716" s="5" t="s">
        <v>36266</v>
      </c>
      <c r="O14716" s="5" t="s">
        <v>38</v>
      </c>
      <c r="P14716" s="5" t="s">
        <v>39</v>
      </c>
      <c r="Q14716" s="5" t="s">
        <v>40</v>
      </c>
      <c r="R14716" s="5" t="s">
        <v>1522</v>
      </c>
      <c r="S14716" s="5" t="s">
        <v>1523</v>
      </c>
      <c r="T14716" s="5" t="s">
        <v>42</v>
      </c>
      <c r="U14716" s="2">
        <v>1.3109999999999999</v>
      </c>
      <c r="V14716" s="2">
        <v>0.80800000000000005</v>
      </c>
      <c r="W14716" s="2">
        <v>1.4999999999999999E-2</v>
      </c>
      <c r="X14716" s="2">
        <v>118.9</v>
      </c>
      <c r="Y14716" s="2">
        <v>7.6</v>
      </c>
      <c r="Z14716" s="2">
        <v>16.7</v>
      </c>
      <c r="AA14716" s="5"/>
      <c r="AB14716" s="5" t="s">
        <v>43</v>
      </c>
      <c r="AC14716" s="5" t="s">
        <v>44</v>
      </c>
      <c r="AD14716" s="2"/>
      <c r="AE14716" s="1"/>
    </row>
    <row r="14717" spans="1:31" ht="14.45">
      <c r="A14717" s="11"/>
      <c r="B14717" s="20"/>
      <c r="C14717" s="2" t="s">
        <v>45102</v>
      </c>
      <c r="D14717" s="14" t="s">
        <v>45103</v>
      </c>
      <c r="E14717" s="2" t="s">
        <v>45104</v>
      </c>
      <c r="F14717" s="2" t="s">
        <v>41009</v>
      </c>
      <c r="G14717" s="8">
        <v>157</v>
      </c>
      <c r="H14717" s="5">
        <v>6</v>
      </c>
      <c r="I14717" s="5" t="s">
        <v>1518</v>
      </c>
      <c r="J14717" s="5" t="s">
        <v>40939</v>
      </c>
      <c r="K14717" s="2" t="s">
        <v>40940</v>
      </c>
      <c r="L14717" s="5" t="s">
        <v>40939</v>
      </c>
      <c r="M14717" s="2" t="s">
        <v>40940</v>
      </c>
      <c r="N14717" s="5" t="s">
        <v>36266</v>
      </c>
      <c r="O14717" s="5" t="s">
        <v>38</v>
      </c>
      <c r="P14717" s="5" t="s">
        <v>39</v>
      </c>
      <c r="Q14717" s="5" t="s">
        <v>40</v>
      </c>
      <c r="R14717" s="5" t="s">
        <v>1522</v>
      </c>
      <c r="S14717" s="5" t="s">
        <v>1523</v>
      </c>
      <c r="T14717" s="5" t="s">
        <v>42</v>
      </c>
      <c r="U14717" s="2">
        <v>1.3180000000000001</v>
      </c>
      <c r="V14717" s="2">
        <v>0.81499999999999995</v>
      </c>
      <c r="W14717" s="2">
        <v>1.4999999999999999E-2</v>
      </c>
      <c r="X14717" s="2">
        <v>118.9</v>
      </c>
      <c r="Y14717" s="2">
        <v>7.6</v>
      </c>
      <c r="Z14717" s="2">
        <v>16.7</v>
      </c>
      <c r="AA14717" s="5"/>
      <c r="AB14717" s="5" t="s">
        <v>43</v>
      </c>
      <c r="AC14717" s="5" t="s">
        <v>44</v>
      </c>
      <c r="AD14717" s="2"/>
      <c r="AE14717" s="1"/>
    </row>
    <row r="14718" spans="1:31" ht="14.45">
      <c r="A14718" s="11"/>
      <c r="B14718" s="20"/>
      <c r="C14718" s="2" t="s">
        <v>45105</v>
      </c>
      <c r="D14718" s="14" t="s">
        <v>45106</v>
      </c>
      <c r="E14718" s="2" t="s">
        <v>45107</v>
      </c>
      <c r="F14718" s="2" t="s">
        <v>7396</v>
      </c>
      <c r="G14718" s="8">
        <v>137</v>
      </c>
      <c r="H14718" s="5">
        <v>6</v>
      </c>
      <c r="I14718" s="5" t="s">
        <v>1518</v>
      </c>
      <c r="J14718" s="5" t="s">
        <v>40939</v>
      </c>
      <c r="K14718" s="2" t="s">
        <v>40940</v>
      </c>
      <c r="L14718" s="5" t="s">
        <v>40939</v>
      </c>
      <c r="M14718" s="2" t="s">
        <v>40940</v>
      </c>
      <c r="N14718" s="5" t="s">
        <v>36266</v>
      </c>
      <c r="O14718" s="5" t="s">
        <v>38</v>
      </c>
      <c r="P14718" s="5" t="s">
        <v>39</v>
      </c>
      <c r="Q14718" s="5" t="s">
        <v>40</v>
      </c>
      <c r="R14718" s="5" t="s">
        <v>1522</v>
      </c>
      <c r="S14718" s="5" t="s">
        <v>1523</v>
      </c>
      <c r="T14718" s="5" t="s">
        <v>42</v>
      </c>
      <c r="U14718" s="2">
        <v>1.3180000000000001</v>
      </c>
      <c r="V14718" s="2">
        <v>0.81499999999999995</v>
      </c>
      <c r="W14718" s="2">
        <v>1.4999999999999999E-2</v>
      </c>
      <c r="X14718" s="2">
        <v>118.9</v>
      </c>
      <c r="Y14718" s="2">
        <v>7.6</v>
      </c>
      <c r="Z14718" s="2">
        <v>16.7</v>
      </c>
      <c r="AA14718" s="5"/>
      <c r="AB14718" s="5" t="s">
        <v>43</v>
      </c>
      <c r="AC14718" s="5" t="s">
        <v>44</v>
      </c>
      <c r="AD14718" s="2"/>
      <c r="AE14718" s="1"/>
    </row>
    <row r="14719" spans="1:31" ht="14.45">
      <c r="A14719" s="11"/>
      <c r="B14719" s="20"/>
      <c r="C14719" s="2" t="s">
        <v>45108</v>
      </c>
      <c r="D14719" s="14" t="s">
        <v>45109</v>
      </c>
      <c r="E14719" s="2" t="s">
        <v>45110</v>
      </c>
      <c r="F14719" s="2" t="s">
        <v>41023</v>
      </c>
      <c r="G14719" s="8">
        <v>157</v>
      </c>
      <c r="H14719" s="5">
        <v>6</v>
      </c>
      <c r="I14719" s="5" t="s">
        <v>1518</v>
      </c>
      <c r="J14719" s="5" t="s">
        <v>40939</v>
      </c>
      <c r="K14719" s="2" t="s">
        <v>40940</v>
      </c>
      <c r="L14719" s="5" t="s">
        <v>40939</v>
      </c>
      <c r="M14719" s="2" t="s">
        <v>40940</v>
      </c>
      <c r="N14719" s="5" t="s">
        <v>36266</v>
      </c>
      <c r="O14719" s="5" t="s">
        <v>38</v>
      </c>
      <c r="P14719" s="5" t="s">
        <v>39</v>
      </c>
      <c r="Q14719" s="5" t="s">
        <v>40</v>
      </c>
      <c r="R14719" s="5" t="s">
        <v>1522</v>
      </c>
      <c r="S14719" s="5" t="s">
        <v>1523</v>
      </c>
      <c r="T14719" s="5" t="s">
        <v>42</v>
      </c>
      <c r="U14719" s="2">
        <v>1.284</v>
      </c>
      <c r="V14719" s="2">
        <v>0.78100000000000003</v>
      </c>
      <c r="W14719" s="2">
        <v>1.4999999999999999E-2</v>
      </c>
      <c r="X14719" s="2">
        <v>118.9</v>
      </c>
      <c r="Y14719" s="2">
        <v>7.6</v>
      </c>
      <c r="Z14719" s="2">
        <v>16.7</v>
      </c>
      <c r="AA14719" s="5"/>
      <c r="AB14719" s="5" t="s">
        <v>43</v>
      </c>
      <c r="AC14719" s="5" t="s">
        <v>44</v>
      </c>
      <c r="AD14719" s="2"/>
      <c r="AE14719" s="1"/>
    </row>
    <row r="14720" spans="1:31" ht="14.45">
      <c r="A14720" s="11"/>
      <c r="B14720" s="20"/>
      <c r="C14720" s="2" t="s">
        <v>45111</v>
      </c>
      <c r="D14720" s="14" t="s">
        <v>45112</v>
      </c>
      <c r="E14720" s="2" t="s">
        <v>45113</v>
      </c>
      <c r="F14720" s="2" t="s">
        <v>41031</v>
      </c>
      <c r="G14720" s="8">
        <v>157</v>
      </c>
      <c r="H14720" s="5">
        <v>6</v>
      </c>
      <c r="I14720" s="5" t="s">
        <v>1518</v>
      </c>
      <c r="J14720" s="5" t="s">
        <v>40939</v>
      </c>
      <c r="K14720" s="2" t="s">
        <v>40940</v>
      </c>
      <c r="L14720" s="5" t="s">
        <v>40939</v>
      </c>
      <c r="M14720" s="2" t="s">
        <v>40940</v>
      </c>
      <c r="N14720" s="5" t="s">
        <v>36266</v>
      </c>
      <c r="O14720" s="5" t="s">
        <v>38</v>
      </c>
      <c r="P14720" s="5" t="s">
        <v>39</v>
      </c>
      <c r="Q14720" s="5" t="s">
        <v>40</v>
      </c>
      <c r="R14720" s="5" t="s">
        <v>1522</v>
      </c>
      <c r="S14720" s="5" t="s">
        <v>1523</v>
      </c>
      <c r="T14720" s="5" t="s">
        <v>42</v>
      </c>
      <c r="U14720" s="2">
        <v>1.284</v>
      </c>
      <c r="V14720" s="2">
        <v>0.78100000000000003</v>
      </c>
      <c r="W14720" s="2">
        <v>1.4999999999999999E-2</v>
      </c>
      <c r="X14720" s="2">
        <v>118.9</v>
      </c>
      <c r="Y14720" s="2">
        <v>7.6</v>
      </c>
      <c r="Z14720" s="2">
        <v>16.7</v>
      </c>
      <c r="AA14720" s="5"/>
      <c r="AB14720" s="5" t="s">
        <v>43</v>
      </c>
      <c r="AC14720" s="5" t="s">
        <v>44</v>
      </c>
      <c r="AD14720" s="2"/>
      <c r="AE14720" s="1"/>
    </row>
    <row r="14721" spans="1:31" ht="14.45">
      <c r="A14721" s="11"/>
      <c r="B14721" s="20"/>
      <c r="C14721" s="2" t="s">
        <v>45114</v>
      </c>
      <c r="D14721" s="14" t="s">
        <v>45115</v>
      </c>
      <c r="E14721" s="2" t="s">
        <v>45116</v>
      </c>
      <c r="F14721" s="2" t="s">
        <v>7449</v>
      </c>
      <c r="G14721" s="8">
        <v>157</v>
      </c>
      <c r="H14721" s="5">
        <v>6</v>
      </c>
      <c r="I14721" s="5" t="s">
        <v>1518</v>
      </c>
      <c r="J14721" s="5" t="s">
        <v>40939</v>
      </c>
      <c r="K14721" s="2" t="s">
        <v>40940</v>
      </c>
      <c r="L14721" s="5" t="s">
        <v>40939</v>
      </c>
      <c r="M14721" s="2" t="s">
        <v>40940</v>
      </c>
      <c r="N14721" s="5" t="s">
        <v>36266</v>
      </c>
      <c r="O14721" s="5" t="s">
        <v>38</v>
      </c>
      <c r="P14721" s="5" t="s">
        <v>39</v>
      </c>
      <c r="Q14721" s="5" t="s">
        <v>40</v>
      </c>
      <c r="R14721" s="5" t="s">
        <v>1522</v>
      </c>
      <c r="S14721" s="5" t="s">
        <v>1523</v>
      </c>
      <c r="T14721" s="5" t="s">
        <v>42</v>
      </c>
      <c r="U14721" s="2">
        <v>1.284</v>
      </c>
      <c r="V14721" s="2">
        <v>0.78100000000000003</v>
      </c>
      <c r="W14721" s="2">
        <v>1.4999999999999999E-2</v>
      </c>
      <c r="X14721" s="2">
        <v>118.9</v>
      </c>
      <c r="Y14721" s="2">
        <v>7.6</v>
      </c>
      <c r="Z14721" s="2">
        <v>16.7</v>
      </c>
      <c r="AA14721" s="5"/>
      <c r="AB14721" s="5" t="s">
        <v>43</v>
      </c>
      <c r="AC14721" s="5" t="s">
        <v>44</v>
      </c>
      <c r="AD14721" s="2"/>
      <c r="AE14721" s="1"/>
    </row>
    <row r="14722" spans="1:31" ht="14.45">
      <c r="A14722" s="11"/>
      <c r="B14722" s="20"/>
      <c r="C14722" s="2" t="s">
        <v>45117</v>
      </c>
      <c r="D14722" s="14" t="s">
        <v>45118</v>
      </c>
      <c r="E14722" s="2" t="s">
        <v>45119</v>
      </c>
      <c r="F14722" s="2" t="s">
        <v>41045</v>
      </c>
      <c r="G14722" s="8">
        <v>157</v>
      </c>
      <c r="H14722" s="5">
        <v>6</v>
      </c>
      <c r="I14722" s="5" t="s">
        <v>1518</v>
      </c>
      <c r="J14722" s="5" t="s">
        <v>40939</v>
      </c>
      <c r="K14722" s="2" t="s">
        <v>40940</v>
      </c>
      <c r="L14722" s="5" t="s">
        <v>40939</v>
      </c>
      <c r="M14722" s="2" t="s">
        <v>40940</v>
      </c>
      <c r="N14722" s="5" t="s">
        <v>36266</v>
      </c>
      <c r="O14722" s="5" t="s">
        <v>38</v>
      </c>
      <c r="P14722" s="5" t="s">
        <v>39</v>
      </c>
      <c r="Q14722" s="5" t="s">
        <v>40</v>
      </c>
      <c r="R14722" s="5" t="s">
        <v>1522</v>
      </c>
      <c r="S14722" s="5" t="s">
        <v>1523</v>
      </c>
      <c r="T14722" s="5" t="s">
        <v>42</v>
      </c>
      <c r="U14722" s="2">
        <v>1.3240000000000001</v>
      </c>
      <c r="V14722" s="2">
        <v>0.82099999999999995</v>
      </c>
      <c r="W14722" s="2">
        <v>1.4999999999999999E-2</v>
      </c>
      <c r="X14722" s="2">
        <v>118.9</v>
      </c>
      <c r="Y14722" s="2">
        <v>7.6</v>
      </c>
      <c r="Z14722" s="2">
        <v>16.7</v>
      </c>
      <c r="AA14722" s="5"/>
      <c r="AB14722" s="5" t="s">
        <v>43</v>
      </c>
      <c r="AC14722" s="5" t="s">
        <v>44</v>
      </c>
      <c r="AD14722" s="2"/>
      <c r="AE14722" s="1"/>
    </row>
    <row r="14723" spans="1:31" ht="14.45">
      <c r="A14723" s="11"/>
      <c r="B14723" s="20"/>
      <c r="C14723" s="2" t="s">
        <v>45120</v>
      </c>
      <c r="D14723" s="14" t="s">
        <v>45121</v>
      </c>
      <c r="E14723" s="2" t="s">
        <v>45122</v>
      </c>
      <c r="F14723" s="2" t="s">
        <v>7204</v>
      </c>
      <c r="G14723" s="8">
        <v>141</v>
      </c>
      <c r="H14723" s="5">
        <v>6</v>
      </c>
      <c r="I14723" s="5" t="s">
        <v>1518</v>
      </c>
      <c r="J14723" s="5" t="s">
        <v>40939</v>
      </c>
      <c r="K14723" s="2" t="s">
        <v>40940</v>
      </c>
      <c r="L14723" s="5" t="s">
        <v>40939</v>
      </c>
      <c r="M14723" s="2" t="s">
        <v>40940</v>
      </c>
      <c r="N14723" s="5" t="s">
        <v>36266</v>
      </c>
      <c r="O14723" s="5" t="s">
        <v>38</v>
      </c>
      <c r="P14723" s="5" t="s">
        <v>39</v>
      </c>
      <c r="Q14723" s="5" t="s">
        <v>40</v>
      </c>
      <c r="R14723" s="5" t="s">
        <v>1522</v>
      </c>
      <c r="S14723" s="5" t="s">
        <v>1523</v>
      </c>
      <c r="T14723" s="5" t="s">
        <v>42</v>
      </c>
      <c r="U14723" s="2">
        <v>1.4359999999999999</v>
      </c>
      <c r="V14723" s="2">
        <v>0.85599999999999998</v>
      </c>
      <c r="W14723" s="2">
        <v>1.7999999999999999E-2</v>
      </c>
      <c r="X14723" s="2">
        <v>139.1</v>
      </c>
      <c r="Y14723" s="2">
        <v>7.6</v>
      </c>
      <c r="Z14723" s="2">
        <v>16.7</v>
      </c>
      <c r="AA14723" s="5"/>
      <c r="AB14723" s="5" t="s">
        <v>43</v>
      </c>
      <c r="AC14723" s="5" t="s">
        <v>44</v>
      </c>
      <c r="AD14723" s="2"/>
      <c r="AE14723" s="1"/>
    </row>
    <row r="14724" spans="1:31" ht="14.45">
      <c r="A14724" s="11"/>
      <c r="B14724" s="20"/>
      <c r="C14724" s="2" t="s">
        <v>45123</v>
      </c>
      <c r="D14724" s="14" t="s">
        <v>45124</v>
      </c>
      <c r="E14724" s="2" t="s">
        <v>45125</v>
      </c>
      <c r="F14724" s="2" t="s">
        <v>40947</v>
      </c>
      <c r="G14724" s="8">
        <v>162</v>
      </c>
      <c r="H14724" s="5">
        <v>6</v>
      </c>
      <c r="I14724" s="5" t="s">
        <v>1518</v>
      </c>
      <c r="J14724" s="5" t="s">
        <v>40939</v>
      </c>
      <c r="K14724" s="2" t="s">
        <v>40940</v>
      </c>
      <c r="L14724" s="5" t="s">
        <v>40939</v>
      </c>
      <c r="M14724" s="2" t="s">
        <v>40940</v>
      </c>
      <c r="N14724" s="5" t="s">
        <v>36266</v>
      </c>
      <c r="O14724" s="5" t="s">
        <v>38</v>
      </c>
      <c r="P14724" s="5" t="s">
        <v>39</v>
      </c>
      <c r="Q14724" s="5" t="s">
        <v>40</v>
      </c>
      <c r="R14724" s="5" t="s">
        <v>1522</v>
      </c>
      <c r="S14724" s="5" t="s">
        <v>1523</v>
      </c>
      <c r="T14724" s="5" t="s">
        <v>42</v>
      </c>
      <c r="U14724" s="2">
        <v>1.452</v>
      </c>
      <c r="V14724" s="2">
        <v>0.872</v>
      </c>
      <c r="W14724" s="2">
        <v>1.7999999999999999E-2</v>
      </c>
      <c r="X14724" s="2">
        <v>139.1</v>
      </c>
      <c r="Y14724" s="2">
        <v>7.6</v>
      </c>
      <c r="Z14724" s="2">
        <v>16.7</v>
      </c>
      <c r="AA14724" s="5"/>
      <c r="AB14724" s="5" t="s">
        <v>43</v>
      </c>
      <c r="AC14724" s="5" t="s">
        <v>44</v>
      </c>
      <c r="AD14724" s="2"/>
      <c r="AE14724" s="1"/>
    </row>
    <row r="14725" spans="1:31" ht="14.45">
      <c r="A14725" s="11"/>
      <c r="B14725" s="20"/>
      <c r="C14725" s="2" t="s">
        <v>45126</v>
      </c>
      <c r="D14725" s="14" t="s">
        <v>45127</v>
      </c>
      <c r="E14725" s="2" t="s">
        <v>45128</v>
      </c>
      <c r="F14725" s="2" t="s">
        <v>7208</v>
      </c>
      <c r="G14725" s="8">
        <v>141</v>
      </c>
      <c r="H14725" s="5">
        <v>6</v>
      </c>
      <c r="I14725" s="5" t="s">
        <v>1518</v>
      </c>
      <c r="J14725" s="5" t="s">
        <v>40939</v>
      </c>
      <c r="K14725" s="2" t="s">
        <v>40940</v>
      </c>
      <c r="L14725" s="5" t="s">
        <v>40939</v>
      </c>
      <c r="M14725" s="2" t="s">
        <v>40940</v>
      </c>
      <c r="N14725" s="5" t="s">
        <v>36266</v>
      </c>
      <c r="O14725" s="5" t="s">
        <v>38</v>
      </c>
      <c r="P14725" s="5" t="s">
        <v>39</v>
      </c>
      <c r="Q14725" s="5" t="s">
        <v>40</v>
      </c>
      <c r="R14725" s="5" t="s">
        <v>1522</v>
      </c>
      <c r="S14725" s="5" t="s">
        <v>1523</v>
      </c>
      <c r="T14725" s="5" t="s">
        <v>42</v>
      </c>
      <c r="U14725" s="2">
        <v>1.4590000000000001</v>
      </c>
      <c r="V14725" s="2">
        <v>0.879</v>
      </c>
      <c r="W14725" s="2">
        <v>1.7999999999999999E-2</v>
      </c>
      <c r="X14725" s="2">
        <v>139.1</v>
      </c>
      <c r="Y14725" s="2">
        <v>7.6</v>
      </c>
      <c r="Z14725" s="2">
        <v>16.7</v>
      </c>
      <c r="AA14725" s="5"/>
      <c r="AB14725" s="5" t="s">
        <v>43</v>
      </c>
      <c r="AC14725" s="5" t="s">
        <v>44</v>
      </c>
      <c r="AD14725" s="2"/>
      <c r="AE14725" s="1"/>
    </row>
    <row r="14726" spans="1:31" ht="14.45">
      <c r="A14726" s="11"/>
      <c r="B14726" s="20"/>
      <c r="C14726" s="2" t="s">
        <v>45129</v>
      </c>
      <c r="D14726" s="14" t="s">
        <v>45130</v>
      </c>
      <c r="E14726" s="2" t="s">
        <v>45131</v>
      </c>
      <c r="F14726" s="2" t="s">
        <v>36273</v>
      </c>
      <c r="G14726" s="8">
        <v>141</v>
      </c>
      <c r="H14726" s="5">
        <v>6</v>
      </c>
      <c r="I14726" s="5" t="s">
        <v>1518</v>
      </c>
      <c r="J14726" s="5" t="s">
        <v>40939</v>
      </c>
      <c r="K14726" s="2" t="s">
        <v>40940</v>
      </c>
      <c r="L14726" s="5" t="s">
        <v>40939</v>
      </c>
      <c r="M14726" s="2" t="s">
        <v>40940</v>
      </c>
      <c r="N14726" s="5" t="s">
        <v>36266</v>
      </c>
      <c r="O14726" s="5" t="s">
        <v>38</v>
      </c>
      <c r="P14726" s="5" t="s">
        <v>39</v>
      </c>
      <c r="Q14726" s="5" t="s">
        <v>40</v>
      </c>
      <c r="R14726" s="5" t="s">
        <v>1522</v>
      </c>
      <c r="S14726" s="5" t="s">
        <v>1523</v>
      </c>
      <c r="T14726" s="5" t="s">
        <v>42</v>
      </c>
      <c r="U14726" s="2">
        <v>1.4750000000000001</v>
      </c>
      <c r="V14726" s="2">
        <v>0.89500000000000002</v>
      </c>
      <c r="W14726" s="2">
        <v>1.7999999999999999E-2</v>
      </c>
      <c r="X14726" s="2">
        <v>139.1</v>
      </c>
      <c r="Y14726" s="2">
        <v>7.6</v>
      </c>
      <c r="Z14726" s="2">
        <v>16.7</v>
      </c>
      <c r="AA14726" s="5"/>
      <c r="AB14726" s="5" t="s">
        <v>43</v>
      </c>
      <c r="AC14726" s="5" t="s">
        <v>44</v>
      </c>
      <c r="AD14726" s="2"/>
      <c r="AE14726" s="1"/>
    </row>
    <row r="14727" spans="1:31" ht="14.45">
      <c r="A14727" s="11"/>
      <c r="B14727" s="20"/>
      <c r="C14727" s="2" t="s">
        <v>45132</v>
      </c>
      <c r="D14727" s="14" t="s">
        <v>45133</v>
      </c>
      <c r="E14727" s="2" t="s">
        <v>45134</v>
      </c>
      <c r="F14727" s="2" t="s">
        <v>40967</v>
      </c>
      <c r="G14727" s="8">
        <v>162</v>
      </c>
      <c r="H14727" s="5">
        <v>6</v>
      </c>
      <c r="I14727" s="5" t="s">
        <v>1518</v>
      </c>
      <c r="J14727" s="5" t="s">
        <v>40939</v>
      </c>
      <c r="K14727" s="2" t="s">
        <v>40940</v>
      </c>
      <c r="L14727" s="5" t="s">
        <v>40939</v>
      </c>
      <c r="M14727" s="2" t="s">
        <v>40940</v>
      </c>
      <c r="N14727" s="5" t="s">
        <v>36266</v>
      </c>
      <c r="O14727" s="5" t="s">
        <v>38</v>
      </c>
      <c r="P14727" s="5" t="s">
        <v>39</v>
      </c>
      <c r="Q14727" s="5" t="s">
        <v>40</v>
      </c>
      <c r="R14727" s="5" t="s">
        <v>1522</v>
      </c>
      <c r="S14727" s="5" t="s">
        <v>1523</v>
      </c>
      <c r="T14727" s="5" t="s">
        <v>42</v>
      </c>
      <c r="U14727" s="2">
        <v>1.4590000000000001</v>
      </c>
      <c r="V14727" s="2">
        <v>0.879</v>
      </c>
      <c r="W14727" s="2">
        <v>1.7999999999999999E-2</v>
      </c>
      <c r="X14727" s="2">
        <v>139.1</v>
      </c>
      <c r="Y14727" s="2">
        <v>7.6</v>
      </c>
      <c r="Z14727" s="2">
        <v>16.7</v>
      </c>
      <c r="AA14727" s="5"/>
      <c r="AB14727" s="5" t="s">
        <v>43</v>
      </c>
      <c r="AC14727" s="5" t="s">
        <v>44</v>
      </c>
      <c r="AD14727" s="2"/>
      <c r="AE14727" s="1"/>
    </row>
    <row r="14728" spans="1:31" ht="14.45">
      <c r="A14728" s="11"/>
      <c r="B14728" s="20"/>
      <c r="C14728" s="2" t="s">
        <v>45135</v>
      </c>
      <c r="D14728" s="14" t="s">
        <v>45136</v>
      </c>
      <c r="E14728" s="2" t="s">
        <v>45137</v>
      </c>
      <c r="F14728" s="2" t="s">
        <v>40975</v>
      </c>
      <c r="G14728" s="8">
        <v>162</v>
      </c>
      <c r="H14728" s="5">
        <v>6</v>
      </c>
      <c r="I14728" s="5" t="s">
        <v>1518</v>
      </c>
      <c r="J14728" s="5" t="s">
        <v>40939</v>
      </c>
      <c r="K14728" s="2" t="s">
        <v>40940</v>
      </c>
      <c r="L14728" s="5" t="s">
        <v>40939</v>
      </c>
      <c r="M14728" s="2" t="s">
        <v>40940</v>
      </c>
      <c r="N14728" s="5" t="s">
        <v>36266</v>
      </c>
      <c r="O14728" s="5" t="s">
        <v>38</v>
      </c>
      <c r="P14728" s="5" t="s">
        <v>39</v>
      </c>
      <c r="Q14728" s="5" t="s">
        <v>40</v>
      </c>
      <c r="R14728" s="5" t="s">
        <v>1522</v>
      </c>
      <c r="S14728" s="5" t="s">
        <v>1523</v>
      </c>
      <c r="T14728" s="5" t="s">
        <v>42</v>
      </c>
      <c r="U14728" s="2">
        <v>1.4590000000000001</v>
      </c>
      <c r="V14728" s="2">
        <v>0.879</v>
      </c>
      <c r="W14728" s="2">
        <v>1.7999999999999999E-2</v>
      </c>
      <c r="X14728" s="2">
        <v>139.1</v>
      </c>
      <c r="Y14728" s="2">
        <v>7.6</v>
      </c>
      <c r="Z14728" s="2">
        <v>16.7</v>
      </c>
      <c r="AA14728" s="5"/>
      <c r="AB14728" s="5" t="s">
        <v>43</v>
      </c>
      <c r="AC14728" s="5" t="s">
        <v>44</v>
      </c>
      <c r="AD14728" s="2"/>
      <c r="AE14728" s="1"/>
    </row>
    <row r="14729" spans="1:31" ht="14.45">
      <c r="A14729" s="11"/>
      <c r="B14729" s="20"/>
      <c r="C14729" s="2" t="s">
        <v>45138</v>
      </c>
      <c r="D14729" s="14" t="s">
        <v>45139</v>
      </c>
      <c r="E14729" s="2" t="s">
        <v>45140</v>
      </c>
      <c r="F14729" s="2" t="s">
        <v>7539</v>
      </c>
      <c r="G14729" s="8">
        <v>162</v>
      </c>
      <c r="H14729" s="5">
        <v>6</v>
      </c>
      <c r="I14729" s="5" t="s">
        <v>1518</v>
      </c>
      <c r="J14729" s="5" t="s">
        <v>40939</v>
      </c>
      <c r="K14729" s="2" t="s">
        <v>40940</v>
      </c>
      <c r="L14729" s="5" t="s">
        <v>40939</v>
      </c>
      <c r="M14729" s="2" t="s">
        <v>40940</v>
      </c>
      <c r="N14729" s="5" t="s">
        <v>36266</v>
      </c>
      <c r="O14729" s="5" t="s">
        <v>38</v>
      </c>
      <c r="P14729" s="5" t="s">
        <v>39</v>
      </c>
      <c r="Q14729" s="5" t="s">
        <v>40</v>
      </c>
      <c r="R14729" s="5" t="s">
        <v>1522</v>
      </c>
      <c r="S14729" s="5" t="s">
        <v>1523</v>
      </c>
      <c r="T14729" s="5" t="s">
        <v>42</v>
      </c>
      <c r="U14729" s="2">
        <v>1.421</v>
      </c>
      <c r="V14729" s="2">
        <v>0.84099999999999997</v>
      </c>
      <c r="W14729" s="2">
        <v>1.7999999999999999E-2</v>
      </c>
      <c r="X14729" s="2">
        <v>139.1</v>
      </c>
      <c r="Y14729" s="2">
        <v>7.6</v>
      </c>
      <c r="Z14729" s="2">
        <v>16.7</v>
      </c>
      <c r="AA14729" s="5"/>
      <c r="AB14729" s="5" t="s">
        <v>43</v>
      </c>
      <c r="AC14729" s="5" t="s">
        <v>44</v>
      </c>
      <c r="AD14729" s="2"/>
      <c r="AE14729" s="1"/>
    </row>
    <row r="14730" spans="1:31" ht="14.45">
      <c r="A14730" s="11"/>
      <c r="B14730" s="20"/>
      <c r="C14730" s="2" t="s">
        <v>45141</v>
      </c>
      <c r="D14730" s="14" t="s">
        <v>45142</v>
      </c>
      <c r="E14730" s="2" t="s">
        <v>45143</v>
      </c>
      <c r="F14730" s="2" t="s">
        <v>40989</v>
      </c>
      <c r="G14730" s="8">
        <v>162</v>
      </c>
      <c r="H14730" s="5">
        <v>6</v>
      </c>
      <c r="I14730" s="5" t="s">
        <v>1518</v>
      </c>
      <c r="J14730" s="5" t="s">
        <v>40939</v>
      </c>
      <c r="K14730" s="2" t="s">
        <v>40940</v>
      </c>
      <c r="L14730" s="5" t="s">
        <v>40939</v>
      </c>
      <c r="M14730" s="2" t="s">
        <v>40940</v>
      </c>
      <c r="N14730" s="5" t="s">
        <v>36266</v>
      </c>
      <c r="O14730" s="5" t="s">
        <v>38</v>
      </c>
      <c r="P14730" s="5" t="s">
        <v>39</v>
      </c>
      <c r="Q14730" s="5" t="s">
        <v>40</v>
      </c>
      <c r="R14730" s="5" t="s">
        <v>1522</v>
      </c>
      <c r="S14730" s="5" t="s">
        <v>1523</v>
      </c>
      <c r="T14730" s="5" t="s">
        <v>42</v>
      </c>
      <c r="U14730" s="2">
        <v>1.4590000000000001</v>
      </c>
      <c r="V14730" s="2">
        <v>0.879</v>
      </c>
      <c r="W14730" s="2">
        <v>1.7999999999999999E-2</v>
      </c>
      <c r="X14730" s="2">
        <v>139.1</v>
      </c>
      <c r="Y14730" s="2">
        <v>7.6</v>
      </c>
      <c r="Z14730" s="2">
        <v>16.7</v>
      </c>
      <c r="AA14730" s="5"/>
      <c r="AB14730" s="5" t="s">
        <v>43</v>
      </c>
      <c r="AC14730" s="5" t="s">
        <v>44</v>
      </c>
      <c r="AD14730" s="2"/>
      <c r="AE14730" s="1"/>
    </row>
    <row r="14731" spans="1:31" ht="14.45">
      <c r="A14731" s="11"/>
      <c r="B14731" s="20"/>
      <c r="C14731" s="2" t="s">
        <v>45144</v>
      </c>
      <c r="D14731" s="14" t="s">
        <v>45145</v>
      </c>
      <c r="E14731" s="2" t="s">
        <v>45146</v>
      </c>
      <c r="F14731" s="2" t="s">
        <v>40997</v>
      </c>
      <c r="G14731" s="8">
        <v>162</v>
      </c>
      <c r="H14731" s="5">
        <v>6</v>
      </c>
      <c r="I14731" s="5" t="s">
        <v>1518</v>
      </c>
      <c r="J14731" s="5" t="s">
        <v>40939</v>
      </c>
      <c r="K14731" s="2" t="s">
        <v>40940</v>
      </c>
      <c r="L14731" s="5" t="s">
        <v>40939</v>
      </c>
      <c r="M14731" s="2" t="s">
        <v>40940</v>
      </c>
      <c r="N14731" s="5" t="s">
        <v>36266</v>
      </c>
      <c r="O14731" s="5" t="s">
        <v>38</v>
      </c>
      <c r="P14731" s="5" t="s">
        <v>39</v>
      </c>
      <c r="Q14731" s="5" t="s">
        <v>40</v>
      </c>
      <c r="R14731" s="5" t="s">
        <v>1522</v>
      </c>
      <c r="S14731" s="5" t="s">
        <v>1523</v>
      </c>
      <c r="T14731" s="5" t="s">
        <v>42</v>
      </c>
      <c r="U14731" s="2">
        <v>1.429</v>
      </c>
      <c r="V14731" s="2">
        <v>0.84899999999999998</v>
      </c>
      <c r="W14731" s="2">
        <v>1.7999999999999999E-2</v>
      </c>
      <c r="X14731" s="2">
        <v>139.1</v>
      </c>
      <c r="Y14731" s="2">
        <v>7.6</v>
      </c>
      <c r="Z14731" s="2">
        <v>16.7</v>
      </c>
      <c r="AA14731" s="5"/>
      <c r="AB14731" s="5" t="s">
        <v>43</v>
      </c>
      <c r="AC14731" s="5" t="s">
        <v>44</v>
      </c>
      <c r="AD14731" s="2"/>
      <c r="AE14731" s="1"/>
    </row>
    <row r="14732" spans="1:31" ht="14.45">
      <c r="A14732" s="11"/>
      <c r="B14732" s="20"/>
      <c r="C14732" s="2" t="s">
        <v>45147</v>
      </c>
      <c r="D14732" s="14" t="s">
        <v>45148</v>
      </c>
      <c r="E14732" s="2" t="s">
        <v>45149</v>
      </c>
      <c r="F14732" s="2" t="s">
        <v>41001</v>
      </c>
      <c r="G14732" s="8">
        <v>162</v>
      </c>
      <c r="H14732" s="5">
        <v>6</v>
      </c>
      <c r="I14732" s="5" t="s">
        <v>1518</v>
      </c>
      <c r="J14732" s="5" t="s">
        <v>40939</v>
      </c>
      <c r="K14732" s="2" t="s">
        <v>40940</v>
      </c>
      <c r="L14732" s="5" t="s">
        <v>40939</v>
      </c>
      <c r="M14732" s="2" t="s">
        <v>40940</v>
      </c>
      <c r="N14732" s="5" t="s">
        <v>36266</v>
      </c>
      <c r="O14732" s="5" t="s">
        <v>38</v>
      </c>
      <c r="P14732" s="5" t="s">
        <v>39</v>
      </c>
      <c r="Q14732" s="5" t="s">
        <v>40</v>
      </c>
      <c r="R14732" s="5" t="s">
        <v>1522</v>
      </c>
      <c r="S14732" s="5" t="s">
        <v>1523</v>
      </c>
      <c r="T14732" s="5" t="s">
        <v>42</v>
      </c>
      <c r="U14732" s="2">
        <v>1.4590000000000001</v>
      </c>
      <c r="V14732" s="2">
        <v>0.879</v>
      </c>
      <c r="W14732" s="2">
        <v>1.7999999999999999E-2</v>
      </c>
      <c r="X14732" s="2">
        <v>139.1</v>
      </c>
      <c r="Y14732" s="2">
        <v>7.6</v>
      </c>
      <c r="Z14732" s="2">
        <v>16.7</v>
      </c>
      <c r="AA14732" s="5"/>
      <c r="AB14732" s="5" t="s">
        <v>43</v>
      </c>
      <c r="AC14732" s="5" t="s">
        <v>44</v>
      </c>
      <c r="AD14732" s="2"/>
      <c r="AE14732" s="1"/>
    </row>
    <row r="14733" spans="1:31" ht="14.45">
      <c r="A14733" s="11"/>
      <c r="B14733" s="20"/>
      <c r="C14733" s="2" t="s">
        <v>45150</v>
      </c>
      <c r="D14733" s="14" t="s">
        <v>45151</v>
      </c>
      <c r="E14733" s="2" t="s">
        <v>45152</v>
      </c>
      <c r="F14733" s="2" t="s">
        <v>41009</v>
      </c>
      <c r="G14733" s="8">
        <v>162</v>
      </c>
      <c r="H14733" s="5">
        <v>6</v>
      </c>
      <c r="I14733" s="5" t="s">
        <v>1518</v>
      </c>
      <c r="J14733" s="5" t="s">
        <v>40939</v>
      </c>
      <c r="K14733" s="2" t="s">
        <v>40940</v>
      </c>
      <c r="L14733" s="5" t="s">
        <v>40939</v>
      </c>
      <c r="M14733" s="2" t="s">
        <v>40940</v>
      </c>
      <c r="N14733" s="5" t="s">
        <v>36266</v>
      </c>
      <c r="O14733" s="5" t="s">
        <v>38</v>
      </c>
      <c r="P14733" s="5" t="s">
        <v>39</v>
      </c>
      <c r="Q14733" s="5" t="s">
        <v>40</v>
      </c>
      <c r="R14733" s="5" t="s">
        <v>1522</v>
      </c>
      <c r="S14733" s="5" t="s">
        <v>1523</v>
      </c>
      <c r="T14733" s="5" t="s">
        <v>42</v>
      </c>
      <c r="U14733" s="2">
        <v>1.4670000000000001</v>
      </c>
      <c r="V14733" s="2">
        <v>0.88700000000000001</v>
      </c>
      <c r="W14733" s="2">
        <v>1.7999999999999999E-2</v>
      </c>
      <c r="X14733" s="2">
        <v>139.1</v>
      </c>
      <c r="Y14733" s="2">
        <v>7.6</v>
      </c>
      <c r="Z14733" s="2">
        <v>16.7</v>
      </c>
      <c r="AA14733" s="5"/>
      <c r="AB14733" s="5" t="s">
        <v>43</v>
      </c>
      <c r="AC14733" s="5" t="s">
        <v>44</v>
      </c>
      <c r="AD14733" s="2"/>
      <c r="AE14733" s="1"/>
    </row>
    <row r="14734" spans="1:31" ht="14.45">
      <c r="A14734" s="11"/>
      <c r="B14734" s="20"/>
      <c r="C14734" s="2" t="s">
        <v>45153</v>
      </c>
      <c r="D14734" s="14" t="s">
        <v>45154</v>
      </c>
      <c r="E14734" s="2" t="s">
        <v>45155</v>
      </c>
      <c r="F14734" s="2" t="s">
        <v>7396</v>
      </c>
      <c r="G14734" s="8">
        <v>141</v>
      </c>
      <c r="H14734" s="5">
        <v>6</v>
      </c>
      <c r="I14734" s="5" t="s">
        <v>1518</v>
      </c>
      <c r="J14734" s="5" t="s">
        <v>40939</v>
      </c>
      <c r="K14734" s="2" t="s">
        <v>40940</v>
      </c>
      <c r="L14734" s="5" t="s">
        <v>40939</v>
      </c>
      <c r="M14734" s="2" t="s">
        <v>40940</v>
      </c>
      <c r="N14734" s="5" t="s">
        <v>36266</v>
      </c>
      <c r="O14734" s="5" t="s">
        <v>38</v>
      </c>
      <c r="P14734" s="5" t="s">
        <v>39</v>
      </c>
      <c r="Q14734" s="5" t="s">
        <v>40</v>
      </c>
      <c r="R14734" s="5" t="s">
        <v>1522</v>
      </c>
      <c r="S14734" s="5" t="s">
        <v>1523</v>
      </c>
      <c r="T14734" s="5" t="s">
        <v>42</v>
      </c>
      <c r="U14734" s="2">
        <v>1.4670000000000001</v>
      </c>
      <c r="V14734" s="2">
        <v>0.88700000000000001</v>
      </c>
      <c r="W14734" s="2">
        <v>1.7999999999999999E-2</v>
      </c>
      <c r="X14734" s="2">
        <v>139.1</v>
      </c>
      <c r="Y14734" s="2">
        <v>7.6</v>
      </c>
      <c r="Z14734" s="2">
        <v>16.7</v>
      </c>
      <c r="AA14734" s="5"/>
      <c r="AB14734" s="5" t="s">
        <v>43</v>
      </c>
      <c r="AC14734" s="5" t="s">
        <v>44</v>
      </c>
      <c r="AD14734" s="2"/>
      <c r="AE14734" s="1"/>
    </row>
    <row r="14735" spans="1:31" ht="14.45">
      <c r="A14735" s="11"/>
      <c r="B14735" s="20"/>
      <c r="C14735" s="2" t="s">
        <v>45156</v>
      </c>
      <c r="D14735" s="14" t="s">
        <v>45157</v>
      </c>
      <c r="E14735" s="2" t="s">
        <v>45158</v>
      </c>
      <c r="F14735" s="2" t="s">
        <v>41023</v>
      </c>
      <c r="G14735" s="8">
        <v>162</v>
      </c>
      <c r="H14735" s="5">
        <v>6</v>
      </c>
      <c r="I14735" s="5" t="s">
        <v>1518</v>
      </c>
      <c r="J14735" s="5" t="s">
        <v>40939</v>
      </c>
      <c r="K14735" s="2" t="s">
        <v>40940</v>
      </c>
      <c r="L14735" s="5" t="s">
        <v>40939</v>
      </c>
      <c r="M14735" s="2" t="s">
        <v>40940</v>
      </c>
      <c r="N14735" s="5" t="s">
        <v>36266</v>
      </c>
      <c r="O14735" s="5" t="s">
        <v>38</v>
      </c>
      <c r="P14735" s="5" t="s">
        <v>39</v>
      </c>
      <c r="Q14735" s="5" t="s">
        <v>40</v>
      </c>
      <c r="R14735" s="5" t="s">
        <v>1522</v>
      </c>
      <c r="S14735" s="5" t="s">
        <v>1523</v>
      </c>
      <c r="T14735" s="5" t="s">
        <v>42</v>
      </c>
      <c r="U14735" s="2">
        <v>1.429</v>
      </c>
      <c r="V14735" s="2">
        <v>0.84899999999999998</v>
      </c>
      <c r="W14735" s="2">
        <v>1.7999999999999999E-2</v>
      </c>
      <c r="X14735" s="2">
        <v>139.1</v>
      </c>
      <c r="Y14735" s="2">
        <v>7.6</v>
      </c>
      <c r="Z14735" s="2">
        <v>16.7</v>
      </c>
      <c r="AA14735" s="5"/>
      <c r="AB14735" s="5" t="s">
        <v>43</v>
      </c>
      <c r="AC14735" s="5" t="s">
        <v>44</v>
      </c>
      <c r="AD14735" s="2"/>
      <c r="AE14735" s="1"/>
    </row>
    <row r="14736" spans="1:31" ht="14.45">
      <c r="A14736" s="11"/>
      <c r="B14736" s="20"/>
      <c r="C14736" s="2" t="s">
        <v>45159</v>
      </c>
      <c r="D14736" s="14" t="s">
        <v>45160</v>
      </c>
      <c r="E14736" s="2" t="s">
        <v>45161</v>
      </c>
      <c r="F14736" s="2" t="s">
        <v>41031</v>
      </c>
      <c r="G14736" s="8">
        <v>162</v>
      </c>
      <c r="H14736" s="5">
        <v>6</v>
      </c>
      <c r="I14736" s="5" t="s">
        <v>1518</v>
      </c>
      <c r="J14736" s="5" t="s">
        <v>40939</v>
      </c>
      <c r="K14736" s="2" t="s">
        <v>40940</v>
      </c>
      <c r="L14736" s="5" t="s">
        <v>40939</v>
      </c>
      <c r="M14736" s="2" t="s">
        <v>40940</v>
      </c>
      <c r="N14736" s="5" t="s">
        <v>36266</v>
      </c>
      <c r="O14736" s="5" t="s">
        <v>38</v>
      </c>
      <c r="P14736" s="5" t="s">
        <v>39</v>
      </c>
      <c r="Q14736" s="5" t="s">
        <v>40</v>
      </c>
      <c r="R14736" s="5" t="s">
        <v>1522</v>
      </c>
      <c r="S14736" s="5" t="s">
        <v>1523</v>
      </c>
      <c r="T14736" s="5" t="s">
        <v>42</v>
      </c>
      <c r="U14736" s="2">
        <v>1.429</v>
      </c>
      <c r="V14736" s="2">
        <v>0.84899999999999998</v>
      </c>
      <c r="W14736" s="2">
        <v>1.7999999999999999E-2</v>
      </c>
      <c r="X14736" s="2">
        <v>139.1</v>
      </c>
      <c r="Y14736" s="2">
        <v>7.6</v>
      </c>
      <c r="Z14736" s="2">
        <v>16.7</v>
      </c>
      <c r="AA14736" s="5"/>
      <c r="AB14736" s="5" t="s">
        <v>43</v>
      </c>
      <c r="AC14736" s="5" t="s">
        <v>44</v>
      </c>
      <c r="AD14736" s="2"/>
      <c r="AE14736" s="1"/>
    </row>
    <row r="14737" spans="1:31" ht="14.45">
      <c r="A14737" s="11"/>
      <c r="B14737" s="20"/>
      <c r="C14737" s="2" t="s">
        <v>45162</v>
      </c>
      <c r="D14737" s="14" t="s">
        <v>45163</v>
      </c>
      <c r="E14737" s="2" t="s">
        <v>45164</v>
      </c>
      <c r="F14737" s="2" t="s">
        <v>7449</v>
      </c>
      <c r="G14737" s="8">
        <v>162</v>
      </c>
      <c r="H14737" s="5">
        <v>6</v>
      </c>
      <c r="I14737" s="5" t="s">
        <v>1518</v>
      </c>
      <c r="J14737" s="5" t="s">
        <v>40939</v>
      </c>
      <c r="K14737" s="2" t="s">
        <v>40940</v>
      </c>
      <c r="L14737" s="5" t="s">
        <v>40939</v>
      </c>
      <c r="M14737" s="2" t="s">
        <v>40940</v>
      </c>
      <c r="N14737" s="5" t="s">
        <v>36266</v>
      </c>
      <c r="O14737" s="5" t="s">
        <v>38</v>
      </c>
      <c r="P14737" s="5" t="s">
        <v>39</v>
      </c>
      <c r="Q14737" s="5" t="s">
        <v>40</v>
      </c>
      <c r="R14737" s="5" t="s">
        <v>1522</v>
      </c>
      <c r="S14737" s="5" t="s">
        <v>1523</v>
      </c>
      <c r="T14737" s="5" t="s">
        <v>42</v>
      </c>
      <c r="U14737" s="2">
        <v>1.429</v>
      </c>
      <c r="V14737" s="2">
        <v>0.84899999999999998</v>
      </c>
      <c r="W14737" s="2">
        <v>1.7999999999999999E-2</v>
      </c>
      <c r="X14737" s="2">
        <v>139.1</v>
      </c>
      <c r="Y14737" s="2">
        <v>7.6</v>
      </c>
      <c r="Z14737" s="2">
        <v>16.7</v>
      </c>
      <c r="AA14737" s="5"/>
      <c r="AB14737" s="5" t="s">
        <v>43</v>
      </c>
      <c r="AC14737" s="5" t="s">
        <v>44</v>
      </c>
      <c r="AD14737" s="2"/>
      <c r="AE14737" s="1"/>
    </row>
    <row r="14738" spans="1:31" ht="14.45">
      <c r="A14738" s="11"/>
      <c r="B14738" s="20"/>
      <c r="C14738" s="2" t="s">
        <v>45165</v>
      </c>
      <c r="D14738" s="14" t="s">
        <v>45166</v>
      </c>
      <c r="E14738" s="2" t="s">
        <v>45167</v>
      </c>
      <c r="F14738" s="2" t="s">
        <v>41045</v>
      </c>
      <c r="G14738" s="8">
        <v>162</v>
      </c>
      <c r="H14738" s="5">
        <v>6</v>
      </c>
      <c r="I14738" s="5" t="s">
        <v>1518</v>
      </c>
      <c r="J14738" s="5" t="s">
        <v>40939</v>
      </c>
      <c r="K14738" s="2" t="s">
        <v>40940</v>
      </c>
      <c r="L14738" s="5" t="s">
        <v>40939</v>
      </c>
      <c r="M14738" s="2" t="s">
        <v>40940</v>
      </c>
      <c r="N14738" s="5" t="s">
        <v>36266</v>
      </c>
      <c r="O14738" s="5" t="s">
        <v>38</v>
      </c>
      <c r="P14738" s="5" t="s">
        <v>39</v>
      </c>
      <c r="Q14738" s="5" t="s">
        <v>40</v>
      </c>
      <c r="R14738" s="5" t="s">
        <v>1522</v>
      </c>
      <c r="S14738" s="5" t="s">
        <v>1523</v>
      </c>
      <c r="T14738" s="5" t="s">
        <v>42</v>
      </c>
      <c r="U14738" s="2">
        <v>1.4750000000000001</v>
      </c>
      <c r="V14738" s="2">
        <v>0.89500000000000002</v>
      </c>
      <c r="W14738" s="2">
        <v>1.7999999999999999E-2</v>
      </c>
      <c r="X14738" s="2">
        <v>139.1</v>
      </c>
      <c r="Y14738" s="2">
        <v>7.6</v>
      </c>
      <c r="Z14738" s="2">
        <v>16.7</v>
      </c>
      <c r="AA14738" s="5"/>
      <c r="AB14738" s="5" t="s">
        <v>43</v>
      </c>
      <c r="AC14738" s="5" t="s">
        <v>44</v>
      </c>
      <c r="AD14738" s="2"/>
      <c r="AE14738" s="1"/>
    </row>
    <row r="14739" spans="1:31" ht="14.45">
      <c r="A14739" s="11"/>
      <c r="B14739" s="20"/>
      <c r="C14739" s="2" t="s">
        <v>45168</v>
      </c>
      <c r="D14739" s="14" t="s">
        <v>45169</v>
      </c>
      <c r="E14739" s="2" t="s">
        <v>45170</v>
      </c>
      <c r="F14739" s="2" t="s">
        <v>7204</v>
      </c>
      <c r="G14739" s="8">
        <v>146</v>
      </c>
      <c r="H14739" s="5">
        <v>6</v>
      </c>
      <c r="I14739" s="5" t="s">
        <v>1518</v>
      </c>
      <c r="J14739" s="5" t="s">
        <v>40939</v>
      </c>
      <c r="K14739" s="2" t="s">
        <v>40940</v>
      </c>
      <c r="L14739" s="5" t="s">
        <v>40939</v>
      </c>
      <c r="M14739" s="2" t="s">
        <v>40940</v>
      </c>
      <c r="N14739" s="5" t="s">
        <v>36266</v>
      </c>
      <c r="O14739" s="5" t="s">
        <v>38</v>
      </c>
      <c r="P14739" s="5" t="s">
        <v>39</v>
      </c>
      <c r="Q14739" s="5" t="s">
        <v>40</v>
      </c>
      <c r="R14739" s="5" t="s">
        <v>1522</v>
      </c>
      <c r="S14739" s="5" t="s">
        <v>1523</v>
      </c>
      <c r="T14739" s="5" t="s">
        <v>42</v>
      </c>
      <c r="U14739" s="2">
        <v>1.4</v>
      </c>
      <c r="V14739" s="2">
        <v>0.91800000000000004</v>
      </c>
      <c r="W14739" s="2">
        <v>1.4999999999999999E-2</v>
      </c>
      <c r="X14739" s="2">
        <v>118.9</v>
      </c>
      <c r="Y14739" s="2">
        <v>7.6</v>
      </c>
      <c r="Z14739" s="2">
        <v>16.7</v>
      </c>
      <c r="AA14739" s="5"/>
      <c r="AB14739" s="5" t="s">
        <v>43</v>
      </c>
      <c r="AC14739" s="5" t="s">
        <v>44</v>
      </c>
      <c r="AD14739" s="2"/>
      <c r="AE14739" s="1"/>
    </row>
    <row r="14740" spans="1:31" ht="14.45">
      <c r="A14740" s="11"/>
      <c r="B14740" s="20"/>
      <c r="C14740" s="2" t="s">
        <v>45171</v>
      </c>
      <c r="D14740" s="14" t="s">
        <v>45172</v>
      </c>
      <c r="E14740" s="2" t="s">
        <v>45173</v>
      </c>
      <c r="F14740" s="2" t="s">
        <v>40947</v>
      </c>
      <c r="G14740" s="8">
        <v>168</v>
      </c>
      <c r="H14740" s="5">
        <v>6</v>
      </c>
      <c r="I14740" s="5" t="s">
        <v>1518</v>
      </c>
      <c r="J14740" s="5" t="s">
        <v>40939</v>
      </c>
      <c r="K14740" s="2" t="s">
        <v>40940</v>
      </c>
      <c r="L14740" s="5" t="s">
        <v>40939</v>
      </c>
      <c r="M14740" s="2" t="s">
        <v>40940</v>
      </c>
      <c r="N14740" s="5" t="s">
        <v>36266</v>
      </c>
      <c r="O14740" s="5" t="s">
        <v>38</v>
      </c>
      <c r="P14740" s="5" t="s">
        <v>39</v>
      </c>
      <c r="Q14740" s="5" t="s">
        <v>40</v>
      </c>
      <c r="R14740" s="5" t="s">
        <v>1522</v>
      </c>
      <c r="S14740" s="5" t="s">
        <v>1523</v>
      </c>
      <c r="T14740" s="5" t="s">
        <v>42</v>
      </c>
      <c r="U14740" s="2">
        <v>1.417</v>
      </c>
      <c r="V14740" s="2">
        <v>0.93500000000000005</v>
      </c>
      <c r="W14740" s="2">
        <v>1.4999999999999999E-2</v>
      </c>
      <c r="X14740" s="2">
        <v>118.9</v>
      </c>
      <c r="Y14740" s="2">
        <v>7.6</v>
      </c>
      <c r="Z14740" s="2">
        <v>16.7</v>
      </c>
      <c r="AA14740" s="5"/>
      <c r="AB14740" s="5" t="s">
        <v>43</v>
      </c>
      <c r="AC14740" s="5" t="s">
        <v>44</v>
      </c>
      <c r="AD14740" s="2"/>
      <c r="AE14740" s="1"/>
    </row>
    <row r="14741" spans="1:31" ht="14.45">
      <c r="A14741" s="11"/>
      <c r="B14741" s="20"/>
      <c r="C14741" s="2" t="s">
        <v>45174</v>
      </c>
      <c r="D14741" s="14" t="s">
        <v>45175</v>
      </c>
      <c r="E14741" s="2" t="s">
        <v>45176</v>
      </c>
      <c r="F14741" s="2" t="s">
        <v>7208</v>
      </c>
      <c r="G14741" s="8">
        <v>146</v>
      </c>
      <c r="H14741" s="5">
        <v>6</v>
      </c>
      <c r="I14741" s="5" t="s">
        <v>1518</v>
      </c>
      <c r="J14741" s="5" t="s">
        <v>40939</v>
      </c>
      <c r="K14741" s="2" t="s">
        <v>40940</v>
      </c>
      <c r="L14741" s="5" t="s">
        <v>40939</v>
      </c>
      <c r="M14741" s="2" t="s">
        <v>40940</v>
      </c>
      <c r="N14741" s="5" t="s">
        <v>36266</v>
      </c>
      <c r="O14741" s="5" t="s">
        <v>38</v>
      </c>
      <c r="P14741" s="5" t="s">
        <v>39</v>
      </c>
      <c r="Q14741" s="5" t="s">
        <v>40</v>
      </c>
      <c r="R14741" s="5" t="s">
        <v>1522</v>
      </c>
      <c r="S14741" s="5" t="s">
        <v>1523</v>
      </c>
      <c r="T14741" s="5" t="s">
        <v>42</v>
      </c>
      <c r="U14741" s="2">
        <v>1.4259999999999999</v>
      </c>
      <c r="V14741" s="2">
        <v>0.94399999999999995</v>
      </c>
      <c r="W14741" s="2">
        <v>1.4999999999999999E-2</v>
      </c>
      <c r="X14741" s="2">
        <v>118.9</v>
      </c>
      <c r="Y14741" s="2">
        <v>7.6</v>
      </c>
      <c r="Z14741" s="2">
        <v>16.7</v>
      </c>
      <c r="AA14741" s="5"/>
      <c r="AB14741" s="5" t="s">
        <v>43</v>
      </c>
      <c r="AC14741" s="5" t="s">
        <v>44</v>
      </c>
      <c r="AD14741" s="2"/>
      <c r="AE14741" s="1"/>
    </row>
    <row r="14742" spans="1:31" ht="14.45">
      <c r="A14742" s="11"/>
      <c r="B14742" s="20"/>
      <c r="C14742" s="2" t="s">
        <v>45177</v>
      </c>
      <c r="D14742" s="14" t="s">
        <v>45178</v>
      </c>
      <c r="E14742" s="2" t="s">
        <v>45179</v>
      </c>
      <c r="F14742" s="2" t="s">
        <v>36273</v>
      </c>
      <c r="G14742" s="8">
        <v>146</v>
      </c>
      <c r="H14742" s="5">
        <v>6</v>
      </c>
      <c r="I14742" s="5" t="s">
        <v>1518</v>
      </c>
      <c r="J14742" s="5" t="s">
        <v>40939</v>
      </c>
      <c r="K14742" s="2" t="s">
        <v>40940</v>
      </c>
      <c r="L14742" s="5" t="s">
        <v>40939</v>
      </c>
      <c r="M14742" s="2" t="s">
        <v>40940</v>
      </c>
      <c r="N14742" s="5" t="s">
        <v>36266</v>
      </c>
      <c r="O14742" s="5" t="s">
        <v>38</v>
      </c>
      <c r="P14742" s="5" t="s">
        <v>39</v>
      </c>
      <c r="Q14742" s="5" t="s">
        <v>40</v>
      </c>
      <c r="R14742" s="5" t="s">
        <v>1522</v>
      </c>
      <c r="S14742" s="5" t="s">
        <v>1523</v>
      </c>
      <c r="T14742" s="5" t="s">
        <v>42</v>
      </c>
      <c r="U14742" s="2">
        <v>1.444</v>
      </c>
      <c r="V14742" s="2">
        <v>0.96199999999999997</v>
      </c>
      <c r="W14742" s="2">
        <v>1.4999999999999999E-2</v>
      </c>
      <c r="X14742" s="2">
        <v>118.9</v>
      </c>
      <c r="Y14742" s="2">
        <v>7.6</v>
      </c>
      <c r="Z14742" s="2">
        <v>16.7</v>
      </c>
      <c r="AA14742" s="5"/>
      <c r="AB14742" s="5" t="s">
        <v>43</v>
      </c>
      <c r="AC14742" s="5" t="s">
        <v>44</v>
      </c>
      <c r="AD14742" s="2"/>
      <c r="AE14742" s="1"/>
    </row>
    <row r="14743" spans="1:31" ht="14.45">
      <c r="A14743" s="11"/>
      <c r="B14743" s="20"/>
      <c r="C14743" s="2" t="s">
        <v>45180</v>
      </c>
      <c r="D14743" s="14" t="s">
        <v>45181</v>
      </c>
      <c r="E14743" s="2" t="s">
        <v>45182</v>
      </c>
      <c r="F14743" s="2" t="s">
        <v>40967</v>
      </c>
      <c r="G14743" s="8">
        <v>168</v>
      </c>
      <c r="H14743" s="5">
        <v>6</v>
      </c>
      <c r="I14743" s="5" t="s">
        <v>1518</v>
      </c>
      <c r="J14743" s="5" t="s">
        <v>40939</v>
      </c>
      <c r="K14743" s="2" t="s">
        <v>40940</v>
      </c>
      <c r="L14743" s="5" t="s">
        <v>40939</v>
      </c>
      <c r="M14743" s="2" t="s">
        <v>40940</v>
      </c>
      <c r="N14743" s="5" t="s">
        <v>36266</v>
      </c>
      <c r="O14743" s="5" t="s">
        <v>38</v>
      </c>
      <c r="P14743" s="5" t="s">
        <v>39</v>
      </c>
      <c r="Q14743" s="5" t="s">
        <v>40</v>
      </c>
      <c r="R14743" s="5" t="s">
        <v>1522</v>
      </c>
      <c r="S14743" s="5" t="s">
        <v>1523</v>
      </c>
      <c r="T14743" s="5" t="s">
        <v>42</v>
      </c>
      <c r="U14743" s="2">
        <v>1.4259999999999999</v>
      </c>
      <c r="V14743" s="2">
        <v>0.94399999999999995</v>
      </c>
      <c r="W14743" s="2">
        <v>1.4999999999999999E-2</v>
      </c>
      <c r="X14743" s="2">
        <v>118.9</v>
      </c>
      <c r="Y14743" s="2">
        <v>7.6</v>
      </c>
      <c r="Z14743" s="2">
        <v>16.7</v>
      </c>
      <c r="AA14743" s="5"/>
      <c r="AB14743" s="5" t="s">
        <v>43</v>
      </c>
      <c r="AC14743" s="5" t="s">
        <v>44</v>
      </c>
      <c r="AD14743" s="2"/>
      <c r="AE14743" s="1"/>
    </row>
    <row r="14744" spans="1:31" ht="14.45">
      <c r="A14744" s="11"/>
      <c r="B14744" s="20"/>
      <c r="C14744" s="2" t="s">
        <v>45183</v>
      </c>
      <c r="D14744" s="14" t="s">
        <v>45184</v>
      </c>
      <c r="E14744" s="2" t="s">
        <v>45185</v>
      </c>
      <c r="F14744" s="2" t="s">
        <v>40975</v>
      </c>
      <c r="G14744" s="8">
        <v>168</v>
      </c>
      <c r="H14744" s="5">
        <v>6</v>
      </c>
      <c r="I14744" s="5" t="s">
        <v>1518</v>
      </c>
      <c r="J14744" s="5" t="s">
        <v>40939</v>
      </c>
      <c r="K14744" s="2" t="s">
        <v>40940</v>
      </c>
      <c r="L14744" s="5" t="s">
        <v>40939</v>
      </c>
      <c r="M14744" s="2" t="s">
        <v>40940</v>
      </c>
      <c r="N14744" s="5" t="s">
        <v>36266</v>
      </c>
      <c r="O14744" s="5" t="s">
        <v>38</v>
      </c>
      <c r="P14744" s="5" t="s">
        <v>39</v>
      </c>
      <c r="Q14744" s="5" t="s">
        <v>40</v>
      </c>
      <c r="R14744" s="5" t="s">
        <v>1522</v>
      </c>
      <c r="S14744" s="5" t="s">
        <v>1523</v>
      </c>
      <c r="T14744" s="5" t="s">
        <v>42</v>
      </c>
      <c r="U14744" s="2">
        <v>1.4259999999999999</v>
      </c>
      <c r="V14744" s="2">
        <v>0.94399999999999995</v>
      </c>
      <c r="W14744" s="2">
        <v>1.4999999999999999E-2</v>
      </c>
      <c r="X14744" s="2">
        <v>118.9</v>
      </c>
      <c r="Y14744" s="2">
        <v>7.6</v>
      </c>
      <c r="Z14744" s="2">
        <v>16.7</v>
      </c>
      <c r="AA14744" s="5"/>
      <c r="AB14744" s="5" t="s">
        <v>43</v>
      </c>
      <c r="AC14744" s="5" t="s">
        <v>44</v>
      </c>
      <c r="AD14744" s="2"/>
      <c r="AE14744" s="1"/>
    </row>
    <row r="14745" spans="1:31" ht="14.45">
      <c r="A14745" s="11"/>
      <c r="B14745" s="20"/>
      <c r="C14745" s="2" t="s">
        <v>45186</v>
      </c>
      <c r="D14745" s="14" t="s">
        <v>45187</v>
      </c>
      <c r="E14745" s="2" t="s">
        <v>45188</v>
      </c>
      <c r="F14745" s="2" t="s">
        <v>7539</v>
      </c>
      <c r="G14745" s="8">
        <v>168</v>
      </c>
      <c r="H14745" s="5">
        <v>6</v>
      </c>
      <c r="I14745" s="5" t="s">
        <v>1518</v>
      </c>
      <c r="J14745" s="5" t="s">
        <v>40939</v>
      </c>
      <c r="K14745" s="2" t="s">
        <v>40940</v>
      </c>
      <c r="L14745" s="5" t="s">
        <v>40939</v>
      </c>
      <c r="M14745" s="2" t="s">
        <v>40940</v>
      </c>
      <c r="N14745" s="5" t="s">
        <v>36266</v>
      </c>
      <c r="O14745" s="5" t="s">
        <v>38</v>
      </c>
      <c r="P14745" s="5" t="s">
        <v>39</v>
      </c>
      <c r="Q14745" s="5" t="s">
        <v>40</v>
      </c>
      <c r="R14745" s="5" t="s">
        <v>1522</v>
      </c>
      <c r="S14745" s="5" t="s">
        <v>1523</v>
      </c>
      <c r="T14745" s="5" t="s">
        <v>42</v>
      </c>
      <c r="U14745" s="2">
        <v>1.3819999999999999</v>
      </c>
      <c r="V14745" s="2">
        <v>0.9</v>
      </c>
      <c r="W14745" s="2">
        <v>1.4999999999999999E-2</v>
      </c>
      <c r="X14745" s="2">
        <v>118.9</v>
      </c>
      <c r="Y14745" s="2">
        <v>7.6</v>
      </c>
      <c r="Z14745" s="2">
        <v>16.7</v>
      </c>
      <c r="AA14745" s="5"/>
      <c r="AB14745" s="5" t="s">
        <v>43</v>
      </c>
      <c r="AC14745" s="5" t="s">
        <v>44</v>
      </c>
      <c r="AD14745" s="2"/>
      <c r="AE14745" s="1"/>
    </row>
    <row r="14746" spans="1:31" ht="14.45">
      <c r="A14746" s="11"/>
      <c r="B14746" s="20"/>
      <c r="C14746" s="2" t="s">
        <v>45189</v>
      </c>
      <c r="D14746" s="14" t="s">
        <v>45190</v>
      </c>
      <c r="E14746" s="2" t="s">
        <v>45191</v>
      </c>
      <c r="F14746" s="2" t="s">
        <v>40989</v>
      </c>
      <c r="G14746" s="8">
        <v>168</v>
      </c>
      <c r="H14746" s="5">
        <v>6</v>
      </c>
      <c r="I14746" s="5" t="s">
        <v>1518</v>
      </c>
      <c r="J14746" s="5" t="s">
        <v>40939</v>
      </c>
      <c r="K14746" s="2" t="s">
        <v>40940</v>
      </c>
      <c r="L14746" s="5" t="s">
        <v>40939</v>
      </c>
      <c r="M14746" s="2" t="s">
        <v>40940</v>
      </c>
      <c r="N14746" s="5" t="s">
        <v>36266</v>
      </c>
      <c r="O14746" s="5" t="s">
        <v>38</v>
      </c>
      <c r="P14746" s="5" t="s">
        <v>39</v>
      </c>
      <c r="Q14746" s="5" t="s">
        <v>40</v>
      </c>
      <c r="R14746" s="5" t="s">
        <v>1522</v>
      </c>
      <c r="S14746" s="5" t="s">
        <v>1523</v>
      </c>
      <c r="T14746" s="5" t="s">
        <v>42</v>
      </c>
      <c r="U14746" s="2">
        <v>1.4259999999999999</v>
      </c>
      <c r="V14746" s="2">
        <v>0.94399999999999995</v>
      </c>
      <c r="W14746" s="2">
        <v>1.4999999999999999E-2</v>
      </c>
      <c r="X14746" s="2">
        <v>118.9</v>
      </c>
      <c r="Y14746" s="2">
        <v>7.6</v>
      </c>
      <c r="Z14746" s="2">
        <v>16.7</v>
      </c>
      <c r="AA14746" s="5"/>
      <c r="AB14746" s="5" t="s">
        <v>43</v>
      </c>
      <c r="AC14746" s="5" t="s">
        <v>44</v>
      </c>
      <c r="AD14746" s="2"/>
      <c r="AE14746" s="1"/>
    </row>
    <row r="14747" spans="1:31" ht="14.45">
      <c r="A14747" s="11"/>
      <c r="B14747" s="20"/>
      <c r="C14747" s="2" t="s">
        <v>45192</v>
      </c>
      <c r="D14747" s="14" t="s">
        <v>45193</v>
      </c>
      <c r="E14747" s="2" t="s">
        <v>45194</v>
      </c>
      <c r="F14747" s="2" t="s">
        <v>40997</v>
      </c>
      <c r="G14747" s="8">
        <v>168</v>
      </c>
      <c r="H14747" s="5">
        <v>6</v>
      </c>
      <c r="I14747" s="5" t="s">
        <v>1518</v>
      </c>
      <c r="J14747" s="5" t="s">
        <v>40939</v>
      </c>
      <c r="K14747" s="2" t="s">
        <v>40940</v>
      </c>
      <c r="L14747" s="5" t="s">
        <v>40939</v>
      </c>
      <c r="M14747" s="2" t="s">
        <v>40940</v>
      </c>
      <c r="N14747" s="5" t="s">
        <v>36266</v>
      </c>
      <c r="O14747" s="5" t="s">
        <v>38</v>
      </c>
      <c r="P14747" s="5" t="s">
        <v>39</v>
      </c>
      <c r="Q14747" s="5" t="s">
        <v>40</v>
      </c>
      <c r="R14747" s="5" t="s">
        <v>1522</v>
      </c>
      <c r="S14747" s="5" t="s">
        <v>1523</v>
      </c>
      <c r="T14747" s="5" t="s">
        <v>42</v>
      </c>
      <c r="U14747" s="2">
        <v>1.391</v>
      </c>
      <c r="V14747" s="2">
        <v>0.90900000000000003</v>
      </c>
      <c r="W14747" s="2">
        <v>1.4999999999999999E-2</v>
      </c>
      <c r="X14747" s="2">
        <v>118.9</v>
      </c>
      <c r="Y14747" s="2">
        <v>7.6</v>
      </c>
      <c r="Z14747" s="2">
        <v>16.7</v>
      </c>
      <c r="AA14747" s="5"/>
      <c r="AB14747" s="5" t="s">
        <v>43</v>
      </c>
      <c r="AC14747" s="5" t="s">
        <v>44</v>
      </c>
      <c r="AD14747" s="2"/>
      <c r="AE14747" s="1"/>
    </row>
    <row r="14748" spans="1:31" ht="14.45">
      <c r="A14748" s="11"/>
      <c r="B14748" s="20"/>
      <c r="C14748" s="2" t="s">
        <v>45195</v>
      </c>
      <c r="D14748" s="14" t="s">
        <v>45196</v>
      </c>
      <c r="E14748" s="2" t="s">
        <v>45197</v>
      </c>
      <c r="F14748" s="2" t="s">
        <v>41009</v>
      </c>
      <c r="G14748" s="8">
        <v>168</v>
      </c>
      <c r="H14748" s="5">
        <v>6</v>
      </c>
      <c r="I14748" s="5" t="s">
        <v>1518</v>
      </c>
      <c r="J14748" s="5" t="s">
        <v>40939</v>
      </c>
      <c r="K14748" s="2" t="s">
        <v>40940</v>
      </c>
      <c r="L14748" s="5" t="s">
        <v>40939</v>
      </c>
      <c r="M14748" s="2" t="s">
        <v>40940</v>
      </c>
      <c r="N14748" s="5" t="s">
        <v>36266</v>
      </c>
      <c r="O14748" s="5" t="s">
        <v>38</v>
      </c>
      <c r="P14748" s="5" t="s">
        <v>39</v>
      </c>
      <c r="Q14748" s="5" t="s">
        <v>40</v>
      </c>
      <c r="R14748" s="5" t="s">
        <v>1522</v>
      </c>
      <c r="S14748" s="5" t="s">
        <v>1523</v>
      </c>
      <c r="T14748" s="5" t="s">
        <v>42</v>
      </c>
      <c r="U14748" s="2">
        <v>1.4350000000000001</v>
      </c>
      <c r="V14748" s="2">
        <v>0.95299999999999996</v>
      </c>
      <c r="W14748" s="2">
        <v>1.4999999999999999E-2</v>
      </c>
      <c r="X14748" s="2">
        <v>118.9</v>
      </c>
      <c r="Y14748" s="2">
        <v>7.6</v>
      </c>
      <c r="Z14748" s="2">
        <v>16.7</v>
      </c>
      <c r="AA14748" s="5"/>
      <c r="AB14748" s="5" t="s">
        <v>43</v>
      </c>
      <c r="AC14748" s="5" t="s">
        <v>44</v>
      </c>
      <c r="AD14748" s="2"/>
      <c r="AE14748" s="1"/>
    </row>
    <row r="14749" spans="1:31" ht="14.45">
      <c r="A14749" s="11"/>
      <c r="B14749" s="20"/>
      <c r="C14749" s="2" t="s">
        <v>45198</v>
      </c>
      <c r="D14749" s="14" t="s">
        <v>45199</v>
      </c>
      <c r="E14749" s="2" t="s">
        <v>45200</v>
      </c>
      <c r="F14749" s="2" t="s">
        <v>7396</v>
      </c>
      <c r="G14749" s="8">
        <v>146</v>
      </c>
      <c r="H14749" s="5">
        <v>6</v>
      </c>
      <c r="I14749" s="5" t="s">
        <v>1518</v>
      </c>
      <c r="J14749" s="5" t="s">
        <v>40939</v>
      </c>
      <c r="K14749" s="2" t="s">
        <v>40940</v>
      </c>
      <c r="L14749" s="5" t="s">
        <v>40939</v>
      </c>
      <c r="M14749" s="2" t="s">
        <v>40940</v>
      </c>
      <c r="N14749" s="5" t="s">
        <v>36266</v>
      </c>
      <c r="O14749" s="5" t="s">
        <v>38</v>
      </c>
      <c r="P14749" s="5" t="s">
        <v>39</v>
      </c>
      <c r="Q14749" s="5" t="s">
        <v>40</v>
      </c>
      <c r="R14749" s="5" t="s">
        <v>1522</v>
      </c>
      <c r="S14749" s="5" t="s">
        <v>1523</v>
      </c>
      <c r="T14749" s="5" t="s">
        <v>42</v>
      </c>
      <c r="U14749" s="2">
        <v>1.4350000000000001</v>
      </c>
      <c r="V14749" s="2">
        <v>0.95299999999999996</v>
      </c>
      <c r="W14749" s="2">
        <v>1.4999999999999999E-2</v>
      </c>
      <c r="X14749" s="2">
        <v>118.9</v>
      </c>
      <c r="Y14749" s="2">
        <v>7.6</v>
      </c>
      <c r="Z14749" s="2">
        <v>16.7</v>
      </c>
      <c r="AA14749" s="5"/>
      <c r="AB14749" s="5" t="s">
        <v>43</v>
      </c>
      <c r="AC14749" s="5" t="s">
        <v>44</v>
      </c>
      <c r="AD14749" s="2"/>
      <c r="AE14749" s="1"/>
    </row>
    <row r="14750" spans="1:31" ht="14.45">
      <c r="A14750" s="11"/>
      <c r="B14750" s="20"/>
      <c r="C14750" s="2" t="s">
        <v>45201</v>
      </c>
      <c r="D14750" s="14" t="s">
        <v>45202</v>
      </c>
      <c r="E14750" s="2" t="s">
        <v>45203</v>
      </c>
      <c r="F14750" s="2" t="s">
        <v>41023</v>
      </c>
      <c r="G14750" s="8">
        <v>168</v>
      </c>
      <c r="H14750" s="5">
        <v>6</v>
      </c>
      <c r="I14750" s="5" t="s">
        <v>1518</v>
      </c>
      <c r="J14750" s="5" t="s">
        <v>40939</v>
      </c>
      <c r="K14750" s="2" t="s">
        <v>40940</v>
      </c>
      <c r="L14750" s="5" t="s">
        <v>40939</v>
      </c>
      <c r="M14750" s="2" t="s">
        <v>40940</v>
      </c>
      <c r="N14750" s="5" t="s">
        <v>36266</v>
      </c>
      <c r="O14750" s="5" t="s">
        <v>38</v>
      </c>
      <c r="P14750" s="5" t="s">
        <v>39</v>
      </c>
      <c r="Q14750" s="5" t="s">
        <v>40</v>
      </c>
      <c r="R14750" s="5" t="s">
        <v>1522</v>
      </c>
      <c r="S14750" s="5" t="s">
        <v>1523</v>
      </c>
      <c r="T14750" s="5" t="s">
        <v>42</v>
      </c>
      <c r="U14750" s="2">
        <v>1.391</v>
      </c>
      <c r="V14750" s="2">
        <v>0.90900000000000003</v>
      </c>
      <c r="W14750" s="2">
        <v>1.4999999999999999E-2</v>
      </c>
      <c r="X14750" s="2">
        <v>118.9</v>
      </c>
      <c r="Y14750" s="2">
        <v>7.6</v>
      </c>
      <c r="Z14750" s="2">
        <v>16.7</v>
      </c>
      <c r="AA14750" s="5"/>
      <c r="AB14750" s="5" t="s">
        <v>43</v>
      </c>
      <c r="AC14750" s="5" t="s">
        <v>44</v>
      </c>
      <c r="AD14750" s="2"/>
      <c r="AE14750" s="1"/>
    </row>
    <row r="14751" spans="1:31" ht="14.45">
      <c r="A14751" s="11"/>
      <c r="B14751" s="20"/>
      <c r="C14751" s="2" t="s">
        <v>45204</v>
      </c>
      <c r="D14751" s="14" t="s">
        <v>45205</v>
      </c>
      <c r="E14751" s="2" t="s">
        <v>45206</v>
      </c>
      <c r="F14751" s="2" t="s">
        <v>41031</v>
      </c>
      <c r="G14751" s="8">
        <v>168</v>
      </c>
      <c r="H14751" s="5">
        <v>6</v>
      </c>
      <c r="I14751" s="5" t="s">
        <v>1518</v>
      </c>
      <c r="J14751" s="5" t="s">
        <v>40939</v>
      </c>
      <c r="K14751" s="2" t="s">
        <v>40940</v>
      </c>
      <c r="L14751" s="5" t="s">
        <v>40939</v>
      </c>
      <c r="M14751" s="2" t="s">
        <v>40940</v>
      </c>
      <c r="N14751" s="5" t="s">
        <v>36266</v>
      </c>
      <c r="O14751" s="5" t="s">
        <v>38</v>
      </c>
      <c r="P14751" s="5" t="s">
        <v>39</v>
      </c>
      <c r="Q14751" s="5" t="s">
        <v>40</v>
      </c>
      <c r="R14751" s="5" t="s">
        <v>1522</v>
      </c>
      <c r="S14751" s="5" t="s">
        <v>1523</v>
      </c>
      <c r="T14751" s="5" t="s">
        <v>42</v>
      </c>
      <c r="U14751" s="2">
        <v>1.391</v>
      </c>
      <c r="V14751" s="2">
        <v>0.90900000000000003</v>
      </c>
      <c r="W14751" s="2">
        <v>1.4999999999999999E-2</v>
      </c>
      <c r="X14751" s="2">
        <v>118.9</v>
      </c>
      <c r="Y14751" s="2">
        <v>7.6</v>
      </c>
      <c r="Z14751" s="2">
        <v>16.7</v>
      </c>
      <c r="AA14751" s="5"/>
      <c r="AB14751" s="5" t="s">
        <v>43</v>
      </c>
      <c r="AC14751" s="5" t="s">
        <v>44</v>
      </c>
      <c r="AD14751" s="2"/>
      <c r="AE14751" s="1"/>
    </row>
    <row r="14752" spans="1:31" ht="14.45">
      <c r="A14752" s="11"/>
      <c r="B14752" s="20"/>
      <c r="C14752" s="2" t="s">
        <v>45207</v>
      </c>
      <c r="D14752" s="14" t="s">
        <v>45208</v>
      </c>
      <c r="E14752" s="2" t="s">
        <v>45209</v>
      </c>
      <c r="F14752" s="2" t="s">
        <v>41045</v>
      </c>
      <c r="G14752" s="8">
        <v>168</v>
      </c>
      <c r="H14752" s="5">
        <v>6</v>
      </c>
      <c r="I14752" s="5" t="s">
        <v>1518</v>
      </c>
      <c r="J14752" s="5" t="s">
        <v>40939</v>
      </c>
      <c r="K14752" s="2" t="s">
        <v>40940</v>
      </c>
      <c r="L14752" s="5" t="s">
        <v>40939</v>
      </c>
      <c r="M14752" s="2" t="s">
        <v>40940</v>
      </c>
      <c r="N14752" s="5" t="s">
        <v>36266</v>
      </c>
      <c r="O14752" s="5" t="s">
        <v>38</v>
      </c>
      <c r="P14752" s="5" t="s">
        <v>39</v>
      </c>
      <c r="Q14752" s="5" t="s">
        <v>40</v>
      </c>
      <c r="R14752" s="5" t="s">
        <v>1522</v>
      </c>
      <c r="S14752" s="5" t="s">
        <v>1523</v>
      </c>
      <c r="T14752" s="5" t="s">
        <v>42</v>
      </c>
      <c r="U14752" s="2">
        <v>1.444</v>
      </c>
      <c r="V14752" s="2">
        <v>0.96199999999999997</v>
      </c>
      <c r="W14752" s="2">
        <v>1.4999999999999999E-2</v>
      </c>
      <c r="X14752" s="2">
        <v>118.9</v>
      </c>
      <c r="Y14752" s="2">
        <v>7.6</v>
      </c>
      <c r="Z14752" s="2">
        <v>16.7</v>
      </c>
      <c r="AA14752" s="5"/>
      <c r="AB14752" s="5" t="s">
        <v>43</v>
      </c>
      <c r="AC14752" s="5" t="s">
        <v>44</v>
      </c>
      <c r="AD14752" s="2"/>
      <c r="AE14752" s="1"/>
    </row>
    <row r="14753" spans="1:31" ht="14.45">
      <c r="A14753" s="11"/>
      <c r="B14753" s="20"/>
      <c r="C14753" s="2" t="s">
        <v>45210</v>
      </c>
      <c r="D14753" s="14" t="s">
        <v>45211</v>
      </c>
      <c r="E14753" s="2" t="s">
        <v>45212</v>
      </c>
      <c r="F14753" s="2" t="s">
        <v>7204</v>
      </c>
      <c r="G14753" s="8">
        <v>157</v>
      </c>
      <c r="H14753" s="5">
        <v>6</v>
      </c>
      <c r="I14753" s="5" t="s">
        <v>1518</v>
      </c>
      <c r="J14753" s="5" t="s">
        <v>40939</v>
      </c>
      <c r="K14753" s="2" t="s">
        <v>40940</v>
      </c>
      <c r="L14753" s="5" t="s">
        <v>40939</v>
      </c>
      <c r="M14753" s="2" t="s">
        <v>40940</v>
      </c>
      <c r="N14753" s="5" t="s">
        <v>36266</v>
      </c>
      <c r="O14753" s="5" t="s">
        <v>38</v>
      </c>
      <c r="P14753" s="5" t="s">
        <v>39</v>
      </c>
      <c r="Q14753" s="5" t="s">
        <v>40</v>
      </c>
      <c r="R14753" s="5" t="s">
        <v>1522</v>
      </c>
      <c r="S14753" s="5" t="s">
        <v>1523</v>
      </c>
      <c r="T14753" s="5" t="s">
        <v>42</v>
      </c>
      <c r="U14753" s="2">
        <v>1.548</v>
      </c>
      <c r="V14753" s="2">
        <v>0.98899999999999999</v>
      </c>
      <c r="W14753" s="2">
        <v>1.7999999999999999E-2</v>
      </c>
      <c r="X14753" s="2">
        <v>139.1</v>
      </c>
      <c r="Y14753" s="2">
        <v>7.6</v>
      </c>
      <c r="Z14753" s="2">
        <v>16.7</v>
      </c>
      <c r="AA14753" s="5"/>
      <c r="AB14753" s="5" t="s">
        <v>43</v>
      </c>
      <c r="AC14753" s="5" t="s">
        <v>44</v>
      </c>
      <c r="AD14753" s="2"/>
      <c r="AE14753" s="1"/>
    </row>
    <row r="14754" spans="1:31" ht="14.45">
      <c r="A14754" s="11"/>
      <c r="B14754" s="20"/>
      <c r="C14754" s="2" t="s">
        <v>45213</v>
      </c>
      <c r="D14754" s="14" t="s">
        <v>45214</v>
      </c>
      <c r="E14754" s="2" t="s">
        <v>45215</v>
      </c>
      <c r="F14754" s="2" t="s">
        <v>40947</v>
      </c>
      <c r="G14754" s="8">
        <v>181</v>
      </c>
      <c r="H14754" s="5">
        <v>6</v>
      </c>
      <c r="I14754" s="5" t="s">
        <v>1518</v>
      </c>
      <c r="J14754" s="5" t="s">
        <v>40939</v>
      </c>
      <c r="K14754" s="2" t="s">
        <v>40940</v>
      </c>
      <c r="L14754" s="5" t="s">
        <v>40939</v>
      </c>
      <c r="M14754" s="2" t="s">
        <v>40940</v>
      </c>
      <c r="N14754" s="5" t="s">
        <v>36266</v>
      </c>
      <c r="O14754" s="5" t="s">
        <v>38</v>
      </c>
      <c r="P14754" s="5" t="s">
        <v>39</v>
      </c>
      <c r="Q14754" s="5" t="s">
        <v>40</v>
      </c>
      <c r="R14754" s="5" t="s">
        <v>1522</v>
      </c>
      <c r="S14754" s="5" t="s">
        <v>1523</v>
      </c>
      <c r="T14754" s="5" t="s">
        <v>42</v>
      </c>
      <c r="U14754" s="2">
        <v>1.5680000000000001</v>
      </c>
      <c r="V14754" s="2">
        <v>1.0089999999999999</v>
      </c>
      <c r="W14754" s="2">
        <v>1.7999999999999999E-2</v>
      </c>
      <c r="X14754" s="2">
        <v>139.1</v>
      </c>
      <c r="Y14754" s="2">
        <v>7.6</v>
      </c>
      <c r="Z14754" s="2">
        <v>16.7</v>
      </c>
      <c r="AA14754" s="5"/>
      <c r="AB14754" s="5" t="s">
        <v>43</v>
      </c>
      <c r="AC14754" s="5" t="s">
        <v>44</v>
      </c>
      <c r="AD14754" s="2"/>
      <c r="AE14754" s="1"/>
    </row>
    <row r="14755" spans="1:31" ht="14.45">
      <c r="A14755" s="11"/>
      <c r="B14755" s="20"/>
      <c r="C14755" s="2" t="s">
        <v>45216</v>
      </c>
      <c r="D14755" s="14" t="s">
        <v>45217</v>
      </c>
      <c r="E14755" s="2" t="s">
        <v>45218</v>
      </c>
      <c r="F14755" s="2" t="s">
        <v>7208</v>
      </c>
      <c r="G14755" s="8">
        <v>157</v>
      </c>
      <c r="H14755" s="5">
        <v>6</v>
      </c>
      <c r="I14755" s="5" t="s">
        <v>1518</v>
      </c>
      <c r="J14755" s="5" t="s">
        <v>40939</v>
      </c>
      <c r="K14755" s="2" t="s">
        <v>40940</v>
      </c>
      <c r="L14755" s="5" t="s">
        <v>40939</v>
      </c>
      <c r="M14755" s="2" t="s">
        <v>40940</v>
      </c>
      <c r="N14755" s="5" t="s">
        <v>36266</v>
      </c>
      <c r="O14755" s="5" t="s">
        <v>38</v>
      </c>
      <c r="P14755" s="5" t="s">
        <v>39</v>
      </c>
      <c r="Q14755" s="5" t="s">
        <v>40</v>
      </c>
      <c r="R14755" s="5" t="s">
        <v>1522</v>
      </c>
      <c r="S14755" s="5" t="s">
        <v>1523</v>
      </c>
      <c r="T14755" s="5" t="s">
        <v>42</v>
      </c>
      <c r="U14755" s="2">
        <v>1.5780000000000001</v>
      </c>
      <c r="V14755" s="2">
        <v>1.0189999999999999</v>
      </c>
      <c r="W14755" s="2">
        <v>1.7999999999999999E-2</v>
      </c>
      <c r="X14755" s="2">
        <v>139.1</v>
      </c>
      <c r="Y14755" s="2">
        <v>7.6</v>
      </c>
      <c r="Z14755" s="2">
        <v>16.7</v>
      </c>
      <c r="AA14755" s="5"/>
      <c r="AB14755" s="5" t="s">
        <v>43</v>
      </c>
      <c r="AC14755" s="5" t="s">
        <v>44</v>
      </c>
      <c r="AD14755" s="2"/>
      <c r="AE14755" s="1"/>
    </row>
    <row r="14756" spans="1:31" ht="14.45">
      <c r="A14756" s="11"/>
      <c r="B14756" s="20"/>
      <c r="C14756" s="2" t="s">
        <v>45219</v>
      </c>
      <c r="D14756" s="14" t="s">
        <v>45220</v>
      </c>
      <c r="E14756" s="2" t="s">
        <v>45221</v>
      </c>
      <c r="F14756" s="2" t="s">
        <v>36273</v>
      </c>
      <c r="G14756" s="8">
        <v>157</v>
      </c>
      <c r="H14756" s="5">
        <v>6</v>
      </c>
      <c r="I14756" s="5" t="s">
        <v>1518</v>
      </c>
      <c r="J14756" s="5" t="s">
        <v>40939</v>
      </c>
      <c r="K14756" s="2" t="s">
        <v>40940</v>
      </c>
      <c r="L14756" s="5" t="s">
        <v>40939</v>
      </c>
      <c r="M14756" s="2" t="s">
        <v>40940</v>
      </c>
      <c r="N14756" s="5" t="s">
        <v>36266</v>
      </c>
      <c r="O14756" s="5" t="s">
        <v>38</v>
      </c>
      <c r="P14756" s="5" t="s">
        <v>39</v>
      </c>
      <c r="Q14756" s="5" t="s">
        <v>40</v>
      </c>
      <c r="R14756" s="5" t="s">
        <v>1522</v>
      </c>
      <c r="S14756" s="5" t="s">
        <v>1523</v>
      </c>
      <c r="T14756" s="5" t="s">
        <v>42</v>
      </c>
      <c r="U14756" s="2">
        <v>1.5980000000000001</v>
      </c>
      <c r="V14756" s="2">
        <v>1.0389999999999999</v>
      </c>
      <c r="W14756" s="2">
        <v>1.7999999999999999E-2</v>
      </c>
      <c r="X14756" s="2">
        <v>139.1</v>
      </c>
      <c r="Y14756" s="2">
        <v>7.6</v>
      </c>
      <c r="Z14756" s="2">
        <v>16.7</v>
      </c>
      <c r="AA14756" s="5"/>
      <c r="AB14756" s="5" t="s">
        <v>43</v>
      </c>
      <c r="AC14756" s="5" t="s">
        <v>44</v>
      </c>
      <c r="AD14756" s="2"/>
      <c r="AE14756" s="1"/>
    </row>
    <row r="14757" spans="1:31" ht="14.45">
      <c r="A14757" s="11"/>
      <c r="B14757" s="20"/>
      <c r="C14757" s="2" t="s">
        <v>45222</v>
      </c>
      <c r="D14757" s="14" t="s">
        <v>45223</v>
      </c>
      <c r="E14757" s="2" t="s">
        <v>45224</v>
      </c>
      <c r="F14757" s="2" t="s">
        <v>40967</v>
      </c>
      <c r="G14757" s="8">
        <v>181</v>
      </c>
      <c r="H14757" s="5">
        <v>6</v>
      </c>
      <c r="I14757" s="5" t="s">
        <v>1518</v>
      </c>
      <c r="J14757" s="5" t="s">
        <v>40939</v>
      </c>
      <c r="K14757" s="2" t="s">
        <v>40940</v>
      </c>
      <c r="L14757" s="5" t="s">
        <v>40939</v>
      </c>
      <c r="M14757" s="2" t="s">
        <v>40940</v>
      </c>
      <c r="N14757" s="5" t="s">
        <v>36266</v>
      </c>
      <c r="O14757" s="5" t="s">
        <v>38</v>
      </c>
      <c r="P14757" s="5" t="s">
        <v>39</v>
      </c>
      <c r="Q14757" s="5" t="s">
        <v>40</v>
      </c>
      <c r="R14757" s="5" t="s">
        <v>1522</v>
      </c>
      <c r="S14757" s="5" t="s">
        <v>1523</v>
      </c>
      <c r="T14757" s="5" t="s">
        <v>42</v>
      </c>
      <c r="U14757" s="2">
        <v>1.5780000000000001</v>
      </c>
      <c r="V14757" s="2">
        <v>1.0189999999999999</v>
      </c>
      <c r="W14757" s="2">
        <v>1.7999999999999999E-2</v>
      </c>
      <c r="X14757" s="2">
        <v>139.1</v>
      </c>
      <c r="Y14757" s="2">
        <v>7.6</v>
      </c>
      <c r="Z14757" s="2">
        <v>16.7</v>
      </c>
      <c r="AA14757" s="5"/>
      <c r="AB14757" s="5" t="s">
        <v>43</v>
      </c>
      <c r="AC14757" s="5" t="s">
        <v>44</v>
      </c>
      <c r="AD14757" s="2"/>
      <c r="AE14757" s="1"/>
    </row>
    <row r="14758" spans="1:31" ht="14.45">
      <c r="A14758" s="11"/>
      <c r="B14758" s="20"/>
      <c r="C14758" s="2" t="s">
        <v>45225</v>
      </c>
      <c r="D14758" s="14" t="s">
        <v>45226</v>
      </c>
      <c r="E14758" s="2" t="s">
        <v>45227</v>
      </c>
      <c r="F14758" s="2" t="s">
        <v>7539</v>
      </c>
      <c r="G14758" s="8">
        <v>181</v>
      </c>
      <c r="H14758" s="5">
        <v>6</v>
      </c>
      <c r="I14758" s="5" t="s">
        <v>1518</v>
      </c>
      <c r="J14758" s="5" t="s">
        <v>40939</v>
      </c>
      <c r="K14758" s="2" t="s">
        <v>40940</v>
      </c>
      <c r="L14758" s="5" t="s">
        <v>40939</v>
      </c>
      <c r="M14758" s="2" t="s">
        <v>40940</v>
      </c>
      <c r="N14758" s="5" t="s">
        <v>36266</v>
      </c>
      <c r="O14758" s="5" t="s">
        <v>38</v>
      </c>
      <c r="P14758" s="5" t="s">
        <v>39</v>
      </c>
      <c r="Q14758" s="5" t="s">
        <v>40</v>
      </c>
      <c r="R14758" s="5" t="s">
        <v>1522</v>
      </c>
      <c r="S14758" s="5" t="s">
        <v>1523</v>
      </c>
      <c r="T14758" s="5" t="s">
        <v>42</v>
      </c>
      <c r="U14758" s="2">
        <v>1.528</v>
      </c>
      <c r="V14758" s="2">
        <v>0.96899999999999997</v>
      </c>
      <c r="W14758" s="2">
        <v>1.7999999999999999E-2</v>
      </c>
      <c r="X14758" s="2">
        <v>139.1</v>
      </c>
      <c r="Y14758" s="2">
        <v>7.6</v>
      </c>
      <c r="Z14758" s="2">
        <v>16.7</v>
      </c>
      <c r="AA14758" s="5"/>
      <c r="AB14758" s="5" t="s">
        <v>43</v>
      </c>
      <c r="AC14758" s="5" t="s">
        <v>44</v>
      </c>
      <c r="AD14758" s="2"/>
      <c r="AE14758" s="1"/>
    </row>
    <row r="14759" spans="1:31" ht="14.45">
      <c r="A14759" s="11"/>
      <c r="B14759" s="20"/>
      <c r="C14759" s="2" t="s">
        <v>45228</v>
      </c>
      <c r="D14759" s="14" t="s">
        <v>45229</v>
      </c>
      <c r="E14759" s="2" t="s">
        <v>45230</v>
      </c>
      <c r="F14759" s="2" t="s">
        <v>40989</v>
      </c>
      <c r="G14759" s="8">
        <v>181</v>
      </c>
      <c r="H14759" s="5">
        <v>6</v>
      </c>
      <c r="I14759" s="5" t="s">
        <v>1518</v>
      </c>
      <c r="J14759" s="5" t="s">
        <v>40939</v>
      </c>
      <c r="K14759" s="2" t="s">
        <v>40940</v>
      </c>
      <c r="L14759" s="5" t="s">
        <v>40939</v>
      </c>
      <c r="M14759" s="2" t="s">
        <v>40940</v>
      </c>
      <c r="N14759" s="5" t="s">
        <v>36266</v>
      </c>
      <c r="O14759" s="5" t="s">
        <v>38</v>
      </c>
      <c r="P14759" s="5" t="s">
        <v>39</v>
      </c>
      <c r="Q14759" s="5" t="s">
        <v>40</v>
      </c>
      <c r="R14759" s="5" t="s">
        <v>1522</v>
      </c>
      <c r="S14759" s="5" t="s">
        <v>1523</v>
      </c>
      <c r="T14759" s="5" t="s">
        <v>42</v>
      </c>
      <c r="U14759" s="2">
        <v>1.5780000000000001</v>
      </c>
      <c r="V14759" s="2">
        <v>1.0189999999999999</v>
      </c>
      <c r="W14759" s="2">
        <v>1.7999999999999999E-2</v>
      </c>
      <c r="X14759" s="2">
        <v>139.1</v>
      </c>
      <c r="Y14759" s="2">
        <v>7.6</v>
      </c>
      <c r="Z14759" s="2">
        <v>16.7</v>
      </c>
      <c r="AA14759" s="5"/>
      <c r="AB14759" s="5" t="s">
        <v>43</v>
      </c>
      <c r="AC14759" s="5" t="s">
        <v>44</v>
      </c>
      <c r="AD14759" s="2"/>
      <c r="AE14759" s="1"/>
    </row>
    <row r="14760" spans="1:31" ht="14.45">
      <c r="A14760" s="11"/>
      <c r="B14760" s="20"/>
      <c r="C14760" s="2" t="s">
        <v>45231</v>
      </c>
      <c r="D14760" s="14" t="s">
        <v>45232</v>
      </c>
      <c r="E14760" s="2" t="s">
        <v>45233</v>
      </c>
      <c r="F14760" s="2" t="s">
        <v>40997</v>
      </c>
      <c r="G14760" s="8">
        <v>181</v>
      </c>
      <c r="H14760" s="5">
        <v>6</v>
      </c>
      <c r="I14760" s="5" t="s">
        <v>1518</v>
      </c>
      <c r="J14760" s="5" t="s">
        <v>40939</v>
      </c>
      <c r="K14760" s="2" t="s">
        <v>40940</v>
      </c>
      <c r="L14760" s="5" t="s">
        <v>40939</v>
      </c>
      <c r="M14760" s="2" t="s">
        <v>40940</v>
      </c>
      <c r="N14760" s="5" t="s">
        <v>36266</v>
      </c>
      <c r="O14760" s="5" t="s">
        <v>38</v>
      </c>
      <c r="P14760" s="5" t="s">
        <v>39</v>
      </c>
      <c r="Q14760" s="5" t="s">
        <v>40</v>
      </c>
      <c r="R14760" s="5" t="s">
        <v>1522</v>
      </c>
      <c r="S14760" s="5" t="s">
        <v>1523</v>
      </c>
      <c r="T14760" s="5" t="s">
        <v>42</v>
      </c>
      <c r="U14760" s="2">
        <v>1.538</v>
      </c>
      <c r="V14760" s="2">
        <v>0.97899999999999998</v>
      </c>
      <c r="W14760" s="2">
        <v>1.7999999999999999E-2</v>
      </c>
      <c r="X14760" s="2">
        <v>139.1</v>
      </c>
      <c r="Y14760" s="2">
        <v>7.6</v>
      </c>
      <c r="Z14760" s="2">
        <v>16.7</v>
      </c>
      <c r="AA14760" s="5"/>
      <c r="AB14760" s="5" t="s">
        <v>43</v>
      </c>
      <c r="AC14760" s="5" t="s">
        <v>44</v>
      </c>
      <c r="AD14760" s="2"/>
      <c r="AE14760" s="1"/>
    </row>
    <row r="14761" spans="1:31" ht="14.45">
      <c r="A14761" s="11"/>
      <c r="B14761" s="20"/>
      <c r="C14761" s="2" t="s">
        <v>45234</v>
      </c>
      <c r="D14761" s="14" t="s">
        <v>45235</v>
      </c>
      <c r="E14761" s="2" t="s">
        <v>45236</v>
      </c>
      <c r="F14761" s="2" t="s">
        <v>7396</v>
      </c>
      <c r="G14761" s="8">
        <v>157</v>
      </c>
      <c r="H14761" s="5">
        <v>6</v>
      </c>
      <c r="I14761" s="5" t="s">
        <v>1518</v>
      </c>
      <c r="J14761" s="5" t="s">
        <v>40939</v>
      </c>
      <c r="K14761" s="2" t="s">
        <v>40940</v>
      </c>
      <c r="L14761" s="5" t="s">
        <v>40939</v>
      </c>
      <c r="M14761" s="2" t="s">
        <v>40940</v>
      </c>
      <c r="N14761" s="5" t="s">
        <v>36266</v>
      </c>
      <c r="O14761" s="5" t="s">
        <v>38</v>
      </c>
      <c r="P14761" s="5" t="s">
        <v>39</v>
      </c>
      <c r="Q14761" s="5" t="s">
        <v>40</v>
      </c>
      <c r="R14761" s="5" t="s">
        <v>1522</v>
      </c>
      <c r="S14761" s="5" t="s">
        <v>1523</v>
      </c>
      <c r="T14761" s="5" t="s">
        <v>42</v>
      </c>
      <c r="U14761" s="2">
        <v>1.5880000000000001</v>
      </c>
      <c r="V14761" s="2">
        <v>1.0289999999999999</v>
      </c>
      <c r="W14761" s="2">
        <v>1.7999999999999999E-2</v>
      </c>
      <c r="X14761" s="2">
        <v>139.1</v>
      </c>
      <c r="Y14761" s="2">
        <v>7.6</v>
      </c>
      <c r="Z14761" s="2">
        <v>16.7</v>
      </c>
      <c r="AA14761" s="5"/>
      <c r="AB14761" s="5" t="s">
        <v>43</v>
      </c>
      <c r="AC14761" s="5" t="s">
        <v>44</v>
      </c>
      <c r="AD14761" s="2"/>
      <c r="AE14761" s="1"/>
    </row>
    <row r="14762" spans="1:31" ht="14.45">
      <c r="A14762" s="11"/>
      <c r="B14762" s="20"/>
      <c r="C14762" s="2" t="s">
        <v>45237</v>
      </c>
      <c r="D14762" s="14" t="s">
        <v>45238</v>
      </c>
      <c r="E14762" s="2" t="s">
        <v>45239</v>
      </c>
      <c r="F14762" s="2" t="s">
        <v>41023</v>
      </c>
      <c r="G14762" s="8">
        <v>181</v>
      </c>
      <c r="H14762" s="5">
        <v>6</v>
      </c>
      <c r="I14762" s="5" t="s">
        <v>1518</v>
      </c>
      <c r="J14762" s="5" t="s">
        <v>40939</v>
      </c>
      <c r="K14762" s="2" t="s">
        <v>40940</v>
      </c>
      <c r="L14762" s="5" t="s">
        <v>40939</v>
      </c>
      <c r="M14762" s="2" t="s">
        <v>40940</v>
      </c>
      <c r="N14762" s="5" t="s">
        <v>36266</v>
      </c>
      <c r="O14762" s="5" t="s">
        <v>38</v>
      </c>
      <c r="P14762" s="5" t="s">
        <v>39</v>
      </c>
      <c r="Q14762" s="5" t="s">
        <v>40</v>
      </c>
      <c r="R14762" s="5" t="s">
        <v>1522</v>
      </c>
      <c r="S14762" s="5" t="s">
        <v>1523</v>
      </c>
      <c r="T14762" s="5" t="s">
        <v>42</v>
      </c>
      <c r="U14762" s="2">
        <v>1.538</v>
      </c>
      <c r="V14762" s="2">
        <v>0.97899999999999998</v>
      </c>
      <c r="W14762" s="2">
        <v>1.7999999999999999E-2</v>
      </c>
      <c r="X14762" s="2">
        <v>139.1</v>
      </c>
      <c r="Y14762" s="2">
        <v>7.6</v>
      </c>
      <c r="Z14762" s="2">
        <v>16.7</v>
      </c>
      <c r="AA14762" s="5"/>
      <c r="AB14762" s="5" t="s">
        <v>43</v>
      </c>
      <c r="AC14762" s="5" t="s">
        <v>44</v>
      </c>
      <c r="AD14762" s="2"/>
      <c r="AE14762" s="1"/>
    </row>
    <row r="14763" spans="1:31" ht="14.45">
      <c r="A14763" s="11"/>
      <c r="B14763" s="20"/>
      <c r="C14763" s="2" t="s">
        <v>45240</v>
      </c>
      <c r="D14763" s="14" t="s">
        <v>45241</v>
      </c>
      <c r="E14763" s="2" t="s">
        <v>45242</v>
      </c>
      <c r="F14763" s="2" t="s">
        <v>41031</v>
      </c>
      <c r="G14763" s="8">
        <v>181</v>
      </c>
      <c r="H14763" s="5">
        <v>6</v>
      </c>
      <c r="I14763" s="5" t="s">
        <v>1518</v>
      </c>
      <c r="J14763" s="5" t="s">
        <v>40939</v>
      </c>
      <c r="K14763" s="2" t="s">
        <v>40940</v>
      </c>
      <c r="L14763" s="5" t="s">
        <v>40939</v>
      </c>
      <c r="M14763" s="2" t="s">
        <v>40940</v>
      </c>
      <c r="N14763" s="5" t="s">
        <v>36266</v>
      </c>
      <c r="O14763" s="5" t="s">
        <v>38</v>
      </c>
      <c r="P14763" s="5" t="s">
        <v>39</v>
      </c>
      <c r="Q14763" s="5" t="s">
        <v>40</v>
      </c>
      <c r="R14763" s="5" t="s">
        <v>1522</v>
      </c>
      <c r="S14763" s="5" t="s">
        <v>1523</v>
      </c>
      <c r="T14763" s="5" t="s">
        <v>42</v>
      </c>
      <c r="U14763" s="2">
        <v>1.538</v>
      </c>
      <c r="V14763" s="2">
        <v>0.97899999999999998</v>
      </c>
      <c r="W14763" s="2">
        <v>1.7999999999999999E-2</v>
      </c>
      <c r="X14763" s="2">
        <v>139.1</v>
      </c>
      <c r="Y14763" s="2">
        <v>7.6</v>
      </c>
      <c r="Z14763" s="2">
        <v>16.7</v>
      </c>
      <c r="AA14763" s="5"/>
      <c r="AB14763" s="5" t="s">
        <v>43</v>
      </c>
      <c r="AC14763" s="5" t="s">
        <v>44</v>
      </c>
      <c r="AD14763" s="2"/>
      <c r="AE14763" s="1"/>
    </row>
    <row r="14764" spans="1:31" ht="14.45">
      <c r="A14764" s="11"/>
      <c r="B14764" s="20"/>
      <c r="C14764" s="2" t="s">
        <v>45243</v>
      </c>
      <c r="D14764" s="14" t="s">
        <v>45244</v>
      </c>
      <c r="E14764" s="2" t="s">
        <v>45245</v>
      </c>
      <c r="F14764" s="2" t="s">
        <v>41045</v>
      </c>
      <c r="G14764" s="8">
        <v>181</v>
      </c>
      <c r="H14764" s="5">
        <v>6</v>
      </c>
      <c r="I14764" s="5" t="s">
        <v>1518</v>
      </c>
      <c r="J14764" s="5" t="s">
        <v>40939</v>
      </c>
      <c r="K14764" s="2" t="s">
        <v>40940</v>
      </c>
      <c r="L14764" s="5" t="s">
        <v>40939</v>
      </c>
      <c r="M14764" s="2" t="s">
        <v>40940</v>
      </c>
      <c r="N14764" s="5" t="s">
        <v>36266</v>
      </c>
      <c r="O14764" s="5" t="s">
        <v>38</v>
      </c>
      <c r="P14764" s="5" t="s">
        <v>39</v>
      </c>
      <c r="Q14764" s="5" t="s">
        <v>40</v>
      </c>
      <c r="R14764" s="5" t="s">
        <v>1522</v>
      </c>
      <c r="S14764" s="5" t="s">
        <v>1523</v>
      </c>
      <c r="T14764" s="5" t="s">
        <v>42</v>
      </c>
      <c r="U14764" s="2">
        <v>1.5980000000000001</v>
      </c>
      <c r="V14764" s="2">
        <v>1.0389999999999999</v>
      </c>
      <c r="W14764" s="2">
        <v>1.7999999999999999E-2</v>
      </c>
      <c r="X14764" s="2">
        <v>139.1</v>
      </c>
      <c r="Y14764" s="2">
        <v>7.6</v>
      </c>
      <c r="Z14764" s="2">
        <v>16.7</v>
      </c>
      <c r="AA14764" s="5"/>
      <c r="AB14764" s="5" t="s">
        <v>43</v>
      </c>
      <c r="AC14764" s="5" t="s">
        <v>44</v>
      </c>
      <c r="AD14764" s="2"/>
      <c r="AE14764" s="1"/>
    </row>
    <row r="14765" spans="1:31" ht="14.45">
      <c r="A14765" s="11"/>
      <c r="B14765" s="20"/>
      <c r="C14765" s="2" t="s">
        <v>45246</v>
      </c>
      <c r="D14765" s="14" t="s">
        <v>45247</v>
      </c>
      <c r="E14765" s="2" t="s">
        <v>45248</v>
      </c>
      <c r="F14765" s="2" t="s">
        <v>7204</v>
      </c>
      <c r="G14765" s="8">
        <v>166</v>
      </c>
      <c r="H14765" s="5">
        <v>6</v>
      </c>
      <c r="I14765" s="5" t="s">
        <v>1518</v>
      </c>
      <c r="J14765" s="5" t="s">
        <v>40939</v>
      </c>
      <c r="K14765" s="2" t="s">
        <v>40940</v>
      </c>
      <c r="L14765" s="5" t="s">
        <v>40939</v>
      </c>
      <c r="M14765" s="2" t="s">
        <v>40940</v>
      </c>
      <c r="N14765" s="5" t="s">
        <v>36266</v>
      </c>
      <c r="O14765" s="5" t="s">
        <v>38</v>
      </c>
      <c r="P14765" s="5" t="s">
        <v>39</v>
      </c>
      <c r="Q14765" s="5" t="s">
        <v>40</v>
      </c>
      <c r="R14765" s="5" t="s">
        <v>1522</v>
      </c>
      <c r="S14765" s="5" t="s">
        <v>1523</v>
      </c>
      <c r="T14765" s="5" t="s">
        <v>42</v>
      </c>
      <c r="U14765" s="2">
        <v>1.52</v>
      </c>
      <c r="V14765" s="2">
        <v>1.0609999999999999</v>
      </c>
      <c r="W14765" s="2">
        <v>1.4999999999999999E-2</v>
      </c>
      <c r="X14765" s="2">
        <v>118.9</v>
      </c>
      <c r="Y14765" s="2">
        <v>7.6</v>
      </c>
      <c r="Z14765" s="2">
        <v>16.7</v>
      </c>
      <c r="AA14765" s="5"/>
      <c r="AB14765" s="5" t="s">
        <v>43</v>
      </c>
      <c r="AC14765" s="5" t="s">
        <v>44</v>
      </c>
      <c r="AD14765" s="2"/>
      <c r="AE14765" s="1"/>
    </row>
    <row r="14766" spans="1:31" ht="14.45">
      <c r="A14766" s="11"/>
      <c r="B14766" s="20"/>
      <c r="C14766" s="2" t="s">
        <v>45249</v>
      </c>
      <c r="D14766" s="14" t="s">
        <v>45250</v>
      </c>
      <c r="E14766" s="2" t="s">
        <v>45251</v>
      </c>
      <c r="F14766" s="2" t="s">
        <v>40947</v>
      </c>
      <c r="G14766" s="8">
        <v>190</v>
      </c>
      <c r="H14766" s="5">
        <v>6</v>
      </c>
      <c r="I14766" s="5" t="s">
        <v>1518</v>
      </c>
      <c r="J14766" s="5" t="s">
        <v>40939</v>
      </c>
      <c r="K14766" s="2" t="s">
        <v>40940</v>
      </c>
      <c r="L14766" s="5" t="s">
        <v>40939</v>
      </c>
      <c r="M14766" s="2" t="s">
        <v>40940</v>
      </c>
      <c r="N14766" s="5" t="s">
        <v>36266</v>
      </c>
      <c r="O14766" s="5" t="s">
        <v>38</v>
      </c>
      <c r="P14766" s="5" t="s">
        <v>39</v>
      </c>
      <c r="Q14766" s="5" t="s">
        <v>40</v>
      </c>
      <c r="R14766" s="5" t="s">
        <v>1522</v>
      </c>
      <c r="S14766" s="5" t="s">
        <v>1523</v>
      </c>
      <c r="T14766" s="5" t="s">
        <v>42</v>
      </c>
      <c r="U14766" s="2">
        <v>1.5429999999999999</v>
      </c>
      <c r="V14766" s="2">
        <v>1.0840000000000001</v>
      </c>
      <c r="W14766" s="2">
        <v>1.4999999999999999E-2</v>
      </c>
      <c r="X14766" s="2">
        <v>118.9</v>
      </c>
      <c r="Y14766" s="2">
        <v>7.6</v>
      </c>
      <c r="Z14766" s="2">
        <v>16.7</v>
      </c>
      <c r="AA14766" s="5"/>
      <c r="AB14766" s="5" t="s">
        <v>43</v>
      </c>
      <c r="AC14766" s="5" t="s">
        <v>44</v>
      </c>
      <c r="AD14766" s="2"/>
      <c r="AE14766" s="1"/>
    </row>
    <row r="14767" spans="1:31" ht="14.45">
      <c r="A14767" s="11"/>
      <c r="B14767" s="20"/>
      <c r="C14767" s="2" t="s">
        <v>45252</v>
      </c>
      <c r="D14767" s="14" t="s">
        <v>45253</v>
      </c>
      <c r="E14767" s="2" t="s">
        <v>45254</v>
      </c>
      <c r="F14767" s="2" t="s">
        <v>7208</v>
      </c>
      <c r="G14767" s="8">
        <v>166</v>
      </c>
      <c r="H14767" s="5">
        <v>6</v>
      </c>
      <c r="I14767" s="5" t="s">
        <v>1518</v>
      </c>
      <c r="J14767" s="5" t="s">
        <v>40939</v>
      </c>
      <c r="K14767" s="2" t="s">
        <v>40940</v>
      </c>
      <c r="L14767" s="5" t="s">
        <v>40939</v>
      </c>
      <c r="M14767" s="2" t="s">
        <v>40940</v>
      </c>
      <c r="N14767" s="5" t="s">
        <v>36266</v>
      </c>
      <c r="O14767" s="5" t="s">
        <v>38</v>
      </c>
      <c r="P14767" s="5" t="s">
        <v>39</v>
      </c>
      <c r="Q14767" s="5" t="s">
        <v>40</v>
      </c>
      <c r="R14767" s="5" t="s">
        <v>1522</v>
      </c>
      <c r="S14767" s="5" t="s">
        <v>1523</v>
      </c>
      <c r="T14767" s="5" t="s">
        <v>42</v>
      </c>
      <c r="U14767" s="2">
        <v>1.554</v>
      </c>
      <c r="V14767" s="2">
        <v>1.095</v>
      </c>
      <c r="W14767" s="2">
        <v>1.4999999999999999E-2</v>
      </c>
      <c r="X14767" s="2">
        <v>118.9</v>
      </c>
      <c r="Y14767" s="2">
        <v>7.6</v>
      </c>
      <c r="Z14767" s="2">
        <v>16.7</v>
      </c>
      <c r="AA14767" s="5"/>
      <c r="AB14767" s="5" t="s">
        <v>43</v>
      </c>
      <c r="AC14767" s="5" t="s">
        <v>44</v>
      </c>
      <c r="AD14767" s="2"/>
      <c r="AE14767" s="1"/>
    </row>
    <row r="14768" spans="1:31" ht="14.45">
      <c r="A14768" s="11"/>
      <c r="B14768" s="20"/>
      <c r="C14768" s="2" t="s">
        <v>45255</v>
      </c>
      <c r="D14768" s="14" t="s">
        <v>45256</v>
      </c>
      <c r="E14768" s="2" t="s">
        <v>45257</v>
      </c>
      <c r="F14768" s="2" t="s">
        <v>36273</v>
      </c>
      <c r="G14768" s="8">
        <v>166</v>
      </c>
      <c r="H14768" s="5">
        <v>6</v>
      </c>
      <c r="I14768" s="5" t="s">
        <v>1518</v>
      </c>
      <c r="J14768" s="5" t="s">
        <v>40939</v>
      </c>
      <c r="K14768" s="2" t="s">
        <v>40940</v>
      </c>
      <c r="L14768" s="5" t="s">
        <v>40939</v>
      </c>
      <c r="M14768" s="2" t="s">
        <v>40940</v>
      </c>
      <c r="N14768" s="5" t="s">
        <v>36266</v>
      </c>
      <c r="O14768" s="5" t="s">
        <v>38</v>
      </c>
      <c r="P14768" s="5" t="s">
        <v>39</v>
      </c>
      <c r="Q14768" s="5" t="s">
        <v>40</v>
      </c>
      <c r="R14768" s="5" t="s">
        <v>1522</v>
      </c>
      <c r="S14768" s="5" t="s">
        <v>1523</v>
      </c>
      <c r="T14768" s="5" t="s">
        <v>42</v>
      </c>
      <c r="U14768" s="2">
        <v>1.577</v>
      </c>
      <c r="V14768" s="2">
        <v>1.1180000000000001</v>
      </c>
      <c r="W14768" s="2">
        <v>1.4999999999999999E-2</v>
      </c>
      <c r="X14768" s="2">
        <v>118.9</v>
      </c>
      <c r="Y14768" s="2">
        <v>7.6</v>
      </c>
      <c r="Z14768" s="2">
        <v>16.7</v>
      </c>
      <c r="AA14768" s="5"/>
      <c r="AB14768" s="5" t="s">
        <v>43</v>
      </c>
      <c r="AC14768" s="5" t="s">
        <v>44</v>
      </c>
      <c r="AD14768" s="2"/>
      <c r="AE14768" s="1"/>
    </row>
    <row r="14769" spans="1:31" ht="14.45">
      <c r="A14769" s="11"/>
      <c r="B14769" s="20"/>
      <c r="C14769" s="2" t="s">
        <v>45258</v>
      </c>
      <c r="D14769" s="14" t="s">
        <v>45259</v>
      </c>
      <c r="E14769" s="2" t="s">
        <v>45260</v>
      </c>
      <c r="F14769" s="2" t="s">
        <v>40967</v>
      </c>
      <c r="G14769" s="8">
        <v>190</v>
      </c>
      <c r="H14769" s="5">
        <v>6</v>
      </c>
      <c r="I14769" s="5" t="s">
        <v>1518</v>
      </c>
      <c r="J14769" s="5" t="s">
        <v>40939</v>
      </c>
      <c r="K14769" s="2" t="s">
        <v>40940</v>
      </c>
      <c r="L14769" s="5" t="s">
        <v>40939</v>
      </c>
      <c r="M14769" s="2" t="s">
        <v>40940</v>
      </c>
      <c r="N14769" s="5" t="s">
        <v>36266</v>
      </c>
      <c r="O14769" s="5" t="s">
        <v>38</v>
      </c>
      <c r="P14769" s="5" t="s">
        <v>39</v>
      </c>
      <c r="Q14769" s="5" t="s">
        <v>40</v>
      </c>
      <c r="R14769" s="5" t="s">
        <v>1522</v>
      </c>
      <c r="S14769" s="5" t="s">
        <v>1523</v>
      </c>
      <c r="T14769" s="5" t="s">
        <v>42</v>
      </c>
      <c r="U14769" s="2">
        <v>1.554</v>
      </c>
      <c r="V14769" s="2">
        <v>1.095</v>
      </c>
      <c r="W14769" s="2">
        <v>1.4999999999999999E-2</v>
      </c>
      <c r="X14769" s="2">
        <v>118.9</v>
      </c>
      <c r="Y14769" s="2">
        <v>7.6</v>
      </c>
      <c r="Z14769" s="2">
        <v>16.7</v>
      </c>
      <c r="AA14769" s="5"/>
      <c r="AB14769" s="5" t="s">
        <v>43</v>
      </c>
      <c r="AC14769" s="5" t="s">
        <v>44</v>
      </c>
      <c r="AD14769" s="2"/>
      <c r="AE14769" s="1"/>
    </row>
    <row r="14770" spans="1:31" ht="14.45">
      <c r="A14770" s="11"/>
      <c r="B14770" s="20"/>
      <c r="C14770" s="2" t="s">
        <v>45261</v>
      </c>
      <c r="D14770" s="14" t="s">
        <v>45262</v>
      </c>
      <c r="E14770" s="2" t="s">
        <v>45263</v>
      </c>
      <c r="F14770" s="2" t="s">
        <v>40975</v>
      </c>
      <c r="G14770" s="8">
        <v>190</v>
      </c>
      <c r="H14770" s="5">
        <v>6</v>
      </c>
      <c r="I14770" s="5" t="s">
        <v>1518</v>
      </c>
      <c r="J14770" s="5" t="s">
        <v>40939</v>
      </c>
      <c r="K14770" s="2" t="s">
        <v>40940</v>
      </c>
      <c r="L14770" s="5" t="s">
        <v>40939</v>
      </c>
      <c r="M14770" s="2" t="s">
        <v>40940</v>
      </c>
      <c r="N14770" s="5" t="s">
        <v>36266</v>
      </c>
      <c r="O14770" s="5" t="s">
        <v>38</v>
      </c>
      <c r="P14770" s="5" t="s">
        <v>39</v>
      </c>
      <c r="Q14770" s="5" t="s">
        <v>40</v>
      </c>
      <c r="R14770" s="5" t="s">
        <v>1522</v>
      </c>
      <c r="S14770" s="5" t="s">
        <v>1523</v>
      </c>
      <c r="T14770" s="5" t="s">
        <v>42</v>
      </c>
      <c r="U14770" s="2">
        <v>1.554</v>
      </c>
      <c r="V14770" s="2">
        <v>1.095</v>
      </c>
      <c r="W14770" s="2">
        <v>1.4999999999999999E-2</v>
      </c>
      <c r="X14770" s="2">
        <v>118.9</v>
      </c>
      <c r="Y14770" s="2">
        <v>7.6</v>
      </c>
      <c r="Z14770" s="2">
        <v>16.7</v>
      </c>
      <c r="AA14770" s="5"/>
      <c r="AB14770" s="5" t="s">
        <v>43</v>
      </c>
      <c r="AC14770" s="5" t="s">
        <v>44</v>
      </c>
      <c r="AD14770" s="2"/>
      <c r="AE14770" s="1"/>
    </row>
    <row r="14771" spans="1:31" ht="14.45">
      <c r="A14771" s="11"/>
      <c r="B14771" s="20"/>
      <c r="C14771" s="2" t="s">
        <v>45264</v>
      </c>
      <c r="D14771" s="14" t="s">
        <v>45265</v>
      </c>
      <c r="E14771" s="2" t="s">
        <v>45266</v>
      </c>
      <c r="F14771" s="2" t="s">
        <v>7539</v>
      </c>
      <c r="G14771" s="8">
        <v>190</v>
      </c>
      <c r="H14771" s="5">
        <v>6</v>
      </c>
      <c r="I14771" s="5" t="s">
        <v>1518</v>
      </c>
      <c r="J14771" s="5" t="s">
        <v>40939</v>
      </c>
      <c r="K14771" s="2" t="s">
        <v>40940</v>
      </c>
      <c r="L14771" s="5" t="s">
        <v>40939</v>
      </c>
      <c r="M14771" s="2" t="s">
        <v>40940</v>
      </c>
      <c r="N14771" s="5" t="s">
        <v>36266</v>
      </c>
      <c r="O14771" s="5" t="s">
        <v>38</v>
      </c>
      <c r="P14771" s="5" t="s">
        <v>39</v>
      </c>
      <c r="Q14771" s="5" t="s">
        <v>40</v>
      </c>
      <c r="R14771" s="5" t="s">
        <v>1522</v>
      </c>
      <c r="S14771" s="5" t="s">
        <v>1523</v>
      </c>
      <c r="T14771" s="5" t="s">
        <v>42</v>
      </c>
      <c r="U14771" s="2">
        <v>1.498</v>
      </c>
      <c r="V14771" s="2">
        <v>1.0389999999999999</v>
      </c>
      <c r="W14771" s="2">
        <v>1.4999999999999999E-2</v>
      </c>
      <c r="X14771" s="2">
        <v>118.9</v>
      </c>
      <c r="Y14771" s="2">
        <v>7.6</v>
      </c>
      <c r="Z14771" s="2">
        <v>16.7</v>
      </c>
      <c r="AA14771" s="5"/>
      <c r="AB14771" s="5" t="s">
        <v>43</v>
      </c>
      <c r="AC14771" s="5" t="s">
        <v>44</v>
      </c>
      <c r="AD14771" s="2"/>
      <c r="AE14771" s="1"/>
    </row>
    <row r="14772" spans="1:31" ht="14.45">
      <c r="A14772" s="11"/>
      <c r="B14772" s="20"/>
      <c r="C14772" s="2" t="s">
        <v>45267</v>
      </c>
      <c r="D14772" s="14" t="s">
        <v>45268</v>
      </c>
      <c r="E14772" s="2" t="s">
        <v>45269</v>
      </c>
      <c r="F14772" s="2" t="s">
        <v>40989</v>
      </c>
      <c r="G14772" s="8">
        <v>190</v>
      </c>
      <c r="H14772" s="5">
        <v>6</v>
      </c>
      <c r="I14772" s="5" t="s">
        <v>1518</v>
      </c>
      <c r="J14772" s="5" t="s">
        <v>40939</v>
      </c>
      <c r="K14772" s="2" t="s">
        <v>40940</v>
      </c>
      <c r="L14772" s="5" t="s">
        <v>40939</v>
      </c>
      <c r="M14772" s="2" t="s">
        <v>40940</v>
      </c>
      <c r="N14772" s="5" t="s">
        <v>36266</v>
      </c>
      <c r="O14772" s="5" t="s">
        <v>38</v>
      </c>
      <c r="P14772" s="5" t="s">
        <v>39</v>
      </c>
      <c r="Q14772" s="5" t="s">
        <v>40</v>
      </c>
      <c r="R14772" s="5" t="s">
        <v>1522</v>
      </c>
      <c r="S14772" s="5" t="s">
        <v>1523</v>
      </c>
      <c r="T14772" s="5" t="s">
        <v>42</v>
      </c>
      <c r="U14772" s="2">
        <v>1.554</v>
      </c>
      <c r="V14772" s="2">
        <v>1.095</v>
      </c>
      <c r="W14772" s="2">
        <v>1.4999999999999999E-2</v>
      </c>
      <c r="X14772" s="2">
        <v>118.9</v>
      </c>
      <c r="Y14772" s="2">
        <v>7.6</v>
      </c>
      <c r="Z14772" s="2">
        <v>16.7</v>
      </c>
      <c r="AA14772" s="5"/>
      <c r="AB14772" s="5" t="s">
        <v>43</v>
      </c>
      <c r="AC14772" s="5" t="s">
        <v>44</v>
      </c>
      <c r="AD14772" s="2"/>
      <c r="AE14772" s="1"/>
    </row>
    <row r="14773" spans="1:31" ht="14.45">
      <c r="A14773" s="11"/>
      <c r="B14773" s="20"/>
      <c r="C14773" s="2" t="s">
        <v>45270</v>
      </c>
      <c r="D14773" s="14" t="s">
        <v>45271</v>
      </c>
      <c r="E14773" s="2" t="s">
        <v>45272</v>
      </c>
      <c r="F14773" s="2" t="s">
        <v>40997</v>
      </c>
      <c r="G14773" s="8">
        <v>190</v>
      </c>
      <c r="H14773" s="5">
        <v>6</v>
      </c>
      <c r="I14773" s="5" t="s">
        <v>1518</v>
      </c>
      <c r="J14773" s="5" t="s">
        <v>40939</v>
      </c>
      <c r="K14773" s="2" t="s">
        <v>40940</v>
      </c>
      <c r="L14773" s="5" t="s">
        <v>40939</v>
      </c>
      <c r="M14773" s="2" t="s">
        <v>40940</v>
      </c>
      <c r="N14773" s="5" t="s">
        <v>36266</v>
      </c>
      <c r="O14773" s="5" t="s">
        <v>38</v>
      </c>
      <c r="P14773" s="5" t="s">
        <v>39</v>
      </c>
      <c r="Q14773" s="5" t="s">
        <v>40</v>
      </c>
      <c r="R14773" s="5" t="s">
        <v>1522</v>
      </c>
      <c r="S14773" s="5" t="s">
        <v>1523</v>
      </c>
      <c r="T14773" s="5" t="s">
        <v>42</v>
      </c>
      <c r="U14773" s="2">
        <v>1.5089999999999999</v>
      </c>
      <c r="V14773" s="2">
        <v>1.05</v>
      </c>
      <c r="W14773" s="2">
        <v>1.4999999999999999E-2</v>
      </c>
      <c r="X14773" s="2">
        <v>118.9</v>
      </c>
      <c r="Y14773" s="2">
        <v>7.6</v>
      </c>
      <c r="Z14773" s="2">
        <v>16.7</v>
      </c>
      <c r="AA14773" s="5"/>
      <c r="AB14773" s="5" t="s">
        <v>43</v>
      </c>
      <c r="AC14773" s="5" t="s">
        <v>44</v>
      </c>
      <c r="AD14773" s="2"/>
      <c r="AE14773" s="1"/>
    </row>
    <row r="14774" spans="1:31" ht="14.45">
      <c r="A14774" s="11"/>
      <c r="B14774" s="20"/>
      <c r="C14774" s="2" t="s">
        <v>45273</v>
      </c>
      <c r="D14774" s="14" t="s">
        <v>45274</v>
      </c>
      <c r="E14774" s="2" t="s">
        <v>45275</v>
      </c>
      <c r="F14774" s="2" t="s">
        <v>41001</v>
      </c>
      <c r="G14774" s="8">
        <v>190</v>
      </c>
      <c r="H14774" s="5">
        <v>6</v>
      </c>
      <c r="I14774" s="5" t="s">
        <v>1518</v>
      </c>
      <c r="J14774" s="5" t="s">
        <v>40939</v>
      </c>
      <c r="K14774" s="2" t="s">
        <v>40940</v>
      </c>
      <c r="L14774" s="5" t="s">
        <v>40939</v>
      </c>
      <c r="M14774" s="2" t="s">
        <v>40940</v>
      </c>
      <c r="N14774" s="5" t="s">
        <v>36266</v>
      </c>
      <c r="O14774" s="5" t="s">
        <v>38</v>
      </c>
      <c r="P14774" s="5" t="s">
        <v>39</v>
      </c>
      <c r="Q14774" s="5" t="s">
        <v>40</v>
      </c>
      <c r="R14774" s="5" t="s">
        <v>1522</v>
      </c>
      <c r="S14774" s="5" t="s">
        <v>1523</v>
      </c>
      <c r="T14774" s="5" t="s">
        <v>42</v>
      </c>
      <c r="U14774" s="2">
        <v>1.554</v>
      </c>
      <c r="V14774" s="2">
        <v>1.095</v>
      </c>
      <c r="W14774" s="2">
        <v>1.4999999999999999E-2</v>
      </c>
      <c r="X14774" s="2">
        <v>118.9</v>
      </c>
      <c r="Y14774" s="2">
        <v>7.6</v>
      </c>
      <c r="Z14774" s="2">
        <v>16.7</v>
      </c>
      <c r="AA14774" s="5"/>
      <c r="AB14774" s="5" t="s">
        <v>43</v>
      </c>
      <c r="AC14774" s="5" t="s">
        <v>44</v>
      </c>
      <c r="AD14774" s="2"/>
      <c r="AE14774" s="1"/>
    </row>
    <row r="14775" spans="1:31" ht="14.45">
      <c r="A14775" s="11"/>
      <c r="B14775" s="20"/>
      <c r="C14775" s="2" t="s">
        <v>45276</v>
      </c>
      <c r="D14775" s="14" t="s">
        <v>45277</v>
      </c>
      <c r="E14775" s="2" t="s">
        <v>45278</v>
      </c>
      <c r="F14775" s="2" t="s">
        <v>41009</v>
      </c>
      <c r="G14775" s="8">
        <v>190</v>
      </c>
      <c r="H14775" s="5">
        <v>6</v>
      </c>
      <c r="I14775" s="5" t="s">
        <v>1518</v>
      </c>
      <c r="J14775" s="5" t="s">
        <v>40939</v>
      </c>
      <c r="K14775" s="2" t="s">
        <v>40940</v>
      </c>
      <c r="L14775" s="5" t="s">
        <v>40939</v>
      </c>
      <c r="M14775" s="2" t="s">
        <v>40940</v>
      </c>
      <c r="N14775" s="5" t="s">
        <v>36266</v>
      </c>
      <c r="O14775" s="5" t="s">
        <v>38</v>
      </c>
      <c r="P14775" s="5" t="s">
        <v>39</v>
      </c>
      <c r="Q14775" s="5" t="s">
        <v>40</v>
      </c>
      <c r="R14775" s="5" t="s">
        <v>1522</v>
      </c>
      <c r="S14775" s="5" t="s">
        <v>1523</v>
      </c>
      <c r="T14775" s="5" t="s">
        <v>42</v>
      </c>
      <c r="U14775" s="2">
        <v>1.5649999999999999</v>
      </c>
      <c r="V14775" s="2">
        <v>1.1060000000000001</v>
      </c>
      <c r="W14775" s="2">
        <v>1.4999999999999999E-2</v>
      </c>
      <c r="X14775" s="2">
        <v>118.9</v>
      </c>
      <c r="Y14775" s="2">
        <v>7.6</v>
      </c>
      <c r="Z14775" s="2">
        <v>16.7</v>
      </c>
      <c r="AA14775" s="5"/>
      <c r="AB14775" s="5" t="s">
        <v>43</v>
      </c>
      <c r="AC14775" s="5" t="s">
        <v>44</v>
      </c>
      <c r="AD14775" s="2"/>
      <c r="AE14775" s="1"/>
    </row>
    <row r="14776" spans="1:31" ht="14.45">
      <c r="A14776" s="11"/>
      <c r="B14776" s="20"/>
      <c r="C14776" s="2" t="s">
        <v>45279</v>
      </c>
      <c r="D14776" s="14" t="s">
        <v>45280</v>
      </c>
      <c r="E14776" s="2" t="s">
        <v>45281</v>
      </c>
      <c r="F14776" s="2" t="s">
        <v>7396</v>
      </c>
      <c r="G14776" s="8">
        <v>166</v>
      </c>
      <c r="H14776" s="5">
        <v>6</v>
      </c>
      <c r="I14776" s="5" t="s">
        <v>1518</v>
      </c>
      <c r="J14776" s="5" t="s">
        <v>40939</v>
      </c>
      <c r="K14776" s="2" t="s">
        <v>40940</v>
      </c>
      <c r="L14776" s="5" t="s">
        <v>40939</v>
      </c>
      <c r="M14776" s="2" t="s">
        <v>40940</v>
      </c>
      <c r="N14776" s="5" t="s">
        <v>36266</v>
      </c>
      <c r="O14776" s="5" t="s">
        <v>38</v>
      </c>
      <c r="P14776" s="5" t="s">
        <v>39</v>
      </c>
      <c r="Q14776" s="5" t="s">
        <v>40</v>
      </c>
      <c r="R14776" s="5" t="s">
        <v>1522</v>
      </c>
      <c r="S14776" s="5" t="s">
        <v>1523</v>
      </c>
      <c r="T14776" s="5" t="s">
        <v>42</v>
      </c>
      <c r="U14776" s="2">
        <v>1.5649999999999999</v>
      </c>
      <c r="V14776" s="2">
        <v>1.1060000000000001</v>
      </c>
      <c r="W14776" s="2">
        <v>1.4999999999999999E-2</v>
      </c>
      <c r="X14776" s="2">
        <v>118.9</v>
      </c>
      <c r="Y14776" s="2">
        <v>7.6</v>
      </c>
      <c r="Z14776" s="2">
        <v>16.7</v>
      </c>
      <c r="AA14776" s="5"/>
      <c r="AB14776" s="5" t="s">
        <v>43</v>
      </c>
      <c r="AC14776" s="5" t="s">
        <v>44</v>
      </c>
      <c r="AD14776" s="2"/>
      <c r="AE14776" s="1"/>
    </row>
    <row r="14777" spans="1:31" ht="14.45">
      <c r="A14777" s="11"/>
      <c r="B14777" s="20"/>
      <c r="C14777" s="2" t="s">
        <v>45282</v>
      </c>
      <c r="D14777" s="14" t="s">
        <v>45283</v>
      </c>
      <c r="E14777" s="2" t="s">
        <v>45284</v>
      </c>
      <c r="F14777" s="2" t="s">
        <v>41023</v>
      </c>
      <c r="G14777" s="8">
        <v>190</v>
      </c>
      <c r="H14777" s="5">
        <v>6</v>
      </c>
      <c r="I14777" s="5" t="s">
        <v>1518</v>
      </c>
      <c r="J14777" s="5" t="s">
        <v>40939</v>
      </c>
      <c r="K14777" s="2" t="s">
        <v>40940</v>
      </c>
      <c r="L14777" s="5" t="s">
        <v>40939</v>
      </c>
      <c r="M14777" s="2" t="s">
        <v>40940</v>
      </c>
      <c r="N14777" s="5" t="s">
        <v>36266</v>
      </c>
      <c r="O14777" s="5" t="s">
        <v>38</v>
      </c>
      <c r="P14777" s="5" t="s">
        <v>39</v>
      </c>
      <c r="Q14777" s="5" t="s">
        <v>40</v>
      </c>
      <c r="R14777" s="5" t="s">
        <v>1522</v>
      </c>
      <c r="S14777" s="5" t="s">
        <v>1523</v>
      </c>
      <c r="T14777" s="5" t="s">
        <v>42</v>
      </c>
      <c r="U14777" s="2">
        <v>1.5089999999999999</v>
      </c>
      <c r="V14777" s="2">
        <v>1.05</v>
      </c>
      <c r="W14777" s="2">
        <v>1.4999999999999999E-2</v>
      </c>
      <c r="X14777" s="2">
        <v>118.9</v>
      </c>
      <c r="Y14777" s="2">
        <v>7.6</v>
      </c>
      <c r="Z14777" s="2">
        <v>16.7</v>
      </c>
      <c r="AA14777" s="5"/>
      <c r="AB14777" s="5" t="s">
        <v>43</v>
      </c>
      <c r="AC14777" s="5" t="s">
        <v>44</v>
      </c>
      <c r="AD14777" s="2"/>
      <c r="AE14777" s="1"/>
    </row>
    <row r="14778" spans="1:31" ht="14.45">
      <c r="A14778" s="11"/>
      <c r="B14778" s="20"/>
      <c r="C14778" s="2" t="s">
        <v>45285</v>
      </c>
      <c r="D14778" s="14" t="s">
        <v>45286</v>
      </c>
      <c r="E14778" s="2" t="s">
        <v>45287</v>
      </c>
      <c r="F14778" s="2" t="s">
        <v>41031</v>
      </c>
      <c r="G14778" s="8">
        <v>190</v>
      </c>
      <c r="H14778" s="5">
        <v>6</v>
      </c>
      <c r="I14778" s="5" t="s">
        <v>1518</v>
      </c>
      <c r="J14778" s="5" t="s">
        <v>40939</v>
      </c>
      <c r="K14778" s="2" t="s">
        <v>40940</v>
      </c>
      <c r="L14778" s="5" t="s">
        <v>40939</v>
      </c>
      <c r="M14778" s="2" t="s">
        <v>40940</v>
      </c>
      <c r="N14778" s="5" t="s">
        <v>36266</v>
      </c>
      <c r="O14778" s="5" t="s">
        <v>38</v>
      </c>
      <c r="P14778" s="5" t="s">
        <v>39</v>
      </c>
      <c r="Q14778" s="5" t="s">
        <v>40</v>
      </c>
      <c r="R14778" s="5" t="s">
        <v>1522</v>
      </c>
      <c r="S14778" s="5" t="s">
        <v>1523</v>
      </c>
      <c r="T14778" s="5" t="s">
        <v>42</v>
      </c>
      <c r="U14778" s="2">
        <v>1.5089999999999999</v>
      </c>
      <c r="V14778" s="2">
        <v>1.05</v>
      </c>
      <c r="W14778" s="2">
        <v>1.4999999999999999E-2</v>
      </c>
      <c r="X14778" s="2">
        <v>118.9</v>
      </c>
      <c r="Y14778" s="2">
        <v>7.6</v>
      </c>
      <c r="Z14778" s="2">
        <v>16.7</v>
      </c>
      <c r="AA14778" s="5"/>
      <c r="AB14778" s="5" t="s">
        <v>43</v>
      </c>
      <c r="AC14778" s="5" t="s">
        <v>44</v>
      </c>
      <c r="AD14778" s="2"/>
      <c r="AE14778" s="1"/>
    </row>
    <row r="14779" spans="1:31" ht="14.45">
      <c r="A14779" s="11"/>
      <c r="B14779" s="20"/>
      <c r="C14779" s="2" t="s">
        <v>45288</v>
      </c>
      <c r="D14779" s="14" t="s">
        <v>45289</v>
      </c>
      <c r="E14779" s="2" t="s">
        <v>45290</v>
      </c>
      <c r="F14779" s="2" t="s">
        <v>7449</v>
      </c>
      <c r="G14779" s="8">
        <v>190</v>
      </c>
      <c r="H14779" s="5">
        <v>6</v>
      </c>
      <c r="I14779" s="5" t="s">
        <v>1518</v>
      </c>
      <c r="J14779" s="5" t="s">
        <v>40939</v>
      </c>
      <c r="K14779" s="2" t="s">
        <v>40940</v>
      </c>
      <c r="L14779" s="5" t="s">
        <v>40939</v>
      </c>
      <c r="M14779" s="2" t="s">
        <v>40940</v>
      </c>
      <c r="N14779" s="5" t="s">
        <v>36266</v>
      </c>
      <c r="O14779" s="5" t="s">
        <v>38</v>
      </c>
      <c r="P14779" s="5" t="s">
        <v>39</v>
      </c>
      <c r="Q14779" s="5" t="s">
        <v>40</v>
      </c>
      <c r="R14779" s="5" t="s">
        <v>1522</v>
      </c>
      <c r="S14779" s="5" t="s">
        <v>1523</v>
      </c>
      <c r="T14779" s="5" t="s">
        <v>42</v>
      </c>
      <c r="U14779" s="2">
        <v>1.5089999999999999</v>
      </c>
      <c r="V14779" s="2">
        <v>1.05</v>
      </c>
      <c r="W14779" s="2">
        <v>1.4999999999999999E-2</v>
      </c>
      <c r="X14779" s="2">
        <v>118.9</v>
      </c>
      <c r="Y14779" s="2">
        <v>7.6</v>
      </c>
      <c r="Z14779" s="2">
        <v>16.7</v>
      </c>
      <c r="AA14779" s="5"/>
      <c r="AB14779" s="5" t="s">
        <v>43</v>
      </c>
      <c r="AC14779" s="5" t="s">
        <v>44</v>
      </c>
      <c r="AD14779" s="2"/>
      <c r="AE14779" s="1"/>
    </row>
    <row r="14780" spans="1:31" ht="14.45">
      <c r="A14780" s="11"/>
      <c r="B14780" s="20"/>
      <c r="C14780" s="2" t="s">
        <v>45291</v>
      </c>
      <c r="D14780" s="14" t="s">
        <v>45292</v>
      </c>
      <c r="E14780" s="2" t="s">
        <v>45293</v>
      </c>
      <c r="F14780" s="2" t="s">
        <v>41045</v>
      </c>
      <c r="G14780" s="8">
        <v>190</v>
      </c>
      <c r="H14780" s="5">
        <v>6</v>
      </c>
      <c r="I14780" s="5" t="s">
        <v>1518</v>
      </c>
      <c r="J14780" s="5" t="s">
        <v>40939</v>
      </c>
      <c r="K14780" s="2" t="s">
        <v>40940</v>
      </c>
      <c r="L14780" s="5" t="s">
        <v>40939</v>
      </c>
      <c r="M14780" s="2" t="s">
        <v>40940</v>
      </c>
      <c r="N14780" s="5" t="s">
        <v>36266</v>
      </c>
      <c r="O14780" s="5" t="s">
        <v>38</v>
      </c>
      <c r="P14780" s="5" t="s">
        <v>39</v>
      </c>
      <c r="Q14780" s="5" t="s">
        <v>40</v>
      </c>
      <c r="R14780" s="5" t="s">
        <v>1522</v>
      </c>
      <c r="S14780" s="5" t="s">
        <v>1523</v>
      </c>
      <c r="T14780" s="5" t="s">
        <v>42</v>
      </c>
      <c r="U14780" s="2">
        <v>1.577</v>
      </c>
      <c r="V14780" s="2">
        <v>1.1180000000000001</v>
      </c>
      <c r="W14780" s="2">
        <v>1.4999999999999999E-2</v>
      </c>
      <c r="X14780" s="2">
        <v>118.9</v>
      </c>
      <c r="Y14780" s="2">
        <v>7.6</v>
      </c>
      <c r="Z14780" s="2">
        <v>16.7</v>
      </c>
      <c r="AA14780" s="5"/>
      <c r="AB14780" s="5" t="s">
        <v>43</v>
      </c>
      <c r="AC14780" s="5" t="s">
        <v>44</v>
      </c>
      <c r="AD14780" s="2"/>
      <c r="AE14780" s="1"/>
    </row>
    <row r="14781" spans="1:31" ht="14.45">
      <c r="A14781" s="11"/>
      <c r="B14781" s="20"/>
      <c r="C14781" s="2" t="s">
        <v>45294</v>
      </c>
      <c r="D14781" s="14" t="s">
        <v>45295</v>
      </c>
      <c r="E14781" s="2" t="s">
        <v>45296</v>
      </c>
      <c r="F14781" s="2" t="s">
        <v>7204</v>
      </c>
      <c r="G14781" s="8">
        <v>175</v>
      </c>
      <c r="H14781" s="5">
        <v>6</v>
      </c>
      <c r="I14781" s="5" t="s">
        <v>1518</v>
      </c>
      <c r="J14781" s="5" t="s">
        <v>40939</v>
      </c>
      <c r="K14781" s="2" t="s">
        <v>40940</v>
      </c>
      <c r="L14781" s="5" t="s">
        <v>40939</v>
      </c>
      <c r="M14781" s="2" t="s">
        <v>40940</v>
      </c>
      <c r="N14781" s="5" t="s">
        <v>36266</v>
      </c>
      <c r="O14781" s="5" t="s">
        <v>38</v>
      </c>
      <c r="P14781" s="5" t="s">
        <v>39</v>
      </c>
      <c r="Q14781" s="5" t="s">
        <v>40</v>
      </c>
      <c r="R14781" s="5" t="s">
        <v>1522</v>
      </c>
      <c r="S14781" s="5" t="s">
        <v>1523</v>
      </c>
      <c r="T14781" s="5" t="s">
        <v>42</v>
      </c>
      <c r="U14781" s="2">
        <v>1.6719999999999999</v>
      </c>
      <c r="V14781" s="2">
        <v>1.1359999999999999</v>
      </c>
      <c r="W14781" s="2">
        <v>1.7999999999999999E-2</v>
      </c>
      <c r="X14781" s="2">
        <v>139.1</v>
      </c>
      <c r="Y14781" s="2">
        <v>7.6</v>
      </c>
      <c r="Z14781" s="2">
        <v>16.7</v>
      </c>
      <c r="AA14781" s="5"/>
      <c r="AB14781" s="5" t="s">
        <v>43</v>
      </c>
      <c r="AC14781" s="5" t="s">
        <v>44</v>
      </c>
      <c r="AD14781" s="2"/>
      <c r="AE14781" s="1"/>
    </row>
    <row r="14782" spans="1:31" ht="14.45">
      <c r="A14782" s="11"/>
      <c r="B14782" s="20"/>
      <c r="C14782" s="2" t="s">
        <v>45297</v>
      </c>
      <c r="D14782" s="14" t="s">
        <v>45298</v>
      </c>
      <c r="E14782" s="2" t="s">
        <v>45299</v>
      </c>
      <c r="F14782" s="2" t="s">
        <v>40947</v>
      </c>
      <c r="G14782" s="8">
        <v>201</v>
      </c>
      <c r="H14782" s="5">
        <v>6</v>
      </c>
      <c r="I14782" s="5" t="s">
        <v>1518</v>
      </c>
      <c r="J14782" s="5" t="s">
        <v>40939</v>
      </c>
      <c r="K14782" s="2" t="s">
        <v>40940</v>
      </c>
      <c r="L14782" s="5" t="s">
        <v>40939</v>
      </c>
      <c r="M14782" s="2" t="s">
        <v>40940</v>
      </c>
      <c r="N14782" s="5" t="s">
        <v>36266</v>
      </c>
      <c r="O14782" s="5" t="s">
        <v>38</v>
      </c>
      <c r="P14782" s="5" t="s">
        <v>39</v>
      </c>
      <c r="Q14782" s="5" t="s">
        <v>40</v>
      </c>
      <c r="R14782" s="5" t="s">
        <v>1522</v>
      </c>
      <c r="S14782" s="5" t="s">
        <v>1523</v>
      </c>
      <c r="T14782" s="5" t="s">
        <v>42</v>
      </c>
      <c r="U14782" s="2">
        <v>1.698</v>
      </c>
      <c r="V14782" s="2">
        <v>1.1619999999999999</v>
      </c>
      <c r="W14782" s="2">
        <v>1.7999999999999999E-2</v>
      </c>
      <c r="X14782" s="2">
        <v>139.1</v>
      </c>
      <c r="Y14782" s="2">
        <v>7.6</v>
      </c>
      <c r="Z14782" s="2">
        <v>16.7</v>
      </c>
      <c r="AA14782" s="5"/>
      <c r="AB14782" s="5" t="s">
        <v>43</v>
      </c>
      <c r="AC14782" s="5" t="s">
        <v>44</v>
      </c>
      <c r="AD14782" s="2"/>
      <c r="AE14782" s="1"/>
    </row>
    <row r="14783" spans="1:31" ht="14.45">
      <c r="A14783" s="11"/>
      <c r="B14783" s="20"/>
      <c r="C14783" s="2" t="s">
        <v>45300</v>
      </c>
      <c r="D14783" s="14" t="s">
        <v>45301</v>
      </c>
      <c r="E14783" s="2" t="s">
        <v>45302</v>
      </c>
      <c r="F14783" s="2" t="s">
        <v>7208</v>
      </c>
      <c r="G14783" s="8">
        <v>175</v>
      </c>
      <c r="H14783" s="5">
        <v>6</v>
      </c>
      <c r="I14783" s="5" t="s">
        <v>1518</v>
      </c>
      <c r="J14783" s="5" t="s">
        <v>40939</v>
      </c>
      <c r="K14783" s="2" t="s">
        <v>40940</v>
      </c>
      <c r="L14783" s="5" t="s">
        <v>40939</v>
      </c>
      <c r="M14783" s="2" t="s">
        <v>40940</v>
      </c>
      <c r="N14783" s="5" t="s">
        <v>36266</v>
      </c>
      <c r="O14783" s="5" t="s">
        <v>38</v>
      </c>
      <c r="P14783" s="5" t="s">
        <v>39</v>
      </c>
      <c r="Q14783" s="5" t="s">
        <v>40</v>
      </c>
      <c r="R14783" s="5" t="s">
        <v>1522</v>
      </c>
      <c r="S14783" s="5" t="s">
        <v>1523</v>
      </c>
      <c r="T14783" s="5" t="s">
        <v>42</v>
      </c>
      <c r="U14783" s="2">
        <v>1.7110000000000001</v>
      </c>
      <c r="V14783" s="2">
        <v>1.175</v>
      </c>
      <c r="W14783" s="2">
        <v>1.7999999999999999E-2</v>
      </c>
      <c r="X14783" s="2">
        <v>139.1</v>
      </c>
      <c r="Y14783" s="2">
        <v>7.6</v>
      </c>
      <c r="Z14783" s="2">
        <v>16.7</v>
      </c>
      <c r="AA14783" s="5"/>
      <c r="AB14783" s="5" t="s">
        <v>43</v>
      </c>
      <c r="AC14783" s="5" t="s">
        <v>44</v>
      </c>
      <c r="AD14783" s="2"/>
      <c r="AE14783" s="1"/>
    </row>
    <row r="14784" spans="1:31" ht="14.45">
      <c r="A14784" s="11"/>
      <c r="B14784" s="20"/>
      <c r="C14784" s="2" t="s">
        <v>45303</v>
      </c>
      <c r="D14784" s="14" t="s">
        <v>45304</v>
      </c>
      <c r="E14784" s="2" t="s">
        <v>45305</v>
      </c>
      <c r="F14784" s="2" t="s">
        <v>36273</v>
      </c>
      <c r="G14784" s="8">
        <v>175</v>
      </c>
      <c r="H14784" s="5">
        <v>6</v>
      </c>
      <c r="I14784" s="5" t="s">
        <v>1518</v>
      </c>
      <c r="J14784" s="5" t="s">
        <v>40939</v>
      </c>
      <c r="K14784" s="2" t="s">
        <v>40940</v>
      </c>
      <c r="L14784" s="5" t="s">
        <v>40939</v>
      </c>
      <c r="M14784" s="2" t="s">
        <v>40940</v>
      </c>
      <c r="N14784" s="5" t="s">
        <v>36266</v>
      </c>
      <c r="O14784" s="5" t="s">
        <v>38</v>
      </c>
      <c r="P14784" s="5" t="s">
        <v>39</v>
      </c>
      <c r="Q14784" s="5" t="s">
        <v>40</v>
      </c>
      <c r="R14784" s="5" t="s">
        <v>1522</v>
      </c>
      <c r="S14784" s="5" t="s">
        <v>1523</v>
      </c>
      <c r="T14784" s="5" t="s">
        <v>42</v>
      </c>
      <c r="U14784" s="2">
        <v>1.736</v>
      </c>
      <c r="V14784" s="2">
        <v>1.2</v>
      </c>
      <c r="W14784" s="2">
        <v>1.7999999999999999E-2</v>
      </c>
      <c r="X14784" s="2">
        <v>139.1</v>
      </c>
      <c r="Y14784" s="2">
        <v>7.6</v>
      </c>
      <c r="Z14784" s="2">
        <v>16.7</v>
      </c>
      <c r="AA14784" s="5"/>
      <c r="AB14784" s="5" t="s">
        <v>43</v>
      </c>
      <c r="AC14784" s="5" t="s">
        <v>44</v>
      </c>
      <c r="AD14784" s="2"/>
      <c r="AE14784" s="1"/>
    </row>
    <row r="14785" spans="1:31" ht="14.45">
      <c r="A14785" s="11"/>
      <c r="B14785" s="20"/>
      <c r="C14785" s="2" t="s">
        <v>45306</v>
      </c>
      <c r="D14785" s="14" t="s">
        <v>45307</v>
      </c>
      <c r="E14785" s="2" t="s">
        <v>45308</v>
      </c>
      <c r="F14785" s="2" t="s">
        <v>40967</v>
      </c>
      <c r="G14785" s="8">
        <v>201</v>
      </c>
      <c r="H14785" s="5">
        <v>6</v>
      </c>
      <c r="I14785" s="5" t="s">
        <v>1518</v>
      </c>
      <c r="J14785" s="5" t="s">
        <v>40939</v>
      </c>
      <c r="K14785" s="2" t="s">
        <v>40940</v>
      </c>
      <c r="L14785" s="5" t="s">
        <v>40939</v>
      </c>
      <c r="M14785" s="2" t="s">
        <v>40940</v>
      </c>
      <c r="N14785" s="5" t="s">
        <v>36266</v>
      </c>
      <c r="O14785" s="5" t="s">
        <v>38</v>
      </c>
      <c r="P14785" s="5" t="s">
        <v>39</v>
      </c>
      <c r="Q14785" s="5" t="s">
        <v>40</v>
      </c>
      <c r="R14785" s="5" t="s">
        <v>1522</v>
      </c>
      <c r="S14785" s="5" t="s">
        <v>1523</v>
      </c>
      <c r="T14785" s="5" t="s">
        <v>42</v>
      </c>
      <c r="U14785" s="2">
        <v>1.7110000000000001</v>
      </c>
      <c r="V14785" s="2">
        <v>1.175</v>
      </c>
      <c r="W14785" s="2">
        <v>1.7999999999999999E-2</v>
      </c>
      <c r="X14785" s="2">
        <v>139.1</v>
      </c>
      <c r="Y14785" s="2">
        <v>7.6</v>
      </c>
      <c r="Z14785" s="2">
        <v>16.7</v>
      </c>
      <c r="AA14785" s="5"/>
      <c r="AB14785" s="5" t="s">
        <v>43</v>
      </c>
      <c r="AC14785" s="5" t="s">
        <v>44</v>
      </c>
      <c r="AD14785" s="2"/>
      <c r="AE14785" s="1"/>
    </row>
    <row r="14786" spans="1:31" ht="14.45">
      <c r="A14786" s="11"/>
      <c r="B14786" s="20"/>
      <c r="C14786" s="2" t="s">
        <v>45309</v>
      </c>
      <c r="D14786" s="14" t="s">
        <v>45310</v>
      </c>
      <c r="E14786" s="2" t="s">
        <v>45311</v>
      </c>
      <c r="F14786" s="2" t="s">
        <v>40975</v>
      </c>
      <c r="G14786" s="8">
        <v>201</v>
      </c>
      <c r="H14786" s="5">
        <v>6</v>
      </c>
      <c r="I14786" s="5" t="s">
        <v>1518</v>
      </c>
      <c r="J14786" s="5" t="s">
        <v>40939</v>
      </c>
      <c r="K14786" s="2" t="s">
        <v>40940</v>
      </c>
      <c r="L14786" s="5" t="s">
        <v>40939</v>
      </c>
      <c r="M14786" s="2" t="s">
        <v>40940</v>
      </c>
      <c r="N14786" s="5" t="s">
        <v>36266</v>
      </c>
      <c r="O14786" s="5" t="s">
        <v>38</v>
      </c>
      <c r="P14786" s="5" t="s">
        <v>39</v>
      </c>
      <c r="Q14786" s="5" t="s">
        <v>40</v>
      </c>
      <c r="R14786" s="5" t="s">
        <v>1522</v>
      </c>
      <c r="S14786" s="5" t="s">
        <v>1523</v>
      </c>
      <c r="T14786" s="5" t="s">
        <v>42</v>
      </c>
      <c r="U14786" s="2">
        <v>1.7110000000000001</v>
      </c>
      <c r="V14786" s="2">
        <v>1.175</v>
      </c>
      <c r="W14786" s="2">
        <v>1.7999999999999999E-2</v>
      </c>
      <c r="X14786" s="2">
        <v>139.1</v>
      </c>
      <c r="Y14786" s="2">
        <v>7.6</v>
      </c>
      <c r="Z14786" s="2">
        <v>16.7</v>
      </c>
      <c r="AA14786" s="5"/>
      <c r="AB14786" s="5" t="s">
        <v>43</v>
      </c>
      <c r="AC14786" s="5" t="s">
        <v>44</v>
      </c>
      <c r="AD14786" s="2"/>
      <c r="AE14786" s="1"/>
    </row>
    <row r="14787" spans="1:31" ht="14.45">
      <c r="A14787" s="11"/>
      <c r="B14787" s="20"/>
      <c r="C14787" s="2" t="s">
        <v>45312</v>
      </c>
      <c r="D14787" s="14" t="s">
        <v>45313</v>
      </c>
      <c r="E14787" s="2" t="s">
        <v>45314</v>
      </c>
      <c r="F14787" s="2" t="s">
        <v>7539</v>
      </c>
      <c r="G14787" s="8">
        <v>201</v>
      </c>
      <c r="H14787" s="5">
        <v>6</v>
      </c>
      <c r="I14787" s="5" t="s">
        <v>1518</v>
      </c>
      <c r="J14787" s="5" t="s">
        <v>40939</v>
      </c>
      <c r="K14787" s="2" t="s">
        <v>40940</v>
      </c>
      <c r="L14787" s="5" t="s">
        <v>40939</v>
      </c>
      <c r="M14787" s="2" t="s">
        <v>40940</v>
      </c>
      <c r="N14787" s="5" t="s">
        <v>36266</v>
      </c>
      <c r="O14787" s="5" t="s">
        <v>38</v>
      </c>
      <c r="P14787" s="5" t="s">
        <v>39</v>
      </c>
      <c r="Q14787" s="5" t="s">
        <v>40</v>
      </c>
      <c r="R14787" s="5" t="s">
        <v>1522</v>
      </c>
      <c r="S14787" s="5" t="s">
        <v>1523</v>
      </c>
      <c r="T14787" s="5" t="s">
        <v>42</v>
      </c>
      <c r="U14787" s="2">
        <v>1.647</v>
      </c>
      <c r="V14787" s="2">
        <v>1.111</v>
      </c>
      <c r="W14787" s="2">
        <v>1.7999999999999999E-2</v>
      </c>
      <c r="X14787" s="2">
        <v>139.1</v>
      </c>
      <c r="Y14787" s="2">
        <v>7.6</v>
      </c>
      <c r="Z14787" s="2">
        <v>16.7</v>
      </c>
      <c r="AA14787" s="5"/>
      <c r="AB14787" s="5" t="s">
        <v>43</v>
      </c>
      <c r="AC14787" s="5" t="s">
        <v>44</v>
      </c>
      <c r="AD14787" s="2"/>
      <c r="AE14787" s="1"/>
    </row>
    <row r="14788" spans="1:31" ht="14.45">
      <c r="A14788" s="11"/>
      <c r="B14788" s="20"/>
      <c r="C14788" s="2" t="s">
        <v>45315</v>
      </c>
      <c r="D14788" s="14" t="s">
        <v>45316</v>
      </c>
      <c r="E14788" s="2" t="s">
        <v>45317</v>
      </c>
      <c r="F14788" s="2" t="s">
        <v>40989</v>
      </c>
      <c r="G14788" s="8">
        <v>201</v>
      </c>
      <c r="H14788" s="5">
        <v>6</v>
      </c>
      <c r="I14788" s="5" t="s">
        <v>1518</v>
      </c>
      <c r="J14788" s="5" t="s">
        <v>40939</v>
      </c>
      <c r="K14788" s="2" t="s">
        <v>40940</v>
      </c>
      <c r="L14788" s="5" t="s">
        <v>40939</v>
      </c>
      <c r="M14788" s="2" t="s">
        <v>40940</v>
      </c>
      <c r="N14788" s="5" t="s">
        <v>36266</v>
      </c>
      <c r="O14788" s="5" t="s">
        <v>38</v>
      </c>
      <c r="P14788" s="5" t="s">
        <v>39</v>
      </c>
      <c r="Q14788" s="5" t="s">
        <v>40</v>
      </c>
      <c r="R14788" s="5" t="s">
        <v>1522</v>
      </c>
      <c r="S14788" s="5" t="s">
        <v>1523</v>
      </c>
      <c r="T14788" s="5" t="s">
        <v>42</v>
      </c>
      <c r="U14788" s="2">
        <v>1.7110000000000001</v>
      </c>
      <c r="V14788" s="2">
        <v>1.175</v>
      </c>
      <c r="W14788" s="2">
        <v>1.7999999999999999E-2</v>
      </c>
      <c r="X14788" s="2">
        <v>139.1</v>
      </c>
      <c r="Y14788" s="2">
        <v>7.6</v>
      </c>
      <c r="Z14788" s="2">
        <v>16.7</v>
      </c>
      <c r="AA14788" s="5"/>
      <c r="AB14788" s="5" t="s">
        <v>43</v>
      </c>
      <c r="AC14788" s="5" t="s">
        <v>44</v>
      </c>
      <c r="AD14788" s="2"/>
      <c r="AE14788" s="1"/>
    </row>
    <row r="14789" spans="1:31" ht="14.45">
      <c r="A14789" s="11"/>
      <c r="B14789" s="20"/>
      <c r="C14789" s="2" t="s">
        <v>45318</v>
      </c>
      <c r="D14789" s="14" t="s">
        <v>45319</v>
      </c>
      <c r="E14789" s="2" t="s">
        <v>45320</v>
      </c>
      <c r="F14789" s="2" t="s">
        <v>40997</v>
      </c>
      <c r="G14789" s="8">
        <v>201</v>
      </c>
      <c r="H14789" s="5">
        <v>6</v>
      </c>
      <c r="I14789" s="5" t="s">
        <v>1518</v>
      </c>
      <c r="J14789" s="5" t="s">
        <v>40939</v>
      </c>
      <c r="K14789" s="2" t="s">
        <v>40940</v>
      </c>
      <c r="L14789" s="5" t="s">
        <v>40939</v>
      </c>
      <c r="M14789" s="2" t="s">
        <v>40940</v>
      </c>
      <c r="N14789" s="5" t="s">
        <v>36266</v>
      </c>
      <c r="O14789" s="5" t="s">
        <v>38</v>
      </c>
      <c r="P14789" s="5" t="s">
        <v>39</v>
      </c>
      <c r="Q14789" s="5" t="s">
        <v>40</v>
      </c>
      <c r="R14789" s="5" t="s">
        <v>1522</v>
      </c>
      <c r="S14789" s="5" t="s">
        <v>1523</v>
      </c>
      <c r="T14789" s="5" t="s">
        <v>42</v>
      </c>
      <c r="U14789" s="2">
        <v>1.66</v>
      </c>
      <c r="V14789" s="2">
        <v>1.1240000000000001</v>
      </c>
      <c r="W14789" s="2">
        <v>1.7999999999999999E-2</v>
      </c>
      <c r="X14789" s="2">
        <v>139.1</v>
      </c>
      <c r="Y14789" s="2">
        <v>7.6</v>
      </c>
      <c r="Z14789" s="2">
        <v>16.7</v>
      </c>
      <c r="AA14789" s="5"/>
      <c r="AB14789" s="5" t="s">
        <v>43</v>
      </c>
      <c r="AC14789" s="5" t="s">
        <v>44</v>
      </c>
      <c r="AD14789" s="2"/>
      <c r="AE14789" s="1"/>
    </row>
    <row r="14790" spans="1:31" ht="14.45">
      <c r="A14790" s="11"/>
      <c r="B14790" s="20"/>
      <c r="C14790" s="2" t="s">
        <v>45321</v>
      </c>
      <c r="D14790" s="14" t="s">
        <v>45322</v>
      </c>
      <c r="E14790" s="2" t="s">
        <v>45323</v>
      </c>
      <c r="F14790" s="2" t="s">
        <v>41001</v>
      </c>
      <c r="G14790" s="8">
        <v>201</v>
      </c>
      <c r="H14790" s="5">
        <v>6</v>
      </c>
      <c r="I14790" s="5" t="s">
        <v>1518</v>
      </c>
      <c r="J14790" s="5" t="s">
        <v>40939</v>
      </c>
      <c r="K14790" s="2" t="s">
        <v>40940</v>
      </c>
      <c r="L14790" s="5" t="s">
        <v>40939</v>
      </c>
      <c r="M14790" s="2" t="s">
        <v>40940</v>
      </c>
      <c r="N14790" s="5" t="s">
        <v>36266</v>
      </c>
      <c r="O14790" s="5" t="s">
        <v>38</v>
      </c>
      <c r="P14790" s="5" t="s">
        <v>39</v>
      </c>
      <c r="Q14790" s="5" t="s">
        <v>40</v>
      </c>
      <c r="R14790" s="5" t="s">
        <v>1522</v>
      </c>
      <c r="S14790" s="5" t="s">
        <v>1523</v>
      </c>
      <c r="T14790" s="5" t="s">
        <v>42</v>
      </c>
      <c r="U14790" s="2">
        <v>1.7110000000000001</v>
      </c>
      <c r="V14790" s="2">
        <v>1.175</v>
      </c>
      <c r="W14790" s="2">
        <v>1.7999999999999999E-2</v>
      </c>
      <c r="X14790" s="2">
        <v>139.1</v>
      </c>
      <c r="Y14790" s="2">
        <v>7.6</v>
      </c>
      <c r="Z14790" s="2">
        <v>16.7</v>
      </c>
      <c r="AA14790" s="5"/>
      <c r="AB14790" s="5" t="s">
        <v>43</v>
      </c>
      <c r="AC14790" s="5" t="s">
        <v>44</v>
      </c>
      <c r="AD14790" s="2"/>
      <c r="AE14790" s="1"/>
    </row>
    <row r="14791" spans="1:31" ht="14.45">
      <c r="A14791" s="11"/>
      <c r="B14791" s="20"/>
      <c r="C14791" s="2" t="s">
        <v>45324</v>
      </c>
      <c r="D14791" s="14" t="s">
        <v>45325</v>
      </c>
      <c r="E14791" s="2" t="s">
        <v>45326</v>
      </c>
      <c r="F14791" s="2" t="s">
        <v>41009</v>
      </c>
      <c r="G14791" s="8">
        <v>201</v>
      </c>
      <c r="H14791" s="5">
        <v>6</v>
      </c>
      <c r="I14791" s="5" t="s">
        <v>1518</v>
      </c>
      <c r="J14791" s="5" t="s">
        <v>40939</v>
      </c>
      <c r="K14791" s="2" t="s">
        <v>40940</v>
      </c>
      <c r="L14791" s="5" t="s">
        <v>40939</v>
      </c>
      <c r="M14791" s="2" t="s">
        <v>40940</v>
      </c>
      <c r="N14791" s="5" t="s">
        <v>36266</v>
      </c>
      <c r="O14791" s="5" t="s">
        <v>38</v>
      </c>
      <c r="P14791" s="5" t="s">
        <v>39</v>
      </c>
      <c r="Q14791" s="5" t="s">
        <v>40</v>
      </c>
      <c r="R14791" s="5" t="s">
        <v>1522</v>
      </c>
      <c r="S14791" s="5" t="s">
        <v>1523</v>
      </c>
      <c r="T14791" s="5" t="s">
        <v>42</v>
      </c>
      <c r="U14791" s="2">
        <v>1.7230000000000001</v>
      </c>
      <c r="V14791" s="2">
        <v>1.1870000000000001</v>
      </c>
      <c r="W14791" s="2">
        <v>1.7999999999999999E-2</v>
      </c>
      <c r="X14791" s="2">
        <v>139.1</v>
      </c>
      <c r="Y14791" s="2">
        <v>7.6</v>
      </c>
      <c r="Z14791" s="2">
        <v>16.7</v>
      </c>
      <c r="AA14791" s="5"/>
      <c r="AB14791" s="5" t="s">
        <v>43</v>
      </c>
      <c r="AC14791" s="5" t="s">
        <v>44</v>
      </c>
      <c r="AD14791" s="2"/>
      <c r="AE14791" s="1"/>
    </row>
    <row r="14792" spans="1:31" ht="14.45">
      <c r="A14792" s="11"/>
      <c r="B14792" s="20"/>
      <c r="C14792" s="2" t="s">
        <v>45327</v>
      </c>
      <c r="D14792" s="14" t="s">
        <v>45328</v>
      </c>
      <c r="E14792" s="2" t="s">
        <v>45329</v>
      </c>
      <c r="F14792" s="2" t="s">
        <v>7396</v>
      </c>
      <c r="G14792" s="8">
        <v>175</v>
      </c>
      <c r="H14792" s="5">
        <v>6</v>
      </c>
      <c r="I14792" s="5" t="s">
        <v>1518</v>
      </c>
      <c r="J14792" s="5" t="s">
        <v>40939</v>
      </c>
      <c r="K14792" s="2" t="s">
        <v>40940</v>
      </c>
      <c r="L14792" s="5" t="s">
        <v>40939</v>
      </c>
      <c r="M14792" s="2" t="s">
        <v>40940</v>
      </c>
      <c r="N14792" s="5" t="s">
        <v>36266</v>
      </c>
      <c r="O14792" s="5" t="s">
        <v>38</v>
      </c>
      <c r="P14792" s="5" t="s">
        <v>39</v>
      </c>
      <c r="Q14792" s="5" t="s">
        <v>40</v>
      </c>
      <c r="R14792" s="5" t="s">
        <v>1522</v>
      </c>
      <c r="S14792" s="5" t="s">
        <v>1523</v>
      </c>
      <c r="T14792" s="5" t="s">
        <v>42</v>
      </c>
      <c r="U14792" s="2">
        <v>1.7230000000000001</v>
      </c>
      <c r="V14792" s="2">
        <v>1.1870000000000001</v>
      </c>
      <c r="W14792" s="2">
        <v>1.7999999999999999E-2</v>
      </c>
      <c r="X14792" s="2">
        <v>139.1</v>
      </c>
      <c r="Y14792" s="2">
        <v>7.6</v>
      </c>
      <c r="Z14792" s="2">
        <v>16.7</v>
      </c>
      <c r="AA14792" s="5"/>
      <c r="AB14792" s="5" t="s">
        <v>43</v>
      </c>
      <c r="AC14792" s="5" t="s">
        <v>44</v>
      </c>
      <c r="AD14792" s="2"/>
      <c r="AE14792" s="1"/>
    </row>
    <row r="14793" spans="1:31" ht="14.45">
      <c r="A14793" s="11"/>
      <c r="B14793" s="20"/>
      <c r="C14793" s="2" t="s">
        <v>45330</v>
      </c>
      <c r="D14793" s="14" t="s">
        <v>45331</v>
      </c>
      <c r="E14793" s="2" t="s">
        <v>45332</v>
      </c>
      <c r="F14793" s="2" t="s">
        <v>41023</v>
      </c>
      <c r="G14793" s="8">
        <v>201</v>
      </c>
      <c r="H14793" s="5">
        <v>6</v>
      </c>
      <c r="I14793" s="5" t="s">
        <v>1518</v>
      </c>
      <c r="J14793" s="5" t="s">
        <v>40939</v>
      </c>
      <c r="K14793" s="2" t="s">
        <v>40940</v>
      </c>
      <c r="L14793" s="5" t="s">
        <v>40939</v>
      </c>
      <c r="M14793" s="2" t="s">
        <v>40940</v>
      </c>
      <c r="N14793" s="5" t="s">
        <v>36266</v>
      </c>
      <c r="O14793" s="5" t="s">
        <v>38</v>
      </c>
      <c r="P14793" s="5" t="s">
        <v>39</v>
      </c>
      <c r="Q14793" s="5" t="s">
        <v>40</v>
      </c>
      <c r="R14793" s="5" t="s">
        <v>1522</v>
      </c>
      <c r="S14793" s="5" t="s">
        <v>1523</v>
      </c>
      <c r="T14793" s="5" t="s">
        <v>42</v>
      </c>
      <c r="U14793" s="2">
        <v>1.66</v>
      </c>
      <c r="V14793" s="2">
        <v>1.1240000000000001</v>
      </c>
      <c r="W14793" s="2">
        <v>1.7999999999999999E-2</v>
      </c>
      <c r="X14793" s="2">
        <v>139.1</v>
      </c>
      <c r="Y14793" s="2">
        <v>7.6</v>
      </c>
      <c r="Z14793" s="2">
        <v>16.7</v>
      </c>
      <c r="AA14793" s="5"/>
      <c r="AB14793" s="5" t="s">
        <v>43</v>
      </c>
      <c r="AC14793" s="5" t="s">
        <v>44</v>
      </c>
      <c r="AD14793" s="2"/>
      <c r="AE14793" s="1"/>
    </row>
    <row r="14794" spans="1:31" ht="14.45">
      <c r="A14794" s="11"/>
      <c r="B14794" s="20"/>
      <c r="C14794" s="2" t="s">
        <v>45333</v>
      </c>
      <c r="D14794" s="14" t="s">
        <v>45334</v>
      </c>
      <c r="E14794" s="2" t="s">
        <v>45335</v>
      </c>
      <c r="F14794" s="2" t="s">
        <v>41031</v>
      </c>
      <c r="G14794" s="8">
        <v>201</v>
      </c>
      <c r="H14794" s="5">
        <v>6</v>
      </c>
      <c r="I14794" s="5" t="s">
        <v>1518</v>
      </c>
      <c r="J14794" s="5" t="s">
        <v>40939</v>
      </c>
      <c r="K14794" s="2" t="s">
        <v>40940</v>
      </c>
      <c r="L14794" s="5" t="s">
        <v>40939</v>
      </c>
      <c r="M14794" s="2" t="s">
        <v>40940</v>
      </c>
      <c r="N14794" s="5" t="s">
        <v>36266</v>
      </c>
      <c r="O14794" s="5" t="s">
        <v>38</v>
      </c>
      <c r="P14794" s="5" t="s">
        <v>39</v>
      </c>
      <c r="Q14794" s="5" t="s">
        <v>40</v>
      </c>
      <c r="R14794" s="5" t="s">
        <v>1522</v>
      </c>
      <c r="S14794" s="5" t="s">
        <v>1523</v>
      </c>
      <c r="T14794" s="5" t="s">
        <v>42</v>
      </c>
      <c r="U14794" s="2">
        <v>1.66</v>
      </c>
      <c r="V14794" s="2">
        <v>1.1240000000000001</v>
      </c>
      <c r="W14794" s="2">
        <v>1.7999999999999999E-2</v>
      </c>
      <c r="X14794" s="2">
        <v>139.1</v>
      </c>
      <c r="Y14794" s="2">
        <v>7.6</v>
      </c>
      <c r="Z14794" s="2">
        <v>16.7</v>
      </c>
      <c r="AA14794" s="5"/>
      <c r="AB14794" s="5" t="s">
        <v>43</v>
      </c>
      <c r="AC14794" s="5" t="s">
        <v>44</v>
      </c>
      <c r="AD14794" s="2"/>
      <c r="AE14794" s="1"/>
    </row>
    <row r="14795" spans="1:31" ht="14.45">
      <c r="A14795" s="11"/>
      <c r="B14795" s="20"/>
      <c r="C14795" s="2" t="s">
        <v>45336</v>
      </c>
      <c r="D14795" s="14" t="s">
        <v>45337</v>
      </c>
      <c r="E14795" s="2" t="s">
        <v>45338</v>
      </c>
      <c r="F14795" s="2" t="s">
        <v>7449</v>
      </c>
      <c r="G14795" s="8">
        <v>201</v>
      </c>
      <c r="H14795" s="5">
        <v>6</v>
      </c>
      <c r="I14795" s="5" t="s">
        <v>1518</v>
      </c>
      <c r="J14795" s="5" t="s">
        <v>40939</v>
      </c>
      <c r="K14795" s="2" t="s">
        <v>40940</v>
      </c>
      <c r="L14795" s="5" t="s">
        <v>40939</v>
      </c>
      <c r="M14795" s="2" t="s">
        <v>40940</v>
      </c>
      <c r="N14795" s="5" t="s">
        <v>36266</v>
      </c>
      <c r="O14795" s="5" t="s">
        <v>38</v>
      </c>
      <c r="P14795" s="5" t="s">
        <v>39</v>
      </c>
      <c r="Q14795" s="5" t="s">
        <v>40</v>
      </c>
      <c r="R14795" s="5" t="s">
        <v>1522</v>
      </c>
      <c r="S14795" s="5" t="s">
        <v>1523</v>
      </c>
      <c r="T14795" s="5" t="s">
        <v>42</v>
      </c>
      <c r="U14795" s="2">
        <v>1.66</v>
      </c>
      <c r="V14795" s="2">
        <v>1.1240000000000001</v>
      </c>
      <c r="W14795" s="2">
        <v>1.7999999999999999E-2</v>
      </c>
      <c r="X14795" s="2">
        <v>139.1</v>
      </c>
      <c r="Y14795" s="2">
        <v>7.6</v>
      </c>
      <c r="Z14795" s="2">
        <v>16.7</v>
      </c>
      <c r="AA14795" s="5"/>
      <c r="AB14795" s="5" t="s">
        <v>43</v>
      </c>
      <c r="AC14795" s="5" t="s">
        <v>44</v>
      </c>
      <c r="AD14795" s="2"/>
      <c r="AE14795" s="1"/>
    </row>
    <row r="14796" spans="1:31" ht="14.45">
      <c r="A14796" s="11"/>
      <c r="B14796" s="20"/>
      <c r="C14796" s="2" t="s">
        <v>45339</v>
      </c>
      <c r="D14796" s="14" t="s">
        <v>45340</v>
      </c>
      <c r="E14796" s="2" t="s">
        <v>45341</v>
      </c>
      <c r="F14796" s="2" t="s">
        <v>41045</v>
      </c>
      <c r="G14796" s="8">
        <v>201</v>
      </c>
      <c r="H14796" s="5">
        <v>6</v>
      </c>
      <c r="I14796" s="5" t="s">
        <v>1518</v>
      </c>
      <c r="J14796" s="5" t="s">
        <v>40939</v>
      </c>
      <c r="K14796" s="2" t="s">
        <v>40940</v>
      </c>
      <c r="L14796" s="5" t="s">
        <v>40939</v>
      </c>
      <c r="M14796" s="2" t="s">
        <v>40940</v>
      </c>
      <c r="N14796" s="5" t="s">
        <v>36266</v>
      </c>
      <c r="O14796" s="5" t="s">
        <v>38</v>
      </c>
      <c r="P14796" s="5" t="s">
        <v>39</v>
      </c>
      <c r="Q14796" s="5" t="s">
        <v>40</v>
      </c>
      <c r="R14796" s="5" t="s">
        <v>1522</v>
      </c>
      <c r="S14796" s="5" t="s">
        <v>1523</v>
      </c>
      <c r="T14796" s="5" t="s">
        <v>42</v>
      </c>
      <c r="U14796" s="2">
        <v>1.736</v>
      </c>
      <c r="V14796" s="2">
        <v>1.2</v>
      </c>
      <c r="W14796" s="2">
        <v>1.7999999999999999E-2</v>
      </c>
      <c r="X14796" s="2">
        <v>139.1</v>
      </c>
      <c r="Y14796" s="2">
        <v>7.6</v>
      </c>
      <c r="Z14796" s="2">
        <v>16.7</v>
      </c>
      <c r="AA14796" s="5"/>
      <c r="AB14796" s="5" t="s">
        <v>43</v>
      </c>
      <c r="AC14796" s="5" t="s">
        <v>44</v>
      </c>
      <c r="AD14796" s="2"/>
      <c r="AE14796" s="1"/>
    </row>
    <row r="14797" spans="1:31" ht="14.45">
      <c r="A14797" s="11"/>
      <c r="B14797" s="20"/>
      <c r="C14797" s="2" t="s">
        <v>45342</v>
      </c>
      <c r="D14797" s="14" t="s">
        <v>45343</v>
      </c>
      <c r="E14797" s="2" t="s">
        <v>45344</v>
      </c>
      <c r="F14797" s="2" t="s">
        <v>7204</v>
      </c>
      <c r="G14797" s="8">
        <v>197</v>
      </c>
      <c r="H14797" s="5">
        <v>6</v>
      </c>
      <c r="I14797" s="5" t="s">
        <v>1518</v>
      </c>
      <c r="J14797" s="5" t="s">
        <v>40939</v>
      </c>
      <c r="K14797" s="2" t="s">
        <v>40940</v>
      </c>
      <c r="L14797" s="5" t="s">
        <v>40939</v>
      </c>
      <c r="M14797" s="2" t="s">
        <v>40940</v>
      </c>
      <c r="N14797" s="5" t="s">
        <v>36266</v>
      </c>
      <c r="O14797" s="5" t="s">
        <v>38</v>
      </c>
      <c r="P14797" s="5" t="s">
        <v>39</v>
      </c>
      <c r="Q14797" s="5" t="s">
        <v>40</v>
      </c>
      <c r="R14797" s="5" t="s">
        <v>1522</v>
      </c>
      <c r="S14797" s="5" t="s">
        <v>1523</v>
      </c>
      <c r="T14797" s="5" t="s">
        <v>42</v>
      </c>
      <c r="U14797" s="2">
        <v>1.8360000000000001</v>
      </c>
      <c r="V14797" s="2">
        <v>1.2170000000000001</v>
      </c>
      <c r="W14797" s="2">
        <v>0.02</v>
      </c>
      <c r="X14797" s="2">
        <v>159.1</v>
      </c>
      <c r="Y14797" s="2">
        <v>7.6</v>
      </c>
      <c r="Z14797" s="2">
        <v>16.7</v>
      </c>
      <c r="AA14797" s="5"/>
      <c r="AB14797" s="5" t="s">
        <v>43</v>
      </c>
      <c r="AC14797" s="5" t="s">
        <v>44</v>
      </c>
      <c r="AD14797" s="2"/>
      <c r="AE14797" s="1"/>
    </row>
    <row r="14798" spans="1:31" ht="14.45">
      <c r="A14798" s="11"/>
      <c r="B14798" s="20"/>
      <c r="C14798" s="2" t="s">
        <v>45345</v>
      </c>
      <c r="D14798" s="14" t="s">
        <v>45346</v>
      </c>
      <c r="E14798" s="2" t="s">
        <v>45347</v>
      </c>
      <c r="F14798" s="2" t="s">
        <v>40947</v>
      </c>
      <c r="G14798" s="8">
        <v>227</v>
      </c>
      <c r="H14798" s="5">
        <v>6</v>
      </c>
      <c r="I14798" s="5" t="s">
        <v>1518</v>
      </c>
      <c r="J14798" s="5" t="s">
        <v>40939</v>
      </c>
      <c r="K14798" s="2" t="s">
        <v>40940</v>
      </c>
      <c r="L14798" s="5" t="s">
        <v>40939</v>
      </c>
      <c r="M14798" s="2" t="s">
        <v>40940</v>
      </c>
      <c r="N14798" s="5" t="s">
        <v>36266</v>
      </c>
      <c r="O14798" s="5" t="s">
        <v>38</v>
      </c>
      <c r="P14798" s="5" t="s">
        <v>39</v>
      </c>
      <c r="Q14798" s="5" t="s">
        <v>40</v>
      </c>
      <c r="R14798" s="5" t="s">
        <v>1522</v>
      </c>
      <c r="S14798" s="5" t="s">
        <v>1523</v>
      </c>
      <c r="T14798" s="5" t="s">
        <v>42</v>
      </c>
      <c r="U14798" s="2">
        <v>1.865</v>
      </c>
      <c r="V14798" s="2">
        <v>1.246</v>
      </c>
      <c r="W14798" s="2">
        <v>0.02</v>
      </c>
      <c r="X14798" s="2">
        <v>159.1</v>
      </c>
      <c r="Y14798" s="2">
        <v>7.6</v>
      </c>
      <c r="Z14798" s="2">
        <v>16.7</v>
      </c>
      <c r="AA14798" s="5"/>
      <c r="AB14798" s="5" t="s">
        <v>43</v>
      </c>
      <c r="AC14798" s="5" t="s">
        <v>44</v>
      </c>
      <c r="AD14798" s="2"/>
      <c r="AE14798" s="1"/>
    </row>
    <row r="14799" spans="1:31" ht="14.45">
      <c r="A14799" s="11"/>
      <c r="B14799" s="20"/>
      <c r="C14799" s="2" t="s">
        <v>45348</v>
      </c>
      <c r="D14799" s="14" t="s">
        <v>45349</v>
      </c>
      <c r="E14799" s="2" t="s">
        <v>45350</v>
      </c>
      <c r="F14799" s="2" t="s">
        <v>7208</v>
      </c>
      <c r="G14799" s="8">
        <v>197</v>
      </c>
      <c r="H14799" s="5">
        <v>6</v>
      </c>
      <c r="I14799" s="5" t="s">
        <v>1518</v>
      </c>
      <c r="J14799" s="5" t="s">
        <v>40939</v>
      </c>
      <c r="K14799" s="2" t="s">
        <v>40940</v>
      </c>
      <c r="L14799" s="5" t="s">
        <v>40939</v>
      </c>
      <c r="M14799" s="2" t="s">
        <v>40940</v>
      </c>
      <c r="N14799" s="5" t="s">
        <v>36266</v>
      </c>
      <c r="O14799" s="5" t="s">
        <v>38</v>
      </c>
      <c r="P14799" s="5" t="s">
        <v>39</v>
      </c>
      <c r="Q14799" s="5" t="s">
        <v>40</v>
      </c>
      <c r="R14799" s="5" t="s">
        <v>1522</v>
      </c>
      <c r="S14799" s="5" t="s">
        <v>1523</v>
      </c>
      <c r="T14799" s="5" t="s">
        <v>42</v>
      </c>
      <c r="U14799" s="2">
        <v>1.88</v>
      </c>
      <c r="V14799" s="2">
        <v>1.2609999999999999</v>
      </c>
      <c r="W14799" s="2">
        <v>0.02</v>
      </c>
      <c r="X14799" s="2">
        <v>159.1</v>
      </c>
      <c r="Y14799" s="2">
        <v>7.6</v>
      </c>
      <c r="Z14799" s="2">
        <v>16.7</v>
      </c>
      <c r="AA14799" s="5"/>
      <c r="AB14799" s="5" t="s">
        <v>43</v>
      </c>
      <c r="AC14799" s="5" t="s">
        <v>44</v>
      </c>
      <c r="AD14799" s="2"/>
      <c r="AE14799" s="1"/>
    </row>
    <row r="14800" spans="1:31" ht="14.45">
      <c r="A14800" s="11"/>
      <c r="B14800" s="20"/>
      <c r="C14800" s="2" t="s">
        <v>45351</v>
      </c>
      <c r="D14800" s="14" t="s">
        <v>45352</v>
      </c>
      <c r="E14800" s="2" t="s">
        <v>45353</v>
      </c>
      <c r="F14800" s="2" t="s">
        <v>36273</v>
      </c>
      <c r="G14800" s="8">
        <v>197</v>
      </c>
      <c r="H14800" s="5">
        <v>6</v>
      </c>
      <c r="I14800" s="5" t="s">
        <v>1518</v>
      </c>
      <c r="J14800" s="5" t="s">
        <v>40939</v>
      </c>
      <c r="K14800" s="2" t="s">
        <v>40940</v>
      </c>
      <c r="L14800" s="5" t="s">
        <v>40939</v>
      </c>
      <c r="M14800" s="2" t="s">
        <v>40940</v>
      </c>
      <c r="N14800" s="5" t="s">
        <v>36266</v>
      </c>
      <c r="O14800" s="5" t="s">
        <v>38</v>
      </c>
      <c r="P14800" s="5" t="s">
        <v>39</v>
      </c>
      <c r="Q14800" s="5" t="s">
        <v>40</v>
      </c>
      <c r="R14800" s="5" t="s">
        <v>1522</v>
      </c>
      <c r="S14800" s="5" t="s">
        <v>1523</v>
      </c>
      <c r="T14800" s="5" t="s">
        <v>42</v>
      </c>
      <c r="U14800" s="2">
        <v>1.909</v>
      </c>
      <c r="V14800" s="2">
        <v>1.29</v>
      </c>
      <c r="W14800" s="2">
        <v>0.02</v>
      </c>
      <c r="X14800" s="2">
        <v>159.1</v>
      </c>
      <c r="Y14800" s="2">
        <v>7.6</v>
      </c>
      <c r="Z14800" s="2">
        <v>16.7</v>
      </c>
      <c r="AA14800" s="5"/>
      <c r="AB14800" s="5" t="s">
        <v>43</v>
      </c>
      <c r="AC14800" s="5" t="s">
        <v>44</v>
      </c>
      <c r="AD14800" s="2"/>
      <c r="AE14800" s="1"/>
    </row>
    <row r="14801" spans="1:31" ht="14.45">
      <c r="A14801" s="11"/>
      <c r="B14801" s="20"/>
      <c r="C14801" s="2" t="s">
        <v>45354</v>
      </c>
      <c r="D14801" s="14" t="s">
        <v>45355</v>
      </c>
      <c r="E14801" s="2" t="s">
        <v>45356</v>
      </c>
      <c r="F14801" s="2" t="s">
        <v>40967</v>
      </c>
      <c r="G14801" s="8">
        <v>227</v>
      </c>
      <c r="H14801" s="5">
        <v>6</v>
      </c>
      <c r="I14801" s="5" t="s">
        <v>1518</v>
      </c>
      <c r="J14801" s="5" t="s">
        <v>40939</v>
      </c>
      <c r="K14801" s="2" t="s">
        <v>40940</v>
      </c>
      <c r="L14801" s="5" t="s">
        <v>40939</v>
      </c>
      <c r="M14801" s="2" t="s">
        <v>40940</v>
      </c>
      <c r="N14801" s="5" t="s">
        <v>36266</v>
      </c>
      <c r="O14801" s="5" t="s">
        <v>38</v>
      </c>
      <c r="P14801" s="5" t="s">
        <v>39</v>
      </c>
      <c r="Q14801" s="5" t="s">
        <v>40</v>
      </c>
      <c r="R14801" s="5" t="s">
        <v>1522</v>
      </c>
      <c r="S14801" s="5" t="s">
        <v>1523</v>
      </c>
      <c r="T14801" s="5" t="s">
        <v>42</v>
      </c>
      <c r="U14801" s="2">
        <v>1.88</v>
      </c>
      <c r="V14801" s="2">
        <v>1.2609999999999999</v>
      </c>
      <c r="W14801" s="2">
        <v>0.02</v>
      </c>
      <c r="X14801" s="2">
        <v>159.1</v>
      </c>
      <c r="Y14801" s="2">
        <v>7.6</v>
      </c>
      <c r="Z14801" s="2">
        <v>16.7</v>
      </c>
      <c r="AA14801" s="5"/>
      <c r="AB14801" s="5" t="s">
        <v>43</v>
      </c>
      <c r="AC14801" s="5" t="s">
        <v>44</v>
      </c>
      <c r="AD14801" s="2"/>
      <c r="AE14801" s="1"/>
    </row>
    <row r="14802" spans="1:31" ht="14.45">
      <c r="A14802" s="11"/>
      <c r="B14802" s="20"/>
      <c r="C14802" s="2" t="s">
        <v>45357</v>
      </c>
      <c r="D14802" s="14" t="s">
        <v>45358</v>
      </c>
      <c r="E14802" s="2" t="s">
        <v>45359</v>
      </c>
      <c r="F14802" s="2" t="s">
        <v>40975</v>
      </c>
      <c r="G14802" s="8">
        <v>227</v>
      </c>
      <c r="H14802" s="5">
        <v>6</v>
      </c>
      <c r="I14802" s="5" t="s">
        <v>1518</v>
      </c>
      <c r="J14802" s="5" t="s">
        <v>40939</v>
      </c>
      <c r="K14802" s="2" t="s">
        <v>40940</v>
      </c>
      <c r="L14802" s="5" t="s">
        <v>40939</v>
      </c>
      <c r="M14802" s="2" t="s">
        <v>40940</v>
      </c>
      <c r="N14802" s="5" t="s">
        <v>36266</v>
      </c>
      <c r="O14802" s="5" t="s">
        <v>38</v>
      </c>
      <c r="P14802" s="5" t="s">
        <v>39</v>
      </c>
      <c r="Q14802" s="5" t="s">
        <v>40</v>
      </c>
      <c r="R14802" s="5" t="s">
        <v>1522</v>
      </c>
      <c r="S14802" s="5" t="s">
        <v>1523</v>
      </c>
      <c r="T14802" s="5" t="s">
        <v>42</v>
      </c>
      <c r="U14802" s="2">
        <v>1.88</v>
      </c>
      <c r="V14802" s="2">
        <v>1.2609999999999999</v>
      </c>
      <c r="W14802" s="2">
        <v>0.02</v>
      </c>
      <c r="X14802" s="2">
        <v>159.1</v>
      </c>
      <c r="Y14802" s="2">
        <v>7.6</v>
      </c>
      <c r="Z14802" s="2">
        <v>16.7</v>
      </c>
      <c r="AA14802" s="5"/>
      <c r="AB14802" s="5" t="s">
        <v>43</v>
      </c>
      <c r="AC14802" s="5" t="s">
        <v>44</v>
      </c>
      <c r="AD14802" s="2"/>
      <c r="AE14802" s="1"/>
    </row>
    <row r="14803" spans="1:31" ht="14.45">
      <c r="A14803" s="11"/>
      <c r="B14803" s="20"/>
      <c r="C14803" s="2" t="s">
        <v>45360</v>
      </c>
      <c r="D14803" s="14" t="s">
        <v>45361</v>
      </c>
      <c r="E14803" s="2" t="s">
        <v>45362</v>
      </c>
      <c r="F14803" s="2" t="s">
        <v>40989</v>
      </c>
      <c r="G14803" s="8">
        <v>227</v>
      </c>
      <c r="H14803" s="5">
        <v>6</v>
      </c>
      <c r="I14803" s="5" t="s">
        <v>1518</v>
      </c>
      <c r="J14803" s="5" t="s">
        <v>40939</v>
      </c>
      <c r="K14803" s="2" t="s">
        <v>40940</v>
      </c>
      <c r="L14803" s="5" t="s">
        <v>40939</v>
      </c>
      <c r="M14803" s="2" t="s">
        <v>40940</v>
      </c>
      <c r="N14803" s="5" t="s">
        <v>36266</v>
      </c>
      <c r="O14803" s="5" t="s">
        <v>38</v>
      </c>
      <c r="P14803" s="5" t="s">
        <v>39</v>
      </c>
      <c r="Q14803" s="5" t="s">
        <v>40</v>
      </c>
      <c r="R14803" s="5" t="s">
        <v>1522</v>
      </c>
      <c r="S14803" s="5" t="s">
        <v>1523</v>
      </c>
      <c r="T14803" s="5" t="s">
        <v>42</v>
      </c>
      <c r="U14803" s="2">
        <v>1.88</v>
      </c>
      <c r="V14803" s="2">
        <v>1.2609999999999999</v>
      </c>
      <c r="W14803" s="2">
        <v>0.02</v>
      </c>
      <c r="X14803" s="2">
        <v>159.1</v>
      </c>
      <c r="Y14803" s="2">
        <v>7.6</v>
      </c>
      <c r="Z14803" s="2">
        <v>16.7</v>
      </c>
      <c r="AA14803" s="5"/>
      <c r="AB14803" s="5" t="s">
        <v>43</v>
      </c>
      <c r="AC14803" s="5" t="s">
        <v>44</v>
      </c>
      <c r="AD14803" s="2"/>
      <c r="AE14803" s="1"/>
    </row>
    <row r="14804" spans="1:31" ht="14.45">
      <c r="A14804" s="11"/>
      <c r="B14804" s="20"/>
      <c r="C14804" s="2" t="s">
        <v>45363</v>
      </c>
      <c r="D14804" s="14" t="s">
        <v>45364</v>
      </c>
      <c r="E14804" s="2" t="s">
        <v>45365</v>
      </c>
      <c r="F14804" s="2" t="s">
        <v>40997</v>
      </c>
      <c r="G14804" s="8">
        <v>227</v>
      </c>
      <c r="H14804" s="5">
        <v>6</v>
      </c>
      <c r="I14804" s="5" t="s">
        <v>1518</v>
      </c>
      <c r="J14804" s="5" t="s">
        <v>40939</v>
      </c>
      <c r="K14804" s="2" t="s">
        <v>40940</v>
      </c>
      <c r="L14804" s="5" t="s">
        <v>40939</v>
      </c>
      <c r="M14804" s="2" t="s">
        <v>40940</v>
      </c>
      <c r="N14804" s="5" t="s">
        <v>36266</v>
      </c>
      <c r="O14804" s="5" t="s">
        <v>38</v>
      </c>
      <c r="P14804" s="5" t="s">
        <v>39</v>
      </c>
      <c r="Q14804" s="5" t="s">
        <v>40</v>
      </c>
      <c r="R14804" s="5" t="s">
        <v>1522</v>
      </c>
      <c r="S14804" s="5" t="s">
        <v>1523</v>
      </c>
      <c r="T14804" s="5" t="s">
        <v>42</v>
      </c>
      <c r="U14804" s="2">
        <v>1.821</v>
      </c>
      <c r="V14804" s="2">
        <v>1.202</v>
      </c>
      <c r="W14804" s="2">
        <v>0.02</v>
      </c>
      <c r="X14804" s="2">
        <v>159.1</v>
      </c>
      <c r="Y14804" s="2">
        <v>7.6</v>
      </c>
      <c r="Z14804" s="2">
        <v>16.7</v>
      </c>
      <c r="AA14804" s="5"/>
      <c r="AB14804" s="5" t="s">
        <v>43</v>
      </c>
      <c r="AC14804" s="5" t="s">
        <v>44</v>
      </c>
      <c r="AD14804" s="2"/>
      <c r="AE14804" s="1"/>
    </row>
    <row r="14805" spans="1:31" ht="14.45">
      <c r="A14805" s="11"/>
      <c r="B14805" s="20"/>
      <c r="C14805" s="2" t="s">
        <v>45366</v>
      </c>
      <c r="D14805" s="14" t="s">
        <v>45367</v>
      </c>
      <c r="E14805" s="2" t="s">
        <v>45368</v>
      </c>
      <c r="F14805" s="2" t="s">
        <v>41009</v>
      </c>
      <c r="G14805" s="8">
        <v>227</v>
      </c>
      <c r="H14805" s="5">
        <v>6</v>
      </c>
      <c r="I14805" s="5" t="s">
        <v>1518</v>
      </c>
      <c r="J14805" s="5" t="s">
        <v>40939</v>
      </c>
      <c r="K14805" s="2" t="s">
        <v>40940</v>
      </c>
      <c r="L14805" s="5" t="s">
        <v>40939</v>
      </c>
      <c r="M14805" s="2" t="s">
        <v>40940</v>
      </c>
      <c r="N14805" s="5" t="s">
        <v>36266</v>
      </c>
      <c r="O14805" s="5" t="s">
        <v>38</v>
      </c>
      <c r="P14805" s="5" t="s">
        <v>39</v>
      </c>
      <c r="Q14805" s="5" t="s">
        <v>40</v>
      </c>
      <c r="R14805" s="5" t="s">
        <v>1522</v>
      </c>
      <c r="S14805" s="5" t="s">
        <v>1523</v>
      </c>
      <c r="T14805" s="5" t="s">
        <v>42</v>
      </c>
      <c r="U14805" s="2">
        <v>1.895</v>
      </c>
      <c r="V14805" s="2">
        <v>1.276</v>
      </c>
      <c r="W14805" s="2">
        <v>0.02</v>
      </c>
      <c r="X14805" s="2">
        <v>159.1</v>
      </c>
      <c r="Y14805" s="2">
        <v>7.6</v>
      </c>
      <c r="Z14805" s="2">
        <v>16.7</v>
      </c>
      <c r="AA14805" s="5"/>
      <c r="AB14805" s="5" t="s">
        <v>43</v>
      </c>
      <c r="AC14805" s="5" t="s">
        <v>44</v>
      </c>
      <c r="AD14805" s="2"/>
      <c r="AE14805" s="1"/>
    </row>
    <row r="14806" spans="1:31" ht="14.45">
      <c r="A14806" s="11"/>
      <c r="B14806" s="20"/>
      <c r="C14806" s="2" t="s">
        <v>45369</v>
      </c>
      <c r="D14806" s="14" t="s">
        <v>45370</v>
      </c>
      <c r="E14806" s="2" t="s">
        <v>45371</v>
      </c>
      <c r="F14806" s="2" t="s">
        <v>7396</v>
      </c>
      <c r="G14806" s="8">
        <v>197</v>
      </c>
      <c r="H14806" s="5">
        <v>6</v>
      </c>
      <c r="I14806" s="5" t="s">
        <v>1518</v>
      </c>
      <c r="J14806" s="5" t="s">
        <v>40939</v>
      </c>
      <c r="K14806" s="2" t="s">
        <v>40940</v>
      </c>
      <c r="L14806" s="5" t="s">
        <v>40939</v>
      </c>
      <c r="M14806" s="2" t="s">
        <v>40940</v>
      </c>
      <c r="N14806" s="5" t="s">
        <v>36266</v>
      </c>
      <c r="O14806" s="5" t="s">
        <v>38</v>
      </c>
      <c r="P14806" s="5" t="s">
        <v>39</v>
      </c>
      <c r="Q14806" s="5" t="s">
        <v>40</v>
      </c>
      <c r="R14806" s="5" t="s">
        <v>1522</v>
      </c>
      <c r="S14806" s="5" t="s">
        <v>1523</v>
      </c>
      <c r="T14806" s="5" t="s">
        <v>42</v>
      </c>
      <c r="U14806" s="2">
        <v>1.895</v>
      </c>
      <c r="V14806" s="2">
        <v>1.276</v>
      </c>
      <c r="W14806" s="2">
        <v>0.02</v>
      </c>
      <c r="X14806" s="2">
        <v>159.1</v>
      </c>
      <c r="Y14806" s="2">
        <v>7.6</v>
      </c>
      <c r="Z14806" s="2">
        <v>16.7</v>
      </c>
      <c r="AA14806" s="5"/>
      <c r="AB14806" s="5" t="s">
        <v>43</v>
      </c>
      <c r="AC14806" s="5" t="s">
        <v>44</v>
      </c>
      <c r="AD14806" s="2"/>
      <c r="AE14806" s="1"/>
    </row>
    <row r="14807" spans="1:31" ht="14.45">
      <c r="A14807" s="11"/>
      <c r="B14807" s="20"/>
      <c r="C14807" s="2" t="s">
        <v>45372</v>
      </c>
      <c r="D14807" s="14" t="s">
        <v>45373</v>
      </c>
      <c r="E14807" s="2" t="s">
        <v>45374</v>
      </c>
      <c r="F14807" s="2" t="s">
        <v>41023</v>
      </c>
      <c r="G14807" s="8">
        <v>227</v>
      </c>
      <c r="H14807" s="5">
        <v>6</v>
      </c>
      <c r="I14807" s="5" t="s">
        <v>1518</v>
      </c>
      <c r="J14807" s="5" t="s">
        <v>40939</v>
      </c>
      <c r="K14807" s="2" t="s">
        <v>40940</v>
      </c>
      <c r="L14807" s="5" t="s">
        <v>40939</v>
      </c>
      <c r="M14807" s="2" t="s">
        <v>40940</v>
      </c>
      <c r="N14807" s="5" t="s">
        <v>36266</v>
      </c>
      <c r="O14807" s="5" t="s">
        <v>38</v>
      </c>
      <c r="P14807" s="5" t="s">
        <v>39</v>
      </c>
      <c r="Q14807" s="5" t="s">
        <v>40</v>
      </c>
      <c r="R14807" s="5" t="s">
        <v>1522</v>
      </c>
      <c r="S14807" s="5" t="s">
        <v>1523</v>
      </c>
      <c r="T14807" s="5" t="s">
        <v>42</v>
      </c>
      <c r="U14807" s="2">
        <v>1.821</v>
      </c>
      <c r="V14807" s="2">
        <v>1.202</v>
      </c>
      <c r="W14807" s="2">
        <v>0.02</v>
      </c>
      <c r="X14807" s="2">
        <v>159.1</v>
      </c>
      <c r="Y14807" s="2">
        <v>7.6</v>
      </c>
      <c r="Z14807" s="2">
        <v>16.7</v>
      </c>
      <c r="AA14807" s="5"/>
      <c r="AB14807" s="5" t="s">
        <v>43</v>
      </c>
      <c r="AC14807" s="5" t="s">
        <v>44</v>
      </c>
      <c r="AD14807" s="2"/>
      <c r="AE14807" s="1"/>
    </row>
    <row r="14808" spans="1:31" ht="14.45">
      <c r="A14808" s="11"/>
      <c r="B14808" s="20"/>
      <c r="C14808" s="2" t="s">
        <v>45375</v>
      </c>
      <c r="D14808" s="14" t="s">
        <v>45376</v>
      </c>
      <c r="E14808" s="2" t="s">
        <v>45377</v>
      </c>
      <c r="F14808" s="2" t="s">
        <v>41045</v>
      </c>
      <c r="G14808" s="8">
        <v>227</v>
      </c>
      <c r="H14808" s="5">
        <v>6</v>
      </c>
      <c r="I14808" s="5" t="s">
        <v>1518</v>
      </c>
      <c r="J14808" s="5" t="s">
        <v>40939</v>
      </c>
      <c r="K14808" s="2" t="s">
        <v>40940</v>
      </c>
      <c r="L14808" s="5" t="s">
        <v>40939</v>
      </c>
      <c r="M14808" s="2" t="s">
        <v>40940</v>
      </c>
      <c r="N14808" s="5" t="s">
        <v>36266</v>
      </c>
      <c r="O14808" s="5" t="s">
        <v>38</v>
      </c>
      <c r="P14808" s="5" t="s">
        <v>39</v>
      </c>
      <c r="Q14808" s="5" t="s">
        <v>40</v>
      </c>
      <c r="R14808" s="5" t="s">
        <v>1522</v>
      </c>
      <c r="S14808" s="5" t="s">
        <v>1523</v>
      </c>
      <c r="T14808" s="5" t="s">
        <v>42</v>
      </c>
      <c r="U14808" s="2">
        <v>1.909</v>
      </c>
      <c r="V14808" s="2">
        <v>1.29</v>
      </c>
      <c r="W14808" s="2">
        <v>0.02</v>
      </c>
      <c r="X14808" s="2">
        <v>159.1</v>
      </c>
      <c r="Y14808" s="2">
        <v>7.6</v>
      </c>
      <c r="Z14808" s="2">
        <v>16.7</v>
      </c>
      <c r="AA14808" s="5"/>
      <c r="AB14808" s="5" t="s">
        <v>43</v>
      </c>
      <c r="AC14808" s="5" t="s">
        <v>44</v>
      </c>
      <c r="AD14808" s="2"/>
      <c r="AE14808" s="1"/>
    </row>
    <row r="14809" spans="1:31" ht="14.45">
      <c r="A14809" s="11"/>
      <c r="B14809" s="20"/>
      <c r="C14809" s="2" t="s">
        <v>45378</v>
      </c>
      <c r="D14809" s="14" t="s">
        <v>45379</v>
      </c>
      <c r="E14809" s="2" t="s">
        <v>45380</v>
      </c>
      <c r="F14809" s="2" t="s">
        <v>7204</v>
      </c>
      <c r="G14809" s="8">
        <v>190</v>
      </c>
      <c r="H14809" s="5">
        <v>6</v>
      </c>
      <c r="I14809" s="5" t="s">
        <v>1518</v>
      </c>
      <c r="J14809" s="5" t="s">
        <v>40939</v>
      </c>
      <c r="K14809" s="2" t="s">
        <v>40940</v>
      </c>
      <c r="L14809" s="5" t="s">
        <v>40939</v>
      </c>
      <c r="M14809" s="2" t="s">
        <v>40940</v>
      </c>
      <c r="N14809" s="5" t="s">
        <v>36266</v>
      </c>
      <c r="O14809" s="5" t="s">
        <v>38</v>
      </c>
      <c r="P14809" s="5" t="s">
        <v>39</v>
      </c>
      <c r="Q14809" s="5" t="s">
        <v>40</v>
      </c>
      <c r="R14809" s="5" t="s">
        <v>1522</v>
      </c>
      <c r="S14809" s="5" t="s">
        <v>1523</v>
      </c>
      <c r="T14809" s="5" t="s">
        <v>42</v>
      </c>
      <c r="U14809" s="2">
        <v>1.7969999999999999</v>
      </c>
      <c r="V14809" s="2">
        <v>1.284</v>
      </c>
      <c r="W14809" s="2">
        <v>1.7999999999999999E-2</v>
      </c>
      <c r="X14809" s="2">
        <v>139.1</v>
      </c>
      <c r="Y14809" s="2">
        <v>7.6</v>
      </c>
      <c r="Z14809" s="2">
        <v>16.7</v>
      </c>
      <c r="AA14809" s="5"/>
      <c r="AB14809" s="5" t="s">
        <v>43</v>
      </c>
      <c r="AC14809" s="5" t="s">
        <v>44</v>
      </c>
      <c r="AD14809" s="2"/>
      <c r="AE14809" s="1"/>
    </row>
    <row r="14810" spans="1:31" ht="14.45">
      <c r="A14810" s="11"/>
      <c r="B14810" s="20"/>
      <c r="C14810" s="2" t="s">
        <v>45381</v>
      </c>
      <c r="D14810" s="14" t="s">
        <v>45382</v>
      </c>
      <c r="E14810" s="2" t="s">
        <v>45383</v>
      </c>
      <c r="F14810" s="2" t="s">
        <v>40947</v>
      </c>
      <c r="G14810" s="8">
        <v>219</v>
      </c>
      <c r="H14810" s="5">
        <v>6</v>
      </c>
      <c r="I14810" s="5" t="s">
        <v>1518</v>
      </c>
      <c r="J14810" s="5" t="s">
        <v>40939</v>
      </c>
      <c r="K14810" s="2" t="s">
        <v>40940</v>
      </c>
      <c r="L14810" s="5" t="s">
        <v>40939</v>
      </c>
      <c r="M14810" s="2" t="s">
        <v>40940</v>
      </c>
      <c r="N14810" s="5" t="s">
        <v>36266</v>
      </c>
      <c r="O14810" s="5" t="s">
        <v>38</v>
      </c>
      <c r="P14810" s="5" t="s">
        <v>39</v>
      </c>
      <c r="Q14810" s="5" t="s">
        <v>40</v>
      </c>
      <c r="R14810" s="5" t="s">
        <v>1522</v>
      </c>
      <c r="S14810" s="5" t="s">
        <v>1523</v>
      </c>
      <c r="T14810" s="5" t="s">
        <v>42</v>
      </c>
      <c r="U14810" s="2">
        <v>1.8280000000000001</v>
      </c>
      <c r="V14810" s="2">
        <v>1.3149999999999999</v>
      </c>
      <c r="W14810" s="2">
        <v>1.7999999999999999E-2</v>
      </c>
      <c r="X14810" s="2">
        <v>139.1</v>
      </c>
      <c r="Y14810" s="2">
        <v>7.6</v>
      </c>
      <c r="Z14810" s="2">
        <v>16.7</v>
      </c>
      <c r="AA14810" s="5"/>
      <c r="AB14810" s="5" t="s">
        <v>43</v>
      </c>
      <c r="AC14810" s="5" t="s">
        <v>44</v>
      </c>
      <c r="AD14810" s="2"/>
      <c r="AE14810" s="1"/>
    </row>
    <row r="14811" spans="1:31" ht="14.45">
      <c r="A14811" s="11"/>
      <c r="B14811" s="20"/>
      <c r="C14811" s="2" t="s">
        <v>45384</v>
      </c>
      <c r="D14811" s="14" t="s">
        <v>45385</v>
      </c>
      <c r="E14811" s="2" t="s">
        <v>45386</v>
      </c>
      <c r="F14811" s="2" t="s">
        <v>7208</v>
      </c>
      <c r="G14811" s="8">
        <v>190</v>
      </c>
      <c r="H14811" s="5">
        <v>6</v>
      </c>
      <c r="I14811" s="5" t="s">
        <v>1518</v>
      </c>
      <c r="J14811" s="5" t="s">
        <v>40939</v>
      </c>
      <c r="K14811" s="2" t="s">
        <v>40940</v>
      </c>
      <c r="L14811" s="5" t="s">
        <v>40939</v>
      </c>
      <c r="M14811" s="2" t="s">
        <v>40940</v>
      </c>
      <c r="N14811" s="5" t="s">
        <v>36266</v>
      </c>
      <c r="O14811" s="5" t="s">
        <v>38</v>
      </c>
      <c r="P14811" s="5" t="s">
        <v>39</v>
      </c>
      <c r="Q14811" s="5" t="s">
        <v>40</v>
      </c>
      <c r="R14811" s="5" t="s">
        <v>1522</v>
      </c>
      <c r="S14811" s="5" t="s">
        <v>1523</v>
      </c>
      <c r="T14811" s="5" t="s">
        <v>42</v>
      </c>
      <c r="U14811" s="2">
        <v>1.8440000000000001</v>
      </c>
      <c r="V14811" s="2">
        <v>1.331</v>
      </c>
      <c r="W14811" s="2">
        <v>1.7999999999999999E-2</v>
      </c>
      <c r="X14811" s="2">
        <v>139.1</v>
      </c>
      <c r="Y14811" s="2">
        <v>7.6</v>
      </c>
      <c r="Z14811" s="2">
        <v>16.7</v>
      </c>
      <c r="AA14811" s="5"/>
      <c r="AB14811" s="5" t="s">
        <v>43</v>
      </c>
      <c r="AC14811" s="5" t="s">
        <v>44</v>
      </c>
      <c r="AD14811" s="2"/>
      <c r="AE14811" s="1"/>
    </row>
    <row r="14812" spans="1:31" ht="14.45">
      <c r="A14812" s="11"/>
      <c r="B14812" s="20"/>
      <c r="C14812" s="2" t="s">
        <v>45387</v>
      </c>
      <c r="D14812" s="14" t="s">
        <v>45388</v>
      </c>
      <c r="E14812" s="2" t="s">
        <v>45389</v>
      </c>
      <c r="F14812" s="2" t="s">
        <v>36273</v>
      </c>
      <c r="G14812" s="8">
        <v>190</v>
      </c>
      <c r="H14812" s="5">
        <v>6</v>
      </c>
      <c r="I14812" s="5" t="s">
        <v>1518</v>
      </c>
      <c r="J14812" s="5" t="s">
        <v>40939</v>
      </c>
      <c r="K14812" s="2" t="s">
        <v>40940</v>
      </c>
      <c r="L14812" s="5" t="s">
        <v>40939</v>
      </c>
      <c r="M14812" s="2" t="s">
        <v>40940</v>
      </c>
      <c r="N14812" s="5" t="s">
        <v>36266</v>
      </c>
      <c r="O14812" s="5" t="s">
        <v>38</v>
      </c>
      <c r="P14812" s="5" t="s">
        <v>39</v>
      </c>
      <c r="Q14812" s="5" t="s">
        <v>40</v>
      </c>
      <c r="R14812" s="5" t="s">
        <v>1522</v>
      </c>
      <c r="S14812" s="5" t="s">
        <v>1523</v>
      </c>
      <c r="T14812" s="5" t="s">
        <v>42</v>
      </c>
      <c r="U14812" s="2">
        <v>1.875</v>
      </c>
      <c r="V14812" s="2">
        <v>1.3620000000000001</v>
      </c>
      <c r="W14812" s="2">
        <v>1.7999999999999999E-2</v>
      </c>
      <c r="X14812" s="2">
        <v>139.1</v>
      </c>
      <c r="Y14812" s="2">
        <v>7.6</v>
      </c>
      <c r="Z14812" s="2">
        <v>16.7</v>
      </c>
      <c r="AA14812" s="5"/>
      <c r="AB14812" s="5" t="s">
        <v>43</v>
      </c>
      <c r="AC14812" s="5" t="s">
        <v>44</v>
      </c>
      <c r="AD14812" s="2"/>
      <c r="AE14812" s="1"/>
    </row>
    <row r="14813" spans="1:31" ht="14.45">
      <c r="A14813" s="11"/>
      <c r="B14813" s="20"/>
      <c r="C14813" s="2" t="s">
        <v>45390</v>
      </c>
      <c r="D14813" s="14" t="s">
        <v>45391</v>
      </c>
      <c r="E14813" s="2" t="s">
        <v>45392</v>
      </c>
      <c r="F14813" s="2" t="s">
        <v>40967</v>
      </c>
      <c r="G14813" s="8">
        <v>219</v>
      </c>
      <c r="H14813" s="5">
        <v>6</v>
      </c>
      <c r="I14813" s="5" t="s">
        <v>1518</v>
      </c>
      <c r="J14813" s="5" t="s">
        <v>40939</v>
      </c>
      <c r="K14813" s="2" t="s">
        <v>40940</v>
      </c>
      <c r="L14813" s="5" t="s">
        <v>40939</v>
      </c>
      <c r="M14813" s="2" t="s">
        <v>40940</v>
      </c>
      <c r="N14813" s="5" t="s">
        <v>36266</v>
      </c>
      <c r="O14813" s="5" t="s">
        <v>38</v>
      </c>
      <c r="P14813" s="5" t="s">
        <v>39</v>
      </c>
      <c r="Q14813" s="5" t="s">
        <v>40</v>
      </c>
      <c r="R14813" s="5" t="s">
        <v>1522</v>
      </c>
      <c r="S14813" s="5" t="s">
        <v>1523</v>
      </c>
      <c r="T14813" s="5" t="s">
        <v>42</v>
      </c>
      <c r="U14813" s="2">
        <v>1.8440000000000001</v>
      </c>
      <c r="V14813" s="2">
        <v>1.331</v>
      </c>
      <c r="W14813" s="2">
        <v>1.7999999999999999E-2</v>
      </c>
      <c r="X14813" s="2">
        <v>139.1</v>
      </c>
      <c r="Y14813" s="2">
        <v>7.6</v>
      </c>
      <c r="Z14813" s="2">
        <v>16.7</v>
      </c>
      <c r="AA14813" s="5"/>
      <c r="AB14813" s="5" t="s">
        <v>43</v>
      </c>
      <c r="AC14813" s="5" t="s">
        <v>44</v>
      </c>
      <c r="AD14813" s="2"/>
      <c r="AE14813" s="1"/>
    </row>
    <row r="14814" spans="1:31" ht="14.45">
      <c r="A14814" s="11"/>
      <c r="B14814" s="20"/>
      <c r="C14814" s="2" t="s">
        <v>45393</v>
      </c>
      <c r="D14814" s="14" t="s">
        <v>45394</v>
      </c>
      <c r="E14814" s="2" t="s">
        <v>45395</v>
      </c>
      <c r="F14814" s="2" t="s">
        <v>40975</v>
      </c>
      <c r="G14814" s="8">
        <v>219</v>
      </c>
      <c r="H14814" s="5">
        <v>6</v>
      </c>
      <c r="I14814" s="5" t="s">
        <v>1518</v>
      </c>
      <c r="J14814" s="5" t="s">
        <v>40939</v>
      </c>
      <c r="K14814" s="2" t="s">
        <v>40940</v>
      </c>
      <c r="L14814" s="5" t="s">
        <v>40939</v>
      </c>
      <c r="M14814" s="2" t="s">
        <v>40940</v>
      </c>
      <c r="N14814" s="5" t="s">
        <v>36266</v>
      </c>
      <c r="O14814" s="5" t="s">
        <v>38</v>
      </c>
      <c r="P14814" s="5" t="s">
        <v>39</v>
      </c>
      <c r="Q14814" s="5" t="s">
        <v>40</v>
      </c>
      <c r="R14814" s="5" t="s">
        <v>1522</v>
      </c>
      <c r="S14814" s="5" t="s">
        <v>1523</v>
      </c>
      <c r="T14814" s="5" t="s">
        <v>42</v>
      </c>
      <c r="U14814" s="2">
        <v>1.8440000000000001</v>
      </c>
      <c r="V14814" s="2">
        <v>1.331</v>
      </c>
      <c r="W14814" s="2">
        <v>1.7999999999999999E-2</v>
      </c>
      <c r="X14814" s="2">
        <v>139.1</v>
      </c>
      <c r="Y14814" s="2">
        <v>7.6</v>
      </c>
      <c r="Z14814" s="2">
        <v>16.7</v>
      </c>
      <c r="AA14814" s="5"/>
      <c r="AB14814" s="5" t="s">
        <v>43</v>
      </c>
      <c r="AC14814" s="5" t="s">
        <v>44</v>
      </c>
      <c r="AD14814" s="2"/>
      <c r="AE14814" s="1"/>
    </row>
    <row r="14815" spans="1:31" ht="14.45">
      <c r="A14815" s="11"/>
      <c r="B14815" s="20"/>
      <c r="C14815" s="2" t="s">
        <v>45396</v>
      </c>
      <c r="D14815" s="14" t="s">
        <v>45397</v>
      </c>
      <c r="E14815" s="2" t="s">
        <v>45398</v>
      </c>
      <c r="F14815" s="2" t="s">
        <v>7539</v>
      </c>
      <c r="G14815" s="8">
        <v>219</v>
      </c>
      <c r="H14815" s="5">
        <v>6</v>
      </c>
      <c r="I14815" s="5" t="s">
        <v>1518</v>
      </c>
      <c r="J14815" s="5" t="s">
        <v>40939</v>
      </c>
      <c r="K14815" s="2" t="s">
        <v>40940</v>
      </c>
      <c r="L14815" s="5" t="s">
        <v>40939</v>
      </c>
      <c r="M14815" s="2" t="s">
        <v>40940</v>
      </c>
      <c r="N14815" s="5" t="s">
        <v>36266</v>
      </c>
      <c r="O14815" s="5" t="s">
        <v>38</v>
      </c>
      <c r="P14815" s="5" t="s">
        <v>39</v>
      </c>
      <c r="Q14815" s="5" t="s">
        <v>40</v>
      </c>
      <c r="R14815" s="5" t="s">
        <v>1522</v>
      </c>
      <c r="S14815" s="5" t="s">
        <v>1523</v>
      </c>
      <c r="T14815" s="5" t="s">
        <v>42</v>
      </c>
      <c r="U14815" s="2">
        <v>1.766</v>
      </c>
      <c r="V14815" s="2">
        <v>1.2529999999999999</v>
      </c>
      <c r="W14815" s="2">
        <v>1.7999999999999999E-2</v>
      </c>
      <c r="X14815" s="2">
        <v>139.1</v>
      </c>
      <c r="Y14815" s="2">
        <v>7.6</v>
      </c>
      <c r="Z14815" s="2">
        <v>16.7</v>
      </c>
      <c r="AA14815" s="5"/>
      <c r="AB14815" s="5" t="s">
        <v>43</v>
      </c>
      <c r="AC14815" s="5" t="s">
        <v>44</v>
      </c>
      <c r="AD14815" s="2"/>
      <c r="AE14815" s="1"/>
    </row>
    <row r="14816" spans="1:31" ht="14.45">
      <c r="A14816" s="11"/>
      <c r="B14816" s="20"/>
      <c r="C14816" s="2" t="s">
        <v>45399</v>
      </c>
      <c r="D14816" s="14" t="s">
        <v>45400</v>
      </c>
      <c r="E14816" s="2" t="s">
        <v>45401</v>
      </c>
      <c r="F14816" s="2" t="s">
        <v>40989</v>
      </c>
      <c r="G14816" s="8">
        <v>219</v>
      </c>
      <c r="H14816" s="5">
        <v>6</v>
      </c>
      <c r="I14816" s="5" t="s">
        <v>1518</v>
      </c>
      <c r="J14816" s="5" t="s">
        <v>40939</v>
      </c>
      <c r="K14816" s="2" t="s">
        <v>40940</v>
      </c>
      <c r="L14816" s="5" t="s">
        <v>40939</v>
      </c>
      <c r="M14816" s="2" t="s">
        <v>40940</v>
      </c>
      <c r="N14816" s="5" t="s">
        <v>36266</v>
      </c>
      <c r="O14816" s="5" t="s">
        <v>38</v>
      </c>
      <c r="P14816" s="5" t="s">
        <v>39</v>
      </c>
      <c r="Q14816" s="5" t="s">
        <v>40</v>
      </c>
      <c r="R14816" s="5" t="s">
        <v>1522</v>
      </c>
      <c r="S14816" s="5" t="s">
        <v>1523</v>
      </c>
      <c r="T14816" s="5" t="s">
        <v>42</v>
      </c>
      <c r="U14816" s="2">
        <v>1.8440000000000001</v>
      </c>
      <c r="V14816" s="2">
        <v>1.331</v>
      </c>
      <c r="W14816" s="2">
        <v>1.7999999999999999E-2</v>
      </c>
      <c r="X14816" s="2">
        <v>139.1</v>
      </c>
      <c r="Y14816" s="2">
        <v>7.6</v>
      </c>
      <c r="Z14816" s="2">
        <v>16.7</v>
      </c>
      <c r="AA14816" s="5"/>
      <c r="AB14816" s="5" t="s">
        <v>43</v>
      </c>
      <c r="AC14816" s="5" t="s">
        <v>44</v>
      </c>
      <c r="AD14816" s="2"/>
      <c r="AE14816" s="1"/>
    </row>
    <row r="14817" spans="1:31" ht="14.45">
      <c r="A14817" s="11"/>
      <c r="B14817" s="20"/>
      <c r="C14817" s="2" t="s">
        <v>45402</v>
      </c>
      <c r="D14817" s="14" t="s">
        <v>45403</v>
      </c>
      <c r="E14817" s="2" t="s">
        <v>45404</v>
      </c>
      <c r="F14817" s="2" t="s">
        <v>41001</v>
      </c>
      <c r="G14817" s="8">
        <v>219</v>
      </c>
      <c r="H14817" s="5">
        <v>6</v>
      </c>
      <c r="I14817" s="5" t="s">
        <v>1518</v>
      </c>
      <c r="J14817" s="5" t="s">
        <v>40939</v>
      </c>
      <c r="K14817" s="2" t="s">
        <v>40940</v>
      </c>
      <c r="L14817" s="5" t="s">
        <v>40939</v>
      </c>
      <c r="M14817" s="2" t="s">
        <v>40940</v>
      </c>
      <c r="N14817" s="5" t="s">
        <v>36266</v>
      </c>
      <c r="O14817" s="5" t="s">
        <v>38</v>
      </c>
      <c r="P14817" s="5" t="s">
        <v>39</v>
      </c>
      <c r="Q14817" s="5" t="s">
        <v>40</v>
      </c>
      <c r="R14817" s="5" t="s">
        <v>1522</v>
      </c>
      <c r="S14817" s="5" t="s">
        <v>1523</v>
      </c>
      <c r="T14817" s="5" t="s">
        <v>42</v>
      </c>
      <c r="U14817" s="2">
        <v>1.8440000000000001</v>
      </c>
      <c r="V14817" s="2">
        <v>1.331</v>
      </c>
      <c r="W14817" s="2">
        <v>1.7999999999999999E-2</v>
      </c>
      <c r="X14817" s="2">
        <v>139.1</v>
      </c>
      <c r="Y14817" s="2">
        <v>7.6</v>
      </c>
      <c r="Z14817" s="2">
        <v>16.7</v>
      </c>
      <c r="AA14817" s="5"/>
      <c r="AB14817" s="5" t="s">
        <v>43</v>
      </c>
      <c r="AC14817" s="5" t="s">
        <v>44</v>
      </c>
      <c r="AD14817" s="2"/>
      <c r="AE14817" s="1"/>
    </row>
    <row r="14818" spans="1:31" ht="14.45">
      <c r="A14818" s="11"/>
      <c r="B14818" s="20"/>
      <c r="C14818" s="2" t="s">
        <v>45405</v>
      </c>
      <c r="D14818" s="14" t="s">
        <v>45406</v>
      </c>
      <c r="E14818" s="2" t="s">
        <v>45407</v>
      </c>
      <c r="F14818" s="2" t="s">
        <v>41009</v>
      </c>
      <c r="G14818" s="8">
        <v>219</v>
      </c>
      <c r="H14818" s="5">
        <v>6</v>
      </c>
      <c r="I14818" s="5" t="s">
        <v>1518</v>
      </c>
      <c r="J14818" s="5" t="s">
        <v>40939</v>
      </c>
      <c r="K14818" s="2" t="s">
        <v>40940</v>
      </c>
      <c r="L14818" s="5" t="s">
        <v>40939</v>
      </c>
      <c r="M14818" s="2" t="s">
        <v>40940</v>
      </c>
      <c r="N14818" s="5" t="s">
        <v>36266</v>
      </c>
      <c r="O14818" s="5" t="s">
        <v>38</v>
      </c>
      <c r="P14818" s="5" t="s">
        <v>39</v>
      </c>
      <c r="Q14818" s="5" t="s">
        <v>40</v>
      </c>
      <c r="R14818" s="5" t="s">
        <v>1522</v>
      </c>
      <c r="S14818" s="5" t="s">
        <v>1523</v>
      </c>
      <c r="T14818" s="5" t="s">
        <v>42</v>
      </c>
      <c r="U14818" s="2">
        <v>1.859</v>
      </c>
      <c r="V14818" s="2">
        <v>1.3460000000000001</v>
      </c>
      <c r="W14818" s="2">
        <v>1.7999999999999999E-2</v>
      </c>
      <c r="X14818" s="2">
        <v>139.1</v>
      </c>
      <c r="Y14818" s="2">
        <v>7.6</v>
      </c>
      <c r="Z14818" s="2">
        <v>16.7</v>
      </c>
      <c r="AA14818" s="5"/>
      <c r="AB14818" s="5" t="s">
        <v>43</v>
      </c>
      <c r="AC14818" s="5" t="s">
        <v>44</v>
      </c>
      <c r="AD14818" s="2"/>
      <c r="AE14818" s="1"/>
    </row>
    <row r="14819" spans="1:31" ht="14.45">
      <c r="A14819" s="11"/>
      <c r="B14819" s="20"/>
      <c r="C14819" s="2" t="s">
        <v>45408</v>
      </c>
      <c r="D14819" s="14" t="s">
        <v>45409</v>
      </c>
      <c r="E14819" s="2" t="s">
        <v>45410</v>
      </c>
      <c r="F14819" s="2" t="s">
        <v>7396</v>
      </c>
      <c r="G14819" s="8">
        <v>190</v>
      </c>
      <c r="H14819" s="5">
        <v>6</v>
      </c>
      <c r="I14819" s="5" t="s">
        <v>1518</v>
      </c>
      <c r="J14819" s="5" t="s">
        <v>40939</v>
      </c>
      <c r="K14819" s="2" t="s">
        <v>40940</v>
      </c>
      <c r="L14819" s="5" t="s">
        <v>40939</v>
      </c>
      <c r="M14819" s="2" t="s">
        <v>40940</v>
      </c>
      <c r="N14819" s="5" t="s">
        <v>36266</v>
      </c>
      <c r="O14819" s="5" t="s">
        <v>38</v>
      </c>
      <c r="P14819" s="5" t="s">
        <v>39</v>
      </c>
      <c r="Q14819" s="5" t="s">
        <v>40</v>
      </c>
      <c r="R14819" s="5" t="s">
        <v>1522</v>
      </c>
      <c r="S14819" s="5" t="s">
        <v>1523</v>
      </c>
      <c r="T14819" s="5" t="s">
        <v>42</v>
      </c>
      <c r="U14819" s="2">
        <v>1.859</v>
      </c>
      <c r="V14819" s="2">
        <v>1.3460000000000001</v>
      </c>
      <c r="W14819" s="2">
        <v>1.7999999999999999E-2</v>
      </c>
      <c r="X14819" s="2">
        <v>139.1</v>
      </c>
      <c r="Y14819" s="2">
        <v>7.6</v>
      </c>
      <c r="Z14819" s="2">
        <v>16.7</v>
      </c>
      <c r="AA14819" s="5"/>
      <c r="AB14819" s="5" t="s">
        <v>43</v>
      </c>
      <c r="AC14819" s="5" t="s">
        <v>44</v>
      </c>
      <c r="AD14819" s="2"/>
      <c r="AE14819" s="1"/>
    </row>
    <row r="14820" spans="1:31" ht="14.45">
      <c r="A14820" s="11"/>
      <c r="B14820" s="20"/>
      <c r="C14820" s="2" t="s">
        <v>45411</v>
      </c>
      <c r="D14820" s="14" t="s">
        <v>45412</v>
      </c>
      <c r="E14820" s="2" t="s">
        <v>45413</v>
      </c>
      <c r="F14820" s="2" t="s">
        <v>41023</v>
      </c>
      <c r="G14820" s="8">
        <v>219</v>
      </c>
      <c r="H14820" s="5">
        <v>6</v>
      </c>
      <c r="I14820" s="5" t="s">
        <v>1518</v>
      </c>
      <c r="J14820" s="5" t="s">
        <v>40939</v>
      </c>
      <c r="K14820" s="2" t="s">
        <v>40940</v>
      </c>
      <c r="L14820" s="5" t="s">
        <v>40939</v>
      </c>
      <c r="M14820" s="2" t="s">
        <v>40940</v>
      </c>
      <c r="N14820" s="5" t="s">
        <v>36266</v>
      </c>
      <c r="O14820" s="5" t="s">
        <v>38</v>
      </c>
      <c r="P14820" s="5" t="s">
        <v>39</v>
      </c>
      <c r="Q14820" s="5" t="s">
        <v>40</v>
      </c>
      <c r="R14820" s="5" t="s">
        <v>1522</v>
      </c>
      <c r="S14820" s="5" t="s">
        <v>1523</v>
      </c>
      <c r="T14820" s="5" t="s">
        <v>42</v>
      </c>
      <c r="U14820" s="2">
        <v>1.782</v>
      </c>
      <c r="V14820" s="2">
        <v>1.2689999999999999</v>
      </c>
      <c r="W14820" s="2">
        <v>1.7999999999999999E-2</v>
      </c>
      <c r="X14820" s="2">
        <v>139.1</v>
      </c>
      <c r="Y14820" s="2">
        <v>7.6</v>
      </c>
      <c r="Z14820" s="2">
        <v>16.7</v>
      </c>
      <c r="AA14820" s="5"/>
      <c r="AB14820" s="5" t="s">
        <v>43</v>
      </c>
      <c r="AC14820" s="5" t="s">
        <v>44</v>
      </c>
      <c r="AD14820" s="2"/>
      <c r="AE14820" s="1"/>
    </row>
    <row r="14821" spans="1:31" ht="14.45">
      <c r="A14821" s="11"/>
      <c r="B14821" s="20"/>
      <c r="C14821" s="2" t="s">
        <v>45414</v>
      </c>
      <c r="D14821" s="14" t="s">
        <v>45415</v>
      </c>
      <c r="E14821" s="2" t="s">
        <v>45416</v>
      </c>
      <c r="F14821" s="2" t="s">
        <v>41031</v>
      </c>
      <c r="G14821" s="8">
        <v>219</v>
      </c>
      <c r="H14821" s="5">
        <v>6</v>
      </c>
      <c r="I14821" s="5" t="s">
        <v>1518</v>
      </c>
      <c r="J14821" s="5" t="s">
        <v>40939</v>
      </c>
      <c r="K14821" s="2" t="s">
        <v>40940</v>
      </c>
      <c r="L14821" s="5" t="s">
        <v>40939</v>
      </c>
      <c r="M14821" s="2" t="s">
        <v>40940</v>
      </c>
      <c r="N14821" s="5" t="s">
        <v>36266</v>
      </c>
      <c r="O14821" s="5" t="s">
        <v>38</v>
      </c>
      <c r="P14821" s="5" t="s">
        <v>39</v>
      </c>
      <c r="Q14821" s="5" t="s">
        <v>40</v>
      </c>
      <c r="R14821" s="5" t="s">
        <v>1522</v>
      </c>
      <c r="S14821" s="5" t="s">
        <v>1523</v>
      </c>
      <c r="T14821" s="5" t="s">
        <v>42</v>
      </c>
      <c r="U14821" s="2">
        <v>1.782</v>
      </c>
      <c r="V14821" s="2">
        <v>1.2689999999999999</v>
      </c>
      <c r="W14821" s="2">
        <v>1.7999999999999999E-2</v>
      </c>
      <c r="X14821" s="2">
        <v>139.1</v>
      </c>
      <c r="Y14821" s="2">
        <v>7.6</v>
      </c>
      <c r="Z14821" s="2">
        <v>16.7</v>
      </c>
      <c r="AA14821" s="5"/>
      <c r="AB14821" s="5" t="s">
        <v>43</v>
      </c>
      <c r="AC14821" s="5" t="s">
        <v>44</v>
      </c>
      <c r="AD14821" s="2"/>
      <c r="AE14821" s="1"/>
    </row>
    <row r="14822" spans="1:31" ht="14.45">
      <c r="A14822" s="11"/>
      <c r="B14822" s="20"/>
      <c r="C14822" s="2" t="s">
        <v>45417</v>
      </c>
      <c r="D14822" s="14" t="s">
        <v>45418</v>
      </c>
      <c r="E14822" s="2" t="s">
        <v>45419</v>
      </c>
      <c r="F14822" s="2" t="s">
        <v>7449</v>
      </c>
      <c r="G14822" s="8">
        <v>219</v>
      </c>
      <c r="H14822" s="5">
        <v>6</v>
      </c>
      <c r="I14822" s="5" t="s">
        <v>1518</v>
      </c>
      <c r="J14822" s="5" t="s">
        <v>40939</v>
      </c>
      <c r="K14822" s="2" t="s">
        <v>40940</v>
      </c>
      <c r="L14822" s="5" t="s">
        <v>40939</v>
      </c>
      <c r="M14822" s="2" t="s">
        <v>40940</v>
      </c>
      <c r="N14822" s="5" t="s">
        <v>36266</v>
      </c>
      <c r="O14822" s="5" t="s">
        <v>38</v>
      </c>
      <c r="P14822" s="5" t="s">
        <v>39</v>
      </c>
      <c r="Q14822" s="5" t="s">
        <v>40</v>
      </c>
      <c r="R14822" s="5" t="s">
        <v>1522</v>
      </c>
      <c r="S14822" s="5" t="s">
        <v>1523</v>
      </c>
      <c r="T14822" s="5" t="s">
        <v>42</v>
      </c>
      <c r="U14822" s="2">
        <v>1.782</v>
      </c>
      <c r="V14822" s="2">
        <v>1.2689999999999999</v>
      </c>
      <c r="W14822" s="2">
        <v>1.7999999999999999E-2</v>
      </c>
      <c r="X14822" s="2">
        <v>139.1</v>
      </c>
      <c r="Y14822" s="2">
        <v>7.6</v>
      </c>
      <c r="Z14822" s="2">
        <v>16.7</v>
      </c>
      <c r="AA14822" s="5"/>
      <c r="AB14822" s="5" t="s">
        <v>43</v>
      </c>
      <c r="AC14822" s="5" t="s">
        <v>44</v>
      </c>
      <c r="AD14822" s="2"/>
      <c r="AE14822" s="1"/>
    </row>
    <row r="14823" spans="1:31" ht="14.45">
      <c r="A14823" s="11"/>
      <c r="B14823" s="20"/>
      <c r="C14823" s="2" t="s">
        <v>45420</v>
      </c>
      <c r="D14823" s="14" t="s">
        <v>45421</v>
      </c>
      <c r="E14823" s="2" t="s">
        <v>45422</v>
      </c>
      <c r="F14823" s="2" t="s">
        <v>41045</v>
      </c>
      <c r="G14823" s="8">
        <v>219</v>
      </c>
      <c r="H14823" s="5">
        <v>6</v>
      </c>
      <c r="I14823" s="5" t="s">
        <v>1518</v>
      </c>
      <c r="J14823" s="5" t="s">
        <v>40939</v>
      </c>
      <c r="K14823" s="2" t="s">
        <v>40940</v>
      </c>
      <c r="L14823" s="5" t="s">
        <v>40939</v>
      </c>
      <c r="M14823" s="2" t="s">
        <v>40940</v>
      </c>
      <c r="N14823" s="5" t="s">
        <v>36266</v>
      </c>
      <c r="O14823" s="5" t="s">
        <v>38</v>
      </c>
      <c r="P14823" s="5" t="s">
        <v>39</v>
      </c>
      <c r="Q14823" s="5" t="s">
        <v>40</v>
      </c>
      <c r="R14823" s="5" t="s">
        <v>1522</v>
      </c>
      <c r="S14823" s="5" t="s">
        <v>1523</v>
      </c>
      <c r="T14823" s="5" t="s">
        <v>42</v>
      </c>
      <c r="U14823" s="2">
        <v>1.875</v>
      </c>
      <c r="V14823" s="2">
        <v>1.3620000000000001</v>
      </c>
      <c r="W14823" s="2">
        <v>1.7999999999999999E-2</v>
      </c>
      <c r="X14823" s="2">
        <v>139.1</v>
      </c>
      <c r="Y14823" s="2">
        <v>7.6</v>
      </c>
      <c r="Z14823" s="2">
        <v>16.7</v>
      </c>
      <c r="AA14823" s="5"/>
      <c r="AB14823" s="5" t="s">
        <v>43</v>
      </c>
      <c r="AC14823" s="5" t="s">
        <v>44</v>
      </c>
      <c r="AD14823" s="2"/>
      <c r="AE14823" s="1"/>
    </row>
    <row r="14824" spans="1:31" ht="14.45">
      <c r="A14824" s="11"/>
      <c r="B14824" s="20"/>
      <c r="C14824" s="2" t="s">
        <v>45423</v>
      </c>
      <c r="D14824" s="14" t="s">
        <v>45424</v>
      </c>
      <c r="E14824" s="2" t="s">
        <v>45425</v>
      </c>
      <c r="F14824" s="2" t="s">
        <v>7204</v>
      </c>
      <c r="G14824" s="8">
        <v>211</v>
      </c>
      <c r="H14824" s="5">
        <v>6</v>
      </c>
      <c r="I14824" s="5" t="s">
        <v>1518</v>
      </c>
      <c r="J14824" s="5" t="s">
        <v>40939</v>
      </c>
      <c r="K14824" s="2" t="s">
        <v>40940</v>
      </c>
      <c r="L14824" s="5" t="s">
        <v>40939</v>
      </c>
      <c r="M14824" s="2" t="s">
        <v>40940</v>
      </c>
      <c r="N14824" s="5" t="s">
        <v>36266</v>
      </c>
      <c r="O14824" s="5" t="s">
        <v>38</v>
      </c>
      <c r="P14824" s="5" t="s">
        <v>39</v>
      </c>
      <c r="Q14824" s="5" t="s">
        <v>40</v>
      </c>
      <c r="R14824" s="5" t="s">
        <v>1522</v>
      </c>
      <c r="S14824" s="5" t="s">
        <v>1523</v>
      </c>
      <c r="T14824" s="5" t="s">
        <v>42</v>
      </c>
      <c r="U14824" s="2">
        <v>1.966</v>
      </c>
      <c r="V14824" s="2">
        <v>1.37</v>
      </c>
      <c r="W14824" s="2">
        <v>0.02</v>
      </c>
      <c r="X14824" s="2">
        <v>159.1</v>
      </c>
      <c r="Y14824" s="2">
        <v>7.6</v>
      </c>
      <c r="Z14824" s="2">
        <v>16.7</v>
      </c>
      <c r="AA14824" s="5"/>
      <c r="AB14824" s="5" t="s">
        <v>43</v>
      </c>
      <c r="AC14824" s="5" t="s">
        <v>44</v>
      </c>
      <c r="AD14824" s="2"/>
      <c r="AE14824" s="1"/>
    </row>
    <row r="14825" spans="1:31" ht="14.45">
      <c r="A14825" s="11"/>
      <c r="B14825" s="20"/>
      <c r="C14825" s="2" t="s">
        <v>45426</v>
      </c>
      <c r="D14825" s="14" t="s">
        <v>45427</v>
      </c>
      <c r="E14825" s="2" t="s">
        <v>45428</v>
      </c>
      <c r="F14825" s="2" t="s">
        <v>40947</v>
      </c>
      <c r="G14825" s="8">
        <v>242</v>
      </c>
      <c r="H14825" s="5">
        <v>6</v>
      </c>
      <c r="I14825" s="5" t="s">
        <v>1518</v>
      </c>
      <c r="J14825" s="5" t="s">
        <v>40939</v>
      </c>
      <c r="K14825" s="2" t="s">
        <v>40940</v>
      </c>
      <c r="L14825" s="5" t="s">
        <v>40939</v>
      </c>
      <c r="M14825" s="2" t="s">
        <v>40940</v>
      </c>
      <c r="N14825" s="5" t="s">
        <v>36266</v>
      </c>
      <c r="O14825" s="5" t="s">
        <v>38</v>
      </c>
      <c r="P14825" s="5" t="s">
        <v>39</v>
      </c>
      <c r="Q14825" s="5" t="s">
        <v>40</v>
      </c>
      <c r="R14825" s="5" t="s">
        <v>1522</v>
      </c>
      <c r="S14825" s="5" t="s">
        <v>1523</v>
      </c>
      <c r="T14825" s="5" t="s">
        <v>42</v>
      </c>
      <c r="U14825" s="2">
        <v>2.0019999999999998</v>
      </c>
      <c r="V14825" s="2">
        <v>1.4059999999999999</v>
      </c>
      <c r="W14825" s="2">
        <v>0.02</v>
      </c>
      <c r="X14825" s="2">
        <v>159.1</v>
      </c>
      <c r="Y14825" s="2">
        <v>7.6</v>
      </c>
      <c r="Z14825" s="2">
        <v>16.7</v>
      </c>
      <c r="AA14825" s="5"/>
      <c r="AB14825" s="5" t="s">
        <v>43</v>
      </c>
      <c r="AC14825" s="5" t="s">
        <v>44</v>
      </c>
      <c r="AD14825" s="2"/>
      <c r="AE14825" s="1"/>
    </row>
    <row r="14826" spans="1:31" ht="14.45">
      <c r="A14826" s="11"/>
      <c r="B14826" s="20"/>
      <c r="C14826" s="2" t="s">
        <v>45429</v>
      </c>
      <c r="D14826" s="14" t="s">
        <v>45430</v>
      </c>
      <c r="E14826" s="2" t="s">
        <v>45431</v>
      </c>
      <c r="F14826" s="2" t="s">
        <v>7208</v>
      </c>
      <c r="G14826" s="8">
        <v>211</v>
      </c>
      <c r="H14826" s="5">
        <v>6</v>
      </c>
      <c r="I14826" s="5" t="s">
        <v>1518</v>
      </c>
      <c r="J14826" s="5" t="s">
        <v>40939</v>
      </c>
      <c r="K14826" s="2" t="s">
        <v>40940</v>
      </c>
      <c r="L14826" s="5" t="s">
        <v>40939</v>
      </c>
      <c r="M14826" s="2" t="s">
        <v>40940</v>
      </c>
      <c r="N14826" s="5" t="s">
        <v>36266</v>
      </c>
      <c r="O14826" s="5" t="s">
        <v>38</v>
      </c>
      <c r="P14826" s="5" t="s">
        <v>39</v>
      </c>
      <c r="Q14826" s="5" t="s">
        <v>40</v>
      </c>
      <c r="R14826" s="5" t="s">
        <v>1522</v>
      </c>
      <c r="S14826" s="5" t="s">
        <v>1523</v>
      </c>
      <c r="T14826" s="5" t="s">
        <v>42</v>
      </c>
      <c r="U14826" s="2">
        <v>2.02</v>
      </c>
      <c r="V14826" s="2">
        <v>1.4239999999999999</v>
      </c>
      <c r="W14826" s="2">
        <v>0.02</v>
      </c>
      <c r="X14826" s="2">
        <v>159.1</v>
      </c>
      <c r="Y14826" s="2">
        <v>7.6</v>
      </c>
      <c r="Z14826" s="2">
        <v>16.7</v>
      </c>
      <c r="AA14826" s="5"/>
      <c r="AB14826" s="5" t="s">
        <v>43</v>
      </c>
      <c r="AC14826" s="5" t="s">
        <v>44</v>
      </c>
      <c r="AD14826" s="2"/>
      <c r="AE14826" s="1"/>
    </row>
    <row r="14827" spans="1:31" ht="14.45">
      <c r="A14827" s="11"/>
      <c r="B14827" s="20"/>
      <c r="C14827" s="2" t="s">
        <v>45432</v>
      </c>
      <c r="D14827" s="14" t="s">
        <v>45433</v>
      </c>
      <c r="E14827" s="2" t="s">
        <v>45434</v>
      </c>
      <c r="F14827" s="2" t="s">
        <v>36273</v>
      </c>
      <c r="G14827" s="8">
        <v>211</v>
      </c>
      <c r="H14827" s="5">
        <v>6</v>
      </c>
      <c r="I14827" s="5" t="s">
        <v>1518</v>
      </c>
      <c r="J14827" s="5" t="s">
        <v>40939</v>
      </c>
      <c r="K14827" s="2" t="s">
        <v>40940</v>
      </c>
      <c r="L14827" s="5" t="s">
        <v>40939</v>
      </c>
      <c r="M14827" s="2" t="s">
        <v>40940</v>
      </c>
      <c r="N14827" s="5" t="s">
        <v>36266</v>
      </c>
      <c r="O14827" s="5" t="s">
        <v>38</v>
      </c>
      <c r="P14827" s="5" t="s">
        <v>39</v>
      </c>
      <c r="Q14827" s="5" t="s">
        <v>40</v>
      </c>
      <c r="R14827" s="5" t="s">
        <v>1522</v>
      </c>
      <c r="S14827" s="5" t="s">
        <v>1523</v>
      </c>
      <c r="T14827" s="5" t="s">
        <v>42</v>
      </c>
      <c r="U14827" s="2">
        <v>2.0550000000000002</v>
      </c>
      <c r="V14827" s="2">
        <v>1.4590000000000001</v>
      </c>
      <c r="W14827" s="2">
        <v>0.02</v>
      </c>
      <c r="X14827" s="2">
        <v>159.1</v>
      </c>
      <c r="Y14827" s="2">
        <v>7.6</v>
      </c>
      <c r="Z14827" s="2">
        <v>16.7</v>
      </c>
      <c r="AA14827" s="5"/>
      <c r="AB14827" s="5" t="s">
        <v>43</v>
      </c>
      <c r="AC14827" s="5" t="s">
        <v>44</v>
      </c>
      <c r="AD14827" s="2"/>
      <c r="AE14827" s="1"/>
    </row>
    <row r="14828" spans="1:31" ht="14.45">
      <c r="A14828" s="11"/>
      <c r="B14828" s="20"/>
      <c r="C14828" s="2" t="s">
        <v>45435</v>
      </c>
      <c r="D14828" s="14" t="s">
        <v>45436</v>
      </c>
      <c r="E14828" s="2" t="s">
        <v>45437</v>
      </c>
      <c r="F14828" s="2" t="s">
        <v>40967</v>
      </c>
      <c r="G14828" s="8">
        <v>242</v>
      </c>
      <c r="H14828" s="5">
        <v>6</v>
      </c>
      <c r="I14828" s="5" t="s">
        <v>1518</v>
      </c>
      <c r="J14828" s="5" t="s">
        <v>40939</v>
      </c>
      <c r="K14828" s="2" t="s">
        <v>40940</v>
      </c>
      <c r="L14828" s="5" t="s">
        <v>40939</v>
      </c>
      <c r="M14828" s="2" t="s">
        <v>40940</v>
      </c>
      <c r="N14828" s="5" t="s">
        <v>36266</v>
      </c>
      <c r="O14828" s="5" t="s">
        <v>38</v>
      </c>
      <c r="P14828" s="5" t="s">
        <v>39</v>
      </c>
      <c r="Q14828" s="5" t="s">
        <v>40</v>
      </c>
      <c r="R14828" s="5" t="s">
        <v>1522</v>
      </c>
      <c r="S14828" s="5" t="s">
        <v>1523</v>
      </c>
      <c r="T14828" s="5" t="s">
        <v>42</v>
      </c>
      <c r="U14828" s="2">
        <v>2.02</v>
      </c>
      <c r="V14828" s="2">
        <v>1.4239999999999999</v>
      </c>
      <c r="W14828" s="2">
        <v>0.02</v>
      </c>
      <c r="X14828" s="2">
        <v>159.1</v>
      </c>
      <c r="Y14828" s="2">
        <v>7.6</v>
      </c>
      <c r="Z14828" s="2">
        <v>16.7</v>
      </c>
      <c r="AA14828" s="5"/>
      <c r="AB14828" s="5" t="s">
        <v>43</v>
      </c>
      <c r="AC14828" s="5" t="s">
        <v>44</v>
      </c>
      <c r="AD14828" s="2"/>
      <c r="AE14828" s="1"/>
    </row>
    <row r="14829" spans="1:31" ht="14.45">
      <c r="A14829" s="11"/>
      <c r="B14829" s="20"/>
      <c r="C14829" s="2" t="s">
        <v>45438</v>
      </c>
      <c r="D14829" s="14" t="s">
        <v>45439</v>
      </c>
      <c r="E14829" s="2" t="s">
        <v>45440</v>
      </c>
      <c r="F14829" s="2" t="s">
        <v>40989</v>
      </c>
      <c r="G14829" s="8">
        <v>242</v>
      </c>
      <c r="H14829" s="5">
        <v>6</v>
      </c>
      <c r="I14829" s="5" t="s">
        <v>1518</v>
      </c>
      <c r="J14829" s="5" t="s">
        <v>40939</v>
      </c>
      <c r="K14829" s="2" t="s">
        <v>40940</v>
      </c>
      <c r="L14829" s="5" t="s">
        <v>40939</v>
      </c>
      <c r="M14829" s="2" t="s">
        <v>40940</v>
      </c>
      <c r="N14829" s="5" t="s">
        <v>36266</v>
      </c>
      <c r="O14829" s="5" t="s">
        <v>38</v>
      </c>
      <c r="P14829" s="5" t="s">
        <v>39</v>
      </c>
      <c r="Q14829" s="5" t="s">
        <v>40</v>
      </c>
      <c r="R14829" s="5" t="s">
        <v>1522</v>
      </c>
      <c r="S14829" s="5" t="s">
        <v>1523</v>
      </c>
      <c r="T14829" s="5" t="s">
        <v>42</v>
      </c>
      <c r="U14829" s="2">
        <v>2.02</v>
      </c>
      <c r="V14829" s="2">
        <v>1.4239999999999999</v>
      </c>
      <c r="W14829" s="2">
        <v>0.02</v>
      </c>
      <c r="X14829" s="2">
        <v>159.1</v>
      </c>
      <c r="Y14829" s="2">
        <v>7.6</v>
      </c>
      <c r="Z14829" s="2">
        <v>16.7</v>
      </c>
      <c r="AA14829" s="5"/>
      <c r="AB14829" s="5" t="s">
        <v>43</v>
      </c>
      <c r="AC14829" s="5" t="s">
        <v>44</v>
      </c>
      <c r="AD14829" s="2"/>
      <c r="AE14829" s="1"/>
    </row>
    <row r="14830" spans="1:31" ht="14.45">
      <c r="A14830" s="11"/>
      <c r="B14830" s="20"/>
      <c r="C14830" s="2" t="s">
        <v>45441</v>
      </c>
      <c r="D14830" s="14" t="s">
        <v>45442</v>
      </c>
      <c r="E14830" s="2" t="s">
        <v>45443</v>
      </c>
      <c r="F14830" s="2" t="s">
        <v>41001</v>
      </c>
      <c r="G14830" s="8">
        <v>242</v>
      </c>
      <c r="H14830" s="5">
        <v>6</v>
      </c>
      <c r="I14830" s="5" t="s">
        <v>1518</v>
      </c>
      <c r="J14830" s="5" t="s">
        <v>40939</v>
      </c>
      <c r="K14830" s="2" t="s">
        <v>40940</v>
      </c>
      <c r="L14830" s="5" t="s">
        <v>40939</v>
      </c>
      <c r="M14830" s="2" t="s">
        <v>40940</v>
      </c>
      <c r="N14830" s="5" t="s">
        <v>36266</v>
      </c>
      <c r="O14830" s="5" t="s">
        <v>38</v>
      </c>
      <c r="P14830" s="5" t="s">
        <v>39</v>
      </c>
      <c r="Q14830" s="5" t="s">
        <v>40</v>
      </c>
      <c r="R14830" s="5" t="s">
        <v>1522</v>
      </c>
      <c r="S14830" s="5" t="s">
        <v>1523</v>
      </c>
      <c r="T14830" s="5" t="s">
        <v>42</v>
      </c>
      <c r="U14830" s="2">
        <v>2.02</v>
      </c>
      <c r="V14830" s="2">
        <v>1.4239999999999999</v>
      </c>
      <c r="W14830" s="2">
        <v>0.02</v>
      </c>
      <c r="X14830" s="2">
        <v>159.1</v>
      </c>
      <c r="Y14830" s="2">
        <v>7.6</v>
      </c>
      <c r="Z14830" s="2">
        <v>16.7</v>
      </c>
      <c r="AA14830" s="5"/>
      <c r="AB14830" s="5" t="s">
        <v>43</v>
      </c>
      <c r="AC14830" s="5" t="s">
        <v>44</v>
      </c>
      <c r="AD14830" s="2"/>
      <c r="AE14830" s="1"/>
    </row>
    <row r="14831" spans="1:31" ht="14.45">
      <c r="A14831" s="11"/>
      <c r="B14831" s="20"/>
      <c r="C14831" s="2" t="s">
        <v>45444</v>
      </c>
      <c r="D14831" s="14" t="s">
        <v>45445</v>
      </c>
      <c r="E14831" s="2" t="s">
        <v>45446</v>
      </c>
      <c r="F14831" s="2" t="s">
        <v>41009</v>
      </c>
      <c r="G14831" s="8">
        <v>242</v>
      </c>
      <c r="H14831" s="5">
        <v>6</v>
      </c>
      <c r="I14831" s="5" t="s">
        <v>1518</v>
      </c>
      <c r="J14831" s="5" t="s">
        <v>40939</v>
      </c>
      <c r="K14831" s="2" t="s">
        <v>40940</v>
      </c>
      <c r="L14831" s="5" t="s">
        <v>40939</v>
      </c>
      <c r="M14831" s="2" t="s">
        <v>40940</v>
      </c>
      <c r="N14831" s="5" t="s">
        <v>36266</v>
      </c>
      <c r="O14831" s="5" t="s">
        <v>38</v>
      </c>
      <c r="P14831" s="5" t="s">
        <v>39</v>
      </c>
      <c r="Q14831" s="5" t="s">
        <v>40</v>
      </c>
      <c r="R14831" s="5" t="s">
        <v>1522</v>
      </c>
      <c r="S14831" s="5" t="s">
        <v>1523</v>
      </c>
      <c r="T14831" s="5" t="s">
        <v>42</v>
      </c>
      <c r="U14831" s="2">
        <v>2.0369999999999999</v>
      </c>
      <c r="V14831" s="2">
        <v>1.4410000000000001</v>
      </c>
      <c r="W14831" s="2">
        <v>0.02</v>
      </c>
      <c r="X14831" s="2">
        <v>159.1</v>
      </c>
      <c r="Y14831" s="2">
        <v>7.6</v>
      </c>
      <c r="Z14831" s="2">
        <v>16.7</v>
      </c>
      <c r="AA14831" s="5"/>
      <c r="AB14831" s="5" t="s">
        <v>43</v>
      </c>
      <c r="AC14831" s="5" t="s">
        <v>44</v>
      </c>
      <c r="AD14831" s="2"/>
      <c r="AE14831" s="1"/>
    </row>
    <row r="14832" spans="1:31" ht="14.45">
      <c r="A14832" s="11"/>
      <c r="B14832" s="20"/>
      <c r="C14832" s="2" t="s">
        <v>45447</v>
      </c>
      <c r="D14832" s="14" t="s">
        <v>45448</v>
      </c>
      <c r="E14832" s="2" t="s">
        <v>45449</v>
      </c>
      <c r="F14832" s="2" t="s">
        <v>7396</v>
      </c>
      <c r="G14832" s="8">
        <v>211</v>
      </c>
      <c r="H14832" s="5">
        <v>6</v>
      </c>
      <c r="I14832" s="5" t="s">
        <v>1518</v>
      </c>
      <c r="J14832" s="5" t="s">
        <v>40939</v>
      </c>
      <c r="K14832" s="2" t="s">
        <v>40940</v>
      </c>
      <c r="L14832" s="5" t="s">
        <v>40939</v>
      </c>
      <c r="M14832" s="2" t="s">
        <v>40940</v>
      </c>
      <c r="N14832" s="5" t="s">
        <v>36266</v>
      </c>
      <c r="O14832" s="5" t="s">
        <v>38</v>
      </c>
      <c r="P14832" s="5" t="s">
        <v>39</v>
      </c>
      <c r="Q14832" s="5" t="s">
        <v>40</v>
      </c>
      <c r="R14832" s="5" t="s">
        <v>1522</v>
      </c>
      <c r="S14832" s="5" t="s">
        <v>1523</v>
      </c>
      <c r="T14832" s="5" t="s">
        <v>42</v>
      </c>
      <c r="U14832" s="2">
        <v>2.0369999999999999</v>
      </c>
      <c r="V14832" s="2">
        <v>1.4410000000000001</v>
      </c>
      <c r="W14832" s="2">
        <v>0.02</v>
      </c>
      <c r="X14832" s="2">
        <v>159.1</v>
      </c>
      <c r="Y14832" s="2">
        <v>7.6</v>
      </c>
      <c r="Z14832" s="2">
        <v>16.7</v>
      </c>
      <c r="AA14832" s="5"/>
      <c r="AB14832" s="5" t="s">
        <v>43</v>
      </c>
      <c r="AC14832" s="5" t="s">
        <v>44</v>
      </c>
      <c r="AD14832" s="2"/>
      <c r="AE14832" s="1"/>
    </row>
    <row r="14833" spans="1:31" ht="14.45">
      <c r="A14833" s="11"/>
      <c r="B14833" s="20"/>
      <c r="C14833" s="2" t="s">
        <v>45450</v>
      </c>
      <c r="D14833" s="14" t="s">
        <v>45451</v>
      </c>
      <c r="E14833" s="2" t="s">
        <v>45452</v>
      </c>
      <c r="F14833" s="2" t="s">
        <v>41045</v>
      </c>
      <c r="G14833" s="8">
        <v>242</v>
      </c>
      <c r="H14833" s="5">
        <v>6</v>
      </c>
      <c r="I14833" s="5" t="s">
        <v>1518</v>
      </c>
      <c r="J14833" s="5" t="s">
        <v>40939</v>
      </c>
      <c r="K14833" s="2" t="s">
        <v>40940</v>
      </c>
      <c r="L14833" s="5" t="s">
        <v>40939</v>
      </c>
      <c r="M14833" s="2" t="s">
        <v>40940</v>
      </c>
      <c r="N14833" s="5" t="s">
        <v>36266</v>
      </c>
      <c r="O14833" s="5" t="s">
        <v>38</v>
      </c>
      <c r="P14833" s="5" t="s">
        <v>39</v>
      </c>
      <c r="Q14833" s="5" t="s">
        <v>40</v>
      </c>
      <c r="R14833" s="5" t="s">
        <v>1522</v>
      </c>
      <c r="S14833" s="5" t="s">
        <v>1523</v>
      </c>
      <c r="T14833" s="5" t="s">
        <v>42</v>
      </c>
      <c r="U14833" s="2">
        <v>2.0550000000000002</v>
      </c>
      <c r="V14833" s="2">
        <v>1.4590000000000001</v>
      </c>
      <c r="W14833" s="2">
        <v>0.02</v>
      </c>
      <c r="X14833" s="2">
        <v>159.1</v>
      </c>
      <c r="Y14833" s="2">
        <v>7.6</v>
      </c>
      <c r="Z14833" s="2">
        <v>16.7</v>
      </c>
      <c r="AA14833" s="5"/>
      <c r="AB14833" s="5" t="s">
        <v>43</v>
      </c>
      <c r="AC14833" s="5" t="s">
        <v>44</v>
      </c>
      <c r="AD14833" s="2"/>
      <c r="AE14833" s="1"/>
    </row>
    <row r="14834" spans="1:31" ht="14.45">
      <c r="A14834" s="11"/>
      <c r="B14834" s="20"/>
      <c r="C14834" s="2" t="s">
        <v>45453</v>
      </c>
      <c r="D14834" s="14" t="s">
        <v>45454</v>
      </c>
      <c r="E14834" s="2" t="s">
        <v>45455</v>
      </c>
      <c r="F14834" s="2" t="s">
        <v>36289</v>
      </c>
      <c r="G14834" s="8">
        <v>251</v>
      </c>
      <c r="H14834" s="5">
        <v>6</v>
      </c>
      <c r="I14834" s="5" t="s">
        <v>1518</v>
      </c>
      <c r="J14834" s="5" t="s">
        <v>36264</v>
      </c>
      <c r="K14834" s="2" t="s">
        <v>36265</v>
      </c>
      <c r="L14834" s="5" t="s">
        <v>36264</v>
      </c>
      <c r="M14834" s="2" t="s">
        <v>36265</v>
      </c>
      <c r="N14834" s="5" t="s">
        <v>36266</v>
      </c>
      <c r="O14834" s="5" t="s">
        <v>38</v>
      </c>
      <c r="P14834" s="5" t="s">
        <v>39</v>
      </c>
      <c r="Q14834" s="5" t="s">
        <v>40</v>
      </c>
      <c r="R14834" s="5" t="s">
        <v>1522</v>
      </c>
      <c r="S14834" s="5" t="s">
        <v>1523</v>
      </c>
      <c r="T14834" s="5" t="s">
        <v>42</v>
      </c>
      <c r="U14834" s="2">
        <v>1.9259999999999999</v>
      </c>
      <c r="V14834" s="2">
        <v>1.464</v>
      </c>
      <c r="W14834" s="2">
        <v>0.01</v>
      </c>
      <c r="X14834" s="2">
        <v>76.900000000000006</v>
      </c>
      <c r="Y14834" s="2">
        <v>7.6</v>
      </c>
      <c r="Z14834" s="2">
        <v>16.7</v>
      </c>
      <c r="AA14834" s="5"/>
      <c r="AB14834" s="5" t="s">
        <v>43</v>
      </c>
      <c r="AC14834" s="5" t="s">
        <v>44</v>
      </c>
      <c r="AD14834" s="2"/>
      <c r="AE14834" s="1"/>
    </row>
    <row r="14835" spans="1:31" ht="14.45">
      <c r="A14835" s="11"/>
      <c r="B14835" s="20"/>
      <c r="C14835" s="2" t="s">
        <v>45456</v>
      </c>
      <c r="D14835" s="14" t="s">
        <v>45457</v>
      </c>
      <c r="E14835" s="2" t="s">
        <v>45458</v>
      </c>
      <c r="F14835" s="2" t="s">
        <v>36333</v>
      </c>
      <c r="G14835" s="8">
        <v>251</v>
      </c>
      <c r="H14835" s="5">
        <v>6</v>
      </c>
      <c r="I14835" s="5" t="s">
        <v>1518</v>
      </c>
      <c r="J14835" s="5" t="s">
        <v>36264</v>
      </c>
      <c r="K14835" s="2" t="s">
        <v>36265</v>
      </c>
      <c r="L14835" s="5" t="s">
        <v>36264</v>
      </c>
      <c r="M14835" s="2" t="s">
        <v>36265</v>
      </c>
      <c r="N14835" s="5" t="s">
        <v>36266</v>
      </c>
      <c r="O14835" s="5" t="s">
        <v>38</v>
      </c>
      <c r="P14835" s="5" t="s">
        <v>39</v>
      </c>
      <c r="Q14835" s="5" t="s">
        <v>40</v>
      </c>
      <c r="R14835" s="5" t="s">
        <v>1522</v>
      </c>
      <c r="S14835" s="5" t="s">
        <v>1523</v>
      </c>
      <c r="T14835" s="5" t="s">
        <v>42</v>
      </c>
      <c r="U14835" s="2">
        <v>1.9730000000000001</v>
      </c>
      <c r="V14835" s="2">
        <v>1.5109999999999999</v>
      </c>
      <c r="W14835" s="2">
        <v>0.01</v>
      </c>
      <c r="X14835" s="2">
        <v>76.900000000000006</v>
      </c>
      <c r="Y14835" s="2">
        <v>7.6</v>
      </c>
      <c r="Z14835" s="2">
        <v>16.7</v>
      </c>
      <c r="AA14835" s="5"/>
      <c r="AB14835" s="5" t="s">
        <v>43</v>
      </c>
      <c r="AC14835" s="5" t="s">
        <v>44</v>
      </c>
      <c r="AD14835" s="2"/>
      <c r="AE14835" s="1"/>
    </row>
    <row r="14836" spans="1:31" ht="14.45">
      <c r="A14836" s="11"/>
      <c r="B14836" s="20"/>
      <c r="C14836" s="2" t="s">
        <v>45459</v>
      </c>
      <c r="D14836" s="14" t="s">
        <v>45460</v>
      </c>
      <c r="E14836" s="2" t="s">
        <v>45461</v>
      </c>
      <c r="F14836" s="2" t="s">
        <v>36357</v>
      </c>
      <c r="G14836" s="8">
        <v>251</v>
      </c>
      <c r="H14836" s="5">
        <v>6</v>
      </c>
      <c r="I14836" s="5" t="s">
        <v>1518</v>
      </c>
      <c r="J14836" s="5" t="s">
        <v>36264</v>
      </c>
      <c r="K14836" s="2" t="s">
        <v>36265</v>
      </c>
      <c r="L14836" s="5" t="s">
        <v>36264</v>
      </c>
      <c r="M14836" s="2" t="s">
        <v>36265</v>
      </c>
      <c r="N14836" s="5" t="s">
        <v>36266</v>
      </c>
      <c r="O14836" s="5" t="s">
        <v>38</v>
      </c>
      <c r="P14836" s="5" t="s">
        <v>39</v>
      </c>
      <c r="Q14836" s="5" t="s">
        <v>40</v>
      </c>
      <c r="R14836" s="5" t="s">
        <v>1522</v>
      </c>
      <c r="S14836" s="5" t="s">
        <v>1523</v>
      </c>
      <c r="T14836" s="5" t="s">
        <v>42</v>
      </c>
      <c r="U14836" s="2">
        <v>1.9730000000000001</v>
      </c>
      <c r="V14836" s="2">
        <v>1.5109999999999999</v>
      </c>
      <c r="W14836" s="2">
        <v>0.01</v>
      </c>
      <c r="X14836" s="2">
        <v>76.900000000000006</v>
      </c>
      <c r="Y14836" s="2">
        <v>7.6</v>
      </c>
      <c r="Z14836" s="2">
        <v>16.7</v>
      </c>
      <c r="AA14836" s="5"/>
      <c r="AB14836" s="5" t="s">
        <v>43</v>
      </c>
      <c r="AC14836" s="5" t="s">
        <v>44</v>
      </c>
      <c r="AD14836" s="2"/>
      <c r="AE14836" s="1"/>
    </row>
    <row r="14837" spans="1:31" ht="14.45">
      <c r="A14837" s="11"/>
      <c r="B14837" s="20"/>
      <c r="C14837" s="2" t="s">
        <v>45462</v>
      </c>
      <c r="D14837" s="14" t="s">
        <v>45463</v>
      </c>
      <c r="E14837" s="2" t="s">
        <v>45464</v>
      </c>
      <c r="F14837" s="2" t="s">
        <v>36377</v>
      </c>
      <c r="G14837" s="8">
        <v>251</v>
      </c>
      <c r="H14837" s="5">
        <v>6</v>
      </c>
      <c r="I14837" s="5" t="s">
        <v>1518</v>
      </c>
      <c r="J14837" s="5" t="s">
        <v>36264</v>
      </c>
      <c r="K14837" s="2" t="s">
        <v>36265</v>
      </c>
      <c r="L14837" s="5" t="s">
        <v>36264</v>
      </c>
      <c r="M14837" s="2" t="s">
        <v>36265</v>
      </c>
      <c r="N14837" s="5" t="s">
        <v>36266</v>
      </c>
      <c r="O14837" s="5" t="s">
        <v>38</v>
      </c>
      <c r="P14837" s="5" t="s">
        <v>39</v>
      </c>
      <c r="Q14837" s="5" t="s">
        <v>40</v>
      </c>
      <c r="R14837" s="5" t="s">
        <v>1522</v>
      </c>
      <c r="S14837" s="5" t="s">
        <v>1523</v>
      </c>
      <c r="T14837" s="5" t="s">
        <v>42</v>
      </c>
      <c r="U14837" s="2">
        <v>1.9259999999999999</v>
      </c>
      <c r="V14837" s="2">
        <v>1.464</v>
      </c>
      <c r="W14837" s="2">
        <v>0.01</v>
      </c>
      <c r="X14837" s="2">
        <v>76.900000000000006</v>
      </c>
      <c r="Y14837" s="2">
        <v>7.6</v>
      </c>
      <c r="Z14837" s="2">
        <v>16.7</v>
      </c>
      <c r="AA14837" s="5"/>
      <c r="AB14837" s="5" t="s">
        <v>43</v>
      </c>
      <c r="AC14837" s="5" t="s">
        <v>44</v>
      </c>
      <c r="AD14837" s="2"/>
      <c r="AE14837" s="1"/>
    </row>
    <row r="14838" spans="1:31" ht="14.45">
      <c r="A14838" s="11"/>
      <c r="B14838" s="20"/>
      <c r="C14838" s="2" t="s">
        <v>45465</v>
      </c>
      <c r="D14838" s="14" t="s">
        <v>45466</v>
      </c>
      <c r="E14838" s="2" t="s">
        <v>45467</v>
      </c>
      <c r="F14838" s="2" t="s">
        <v>7204</v>
      </c>
      <c r="G14838" s="8">
        <v>251</v>
      </c>
      <c r="H14838" s="5">
        <v>6</v>
      </c>
      <c r="I14838" s="5" t="s">
        <v>1518</v>
      </c>
      <c r="J14838" s="5" t="s">
        <v>36264</v>
      </c>
      <c r="K14838" s="2" t="s">
        <v>36265</v>
      </c>
      <c r="L14838" s="5" t="s">
        <v>36264</v>
      </c>
      <c r="M14838" s="2" t="s">
        <v>36265</v>
      </c>
      <c r="N14838" s="5" t="s">
        <v>36266</v>
      </c>
      <c r="O14838" s="5" t="s">
        <v>38</v>
      </c>
      <c r="P14838" s="5" t="s">
        <v>39</v>
      </c>
      <c r="Q14838" s="5" t="s">
        <v>40</v>
      </c>
      <c r="R14838" s="5" t="s">
        <v>1522</v>
      </c>
      <c r="S14838" s="5" t="s">
        <v>1523</v>
      </c>
      <c r="T14838" s="5" t="s">
        <v>42</v>
      </c>
      <c r="U14838" s="2">
        <v>2.0750000000000002</v>
      </c>
      <c r="V14838" s="2">
        <v>1.619</v>
      </c>
      <c r="W14838" s="2">
        <v>0.01</v>
      </c>
      <c r="X14838" s="2">
        <v>76.900000000000006</v>
      </c>
      <c r="Y14838" s="2">
        <v>7.6</v>
      </c>
      <c r="Z14838" s="2">
        <v>16.7</v>
      </c>
      <c r="AA14838" s="5"/>
      <c r="AB14838" s="5" t="s">
        <v>43</v>
      </c>
      <c r="AC14838" s="5" t="s">
        <v>44</v>
      </c>
      <c r="AD14838" s="2"/>
      <c r="AE14838" s="1"/>
    </row>
    <row r="14839" spans="1:31" ht="14.45">
      <c r="A14839" s="11"/>
      <c r="B14839" s="20"/>
      <c r="C14839" s="2" t="s">
        <v>45468</v>
      </c>
      <c r="D14839" s="14" t="s">
        <v>45469</v>
      </c>
      <c r="E14839" s="2" t="s">
        <v>45470</v>
      </c>
      <c r="F14839" s="2" t="s">
        <v>36289</v>
      </c>
      <c r="G14839" s="8">
        <v>268</v>
      </c>
      <c r="H14839" s="5">
        <v>6</v>
      </c>
      <c r="I14839" s="5" t="s">
        <v>1518</v>
      </c>
      <c r="J14839" s="5" t="s">
        <v>36264</v>
      </c>
      <c r="K14839" s="2" t="s">
        <v>36265</v>
      </c>
      <c r="L14839" s="5" t="s">
        <v>36264</v>
      </c>
      <c r="M14839" s="2" t="s">
        <v>36265</v>
      </c>
      <c r="N14839" s="5" t="s">
        <v>36266</v>
      </c>
      <c r="O14839" s="5" t="s">
        <v>38</v>
      </c>
      <c r="P14839" s="5" t="s">
        <v>39</v>
      </c>
      <c r="Q14839" s="5" t="s">
        <v>40</v>
      </c>
      <c r="R14839" s="5" t="s">
        <v>1522</v>
      </c>
      <c r="S14839" s="5" t="s">
        <v>1523</v>
      </c>
      <c r="T14839" s="5" t="s">
        <v>42</v>
      </c>
      <c r="U14839" s="2">
        <v>2.0750000000000002</v>
      </c>
      <c r="V14839" s="2">
        <v>1.619</v>
      </c>
      <c r="W14839" s="2">
        <v>0.01</v>
      </c>
      <c r="X14839" s="2">
        <v>76.900000000000006</v>
      </c>
      <c r="Y14839" s="2">
        <v>7.6</v>
      </c>
      <c r="Z14839" s="2">
        <v>16.7</v>
      </c>
      <c r="AA14839" s="5"/>
      <c r="AB14839" s="5" t="s">
        <v>43</v>
      </c>
      <c r="AC14839" s="5" t="s">
        <v>44</v>
      </c>
      <c r="AD14839" s="2"/>
      <c r="AE14839" s="1"/>
    </row>
    <row r="14840" spans="1:31" ht="14.45">
      <c r="A14840" s="11"/>
      <c r="B14840" s="20"/>
      <c r="C14840" s="2" t="s">
        <v>45471</v>
      </c>
      <c r="D14840" s="14" t="s">
        <v>45472</v>
      </c>
      <c r="E14840" s="2" t="s">
        <v>45473</v>
      </c>
      <c r="F14840" s="2" t="s">
        <v>36305</v>
      </c>
      <c r="G14840" s="8">
        <v>251</v>
      </c>
      <c r="H14840" s="5">
        <v>6</v>
      </c>
      <c r="I14840" s="5" t="s">
        <v>1518</v>
      </c>
      <c r="J14840" s="5" t="s">
        <v>36264</v>
      </c>
      <c r="K14840" s="2" t="s">
        <v>36265</v>
      </c>
      <c r="L14840" s="5" t="s">
        <v>36264</v>
      </c>
      <c r="M14840" s="2" t="s">
        <v>36265</v>
      </c>
      <c r="N14840" s="5" t="s">
        <v>36266</v>
      </c>
      <c r="O14840" s="5" t="s">
        <v>38</v>
      </c>
      <c r="P14840" s="5" t="s">
        <v>39</v>
      </c>
      <c r="Q14840" s="5" t="s">
        <v>40</v>
      </c>
      <c r="R14840" s="5" t="s">
        <v>1522</v>
      </c>
      <c r="S14840" s="5" t="s">
        <v>1523</v>
      </c>
      <c r="T14840" s="5" t="s">
        <v>42</v>
      </c>
      <c r="U14840" s="2">
        <v>2.0750000000000002</v>
      </c>
      <c r="V14840" s="2">
        <v>1.619</v>
      </c>
      <c r="W14840" s="2">
        <v>0.01</v>
      </c>
      <c r="X14840" s="2">
        <v>76.900000000000006</v>
      </c>
      <c r="Y14840" s="2">
        <v>7.6</v>
      </c>
      <c r="Z14840" s="2">
        <v>16.7</v>
      </c>
      <c r="AA14840" s="5"/>
      <c r="AB14840" s="5" t="s">
        <v>43</v>
      </c>
      <c r="AC14840" s="5" t="s">
        <v>44</v>
      </c>
      <c r="AD14840" s="2"/>
      <c r="AE14840" s="1"/>
    </row>
    <row r="14841" spans="1:31" ht="14.45">
      <c r="A14841" s="11"/>
      <c r="B14841" s="20"/>
      <c r="C14841" s="2" t="s">
        <v>45474</v>
      </c>
      <c r="D14841" s="14" t="s">
        <v>45475</v>
      </c>
      <c r="E14841" s="2" t="s">
        <v>45476</v>
      </c>
      <c r="F14841" s="2" t="s">
        <v>36309</v>
      </c>
      <c r="G14841" s="8">
        <v>251</v>
      </c>
      <c r="H14841" s="5">
        <v>6</v>
      </c>
      <c r="I14841" s="5" t="s">
        <v>1518</v>
      </c>
      <c r="J14841" s="5" t="s">
        <v>36264</v>
      </c>
      <c r="K14841" s="2" t="s">
        <v>36265</v>
      </c>
      <c r="L14841" s="5" t="s">
        <v>36264</v>
      </c>
      <c r="M14841" s="2" t="s">
        <v>36265</v>
      </c>
      <c r="N14841" s="5" t="s">
        <v>36266</v>
      </c>
      <c r="O14841" s="5" t="s">
        <v>38</v>
      </c>
      <c r="P14841" s="5" t="s">
        <v>39</v>
      </c>
      <c r="Q14841" s="5" t="s">
        <v>40</v>
      </c>
      <c r="R14841" s="5" t="s">
        <v>1522</v>
      </c>
      <c r="S14841" s="5" t="s">
        <v>1523</v>
      </c>
      <c r="T14841" s="5" t="s">
        <v>42</v>
      </c>
      <c r="U14841" s="2">
        <v>2.133</v>
      </c>
      <c r="V14841" s="2">
        <v>1.677</v>
      </c>
      <c r="W14841" s="2">
        <v>0.01</v>
      </c>
      <c r="X14841" s="2">
        <v>76.900000000000006</v>
      </c>
      <c r="Y14841" s="2">
        <v>7.6</v>
      </c>
      <c r="Z14841" s="2">
        <v>16.7</v>
      </c>
      <c r="AA14841" s="5"/>
      <c r="AB14841" s="5" t="s">
        <v>43</v>
      </c>
      <c r="AC14841" s="5" t="s">
        <v>44</v>
      </c>
      <c r="AD14841" s="2"/>
      <c r="AE14841" s="1"/>
    </row>
    <row r="14842" spans="1:31" ht="14.45">
      <c r="A14842" s="11"/>
      <c r="B14842" s="20"/>
      <c r="C14842" s="2" t="s">
        <v>45477</v>
      </c>
      <c r="D14842" s="14" t="s">
        <v>45478</v>
      </c>
      <c r="E14842" s="2" t="s">
        <v>45479</v>
      </c>
      <c r="F14842" s="2" t="s">
        <v>7204</v>
      </c>
      <c r="G14842" s="8">
        <v>264</v>
      </c>
      <c r="H14842" s="5">
        <v>6</v>
      </c>
      <c r="I14842" s="5" t="s">
        <v>1518</v>
      </c>
      <c r="J14842" s="5" t="s">
        <v>36264</v>
      </c>
      <c r="K14842" s="2" t="s">
        <v>36265</v>
      </c>
      <c r="L14842" s="5" t="s">
        <v>36264</v>
      </c>
      <c r="M14842" s="2" t="s">
        <v>36265</v>
      </c>
      <c r="N14842" s="5" t="s">
        <v>36266</v>
      </c>
      <c r="O14842" s="5" t="s">
        <v>38</v>
      </c>
      <c r="P14842" s="5" t="s">
        <v>39</v>
      </c>
      <c r="Q14842" s="5" t="s">
        <v>40</v>
      </c>
      <c r="R14842" s="5" t="s">
        <v>1522</v>
      </c>
      <c r="S14842" s="5" t="s">
        <v>1523</v>
      </c>
      <c r="T14842" s="5" t="s">
        <v>42</v>
      </c>
      <c r="U14842" s="2">
        <v>2.3380000000000001</v>
      </c>
      <c r="V14842" s="2">
        <v>1.774</v>
      </c>
      <c r="W14842" s="2">
        <v>1.2999999999999999E-2</v>
      </c>
      <c r="X14842" s="2">
        <v>99.1</v>
      </c>
      <c r="Y14842" s="2">
        <v>7.6</v>
      </c>
      <c r="Z14842" s="2">
        <v>16.7</v>
      </c>
      <c r="AA14842" s="5"/>
      <c r="AB14842" s="5" t="s">
        <v>43</v>
      </c>
      <c r="AC14842" s="5" t="s">
        <v>44</v>
      </c>
      <c r="AD14842" s="2"/>
      <c r="AE14842" s="1"/>
    </row>
    <row r="14843" spans="1:31" ht="14.45">
      <c r="A14843" s="11"/>
      <c r="B14843" s="20"/>
      <c r="C14843" s="2" t="s">
        <v>45480</v>
      </c>
      <c r="D14843" s="14" t="s">
        <v>45481</v>
      </c>
      <c r="E14843" s="2" t="s">
        <v>45482</v>
      </c>
      <c r="F14843" s="2" t="s">
        <v>36273</v>
      </c>
      <c r="G14843" s="8">
        <v>264</v>
      </c>
      <c r="H14843" s="5">
        <v>6</v>
      </c>
      <c r="I14843" s="5" t="s">
        <v>1518</v>
      </c>
      <c r="J14843" s="5" t="s">
        <v>36264</v>
      </c>
      <c r="K14843" s="2" t="s">
        <v>36265</v>
      </c>
      <c r="L14843" s="5" t="s">
        <v>36264</v>
      </c>
      <c r="M14843" s="2" t="s">
        <v>36265</v>
      </c>
      <c r="N14843" s="5" t="s">
        <v>36266</v>
      </c>
      <c r="O14843" s="5" t="s">
        <v>38</v>
      </c>
      <c r="P14843" s="5" t="s">
        <v>39</v>
      </c>
      <c r="Q14843" s="5" t="s">
        <v>40</v>
      </c>
      <c r="R14843" s="5" t="s">
        <v>1522</v>
      </c>
      <c r="S14843" s="5" t="s">
        <v>1523</v>
      </c>
      <c r="T14843" s="5" t="s">
        <v>42</v>
      </c>
      <c r="U14843" s="2">
        <v>2.3380000000000001</v>
      </c>
      <c r="V14843" s="2">
        <v>1.774</v>
      </c>
      <c r="W14843" s="2">
        <v>1.2999999999999999E-2</v>
      </c>
      <c r="X14843" s="2">
        <v>99.1</v>
      </c>
      <c r="Y14843" s="2">
        <v>7.6</v>
      </c>
      <c r="Z14843" s="2">
        <v>16.7</v>
      </c>
      <c r="AA14843" s="5"/>
      <c r="AB14843" s="5" t="s">
        <v>43</v>
      </c>
      <c r="AC14843" s="5" t="s">
        <v>44</v>
      </c>
      <c r="AD14843" s="2"/>
      <c r="AE14843" s="1"/>
    </row>
    <row r="14844" spans="1:31" ht="14.45">
      <c r="A14844" s="11"/>
      <c r="B14844" s="20"/>
      <c r="C14844" s="2" t="s">
        <v>45483</v>
      </c>
      <c r="D14844" s="14" t="s">
        <v>45484</v>
      </c>
      <c r="E14844" s="2" t="s">
        <v>45485</v>
      </c>
      <c r="F14844" s="2" t="s">
        <v>7204</v>
      </c>
      <c r="G14844" s="8">
        <v>236</v>
      </c>
      <c r="H14844" s="5">
        <v>6</v>
      </c>
      <c r="I14844" s="5" t="s">
        <v>1518</v>
      </c>
      <c r="J14844" s="5" t="s">
        <v>36264</v>
      </c>
      <c r="K14844" s="2" t="s">
        <v>36265</v>
      </c>
      <c r="L14844" s="5" t="s">
        <v>36264</v>
      </c>
      <c r="M14844" s="2" t="s">
        <v>36265</v>
      </c>
      <c r="N14844" s="5" t="s">
        <v>36266</v>
      </c>
      <c r="O14844" s="5" t="s">
        <v>38</v>
      </c>
      <c r="P14844" s="5" t="s">
        <v>39</v>
      </c>
      <c r="Q14844" s="5" t="s">
        <v>40</v>
      </c>
      <c r="R14844" s="5" t="s">
        <v>1522</v>
      </c>
      <c r="S14844" s="5" t="s">
        <v>1523</v>
      </c>
      <c r="T14844" s="5" t="s">
        <v>42</v>
      </c>
      <c r="U14844" s="2">
        <v>1.9630000000000001</v>
      </c>
      <c r="V14844" s="2">
        <v>1.5029999999999999</v>
      </c>
      <c r="W14844" s="2">
        <v>0.01</v>
      </c>
      <c r="X14844" s="2">
        <v>76.900000000000006</v>
      </c>
      <c r="Y14844" s="2">
        <v>7.6</v>
      </c>
      <c r="Z14844" s="2">
        <v>16.7</v>
      </c>
      <c r="AA14844" s="5"/>
      <c r="AB14844" s="5" t="s">
        <v>43</v>
      </c>
      <c r="AC14844" s="5" t="s">
        <v>44</v>
      </c>
      <c r="AD14844" s="2"/>
      <c r="AE14844" s="1"/>
    </row>
    <row r="14845" spans="1:31" ht="14.45">
      <c r="A14845" s="11"/>
      <c r="B14845" s="20"/>
      <c r="C14845" s="2" t="s">
        <v>45486</v>
      </c>
      <c r="D14845" s="14" t="s">
        <v>45487</v>
      </c>
      <c r="E14845" s="2" t="s">
        <v>45488</v>
      </c>
      <c r="F14845" s="2" t="s">
        <v>7514</v>
      </c>
      <c r="G14845" s="8">
        <v>236</v>
      </c>
      <c r="H14845" s="5">
        <v>6</v>
      </c>
      <c r="I14845" s="5" t="s">
        <v>1518</v>
      </c>
      <c r="J14845" s="5" t="s">
        <v>36264</v>
      </c>
      <c r="K14845" s="2" t="s">
        <v>36265</v>
      </c>
      <c r="L14845" s="5" t="s">
        <v>36264</v>
      </c>
      <c r="M14845" s="2" t="s">
        <v>36265</v>
      </c>
      <c r="N14845" s="5" t="s">
        <v>36266</v>
      </c>
      <c r="O14845" s="5" t="s">
        <v>38</v>
      </c>
      <c r="P14845" s="5" t="s">
        <v>39</v>
      </c>
      <c r="Q14845" s="5" t="s">
        <v>40</v>
      </c>
      <c r="R14845" s="5" t="s">
        <v>1522</v>
      </c>
      <c r="S14845" s="5" t="s">
        <v>1523</v>
      </c>
      <c r="T14845" s="5" t="s">
        <v>42</v>
      </c>
      <c r="U14845" s="2">
        <v>2.0129999999999999</v>
      </c>
      <c r="V14845" s="2">
        <v>1.5529999999999999</v>
      </c>
      <c r="W14845" s="2">
        <v>0.01</v>
      </c>
      <c r="X14845" s="2">
        <v>76.900000000000006</v>
      </c>
      <c r="Y14845" s="2">
        <v>7.6</v>
      </c>
      <c r="Z14845" s="2">
        <v>16.7</v>
      </c>
      <c r="AA14845" s="5"/>
      <c r="AB14845" s="5" t="s">
        <v>43</v>
      </c>
      <c r="AC14845" s="5" t="s">
        <v>44</v>
      </c>
      <c r="AD14845" s="2"/>
      <c r="AE14845" s="1"/>
    </row>
    <row r="14846" spans="1:31" ht="14.45">
      <c r="A14846" s="11"/>
      <c r="B14846" s="20"/>
      <c r="C14846" s="2" t="s">
        <v>45489</v>
      </c>
      <c r="D14846" s="14" t="s">
        <v>45490</v>
      </c>
      <c r="E14846" s="2" t="s">
        <v>45491</v>
      </c>
      <c r="F14846" s="2" t="s">
        <v>36273</v>
      </c>
      <c r="G14846" s="8">
        <v>236</v>
      </c>
      <c r="H14846" s="5">
        <v>6</v>
      </c>
      <c r="I14846" s="5" t="s">
        <v>1518</v>
      </c>
      <c r="J14846" s="5" t="s">
        <v>36264</v>
      </c>
      <c r="K14846" s="2" t="s">
        <v>36265</v>
      </c>
      <c r="L14846" s="5" t="s">
        <v>36264</v>
      </c>
      <c r="M14846" s="2" t="s">
        <v>36265</v>
      </c>
      <c r="N14846" s="5" t="s">
        <v>36266</v>
      </c>
      <c r="O14846" s="5" t="s">
        <v>38</v>
      </c>
      <c r="P14846" s="5" t="s">
        <v>39</v>
      </c>
      <c r="Q14846" s="5" t="s">
        <v>40</v>
      </c>
      <c r="R14846" s="5" t="s">
        <v>1522</v>
      </c>
      <c r="S14846" s="5" t="s">
        <v>1523</v>
      </c>
      <c r="T14846" s="5" t="s">
        <v>42</v>
      </c>
      <c r="U14846" s="2">
        <v>1.9630000000000001</v>
      </c>
      <c r="V14846" s="2">
        <v>1.5029999999999999</v>
      </c>
      <c r="W14846" s="2">
        <v>0.01</v>
      </c>
      <c r="X14846" s="2">
        <v>76.900000000000006</v>
      </c>
      <c r="Y14846" s="2">
        <v>7.6</v>
      </c>
      <c r="Z14846" s="2">
        <v>16.7</v>
      </c>
      <c r="AA14846" s="5"/>
      <c r="AB14846" s="5" t="s">
        <v>43</v>
      </c>
      <c r="AC14846" s="5" t="s">
        <v>44</v>
      </c>
      <c r="AD14846" s="2"/>
      <c r="AE14846" s="1"/>
    </row>
    <row r="14847" spans="1:31" ht="14.45">
      <c r="A14847" s="11"/>
      <c r="B14847" s="20"/>
      <c r="C14847" s="2" t="s">
        <v>45492</v>
      </c>
      <c r="D14847" s="14" t="s">
        <v>45493</v>
      </c>
      <c r="E14847" s="2" t="s">
        <v>45494</v>
      </c>
      <c r="F14847" s="2" t="s">
        <v>36277</v>
      </c>
      <c r="G14847" s="8">
        <v>236</v>
      </c>
      <c r="H14847" s="5">
        <v>6</v>
      </c>
      <c r="I14847" s="5" t="s">
        <v>1518</v>
      </c>
      <c r="J14847" s="5" t="s">
        <v>36264</v>
      </c>
      <c r="K14847" s="2" t="s">
        <v>36265</v>
      </c>
      <c r="L14847" s="5" t="s">
        <v>36264</v>
      </c>
      <c r="M14847" s="2" t="s">
        <v>36265</v>
      </c>
      <c r="N14847" s="5" t="s">
        <v>36266</v>
      </c>
      <c r="O14847" s="5" t="s">
        <v>38</v>
      </c>
      <c r="P14847" s="5" t="s">
        <v>39</v>
      </c>
      <c r="Q14847" s="5" t="s">
        <v>40</v>
      </c>
      <c r="R14847" s="5" t="s">
        <v>1522</v>
      </c>
      <c r="S14847" s="5" t="s">
        <v>1523</v>
      </c>
      <c r="T14847" s="5" t="s">
        <v>42</v>
      </c>
      <c r="U14847" s="2">
        <v>2.0129999999999999</v>
      </c>
      <c r="V14847" s="2">
        <v>1.5529999999999999</v>
      </c>
      <c r="W14847" s="2">
        <v>0.01</v>
      </c>
      <c r="X14847" s="2">
        <v>76.900000000000006</v>
      </c>
      <c r="Y14847" s="2">
        <v>7.6</v>
      </c>
      <c r="Z14847" s="2">
        <v>16.7</v>
      </c>
      <c r="AA14847" s="5"/>
      <c r="AB14847" s="5" t="s">
        <v>43</v>
      </c>
      <c r="AC14847" s="5" t="s">
        <v>44</v>
      </c>
      <c r="AD14847" s="2"/>
      <c r="AE14847" s="1"/>
    </row>
    <row r="14848" spans="1:31" ht="14.45">
      <c r="A14848" s="11"/>
      <c r="B14848" s="20"/>
      <c r="C14848" s="2" t="s">
        <v>45495</v>
      </c>
      <c r="D14848" s="14" t="s">
        <v>45496</v>
      </c>
      <c r="E14848" s="2" t="s">
        <v>45497</v>
      </c>
      <c r="F14848" s="2" t="s">
        <v>36281</v>
      </c>
      <c r="G14848" s="8">
        <v>251</v>
      </c>
      <c r="H14848" s="5">
        <v>6</v>
      </c>
      <c r="I14848" s="5" t="s">
        <v>1518</v>
      </c>
      <c r="J14848" s="5" t="s">
        <v>36264</v>
      </c>
      <c r="K14848" s="2" t="s">
        <v>36265</v>
      </c>
      <c r="L14848" s="5" t="s">
        <v>36264</v>
      </c>
      <c r="M14848" s="2" t="s">
        <v>36265</v>
      </c>
      <c r="N14848" s="5" t="s">
        <v>36266</v>
      </c>
      <c r="O14848" s="5" t="s">
        <v>38</v>
      </c>
      <c r="P14848" s="5" t="s">
        <v>39</v>
      </c>
      <c r="Q14848" s="5" t="s">
        <v>40</v>
      </c>
      <c r="R14848" s="5" t="s">
        <v>1522</v>
      </c>
      <c r="S14848" s="5" t="s">
        <v>1523</v>
      </c>
      <c r="T14848" s="5" t="s">
        <v>42</v>
      </c>
      <c r="U14848" s="2">
        <v>1.9630000000000001</v>
      </c>
      <c r="V14848" s="2">
        <v>1.5029999999999999</v>
      </c>
      <c r="W14848" s="2">
        <v>0.01</v>
      </c>
      <c r="X14848" s="2">
        <v>76.900000000000006</v>
      </c>
      <c r="Y14848" s="2">
        <v>7.6</v>
      </c>
      <c r="Z14848" s="2">
        <v>16.7</v>
      </c>
      <c r="AA14848" s="5"/>
      <c r="AB14848" s="5" t="s">
        <v>43</v>
      </c>
      <c r="AC14848" s="5" t="s">
        <v>44</v>
      </c>
      <c r="AD14848" s="2"/>
      <c r="AE14848" s="1"/>
    </row>
    <row r="14849" spans="1:31" ht="14.45">
      <c r="A14849" s="11"/>
      <c r="B14849" s="20"/>
      <c r="C14849" s="2" t="s">
        <v>45498</v>
      </c>
      <c r="D14849" s="14" t="s">
        <v>45499</v>
      </c>
      <c r="E14849" s="2" t="s">
        <v>45500</v>
      </c>
      <c r="F14849" s="2" t="s">
        <v>36289</v>
      </c>
      <c r="G14849" s="8">
        <v>251</v>
      </c>
      <c r="H14849" s="5">
        <v>6</v>
      </c>
      <c r="I14849" s="5" t="s">
        <v>1518</v>
      </c>
      <c r="J14849" s="5" t="s">
        <v>36264</v>
      </c>
      <c r="K14849" s="2" t="s">
        <v>36265</v>
      </c>
      <c r="L14849" s="5" t="s">
        <v>36264</v>
      </c>
      <c r="M14849" s="2" t="s">
        <v>36265</v>
      </c>
      <c r="N14849" s="5" t="s">
        <v>36266</v>
      </c>
      <c r="O14849" s="5" t="s">
        <v>38</v>
      </c>
      <c r="P14849" s="5" t="s">
        <v>39</v>
      </c>
      <c r="Q14849" s="5" t="s">
        <v>40</v>
      </c>
      <c r="R14849" s="5" t="s">
        <v>1522</v>
      </c>
      <c r="S14849" s="5" t="s">
        <v>1523</v>
      </c>
      <c r="T14849" s="5" t="s">
        <v>42</v>
      </c>
      <c r="U14849" s="2">
        <v>1.9630000000000001</v>
      </c>
      <c r="V14849" s="2">
        <v>1.5029999999999999</v>
      </c>
      <c r="W14849" s="2">
        <v>0.01</v>
      </c>
      <c r="X14849" s="2">
        <v>76.900000000000006</v>
      </c>
      <c r="Y14849" s="2">
        <v>7.6</v>
      </c>
      <c r="Z14849" s="2">
        <v>16.7</v>
      </c>
      <c r="AA14849" s="5"/>
      <c r="AB14849" s="5" t="s">
        <v>43</v>
      </c>
      <c r="AC14849" s="5" t="s">
        <v>44</v>
      </c>
      <c r="AD14849" s="2"/>
      <c r="AE14849" s="1"/>
    </row>
    <row r="14850" spans="1:31" ht="14.45">
      <c r="A14850" s="11"/>
      <c r="B14850" s="20"/>
      <c r="C14850" s="2" t="s">
        <v>45501</v>
      </c>
      <c r="D14850" s="14" t="s">
        <v>45502</v>
      </c>
      <c r="E14850" s="2" t="s">
        <v>45503</v>
      </c>
      <c r="F14850" s="2" t="s">
        <v>36293</v>
      </c>
      <c r="G14850" s="8">
        <v>251</v>
      </c>
      <c r="H14850" s="5">
        <v>6</v>
      </c>
      <c r="I14850" s="5" t="s">
        <v>1518</v>
      </c>
      <c r="J14850" s="5" t="s">
        <v>36264</v>
      </c>
      <c r="K14850" s="2" t="s">
        <v>36265</v>
      </c>
      <c r="L14850" s="5" t="s">
        <v>36264</v>
      </c>
      <c r="M14850" s="2" t="s">
        <v>36265</v>
      </c>
      <c r="N14850" s="5" t="s">
        <v>36266</v>
      </c>
      <c r="O14850" s="5" t="s">
        <v>38</v>
      </c>
      <c r="P14850" s="5" t="s">
        <v>39</v>
      </c>
      <c r="Q14850" s="5" t="s">
        <v>40</v>
      </c>
      <c r="R14850" s="5" t="s">
        <v>1522</v>
      </c>
      <c r="S14850" s="5" t="s">
        <v>1523</v>
      </c>
      <c r="T14850" s="5" t="s">
        <v>42</v>
      </c>
      <c r="U14850" s="2">
        <v>2.0129999999999999</v>
      </c>
      <c r="V14850" s="2">
        <v>1.5529999999999999</v>
      </c>
      <c r="W14850" s="2">
        <v>0.01</v>
      </c>
      <c r="X14850" s="2">
        <v>76.900000000000006</v>
      </c>
      <c r="Y14850" s="2">
        <v>7.6</v>
      </c>
      <c r="Z14850" s="2">
        <v>16.7</v>
      </c>
      <c r="AA14850" s="5"/>
      <c r="AB14850" s="5" t="s">
        <v>43</v>
      </c>
      <c r="AC14850" s="5" t="s">
        <v>44</v>
      </c>
      <c r="AD14850" s="2"/>
      <c r="AE14850" s="1"/>
    </row>
    <row r="14851" spans="1:31" ht="14.45">
      <c r="A14851" s="11"/>
      <c r="B14851" s="20"/>
      <c r="C14851" s="2" t="s">
        <v>45504</v>
      </c>
      <c r="D14851" s="14" t="s">
        <v>45505</v>
      </c>
      <c r="E14851" s="2" t="s">
        <v>45506</v>
      </c>
      <c r="F14851" s="2" t="s">
        <v>36297</v>
      </c>
      <c r="G14851" s="8">
        <v>236</v>
      </c>
      <c r="H14851" s="5">
        <v>6</v>
      </c>
      <c r="I14851" s="5" t="s">
        <v>1518</v>
      </c>
      <c r="J14851" s="5" t="s">
        <v>36264</v>
      </c>
      <c r="K14851" s="2" t="s">
        <v>36265</v>
      </c>
      <c r="L14851" s="5" t="s">
        <v>36264</v>
      </c>
      <c r="M14851" s="2" t="s">
        <v>36265</v>
      </c>
      <c r="N14851" s="5" t="s">
        <v>36266</v>
      </c>
      <c r="O14851" s="5" t="s">
        <v>38</v>
      </c>
      <c r="P14851" s="5" t="s">
        <v>39</v>
      </c>
      <c r="Q14851" s="5" t="s">
        <v>40</v>
      </c>
      <c r="R14851" s="5" t="s">
        <v>1522</v>
      </c>
      <c r="S14851" s="5" t="s">
        <v>1523</v>
      </c>
      <c r="T14851" s="5" t="s">
        <v>42</v>
      </c>
      <c r="U14851" s="2">
        <v>1.9630000000000001</v>
      </c>
      <c r="V14851" s="2">
        <v>1.5029999999999999</v>
      </c>
      <c r="W14851" s="2">
        <v>0.01</v>
      </c>
      <c r="X14851" s="2">
        <v>76.900000000000006</v>
      </c>
      <c r="Y14851" s="2">
        <v>7.6</v>
      </c>
      <c r="Z14851" s="2">
        <v>16.7</v>
      </c>
      <c r="AA14851" s="5"/>
      <c r="AB14851" s="5" t="s">
        <v>43</v>
      </c>
      <c r="AC14851" s="5" t="s">
        <v>44</v>
      </c>
      <c r="AD14851" s="2"/>
      <c r="AE14851" s="1"/>
    </row>
    <row r="14852" spans="1:31" ht="14.45">
      <c r="A14852" s="11"/>
      <c r="B14852" s="20"/>
      <c r="C14852" s="2" t="s">
        <v>45507</v>
      </c>
      <c r="D14852" s="14" t="s">
        <v>45508</v>
      </c>
      <c r="E14852" s="2" t="s">
        <v>45509</v>
      </c>
      <c r="F14852" s="2" t="s">
        <v>36301</v>
      </c>
      <c r="G14852" s="8">
        <v>236</v>
      </c>
      <c r="H14852" s="5">
        <v>6</v>
      </c>
      <c r="I14852" s="5" t="s">
        <v>1518</v>
      </c>
      <c r="J14852" s="5" t="s">
        <v>36264</v>
      </c>
      <c r="K14852" s="2" t="s">
        <v>36265</v>
      </c>
      <c r="L14852" s="5" t="s">
        <v>36264</v>
      </c>
      <c r="M14852" s="2" t="s">
        <v>36265</v>
      </c>
      <c r="N14852" s="5" t="s">
        <v>36266</v>
      </c>
      <c r="O14852" s="5" t="s">
        <v>38</v>
      </c>
      <c r="P14852" s="5" t="s">
        <v>39</v>
      </c>
      <c r="Q14852" s="5" t="s">
        <v>40</v>
      </c>
      <c r="R14852" s="5" t="s">
        <v>1522</v>
      </c>
      <c r="S14852" s="5" t="s">
        <v>1523</v>
      </c>
      <c r="T14852" s="5" t="s">
        <v>42</v>
      </c>
      <c r="U14852" s="2">
        <v>2.0129999999999999</v>
      </c>
      <c r="V14852" s="2">
        <v>1.5529999999999999</v>
      </c>
      <c r="W14852" s="2">
        <v>0.01</v>
      </c>
      <c r="X14852" s="2">
        <v>76.900000000000006</v>
      </c>
      <c r="Y14852" s="2">
        <v>7.6</v>
      </c>
      <c r="Z14852" s="2">
        <v>16.7</v>
      </c>
      <c r="AA14852" s="5"/>
      <c r="AB14852" s="5" t="s">
        <v>43</v>
      </c>
      <c r="AC14852" s="5" t="s">
        <v>44</v>
      </c>
      <c r="AD14852" s="2"/>
      <c r="AE14852" s="1"/>
    </row>
    <row r="14853" spans="1:31" ht="14.45">
      <c r="A14853" s="11"/>
      <c r="B14853" s="20"/>
      <c r="C14853" s="2" t="s">
        <v>45510</v>
      </c>
      <c r="D14853" s="14" t="s">
        <v>45511</v>
      </c>
      <c r="E14853" s="2" t="s">
        <v>45512</v>
      </c>
      <c r="F14853" s="2" t="s">
        <v>36305</v>
      </c>
      <c r="G14853" s="8">
        <v>236</v>
      </c>
      <c r="H14853" s="5">
        <v>6</v>
      </c>
      <c r="I14853" s="5" t="s">
        <v>1518</v>
      </c>
      <c r="J14853" s="5" t="s">
        <v>36264</v>
      </c>
      <c r="K14853" s="2" t="s">
        <v>36265</v>
      </c>
      <c r="L14853" s="5" t="s">
        <v>36264</v>
      </c>
      <c r="M14853" s="2" t="s">
        <v>36265</v>
      </c>
      <c r="N14853" s="5" t="s">
        <v>36266</v>
      </c>
      <c r="O14853" s="5" t="s">
        <v>38</v>
      </c>
      <c r="P14853" s="5" t="s">
        <v>39</v>
      </c>
      <c r="Q14853" s="5" t="s">
        <v>40</v>
      </c>
      <c r="R14853" s="5" t="s">
        <v>1522</v>
      </c>
      <c r="S14853" s="5" t="s">
        <v>1523</v>
      </c>
      <c r="T14853" s="5" t="s">
        <v>42</v>
      </c>
      <c r="U14853" s="2">
        <v>1.9630000000000001</v>
      </c>
      <c r="V14853" s="2">
        <v>1.5029999999999999</v>
      </c>
      <c r="W14853" s="2">
        <v>0.01</v>
      </c>
      <c r="X14853" s="2">
        <v>76.900000000000006</v>
      </c>
      <c r="Y14853" s="2">
        <v>7.6</v>
      </c>
      <c r="Z14853" s="2">
        <v>16.7</v>
      </c>
      <c r="AA14853" s="5"/>
      <c r="AB14853" s="5" t="s">
        <v>43</v>
      </c>
      <c r="AC14853" s="5" t="s">
        <v>44</v>
      </c>
      <c r="AD14853" s="2"/>
      <c r="AE14853" s="1"/>
    </row>
    <row r="14854" spans="1:31" ht="14.45">
      <c r="A14854" s="11"/>
      <c r="B14854" s="20"/>
      <c r="C14854" s="2" t="s">
        <v>45513</v>
      </c>
      <c r="D14854" s="14" t="s">
        <v>45514</v>
      </c>
      <c r="E14854" s="2" t="s">
        <v>45515</v>
      </c>
      <c r="F14854" s="2" t="s">
        <v>36309</v>
      </c>
      <c r="G14854" s="8">
        <v>236</v>
      </c>
      <c r="H14854" s="5">
        <v>6</v>
      </c>
      <c r="I14854" s="5" t="s">
        <v>1518</v>
      </c>
      <c r="J14854" s="5" t="s">
        <v>36264</v>
      </c>
      <c r="K14854" s="2" t="s">
        <v>36265</v>
      </c>
      <c r="L14854" s="5" t="s">
        <v>36264</v>
      </c>
      <c r="M14854" s="2" t="s">
        <v>36265</v>
      </c>
      <c r="N14854" s="5" t="s">
        <v>36266</v>
      </c>
      <c r="O14854" s="5" t="s">
        <v>38</v>
      </c>
      <c r="P14854" s="5" t="s">
        <v>39</v>
      </c>
      <c r="Q14854" s="5" t="s">
        <v>40</v>
      </c>
      <c r="R14854" s="5" t="s">
        <v>1522</v>
      </c>
      <c r="S14854" s="5" t="s">
        <v>1523</v>
      </c>
      <c r="T14854" s="5" t="s">
        <v>42</v>
      </c>
      <c r="U14854" s="2">
        <v>2.0129999999999999</v>
      </c>
      <c r="V14854" s="2">
        <v>1.5529999999999999</v>
      </c>
      <c r="W14854" s="2">
        <v>0.01</v>
      </c>
      <c r="X14854" s="2">
        <v>76.900000000000006</v>
      </c>
      <c r="Y14854" s="2">
        <v>7.6</v>
      </c>
      <c r="Z14854" s="2">
        <v>16.7</v>
      </c>
      <c r="AA14854" s="5"/>
      <c r="AB14854" s="5" t="s">
        <v>43</v>
      </c>
      <c r="AC14854" s="5" t="s">
        <v>44</v>
      </c>
      <c r="AD14854" s="2"/>
      <c r="AE14854" s="1"/>
    </row>
    <row r="14855" spans="1:31" ht="14.45">
      <c r="A14855" s="11"/>
      <c r="B14855" s="20"/>
      <c r="C14855" s="2" t="s">
        <v>45516</v>
      </c>
      <c r="D14855" s="14" t="s">
        <v>45517</v>
      </c>
      <c r="E14855" s="2" t="s">
        <v>45518</v>
      </c>
      <c r="F14855" s="2" t="s">
        <v>36317</v>
      </c>
      <c r="G14855" s="8">
        <v>251</v>
      </c>
      <c r="H14855" s="5">
        <v>6</v>
      </c>
      <c r="I14855" s="5" t="s">
        <v>1518</v>
      </c>
      <c r="J14855" s="5" t="s">
        <v>36264</v>
      </c>
      <c r="K14855" s="2" t="s">
        <v>36265</v>
      </c>
      <c r="L14855" s="5" t="s">
        <v>36264</v>
      </c>
      <c r="M14855" s="2" t="s">
        <v>36265</v>
      </c>
      <c r="N14855" s="5" t="s">
        <v>36266</v>
      </c>
      <c r="O14855" s="5" t="s">
        <v>38</v>
      </c>
      <c r="P14855" s="5" t="s">
        <v>39</v>
      </c>
      <c r="Q14855" s="5" t="s">
        <v>40</v>
      </c>
      <c r="R14855" s="5" t="s">
        <v>1522</v>
      </c>
      <c r="S14855" s="5" t="s">
        <v>1523</v>
      </c>
      <c r="T14855" s="5" t="s">
        <v>42</v>
      </c>
      <c r="U14855" s="2">
        <v>2.0129999999999999</v>
      </c>
      <c r="V14855" s="2">
        <v>1.5529999999999999</v>
      </c>
      <c r="W14855" s="2">
        <v>0.01</v>
      </c>
      <c r="X14855" s="2">
        <v>76.900000000000006</v>
      </c>
      <c r="Y14855" s="2">
        <v>7.6</v>
      </c>
      <c r="Z14855" s="2">
        <v>16.7</v>
      </c>
      <c r="AA14855" s="5"/>
      <c r="AB14855" s="5" t="s">
        <v>43</v>
      </c>
      <c r="AC14855" s="5" t="s">
        <v>44</v>
      </c>
      <c r="AD14855" s="2"/>
      <c r="AE14855" s="1"/>
    </row>
    <row r="14856" spans="1:31" ht="14.45">
      <c r="A14856" s="11"/>
      <c r="B14856" s="20"/>
      <c r="C14856" s="2" t="s">
        <v>45519</v>
      </c>
      <c r="D14856" s="14" t="s">
        <v>45520</v>
      </c>
      <c r="E14856" s="2" t="s">
        <v>45521</v>
      </c>
      <c r="F14856" s="2" t="s">
        <v>36333</v>
      </c>
      <c r="G14856" s="8">
        <v>251</v>
      </c>
      <c r="H14856" s="5">
        <v>6</v>
      </c>
      <c r="I14856" s="5" t="s">
        <v>1518</v>
      </c>
      <c r="J14856" s="5" t="s">
        <v>36264</v>
      </c>
      <c r="K14856" s="2" t="s">
        <v>36265</v>
      </c>
      <c r="L14856" s="5" t="s">
        <v>36264</v>
      </c>
      <c r="M14856" s="2" t="s">
        <v>36265</v>
      </c>
      <c r="N14856" s="5" t="s">
        <v>36266</v>
      </c>
      <c r="O14856" s="5" t="s">
        <v>38</v>
      </c>
      <c r="P14856" s="5" t="s">
        <v>39</v>
      </c>
      <c r="Q14856" s="5" t="s">
        <v>40</v>
      </c>
      <c r="R14856" s="5" t="s">
        <v>1522</v>
      </c>
      <c r="S14856" s="5" t="s">
        <v>1523</v>
      </c>
      <c r="T14856" s="5" t="s">
        <v>42</v>
      </c>
      <c r="U14856" s="2">
        <v>2.0129999999999999</v>
      </c>
      <c r="V14856" s="2">
        <v>1.5529999999999999</v>
      </c>
      <c r="W14856" s="2">
        <v>0.01</v>
      </c>
      <c r="X14856" s="2">
        <v>76.900000000000006</v>
      </c>
      <c r="Y14856" s="2">
        <v>7.6</v>
      </c>
      <c r="Z14856" s="2">
        <v>16.7</v>
      </c>
      <c r="AA14856" s="5"/>
      <c r="AB14856" s="5" t="s">
        <v>43</v>
      </c>
      <c r="AC14856" s="5" t="s">
        <v>44</v>
      </c>
      <c r="AD14856" s="2"/>
      <c r="AE14856" s="1"/>
    </row>
    <row r="14857" spans="1:31" ht="14.45">
      <c r="A14857" s="11"/>
      <c r="B14857" s="20"/>
      <c r="C14857" s="2" t="s">
        <v>45522</v>
      </c>
      <c r="D14857" s="14" t="s">
        <v>45523</v>
      </c>
      <c r="E14857" s="2" t="s">
        <v>45524</v>
      </c>
      <c r="F14857" s="2" t="s">
        <v>36349</v>
      </c>
      <c r="G14857" s="8">
        <v>251</v>
      </c>
      <c r="H14857" s="5">
        <v>6</v>
      </c>
      <c r="I14857" s="5" t="s">
        <v>1518</v>
      </c>
      <c r="J14857" s="5" t="s">
        <v>36264</v>
      </c>
      <c r="K14857" s="2" t="s">
        <v>36265</v>
      </c>
      <c r="L14857" s="5" t="s">
        <v>36264</v>
      </c>
      <c r="M14857" s="2" t="s">
        <v>36265</v>
      </c>
      <c r="N14857" s="5" t="s">
        <v>36266</v>
      </c>
      <c r="O14857" s="5" t="s">
        <v>38</v>
      </c>
      <c r="P14857" s="5" t="s">
        <v>39</v>
      </c>
      <c r="Q14857" s="5" t="s">
        <v>40</v>
      </c>
      <c r="R14857" s="5" t="s">
        <v>1522</v>
      </c>
      <c r="S14857" s="5" t="s">
        <v>1523</v>
      </c>
      <c r="T14857" s="5" t="s">
        <v>42</v>
      </c>
      <c r="U14857" s="2">
        <v>2.0129999999999999</v>
      </c>
      <c r="V14857" s="2">
        <v>1.5529999999999999</v>
      </c>
      <c r="W14857" s="2">
        <v>0.01</v>
      </c>
      <c r="X14857" s="2">
        <v>76.900000000000006</v>
      </c>
      <c r="Y14857" s="2">
        <v>7.6</v>
      </c>
      <c r="Z14857" s="2">
        <v>16.7</v>
      </c>
      <c r="AA14857" s="5"/>
      <c r="AB14857" s="5" t="s">
        <v>43</v>
      </c>
      <c r="AC14857" s="5" t="s">
        <v>44</v>
      </c>
      <c r="AD14857" s="2"/>
      <c r="AE14857" s="1"/>
    </row>
    <row r="14858" spans="1:31" ht="14.45">
      <c r="A14858" s="11"/>
      <c r="B14858" s="20"/>
      <c r="C14858" s="2" t="s">
        <v>45525</v>
      </c>
      <c r="D14858" s="14" t="s">
        <v>45526</v>
      </c>
      <c r="E14858" s="2" t="s">
        <v>45527</v>
      </c>
      <c r="F14858" s="2" t="s">
        <v>36353</v>
      </c>
      <c r="G14858" s="8">
        <v>251</v>
      </c>
      <c r="H14858" s="5">
        <v>6</v>
      </c>
      <c r="I14858" s="5" t="s">
        <v>1518</v>
      </c>
      <c r="J14858" s="5" t="s">
        <v>36264</v>
      </c>
      <c r="K14858" s="2" t="s">
        <v>36265</v>
      </c>
      <c r="L14858" s="5" t="s">
        <v>36264</v>
      </c>
      <c r="M14858" s="2" t="s">
        <v>36265</v>
      </c>
      <c r="N14858" s="5" t="s">
        <v>36266</v>
      </c>
      <c r="O14858" s="5" t="s">
        <v>38</v>
      </c>
      <c r="P14858" s="5" t="s">
        <v>39</v>
      </c>
      <c r="Q14858" s="5" t="s">
        <v>40</v>
      </c>
      <c r="R14858" s="5" t="s">
        <v>1522</v>
      </c>
      <c r="S14858" s="5" t="s">
        <v>1523</v>
      </c>
      <c r="T14858" s="5" t="s">
        <v>42</v>
      </c>
      <c r="U14858" s="2">
        <v>1.9630000000000001</v>
      </c>
      <c r="V14858" s="2">
        <v>1.5029999999999999</v>
      </c>
      <c r="W14858" s="2">
        <v>0.01</v>
      </c>
      <c r="X14858" s="2">
        <v>76.900000000000006</v>
      </c>
      <c r="Y14858" s="2">
        <v>7.6</v>
      </c>
      <c r="Z14858" s="2">
        <v>16.7</v>
      </c>
      <c r="AA14858" s="5"/>
      <c r="AB14858" s="5" t="s">
        <v>43</v>
      </c>
      <c r="AC14858" s="5" t="s">
        <v>44</v>
      </c>
      <c r="AD14858" s="2"/>
      <c r="AE14858" s="1"/>
    </row>
    <row r="14859" spans="1:31" ht="14.45">
      <c r="A14859" s="11"/>
      <c r="B14859" s="20"/>
      <c r="C14859" s="2" t="s">
        <v>45528</v>
      </c>
      <c r="D14859" s="14" t="s">
        <v>45529</v>
      </c>
      <c r="E14859" s="2" t="s">
        <v>45530</v>
      </c>
      <c r="F14859" s="2" t="s">
        <v>36357</v>
      </c>
      <c r="G14859" s="8">
        <v>251</v>
      </c>
      <c r="H14859" s="5">
        <v>6</v>
      </c>
      <c r="I14859" s="5" t="s">
        <v>1518</v>
      </c>
      <c r="J14859" s="5" t="s">
        <v>36264</v>
      </c>
      <c r="K14859" s="2" t="s">
        <v>36265</v>
      </c>
      <c r="L14859" s="5" t="s">
        <v>36264</v>
      </c>
      <c r="M14859" s="2" t="s">
        <v>36265</v>
      </c>
      <c r="N14859" s="5" t="s">
        <v>36266</v>
      </c>
      <c r="O14859" s="5" t="s">
        <v>38</v>
      </c>
      <c r="P14859" s="5" t="s">
        <v>39</v>
      </c>
      <c r="Q14859" s="5" t="s">
        <v>40</v>
      </c>
      <c r="R14859" s="5" t="s">
        <v>1522</v>
      </c>
      <c r="S14859" s="5" t="s">
        <v>1523</v>
      </c>
      <c r="T14859" s="5" t="s">
        <v>42</v>
      </c>
      <c r="U14859" s="2">
        <v>2.0129999999999999</v>
      </c>
      <c r="V14859" s="2">
        <v>1.5529999999999999</v>
      </c>
      <c r="W14859" s="2">
        <v>0.01</v>
      </c>
      <c r="X14859" s="2">
        <v>76.900000000000006</v>
      </c>
      <c r="Y14859" s="2">
        <v>7.6</v>
      </c>
      <c r="Z14859" s="2">
        <v>16.7</v>
      </c>
      <c r="AA14859" s="5"/>
      <c r="AB14859" s="5" t="s">
        <v>43</v>
      </c>
      <c r="AC14859" s="5" t="s">
        <v>44</v>
      </c>
      <c r="AD14859" s="2"/>
      <c r="AE14859" s="1"/>
    </row>
    <row r="14860" spans="1:31" ht="14.45">
      <c r="A14860" s="11"/>
      <c r="B14860" s="20"/>
      <c r="C14860" s="2" t="s">
        <v>45531</v>
      </c>
      <c r="D14860" s="14" t="s">
        <v>45532</v>
      </c>
      <c r="E14860" s="2" t="s">
        <v>45533</v>
      </c>
      <c r="F14860" s="2" t="s">
        <v>45534</v>
      </c>
      <c r="G14860" s="8">
        <v>251</v>
      </c>
      <c r="H14860" s="5">
        <v>6</v>
      </c>
      <c r="I14860" s="5" t="s">
        <v>1518</v>
      </c>
      <c r="J14860" s="5" t="s">
        <v>36264</v>
      </c>
      <c r="K14860" s="2" t="s">
        <v>36265</v>
      </c>
      <c r="L14860" s="5" t="s">
        <v>36264</v>
      </c>
      <c r="M14860" s="2" t="s">
        <v>36265</v>
      </c>
      <c r="N14860" s="5" t="s">
        <v>36266</v>
      </c>
      <c r="O14860" s="5" t="s">
        <v>38</v>
      </c>
      <c r="P14860" s="5" t="s">
        <v>39</v>
      </c>
      <c r="Q14860" s="5" t="s">
        <v>40</v>
      </c>
      <c r="R14860" s="5" t="s">
        <v>1522</v>
      </c>
      <c r="S14860" s="5" t="s">
        <v>1523</v>
      </c>
      <c r="T14860" s="5" t="s">
        <v>42</v>
      </c>
      <c r="U14860" s="2">
        <v>2.0129999999999999</v>
      </c>
      <c r="V14860" s="2">
        <v>1.5529999999999999</v>
      </c>
      <c r="W14860" s="2">
        <v>0.01</v>
      </c>
      <c r="X14860" s="2">
        <v>76.900000000000006</v>
      </c>
      <c r="Y14860" s="2">
        <v>7.6</v>
      </c>
      <c r="Z14860" s="2">
        <v>16.7</v>
      </c>
      <c r="AA14860" s="5"/>
      <c r="AB14860" s="5" t="s">
        <v>43</v>
      </c>
      <c r="AC14860" s="5" t="s">
        <v>44</v>
      </c>
      <c r="AD14860" s="2"/>
      <c r="AE14860" s="1"/>
    </row>
    <row r="14861" spans="1:31" ht="14.45">
      <c r="A14861" s="11"/>
      <c r="B14861" s="20"/>
      <c r="C14861" s="2" t="s">
        <v>45535</v>
      </c>
      <c r="D14861" s="14" t="s">
        <v>45536</v>
      </c>
      <c r="E14861" s="2" t="s">
        <v>45537</v>
      </c>
      <c r="F14861" s="2" t="s">
        <v>36373</v>
      </c>
      <c r="G14861" s="8">
        <v>251</v>
      </c>
      <c r="H14861" s="5">
        <v>6</v>
      </c>
      <c r="I14861" s="5" t="s">
        <v>1518</v>
      </c>
      <c r="J14861" s="5" t="s">
        <v>36264</v>
      </c>
      <c r="K14861" s="2" t="s">
        <v>36265</v>
      </c>
      <c r="L14861" s="5" t="s">
        <v>36264</v>
      </c>
      <c r="M14861" s="2" t="s">
        <v>36265</v>
      </c>
      <c r="N14861" s="5" t="s">
        <v>36266</v>
      </c>
      <c r="O14861" s="5" t="s">
        <v>38</v>
      </c>
      <c r="P14861" s="5" t="s">
        <v>39</v>
      </c>
      <c r="Q14861" s="5" t="s">
        <v>40</v>
      </c>
      <c r="R14861" s="5" t="s">
        <v>1522</v>
      </c>
      <c r="S14861" s="5" t="s">
        <v>1523</v>
      </c>
      <c r="T14861" s="5" t="s">
        <v>42</v>
      </c>
      <c r="U14861" s="2">
        <v>2.0129999999999999</v>
      </c>
      <c r="V14861" s="2">
        <v>1.5529999999999999</v>
      </c>
      <c r="W14861" s="2">
        <v>0.01</v>
      </c>
      <c r="X14861" s="2">
        <v>76.900000000000006</v>
      </c>
      <c r="Y14861" s="2">
        <v>7.6</v>
      </c>
      <c r="Z14861" s="2">
        <v>16.7</v>
      </c>
      <c r="AA14861" s="5"/>
      <c r="AB14861" s="5" t="s">
        <v>43</v>
      </c>
      <c r="AC14861" s="5" t="s">
        <v>44</v>
      </c>
      <c r="AD14861" s="2"/>
      <c r="AE14861" s="1"/>
    </row>
    <row r="14862" spans="1:31" ht="14.45">
      <c r="A14862" s="11"/>
      <c r="B14862" s="20"/>
      <c r="C14862" s="2" t="s">
        <v>45538</v>
      </c>
      <c r="D14862" s="14" t="s">
        <v>45539</v>
      </c>
      <c r="E14862" s="2" t="s">
        <v>45540</v>
      </c>
      <c r="F14862" s="2" t="s">
        <v>36381</v>
      </c>
      <c r="G14862" s="8">
        <v>251</v>
      </c>
      <c r="H14862" s="5">
        <v>6</v>
      </c>
      <c r="I14862" s="5" t="s">
        <v>1518</v>
      </c>
      <c r="J14862" s="5" t="s">
        <v>36264</v>
      </c>
      <c r="K14862" s="2" t="s">
        <v>36265</v>
      </c>
      <c r="L14862" s="5" t="s">
        <v>36264</v>
      </c>
      <c r="M14862" s="2" t="s">
        <v>36265</v>
      </c>
      <c r="N14862" s="5" t="s">
        <v>36266</v>
      </c>
      <c r="O14862" s="5" t="s">
        <v>38</v>
      </c>
      <c r="P14862" s="5" t="s">
        <v>39</v>
      </c>
      <c r="Q14862" s="5" t="s">
        <v>40</v>
      </c>
      <c r="R14862" s="5" t="s">
        <v>1522</v>
      </c>
      <c r="S14862" s="5" t="s">
        <v>1523</v>
      </c>
      <c r="T14862" s="5" t="s">
        <v>42</v>
      </c>
      <c r="U14862" s="2">
        <v>2.0129999999999999</v>
      </c>
      <c r="V14862" s="2">
        <v>1.5529999999999999</v>
      </c>
      <c r="W14862" s="2">
        <v>0.01</v>
      </c>
      <c r="X14862" s="2">
        <v>76.900000000000006</v>
      </c>
      <c r="Y14862" s="2">
        <v>7.6</v>
      </c>
      <c r="Z14862" s="2">
        <v>16.7</v>
      </c>
      <c r="AA14862" s="5"/>
      <c r="AB14862" s="5" t="s">
        <v>43</v>
      </c>
      <c r="AC14862" s="5" t="s">
        <v>44</v>
      </c>
      <c r="AD14862" s="2"/>
      <c r="AE14862" s="1"/>
    </row>
    <row r="14863" spans="1:31" ht="14.45">
      <c r="A14863" s="11"/>
      <c r="B14863" s="20"/>
      <c r="C14863" s="2" t="s">
        <v>45541</v>
      </c>
      <c r="D14863" s="14" t="s">
        <v>45542</v>
      </c>
      <c r="E14863" s="2" t="s">
        <v>45543</v>
      </c>
      <c r="F14863" s="2" t="s">
        <v>36385</v>
      </c>
      <c r="G14863" s="8">
        <v>251</v>
      </c>
      <c r="H14863" s="5">
        <v>6</v>
      </c>
      <c r="I14863" s="5" t="s">
        <v>1518</v>
      </c>
      <c r="J14863" s="5" t="s">
        <v>36264</v>
      </c>
      <c r="K14863" s="2" t="s">
        <v>36265</v>
      </c>
      <c r="L14863" s="5" t="s">
        <v>36264</v>
      </c>
      <c r="M14863" s="2" t="s">
        <v>36265</v>
      </c>
      <c r="N14863" s="5" t="s">
        <v>36266</v>
      </c>
      <c r="O14863" s="5" t="s">
        <v>38</v>
      </c>
      <c r="P14863" s="5" t="s">
        <v>39</v>
      </c>
      <c r="Q14863" s="5" t="s">
        <v>40</v>
      </c>
      <c r="R14863" s="5" t="s">
        <v>1522</v>
      </c>
      <c r="S14863" s="5" t="s">
        <v>1523</v>
      </c>
      <c r="T14863" s="5" t="s">
        <v>42</v>
      </c>
      <c r="U14863" s="2">
        <v>1.9630000000000001</v>
      </c>
      <c r="V14863" s="2">
        <v>1.5029999999999999</v>
      </c>
      <c r="W14863" s="2">
        <v>0.01</v>
      </c>
      <c r="X14863" s="2">
        <v>76.900000000000006</v>
      </c>
      <c r="Y14863" s="2">
        <v>7.6</v>
      </c>
      <c r="Z14863" s="2">
        <v>16.7</v>
      </c>
      <c r="AA14863" s="5"/>
      <c r="AB14863" s="5" t="s">
        <v>43</v>
      </c>
      <c r="AC14863" s="5" t="s">
        <v>44</v>
      </c>
      <c r="AD14863" s="2"/>
      <c r="AE14863" s="1"/>
    </row>
    <row r="14864" spans="1:31" ht="14.45">
      <c r="A14864" s="11"/>
      <c r="B14864" s="20"/>
      <c r="C14864" s="2" t="s">
        <v>45544</v>
      </c>
      <c r="D14864" s="14" t="s">
        <v>45545</v>
      </c>
      <c r="E14864" s="2" t="s">
        <v>45546</v>
      </c>
      <c r="F14864" s="2" t="s">
        <v>36389</v>
      </c>
      <c r="G14864" s="8">
        <v>251</v>
      </c>
      <c r="H14864" s="5">
        <v>6</v>
      </c>
      <c r="I14864" s="5" t="s">
        <v>1518</v>
      </c>
      <c r="J14864" s="5" t="s">
        <v>36264</v>
      </c>
      <c r="K14864" s="2" t="s">
        <v>36265</v>
      </c>
      <c r="L14864" s="5" t="s">
        <v>36264</v>
      </c>
      <c r="M14864" s="2" t="s">
        <v>36265</v>
      </c>
      <c r="N14864" s="5" t="s">
        <v>36266</v>
      </c>
      <c r="O14864" s="5" t="s">
        <v>38</v>
      </c>
      <c r="P14864" s="5" t="s">
        <v>39</v>
      </c>
      <c r="Q14864" s="5" t="s">
        <v>40</v>
      </c>
      <c r="R14864" s="5" t="s">
        <v>1522</v>
      </c>
      <c r="S14864" s="5" t="s">
        <v>1523</v>
      </c>
      <c r="T14864" s="5" t="s">
        <v>42</v>
      </c>
      <c r="U14864" s="2">
        <v>2.0129999999999999</v>
      </c>
      <c r="V14864" s="2">
        <v>1.5529999999999999</v>
      </c>
      <c r="W14864" s="2">
        <v>0.01</v>
      </c>
      <c r="X14864" s="2">
        <v>76.900000000000006</v>
      </c>
      <c r="Y14864" s="2">
        <v>7.6</v>
      </c>
      <c r="Z14864" s="2">
        <v>16.7</v>
      </c>
      <c r="AA14864" s="5"/>
      <c r="AB14864" s="5" t="s">
        <v>43</v>
      </c>
      <c r="AC14864" s="5" t="s">
        <v>44</v>
      </c>
      <c r="AD14864" s="2"/>
      <c r="AE14864" s="1"/>
    </row>
    <row r="14865" spans="1:31" ht="14.45">
      <c r="A14865" s="11"/>
      <c r="B14865" s="20"/>
      <c r="C14865" s="2" t="s">
        <v>45547</v>
      </c>
      <c r="D14865" s="14" t="s">
        <v>45548</v>
      </c>
      <c r="E14865" s="2" t="s">
        <v>45549</v>
      </c>
      <c r="F14865" s="2" t="s">
        <v>7204</v>
      </c>
      <c r="G14865" s="8">
        <v>251</v>
      </c>
      <c r="H14865" s="5">
        <v>6</v>
      </c>
      <c r="I14865" s="5" t="s">
        <v>1518</v>
      </c>
      <c r="J14865" s="5" t="s">
        <v>36264</v>
      </c>
      <c r="K14865" s="2" t="s">
        <v>36265</v>
      </c>
      <c r="L14865" s="5" t="s">
        <v>36264</v>
      </c>
      <c r="M14865" s="2" t="s">
        <v>36265</v>
      </c>
      <c r="N14865" s="5" t="s">
        <v>36266</v>
      </c>
      <c r="O14865" s="5" t="s">
        <v>38</v>
      </c>
      <c r="P14865" s="5" t="s">
        <v>39</v>
      </c>
      <c r="Q14865" s="5" t="s">
        <v>40</v>
      </c>
      <c r="R14865" s="5" t="s">
        <v>1522</v>
      </c>
      <c r="S14865" s="5" t="s">
        <v>1523</v>
      </c>
      <c r="T14865" s="5" t="s">
        <v>42</v>
      </c>
      <c r="U14865" s="2">
        <v>2.129</v>
      </c>
      <c r="V14865" s="2">
        <v>1.647</v>
      </c>
      <c r="W14865" s="2">
        <v>1.0999999999999999E-2</v>
      </c>
      <c r="X14865" s="2">
        <v>82.9</v>
      </c>
      <c r="Y14865" s="2">
        <v>7.6</v>
      </c>
      <c r="Z14865" s="2">
        <v>16.7</v>
      </c>
      <c r="AA14865" s="5"/>
      <c r="AB14865" s="5" t="s">
        <v>43</v>
      </c>
      <c r="AC14865" s="5" t="s">
        <v>44</v>
      </c>
      <c r="AD14865" s="2"/>
      <c r="AE14865" s="1"/>
    </row>
    <row r="14866" spans="1:31" ht="14.45">
      <c r="A14866" s="11"/>
      <c r="B14866" s="20"/>
      <c r="C14866" s="2" t="s">
        <v>45550</v>
      </c>
      <c r="D14866" s="14" t="s">
        <v>45551</v>
      </c>
      <c r="E14866" s="2" t="s">
        <v>45552</v>
      </c>
      <c r="F14866" s="2" t="s">
        <v>7514</v>
      </c>
      <c r="G14866" s="8">
        <v>251</v>
      </c>
      <c r="H14866" s="5">
        <v>6</v>
      </c>
      <c r="I14866" s="5" t="s">
        <v>1518</v>
      </c>
      <c r="J14866" s="5" t="s">
        <v>36264</v>
      </c>
      <c r="K14866" s="2" t="s">
        <v>36265</v>
      </c>
      <c r="L14866" s="5" t="s">
        <v>36264</v>
      </c>
      <c r="M14866" s="2" t="s">
        <v>36265</v>
      </c>
      <c r="N14866" s="5" t="s">
        <v>36266</v>
      </c>
      <c r="O14866" s="5" t="s">
        <v>38</v>
      </c>
      <c r="P14866" s="5" t="s">
        <v>39</v>
      </c>
      <c r="Q14866" s="5" t="s">
        <v>40</v>
      </c>
      <c r="R14866" s="5" t="s">
        <v>1522</v>
      </c>
      <c r="S14866" s="5" t="s">
        <v>1523</v>
      </c>
      <c r="T14866" s="5" t="s">
        <v>42</v>
      </c>
      <c r="U14866" s="2">
        <v>2.1909999999999998</v>
      </c>
      <c r="V14866" s="2">
        <v>1.7090000000000001</v>
      </c>
      <c r="W14866" s="2">
        <v>1.0999999999999999E-2</v>
      </c>
      <c r="X14866" s="2">
        <v>82.9</v>
      </c>
      <c r="Y14866" s="2">
        <v>7.6</v>
      </c>
      <c r="Z14866" s="2">
        <v>16.7</v>
      </c>
      <c r="AA14866" s="5"/>
      <c r="AB14866" s="5" t="s">
        <v>43</v>
      </c>
      <c r="AC14866" s="5" t="s">
        <v>44</v>
      </c>
      <c r="AD14866" s="2"/>
      <c r="AE14866" s="1"/>
    </row>
    <row r="14867" spans="1:31" ht="14.45">
      <c r="A14867" s="11"/>
      <c r="B14867" s="20"/>
      <c r="C14867" s="2" t="s">
        <v>45553</v>
      </c>
      <c r="D14867" s="14" t="s">
        <v>45554</v>
      </c>
      <c r="E14867" s="2" t="s">
        <v>45555</v>
      </c>
      <c r="F14867" s="2" t="s">
        <v>36273</v>
      </c>
      <c r="G14867" s="8">
        <v>251</v>
      </c>
      <c r="H14867" s="5">
        <v>6</v>
      </c>
      <c r="I14867" s="5" t="s">
        <v>1518</v>
      </c>
      <c r="J14867" s="5" t="s">
        <v>36264</v>
      </c>
      <c r="K14867" s="2" t="s">
        <v>36265</v>
      </c>
      <c r="L14867" s="5" t="s">
        <v>36264</v>
      </c>
      <c r="M14867" s="2" t="s">
        <v>36265</v>
      </c>
      <c r="N14867" s="5" t="s">
        <v>36266</v>
      </c>
      <c r="O14867" s="5" t="s">
        <v>38</v>
      </c>
      <c r="P14867" s="5" t="s">
        <v>39</v>
      </c>
      <c r="Q14867" s="5" t="s">
        <v>40</v>
      </c>
      <c r="R14867" s="5" t="s">
        <v>1522</v>
      </c>
      <c r="S14867" s="5" t="s">
        <v>1523</v>
      </c>
      <c r="T14867" s="5" t="s">
        <v>42</v>
      </c>
      <c r="U14867" s="2">
        <v>2.129</v>
      </c>
      <c r="V14867" s="2">
        <v>1.647</v>
      </c>
      <c r="W14867" s="2">
        <v>1.0999999999999999E-2</v>
      </c>
      <c r="X14867" s="2">
        <v>82.9</v>
      </c>
      <c r="Y14867" s="2">
        <v>7.6</v>
      </c>
      <c r="Z14867" s="2">
        <v>16.7</v>
      </c>
      <c r="AA14867" s="5"/>
      <c r="AB14867" s="5" t="s">
        <v>43</v>
      </c>
      <c r="AC14867" s="5" t="s">
        <v>44</v>
      </c>
      <c r="AD14867" s="2"/>
      <c r="AE14867" s="1"/>
    </row>
    <row r="14868" spans="1:31" ht="14.45">
      <c r="A14868" s="11"/>
      <c r="B14868" s="20"/>
      <c r="C14868" s="2" t="s">
        <v>45556</v>
      </c>
      <c r="D14868" s="14" t="s">
        <v>45557</v>
      </c>
      <c r="E14868" s="2" t="s">
        <v>45558</v>
      </c>
      <c r="F14868" s="2" t="s">
        <v>36277</v>
      </c>
      <c r="G14868" s="8">
        <v>251</v>
      </c>
      <c r="H14868" s="5">
        <v>6</v>
      </c>
      <c r="I14868" s="5" t="s">
        <v>1518</v>
      </c>
      <c r="J14868" s="5" t="s">
        <v>36264</v>
      </c>
      <c r="K14868" s="2" t="s">
        <v>36265</v>
      </c>
      <c r="L14868" s="5" t="s">
        <v>36264</v>
      </c>
      <c r="M14868" s="2" t="s">
        <v>36265</v>
      </c>
      <c r="N14868" s="5" t="s">
        <v>36266</v>
      </c>
      <c r="O14868" s="5" t="s">
        <v>38</v>
      </c>
      <c r="P14868" s="5" t="s">
        <v>39</v>
      </c>
      <c r="Q14868" s="5" t="s">
        <v>40</v>
      </c>
      <c r="R14868" s="5" t="s">
        <v>1522</v>
      </c>
      <c r="S14868" s="5" t="s">
        <v>1523</v>
      </c>
      <c r="T14868" s="5" t="s">
        <v>42</v>
      </c>
      <c r="U14868" s="2">
        <v>2.1909999999999998</v>
      </c>
      <c r="V14868" s="2">
        <v>1.7090000000000001</v>
      </c>
      <c r="W14868" s="2">
        <v>1.0999999999999999E-2</v>
      </c>
      <c r="X14868" s="2">
        <v>82.9</v>
      </c>
      <c r="Y14868" s="2">
        <v>7.6</v>
      </c>
      <c r="Z14868" s="2">
        <v>16.7</v>
      </c>
      <c r="AA14868" s="5"/>
      <c r="AB14868" s="5" t="s">
        <v>43</v>
      </c>
      <c r="AC14868" s="5" t="s">
        <v>44</v>
      </c>
      <c r="AD14868" s="2"/>
      <c r="AE14868" s="1"/>
    </row>
    <row r="14869" spans="1:31" ht="14.45">
      <c r="A14869" s="11"/>
      <c r="B14869" s="20"/>
      <c r="C14869" s="2" t="s">
        <v>45559</v>
      </c>
      <c r="D14869" s="14" t="s">
        <v>45560</v>
      </c>
      <c r="E14869" s="2" t="s">
        <v>45561</v>
      </c>
      <c r="F14869" s="2" t="s">
        <v>36281</v>
      </c>
      <c r="G14869" s="8">
        <v>268</v>
      </c>
      <c r="H14869" s="5">
        <v>6</v>
      </c>
      <c r="I14869" s="5" t="s">
        <v>1518</v>
      </c>
      <c r="J14869" s="5" t="s">
        <v>36264</v>
      </c>
      <c r="K14869" s="2" t="s">
        <v>36265</v>
      </c>
      <c r="L14869" s="5" t="s">
        <v>36264</v>
      </c>
      <c r="M14869" s="2" t="s">
        <v>36265</v>
      </c>
      <c r="N14869" s="5" t="s">
        <v>36266</v>
      </c>
      <c r="O14869" s="5" t="s">
        <v>38</v>
      </c>
      <c r="P14869" s="5" t="s">
        <v>39</v>
      </c>
      <c r="Q14869" s="5" t="s">
        <v>40</v>
      </c>
      <c r="R14869" s="5" t="s">
        <v>1522</v>
      </c>
      <c r="S14869" s="5" t="s">
        <v>1523</v>
      </c>
      <c r="T14869" s="5" t="s">
        <v>42</v>
      </c>
      <c r="U14869" s="2">
        <v>2.129</v>
      </c>
      <c r="V14869" s="2">
        <v>1.647</v>
      </c>
      <c r="W14869" s="2">
        <v>1.0999999999999999E-2</v>
      </c>
      <c r="X14869" s="2">
        <v>82.9</v>
      </c>
      <c r="Y14869" s="2">
        <v>7.6</v>
      </c>
      <c r="Z14869" s="2">
        <v>16.7</v>
      </c>
      <c r="AA14869" s="5"/>
      <c r="AB14869" s="5" t="s">
        <v>43</v>
      </c>
      <c r="AC14869" s="5" t="s">
        <v>44</v>
      </c>
      <c r="AD14869" s="2"/>
      <c r="AE14869" s="1"/>
    </row>
    <row r="14870" spans="1:31" ht="14.45">
      <c r="A14870" s="11"/>
      <c r="B14870" s="20"/>
      <c r="C14870" s="2" t="s">
        <v>45562</v>
      </c>
      <c r="D14870" s="14" t="s">
        <v>45563</v>
      </c>
      <c r="E14870" s="2" t="s">
        <v>45564</v>
      </c>
      <c r="F14870" s="2" t="s">
        <v>36289</v>
      </c>
      <c r="G14870" s="8">
        <v>268</v>
      </c>
      <c r="H14870" s="5">
        <v>6</v>
      </c>
      <c r="I14870" s="5" t="s">
        <v>1518</v>
      </c>
      <c r="J14870" s="5" t="s">
        <v>36264</v>
      </c>
      <c r="K14870" s="2" t="s">
        <v>36265</v>
      </c>
      <c r="L14870" s="5" t="s">
        <v>36264</v>
      </c>
      <c r="M14870" s="2" t="s">
        <v>36265</v>
      </c>
      <c r="N14870" s="5" t="s">
        <v>36266</v>
      </c>
      <c r="O14870" s="5" t="s">
        <v>38</v>
      </c>
      <c r="P14870" s="5" t="s">
        <v>39</v>
      </c>
      <c r="Q14870" s="5" t="s">
        <v>40</v>
      </c>
      <c r="R14870" s="5" t="s">
        <v>1522</v>
      </c>
      <c r="S14870" s="5" t="s">
        <v>1523</v>
      </c>
      <c r="T14870" s="5" t="s">
        <v>42</v>
      </c>
      <c r="U14870" s="2">
        <v>2.129</v>
      </c>
      <c r="V14870" s="2">
        <v>1.647</v>
      </c>
      <c r="W14870" s="2">
        <v>1.0999999999999999E-2</v>
      </c>
      <c r="X14870" s="2">
        <v>82.9</v>
      </c>
      <c r="Y14870" s="2">
        <v>7.6</v>
      </c>
      <c r="Z14870" s="2">
        <v>16.7</v>
      </c>
      <c r="AA14870" s="5"/>
      <c r="AB14870" s="5" t="s">
        <v>43</v>
      </c>
      <c r="AC14870" s="5" t="s">
        <v>44</v>
      </c>
      <c r="AD14870" s="2"/>
      <c r="AE14870" s="1"/>
    </row>
    <row r="14871" spans="1:31" ht="14.45">
      <c r="A14871" s="11"/>
      <c r="B14871" s="20"/>
      <c r="C14871" s="2" t="s">
        <v>45565</v>
      </c>
      <c r="D14871" s="14" t="s">
        <v>45566</v>
      </c>
      <c r="E14871" s="2" t="s">
        <v>45567</v>
      </c>
      <c r="F14871" s="2" t="s">
        <v>36293</v>
      </c>
      <c r="G14871" s="8">
        <v>268</v>
      </c>
      <c r="H14871" s="5">
        <v>6</v>
      </c>
      <c r="I14871" s="5" t="s">
        <v>1518</v>
      </c>
      <c r="J14871" s="5" t="s">
        <v>36264</v>
      </c>
      <c r="K14871" s="2" t="s">
        <v>36265</v>
      </c>
      <c r="L14871" s="5" t="s">
        <v>36264</v>
      </c>
      <c r="M14871" s="2" t="s">
        <v>36265</v>
      </c>
      <c r="N14871" s="5" t="s">
        <v>36266</v>
      </c>
      <c r="O14871" s="5" t="s">
        <v>38</v>
      </c>
      <c r="P14871" s="5" t="s">
        <v>39</v>
      </c>
      <c r="Q14871" s="5" t="s">
        <v>40</v>
      </c>
      <c r="R14871" s="5" t="s">
        <v>1522</v>
      </c>
      <c r="S14871" s="5" t="s">
        <v>1523</v>
      </c>
      <c r="T14871" s="5" t="s">
        <v>42</v>
      </c>
      <c r="U14871" s="2">
        <v>2.1909999999999998</v>
      </c>
      <c r="V14871" s="2">
        <v>1.7090000000000001</v>
      </c>
      <c r="W14871" s="2">
        <v>1.0999999999999999E-2</v>
      </c>
      <c r="X14871" s="2">
        <v>82.9</v>
      </c>
      <c r="Y14871" s="2">
        <v>7.6</v>
      </c>
      <c r="Z14871" s="2">
        <v>16.7</v>
      </c>
      <c r="AA14871" s="5"/>
      <c r="AB14871" s="5" t="s">
        <v>43</v>
      </c>
      <c r="AC14871" s="5" t="s">
        <v>44</v>
      </c>
      <c r="AD14871" s="2"/>
      <c r="AE14871" s="1"/>
    </row>
    <row r="14872" spans="1:31" ht="14.45">
      <c r="A14872" s="11"/>
      <c r="B14872" s="20"/>
      <c r="C14872" s="2" t="s">
        <v>45568</v>
      </c>
      <c r="D14872" s="14" t="s">
        <v>45569</v>
      </c>
      <c r="E14872" s="2" t="s">
        <v>45570</v>
      </c>
      <c r="F14872" s="2" t="s">
        <v>36297</v>
      </c>
      <c r="G14872" s="8">
        <v>251</v>
      </c>
      <c r="H14872" s="5">
        <v>6</v>
      </c>
      <c r="I14872" s="5" t="s">
        <v>1518</v>
      </c>
      <c r="J14872" s="5" t="s">
        <v>36264</v>
      </c>
      <c r="K14872" s="2" t="s">
        <v>36265</v>
      </c>
      <c r="L14872" s="5" t="s">
        <v>36264</v>
      </c>
      <c r="M14872" s="2" t="s">
        <v>36265</v>
      </c>
      <c r="N14872" s="5" t="s">
        <v>36266</v>
      </c>
      <c r="O14872" s="5" t="s">
        <v>38</v>
      </c>
      <c r="P14872" s="5" t="s">
        <v>39</v>
      </c>
      <c r="Q14872" s="5" t="s">
        <v>40</v>
      </c>
      <c r="R14872" s="5" t="s">
        <v>1522</v>
      </c>
      <c r="S14872" s="5" t="s">
        <v>1523</v>
      </c>
      <c r="T14872" s="5" t="s">
        <v>42</v>
      </c>
      <c r="U14872" s="2">
        <v>2.129</v>
      </c>
      <c r="V14872" s="2">
        <v>1.647</v>
      </c>
      <c r="W14872" s="2">
        <v>1.0999999999999999E-2</v>
      </c>
      <c r="X14872" s="2">
        <v>82.9</v>
      </c>
      <c r="Y14872" s="2">
        <v>7.6</v>
      </c>
      <c r="Z14872" s="2">
        <v>16.7</v>
      </c>
      <c r="AA14872" s="5"/>
      <c r="AB14872" s="5" t="s">
        <v>43</v>
      </c>
      <c r="AC14872" s="5" t="s">
        <v>44</v>
      </c>
      <c r="AD14872" s="2"/>
      <c r="AE14872" s="1"/>
    </row>
    <row r="14873" spans="1:31" ht="14.45">
      <c r="A14873" s="11"/>
      <c r="B14873" s="20"/>
      <c r="C14873" s="2" t="s">
        <v>45571</v>
      </c>
      <c r="D14873" s="14" t="s">
        <v>45572</v>
      </c>
      <c r="E14873" s="2" t="s">
        <v>45573</v>
      </c>
      <c r="F14873" s="2" t="s">
        <v>36301</v>
      </c>
      <c r="G14873" s="8">
        <v>251</v>
      </c>
      <c r="H14873" s="5">
        <v>6</v>
      </c>
      <c r="I14873" s="5" t="s">
        <v>1518</v>
      </c>
      <c r="J14873" s="5" t="s">
        <v>36264</v>
      </c>
      <c r="K14873" s="2" t="s">
        <v>36265</v>
      </c>
      <c r="L14873" s="5" t="s">
        <v>36264</v>
      </c>
      <c r="M14873" s="2" t="s">
        <v>36265</v>
      </c>
      <c r="N14873" s="5" t="s">
        <v>36266</v>
      </c>
      <c r="O14873" s="5" t="s">
        <v>38</v>
      </c>
      <c r="P14873" s="5" t="s">
        <v>39</v>
      </c>
      <c r="Q14873" s="5" t="s">
        <v>40</v>
      </c>
      <c r="R14873" s="5" t="s">
        <v>1522</v>
      </c>
      <c r="S14873" s="5" t="s">
        <v>1523</v>
      </c>
      <c r="T14873" s="5" t="s">
        <v>42</v>
      </c>
      <c r="U14873" s="2">
        <v>2.1909999999999998</v>
      </c>
      <c r="V14873" s="2">
        <v>1.7090000000000001</v>
      </c>
      <c r="W14873" s="2">
        <v>1.0999999999999999E-2</v>
      </c>
      <c r="X14873" s="2">
        <v>82.9</v>
      </c>
      <c r="Y14873" s="2">
        <v>7.6</v>
      </c>
      <c r="Z14873" s="2">
        <v>16.7</v>
      </c>
      <c r="AA14873" s="5"/>
      <c r="AB14873" s="5" t="s">
        <v>43</v>
      </c>
      <c r="AC14873" s="5" t="s">
        <v>44</v>
      </c>
      <c r="AD14873" s="2"/>
      <c r="AE14873" s="1"/>
    </row>
    <row r="14874" spans="1:31" ht="14.45">
      <c r="A14874" s="11"/>
      <c r="B14874" s="20"/>
      <c r="C14874" s="2" t="s">
        <v>45574</v>
      </c>
      <c r="D14874" s="14" t="s">
        <v>45575</v>
      </c>
      <c r="E14874" s="2" t="s">
        <v>45576</v>
      </c>
      <c r="F14874" s="2" t="s">
        <v>36305</v>
      </c>
      <c r="G14874" s="8">
        <v>251</v>
      </c>
      <c r="H14874" s="5">
        <v>6</v>
      </c>
      <c r="I14874" s="5" t="s">
        <v>1518</v>
      </c>
      <c r="J14874" s="5" t="s">
        <v>36264</v>
      </c>
      <c r="K14874" s="2" t="s">
        <v>36265</v>
      </c>
      <c r="L14874" s="5" t="s">
        <v>36264</v>
      </c>
      <c r="M14874" s="2" t="s">
        <v>36265</v>
      </c>
      <c r="N14874" s="5" t="s">
        <v>36266</v>
      </c>
      <c r="O14874" s="5" t="s">
        <v>38</v>
      </c>
      <c r="P14874" s="5" t="s">
        <v>39</v>
      </c>
      <c r="Q14874" s="5" t="s">
        <v>40</v>
      </c>
      <c r="R14874" s="5" t="s">
        <v>1522</v>
      </c>
      <c r="S14874" s="5" t="s">
        <v>1523</v>
      </c>
      <c r="T14874" s="5" t="s">
        <v>42</v>
      </c>
      <c r="U14874" s="2">
        <v>2.129</v>
      </c>
      <c r="V14874" s="2">
        <v>1.647</v>
      </c>
      <c r="W14874" s="2">
        <v>1.0999999999999999E-2</v>
      </c>
      <c r="X14874" s="2">
        <v>82.9</v>
      </c>
      <c r="Y14874" s="2">
        <v>7.6</v>
      </c>
      <c r="Z14874" s="2">
        <v>16.7</v>
      </c>
      <c r="AA14874" s="5"/>
      <c r="AB14874" s="5" t="s">
        <v>43</v>
      </c>
      <c r="AC14874" s="5" t="s">
        <v>44</v>
      </c>
      <c r="AD14874" s="2"/>
      <c r="AE14874" s="1"/>
    </row>
    <row r="14875" spans="1:31" ht="14.45">
      <c r="A14875" s="11"/>
      <c r="B14875" s="20"/>
      <c r="C14875" s="2" t="s">
        <v>45577</v>
      </c>
      <c r="D14875" s="14" t="s">
        <v>45578</v>
      </c>
      <c r="E14875" s="2" t="s">
        <v>45579</v>
      </c>
      <c r="F14875" s="2" t="s">
        <v>36309</v>
      </c>
      <c r="G14875" s="8">
        <v>251</v>
      </c>
      <c r="H14875" s="5">
        <v>6</v>
      </c>
      <c r="I14875" s="5" t="s">
        <v>1518</v>
      </c>
      <c r="J14875" s="5" t="s">
        <v>36264</v>
      </c>
      <c r="K14875" s="2" t="s">
        <v>36265</v>
      </c>
      <c r="L14875" s="5" t="s">
        <v>36264</v>
      </c>
      <c r="M14875" s="2" t="s">
        <v>36265</v>
      </c>
      <c r="N14875" s="5" t="s">
        <v>36266</v>
      </c>
      <c r="O14875" s="5" t="s">
        <v>38</v>
      </c>
      <c r="P14875" s="5" t="s">
        <v>39</v>
      </c>
      <c r="Q14875" s="5" t="s">
        <v>40</v>
      </c>
      <c r="R14875" s="5" t="s">
        <v>1522</v>
      </c>
      <c r="S14875" s="5" t="s">
        <v>1523</v>
      </c>
      <c r="T14875" s="5" t="s">
        <v>42</v>
      </c>
      <c r="U14875" s="2">
        <v>2.1909999999999998</v>
      </c>
      <c r="V14875" s="2">
        <v>1.7090000000000001</v>
      </c>
      <c r="W14875" s="2">
        <v>1.0999999999999999E-2</v>
      </c>
      <c r="X14875" s="2">
        <v>82.9</v>
      </c>
      <c r="Y14875" s="2">
        <v>7.6</v>
      </c>
      <c r="Z14875" s="2">
        <v>16.7</v>
      </c>
      <c r="AA14875" s="5"/>
      <c r="AB14875" s="5" t="s">
        <v>43</v>
      </c>
      <c r="AC14875" s="5" t="s">
        <v>44</v>
      </c>
      <c r="AD14875" s="2"/>
      <c r="AE14875" s="1"/>
    </row>
    <row r="14876" spans="1:31" ht="14.45">
      <c r="A14876" s="11"/>
      <c r="B14876" s="20"/>
      <c r="C14876" s="2" t="s">
        <v>45580</v>
      </c>
      <c r="D14876" s="14" t="s">
        <v>45581</v>
      </c>
      <c r="E14876" s="2" t="s">
        <v>45582</v>
      </c>
      <c r="F14876" s="2" t="s">
        <v>36313</v>
      </c>
      <c r="G14876" s="8">
        <v>268</v>
      </c>
      <c r="H14876" s="5">
        <v>6</v>
      </c>
      <c r="I14876" s="5" t="s">
        <v>1518</v>
      </c>
      <c r="J14876" s="5" t="s">
        <v>36264</v>
      </c>
      <c r="K14876" s="2" t="s">
        <v>36265</v>
      </c>
      <c r="L14876" s="5" t="s">
        <v>36264</v>
      </c>
      <c r="M14876" s="2" t="s">
        <v>36265</v>
      </c>
      <c r="N14876" s="5" t="s">
        <v>36266</v>
      </c>
      <c r="O14876" s="5" t="s">
        <v>38</v>
      </c>
      <c r="P14876" s="5" t="s">
        <v>39</v>
      </c>
      <c r="Q14876" s="5" t="s">
        <v>40</v>
      </c>
      <c r="R14876" s="5" t="s">
        <v>1522</v>
      </c>
      <c r="S14876" s="5" t="s">
        <v>1523</v>
      </c>
      <c r="T14876" s="5" t="s">
        <v>42</v>
      </c>
      <c r="U14876" s="2">
        <v>2.129</v>
      </c>
      <c r="V14876" s="2">
        <v>1.647</v>
      </c>
      <c r="W14876" s="2">
        <v>1.0999999999999999E-2</v>
      </c>
      <c r="X14876" s="2">
        <v>82.9</v>
      </c>
      <c r="Y14876" s="2">
        <v>7.6</v>
      </c>
      <c r="Z14876" s="2">
        <v>16.7</v>
      </c>
      <c r="AA14876" s="5"/>
      <c r="AB14876" s="5" t="s">
        <v>43</v>
      </c>
      <c r="AC14876" s="5" t="s">
        <v>44</v>
      </c>
      <c r="AD14876" s="2"/>
      <c r="AE14876" s="1"/>
    </row>
    <row r="14877" spans="1:31" ht="14.45">
      <c r="A14877" s="11"/>
      <c r="B14877" s="20"/>
      <c r="C14877" s="2" t="s">
        <v>45583</v>
      </c>
      <c r="D14877" s="14" t="s">
        <v>45584</v>
      </c>
      <c r="E14877" s="2" t="s">
        <v>45585</v>
      </c>
      <c r="F14877" s="2" t="s">
        <v>36329</v>
      </c>
      <c r="G14877" s="8">
        <v>268</v>
      </c>
      <c r="H14877" s="5">
        <v>6</v>
      </c>
      <c r="I14877" s="5" t="s">
        <v>1518</v>
      </c>
      <c r="J14877" s="5" t="s">
        <v>36264</v>
      </c>
      <c r="K14877" s="2" t="s">
        <v>36265</v>
      </c>
      <c r="L14877" s="5" t="s">
        <v>36264</v>
      </c>
      <c r="M14877" s="2" t="s">
        <v>36265</v>
      </c>
      <c r="N14877" s="5" t="s">
        <v>36266</v>
      </c>
      <c r="O14877" s="5" t="s">
        <v>38</v>
      </c>
      <c r="P14877" s="5" t="s">
        <v>39</v>
      </c>
      <c r="Q14877" s="5" t="s">
        <v>40</v>
      </c>
      <c r="R14877" s="5" t="s">
        <v>1522</v>
      </c>
      <c r="S14877" s="5" t="s">
        <v>1523</v>
      </c>
      <c r="T14877" s="5" t="s">
        <v>42</v>
      </c>
      <c r="U14877" s="2">
        <v>2.129</v>
      </c>
      <c r="V14877" s="2">
        <v>1.647</v>
      </c>
      <c r="W14877" s="2">
        <v>1.0999999999999999E-2</v>
      </c>
      <c r="X14877" s="2">
        <v>82.9</v>
      </c>
      <c r="Y14877" s="2">
        <v>7.6</v>
      </c>
      <c r="Z14877" s="2">
        <v>16.7</v>
      </c>
      <c r="AA14877" s="5"/>
      <c r="AB14877" s="5" t="s">
        <v>43</v>
      </c>
      <c r="AC14877" s="5" t="s">
        <v>44</v>
      </c>
      <c r="AD14877" s="2"/>
      <c r="AE14877" s="1"/>
    </row>
    <row r="14878" spans="1:31" ht="14.45">
      <c r="A14878" s="11"/>
      <c r="B14878" s="20"/>
      <c r="C14878" s="2" t="s">
        <v>45586</v>
      </c>
      <c r="D14878" s="14" t="s">
        <v>45587</v>
      </c>
      <c r="E14878" s="2" t="s">
        <v>45588</v>
      </c>
      <c r="F14878" s="2" t="s">
        <v>36333</v>
      </c>
      <c r="G14878" s="8">
        <v>268</v>
      </c>
      <c r="H14878" s="5">
        <v>6</v>
      </c>
      <c r="I14878" s="5" t="s">
        <v>1518</v>
      </c>
      <c r="J14878" s="5" t="s">
        <v>36264</v>
      </c>
      <c r="K14878" s="2" t="s">
        <v>36265</v>
      </c>
      <c r="L14878" s="5" t="s">
        <v>36264</v>
      </c>
      <c r="M14878" s="2" t="s">
        <v>36265</v>
      </c>
      <c r="N14878" s="5" t="s">
        <v>36266</v>
      </c>
      <c r="O14878" s="5" t="s">
        <v>38</v>
      </c>
      <c r="P14878" s="5" t="s">
        <v>39</v>
      </c>
      <c r="Q14878" s="5" t="s">
        <v>40</v>
      </c>
      <c r="R14878" s="5" t="s">
        <v>1522</v>
      </c>
      <c r="S14878" s="5" t="s">
        <v>1523</v>
      </c>
      <c r="T14878" s="5" t="s">
        <v>42</v>
      </c>
      <c r="U14878" s="2">
        <v>2.1909999999999998</v>
      </c>
      <c r="V14878" s="2">
        <v>1.7090000000000001</v>
      </c>
      <c r="W14878" s="2">
        <v>1.0999999999999999E-2</v>
      </c>
      <c r="X14878" s="2">
        <v>82.9</v>
      </c>
      <c r="Y14878" s="2">
        <v>7.6</v>
      </c>
      <c r="Z14878" s="2">
        <v>16.7</v>
      </c>
      <c r="AA14878" s="5"/>
      <c r="AB14878" s="5" t="s">
        <v>43</v>
      </c>
      <c r="AC14878" s="5" t="s">
        <v>44</v>
      </c>
      <c r="AD14878" s="2"/>
      <c r="AE14878" s="1"/>
    </row>
    <row r="14879" spans="1:31" ht="14.45">
      <c r="A14879" s="11"/>
      <c r="B14879" s="20"/>
      <c r="C14879" s="2" t="s">
        <v>45589</v>
      </c>
      <c r="D14879" s="14" t="s">
        <v>45590</v>
      </c>
      <c r="E14879" s="2" t="s">
        <v>45591</v>
      </c>
      <c r="F14879" s="2" t="s">
        <v>36341</v>
      </c>
      <c r="G14879" s="8">
        <v>268</v>
      </c>
      <c r="H14879" s="5">
        <v>6</v>
      </c>
      <c r="I14879" s="5" t="s">
        <v>1518</v>
      </c>
      <c r="J14879" s="5" t="s">
        <v>36264</v>
      </c>
      <c r="K14879" s="2" t="s">
        <v>36265</v>
      </c>
      <c r="L14879" s="5" t="s">
        <v>36264</v>
      </c>
      <c r="M14879" s="2" t="s">
        <v>36265</v>
      </c>
      <c r="N14879" s="5" t="s">
        <v>36266</v>
      </c>
      <c r="O14879" s="5" t="s">
        <v>38</v>
      </c>
      <c r="P14879" s="5" t="s">
        <v>39</v>
      </c>
      <c r="Q14879" s="5" t="s">
        <v>40</v>
      </c>
      <c r="R14879" s="5" t="s">
        <v>1522</v>
      </c>
      <c r="S14879" s="5" t="s">
        <v>1523</v>
      </c>
      <c r="T14879" s="5" t="s">
        <v>42</v>
      </c>
      <c r="U14879" s="2">
        <v>2.1909999999999998</v>
      </c>
      <c r="V14879" s="2">
        <v>1.7090000000000001</v>
      </c>
      <c r="W14879" s="2">
        <v>1.0999999999999999E-2</v>
      </c>
      <c r="X14879" s="2">
        <v>82.9</v>
      </c>
      <c r="Y14879" s="2">
        <v>7.6</v>
      </c>
      <c r="Z14879" s="2">
        <v>16.7</v>
      </c>
      <c r="AA14879" s="5"/>
      <c r="AB14879" s="5" t="s">
        <v>43</v>
      </c>
      <c r="AC14879" s="5" t="s">
        <v>44</v>
      </c>
      <c r="AD14879" s="2"/>
      <c r="AE14879" s="1"/>
    </row>
    <row r="14880" spans="1:31" ht="14.45">
      <c r="A14880" s="11"/>
      <c r="B14880" s="20"/>
      <c r="C14880" s="2" t="s">
        <v>45592</v>
      </c>
      <c r="D14880" s="14" t="s">
        <v>45593</v>
      </c>
      <c r="E14880" s="2" t="s">
        <v>45594</v>
      </c>
      <c r="F14880" s="2" t="s">
        <v>36349</v>
      </c>
      <c r="G14880" s="8">
        <v>268</v>
      </c>
      <c r="H14880" s="5">
        <v>6</v>
      </c>
      <c r="I14880" s="5" t="s">
        <v>1518</v>
      </c>
      <c r="J14880" s="5" t="s">
        <v>36264</v>
      </c>
      <c r="K14880" s="2" t="s">
        <v>36265</v>
      </c>
      <c r="L14880" s="5" t="s">
        <v>36264</v>
      </c>
      <c r="M14880" s="2" t="s">
        <v>36265</v>
      </c>
      <c r="N14880" s="5" t="s">
        <v>36266</v>
      </c>
      <c r="O14880" s="5" t="s">
        <v>38</v>
      </c>
      <c r="P14880" s="5" t="s">
        <v>39</v>
      </c>
      <c r="Q14880" s="5" t="s">
        <v>40</v>
      </c>
      <c r="R14880" s="5" t="s">
        <v>1522</v>
      </c>
      <c r="S14880" s="5" t="s">
        <v>1523</v>
      </c>
      <c r="T14880" s="5" t="s">
        <v>42</v>
      </c>
      <c r="U14880" s="2">
        <v>2.1909999999999998</v>
      </c>
      <c r="V14880" s="2">
        <v>1.7090000000000001</v>
      </c>
      <c r="W14880" s="2">
        <v>1.0999999999999999E-2</v>
      </c>
      <c r="X14880" s="2">
        <v>82.9</v>
      </c>
      <c r="Y14880" s="2">
        <v>7.6</v>
      </c>
      <c r="Z14880" s="2">
        <v>16.7</v>
      </c>
      <c r="AA14880" s="5"/>
      <c r="AB14880" s="5" t="s">
        <v>43</v>
      </c>
      <c r="AC14880" s="5" t="s">
        <v>44</v>
      </c>
      <c r="AD14880" s="2"/>
      <c r="AE14880" s="1"/>
    </row>
    <row r="14881" spans="1:31" ht="14.45">
      <c r="A14881" s="11"/>
      <c r="B14881" s="20"/>
      <c r="C14881" s="2" t="s">
        <v>45595</v>
      </c>
      <c r="D14881" s="14" t="s">
        <v>45596</v>
      </c>
      <c r="E14881" s="2" t="s">
        <v>45597</v>
      </c>
      <c r="F14881" s="2" t="s">
        <v>45598</v>
      </c>
      <c r="G14881" s="8">
        <v>268</v>
      </c>
      <c r="H14881" s="5">
        <v>6</v>
      </c>
      <c r="I14881" s="5" t="s">
        <v>1518</v>
      </c>
      <c r="J14881" s="5" t="s">
        <v>36264</v>
      </c>
      <c r="K14881" s="2" t="s">
        <v>36265</v>
      </c>
      <c r="L14881" s="5" t="s">
        <v>36264</v>
      </c>
      <c r="M14881" s="2" t="s">
        <v>36265</v>
      </c>
      <c r="N14881" s="5" t="s">
        <v>36266</v>
      </c>
      <c r="O14881" s="5" t="s">
        <v>38</v>
      </c>
      <c r="P14881" s="5" t="s">
        <v>39</v>
      </c>
      <c r="Q14881" s="5" t="s">
        <v>40</v>
      </c>
      <c r="R14881" s="5" t="s">
        <v>1522</v>
      </c>
      <c r="S14881" s="5" t="s">
        <v>1523</v>
      </c>
      <c r="T14881" s="5" t="s">
        <v>42</v>
      </c>
      <c r="U14881" s="2">
        <v>2.129</v>
      </c>
      <c r="V14881" s="2">
        <v>1.647</v>
      </c>
      <c r="W14881" s="2">
        <v>1.0999999999999999E-2</v>
      </c>
      <c r="X14881" s="2">
        <v>82.9</v>
      </c>
      <c r="Y14881" s="2">
        <v>7.6</v>
      </c>
      <c r="Z14881" s="2">
        <v>16.7</v>
      </c>
      <c r="AA14881" s="5"/>
      <c r="AB14881" s="5" t="s">
        <v>43</v>
      </c>
      <c r="AC14881" s="5" t="s">
        <v>44</v>
      </c>
      <c r="AD14881" s="2"/>
      <c r="AE14881" s="1"/>
    </row>
    <row r="14882" spans="1:31" ht="14.45">
      <c r="A14882" s="11"/>
      <c r="B14882" s="20"/>
      <c r="C14882" s="2" t="s">
        <v>45599</v>
      </c>
      <c r="D14882" s="14" t="s">
        <v>45600</v>
      </c>
      <c r="E14882" s="2" t="s">
        <v>45601</v>
      </c>
      <c r="F14882" s="2" t="s">
        <v>36373</v>
      </c>
      <c r="G14882" s="8">
        <v>268</v>
      </c>
      <c r="H14882" s="5">
        <v>6</v>
      </c>
      <c r="I14882" s="5" t="s">
        <v>1518</v>
      </c>
      <c r="J14882" s="5" t="s">
        <v>36264</v>
      </c>
      <c r="K14882" s="2" t="s">
        <v>36265</v>
      </c>
      <c r="L14882" s="5" t="s">
        <v>36264</v>
      </c>
      <c r="M14882" s="2" t="s">
        <v>36265</v>
      </c>
      <c r="N14882" s="5" t="s">
        <v>36266</v>
      </c>
      <c r="O14882" s="5" t="s">
        <v>38</v>
      </c>
      <c r="P14882" s="5" t="s">
        <v>39</v>
      </c>
      <c r="Q14882" s="5" t="s">
        <v>40</v>
      </c>
      <c r="R14882" s="5" t="s">
        <v>1522</v>
      </c>
      <c r="S14882" s="5" t="s">
        <v>1523</v>
      </c>
      <c r="T14882" s="5" t="s">
        <v>42</v>
      </c>
      <c r="U14882" s="2">
        <v>2.1909999999999998</v>
      </c>
      <c r="V14882" s="2">
        <v>1.7090000000000001</v>
      </c>
      <c r="W14882" s="2">
        <v>1.0999999999999999E-2</v>
      </c>
      <c r="X14882" s="2">
        <v>82.9</v>
      </c>
      <c r="Y14882" s="2">
        <v>7.6</v>
      </c>
      <c r="Z14882" s="2">
        <v>16.7</v>
      </c>
      <c r="AA14882" s="5"/>
      <c r="AB14882" s="5" t="s">
        <v>43</v>
      </c>
      <c r="AC14882" s="5" t="s">
        <v>44</v>
      </c>
      <c r="AD14882" s="2"/>
      <c r="AE14882" s="1"/>
    </row>
    <row r="14883" spans="1:31" ht="14.45">
      <c r="A14883" s="11"/>
      <c r="B14883" s="20"/>
      <c r="C14883" s="2" t="s">
        <v>45602</v>
      </c>
      <c r="D14883" s="14" t="s">
        <v>45603</v>
      </c>
      <c r="E14883" s="2" t="s">
        <v>45604</v>
      </c>
      <c r="F14883" s="2" t="s">
        <v>36381</v>
      </c>
      <c r="G14883" s="8">
        <v>268</v>
      </c>
      <c r="H14883" s="5">
        <v>6</v>
      </c>
      <c r="I14883" s="5" t="s">
        <v>1518</v>
      </c>
      <c r="J14883" s="5" t="s">
        <v>36264</v>
      </c>
      <c r="K14883" s="2" t="s">
        <v>36265</v>
      </c>
      <c r="L14883" s="5" t="s">
        <v>36264</v>
      </c>
      <c r="M14883" s="2" t="s">
        <v>36265</v>
      </c>
      <c r="N14883" s="5" t="s">
        <v>36266</v>
      </c>
      <c r="O14883" s="5" t="s">
        <v>38</v>
      </c>
      <c r="P14883" s="5" t="s">
        <v>39</v>
      </c>
      <c r="Q14883" s="5" t="s">
        <v>40</v>
      </c>
      <c r="R14883" s="5" t="s">
        <v>1522</v>
      </c>
      <c r="S14883" s="5" t="s">
        <v>1523</v>
      </c>
      <c r="T14883" s="5" t="s">
        <v>42</v>
      </c>
      <c r="U14883" s="2">
        <v>2.1909999999999998</v>
      </c>
      <c r="V14883" s="2">
        <v>1.7090000000000001</v>
      </c>
      <c r="W14883" s="2">
        <v>1.0999999999999999E-2</v>
      </c>
      <c r="X14883" s="2">
        <v>82.9</v>
      </c>
      <c r="Y14883" s="2">
        <v>7.6</v>
      </c>
      <c r="Z14883" s="2">
        <v>16.7</v>
      </c>
      <c r="AA14883" s="5"/>
      <c r="AB14883" s="5" t="s">
        <v>43</v>
      </c>
      <c r="AC14883" s="5" t="s">
        <v>44</v>
      </c>
      <c r="AD14883" s="2"/>
      <c r="AE14883" s="1"/>
    </row>
    <row r="14884" spans="1:31" ht="14.45">
      <c r="A14884" s="11"/>
      <c r="B14884" s="20"/>
      <c r="C14884" s="2" t="s">
        <v>45605</v>
      </c>
      <c r="D14884" s="14" t="s">
        <v>45606</v>
      </c>
      <c r="E14884" s="2" t="s">
        <v>45607</v>
      </c>
      <c r="F14884" s="2" t="s">
        <v>36385</v>
      </c>
      <c r="G14884" s="8">
        <v>268</v>
      </c>
      <c r="H14884" s="5">
        <v>6</v>
      </c>
      <c r="I14884" s="5" t="s">
        <v>1518</v>
      </c>
      <c r="J14884" s="5" t="s">
        <v>36264</v>
      </c>
      <c r="K14884" s="2" t="s">
        <v>36265</v>
      </c>
      <c r="L14884" s="5" t="s">
        <v>36264</v>
      </c>
      <c r="M14884" s="2" t="s">
        <v>36265</v>
      </c>
      <c r="N14884" s="5" t="s">
        <v>36266</v>
      </c>
      <c r="O14884" s="5" t="s">
        <v>38</v>
      </c>
      <c r="P14884" s="5" t="s">
        <v>39</v>
      </c>
      <c r="Q14884" s="5" t="s">
        <v>40</v>
      </c>
      <c r="R14884" s="5" t="s">
        <v>1522</v>
      </c>
      <c r="S14884" s="5" t="s">
        <v>1523</v>
      </c>
      <c r="T14884" s="5" t="s">
        <v>42</v>
      </c>
      <c r="U14884" s="2">
        <v>2.129</v>
      </c>
      <c r="V14884" s="2">
        <v>1.647</v>
      </c>
      <c r="W14884" s="2">
        <v>1.0999999999999999E-2</v>
      </c>
      <c r="X14884" s="2">
        <v>82.9</v>
      </c>
      <c r="Y14884" s="2">
        <v>7.6</v>
      </c>
      <c r="Z14884" s="2">
        <v>16.7</v>
      </c>
      <c r="AA14884" s="5"/>
      <c r="AB14884" s="5" t="s">
        <v>43</v>
      </c>
      <c r="AC14884" s="5" t="s">
        <v>44</v>
      </c>
      <c r="AD14884" s="2"/>
      <c r="AE14884" s="1"/>
    </row>
    <row r="14885" spans="1:31" ht="14.45">
      <c r="A14885" s="11"/>
      <c r="B14885" s="20"/>
      <c r="C14885" s="2" t="s">
        <v>45608</v>
      </c>
      <c r="D14885" s="14" t="s">
        <v>45609</v>
      </c>
      <c r="E14885" s="2" t="s">
        <v>45610</v>
      </c>
      <c r="F14885" s="2" t="s">
        <v>7204</v>
      </c>
      <c r="G14885" s="8">
        <v>264</v>
      </c>
      <c r="H14885" s="5">
        <v>6</v>
      </c>
      <c r="I14885" s="5" t="s">
        <v>1518</v>
      </c>
      <c r="J14885" s="5" t="s">
        <v>36264</v>
      </c>
      <c r="K14885" s="2" t="s">
        <v>36265</v>
      </c>
      <c r="L14885" s="5" t="s">
        <v>36264</v>
      </c>
      <c r="M14885" s="2" t="s">
        <v>36265</v>
      </c>
      <c r="N14885" s="5" t="s">
        <v>36266</v>
      </c>
      <c r="O14885" s="5" t="s">
        <v>38</v>
      </c>
      <c r="P14885" s="5" t="s">
        <v>39</v>
      </c>
      <c r="Q14885" s="5" t="s">
        <v>40</v>
      </c>
      <c r="R14885" s="5" t="s">
        <v>1522</v>
      </c>
      <c r="S14885" s="5" t="s">
        <v>1523</v>
      </c>
      <c r="T14885" s="5" t="s">
        <v>42</v>
      </c>
      <c r="U14885" s="2">
        <v>2.3719999999999999</v>
      </c>
      <c r="V14885" s="2">
        <v>1.802</v>
      </c>
      <c r="W14885" s="2">
        <v>1.4999999999999999E-2</v>
      </c>
      <c r="X14885" s="2">
        <v>118.9</v>
      </c>
      <c r="Y14885" s="2">
        <v>7.6</v>
      </c>
      <c r="Z14885" s="2">
        <v>16.7</v>
      </c>
      <c r="AA14885" s="5"/>
      <c r="AB14885" s="5" t="s">
        <v>43</v>
      </c>
      <c r="AC14885" s="5" t="s">
        <v>44</v>
      </c>
      <c r="AD14885" s="2"/>
      <c r="AE14885" s="1"/>
    </row>
    <row r="14886" spans="1:31" ht="14.45">
      <c r="A14886" s="11"/>
      <c r="B14886" s="20"/>
      <c r="C14886" s="2" t="s">
        <v>45611</v>
      </c>
      <c r="D14886" s="14" t="s">
        <v>45612</v>
      </c>
      <c r="E14886" s="2" t="s">
        <v>45613</v>
      </c>
      <c r="F14886" s="2" t="s">
        <v>7514</v>
      </c>
      <c r="G14886" s="8">
        <v>264</v>
      </c>
      <c r="H14886" s="5">
        <v>6</v>
      </c>
      <c r="I14886" s="5" t="s">
        <v>1518</v>
      </c>
      <c r="J14886" s="5" t="s">
        <v>36264</v>
      </c>
      <c r="K14886" s="2" t="s">
        <v>36265</v>
      </c>
      <c r="L14886" s="5" t="s">
        <v>36264</v>
      </c>
      <c r="M14886" s="2" t="s">
        <v>36265</v>
      </c>
      <c r="N14886" s="5" t="s">
        <v>36266</v>
      </c>
      <c r="O14886" s="5" t="s">
        <v>38</v>
      </c>
      <c r="P14886" s="5" t="s">
        <v>39</v>
      </c>
      <c r="Q14886" s="5" t="s">
        <v>40</v>
      </c>
      <c r="R14886" s="5" t="s">
        <v>1522</v>
      </c>
      <c r="S14886" s="5" t="s">
        <v>1523</v>
      </c>
      <c r="T14886" s="5" t="s">
        <v>42</v>
      </c>
      <c r="U14886" s="2">
        <v>2.4449999999999998</v>
      </c>
      <c r="V14886" s="2">
        <v>1.875</v>
      </c>
      <c r="W14886" s="2">
        <v>1.4999999999999999E-2</v>
      </c>
      <c r="X14886" s="2">
        <v>118.9</v>
      </c>
      <c r="Y14886" s="2">
        <v>7.6</v>
      </c>
      <c r="Z14886" s="2">
        <v>16.7</v>
      </c>
      <c r="AA14886" s="5"/>
      <c r="AB14886" s="5" t="s">
        <v>43</v>
      </c>
      <c r="AC14886" s="5" t="s">
        <v>44</v>
      </c>
      <c r="AD14886" s="2"/>
      <c r="AE14886" s="1"/>
    </row>
    <row r="14887" spans="1:31" ht="14.45">
      <c r="A14887" s="11"/>
      <c r="B14887" s="20"/>
      <c r="C14887" s="2" t="s">
        <v>45614</v>
      </c>
      <c r="D14887" s="14" t="s">
        <v>45615</v>
      </c>
      <c r="E14887" s="2" t="s">
        <v>45616</v>
      </c>
      <c r="F14887" s="2" t="s">
        <v>36273</v>
      </c>
      <c r="G14887" s="8">
        <v>264</v>
      </c>
      <c r="H14887" s="5">
        <v>6</v>
      </c>
      <c r="I14887" s="5" t="s">
        <v>1518</v>
      </c>
      <c r="J14887" s="5" t="s">
        <v>36264</v>
      </c>
      <c r="K14887" s="2" t="s">
        <v>36265</v>
      </c>
      <c r="L14887" s="5" t="s">
        <v>36264</v>
      </c>
      <c r="M14887" s="2" t="s">
        <v>36265</v>
      </c>
      <c r="N14887" s="5" t="s">
        <v>36266</v>
      </c>
      <c r="O14887" s="5" t="s">
        <v>38</v>
      </c>
      <c r="P14887" s="5" t="s">
        <v>39</v>
      </c>
      <c r="Q14887" s="5" t="s">
        <v>40</v>
      </c>
      <c r="R14887" s="5" t="s">
        <v>1522</v>
      </c>
      <c r="S14887" s="5" t="s">
        <v>1523</v>
      </c>
      <c r="T14887" s="5" t="s">
        <v>42</v>
      </c>
      <c r="U14887" s="2">
        <v>2.3719999999999999</v>
      </c>
      <c r="V14887" s="2">
        <v>1.802</v>
      </c>
      <c r="W14887" s="2">
        <v>1.4999999999999999E-2</v>
      </c>
      <c r="X14887" s="2">
        <v>118.9</v>
      </c>
      <c r="Y14887" s="2">
        <v>7.6</v>
      </c>
      <c r="Z14887" s="2">
        <v>16.7</v>
      </c>
      <c r="AA14887" s="5"/>
      <c r="AB14887" s="5" t="s">
        <v>43</v>
      </c>
      <c r="AC14887" s="5" t="s">
        <v>44</v>
      </c>
      <c r="AD14887" s="2"/>
      <c r="AE14887" s="1"/>
    </row>
    <row r="14888" spans="1:31" ht="14.45">
      <c r="A14888" s="11"/>
      <c r="B14888" s="20"/>
      <c r="C14888" s="2" t="s">
        <v>45617</v>
      </c>
      <c r="D14888" s="14" t="s">
        <v>45618</v>
      </c>
      <c r="E14888" s="2" t="s">
        <v>45619</v>
      </c>
      <c r="F14888" s="2" t="s">
        <v>36277</v>
      </c>
      <c r="G14888" s="8">
        <v>264</v>
      </c>
      <c r="H14888" s="5">
        <v>6</v>
      </c>
      <c r="I14888" s="5" t="s">
        <v>1518</v>
      </c>
      <c r="J14888" s="5" t="s">
        <v>36264</v>
      </c>
      <c r="K14888" s="2" t="s">
        <v>36265</v>
      </c>
      <c r="L14888" s="5" t="s">
        <v>36264</v>
      </c>
      <c r="M14888" s="2" t="s">
        <v>36265</v>
      </c>
      <c r="N14888" s="5" t="s">
        <v>36266</v>
      </c>
      <c r="O14888" s="5" t="s">
        <v>38</v>
      </c>
      <c r="P14888" s="5" t="s">
        <v>39</v>
      </c>
      <c r="Q14888" s="5" t="s">
        <v>40</v>
      </c>
      <c r="R14888" s="5" t="s">
        <v>1522</v>
      </c>
      <c r="S14888" s="5" t="s">
        <v>1523</v>
      </c>
      <c r="T14888" s="5" t="s">
        <v>42</v>
      </c>
      <c r="U14888" s="2">
        <v>2.4449999999999998</v>
      </c>
      <c r="V14888" s="2">
        <v>1.875</v>
      </c>
      <c r="W14888" s="2">
        <v>1.4999999999999999E-2</v>
      </c>
      <c r="X14888" s="2">
        <v>118.9</v>
      </c>
      <c r="Y14888" s="2">
        <v>7.6</v>
      </c>
      <c r="Z14888" s="2">
        <v>16.7</v>
      </c>
      <c r="AA14888" s="5"/>
      <c r="AB14888" s="5" t="s">
        <v>43</v>
      </c>
      <c r="AC14888" s="5" t="s">
        <v>44</v>
      </c>
      <c r="AD14888" s="2"/>
      <c r="AE14888" s="1"/>
    </row>
    <row r="14889" spans="1:31" ht="14.45">
      <c r="A14889" s="11"/>
      <c r="B14889" s="20"/>
      <c r="C14889" s="2" t="s">
        <v>45620</v>
      </c>
      <c r="D14889" s="14" t="s">
        <v>45621</v>
      </c>
      <c r="E14889" s="2" t="s">
        <v>45622</v>
      </c>
      <c r="F14889" s="2" t="s">
        <v>36281</v>
      </c>
      <c r="G14889" s="8">
        <v>284</v>
      </c>
      <c r="H14889" s="5">
        <v>6</v>
      </c>
      <c r="I14889" s="5" t="s">
        <v>1518</v>
      </c>
      <c r="J14889" s="5" t="s">
        <v>36264</v>
      </c>
      <c r="K14889" s="2" t="s">
        <v>36265</v>
      </c>
      <c r="L14889" s="5" t="s">
        <v>36264</v>
      </c>
      <c r="M14889" s="2" t="s">
        <v>36265</v>
      </c>
      <c r="N14889" s="5" t="s">
        <v>36266</v>
      </c>
      <c r="O14889" s="5" t="s">
        <v>38</v>
      </c>
      <c r="P14889" s="5" t="s">
        <v>39</v>
      </c>
      <c r="Q14889" s="5" t="s">
        <v>40</v>
      </c>
      <c r="R14889" s="5" t="s">
        <v>1522</v>
      </c>
      <c r="S14889" s="5" t="s">
        <v>1523</v>
      </c>
      <c r="T14889" s="5" t="s">
        <v>42</v>
      </c>
      <c r="U14889" s="2">
        <v>2.3719999999999999</v>
      </c>
      <c r="V14889" s="2">
        <v>1.802</v>
      </c>
      <c r="W14889" s="2">
        <v>1.4999999999999999E-2</v>
      </c>
      <c r="X14889" s="2">
        <v>118.9</v>
      </c>
      <c r="Y14889" s="2">
        <v>7.6</v>
      </c>
      <c r="Z14889" s="2">
        <v>16.7</v>
      </c>
      <c r="AA14889" s="5"/>
      <c r="AB14889" s="5" t="s">
        <v>43</v>
      </c>
      <c r="AC14889" s="5" t="s">
        <v>44</v>
      </c>
      <c r="AD14889" s="2"/>
      <c r="AE14889" s="1"/>
    </row>
    <row r="14890" spans="1:31" ht="14.45">
      <c r="A14890" s="11"/>
      <c r="B14890" s="20"/>
      <c r="C14890" s="2" t="s">
        <v>45623</v>
      </c>
      <c r="D14890" s="14" t="s">
        <v>45624</v>
      </c>
      <c r="E14890" s="2" t="s">
        <v>45625</v>
      </c>
      <c r="F14890" s="2" t="s">
        <v>36289</v>
      </c>
      <c r="G14890" s="8">
        <v>284</v>
      </c>
      <c r="H14890" s="5">
        <v>6</v>
      </c>
      <c r="I14890" s="5" t="s">
        <v>1518</v>
      </c>
      <c r="J14890" s="5" t="s">
        <v>36264</v>
      </c>
      <c r="K14890" s="2" t="s">
        <v>36265</v>
      </c>
      <c r="L14890" s="5" t="s">
        <v>36264</v>
      </c>
      <c r="M14890" s="2" t="s">
        <v>36265</v>
      </c>
      <c r="N14890" s="5" t="s">
        <v>36266</v>
      </c>
      <c r="O14890" s="5" t="s">
        <v>38</v>
      </c>
      <c r="P14890" s="5" t="s">
        <v>39</v>
      </c>
      <c r="Q14890" s="5" t="s">
        <v>40</v>
      </c>
      <c r="R14890" s="5" t="s">
        <v>1522</v>
      </c>
      <c r="S14890" s="5" t="s">
        <v>1523</v>
      </c>
      <c r="T14890" s="5" t="s">
        <v>42</v>
      </c>
      <c r="U14890" s="2">
        <v>2.3719999999999999</v>
      </c>
      <c r="V14890" s="2">
        <v>1.802</v>
      </c>
      <c r="W14890" s="2">
        <v>1.4999999999999999E-2</v>
      </c>
      <c r="X14890" s="2">
        <v>118.9</v>
      </c>
      <c r="Y14890" s="2">
        <v>7.6</v>
      </c>
      <c r="Z14890" s="2">
        <v>16.7</v>
      </c>
      <c r="AA14890" s="5"/>
      <c r="AB14890" s="5" t="s">
        <v>43</v>
      </c>
      <c r="AC14890" s="5" t="s">
        <v>44</v>
      </c>
      <c r="AD14890" s="2"/>
      <c r="AE14890" s="1"/>
    </row>
    <row r="14891" spans="1:31" ht="14.45">
      <c r="A14891" s="11"/>
      <c r="B14891" s="20"/>
      <c r="C14891" s="2" t="s">
        <v>45626</v>
      </c>
      <c r="D14891" s="14" t="s">
        <v>45627</v>
      </c>
      <c r="E14891" s="2" t="s">
        <v>45628</v>
      </c>
      <c r="F14891" s="2" t="s">
        <v>36293</v>
      </c>
      <c r="G14891" s="8">
        <v>284</v>
      </c>
      <c r="H14891" s="5">
        <v>6</v>
      </c>
      <c r="I14891" s="5" t="s">
        <v>1518</v>
      </c>
      <c r="J14891" s="5" t="s">
        <v>36264</v>
      </c>
      <c r="K14891" s="2" t="s">
        <v>36265</v>
      </c>
      <c r="L14891" s="5" t="s">
        <v>36264</v>
      </c>
      <c r="M14891" s="2" t="s">
        <v>36265</v>
      </c>
      <c r="N14891" s="5" t="s">
        <v>36266</v>
      </c>
      <c r="O14891" s="5" t="s">
        <v>38</v>
      </c>
      <c r="P14891" s="5" t="s">
        <v>39</v>
      </c>
      <c r="Q14891" s="5" t="s">
        <v>40</v>
      </c>
      <c r="R14891" s="5" t="s">
        <v>1522</v>
      </c>
      <c r="S14891" s="5" t="s">
        <v>1523</v>
      </c>
      <c r="T14891" s="5" t="s">
        <v>42</v>
      </c>
      <c r="U14891" s="2">
        <v>2.4449999999999998</v>
      </c>
      <c r="V14891" s="2">
        <v>1.875</v>
      </c>
      <c r="W14891" s="2">
        <v>1.4999999999999999E-2</v>
      </c>
      <c r="X14891" s="2">
        <v>118.9</v>
      </c>
      <c r="Y14891" s="2">
        <v>7.6</v>
      </c>
      <c r="Z14891" s="2">
        <v>16.7</v>
      </c>
      <c r="AA14891" s="5"/>
      <c r="AB14891" s="5" t="s">
        <v>43</v>
      </c>
      <c r="AC14891" s="5" t="s">
        <v>44</v>
      </c>
      <c r="AD14891" s="2"/>
      <c r="AE14891" s="1"/>
    </row>
    <row r="14892" spans="1:31" ht="14.45">
      <c r="A14892" s="11"/>
      <c r="B14892" s="20"/>
      <c r="C14892" s="2" t="s">
        <v>45629</v>
      </c>
      <c r="D14892" s="14" t="s">
        <v>45630</v>
      </c>
      <c r="E14892" s="2" t="s">
        <v>45631</v>
      </c>
      <c r="F14892" s="2" t="s">
        <v>36297</v>
      </c>
      <c r="G14892" s="8">
        <v>264</v>
      </c>
      <c r="H14892" s="5">
        <v>6</v>
      </c>
      <c r="I14892" s="5" t="s">
        <v>1518</v>
      </c>
      <c r="J14892" s="5" t="s">
        <v>36264</v>
      </c>
      <c r="K14892" s="2" t="s">
        <v>36265</v>
      </c>
      <c r="L14892" s="5" t="s">
        <v>36264</v>
      </c>
      <c r="M14892" s="2" t="s">
        <v>36265</v>
      </c>
      <c r="N14892" s="5" t="s">
        <v>36266</v>
      </c>
      <c r="O14892" s="5" t="s">
        <v>38</v>
      </c>
      <c r="P14892" s="5" t="s">
        <v>39</v>
      </c>
      <c r="Q14892" s="5" t="s">
        <v>40</v>
      </c>
      <c r="R14892" s="5" t="s">
        <v>1522</v>
      </c>
      <c r="S14892" s="5" t="s">
        <v>1523</v>
      </c>
      <c r="T14892" s="5" t="s">
        <v>42</v>
      </c>
      <c r="U14892" s="2">
        <v>2.3719999999999999</v>
      </c>
      <c r="V14892" s="2">
        <v>1.802</v>
      </c>
      <c r="W14892" s="2">
        <v>1.4999999999999999E-2</v>
      </c>
      <c r="X14892" s="2">
        <v>118.9</v>
      </c>
      <c r="Y14892" s="2">
        <v>7.6</v>
      </c>
      <c r="Z14892" s="2">
        <v>16.7</v>
      </c>
      <c r="AA14892" s="5"/>
      <c r="AB14892" s="5" t="s">
        <v>43</v>
      </c>
      <c r="AC14892" s="5" t="s">
        <v>44</v>
      </c>
      <c r="AD14892" s="2"/>
      <c r="AE14892" s="1"/>
    </row>
    <row r="14893" spans="1:31" ht="14.45">
      <c r="A14893" s="11"/>
      <c r="B14893" s="20"/>
      <c r="C14893" s="2" t="s">
        <v>45632</v>
      </c>
      <c r="D14893" s="14" t="s">
        <v>45633</v>
      </c>
      <c r="E14893" s="2" t="s">
        <v>45634</v>
      </c>
      <c r="F14893" s="2" t="s">
        <v>36305</v>
      </c>
      <c r="G14893" s="8">
        <v>264</v>
      </c>
      <c r="H14893" s="5">
        <v>6</v>
      </c>
      <c r="I14893" s="5" t="s">
        <v>1518</v>
      </c>
      <c r="J14893" s="5" t="s">
        <v>36264</v>
      </c>
      <c r="K14893" s="2" t="s">
        <v>36265</v>
      </c>
      <c r="L14893" s="5" t="s">
        <v>36264</v>
      </c>
      <c r="M14893" s="2" t="s">
        <v>36265</v>
      </c>
      <c r="N14893" s="5" t="s">
        <v>36266</v>
      </c>
      <c r="O14893" s="5" t="s">
        <v>38</v>
      </c>
      <c r="P14893" s="5" t="s">
        <v>39</v>
      </c>
      <c r="Q14893" s="5" t="s">
        <v>40</v>
      </c>
      <c r="R14893" s="5" t="s">
        <v>1522</v>
      </c>
      <c r="S14893" s="5" t="s">
        <v>1523</v>
      </c>
      <c r="T14893" s="5" t="s">
        <v>42</v>
      </c>
      <c r="U14893" s="2">
        <v>2.3719999999999999</v>
      </c>
      <c r="V14893" s="2">
        <v>1.802</v>
      </c>
      <c r="W14893" s="2">
        <v>1.4999999999999999E-2</v>
      </c>
      <c r="X14893" s="2">
        <v>118.9</v>
      </c>
      <c r="Y14893" s="2">
        <v>7.6</v>
      </c>
      <c r="Z14893" s="2">
        <v>16.7</v>
      </c>
      <c r="AA14893" s="5"/>
      <c r="AB14893" s="5" t="s">
        <v>43</v>
      </c>
      <c r="AC14893" s="5" t="s">
        <v>44</v>
      </c>
      <c r="AD14893" s="2"/>
      <c r="AE14893" s="1"/>
    </row>
    <row r="14894" spans="1:31" ht="14.45">
      <c r="A14894" s="11"/>
      <c r="B14894" s="20"/>
      <c r="C14894" s="2" t="s">
        <v>45635</v>
      </c>
      <c r="D14894" s="14" t="s">
        <v>45636</v>
      </c>
      <c r="E14894" s="2" t="s">
        <v>45637</v>
      </c>
      <c r="F14894" s="2" t="s">
        <v>36309</v>
      </c>
      <c r="G14894" s="8">
        <v>264</v>
      </c>
      <c r="H14894" s="5">
        <v>6</v>
      </c>
      <c r="I14894" s="5" t="s">
        <v>1518</v>
      </c>
      <c r="J14894" s="5" t="s">
        <v>36264</v>
      </c>
      <c r="K14894" s="2" t="s">
        <v>36265</v>
      </c>
      <c r="L14894" s="5" t="s">
        <v>36264</v>
      </c>
      <c r="M14894" s="2" t="s">
        <v>36265</v>
      </c>
      <c r="N14894" s="5" t="s">
        <v>36266</v>
      </c>
      <c r="O14894" s="5" t="s">
        <v>38</v>
      </c>
      <c r="P14894" s="5" t="s">
        <v>39</v>
      </c>
      <c r="Q14894" s="5" t="s">
        <v>40</v>
      </c>
      <c r="R14894" s="5" t="s">
        <v>1522</v>
      </c>
      <c r="S14894" s="5" t="s">
        <v>1523</v>
      </c>
      <c r="T14894" s="5" t="s">
        <v>42</v>
      </c>
      <c r="U14894" s="2">
        <v>2.4449999999999998</v>
      </c>
      <c r="V14894" s="2">
        <v>1.875</v>
      </c>
      <c r="W14894" s="2">
        <v>1.4999999999999999E-2</v>
      </c>
      <c r="X14894" s="2">
        <v>118.9</v>
      </c>
      <c r="Y14894" s="2">
        <v>7.6</v>
      </c>
      <c r="Z14894" s="2">
        <v>16.7</v>
      </c>
      <c r="AA14894" s="5"/>
      <c r="AB14894" s="5" t="s">
        <v>43</v>
      </c>
      <c r="AC14894" s="5" t="s">
        <v>44</v>
      </c>
      <c r="AD14894" s="2"/>
      <c r="AE14894" s="1"/>
    </row>
    <row r="14895" spans="1:31" ht="14.45">
      <c r="A14895" s="11"/>
      <c r="B14895" s="20"/>
      <c r="C14895" s="2" t="s">
        <v>45638</v>
      </c>
      <c r="D14895" s="14" t="s">
        <v>45639</v>
      </c>
      <c r="E14895" s="2" t="s">
        <v>45640</v>
      </c>
      <c r="F14895" s="2" t="s">
        <v>36317</v>
      </c>
      <c r="G14895" s="8">
        <v>284</v>
      </c>
      <c r="H14895" s="5">
        <v>6</v>
      </c>
      <c r="I14895" s="5" t="s">
        <v>1518</v>
      </c>
      <c r="J14895" s="5" t="s">
        <v>36264</v>
      </c>
      <c r="K14895" s="2" t="s">
        <v>36265</v>
      </c>
      <c r="L14895" s="5" t="s">
        <v>36264</v>
      </c>
      <c r="M14895" s="2" t="s">
        <v>36265</v>
      </c>
      <c r="N14895" s="5" t="s">
        <v>36266</v>
      </c>
      <c r="O14895" s="5" t="s">
        <v>38</v>
      </c>
      <c r="P14895" s="5" t="s">
        <v>39</v>
      </c>
      <c r="Q14895" s="5" t="s">
        <v>40</v>
      </c>
      <c r="R14895" s="5" t="s">
        <v>1522</v>
      </c>
      <c r="S14895" s="5" t="s">
        <v>1523</v>
      </c>
      <c r="T14895" s="5" t="s">
        <v>42</v>
      </c>
      <c r="U14895" s="2">
        <v>2.4449999999999998</v>
      </c>
      <c r="V14895" s="2">
        <v>1.875</v>
      </c>
      <c r="W14895" s="2">
        <v>1.4999999999999999E-2</v>
      </c>
      <c r="X14895" s="2">
        <v>118.9</v>
      </c>
      <c r="Y14895" s="2">
        <v>7.6</v>
      </c>
      <c r="Z14895" s="2">
        <v>16.7</v>
      </c>
      <c r="AA14895" s="5"/>
      <c r="AB14895" s="5" t="s">
        <v>43</v>
      </c>
      <c r="AC14895" s="5" t="s">
        <v>44</v>
      </c>
      <c r="AD14895" s="2"/>
      <c r="AE14895" s="1"/>
    </row>
    <row r="14896" spans="1:31" ht="14.45">
      <c r="A14896" s="11"/>
      <c r="B14896" s="20"/>
      <c r="C14896" s="2" t="s">
        <v>45641</v>
      </c>
      <c r="D14896" s="14" t="s">
        <v>45642</v>
      </c>
      <c r="E14896" s="2" t="s">
        <v>45643</v>
      </c>
      <c r="F14896" s="2" t="s">
        <v>36337</v>
      </c>
      <c r="G14896" s="8">
        <v>284</v>
      </c>
      <c r="H14896" s="5">
        <v>6</v>
      </c>
      <c r="I14896" s="5" t="s">
        <v>1518</v>
      </c>
      <c r="J14896" s="5" t="s">
        <v>36264</v>
      </c>
      <c r="K14896" s="2" t="s">
        <v>36265</v>
      </c>
      <c r="L14896" s="5" t="s">
        <v>36264</v>
      </c>
      <c r="M14896" s="2" t="s">
        <v>36265</v>
      </c>
      <c r="N14896" s="5" t="s">
        <v>36266</v>
      </c>
      <c r="O14896" s="5" t="s">
        <v>38</v>
      </c>
      <c r="P14896" s="5" t="s">
        <v>39</v>
      </c>
      <c r="Q14896" s="5" t="s">
        <v>40</v>
      </c>
      <c r="R14896" s="5" t="s">
        <v>1522</v>
      </c>
      <c r="S14896" s="5" t="s">
        <v>1523</v>
      </c>
      <c r="T14896" s="5" t="s">
        <v>42</v>
      </c>
      <c r="U14896" s="2">
        <v>2.3719999999999999</v>
      </c>
      <c r="V14896" s="2">
        <v>1.802</v>
      </c>
      <c r="W14896" s="2">
        <v>1.4999999999999999E-2</v>
      </c>
      <c r="X14896" s="2">
        <v>118.9</v>
      </c>
      <c r="Y14896" s="2">
        <v>7.6</v>
      </c>
      <c r="Z14896" s="2">
        <v>16.7</v>
      </c>
      <c r="AA14896" s="5"/>
      <c r="AB14896" s="5" t="s">
        <v>43</v>
      </c>
      <c r="AC14896" s="5" t="s">
        <v>44</v>
      </c>
      <c r="AD14896" s="2"/>
      <c r="AE14896" s="1"/>
    </row>
    <row r="14897" spans="1:31" ht="14.45">
      <c r="A14897" s="11"/>
      <c r="B14897" s="20"/>
      <c r="C14897" s="2" t="s">
        <v>45644</v>
      </c>
      <c r="D14897" s="14" t="s">
        <v>45645</v>
      </c>
      <c r="E14897" s="2" t="s">
        <v>45646</v>
      </c>
      <c r="F14897" s="2" t="s">
        <v>45534</v>
      </c>
      <c r="G14897" s="8">
        <v>284</v>
      </c>
      <c r="H14897" s="5">
        <v>6</v>
      </c>
      <c r="I14897" s="5" t="s">
        <v>1518</v>
      </c>
      <c r="J14897" s="5" t="s">
        <v>36264</v>
      </c>
      <c r="K14897" s="2" t="s">
        <v>36265</v>
      </c>
      <c r="L14897" s="5" t="s">
        <v>36264</v>
      </c>
      <c r="M14897" s="2" t="s">
        <v>36265</v>
      </c>
      <c r="N14897" s="5" t="s">
        <v>36266</v>
      </c>
      <c r="O14897" s="5" t="s">
        <v>38</v>
      </c>
      <c r="P14897" s="5" t="s">
        <v>39</v>
      </c>
      <c r="Q14897" s="5" t="s">
        <v>40</v>
      </c>
      <c r="R14897" s="5" t="s">
        <v>1522</v>
      </c>
      <c r="S14897" s="5" t="s">
        <v>1523</v>
      </c>
      <c r="T14897" s="5" t="s">
        <v>42</v>
      </c>
      <c r="U14897" s="2">
        <v>2.4449999999999998</v>
      </c>
      <c r="V14897" s="2">
        <v>1.875</v>
      </c>
      <c r="W14897" s="2">
        <v>1.4999999999999999E-2</v>
      </c>
      <c r="X14897" s="2">
        <v>118.9</v>
      </c>
      <c r="Y14897" s="2">
        <v>7.6</v>
      </c>
      <c r="Z14897" s="2">
        <v>16.7</v>
      </c>
      <c r="AA14897" s="5"/>
      <c r="AB14897" s="5" t="s">
        <v>43</v>
      </c>
      <c r="AC14897" s="5" t="s">
        <v>44</v>
      </c>
      <c r="AD14897" s="2"/>
      <c r="AE14897" s="1"/>
    </row>
    <row r="14898" spans="1:31" ht="14.45">
      <c r="A14898" s="11"/>
      <c r="B14898" s="20"/>
      <c r="C14898" s="2" t="s">
        <v>45647</v>
      </c>
      <c r="D14898" s="14" t="s">
        <v>45648</v>
      </c>
      <c r="E14898" s="2" t="s">
        <v>45649</v>
      </c>
      <c r="F14898" s="2" t="s">
        <v>36377</v>
      </c>
      <c r="G14898" s="8">
        <v>284</v>
      </c>
      <c r="H14898" s="5">
        <v>6</v>
      </c>
      <c r="I14898" s="5" t="s">
        <v>1518</v>
      </c>
      <c r="J14898" s="5" t="s">
        <v>36264</v>
      </c>
      <c r="K14898" s="2" t="s">
        <v>36265</v>
      </c>
      <c r="L14898" s="5" t="s">
        <v>36264</v>
      </c>
      <c r="M14898" s="2" t="s">
        <v>36265</v>
      </c>
      <c r="N14898" s="5" t="s">
        <v>36266</v>
      </c>
      <c r="O14898" s="5" t="s">
        <v>38</v>
      </c>
      <c r="P14898" s="5" t="s">
        <v>39</v>
      </c>
      <c r="Q14898" s="5" t="s">
        <v>40</v>
      </c>
      <c r="R14898" s="5" t="s">
        <v>1522</v>
      </c>
      <c r="S14898" s="5" t="s">
        <v>1523</v>
      </c>
      <c r="T14898" s="5" t="s">
        <v>42</v>
      </c>
      <c r="U14898" s="2">
        <v>2.3719999999999999</v>
      </c>
      <c r="V14898" s="2">
        <v>1.802</v>
      </c>
      <c r="W14898" s="2">
        <v>1.4999999999999999E-2</v>
      </c>
      <c r="X14898" s="2">
        <v>118.9</v>
      </c>
      <c r="Y14898" s="2">
        <v>7.6</v>
      </c>
      <c r="Z14898" s="2">
        <v>16.7</v>
      </c>
      <c r="AA14898" s="5"/>
      <c r="AB14898" s="5" t="s">
        <v>43</v>
      </c>
      <c r="AC14898" s="5" t="s">
        <v>44</v>
      </c>
      <c r="AD14898" s="2"/>
      <c r="AE14898" s="1"/>
    </row>
    <row r="14899" spans="1:31" ht="14.45">
      <c r="A14899" s="11"/>
      <c r="B14899" s="20"/>
      <c r="C14899" s="2" t="s">
        <v>45650</v>
      </c>
      <c r="D14899" s="14" t="s">
        <v>45651</v>
      </c>
      <c r="E14899" s="2" t="s">
        <v>45652</v>
      </c>
      <c r="F14899" s="2" t="s">
        <v>36381</v>
      </c>
      <c r="G14899" s="8">
        <v>284</v>
      </c>
      <c r="H14899" s="5">
        <v>6</v>
      </c>
      <c r="I14899" s="5" t="s">
        <v>1518</v>
      </c>
      <c r="J14899" s="5" t="s">
        <v>36264</v>
      </c>
      <c r="K14899" s="2" t="s">
        <v>36265</v>
      </c>
      <c r="L14899" s="5" t="s">
        <v>36264</v>
      </c>
      <c r="M14899" s="2" t="s">
        <v>36265</v>
      </c>
      <c r="N14899" s="5" t="s">
        <v>36266</v>
      </c>
      <c r="O14899" s="5" t="s">
        <v>38</v>
      </c>
      <c r="P14899" s="5" t="s">
        <v>39</v>
      </c>
      <c r="Q14899" s="5" t="s">
        <v>40</v>
      </c>
      <c r="R14899" s="5" t="s">
        <v>1522</v>
      </c>
      <c r="S14899" s="5" t="s">
        <v>1523</v>
      </c>
      <c r="T14899" s="5" t="s">
        <v>42</v>
      </c>
      <c r="U14899" s="2">
        <v>2.4449999999999998</v>
      </c>
      <c r="V14899" s="2">
        <v>1.875</v>
      </c>
      <c r="W14899" s="2">
        <v>1.4999999999999999E-2</v>
      </c>
      <c r="X14899" s="2">
        <v>118.9</v>
      </c>
      <c r="Y14899" s="2">
        <v>7.6</v>
      </c>
      <c r="Z14899" s="2">
        <v>16.7</v>
      </c>
      <c r="AA14899" s="5"/>
      <c r="AB14899" s="5" t="s">
        <v>43</v>
      </c>
      <c r="AC14899" s="5" t="s">
        <v>44</v>
      </c>
      <c r="AD14899" s="2"/>
      <c r="AE14899" s="1"/>
    </row>
    <row r="14900" spans="1:31" ht="14.45">
      <c r="A14900" s="11"/>
      <c r="B14900" s="20"/>
      <c r="C14900" s="2" t="s">
        <v>45653</v>
      </c>
      <c r="D14900" s="14" t="s">
        <v>45654</v>
      </c>
      <c r="E14900" s="2" t="s">
        <v>45655</v>
      </c>
      <c r="F14900" s="2" t="s">
        <v>36389</v>
      </c>
      <c r="G14900" s="8">
        <v>284</v>
      </c>
      <c r="H14900" s="5">
        <v>6</v>
      </c>
      <c r="I14900" s="5" t="s">
        <v>1518</v>
      </c>
      <c r="J14900" s="5" t="s">
        <v>36264</v>
      </c>
      <c r="K14900" s="2" t="s">
        <v>36265</v>
      </c>
      <c r="L14900" s="5" t="s">
        <v>36264</v>
      </c>
      <c r="M14900" s="2" t="s">
        <v>36265</v>
      </c>
      <c r="N14900" s="5" t="s">
        <v>36266</v>
      </c>
      <c r="O14900" s="5" t="s">
        <v>38</v>
      </c>
      <c r="P14900" s="5" t="s">
        <v>39</v>
      </c>
      <c r="Q14900" s="5" t="s">
        <v>40</v>
      </c>
      <c r="R14900" s="5" t="s">
        <v>1522</v>
      </c>
      <c r="S14900" s="5" t="s">
        <v>1523</v>
      </c>
      <c r="T14900" s="5" t="s">
        <v>42</v>
      </c>
      <c r="U14900" s="2">
        <v>2.4449999999999998</v>
      </c>
      <c r="V14900" s="2">
        <v>1.875</v>
      </c>
      <c r="W14900" s="2">
        <v>1.4999999999999999E-2</v>
      </c>
      <c r="X14900" s="2">
        <v>118.9</v>
      </c>
      <c r="Y14900" s="2">
        <v>7.6</v>
      </c>
      <c r="Z14900" s="2">
        <v>16.7</v>
      </c>
      <c r="AA14900" s="5"/>
      <c r="AB14900" s="5" t="s">
        <v>43</v>
      </c>
      <c r="AC14900" s="5" t="s">
        <v>44</v>
      </c>
      <c r="AD14900" s="2"/>
      <c r="AE14900" s="1"/>
    </row>
    <row r="14901" spans="1:31" ht="14.45">
      <c r="A14901" s="11"/>
      <c r="B14901" s="20"/>
      <c r="C14901" s="2" t="s">
        <v>45656</v>
      </c>
      <c r="D14901" s="14" t="s">
        <v>45657</v>
      </c>
      <c r="E14901" s="2" t="s">
        <v>45658</v>
      </c>
      <c r="F14901" s="2" t="s">
        <v>7204</v>
      </c>
      <c r="G14901" s="8">
        <v>276</v>
      </c>
      <c r="H14901" s="5">
        <v>6</v>
      </c>
      <c r="I14901" s="5" t="s">
        <v>1518</v>
      </c>
      <c r="J14901" s="5" t="s">
        <v>36264</v>
      </c>
      <c r="K14901" s="2" t="s">
        <v>36265</v>
      </c>
      <c r="L14901" s="5" t="s">
        <v>36264</v>
      </c>
      <c r="M14901" s="2" t="s">
        <v>36265</v>
      </c>
      <c r="N14901" s="5" t="s">
        <v>36266</v>
      </c>
      <c r="O14901" s="5" t="s">
        <v>38</v>
      </c>
      <c r="P14901" s="5" t="s">
        <v>39</v>
      </c>
      <c r="Q14901" s="5" t="s">
        <v>40</v>
      </c>
      <c r="R14901" s="5" t="s">
        <v>1522</v>
      </c>
      <c r="S14901" s="5" t="s">
        <v>1523</v>
      </c>
      <c r="T14901" s="5" t="s">
        <v>42</v>
      </c>
      <c r="U14901" s="2">
        <v>2.4990000000000001</v>
      </c>
      <c r="V14901" s="2">
        <v>1.948</v>
      </c>
      <c r="W14901" s="2">
        <v>1.2999999999999999E-2</v>
      </c>
      <c r="X14901" s="2">
        <v>99.1</v>
      </c>
      <c r="Y14901" s="2">
        <v>7.6</v>
      </c>
      <c r="Z14901" s="2">
        <v>16.7</v>
      </c>
      <c r="AA14901" s="5"/>
      <c r="AB14901" s="5" t="s">
        <v>43</v>
      </c>
      <c r="AC14901" s="5" t="s">
        <v>44</v>
      </c>
      <c r="AD14901" s="2"/>
      <c r="AE14901" s="1"/>
    </row>
    <row r="14902" spans="1:31" ht="14.45">
      <c r="A14902" s="11"/>
      <c r="B14902" s="20"/>
      <c r="C14902" s="2" t="s">
        <v>45659</v>
      </c>
      <c r="D14902" s="14" t="s">
        <v>45660</v>
      </c>
      <c r="E14902" s="2" t="s">
        <v>45661</v>
      </c>
      <c r="F14902" s="2" t="s">
        <v>7514</v>
      </c>
      <c r="G14902" s="8">
        <v>276</v>
      </c>
      <c r="H14902" s="5">
        <v>6</v>
      </c>
      <c r="I14902" s="5" t="s">
        <v>1518</v>
      </c>
      <c r="J14902" s="5" t="s">
        <v>36264</v>
      </c>
      <c r="K14902" s="2" t="s">
        <v>36265</v>
      </c>
      <c r="L14902" s="5" t="s">
        <v>36264</v>
      </c>
      <c r="M14902" s="2" t="s">
        <v>36265</v>
      </c>
      <c r="N14902" s="5" t="s">
        <v>36266</v>
      </c>
      <c r="O14902" s="5" t="s">
        <v>38</v>
      </c>
      <c r="P14902" s="5" t="s">
        <v>39</v>
      </c>
      <c r="Q14902" s="5" t="s">
        <v>40</v>
      </c>
      <c r="R14902" s="5" t="s">
        <v>1522</v>
      </c>
      <c r="S14902" s="5" t="s">
        <v>1523</v>
      </c>
      <c r="T14902" s="5" t="s">
        <v>42</v>
      </c>
      <c r="U14902" s="2">
        <v>2.5720000000000001</v>
      </c>
      <c r="V14902" s="2">
        <v>2.0209999999999999</v>
      </c>
      <c r="W14902" s="2">
        <v>1.2999999999999999E-2</v>
      </c>
      <c r="X14902" s="2">
        <v>99.1</v>
      </c>
      <c r="Y14902" s="2">
        <v>7.6</v>
      </c>
      <c r="Z14902" s="2">
        <v>16.7</v>
      </c>
      <c r="AA14902" s="5"/>
      <c r="AB14902" s="5" t="s">
        <v>43</v>
      </c>
      <c r="AC14902" s="5" t="s">
        <v>44</v>
      </c>
      <c r="AD14902" s="2"/>
      <c r="AE14902" s="1"/>
    </row>
    <row r="14903" spans="1:31" ht="14.45">
      <c r="A14903" s="11"/>
      <c r="B14903" s="20"/>
      <c r="C14903" s="2" t="s">
        <v>45662</v>
      </c>
      <c r="D14903" s="14" t="s">
        <v>45663</v>
      </c>
      <c r="E14903" s="2" t="s">
        <v>45664</v>
      </c>
      <c r="F14903" s="2" t="s">
        <v>36277</v>
      </c>
      <c r="G14903" s="8">
        <v>276</v>
      </c>
      <c r="H14903" s="5">
        <v>6</v>
      </c>
      <c r="I14903" s="5" t="s">
        <v>1518</v>
      </c>
      <c r="J14903" s="5" t="s">
        <v>36264</v>
      </c>
      <c r="K14903" s="2" t="s">
        <v>36265</v>
      </c>
      <c r="L14903" s="5" t="s">
        <v>36264</v>
      </c>
      <c r="M14903" s="2" t="s">
        <v>36265</v>
      </c>
      <c r="N14903" s="5" t="s">
        <v>36266</v>
      </c>
      <c r="O14903" s="5" t="s">
        <v>38</v>
      </c>
      <c r="P14903" s="5" t="s">
        <v>39</v>
      </c>
      <c r="Q14903" s="5" t="s">
        <v>40</v>
      </c>
      <c r="R14903" s="5" t="s">
        <v>1522</v>
      </c>
      <c r="S14903" s="5" t="s">
        <v>1523</v>
      </c>
      <c r="T14903" s="5" t="s">
        <v>42</v>
      </c>
      <c r="U14903" s="2">
        <v>2.5720000000000001</v>
      </c>
      <c r="V14903" s="2">
        <v>2.0209999999999999</v>
      </c>
      <c r="W14903" s="2">
        <v>1.2999999999999999E-2</v>
      </c>
      <c r="X14903" s="2">
        <v>99.1</v>
      </c>
      <c r="Y14903" s="2">
        <v>7.6</v>
      </c>
      <c r="Z14903" s="2">
        <v>16.7</v>
      </c>
      <c r="AA14903" s="5"/>
      <c r="AB14903" s="5" t="s">
        <v>43</v>
      </c>
      <c r="AC14903" s="5" t="s">
        <v>44</v>
      </c>
      <c r="AD14903" s="2"/>
      <c r="AE14903" s="1"/>
    </row>
    <row r="14904" spans="1:31" ht="14.45">
      <c r="A14904" s="11"/>
      <c r="B14904" s="20"/>
      <c r="C14904" s="2" t="s">
        <v>45665</v>
      </c>
      <c r="D14904" s="14" t="s">
        <v>45666</v>
      </c>
      <c r="E14904" s="2" t="s">
        <v>45667</v>
      </c>
      <c r="F14904" s="2" t="s">
        <v>36329</v>
      </c>
      <c r="G14904" s="8">
        <v>297</v>
      </c>
      <c r="H14904" s="5">
        <v>6</v>
      </c>
      <c r="I14904" s="5" t="s">
        <v>1518</v>
      </c>
      <c r="J14904" s="5" t="s">
        <v>36264</v>
      </c>
      <c r="K14904" s="2" t="s">
        <v>36265</v>
      </c>
      <c r="L14904" s="5" t="s">
        <v>36264</v>
      </c>
      <c r="M14904" s="2" t="s">
        <v>36265</v>
      </c>
      <c r="N14904" s="5" t="s">
        <v>36266</v>
      </c>
      <c r="O14904" s="5" t="s">
        <v>38</v>
      </c>
      <c r="P14904" s="5" t="s">
        <v>39</v>
      </c>
      <c r="Q14904" s="5" t="s">
        <v>40</v>
      </c>
      <c r="R14904" s="5" t="s">
        <v>1522</v>
      </c>
      <c r="S14904" s="5" t="s">
        <v>1523</v>
      </c>
      <c r="T14904" s="5" t="s">
        <v>42</v>
      </c>
      <c r="U14904" s="2">
        <v>2.4990000000000001</v>
      </c>
      <c r="V14904" s="2">
        <v>1.948</v>
      </c>
      <c r="W14904" s="2">
        <v>1.2999999999999999E-2</v>
      </c>
      <c r="X14904" s="2">
        <v>99.1</v>
      </c>
      <c r="Y14904" s="2">
        <v>7.6</v>
      </c>
      <c r="Z14904" s="2">
        <v>16.7</v>
      </c>
      <c r="AA14904" s="5"/>
      <c r="AB14904" s="5" t="s">
        <v>43</v>
      </c>
      <c r="AC14904" s="5" t="s">
        <v>44</v>
      </c>
      <c r="AD14904" s="2"/>
      <c r="AE14904" s="1"/>
    </row>
    <row r="14905" spans="1:31" ht="14.45">
      <c r="A14905" s="11"/>
      <c r="B14905" s="20"/>
      <c r="C14905" s="2" t="s">
        <v>45668</v>
      </c>
      <c r="D14905" s="14" t="s">
        <v>45669</v>
      </c>
      <c r="E14905" s="2" t="s">
        <v>45670</v>
      </c>
      <c r="F14905" s="2" t="s">
        <v>36333</v>
      </c>
      <c r="G14905" s="8">
        <v>297</v>
      </c>
      <c r="H14905" s="5">
        <v>6</v>
      </c>
      <c r="I14905" s="5" t="s">
        <v>1518</v>
      </c>
      <c r="J14905" s="5" t="s">
        <v>36264</v>
      </c>
      <c r="K14905" s="2" t="s">
        <v>36265</v>
      </c>
      <c r="L14905" s="5" t="s">
        <v>36264</v>
      </c>
      <c r="M14905" s="2" t="s">
        <v>36265</v>
      </c>
      <c r="N14905" s="5" t="s">
        <v>36266</v>
      </c>
      <c r="O14905" s="5" t="s">
        <v>38</v>
      </c>
      <c r="P14905" s="5" t="s">
        <v>39</v>
      </c>
      <c r="Q14905" s="5" t="s">
        <v>40</v>
      </c>
      <c r="R14905" s="5" t="s">
        <v>1522</v>
      </c>
      <c r="S14905" s="5" t="s">
        <v>1523</v>
      </c>
      <c r="T14905" s="5" t="s">
        <v>42</v>
      </c>
      <c r="U14905" s="2">
        <v>2.5720000000000001</v>
      </c>
      <c r="V14905" s="2">
        <v>2.0209999999999999</v>
      </c>
      <c r="W14905" s="2">
        <v>1.2999999999999999E-2</v>
      </c>
      <c r="X14905" s="2">
        <v>99.1</v>
      </c>
      <c r="Y14905" s="2">
        <v>7.6</v>
      </c>
      <c r="Z14905" s="2">
        <v>16.7</v>
      </c>
      <c r="AA14905" s="5"/>
      <c r="AB14905" s="5" t="s">
        <v>43</v>
      </c>
      <c r="AC14905" s="5" t="s">
        <v>44</v>
      </c>
      <c r="AD14905" s="2"/>
      <c r="AE14905" s="1"/>
    </row>
    <row r="14906" spans="1:31" ht="14.45">
      <c r="A14906" s="11"/>
      <c r="B14906" s="20"/>
      <c r="C14906" s="2" t="s">
        <v>45671</v>
      </c>
      <c r="D14906" s="14" t="s">
        <v>45672</v>
      </c>
      <c r="E14906" s="2" t="s">
        <v>45673</v>
      </c>
      <c r="F14906" s="2" t="s">
        <v>45598</v>
      </c>
      <c r="G14906" s="8">
        <v>297</v>
      </c>
      <c r="H14906" s="5">
        <v>6</v>
      </c>
      <c r="I14906" s="5" t="s">
        <v>1518</v>
      </c>
      <c r="J14906" s="5" t="s">
        <v>36264</v>
      </c>
      <c r="K14906" s="2" t="s">
        <v>36265</v>
      </c>
      <c r="L14906" s="5" t="s">
        <v>36264</v>
      </c>
      <c r="M14906" s="2" t="s">
        <v>36265</v>
      </c>
      <c r="N14906" s="5" t="s">
        <v>36266</v>
      </c>
      <c r="O14906" s="5" t="s">
        <v>38</v>
      </c>
      <c r="P14906" s="5" t="s">
        <v>39</v>
      </c>
      <c r="Q14906" s="5" t="s">
        <v>40</v>
      </c>
      <c r="R14906" s="5" t="s">
        <v>1522</v>
      </c>
      <c r="S14906" s="5" t="s">
        <v>1523</v>
      </c>
      <c r="T14906" s="5" t="s">
        <v>42</v>
      </c>
      <c r="U14906" s="2">
        <v>2.4990000000000001</v>
      </c>
      <c r="V14906" s="2">
        <v>1.948</v>
      </c>
      <c r="W14906" s="2">
        <v>1.2999999999999999E-2</v>
      </c>
      <c r="X14906" s="2">
        <v>99.1</v>
      </c>
      <c r="Y14906" s="2">
        <v>7.6</v>
      </c>
      <c r="Z14906" s="2">
        <v>16.7</v>
      </c>
      <c r="AA14906" s="5"/>
      <c r="AB14906" s="5" t="s">
        <v>43</v>
      </c>
      <c r="AC14906" s="5" t="s">
        <v>44</v>
      </c>
      <c r="AD14906" s="2"/>
      <c r="AE14906" s="1"/>
    </row>
    <row r="14907" spans="1:31" ht="14.45">
      <c r="A14907" s="11"/>
      <c r="B14907" s="20"/>
      <c r="C14907" s="2" t="s">
        <v>45674</v>
      </c>
      <c r="D14907" s="14" t="s">
        <v>45675</v>
      </c>
      <c r="E14907" s="2" t="s">
        <v>45676</v>
      </c>
      <c r="F14907" s="2" t="s">
        <v>36369</v>
      </c>
      <c r="G14907" s="8">
        <v>297</v>
      </c>
      <c r="H14907" s="5">
        <v>6</v>
      </c>
      <c r="I14907" s="5" t="s">
        <v>1518</v>
      </c>
      <c r="J14907" s="5" t="s">
        <v>36264</v>
      </c>
      <c r="K14907" s="2" t="s">
        <v>36265</v>
      </c>
      <c r="L14907" s="5" t="s">
        <v>36264</v>
      </c>
      <c r="M14907" s="2" t="s">
        <v>36265</v>
      </c>
      <c r="N14907" s="5" t="s">
        <v>36266</v>
      </c>
      <c r="O14907" s="5" t="s">
        <v>38</v>
      </c>
      <c r="P14907" s="5" t="s">
        <v>39</v>
      </c>
      <c r="Q14907" s="5" t="s">
        <v>40</v>
      </c>
      <c r="R14907" s="5" t="s">
        <v>1522</v>
      </c>
      <c r="S14907" s="5" t="s">
        <v>1523</v>
      </c>
      <c r="T14907" s="5" t="s">
        <v>42</v>
      </c>
      <c r="U14907" s="2">
        <v>2.4990000000000001</v>
      </c>
      <c r="V14907" s="2">
        <v>1.948</v>
      </c>
      <c r="W14907" s="2">
        <v>1.2999999999999999E-2</v>
      </c>
      <c r="X14907" s="2">
        <v>99.1</v>
      </c>
      <c r="Y14907" s="2">
        <v>7.6</v>
      </c>
      <c r="Z14907" s="2">
        <v>16.7</v>
      </c>
      <c r="AA14907" s="5"/>
      <c r="AB14907" s="5" t="s">
        <v>43</v>
      </c>
      <c r="AC14907" s="5" t="s">
        <v>44</v>
      </c>
      <c r="AD14907" s="2"/>
      <c r="AE14907" s="1"/>
    </row>
    <row r="14908" spans="1:31" ht="14.45">
      <c r="A14908" s="11"/>
      <c r="B14908" s="20"/>
      <c r="C14908" s="2" t="s">
        <v>45677</v>
      </c>
      <c r="D14908" s="14" t="s">
        <v>45678</v>
      </c>
      <c r="E14908" s="2" t="s">
        <v>45679</v>
      </c>
      <c r="F14908" s="2" t="s">
        <v>36377</v>
      </c>
      <c r="G14908" s="8">
        <v>297</v>
      </c>
      <c r="H14908" s="5">
        <v>6</v>
      </c>
      <c r="I14908" s="5" t="s">
        <v>1518</v>
      </c>
      <c r="J14908" s="5" t="s">
        <v>36264</v>
      </c>
      <c r="K14908" s="2" t="s">
        <v>36265</v>
      </c>
      <c r="L14908" s="5" t="s">
        <v>36264</v>
      </c>
      <c r="M14908" s="2" t="s">
        <v>36265</v>
      </c>
      <c r="N14908" s="5" t="s">
        <v>36266</v>
      </c>
      <c r="O14908" s="5" t="s">
        <v>38</v>
      </c>
      <c r="P14908" s="5" t="s">
        <v>39</v>
      </c>
      <c r="Q14908" s="5" t="s">
        <v>40</v>
      </c>
      <c r="R14908" s="5" t="s">
        <v>1522</v>
      </c>
      <c r="S14908" s="5" t="s">
        <v>1523</v>
      </c>
      <c r="T14908" s="5" t="s">
        <v>42</v>
      </c>
      <c r="U14908" s="2">
        <v>2.4990000000000001</v>
      </c>
      <c r="V14908" s="2">
        <v>1.948</v>
      </c>
      <c r="W14908" s="2">
        <v>1.2999999999999999E-2</v>
      </c>
      <c r="X14908" s="2">
        <v>99.1</v>
      </c>
      <c r="Y14908" s="2">
        <v>7.6</v>
      </c>
      <c r="Z14908" s="2">
        <v>16.7</v>
      </c>
      <c r="AA14908" s="5"/>
      <c r="AB14908" s="5" t="s">
        <v>43</v>
      </c>
      <c r="AC14908" s="5" t="s">
        <v>44</v>
      </c>
      <c r="AD14908" s="2"/>
      <c r="AE14908" s="1"/>
    </row>
    <row r="14909" spans="1:31" ht="14.45">
      <c r="A14909" s="11"/>
      <c r="B14909" s="20"/>
      <c r="C14909" s="2" t="s">
        <v>45680</v>
      </c>
      <c r="D14909" s="14" t="s">
        <v>45681</v>
      </c>
      <c r="E14909" s="2" t="s">
        <v>45682</v>
      </c>
      <c r="F14909" s="2" t="s">
        <v>36381</v>
      </c>
      <c r="G14909" s="8">
        <v>297</v>
      </c>
      <c r="H14909" s="5">
        <v>6</v>
      </c>
      <c r="I14909" s="5" t="s">
        <v>1518</v>
      </c>
      <c r="J14909" s="5" t="s">
        <v>36264</v>
      </c>
      <c r="K14909" s="2" t="s">
        <v>36265</v>
      </c>
      <c r="L14909" s="5" t="s">
        <v>36264</v>
      </c>
      <c r="M14909" s="2" t="s">
        <v>36265</v>
      </c>
      <c r="N14909" s="5" t="s">
        <v>36266</v>
      </c>
      <c r="O14909" s="5" t="s">
        <v>38</v>
      </c>
      <c r="P14909" s="5" t="s">
        <v>39</v>
      </c>
      <c r="Q14909" s="5" t="s">
        <v>40</v>
      </c>
      <c r="R14909" s="5" t="s">
        <v>1522</v>
      </c>
      <c r="S14909" s="5" t="s">
        <v>1523</v>
      </c>
      <c r="T14909" s="5" t="s">
        <v>42</v>
      </c>
      <c r="U14909" s="2">
        <v>2.5720000000000001</v>
      </c>
      <c r="V14909" s="2">
        <v>2.0209999999999999</v>
      </c>
      <c r="W14909" s="2">
        <v>1.2999999999999999E-2</v>
      </c>
      <c r="X14909" s="2">
        <v>99.1</v>
      </c>
      <c r="Y14909" s="2">
        <v>7.6</v>
      </c>
      <c r="Z14909" s="2">
        <v>16.7</v>
      </c>
      <c r="AA14909" s="5"/>
      <c r="AB14909" s="5" t="s">
        <v>43</v>
      </c>
      <c r="AC14909" s="5" t="s">
        <v>44</v>
      </c>
      <c r="AD14909" s="2"/>
      <c r="AE14909" s="1"/>
    </row>
    <row r="14910" spans="1:31" ht="14.45">
      <c r="A14910" s="11"/>
      <c r="B14910" s="20"/>
      <c r="C14910" s="2" t="s">
        <v>45683</v>
      </c>
      <c r="D14910" s="14" t="s">
        <v>45684</v>
      </c>
      <c r="E14910" s="2" t="s">
        <v>45685</v>
      </c>
      <c r="F14910" s="2" t="s">
        <v>45598</v>
      </c>
      <c r="G14910" s="8">
        <v>302</v>
      </c>
      <c r="H14910" s="5">
        <v>6</v>
      </c>
      <c r="I14910" s="5" t="s">
        <v>1518</v>
      </c>
      <c r="J14910" s="5" t="s">
        <v>36264</v>
      </c>
      <c r="K14910" s="2" t="s">
        <v>36265</v>
      </c>
      <c r="L14910" s="5" t="s">
        <v>36264</v>
      </c>
      <c r="M14910" s="2" t="s">
        <v>36265</v>
      </c>
      <c r="N14910" s="5" t="s">
        <v>36266</v>
      </c>
      <c r="O14910" s="5" t="s">
        <v>38</v>
      </c>
      <c r="P14910" s="5" t="s">
        <v>39</v>
      </c>
      <c r="Q14910" s="5" t="s">
        <v>40</v>
      </c>
      <c r="R14910" s="5" t="s">
        <v>1522</v>
      </c>
      <c r="S14910" s="5" t="s">
        <v>1523</v>
      </c>
      <c r="T14910" s="5" t="s">
        <v>42</v>
      </c>
      <c r="U14910" s="2">
        <v>2.661</v>
      </c>
      <c r="V14910" s="2">
        <v>2.11</v>
      </c>
      <c r="W14910" s="2">
        <v>1.4999999999999999E-2</v>
      </c>
      <c r="X14910" s="2">
        <v>118.9</v>
      </c>
      <c r="Y14910" s="2">
        <v>7.6</v>
      </c>
      <c r="Z14910" s="2">
        <v>16.7</v>
      </c>
      <c r="AA14910" s="5"/>
      <c r="AB14910" s="5" t="s">
        <v>43</v>
      </c>
      <c r="AC14910" s="5" t="s">
        <v>44</v>
      </c>
      <c r="AD14910" s="2"/>
      <c r="AE14910" s="1"/>
    </row>
    <row r="14911" spans="1:31" ht="14.45">
      <c r="A14911" s="11"/>
      <c r="B14911" s="20"/>
      <c r="C14911" s="2" t="s">
        <v>45686</v>
      </c>
      <c r="D14911" s="14" t="s">
        <v>45687</v>
      </c>
      <c r="E14911" s="2" t="s">
        <v>45688</v>
      </c>
      <c r="F14911" s="2" t="s">
        <v>7204</v>
      </c>
      <c r="G14911" s="8">
        <v>262</v>
      </c>
      <c r="H14911" s="5">
        <v>6</v>
      </c>
      <c r="I14911" s="5" t="s">
        <v>1518</v>
      </c>
      <c r="J14911" s="5" t="s">
        <v>36264</v>
      </c>
      <c r="K14911" s="2" t="s">
        <v>36265</v>
      </c>
      <c r="L14911" s="5" t="s">
        <v>36264</v>
      </c>
      <c r="M14911" s="2" t="s">
        <v>36265</v>
      </c>
      <c r="N14911" s="5" t="s">
        <v>36266</v>
      </c>
      <c r="O14911" s="5" t="s">
        <v>38</v>
      </c>
      <c r="P14911" s="5" t="s">
        <v>39</v>
      </c>
      <c r="Q14911" s="5" t="s">
        <v>40</v>
      </c>
      <c r="R14911" s="5" t="s">
        <v>1522</v>
      </c>
      <c r="S14911" s="5" t="s">
        <v>1523</v>
      </c>
      <c r="T14911" s="5" t="s">
        <v>42</v>
      </c>
      <c r="U14911" s="2">
        <v>2.286</v>
      </c>
      <c r="V14911" s="2">
        <v>1.8160000000000001</v>
      </c>
      <c r="W14911" s="2">
        <v>1.0999999999999999E-2</v>
      </c>
      <c r="X14911" s="2">
        <v>82.9</v>
      </c>
      <c r="Y14911" s="2">
        <v>7.6</v>
      </c>
      <c r="Z14911" s="2">
        <v>16.7</v>
      </c>
      <c r="AA14911" s="5"/>
      <c r="AB14911" s="5" t="s">
        <v>43</v>
      </c>
      <c r="AC14911" s="5" t="s">
        <v>44</v>
      </c>
      <c r="AD14911" s="2"/>
      <c r="AE14911" s="1"/>
    </row>
    <row r="14912" spans="1:31" ht="14.45">
      <c r="A14912" s="11"/>
      <c r="B14912" s="20"/>
      <c r="C14912" s="2" t="s">
        <v>45689</v>
      </c>
      <c r="D14912" s="14" t="s">
        <v>45690</v>
      </c>
      <c r="E14912" s="2" t="s">
        <v>45691</v>
      </c>
      <c r="F14912" s="2" t="s">
        <v>7514</v>
      </c>
      <c r="G14912" s="8">
        <v>262</v>
      </c>
      <c r="H14912" s="5">
        <v>6</v>
      </c>
      <c r="I14912" s="5" t="s">
        <v>1518</v>
      </c>
      <c r="J14912" s="5" t="s">
        <v>36264</v>
      </c>
      <c r="K14912" s="2" t="s">
        <v>36265</v>
      </c>
      <c r="L14912" s="5" t="s">
        <v>36264</v>
      </c>
      <c r="M14912" s="2" t="s">
        <v>36265</v>
      </c>
      <c r="N14912" s="5" t="s">
        <v>36266</v>
      </c>
      <c r="O14912" s="5" t="s">
        <v>38</v>
      </c>
      <c r="P14912" s="5" t="s">
        <v>39</v>
      </c>
      <c r="Q14912" s="5" t="s">
        <v>40</v>
      </c>
      <c r="R14912" s="5" t="s">
        <v>1522</v>
      </c>
      <c r="S14912" s="5" t="s">
        <v>1523</v>
      </c>
      <c r="T14912" s="5" t="s">
        <v>42</v>
      </c>
      <c r="U14912" s="2">
        <v>2.3519999999999999</v>
      </c>
      <c r="V14912" s="2">
        <v>1.8819999999999999</v>
      </c>
      <c r="W14912" s="2">
        <v>1.0999999999999999E-2</v>
      </c>
      <c r="X14912" s="2">
        <v>82.9</v>
      </c>
      <c r="Y14912" s="2">
        <v>7.6</v>
      </c>
      <c r="Z14912" s="2">
        <v>16.7</v>
      </c>
      <c r="AA14912" s="5"/>
      <c r="AB14912" s="5" t="s">
        <v>43</v>
      </c>
      <c r="AC14912" s="5" t="s">
        <v>44</v>
      </c>
      <c r="AD14912" s="2"/>
      <c r="AE14912" s="1"/>
    </row>
    <row r="14913" spans="1:31" ht="14.45">
      <c r="A14913" s="11"/>
      <c r="B14913" s="20"/>
      <c r="C14913" s="2" t="s">
        <v>45692</v>
      </c>
      <c r="D14913" s="14" t="s">
        <v>45693</v>
      </c>
      <c r="E14913" s="2" t="s">
        <v>45694</v>
      </c>
      <c r="F14913" s="2" t="s">
        <v>36277</v>
      </c>
      <c r="G14913" s="8">
        <v>262</v>
      </c>
      <c r="H14913" s="5">
        <v>6</v>
      </c>
      <c r="I14913" s="5" t="s">
        <v>1518</v>
      </c>
      <c r="J14913" s="5" t="s">
        <v>36264</v>
      </c>
      <c r="K14913" s="2" t="s">
        <v>36265</v>
      </c>
      <c r="L14913" s="5" t="s">
        <v>36264</v>
      </c>
      <c r="M14913" s="2" t="s">
        <v>36265</v>
      </c>
      <c r="N14913" s="5" t="s">
        <v>36266</v>
      </c>
      <c r="O14913" s="5" t="s">
        <v>38</v>
      </c>
      <c r="P14913" s="5" t="s">
        <v>39</v>
      </c>
      <c r="Q14913" s="5" t="s">
        <v>40</v>
      </c>
      <c r="R14913" s="5" t="s">
        <v>1522</v>
      </c>
      <c r="S14913" s="5" t="s">
        <v>1523</v>
      </c>
      <c r="T14913" s="5" t="s">
        <v>42</v>
      </c>
      <c r="U14913" s="2">
        <v>2.3519999999999999</v>
      </c>
      <c r="V14913" s="2">
        <v>1.8819999999999999</v>
      </c>
      <c r="W14913" s="2">
        <v>1.0999999999999999E-2</v>
      </c>
      <c r="X14913" s="2">
        <v>82.9</v>
      </c>
      <c r="Y14913" s="2">
        <v>7.6</v>
      </c>
      <c r="Z14913" s="2">
        <v>16.7</v>
      </c>
      <c r="AA14913" s="5"/>
      <c r="AB14913" s="5" t="s">
        <v>43</v>
      </c>
      <c r="AC14913" s="5" t="s">
        <v>44</v>
      </c>
      <c r="AD14913" s="2"/>
      <c r="AE14913" s="1"/>
    </row>
    <row r="14914" spans="1:31" ht="14.45">
      <c r="A14914" s="11"/>
      <c r="B14914" s="20"/>
      <c r="C14914" s="2" t="s">
        <v>45695</v>
      </c>
      <c r="D14914" s="14" t="s">
        <v>45696</v>
      </c>
      <c r="E14914" s="2" t="s">
        <v>45697</v>
      </c>
      <c r="F14914" s="2" t="s">
        <v>36281</v>
      </c>
      <c r="G14914" s="8">
        <v>282</v>
      </c>
      <c r="H14914" s="5">
        <v>6</v>
      </c>
      <c r="I14914" s="5" t="s">
        <v>1518</v>
      </c>
      <c r="J14914" s="5" t="s">
        <v>36264</v>
      </c>
      <c r="K14914" s="2" t="s">
        <v>36265</v>
      </c>
      <c r="L14914" s="5" t="s">
        <v>36264</v>
      </c>
      <c r="M14914" s="2" t="s">
        <v>36265</v>
      </c>
      <c r="N14914" s="5" t="s">
        <v>36266</v>
      </c>
      <c r="O14914" s="5" t="s">
        <v>38</v>
      </c>
      <c r="P14914" s="5" t="s">
        <v>39</v>
      </c>
      <c r="Q14914" s="5" t="s">
        <v>40</v>
      </c>
      <c r="R14914" s="5" t="s">
        <v>1522</v>
      </c>
      <c r="S14914" s="5" t="s">
        <v>1523</v>
      </c>
      <c r="T14914" s="5" t="s">
        <v>42</v>
      </c>
      <c r="U14914" s="2">
        <v>2.286</v>
      </c>
      <c r="V14914" s="2">
        <v>1.8160000000000001</v>
      </c>
      <c r="W14914" s="2">
        <v>1.0999999999999999E-2</v>
      </c>
      <c r="X14914" s="2">
        <v>82.9</v>
      </c>
      <c r="Y14914" s="2">
        <v>7.6</v>
      </c>
      <c r="Z14914" s="2">
        <v>16.7</v>
      </c>
      <c r="AA14914" s="5"/>
      <c r="AB14914" s="5" t="s">
        <v>43</v>
      </c>
      <c r="AC14914" s="5" t="s">
        <v>44</v>
      </c>
      <c r="AD14914" s="2"/>
      <c r="AE14914" s="1"/>
    </row>
    <row r="14915" spans="1:31" ht="14.45">
      <c r="A14915" s="11"/>
      <c r="B14915" s="20"/>
      <c r="C14915" s="2" t="s">
        <v>45698</v>
      </c>
      <c r="D14915" s="14" t="s">
        <v>45699</v>
      </c>
      <c r="E14915" s="2" t="s">
        <v>45700</v>
      </c>
      <c r="F14915" s="2" t="s">
        <v>36293</v>
      </c>
      <c r="G14915" s="8">
        <v>282</v>
      </c>
      <c r="H14915" s="5">
        <v>6</v>
      </c>
      <c r="I14915" s="5" t="s">
        <v>1518</v>
      </c>
      <c r="J14915" s="5" t="s">
        <v>36264</v>
      </c>
      <c r="K14915" s="2" t="s">
        <v>36265</v>
      </c>
      <c r="L14915" s="5" t="s">
        <v>36264</v>
      </c>
      <c r="M14915" s="2" t="s">
        <v>36265</v>
      </c>
      <c r="N14915" s="5" t="s">
        <v>36266</v>
      </c>
      <c r="O14915" s="5" t="s">
        <v>38</v>
      </c>
      <c r="P14915" s="5" t="s">
        <v>39</v>
      </c>
      <c r="Q14915" s="5" t="s">
        <v>40</v>
      </c>
      <c r="R14915" s="5" t="s">
        <v>1522</v>
      </c>
      <c r="S14915" s="5" t="s">
        <v>1523</v>
      </c>
      <c r="T14915" s="5" t="s">
        <v>42</v>
      </c>
      <c r="U14915" s="2">
        <v>2.3519999999999999</v>
      </c>
      <c r="V14915" s="2">
        <v>1.8819999999999999</v>
      </c>
      <c r="W14915" s="2">
        <v>1.0999999999999999E-2</v>
      </c>
      <c r="X14915" s="2">
        <v>82.9</v>
      </c>
      <c r="Y14915" s="2">
        <v>7.6</v>
      </c>
      <c r="Z14915" s="2">
        <v>16.7</v>
      </c>
      <c r="AA14915" s="5"/>
      <c r="AB14915" s="5" t="s">
        <v>43</v>
      </c>
      <c r="AC14915" s="5" t="s">
        <v>44</v>
      </c>
      <c r="AD14915" s="2"/>
      <c r="AE14915" s="1"/>
    </row>
    <row r="14916" spans="1:31" ht="14.45">
      <c r="A14916" s="11"/>
      <c r="B14916" s="20"/>
      <c r="C14916" s="2" t="s">
        <v>45701</v>
      </c>
      <c r="D14916" s="14" t="s">
        <v>45702</v>
      </c>
      <c r="E14916" s="2" t="s">
        <v>45703</v>
      </c>
      <c r="F14916" s="2" t="s">
        <v>36297</v>
      </c>
      <c r="G14916" s="8">
        <v>262</v>
      </c>
      <c r="H14916" s="5">
        <v>6</v>
      </c>
      <c r="I14916" s="5" t="s">
        <v>1518</v>
      </c>
      <c r="J14916" s="5" t="s">
        <v>36264</v>
      </c>
      <c r="K14916" s="2" t="s">
        <v>36265</v>
      </c>
      <c r="L14916" s="5" t="s">
        <v>36264</v>
      </c>
      <c r="M14916" s="2" t="s">
        <v>36265</v>
      </c>
      <c r="N14916" s="5" t="s">
        <v>36266</v>
      </c>
      <c r="O14916" s="5" t="s">
        <v>38</v>
      </c>
      <c r="P14916" s="5" t="s">
        <v>39</v>
      </c>
      <c r="Q14916" s="5" t="s">
        <v>40</v>
      </c>
      <c r="R14916" s="5" t="s">
        <v>1522</v>
      </c>
      <c r="S14916" s="5" t="s">
        <v>1523</v>
      </c>
      <c r="T14916" s="5" t="s">
        <v>42</v>
      </c>
      <c r="U14916" s="2">
        <v>2.286</v>
      </c>
      <c r="V14916" s="2">
        <v>1.8160000000000001</v>
      </c>
      <c r="W14916" s="2">
        <v>1.0999999999999999E-2</v>
      </c>
      <c r="X14916" s="2">
        <v>82.9</v>
      </c>
      <c r="Y14916" s="2">
        <v>7.6</v>
      </c>
      <c r="Z14916" s="2">
        <v>16.7</v>
      </c>
      <c r="AA14916" s="5"/>
      <c r="AB14916" s="5" t="s">
        <v>43</v>
      </c>
      <c r="AC14916" s="5" t="s">
        <v>44</v>
      </c>
      <c r="AD14916" s="2"/>
      <c r="AE14916" s="1"/>
    </row>
    <row r="14917" spans="1:31" ht="14.45">
      <c r="A14917" s="11"/>
      <c r="B14917" s="20"/>
      <c r="C14917" s="2" t="s">
        <v>45704</v>
      </c>
      <c r="D14917" s="14" t="s">
        <v>45705</v>
      </c>
      <c r="E14917" s="2" t="s">
        <v>45706</v>
      </c>
      <c r="F14917" s="2" t="s">
        <v>36301</v>
      </c>
      <c r="G14917" s="8">
        <v>262</v>
      </c>
      <c r="H14917" s="5">
        <v>6</v>
      </c>
      <c r="I14917" s="5" t="s">
        <v>1518</v>
      </c>
      <c r="J14917" s="5" t="s">
        <v>36264</v>
      </c>
      <c r="K14917" s="2" t="s">
        <v>36265</v>
      </c>
      <c r="L14917" s="5" t="s">
        <v>36264</v>
      </c>
      <c r="M14917" s="2" t="s">
        <v>36265</v>
      </c>
      <c r="N14917" s="5" t="s">
        <v>36266</v>
      </c>
      <c r="O14917" s="5" t="s">
        <v>38</v>
      </c>
      <c r="P14917" s="5" t="s">
        <v>39</v>
      </c>
      <c r="Q14917" s="5" t="s">
        <v>40</v>
      </c>
      <c r="R14917" s="5" t="s">
        <v>1522</v>
      </c>
      <c r="S14917" s="5" t="s">
        <v>1523</v>
      </c>
      <c r="T14917" s="5" t="s">
        <v>42</v>
      </c>
      <c r="U14917" s="2">
        <v>2.3519999999999999</v>
      </c>
      <c r="V14917" s="2">
        <v>1.8819999999999999</v>
      </c>
      <c r="W14917" s="2">
        <v>1.0999999999999999E-2</v>
      </c>
      <c r="X14917" s="2">
        <v>82.9</v>
      </c>
      <c r="Y14917" s="2">
        <v>7.6</v>
      </c>
      <c r="Z14917" s="2">
        <v>16.7</v>
      </c>
      <c r="AA14917" s="5"/>
      <c r="AB14917" s="5" t="s">
        <v>43</v>
      </c>
      <c r="AC14917" s="5" t="s">
        <v>44</v>
      </c>
      <c r="AD14917" s="2"/>
      <c r="AE14917" s="1"/>
    </row>
    <row r="14918" spans="1:31" ht="14.45">
      <c r="A14918" s="11"/>
      <c r="B14918" s="20"/>
      <c r="C14918" s="2" t="s">
        <v>45707</v>
      </c>
      <c r="D14918" s="14" t="s">
        <v>45708</v>
      </c>
      <c r="E14918" s="2" t="s">
        <v>45709</v>
      </c>
      <c r="F14918" s="2" t="s">
        <v>36305</v>
      </c>
      <c r="G14918" s="8">
        <v>262</v>
      </c>
      <c r="H14918" s="5">
        <v>6</v>
      </c>
      <c r="I14918" s="5" t="s">
        <v>1518</v>
      </c>
      <c r="J14918" s="5" t="s">
        <v>36264</v>
      </c>
      <c r="K14918" s="2" t="s">
        <v>36265</v>
      </c>
      <c r="L14918" s="5" t="s">
        <v>36264</v>
      </c>
      <c r="M14918" s="2" t="s">
        <v>36265</v>
      </c>
      <c r="N14918" s="5" t="s">
        <v>36266</v>
      </c>
      <c r="O14918" s="5" t="s">
        <v>38</v>
      </c>
      <c r="P14918" s="5" t="s">
        <v>39</v>
      </c>
      <c r="Q14918" s="5" t="s">
        <v>40</v>
      </c>
      <c r="R14918" s="5" t="s">
        <v>1522</v>
      </c>
      <c r="S14918" s="5" t="s">
        <v>1523</v>
      </c>
      <c r="T14918" s="5" t="s">
        <v>42</v>
      </c>
      <c r="U14918" s="2">
        <v>2.286</v>
      </c>
      <c r="V14918" s="2">
        <v>1.8160000000000001</v>
      </c>
      <c r="W14918" s="2">
        <v>1.0999999999999999E-2</v>
      </c>
      <c r="X14918" s="2">
        <v>82.9</v>
      </c>
      <c r="Y14918" s="2">
        <v>7.6</v>
      </c>
      <c r="Z14918" s="2">
        <v>16.7</v>
      </c>
      <c r="AA14918" s="5"/>
      <c r="AB14918" s="5" t="s">
        <v>43</v>
      </c>
      <c r="AC14918" s="5" t="s">
        <v>44</v>
      </c>
      <c r="AD14918" s="2"/>
      <c r="AE14918" s="1"/>
    </row>
    <row r="14919" spans="1:31" ht="14.45">
      <c r="A14919" s="11"/>
      <c r="B14919" s="20"/>
      <c r="C14919" s="2" t="s">
        <v>45710</v>
      </c>
      <c r="D14919" s="14" t="s">
        <v>45711</v>
      </c>
      <c r="E14919" s="2" t="s">
        <v>45712</v>
      </c>
      <c r="F14919" s="2" t="s">
        <v>36329</v>
      </c>
      <c r="G14919" s="8">
        <v>282</v>
      </c>
      <c r="H14919" s="5">
        <v>6</v>
      </c>
      <c r="I14919" s="5" t="s">
        <v>1518</v>
      </c>
      <c r="J14919" s="5" t="s">
        <v>36264</v>
      </c>
      <c r="K14919" s="2" t="s">
        <v>36265</v>
      </c>
      <c r="L14919" s="5" t="s">
        <v>36264</v>
      </c>
      <c r="M14919" s="2" t="s">
        <v>36265</v>
      </c>
      <c r="N14919" s="5" t="s">
        <v>36266</v>
      </c>
      <c r="O14919" s="5" t="s">
        <v>38</v>
      </c>
      <c r="P14919" s="5" t="s">
        <v>39</v>
      </c>
      <c r="Q14919" s="5" t="s">
        <v>40</v>
      </c>
      <c r="R14919" s="5" t="s">
        <v>1522</v>
      </c>
      <c r="S14919" s="5" t="s">
        <v>1523</v>
      </c>
      <c r="T14919" s="5" t="s">
        <v>42</v>
      </c>
      <c r="U14919" s="2">
        <v>2.286</v>
      </c>
      <c r="V14919" s="2">
        <v>1.8160000000000001</v>
      </c>
      <c r="W14919" s="2">
        <v>1.0999999999999999E-2</v>
      </c>
      <c r="X14919" s="2">
        <v>82.9</v>
      </c>
      <c r="Y14919" s="2">
        <v>7.6</v>
      </c>
      <c r="Z14919" s="2">
        <v>16.7</v>
      </c>
      <c r="AA14919" s="5"/>
      <c r="AB14919" s="5" t="s">
        <v>43</v>
      </c>
      <c r="AC14919" s="5" t="s">
        <v>44</v>
      </c>
      <c r="AD14919" s="2"/>
      <c r="AE14919" s="1"/>
    </row>
    <row r="14920" spans="1:31" ht="14.45">
      <c r="A14920" s="11"/>
      <c r="B14920" s="20"/>
      <c r="C14920" s="2" t="s">
        <v>45713</v>
      </c>
      <c r="D14920" s="14" t="s">
        <v>45714</v>
      </c>
      <c r="E14920" s="2" t="s">
        <v>45715</v>
      </c>
      <c r="F14920" s="2" t="s">
        <v>36333</v>
      </c>
      <c r="G14920" s="8">
        <v>282</v>
      </c>
      <c r="H14920" s="5">
        <v>6</v>
      </c>
      <c r="I14920" s="5" t="s">
        <v>1518</v>
      </c>
      <c r="J14920" s="5" t="s">
        <v>36264</v>
      </c>
      <c r="K14920" s="2" t="s">
        <v>36265</v>
      </c>
      <c r="L14920" s="5" t="s">
        <v>36264</v>
      </c>
      <c r="M14920" s="2" t="s">
        <v>36265</v>
      </c>
      <c r="N14920" s="5" t="s">
        <v>36266</v>
      </c>
      <c r="O14920" s="5" t="s">
        <v>38</v>
      </c>
      <c r="P14920" s="5" t="s">
        <v>39</v>
      </c>
      <c r="Q14920" s="5" t="s">
        <v>40</v>
      </c>
      <c r="R14920" s="5" t="s">
        <v>1522</v>
      </c>
      <c r="S14920" s="5" t="s">
        <v>1523</v>
      </c>
      <c r="T14920" s="5" t="s">
        <v>42</v>
      </c>
      <c r="U14920" s="2">
        <v>2.3519999999999999</v>
      </c>
      <c r="V14920" s="2">
        <v>1.8819999999999999</v>
      </c>
      <c r="W14920" s="2">
        <v>1.0999999999999999E-2</v>
      </c>
      <c r="X14920" s="2">
        <v>82.9</v>
      </c>
      <c r="Y14920" s="2">
        <v>7.6</v>
      </c>
      <c r="Z14920" s="2">
        <v>16.7</v>
      </c>
      <c r="AA14920" s="5"/>
      <c r="AB14920" s="5" t="s">
        <v>43</v>
      </c>
      <c r="AC14920" s="5" t="s">
        <v>44</v>
      </c>
      <c r="AD14920" s="2"/>
      <c r="AE14920" s="1"/>
    </row>
    <row r="14921" spans="1:31" ht="14.45">
      <c r="A14921" s="11"/>
      <c r="B14921" s="20"/>
      <c r="C14921" s="2" t="s">
        <v>45716</v>
      </c>
      <c r="D14921" s="14" t="s">
        <v>45717</v>
      </c>
      <c r="E14921" s="2" t="s">
        <v>45718</v>
      </c>
      <c r="F14921" s="2" t="s">
        <v>36369</v>
      </c>
      <c r="G14921" s="8">
        <v>282</v>
      </c>
      <c r="H14921" s="5">
        <v>6</v>
      </c>
      <c r="I14921" s="5" t="s">
        <v>1518</v>
      </c>
      <c r="J14921" s="5" t="s">
        <v>36264</v>
      </c>
      <c r="K14921" s="2" t="s">
        <v>36265</v>
      </c>
      <c r="L14921" s="5" t="s">
        <v>36264</v>
      </c>
      <c r="M14921" s="2" t="s">
        <v>36265</v>
      </c>
      <c r="N14921" s="5" t="s">
        <v>36266</v>
      </c>
      <c r="O14921" s="5" t="s">
        <v>38</v>
      </c>
      <c r="P14921" s="5" t="s">
        <v>39</v>
      </c>
      <c r="Q14921" s="5" t="s">
        <v>40</v>
      </c>
      <c r="R14921" s="5" t="s">
        <v>1522</v>
      </c>
      <c r="S14921" s="5" t="s">
        <v>1523</v>
      </c>
      <c r="T14921" s="5" t="s">
        <v>42</v>
      </c>
      <c r="U14921" s="2">
        <v>2.286</v>
      </c>
      <c r="V14921" s="2">
        <v>1.8160000000000001</v>
      </c>
      <c r="W14921" s="2">
        <v>1.0999999999999999E-2</v>
      </c>
      <c r="X14921" s="2">
        <v>82.9</v>
      </c>
      <c r="Y14921" s="2">
        <v>7.6</v>
      </c>
      <c r="Z14921" s="2">
        <v>16.7</v>
      </c>
      <c r="AA14921" s="5"/>
      <c r="AB14921" s="5" t="s">
        <v>43</v>
      </c>
      <c r="AC14921" s="5" t="s">
        <v>44</v>
      </c>
      <c r="AD14921" s="2"/>
      <c r="AE14921" s="1"/>
    </row>
    <row r="14922" spans="1:31" ht="14.45">
      <c r="A14922" s="11"/>
      <c r="B14922" s="20"/>
      <c r="C14922" s="2" t="s">
        <v>45719</v>
      </c>
      <c r="D14922" s="14" t="s">
        <v>45720</v>
      </c>
      <c r="E14922" s="2" t="s">
        <v>45721</v>
      </c>
      <c r="F14922" s="2" t="s">
        <v>36373</v>
      </c>
      <c r="G14922" s="8">
        <v>282</v>
      </c>
      <c r="H14922" s="5">
        <v>6</v>
      </c>
      <c r="I14922" s="5" t="s">
        <v>1518</v>
      </c>
      <c r="J14922" s="5" t="s">
        <v>36264</v>
      </c>
      <c r="K14922" s="2" t="s">
        <v>36265</v>
      </c>
      <c r="L14922" s="5" t="s">
        <v>36264</v>
      </c>
      <c r="M14922" s="2" t="s">
        <v>36265</v>
      </c>
      <c r="N14922" s="5" t="s">
        <v>36266</v>
      </c>
      <c r="O14922" s="5" t="s">
        <v>38</v>
      </c>
      <c r="P14922" s="5" t="s">
        <v>39</v>
      </c>
      <c r="Q14922" s="5" t="s">
        <v>40</v>
      </c>
      <c r="R14922" s="5" t="s">
        <v>1522</v>
      </c>
      <c r="S14922" s="5" t="s">
        <v>1523</v>
      </c>
      <c r="T14922" s="5" t="s">
        <v>42</v>
      </c>
      <c r="U14922" s="2">
        <v>2.3519999999999999</v>
      </c>
      <c r="V14922" s="2">
        <v>1.8819999999999999</v>
      </c>
      <c r="W14922" s="2">
        <v>1.0999999999999999E-2</v>
      </c>
      <c r="X14922" s="2">
        <v>82.9</v>
      </c>
      <c r="Y14922" s="2">
        <v>7.6</v>
      </c>
      <c r="Z14922" s="2">
        <v>16.7</v>
      </c>
      <c r="AA14922" s="5"/>
      <c r="AB14922" s="5" t="s">
        <v>43</v>
      </c>
      <c r="AC14922" s="5" t="s">
        <v>44</v>
      </c>
      <c r="AD14922" s="2"/>
      <c r="AE14922" s="1"/>
    </row>
    <row r="14923" spans="1:31" ht="14.45">
      <c r="A14923" s="11"/>
      <c r="B14923" s="20"/>
      <c r="C14923" s="2" t="s">
        <v>45722</v>
      </c>
      <c r="D14923" s="14" t="s">
        <v>45723</v>
      </c>
      <c r="E14923" s="2" t="s">
        <v>45724</v>
      </c>
      <c r="F14923" s="2" t="s">
        <v>36381</v>
      </c>
      <c r="G14923" s="8">
        <v>282</v>
      </c>
      <c r="H14923" s="5">
        <v>6</v>
      </c>
      <c r="I14923" s="5" t="s">
        <v>1518</v>
      </c>
      <c r="J14923" s="5" t="s">
        <v>36264</v>
      </c>
      <c r="K14923" s="2" t="s">
        <v>36265</v>
      </c>
      <c r="L14923" s="5" t="s">
        <v>36264</v>
      </c>
      <c r="M14923" s="2" t="s">
        <v>36265</v>
      </c>
      <c r="N14923" s="5" t="s">
        <v>36266</v>
      </c>
      <c r="O14923" s="5" t="s">
        <v>38</v>
      </c>
      <c r="P14923" s="5" t="s">
        <v>39</v>
      </c>
      <c r="Q14923" s="5" t="s">
        <v>40</v>
      </c>
      <c r="R14923" s="5" t="s">
        <v>1522</v>
      </c>
      <c r="S14923" s="5" t="s">
        <v>1523</v>
      </c>
      <c r="T14923" s="5" t="s">
        <v>42</v>
      </c>
      <c r="U14923" s="2">
        <v>2.3519999999999999</v>
      </c>
      <c r="V14923" s="2">
        <v>1.8819999999999999</v>
      </c>
      <c r="W14923" s="2">
        <v>1.0999999999999999E-2</v>
      </c>
      <c r="X14923" s="2">
        <v>82.9</v>
      </c>
      <c r="Y14923" s="2">
        <v>7.6</v>
      </c>
      <c r="Z14923" s="2">
        <v>16.7</v>
      </c>
      <c r="AA14923" s="5"/>
      <c r="AB14923" s="5" t="s">
        <v>43</v>
      </c>
      <c r="AC14923" s="5" t="s">
        <v>44</v>
      </c>
      <c r="AD14923" s="2"/>
      <c r="AE14923" s="1"/>
    </row>
    <row r="14924" spans="1:31" ht="14.45">
      <c r="A14924" s="11"/>
      <c r="B14924" s="20"/>
      <c r="C14924" s="2" t="s">
        <v>45725</v>
      </c>
      <c r="D14924" s="14" t="s">
        <v>45726</v>
      </c>
      <c r="E14924" s="2" t="s">
        <v>45727</v>
      </c>
      <c r="F14924" s="2" t="s">
        <v>7204</v>
      </c>
      <c r="G14924" s="8">
        <v>276</v>
      </c>
      <c r="H14924" s="5">
        <v>6</v>
      </c>
      <c r="I14924" s="5" t="s">
        <v>1518</v>
      </c>
      <c r="J14924" s="5" t="s">
        <v>36264</v>
      </c>
      <c r="K14924" s="2" t="s">
        <v>36265</v>
      </c>
      <c r="L14924" s="5" t="s">
        <v>36264</v>
      </c>
      <c r="M14924" s="2" t="s">
        <v>36265</v>
      </c>
      <c r="N14924" s="5" t="s">
        <v>36266</v>
      </c>
      <c r="O14924" s="5" t="s">
        <v>38</v>
      </c>
      <c r="P14924" s="5" t="s">
        <v>39</v>
      </c>
      <c r="Q14924" s="5" t="s">
        <v>40</v>
      </c>
      <c r="R14924" s="5" t="s">
        <v>1522</v>
      </c>
      <c r="S14924" s="5" t="s">
        <v>1523</v>
      </c>
      <c r="T14924" s="5" t="s">
        <v>42</v>
      </c>
      <c r="U14924" s="2">
        <v>2.5339999999999998</v>
      </c>
      <c r="V14924" s="2">
        <v>1.9770000000000001</v>
      </c>
      <c r="W14924" s="2">
        <v>1.4999999999999999E-2</v>
      </c>
      <c r="X14924" s="2">
        <v>118.9</v>
      </c>
      <c r="Y14924" s="2">
        <v>7.6</v>
      </c>
      <c r="Z14924" s="2">
        <v>16.7</v>
      </c>
      <c r="AA14924" s="5"/>
      <c r="AB14924" s="5" t="s">
        <v>43</v>
      </c>
      <c r="AC14924" s="5" t="s">
        <v>44</v>
      </c>
      <c r="AD14924" s="2"/>
      <c r="AE14924" s="1"/>
    </row>
    <row r="14925" spans="1:31" ht="14.45">
      <c r="A14925" s="11"/>
      <c r="B14925" s="20"/>
      <c r="C14925" s="2" t="s">
        <v>45728</v>
      </c>
      <c r="D14925" s="14" t="s">
        <v>45729</v>
      </c>
      <c r="E14925" s="2" t="s">
        <v>45730</v>
      </c>
      <c r="F14925" s="2" t="s">
        <v>7514</v>
      </c>
      <c r="G14925" s="8">
        <v>276</v>
      </c>
      <c r="H14925" s="5">
        <v>6</v>
      </c>
      <c r="I14925" s="5" t="s">
        <v>1518</v>
      </c>
      <c r="J14925" s="5" t="s">
        <v>36264</v>
      </c>
      <c r="K14925" s="2" t="s">
        <v>36265</v>
      </c>
      <c r="L14925" s="5" t="s">
        <v>36264</v>
      </c>
      <c r="M14925" s="2" t="s">
        <v>36265</v>
      </c>
      <c r="N14925" s="5" t="s">
        <v>36266</v>
      </c>
      <c r="O14925" s="5" t="s">
        <v>38</v>
      </c>
      <c r="P14925" s="5" t="s">
        <v>39</v>
      </c>
      <c r="Q14925" s="5" t="s">
        <v>40</v>
      </c>
      <c r="R14925" s="5" t="s">
        <v>1522</v>
      </c>
      <c r="S14925" s="5" t="s">
        <v>1523</v>
      </c>
      <c r="T14925" s="5" t="s">
        <v>42</v>
      </c>
      <c r="U14925" s="2">
        <v>2.6110000000000002</v>
      </c>
      <c r="V14925" s="2">
        <v>2.0539999999999998</v>
      </c>
      <c r="W14925" s="2">
        <v>1.4999999999999999E-2</v>
      </c>
      <c r="X14925" s="2">
        <v>118.9</v>
      </c>
      <c r="Y14925" s="2">
        <v>7.6</v>
      </c>
      <c r="Z14925" s="2">
        <v>16.7</v>
      </c>
      <c r="AA14925" s="5"/>
      <c r="AB14925" s="5" t="s">
        <v>43</v>
      </c>
      <c r="AC14925" s="5" t="s">
        <v>44</v>
      </c>
      <c r="AD14925" s="2"/>
      <c r="AE14925" s="1"/>
    </row>
    <row r="14926" spans="1:31" ht="14.45">
      <c r="A14926" s="11"/>
      <c r="B14926" s="20"/>
      <c r="C14926" s="2" t="s">
        <v>45731</v>
      </c>
      <c r="D14926" s="14" t="s">
        <v>45732</v>
      </c>
      <c r="E14926" s="2" t="s">
        <v>45733</v>
      </c>
      <c r="F14926" s="2" t="s">
        <v>36273</v>
      </c>
      <c r="G14926" s="8">
        <v>276</v>
      </c>
      <c r="H14926" s="5">
        <v>6</v>
      </c>
      <c r="I14926" s="5" t="s">
        <v>1518</v>
      </c>
      <c r="J14926" s="5" t="s">
        <v>36264</v>
      </c>
      <c r="K14926" s="2" t="s">
        <v>36265</v>
      </c>
      <c r="L14926" s="5" t="s">
        <v>36264</v>
      </c>
      <c r="M14926" s="2" t="s">
        <v>36265</v>
      </c>
      <c r="N14926" s="5" t="s">
        <v>36266</v>
      </c>
      <c r="O14926" s="5" t="s">
        <v>38</v>
      </c>
      <c r="P14926" s="5" t="s">
        <v>39</v>
      </c>
      <c r="Q14926" s="5" t="s">
        <v>40</v>
      </c>
      <c r="R14926" s="5" t="s">
        <v>1522</v>
      </c>
      <c r="S14926" s="5" t="s">
        <v>1523</v>
      </c>
      <c r="T14926" s="5" t="s">
        <v>42</v>
      </c>
      <c r="U14926" s="2">
        <v>2.5339999999999998</v>
      </c>
      <c r="V14926" s="2">
        <v>1.9770000000000001</v>
      </c>
      <c r="W14926" s="2">
        <v>1.4999999999999999E-2</v>
      </c>
      <c r="X14926" s="2">
        <v>118.9</v>
      </c>
      <c r="Y14926" s="2">
        <v>7.6</v>
      </c>
      <c r="Z14926" s="2">
        <v>16.7</v>
      </c>
      <c r="AA14926" s="5"/>
      <c r="AB14926" s="5" t="s">
        <v>43</v>
      </c>
      <c r="AC14926" s="5" t="s">
        <v>44</v>
      </c>
      <c r="AD14926" s="2"/>
      <c r="AE14926" s="1"/>
    </row>
    <row r="14927" spans="1:31" ht="14.45">
      <c r="A14927" s="11"/>
      <c r="B14927" s="20"/>
      <c r="C14927" s="2" t="s">
        <v>45734</v>
      </c>
      <c r="D14927" s="14" t="s">
        <v>45735</v>
      </c>
      <c r="E14927" s="2" t="s">
        <v>45736</v>
      </c>
      <c r="F14927" s="2" t="s">
        <v>36277</v>
      </c>
      <c r="G14927" s="8">
        <v>276</v>
      </c>
      <c r="H14927" s="5">
        <v>6</v>
      </c>
      <c r="I14927" s="5" t="s">
        <v>1518</v>
      </c>
      <c r="J14927" s="5" t="s">
        <v>36264</v>
      </c>
      <c r="K14927" s="2" t="s">
        <v>36265</v>
      </c>
      <c r="L14927" s="5" t="s">
        <v>36264</v>
      </c>
      <c r="M14927" s="2" t="s">
        <v>36265</v>
      </c>
      <c r="N14927" s="5" t="s">
        <v>36266</v>
      </c>
      <c r="O14927" s="5" t="s">
        <v>38</v>
      </c>
      <c r="P14927" s="5" t="s">
        <v>39</v>
      </c>
      <c r="Q14927" s="5" t="s">
        <v>40</v>
      </c>
      <c r="R14927" s="5" t="s">
        <v>1522</v>
      </c>
      <c r="S14927" s="5" t="s">
        <v>1523</v>
      </c>
      <c r="T14927" s="5" t="s">
        <v>42</v>
      </c>
      <c r="U14927" s="2">
        <v>2.6110000000000002</v>
      </c>
      <c r="V14927" s="2">
        <v>2.0539999999999998</v>
      </c>
      <c r="W14927" s="2">
        <v>1.4999999999999999E-2</v>
      </c>
      <c r="X14927" s="2">
        <v>118.9</v>
      </c>
      <c r="Y14927" s="2">
        <v>7.6</v>
      </c>
      <c r="Z14927" s="2">
        <v>16.7</v>
      </c>
      <c r="AA14927" s="5"/>
      <c r="AB14927" s="5" t="s">
        <v>43</v>
      </c>
      <c r="AC14927" s="5" t="s">
        <v>44</v>
      </c>
      <c r="AD14927" s="2"/>
      <c r="AE14927" s="1"/>
    </row>
    <row r="14928" spans="1:31" ht="14.45">
      <c r="A14928" s="11"/>
      <c r="B14928" s="20"/>
      <c r="C14928" s="2" t="s">
        <v>45737</v>
      </c>
      <c r="D14928" s="14" t="s">
        <v>45738</v>
      </c>
      <c r="E14928" s="2" t="s">
        <v>45739</v>
      </c>
      <c r="F14928" s="2" t="s">
        <v>36289</v>
      </c>
      <c r="G14928" s="8">
        <v>297</v>
      </c>
      <c r="H14928" s="5">
        <v>6</v>
      </c>
      <c r="I14928" s="5" t="s">
        <v>1518</v>
      </c>
      <c r="J14928" s="5" t="s">
        <v>36264</v>
      </c>
      <c r="K14928" s="2" t="s">
        <v>36265</v>
      </c>
      <c r="L14928" s="5" t="s">
        <v>36264</v>
      </c>
      <c r="M14928" s="2" t="s">
        <v>36265</v>
      </c>
      <c r="N14928" s="5" t="s">
        <v>36266</v>
      </c>
      <c r="O14928" s="5" t="s">
        <v>38</v>
      </c>
      <c r="P14928" s="5" t="s">
        <v>39</v>
      </c>
      <c r="Q14928" s="5" t="s">
        <v>40</v>
      </c>
      <c r="R14928" s="5" t="s">
        <v>1522</v>
      </c>
      <c r="S14928" s="5" t="s">
        <v>1523</v>
      </c>
      <c r="T14928" s="5" t="s">
        <v>42</v>
      </c>
      <c r="U14928" s="2">
        <v>2.5339999999999998</v>
      </c>
      <c r="V14928" s="2">
        <v>1.9770000000000001</v>
      </c>
      <c r="W14928" s="2">
        <v>1.4999999999999999E-2</v>
      </c>
      <c r="X14928" s="2">
        <v>118.9</v>
      </c>
      <c r="Y14928" s="2">
        <v>7.6</v>
      </c>
      <c r="Z14928" s="2">
        <v>16.7</v>
      </c>
      <c r="AA14928" s="5"/>
      <c r="AB14928" s="5" t="s">
        <v>43</v>
      </c>
      <c r="AC14928" s="5" t="s">
        <v>44</v>
      </c>
      <c r="AD14928" s="2"/>
      <c r="AE14928" s="1"/>
    </row>
    <row r="14929" spans="1:31" ht="14.45">
      <c r="A14929" s="11"/>
      <c r="B14929" s="20"/>
      <c r="C14929" s="2" t="s">
        <v>45740</v>
      </c>
      <c r="D14929" s="14" t="s">
        <v>45741</v>
      </c>
      <c r="E14929" s="2" t="s">
        <v>45742</v>
      </c>
      <c r="F14929" s="2" t="s">
        <v>36293</v>
      </c>
      <c r="G14929" s="8">
        <v>297</v>
      </c>
      <c r="H14929" s="5">
        <v>6</v>
      </c>
      <c r="I14929" s="5" t="s">
        <v>1518</v>
      </c>
      <c r="J14929" s="5" t="s">
        <v>36264</v>
      </c>
      <c r="K14929" s="2" t="s">
        <v>36265</v>
      </c>
      <c r="L14929" s="5" t="s">
        <v>36264</v>
      </c>
      <c r="M14929" s="2" t="s">
        <v>36265</v>
      </c>
      <c r="N14929" s="5" t="s">
        <v>36266</v>
      </c>
      <c r="O14929" s="5" t="s">
        <v>38</v>
      </c>
      <c r="P14929" s="5" t="s">
        <v>39</v>
      </c>
      <c r="Q14929" s="5" t="s">
        <v>40</v>
      </c>
      <c r="R14929" s="5" t="s">
        <v>1522</v>
      </c>
      <c r="S14929" s="5" t="s">
        <v>1523</v>
      </c>
      <c r="T14929" s="5" t="s">
        <v>42</v>
      </c>
      <c r="U14929" s="2">
        <v>2.6110000000000002</v>
      </c>
      <c r="V14929" s="2">
        <v>2.0539999999999998</v>
      </c>
      <c r="W14929" s="2">
        <v>1.4999999999999999E-2</v>
      </c>
      <c r="X14929" s="2">
        <v>118.9</v>
      </c>
      <c r="Y14929" s="2">
        <v>7.6</v>
      </c>
      <c r="Z14929" s="2">
        <v>16.7</v>
      </c>
      <c r="AA14929" s="5"/>
      <c r="AB14929" s="5" t="s">
        <v>43</v>
      </c>
      <c r="AC14929" s="5" t="s">
        <v>44</v>
      </c>
      <c r="AD14929" s="2"/>
      <c r="AE14929" s="1"/>
    </row>
    <row r="14930" spans="1:31" ht="14.45">
      <c r="A14930" s="11"/>
      <c r="B14930" s="20"/>
      <c r="C14930" s="2" t="s">
        <v>45743</v>
      </c>
      <c r="D14930" s="14" t="s">
        <v>45744</v>
      </c>
      <c r="E14930" s="2" t="s">
        <v>45745</v>
      </c>
      <c r="F14930" s="2" t="s">
        <v>36297</v>
      </c>
      <c r="G14930" s="8">
        <v>276</v>
      </c>
      <c r="H14930" s="5">
        <v>6</v>
      </c>
      <c r="I14930" s="5" t="s">
        <v>1518</v>
      </c>
      <c r="J14930" s="5" t="s">
        <v>36264</v>
      </c>
      <c r="K14930" s="2" t="s">
        <v>36265</v>
      </c>
      <c r="L14930" s="5" t="s">
        <v>36264</v>
      </c>
      <c r="M14930" s="2" t="s">
        <v>36265</v>
      </c>
      <c r="N14930" s="5" t="s">
        <v>36266</v>
      </c>
      <c r="O14930" s="5" t="s">
        <v>38</v>
      </c>
      <c r="P14930" s="5" t="s">
        <v>39</v>
      </c>
      <c r="Q14930" s="5" t="s">
        <v>40</v>
      </c>
      <c r="R14930" s="5" t="s">
        <v>1522</v>
      </c>
      <c r="S14930" s="5" t="s">
        <v>1523</v>
      </c>
      <c r="T14930" s="5" t="s">
        <v>42</v>
      </c>
      <c r="U14930" s="2">
        <v>2.5339999999999998</v>
      </c>
      <c r="V14930" s="2">
        <v>1.9770000000000001</v>
      </c>
      <c r="W14930" s="2">
        <v>1.4999999999999999E-2</v>
      </c>
      <c r="X14930" s="2">
        <v>118.9</v>
      </c>
      <c r="Y14930" s="2">
        <v>7.6</v>
      </c>
      <c r="Z14930" s="2">
        <v>16.7</v>
      </c>
      <c r="AA14930" s="5"/>
      <c r="AB14930" s="5" t="s">
        <v>43</v>
      </c>
      <c r="AC14930" s="5" t="s">
        <v>44</v>
      </c>
      <c r="AD14930" s="2"/>
      <c r="AE14930" s="1"/>
    </row>
    <row r="14931" spans="1:31" ht="14.45">
      <c r="A14931" s="11"/>
      <c r="B14931" s="20"/>
      <c r="C14931" s="2" t="s">
        <v>45746</v>
      </c>
      <c r="D14931" s="14" t="s">
        <v>45747</v>
      </c>
      <c r="E14931" s="2" t="s">
        <v>45748</v>
      </c>
      <c r="F14931" s="2" t="s">
        <v>36301</v>
      </c>
      <c r="G14931" s="8">
        <v>276</v>
      </c>
      <c r="H14931" s="5">
        <v>6</v>
      </c>
      <c r="I14931" s="5" t="s">
        <v>1518</v>
      </c>
      <c r="J14931" s="5" t="s">
        <v>36264</v>
      </c>
      <c r="K14931" s="2" t="s">
        <v>36265</v>
      </c>
      <c r="L14931" s="5" t="s">
        <v>36264</v>
      </c>
      <c r="M14931" s="2" t="s">
        <v>36265</v>
      </c>
      <c r="N14931" s="5" t="s">
        <v>36266</v>
      </c>
      <c r="O14931" s="5" t="s">
        <v>38</v>
      </c>
      <c r="P14931" s="5" t="s">
        <v>39</v>
      </c>
      <c r="Q14931" s="5" t="s">
        <v>40</v>
      </c>
      <c r="R14931" s="5" t="s">
        <v>1522</v>
      </c>
      <c r="S14931" s="5" t="s">
        <v>1523</v>
      </c>
      <c r="T14931" s="5" t="s">
        <v>42</v>
      </c>
      <c r="U14931" s="2">
        <v>2.6110000000000002</v>
      </c>
      <c r="V14931" s="2">
        <v>2.0539999999999998</v>
      </c>
      <c r="W14931" s="2">
        <v>1.4999999999999999E-2</v>
      </c>
      <c r="X14931" s="2">
        <v>118.9</v>
      </c>
      <c r="Y14931" s="2">
        <v>7.6</v>
      </c>
      <c r="Z14931" s="2">
        <v>16.7</v>
      </c>
      <c r="AA14931" s="5"/>
      <c r="AB14931" s="5" t="s">
        <v>43</v>
      </c>
      <c r="AC14931" s="5" t="s">
        <v>44</v>
      </c>
      <c r="AD14931" s="2"/>
      <c r="AE14931" s="1"/>
    </row>
    <row r="14932" spans="1:31" ht="14.45">
      <c r="A14932" s="11"/>
      <c r="B14932" s="20"/>
      <c r="C14932" s="2" t="s">
        <v>45749</v>
      </c>
      <c r="D14932" s="14" t="s">
        <v>45750</v>
      </c>
      <c r="E14932" s="2" t="s">
        <v>45751</v>
      </c>
      <c r="F14932" s="2" t="s">
        <v>36305</v>
      </c>
      <c r="G14932" s="8">
        <v>276</v>
      </c>
      <c r="H14932" s="5">
        <v>6</v>
      </c>
      <c r="I14932" s="5" t="s">
        <v>1518</v>
      </c>
      <c r="J14932" s="5" t="s">
        <v>36264</v>
      </c>
      <c r="K14932" s="2" t="s">
        <v>36265</v>
      </c>
      <c r="L14932" s="5" t="s">
        <v>36264</v>
      </c>
      <c r="M14932" s="2" t="s">
        <v>36265</v>
      </c>
      <c r="N14932" s="5" t="s">
        <v>36266</v>
      </c>
      <c r="O14932" s="5" t="s">
        <v>38</v>
      </c>
      <c r="P14932" s="5" t="s">
        <v>39</v>
      </c>
      <c r="Q14932" s="5" t="s">
        <v>40</v>
      </c>
      <c r="R14932" s="5" t="s">
        <v>1522</v>
      </c>
      <c r="S14932" s="5" t="s">
        <v>1523</v>
      </c>
      <c r="T14932" s="5" t="s">
        <v>42</v>
      </c>
      <c r="U14932" s="2">
        <v>2.5339999999999998</v>
      </c>
      <c r="V14932" s="2">
        <v>1.9770000000000001</v>
      </c>
      <c r="W14932" s="2">
        <v>1.4999999999999999E-2</v>
      </c>
      <c r="X14932" s="2">
        <v>118.9</v>
      </c>
      <c r="Y14932" s="2">
        <v>7.6</v>
      </c>
      <c r="Z14932" s="2">
        <v>16.7</v>
      </c>
      <c r="AA14932" s="5"/>
      <c r="AB14932" s="5" t="s">
        <v>43</v>
      </c>
      <c r="AC14932" s="5" t="s">
        <v>44</v>
      </c>
      <c r="AD14932" s="2"/>
      <c r="AE14932" s="1"/>
    </row>
    <row r="14933" spans="1:31" ht="14.45">
      <c r="A14933" s="11"/>
      <c r="B14933" s="20"/>
      <c r="C14933" s="2" t="s">
        <v>45752</v>
      </c>
      <c r="D14933" s="14" t="s">
        <v>45753</v>
      </c>
      <c r="E14933" s="2" t="s">
        <v>45754</v>
      </c>
      <c r="F14933" s="2" t="s">
        <v>36309</v>
      </c>
      <c r="G14933" s="8">
        <v>276</v>
      </c>
      <c r="H14933" s="5">
        <v>6</v>
      </c>
      <c r="I14933" s="5" t="s">
        <v>1518</v>
      </c>
      <c r="J14933" s="5" t="s">
        <v>36264</v>
      </c>
      <c r="K14933" s="2" t="s">
        <v>36265</v>
      </c>
      <c r="L14933" s="5" t="s">
        <v>36264</v>
      </c>
      <c r="M14933" s="2" t="s">
        <v>36265</v>
      </c>
      <c r="N14933" s="5" t="s">
        <v>36266</v>
      </c>
      <c r="O14933" s="5" t="s">
        <v>38</v>
      </c>
      <c r="P14933" s="5" t="s">
        <v>39</v>
      </c>
      <c r="Q14933" s="5" t="s">
        <v>40</v>
      </c>
      <c r="R14933" s="5" t="s">
        <v>1522</v>
      </c>
      <c r="S14933" s="5" t="s">
        <v>1523</v>
      </c>
      <c r="T14933" s="5" t="s">
        <v>42</v>
      </c>
      <c r="U14933" s="2">
        <v>2.6110000000000002</v>
      </c>
      <c r="V14933" s="2">
        <v>2.0539999999999998</v>
      </c>
      <c r="W14933" s="2">
        <v>1.4999999999999999E-2</v>
      </c>
      <c r="X14933" s="2">
        <v>118.9</v>
      </c>
      <c r="Y14933" s="2">
        <v>7.6</v>
      </c>
      <c r="Z14933" s="2">
        <v>16.7</v>
      </c>
      <c r="AA14933" s="5"/>
      <c r="AB14933" s="5" t="s">
        <v>43</v>
      </c>
      <c r="AC14933" s="5" t="s">
        <v>44</v>
      </c>
      <c r="AD14933" s="2"/>
      <c r="AE14933" s="1"/>
    </row>
    <row r="14934" spans="1:31" ht="14.45">
      <c r="A14934" s="11"/>
      <c r="B14934" s="20"/>
      <c r="C14934" s="2" t="s">
        <v>45755</v>
      </c>
      <c r="D14934" s="14" t="s">
        <v>45756</v>
      </c>
      <c r="E14934" s="2" t="s">
        <v>45757</v>
      </c>
      <c r="F14934" s="2" t="s">
        <v>36313</v>
      </c>
      <c r="G14934" s="8">
        <v>297</v>
      </c>
      <c r="H14934" s="5">
        <v>6</v>
      </c>
      <c r="I14934" s="5" t="s">
        <v>1518</v>
      </c>
      <c r="J14934" s="5" t="s">
        <v>36264</v>
      </c>
      <c r="K14934" s="2" t="s">
        <v>36265</v>
      </c>
      <c r="L14934" s="5" t="s">
        <v>36264</v>
      </c>
      <c r="M14934" s="2" t="s">
        <v>36265</v>
      </c>
      <c r="N14934" s="5" t="s">
        <v>36266</v>
      </c>
      <c r="O14934" s="5" t="s">
        <v>38</v>
      </c>
      <c r="P14934" s="5" t="s">
        <v>39</v>
      </c>
      <c r="Q14934" s="5" t="s">
        <v>40</v>
      </c>
      <c r="R14934" s="5" t="s">
        <v>1522</v>
      </c>
      <c r="S14934" s="5" t="s">
        <v>1523</v>
      </c>
      <c r="T14934" s="5" t="s">
        <v>42</v>
      </c>
      <c r="U14934" s="2">
        <v>2.5339999999999998</v>
      </c>
      <c r="V14934" s="2">
        <v>1.9770000000000001</v>
      </c>
      <c r="W14934" s="2">
        <v>1.4999999999999999E-2</v>
      </c>
      <c r="X14934" s="2">
        <v>118.9</v>
      </c>
      <c r="Y14934" s="2">
        <v>7.6</v>
      </c>
      <c r="Z14934" s="2">
        <v>16.7</v>
      </c>
      <c r="AA14934" s="5"/>
      <c r="AB14934" s="5" t="s">
        <v>43</v>
      </c>
      <c r="AC14934" s="5" t="s">
        <v>44</v>
      </c>
      <c r="AD14934" s="2"/>
      <c r="AE14934" s="1"/>
    </row>
    <row r="14935" spans="1:31" ht="14.45">
      <c r="A14935" s="11"/>
      <c r="B14935" s="20"/>
      <c r="C14935" s="2" t="s">
        <v>45758</v>
      </c>
      <c r="D14935" s="14" t="s">
        <v>45759</v>
      </c>
      <c r="E14935" s="2" t="s">
        <v>45760</v>
      </c>
      <c r="F14935" s="2" t="s">
        <v>36329</v>
      </c>
      <c r="G14935" s="8">
        <v>297</v>
      </c>
      <c r="H14935" s="5">
        <v>6</v>
      </c>
      <c r="I14935" s="5" t="s">
        <v>1518</v>
      </c>
      <c r="J14935" s="5" t="s">
        <v>36264</v>
      </c>
      <c r="K14935" s="2" t="s">
        <v>36265</v>
      </c>
      <c r="L14935" s="5" t="s">
        <v>36264</v>
      </c>
      <c r="M14935" s="2" t="s">
        <v>36265</v>
      </c>
      <c r="N14935" s="5" t="s">
        <v>36266</v>
      </c>
      <c r="O14935" s="5" t="s">
        <v>38</v>
      </c>
      <c r="P14935" s="5" t="s">
        <v>39</v>
      </c>
      <c r="Q14935" s="5" t="s">
        <v>40</v>
      </c>
      <c r="R14935" s="5" t="s">
        <v>1522</v>
      </c>
      <c r="S14935" s="5" t="s">
        <v>1523</v>
      </c>
      <c r="T14935" s="5" t="s">
        <v>42</v>
      </c>
      <c r="U14935" s="2">
        <v>2.5339999999999998</v>
      </c>
      <c r="V14935" s="2">
        <v>1.9770000000000001</v>
      </c>
      <c r="W14935" s="2">
        <v>1.4999999999999999E-2</v>
      </c>
      <c r="X14935" s="2">
        <v>118.9</v>
      </c>
      <c r="Y14935" s="2">
        <v>7.6</v>
      </c>
      <c r="Z14935" s="2">
        <v>16.7</v>
      </c>
      <c r="AA14935" s="5"/>
      <c r="AB14935" s="5" t="s">
        <v>43</v>
      </c>
      <c r="AC14935" s="5" t="s">
        <v>44</v>
      </c>
      <c r="AD14935" s="2"/>
      <c r="AE14935" s="1"/>
    </row>
    <row r="14936" spans="1:31" ht="14.45">
      <c r="A14936" s="11"/>
      <c r="B14936" s="20"/>
      <c r="C14936" s="2" t="s">
        <v>45761</v>
      </c>
      <c r="D14936" s="14" t="s">
        <v>45762</v>
      </c>
      <c r="E14936" s="2" t="s">
        <v>45763</v>
      </c>
      <c r="F14936" s="2" t="s">
        <v>36333</v>
      </c>
      <c r="G14936" s="8">
        <v>297</v>
      </c>
      <c r="H14936" s="5">
        <v>6</v>
      </c>
      <c r="I14936" s="5" t="s">
        <v>1518</v>
      </c>
      <c r="J14936" s="5" t="s">
        <v>36264</v>
      </c>
      <c r="K14936" s="2" t="s">
        <v>36265</v>
      </c>
      <c r="L14936" s="5" t="s">
        <v>36264</v>
      </c>
      <c r="M14936" s="2" t="s">
        <v>36265</v>
      </c>
      <c r="N14936" s="5" t="s">
        <v>36266</v>
      </c>
      <c r="O14936" s="5" t="s">
        <v>38</v>
      </c>
      <c r="P14936" s="5" t="s">
        <v>39</v>
      </c>
      <c r="Q14936" s="5" t="s">
        <v>40</v>
      </c>
      <c r="R14936" s="5" t="s">
        <v>1522</v>
      </c>
      <c r="S14936" s="5" t="s">
        <v>1523</v>
      </c>
      <c r="T14936" s="5" t="s">
        <v>42</v>
      </c>
      <c r="U14936" s="2">
        <v>2.6110000000000002</v>
      </c>
      <c r="V14936" s="2">
        <v>2.0539999999999998</v>
      </c>
      <c r="W14936" s="2">
        <v>1.4999999999999999E-2</v>
      </c>
      <c r="X14936" s="2">
        <v>118.9</v>
      </c>
      <c r="Y14936" s="2">
        <v>7.6</v>
      </c>
      <c r="Z14936" s="2">
        <v>16.7</v>
      </c>
      <c r="AA14936" s="5"/>
      <c r="AB14936" s="5" t="s">
        <v>43</v>
      </c>
      <c r="AC14936" s="5" t="s">
        <v>44</v>
      </c>
      <c r="AD14936" s="2"/>
      <c r="AE14936" s="1"/>
    </row>
    <row r="14937" spans="1:31" ht="14.45">
      <c r="A14937" s="11"/>
      <c r="B14937" s="20"/>
      <c r="C14937" s="2" t="s">
        <v>45764</v>
      </c>
      <c r="D14937" s="14" t="s">
        <v>45765</v>
      </c>
      <c r="E14937" s="2" t="s">
        <v>45766</v>
      </c>
      <c r="F14937" s="2" t="s">
        <v>36337</v>
      </c>
      <c r="G14937" s="8">
        <v>297</v>
      </c>
      <c r="H14937" s="5">
        <v>6</v>
      </c>
      <c r="I14937" s="5" t="s">
        <v>1518</v>
      </c>
      <c r="J14937" s="5" t="s">
        <v>36264</v>
      </c>
      <c r="K14937" s="2" t="s">
        <v>36265</v>
      </c>
      <c r="L14937" s="5" t="s">
        <v>36264</v>
      </c>
      <c r="M14937" s="2" t="s">
        <v>36265</v>
      </c>
      <c r="N14937" s="5" t="s">
        <v>36266</v>
      </c>
      <c r="O14937" s="5" t="s">
        <v>38</v>
      </c>
      <c r="P14937" s="5" t="s">
        <v>39</v>
      </c>
      <c r="Q14937" s="5" t="s">
        <v>40</v>
      </c>
      <c r="R14937" s="5" t="s">
        <v>1522</v>
      </c>
      <c r="S14937" s="5" t="s">
        <v>1523</v>
      </c>
      <c r="T14937" s="5" t="s">
        <v>42</v>
      </c>
      <c r="U14937" s="2">
        <v>2.5339999999999998</v>
      </c>
      <c r="V14937" s="2">
        <v>1.9770000000000001</v>
      </c>
      <c r="W14937" s="2">
        <v>1.4999999999999999E-2</v>
      </c>
      <c r="X14937" s="2">
        <v>118.9</v>
      </c>
      <c r="Y14937" s="2">
        <v>7.6</v>
      </c>
      <c r="Z14937" s="2">
        <v>16.7</v>
      </c>
      <c r="AA14937" s="5"/>
      <c r="AB14937" s="5" t="s">
        <v>43</v>
      </c>
      <c r="AC14937" s="5" t="s">
        <v>44</v>
      </c>
      <c r="AD14937" s="2"/>
      <c r="AE14937" s="1"/>
    </row>
    <row r="14938" spans="1:31" ht="14.45">
      <c r="A14938" s="11"/>
      <c r="B14938" s="20"/>
      <c r="C14938" s="2" t="s">
        <v>45767</v>
      </c>
      <c r="D14938" s="14" t="s">
        <v>45768</v>
      </c>
      <c r="E14938" s="2" t="s">
        <v>45769</v>
      </c>
      <c r="F14938" s="2" t="s">
        <v>36345</v>
      </c>
      <c r="G14938" s="8">
        <v>297</v>
      </c>
      <c r="H14938" s="5">
        <v>6</v>
      </c>
      <c r="I14938" s="5" t="s">
        <v>1518</v>
      </c>
      <c r="J14938" s="5" t="s">
        <v>36264</v>
      </c>
      <c r="K14938" s="2" t="s">
        <v>36265</v>
      </c>
      <c r="L14938" s="5" t="s">
        <v>36264</v>
      </c>
      <c r="M14938" s="2" t="s">
        <v>36265</v>
      </c>
      <c r="N14938" s="5" t="s">
        <v>36266</v>
      </c>
      <c r="O14938" s="5" t="s">
        <v>38</v>
      </c>
      <c r="P14938" s="5" t="s">
        <v>39</v>
      </c>
      <c r="Q14938" s="5" t="s">
        <v>40</v>
      </c>
      <c r="R14938" s="5" t="s">
        <v>1522</v>
      </c>
      <c r="S14938" s="5" t="s">
        <v>1523</v>
      </c>
      <c r="T14938" s="5" t="s">
        <v>42</v>
      </c>
      <c r="U14938" s="2">
        <v>2.5339999999999998</v>
      </c>
      <c r="V14938" s="2">
        <v>1.9770000000000001</v>
      </c>
      <c r="W14938" s="2">
        <v>1.4999999999999999E-2</v>
      </c>
      <c r="X14938" s="2">
        <v>118.9</v>
      </c>
      <c r="Y14938" s="2">
        <v>7.6</v>
      </c>
      <c r="Z14938" s="2">
        <v>16.7</v>
      </c>
      <c r="AA14938" s="5"/>
      <c r="AB14938" s="5" t="s">
        <v>43</v>
      </c>
      <c r="AC14938" s="5" t="s">
        <v>44</v>
      </c>
      <c r="AD14938" s="2"/>
      <c r="AE14938" s="1"/>
    </row>
    <row r="14939" spans="1:31" ht="14.45">
      <c r="A14939" s="11"/>
      <c r="B14939" s="20"/>
      <c r="C14939" s="2" t="s">
        <v>45770</v>
      </c>
      <c r="D14939" s="14" t="s">
        <v>45771</v>
      </c>
      <c r="E14939" s="2" t="s">
        <v>45772</v>
      </c>
      <c r="F14939" s="2" t="s">
        <v>36349</v>
      </c>
      <c r="G14939" s="8">
        <v>297</v>
      </c>
      <c r="H14939" s="5">
        <v>6</v>
      </c>
      <c r="I14939" s="5" t="s">
        <v>1518</v>
      </c>
      <c r="J14939" s="5" t="s">
        <v>36264</v>
      </c>
      <c r="K14939" s="2" t="s">
        <v>36265</v>
      </c>
      <c r="L14939" s="5" t="s">
        <v>36264</v>
      </c>
      <c r="M14939" s="2" t="s">
        <v>36265</v>
      </c>
      <c r="N14939" s="5" t="s">
        <v>36266</v>
      </c>
      <c r="O14939" s="5" t="s">
        <v>38</v>
      </c>
      <c r="P14939" s="5" t="s">
        <v>39</v>
      </c>
      <c r="Q14939" s="5" t="s">
        <v>40</v>
      </c>
      <c r="R14939" s="5" t="s">
        <v>1522</v>
      </c>
      <c r="S14939" s="5" t="s">
        <v>1523</v>
      </c>
      <c r="T14939" s="5" t="s">
        <v>42</v>
      </c>
      <c r="U14939" s="2">
        <v>2.6110000000000002</v>
      </c>
      <c r="V14939" s="2">
        <v>2.0539999999999998</v>
      </c>
      <c r="W14939" s="2">
        <v>1.4999999999999999E-2</v>
      </c>
      <c r="X14939" s="2">
        <v>118.9</v>
      </c>
      <c r="Y14939" s="2">
        <v>7.6</v>
      </c>
      <c r="Z14939" s="2">
        <v>16.7</v>
      </c>
      <c r="AA14939" s="5"/>
      <c r="AB14939" s="5" t="s">
        <v>43</v>
      </c>
      <c r="AC14939" s="5" t="s">
        <v>44</v>
      </c>
      <c r="AD14939" s="2"/>
      <c r="AE14939" s="1"/>
    </row>
    <row r="14940" spans="1:31" ht="14.45">
      <c r="A14940" s="11"/>
      <c r="B14940" s="20"/>
      <c r="C14940" s="2" t="s">
        <v>45773</v>
      </c>
      <c r="D14940" s="14" t="s">
        <v>45774</v>
      </c>
      <c r="E14940" s="2" t="s">
        <v>45775</v>
      </c>
      <c r="F14940" s="2" t="s">
        <v>36357</v>
      </c>
      <c r="G14940" s="8">
        <v>297</v>
      </c>
      <c r="H14940" s="5">
        <v>6</v>
      </c>
      <c r="I14940" s="5" t="s">
        <v>1518</v>
      </c>
      <c r="J14940" s="5" t="s">
        <v>36264</v>
      </c>
      <c r="K14940" s="2" t="s">
        <v>36265</v>
      </c>
      <c r="L14940" s="5" t="s">
        <v>36264</v>
      </c>
      <c r="M14940" s="2" t="s">
        <v>36265</v>
      </c>
      <c r="N14940" s="5" t="s">
        <v>36266</v>
      </c>
      <c r="O14940" s="5" t="s">
        <v>38</v>
      </c>
      <c r="P14940" s="5" t="s">
        <v>39</v>
      </c>
      <c r="Q14940" s="5" t="s">
        <v>40</v>
      </c>
      <c r="R14940" s="5" t="s">
        <v>1522</v>
      </c>
      <c r="S14940" s="5" t="s">
        <v>1523</v>
      </c>
      <c r="T14940" s="5" t="s">
        <v>42</v>
      </c>
      <c r="U14940" s="2">
        <v>2.6110000000000002</v>
      </c>
      <c r="V14940" s="2">
        <v>2.0539999999999998</v>
      </c>
      <c r="W14940" s="2">
        <v>1.4999999999999999E-2</v>
      </c>
      <c r="X14940" s="2">
        <v>118.9</v>
      </c>
      <c r="Y14940" s="2">
        <v>7.6</v>
      </c>
      <c r="Z14940" s="2">
        <v>16.7</v>
      </c>
      <c r="AA14940" s="5"/>
      <c r="AB14940" s="5" t="s">
        <v>43</v>
      </c>
      <c r="AC14940" s="5" t="s">
        <v>44</v>
      </c>
      <c r="AD14940" s="2"/>
      <c r="AE14940" s="1"/>
    </row>
    <row r="14941" spans="1:31" ht="14.45">
      <c r="A14941" s="11"/>
      <c r="B14941" s="20"/>
      <c r="C14941" s="2" t="s">
        <v>45776</v>
      </c>
      <c r="D14941" s="14" t="s">
        <v>45777</v>
      </c>
      <c r="E14941" s="2" t="s">
        <v>45778</v>
      </c>
      <c r="F14941" s="2" t="s">
        <v>45598</v>
      </c>
      <c r="G14941" s="8">
        <v>297</v>
      </c>
      <c r="H14941" s="5">
        <v>6</v>
      </c>
      <c r="I14941" s="5" t="s">
        <v>1518</v>
      </c>
      <c r="J14941" s="5" t="s">
        <v>36264</v>
      </c>
      <c r="K14941" s="2" t="s">
        <v>36265</v>
      </c>
      <c r="L14941" s="5" t="s">
        <v>36264</v>
      </c>
      <c r="M14941" s="2" t="s">
        <v>36265</v>
      </c>
      <c r="N14941" s="5" t="s">
        <v>36266</v>
      </c>
      <c r="O14941" s="5" t="s">
        <v>38</v>
      </c>
      <c r="P14941" s="5" t="s">
        <v>39</v>
      </c>
      <c r="Q14941" s="5" t="s">
        <v>40</v>
      </c>
      <c r="R14941" s="5" t="s">
        <v>1522</v>
      </c>
      <c r="S14941" s="5" t="s">
        <v>1523</v>
      </c>
      <c r="T14941" s="5" t="s">
        <v>42</v>
      </c>
      <c r="U14941" s="2">
        <v>2.5339999999999998</v>
      </c>
      <c r="V14941" s="2">
        <v>1.9770000000000001</v>
      </c>
      <c r="W14941" s="2">
        <v>1.4999999999999999E-2</v>
      </c>
      <c r="X14941" s="2">
        <v>118.9</v>
      </c>
      <c r="Y14941" s="2">
        <v>7.6</v>
      </c>
      <c r="Z14941" s="2">
        <v>16.7</v>
      </c>
      <c r="AA14941" s="5"/>
      <c r="AB14941" s="5" t="s">
        <v>43</v>
      </c>
      <c r="AC14941" s="5" t="s">
        <v>44</v>
      </c>
      <c r="AD14941" s="2"/>
      <c r="AE14941" s="1"/>
    </row>
    <row r="14942" spans="1:31" ht="14.45">
      <c r="A14942" s="11"/>
      <c r="B14942" s="20"/>
      <c r="C14942" s="2" t="s">
        <v>45779</v>
      </c>
      <c r="D14942" s="14" t="s">
        <v>45780</v>
      </c>
      <c r="E14942" s="2" t="s">
        <v>45781</v>
      </c>
      <c r="F14942" s="2" t="s">
        <v>45534</v>
      </c>
      <c r="G14942" s="8">
        <v>297</v>
      </c>
      <c r="H14942" s="5">
        <v>6</v>
      </c>
      <c r="I14942" s="5" t="s">
        <v>1518</v>
      </c>
      <c r="J14942" s="5" t="s">
        <v>36264</v>
      </c>
      <c r="K14942" s="2" t="s">
        <v>36265</v>
      </c>
      <c r="L14942" s="5" t="s">
        <v>36264</v>
      </c>
      <c r="M14942" s="2" t="s">
        <v>36265</v>
      </c>
      <c r="N14942" s="5" t="s">
        <v>36266</v>
      </c>
      <c r="O14942" s="5" t="s">
        <v>38</v>
      </c>
      <c r="P14942" s="5" t="s">
        <v>39</v>
      </c>
      <c r="Q14942" s="5" t="s">
        <v>40</v>
      </c>
      <c r="R14942" s="5" t="s">
        <v>1522</v>
      </c>
      <c r="S14942" s="5" t="s">
        <v>1523</v>
      </c>
      <c r="T14942" s="5" t="s">
        <v>42</v>
      </c>
      <c r="U14942" s="2">
        <v>2.6110000000000002</v>
      </c>
      <c r="V14942" s="2">
        <v>2.0539999999999998</v>
      </c>
      <c r="W14942" s="2">
        <v>1.4999999999999999E-2</v>
      </c>
      <c r="X14942" s="2">
        <v>118.9</v>
      </c>
      <c r="Y14942" s="2">
        <v>7.6</v>
      </c>
      <c r="Z14942" s="2">
        <v>16.7</v>
      </c>
      <c r="AA14942" s="5"/>
      <c r="AB14942" s="5" t="s">
        <v>43</v>
      </c>
      <c r="AC14942" s="5" t="s">
        <v>44</v>
      </c>
      <c r="AD14942" s="2"/>
      <c r="AE14942" s="1"/>
    </row>
    <row r="14943" spans="1:31" ht="14.45">
      <c r="A14943" s="11"/>
      <c r="B14943" s="20"/>
      <c r="C14943" s="2" t="s">
        <v>45782</v>
      </c>
      <c r="D14943" s="14" t="s">
        <v>45783</v>
      </c>
      <c r="E14943" s="2" t="s">
        <v>45784</v>
      </c>
      <c r="F14943" s="2" t="s">
        <v>36373</v>
      </c>
      <c r="G14943" s="8">
        <v>297</v>
      </c>
      <c r="H14943" s="5">
        <v>6</v>
      </c>
      <c r="I14943" s="5" t="s">
        <v>1518</v>
      </c>
      <c r="J14943" s="5" t="s">
        <v>36264</v>
      </c>
      <c r="K14943" s="2" t="s">
        <v>36265</v>
      </c>
      <c r="L14943" s="5" t="s">
        <v>36264</v>
      </c>
      <c r="M14943" s="2" t="s">
        <v>36265</v>
      </c>
      <c r="N14943" s="5" t="s">
        <v>36266</v>
      </c>
      <c r="O14943" s="5" t="s">
        <v>38</v>
      </c>
      <c r="P14943" s="5" t="s">
        <v>39</v>
      </c>
      <c r="Q14943" s="5" t="s">
        <v>40</v>
      </c>
      <c r="R14943" s="5" t="s">
        <v>1522</v>
      </c>
      <c r="S14943" s="5" t="s">
        <v>1523</v>
      </c>
      <c r="T14943" s="5" t="s">
        <v>42</v>
      </c>
      <c r="U14943" s="2">
        <v>2.6110000000000002</v>
      </c>
      <c r="V14943" s="2">
        <v>2.0539999999999998</v>
      </c>
      <c r="W14943" s="2">
        <v>1.4999999999999999E-2</v>
      </c>
      <c r="X14943" s="2">
        <v>118.9</v>
      </c>
      <c r="Y14943" s="2">
        <v>7.6</v>
      </c>
      <c r="Z14943" s="2">
        <v>16.7</v>
      </c>
      <c r="AA14943" s="5"/>
      <c r="AB14943" s="5" t="s">
        <v>43</v>
      </c>
      <c r="AC14943" s="5" t="s">
        <v>44</v>
      </c>
      <c r="AD14943" s="2"/>
      <c r="AE14943" s="1"/>
    </row>
    <row r="14944" spans="1:31" ht="14.45">
      <c r="A14944" s="11"/>
      <c r="B14944" s="20"/>
      <c r="C14944" s="2" t="s">
        <v>45785</v>
      </c>
      <c r="D14944" s="14" t="s">
        <v>45786</v>
      </c>
      <c r="E14944" s="2" t="s">
        <v>45787</v>
      </c>
      <c r="F14944" s="2" t="s">
        <v>36377</v>
      </c>
      <c r="G14944" s="8">
        <v>297</v>
      </c>
      <c r="H14944" s="5">
        <v>6</v>
      </c>
      <c r="I14944" s="5" t="s">
        <v>1518</v>
      </c>
      <c r="J14944" s="5" t="s">
        <v>36264</v>
      </c>
      <c r="K14944" s="2" t="s">
        <v>36265</v>
      </c>
      <c r="L14944" s="5" t="s">
        <v>36264</v>
      </c>
      <c r="M14944" s="2" t="s">
        <v>36265</v>
      </c>
      <c r="N14944" s="5" t="s">
        <v>36266</v>
      </c>
      <c r="O14944" s="5" t="s">
        <v>38</v>
      </c>
      <c r="P14944" s="5" t="s">
        <v>39</v>
      </c>
      <c r="Q14944" s="5" t="s">
        <v>40</v>
      </c>
      <c r="R14944" s="5" t="s">
        <v>1522</v>
      </c>
      <c r="S14944" s="5" t="s">
        <v>1523</v>
      </c>
      <c r="T14944" s="5" t="s">
        <v>42</v>
      </c>
      <c r="U14944" s="2">
        <v>2.5339999999999998</v>
      </c>
      <c r="V14944" s="2">
        <v>1.9770000000000001</v>
      </c>
      <c r="W14944" s="2">
        <v>1.4999999999999999E-2</v>
      </c>
      <c r="X14944" s="2">
        <v>118.9</v>
      </c>
      <c r="Y14944" s="2">
        <v>7.6</v>
      </c>
      <c r="Z14944" s="2">
        <v>16.7</v>
      </c>
      <c r="AA14944" s="5"/>
      <c r="AB14944" s="5" t="s">
        <v>43</v>
      </c>
      <c r="AC14944" s="5" t="s">
        <v>44</v>
      </c>
      <c r="AD14944" s="2"/>
      <c r="AE14944" s="1"/>
    </row>
    <row r="14945" spans="1:31" ht="14.45">
      <c r="A14945" s="11"/>
      <c r="B14945" s="20"/>
      <c r="C14945" s="2" t="s">
        <v>45788</v>
      </c>
      <c r="D14945" s="14" t="s">
        <v>45789</v>
      </c>
      <c r="E14945" s="2" t="s">
        <v>45790</v>
      </c>
      <c r="F14945" s="2" t="s">
        <v>36381</v>
      </c>
      <c r="G14945" s="8">
        <v>297</v>
      </c>
      <c r="H14945" s="5">
        <v>6</v>
      </c>
      <c r="I14945" s="5" t="s">
        <v>1518</v>
      </c>
      <c r="J14945" s="5" t="s">
        <v>36264</v>
      </c>
      <c r="K14945" s="2" t="s">
        <v>36265</v>
      </c>
      <c r="L14945" s="5" t="s">
        <v>36264</v>
      </c>
      <c r="M14945" s="2" t="s">
        <v>36265</v>
      </c>
      <c r="N14945" s="5" t="s">
        <v>36266</v>
      </c>
      <c r="O14945" s="5" t="s">
        <v>38</v>
      </c>
      <c r="P14945" s="5" t="s">
        <v>39</v>
      </c>
      <c r="Q14945" s="5" t="s">
        <v>40</v>
      </c>
      <c r="R14945" s="5" t="s">
        <v>1522</v>
      </c>
      <c r="S14945" s="5" t="s">
        <v>1523</v>
      </c>
      <c r="T14945" s="5" t="s">
        <v>42</v>
      </c>
      <c r="U14945" s="2">
        <v>2.6110000000000002</v>
      </c>
      <c r="V14945" s="2">
        <v>2.0539999999999998</v>
      </c>
      <c r="W14945" s="2">
        <v>1.4999999999999999E-2</v>
      </c>
      <c r="X14945" s="2">
        <v>118.9</v>
      </c>
      <c r="Y14945" s="2">
        <v>7.6</v>
      </c>
      <c r="Z14945" s="2">
        <v>16.7</v>
      </c>
      <c r="AA14945" s="5"/>
      <c r="AB14945" s="5" t="s">
        <v>43</v>
      </c>
      <c r="AC14945" s="5" t="s">
        <v>44</v>
      </c>
      <c r="AD14945" s="2"/>
      <c r="AE14945" s="1"/>
    </row>
    <row r="14946" spans="1:31" ht="14.45">
      <c r="A14946" s="11"/>
      <c r="B14946" s="20"/>
      <c r="C14946" s="2" t="s">
        <v>45791</v>
      </c>
      <c r="D14946" s="14" t="s">
        <v>45792</v>
      </c>
      <c r="E14946" s="2" t="s">
        <v>45793</v>
      </c>
      <c r="F14946" s="2" t="s">
        <v>36385</v>
      </c>
      <c r="G14946" s="8">
        <v>297</v>
      </c>
      <c r="H14946" s="5">
        <v>6</v>
      </c>
      <c r="I14946" s="5" t="s">
        <v>1518</v>
      </c>
      <c r="J14946" s="5" t="s">
        <v>36264</v>
      </c>
      <c r="K14946" s="2" t="s">
        <v>36265</v>
      </c>
      <c r="L14946" s="5" t="s">
        <v>36264</v>
      </c>
      <c r="M14946" s="2" t="s">
        <v>36265</v>
      </c>
      <c r="N14946" s="5" t="s">
        <v>36266</v>
      </c>
      <c r="O14946" s="5" t="s">
        <v>38</v>
      </c>
      <c r="P14946" s="5" t="s">
        <v>39</v>
      </c>
      <c r="Q14946" s="5" t="s">
        <v>40</v>
      </c>
      <c r="R14946" s="5" t="s">
        <v>1522</v>
      </c>
      <c r="S14946" s="5" t="s">
        <v>1523</v>
      </c>
      <c r="T14946" s="5" t="s">
        <v>42</v>
      </c>
      <c r="U14946" s="2">
        <v>2.5339999999999998</v>
      </c>
      <c r="V14946" s="2">
        <v>1.9770000000000001</v>
      </c>
      <c r="W14946" s="2">
        <v>1.4999999999999999E-2</v>
      </c>
      <c r="X14946" s="2">
        <v>118.9</v>
      </c>
      <c r="Y14946" s="2">
        <v>7.6</v>
      </c>
      <c r="Z14946" s="2">
        <v>16.7</v>
      </c>
      <c r="AA14946" s="5"/>
      <c r="AB14946" s="5" t="s">
        <v>43</v>
      </c>
      <c r="AC14946" s="5" t="s">
        <v>44</v>
      </c>
      <c r="AD14946" s="2"/>
      <c r="AE14946" s="1"/>
    </row>
    <row r="14947" spans="1:31" ht="14.45">
      <c r="A14947" s="11"/>
      <c r="B14947" s="20"/>
      <c r="C14947" s="2" t="s">
        <v>45794</v>
      </c>
      <c r="D14947" s="14" t="s">
        <v>45795</v>
      </c>
      <c r="E14947" s="2" t="s">
        <v>45796</v>
      </c>
      <c r="F14947" s="2" t="s">
        <v>36389</v>
      </c>
      <c r="G14947" s="8">
        <v>297</v>
      </c>
      <c r="H14947" s="5">
        <v>6</v>
      </c>
      <c r="I14947" s="5" t="s">
        <v>1518</v>
      </c>
      <c r="J14947" s="5" t="s">
        <v>36264</v>
      </c>
      <c r="K14947" s="2" t="s">
        <v>36265</v>
      </c>
      <c r="L14947" s="5" t="s">
        <v>36264</v>
      </c>
      <c r="M14947" s="2" t="s">
        <v>36265</v>
      </c>
      <c r="N14947" s="5" t="s">
        <v>36266</v>
      </c>
      <c r="O14947" s="5" t="s">
        <v>38</v>
      </c>
      <c r="P14947" s="5" t="s">
        <v>39</v>
      </c>
      <c r="Q14947" s="5" t="s">
        <v>40</v>
      </c>
      <c r="R14947" s="5" t="s">
        <v>1522</v>
      </c>
      <c r="S14947" s="5" t="s">
        <v>1523</v>
      </c>
      <c r="T14947" s="5" t="s">
        <v>42</v>
      </c>
      <c r="U14947" s="2">
        <v>2.6110000000000002</v>
      </c>
      <c r="V14947" s="2">
        <v>2.0539999999999998</v>
      </c>
      <c r="W14947" s="2">
        <v>1.4999999999999999E-2</v>
      </c>
      <c r="X14947" s="2">
        <v>118.9</v>
      </c>
      <c r="Y14947" s="2">
        <v>7.6</v>
      </c>
      <c r="Z14947" s="2">
        <v>16.7</v>
      </c>
      <c r="AA14947" s="5"/>
      <c r="AB14947" s="5" t="s">
        <v>43</v>
      </c>
      <c r="AC14947" s="5" t="s">
        <v>44</v>
      </c>
      <c r="AD14947" s="2"/>
      <c r="AE14947" s="1"/>
    </row>
    <row r="14948" spans="1:31" ht="14.45">
      <c r="A14948" s="11"/>
      <c r="B14948" s="20"/>
      <c r="C14948" s="2" t="s">
        <v>45797</v>
      </c>
      <c r="D14948" s="14" t="s">
        <v>45798</v>
      </c>
      <c r="E14948" s="2" t="s">
        <v>45799</v>
      </c>
      <c r="F14948" s="2" t="s">
        <v>7204</v>
      </c>
      <c r="G14948" s="8">
        <v>280</v>
      </c>
      <c r="H14948" s="5">
        <v>6</v>
      </c>
      <c r="I14948" s="5" t="s">
        <v>1518</v>
      </c>
      <c r="J14948" s="5" t="s">
        <v>36264</v>
      </c>
      <c r="K14948" s="2" t="s">
        <v>36265</v>
      </c>
      <c r="L14948" s="5" t="s">
        <v>36264</v>
      </c>
      <c r="M14948" s="2" t="s">
        <v>36265</v>
      </c>
      <c r="N14948" s="5" t="s">
        <v>36266</v>
      </c>
      <c r="O14948" s="5" t="s">
        <v>38</v>
      </c>
      <c r="P14948" s="5" t="s">
        <v>39</v>
      </c>
      <c r="Q14948" s="5" t="s">
        <v>40</v>
      </c>
      <c r="R14948" s="5" t="s">
        <v>1522</v>
      </c>
      <c r="S14948" s="5" t="s">
        <v>1523</v>
      </c>
      <c r="T14948" s="5" t="s">
        <v>42</v>
      </c>
      <c r="U14948" s="2">
        <v>2.782</v>
      </c>
      <c r="V14948" s="2">
        <v>2.1509999999999998</v>
      </c>
      <c r="W14948" s="2">
        <v>1.7999999999999999E-2</v>
      </c>
      <c r="X14948" s="2">
        <v>139.1</v>
      </c>
      <c r="Y14948" s="2">
        <v>7.6</v>
      </c>
      <c r="Z14948" s="2">
        <v>16.7</v>
      </c>
      <c r="AA14948" s="5"/>
      <c r="AB14948" s="5" t="s">
        <v>43</v>
      </c>
      <c r="AC14948" s="5" t="s">
        <v>44</v>
      </c>
      <c r="AD14948" s="2"/>
      <c r="AE14948" s="1"/>
    </row>
    <row r="14949" spans="1:31" ht="14.45">
      <c r="A14949" s="11"/>
      <c r="B14949" s="20"/>
      <c r="C14949" s="2" t="s">
        <v>45800</v>
      </c>
      <c r="D14949" s="14" t="s">
        <v>45801</v>
      </c>
      <c r="E14949" s="2" t="s">
        <v>45802</v>
      </c>
      <c r="F14949" s="2" t="s">
        <v>7514</v>
      </c>
      <c r="G14949" s="8">
        <v>280</v>
      </c>
      <c r="H14949" s="5">
        <v>6</v>
      </c>
      <c r="I14949" s="5" t="s">
        <v>1518</v>
      </c>
      <c r="J14949" s="5" t="s">
        <v>36264</v>
      </c>
      <c r="K14949" s="2" t="s">
        <v>36265</v>
      </c>
      <c r="L14949" s="5" t="s">
        <v>36264</v>
      </c>
      <c r="M14949" s="2" t="s">
        <v>36265</v>
      </c>
      <c r="N14949" s="5" t="s">
        <v>36266</v>
      </c>
      <c r="O14949" s="5" t="s">
        <v>38</v>
      </c>
      <c r="P14949" s="5" t="s">
        <v>39</v>
      </c>
      <c r="Q14949" s="5" t="s">
        <v>40</v>
      </c>
      <c r="R14949" s="5" t="s">
        <v>1522</v>
      </c>
      <c r="S14949" s="5" t="s">
        <v>1523</v>
      </c>
      <c r="T14949" s="5" t="s">
        <v>42</v>
      </c>
      <c r="U14949" s="2">
        <v>2.871</v>
      </c>
      <c r="V14949" s="2">
        <v>2.2400000000000002</v>
      </c>
      <c r="W14949" s="2">
        <v>1.7999999999999999E-2</v>
      </c>
      <c r="X14949" s="2">
        <v>139.1</v>
      </c>
      <c r="Y14949" s="2">
        <v>7.6</v>
      </c>
      <c r="Z14949" s="2">
        <v>16.7</v>
      </c>
      <c r="AA14949" s="5"/>
      <c r="AB14949" s="5" t="s">
        <v>43</v>
      </c>
      <c r="AC14949" s="5" t="s">
        <v>44</v>
      </c>
      <c r="AD14949" s="2"/>
      <c r="AE14949" s="1"/>
    </row>
    <row r="14950" spans="1:31" ht="14.45">
      <c r="A14950" s="11"/>
      <c r="B14950" s="20"/>
      <c r="C14950" s="2" t="s">
        <v>45803</v>
      </c>
      <c r="D14950" s="14" t="s">
        <v>45804</v>
      </c>
      <c r="E14950" s="2" t="s">
        <v>45805</v>
      </c>
      <c r="F14950" s="2" t="s">
        <v>36273</v>
      </c>
      <c r="G14950" s="8">
        <v>280</v>
      </c>
      <c r="H14950" s="5">
        <v>6</v>
      </c>
      <c r="I14950" s="5" t="s">
        <v>1518</v>
      </c>
      <c r="J14950" s="5" t="s">
        <v>36264</v>
      </c>
      <c r="K14950" s="2" t="s">
        <v>36265</v>
      </c>
      <c r="L14950" s="5" t="s">
        <v>36264</v>
      </c>
      <c r="M14950" s="2" t="s">
        <v>36265</v>
      </c>
      <c r="N14950" s="5" t="s">
        <v>36266</v>
      </c>
      <c r="O14950" s="5" t="s">
        <v>38</v>
      </c>
      <c r="P14950" s="5" t="s">
        <v>39</v>
      </c>
      <c r="Q14950" s="5" t="s">
        <v>40</v>
      </c>
      <c r="R14950" s="5" t="s">
        <v>1522</v>
      </c>
      <c r="S14950" s="5" t="s">
        <v>1523</v>
      </c>
      <c r="T14950" s="5" t="s">
        <v>42</v>
      </c>
      <c r="U14950" s="2">
        <v>2.782</v>
      </c>
      <c r="V14950" s="2">
        <v>2.1509999999999998</v>
      </c>
      <c r="W14950" s="2">
        <v>1.7999999999999999E-2</v>
      </c>
      <c r="X14950" s="2">
        <v>139.1</v>
      </c>
      <c r="Y14950" s="2">
        <v>7.6</v>
      </c>
      <c r="Z14950" s="2">
        <v>16.7</v>
      </c>
      <c r="AA14950" s="5"/>
      <c r="AB14950" s="5" t="s">
        <v>43</v>
      </c>
      <c r="AC14950" s="5" t="s">
        <v>44</v>
      </c>
      <c r="AD14950" s="2"/>
      <c r="AE14950" s="1"/>
    </row>
    <row r="14951" spans="1:31" ht="14.45">
      <c r="A14951" s="11"/>
      <c r="B14951" s="20"/>
      <c r="C14951" s="2" t="s">
        <v>45806</v>
      </c>
      <c r="D14951" s="14" t="s">
        <v>45807</v>
      </c>
      <c r="E14951" s="2" t="s">
        <v>45808</v>
      </c>
      <c r="F14951" s="2" t="s">
        <v>36277</v>
      </c>
      <c r="G14951" s="8">
        <v>280</v>
      </c>
      <c r="H14951" s="5">
        <v>6</v>
      </c>
      <c r="I14951" s="5" t="s">
        <v>1518</v>
      </c>
      <c r="J14951" s="5" t="s">
        <v>36264</v>
      </c>
      <c r="K14951" s="2" t="s">
        <v>36265</v>
      </c>
      <c r="L14951" s="5" t="s">
        <v>36264</v>
      </c>
      <c r="M14951" s="2" t="s">
        <v>36265</v>
      </c>
      <c r="N14951" s="5" t="s">
        <v>36266</v>
      </c>
      <c r="O14951" s="5" t="s">
        <v>38</v>
      </c>
      <c r="P14951" s="5" t="s">
        <v>39</v>
      </c>
      <c r="Q14951" s="5" t="s">
        <v>40</v>
      </c>
      <c r="R14951" s="5" t="s">
        <v>1522</v>
      </c>
      <c r="S14951" s="5" t="s">
        <v>1523</v>
      </c>
      <c r="T14951" s="5" t="s">
        <v>42</v>
      </c>
      <c r="U14951" s="2">
        <v>2.871</v>
      </c>
      <c r="V14951" s="2">
        <v>2.2400000000000002</v>
      </c>
      <c r="W14951" s="2">
        <v>1.7999999999999999E-2</v>
      </c>
      <c r="X14951" s="2">
        <v>139.1</v>
      </c>
      <c r="Y14951" s="2">
        <v>7.6</v>
      </c>
      <c r="Z14951" s="2">
        <v>16.7</v>
      </c>
      <c r="AA14951" s="5"/>
      <c r="AB14951" s="5" t="s">
        <v>43</v>
      </c>
      <c r="AC14951" s="5" t="s">
        <v>44</v>
      </c>
      <c r="AD14951" s="2"/>
      <c r="AE14951" s="1"/>
    </row>
    <row r="14952" spans="1:31" ht="14.45">
      <c r="A14952" s="11"/>
      <c r="B14952" s="20"/>
      <c r="C14952" s="2" t="s">
        <v>45809</v>
      </c>
      <c r="D14952" s="14" t="s">
        <v>45810</v>
      </c>
      <c r="E14952" s="2" t="s">
        <v>45811</v>
      </c>
      <c r="F14952" s="2" t="s">
        <v>36281</v>
      </c>
      <c r="G14952" s="8">
        <v>302</v>
      </c>
      <c r="H14952" s="5">
        <v>6</v>
      </c>
      <c r="I14952" s="5" t="s">
        <v>1518</v>
      </c>
      <c r="J14952" s="5" t="s">
        <v>36264</v>
      </c>
      <c r="K14952" s="2" t="s">
        <v>36265</v>
      </c>
      <c r="L14952" s="5" t="s">
        <v>36264</v>
      </c>
      <c r="M14952" s="2" t="s">
        <v>36265</v>
      </c>
      <c r="N14952" s="5" t="s">
        <v>36266</v>
      </c>
      <c r="O14952" s="5" t="s">
        <v>38</v>
      </c>
      <c r="P14952" s="5" t="s">
        <v>39</v>
      </c>
      <c r="Q14952" s="5" t="s">
        <v>40</v>
      </c>
      <c r="R14952" s="5" t="s">
        <v>1522</v>
      </c>
      <c r="S14952" s="5" t="s">
        <v>1523</v>
      </c>
      <c r="T14952" s="5" t="s">
        <v>42</v>
      </c>
      <c r="U14952" s="2">
        <v>2.782</v>
      </c>
      <c r="V14952" s="2">
        <v>2.1509999999999998</v>
      </c>
      <c r="W14952" s="2">
        <v>1.7999999999999999E-2</v>
      </c>
      <c r="X14952" s="2">
        <v>139.1</v>
      </c>
      <c r="Y14952" s="2">
        <v>7.6</v>
      </c>
      <c r="Z14952" s="2">
        <v>16.7</v>
      </c>
      <c r="AA14952" s="5"/>
      <c r="AB14952" s="5" t="s">
        <v>43</v>
      </c>
      <c r="AC14952" s="5" t="s">
        <v>44</v>
      </c>
      <c r="AD14952" s="2"/>
      <c r="AE14952" s="1"/>
    </row>
    <row r="14953" spans="1:31" ht="14.45">
      <c r="A14953" s="11"/>
      <c r="B14953" s="20"/>
      <c r="C14953" s="2" t="s">
        <v>45812</v>
      </c>
      <c r="D14953" s="14" t="s">
        <v>45813</v>
      </c>
      <c r="E14953" s="2" t="s">
        <v>45814</v>
      </c>
      <c r="F14953" s="2" t="s">
        <v>36289</v>
      </c>
      <c r="G14953" s="8">
        <v>302</v>
      </c>
      <c r="H14953" s="5">
        <v>6</v>
      </c>
      <c r="I14953" s="5" t="s">
        <v>1518</v>
      </c>
      <c r="J14953" s="5" t="s">
        <v>36264</v>
      </c>
      <c r="K14953" s="2" t="s">
        <v>36265</v>
      </c>
      <c r="L14953" s="5" t="s">
        <v>36264</v>
      </c>
      <c r="M14953" s="2" t="s">
        <v>36265</v>
      </c>
      <c r="N14953" s="5" t="s">
        <v>36266</v>
      </c>
      <c r="O14953" s="5" t="s">
        <v>38</v>
      </c>
      <c r="P14953" s="5" t="s">
        <v>39</v>
      </c>
      <c r="Q14953" s="5" t="s">
        <v>40</v>
      </c>
      <c r="R14953" s="5" t="s">
        <v>1522</v>
      </c>
      <c r="S14953" s="5" t="s">
        <v>1523</v>
      </c>
      <c r="T14953" s="5" t="s">
        <v>42</v>
      </c>
      <c r="U14953" s="2">
        <v>2.782</v>
      </c>
      <c r="V14953" s="2">
        <v>2.1509999999999998</v>
      </c>
      <c r="W14953" s="2">
        <v>1.7999999999999999E-2</v>
      </c>
      <c r="X14953" s="2">
        <v>139.1</v>
      </c>
      <c r="Y14953" s="2">
        <v>7.6</v>
      </c>
      <c r="Z14953" s="2">
        <v>16.7</v>
      </c>
      <c r="AA14953" s="5"/>
      <c r="AB14953" s="5" t="s">
        <v>43</v>
      </c>
      <c r="AC14953" s="5" t="s">
        <v>44</v>
      </c>
      <c r="AD14953" s="2"/>
      <c r="AE14953" s="1"/>
    </row>
    <row r="14954" spans="1:31" ht="14.45">
      <c r="A14954" s="11"/>
      <c r="B14954" s="20"/>
      <c r="C14954" s="2" t="s">
        <v>45815</v>
      </c>
      <c r="D14954" s="14" t="s">
        <v>45816</v>
      </c>
      <c r="E14954" s="2" t="s">
        <v>45817</v>
      </c>
      <c r="F14954" s="2" t="s">
        <v>36293</v>
      </c>
      <c r="G14954" s="8">
        <v>302</v>
      </c>
      <c r="H14954" s="5">
        <v>6</v>
      </c>
      <c r="I14954" s="5" t="s">
        <v>1518</v>
      </c>
      <c r="J14954" s="5" t="s">
        <v>36264</v>
      </c>
      <c r="K14954" s="2" t="s">
        <v>36265</v>
      </c>
      <c r="L14954" s="5" t="s">
        <v>36264</v>
      </c>
      <c r="M14954" s="2" t="s">
        <v>36265</v>
      </c>
      <c r="N14954" s="5" t="s">
        <v>36266</v>
      </c>
      <c r="O14954" s="5" t="s">
        <v>38</v>
      </c>
      <c r="P14954" s="5" t="s">
        <v>39</v>
      </c>
      <c r="Q14954" s="5" t="s">
        <v>40</v>
      </c>
      <c r="R14954" s="5" t="s">
        <v>1522</v>
      </c>
      <c r="S14954" s="5" t="s">
        <v>1523</v>
      </c>
      <c r="T14954" s="5" t="s">
        <v>42</v>
      </c>
      <c r="U14954" s="2">
        <v>2.871</v>
      </c>
      <c r="V14954" s="2">
        <v>2.2400000000000002</v>
      </c>
      <c r="W14954" s="2">
        <v>1.7999999999999999E-2</v>
      </c>
      <c r="X14954" s="2">
        <v>139.1</v>
      </c>
      <c r="Y14954" s="2">
        <v>7.6</v>
      </c>
      <c r="Z14954" s="2">
        <v>16.7</v>
      </c>
      <c r="AA14954" s="5"/>
      <c r="AB14954" s="5" t="s">
        <v>43</v>
      </c>
      <c r="AC14954" s="5" t="s">
        <v>44</v>
      </c>
      <c r="AD14954" s="2"/>
      <c r="AE14954" s="1"/>
    </row>
    <row r="14955" spans="1:31" ht="14.45">
      <c r="A14955" s="11"/>
      <c r="B14955" s="20"/>
      <c r="C14955" s="2" t="s">
        <v>45818</v>
      </c>
      <c r="D14955" s="14" t="s">
        <v>45819</v>
      </c>
      <c r="E14955" s="2" t="s">
        <v>45820</v>
      </c>
      <c r="F14955" s="2" t="s">
        <v>36305</v>
      </c>
      <c r="G14955" s="8">
        <v>280</v>
      </c>
      <c r="H14955" s="5">
        <v>6</v>
      </c>
      <c r="I14955" s="5" t="s">
        <v>1518</v>
      </c>
      <c r="J14955" s="5" t="s">
        <v>36264</v>
      </c>
      <c r="K14955" s="2" t="s">
        <v>36265</v>
      </c>
      <c r="L14955" s="5" t="s">
        <v>36264</v>
      </c>
      <c r="M14955" s="2" t="s">
        <v>36265</v>
      </c>
      <c r="N14955" s="5" t="s">
        <v>36266</v>
      </c>
      <c r="O14955" s="5" t="s">
        <v>38</v>
      </c>
      <c r="P14955" s="5" t="s">
        <v>39</v>
      </c>
      <c r="Q14955" s="5" t="s">
        <v>40</v>
      </c>
      <c r="R14955" s="5" t="s">
        <v>1522</v>
      </c>
      <c r="S14955" s="5" t="s">
        <v>1523</v>
      </c>
      <c r="T14955" s="5" t="s">
        <v>42</v>
      </c>
      <c r="U14955" s="2">
        <v>2.782</v>
      </c>
      <c r="V14955" s="2">
        <v>2.1509999999999998</v>
      </c>
      <c r="W14955" s="2">
        <v>1.7999999999999999E-2</v>
      </c>
      <c r="X14955" s="2">
        <v>139.1</v>
      </c>
      <c r="Y14955" s="2">
        <v>7.6</v>
      </c>
      <c r="Z14955" s="2">
        <v>16.7</v>
      </c>
      <c r="AA14955" s="5"/>
      <c r="AB14955" s="5" t="s">
        <v>43</v>
      </c>
      <c r="AC14955" s="5" t="s">
        <v>44</v>
      </c>
      <c r="AD14955" s="2"/>
      <c r="AE14955" s="1"/>
    </row>
    <row r="14956" spans="1:31" ht="14.45">
      <c r="A14956" s="11"/>
      <c r="B14956" s="20"/>
      <c r="C14956" s="2" t="s">
        <v>45821</v>
      </c>
      <c r="D14956" s="14" t="s">
        <v>45822</v>
      </c>
      <c r="E14956" s="2" t="s">
        <v>45823</v>
      </c>
      <c r="F14956" s="2" t="s">
        <v>36309</v>
      </c>
      <c r="G14956" s="8">
        <v>280</v>
      </c>
      <c r="H14956" s="5">
        <v>6</v>
      </c>
      <c r="I14956" s="5" t="s">
        <v>1518</v>
      </c>
      <c r="J14956" s="5" t="s">
        <v>36264</v>
      </c>
      <c r="K14956" s="2" t="s">
        <v>36265</v>
      </c>
      <c r="L14956" s="5" t="s">
        <v>36264</v>
      </c>
      <c r="M14956" s="2" t="s">
        <v>36265</v>
      </c>
      <c r="N14956" s="5" t="s">
        <v>36266</v>
      </c>
      <c r="O14956" s="5" t="s">
        <v>38</v>
      </c>
      <c r="P14956" s="5" t="s">
        <v>39</v>
      </c>
      <c r="Q14956" s="5" t="s">
        <v>40</v>
      </c>
      <c r="R14956" s="5" t="s">
        <v>1522</v>
      </c>
      <c r="S14956" s="5" t="s">
        <v>1523</v>
      </c>
      <c r="T14956" s="5" t="s">
        <v>42</v>
      </c>
      <c r="U14956" s="2">
        <v>2.871</v>
      </c>
      <c r="V14956" s="2">
        <v>2.2400000000000002</v>
      </c>
      <c r="W14956" s="2">
        <v>1.7999999999999999E-2</v>
      </c>
      <c r="X14956" s="2">
        <v>139.1</v>
      </c>
      <c r="Y14956" s="2">
        <v>7.6</v>
      </c>
      <c r="Z14956" s="2">
        <v>16.7</v>
      </c>
      <c r="AA14956" s="5"/>
      <c r="AB14956" s="5" t="s">
        <v>43</v>
      </c>
      <c r="AC14956" s="5" t="s">
        <v>44</v>
      </c>
      <c r="AD14956" s="2"/>
      <c r="AE14956" s="1"/>
    </row>
    <row r="14957" spans="1:31" ht="14.45">
      <c r="A14957" s="11"/>
      <c r="B14957" s="20"/>
      <c r="C14957" s="2" t="s">
        <v>45824</v>
      </c>
      <c r="D14957" s="14" t="s">
        <v>45825</v>
      </c>
      <c r="E14957" s="2" t="s">
        <v>45826</v>
      </c>
      <c r="F14957" s="2" t="s">
        <v>36341</v>
      </c>
      <c r="G14957" s="8">
        <v>302</v>
      </c>
      <c r="H14957" s="5">
        <v>6</v>
      </c>
      <c r="I14957" s="5" t="s">
        <v>1518</v>
      </c>
      <c r="J14957" s="5" t="s">
        <v>36264</v>
      </c>
      <c r="K14957" s="2" t="s">
        <v>36265</v>
      </c>
      <c r="L14957" s="5" t="s">
        <v>36264</v>
      </c>
      <c r="M14957" s="2" t="s">
        <v>36265</v>
      </c>
      <c r="N14957" s="5" t="s">
        <v>36266</v>
      </c>
      <c r="O14957" s="5" t="s">
        <v>38</v>
      </c>
      <c r="P14957" s="5" t="s">
        <v>39</v>
      </c>
      <c r="Q14957" s="5" t="s">
        <v>40</v>
      </c>
      <c r="R14957" s="5" t="s">
        <v>1522</v>
      </c>
      <c r="S14957" s="5" t="s">
        <v>1523</v>
      </c>
      <c r="T14957" s="5" t="s">
        <v>42</v>
      </c>
      <c r="U14957" s="2">
        <v>2.871</v>
      </c>
      <c r="V14957" s="2">
        <v>2.2400000000000002</v>
      </c>
      <c r="W14957" s="2">
        <v>1.7999999999999999E-2</v>
      </c>
      <c r="X14957" s="2">
        <v>139.1</v>
      </c>
      <c r="Y14957" s="2">
        <v>7.6</v>
      </c>
      <c r="Z14957" s="2">
        <v>16.7</v>
      </c>
      <c r="AA14957" s="5"/>
      <c r="AB14957" s="5" t="s">
        <v>43</v>
      </c>
      <c r="AC14957" s="5" t="s">
        <v>44</v>
      </c>
      <c r="AD14957" s="2"/>
      <c r="AE14957" s="1"/>
    </row>
    <row r="14958" spans="1:31" ht="14.45">
      <c r="A14958" s="11"/>
      <c r="B14958" s="20"/>
      <c r="C14958" s="2" t="s">
        <v>45827</v>
      </c>
      <c r="D14958" s="14" t="s">
        <v>45828</v>
      </c>
      <c r="E14958" s="2" t="s">
        <v>45829</v>
      </c>
      <c r="F14958" s="2" t="s">
        <v>36349</v>
      </c>
      <c r="G14958" s="8">
        <v>302</v>
      </c>
      <c r="H14958" s="5">
        <v>6</v>
      </c>
      <c r="I14958" s="5" t="s">
        <v>1518</v>
      </c>
      <c r="J14958" s="5" t="s">
        <v>36264</v>
      </c>
      <c r="K14958" s="2" t="s">
        <v>36265</v>
      </c>
      <c r="L14958" s="5" t="s">
        <v>36264</v>
      </c>
      <c r="M14958" s="2" t="s">
        <v>36265</v>
      </c>
      <c r="N14958" s="5" t="s">
        <v>36266</v>
      </c>
      <c r="O14958" s="5" t="s">
        <v>38</v>
      </c>
      <c r="P14958" s="5" t="s">
        <v>39</v>
      </c>
      <c r="Q14958" s="5" t="s">
        <v>40</v>
      </c>
      <c r="R14958" s="5" t="s">
        <v>1522</v>
      </c>
      <c r="S14958" s="5" t="s">
        <v>1523</v>
      </c>
      <c r="T14958" s="5" t="s">
        <v>42</v>
      </c>
      <c r="U14958" s="2">
        <v>2.871</v>
      </c>
      <c r="V14958" s="2">
        <v>2.2400000000000002</v>
      </c>
      <c r="W14958" s="2">
        <v>1.7999999999999999E-2</v>
      </c>
      <c r="X14958" s="2">
        <v>139.1</v>
      </c>
      <c r="Y14958" s="2">
        <v>7.6</v>
      </c>
      <c r="Z14958" s="2">
        <v>16.7</v>
      </c>
      <c r="AA14958" s="5"/>
      <c r="AB14958" s="5" t="s">
        <v>43</v>
      </c>
      <c r="AC14958" s="5" t="s">
        <v>44</v>
      </c>
      <c r="AD14958" s="2"/>
      <c r="AE14958" s="1"/>
    </row>
    <row r="14959" spans="1:31" ht="14.45">
      <c r="A14959" s="11"/>
      <c r="B14959" s="20"/>
      <c r="C14959" s="2" t="s">
        <v>45830</v>
      </c>
      <c r="D14959" s="14" t="s">
        <v>45831</v>
      </c>
      <c r="E14959" s="2" t="s">
        <v>45832</v>
      </c>
      <c r="F14959" s="2" t="s">
        <v>36369</v>
      </c>
      <c r="G14959" s="8">
        <v>302</v>
      </c>
      <c r="H14959" s="5">
        <v>6</v>
      </c>
      <c r="I14959" s="5" t="s">
        <v>1518</v>
      </c>
      <c r="J14959" s="5" t="s">
        <v>36264</v>
      </c>
      <c r="K14959" s="2" t="s">
        <v>36265</v>
      </c>
      <c r="L14959" s="5" t="s">
        <v>36264</v>
      </c>
      <c r="M14959" s="2" t="s">
        <v>36265</v>
      </c>
      <c r="N14959" s="5" t="s">
        <v>36266</v>
      </c>
      <c r="O14959" s="5" t="s">
        <v>38</v>
      </c>
      <c r="P14959" s="5" t="s">
        <v>39</v>
      </c>
      <c r="Q14959" s="5" t="s">
        <v>40</v>
      </c>
      <c r="R14959" s="5" t="s">
        <v>1522</v>
      </c>
      <c r="S14959" s="5" t="s">
        <v>1523</v>
      </c>
      <c r="T14959" s="5" t="s">
        <v>42</v>
      </c>
      <c r="U14959" s="2">
        <v>2.782</v>
      </c>
      <c r="V14959" s="2">
        <v>2.1509999999999998</v>
      </c>
      <c r="W14959" s="2">
        <v>1.7999999999999999E-2</v>
      </c>
      <c r="X14959" s="2">
        <v>139.1</v>
      </c>
      <c r="Y14959" s="2">
        <v>7.6</v>
      </c>
      <c r="Z14959" s="2">
        <v>16.7</v>
      </c>
      <c r="AA14959" s="5"/>
      <c r="AB14959" s="5" t="s">
        <v>43</v>
      </c>
      <c r="AC14959" s="5" t="s">
        <v>44</v>
      </c>
      <c r="AD14959" s="2"/>
      <c r="AE14959" s="1"/>
    </row>
    <row r="14960" spans="1:31" ht="14.45">
      <c r="A14960" s="11"/>
      <c r="B14960" s="20"/>
      <c r="C14960" s="2" t="s">
        <v>45833</v>
      </c>
      <c r="D14960" s="14" t="s">
        <v>45834</v>
      </c>
      <c r="E14960" s="2" t="s">
        <v>45835</v>
      </c>
      <c r="F14960" s="2" t="s">
        <v>36373</v>
      </c>
      <c r="G14960" s="8">
        <v>302</v>
      </c>
      <c r="H14960" s="5">
        <v>6</v>
      </c>
      <c r="I14960" s="5" t="s">
        <v>1518</v>
      </c>
      <c r="J14960" s="5" t="s">
        <v>36264</v>
      </c>
      <c r="K14960" s="2" t="s">
        <v>36265</v>
      </c>
      <c r="L14960" s="5" t="s">
        <v>36264</v>
      </c>
      <c r="M14960" s="2" t="s">
        <v>36265</v>
      </c>
      <c r="N14960" s="5" t="s">
        <v>36266</v>
      </c>
      <c r="O14960" s="5" t="s">
        <v>38</v>
      </c>
      <c r="P14960" s="5" t="s">
        <v>39</v>
      </c>
      <c r="Q14960" s="5" t="s">
        <v>40</v>
      </c>
      <c r="R14960" s="5" t="s">
        <v>1522</v>
      </c>
      <c r="S14960" s="5" t="s">
        <v>1523</v>
      </c>
      <c r="T14960" s="5" t="s">
        <v>42</v>
      </c>
      <c r="U14960" s="2">
        <v>2.871</v>
      </c>
      <c r="V14960" s="2">
        <v>2.2400000000000002</v>
      </c>
      <c r="W14960" s="2">
        <v>1.7999999999999999E-2</v>
      </c>
      <c r="X14960" s="2">
        <v>139.1</v>
      </c>
      <c r="Y14960" s="2">
        <v>7.6</v>
      </c>
      <c r="Z14960" s="2">
        <v>16.7</v>
      </c>
      <c r="AA14960" s="5"/>
      <c r="AB14960" s="5" t="s">
        <v>43</v>
      </c>
      <c r="AC14960" s="5" t="s">
        <v>44</v>
      </c>
      <c r="AD14960" s="2"/>
      <c r="AE14960" s="1"/>
    </row>
    <row r="14961" spans="1:31" ht="14.45">
      <c r="A14961" s="11"/>
      <c r="B14961" s="20"/>
      <c r="C14961" s="2" t="s">
        <v>45836</v>
      </c>
      <c r="D14961" s="14" t="s">
        <v>45837</v>
      </c>
      <c r="E14961" s="2" t="s">
        <v>45838</v>
      </c>
      <c r="F14961" s="2" t="s">
        <v>36385</v>
      </c>
      <c r="G14961" s="8">
        <v>302</v>
      </c>
      <c r="H14961" s="5">
        <v>6</v>
      </c>
      <c r="I14961" s="5" t="s">
        <v>1518</v>
      </c>
      <c r="J14961" s="5" t="s">
        <v>36264</v>
      </c>
      <c r="K14961" s="2" t="s">
        <v>36265</v>
      </c>
      <c r="L14961" s="5" t="s">
        <v>36264</v>
      </c>
      <c r="M14961" s="2" t="s">
        <v>36265</v>
      </c>
      <c r="N14961" s="5" t="s">
        <v>36266</v>
      </c>
      <c r="O14961" s="5" t="s">
        <v>38</v>
      </c>
      <c r="P14961" s="5" t="s">
        <v>39</v>
      </c>
      <c r="Q14961" s="5" t="s">
        <v>40</v>
      </c>
      <c r="R14961" s="5" t="s">
        <v>1522</v>
      </c>
      <c r="S14961" s="5" t="s">
        <v>1523</v>
      </c>
      <c r="T14961" s="5" t="s">
        <v>42</v>
      </c>
      <c r="U14961" s="2">
        <v>2.782</v>
      </c>
      <c r="V14961" s="2">
        <v>2.1509999999999998</v>
      </c>
      <c r="W14961" s="2">
        <v>1.7999999999999999E-2</v>
      </c>
      <c r="X14961" s="2">
        <v>139.1</v>
      </c>
      <c r="Y14961" s="2">
        <v>7.6</v>
      </c>
      <c r="Z14961" s="2">
        <v>16.7</v>
      </c>
      <c r="AA14961" s="5"/>
      <c r="AB14961" s="5" t="s">
        <v>43</v>
      </c>
      <c r="AC14961" s="5" t="s">
        <v>44</v>
      </c>
      <c r="AD14961" s="2"/>
      <c r="AE14961" s="1"/>
    </row>
    <row r="14962" spans="1:31" ht="14.45">
      <c r="A14962" s="11"/>
      <c r="B14962" s="20"/>
      <c r="C14962" s="2" t="s">
        <v>45839</v>
      </c>
      <c r="D14962" s="14" t="s">
        <v>45840</v>
      </c>
      <c r="E14962" s="2" t="s">
        <v>45841</v>
      </c>
      <c r="F14962" s="2" t="s">
        <v>7204</v>
      </c>
      <c r="G14962" s="8">
        <v>268</v>
      </c>
      <c r="H14962" s="5">
        <v>6</v>
      </c>
      <c r="I14962" s="5" t="s">
        <v>1518</v>
      </c>
      <c r="J14962" s="5" t="s">
        <v>36264</v>
      </c>
      <c r="K14962" s="2" t="s">
        <v>36265</v>
      </c>
      <c r="L14962" s="5" t="s">
        <v>36264</v>
      </c>
      <c r="M14962" s="2" t="s">
        <v>36265</v>
      </c>
      <c r="N14962" s="5" t="s">
        <v>36266</v>
      </c>
      <c r="O14962" s="5" t="s">
        <v>38</v>
      </c>
      <c r="P14962" s="5" t="s">
        <v>39</v>
      </c>
      <c r="Q14962" s="5" t="s">
        <v>40</v>
      </c>
      <c r="R14962" s="5" t="s">
        <v>1522</v>
      </c>
      <c r="S14962" s="5" t="s">
        <v>1523</v>
      </c>
      <c r="T14962" s="5" t="s">
        <v>42</v>
      </c>
      <c r="U14962" s="2">
        <v>2.516</v>
      </c>
      <c r="V14962" s="2">
        <v>1.97</v>
      </c>
      <c r="W14962" s="2">
        <v>1.2999999999999999E-2</v>
      </c>
      <c r="X14962" s="2">
        <v>99.1</v>
      </c>
      <c r="Y14962" s="2">
        <v>7.6</v>
      </c>
      <c r="Z14962" s="2">
        <v>16.7</v>
      </c>
      <c r="AA14962" s="5"/>
      <c r="AB14962" s="5" t="s">
        <v>43</v>
      </c>
      <c r="AC14962" s="5" t="s">
        <v>44</v>
      </c>
      <c r="AD14962" s="2"/>
      <c r="AE14962" s="1"/>
    </row>
    <row r="14963" spans="1:31" ht="14.45">
      <c r="A14963" s="11"/>
      <c r="B14963" s="20"/>
      <c r="C14963" s="2" t="s">
        <v>45842</v>
      </c>
      <c r="D14963" s="14" t="s">
        <v>45843</v>
      </c>
      <c r="E14963" s="2" t="s">
        <v>45844</v>
      </c>
      <c r="F14963" s="2" t="s">
        <v>7514</v>
      </c>
      <c r="G14963" s="8">
        <v>268</v>
      </c>
      <c r="H14963" s="5">
        <v>6</v>
      </c>
      <c r="I14963" s="5" t="s">
        <v>1518</v>
      </c>
      <c r="J14963" s="5" t="s">
        <v>36264</v>
      </c>
      <c r="K14963" s="2" t="s">
        <v>36265</v>
      </c>
      <c r="L14963" s="5" t="s">
        <v>36264</v>
      </c>
      <c r="M14963" s="2" t="s">
        <v>36265</v>
      </c>
      <c r="N14963" s="5" t="s">
        <v>36266</v>
      </c>
      <c r="O14963" s="5" t="s">
        <v>38</v>
      </c>
      <c r="P14963" s="5" t="s">
        <v>39</v>
      </c>
      <c r="Q14963" s="5" t="s">
        <v>40</v>
      </c>
      <c r="R14963" s="5" t="s">
        <v>1522</v>
      </c>
      <c r="S14963" s="5" t="s">
        <v>1523</v>
      </c>
      <c r="T14963" s="5" t="s">
        <v>42</v>
      </c>
      <c r="U14963" s="2">
        <v>2.5830000000000002</v>
      </c>
      <c r="V14963" s="2">
        <v>2.0369999999999999</v>
      </c>
      <c r="W14963" s="2">
        <v>1.2999999999999999E-2</v>
      </c>
      <c r="X14963" s="2">
        <v>99.1</v>
      </c>
      <c r="Y14963" s="2">
        <v>7.6</v>
      </c>
      <c r="Z14963" s="2">
        <v>16.7</v>
      </c>
      <c r="AA14963" s="5"/>
      <c r="AB14963" s="5" t="s">
        <v>43</v>
      </c>
      <c r="AC14963" s="5" t="s">
        <v>44</v>
      </c>
      <c r="AD14963" s="2"/>
      <c r="AE14963" s="1"/>
    </row>
    <row r="14964" spans="1:31" ht="14.45">
      <c r="A14964" s="11"/>
      <c r="B14964" s="20"/>
      <c r="C14964" s="2" t="s">
        <v>45845</v>
      </c>
      <c r="D14964" s="14" t="s">
        <v>45846</v>
      </c>
      <c r="E14964" s="2" t="s">
        <v>45847</v>
      </c>
      <c r="F14964" s="2" t="s">
        <v>36273</v>
      </c>
      <c r="G14964" s="8">
        <v>268</v>
      </c>
      <c r="H14964" s="5">
        <v>6</v>
      </c>
      <c r="I14964" s="5" t="s">
        <v>1518</v>
      </c>
      <c r="J14964" s="5" t="s">
        <v>36264</v>
      </c>
      <c r="K14964" s="2" t="s">
        <v>36265</v>
      </c>
      <c r="L14964" s="5" t="s">
        <v>36264</v>
      </c>
      <c r="M14964" s="2" t="s">
        <v>36265</v>
      </c>
      <c r="N14964" s="5" t="s">
        <v>36266</v>
      </c>
      <c r="O14964" s="5" t="s">
        <v>38</v>
      </c>
      <c r="P14964" s="5" t="s">
        <v>39</v>
      </c>
      <c r="Q14964" s="5" t="s">
        <v>40</v>
      </c>
      <c r="R14964" s="5" t="s">
        <v>1522</v>
      </c>
      <c r="S14964" s="5" t="s">
        <v>1523</v>
      </c>
      <c r="T14964" s="5" t="s">
        <v>42</v>
      </c>
      <c r="U14964" s="2">
        <v>2.516</v>
      </c>
      <c r="V14964" s="2">
        <v>1.97</v>
      </c>
      <c r="W14964" s="2">
        <v>1.2999999999999999E-2</v>
      </c>
      <c r="X14964" s="2">
        <v>99.1</v>
      </c>
      <c r="Y14964" s="2">
        <v>7.6</v>
      </c>
      <c r="Z14964" s="2">
        <v>16.7</v>
      </c>
      <c r="AA14964" s="5"/>
      <c r="AB14964" s="5" t="s">
        <v>43</v>
      </c>
      <c r="AC14964" s="5" t="s">
        <v>44</v>
      </c>
      <c r="AD14964" s="2"/>
      <c r="AE14964" s="1"/>
    </row>
    <row r="14965" spans="1:31" ht="14.45">
      <c r="A14965" s="11"/>
      <c r="B14965" s="20"/>
      <c r="C14965" s="2" t="s">
        <v>45848</v>
      </c>
      <c r="D14965" s="14" t="s">
        <v>45849</v>
      </c>
      <c r="E14965" s="2" t="s">
        <v>45850</v>
      </c>
      <c r="F14965" s="2" t="s">
        <v>36277</v>
      </c>
      <c r="G14965" s="8">
        <v>268</v>
      </c>
      <c r="H14965" s="5">
        <v>6</v>
      </c>
      <c r="I14965" s="5" t="s">
        <v>1518</v>
      </c>
      <c r="J14965" s="5" t="s">
        <v>36264</v>
      </c>
      <c r="K14965" s="2" t="s">
        <v>36265</v>
      </c>
      <c r="L14965" s="5" t="s">
        <v>36264</v>
      </c>
      <c r="M14965" s="2" t="s">
        <v>36265</v>
      </c>
      <c r="N14965" s="5" t="s">
        <v>36266</v>
      </c>
      <c r="O14965" s="5" t="s">
        <v>38</v>
      </c>
      <c r="P14965" s="5" t="s">
        <v>39</v>
      </c>
      <c r="Q14965" s="5" t="s">
        <v>40</v>
      </c>
      <c r="R14965" s="5" t="s">
        <v>1522</v>
      </c>
      <c r="S14965" s="5" t="s">
        <v>1523</v>
      </c>
      <c r="T14965" s="5" t="s">
        <v>42</v>
      </c>
      <c r="U14965" s="2">
        <v>2.5830000000000002</v>
      </c>
      <c r="V14965" s="2">
        <v>2.0369999999999999</v>
      </c>
      <c r="W14965" s="2">
        <v>1.2999999999999999E-2</v>
      </c>
      <c r="X14965" s="2">
        <v>99.1</v>
      </c>
      <c r="Y14965" s="2">
        <v>7.6</v>
      </c>
      <c r="Z14965" s="2">
        <v>16.7</v>
      </c>
      <c r="AA14965" s="5"/>
      <c r="AB14965" s="5" t="s">
        <v>43</v>
      </c>
      <c r="AC14965" s="5" t="s">
        <v>44</v>
      </c>
      <c r="AD14965" s="2"/>
      <c r="AE14965" s="1"/>
    </row>
    <row r="14966" spans="1:31" ht="14.45">
      <c r="A14966" s="11"/>
      <c r="B14966" s="20"/>
      <c r="C14966" s="2" t="s">
        <v>45851</v>
      </c>
      <c r="D14966" s="14" t="s">
        <v>45852</v>
      </c>
      <c r="E14966" s="2" t="s">
        <v>45853</v>
      </c>
      <c r="F14966" s="2" t="s">
        <v>36289</v>
      </c>
      <c r="G14966" s="8">
        <v>289</v>
      </c>
      <c r="H14966" s="5">
        <v>6</v>
      </c>
      <c r="I14966" s="5" t="s">
        <v>1518</v>
      </c>
      <c r="J14966" s="5" t="s">
        <v>36264</v>
      </c>
      <c r="K14966" s="2" t="s">
        <v>36265</v>
      </c>
      <c r="L14966" s="5" t="s">
        <v>36264</v>
      </c>
      <c r="M14966" s="2" t="s">
        <v>36265</v>
      </c>
      <c r="N14966" s="5" t="s">
        <v>36266</v>
      </c>
      <c r="O14966" s="5" t="s">
        <v>38</v>
      </c>
      <c r="P14966" s="5" t="s">
        <v>39</v>
      </c>
      <c r="Q14966" s="5" t="s">
        <v>40</v>
      </c>
      <c r="R14966" s="5" t="s">
        <v>1522</v>
      </c>
      <c r="S14966" s="5" t="s">
        <v>1523</v>
      </c>
      <c r="T14966" s="5" t="s">
        <v>42</v>
      </c>
      <c r="U14966" s="2">
        <v>2.516</v>
      </c>
      <c r="V14966" s="2">
        <v>1.97</v>
      </c>
      <c r="W14966" s="2">
        <v>1.2999999999999999E-2</v>
      </c>
      <c r="X14966" s="2">
        <v>99.1</v>
      </c>
      <c r="Y14966" s="2">
        <v>7.6</v>
      </c>
      <c r="Z14966" s="2">
        <v>16.7</v>
      </c>
      <c r="AA14966" s="5"/>
      <c r="AB14966" s="5" t="s">
        <v>43</v>
      </c>
      <c r="AC14966" s="5" t="s">
        <v>44</v>
      </c>
      <c r="AD14966" s="2"/>
      <c r="AE14966" s="1"/>
    </row>
    <row r="14967" spans="1:31" ht="14.45">
      <c r="A14967" s="11"/>
      <c r="B14967" s="20"/>
      <c r="C14967" s="2" t="s">
        <v>45854</v>
      </c>
      <c r="D14967" s="14" t="s">
        <v>45855</v>
      </c>
      <c r="E14967" s="2" t="s">
        <v>45856</v>
      </c>
      <c r="F14967" s="2" t="s">
        <v>36293</v>
      </c>
      <c r="G14967" s="8">
        <v>289</v>
      </c>
      <c r="H14967" s="5">
        <v>6</v>
      </c>
      <c r="I14967" s="5" t="s">
        <v>1518</v>
      </c>
      <c r="J14967" s="5" t="s">
        <v>36264</v>
      </c>
      <c r="K14967" s="2" t="s">
        <v>36265</v>
      </c>
      <c r="L14967" s="5" t="s">
        <v>36264</v>
      </c>
      <c r="M14967" s="2" t="s">
        <v>36265</v>
      </c>
      <c r="N14967" s="5" t="s">
        <v>36266</v>
      </c>
      <c r="O14967" s="5" t="s">
        <v>38</v>
      </c>
      <c r="P14967" s="5" t="s">
        <v>39</v>
      </c>
      <c r="Q14967" s="5" t="s">
        <v>40</v>
      </c>
      <c r="R14967" s="5" t="s">
        <v>1522</v>
      </c>
      <c r="S14967" s="5" t="s">
        <v>1523</v>
      </c>
      <c r="T14967" s="5" t="s">
        <v>42</v>
      </c>
      <c r="U14967" s="2">
        <v>2.5830000000000002</v>
      </c>
      <c r="V14967" s="2">
        <v>2.0369999999999999</v>
      </c>
      <c r="W14967" s="2">
        <v>1.2999999999999999E-2</v>
      </c>
      <c r="X14967" s="2">
        <v>99.1</v>
      </c>
      <c r="Y14967" s="2">
        <v>7.6</v>
      </c>
      <c r="Z14967" s="2">
        <v>16.7</v>
      </c>
      <c r="AA14967" s="5"/>
      <c r="AB14967" s="5" t="s">
        <v>43</v>
      </c>
      <c r="AC14967" s="5" t="s">
        <v>44</v>
      </c>
      <c r="AD14967" s="2"/>
      <c r="AE14967" s="1"/>
    </row>
    <row r="14968" spans="1:31" ht="14.45">
      <c r="A14968" s="11"/>
      <c r="B14968" s="20"/>
      <c r="C14968" s="2" t="s">
        <v>45857</v>
      </c>
      <c r="D14968" s="14" t="s">
        <v>45858</v>
      </c>
      <c r="E14968" s="2" t="s">
        <v>45859</v>
      </c>
      <c r="F14968" s="2" t="s">
        <v>36297</v>
      </c>
      <c r="G14968" s="8">
        <v>268</v>
      </c>
      <c r="H14968" s="5">
        <v>6</v>
      </c>
      <c r="I14968" s="5" t="s">
        <v>1518</v>
      </c>
      <c r="J14968" s="5" t="s">
        <v>36264</v>
      </c>
      <c r="K14968" s="2" t="s">
        <v>36265</v>
      </c>
      <c r="L14968" s="5" t="s">
        <v>36264</v>
      </c>
      <c r="M14968" s="2" t="s">
        <v>36265</v>
      </c>
      <c r="N14968" s="5" t="s">
        <v>36266</v>
      </c>
      <c r="O14968" s="5" t="s">
        <v>38</v>
      </c>
      <c r="P14968" s="5" t="s">
        <v>39</v>
      </c>
      <c r="Q14968" s="5" t="s">
        <v>40</v>
      </c>
      <c r="R14968" s="5" t="s">
        <v>1522</v>
      </c>
      <c r="S14968" s="5" t="s">
        <v>1523</v>
      </c>
      <c r="T14968" s="5" t="s">
        <v>42</v>
      </c>
      <c r="U14968" s="2">
        <v>2.516</v>
      </c>
      <c r="V14968" s="2">
        <v>1.97</v>
      </c>
      <c r="W14968" s="2">
        <v>1.2999999999999999E-2</v>
      </c>
      <c r="X14968" s="2">
        <v>99.1</v>
      </c>
      <c r="Y14968" s="2">
        <v>7.6</v>
      </c>
      <c r="Z14968" s="2">
        <v>16.7</v>
      </c>
      <c r="AA14968" s="5"/>
      <c r="AB14968" s="5" t="s">
        <v>43</v>
      </c>
      <c r="AC14968" s="5" t="s">
        <v>44</v>
      </c>
      <c r="AD14968" s="2"/>
      <c r="AE14968" s="1"/>
    </row>
    <row r="14969" spans="1:31" ht="14.45">
      <c r="A14969" s="11"/>
      <c r="B14969" s="20"/>
      <c r="C14969" s="2" t="s">
        <v>45860</v>
      </c>
      <c r="D14969" s="14" t="s">
        <v>45861</v>
      </c>
      <c r="E14969" s="2" t="s">
        <v>45862</v>
      </c>
      <c r="F14969" s="2" t="s">
        <v>36301</v>
      </c>
      <c r="G14969" s="8">
        <v>268</v>
      </c>
      <c r="H14969" s="5">
        <v>6</v>
      </c>
      <c r="I14969" s="5" t="s">
        <v>1518</v>
      </c>
      <c r="J14969" s="5" t="s">
        <v>36264</v>
      </c>
      <c r="K14969" s="2" t="s">
        <v>36265</v>
      </c>
      <c r="L14969" s="5" t="s">
        <v>36264</v>
      </c>
      <c r="M14969" s="2" t="s">
        <v>36265</v>
      </c>
      <c r="N14969" s="5" t="s">
        <v>36266</v>
      </c>
      <c r="O14969" s="5" t="s">
        <v>38</v>
      </c>
      <c r="P14969" s="5" t="s">
        <v>39</v>
      </c>
      <c r="Q14969" s="5" t="s">
        <v>40</v>
      </c>
      <c r="R14969" s="5" t="s">
        <v>1522</v>
      </c>
      <c r="S14969" s="5" t="s">
        <v>1523</v>
      </c>
      <c r="T14969" s="5" t="s">
        <v>42</v>
      </c>
      <c r="U14969" s="2">
        <v>2.5830000000000002</v>
      </c>
      <c r="V14969" s="2">
        <v>2.0369999999999999</v>
      </c>
      <c r="W14969" s="2">
        <v>1.2999999999999999E-2</v>
      </c>
      <c r="X14969" s="2">
        <v>99.1</v>
      </c>
      <c r="Y14969" s="2">
        <v>7.6</v>
      </c>
      <c r="Z14969" s="2">
        <v>16.7</v>
      </c>
      <c r="AA14969" s="5"/>
      <c r="AB14969" s="5" t="s">
        <v>43</v>
      </c>
      <c r="AC14969" s="5" t="s">
        <v>44</v>
      </c>
      <c r="AD14969" s="2"/>
      <c r="AE14969" s="1"/>
    </row>
    <row r="14970" spans="1:31" ht="14.45">
      <c r="A14970" s="11"/>
      <c r="B14970" s="20"/>
      <c r="C14970" s="2" t="s">
        <v>45863</v>
      </c>
      <c r="D14970" s="14" t="s">
        <v>45864</v>
      </c>
      <c r="E14970" s="2" t="s">
        <v>45865</v>
      </c>
      <c r="F14970" s="2" t="s">
        <v>36305</v>
      </c>
      <c r="G14970" s="8">
        <v>268</v>
      </c>
      <c r="H14970" s="5">
        <v>6</v>
      </c>
      <c r="I14970" s="5" t="s">
        <v>1518</v>
      </c>
      <c r="J14970" s="5" t="s">
        <v>36264</v>
      </c>
      <c r="K14970" s="2" t="s">
        <v>36265</v>
      </c>
      <c r="L14970" s="5" t="s">
        <v>36264</v>
      </c>
      <c r="M14970" s="2" t="s">
        <v>36265</v>
      </c>
      <c r="N14970" s="5" t="s">
        <v>36266</v>
      </c>
      <c r="O14970" s="5" t="s">
        <v>38</v>
      </c>
      <c r="P14970" s="5" t="s">
        <v>39</v>
      </c>
      <c r="Q14970" s="5" t="s">
        <v>40</v>
      </c>
      <c r="R14970" s="5" t="s">
        <v>1522</v>
      </c>
      <c r="S14970" s="5" t="s">
        <v>1523</v>
      </c>
      <c r="T14970" s="5" t="s">
        <v>42</v>
      </c>
      <c r="U14970" s="2">
        <v>2.516</v>
      </c>
      <c r="V14970" s="2">
        <v>1.97</v>
      </c>
      <c r="W14970" s="2">
        <v>1.2999999999999999E-2</v>
      </c>
      <c r="X14970" s="2">
        <v>99.1</v>
      </c>
      <c r="Y14970" s="2">
        <v>7.6</v>
      </c>
      <c r="Z14970" s="2">
        <v>16.7</v>
      </c>
      <c r="AA14970" s="5"/>
      <c r="AB14970" s="5" t="s">
        <v>43</v>
      </c>
      <c r="AC14970" s="5" t="s">
        <v>44</v>
      </c>
      <c r="AD14970" s="2"/>
      <c r="AE14970" s="1"/>
    </row>
    <row r="14971" spans="1:31" ht="14.45">
      <c r="A14971" s="11"/>
      <c r="B14971" s="20"/>
      <c r="C14971" s="2" t="s">
        <v>45866</v>
      </c>
      <c r="D14971" s="14" t="s">
        <v>45867</v>
      </c>
      <c r="E14971" s="2" t="s">
        <v>45868</v>
      </c>
      <c r="F14971" s="2" t="s">
        <v>36329</v>
      </c>
      <c r="G14971" s="8">
        <v>289</v>
      </c>
      <c r="H14971" s="5">
        <v>6</v>
      </c>
      <c r="I14971" s="5" t="s">
        <v>1518</v>
      </c>
      <c r="J14971" s="5" t="s">
        <v>36264</v>
      </c>
      <c r="K14971" s="2" t="s">
        <v>36265</v>
      </c>
      <c r="L14971" s="5" t="s">
        <v>36264</v>
      </c>
      <c r="M14971" s="2" t="s">
        <v>36265</v>
      </c>
      <c r="N14971" s="5" t="s">
        <v>36266</v>
      </c>
      <c r="O14971" s="5" t="s">
        <v>38</v>
      </c>
      <c r="P14971" s="5" t="s">
        <v>39</v>
      </c>
      <c r="Q14971" s="5" t="s">
        <v>40</v>
      </c>
      <c r="R14971" s="5" t="s">
        <v>1522</v>
      </c>
      <c r="S14971" s="5" t="s">
        <v>1523</v>
      </c>
      <c r="T14971" s="5" t="s">
        <v>42</v>
      </c>
      <c r="U14971" s="2">
        <v>2.516</v>
      </c>
      <c r="V14971" s="2">
        <v>1.97</v>
      </c>
      <c r="W14971" s="2">
        <v>1.2999999999999999E-2</v>
      </c>
      <c r="X14971" s="2">
        <v>99.1</v>
      </c>
      <c r="Y14971" s="2">
        <v>7.6</v>
      </c>
      <c r="Z14971" s="2">
        <v>16.7</v>
      </c>
      <c r="AA14971" s="5"/>
      <c r="AB14971" s="5" t="s">
        <v>43</v>
      </c>
      <c r="AC14971" s="5" t="s">
        <v>44</v>
      </c>
      <c r="AD14971" s="2"/>
      <c r="AE14971" s="1"/>
    </row>
    <row r="14972" spans="1:31" ht="14.45">
      <c r="A14972" s="11"/>
      <c r="B14972" s="20"/>
      <c r="C14972" s="2" t="s">
        <v>45869</v>
      </c>
      <c r="D14972" s="14" t="s">
        <v>45870</v>
      </c>
      <c r="E14972" s="2" t="s">
        <v>45871</v>
      </c>
      <c r="F14972" s="2" t="s">
        <v>36333</v>
      </c>
      <c r="G14972" s="8">
        <v>289</v>
      </c>
      <c r="H14972" s="5">
        <v>6</v>
      </c>
      <c r="I14972" s="5" t="s">
        <v>1518</v>
      </c>
      <c r="J14972" s="5" t="s">
        <v>36264</v>
      </c>
      <c r="K14972" s="2" t="s">
        <v>36265</v>
      </c>
      <c r="L14972" s="5" t="s">
        <v>36264</v>
      </c>
      <c r="M14972" s="2" t="s">
        <v>36265</v>
      </c>
      <c r="N14972" s="5" t="s">
        <v>36266</v>
      </c>
      <c r="O14972" s="5" t="s">
        <v>38</v>
      </c>
      <c r="P14972" s="5" t="s">
        <v>39</v>
      </c>
      <c r="Q14972" s="5" t="s">
        <v>40</v>
      </c>
      <c r="R14972" s="5" t="s">
        <v>1522</v>
      </c>
      <c r="S14972" s="5" t="s">
        <v>1523</v>
      </c>
      <c r="T14972" s="5" t="s">
        <v>42</v>
      </c>
      <c r="U14972" s="2">
        <v>2.5830000000000002</v>
      </c>
      <c r="V14972" s="2">
        <v>2.0369999999999999</v>
      </c>
      <c r="W14972" s="2">
        <v>1.2999999999999999E-2</v>
      </c>
      <c r="X14972" s="2">
        <v>99.1</v>
      </c>
      <c r="Y14972" s="2">
        <v>7.6</v>
      </c>
      <c r="Z14972" s="2">
        <v>16.7</v>
      </c>
      <c r="AA14972" s="5"/>
      <c r="AB14972" s="5" t="s">
        <v>43</v>
      </c>
      <c r="AC14972" s="5" t="s">
        <v>44</v>
      </c>
      <c r="AD14972" s="2"/>
      <c r="AE14972" s="1"/>
    </row>
    <row r="14973" spans="1:31" ht="14.45">
      <c r="A14973" s="11"/>
      <c r="B14973" s="20"/>
      <c r="C14973" s="2" t="s">
        <v>45872</v>
      </c>
      <c r="D14973" s="14" t="s">
        <v>45873</v>
      </c>
      <c r="E14973" s="2" t="s">
        <v>45874</v>
      </c>
      <c r="F14973" s="2" t="s">
        <v>36345</v>
      </c>
      <c r="G14973" s="8">
        <v>289</v>
      </c>
      <c r="H14973" s="5">
        <v>6</v>
      </c>
      <c r="I14973" s="5" t="s">
        <v>1518</v>
      </c>
      <c r="J14973" s="5" t="s">
        <v>36264</v>
      </c>
      <c r="K14973" s="2" t="s">
        <v>36265</v>
      </c>
      <c r="L14973" s="5" t="s">
        <v>36264</v>
      </c>
      <c r="M14973" s="2" t="s">
        <v>36265</v>
      </c>
      <c r="N14973" s="5" t="s">
        <v>36266</v>
      </c>
      <c r="O14973" s="5" t="s">
        <v>38</v>
      </c>
      <c r="P14973" s="5" t="s">
        <v>39</v>
      </c>
      <c r="Q14973" s="5" t="s">
        <v>40</v>
      </c>
      <c r="R14973" s="5" t="s">
        <v>1522</v>
      </c>
      <c r="S14973" s="5" t="s">
        <v>1523</v>
      </c>
      <c r="T14973" s="5" t="s">
        <v>42</v>
      </c>
      <c r="U14973" s="2">
        <v>2.516</v>
      </c>
      <c r="V14973" s="2">
        <v>1.97</v>
      </c>
      <c r="W14973" s="2">
        <v>1.2999999999999999E-2</v>
      </c>
      <c r="X14973" s="2">
        <v>99.1</v>
      </c>
      <c r="Y14973" s="2">
        <v>7.6</v>
      </c>
      <c r="Z14973" s="2">
        <v>16.7</v>
      </c>
      <c r="AA14973" s="5"/>
      <c r="AB14973" s="5" t="s">
        <v>43</v>
      </c>
      <c r="AC14973" s="5" t="s">
        <v>44</v>
      </c>
      <c r="AD14973" s="2"/>
      <c r="AE14973" s="1"/>
    </row>
    <row r="14974" spans="1:31" ht="14.45">
      <c r="A14974" s="11"/>
      <c r="B14974" s="20"/>
      <c r="C14974" s="2" t="s">
        <v>45875</v>
      </c>
      <c r="D14974" s="14" t="s">
        <v>45876</v>
      </c>
      <c r="E14974" s="2" t="s">
        <v>45877</v>
      </c>
      <c r="F14974" s="2" t="s">
        <v>36349</v>
      </c>
      <c r="G14974" s="8">
        <v>289</v>
      </c>
      <c r="H14974" s="5">
        <v>6</v>
      </c>
      <c r="I14974" s="5" t="s">
        <v>1518</v>
      </c>
      <c r="J14974" s="5" t="s">
        <v>36264</v>
      </c>
      <c r="K14974" s="2" t="s">
        <v>36265</v>
      </c>
      <c r="L14974" s="5" t="s">
        <v>36264</v>
      </c>
      <c r="M14974" s="2" t="s">
        <v>36265</v>
      </c>
      <c r="N14974" s="5" t="s">
        <v>36266</v>
      </c>
      <c r="O14974" s="5" t="s">
        <v>38</v>
      </c>
      <c r="P14974" s="5" t="s">
        <v>39</v>
      </c>
      <c r="Q14974" s="5" t="s">
        <v>40</v>
      </c>
      <c r="R14974" s="5" t="s">
        <v>1522</v>
      </c>
      <c r="S14974" s="5" t="s">
        <v>1523</v>
      </c>
      <c r="T14974" s="5" t="s">
        <v>42</v>
      </c>
      <c r="U14974" s="2">
        <v>2.5830000000000002</v>
      </c>
      <c r="V14974" s="2">
        <v>2.0369999999999999</v>
      </c>
      <c r="W14974" s="2">
        <v>1.2999999999999999E-2</v>
      </c>
      <c r="X14974" s="2">
        <v>99.1</v>
      </c>
      <c r="Y14974" s="2">
        <v>7.6</v>
      </c>
      <c r="Z14974" s="2">
        <v>16.7</v>
      </c>
      <c r="AA14974" s="5"/>
      <c r="AB14974" s="5" t="s">
        <v>43</v>
      </c>
      <c r="AC14974" s="5" t="s">
        <v>44</v>
      </c>
      <c r="AD14974" s="2"/>
      <c r="AE14974" s="1"/>
    </row>
    <row r="14975" spans="1:31" ht="14.45">
      <c r="A14975" s="11"/>
      <c r="B14975" s="20"/>
      <c r="C14975" s="2" t="s">
        <v>45878</v>
      </c>
      <c r="D14975" s="14" t="s">
        <v>45879</v>
      </c>
      <c r="E14975" s="2" t="s">
        <v>45880</v>
      </c>
      <c r="F14975" s="2" t="s">
        <v>36353</v>
      </c>
      <c r="G14975" s="8">
        <v>289</v>
      </c>
      <c r="H14975" s="5">
        <v>6</v>
      </c>
      <c r="I14975" s="5" t="s">
        <v>1518</v>
      </c>
      <c r="J14975" s="5" t="s">
        <v>36264</v>
      </c>
      <c r="K14975" s="2" t="s">
        <v>36265</v>
      </c>
      <c r="L14975" s="5" t="s">
        <v>36264</v>
      </c>
      <c r="M14975" s="2" t="s">
        <v>36265</v>
      </c>
      <c r="N14975" s="5" t="s">
        <v>36266</v>
      </c>
      <c r="O14975" s="5" t="s">
        <v>38</v>
      </c>
      <c r="P14975" s="5" t="s">
        <v>39</v>
      </c>
      <c r="Q14975" s="5" t="s">
        <v>40</v>
      </c>
      <c r="R14975" s="5" t="s">
        <v>1522</v>
      </c>
      <c r="S14975" s="5" t="s">
        <v>1523</v>
      </c>
      <c r="T14975" s="5" t="s">
        <v>42</v>
      </c>
      <c r="U14975" s="2">
        <v>2.516</v>
      </c>
      <c r="V14975" s="2">
        <v>1.97</v>
      </c>
      <c r="W14975" s="2">
        <v>1.2999999999999999E-2</v>
      </c>
      <c r="X14975" s="2">
        <v>99.1</v>
      </c>
      <c r="Y14975" s="2">
        <v>7.6</v>
      </c>
      <c r="Z14975" s="2">
        <v>16.7</v>
      </c>
      <c r="AA14975" s="5"/>
      <c r="AB14975" s="5" t="s">
        <v>43</v>
      </c>
      <c r="AC14975" s="5" t="s">
        <v>44</v>
      </c>
      <c r="AD14975" s="2"/>
      <c r="AE14975" s="1"/>
    </row>
    <row r="14976" spans="1:31" ht="14.45">
      <c r="A14976" s="11"/>
      <c r="B14976" s="20"/>
      <c r="C14976" s="2" t="s">
        <v>45881</v>
      </c>
      <c r="D14976" s="14" t="s">
        <v>45882</v>
      </c>
      <c r="E14976" s="2" t="s">
        <v>45883</v>
      </c>
      <c r="F14976" s="2" t="s">
        <v>36357</v>
      </c>
      <c r="G14976" s="8">
        <v>289</v>
      </c>
      <c r="H14976" s="5">
        <v>6</v>
      </c>
      <c r="I14976" s="5" t="s">
        <v>1518</v>
      </c>
      <c r="J14976" s="5" t="s">
        <v>36264</v>
      </c>
      <c r="K14976" s="2" t="s">
        <v>36265</v>
      </c>
      <c r="L14976" s="5" t="s">
        <v>36264</v>
      </c>
      <c r="M14976" s="2" t="s">
        <v>36265</v>
      </c>
      <c r="N14976" s="5" t="s">
        <v>36266</v>
      </c>
      <c r="O14976" s="5" t="s">
        <v>38</v>
      </c>
      <c r="P14976" s="5" t="s">
        <v>39</v>
      </c>
      <c r="Q14976" s="5" t="s">
        <v>40</v>
      </c>
      <c r="R14976" s="5" t="s">
        <v>1522</v>
      </c>
      <c r="S14976" s="5" t="s">
        <v>1523</v>
      </c>
      <c r="T14976" s="5" t="s">
        <v>42</v>
      </c>
      <c r="U14976" s="2">
        <v>2.5830000000000002</v>
      </c>
      <c r="V14976" s="2">
        <v>2.0369999999999999</v>
      </c>
      <c r="W14976" s="2">
        <v>1.2999999999999999E-2</v>
      </c>
      <c r="X14976" s="2">
        <v>99.1</v>
      </c>
      <c r="Y14976" s="2">
        <v>7.6</v>
      </c>
      <c r="Z14976" s="2">
        <v>16.7</v>
      </c>
      <c r="AA14976" s="5"/>
      <c r="AB14976" s="5" t="s">
        <v>43</v>
      </c>
      <c r="AC14976" s="5" t="s">
        <v>44</v>
      </c>
      <c r="AD14976" s="2"/>
      <c r="AE14976" s="1"/>
    </row>
    <row r="14977" spans="1:31" ht="14.45">
      <c r="A14977" s="11"/>
      <c r="B14977" s="20"/>
      <c r="C14977" s="2" t="s">
        <v>45884</v>
      </c>
      <c r="D14977" s="14" t="s">
        <v>45885</v>
      </c>
      <c r="E14977" s="2" t="s">
        <v>45886</v>
      </c>
      <c r="F14977" s="2" t="s">
        <v>36373</v>
      </c>
      <c r="G14977" s="8">
        <v>289</v>
      </c>
      <c r="H14977" s="5">
        <v>6</v>
      </c>
      <c r="I14977" s="5" t="s">
        <v>1518</v>
      </c>
      <c r="J14977" s="5" t="s">
        <v>36264</v>
      </c>
      <c r="K14977" s="2" t="s">
        <v>36265</v>
      </c>
      <c r="L14977" s="5" t="s">
        <v>36264</v>
      </c>
      <c r="M14977" s="2" t="s">
        <v>36265</v>
      </c>
      <c r="N14977" s="5" t="s">
        <v>36266</v>
      </c>
      <c r="O14977" s="5" t="s">
        <v>38</v>
      </c>
      <c r="P14977" s="5" t="s">
        <v>39</v>
      </c>
      <c r="Q14977" s="5" t="s">
        <v>40</v>
      </c>
      <c r="R14977" s="5" t="s">
        <v>1522</v>
      </c>
      <c r="S14977" s="5" t="s">
        <v>1523</v>
      </c>
      <c r="T14977" s="5" t="s">
        <v>42</v>
      </c>
      <c r="U14977" s="2">
        <v>2.5830000000000002</v>
      </c>
      <c r="V14977" s="2">
        <v>2.0369999999999999</v>
      </c>
      <c r="W14977" s="2">
        <v>1.2999999999999999E-2</v>
      </c>
      <c r="X14977" s="2">
        <v>99.1</v>
      </c>
      <c r="Y14977" s="2">
        <v>7.6</v>
      </c>
      <c r="Z14977" s="2">
        <v>16.7</v>
      </c>
      <c r="AA14977" s="5"/>
      <c r="AB14977" s="5" t="s">
        <v>43</v>
      </c>
      <c r="AC14977" s="5" t="s">
        <v>44</v>
      </c>
      <c r="AD14977" s="2"/>
      <c r="AE14977" s="1"/>
    </row>
    <row r="14978" spans="1:31" ht="14.45">
      <c r="A14978" s="11"/>
      <c r="B14978" s="20"/>
      <c r="C14978" s="2" t="s">
        <v>45887</v>
      </c>
      <c r="D14978" s="14" t="s">
        <v>45888</v>
      </c>
      <c r="E14978" s="2" t="s">
        <v>45889</v>
      </c>
      <c r="F14978" s="2" t="s">
        <v>36377</v>
      </c>
      <c r="G14978" s="8">
        <v>289</v>
      </c>
      <c r="H14978" s="5">
        <v>6</v>
      </c>
      <c r="I14978" s="5" t="s">
        <v>1518</v>
      </c>
      <c r="J14978" s="5" t="s">
        <v>36264</v>
      </c>
      <c r="K14978" s="2" t="s">
        <v>36265</v>
      </c>
      <c r="L14978" s="5" t="s">
        <v>36264</v>
      </c>
      <c r="M14978" s="2" t="s">
        <v>36265</v>
      </c>
      <c r="N14978" s="5" t="s">
        <v>36266</v>
      </c>
      <c r="O14978" s="5" t="s">
        <v>38</v>
      </c>
      <c r="P14978" s="5" t="s">
        <v>39</v>
      </c>
      <c r="Q14978" s="5" t="s">
        <v>40</v>
      </c>
      <c r="R14978" s="5" t="s">
        <v>1522</v>
      </c>
      <c r="S14978" s="5" t="s">
        <v>1523</v>
      </c>
      <c r="T14978" s="5" t="s">
        <v>42</v>
      </c>
      <c r="U14978" s="2">
        <v>2.516</v>
      </c>
      <c r="V14978" s="2">
        <v>1.97</v>
      </c>
      <c r="W14978" s="2">
        <v>1.2999999999999999E-2</v>
      </c>
      <c r="X14978" s="2">
        <v>99.1</v>
      </c>
      <c r="Y14978" s="2">
        <v>7.6</v>
      </c>
      <c r="Z14978" s="2">
        <v>16.7</v>
      </c>
      <c r="AA14978" s="5"/>
      <c r="AB14978" s="5" t="s">
        <v>43</v>
      </c>
      <c r="AC14978" s="5" t="s">
        <v>44</v>
      </c>
      <c r="AD14978" s="2"/>
      <c r="AE14978" s="1"/>
    </row>
    <row r="14979" spans="1:31" ht="14.45">
      <c r="A14979" s="11"/>
      <c r="B14979" s="20"/>
      <c r="C14979" s="2" t="s">
        <v>45890</v>
      </c>
      <c r="D14979" s="14" t="s">
        <v>45891</v>
      </c>
      <c r="E14979" s="2" t="s">
        <v>45892</v>
      </c>
      <c r="F14979" s="2" t="s">
        <v>7514</v>
      </c>
      <c r="G14979" s="8">
        <v>280</v>
      </c>
      <c r="H14979" s="5">
        <v>6</v>
      </c>
      <c r="I14979" s="5" t="s">
        <v>1518</v>
      </c>
      <c r="J14979" s="5" t="s">
        <v>36264</v>
      </c>
      <c r="K14979" s="2" t="s">
        <v>36265</v>
      </c>
      <c r="L14979" s="5" t="s">
        <v>36264</v>
      </c>
      <c r="M14979" s="2" t="s">
        <v>36265</v>
      </c>
      <c r="N14979" s="5" t="s">
        <v>36266</v>
      </c>
      <c r="O14979" s="5" t="s">
        <v>38</v>
      </c>
      <c r="P14979" s="5" t="s">
        <v>39</v>
      </c>
      <c r="Q14979" s="5" t="s">
        <v>40</v>
      </c>
      <c r="R14979" s="5" t="s">
        <v>1522</v>
      </c>
      <c r="S14979" s="5" t="s">
        <v>1523</v>
      </c>
      <c r="T14979" s="5" t="s">
        <v>42</v>
      </c>
      <c r="U14979" s="2">
        <v>2.75</v>
      </c>
      <c r="V14979" s="2">
        <v>2.2130000000000001</v>
      </c>
      <c r="W14979" s="2">
        <v>1.2999999999999999E-2</v>
      </c>
      <c r="X14979" s="2">
        <v>99.1</v>
      </c>
      <c r="Y14979" s="2">
        <v>7.6</v>
      </c>
      <c r="Z14979" s="2">
        <v>16.7</v>
      </c>
      <c r="AA14979" s="5"/>
      <c r="AB14979" s="5" t="s">
        <v>43</v>
      </c>
      <c r="AC14979" s="5" t="s">
        <v>44</v>
      </c>
      <c r="AD14979" s="2"/>
      <c r="AE14979" s="1"/>
    </row>
    <row r="14980" spans="1:31" ht="14.45">
      <c r="A14980" s="11"/>
      <c r="B14980" s="20"/>
      <c r="C14980" s="2" t="s">
        <v>45893</v>
      </c>
      <c r="D14980" s="14" t="s">
        <v>45894</v>
      </c>
      <c r="E14980" s="2" t="s">
        <v>45895</v>
      </c>
      <c r="F14980" s="2" t="s">
        <v>36273</v>
      </c>
      <c r="G14980" s="8">
        <v>280</v>
      </c>
      <c r="H14980" s="5">
        <v>6</v>
      </c>
      <c r="I14980" s="5" t="s">
        <v>1518</v>
      </c>
      <c r="J14980" s="5" t="s">
        <v>36264</v>
      </c>
      <c r="K14980" s="2" t="s">
        <v>36265</v>
      </c>
      <c r="L14980" s="5" t="s">
        <v>36264</v>
      </c>
      <c r="M14980" s="2" t="s">
        <v>36265</v>
      </c>
      <c r="N14980" s="5" t="s">
        <v>36266</v>
      </c>
      <c r="O14980" s="5" t="s">
        <v>38</v>
      </c>
      <c r="P14980" s="5" t="s">
        <v>39</v>
      </c>
      <c r="Q14980" s="5" t="s">
        <v>40</v>
      </c>
      <c r="R14980" s="5" t="s">
        <v>1522</v>
      </c>
      <c r="S14980" s="5" t="s">
        <v>1523</v>
      </c>
      <c r="T14980" s="5" t="s">
        <v>42</v>
      </c>
      <c r="U14980" s="2">
        <v>2.6720000000000002</v>
      </c>
      <c r="V14980" s="2">
        <v>2.1349999999999998</v>
      </c>
      <c r="W14980" s="2">
        <v>1.2999999999999999E-2</v>
      </c>
      <c r="X14980" s="2">
        <v>99.1</v>
      </c>
      <c r="Y14980" s="2">
        <v>7.6</v>
      </c>
      <c r="Z14980" s="2">
        <v>16.7</v>
      </c>
      <c r="AA14980" s="5"/>
      <c r="AB14980" s="5" t="s">
        <v>43</v>
      </c>
      <c r="AC14980" s="5" t="s">
        <v>44</v>
      </c>
      <c r="AD14980" s="2"/>
      <c r="AE14980" s="1"/>
    </row>
    <row r="14981" spans="1:31" ht="14.45">
      <c r="A14981" s="11"/>
      <c r="B14981" s="20"/>
      <c r="C14981" s="2" t="s">
        <v>45896</v>
      </c>
      <c r="D14981" s="14" t="s">
        <v>45897</v>
      </c>
      <c r="E14981" s="2" t="s">
        <v>45898</v>
      </c>
      <c r="F14981" s="2" t="s">
        <v>36277</v>
      </c>
      <c r="G14981" s="8">
        <v>280</v>
      </c>
      <c r="H14981" s="5">
        <v>6</v>
      </c>
      <c r="I14981" s="5" t="s">
        <v>1518</v>
      </c>
      <c r="J14981" s="5" t="s">
        <v>36264</v>
      </c>
      <c r="K14981" s="2" t="s">
        <v>36265</v>
      </c>
      <c r="L14981" s="5" t="s">
        <v>36264</v>
      </c>
      <c r="M14981" s="2" t="s">
        <v>36265</v>
      </c>
      <c r="N14981" s="5" t="s">
        <v>36266</v>
      </c>
      <c r="O14981" s="5" t="s">
        <v>38</v>
      </c>
      <c r="P14981" s="5" t="s">
        <v>39</v>
      </c>
      <c r="Q14981" s="5" t="s">
        <v>40</v>
      </c>
      <c r="R14981" s="5" t="s">
        <v>1522</v>
      </c>
      <c r="S14981" s="5" t="s">
        <v>1523</v>
      </c>
      <c r="T14981" s="5" t="s">
        <v>42</v>
      </c>
      <c r="U14981" s="2">
        <v>2.75</v>
      </c>
      <c r="V14981" s="2">
        <v>2.2130000000000001</v>
      </c>
      <c r="W14981" s="2">
        <v>1.2999999999999999E-2</v>
      </c>
      <c r="X14981" s="2">
        <v>99.1</v>
      </c>
      <c r="Y14981" s="2">
        <v>7.6</v>
      </c>
      <c r="Z14981" s="2">
        <v>16.7</v>
      </c>
      <c r="AA14981" s="5"/>
      <c r="AB14981" s="5" t="s">
        <v>43</v>
      </c>
      <c r="AC14981" s="5" t="s">
        <v>44</v>
      </c>
      <c r="AD14981" s="2"/>
      <c r="AE14981" s="1"/>
    </row>
    <row r="14982" spans="1:31" ht="14.45">
      <c r="A14982" s="11"/>
      <c r="B14982" s="20"/>
      <c r="C14982" s="2" t="s">
        <v>45899</v>
      </c>
      <c r="D14982" s="14" t="s">
        <v>45900</v>
      </c>
      <c r="E14982" s="2" t="s">
        <v>45901</v>
      </c>
      <c r="F14982" s="2" t="s">
        <v>36281</v>
      </c>
      <c r="G14982" s="8">
        <v>302</v>
      </c>
      <c r="H14982" s="5">
        <v>6</v>
      </c>
      <c r="I14982" s="5" t="s">
        <v>1518</v>
      </c>
      <c r="J14982" s="5" t="s">
        <v>36264</v>
      </c>
      <c r="K14982" s="2" t="s">
        <v>36265</v>
      </c>
      <c r="L14982" s="5" t="s">
        <v>36264</v>
      </c>
      <c r="M14982" s="2" t="s">
        <v>36265</v>
      </c>
      <c r="N14982" s="5" t="s">
        <v>36266</v>
      </c>
      <c r="O14982" s="5" t="s">
        <v>38</v>
      </c>
      <c r="P14982" s="5" t="s">
        <v>39</v>
      </c>
      <c r="Q14982" s="5" t="s">
        <v>40</v>
      </c>
      <c r="R14982" s="5" t="s">
        <v>1522</v>
      </c>
      <c r="S14982" s="5" t="s">
        <v>1523</v>
      </c>
      <c r="T14982" s="5" t="s">
        <v>42</v>
      </c>
      <c r="U14982" s="2">
        <v>2.6720000000000002</v>
      </c>
      <c r="V14982" s="2">
        <v>2.1349999999999998</v>
      </c>
      <c r="W14982" s="2">
        <v>1.2999999999999999E-2</v>
      </c>
      <c r="X14982" s="2">
        <v>99.1</v>
      </c>
      <c r="Y14982" s="2">
        <v>7.6</v>
      </c>
      <c r="Z14982" s="2">
        <v>16.7</v>
      </c>
      <c r="AA14982" s="5"/>
      <c r="AB14982" s="5" t="s">
        <v>43</v>
      </c>
      <c r="AC14982" s="5" t="s">
        <v>44</v>
      </c>
      <c r="AD14982" s="2"/>
      <c r="AE14982" s="1"/>
    </row>
    <row r="14983" spans="1:31" ht="14.45">
      <c r="A14983" s="11"/>
      <c r="B14983" s="20"/>
      <c r="C14983" s="2" t="s">
        <v>45902</v>
      </c>
      <c r="D14983" s="14" t="s">
        <v>45903</v>
      </c>
      <c r="E14983" s="2" t="s">
        <v>45904</v>
      </c>
      <c r="F14983" s="2" t="s">
        <v>36289</v>
      </c>
      <c r="G14983" s="8">
        <v>302</v>
      </c>
      <c r="H14983" s="5">
        <v>6</v>
      </c>
      <c r="I14983" s="5" t="s">
        <v>1518</v>
      </c>
      <c r="J14983" s="5" t="s">
        <v>36264</v>
      </c>
      <c r="K14983" s="2" t="s">
        <v>36265</v>
      </c>
      <c r="L14983" s="5" t="s">
        <v>36264</v>
      </c>
      <c r="M14983" s="2" t="s">
        <v>36265</v>
      </c>
      <c r="N14983" s="5" t="s">
        <v>36266</v>
      </c>
      <c r="O14983" s="5" t="s">
        <v>38</v>
      </c>
      <c r="P14983" s="5" t="s">
        <v>39</v>
      </c>
      <c r="Q14983" s="5" t="s">
        <v>40</v>
      </c>
      <c r="R14983" s="5" t="s">
        <v>1522</v>
      </c>
      <c r="S14983" s="5" t="s">
        <v>1523</v>
      </c>
      <c r="T14983" s="5" t="s">
        <v>42</v>
      </c>
      <c r="U14983" s="2">
        <v>2.6720000000000002</v>
      </c>
      <c r="V14983" s="2">
        <v>2.1349999999999998</v>
      </c>
      <c r="W14983" s="2">
        <v>1.2999999999999999E-2</v>
      </c>
      <c r="X14983" s="2">
        <v>99.1</v>
      </c>
      <c r="Y14983" s="2">
        <v>7.6</v>
      </c>
      <c r="Z14983" s="2">
        <v>16.7</v>
      </c>
      <c r="AA14983" s="5"/>
      <c r="AB14983" s="5" t="s">
        <v>43</v>
      </c>
      <c r="AC14983" s="5" t="s">
        <v>44</v>
      </c>
      <c r="AD14983" s="2"/>
      <c r="AE14983" s="1"/>
    </row>
    <row r="14984" spans="1:31" ht="14.45">
      <c r="A14984" s="11"/>
      <c r="B14984" s="20"/>
      <c r="C14984" s="2" t="s">
        <v>45905</v>
      </c>
      <c r="D14984" s="14" t="s">
        <v>45906</v>
      </c>
      <c r="E14984" s="2" t="s">
        <v>45907</v>
      </c>
      <c r="F14984" s="2" t="s">
        <v>36321</v>
      </c>
      <c r="G14984" s="8">
        <v>302</v>
      </c>
      <c r="H14984" s="5">
        <v>6</v>
      </c>
      <c r="I14984" s="5" t="s">
        <v>1518</v>
      </c>
      <c r="J14984" s="5" t="s">
        <v>36264</v>
      </c>
      <c r="K14984" s="2" t="s">
        <v>36265</v>
      </c>
      <c r="L14984" s="5" t="s">
        <v>36264</v>
      </c>
      <c r="M14984" s="2" t="s">
        <v>36265</v>
      </c>
      <c r="N14984" s="5" t="s">
        <v>36266</v>
      </c>
      <c r="O14984" s="5" t="s">
        <v>38</v>
      </c>
      <c r="P14984" s="5" t="s">
        <v>39</v>
      </c>
      <c r="Q14984" s="5" t="s">
        <v>40</v>
      </c>
      <c r="R14984" s="5" t="s">
        <v>1522</v>
      </c>
      <c r="S14984" s="5" t="s">
        <v>1523</v>
      </c>
      <c r="T14984" s="5" t="s">
        <v>42</v>
      </c>
      <c r="U14984" s="2">
        <v>2.6720000000000002</v>
      </c>
      <c r="V14984" s="2">
        <v>2.1349999999999998</v>
      </c>
      <c r="W14984" s="2">
        <v>1.2999999999999999E-2</v>
      </c>
      <c r="X14984" s="2">
        <v>99.1</v>
      </c>
      <c r="Y14984" s="2">
        <v>7.6</v>
      </c>
      <c r="Z14984" s="2">
        <v>16.7</v>
      </c>
      <c r="AA14984" s="5"/>
      <c r="AB14984" s="5" t="s">
        <v>43</v>
      </c>
      <c r="AC14984" s="5" t="s">
        <v>44</v>
      </c>
      <c r="AD14984" s="2"/>
      <c r="AE14984" s="1"/>
    </row>
    <row r="14985" spans="1:31" ht="14.45">
      <c r="A14985" s="11"/>
      <c r="B14985" s="20"/>
      <c r="C14985" s="2" t="s">
        <v>45908</v>
      </c>
      <c r="D14985" s="14" t="s">
        <v>45909</v>
      </c>
      <c r="E14985" s="2" t="s">
        <v>45910</v>
      </c>
      <c r="F14985" s="2" t="s">
        <v>36329</v>
      </c>
      <c r="G14985" s="8">
        <v>302</v>
      </c>
      <c r="H14985" s="5">
        <v>6</v>
      </c>
      <c r="I14985" s="5" t="s">
        <v>1518</v>
      </c>
      <c r="J14985" s="5" t="s">
        <v>36264</v>
      </c>
      <c r="K14985" s="2" t="s">
        <v>36265</v>
      </c>
      <c r="L14985" s="5" t="s">
        <v>36264</v>
      </c>
      <c r="M14985" s="2" t="s">
        <v>36265</v>
      </c>
      <c r="N14985" s="5" t="s">
        <v>36266</v>
      </c>
      <c r="O14985" s="5" t="s">
        <v>38</v>
      </c>
      <c r="P14985" s="5" t="s">
        <v>39</v>
      </c>
      <c r="Q14985" s="5" t="s">
        <v>40</v>
      </c>
      <c r="R14985" s="5" t="s">
        <v>1522</v>
      </c>
      <c r="S14985" s="5" t="s">
        <v>1523</v>
      </c>
      <c r="T14985" s="5" t="s">
        <v>42</v>
      </c>
      <c r="U14985" s="2">
        <v>2.6720000000000002</v>
      </c>
      <c r="V14985" s="2">
        <v>2.1349999999999998</v>
      </c>
      <c r="W14985" s="2">
        <v>1.2999999999999999E-2</v>
      </c>
      <c r="X14985" s="2">
        <v>99.1</v>
      </c>
      <c r="Y14985" s="2">
        <v>7.6</v>
      </c>
      <c r="Z14985" s="2">
        <v>16.7</v>
      </c>
      <c r="AA14985" s="5"/>
      <c r="AB14985" s="5" t="s">
        <v>43</v>
      </c>
      <c r="AC14985" s="5" t="s">
        <v>44</v>
      </c>
      <c r="AD14985" s="2"/>
      <c r="AE14985" s="1"/>
    </row>
    <row r="14986" spans="1:31" ht="14.45">
      <c r="A14986" s="11"/>
      <c r="B14986" s="20"/>
      <c r="C14986" s="2" t="s">
        <v>45911</v>
      </c>
      <c r="D14986" s="14" t="s">
        <v>45912</v>
      </c>
      <c r="E14986" s="2" t="s">
        <v>45913</v>
      </c>
      <c r="F14986" s="2" t="s">
        <v>36349</v>
      </c>
      <c r="G14986" s="8">
        <v>302</v>
      </c>
      <c r="H14986" s="5">
        <v>6</v>
      </c>
      <c r="I14986" s="5" t="s">
        <v>1518</v>
      </c>
      <c r="J14986" s="5" t="s">
        <v>36264</v>
      </c>
      <c r="K14986" s="2" t="s">
        <v>36265</v>
      </c>
      <c r="L14986" s="5" t="s">
        <v>36264</v>
      </c>
      <c r="M14986" s="2" t="s">
        <v>36265</v>
      </c>
      <c r="N14986" s="5" t="s">
        <v>36266</v>
      </c>
      <c r="O14986" s="5" t="s">
        <v>38</v>
      </c>
      <c r="P14986" s="5" t="s">
        <v>39</v>
      </c>
      <c r="Q14986" s="5" t="s">
        <v>40</v>
      </c>
      <c r="R14986" s="5" t="s">
        <v>1522</v>
      </c>
      <c r="S14986" s="5" t="s">
        <v>1523</v>
      </c>
      <c r="T14986" s="5" t="s">
        <v>42</v>
      </c>
      <c r="U14986" s="2">
        <v>2.75</v>
      </c>
      <c r="V14986" s="2">
        <v>2.2130000000000001</v>
      </c>
      <c r="W14986" s="2">
        <v>1.2999999999999999E-2</v>
      </c>
      <c r="X14986" s="2">
        <v>99.1</v>
      </c>
      <c r="Y14986" s="2">
        <v>7.6</v>
      </c>
      <c r="Z14986" s="2">
        <v>16.7</v>
      </c>
      <c r="AA14986" s="5"/>
      <c r="AB14986" s="5" t="s">
        <v>43</v>
      </c>
      <c r="AC14986" s="5" t="s">
        <v>44</v>
      </c>
      <c r="AD14986" s="2"/>
      <c r="AE14986" s="1"/>
    </row>
    <row r="14987" spans="1:31" ht="14.45">
      <c r="A14987" s="11"/>
      <c r="B14987" s="20"/>
      <c r="C14987" s="2" t="s">
        <v>45914</v>
      </c>
      <c r="D14987" s="14" t="s">
        <v>45915</v>
      </c>
      <c r="E14987" s="2" t="s">
        <v>45916</v>
      </c>
      <c r="F14987" s="2" t="s">
        <v>45598</v>
      </c>
      <c r="G14987" s="8">
        <v>302</v>
      </c>
      <c r="H14987" s="5">
        <v>6</v>
      </c>
      <c r="I14987" s="5" t="s">
        <v>1518</v>
      </c>
      <c r="J14987" s="5" t="s">
        <v>36264</v>
      </c>
      <c r="K14987" s="2" t="s">
        <v>36265</v>
      </c>
      <c r="L14987" s="5" t="s">
        <v>36264</v>
      </c>
      <c r="M14987" s="2" t="s">
        <v>36265</v>
      </c>
      <c r="N14987" s="5" t="s">
        <v>36266</v>
      </c>
      <c r="O14987" s="5" t="s">
        <v>38</v>
      </c>
      <c r="P14987" s="5" t="s">
        <v>39</v>
      </c>
      <c r="Q14987" s="5" t="s">
        <v>40</v>
      </c>
      <c r="R14987" s="5" t="s">
        <v>1522</v>
      </c>
      <c r="S14987" s="5" t="s">
        <v>1523</v>
      </c>
      <c r="T14987" s="5" t="s">
        <v>42</v>
      </c>
      <c r="U14987" s="2">
        <v>2.6720000000000002</v>
      </c>
      <c r="V14987" s="2">
        <v>2.1349999999999998</v>
      </c>
      <c r="W14987" s="2">
        <v>1.2999999999999999E-2</v>
      </c>
      <c r="X14987" s="2">
        <v>99.1</v>
      </c>
      <c r="Y14987" s="2">
        <v>7.6</v>
      </c>
      <c r="Z14987" s="2">
        <v>16.7</v>
      </c>
      <c r="AA14987" s="5"/>
      <c r="AB14987" s="5" t="s">
        <v>43</v>
      </c>
      <c r="AC14987" s="5" t="s">
        <v>44</v>
      </c>
      <c r="AD14987" s="2"/>
      <c r="AE14987" s="1"/>
    </row>
    <row r="14988" spans="1:31" ht="14.45">
      <c r="A14988" s="11"/>
      <c r="B14988" s="20"/>
      <c r="C14988" s="2" t="s">
        <v>45917</v>
      </c>
      <c r="D14988" s="14" t="s">
        <v>45918</v>
      </c>
      <c r="E14988" s="2" t="s">
        <v>45919</v>
      </c>
      <c r="F14988" s="2" t="s">
        <v>45534</v>
      </c>
      <c r="G14988" s="8">
        <v>302</v>
      </c>
      <c r="H14988" s="5">
        <v>6</v>
      </c>
      <c r="I14988" s="5" t="s">
        <v>1518</v>
      </c>
      <c r="J14988" s="5" t="s">
        <v>36264</v>
      </c>
      <c r="K14988" s="2" t="s">
        <v>36265</v>
      </c>
      <c r="L14988" s="5" t="s">
        <v>36264</v>
      </c>
      <c r="M14988" s="2" t="s">
        <v>36265</v>
      </c>
      <c r="N14988" s="5" t="s">
        <v>36266</v>
      </c>
      <c r="O14988" s="5" t="s">
        <v>38</v>
      </c>
      <c r="P14988" s="5" t="s">
        <v>39</v>
      </c>
      <c r="Q14988" s="5" t="s">
        <v>40</v>
      </c>
      <c r="R14988" s="5" t="s">
        <v>1522</v>
      </c>
      <c r="S14988" s="5" t="s">
        <v>1523</v>
      </c>
      <c r="T14988" s="5" t="s">
        <v>42</v>
      </c>
      <c r="U14988" s="2">
        <v>2.75</v>
      </c>
      <c r="V14988" s="2">
        <v>2.2130000000000001</v>
      </c>
      <c r="W14988" s="2">
        <v>1.2999999999999999E-2</v>
      </c>
      <c r="X14988" s="2">
        <v>99.1</v>
      </c>
      <c r="Y14988" s="2">
        <v>7.6</v>
      </c>
      <c r="Z14988" s="2">
        <v>16.7</v>
      </c>
      <c r="AA14988" s="5"/>
      <c r="AB14988" s="5" t="s">
        <v>43</v>
      </c>
      <c r="AC14988" s="5" t="s">
        <v>44</v>
      </c>
      <c r="AD14988" s="2"/>
      <c r="AE14988" s="1"/>
    </row>
    <row r="14989" spans="1:31" ht="14.45">
      <c r="A14989" s="11"/>
      <c r="B14989" s="20"/>
      <c r="C14989" s="2" t="s">
        <v>45920</v>
      </c>
      <c r="D14989" s="14" t="s">
        <v>45921</v>
      </c>
      <c r="E14989" s="2" t="s">
        <v>45922</v>
      </c>
      <c r="F14989" s="2" t="s">
        <v>36377</v>
      </c>
      <c r="G14989" s="8">
        <v>302</v>
      </c>
      <c r="H14989" s="5">
        <v>6</v>
      </c>
      <c r="I14989" s="5" t="s">
        <v>1518</v>
      </c>
      <c r="J14989" s="5" t="s">
        <v>36264</v>
      </c>
      <c r="K14989" s="2" t="s">
        <v>36265</v>
      </c>
      <c r="L14989" s="5" t="s">
        <v>36264</v>
      </c>
      <c r="M14989" s="2" t="s">
        <v>36265</v>
      </c>
      <c r="N14989" s="5" t="s">
        <v>36266</v>
      </c>
      <c r="O14989" s="5" t="s">
        <v>38</v>
      </c>
      <c r="P14989" s="5" t="s">
        <v>39</v>
      </c>
      <c r="Q14989" s="5" t="s">
        <v>40</v>
      </c>
      <c r="R14989" s="5" t="s">
        <v>1522</v>
      </c>
      <c r="S14989" s="5" t="s">
        <v>1523</v>
      </c>
      <c r="T14989" s="5" t="s">
        <v>42</v>
      </c>
      <c r="U14989" s="2">
        <v>2.6720000000000002</v>
      </c>
      <c r="V14989" s="2">
        <v>2.1349999999999998</v>
      </c>
      <c r="W14989" s="2">
        <v>1.2999999999999999E-2</v>
      </c>
      <c r="X14989" s="2">
        <v>99.1</v>
      </c>
      <c r="Y14989" s="2">
        <v>7.6</v>
      </c>
      <c r="Z14989" s="2">
        <v>16.7</v>
      </c>
      <c r="AA14989" s="5"/>
      <c r="AB14989" s="5" t="s">
        <v>43</v>
      </c>
      <c r="AC14989" s="5" t="s">
        <v>44</v>
      </c>
      <c r="AD14989" s="2"/>
      <c r="AE14989" s="1"/>
    </row>
    <row r="14990" spans="1:31" ht="14.45">
      <c r="A14990" s="11"/>
      <c r="B14990" s="20"/>
      <c r="C14990" s="2" t="s">
        <v>45923</v>
      </c>
      <c r="D14990" s="14" t="s">
        <v>45924</v>
      </c>
      <c r="E14990" s="2" t="s">
        <v>45925</v>
      </c>
      <c r="F14990" s="2" t="s">
        <v>36381</v>
      </c>
      <c r="G14990" s="8">
        <v>302</v>
      </c>
      <c r="H14990" s="5">
        <v>6</v>
      </c>
      <c r="I14990" s="5" t="s">
        <v>1518</v>
      </c>
      <c r="J14990" s="5" t="s">
        <v>36264</v>
      </c>
      <c r="K14990" s="2" t="s">
        <v>36265</v>
      </c>
      <c r="L14990" s="5" t="s">
        <v>36264</v>
      </c>
      <c r="M14990" s="2" t="s">
        <v>36265</v>
      </c>
      <c r="N14990" s="5" t="s">
        <v>36266</v>
      </c>
      <c r="O14990" s="5" t="s">
        <v>38</v>
      </c>
      <c r="P14990" s="5" t="s">
        <v>39</v>
      </c>
      <c r="Q14990" s="5" t="s">
        <v>40</v>
      </c>
      <c r="R14990" s="5" t="s">
        <v>1522</v>
      </c>
      <c r="S14990" s="5" t="s">
        <v>1523</v>
      </c>
      <c r="T14990" s="5" t="s">
        <v>42</v>
      </c>
      <c r="U14990" s="2">
        <v>2.75</v>
      </c>
      <c r="V14990" s="2">
        <v>2.2130000000000001</v>
      </c>
      <c r="W14990" s="2">
        <v>1.2999999999999999E-2</v>
      </c>
      <c r="X14990" s="2">
        <v>99.1</v>
      </c>
      <c r="Y14990" s="2">
        <v>7.6</v>
      </c>
      <c r="Z14990" s="2">
        <v>16.7</v>
      </c>
      <c r="AA14990" s="5"/>
      <c r="AB14990" s="5" t="s">
        <v>43</v>
      </c>
      <c r="AC14990" s="5" t="s">
        <v>44</v>
      </c>
      <c r="AD14990" s="2"/>
      <c r="AE14990" s="1"/>
    </row>
    <row r="14991" spans="1:31" ht="14.45">
      <c r="A14991" s="11"/>
      <c r="B14991" s="20"/>
      <c r="C14991" s="2" t="s">
        <v>45926</v>
      </c>
      <c r="D14991" s="14" t="s">
        <v>45927</v>
      </c>
      <c r="E14991" s="2" t="s">
        <v>45928</v>
      </c>
      <c r="F14991" s="2" t="s">
        <v>7204</v>
      </c>
      <c r="G14991" s="8">
        <v>285</v>
      </c>
      <c r="H14991" s="5">
        <v>6</v>
      </c>
      <c r="I14991" s="5" t="s">
        <v>1518</v>
      </c>
      <c r="J14991" s="5" t="s">
        <v>36264</v>
      </c>
      <c r="K14991" s="2" t="s">
        <v>36265</v>
      </c>
      <c r="L14991" s="5" t="s">
        <v>36264</v>
      </c>
      <c r="M14991" s="2" t="s">
        <v>36265</v>
      </c>
      <c r="N14991" s="5" t="s">
        <v>36266</v>
      </c>
      <c r="O14991" s="5" t="s">
        <v>38</v>
      </c>
      <c r="P14991" s="5" t="s">
        <v>39</v>
      </c>
      <c r="Q14991" s="5" t="s">
        <v>40</v>
      </c>
      <c r="R14991" s="5" t="s">
        <v>1522</v>
      </c>
      <c r="S14991" s="5" t="s">
        <v>1523</v>
      </c>
      <c r="T14991" s="5" t="s">
        <v>42</v>
      </c>
      <c r="U14991" s="2">
        <v>2.8410000000000002</v>
      </c>
      <c r="V14991" s="2">
        <v>2.3039999999999998</v>
      </c>
      <c r="W14991" s="2">
        <v>1.4999999999999999E-2</v>
      </c>
      <c r="X14991" s="2">
        <v>118.9</v>
      </c>
      <c r="Y14991" s="2">
        <v>7.6</v>
      </c>
      <c r="Z14991" s="2">
        <v>16.7</v>
      </c>
      <c r="AA14991" s="5"/>
      <c r="AB14991" s="5" t="s">
        <v>43</v>
      </c>
      <c r="AC14991" s="5" t="s">
        <v>44</v>
      </c>
      <c r="AD14991" s="2"/>
      <c r="AE14991" s="1"/>
    </row>
    <row r="14992" spans="1:31" ht="14.45">
      <c r="A14992" s="11"/>
      <c r="B14992" s="20"/>
      <c r="C14992" s="2" t="s">
        <v>45929</v>
      </c>
      <c r="D14992" s="14" t="s">
        <v>45930</v>
      </c>
      <c r="E14992" s="2" t="s">
        <v>45931</v>
      </c>
      <c r="F14992" s="2" t="s">
        <v>7514</v>
      </c>
      <c r="G14992" s="8">
        <v>285</v>
      </c>
      <c r="H14992" s="5">
        <v>6</v>
      </c>
      <c r="I14992" s="5" t="s">
        <v>1518</v>
      </c>
      <c r="J14992" s="5" t="s">
        <v>36264</v>
      </c>
      <c r="K14992" s="2" t="s">
        <v>36265</v>
      </c>
      <c r="L14992" s="5" t="s">
        <v>36264</v>
      </c>
      <c r="M14992" s="2" t="s">
        <v>36265</v>
      </c>
      <c r="N14992" s="5" t="s">
        <v>36266</v>
      </c>
      <c r="O14992" s="5" t="s">
        <v>38</v>
      </c>
      <c r="P14992" s="5" t="s">
        <v>39</v>
      </c>
      <c r="Q14992" s="5" t="s">
        <v>40</v>
      </c>
      <c r="R14992" s="5" t="s">
        <v>1522</v>
      </c>
      <c r="S14992" s="5" t="s">
        <v>1523</v>
      </c>
      <c r="T14992" s="5" t="s">
        <v>42</v>
      </c>
      <c r="U14992" s="2">
        <v>2.9329999999999998</v>
      </c>
      <c r="V14992" s="2">
        <v>2.3959999999999999</v>
      </c>
      <c r="W14992" s="2">
        <v>1.4999999999999999E-2</v>
      </c>
      <c r="X14992" s="2">
        <v>118.9</v>
      </c>
      <c r="Y14992" s="2">
        <v>7.6</v>
      </c>
      <c r="Z14992" s="2">
        <v>16.7</v>
      </c>
      <c r="AA14992" s="5"/>
      <c r="AB14992" s="5" t="s">
        <v>43</v>
      </c>
      <c r="AC14992" s="5" t="s">
        <v>44</v>
      </c>
      <c r="AD14992" s="2"/>
      <c r="AE14992" s="1"/>
    </row>
    <row r="14993" spans="1:31" ht="14.45">
      <c r="A14993" s="11"/>
      <c r="B14993" s="20"/>
      <c r="C14993" s="2" t="s">
        <v>45932</v>
      </c>
      <c r="D14993" s="14" t="s">
        <v>45933</v>
      </c>
      <c r="E14993" s="2" t="s">
        <v>45934</v>
      </c>
      <c r="F14993" s="2" t="s">
        <v>36273</v>
      </c>
      <c r="G14993" s="8">
        <v>285</v>
      </c>
      <c r="H14993" s="5">
        <v>6</v>
      </c>
      <c r="I14993" s="5" t="s">
        <v>1518</v>
      </c>
      <c r="J14993" s="5" t="s">
        <v>36264</v>
      </c>
      <c r="K14993" s="2" t="s">
        <v>36265</v>
      </c>
      <c r="L14993" s="5" t="s">
        <v>36264</v>
      </c>
      <c r="M14993" s="2" t="s">
        <v>36265</v>
      </c>
      <c r="N14993" s="5" t="s">
        <v>36266</v>
      </c>
      <c r="O14993" s="5" t="s">
        <v>38</v>
      </c>
      <c r="P14993" s="5" t="s">
        <v>39</v>
      </c>
      <c r="Q14993" s="5" t="s">
        <v>40</v>
      </c>
      <c r="R14993" s="5" t="s">
        <v>1522</v>
      </c>
      <c r="S14993" s="5" t="s">
        <v>1523</v>
      </c>
      <c r="T14993" s="5" t="s">
        <v>42</v>
      </c>
      <c r="U14993" s="2">
        <v>2.8410000000000002</v>
      </c>
      <c r="V14993" s="2">
        <v>2.3039999999999998</v>
      </c>
      <c r="W14993" s="2">
        <v>1.4999999999999999E-2</v>
      </c>
      <c r="X14993" s="2">
        <v>118.9</v>
      </c>
      <c r="Y14993" s="2">
        <v>7.6</v>
      </c>
      <c r="Z14993" s="2">
        <v>16.7</v>
      </c>
      <c r="AA14993" s="5"/>
      <c r="AB14993" s="5" t="s">
        <v>43</v>
      </c>
      <c r="AC14993" s="5" t="s">
        <v>44</v>
      </c>
      <c r="AD14993" s="2"/>
      <c r="AE14993" s="1"/>
    </row>
    <row r="14994" spans="1:31" ht="14.45">
      <c r="A14994" s="11"/>
      <c r="B14994" s="20"/>
      <c r="C14994" s="2" t="s">
        <v>45935</v>
      </c>
      <c r="D14994" s="14" t="s">
        <v>45936</v>
      </c>
      <c r="E14994" s="2" t="s">
        <v>45937</v>
      </c>
      <c r="F14994" s="2" t="s">
        <v>36277</v>
      </c>
      <c r="G14994" s="8">
        <v>285</v>
      </c>
      <c r="H14994" s="5">
        <v>6</v>
      </c>
      <c r="I14994" s="5" t="s">
        <v>1518</v>
      </c>
      <c r="J14994" s="5" t="s">
        <v>36264</v>
      </c>
      <c r="K14994" s="2" t="s">
        <v>36265</v>
      </c>
      <c r="L14994" s="5" t="s">
        <v>36264</v>
      </c>
      <c r="M14994" s="2" t="s">
        <v>36265</v>
      </c>
      <c r="N14994" s="5" t="s">
        <v>36266</v>
      </c>
      <c r="O14994" s="5" t="s">
        <v>38</v>
      </c>
      <c r="P14994" s="5" t="s">
        <v>39</v>
      </c>
      <c r="Q14994" s="5" t="s">
        <v>40</v>
      </c>
      <c r="R14994" s="5" t="s">
        <v>1522</v>
      </c>
      <c r="S14994" s="5" t="s">
        <v>1523</v>
      </c>
      <c r="T14994" s="5" t="s">
        <v>42</v>
      </c>
      <c r="U14994" s="2">
        <v>2.9329999999999998</v>
      </c>
      <c r="V14994" s="2">
        <v>2.3959999999999999</v>
      </c>
      <c r="W14994" s="2">
        <v>1.4999999999999999E-2</v>
      </c>
      <c r="X14994" s="2">
        <v>118.9</v>
      </c>
      <c r="Y14994" s="2">
        <v>7.6</v>
      </c>
      <c r="Z14994" s="2">
        <v>16.7</v>
      </c>
      <c r="AA14994" s="5"/>
      <c r="AB14994" s="5" t="s">
        <v>43</v>
      </c>
      <c r="AC14994" s="5" t="s">
        <v>44</v>
      </c>
      <c r="AD14994" s="2"/>
      <c r="AE14994" s="1"/>
    </row>
    <row r="14995" spans="1:31" ht="14.45">
      <c r="A14995" s="11"/>
      <c r="B14995" s="20"/>
      <c r="C14995" s="2" t="s">
        <v>45938</v>
      </c>
      <c r="D14995" s="14" t="s">
        <v>45939</v>
      </c>
      <c r="E14995" s="2" t="s">
        <v>45940</v>
      </c>
      <c r="F14995" s="2" t="s">
        <v>36281</v>
      </c>
      <c r="G14995" s="8">
        <v>308</v>
      </c>
      <c r="H14995" s="5">
        <v>6</v>
      </c>
      <c r="I14995" s="5" t="s">
        <v>1518</v>
      </c>
      <c r="J14995" s="5" t="s">
        <v>36264</v>
      </c>
      <c r="K14995" s="2" t="s">
        <v>36265</v>
      </c>
      <c r="L14995" s="5" t="s">
        <v>36264</v>
      </c>
      <c r="M14995" s="2" t="s">
        <v>36265</v>
      </c>
      <c r="N14995" s="5" t="s">
        <v>36266</v>
      </c>
      <c r="O14995" s="5" t="s">
        <v>38</v>
      </c>
      <c r="P14995" s="5" t="s">
        <v>39</v>
      </c>
      <c r="Q14995" s="5" t="s">
        <v>40</v>
      </c>
      <c r="R14995" s="5" t="s">
        <v>1522</v>
      </c>
      <c r="S14995" s="5" t="s">
        <v>1523</v>
      </c>
      <c r="T14995" s="5" t="s">
        <v>42</v>
      </c>
      <c r="U14995" s="2">
        <v>2.8410000000000002</v>
      </c>
      <c r="V14995" s="2">
        <v>2.3039999999999998</v>
      </c>
      <c r="W14995" s="2">
        <v>1.4999999999999999E-2</v>
      </c>
      <c r="X14995" s="2">
        <v>118.9</v>
      </c>
      <c r="Y14995" s="2">
        <v>7.6</v>
      </c>
      <c r="Z14995" s="2">
        <v>16.7</v>
      </c>
      <c r="AA14995" s="5"/>
      <c r="AB14995" s="5" t="s">
        <v>43</v>
      </c>
      <c r="AC14995" s="5" t="s">
        <v>44</v>
      </c>
      <c r="AD14995" s="2"/>
      <c r="AE14995" s="1"/>
    </row>
    <row r="14996" spans="1:31" ht="14.45">
      <c r="A14996" s="11"/>
      <c r="B14996" s="20"/>
      <c r="C14996" s="2" t="s">
        <v>45941</v>
      </c>
      <c r="D14996" s="14" t="s">
        <v>45942</v>
      </c>
      <c r="E14996" s="2" t="s">
        <v>45943</v>
      </c>
      <c r="F14996" s="2" t="s">
        <v>36289</v>
      </c>
      <c r="G14996" s="8">
        <v>308</v>
      </c>
      <c r="H14996" s="5">
        <v>6</v>
      </c>
      <c r="I14996" s="5" t="s">
        <v>1518</v>
      </c>
      <c r="J14996" s="5" t="s">
        <v>36264</v>
      </c>
      <c r="K14996" s="2" t="s">
        <v>36265</v>
      </c>
      <c r="L14996" s="5" t="s">
        <v>36264</v>
      </c>
      <c r="M14996" s="2" t="s">
        <v>36265</v>
      </c>
      <c r="N14996" s="5" t="s">
        <v>36266</v>
      </c>
      <c r="O14996" s="5" t="s">
        <v>38</v>
      </c>
      <c r="P14996" s="5" t="s">
        <v>39</v>
      </c>
      <c r="Q14996" s="5" t="s">
        <v>40</v>
      </c>
      <c r="R14996" s="5" t="s">
        <v>1522</v>
      </c>
      <c r="S14996" s="5" t="s">
        <v>1523</v>
      </c>
      <c r="T14996" s="5" t="s">
        <v>42</v>
      </c>
      <c r="U14996" s="2">
        <v>2.8410000000000002</v>
      </c>
      <c r="V14996" s="2">
        <v>2.3039999999999998</v>
      </c>
      <c r="W14996" s="2">
        <v>1.4999999999999999E-2</v>
      </c>
      <c r="X14996" s="2">
        <v>118.9</v>
      </c>
      <c r="Y14996" s="2">
        <v>7.6</v>
      </c>
      <c r="Z14996" s="2">
        <v>16.7</v>
      </c>
      <c r="AA14996" s="5"/>
      <c r="AB14996" s="5" t="s">
        <v>43</v>
      </c>
      <c r="AC14996" s="5" t="s">
        <v>44</v>
      </c>
      <c r="AD14996" s="2"/>
      <c r="AE14996" s="1"/>
    </row>
    <row r="14997" spans="1:31" ht="14.45">
      <c r="A14997" s="11"/>
      <c r="B14997" s="20"/>
      <c r="C14997" s="2" t="s">
        <v>45944</v>
      </c>
      <c r="D14997" s="14" t="s">
        <v>45945</v>
      </c>
      <c r="E14997" s="2" t="s">
        <v>45946</v>
      </c>
      <c r="F14997" s="2" t="s">
        <v>36293</v>
      </c>
      <c r="G14997" s="8">
        <v>308</v>
      </c>
      <c r="H14997" s="5">
        <v>6</v>
      </c>
      <c r="I14997" s="5" t="s">
        <v>1518</v>
      </c>
      <c r="J14997" s="5" t="s">
        <v>36264</v>
      </c>
      <c r="K14997" s="2" t="s">
        <v>36265</v>
      </c>
      <c r="L14997" s="5" t="s">
        <v>36264</v>
      </c>
      <c r="M14997" s="2" t="s">
        <v>36265</v>
      </c>
      <c r="N14997" s="5" t="s">
        <v>36266</v>
      </c>
      <c r="O14997" s="5" t="s">
        <v>38</v>
      </c>
      <c r="P14997" s="5" t="s">
        <v>39</v>
      </c>
      <c r="Q14997" s="5" t="s">
        <v>40</v>
      </c>
      <c r="R14997" s="5" t="s">
        <v>1522</v>
      </c>
      <c r="S14997" s="5" t="s">
        <v>1523</v>
      </c>
      <c r="T14997" s="5" t="s">
        <v>42</v>
      </c>
      <c r="U14997" s="2">
        <v>2.9329999999999998</v>
      </c>
      <c r="V14997" s="2">
        <v>2.3959999999999999</v>
      </c>
      <c r="W14997" s="2">
        <v>1.4999999999999999E-2</v>
      </c>
      <c r="X14997" s="2">
        <v>118.9</v>
      </c>
      <c r="Y14997" s="2">
        <v>7.6</v>
      </c>
      <c r="Z14997" s="2">
        <v>16.7</v>
      </c>
      <c r="AA14997" s="5"/>
      <c r="AB14997" s="5" t="s">
        <v>43</v>
      </c>
      <c r="AC14997" s="5" t="s">
        <v>44</v>
      </c>
      <c r="AD14997" s="2"/>
      <c r="AE14997" s="1"/>
    </row>
    <row r="14998" spans="1:31" ht="14.45">
      <c r="A14998" s="11"/>
      <c r="B14998" s="20"/>
      <c r="C14998" s="2" t="s">
        <v>45947</v>
      </c>
      <c r="D14998" s="14" t="s">
        <v>45948</v>
      </c>
      <c r="E14998" s="2" t="s">
        <v>45949</v>
      </c>
      <c r="F14998" s="2" t="s">
        <v>36305</v>
      </c>
      <c r="G14998" s="8">
        <v>285</v>
      </c>
      <c r="H14998" s="5">
        <v>6</v>
      </c>
      <c r="I14998" s="5" t="s">
        <v>1518</v>
      </c>
      <c r="J14998" s="5" t="s">
        <v>36264</v>
      </c>
      <c r="K14998" s="2" t="s">
        <v>36265</v>
      </c>
      <c r="L14998" s="5" t="s">
        <v>36264</v>
      </c>
      <c r="M14998" s="2" t="s">
        <v>36265</v>
      </c>
      <c r="N14998" s="5" t="s">
        <v>36266</v>
      </c>
      <c r="O14998" s="5" t="s">
        <v>38</v>
      </c>
      <c r="P14998" s="5" t="s">
        <v>39</v>
      </c>
      <c r="Q14998" s="5" t="s">
        <v>40</v>
      </c>
      <c r="R14998" s="5" t="s">
        <v>1522</v>
      </c>
      <c r="S14998" s="5" t="s">
        <v>1523</v>
      </c>
      <c r="T14998" s="5" t="s">
        <v>42</v>
      </c>
      <c r="U14998" s="2">
        <v>2.8410000000000002</v>
      </c>
      <c r="V14998" s="2">
        <v>2.3039999999999998</v>
      </c>
      <c r="W14998" s="2">
        <v>1.4999999999999999E-2</v>
      </c>
      <c r="X14998" s="2">
        <v>118.9</v>
      </c>
      <c r="Y14998" s="2">
        <v>7.6</v>
      </c>
      <c r="Z14998" s="2">
        <v>16.7</v>
      </c>
      <c r="AA14998" s="5"/>
      <c r="AB14998" s="5" t="s">
        <v>43</v>
      </c>
      <c r="AC14998" s="5" t="s">
        <v>44</v>
      </c>
      <c r="AD14998" s="2"/>
      <c r="AE14998" s="1"/>
    </row>
    <row r="14999" spans="1:31" ht="14.45">
      <c r="A14999" s="11"/>
      <c r="B14999" s="20"/>
      <c r="C14999" s="2" t="s">
        <v>45950</v>
      </c>
      <c r="D14999" s="14" t="s">
        <v>45951</v>
      </c>
      <c r="E14999" s="2" t="s">
        <v>45952</v>
      </c>
      <c r="F14999" s="2" t="s">
        <v>36309</v>
      </c>
      <c r="G14999" s="8">
        <v>285</v>
      </c>
      <c r="H14999" s="5">
        <v>6</v>
      </c>
      <c r="I14999" s="5" t="s">
        <v>1518</v>
      </c>
      <c r="J14999" s="5" t="s">
        <v>36264</v>
      </c>
      <c r="K14999" s="2" t="s">
        <v>36265</v>
      </c>
      <c r="L14999" s="5" t="s">
        <v>36264</v>
      </c>
      <c r="M14999" s="2" t="s">
        <v>36265</v>
      </c>
      <c r="N14999" s="5" t="s">
        <v>36266</v>
      </c>
      <c r="O14999" s="5" t="s">
        <v>38</v>
      </c>
      <c r="P14999" s="5" t="s">
        <v>39</v>
      </c>
      <c r="Q14999" s="5" t="s">
        <v>40</v>
      </c>
      <c r="R14999" s="5" t="s">
        <v>1522</v>
      </c>
      <c r="S14999" s="5" t="s">
        <v>1523</v>
      </c>
      <c r="T14999" s="5" t="s">
        <v>42</v>
      </c>
      <c r="U14999" s="2">
        <v>2.9329999999999998</v>
      </c>
      <c r="V14999" s="2">
        <v>2.3959999999999999</v>
      </c>
      <c r="W14999" s="2">
        <v>1.4999999999999999E-2</v>
      </c>
      <c r="X14999" s="2">
        <v>118.9</v>
      </c>
      <c r="Y14999" s="2">
        <v>7.6</v>
      </c>
      <c r="Z14999" s="2">
        <v>16.7</v>
      </c>
      <c r="AA14999" s="5"/>
      <c r="AB14999" s="5" t="s">
        <v>43</v>
      </c>
      <c r="AC14999" s="5" t="s">
        <v>44</v>
      </c>
      <c r="AD14999" s="2"/>
      <c r="AE14999" s="1"/>
    </row>
    <row r="15000" spans="1:31" ht="14.45">
      <c r="A15000" s="11"/>
      <c r="B15000" s="20"/>
      <c r="C15000" s="2" t="s">
        <v>45953</v>
      </c>
      <c r="D15000" s="14" t="s">
        <v>45954</v>
      </c>
      <c r="E15000" s="2" t="s">
        <v>45955</v>
      </c>
      <c r="F15000" s="2" t="s">
        <v>36321</v>
      </c>
      <c r="G15000" s="8">
        <v>308</v>
      </c>
      <c r="H15000" s="5">
        <v>6</v>
      </c>
      <c r="I15000" s="5" t="s">
        <v>1518</v>
      </c>
      <c r="J15000" s="5" t="s">
        <v>36264</v>
      </c>
      <c r="K15000" s="2" t="s">
        <v>36265</v>
      </c>
      <c r="L15000" s="5" t="s">
        <v>36264</v>
      </c>
      <c r="M15000" s="2" t="s">
        <v>36265</v>
      </c>
      <c r="N15000" s="5" t="s">
        <v>36266</v>
      </c>
      <c r="O15000" s="5" t="s">
        <v>38</v>
      </c>
      <c r="P15000" s="5" t="s">
        <v>39</v>
      </c>
      <c r="Q15000" s="5" t="s">
        <v>40</v>
      </c>
      <c r="R15000" s="5" t="s">
        <v>1522</v>
      </c>
      <c r="S15000" s="5" t="s">
        <v>1523</v>
      </c>
      <c r="T15000" s="5" t="s">
        <v>42</v>
      </c>
      <c r="U15000" s="2">
        <v>2.8410000000000002</v>
      </c>
      <c r="V15000" s="2">
        <v>2.3039999999999998</v>
      </c>
      <c r="W15000" s="2">
        <v>1.4999999999999999E-2</v>
      </c>
      <c r="X15000" s="2">
        <v>118.9</v>
      </c>
      <c r="Y15000" s="2">
        <v>7.6</v>
      </c>
      <c r="Z15000" s="2">
        <v>16.7</v>
      </c>
      <c r="AA15000" s="5"/>
      <c r="AB15000" s="5" t="s">
        <v>43</v>
      </c>
      <c r="AC15000" s="5" t="s">
        <v>44</v>
      </c>
      <c r="AD15000" s="2"/>
      <c r="AE15000" s="1"/>
    </row>
    <row r="15001" spans="1:31" ht="14.45">
      <c r="A15001" s="11"/>
      <c r="B15001" s="20"/>
      <c r="C15001" s="2" t="s">
        <v>45956</v>
      </c>
      <c r="D15001" s="14" t="s">
        <v>45957</v>
      </c>
      <c r="E15001" s="2" t="s">
        <v>45958</v>
      </c>
      <c r="F15001" s="2" t="s">
        <v>36329</v>
      </c>
      <c r="G15001" s="8">
        <v>308</v>
      </c>
      <c r="H15001" s="5">
        <v>6</v>
      </c>
      <c r="I15001" s="5" t="s">
        <v>1518</v>
      </c>
      <c r="J15001" s="5" t="s">
        <v>36264</v>
      </c>
      <c r="K15001" s="2" t="s">
        <v>36265</v>
      </c>
      <c r="L15001" s="5" t="s">
        <v>36264</v>
      </c>
      <c r="M15001" s="2" t="s">
        <v>36265</v>
      </c>
      <c r="N15001" s="5" t="s">
        <v>36266</v>
      </c>
      <c r="O15001" s="5" t="s">
        <v>38</v>
      </c>
      <c r="P15001" s="5" t="s">
        <v>39</v>
      </c>
      <c r="Q15001" s="5" t="s">
        <v>40</v>
      </c>
      <c r="R15001" s="5" t="s">
        <v>1522</v>
      </c>
      <c r="S15001" s="5" t="s">
        <v>1523</v>
      </c>
      <c r="T15001" s="5" t="s">
        <v>42</v>
      </c>
      <c r="U15001" s="2">
        <v>2.8410000000000002</v>
      </c>
      <c r="V15001" s="2">
        <v>2.3039999999999998</v>
      </c>
      <c r="W15001" s="2">
        <v>1.4999999999999999E-2</v>
      </c>
      <c r="X15001" s="2">
        <v>118.9</v>
      </c>
      <c r="Y15001" s="2">
        <v>7.6</v>
      </c>
      <c r="Z15001" s="2">
        <v>16.7</v>
      </c>
      <c r="AA15001" s="5"/>
      <c r="AB15001" s="5" t="s">
        <v>43</v>
      </c>
      <c r="AC15001" s="5" t="s">
        <v>44</v>
      </c>
      <c r="AD15001" s="2"/>
      <c r="AE15001" s="1"/>
    </row>
    <row r="15002" spans="1:31" ht="14.45">
      <c r="A15002" s="11"/>
      <c r="B15002" s="20"/>
      <c r="C15002" s="2" t="s">
        <v>45959</v>
      </c>
      <c r="D15002" s="14" t="s">
        <v>45960</v>
      </c>
      <c r="E15002" s="2" t="s">
        <v>45961</v>
      </c>
      <c r="F15002" s="2" t="s">
        <v>36345</v>
      </c>
      <c r="G15002" s="8">
        <v>308</v>
      </c>
      <c r="H15002" s="5">
        <v>6</v>
      </c>
      <c r="I15002" s="5" t="s">
        <v>1518</v>
      </c>
      <c r="J15002" s="5" t="s">
        <v>36264</v>
      </c>
      <c r="K15002" s="2" t="s">
        <v>36265</v>
      </c>
      <c r="L15002" s="5" t="s">
        <v>36264</v>
      </c>
      <c r="M15002" s="2" t="s">
        <v>36265</v>
      </c>
      <c r="N15002" s="5" t="s">
        <v>36266</v>
      </c>
      <c r="O15002" s="5" t="s">
        <v>38</v>
      </c>
      <c r="P15002" s="5" t="s">
        <v>39</v>
      </c>
      <c r="Q15002" s="5" t="s">
        <v>40</v>
      </c>
      <c r="R15002" s="5" t="s">
        <v>1522</v>
      </c>
      <c r="S15002" s="5" t="s">
        <v>1523</v>
      </c>
      <c r="T15002" s="5" t="s">
        <v>42</v>
      </c>
      <c r="U15002" s="2">
        <v>2.8410000000000002</v>
      </c>
      <c r="V15002" s="2">
        <v>2.3039999999999998</v>
      </c>
      <c r="W15002" s="2">
        <v>1.4999999999999999E-2</v>
      </c>
      <c r="X15002" s="2">
        <v>118.9</v>
      </c>
      <c r="Y15002" s="2">
        <v>7.6</v>
      </c>
      <c r="Z15002" s="2">
        <v>16.7</v>
      </c>
      <c r="AA15002" s="5"/>
      <c r="AB15002" s="5" t="s">
        <v>43</v>
      </c>
      <c r="AC15002" s="5" t="s">
        <v>44</v>
      </c>
      <c r="AD15002" s="2"/>
      <c r="AE15002" s="1"/>
    </row>
    <row r="15003" spans="1:31" ht="14.45">
      <c r="A15003" s="11"/>
      <c r="B15003" s="20"/>
      <c r="C15003" s="2" t="s">
        <v>45962</v>
      </c>
      <c r="D15003" s="14" t="s">
        <v>45963</v>
      </c>
      <c r="E15003" s="2" t="s">
        <v>45964</v>
      </c>
      <c r="F15003" s="2" t="s">
        <v>36357</v>
      </c>
      <c r="G15003" s="8">
        <v>308</v>
      </c>
      <c r="H15003" s="5">
        <v>6</v>
      </c>
      <c r="I15003" s="5" t="s">
        <v>1518</v>
      </c>
      <c r="J15003" s="5" t="s">
        <v>36264</v>
      </c>
      <c r="K15003" s="2" t="s">
        <v>36265</v>
      </c>
      <c r="L15003" s="5" t="s">
        <v>36264</v>
      </c>
      <c r="M15003" s="2" t="s">
        <v>36265</v>
      </c>
      <c r="N15003" s="5" t="s">
        <v>36266</v>
      </c>
      <c r="O15003" s="5" t="s">
        <v>38</v>
      </c>
      <c r="P15003" s="5" t="s">
        <v>39</v>
      </c>
      <c r="Q15003" s="5" t="s">
        <v>40</v>
      </c>
      <c r="R15003" s="5" t="s">
        <v>1522</v>
      </c>
      <c r="S15003" s="5" t="s">
        <v>1523</v>
      </c>
      <c r="T15003" s="5" t="s">
        <v>42</v>
      </c>
      <c r="U15003" s="2">
        <v>2.9329999999999998</v>
      </c>
      <c r="V15003" s="2">
        <v>2.3959999999999999</v>
      </c>
      <c r="W15003" s="2">
        <v>1.4999999999999999E-2</v>
      </c>
      <c r="X15003" s="2">
        <v>118.9</v>
      </c>
      <c r="Y15003" s="2">
        <v>7.6</v>
      </c>
      <c r="Z15003" s="2">
        <v>16.7</v>
      </c>
      <c r="AA15003" s="5"/>
      <c r="AB15003" s="5" t="s">
        <v>43</v>
      </c>
      <c r="AC15003" s="5" t="s">
        <v>44</v>
      </c>
      <c r="AD15003" s="2"/>
      <c r="AE15003" s="1"/>
    </row>
    <row r="15004" spans="1:31" ht="14.45">
      <c r="A15004" s="11"/>
      <c r="B15004" s="20"/>
      <c r="C15004" s="2" t="s">
        <v>45965</v>
      </c>
      <c r="D15004" s="14" t="s">
        <v>45966</v>
      </c>
      <c r="E15004" s="2" t="s">
        <v>45967</v>
      </c>
      <c r="F15004" s="2" t="s">
        <v>45534</v>
      </c>
      <c r="G15004" s="8">
        <v>308</v>
      </c>
      <c r="H15004" s="5">
        <v>6</v>
      </c>
      <c r="I15004" s="5" t="s">
        <v>1518</v>
      </c>
      <c r="J15004" s="5" t="s">
        <v>36264</v>
      </c>
      <c r="K15004" s="2" t="s">
        <v>36265</v>
      </c>
      <c r="L15004" s="5" t="s">
        <v>36264</v>
      </c>
      <c r="M15004" s="2" t="s">
        <v>36265</v>
      </c>
      <c r="N15004" s="5" t="s">
        <v>36266</v>
      </c>
      <c r="O15004" s="5" t="s">
        <v>38</v>
      </c>
      <c r="P15004" s="5" t="s">
        <v>39</v>
      </c>
      <c r="Q15004" s="5" t="s">
        <v>40</v>
      </c>
      <c r="R15004" s="5" t="s">
        <v>1522</v>
      </c>
      <c r="S15004" s="5" t="s">
        <v>1523</v>
      </c>
      <c r="T15004" s="5" t="s">
        <v>42</v>
      </c>
      <c r="U15004" s="2">
        <v>2.9329999999999998</v>
      </c>
      <c r="V15004" s="2">
        <v>2.3959999999999999</v>
      </c>
      <c r="W15004" s="2">
        <v>1.4999999999999999E-2</v>
      </c>
      <c r="X15004" s="2">
        <v>118.9</v>
      </c>
      <c r="Y15004" s="2">
        <v>7.6</v>
      </c>
      <c r="Z15004" s="2">
        <v>16.7</v>
      </c>
      <c r="AA15004" s="5"/>
      <c r="AB15004" s="5" t="s">
        <v>43</v>
      </c>
      <c r="AC15004" s="5" t="s">
        <v>44</v>
      </c>
      <c r="AD15004" s="2"/>
      <c r="AE15004" s="1"/>
    </row>
    <row r="15005" spans="1:31" ht="14.45">
      <c r="A15005" s="11"/>
      <c r="B15005" s="20"/>
      <c r="C15005" s="2" t="s">
        <v>45968</v>
      </c>
      <c r="D15005" s="14" t="s">
        <v>45969</v>
      </c>
      <c r="E15005" s="2" t="s">
        <v>45970</v>
      </c>
      <c r="F15005" s="2" t="s">
        <v>36377</v>
      </c>
      <c r="G15005" s="8">
        <v>308</v>
      </c>
      <c r="H15005" s="5">
        <v>6</v>
      </c>
      <c r="I15005" s="5" t="s">
        <v>1518</v>
      </c>
      <c r="J15005" s="5" t="s">
        <v>36264</v>
      </c>
      <c r="K15005" s="2" t="s">
        <v>36265</v>
      </c>
      <c r="L15005" s="5" t="s">
        <v>36264</v>
      </c>
      <c r="M15005" s="2" t="s">
        <v>36265</v>
      </c>
      <c r="N15005" s="5" t="s">
        <v>36266</v>
      </c>
      <c r="O15005" s="5" t="s">
        <v>38</v>
      </c>
      <c r="P15005" s="5" t="s">
        <v>39</v>
      </c>
      <c r="Q15005" s="5" t="s">
        <v>40</v>
      </c>
      <c r="R15005" s="5" t="s">
        <v>1522</v>
      </c>
      <c r="S15005" s="5" t="s">
        <v>1523</v>
      </c>
      <c r="T15005" s="5" t="s">
        <v>42</v>
      </c>
      <c r="U15005" s="2">
        <v>2.8410000000000002</v>
      </c>
      <c r="V15005" s="2">
        <v>2.3039999999999998</v>
      </c>
      <c r="W15005" s="2">
        <v>1.4999999999999999E-2</v>
      </c>
      <c r="X15005" s="2">
        <v>118.9</v>
      </c>
      <c r="Y15005" s="2">
        <v>7.6</v>
      </c>
      <c r="Z15005" s="2">
        <v>16.7</v>
      </c>
      <c r="AA15005" s="5"/>
      <c r="AB15005" s="5" t="s">
        <v>43</v>
      </c>
      <c r="AC15005" s="5" t="s">
        <v>44</v>
      </c>
      <c r="AD15005" s="2"/>
      <c r="AE15005" s="1"/>
    </row>
    <row r="15006" spans="1:31" ht="14.45">
      <c r="A15006" s="11"/>
      <c r="B15006" s="20"/>
      <c r="C15006" s="2" t="s">
        <v>45971</v>
      </c>
      <c r="D15006" s="14" t="s">
        <v>45972</v>
      </c>
      <c r="E15006" s="2" t="s">
        <v>45973</v>
      </c>
      <c r="F15006" s="2" t="s">
        <v>36381</v>
      </c>
      <c r="G15006" s="8">
        <v>308</v>
      </c>
      <c r="H15006" s="5">
        <v>6</v>
      </c>
      <c r="I15006" s="5" t="s">
        <v>1518</v>
      </c>
      <c r="J15006" s="5" t="s">
        <v>36264</v>
      </c>
      <c r="K15006" s="2" t="s">
        <v>36265</v>
      </c>
      <c r="L15006" s="5" t="s">
        <v>36264</v>
      </c>
      <c r="M15006" s="2" t="s">
        <v>36265</v>
      </c>
      <c r="N15006" s="5" t="s">
        <v>36266</v>
      </c>
      <c r="O15006" s="5" t="s">
        <v>38</v>
      </c>
      <c r="P15006" s="5" t="s">
        <v>39</v>
      </c>
      <c r="Q15006" s="5" t="s">
        <v>40</v>
      </c>
      <c r="R15006" s="5" t="s">
        <v>1522</v>
      </c>
      <c r="S15006" s="5" t="s">
        <v>1523</v>
      </c>
      <c r="T15006" s="5" t="s">
        <v>42</v>
      </c>
      <c r="U15006" s="2">
        <v>2.9329999999999998</v>
      </c>
      <c r="V15006" s="2">
        <v>2.3959999999999999</v>
      </c>
      <c r="W15006" s="2">
        <v>1.4999999999999999E-2</v>
      </c>
      <c r="X15006" s="2">
        <v>118.9</v>
      </c>
      <c r="Y15006" s="2">
        <v>7.6</v>
      </c>
      <c r="Z15006" s="2">
        <v>16.7</v>
      </c>
      <c r="AA15006" s="5"/>
      <c r="AB15006" s="5" t="s">
        <v>43</v>
      </c>
      <c r="AC15006" s="5" t="s">
        <v>44</v>
      </c>
      <c r="AD15006" s="2"/>
      <c r="AE15006" s="1"/>
    </row>
    <row r="15007" spans="1:31" ht="14.45">
      <c r="A15007" s="11"/>
      <c r="B15007" s="20"/>
      <c r="C15007" s="2" t="s">
        <v>45974</v>
      </c>
      <c r="D15007" s="14" t="s">
        <v>45975</v>
      </c>
      <c r="E15007" s="2" t="s">
        <v>45976</v>
      </c>
      <c r="F15007" s="2" t="s">
        <v>36385</v>
      </c>
      <c r="G15007" s="8">
        <v>308</v>
      </c>
      <c r="H15007" s="5">
        <v>6</v>
      </c>
      <c r="I15007" s="5" t="s">
        <v>1518</v>
      </c>
      <c r="J15007" s="5" t="s">
        <v>36264</v>
      </c>
      <c r="K15007" s="2" t="s">
        <v>36265</v>
      </c>
      <c r="L15007" s="5" t="s">
        <v>36264</v>
      </c>
      <c r="M15007" s="2" t="s">
        <v>36265</v>
      </c>
      <c r="N15007" s="5" t="s">
        <v>36266</v>
      </c>
      <c r="O15007" s="5" t="s">
        <v>38</v>
      </c>
      <c r="P15007" s="5" t="s">
        <v>39</v>
      </c>
      <c r="Q15007" s="5" t="s">
        <v>40</v>
      </c>
      <c r="R15007" s="5" t="s">
        <v>1522</v>
      </c>
      <c r="S15007" s="5" t="s">
        <v>1523</v>
      </c>
      <c r="T15007" s="5" t="s">
        <v>42</v>
      </c>
      <c r="U15007" s="2">
        <v>2.8410000000000002</v>
      </c>
      <c r="V15007" s="2">
        <v>2.3039999999999998</v>
      </c>
      <c r="W15007" s="2">
        <v>1.4999999999999999E-2</v>
      </c>
      <c r="X15007" s="2">
        <v>118.9</v>
      </c>
      <c r="Y15007" s="2">
        <v>7.6</v>
      </c>
      <c r="Z15007" s="2">
        <v>16.7</v>
      </c>
      <c r="AA15007" s="5"/>
      <c r="AB15007" s="5" t="s">
        <v>43</v>
      </c>
      <c r="AC15007" s="5" t="s">
        <v>44</v>
      </c>
      <c r="AD15007" s="2"/>
      <c r="AE15007" s="1"/>
    </row>
    <row r="15008" spans="1:31" ht="14.45">
      <c r="A15008" s="11"/>
      <c r="B15008" s="20"/>
      <c r="C15008" s="2" t="s">
        <v>45977</v>
      </c>
      <c r="D15008" s="14" t="s">
        <v>45978</v>
      </c>
      <c r="E15008" s="2" t="s">
        <v>45979</v>
      </c>
      <c r="F15008" s="2" t="s">
        <v>7204</v>
      </c>
      <c r="G15008" s="8">
        <v>294</v>
      </c>
      <c r="H15008" s="5">
        <v>6</v>
      </c>
      <c r="I15008" s="5" t="s">
        <v>1518</v>
      </c>
      <c r="J15008" s="5" t="s">
        <v>36264</v>
      </c>
      <c r="K15008" s="2" t="s">
        <v>36265</v>
      </c>
      <c r="L15008" s="5" t="s">
        <v>36264</v>
      </c>
      <c r="M15008" s="2" t="s">
        <v>36265</v>
      </c>
      <c r="N15008" s="5" t="s">
        <v>36266</v>
      </c>
      <c r="O15008" s="5" t="s">
        <v>38</v>
      </c>
      <c r="P15008" s="5" t="s">
        <v>39</v>
      </c>
      <c r="Q15008" s="5" t="s">
        <v>40</v>
      </c>
      <c r="R15008" s="5" t="s">
        <v>1522</v>
      </c>
      <c r="S15008" s="5" t="s">
        <v>1523</v>
      </c>
      <c r="T15008" s="5" t="s">
        <v>42</v>
      </c>
      <c r="U15008" s="2">
        <v>3.0859999999999999</v>
      </c>
      <c r="V15008" s="2">
        <v>2.4729999999999999</v>
      </c>
      <c r="W15008" s="2">
        <v>1.7999999999999999E-2</v>
      </c>
      <c r="X15008" s="2">
        <v>139.1</v>
      </c>
      <c r="Y15008" s="2">
        <v>7.6</v>
      </c>
      <c r="Z15008" s="2">
        <v>16.7</v>
      </c>
      <c r="AA15008" s="5"/>
      <c r="AB15008" s="5" t="s">
        <v>43</v>
      </c>
      <c r="AC15008" s="5" t="s">
        <v>44</v>
      </c>
      <c r="AD15008" s="2"/>
      <c r="AE15008" s="1"/>
    </row>
    <row r="15009" spans="1:31" ht="14.45">
      <c r="A15009" s="11"/>
      <c r="B15009" s="20"/>
      <c r="C15009" s="2" t="s">
        <v>45980</v>
      </c>
      <c r="D15009" s="14" t="s">
        <v>45981</v>
      </c>
      <c r="E15009" s="2" t="s">
        <v>45982</v>
      </c>
      <c r="F15009" s="2" t="s">
        <v>36377</v>
      </c>
      <c r="G15009" s="8">
        <v>318</v>
      </c>
      <c r="H15009" s="5">
        <v>6</v>
      </c>
      <c r="I15009" s="5" t="s">
        <v>1518</v>
      </c>
      <c r="J15009" s="5" t="s">
        <v>36264</v>
      </c>
      <c r="K15009" s="2" t="s">
        <v>36265</v>
      </c>
      <c r="L15009" s="5" t="s">
        <v>36264</v>
      </c>
      <c r="M15009" s="2" t="s">
        <v>36265</v>
      </c>
      <c r="N15009" s="5" t="s">
        <v>36266</v>
      </c>
      <c r="O15009" s="5" t="s">
        <v>38</v>
      </c>
      <c r="P15009" s="5" t="s">
        <v>39</v>
      </c>
      <c r="Q15009" s="5" t="s">
        <v>40</v>
      </c>
      <c r="R15009" s="5" t="s">
        <v>1522</v>
      </c>
      <c r="S15009" s="5" t="s">
        <v>1523</v>
      </c>
      <c r="T15009" s="5" t="s">
        <v>42</v>
      </c>
      <c r="U15009" s="2">
        <v>3.0859999999999999</v>
      </c>
      <c r="V15009" s="2">
        <v>2.4729999999999999</v>
      </c>
      <c r="W15009" s="2">
        <v>1.7999999999999999E-2</v>
      </c>
      <c r="X15009" s="2">
        <v>139.1</v>
      </c>
      <c r="Y15009" s="2">
        <v>7.6</v>
      </c>
      <c r="Z15009" s="2">
        <v>16.7</v>
      </c>
      <c r="AA15009" s="5"/>
      <c r="AB15009" s="5" t="s">
        <v>43</v>
      </c>
      <c r="AC15009" s="5" t="s">
        <v>44</v>
      </c>
      <c r="AD15009" s="2"/>
      <c r="AE15009" s="1"/>
    </row>
    <row r="15010" spans="1:31" ht="14.45">
      <c r="A15010" s="11"/>
      <c r="B15010" s="20"/>
      <c r="C15010" s="2" t="s">
        <v>45983</v>
      </c>
      <c r="D15010" s="14" t="s">
        <v>45984</v>
      </c>
      <c r="E15010" s="2" t="s">
        <v>45985</v>
      </c>
      <c r="F15010" s="2" t="s">
        <v>7204</v>
      </c>
      <c r="G15010" s="8">
        <v>268</v>
      </c>
      <c r="H15010" s="5">
        <v>6</v>
      </c>
      <c r="I15010" s="5" t="s">
        <v>1518</v>
      </c>
      <c r="J15010" s="5" t="s">
        <v>36264</v>
      </c>
      <c r="K15010" s="2" t="s">
        <v>36265</v>
      </c>
      <c r="L15010" s="5" t="s">
        <v>36264</v>
      </c>
      <c r="M15010" s="2" t="s">
        <v>36265</v>
      </c>
      <c r="N15010" s="5" t="s">
        <v>36266</v>
      </c>
      <c r="O15010" s="5" t="s">
        <v>38</v>
      </c>
      <c r="P15010" s="5" t="s">
        <v>39</v>
      </c>
      <c r="Q15010" s="5" t="s">
        <v>40</v>
      </c>
      <c r="R15010" s="5" t="s">
        <v>1522</v>
      </c>
      <c r="S15010" s="5" t="s">
        <v>1523</v>
      </c>
      <c r="T15010" s="5" t="s">
        <v>42</v>
      </c>
      <c r="U15010" s="2">
        <v>2.544</v>
      </c>
      <c r="V15010" s="2">
        <v>2.0009999999999999</v>
      </c>
      <c r="W15010" s="2">
        <v>1.2999999999999999E-2</v>
      </c>
      <c r="X15010" s="2">
        <v>99.1</v>
      </c>
      <c r="Y15010" s="2">
        <v>7.6</v>
      </c>
      <c r="Z15010" s="2">
        <v>16.7</v>
      </c>
      <c r="AA15010" s="5"/>
      <c r="AB15010" s="5" t="s">
        <v>43</v>
      </c>
      <c r="AC15010" s="5" t="s">
        <v>44</v>
      </c>
      <c r="AD15010" s="2"/>
      <c r="AE15010" s="1"/>
    </row>
    <row r="15011" spans="1:31" ht="14.45">
      <c r="A15011" s="11"/>
      <c r="B15011" s="20"/>
      <c r="C15011" s="2" t="s">
        <v>45986</v>
      </c>
      <c r="D15011" s="14" t="s">
        <v>45987</v>
      </c>
      <c r="E15011" s="2" t="s">
        <v>45988</v>
      </c>
      <c r="F15011" s="2" t="s">
        <v>7514</v>
      </c>
      <c r="G15011" s="8">
        <v>268</v>
      </c>
      <c r="H15011" s="5">
        <v>6</v>
      </c>
      <c r="I15011" s="5" t="s">
        <v>1518</v>
      </c>
      <c r="J15011" s="5" t="s">
        <v>36264</v>
      </c>
      <c r="K15011" s="2" t="s">
        <v>36265</v>
      </c>
      <c r="L15011" s="5" t="s">
        <v>36264</v>
      </c>
      <c r="M15011" s="2" t="s">
        <v>36265</v>
      </c>
      <c r="N15011" s="5" t="s">
        <v>36266</v>
      </c>
      <c r="O15011" s="5" t="s">
        <v>38</v>
      </c>
      <c r="P15011" s="5" t="s">
        <v>39</v>
      </c>
      <c r="Q15011" s="5" t="s">
        <v>40</v>
      </c>
      <c r="R15011" s="5" t="s">
        <v>1522</v>
      </c>
      <c r="S15011" s="5" t="s">
        <v>1523</v>
      </c>
      <c r="T15011" s="5" t="s">
        <v>42</v>
      </c>
      <c r="U15011" s="2">
        <v>2.6150000000000002</v>
      </c>
      <c r="V15011" s="2">
        <v>2.0720000000000001</v>
      </c>
      <c r="W15011" s="2">
        <v>1.2999999999999999E-2</v>
      </c>
      <c r="X15011" s="2">
        <v>99.1</v>
      </c>
      <c r="Y15011" s="2">
        <v>7.6</v>
      </c>
      <c r="Z15011" s="2">
        <v>16.7</v>
      </c>
      <c r="AA15011" s="5"/>
      <c r="AB15011" s="5" t="s">
        <v>43</v>
      </c>
      <c r="AC15011" s="5" t="s">
        <v>44</v>
      </c>
      <c r="AD15011" s="2"/>
      <c r="AE15011" s="1"/>
    </row>
    <row r="15012" spans="1:31" ht="14.45">
      <c r="A15012" s="11"/>
      <c r="B15012" s="20"/>
      <c r="C15012" s="2" t="s">
        <v>45989</v>
      </c>
      <c r="D15012" s="14" t="s">
        <v>45990</v>
      </c>
      <c r="E15012" s="2" t="s">
        <v>45991</v>
      </c>
      <c r="F15012" s="2" t="s">
        <v>36273</v>
      </c>
      <c r="G15012" s="8">
        <v>268</v>
      </c>
      <c r="H15012" s="5">
        <v>6</v>
      </c>
      <c r="I15012" s="5" t="s">
        <v>1518</v>
      </c>
      <c r="J15012" s="5" t="s">
        <v>36264</v>
      </c>
      <c r="K15012" s="2" t="s">
        <v>36265</v>
      </c>
      <c r="L15012" s="5" t="s">
        <v>36264</v>
      </c>
      <c r="M15012" s="2" t="s">
        <v>36265</v>
      </c>
      <c r="N15012" s="5" t="s">
        <v>36266</v>
      </c>
      <c r="O15012" s="5" t="s">
        <v>38</v>
      </c>
      <c r="P15012" s="5" t="s">
        <v>39</v>
      </c>
      <c r="Q15012" s="5" t="s">
        <v>40</v>
      </c>
      <c r="R15012" s="5" t="s">
        <v>1522</v>
      </c>
      <c r="S15012" s="5" t="s">
        <v>1523</v>
      </c>
      <c r="T15012" s="5" t="s">
        <v>42</v>
      </c>
      <c r="U15012" s="2">
        <v>2.544</v>
      </c>
      <c r="V15012" s="2">
        <v>2.0009999999999999</v>
      </c>
      <c r="W15012" s="2">
        <v>1.2999999999999999E-2</v>
      </c>
      <c r="X15012" s="2">
        <v>99.1</v>
      </c>
      <c r="Y15012" s="2">
        <v>7.6</v>
      </c>
      <c r="Z15012" s="2">
        <v>16.7</v>
      </c>
      <c r="AA15012" s="5"/>
      <c r="AB15012" s="5" t="s">
        <v>43</v>
      </c>
      <c r="AC15012" s="5" t="s">
        <v>44</v>
      </c>
      <c r="AD15012" s="2"/>
      <c r="AE15012" s="1"/>
    </row>
    <row r="15013" spans="1:31" ht="14.45">
      <c r="A15013" s="11"/>
      <c r="B15013" s="20"/>
      <c r="C15013" s="2" t="s">
        <v>45992</v>
      </c>
      <c r="D15013" s="14" t="s">
        <v>45993</v>
      </c>
      <c r="E15013" s="2" t="s">
        <v>45994</v>
      </c>
      <c r="F15013" s="2" t="s">
        <v>36277</v>
      </c>
      <c r="G15013" s="8">
        <v>268</v>
      </c>
      <c r="H15013" s="5">
        <v>6</v>
      </c>
      <c r="I15013" s="5" t="s">
        <v>1518</v>
      </c>
      <c r="J15013" s="5" t="s">
        <v>36264</v>
      </c>
      <c r="K15013" s="2" t="s">
        <v>36265</v>
      </c>
      <c r="L15013" s="5" t="s">
        <v>36264</v>
      </c>
      <c r="M15013" s="2" t="s">
        <v>36265</v>
      </c>
      <c r="N15013" s="5" t="s">
        <v>36266</v>
      </c>
      <c r="O15013" s="5" t="s">
        <v>38</v>
      </c>
      <c r="P15013" s="5" t="s">
        <v>39</v>
      </c>
      <c r="Q15013" s="5" t="s">
        <v>40</v>
      </c>
      <c r="R15013" s="5" t="s">
        <v>1522</v>
      </c>
      <c r="S15013" s="5" t="s">
        <v>1523</v>
      </c>
      <c r="T15013" s="5" t="s">
        <v>42</v>
      </c>
      <c r="U15013" s="2">
        <v>2.6150000000000002</v>
      </c>
      <c r="V15013" s="2">
        <v>2.0720000000000001</v>
      </c>
      <c r="W15013" s="2">
        <v>1.2999999999999999E-2</v>
      </c>
      <c r="X15013" s="2">
        <v>99.1</v>
      </c>
      <c r="Y15013" s="2">
        <v>7.6</v>
      </c>
      <c r="Z15013" s="2">
        <v>16.7</v>
      </c>
      <c r="AA15013" s="5"/>
      <c r="AB15013" s="5" t="s">
        <v>43</v>
      </c>
      <c r="AC15013" s="5" t="s">
        <v>44</v>
      </c>
      <c r="AD15013" s="2"/>
      <c r="AE15013" s="1"/>
    </row>
    <row r="15014" spans="1:31" ht="14.45">
      <c r="A15014" s="11"/>
      <c r="B15014" s="20"/>
      <c r="C15014" s="2" t="s">
        <v>45995</v>
      </c>
      <c r="D15014" s="14" t="s">
        <v>45996</v>
      </c>
      <c r="E15014" s="2" t="s">
        <v>45997</v>
      </c>
      <c r="F15014" s="2" t="s">
        <v>36281</v>
      </c>
      <c r="G15014" s="8">
        <v>289</v>
      </c>
      <c r="H15014" s="5">
        <v>6</v>
      </c>
      <c r="I15014" s="5" t="s">
        <v>1518</v>
      </c>
      <c r="J15014" s="5" t="s">
        <v>36264</v>
      </c>
      <c r="K15014" s="2" t="s">
        <v>36265</v>
      </c>
      <c r="L15014" s="5" t="s">
        <v>36264</v>
      </c>
      <c r="M15014" s="2" t="s">
        <v>36265</v>
      </c>
      <c r="N15014" s="5" t="s">
        <v>36266</v>
      </c>
      <c r="O15014" s="5" t="s">
        <v>38</v>
      </c>
      <c r="P15014" s="5" t="s">
        <v>39</v>
      </c>
      <c r="Q15014" s="5" t="s">
        <v>40</v>
      </c>
      <c r="R15014" s="5" t="s">
        <v>1522</v>
      </c>
      <c r="S15014" s="5" t="s">
        <v>1523</v>
      </c>
      <c r="T15014" s="5" t="s">
        <v>42</v>
      </c>
      <c r="U15014" s="2">
        <v>2.544</v>
      </c>
      <c r="V15014" s="2">
        <v>2.0009999999999999</v>
      </c>
      <c r="W15014" s="2">
        <v>1.2999999999999999E-2</v>
      </c>
      <c r="X15014" s="2">
        <v>99.1</v>
      </c>
      <c r="Y15014" s="2">
        <v>7.6</v>
      </c>
      <c r="Z15014" s="2">
        <v>16.7</v>
      </c>
      <c r="AA15014" s="5"/>
      <c r="AB15014" s="5" t="s">
        <v>43</v>
      </c>
      <c r="AC15014" s="5" t="s">
        <v>44</v>
      </c>
      <c r="AD15014" s="2"/>
      <c r="AE15014" s="1"/>
    </row>
    <row r="15015" spans="1:31" ht="14.45">
      <c r="A15015" s="11"/>
      <c r="B15015" s="20"/>
      <c r="C15015" s="2" t="s">
        <v>45998</v>
      </c>
      <c r="D15015" s="14" t="s">
        <v>45999</v>
      </c>
      <c r="E15015" s="2" t="s">
        <v>46000</v>
      </c>
      <c r="F15015" s="2" t="s">
        <v>36285</v>
      </c>
      <c r="G15015" s="8">
        <v>289</v>
      </c>
      <c r="H15015" s="5">
        <v>6</v>
      </c>
      <c r="I15015" s="5" t="s">
        <v>1518</v>
      </c>
      <c r="J15015" s="5" t="s">
        <v>36264</v>
      </c>
      <c r="K15015" s="2" t="s">
        <v>36265</v>
      </c>
      <c r="L15015" s="5" t="s">
        <v>36264</v>
      </c>
      <c r="M15015" s="2" t="s">
        <v>36265</v>
      </c>
      <c r="N15015" s="5" t="s">
        <v>36266</v>
      </c>
      <c r="O15015" s="5" t="s">
        <v>38</v>
      </c>
      <c r="P15015" s="5" t="s">
        <v>39</v>
      </c>
      <c r="Q15015" s="5" t="s">
        <v>40</v>
      </c>
      <c r="R15015" s="5" t="s">
        <v>1522</v>
      </c>
      <c r="S15015" s="5" t="s">
        <v>1523</v>
      </c>
      <c r="T15015" s="5" t="s">
        <v>42</v>
      </c>
      <c r="U15015" s="2">
        <v>2.6150000000000002</v>
      </c>
      <c r="V15015" s="2">
        <v>2.0720000000000001</v>
      </c>
      <c r="W15015" s="2">
        <v>1.2999999999999999E-2</v>
      </c>
      <c r="X15015" s="2">
        <v>99.1</v>
      </c>
      <c r="Y15015" s="2">
        <v>7.6</v>
      </c>
      <c r="Z15015" s="2">
        <v>16.7</v>
      </c>
      <c r="AA15015" s="5"/>
      <c r="AB15015" s="5" t="s">
        <v>43</v>
      </c>
      <c r="AC15015" s="5" t="s">
        <v>44</v>
      </c>
      <c r="AD15015" s="2"/>
      <c r="AE15015" s="1"/>
    </row>
    <row r="15016" spans="1:31" ht="14.45">
      <c r="A15016" s="11"/>
      <c r="B15016" s="20"/>
      <c r="C15016" s="2" t="s">
        <v>46001</v>
      </c>
      <c r="D15016" s="14" t="s">
        <v>46002</v>
      </c>
      <c r="E15016" s="2" t="s">
        <v>46003</v>
      </c>
      <c r="F15016" s="2" t="s">
        <v>36289</v>
      </c>
      <c r="G15016" s="8">
        <v>289</v>
      </c>
      <c r="H15016" s="5">
        <v>6</v>
      </c>
      <c r="I15016" s="5" t="s">
        <v>1518</v>
      </c>
      <c r="J15016" s="5" t="s">
        <v>36264</v>
      </c>
      <c r="K15016" s="2" t="s">
        <v>36265</v>
      </c>
      <c r="L15016" s="5" t="s">
        <v>36264</v>
      </c>
      <c r="M15016" s="2" t="s">
        <v>36265</v>
      </c>
      <c r="N15016" s="5" t="s">
        <v>36266</v>
      </c>
      <c r="O15016" s="5" t="s">
        <v>38</v>
      </c>
      <c r="P15016" s="5" t="s">
        <v>39</v>
      </c>
      <c r="Q15016" s="5" t="s">
        <v>40</v>
      </c>
      <c r="R15016" s="5" t="s">
        <v>1522</v>
      </c>
      <c r="S15016" s="5" t="s">
        <v>1523</v>
      </c>
      <c r="T15016" s="5" t="s">
        <v>42</v>
      </c>
      <c r="U15016" s="2">
        <v>2.544</v>
      </c>
      <c r="V15016" s="2">
        <v>2.0009999999999999</v>
      </c>
      <c r="W15016" s="2">
        <v>1.2999999999999999E-2</v>
      </c>
      <c r="X15016" s="2">
        <v>99.1</v>
      </c>
      <c r="Y15016" s="2">
        <v>7.6</v>
      </c>
      <c r="Z15016" s="2">
        <v>16.7</v>
      </c>
      <c r="AA15016" s="5"/>
      <c r="AB15016" s="5" t="s">
        <v>43</v>
      </c>
      <c r="AC15016" s="5" t="s">
        <v>44</v>
      </c>
      <c r="AD15016" s="2"/>
      <c r="AE15016" s="1"/>
    </row>
    <row r="15017" spans="1:31" ht="14.45">
      <c r="A15017" s="11"/>
      <c r="B15017" s="20"/>
      <c r="C15017" s="2" t="s">
        <v>46004</v>
      </c>
      <c r="D15017" s="14" t="s">
        <v>46005</v>
      </c>
      <c r="E15017" s="2" t="s">
        <v>46006</v>
      </c>
      <c r="F15017" s="2" t="s">
        <v>36293</v>
      </c>
      <c r="G15017" s="8">
        <v>289</v>
      </c>
      <c r="H15017" s="5">
        <v>6</v>
      </c>
      <c r="I15017" s="5" t="s">
        <v>1518</v>
      </c>
      <c r="J15017" s="5" t="s">
        <v>36264</v>
      </c>
      <c r="K15017" s="2" t="s">
        <v>36265</v>
      </c>
      <c r="L15017" s="5" t="s">
        <v>36264</v>
      </c>
      <c r="M15017" s="2" t="s">
        <v>36265</v>
      </c>
      <c r="N15017" s="5" t="s">
        <v>36266</v>
      </c>
      <c r="O15017" s="5" t="s">
        <v>38</v>
      </c>
      <c r="P15017" s="5" t="s">
        <v>39</v>
      </c>
      <c r="Q15017" s="5" t="s">
        <v>40</v>
      </c>
      <c r="R15017" s="5" t="s">
        <v>1522</v>
      </c>
      <c r="S15017" s="5" t="s">
        <v>1523</v>
      </c>
      <c r="T15017" s="5" t="s">
        <v>42</v>
      </c>
      <c r="U15017" s="2">
        <v>2.6150000000000002</v>
      </c>
      <c r="V15017" s="2">
        <v>2.0720000000000001</v>
      </c>
      <c r="W15017" s="2">
        <v>1.2999999999999999E-2</v>
      </c>
      <c r="X15017" s="2">
        <v>99.1</v>
      </c>
      <c r="Y15017" s="2">
        <v>7.6</v>
      </c>
      <c r="Z15017" s="2">
        <v>16.7</v>
      </c>
      <c r="AA15017" s="5"/>
      <c r="AB15017" s="5" t="s">
        <v>43</v>
      </c>
      <c r="AC15017" s="5" t="s">
        <v>44</v>
      </c>
      <c r="AD15017" s="2"/>
      <c r="AE15017" s="1"/>
    </row>
    <row r="15018" spans="1:31" ht="14.45">
      <c r="A15018" s="11"/>
      <c r="B15018" s="20"/>
      <c r="C15018" s="2" t="s">
        <v>46007</v>
      </c>
      <c r="D15018" s="14" t="s">
        <v>46008</v>
      </c>
      <c r="E15018" s="2" t="s">
        <v>46009</v>
      </c>
      <c r="F15018" s="2" t="s">
        <v>36297</v>
      </c>
      <c r="G15018" s="8">
        <v>268</v>
      </c>
      <c r="H15018" s="5">
        <v>6</v>
      </c>
      <c r="I15018" s="5" t="s">
        <v>1518</v>
      </c>
      <c r="J15018" s="5" t="s">
        <v>36264</v>
      </c>
      <c r="K15018" s="2" t="s">
        <v>36265</v>
      </c>
      <c r="L15018" s="5" t="s">
        <v>36264</v>
      </c>
      <c r="M15018" s="2" t="s">
        <v>36265</v>
      </c>
      <c r="N15018" s="5" t="s">
        <v>36266</v>
      </c>
      <c r="O15018" s="5" t="s">
        <v>38</v>
      </c>
      <c r="P15018" s="5" t="s">
        <v>39</v>
      </c>
      <c r="Q15018" s="5" t="s">
        <v>40</v>
      </c>
      <c r="R15018" s="5" t="s">
        <v>1522</v>
      </c>
      <c r="S15018" s="5" t="s">
        <v>1523</v>
      </c>
      <c r="T15018" s="5" t="s">
        <v>42</v>
      </c>
      <c r="U15018" s="2">
        <v>2.544</v>
      </c>
      <c r="V15018" s="2">
        <v>2.0009999999999999</v>
      </c>
      <c r="W15018" s="2">
        <v>1.2999999999999999E-2</v>
      </c>
      <c r="X15018" s="2">
        <v>99.1</v>
      </c>
      <c r="Y15018" s="2">
        <v>7.6</v>
      </c>
      <c r="Z15018" s="2">
        <v>16.7</v>
      </c>
      <c r="AA15018" s="5"/>
      <c r="AB15018" s="5" t="s">
        <v>43</v>
      </c>
      <c r="AC15018" s="5" t="s">
        <v>44</v>
      </c>
      <c r="AD15018" s="2"/>
      <c r="AE15018" s="1"/>
    </row>
    <row r="15019" spans="1:31" ht="14.45">
      <c r="A15019" s="11"/>
      <c r="B15019" s="20"/>
      <c r="C15019" s="2" t="s">
        <v>46010</v>
      </c>
      <c r="D15019" s="14" t="s">
        <v>46011</v>
      </c>
      <c r="E15019" s="2" t="s">
        <v>46012</v>
      </c>
      <c r="F15019" s="2" t="s">
        <v>36301</v>
      </c>
      <c r="G15019" s="8">
        <v>268</v>
      </c>
      <c r="H15019" s="5">
        <v>6</v>
      </c>
      <c r="I15019" s="5" t="s">
        <v>1518</v>
      </c>
      <c r="J15019" s="5" t="s">
        <v>36264</v>
      </c>
      <c r="K15019" s="2" t="s">
        <v>36265</v>
      </c>
      <c r="L15019" s="5" t="s">
        <v>36264</v>
      </c>
      <c r="M15019" s="2" t="s">
        <v>36265</v>
      </c>
      <c r="N15019" s="5" t="s">
        <v>36266</v>
      </c>
      <c r="O15019" s="5" t="s">
        <v>38</v>
      </c>
      <c r="P15019" s="5" t="s">
        <v>39</v>
      </c>
      <c r="Q15019" s="5" t="s">
        <v>40</v>
      </c>
      <c r="R15019" s="5" t="s">
        <v>1522</v>
      </c>
      <c r="S15019" s="5" t="s">
        <v>1523</v>
      </c>
      <c r="T15019" s="5" t="s">
        <v>42</v>
      </c>
      <c r="U15019" s="2">
        <v>2.6150000000000002</v>
      </c>
      <c r="V15019" s="2">
        <v>2.0720000000000001</v>
      </c>
      <c r="W15019" s="2">
        <v>1.2999999999999999E-2</v>
      </c>
      <c r="X15019" s="2">
        <v>99.1</v>
      </c>
      <c r="Y15019" s="2">
        <v>7.6</v>
      </c>
      <c r="Z15019" s="2">
        <v>16.7</v>
      </c>
      <c r="AA15019" s="5"/>
      <c r="AB15019" s="5" t="s">
        <v>43</v>
      </c>
      <c r="AC15019" s="5" t="s">
        <v>44</v>
      </c>
      <c r="AD15019" s="2"/>
      <c r="AE15019" s="1"/>
    </row>
    <row r="15020" spans="1:31" ht="14.45">
      <c r="A15020" s="11"/>
      <c r="B15020" s="20"/>
      <c r="C15020" s="2" t="s">
        <v>46013</v>
      </c>
      <c r="D15020" s="14" t="s">
        <v>46014</v>
      </c>
      <c r="E15020" s="2" t="s">
        <v>46015</v>
      </c>
      <c r="F15020" s="2" t="s">
        <v>36305</v>
      </c>
      <c r="G15020" s="8">
        <v>268</v>
      </c>
      <c r="H15020" s="5">
        <v>6</v>
      </c>
      <c r="I15020" s="5" t="s">
        <v>1518</v>
      </c>
      <c r="J15020" s="5" t="s">
        <v>36264</v>
      </c>
      <c r="K15020" s="2" t="s">
        <v>36265</v>
      </c>
      <c r="L15020" s="5" t="s">
        <v>36264</v>
      </c>
      <c r="M15020" s="2" t="s">
        <v>36265</v>
      </c>
      <c r="N15020" s="5" t="s">
        <v>36266</v>
      </c>
      <c r="O15020" s="5" t="s">
        <v>38</v>
      </c>
      <c r="P15020" s="5" t="s">
        <v>39</v>
      </c>
      <c r="Q15020" s="5" t="s">
        <v>40</v>
      </c>
      <c r="R15020" s="5" t="s">
        <v>1522</v>
      </c>
      <c r="S15020" s="5" t="s">
        <v>1523</v>
      </c>
      <c r="T15020" s="5" t="s">
        <v>42</v>
      </c>
      <c r="U15020" s="2">
        <v>2.544</v>
      </c>
      <c r="V15020" s="2">
        <v>2.0009999999999999</v>
      </c>
      <c r="W15020" s="2">
        <v>1.2999999999999999E-2</v>
      </c>
      <c r="X15020" s="2">
        <v>99.1</v>
      </c>
      <c r="Y15020" s="2">
        <v>7.6</v>
      </c>
      <c r="Z15020" s="2">
        <v>16.7</v>
      </c>
      <c r="AA15020" s="5"/>
      <c r="AB15020" s="5" t="s">
        <v>43</v>
      </c>
      <c r="AC15020" s="5" t="s">
        <v>44</v>
      </c>
      <c r="AD15020" s="2"/>
      <c r="AE15020" s="1"/>
    </row>
    <row r="15021" spans="1:31" ht="14.45">
      <c r="A15021" s="11"/>
      <c r="B15021" s="20"/>
      <c r="C15021" s="2" t="s">
        <v>46016</v>
      </c>
      <c r="D15021" s="14" t="s">
        <v>46017</v>
      </c>
      <c r="E15021" s="2" t="s">
        <v>46018</v>
      </c>
      <c r="F15021" s="2" t="s">
        <v>36309</v>
      </c>
      <c r="G15021" s="8">
        <v>268</v>
      </c>
      <c r="H15021" s="5">
        <v>6</v>
      </c>
      <c r="I15021" s="5" t="s">
        <v>1518</v>
      </c>
      <c r="J15021" s="5" t="s">
        <v>36264</v>
      </c>
      <c r="K15021" s="2" t="s">
        <v>36265</v>
      </c>
      <c r="L15021" s="5" t="s">
        <v>36264</v>
      </c>
      <c r="M15021" s="2" t="s">
        <v>36265</v>
      </c>
      <c r="N15021" s="5" t="s">
        <v>36266</v>
      </c>
      <c r="O15021" s="5" t="s">
        <v>38</v>
      </c>
      <c r="P15021" s="5" t="s">
        <v>39</v>
      </c>
      <c r="Q15021" s="5" t="s">
        <v>40</v>
      </c>
      <c r="R15021" s="5" t="s">
        <v>1522</v>
      </c>
      <c r="S15021" s="5" t="s">
        <v>1523</v>
      </c>
      <c r="T15021" s="5" t="s">
        <v>42</v>
      </c>
      <c r="U15021" s="2">
        <v>2.6150000000000002</v>
      </c>
      <c r="V15021" s="2">
        <v>2.0720000000000001</v>
      </c>
      <c r="W15021" s="2">
        <v>1.2999999999999999E-2</v>
      </c>
      <c r="X15021" s="2">
        <v>99.1</v>
      </c>
      <c r="Y15021" s="2">
        <v>7.6</v>
      </c>
      <c r="Z15021" s="2">
        <v>16.7</v>
      </c>
      <c r="AA15021" s="5"/>
      <c r="AB15021" s="5" t="s">
        <v>43</v>
      </c>
      <c r="AC15021" s="5" t="s">
        <v>44</v>
      </c>
      <c r="AD15021" s="2"/>
      <c r="AE15021" s="1"/>
    </row>
    <row r="15022" spans="1:31" ht="14.45">
      <c r="A15022" s="11"/>
      <c r="B15022" s="20"/>
      <c r="C15022" s="2" t="s">
        <v>46019</v>
      </c>
      <c r="D15022" s="14" t="s">
        <v>46020</v>
      </c>
      <c r="E15022" s="2" t="s">
        <v>46021</v>
      </c>
      <c r="F15022" s="2" t="s">
        <v>36313</v>
      </c>
      <c r="G15022" s="8">
        <v>289</v>
      </c>
      <c r="H15022" s="5">
        <v>6</v>
      </c>
      <c r="I15022" s="5" t="s">
        <v>1518</v>
      </c>
      <c r="J15022" s="5" t="s">
        <v>36264</v>
      </c>
      <c r="K15022" s="2" t="s">
        <v>36265</v>
      </c>
      <c r="L15022" s="5" t="s">
        <v>36264</v>
      </c>
      <c r="M15022" s="2" t="s">
        <v>36265</v>
      </c>
      <c r="N15022" s="5" t="s">
        <v>36266</v>
      </c>
      <c r="O15022" s="5" t="s">
        <v>38</v>
      </c>
      <c r="P15022" s="5" t="s">
        <v>39</v>
      </c>
      <c r="Q15022" s="5" t="s">
        <v>40</v>
      </c>
      <c r="R15022" s="5" t="s">
        <v>1522</v>
      </c>
      <c r="S15022" s="5" t="s">
        <v>1523</v>
      </c>
      <c r="T15022" s="5" t="s">
        <v>42</v>
      </c>
      <c r="U15022" s="2">
        <v>2.544</v>
      </c>
      <c r="V15022" s="2">
        <v>2.0009999999999999</v>
      </c>
      <c r="W15022" s="2">
        <v>1.2999999999999999E-2</v>
      </c>
      <c r="X15022" s="2">
        <v>99.1</v>
      </c>
      <c r="Y15022" s="2">
        <v>7.6</v>
      </c>
      <c r="Z15022" s="2">
        <v>16.7</v>
      </c>
      <c r="AA15022" s="5"/>
      <c r="AB15022" s="5" t="s">
        <v>43</v>
      </c>
      <c r="AC15022" s="5" t="s">
        <v>44</v>
      </c>
      <c r="AD15022" s="2"/>
      <c r="AE15022" s="1"/>
    </row>
    <row r="15023" spans="1:31" ht="14.45">
      <c r="A15023" s="11"/>
      <c r="B15023" s="20"/>
      <c r="C15023" s="2" t="s">
        <v>46022</v>
      </c>
      <c r="D15023" s="14" t="s">
        <v>46023</v>
      </c>
      <c r="E15023" s="2" t="s">
        <v>46024</v>
      </c>
      <c r="F15023" s="2" t="s">
        <v>36317</v>
      </c>
      <c r="G15023" s="8">
        <v>289</v>
      </c>
      <c r="H15023" s="5">
        <v>6</v>
      </c>
      <c r="I15023" s="5" t="s">
        <v>1518</v>
      </c>
      <c r="J15023" s="5" t="s">
        <v>36264</v>
      </c>
      <c r="K15023" s="2" t="s">
        <v>36265</v>
      </c>
      <c r="L15023" s="5" t="s">
        <v>36264</v>
      </c>
      <c r="M15023" s="2" t="s">
        <v>36265</v>
      </c>
      <c r="N15023" s="5" t="s">
        <v>36266</v>
      </c>
      <c r="O15023" s="5" t="s">
        <v>38</v>
      </c>
      <c r="P15023" s="5" t="s">
        <v>39</v>
      </c>
      <c r="Q15023" s="5" t="s">
        <v>40</v>
      </c>
      <c r="R15023" s="5" t="s">
        <v>1522</v>
      </c>
      <c r="S15023" s="5" t="s">
        <v>1523</v>
      </c>
      <c r="T15023" s="5" t="s">
        <v>42</v>
      </c>
      <c r="U15023" s="2">
        <v>2.6150000000000002</v>
      </c>
      <c r="V15023" s="2">
        <v>2.0720000000000001</v>
      </c>
      <c r="W15023" s="2">
        <v>1.2999999999999999E-2</v>
      </c>
      <c r="X15023" s="2">
        <v>99.1</v>
      </c>
      <c r="Y15023" s="2">
        <v>7.6</v>
      </c>
      <c r="Z15023" s="2">
        <v>16.7</v>
      </c>
      <c r="AA15023" s="5"/>
      <c r="AB15023" s="5" t="s">
        <v>43</v>
      </c>
      <c r="AC15023" s="5" t="s">
        <v>44</v>
      </c>
      <c r="AD15023" s="2"/>
      <c r="AE15023" s="1"/>
    </row>
    <row r="15024" spans="1:31" ht="14.45">
      <c r="A15024" s="11"/>
      <c r="B15024" s="20"/>
      <c r="C15024" s="2" t="s">
        <v>46025</v>
      </c>
      <c r="D15024" s="14" t="s">
        <v>46026</v>
      </c>
      <c r="E15024" s="2" t="s">
        <v>46027</v>
      </c>
      <c r="F15024" s="2" t="s">
        <v>36321</v>
      </c>
      <c r="G15024" s="8">
        <v>289</v>
      </c>
      <c r="H15024" s="5">
        <v>6</v>
      </c>
      <c r="I15024" s="5" t="s">
        <v>1518</v>
      </c>
      <c r="J15024" s="5" t="s">
        <v>36264</v>
      </c>
      <c r="K15024" s="2" t="s">
        <v>36265</v>
      </c>
      <c r="L15024" s="5" t="s">
        <v>36264</v>
      </c>
      <c r="M15024" s="2" t="s">
        <v>36265</v>
      </c>
      <c r="N15024" s="5" t="s">
        <v>36266</v>
      </c>
      <c r="O15024" s="5" t="s">
        <v>38</v>
      </c>
      <c r="P15024" s="5" t="s">
        <v>39</v>
      </c>
      <c r="Q15024" s="5" t="s">
        <v>40</v>
      </c>
      <c r="R15024" s="5" t="s">
        <v>1522</v>
      </c>
      <c r="S15024" s="5" t="s">
        <v>1523</v>
      </c>
      <c r="T15024" s="5" t="s">
        <v>42</v>
      </c>
      <c r="U15024" s="2">
        <v>2.544</v>
      </c>
      <c r="V15024" s="2">
        <v>2.0009999999999999</v>
      </c>
      <c r="W15024" s="2">
        <v>1.2999999999999999E-2</v>
      </c>
      <c r="X15024" s="2">
        <v>99.1</v>
      </c>
      <c r="Y15024" s="2">
        <v>7.6</v>
      </c>
      <c r="Z15024" s="2">
        <v>16.7</v>
      </c>
      <c r="AA15024" s="5"/>
      <c r="AB15024" s="5" t="s">
        <v>43</v>
      </c>
      <c r="AC15024" s="5" t="s">
        <v>44</v>
      </c>
      <c r="AD15024" s="2"/>
      <c r="AE15024" s="1"/>
    </row>
    <row r="15025" spans="1:31" ht="14.45">
      <c r="A15025" s="11"/>
      <c r="B15025" s="20"/>
      <c r="C15025" s="2" t="s">
        <v>46028</v>
      </c>
      <c r="D15025" s="14" t="s">
        <v>46029</v>
      </c>
      <c r="E15025" s="2" t="s">
        <v>46030</v>
      </c>
      <c r="F15025" s="2" t="s">
        <v>36325</v>
      </c>
      <c r="G15025" s="8">
        <v>289</v>
      </c>
      <c r="H15025" s="5">
        <v>6</v>
      </c>
      <c r="I15025" s="5" t="s">
        <v>1518</v>
      </c>
      <c r="J15025" s="5" t="s">
        <v>36264</v>
      </c>
      <c r="K15025" s="2" t="s">
        <v>36265</v>
      </c>
      <c r="L15025" s="5" t="s">
        <v>36264</v>
      </c>
      <c r="M15025" s="2" t="s">
        <v>36265</v>
      </c>
      <c r="N15025" s="5" t="s">
        <v>36266</v>
      </c>
      <c r="O15025" s="5" t="s">
        <v>38</v>
      </c>
      <c r="P15025" s="5" t="s">
        <v>39</v>
      </c>
      <c r="Q15025" s="5" t="s">
        <v>40</v>
      </c>
      <c r="R15025" s="5" t="s">
        <v>1522</v>
      </c>
      <c r="S15025" s="5" t="s">
        <v>1523</v>
      </c>
      <c r="T15025" s="5" t="s">
        <v>42</v>
      </c>
      <c r="U15025" s="2">
        <v>2.6150000000000002</v>
      </c>
      <c r="V15025" s="2">
        <v>2.0720000000000001</v>
      </c>
      <c r="W15025" s="2">
        <v>1.2999999999999999E-2</v>
      </c>
      <c r="X15025" s="2">
        <v>99.1</v>
      </c>
      <c r="Y15025" s="2">
        <v>7.6</v>
      </c>
      <c r="Z15025" s="2">
        <v>16.7</v>
      </c>
      <c r="AA15025" s="5"/>
      <c r="AB15025" s="5" t="s">
        <v>43</v>
      </c>
      <c r="AC15025" s="5" t="s">
        <v>44</v>
      </c>
      <c r="AD15025" s="2"/>
      <c r="AE15025" s="1"/>
    </row>
    <row r="15026" spans="1:31" ht="14.45">
      <c r="A15026" s="11"/>
      <c r="B15026" s="20"/>
      <c r="C15026" s="2" t="s">
        <v>46031</v>
      </c>
      <c r="D15026" s="14" t="s">
        <v>46032</v>
      </c>
      <c r="E15026" s="2" t="s">
        <v>46033</v>
      </c>
      <c r="F15026" s="2" t="s">
        <v>36329</v>
      </c>
      <c r="G15026" s="8">
        <v>289</v>
      </c>
      <c r="H15026" s="5">
        <v>6</v>
      </c>
      <c r="I15026" s="5" t="s">
        <v>1518</v>
      </c>
      <c r="J15026" s="5" t="s">
        <v>36264</v>
      </c>
      <c r="K15026" s="2" t="s">
        <v>36265</v>
      </c>
      <c r="L15026" s="5" t="s">
        <v>36264</v>
      </c>
      <c r="M15026" s="2" t="s">
        <v>36265</v>
      </c>
      <c r="N15026" s="5" t="s">
        <v>36266</v>
      </c>
      <c r="O15026" s="5" t="s">
        <v>38</v>
      </c>
      <c r="P15026" s="5" t="s">
        <v>39</v>
      </c>
      <c r="Q15026" s="5" t="s">
        <v>40</v>
      </c>
      <c r="R15026" s="5" t="s">
        <v>1522</v>
      </c>
      <c r="S15026" s="5" t="s">
        <v>1523</v>
      </c>
      <c r="T15026" s="5" t="s">
        <v>42</v>
      </c>
      <c r="U15026" s="2">
        <v>2.544</v>
      </c>
      <c r="V15026" s="2">
        <v>2.0009999999999999</v>
      </c>
      <c r="W15026" s="2">
        <v>1.2999999999999999E-2</v>
      </c>
      <c r="X15026" s="2">
        <v>99.1</v>
      </c>
      <c r="Y15026" s="2">
        <v>7.6</v>
      </c>
      <c r="Z15026" s="2">
        <v>16.7</v>
      </c>
      <c r="AA15026" s="5"/>
      <c r="AB15026" s="5" t="s">
        <v>43</v>
      </c>
      <c r="AC15026" s="5" t="s">
        <v>44</v>
      </c>
      <c r="AD15026" s="2"/>
      <c r="AE15026" s="1"/>
    </row>
    <row r="15027" spans="1:31" ht="14.45">
      <c r="A15027" s="11"/>
      <c r="B15027" s="20"/>
      <c r="C15027" s="2" t="s">
        <v>46034</v>
      </c>
      <c r="D15027" s="14" t="s">
        <v>46035</v>
      </c>
      <c r="E15027" s="2" t="s">
        <v>46036</v>
      </c>
      <c r="F15027" s="2" t="s">
        <v>36333</v>
      </c>
      <c r="G15027" s="8">
        <v>289</v>
      </c>
      <c r="H15027" s="5">
        <v>6</v>
      </c>
      <c r="I15027" s="5" t="s">
        <v>1518</v>
      </c>
      <c r="J15027" s="5" t="s">
        <v>36264</v>
      </c>
      <c r="K15027" s="2" t="s">
        <v>36265</v>
      </c>
      <c r="L15027" s="5" t="s">
        <v>36264</v>
      </c>
      <c r="M15027" s="2" t="s">
        <v>36265</v>
      </c>
      <c r="N15027" s="5" t="s">
        <v>36266</v>
      </c>
      <c r="O15027" s="5" t="s">
        <v>38</v>
      </c>
      <c r="P15027" s="5" t="s">
        <v>39</v>
      </c>
      <c r="Q15027" s="5" t="s">
        <v>40</v>
      </c>
      <c r="R15027" s="5" t="s">
        <v>1522</v>
      </c>
      <c r="S15027" s="5" t="s">
        <v>1523</v>
      </c>
      <c r="T15027" s="5" t="s">
        <v>42</v>
      </c>
      <c r="U15027" s="2">
        <v>2.6150000000000002</v>
      </c>
      <c r="V15027" s="2">
        <v>2.0720000000000001</v>
      </c>
      <c r="W15027" s="2">
        <v>1.2999999999999999E-2</v>
      </c>
      <c r="X15027" s="2">
        <v>99.1</v>
      </c>
      <c r="Y15027" s="2">
        <v>7.6</v>
      </c>
      <c r="Z15027" s="2">
        <v>16.7</v>
      </c>
      <c r="AA15027" s="5"/>
      <c r="AB15027" s="5" t="s">
        <v>43</v>
      </c>
      <c r="AC15027" s="5" t="s">
        <v>44</v>
      </c>
      <c r="AD15027" s="2"/>
      <c r="AE15027" s="1"/>
    </row>
    <row r="15028" spans="1:31" ht="14.45">
      <c r="A15028" s="11"/>
      <c r="B15028" s="20"/>
      <c r="C15028" s="2" t="s">
        <v>46037</v>
      </c>
      <c r="D15028" s="14" t="s">
        <v>46038</v>
      </c>
      <c r="E15028" s="2" t="s">
        <v>46039</v>
      </c>
      <c r="F15028" s="2" t="s">
        <v>36337</v>
      </c>
      <c r="G15028" s="8">
        <v>289</v>
      </c>
      <c r="H15028" s="5">
        <v>6</v>
      </c>
      <c r="I15028" s="5" t="s">
        <v>1518</v>
      </c>
      <c r="J15028" s="5" t="s">
        <v>36264</v>
      </c>
      <c r="K15028" s="2" t="s">
        <v>36265</v>
      </c>
      <c r="L15028" s="5" t="s">
        <v>36264</v>
      </c>
      <c r="M15028" s="2" t="s">
        <v>36265</v>
      </c>
      <c r="N15028" s="5" t="s">
        <v>36266</v>
      </c>
      <c r="O15028" s="5" t="s">
        <v>38</v>
      </c>
      <c r="P15028" s="5" t="s">
        <v>39</v>
      </c>
      <c r="Q15028" s="5" t="s">
        <v>40</v>
      </c>
      <c r="R15028" s="5" t="s">
        <v>1522</v>
      </c>
      <c r="S15028" s="5" t="s">
        <v>1523</v>
      </c>
      <c r="T15028" s="5" t="s">
        <v>42</v>
      </c>
      <c r="U15028" s="2">
        <v>2.544</v>
      </c>
      <c r="V15028" s="2">
        <v>2.0009999999999999</v>
      </c>
      <c r="W15028" s="2">
        <v>1.2999999999999999E-2</v>
      </c>
      <c r="X15028" s="2">
        <v>99.1</v>
      </c>
      <c r="Y15028" s="2">
        <v>7.6</v>
      </c>
      <c r="Z15028" s="2">
        <v>16.7</v>
      </c>
      <c r="AA15028" s="5"/>
      <c r="AB15028" s="5" t="s">
        <v>43</v>
      </c>
      <c r="AC15028" s="5" t="s">
        <v>44</v>
      </c>
      <c r="AD15028" s="2"/>
      <c r="AE15028" s="1"/>
    </row>
    <row r="15029" spans="1:31" ht="14.45">
      <c r="A15029" s="11"/>
      <c r="B15029" s="20"/>
      <c r="C15029" s="2" t="s">
        <v>46040</v>
      </c>
      <c r="D15029" s="14" t="s">
        <v>46041</v>
      </c>
      <c r="E15029" s="2" t="s">
        <v>46042</v>
      </c>
      <c r="F15029" s="2" t="s">
        <v>36341</v>
      </c>
      <c r="G15029" s="8">
        <v>289</v>
      </c>
      <c r="H15029" s="5">
        <v>6</v>
      </c>
      <c r="I15029" s="5" t="s">
        <v>1518</v>
      </c>
      <c r="J15029" s="5" t="s">
        <v>36264</v>
      </c>
      <c r="K15029" s="2" t="s">
        <v>36265</v>
      </c>
      <c r="L15029" s="5" t="s">
        <v>36264</v>
      </c>
      <c r="M15029" s="2" t="s">
        <v>36265</v>
      </c>
      <c r="N15029" s="5" t="s">
        <v>36266</v>
      </c>
      <c r="O15029" s="5" t="s">
        <v>38</v>
      </c>
      <c r="P15029" s="5" t="s">
        <v>39</v>
      </c>
      <c r="Q15029" s="5" t="s">
        <v>40</v>
      </c>
      <c r="R15029" s="5" t="s">
        <v>1522</v>
      </c>
      <c r="S15029" s="5" t="s">
        <v>1523</v>
      </c>
      <c r="T15029" s="5" t="s">
        <v>42</v>
      </c>
      <c r="U15029" s="2">
        <v>2.6150000000000002</v>
      </c>
      <c r="V15029" s="2">
        <v>2.0720000000000001</v>
      </c>
      <c r="W15029" s="2">
        <v>1.2999999999999999E-2</v>
      </c>
      <c r="X15029" s="2">
        <v>99.1</v>
      </c>
      <c r="Y15029" s="2">
        <v>7.6</v>
      </c>
      <c r="Z15029" s="2">
        <v>16.7</v>
      </c>
      <c r="AA15029" s="5"/>
      <c r="AB15029" s="5" t="s">
        <v>43</v>
      </c>
      <c r="AC15029" s="5" t="s">
        <v>44</v>
      </c>
      <c r="AD15029" s="2"/>
      <c r="AE15029" s="1"/>
    </row>
    <row r="15030" spans="1:31" ht="14.45">
      <c r="A15030" s="11"/>
      <c r="B15030" s="20"/>
      <c r="C15030" s="2" t="s">
        <v>46043</v>
      </c>
      <c r="D15030" s="14" t="s">
        <v>46044</v>
      </c>
      <c r="E15030" s="2" t="s">
        <v>46045</v>
      </c>
      <c r="F15030" s="2" t="s">
        <v>36349</v>
      </c>
      <c r="G15030" s="8">
        <v>289</v>
      </c>
      <c r="H15030" s="5">
        <v>6</v>
      </c>
      <c r="I15030" s="5" t="s">
        <v>1518</v>
      </c>
      <c r="J15030" s="5" t="s">
        <v>36264</v>
      </c>
      <c r="K15030" s="2" t="s">
        <v>36265</v>
      </c>
      <c r="L15030" s="5" t="s">
        <v>36264</v>
      </c>
      <c r="M15030" s="2" t="s">
        <v>36265</v>
      </c>
      <c r="N15030" s="5" t="s">
        <v>36266</v>
      </c>
      <c r="O15030" s="5" t="s">
        <v>38</v>
      </c>
      <c r="P15030" s="5" t="s">
        <v>39</v>
      </c>
      <c r="Q15030" s="5" t="s">
        <v>40</v>
      </c>
      <c r="R15030" s="5" t="s">
        <v>1522</v>
      </c>
      <c r="S15030" s="5" t="s">
        <v>1523</v>
      </c>
      <c r="T15030" s="5" t="s">
        <v>42</v>
      </c>
      <c r="U15030" s="2">
        <v>2.6150000000000002</v>
      </c>
      <c r="V15030" s="2">
        <v>2.0720000000000001</v>
      </c>
      <c r="W15030" s="2">
        <v>1.2999999999999999E-2</v>
      </c>
      <c r="X15030" s="2">
        <v>99.1</v>
      </c>
      <c r="Y15030" s="2">
        <v>7.6</v>
      </c>
      <c r="Z15030" s="2">
        <v>16.7</v>
      </c>
      <c r="AA15030" s="5"/>
      <c r="AB15030" s="5" t="s">
        <v>43</v>
      </c>
      <c r="AC15030" s="5" t="s">
        <v>44</v>
      </c>
      <c r="AD15030" s="2"/>
      <c r="AE15030" s="1"/>
    </row>
    <row r="15031" spans="1:31" ht="14.45">
      <c r="A15031" s="11"/>
      <c r="B15031" s="20"/>
      <c r="C15031" s="2" t="s">
        <v>46046</v>
      </c>
      <c r="D15031" s="14" t="s">
        <v>46047</v>
      </c>
      <c r="E15031" s="2" t="s">
        <v>46048</v>
      </c>
      <c r="F15031" s="2" t="s">
        <v>36353</v>
      </c>
      <c r="G15031" s="8">
        <v>289</v>
      </c>
      <c r="H15031" s="5">
        <v>6</v>
      </c>
      <c r="I15031" s="5" t="s">
        <v>1518</v>
      </c>
      <c r="J15031" s="5" t="s">
        <v>36264</v>
      </c>
      <c r="K15031" s="2" t="s">
        <v>36265</v>
      </c>
      <c r="L15031" s="5" t="s">
        <v>36264</v>
      </c>
      <c r="M15031" s="2" t="s">
        <v>36265</v>
      </c>
      <c r="N15031" s="5" t="s">
        <v>36266</v>
      </c>
      <c r="O15031" s="5" t="s">
        <v>38</v>
      </c>
      <c r="P15031" s="5" t="s">
        <v>39</v>
      </c>
      <c r="Q15031" s="5" t="s">
        <v>40</v>
      </c>
      <c r="R15031" s="5" t="s">
        <v>1522</v>
      </c>
      <c r="S15031" s="5" t="s">
        <v>1523</v>
      </c>
      <c r="T15031" s="5" t="s">
        <v>42</v>
      </c>
      <c r="U15031" s="2">
        <v>2.544</v>
      </c>
      <c r="V15031" s="2">
        <v>2.0009999999999999</v>
      </c>
      <c r="W15031" s="2">
        <v>1.2999999999999999E-2</v>
      </c>
      <c r="X15031" s="2">
        <v>99.1</v>
      </c>
      <c r="Y15031" s="2">
        <v>7.6</v>
      </c>
      <c r="Z15031" s="2">
        <v>16.7</v>
      </c>
      <c r="AA15031" s="5"/>
      <c r="AB15031" s="5" t="s">
        <v>43</v>
      </c>
      <c r="AC15031" s="5" t="s">
        <v>44</v>
      </c>
      <c r="AD15031" s="2"/>
      <c r="AE15031" s="1"/>
    </row>
    <row r="15032" spans="1:31" ht="14.45">
      <c r="A15032" s="11"/>
      <c r="B15032" s="20"/>
      <c r="C15032" s="2" t="s">
        <v>46049</v>
      </c>
      <c r="D15032" s="14" t="s">
        <v>46050</v>
      </c>
      <c r="E15032" s="2" t="s">
        <v>46051</v>
      </c>
      <c r="F15032" s="2" t="s">
        <v>36357</v>
      </c>
      <c r="G15032" s="8">
        <v>289</v>
      </c>
      <c r="H15032" s="5">
        <v>6</v>
      </c>
      <c r="I15032" s="5" t="s">
        <v>1518</v>
      </c>
      <c r="J15032" s="5" t="s">
        <v>36264</v>
      </c>
      <c r="K15032" s="2" t="s">
        <v>36265</v>
      </c>
      <c r="L15032" s="5" t="s">
        <v>36264</v>
      </c>
      <c r="M15032" s="2" t="s">
        <v>36265</v>
      </c>
      <c r="N15032" s="5" t="s">
        <v>36266</v>
      </c>
      <c r="O15032" s="5" t="s">
        <v>38</v>
      </c>
      <c r="P15032" s="5" t="s">
        <v>39</v>
      </c>
      <c r="Q15032" s="5" t="s">
        <v>40</v>
      </c>
      <c r="R15032" s="5" t="s">
        <v>1522</v>
      </c>
      <c r="S15032" s="5" t="s">
        <v>1523</v>
      </c>
      <c r="T15032" s="5" t="s">
        <v>42</v>
      </c>
      <c r="U15032" s="2">
        <v>2.6150000000000002</v>
      </c>
      <c r="V15032" s="2">
        <v>2.0720000000000001</v>
      </c>
      <c r="W15032" s="2">
        <v>1.2999999999999999E-2</v>
      </c>
      <c r="X15032" s="2">
        <v>99.1</v>
      </c>
      <c r="Y15032" s="2">
        <v>7.6</v>
      </c>
      <c r="Z15032" s="2">
        <v>16.7</v>
      </c>
      <c r="AA15032" s="5"/>
      <c r="AB15032" s="5" t="s">
        <v>43</v>
      </c>
      <c r="AC15032" s="5" t="s">
        <v>44</v>
      </c>
      <c r="AD15032" s="2"/>
      <c r="AE15032" s="1"/>
    </row>
    <row r="15033" spans="1:31" ht="14.45">
      <c r="A15033" s="11"/>
      <c r="B15033" s="20"/>
      <c r="C15033" s="2" t="s">
        <v>46052</v>
      </c>
      <c r="D15033" s="14" t="s">
        <v>46053</v>
      </c>
      <c r="E15033" s="2" t="s">
        <v>46054</v>
      </c>
      <c r="F15033" s="2" t="s">
        <v>45598</v>
      </c>
      <c r="G15033" s="8">
        <v>289</v>
      </c>
      <c r="H15033" s="5">
        <v>6</v>
      </c>
      <c r="I15033" s="5" t="s">
        <v>1518</v>
      </c>
      <c r="J15033" s="5" t="s">
        <v>36264</v>
      </c>
      <c r="K15033" s="2" t="s">
        <v>36265</v>
      </c>
      <c r="L15033" s="5" t="s">
        <v>36264</v>
      </c>
      <c r="M15033" s="2" t="s">
        <v>36265</v>
      </c>
      <c r="N15033" s="5" t="s">
        <v>36266</v>
      </c>
      <c r="O15033" s="5" t="s">
        <v>38</v>
      </c>
      <c r="P15033" s="5" t="s">
        <v>39</v>
      </c>
      <c r="Q15033" s="5" t="s">
        <v>40</v>
      </c>
      <c r="R15033" s="5" t="s">
        <v>1522</v>
      </c>
      <c r="S15033" s="5" t="s">
        <v>1523</v>
      </c>
      <c r="T15033" s="5" t="s">
        <v>42</v>
      </c>
      <c r="U15033" s="2">
        <v>2.544</v>
      </c>
      <c r="V15033" s="2">
        <v>2.0009999999999999</v>
      </c>
      <c r="W15033" s="2">
        <v>1.2999999999999999E-2</v>
      </c>
      <c r="X15033" s="2">
        <v>99.1</v>
      </c>
      <c r="Y15033" s="2">
        <v>7.6</v>
      </c>
      <c r="Z15033" s="2">
        <v>16.7</v>
      </c>
      <c r="AA15033" s="5"/>
      <c r="AB15033" s="5" t="s">
        <v>43</v>
      </c>
      <c r="AC15033" s="5" t="s">
        <v>44</v>
      </c>
      <c r="AD15033" s="2"/>
      <c r="AE15033" s="1"/>
    </row>
    <row r="15034" spans="1:31" ht="14.45">
      <c r="A15034" s="11"/>
      <c r="B15034" s="20"/>
      <c r="C15034" s="2" t="s">
        <v>46055</v>
      </c>
      <c r="D15034" s="14" t="s">
        <v>46056</v>
      </c>
      <c r="E15034" s="2" t="s">
        <v>46057</v>
      </c>
      <c r="F15034" s="2" t="s">
        <v>45534</v>
      </c>
      <c r="G15034" s="8">
        <v>289</v>
      </c>
      <c r="H15034" s="5">
        <v>6</v>
      </c>
      <c r="I15034" s="5" t="s">
        <v>1518</v>
      </c>
      <c r="J15034" s="5" t="s">
        <v>36264</v>
      </c>
      <c r="K15034" s="2" t="s">
        <v>36265</v>
      </c>
      <c r="L15034" s="5" t="s">
        <v>36264</v>
      </c>
      <c r="M15034" s="2" t="s">
        <v>36265</v>
      </c>
      <c r="N15034" s="5" t="s">
        <v>36266</v>
      </c>
      <c r="O15034" s="5" t="s">
        <v>38</v>
      </c>
      <c r="P15034" s="5" t="s">
        <v>39</v>
      </c>
      <c r="Q15034" s="5" t="s">
        <v>40</v>
      </c>
      <c r="R15034" s="5" t="s">
        <v>1522</v>
      </c>
      <c r="S15034" s="5" t="s">
        <v>1523</v>
      </c>
      <c r="T15034" s="5" t="s">
        <v>42</v>
      </c>
      <c r="U15034" s="2">
        <v>2.6150000000000002</v>
      </c>
      <c r="V15034" s="2">
        <v>2.0720000000000001</v>
      </c>
      <c r="W15034" s="2">
        <v>1.2999999999999999E-2</v>
      </c>
      <c r="X15034" s="2">
        <v>99.1</v>
      </c>
      <c r="Y15034" s="2">
        <v>7.6</v>
      </c>
      <c r="Z15034" s="2">
        <v>16.7</v>
      </c>
      <c r="AA15034" s="5"/>
      <c r="AB15034" s="5" t="s">
        <v>43</v>
      </c>
      <c r="AC15034" s="5" t="s">
        <v>44</v>
      </c>
      <c r="AD15034" s="2"/>
      <c r="AE15034" s="1"/>
    </row>
    <row r="15035" spans="1:31" ht="14.45">
      <c r="A15035" s="11"/>
      <c r="B15035" s="20"/>
      <c r="C15035" s="2" t="s">
        <v>46058</v>
      </c>
      <c r="D15035" s="14" t="s">
        <v>46059</v>
      </c>
      <c r="E15035" s="2" t="s">
        <v>46060</v>
      </c>
      <c r="F15035" s="2" t="s">
        <v>36369</v>
      </c>
      <c r="G15035" s="8">
        <v>289</v>
      </c>
      <c r="H15035" s="5">
        <v>6</v>
      </c>
      <c r="I15035" s="5" t="s">
        <v>1518</v>
      </c>
      <c r="J15035" s="5" t="s">
        <v>36264</v>
      </c>
      <c r="K15035" s="2" t="s">
        <v>36265</v>
      </c>
      <c r="L15035" s="5" t="s">
        <v>36264</v>
      </c>
      <c r="M15035" s="2" t="s">
        <v>36265</v>
      </c>
      <c r="N15035" s="5" t="s">
        <v>36266</v>
      </c>
      <c r="O15035" s="5" t="s">
        <v>38</v>
      </c>
      <c r="P15035" s="5" t="s">
        <v>39</v>
      </c>
      <c r="Q15035" s="5" t="s">
        <v>40</v>
      </c>
      <c r="R15035" s="5" t="s">
        <v>1522</v>
      </c>
      <c r="S15035" s="5" t="s">
        <v>1523</v>
      </c>
      <c r="T15035" s="5" t="s">
        <v>42</v>
      </c>
      <c r="U15035" s="2">
        <v>2.544</v>
      </c>
      <c r="V15035" s="2">
        <v>2.0009999999999999</v>
      </c>
      <c r="W15035" s="2">
        <v>1.2999999999999999E-2</v>
      </c>
      <c r="X15035" s="2">
        <v>99.1</v>
      </c>
      <c r="Y15035" s="2">
        <v>7.6</v>
      </c>
      <c r="Z15035" s="2">
        <v>16.7</v>
      </c>
      <c r="AA15035" s="5"/>
      <c r="AB15035" s="5" t="s">
        <v>43</v>
      </c>
      <c r="AC15035" s="5" t="s">
        <v>44</v>
      </c>
      <c r="AD15035" s="2"/>
      <c r="AE15035" s="1"/>
    </row>
    <row r="15036" spans="1:31" ht="14.45">
      <c r="A15036" s="11"/>
      <c r="B15036" s="20"/>
      <c r="C15036" s="2" t="s">
        <v>46061</v>
      </c>
      <c r="D15036" s="14" t="s">
        <v>46062</v>
      </c>
      <c r="E15036" s="2" t="s">
        <v>46063</v>
      </c>
      <c r="F15036" s="2" t="s">
        <v>36373</v>
      </c>
      <c r="G15036" s="8">
        <v>289</v>
      </c>
      <c r="H15036" s="5">
        <v>6</v>
      </c>
      <c r="I15036" s="5" t="s">
        <v>1518</v>
      </c>
      <c r="J15036" s="5" t="s">
        <v>36264</v>
      </c>
      <c r="K15036" s="2" t="s">
        <v>36265</v>
      </c>
      <c r="L15036" s="5" t="s">
        <v>36264</v>
      </c>
      <c r="M15036" s="2" t="s">
        <v>36265</v>
      </c>
      <c r="N15036" s="5" t="s">
        <v>36266</v>
      </c>
      <c r="O15036" s="5" t="s">
        <v>38</v>
      </c>
      <c r="P15036" s="5" t="s">
        <v>39</v>
      </c>
      <c r="Q15036" s="5" t="s">
        <v>40</v>
      </c>
      <c r="R15036" s="5" t="s">
        <v>1522</v>
      </c>
      <c r="S15036" s="5" t="s">
        <v>1523</v>
      </c>
      <c r="T15036" s="5" t="s">
        <v>42</v>
      </c>
      <c r="U15036" s="2">
        <v>2.6150000000000002</v>
      </c>
      <c r="V15036" s="2">
        <v>2.0720000000000001</v>
      </c>
      <c r="W15036" s="2">
        <v>1.2999999999999999E-2</v>
      </c>
      <c r="X15036" s="2">
        <v>99.1</v>
      </c>
      <c r="Y15036" s="2">
        <v>7.6</v>
      </c>
      <c r="Z15036" s="2">
        <v>16.7</v>
      </c>
      <c r="AA15036" s="5"/>
      <c r="AB15036" s="5" t="s">
        <v>43</v>
      </c>
      <c r="AC15036" s="5" t="s">
        <v>44</v>
      </c>
      <c r="AD15036" s="2"/>
      <c r="AE15036" s="1"/>
    </row>
    <row r="15037" spans="1:31" ht="14.45">
      <c r="A15037" s="11"/>
      <c r="B15037" s="20"/>
      <c r="C15037" s="2" t="s">
        <v>46064</v>
      </c>
      <c r="D15037" s="14" t="s">
        <v>46065</v>
      </c>
      <c r="E15037" s="2" t="s">
        <v>46066</v>
      </c>
      <c r="F15037" s="2" t="s">
        <v>36377</v>
      </c>
      <c r="G15037" s="8">
        <v>289</v>
      </c>
      <c r="H15037" s="5">
        <v>6</v>
      </c>
      <c r="I15037" s="5" t="s">
        <v>1518</v>
      </c>
      <c r="J15037" s="5" t="s">
        <v>36264</v>
      </c>
      <c r="K15037" s="2" t="s">
        <v>36265</v>
      </c>
      <c r="L15037" s="5" t="s">
        <v>36264</v>
      </c>
      <c r="M15037" s="2" t="s">
        <v>36265</v>
      </c>
      <c r="N15037" s="5" t="s">
        <v>36266</v>
      </c>
      <c r="O15037" s="5" t="s">
        <v>38</v>
      </c>
      <c r="P15037" s="5" t="s">
        <v>39</v>
      </c>
      <c r="Q15037" s="5" t="s">
        <v>40</v>
      </c>
      <c r="R15037" s="5" t="s">
        <v>1522</v>
      </c>
      <c r="S15037" s="5" t="s">
        <v>1523</v>
      </c>
      <c r="T15037" s="5" t="s">
        <v>42</v>
      </c>
      <c r="U15037" s="2">
        <v>2.544</v>
      </c>
      <c r="V15037" s="2">
        <v>2.0009999999999999</v>
      </c>
      <c r="W15037" s="2">
        <v>1.2999999999999999E-2</v>
      </c>
      <c r="X15037" s="2">
        <v>99.1</v>
      </c>
      <c r="Y15037" s="2">
        <v>7.6</v>
      </c>
      <c r="Z15037" s="2">
        <v>16.7</v>
      </c>
      <c r="AA15037" s="5"/>
      <c r="AB15037" s="5" t="s">
        <v>43</v>
      </c>
      <c r="AC15037" s="5" t="s">
        <v>44</v>
      </c>
      <c r="AD15037" s="2"/>
      <c r="AE15037" s="1"/>
    </row>
    <row r="15038" spans="1:31" ht="14.45">
      <c r="A15038" s="11"/>
      <c r="B15038" s="20"/>
      <c r="C15038" s="2" t="s">
        <v>46067</v>
      </c>
      <c r="D15038" s="14" t="s">
        <v>46068</v>
      </c>
      <c r="E15038" s="2" t="s">
        <v>46069</v>
      </c>
      <c r="F15038" s="2" t="s">
        <v>36381</v>
      </c>
      <c r="G15038" s="8">
        <v>289</v>
      </c>
      <c r="H15038" s="5">
        <v>6</v>
      </c>
      <c r="I15038" s="5" t="s">
        <v>1518</v>
      </c>
      <c r="J15038" s="5" t="s">
        <v>36264</v>
      </c>
      <c r="K15038" s="2" t="s">
        <v>36265</v>
      </c>
      <c r="L15038" s="5" t="s">
        <v>36264</v>
      </c>
      <c r="M15038" s="2" t="s">
        <v>36265</v>
      </c>
      <c r="N15038" s="5" t="s">
        <v>36266</v>
      </c>
      <c r="O15038" s="5" t="s">
        <v>38</v>
      </c>
      <c r="P15038" s="5" t="s">
        <v>39</v>
      </c>
      <c r="Q15038" s="5" t="s">
        <v>40</v>
      </c>
      <c r="R15038" s="5" t="s">
        <v>1522</v>
      </c>
      <c r="S15038" s="5" t="s">
        <v>1523</v>
      </c>
      <c r="T15038" s="5" t="s">
        <v>42</v>
      </c>
      <c r="U15038" s="2">
        <v>2.6150000000000002</v>
      </c>
      <c r="V15038" s="2">
        <v>2.0720000000000001</v>
      </c>
      <c r="W15038" s="2">
        <v>1.2999999999999999E-2</v>
      </c>
      <c r="X15038" s="2">
        <v>99.1</v>
      </c>
      <c r="Y15038" s="2">
        <v>7.6</v>
      </c>
      <c r="Z15038" s="2">
        <v>16.7</v>
      </c>
      <c r="AA15038" s="5"/>
      <c r="AB15038" s="5" t="s">
        <v>43</v>
      </c>
      <c r="AC15038" s="5" t="s">
        <v>44</v>
      </c>
      <c r="AD15038" s="2"/>
      <c r="AE15038" s="1"/>
    </row>
    <row r="15039" spans="1:31" ht="14.45">
      <c r="A15039" s="11"/>
      <c r="B15039" s="20"/>
      <c r="C15039" s="2" t="s">
        <v>46070</v>
      </c>
      <c r="D15039" s="14" t="s">
        <v>46071</v>
      </c>
      <c r="E15039" s="2" t="s">
        <v>46072</v>
      </c>
      <c r="F15039" s="2" t="s">
        <v>36385</v>
      </c>
      <c r="G15039" s="8">
        <v>289</v>
      </c>
      <c r="H15039" s="5">
        <v>6</v>
      </c>
      <c r="I15039" s="5" t="s">
        <v>1518</v>
      </c>
      <c r="J15039" s="5" t="s">
        <v>36264</v>
      </c>
      <c r="K15039" s="2" t="s">
        <v>36265</v>
      </c>
      <c r="L15039" s="5" t="s">
        <v>36264</v>
      </c>
      <c r="M15039" s="2" t="s">
        <v>36265</v>
      </c>
      <c r="N15039" s="5" t="s">
        <v>36266</v>
      </c>
      <c r="O15039" s="5" t="s">
        <v>38</v>
      </c>
      <c r="P15039" s="5" t="s">
        <v>39</v>
      </c>
      <c r="Q15039" s="5" t="s">
        <v>40</v>
      </c>
      <c r="R15039" s="5" t="s">
        <v>1522</v>
      </c>
      <c r="S15039" s="5" t="s">
        <v>1523</v>
      </c>
      <c r="T15039" s="5" t="s">
        <v>42</v>
      </c>
      <c r="U15039" s="2">
        <v>2.544</v>
      </c>
      <c r="V15039" s="2">
        <v>2.0009999999999999</v>
      </c>
      <c r="W15039" s="2">
        <v>1.2999999999999999E-2</v>
      </c>
      <c r="X15039" s="2">
        <v>99.1</v>
      </c>
      <c r="Y15039" s="2">
        <v>7.6</v>
      </c>
      <c r="Z15039" s="2">
        <v>16.7</v>
      </c>
      <c r="AA15039" s="5"/>
      <c r="AB15039" s="5" t="s">
        <v>43</v>
      </c>
      <c r="AC15039" s="5" t="s">
        <v>44</v>
      </c>
      <c r="AD15039" s="2"/>
      <c r="AE15039" s="1"/>
    </row>
    <row r="15040" spans="1:31" ht="14.45">
      <c r="A15040" s="11"/>
      <c r="B15040" s="20"/>
      <c r="C15040" s="2" t="s">
        <v>46073</v>
      </c>
      <c r="D15040" s="14" t="s">
        <v>46074</v>
      </c>
      <c r="E15040" s="2" t="s">
        <v>46075</v>
      </c>
      <c r="F15040" s="2" t="s">
        <v>36389</v>
      </c>
      <c r="G15040" s="8">
        <v>289</v>
      </c>
      <c r="H15040" s="5">
        <v>6</v>
      </c>
      <c r="I15040" s="5" t="s">
        <v>1518</v>
      </c>
      <c r="J15040" s="5" t="s">
        <v>36264</v>
      </c>
      <c r="K15040" s="2" t="s">
        <v>36265</v>
      </c>
      <c r="L15040" s="5" t="s">
        <v>36264</v>
      </c>
      <c r="M15040" s="2" t="s">
        <v>36265</v>
      </c>
      <c r="N15040" s="5" t="s">
        <v>36266</v>
      </c>
      <c r="O15040" s="5" t="s">
        <v>38</v>
      </c>
      <c r="P15040" s="5" t="s">
        <v>39</v>
      </c>
      <c r="Q15040" s="5" t="s">
        <v>40</v>
      </c>
      <c r="R15040" s="5" t="s">
        <v>1522</v>
      </c>
      <c r="S15040" s="5" t="s">
        <v>1523</v>
      </c>
      <c r="T15040" s="5" t="s">
        <v>42</v>
      </c>
      <c r="U15040" s="2">
        <v>2.6150000000000002</v>
      </c>
      <c r="V15040" s="2">
        <v>2.0720000000000001</v>
      </c>
      <c r="W15040" s="2">
        <v>1.2999999999999999E-2</v>
      </c>
      <c r="X15040" s="2">
        <v>99.1</v>
      </c>
      <c r="Y15040" s="2">
        <v>7.6</v>
      </c>
      <c r="Z15040" s="2">
        <v>16.7</v>
      </c>
      <c r="AA15040" s="5"/>
      <c r="AB15040" s="5" t="s">
        <v>43</v>
      </c>
      <c r="AC15040" s="5" t="s">
        <v>44</v>
      </c>
      <c r="AD15040" s="2"/>
      <c r="AE15040" s="1"/>
    </row>
    <row r="15041" spans="1:31" ht="14.45">
      <c r="A15041" s="11"/>
      <c r="B15041" s="20"/>
      <c r="C15041" s="2" t="s">
        <v>46076</v>
      </c>
      <c r="D15041" s="14" t="s">
        <v>46077</v>
      </c>
      <c r="E15041" s="2" t="s">
        <v>46078</v>
      </c>
      <c r="F15041" s="2" t="s">
        <v>7204</v>
      </c>
      <c r="G15041" s="8">
        <v>280</v>
      </c>
      <c r="H15041" s="5">
        <v>6</v>
      </c>
      <c r="I15041" s="5" t="s">
        <v>1518</v>
      </c>
      <c r="J15041" s="5" t="s">
        <v>36264</v>
      </c>
      <c r="K15041" s="2" t="s">
        <v>36265</v>
      </c>
      <c r="L15041" s="5" t="s">
        <v>36264</v>
      </c>
      <c r="M15041" s="2" t="s">
        <v>36265</v>
      </c>
      <c r="N15041" s="5" t="s">
        <v>36266</v>
      </c>
      <c r="O15041" s="5" t="s">
        <v>38</v>
      </c>
      <c r="P15041" s="5" t="s">
        <v>39</v>
      </c>
      <c r="Q15041" s="5" t="s">
        <v>40</v>
      </c>
      <c r="R15041" s="5" t="s">
        <v>1522</v>
      </c>
      <c r="S15041" s="5" t="s">
        <v>1523</v>
      </c>
      <c r="T15041" s="5" t="s">
        <v>42</v>
      </c>
      <c r="U15041" s="2">
        <v>2.7090000000000001</v>
      </c>
      <c r="V15041" s="2">
        <v>2.1659999999999999</v>
      </c>
      <c r="W15041" s="2">
        <v>1.4999999999999999E-2</v>
      </c>
      <c r="X15041" s="2">
        <v>118.9</v>
      </c>
      <c r="Y15041" s="2">
        <v>7.6</v>
      </c>
      <c r="Z15041" s="2">
        <v>16.7</v>
      </c>
      <c r="AA15041" s="5"/>
      <c r="AB15041" s="5" t="s">
        <v>43</v>
      </c>
      <c r="AC15041" s="5" t="s">
        <v>44</v>
      </c>
      <c r="AD15041" s="2"/>
      <c r="AE15041" s="1"/>
    </row>
    <row r="15042" spans="1:31" ht="14.45">
      <c r="A15042" s="11"/>
      <c r="B15042" s="20"/>
      <c r="C15042" s="2" t="s">
        <v>46079</v>
      </c>
      <c r="D15042" s="14" t="s">
        <v>46080</v>
      </c>
      <c r="E15042" s="2" t="s">
        <v>46081</v>
      </c>
      <c r="F15042" s="2" t="s">
        <v>7514</v>
      </c>
      <c r="G15042" s="8">
        <v>280</v>
      </c>
      <c r="H15042" s="5">
        <v>6</v>
      </c>
      <c r="I15042" s="5" t="s">
        <v>1518</v>
      </c>
      <c r="J15042" s="5" t="s">
        <v>36264</v>
      </c>
      <c r="K15042" s="2" t="s">
        <v>36265</v>
      </c>
      <c r="L15042" s="5" t="s">
        <v>36264</v>
      </c>
      <c r="M15042" s="2" t="s">
        <v>36265</v>
      </c>
      <c r="N15042" s="5" t="s">
        <v>36266</v>
      </c>
      <c r="O15042" s="5" t="s">
        <v>38</v>
      </c>
      <c r="P15042" s="5" t="s">
        <v>39</v>
      </c>
      <c r="Q15042" s="5" t="s">
        <v>40</v>
      </c>
      <c r="R15042" s="5" t="s">
        <v>1522</v>
      </c>
      <c r="S15042" s="5" t="s">
        <v>1523</v>
      </c>
      <c r="T15042" s="5" t="s">
        <v>42</v>
      </c>
      <c r="U15042" s="2">
        <v>2.7909999999999999</v>
      </c>
      <c r="V15042" s="2">
        <v>2.2480000000000002</v>
      </c>
      <c r="W15042" s="2">
        <v>1.4999999999999999E-2</v>
      </c>
      <c r="X15042" s="2">
        <v>118.9</v>
      </c>
      <c r="Y15042" s="2">
        <v>7.6</v>
      </c>
      <c r="Z15042" s="2">
        <v>16.7</v>
      </c>
      <c r="AA15042" s="5"/>
      <c r="AB15042" s="5" t="s">
        <v>43</v>
      </c>
      <c r="AC15042" s="5" t="s">
        <v>44</v>
      </c>
      <c r="AD15042" s="2"/>
      <c r="AE15042" s="1"/>
    </row>
    <row r="15043" spans="1:31" ht="14.45">
      <c r="A15043" s="11"/>
      <c r="B15043" s="20"/>
      <c r="C15043" s="2" t="s">
        <v>46082</v>
      </c>
      <c r="D15043" s="14" t="s">
        <v>46083</v>
      </c>
      <c r="E15043" s="2" t="s">
        <v>46084</v>
      </c>
      <c r="F15043" s="2" t="s">
        <v>36273</v>
      </c>
      <c r="G15043" s="8">
        <v>280</v>
      </c>
      <c r="H15043" s="5">
        <v>6</v>
      </c>
      <c r="I15043" s="5" t="s">
        <v>1518</v>
      </c>
      <c r="J15043" s="5" t="s">
        <v>36264</v>
      </c>
      <c r="K15043" s="2" t="s">
        <v>36265</v>
      </c>
      <c r="L15043" s="5" t="s">
        <v>36264</v>
      </c>
      <c r="M15043" s="2" t="s">
        <v>36265</v>
      </c>
      <c r="N15043" s="5" t="s">
        <v>36266</v>
      </c>
      <c r="O15043" s="5" t="s">
        <v>38</v>
      </c>
      <c r="P15043" s="5" t="s">
        <v>39</v>
      </c>
      <c r="Q15043" s="5" t="s">
        <v>40</v>
      </c>
      <c r="R15043" s="5" t="s">
        <v>1522</v>
      </c>
      <c r="S15043" s="5" t="s">
        <v>1523</v>
      </c>
      <c r="T15043" s="5" t="s">
        <v>42</v>
      </c>
      <c r="U15043" s="2">
        <v>2.7090000000000001</v>
      </c>
      <c r="V15043" s="2">
        <v>2.1659999999999999</v>
      </c>
      <c r="W15043" s="2">
        <v>1.4999999999999999E-2</v>
      </c>
      <c r="X15043" s="2">
        <v>118.9</v>
      </c>
      <c r="Y15043" s="2">
        <v>7.6</v>
      </c>
      <c r="Z15043" s="2">
        <v>16.7</v>
      </c>
      <c r="AA15043" s="5"/>
      <c r="AB15043" s="5" t="s">
        <v>43</v>
      </c>
      <c r="AC15043" s="5" t="s">
        <v>44</v>
      </c>
      <c r="AD15043" s="2"/>
      <c r="AE15043" s="1"/>
    </row>
    <row r="15044" spans="1:31" ht="14.45">
      <c r="A15044" s="11"/>
      <c r="B15044" s="20"/>
      <c r="C15044" s="2" t="s">
        <v>46085</v>
      </c>
      <c r="D15044" s="14" t="s">
        <v>46086</v>
      </c>
      <c r="E15044" s="2" t="s">
        <v>46087</v>
      </c>
      <c r="F15044" s="2" t="s">
        <v>36277</v>
      </c>
      <c r="G15044" s="8">
        <v>280</v>
      </c>
      <c r="H15044" s="5">
        <v>6</v>
      </c>
      <c r="I15044" s="5" t="s">
        <v>1518</v>
      </c>
      <c r="J15044" s="5" t="s">
        <v>36264</v>
      </c>
      <c r="K15044" s="2" t="s">
        <v>36265</v>
      </c>
      <c r="L15044" s="5" t="s">
        <v>36264</v>
      </c>
      <c r="M15044" s="2" t="s">
        <v>36265</v>
      </c>
      <c r="N15044" s="5" t="s">
        <v>36266</v>
      </c>
      <c r="O15044" s="5" t="s">
        <v>38</v>
      </c>
      <c r="P15044" s="5" t="s">
        <v>39</v>
      </c>
      <c r="Q15044" s="5" t="s">
        <v>40</v>
      </c>
      <c r="R15044" s="5" t="s">
        <v>1522</v>
      </c>
      <c r="S15044" s="5" t="s">
        <v>1523</v>
      </c>
      <c r="T15044" s="5" t="s">
        <v>42</v>
      </c>
      <c r="U15044" s="2">
        <v>2.7909999999999999</v>
      </c>
      <c r="V15044" s="2">
        <v>2.2480000000000002</v>
      </c>
      <c r="W15044" s="2">
        <v>1.4999999999999999E-2</v>
      </c>
      <c r="X15044" s="2">
        <v>118.9</v>
      </c>
      <c r="Y15044" s="2">
        <v>7.6</v>
      </c>
      <c r="Z15044" s="2">
        <v>16.7</v>
      </c>
      <c r="AA15044" s="5"/>
      <c r="AB15044" s="5" t="s">
        <v>43</v>
      </c>
      <c r="AC15044" s="5" t="s">
        <v>44</v>
      </c>
      <c r="AD15044" s="2"/>
      <c r="AE15044" s="1"/>
    </row>
    <row r="15045" spans="1:31" ht="14.45">
      <c r="A15045" s="11"/>
      <c r="B15045" s="20"/>
      <c r="C15045" s="2" t="s">
        <v>46088</v>
      </c>
      <c r="D15045" s="14" t="s">
        <v>46089</v>
      </c>
      <c r="E15045" s="2" t="s">
        <v>46090</v>
      </c>
      <c r="F15045" s="2" t="s">
        <v>36281</v>
      </c>
      <c r="G15045" s="8">
        <v>302</v>
      </c>
      <c r="H15045" s="5">
        <v>6</v>
      </c>
      <c r="I15045" s="5" t="s">
        <v>1518</v>
      </c>
      <c r="J15045" s="5" t="s">
        <v>36264</v>
      </c>
      <c r="K15045" s="2" t="s">
        <v>36265</v>
      </c>
      <c r="L15045" s="5" t="s">
        <v>36264</v>
      </c>
      <c r="M15045" s="2" t="s">
        <v>36265</v>
      </c>
      <c r="N15045" s="5" t="s">
        <v>36266</v>
      </c>
      <c r="O15045" s="5" t="s">
        <v>38</v>
      </c>
      <c r="P15045" s="5" t="s">
        <v>39</v>
      </c>
      <c r="Q15045" s="5" t="s">
        <v>40</v>
      </c>
      <c r="R15045" s="5" t="s">
        <v>1522</v>
      </c>
      <c r="S15045" s="5" t="s">
        <v>1523</v>
      </c>
      <c r="T15045" s="5" t="s">
        <v>42</v>
      </c>
      <c r="U15045" s="2">
        <v>2.7090000000000001</v>
      </c>
      <c r="V15045" s="2">
        <v>2.1659999999999999</v>
      </c>
      <c r="W15045" s="2">
        <v>1.4999999999999999E-2</v>
      </c>
      <c r="X15045" s="2">
        <v>118.9</v>
      </c>
      <c r="Y15045" s="2">
        <v>7.6</v>
      </c>
      <c r="Z15045" s="2">
        <v>16.7</v>
      </c>
      <c r="AA15045" s="5"/>
      <c r="AB15045" s="5" t="s">
        <v>43</v>
      </c>
      <c r="AC15045" s="5" t="s">
        <v>44</v>
      </c>
      <c r="AD15045" s="2"/>
      <c r="AE15045" s="1"/>
    </row>
    <row r="15046" spans="1:31" ht="14.45">
      <c r="A15046" s="11"/>
      <c r="B15046" s="20"/>
      <c r="C15046" s="2" t="s">
        <v>46091</v>
      </c>
      <c r="D15046" s="14" t="s">
        <v>46092</v>
      </c>
      <c r="E15046" s="2" t="s">
        <v>46093</v>
      </c>
      <c r="F15046" s="2" t="s">
        <v>36285</v>
      </c>
      <c r="G15046" s="8">
        <v>302</v>
      </c>
      <c r="H15046" s="5">
        <v>6</v>
      </c>
      <c r="I15046" s="5" t="s">
        <v>1518</v>
      </c>
      <c r="J15046" s="5" t="s">
        <v>36264</v>
      </c>
      <c r="K15046" s="2" t="s">
        <v>36265</v>
      </c>
      <c r="L15046" s="5" t="s">
        <v>36264</v>
      </c>
      <c r="M15046" s="2" t="s">
        <v>36265</v>
      </c>
      <c r="N15046" s="5" t="s">
        <v>36266</v>
      </c>
      <c r="O15046" s="5" t="s">
        <v>38</v>
      </c>
      <c r="P15046" s="5" t="s">
        <v>39</v>
      </c>
      <c r="Q15046" s="5" t="s">
        <v>40</v>
      </c>
      <c r="R15046" s="5" t="s">
        <v>1522</v>
      </c>
      <c r="S15046" s="5" t="s">
        <v>1523</v>
      </c>
      <c r="T15046" s="5" t="s">
        <v>42</v>
      </c>
      <c r="U15046" s="2">
        <v>2.7909999999999999</v>
      </c>
      <c r="V15046" s="2">
        <v>2.2480000000000002</v>
      </c>
      <c r="W15046" s="2">
        <v>1.4999999999999999E-2</v>
      </c>
      <c r="X15046" s="2">
        <v>118.9</v>
      </c>
      <c r="Y15046" s="2">
        <v>7.6</v>
      </c>
      <c r="Z15046" s="2">
        <v>16.7</v>
      </c>
      <c r="AA15046" s="5"/>
      <c r="AB15046" s="5" t="s">
        <v>43</v>
      </c>
      <c r="AC15046" s="5" t="s">
        <v>44</v>
      </c>
      <c r="AD15046" s="2"/>
      <c r="AE15046" s="1"/>
    </row>
    <row r="15047" spans="1:31" ht="14.45">
      <c r="A15047" s="11"/>
      <c r="B15047" s="20"/>
      <c r="C15047" s="2" t="s">
        <v>46094</v>
      </c>
      <c r="D15047" s="14" t="s">
        <v>46095</v>
      </c>
      <c r="E15047" s="2" t="s">
        <v>46096</v>
      </c>
      <c r="F15047" s="2" t="s">
        <v>36289</v>
      </c>
      <c r="G15047" s="8">
        <v>302</v>
      </c>
      <c r="H15047" s="5">
        <v>6</v>
      </c>
      <c r="I15047" s="5" t="s">
        <v>1518</v>
      </c>
      <c r="J15047" s="5" t="s">
        <v>36264</v>
      </c>
      <c r="K15047" s="2" t="s">
        <v>36265</v>
      </c>
      <c r="L15047" s="5" t="s">
        <v>36264</v>
      </c>
      <c r="M15047" s="2" t="s">
        <v>36265</v>
      </c>
      <c r="N15047" s="5" t="s">
        <v>36266</v>
      </c>
      <c r="O15047" s="5" t="s">
        <v>38</v>
      </c>
      <c r="P15047" s="5" t="s">
        <v>39</v>
      </c>
      <c r="Q15047" s="5" t="s">
        <v>40</v>
      </c>
      <c r="R15047" s="5" t="s">
        <v>1522</v>
      </c>
      <c r="S15047" s="5" t="s">
        <v>1523</v>
      </c>
      <c r="T15047" s="5" t="s">
        <v>42</v>
      </c>
      <c r="U15047" s="2">
        <v>2.7090000000000001</v>
      </c>
      <c r="V15047" s="2">
        <v>2.1659999999999999</v>
      </c>
      <c r="W15047" s="2">
        <v>1.4999999999999999E-2</v>
      </c>
      <c r="X15047" s="2">
        <v>118.9</v>
      </c>
      <c r="Y15047" s="2">
        <v>7.6</v>
      </c>
      <c r="Z15047" s="2">
        <v>16.7</v>
      </c>
      <c r="AA15047" s="5"/>
      <c r="AB15047" s="5" t="s">
        <v>43</v>
      </c>
      <c r="AC15047" s="5" t="s">
        <v>44</v>
      </c>
      <c r="AD15047" s="2"/>
      <c r="AE15047" s="1"/>
    </row>
    <row r="15048" spans="1:31" ht="14.45">
      <c r="A15048" s="11"/>
      <c r="B15048" s="20"/>
      <c r="C15048" s="2" t="s">
        <v>46097</v>
      </c>
      <c r="D15048" s="14" t="s">
        <v>46098</v>
      </c>
      <c r="E15048" s="2" t="s">
        <v>46099</v>
      </c>
      <c r="F15048" s="2" t="s">
        <v>36293</v>
      </c>
      <c r="G15048" s="8">
        <v>302</v>
      </c>
      <c r="H15048" s="5">
        <v>6</v>
      </c>
      <c r="I15048" s="5" t="s">
        <v>1518</v>
      </c>
      <c r="J15048" s="5" t="s">
        <v>36264</v>
      </c>
      <c r="K15048" s="2" t="s">
        <v>36265</v>
      </c>
      <c r="L15048" s="5" t="s">
        <v>36264</v>
      </c>
      <c r="M15048" s="2" t="s">
        <v>36265</v>
      </c>
      <c r="N15048" s="5" t="s">
        <v>36266</v>
      </c>
      <c r="O15048" s="5" t="s">
        <v>38</v>
      </c>
      <c r="P15048" s="5" t="s">
        <v>39</v>
      </c>
      <c r="Q15048" s="5" t="s">
        <v>40</v>
      </c>
      <c r="R15048" s="5" t="s">
        <v>1522</v>
      </c>
      <c r="S15048" s="5" t="s">
        <v>1523</v>
      </c>
      <c r="T15048" s="5" t="s">
        <v>42</v>
      </c>
      <c r="U15048" s="2">
        <v>2.7909999999999999</v>
      </c>
      <c r="V15048" s="2">
        <v>2.2480000000000002</v>
      </c>
      <c r="W15048" s="2">
        <v>1.4999999999999999E-2</v>
      </c>
      <c r="X15048" s="2">
        <v>118.9</v>
      </c>
      <c r="Y15048" s="2">
        <v>7.6</v>
      </c>
      <c r="Z15048" s="2">
        <v>16.7</v>
      </c>
      <c r="AA15048" s="5"/>
      <c r="AB15048" s="5" t="s">
        <v>43</v>
      </c>
      <c r="AC15048" s="5" t="s">
        <v>44</v>
      </c>
      <c r="AD15048" s="2"/>
      <c r="AE15048" s="1"/>
    </row>
    <row r="15049" spans="1:31" ht="14.45">
      <c r="A15049" s="11"/>
      <c r="B15049" s="20"/>
      <c r="C15049" s="2" t="s">
        <v>46100</v>
      </c>
      <c r="D15049" s="14" t="s">
        <v>46101</v>
      </c>
      <c r="E15049" s="2" t="s">
        <v>46102</v>
      </c>
      <c r="F15049" s="2" t="s">
        <v>36297</v>
      </c>
      <c r="G15049" s="8">
        <v>280</v>
      </c>
      <c r="H15049" s="5">
        <v>6</v>
      </c>
      <c r="I15049" s="5" t="s">
        <v>1518</v>
      </c>
      <c r="J15049" s="5" t="s">
        <v>36264</v>
      </c>
      <c r="K15049" s="2" t="s">
        <v>36265</v>
      </c>
      <c r="L15049" s="5" t="s">
        <v>36264</v>
      </c>
      <c r="M15049" s="2" t="s">
        <v>36265</v>
      </c>
      <c r="N15049" s="5" t="s">
        <v>36266</v>
      </c>
      <c r="O15049" s="5" t="s">
        <v>38</v>
      </c>
      <c r="P15049" s="5" t="s">
        <v>39</v>
      </c>
      <c r="Q15049" s="5" t="s">
        <v>40</v>
      </c>
      <c r="R15049" s="5" t="s">
        <v>1522</v>
      </c>
      <c r="S15049" s="5" t="s">
        <v>1523</v>
      </c>
      <c r="T15049" s="5" t="s">
        <v>42</v>
      </c>
      <c r="U15049" s="2">
        <v>2.7090000000000001</v>
      </c>
      <c r="V15049" s="2">
        <v>2.1659999999999999</v>
      </c>
      <c r="W15049" s="2">
        <v>1.4999999999999999E-2</v>
      </c>
      <c r="X15049" s="2">
        <v>118.9</v>
      </c>
      <c r="Y15049" s="2">
        <v>7.6</v>
      </c>
      <c r="Z15049" s="2">
        <v>16.7</v>
      </c>
      <c r="AA15049" s="5"/>
      <c r="AB15049" s="5" t="s">
        <v>43</v>
      </c>
      <c r="AC15049" s="5" t="s">
        <v>44</v>
      </c>
      <c r="AD15049" s="2"/>
      <c r="AE15049" s="1"/>
    </row>
    <row r="15050" spans="1:31" ht="14.45">
      <c r="A15050" s="11"/>
      <c r="B15050" s="20"/>
      <c r="C15050" s="2" t="s">
        <v>46103</v>
      </c>
      <c r="D15050" s="14" t="s">
        <v>46104</v>
      </c>
      <c r="E15050" s="2" t="s">
        <v>46105</v>
      </c>
      <c r="F15050" s="2" t="s">
        <v>36301</v>
      </c>
      <c r="G15050" s="8">
        <v>280</v>
      </c>
      <c r="H15050" s="5">
        <v>6</v>
      </c>
      <c r="I15050" s="5" t="s">
        <v>1518</v>
      </c>
      <c r="J15050" s="5" t="s">
        <v>36264</v>
      </c>
      <c r="K15050" s="2" t="s">
        <v>36265</v>
      </c>
      <c r="L15050" s="5" t="s">
        <v>36264</v>
      </c>
      <c r="M15050" s="2" t="s">
        <v>36265</v>
      </c>
      <c r="N15050" s="5" t="s">
        <v>36266</v>
      </c>
      <c r="O15050" s="5" t="s">
        <v>38</v>
      </c>
      <c r="P15050" s="5" t="s">
        <v>39</v>
      </c>
      <c r="Q15050" s="5" t="s">
        <v>40</v>
      </c>
      <c r="R15050" s="5" t="s">
        <v>1522</v>
      </c>
      <c r="S15050" s="5" t="s">
        <v>1523</v>
      </c>
      <c r="T15050" s="5" t="s">
        <v>42</v>
      </c>
      <c r="U15050" s="2">
        <v>2.7909999999999999</v>
      </c>
      <c r="V15050" s="2">
        <v>2.2480000000000002</v>
      </c>
      <c r="W15050" s="2">
        <v>1.4999999999999999E-2</v>
      </c>
      <c r="X15050" s="2">
        <v>118.9</v>
      </c>
      <c r="Y15050" s="2">
        <v>7.6</v>
      </c>
      <c r="Z15050" s="2">
        <v>16.7</v>
      </c>
      <c r="AA15050" s="5"/>
      <c r="AB15050" s="5" t="s">
        <v>43</v>
      </c>
      <c r="AC15050" s="5" t="s">
        <v>44</v>
      </c>
      <c r="AD15050" s="2"/>
      <c r="AE15050" s="1"/>
    </row>
    <row r="15051" spans="1:31" ht="14.45">
      <c r="A15051" s="11"/>
      <c r="B15051" s="20"/>
      <c r="C15051" s="2" t="s">
        <v>46106</v>
      </c>
      <c r="D15051" s="14" t="s">
        <v>46107</v>
      </c>
      <c r="E15051" s="2" t="s">
        <v>46108</v>
      </c>
      <c r="F15051" s="2" t="s">
        <v>36305</v>
      </c>
      <c r="G15051" s="8">
        <v>280</v>
      </c>
      <c r="H15051" s="5">
        <v>6</v>
      </c>
      <c r="I15051" s="5" t="s">
        <v>1518</v>
      </c>
      <c r="J15051" s="5" t="s">
        <v>36264</v>
      </c>
      <c r="K15051" s="2" t="s">
        <v>36265</v>
      </c>
      <c r="L15051" s="5" t="s">
        <v>36264</v>
      </c>
      <c r="M15051" s="2" t="s">
        <v>36265</v>
      </c>
      <c r="N15051" s="5" t="s">
        <v>36266</v>
      </c>
      <c r="O15051" s="5" t="s">
        <v>38</v>
      </c>
      <c r="P15051" s="5" t="s">
        <v>39</v>
      </c>
      <c r="Q15051" s="5" t="s">
        <v>40</v>
      </c>
      <c r="R15051" s="5" t="s">
        <v>1522</v>
      </c>
      <c r="S15051" s="5" t="s">
        <v>1523</v>
      </c>
      <c r="T15051" s="5" t="s">
        <v>42</v>
      </c>
      <c r="U15051" s="2">
        <v>2.7090000000000001</v>
      </c>
      <c r="V15051" s="2">
        <v>2.1659999999999999</v>
      </c>
      <c r="W15051" s="2">
        <v>1.4999999999999999E-2</v>
      </c>
      <c r="X15051" s="2">
        <v>118.9</v>
      </c>
      <c r="Y15051" s="2">
        <v>7.6</v>
      </c>
      <c r="Z15051" s="2">
        <v>16.7</v>
      </c>
      <c r="AA15051" s="5"/>
      <c r="AB15051" s="5" t="s">
        <v>43</v>
      </c>
      <c r="AC15051" s="5" t="s">
        <v>44</v>
      </c>
      <c r="AD15051" s="2"/>
      <c r="AE15051" s="1"/>
    </row>
    <row r="15052" spans="1:31" ht="14.45">
      <c r="A15052" s="11"/>
      <c r="B15052" s="20"/>
      <c r="C15052" s="2" t="s">
        <v>46109</v>
      </c>
      <c r="D15052" s="14" t="s">
        <v>46110</v>
      </c>
      <c r="E15052" s="2" t="s">
        <v>46111</v>
      </c>
      <c r="F15052" s="2" t="s">
        <v>36309</v>
      </c>
      <c r="G15052" s="8">
        <v>280</v>
      </c>
      <c r="H15052" s="5">
        <v>6</v>
      </c>
      <c r="I15052" s="5" t="s">
        <v>1518</v>
      </c>
      <c r="J15052" s="5" t="s">
        <v>36264</v>
      </c>
      <c r="K15052" s="2" t="s">
        <v>36265</v>
      </c>
      <c r="L15052" s="5" t="s">
        <v>36264</v>
      </c>
      <c r="M15052" s="2" t="s">
        <v>36265</v>
      </c>
      <c r="N15052" s="5" t="s">
        <v>36266</v>
      </c>
      <c r="O15052" s="5" t="s">
        <v>38</v>
      </c>
      <c r="P15052" s="5" t="s">
        <v>39</v>
      </c>
      <c r="Q15052" s="5" t="s">
        <v>40</v>
      </c>
      <c r="R15052" s="5" t="s">
        <v>1522</v>
      </c>
      <c r="S15052" s="5" t="s">
        <v>1523</v>
      </c>
      <c r="T15052" s="5" t="s">
        <v>42</v>
      </c>
      <c r="U15052" s="2">
        <v>2.7909999999999999</v>
      </c>
      <c r="V15052" s="2">
        <v>2.2480000000000002</v>
      </c>
      <c r="W15052" s="2">
        <v>1.4999999999999999E-2</v>
      </c>
      <c r="X15052" s="2">
        <v>118.9</v>
      </c>
      <c r="Y15052" s="2">
        <v>7.6</v>
      </c>
      <c r="Z15052" s="2">
        <v>16.7</v>
      </c>
      <c r="AA15052" s="5"/>
      <c r="AB15052" s="5" t="s">
        <v>43</v>
      </c>
      <c r="AC15052" s="5" t="s">
        <v>44</v>
      </c>
      <c r="AD15052" s="2"/>
      <c r="AE15052" s="1"/>
    </row>
    <row r="15053" spans="1:31" ht="14.45">
      <c r="A15053" s="11"/>
      <c r="B15053" s="20"/>
      <c r="C15053" s="2" t="s">
        <v>46112</v>
      </c>
      <c r="D15053" s="14" t="s">
        <v>46113</v>
      </c>
      <c r="E15053" s="2" t="s">
        <v>46114</v>
      </c>
      <c r="F15053" s="2" t="s">
        <v>36313</v>
      </c>
      <c r="G15053" s="8">
        <v>302</v>
      </c>
      <c r="H15053" s="5">
        <v>6</v>
      </c>
      <c r="I15053" s="5" t="s">
        <v>1518</v>
      </c>
      <c r="J15053" s="5" t="s">
        <v>36264</v>
      </c>
      <c r="K15053" s="2" t="s">
        <v>36265</v>
      </c>
      <c r="L15053" s="5" t="s">
        <v>36264</v>
      </c>
      <c r="M15053" s="2" t="s">
        <v>36265</v>
      </c>
      <c r="N15053" s="5" t="s">
        <v>36266</v>
      </c>
      <c r="O15053" s="5" t="s">
        <v>38</v>
      </c>
      <c r="P15053" s="5" t="s">
        <v>39</v>
      </c>
      <c r="Q15053" s="5" t="s">
        <v>40</v>
      </c>
      <c r="R15053" s="5" t="s">
        <v>1522</v>
      </c>
      <c r="S15053" s="5" t="s">
        <v>1523</v>
      </c>
      <c r="T15053" s="5" t="s">
        <v>42</v>
      </c>
      <c r="U15053" s="2">
        <v>2.7090000000000001</v>
      </c>
      <c r="V15053" s="2">
        <v>2.1659999999999999</v>
      </c>
      <c r="W15053" s="2">
        <v>1.4999999999999999E-2</v>
      </c>
      <c r="X15053" s="2">
        <v>118.9</v>
      </c>
      <c r="Y15053" s="2">
        <v>7.6</v>
      </c>
      <c r="Z15053" s="2">
        <v>16.7</v>
      </c>
      <c r="AA15053" s="5"/>
      <c r="AB15053" s="5" t="s">
        <v>43</v>
      </c>
      <c r="AC15053" s="5" t="s">
        <v>44</v>
      </c>
      <c r="AD15053" s="2"/>
      <c r="AE15053" s="1"/>
    </row>
    <row r="15054" spans="1:31" ht="14.45">
      <c r="A15054" s="11"/>
      <c r="B15054" s="20"/>
      <c r="C15054" s="2" t="s">
        <v>46115</v>
      </c>
      <c r="D15054" s="14" t="s">
        <v>46116</v>
      </c>
      <c r="E15054" s="2" t="s">
        <v>46117</v>
      </c>
      <c r="F15054" s="2" t="s">
        <v>36317</v>
      </c>
      <c r="G15054" s="8">
        <v>302</v>
      </c>
      <c r="H15054" s="5">
        <v>6</v>
      </c>
      <c r="I15054" s="5" t="s">
        <v>1518</v>
      </c>
      <c r="J15054" s="5" t="s">
        <v>36264</v>
      </c>
      <c r="K15054" s="2" t="s">
        <v>36265</v>
      </c>
      <c r="L15054" s="5" t="s">
        <v>36264</v>
      </c>
      <c r="M15054" s="2" t="s">
        <v>36265</v>
      </c>
      <c r="N15054" s="5" t="s">
        <v>36266</v>
      </c>
      <c r="O15054" s="5" t="s">
        <v>38</v>
      </c>
      <c r="P15054" s="5" t="s">
        <v>39</v>
      </c>
      <c r="Q15054" s="5" t="s">
        <v>40</v>
      </c>
      <c r="R15054" s="5" t="s">
        <v>1522</v>
      </c>
      <c r="S15054" s="5" t="s">
        <v>1523</v>
      </c>
      <c r="T15054" s="5" t="s">
        <v>42</v>
      </c>
      <c r="U15054" s="2">
        <v>2.7909999999999999</v>
      </c>
      <c r="V15054" s="2">
        <v>2.2480000000000002</v>
      </c>
      <c r="W15054" s="2">
        <v>1.4999999999999999E-2</v>
      </c>
      <c r="X15054" s="2">
        <v>118.9</v>
      </c>
      <c r="Y15054" s="2">
        <v>7.6</v>
      </c>
      <c r="Z15054" s="2">
        <v>16.7</v>
      </c>
      <c r="AA15054" s="5"/>
      <c r="AB15054" s="5" t="s">
        <v>43</v>
      </c>
      <c r="AC15054" s="5" t="s">
        <v>44</v>
      </c>
      <c r="AD15054" s="2"/>
      <c r="AE15054" s="1"/>
    </row>
    <row r="15055" spans="1:31" ht="14.45">
      <c r="A15055" s="11"/>
      <c r="B15055" s="20"/>
      <c r="C15055" s="2" t="s">
        <v>46118</v>
      </c>
      <c r="D15055" s="14" t="s">
        <v>46119</v>
      </c>
      <c r="E15055" s="2" t="s">
        <v>46120</v>
      </c>
      <c r="F15055" s="2" t="s">
        <v>36321</v>
      </c>
      <c r="G15055" s="8">
        <v>302</v>
      </c>
      <c r="H15055" s="5">
        <v>6</v>
      </c>
      <c r="I15055" s="5" t="s">
        <v>1518</v>
      </c>
      <c r="J15055" s="5" t="s">
        <v>36264</v>
      </c>
      <c r="K15055" s="2" t="s">
        <v>36265</v>
      </c>
      <c r="L15055" s="5" t="s">
        <v>36264</v>
      </c>
      <c r="M15055" s="2" t="s">
        <v>36265</v>
      </c>
      <c r="N15055" s="5" t="s">
        <v>36266</v>
      </c>
      <c r="O15055" s="5" t="s">
        <v>38</v>
      </c>
      <c r="P15055" s="5" t="s">
        <v>39</v>
      </c>
      <c r="Q15055" s="5" t="s">
        <v>40</v>
      </c>
      <c r="R15055" s="5" t="s">
        <v>1522</v>
      </c>
      <c r="S15055" s="5" t="s">
        <v>1523</v>
      </c>
      <c r="T15055" s="5" t="s">
        <v>42</v>
      </c>
      <c r="U15055" s="2">
        <v>2.7090000000000001</v>
      </c>
      <c r="V15055" s="2">
        <v>2.1659999999999999</v>
      </c>
      <c r="W15055" s="2">
        <v>1.4999999999999999E-2</v>
      </c>
      <c r="X15055" s="2">
        <v>118.9</v>
      </c>
      <c r="Y15055" s="2">
        <v>7.6</v>
      </c>
      <c r="Z15055" s="2">
        <v>16.7</v>
      </c>
      <c r="AA15055" s="5"/>
      <c r="AB15055" s="5" t="s">
        <v>43</v>
      </c>
      <c r="AC15055" s="5" t="s">
        <v>44</v>
      </c>
      <c r="AD15055" s="2"/>
      <c r="AE15055" s="1"/>
    </row>
    <row r="15056" spans="1:31" ht="14.45">
      <c r="A15056" s="11"/>
      <c r="B15056" s="20"/>
      <c r="C15056" s="2" t="s">
        <v>46121</v>
      </c>
      <c r="D15056" s="14" t="s">
        <v>46122</v>
      </c>
      <c r="E15056" s="2" t="s">
        <v>46123</v>
      </c>
      <c r="F15056" s="2" t="s">
        <v>36329</v>
      </c>
      <c r="G15056" s="8">
        <v>302</v>
      </c>
      <c r="H15056" s="5">
        <v>6</v>
      </c>
      <c r="I15056" s="5" t="s">
        <v>1518</v>
      </c>
      <c r="J15056" s="5" t="s">
        <v>36264</v>
      </c>
      <c r="K15056" s="2" t="s">
        <v>36265</v>
      </c>
      <c r="L15056" s="5" t="s">
        <v>36264</v>
      </c>
      <c r="M15056" s="2" t="s">
        <v>36265</v>
      </c>
      <c r="N15056" s="5" t="s">
        <v>36266</v>
      </c>
      <c r="O15056" s="5" t="s">
        <v>38</v>
      </c>
      <c r="P15056" s="5" t="s">
        <v>39</v>
      </c>
      <c r="Q15056" s="5" t="s">
        <v>40</v>
      </c>
      <c r="R15056" s="5" t="s">
        <v>1522</v>
      </c>
      <c r="S15056" s="5" t="s">
        <v>1523</v>
      </c>
      <c r="T15056" s="5" t="s">
        <v>42</v>
      </c>
      <c r="U15056" s="2">
        <v>2.7090000000000001</v>
      </c>
      <c r="V15056" s="2">
        <v>2.1659999999999999</v>
      </c>
      <c r="W15056" s="2">
        <v>1.4999999999999999E-2</v>
      </c>
      <c r="X15056" s="2">
        <v>118.9</v>
      </c>
      <c r="Y15056" s="2">
        <v>7.6</v>
      </c>
      <c r="Z15056" s="2">
        <v>16.7</v>
      </c>
      <c r="AA15056" s="5"/>
      <c r="AB15056" s="5" t="s">
        <v>43</v>
      </c>
      <c r="AC15056" s="5" t="s">
        <v>44</v>
      </c>
      <c r="AD15056" s="2"/>
      <c r="AE15056" s="1"/>
    </row>
    <row r="15057" spans="1:31" ht="14.45">
      <c r="A15057" s="11"/>
      <c r="B15057" s="20"/>
      <c r="C15057" s="2" t="s">
        <v>46124</v>
      </c>
      <c r="D15057" s="14" t="s">
        <v>46125</v>
      </c>
      <c r="E15057" s="2" t="s">
        <v>46126</v>
      </c>
      <c r="F15057" s="2" t="s">
        <v>36333</v>
      </c>
      <c r="G15057" s="8">
        <v>302</v>
      </c>
      <c r="H15057" s="5">
        <v>6</v>
      </c>
      <c r="I15057" s="5" t="s">
        <v>1518</v>
      </c>
      <c r="J15057" s="5" t="s">
        <v>36264</v>
      </c>
      <c r="K15057" s="2" t="s">
        <v>36265</v>
      </c>
      <c r="L15057" s="5" t="s">
        <v>36264</v>
      </c>
      <c r="M15057" s="2" t="s">
        <v>36265</v>
      </c>
      <c r="N15057" s="5" t="s">
        <v>36266</v>
      </c>
      <c r="O15057" s="5" t="s">
        <v>38</v>
      </c>
      <c r="P15057" s="5" t="s">
        <v>39</v>
      </c>
      <c r="Q15057" s="5" t="s">
        <v>40</v>
      </c>
      <c r="R15057" s="5" t="s">
        <v>1522</v>
      </c>
      <c r="S15057" s="5" t="s">
        <v>1523</v>
      </c>
      <c r="T15057" s="5" t="s">
        <v>42</v>
      </c>
      <c r="U15057" s="2">
        <v>2.7909999999999999</v>
      </c>
      <c r="V15057" s="2">
        <v>2.2480000000000002</v>
      </c>
      <c r="W15057" s="2">
        <v>1.4999999999999999E-2</v>
      </c>
      <c r="X15057" s="2">
        <v>118.9</v>
      </c>
      <c r="Y15057" s="2">
        <v>7.6</v>
      </c>
      <c r="Z15057" s="2">
        <v>16.7</v>
      </c>
      <c r="AA15057" s="5"/>
      <c r="AB15057" s="5" t="s">
        <v>43</v>
      </c>
      <c r="AC15057" s="5" t="s">
        <v>44</v>
      </c>
      <c r="AD15057" s="2"/>
      <c r="AE15057" s="1"/>
    </row>
    <row r="15058" spans="1:31" ht="14.45">
      <c r="A15058" s="11"/>
      <c r="B15058" s="20"/>
      <c r="C15058" s="2" t="s">
        <v>46127</v>
      </c>
      <c r="D15058" s="14" t="s">
        <v>46128</v>
      </c>
      <c r="E15058" s="2" t="s">
        <v>46129</v>
      </c>
      <c r="F15058" s="2" t="s">
        <v>36341</v>
      </c>
      <c r="G15058" s="8">
        <v>302</v>
      </c>
      <c r="H15058" s="5">
        <v>6</v>
      </c>
      <c r="I15058" s="5" t="s">
        <v>1518</v>
      </c>
      <c r="J15058" s="5" t="s">
        <v>36264</v>
      </c>
      <c r="K15058" s="2" t="s">
        <v>36265</v>
      </c>
      <c r="L15058" s="5" t="s">
        <v>36264</v>
      </c>
      <c r="M15058" s="2" t="s">
        <v>36265</v>
      </c>
      <c r="N15058" s="5" t="s">
        <v>36266</v>
      </c>
      <c r="O15058" s="5" t="s">
        <v>38</v>
      </c>
      <c r="P15058" s="5" t="s">
        <v>39</v>
      </c>
      <c r="Q15058" s="5" t="s">
        <v>40</v>
      </c>
      <c r="R15058" s="5" t="s">
        <v>1522</v>
      </c>
      <c r="S15058" s="5" t="s">
        <v>1523</v>
      </c>
      <c r="T15058" s="5" t="s">
        <v>42</v>
      </c>
      <c r="U15058" s="2">
        <v>2.7909999999999999</v>
      </c>
      <c r="V15058" s="2">
        <v>2.2480000000000002</v>
      </c>
      <c r="W15058" s="2">
        <v>1.4999999999999999E-2</v>
      </c>
      <c r="X15058" s="2">
        <v>118.9</v>
      </c>
      <c r="Y15058" s="2">
        <v>7.6</v>
      </c>
      <c r="Z15058" s="2">
        <v>16.7</v>
      </c>
      <c r="AA15058" s="5"/>
      <c r="AB15058" s="5" t="s">
        <v>43</v>
      </c>
      <c r="AC15058" s="5" t="s">
        <v>44</v>
      </c>
      <c r="AD15058" s="2"/>
      <c r="AE15058" s="1"/>
    </row>
    <row r="15059" spans="1:31" ht="14.45">
      <c r="A15059" s="11"/>
      <c r="B15059" s="20"/>
      <c r="C15059" s="2" t="s">
        <v>46130</v>
      </c>
      <c r="D15059" s="14" t="s">
        <v>46131</v>
      </c>
      <c r="E15059" s="2" t="s">
        <v>46132</v>
      </c>
      <c r="F15059" s="2" t="s">
        <v>36345</v>
      </c>
      <c r="G15059" s="8">
        <v>302</v>
      </c>
      <c r="H15059" s="5">
        <v>6</v>
      </c>
      <c r="I15059" s="5" t="s">
        <v>1518</v>
      </c>
      <c r="J15059" s="5" t="s">
        <v>36264</v>
      </c>
      <c r="K15059" s="2" t="s">
        <v>36265</v>
      </c>
      <c r="L15059" s="5" t="s">
        <v>36264</v>
      </c>
      <c r="M15059" s="2" t="s">
        <v>36265</v>
      </c>
      <c r="N15059" s="5" t="s">
        <v>36266</v>
      </c>
      <c r="O15059" s="5" t="s">
        <v>38</v>
      </c>
      <c r="P15059" s="5" t="s">
        <v>39</v>
      </c>
      <c r="Q15059" s="5" t="s">
        <v>40</v>
      </c>
      <c r="R15059" s="5" t="s">
        <v>1522</v>
      </c>
      <c r="S15059" s="5" t="s">
        <v>1523</v>
      </c>
      <c r="T15059" s="5" t="s">
        <v>42</v>
      </c>
      <c r="U15059" s="2">
        <v>2.7090000000000001</v>
      </c>
      <c r="V15059" s="2">
        <v>2.1659999999999999</v>
      </c>
      <c r="W15059" s="2">
        <v>1.4999999999999999E-2</v>
      </c>
      <c r="X15059" s="2">
        <v>118.9</v>
      </c>
      <c r="Y15059" s="2">
        <v>7.6</v>
      </c>
      <c r="Z15059" s="2">
        <v>16.7</v>
      </c>
      <c r="AA15059" s="5"/>
      <c r="AB15059" s="5" t="s">
        <v>43</v>
      </c>
      <c r="AC15059" s="5" t="s">
        <v>44</v>
      </c>
      <c r="AD15059" s="2"/>
      <c r="AE15059" s="1"/>
    </row>
    <row r="15060" spans="1:31" ht="14.45">
      <c r="A15060" s="11"/>
      <c r="B15060" s="20"/>
      <c r="C15060" s="2" t="s">
        <v>46133</v>
      </c>
      <c r="D15060" s="14" t="s">
        <v>46134</v>
      </c>
      <c r="E15060" s="2" t="s">
        <v>46135</v>
      </c>
      <c r="F15060" s="2" t="s">
        <v>36349</v>
      </c>
      <c r="G15060" s="8">
        <v>302</v>
      </c>
      <c r="H15060" s="5">
        <v>6</v>
      </c>
      <c r="I15060" s="5" t="s">
        <v>1518</v>
      </c>
      <c r="J15060" s="5" t="s">
        <v>36264</v>
      </c>
      <c r="K15060" s="2" t="s">
        <v>36265</v>
      </c>
      <c r="L15060" s="5" t="s">
        <v>36264</v>
      </c>
      <c r="M15060" s="2" t="s">
        <v>36265</v>
      </c>
      <c r="N15060" s="5" t="s">
        <v>36266</v>
      </c>
      <c r="O15060" s="5" t="s">
        <v>38</v>
      </c>
      <c r="P15060" s="5" t="s">
        <v>39</v>
      </c>
      <c r="Q15060" s="5" t="s">
        <v>40</v>
      </c>
      <c r="R15060" s="5" t="s">
        <v>1522</v>
      </c>
      <c r="S15060" s="5" t="s">
        <v>1523</v>
      </c>
      <c r="T15060" s="5" t="s">
        <v>42</v>
      </c>
      <c r="U15060" s="2">
        <v>2.7909999999999999</v>
      </c>
      <c r="V15060" s="2">
        <v>2.2480000000000002</v>
      </c>
      <c r="W15060" s="2">
        <v>1.4999999999999999E-2</v>
      </c>
      <c r="X15060" s="2">
        <v>118.9</v>
      </c>
      <c r="Y15060" s="2">
        <v>7.6</v>
      </c>
      <c r="Z15060" s="2">
        <v>16.7</v>
      </c>
      <c r="AA15060" s="5"/>
      <c r="AB15060" s="5" t="s">
        <v>43</v>
      </c>
      <c r="AC15060" s="5" t="s">
        <v>44</v>
      </c>
      <c r="AD15060" s="2"/>
      <c r="AE15060" s="1"/>
    </row>
    <row r="15061" spans="1:31" ht="14.45">
      <c r="A15061" s="11"/>
      <c r="B15061" s="20"/>
      <c r="C15061" s="2" t="s">
        <v>46136</v>
      </c>
      <c r="D15061" s="14" t="s">
        <v>46137</v>
      </c>
      <c r="E15061" s="2" t="s">
        <v>46138</v>
      </c>
      <c r="F15061" s="2" t="s">
        <v>36357</v>
      </c>
      <c r="G15061" s="8">
        <v>302</v>
      </c>
      <c r="H15061" s="5">
        <v>6</v>
      </c>
      <c r="I15061" s="5" t="s">
        <v>1518</v>
      </c>
      <c r="J15061" s="5" t="s">
        <v>36264</v>
      </c>
      <c r="K15061" s="2" t="s">
        <v>36265</v>
      </c>
      <c r="L15061" s="5" t="s">
        <v>36264</v>
      </c>
      <c r="M15061" s="2" t="s">
        <v>36265</v>
      </c>
      <c r="N15061" s="5" t="s">
        <v>36266</v>
      </c>
      <c r="O15061" s="5" t="s">
        <v>38</v>
      </c>
      <c r="P15061" s="5" t="s">
        <v>39</v>
      </c>
      <c r="Q15061" s="5" t="s">
        <v>40</v>
      </c>
      <c r="R15061" s="5" t="s">
        <v>1522</v>
      </c>
      <c r="S15061" s="5" t="s">
        <v>1523</v>
      </c>
      <c r="T15061" s="5" t="s">
        <v>42</v>
      </c>
      <c r="U15061" s="2">
        <v>2.7909999999999999</v>
      </c>
      <c r="V15061" s="2">
        <v>2.2480000000000002</v>
      </c>
      <c r="W15061" s="2">
        <v>1.4999999999999999E-2</v>
      </c>
      <c r="X15061" s="2">
        <v>118.9</v>
      </c>
      <c r="Y15061" s="2">
        <v>7.6</v>
      </c>
      <c r="Z15061" s="2">
        <v>16.7</v>
      </c>
      <c r="AA15061" s="5"/>
      <c r="AB15061" s="5" t="s">
        <v>43</v>
      </c>
      <c r="AC15061" s="5" t="s">
        <v>44</v>
      </c>
      <c r="AD15061" s="2"/>
      <c r="AE15061" s="1"/>
    </row>
    <row r="15062" spans="1:31" ht="14.45">
      <c r="A15062" s="11"/>
      <c r="B15062" s="20"/>
      <c r="C15062" s="2" t="s">
        <v>46139</v>
      </c>
      <c r="D15062" s="14" t="s">
        <v>46140</v>
      </c>
      <c r="E15062" s="2" t="s">
        <v>46141</v>
      </c>
      <c r="F15062" s="2" t="s">
        <v>45598</v>
      </c>
      <c r="G15062" s="8">
        <v>302</v>
      </c>
      <c r="H15062" s="5">
        <v>6</v>
      </c>
      <c r="I15062" s="5" t="s">
        <v>1518</v>
      </c>
      <c r="J15062" s="5" t="s">
        <v>36264</v>
      </c>
      <c r="K15062" s="2" t="s">
        <v>36265</v>
      </c>
      <c r="L15062" s="5" t="s">
        <v>36264</v>
      </c>
      <c r="M15062" s="2" t="s">
        <v>36265</v>
      </c>
      <c r="N15062" s="5" t="s">
        <v>36266</v>
      </c>
      <c r="O15062" s="5" t="s">
        <v>38</v>
      </c>
      <c r="P15062" s="5" t="s">
        <v>39</v>
      </c>
      <c r="Q15062" s="5" t="s">
        <v>40</v>
      </c>
      <c r="R15062" s="5" t="s">
        <v>1522</v>
      </c>
      <c r="S15062" s="5" t="s">
        <v>1523</v>
      </c>
      <c r="T15062" s="5" t="s">
        <v>42</v>
      </c>
      <c r="U15062" s="2">
        <v>2.7090000000000001</v>
      </c>
      <c r="V15062" s="2">
        <v>2.1659999999999999</v>
      </c>
      <c r="W15062" s="2">
        <v>1.4999999999999999E-2</v>
      </c>
      <c r="X15062" s="2">
        <v>118.9</v>
      </c>
      <c r="Y15062" s="2">
        <v>7.6</v>
      </c>
      <c r="Z15062" s="2">
        <v>16.7</v>
      </c>
      <c r="AA15062" s="5"/>
      <c r="AB15062" s="5" t="s">
        <v>43</v>
      </c>
      <c r="AC15062" s="5" t="s">
        <v>44</v>
      </c>
      <c r="AD15062" s="2"/>
      <c r="AE15062" s="1"/>
    </row>
    <row r="15063" spans="1:31" ht="14.45">
      <c r="A15063" s="11"/>
      <c r="B15063" s="20"/>
      <c r="C15063" s="2" t="s">
        <v>46142</v>
      </c>
      <c r="D15063" s="14" t="s">
        <v>46143</v>
      </c>
      <c r="E15063" s="2" t="s">
        <v>46144</v>
      </c>
      <c r="F15063" s="2" t="s">
        <v>45534</v>
      </c>
      <c r="G15063" s="8">
        <v>302</v>
      </c>
      <c r="H15063" s="5">
        <v>6</v>
      </c>
      <c r="I15063" s="5" t="s">
        <v>1518</v>
      </c>
      <c r="J15063" s="5" t="s">
        <v>36264</v>
      </c>
      <c r="K15063" s="2" t="s">
        <v>36265</v>
      </c>
      <c r="L15063" s="5" t="s">
        <v>36264</v>
      </c>
      <c r="M15063" s="2" t="s">
        <v>36265</v>
      </c>
      <c r="N15063" s="5" t="s">
        <v>36266</v>
      </c>
      <c r="O15063" s="5" t="s">
        <v>38</v>
      </c>
      <c r="P15063" s="5" t="s">
        <v>39</v>
      </c>
      <c r="Q15063" s="5" t="s">
        <v>40</v>
      </c>
      <c r="R15063" s="5" t="s">
        <v>1522</v>
      </c>
      <c r="S15063" s="5" t="s">
        <v>1523</v>
      </c>
      <c r="T15063" s="5" t="s">
        <v>42</v>
      </c>
      <c r="U15063" s="2">
        <v>2.7909999999999999</v>
      </c>
      <c r="V15063" s="2">
        <v>2.2480000000000002</v>
      </c>
      <c r="W15063" s="2">
        <v>1.4999999999999999E-2</v>
      </c>
      <c r="X15063" s="2">
        <v>118.9</v>
      </c>
      <c r="Y15063" s="2">
        <v>7.6</v>
      </c>
      <c r="Z15063" s="2">
        <v>16.7</v>
      </c>
      <c r="AA15063" s="5"/>
      <c r="AB15063" s="5" t="s">
        <v>43</v>
      </c>
      <c r="AC15063" s="5" t="s">
        <v>44</v>
      </c>
      <c r="AD15063" s="2"/>
      <c r="AE15063" s="1"/>
    </row>
    <row r="15064" spans="1:31" ht="14.45">
      <c r="A15064" s="11"/>
      <c r="B15064" s="20"/>
      <c r="C15064" s="2" t="s">
        <v>46145</v>
      </c>
      <c r="D15064" s="14" t="s">
        <v>46146</v>
      </c>
      <c r="E15064" s="2" t="s">
        <v>46147</v>
      </c>
      <c r="F15064" s="2" t="s">
        <v>36369</v>
      </c>
      <c r="G15064" s="8">
        <v>302</v>
      </c>
      <c r="H15064" s="5">
        <v>6</v>
      </c>
      <c r="I15064" s="5" t="s">
        <v>1518</v>
      </c>
      <c r="J15064" s="5" t="s">
        <v>36264</v>
      </c>
      <c r="K15064" s="2" t="s">
        <v>36265</v>
      </c>
      <c r="L15064" s="5" t="s">
        <v>36264</v>
      </c>
      <c r="M15064" s="2" t="s">
        <v>36265</v>
      </c>
      <c r="N15064" s="5" t="s">
        <v>36266</v>
      </c>
      <c r="O15064" s="5" t="s">
        <v>38</v>
      </c>
      <c r="P15064" s="5" t="s">
        <v>39</v>
      </c>
      <c r="Q15064" s="5" t="s">
        <v>40</v>
      </c>
      <c r="R15064" s="5" t="s">
        <v>1522</v>
      </c>
      <c r="S15064" s="5" t="s">
        <v>1523</v>
      </c>
      <c r="T15064" s="5" t="s">
        <v>42</v>
      </c>
      <c r="U15064" s="2">
        <v>2.7090000000000001</v>
      </c>
      <c r="V15064" s="2">
        <v>2.1659999999999999</v>
      </c>
      <c r="W15064" s="2">
        <v>1.4999999999999999E-2</v>
      </c>
      <c r="X15064" s="2">
        <v>118.9</v>
      </c>
      <c r="Y15064" s="2">
        <v>7.6</v>
      </c>
      <c r="Z15064" s="2">
        <v>16.7</v>
      </c>
      <c r="AA15064" s="5"/>
      <c r="AB15064" s="5" t="s">
        <v>43</v>
      </c>
      <c r="AC15064" s="5" t="s">
        <v>44</v>
      </c>
      <c r="AD15064" s="2"/>
      <c r="AE15064" s="1"/>
    </row>
    <row r="15065" spans="1:31" ht="14.45">
      <c r="A15065" s="11"/>
      <c r="B15065" s="20"/>
      <c r="C15065" s="2" t="s">
        <v>46148</v>
      </c>
      <c r="D15065" s="14" t="s">
        <v>46149</v>
      </c>
      <c r="E15065" s="2" t="s">
        <v>46150</v>
      </c>
      <c r="F15065" s="2" t="s">
        <v>36373</v>
      </c>
      <c r="G15065" s="8">
        <v>302</v>
      </c>
      <c r="H15065" s="5">
        <v>6</v>
      </c>
      <c r="I15065" s="5" t="s">
        <v>1518</v>
      </c>
      <c r="J15065" s="5" t="s">
        <v>36264</v>
      </c>
      <c r="K15065" s="2" t="s">
        <v>36265</v>
      </c>
      <c r="L15065" s="5" t="s">
        <v>36264</v>
      </c>
      <c r="M15065" s="2" t="s">
        <v>36265</v>
      </c>
      <c r="N15065" s="5" t="s">
        <v>36266</v>
      </c>
      <c r="O15065" s="5" t="s">
        <v>38</v>
      </c>
      <c r="P15065" s="5" t="s">
        <v>39</v>
      </c>
      <c r="Q15065" s="5" t="s">
        <v>40</v>
      </c>
      <c r="R15065" s="5" t="s">
        <v>1522</v>
      </c>
      <c r="S15065" s="5" t="s">
        <v>1523</v>
      </c>
      <c r="T15065" s="5" t="s">
        <v>42</v>
      </c>
      <c r="U15065" s="2">
        <v>2.7909999999999999</v>
      </c>
      <c r="V15065" s="2">
        <v>2.2480000000000002</v>
      </c>
      <c r="W15065" s="2">
        <v>1.4999999999999999E-2</v>
      </c>
      <c r="X15065" s="2">
        <v>118.9</v>
      </c>
      <c r="Y15065" s="2">
        <v>7.6</v>
      </c>
      <c r="Z15065" s="2">
        <v>16.7</v>
      </c>
      <c r="AA15065" s="5"/>
      <c r="AB15065" s="5" t="s">
        <v>43</v>
      </c>
      <c r="AC15065" s="5" t="s">
        <v>44</v>
      </c>
      <c r="AD15065" s="2"/>
      <c r="AE15065" s="1"/>
    </row>
    <row r="15066" spans="1:31" ht="14.45">
      <c r="A15066" s="11"/>
      <c r="B15066" s="20"/>
      <c r="C15066" s="2" t="s">
        <v>46151</v>
      </c>
      <c r="D15066" s="14" t="s">
        <v>46152</v>
      </c>
      <c r="E15066" s="2" t="s">
        <v>46153</v>
      </c>
      <c r="F15066" s="2" t="s">
        <v>36377</v>
      </c>
      <c r="G15066" s="8">
        <v>302</v>
      </c>
      <c r="H15066" s="5">
        <v>6</v>
      </c>
      <c r="I15066" s="5" t="s">
        <v>1518</v>
      </c>
      <c r="J15066" s="5" t="s">
        <v>36264</v>
      </c>
      <c r="K15066" s="2" t="s">
        <v>36265</v>
      </c>
      <c r="L15066" s="5" t="s">
        <v>36264</v>
      </c>
      <c r="M15066" s="2" t="s">
        <v>36265</v>
      </c>
      <c r="N15066" s="5" t="s">
        <v>36266</v>
      </c>
      <c r="O15066" s="5" t="s">
        <v>38</v>
      </c>
      <c r="P15066" s="5" t="s">
        <v>39</v>
      </c>
      <c r="Q15066" s="5" t="s">
        <v>40</v>
      </c>
      <c r="R15066" s="5" t="s">
        <v>1522</v>
      </c>
      <c r="S15066" s="5" t="s">
        <v>1523</v>
      </c>
      <c r="T15066" s="5" t="s">
        <v>42</v>
      </c>
      <c r="U15066" s="2">
        <v>2.7090000000000001</v>
      </c>
      <c r="V15066" s="2">
        <v>2.1659999999999999</v>
      </c>
      <c r="W15066" s="2">
        <v>1.4999999999999999E-2</v>
      </c>
      <c r="X15066" s="2">
        <v>118.9</v>
      </c>
      <c r="Y15066" s="2">
        <v>7.6</v>
      </c>
      <c r="Z15066" s="2">
        <v>16.7</v>
      </c>
      <c r="AA15066" s="5"/>
      <c r="AB15066" s="5" t="s">
        <v>43</v>
      </c>
      <c r="AC15066" s="5" t="s">
        <v>44</v>
      </c>
      <c r="AD15066" s="2"/>
      <c r="AE15066" s="1"/>
    </row>
    <row r="15067" spans="1:31" ht="14.45">
      <c r="A15067" s="11"/>
      <c r="B15067" s="20"/>
      <c r="C15067" s="2" t="s">
        <v>46154</v>
      </c>
      <c r="D15067" s="14" t="s">
        <v>46155</v>
      </c>
      <c r="E15067" s="2" t="s">
        <v>46156</v>
      </c>
      <c r="F15067" s="2" t="s">
        <v>36381</v>
      </c>
      <c r="G15067" s="8">
        <v>302</v>
      </c>
      <c r="H15067" s="5">
        <v>6</v>
      </c>
      <c r="I15067" s="5" t="s">
        <v>1518</v>
      </c>
      <c r="J15067" s="5" t="s">
        <v>36264</v>
      </c>
      <c r="K15067" s="2" t="s">
        <v>36265</v>
      </c>
      <c r="L15067" s="5" t="s">
        <v>36264</v>
      </c>
      <c r="M15067" s="2" t="s">
        <v>36265</v>
      </c>
      <c r="N15067" s="5" t="s">
        <v>36266</v>
      </c>
      <c r="O15067" s="5" t="s">
        <v>38</v>
      </c>
      <c r="P15067" s="5" t="s">
        <v>39</v>
      </c>
      <c r="Q15067" s="5" t="s">
        <v>40</v>
      </c>
      <c r="R15067" s="5" t="s">
        <v>1522</v>
      </c>
      <c r="S15067" s="5" t="s">
        <v>1523</v>
      </c>
      <c r="T15067" s="5" t="s">
        <v>42</v>
      </c>
      <c r="U15067" s="2">
        <v>2.7909999999999999</v>
      </c>
      <c r="V15067" s="2">
        <v>2.2480000000000002</v>
      </c>
      <c r="W15067" s="2">
        <v>1.4999999999999999E-2</v>
      </c>
      <c r="X15067" s="2">
        <v>118.9</v>
      </c>
      <c r="Y15067" s="2">
        <v>7.6</v>
      </c>
      <c r="Z15067" s="2">
        <v>16.7</v>
      </c>
      <c r="AA15067" s="5"/>
      <c r="AB15067" s="5" t="s">
        <v>43</v>
      </c>
      <c r="AC15067" s="5" t="s">
        <v>44</v>
      </c>
      <c r="AD15067" s="2"/>
      <c r="AE15067" s="1"/>
    </row>
    <row r="15068" spans="1:31" ht="14.45">
      <c r="A15068" s="11"/>
      <c r="B15068" s="20"/>
      <c r="C15068" s="2" t="s">
        <v>46157</v>
      </c>
      <c r="D15068" s="14" t="s">
        <v>46158</v>
      </c>
      <c r="E15068" s="2" t="s">
        <v>46159</v>
      </c>
      <c r="F15068" s="2" t="s">
        <v>36385</v>
      </c>
      <c r="G15068" s="8">
        <v>302</v>
      </c>
      <c r="H15068" s="5">
        <v>6</v>
      </c>
      <c r="I15068" s="5" t="s">
        <v>1518</v>
      </c>
      <c r="J15068" s="5" t="s">
        <v>36264</v>
      </c>
      <c r="K15068" s="2" t="s">
        <v>36265</v>
      </c>
      <c r="L15068" s="5" t="s">
        <v>36264</v>
      </c>
      <c r="M15068" s="2" t="s">
        <v>36265</v>
      </c>
      <c r="N15068" s="5" t="s">
        <v>36266</v>
      </c>
      <c r="O15068" s="5" t="s">
        <v>38</v>
      </c>
      <c r="P15068" s="5" t="s">
        <v>39</v>
      </c>
      <c r="Q15068" s="5" t="s">
        <v>40</v>
      </c>
      <c r="R15068" s="5" t="s">
        <v>1522</v>
      </c>
      <c r="S15068" s="5" t="s">
        <v>1523</v>
      </c>
      <c r="T15068" s="5" t="s">
        <v>42</v>
      </c>
      <c r="U15068" s="2">
        <v>2.7090000000000001</v>
      </c>
      <c r="V15068" s="2">
        <v>2.1659999999999999</v>
      </c>
      <c r="W15068" s="2">
        <v>1.4999999999999999E-2</v>
      </c>
      <c r="X15068" s="2">
        <v>118.9</v>
      </c>
      <c r="Y15068" s="2">
        <v>7.6</v>
      </c>
      <c r="Z15068" s="2">
        <v>16.7</v>
      </c>
      <c r="AA15068" s="5"/>
      <c r="AB15068" s="5" t="s">
        <v>43</v>
      </c>
      <c r="AC15068" s="5" t="s">
        <v>44</v>
      </c>
      <c r="AD15068" s="2"/>
      <c r="AE15068" s="1"/>
    </row>
    <row r="15069" spans="1:31" ht="14.45">
      <c r="A15069" s="11"/>
      <c r="B15069" s="20"/>
      <c r="C15069" s="2" t="s">
        <v>46160</v>
      </c>
      <c r="D15069" s="14" t="s">
        <v>46161</v>
      </c>
      <c r="E15069" s="2" t="s">
        <v>46162</v>
      </c>
      <c r="F15069" s="2" t="s">
        <v>36389</v>
      </c>
      <c r="G15069" s="8">
        <v>302</v>
      </c>
      <c r="H15069" s="5">
        <v>6</v>
      </c>
      <c r="I15069" s="5" t="s">
        <v>1518</v>
      </c>
      <c r="J15069" s="5" t="s">
        <v>36264</v>
      </c>
      <c r="K15069" s="2" t="s">
        <v>36265</v>
      </c>
      <c r="L15069" s="5" t="s">
        <v>36264</v>
      </c>
      <c r="M15069" s="2" t="s">
        <v>36265</v>
      </c>
      <c r="N15069" s="5" t="s">
        <v>36266</v>
      </c>
      <c r="O15069" s="5" t="s">
        <v>38</v>
      </c>
      <c r="P15069" s="5" t="s">
        <v>39</v>
      </c>
      <c r="Q15069" s="5" t="s">
        <v>40</v>
      </c>
      <c r="R15069" s="5" t="s">
        <v>1522</v>
      </c>
      <c r="S15069" s="5" t="s">
        <v>1523</v>
      </c>
      <c r="T15069" s="5" t="s">
        <v>42</v>
      </c>
      <c r="U15069" s="2">
        <v>2.7909999999999999</v>
      </c>
      <c r="V15069" s="2">
        <v>2.2480000000000002</v>
      </c>
      <c r="W15069" s="2">
        <v>1.4999999999999999E-2</v>
      </c>
      <c r="X15069" s="2">
        <v>118.9</v>
      </c>
      <c r="Y15069" s="2">
        <v>7.6</v>
      </c>
      <c r="Z15069" s="2">
        <v>16.7</v>
      </c>
      <c r="AA15069" s="5"/>
      <c r="AB15069" s="5" t="s">
        <v>43</v>
      </c>
      <c r="AC15069" s="5" t="s">
        <v>44</v>
      </c>
      <c r="AD15069" s="2"/>
      <c r="AE15069" s="1"/>
    </row>
    <row r="15070" spans="1:31" ht="14.45">
      <c r="A15070" s="11"/>
      <c r="B15070" s="20"/>
      <c r="C15070" s="2" t="s">
        <v>46163</v>
      </c>
      <c r="D15070" s="14" t="s">
        <v>46164</v>
      </c>
      <c r="E15070" s="2" t="s">
        <v>46165</v>
      </c>
      <c r="F15070" s="2" t="s">
        <v>7204</v>
      </c>
      <c r="G15070" s="8">
        <v>285</v>
      </c>
      <c r="H15070" s="5">
        <v>6</v>
      </c>
      <c r="I15070" s="5" t="s">
        <v>1518</v>
      </c>
      <c r="J15070" s="5" t="s">
        <v>36264</v>
      </c>
      <c r="K15070" s="2" t="s">
        <v>36265</v>
      </c>
      <c r="L15070" s="5" t="s">
        <v>36264</v>
      </c>
      <c r="M15070" s="2" t="s">
        <v>36265</v>
      </c>
      <c r="N15070" s="5" t="s">
        <v>36266</v>
      </c>
      <c r="O15070" s="5" t="s">
        <v>38</v>
      </c>
      <c r="P15070" s="5" t="s">
        <v>39</v>
      </c>
      <c r="Q15070" s="5" t="s">
        <v>40</v>
      </c>
      <c r="R15070" s="5" t="s">
        <v>1522</v>
      </c>
      <c r="S15070" s="5" t="s">
        <v>1523</v>
      </c>
      <c r="T15070" s="5" t="s">
        <v>42</v>
      </c>
      <c r="U15070" s="2">
        <v>2.964</v>
      </c>
      <c r="V15070" s="2">
        <v>2.347</v>
      </c>
      <c r="W15070" s="2">
        <v>1.7999999999999999E-2</v>
      </c>
      <c r="X15070" s="2">
        <v>139.1</v>
      </c>
      <c r="Y15070" s="2">
        <v>7.6</v>
      </c>
      <c r="Z15070" s="2">
        <v>16.7</v>
      </c>
      <c r="AA15070" s="5"/>
      <c r="AB15070" s="5" t="s">
        <v>43</v>
      </c>
      <c r="AC15070" s="5" t="s">
        <v>44</v>
      </c>
      <c r="AD15070" s="2"/>
      <c r="AE15070" s="1"/>
    </row>
    <row r="15071" spans="1:31" ht="14.45">
      <c r="A15071" s="11"/>
      <c r="B15071" s="20"/>
      <c r="C15071" s="2" t="s">
        <v>46166</v>
      </c>
      <c r="D15071" s="14" t="s">
        <v>46167</v>
      </c>
      <c r="E15071" s="2" t="s">
        <v>46168</v>
      </c>
      <c r="F15071" s="2" t="s">
        <v>7514</v>
      </c>
      <c r="G15071" s="8">
        <v>285</v>
      </c>
      <c r="H15071" s="5">
        <v>6</v>
      </c>
      <c r="I15071" s="5" t="s">
        <v>1518</v>
      </c>
      <c r="J15071" s="5" t="s">
        <v>36264</v>
      </c>
      <c r="K15071" s="2" t="s">
        <v>36265</v>
      </c>
      <c r="L15071" s="5" t="s">
        <v>36264</v>
      </c>
      <c r="M15071" s="2" t="s">
        <v>36265</v>
      </c>
      <c r="N15071" s="5" t="s">
        <v>36266</v>
      </c>
      <c r="O15071" s="5" t="s">
        <v>38</v>
      </c>
      <c r="P15071" s="5" t="s">
        <v>39</v>
      </c>
      <c r="Q15071" s="5" t="s">
        <v>40</v>
      </c>
      <c r="R15071" s="5" t="s">
        <v>1522</v>
      </c>
      <c r="S15071" s="5" t="s">
        <v>1523</v>
      </c>
      <c r="T15071" s="5" t="s">
        <v>42</v>
      </c>
      <c r="U15071" s="2">
        <v>3.0579999999999998</v>
      </c>
      <c r="V15071" s="2">
        <v>2.4409999999999998</v>
      </c>
      <c r="W15071" s="2">
        <v>1.7999999999999999E-2</v>
      </c>
      <c r="X15071" s="2">
        <v>139.1</v>
      </c>
      <c r="Y15071" s="2">
        <v>7.6</v>
      </c>
      <c r="Z15071" s="2">
        <v>16.7</v>
      </c>
      <c r="AA15071" s="5"/>
      <c r="AB15071" s="5" t="s">
        <v>43</v>
      </c>
      <c r="AC15071" s="5" t="s">
        <v>44</v>
      </c>
      <c r="AD15071" s="2"/>
      <c r="AE15071" s="1"/>
    </row>
    <row r="15072" spans="1:31" ht="14.45">
      <c r="A15072" s="11"/>
      <c r="B15072" s="20"/>
      <c r="C15072" s="2" t="s">
        <v>46169</v>
      </c>
      <c r="D15072" s="14" t="s">
        <v>46170</v>
      </c>
      <c r="E15072" s="2" t="s">
        <v>46171</v>
      </c>
      <c r="F15072" s="2" t="s">
        <v>36273</v>
      </c>
      <c r="G15072" s="8">
        <v>285</v>
      </c>
      <c r="H15072" s="5">
        <v>6</v>
      </c>
      <c r="I15072" s="5" t="s">
        <v>1518</v>
      </c>
      <c r="J15072" s="5" t="s">
        <v>36264</v>
      </c>
      <c r="K15072" s="2" t="s">
        <v>36265</v>
      </c>
      <c r="L15072" s="5" t="s">
        <v>36264</v>
      </c>
      <c r="M15072" s="2" t="s">
        <v>36265</v>
      </c>
      <c r="N15072" s="5" t="s">
        <v>36266</v>
      </c>
      <c r="O15072" s="5" t="s">
        <v>38</v>
      </c>
      <c r="P15072" s="5" t="s">
        <v>39</v>
      </c>
      <c r="Q15072" s="5" t="s">
        <v>40</v>
      </c>
      <c r="R15072" s="5" t="s">
        <v>1522</v>
      </c>
      <c r="S15072" s="5" t="s">
        <v>1523</v>
      </c>
      <c r="T15072" s="5" t="s">
        <v>42</v>
      </c>
      <c r="U15072" s="2">
        <v>2.964</v>
      </c>
      <c r="V15072" s="2">
        <v>2.347</v>
      </c>
      <c r="W15072" s="2">
        <v>1.7999999999999999E-2</v>
      </c>
      <c r="X15072" s="2">
        <v>139.1</v>
      </c>
      <c r="Y15072" s="2">
        <v>7.6</v>
      </c>
      <c r="Z15072" s="2">
        <v>16.7</v>
      </c>
      <c r="AA15072" s="5"/>
      <c r="AB15072" s="5" t="s">
        <v>43</v>
      </c>
      <c r="AC15072" s="5" t="s">
        <v>44</v>
      </c>
      <c r="AD15072" s="2"/>
      <c r="AE15072" s="1"/>
    </row>
    <row r="15073" spans="1:31" ht="14.45">
      <c r="A15073" s="11"/>
      <c r="B15073" s="20"/>
      <c r="C15073" s="2" t="s">
        <v>46172</v>
      </c>
      <c r="D15073" s="14" t="s">
        <v>46173</v>
      </c>
      <c r="E15073" s="2" t="s">
        <v>46174</v>
      </c>
      <c r="F15073" s="2" t="s">
        <v>36277</v>
      </c>
      <c r="G15073" s="8">
        <v>285</v>
      </c>
      <c r="H15073" s="5">
        <v>6</v>
      </c>
      <c r="I15073" s="5" t="s">
        <v>1518</v>
      </c>
      <c r="J15073" s="5" t="s">
        <v>36264</v>
      </c>
      <c r="K15073" s="2" t="s">
        <v>36265</v>
      </c>
      <c r="L15073" s="5" t="s">
        <v>36264</v>
      </c>
      <c r="M15073" s="2" t="s">
        <v>36265</v>
      </c>
      <c r="N15073" s="5" t="s">
        <v>36266</v>
      </c>
      <c r="O15073" s="5" t="s">
        <v>38</v>
      </c>
      <c r="P15073" s="5" t="s">
        <v>39</v>
      </c>
      <c r="Q15073" s="5" t="s">
        <v>40</v>
      </c>
      <c r="R15073" s="5" t="s">
        <v>1522</v>
      </c>
      <c r="S15073" s="5" t="s">
        <v>1523</v>
      </c>
      <c r="T15073" s="5" t="s">
        <v>42</v>
      </c>
      <c r="U15073" s="2">
        <v>3.0579999999999998</v>
      </c>
      <c r="V15073" s="2">
        <v>2.4409999999999998</v>
      </c>
      <c r="W15073" s="2">
        <v>1.7999999999999999E-2</v>
      </c>
      <c r="X15073" s="2">
        <v>139.1</v>
      </c>
      <c r="Y15073" s="2">
        <v>7.6</v>
      </c>
      <c r="Z15073" s="2">
        <v>16.7</v>
      </c>
      <c r="AA15073" s="5"/>
      <c r="AB15073" s="5" t="s">
        <v>43</v>
      </c>
      <c r="AC15073" s="5" t="s">
        <v>44</v>
      </c>
      <c r="AD15073" s="2"/>
      <c r="AE15073" s="1"/>
    </row>
    <row r="15074" spans="1:31" ht="14.45">
      <c r="A15074" s="11"/>
      <c r="B15074" s="20"/>
      <c r="C15074" s="2" t="s">
        <v>46175</v>
      </c>
      <c r="D15074" s="14" t="s">
        <v>46176</v>
      </c>
      <c r="E15074" s="2" t="s">
        <v>46177</v>
      </c>
      <c r="F15074" s="2" t="s">
        <v>36281</v>
      </c>
      <c r="G15074" s="8">
        <v>308</v>
      </c>
      <c r="H15074" s="5">
        <v>6</v>
      </c>
      <c r="I15074" s="5" t="s">
        <v>1518</v>
      </c>
      <c r="J15074" s="5" t="s">
        <v>36264</v>
      </c>
      <c r="K15074" s="2" t="s">
        <v>36265</v>
      </c>
      <c r="L15074" s="5" t="s">
        <v>36264</v>
      </c>
      <c r="M15074" s="2" t="s">
        <v>36265</v>
      </c>
      <c r="N15074" s="5" t="s">
        <v>36266</v>
      </c>
      <c r="O15074" s="5" t="s">
        <v>38</v>
      </c>
      <c r="P15074" s="5" t="s">
        <v>39</v>
      </c>
      <c r="Q15074" s="5" t="s">
        <v>40</v>
      </c>
      <c r="R15074" s="5" t="s">
        <v>1522</v>
      </c>
      <c r="S15074" s="5" t="s">
        <v>1523</v>
      </c>
      <c r="T15074" s="5" t="s">
        <v>42</v>
      </c>
      <c r="U15074" s="2">
        <v>2.964</v>
      </c>
      <c r="V15074" s="2">
        <v>2.347</v>
      </c>
      <c r="W15074" s="2">
        <v>1.7999999999999999E-2</v>
      </c>
      <c r="X15074" s="2">
        <v>139.1</v>
      </c>
      <c r="Y15074" s="2">
        <v>7.6</v>
      </c>
      <c r="Z15074" s="2">
        <v>16.7</v>
      </c>
      <c r="AA15074" s="5"/>
      <c r="AB15074" s="5" t="s">
        <v>43</v>
      </c>
      <c r="AC15074" s="5" t="s">
        <v>44</v>
      </c>
      <c r="AD15074" s="2"/>
      <c r="AE15074" s="1"/>
    </row>
    <row r="15075" spans="1:31" ht="14.45">
      <c r="A15075" s="11"/>
      <c r="B15075" s="20"/>
      <c r="C15075" s="2" t="s">
        <v>46178</v>
      </c>
      <c r="D15075" s="14" t="s">
        <v>46179</v>
      </c>
      <c r="E15075" s="2" t="s">
        <v>46180</v>
      </c>
      <c r="F15075" s="2" t="s">
        <v>36285</v>
      </c>
      <c r="G15075" s="8">
        <v>308</v>
      </c>
      <c r="H15075" s="5">
        <v>6</v>
      </c>
      <c r="I15075" s="5" t="s">
        <v>1518</v>
      </c>
      <c r="J15075" s="5" t="s">
        <v>36264</v>
      </c>
      <c r="K15075" s="2" t="s">
        <v>36265</v>
      </c>
      <c r="L15075" s="5" t="s">
        <v>36264</v>
      </c>
      <c r="M15075" s="2" t="s">
        <v>36265</v>
      </c>
      <c r="N15075" s="5" t="s">
        <v>36266</v>
      </c>
      <c r="O15075" s="5" t="s">
        <v>38</v>
      </c>
      <c r="P15075" s="5" t="s">
        <v>39</v>
      </c>
      <c r="Q15075" s="5" t="s">
        <v>40</v>
      </c>
      <c r="R15075" s="5" t="s">
        <v>1522</v>
      </c>
      <c r="S15075" s="5" t="s">
        <v>1523</v>
      </c>
      <c r="T15075" s="5" t="s">
        <v>42</v>
      </c>
      <c r="U15075" s="2">
        <v>3.0579999999999998</v>
      </c>
      <c r="V15075" s="2">
        <v>2.4409999999999998</v>
      </c>
      <c r="W15075" s="2">
        <v>1.7999999999999999E-2</v>
      </c>
      <c r="X15075" s="2">
        <v>139.1</v>
      </c>
      <c r="Y15075" s="2">
        <v>7.6</v>
      </c>
      <c r="Z15075" s="2">
        <v>16.7</v>
      </c>
      <c r="AA15075" s="5"/>
      <c r="AB15075" s="5" t="s">
        <v>43</v>
      </c>
      <c r="AC15075" s="5" t="s">
        <v>44</v>
      </c>
      <c r="AD15075" s="2"/>
      <c r="AE15075" s="1"/>
    </row>
    <row r="15076" spans="1:31" ht="14.45">
      <c r="A15076" s="11"/>
      <c r="B15076" s="20"/>
      <c r="C15076" s="2" t="s">
        <v>46181</v>
      </c>
      <c r="D15076" s="14" t="s">
        <v>46182</v>
      </c>
      <c r="E15076" s="2" t="s">
        <v>46183</v>
      </c>
      <c r="F15076" s="2" t="s">
        <v>36289</v>
      </c>
      <c r="G15076" s="8">
        <v>308</v>
      </c>
      <c r="H15076" s="5">
        <v>6</v>
      </c>
      <c r="I15076" s="5" t="s">
        <v>1518</v>
      </c>
      <c r="J15076" s="5" t="s">
        <v>36264</v>
      </c>
      <c r="K15076" s="2" t="s">
        <v>36265</v>
      </c>
      <c r="L15076" s="5" t="s">
        <v>36264</v>
      </c>
      <c r="M15076" s="2" t="s">
        <v>36265</v>
      </c>
      <c r="N15076" s="5" t="s">
        <v>36266</v>
      </c>
      <c r="O15076" s="5" t="s">
        <v>38</v>
      </c>
      <c r="P15076" s="5" t="s">
        <v>39</v>
      </c>
      <c r="Q15076" s="5" t="s">
        <v>40</v>
      </c>
      <c r="R15076" s="5" t="s">
        <v>1522</v>
      </c>
      <c r="S15076" s="5" t="s">
        <v>1523</v>
      </c>
      <c r="T15076" s="5" t="s">
        <v>42</v>
      </c>
      <c r="U15076" s="2">
        <v>2.964</v>
      </c>
      <c r="V15076" s="2">
        <v>2.347</v>
      </c>
      <c r="W15076" s="2">
        <v>1.7999999999999999E-2</v>
      </c>
      <c r="X15076" s="2">
        <v>139.1</v>
      </c>
      <c r="Y15076" s="2">
        <v>7.6</v>
      </c>
      <c r="Z15076" s="2">
        <v>16.7</v>
      </c>
      <c r="AA15076" s="5"/>
      <c r="AB15076" s="5" t="s">
        <v>43</v>
      </c>
      <c r="AC15076" s="5" t="s">
        <v>44</v>
      </c>
      <c r="AD15076" s="2"/>
      <c r="AE15076" s="1"/>
    </row>
    <row r="15077" spans="1:31" ht="14.45">
      <c r="A15077" s="11"/>
      <c r="B15077" s="20"/>
      <c r="C15077" s="2" t="s">
        <v>46184</v>
      </c>
      <c r="D15077" s="14" t="s">
        <v>46185</v>
      </c>
      <c r="E15077" s="2" t="s">
        <v>46186</v>
      </c>
      <c r="F15077" s="2" t="s">
        <v>36293</v>
      </c>
      <c r="G15077" s="8">
        <v>308</v>
      </c>
      <c r="H15077" s="5">
        <v>6</v>
      </c>
      <c r="I15077" s="5" t="s">
        <v>1518</v>
      </c>
      <c r="J15077" s="5" t="s">
        <v>36264</v>
      </c>
      <c r="K15077" s="2" t="s">
        <v>36265</v>
      </c>
      <c r="L15077" s="5" t="s">
        <v>36264</v>
      </c>
      <c r="M15077" s="2" t="s">
        <v>36265</v>
      </c>
      <c r="N15077" s="5" t="s">
        <v>36266</v>
      </c>
      <c r="O15077" s="5" t="s">
        <v>38</v>
      </c>
      <c r="P15077" s="5" t="s">
        <v>39</v>
      </c>
      <c r="Q15077" s="5" t="s">
        <v>40</v>
      </c>
      <c r="R15077" s="5" t="s">
        <v>1522</v>
      </c>
      <c r="S15077" s="5" t="s">
        <v>1523</v>
      </c>
      <c r="T15077" s="5" t="s">
        <v>42</v>
      </c>
      <c r="U15077" s="2">
        <v>3.0579999999999998</v>
      </c>
      <c r="V15077" s="2">
        <v>2.4409999999999998</v>
      </c>
      <c r="W15077" s="2">
        <v>1.7999999999999999E-2</v>
      </c>
      <c r="X15077" s="2">
        <v>139.1</v>
      </c>
      <c r="Y15077" s="2">
        <v>7.6</v>
      </c>
      <c r="Z15077" s="2">
        <v>16.7</v>
      </c>
      <c r="AA15077" s="5"/>
      <c r="AB15077" s="5" t="s">
        <v>43</v>
      </c>
      <c r="AC15077" s="5" t="s">
        <v>44</v>
      </c>
      <c r="AD15077" s="2"/>
      <c r="AE15077" s="1"/>
    </row>
    <row r="15078" spans="1:31" ht="14.45">
      <c r="A15078" s="11"/>
      <c r="B15078" s="20"/>
      <c r="C15078" s="2" t="s">
        <v>46187</v>
      </c>
      <c r="D15078" s="14" t="s">
        <v>46188</v>
      </c>
      <c r="E15078" s="2" t="s">
        <v>46189</v>
      </c>
      <c r="F15078" s="2" t="s">
        <v>36297</v>
      </c>
      <c r="G15078" s="8">
        <v>285</v>
      </c>
      <c r="H15078" s="5">
        <v>6</v>
      </c>
      <c r="I15078" s="5" t="s">
        <v>1518</v>
      </c>
      <c r="J15078" s="5" t="s">
        <v>36264</v>
      </c>
      <c r="K15078" s="2" t="s">
        <v>36265</v>
      </c>
      <c r="L15078" s="5" t="s">
        <v>36264</v>
      </c>
      <c r="M15078" s="2" t="s">
        <v>36265</v>
      </c>
      <c r="N15078" s="5" t="s">
        <v>36266</v>
      </c>
      <c r="O15078" s="5" t="s">
        <v>38</v>
      </c>
      <c r="P15078" s="5" t="s">
        <v>39</v>
      </c>
      <c r="Q15078" s="5" t="s">
        <v>40</v>
      </c>
      <c r="R15078" s="5" t="s">
        <v>1522</v>
      </c>
      <c r="S15078" s="5" t="s">
        <v>1523</v>
      </c>
      <c r="T15078" s="5" t="s">
        <v>42</v>
      </c>
      <c r="U15078" s="2">
        <v>2.964</v>
      </c>
      <c r="V15078" s="2">
        <v>2.347</v>
      </c>
      <c r="W15078" s="2">
        <v>1.7999999999999999E-2</v>
      </c>
      <c r="X15078" s="2">
        <v>139.1</v>
      </c>
      <c r="Y15078" s="2">
        <v>7.6</v>
      </c>
      <c r="Z15078" s="2">
        <v>16.7</v>
      </c>
      <c r="AA15078" s="5"/>
      <c r="AB15078" s="5" t="s">
        <v>43</v>
      </c>
      <c r="AC15078" s="5" t="s">
        <v>44</v>
      </c>
      <c r="AD15078" s="2"/>
      <c r="AE15078" s="1"/>
    </row>
    <row r="15079" spans="1:31" ht="14.45">
      <c r="A15079" s="11"/>
      <c r="B15079" s="20"/>
      <c r="C15079" s="2" t="s">
        <v>46190</v>
      </c>
      <c r="D15079" s="14" t="s">
        <v>46191</v>
      </c>
      <c r="E15079" s="2" t="s">
        <v>46192</v>
      </c>
      <c r="F15079" s="2" t="s">
        <v>36301</v>
      </c>
      <c r="G15079" s="8">
        <v>285</v>
      </c>
      <c r="H15079" s="5">
        <v>6</v>
      </c>
      <c r="I15079" s="5" t="s">
        <v>1518</v>
      </c>
      <c r="J15079" s="5" t="s">
        <v>36264</v>
      </c>
      <c r="K15079" s="2" t="s">
        <v>36265</v>
      </c>
      <c r="L15079" s="5" t="s">
        <v>36264</v>
      </c>
      <c r="M15079" s="2" t="s">
        <v>36265</v>
      </c>
      <c r="N15079" s="5" t="s">
        <v>36266</v>
      </c>
      <c r="O15079" s="5" t="s">
        <v>38</v>
      </c>
      <c r="P15079" s="5" t="s">
        <v>39</v>
      </c>
      <c r="Q15079" s="5" t="s">
        <v>40</v>
      </c>
      <c r="R15079" s="5" t="s">
        <v>1522</v>
      </c>
      <c r="S15079" s="5" t="s">
        <v>1523</v>
      </c>
      <c r="T15079" s="5" t="s">
        <v>42</v>
      </c>
      <c r="U15079" s="2">
        <v>3.0579999999999998</v>
      </c>
      <c r="V15079" s="2">
        <v>2.4409999999999998</v>
      </c>
      <c r="W15079" s="2">
        <v>1.7999999999999999E-2</v>
      </c>
      <c r="X15079" s="2">
        <v>139.1</v>
      </c>
      <c r="Y15079" s="2">
        <v>7.6</v>
      </c>
      <c r="Z15079" s="2">
        <v>16.7</v>
      </c>
      <c r="AA15079" s="5"/>
      <c r="AB15079" s="5" t="s">
        <v>43</v>
      </c>
      <c r="AC15079" s="5" t="s">
        <v>44</v>
      </c>
      <c r="AD15079" s="2"/>
      <c r="AE15079" s="1"/>
    </row>
    <row r="15080" spans="1:31" ht="14.45">
      <c r="A15080" s="11"/>
      <c r="B15080" s="20"/>
      <c r="C15080" s="2" t="s">
        <v>46193</v>
      </c>
      <c r="D15080" s="14" t="s">
        <v>46194</v>
      </c>
      <c r="E15080" s="2" t="s">
        <v>46195</v>
      </c>
      <c r="F15080" s="2" t="s">
        <v>36305</v>
      </c>
      <c r="G15080" s="8">
        <v>285</v>
      </c>
      <c r="H15080" s="5">
        <v>6</v>
      </c>
      <c r="I15080" s="5" t="s">
        <v>1518</v>
      </c>
      <c r="J15080" s="5" t="s">
        <v>36264</v>
      </c>
      <c r="K15080" s="2" t="s">
        <v>36265</v>
      </c>
      <c r="L15080" s="5" t="s">
        <v>36264</v>
      </c>
      <c r="M15080" s="2" t="s">
        <v>36265</v>
      </c>
      <c r="N15080" s="5" t="s">
        <v>36266</v>
      </c>
      <c r="O15080" s="5" t="s">
        <v>38</v>
      </c>
      <c r="P15080" s="5" t="s">
        <v>39</v>
      </c>
      <c r="Q15080" s="5" t="s">
        <v>40</v>
      </c>
      <c r="R15080" s="5" t="s">
        <v>1522</v>
      </c>
      <c r="S15080" s="5" t="s">
        <v>1523</v>
      </c>
      <c r="T15080" s="5" t="s">
        <v>42</v>
      </c>
      <c r="U15080" s="2">
        <v>2.964</v>
      </c>
      <c r="V15080" s="2">
        <v>2.347</v>
      </c>
      <c r="W15080" s="2">
        <v>1.7999999999999999E-2</v>
      </c>
      <c r="X15080" s="2">
        <v>139.1</v>
      </c>
      <c r="Y15080" s="2">
        <v>7.6</v>
      </c>
      <c r="Z15080" s="2">
        <v>16.7</v>
      </c>
      <c r="AA15080" s="5"/>
      <c r="AB15080" s="5" t="s">
        <v>43</v>
      </c>
      <c r="AC15080" s="5" t="s">
        <v>44</v>
      </c>
      <c r="AD15080" s="2"/>
      <c r="AE15080" s="1"/>
    </row>
    <row r="15081" spans="1:31" ht="14.45">
      <c r="A15081" s="11"/>
      <c r="B15081" s="20"/>
      <c r="C15081" s="2" t="s">
        <v>46196</v>
      </c>
      <c r="D15081" s="14" t="s">
        <v>46197</v>
      </c>
      <c r="E15081" s="2" t="s">
        <v>46198</v>
      </c>
      <c r="F15081" s="2" t="s">
        <v>36309</v>
      </c>
      <c r="G15081" s="8">
        <v>285</v>
      </c>
      <c r="H15081" s="5">
        <v>6</v>
      </c>
      <c r="I15081" s="5" t="s">
        <v>1518</v>
      </c>
      <c r="J15081" s="5" t="s">
        <v>36264</v>
      </c>
      <c r="K15081" s="2" t="s">
        <v>36265</v>
      </c>
      <c r="L15081" s="5" t="s">
        <v>36264</v>
      </c>
      <c r="M15081" s="2" t="s">
        <v>36265</v>
      </c>
      <c r="N15081" s="5" t="s">
        <v>36266</v>
      </c>
      <c r="O15081" s="5" t="s">
        <v>38</v>
      </c>
      <c r="P15081" s="5" t="s">
        <v>39</v>
      </c>
      <c r="Q15081" s="5" t="s">
        <v>40</v>
      </c>
      <c r="R15081" s="5" t="s">
        <v>1522</v>
      </c>
      <c r="S15081" s="5" t="s">
        <v>1523</v>
      </c>
      <c r="T15081" s="5" t="s">
        <v>42</v>
      </c>
      <c r="U15081" s="2">
        <v>3.0579999999999998</v>
      </c>
      <c r="V15081" s="2">
        <v>2.4409999999999998</v>
      </c>
      <c r="W15081" s="2">
        <v>1.7999999999999999E-2</v>
      </c>
      <c r="X15081" s="2">
        <v>139.1</v>
      </c>
      <c r="Y15081" s="2">
        <v>7.6</v>
      </c>
      <c r="Z15081" s="2">
        <v>16.7</v>
      </c>
      <c r="AA15081" s="5"/>
      <c r="AB15081" s="5" t="s">
        <v>43</v>
      </c>
      <c r="AC15081" s="5" t="s">
        <v>44</v>
      </c>
      <c r="AD15081" s="2"/>
      <c r="AE15081" s="1"/>
    </row>
    <row r="15082" spans="1:31" ht="14.45">
      <c r="A15082" s="11"/>
      <c r="B15082" s="20"/>
      <c r="C15082" s="2" t="s">
        <v>46199</v>
      </c>
      <c r="D15082" s="14" t="s">
        <v>46200</v>
      </c>
      <c r="E15082" s="2" t="s">
        <v>46201</v>
      </c>
      <c r="F15082" s="2" t="s">
        <v>36313</v>
      </c>
      <c r="G15082" s="8">
        <v>308</v>
      </c>
      <c r="H15082" s="5">
        <v>6</v>
      </c>
      <c r="I15082" s="5" t="s">
        <v>1518</v>
      </c>
      <c r="J15082" s="5" t="s">
        <v>36264</v>
      </c>
      <c r="K15082" s="2" t="s">
        <v>36265</v>
      </c>
      <c r="L15082" s="5" t="s">
        <v>36264</v>
      </c>
      <c r="M15082" s="2" t="s">
        <v>36265</v>
      </c>
      <c r="N15082" s="5" t="s">
        <v>36266</v>
      </c>
      <c r="O15082" s="5" t="s">
        <v>38</v>
      </c>
      <c r="P15082" s="5" t="s">
        <v>39</v>
      </c>
      <c r="Q15082" s="5" t="s">
        <v>40</v>
      </c>
      <c r="R15082" s="5" t="s">
        <v>1522</v>
      </c>
      <c r="S15082" s="5" t="s">
        <v>1523</v>
      </c>
      <c r="T15082" s="5" t="s">
        <v>42</v>
      </c>
      <c r="U15082" s="2">
        <v>2.964</v>
      </c>
      <c r="V15082" s="2">
        <v>2.347</v>
      </c>
      <c r="W15082" s="2">
        <v>1.7999999999999999E-2</v>
      </c>
      <c r="X15082" s="2">
        <v>139.1</v>
      </c>
      <c r="Y15082" s="2">
        <v>7.6</v>
      </c>
      <c r="Z15082" s="2">
        <v>16.7</v>
      </c>
      <c r="AA15082" s="5"/>
      <c r="AB15082" s="5" t="s">
        <v>43</v>
      </c>
      <c r="AC15082" s="5" t="s">
        <v>44</v>
      </c>
      <c r="AD15082" s="2"/>
      <c r="AE15082" s="1"/>
    </row>
    <row r="15083" spans="1:31" ht="14.45">
      <c r="A15083" s="11"/>
      <c r="B15083" s="20"/>
      <c r="C15083" s="2" t="s">
        <v>46202</v>
      </c>
      <c r="D15083" s="14" t="s">
        <v>46203</v>
      </c>
      <c r="E15083" s="2" t="s">
        <v>46204</v>
      </c>
      <c r="F15083" s="2" t="s">
        <v>36317</v>
      </c>
      <c r="G15083" s="8">
        <v>308</v>
      </c>
      <c r="H15083" s="5">
        <v>6</v>
      </c>
      <c r="I15083" s="5" t="s">
        <v>1518</v>
      </c>
      <c r="J15083" s="5" t="s">
        <v>36264</v>
      </c>
      <c r="K15083" s="2" t="s">
        <v>36265</v>
      </c>
      <c r="L15083" s="5" t="s">
        <v>36264</v>
      </c>
      <c r="M15083" s="2" t="s">
        <v>36265</v>
      </c>
      <c r="N15083" s="5" t="s">
        <v>36266</v>
      </c>
      <c r="O15083" s="5" t="s">
        <v>38</v>
      </c>
      <c r="P15083" s="5" t="s">
        <v>39</v>
      </c>
      <c r="Q15083" s="5" t="s">
        <v>40</v>
      </c>
      <c r="R15083" s="5" t="s">
        <v>1522</v>
      </c>
      <c r="S15083" s="5" t="s">
        <v>1523</v>
      </c>
      <c r="T15083" s="5" t="s">
        <v>42</v>
      </c>
      <c r="U15083" s="2">
        <v>3.0579999999999998</v>
      </c>
      <c r="V15083" s="2">
        <v>2.4409999999999998</v>
      </c>
      <c r="W15083" s="2">
        <v>1.7999999999999999E-2</v>
      </c>
      <c r="X15083" s="2">
        <v>139.1</v>
      </c>
      <c r="Y15083" s="2">
        <v>7.6</v>
      </c>
      <c r="Z15083" s="2">
        <v>16.7</v>
      </c>
      <c r="AA15083" s="5"/>
      <c r="AB15083" s="5" t="s">
        <v>43</v>
      </c>
      <c r="AC15083" s="5" t="s">
        <v>44</v>
      </c>
      <c r="AD15083" s="2"/>
      <c r="AE15083" s="1"/>
    </row>
    <row r="15084" spans="1:31" ht="14.45">
      <c r="A15084" s="11"/>
      <c r="B15084" s="20"/>
      <c r="C15084" s="2" t="s">
        <v>46205</v>
      </c>
      <c r="D15084" s="14" t="s">
        <v>46206</v>
      </c>
      <c r="E15084" s="2" t="s">
        <v>46207</v>
      </c>
      <c r="F15084" s="2" t="s">
        <v>36325</v>
      </c>
      <c r="G15084" s="8">
        <v>308</v>
      </c>
      <c r="H15084" s="5">
        <v>6</v>
      </c>
      <c r="I15084" s="5" t="s">
        <v>1518</v>
      </c>
      <c r="J15084" s="5" t="s">
        <v>36264</v>
      </c>
      <c r="K15084" s="2" t="s">
        <v>36265</v>
      </c>
      <c r="L15084" s="5" t="s">
        <v>36264</v>
      </c>
      <c r="M15084" s="2" t="s">
        <v>36265</v>
      </c>
      <c r="N15084" s="5" t="s">
        <v>36266</v>
      </c>
      <c r="O15084" s="5" t="s">
        <v>38</v>
      </c>
      <c r="P15084" s="5" t="s">
        <v>39</v>
      </c>
      <c r="Q15084" s="5" t="s">
        <v>40</v>
      </c>
      <c r="R15084" s="5" t="s">
        <v>1522</v>
      </c>
      <c r="S15084" s="5" t="s">
        <v>1523</v>
      </c>
      <c r="T15084" s="5" t="s">
        <v>42</v>
      </c>
      <c r="U15084" s="2">
        <v>3.0579999999999998</v>
      </c>
      <c r="V15084" s="2">
        <v>2.4409999999999998</v>
      </c>
      <c r="W15084" s="2">
        <v>1.7999999999999999E-2</v>
      </c>
      <c r="X15084" s="2">
        <v>139.1</v>
      </c>
      <c r="Y15084" s="2">
        <v>7.6</v>
      </c>
      <c r="Z15084" s="2">
        <v>16.7</v>
      </c>
      <c r="AA15084" s="5"/>
      <c r="AB15084" s="5" t="s">
        <v>43</v>
      </c>
      <c r="AC15084" s="5" t="s">
        <v>44</v>
      </c>
      <c r="AD15084" s="2"/>
      <c r="AE15084" s="1"/>
    </row>
    <row r="15085" spans="1:31" ht="14.45">
      <c r="A15085" s="11"/>
      <c r="B15085" s="20"/>
      <c r="C15085" s="2" t="s">
        <v>46208</v>
      </c>
      <c r="D15085" s="14" t="s">
        <v>46209</v>
      </c>
      <c r="E15085" s="2" t="s">
        <v>46210</v>
      </c>
      <c r="F15085" s="2" t="s">
        <v>36329</v>
      </c>
      <c r="G15085" s="8">
        <v>308</v>
      </c>
      <c r="H15085" s="5">
        <v>6</v>
      </c>
      <c r="I15085" s="5" t="s">
        <v>1518</v>
      </c>
      <c r="J15085" s="5" t="s">
        <v>36264</v>
      </c>
      <c r="K15085" s="2" t="s">
        <v>36265</v>
      </c>
      <c r="L15085" s="5" t="s">
        <v>36264</v>
      </c>
      <c r="M15085" s="2" t="s">
        <v>36265</v>
      </c>
      <c r="N15085" s="5" t="s">
        <v>36266</v>
      </c>
      <c r="O15085" s="5" t="s">
        <v>38</v>
      </c>
      <c r="P15085" s="5" t="s">
        <v>39</v>
      </c>
      <c r="Q15085" s="5" t="s">
        <v>40</v>
      </c>
      <c r="R15085" s="5" t="s">
        <v>1522</v>
      </c>
      <c r="S15085" s="5" t="s">
        <v>1523</v>
      </c>
      <c r="T15085" s="5" t="s">
        <v>42</v>
      </c>
      <c r="U15085" s="2">
        <v>2.964</v>
      </c>
      <c r="V15085" s="2">
        <v>2.347</v>
      </c>
      <c r="W15085" s="2">
        <v>1.7999999999999999E-2</v>
      </c>
      <c r="X15085" s="2">
        <v>139.1</v>
      </c>
      <c r="Y15085" s="2">
        <v>7.6</v>
      </c>
      <c r="Z15085" s="2">
        <v>16.7</v>
      </c>
      <c r="AA15085" s="5"/>
      <c r="AB15085" s="5" t="s">
        <v>43</v>
      </c>
      <c r="AC15085" s="5" t="s">
        <v>44</v>
      </c>
      <c r="AD15085" s="2"/>
      <c r="AE15085" s="1"/>
    </row>
    <row r="15086" spans="1:31" ht="14.45">
      <c r="A15086" s="11"/>
      <c r="B15086" s="20"/>
      <c r="C15086" s="2" t="s">
        <v>46211</v>
      </c>
      <c r="D15086" s="14" t="s">
        <v>46212</v>
      </c>
      <c r="E15086" s="2" t="s">
        <v>46213</v>
      </c>
      <c r="F15086" s="2" t="s">
        <v>36333</v>
      </c>
      <c r="G15086" s="8">
        <v>308</v>
      </c>
      <c r="H15086" s="5">
        <v>6</v>
      </c>
      <c r="I15086" s="5" t="s">
        <v>1518</v>
      </c>
      <c r="J15086" s="5" t="s">
        <v>36264</v>
      </c>
      <c r="K15086" s="2" t="s">
        <v>36265</v>
      </c>
      <c r="L15086" s="5" t="s">
        <v>36264</v>
      </c>
      <c r="M15086" s="2" t="s">
        <v>36265</v>
      </c>
      <c r="N15086" s="5" t="s">
        <v>36266</v>
      </c>
      <c r="O15086" s="5" t="s">
        <v>38</v>
      </c>
      <c r="P15086" s="5" t="s">
        <v>39</v>
      </c>
      <c r="Q15086" s="5" t="s">
        <v>40</v>
      </c>
      <c r="R15086" s="5" t="s">
        <v>1522</v>
      </c>
      <c r="S15086" s="5" t="s">
        <v>1523</v>
      </c>
      <c r="T15086" s="5" t="s">
        <v>42</v>
      </c>
      <c r="U15086" s="2">
        <v>3.0579999999999998</v>
      </c>
      <c r="V15086" s="2">
        <v>2.4409999999999998</v>
      </c>
      <c r="W15086" s="2">
        <v>1.7999999999999999E-2</v>
      </c>
      <c r="X15086" s="2">
        <v>139.1</v>
      </c>
      <c r="Y15086" s="2">
        <v>7.6</v>
      </c>
      <c r="Z15086" s="2">
        <v>16.7</v>
      </c>
      <c r="AA15086" s="5"/>
      <c r="AB15086" s="5" t="s">
        <v>43</v>
      </c>
      <c r="AC15086" s="5" t="s">
        <v>44</v>
      </c>
      <c r="AD15086" s="2"/>
      <c r="AE15086" s="1"/>
    </row>
    <row r="15087" spans="1:31" ht="14.45">
      <c r="A15087" s="11"/>
      <c r="B15087" s="20"/>
      <c r="C15087" s="2" t="s">
        <v>46214</v>
      </c>
      <c r="D15087" s="14" t="s">
        <v>46215</v>
      </c>
      <c r="E15087" s="2" t="s">
        <v>46216</v>
      </c>
      <c r="F15087" s="2" t="s">
        <v>36341</v>
      </c>
      <c r="G15087" s="8">
        <v>308</v>
      </c>
      <c r="H15087" s="5">
        <v>6</v>
      </c>
      <c r="I15087" s="5" t="s">
        <v>1518</v>
      </c>
      <c r="J15087" s="5" t="s">
        <v>36264</v>
      </c>
      <c r="K15087" s="2" t="s">
        <v>36265</v>
      </c>
      <c r="L15087" s="5" t="s">
        <v>36264</v>
      </c>
      <c r="M15087" s="2" t="s">
        <v>36265</v>
      </c>
      <c r="N15087" s="5" t="s">
        <v>36266</v>
      </c>
      <c r="O15087" s="5" t="s">
        <v>38</v>
      </c>
      <c r="P15087" s="5" t="s">
        <v>39</v>
      </c>
      <c r="Q15087" s="5" t="s">
        <v>40</v>
      </c>
      <c r="R15087" s="5" t="s">
        <v>1522</v>
      </c>
      <c r="S15087" s="5" t="s">
        <v>1523</v>
      </c>
      <c r="T15087" s="5" t="s">
        <v>42</v>
      </c>
      <c r="U15087" s="2">
        <v>3.0579999999999998</v>
      </c>
      <c r="V15087" s="2">
        <v>2.4409999999999998</v>
      </c>
      <c r="W15087" s="2">
        <v>1.7999999999999999E-2</v>
      </c>
      <c r="X15087" s="2">
        <v>139.1</v>
      </c>
      <c r="Y15087" s="2">
        <v>7.6</v>
      </c>
      <c r="Z15087" s="2">
        <v>16.7</v>
      </c>
      <c r="AA15087" s="5"/>
      <c r="AB15087" s="5" t="s">
        <v>43</v>
      </c>
      <c r="AC15087" s="5" t="s">
        <v>44</v>
      </c>
      <c r="AD15087" s="2"/>
      <c r="AE15087" s="1"/>
    </row>
    <row r="15088" spans="1:31" ht="14.45">
      <c r="A15088" s="11"/>
      <c r="B15088" s="20"/>
      <c r="C15088" s="2" t="s">
        <v>46217</v>
      </c>
      <c r="D15088" s="14" t="s">
        <v>46218</v>
      </c>
      <c r="E15088" s="2" t="s">
        <v>46219</v>
      </c>
      <c r="F15088" s="2" t="s">
        <v>36345</v>
      </c>
      <c r="G15088" s="8">
        <v>308</v>
      </c>
      <c r="H15088" s="5">
        <v>6</v>
      </c>
      <c r="I15088" s="5" t="s">
        <v>1518</v>
      </c>
      <c r="J15088" s="5" t="s">
        <v>36264</v>
      </c>
      <c r="K15088" s="2" t="s">
        <v>36265</v>
      </c>
      <c r="L15088" s="5" t="s">
        <v>36264</v>
      </c>
      <c r="M15088" s="2" t="s">
        <v>36265</v>
      </c>
      <c r="N15088" s="5" t="s">
        <v>36266</v>
      </c>
      <c r="O15088" s="5" t="s">
        <v>38</v>
      </c>
      <c r="P15088" s="5" t="s">
        <v>39</v>
      </c>
      <c r="Q15088" s="5" t="s">
        <v>40</v>
      </c>
      <c r="R15088" s="5" t="s">
        <v>1522</v>
      </c>
      <c r="S15088" s="5" t="s">
        <v>1523</v>
      </c>
      <c r="T15088" s="5" t="s">
        <v>42</v>
      </c>
      <c r="U15088" s="2">
        <v>2.964</v>
      </c>
      <c r="V15088" s="2">
        <v>2.347</v>
      </c>
      <c r="W15088" s="2">
        <v>1.7999999999999999E-2</v>
      </c>
      <c r="X15088" s="2">
        <v>139.1</v>
      </c>
      <c r="Y15088" s="2">
        <v>7.6</v>
      </c>
      <c r="Z15088" s="2">
        <v>16.7</v>
      </c>
      <c r="AA15088" s="5"/>
      <c r="AB15088" s="5" t="s">
        <v>43</v>
      </c>
      <c r="AC15088" s="5" t="s">
        <v>44</v>
      </c>
      <c r="AD15088" s="2"/>
      <c r="AE15088" s="1"/>
    </row>
    <row r="15089" spans="1:31" ht="14.45">
      <c r="A15089" s="11"/>
      <c r="B15089" s="20"/>
      <c r="C15089" s="2" t="s">
        <v>46220</v>
      </c>
      <c r="D15089" s="14" t="s">
        <v>46221</v>
      </c>
      <c r="E15089" s="2" t="s">
        <v>46222</v>
      </c>
      <c r="F15089" s="2" t="s">
        <v>36349</v>
      </c>
      <c r="G15089" s="8">
        <v>308</v>
      </c>
      <c r="H15089" s="5">
        <v>6</v>
      </c>
      <c r="I15089" s="5" t="s">
        <v>1518</v>
      </c>
      <c r="J15089" s="5" t="s">
        <v>36264</v>
      </c>
      <c r="K15089" s="2" t="s">
        <v>36265</v>
      </c>
      <c r="L15089" s="5" t="s">
        <v>36264</v>
      </c>
      <c r="M15089" s="2" t="s">
        <v>36265</v>
      </c>
      <c r="N15089" s="5" t="s">
        <v>36266</v>
      </c>
      <c r="O15089" s="5" t="s">
        <v>38</v>
      </c>
      <c r="P15089" s="5" t="s">
        <v>39</v>
      </c>
      <c r="Q15089" s="5" t="s">
        <v>40</v>
      </c>
      <c r="R15089" s="5" t="s">
        <v>1522</v>
      </c>
      <c r="S15089" s="5" t="s">
        <v>1523</v>
      </c>
      <c r="T15089" s="5" t="s">
        <v>42</v>
      </c>
      <c r="U15089" s="2">
        <v>3.0579999999999998</v>
      </c>
      <c r="V15089" s="2">
        <v>2.4409999999999998</v>
      </c>
      <c r="W15089" s="2">
        <v>1.7999999999999999E-2</v>
      </c>
      <c r="X15089" s="2">
        <v>139.1</v>
      </c>
      <c r="Y15089" s="2">
        <v>7.6</v>
      </c>
      <c r="Z15089" s="2">
        <v>16.7</v>
      </c>
      <c r="AA15089" s="5"/>
      <c r="AB15089" s="5" t="s">
        <v>43</v>
      </c>
      <c r="AC15089" s="5" t="s">
        <v>44</v>
      </c>
      <c r="AD15089" s="2"/>
      <c r="AE15089" s="1"/>
    </row>
    <row r="15090" spans="1:31" ht="14.45">
      <c r="A15090" s="11"/>
      <c r="B15090" s="20"/>
      <c r="C15090" s="2" t="s">
        <v>46223</v>
      </c>
      <c r="D15090" s="14" t="s">
        <v>46224</v>
      </c>
      <c r="E15090" s="2" t="s">
        <v>46225</v>
      </c>
      <c r="F15090" s="2" t="s">
        <v>36353</v>
      </c>
      <c r="G15090" s="8">
        <v>308</v>
      </c>
      <c r="H15090" s="5">
        <v>6</v>
      </c>
      <c r="I15090" s="5" t="s">
        <v>1518</v>
      </c>
      <c r="J15090" s="5" t="s">
        <v>36264</v>
      </c>
      <c r="K15090" s="2" t="s">
        <v>36265</v>
      </c>
      <c r="L15090" s="5" t="s">
        <v>36264</v>
      </c>
      <c r="M15090" s="2" t="s">
        <v>36265</v>
      </c>
      <c r="N15090" s="5" t="s">
        <v>36266</v>
      </c>
      <c r="O15090" s="5" t="s">
        <v>38</v>
      </c>
      <c r="P15090" s="5" t="s">
        <v>39</v>
      </c>
      <c r="Q15090" s="5" t="s">
        <v>40</v>
      </c>
      <c r="R15090" s="5" t="s">
        <v>1522</v>
      </c>
      <c r="S15090" s="5" t="s">
        <v>1523</v>
      </c>
      <c r="T15090" s="5" t="s">
        <v>42</v>
      </c>
      <c r="U15090" s="2">
        <v>2.964</v>
      </c>
      <c r="V15090" s="2">
        <v>2.347</v>
      </c>
      <c r="W15090" s="2">
        <v>1.7999999999999999E-2</v>
      </c>
      <c r="X15090" s="2">
        <v>139.1</v>
      </c>
      <c r="Y15090" s="2">
        <v>7.6</v>
      </c>
      <c r="Z15090" s="2">
        <v>16.7</v>
      </c>
      <c r="AA15090" s="5"/>
      <c r="AB15090" s="5" t="s">
        <v>43</v>
      </c>
      <c r="AC15090" s="5" t="s">
        <v>44</v>
      </c>
      <c r="AD15090" s="2"/>
      <c r="AE15090" s="1"/>
    </row>
    <row r="15091" spans="1:31" ht="14.45">
      <c r="A15091" s="11"/>
      <c r="B15091" s="20"/>
      <c r="C15091" s="2" t="s">
        <v>46226</v>
      </c>
      <c r="D15091" s="14" t="s">
        <v>46227</v>
      </c>
      <c r="E15091" s="2" t="s">
        <v>46228</v>
      </c>
      <c r="F15091" s="2" t="s">
        <v>36357</v>
      </c>
      <c r="G15091" s="8">
        <v>308</v>
      </c>
      <c r="H15091" s="5">
        <v>6</v>
      </c>
      <c r="I15091" s="5" t="s">
        <v>1518</v>
      </c>
      <c r="J15091" s="5" t="s">
        <v>36264</v>
      </c>
      <c r="K15091" s="2" t="s">
        <v>36265</v>
      </c>
      <c r="L15091" s="5" t="s">
        <v>36264</v>
      </c>
      <c r="M15091" s="2" t="s">
        <v>36265</v>
      </c>
      <c r="N15091" s="5" t="s">
        <v>36266</v>
      </c>
      <c r="O15091" s="5" t="s">
        <v>38</v>
      </c>
      <c r="P15091" s="5" t="s">
        <v>39</v>
      </c>
      <c r="Q15091" s="5" t="s">
        <v>40</v>
      </c>
      <c r="R15091" s="5" t="s">
        <v>1522</v>
      </c>
      <c r="S15091" s="5" t="s">
        <v>1523</v>
      </c>
      <c r="T15091" s="5" t="s">
        <v>42</v>
      </c>
      <c r="U15091" s="2">
        <v>3.0579999999999998</v>
      </c>
      <c r="V15091" s="2">
        <v>2.4409999999999998</v>
      </c>
      <c r="W15091" s="2">
        <v>1.7999999999999999E-2</v>
      </c>
      <c r="X15091" s="2">
        <v>139.1</v>
      </c>
      <c r="Y15091" s="2">
        <v>7.6</v>
      </c>
      <c r="Z15091" s="2">
        <v>16.7</v>
      </c>
      <c r="AA15091" s="5"/>
      <c r="AB15091" s="5" t="s">
        <v>43</v>
      </c>
      <c r="AC15091" s="5" t="s">
        <v>44</v>
      </c>
      <c r="AD15091" s="2"/>
      <c r="AE15091" s="1"/>
    </row>
    <row r="15092" spans="1:31" ht="14.45">
      <c r="A15092" s="11"/>
      <c r="B15092" s="20"/>
      <c r="C15092" s="2" t="s">
        <v>46229</v>
      </c>
      <c r="D15092" s="14" t="s">
        <v>46230</v>
      </c>
      <c r="E15092" s="2" t="s">
        <v>46231</v>
      </c>
      <c r="F15092" s="2" t="s">
        <v>45598</v>
      </c>
      <c r="G15092" s="8">
        <v>308</v>
      </c>
      <c r="H15092" s="5">
        <v>6</v>
      </c>
      <c r="I15092" s="5" t="s">
        <v>1518</v>
      </c>
      <c r="J15092" s="5" t="s">
        <v>36264</v>
      </c>
      <c r="K15092" s="2" t="s">
        <v>36265</v>
      </c>
      <c r="L15092" s="5" t="s">
        <v>36264</v>
      </c>
      <c r="M15092" s="2" t="s">
        <v>36265</v>
      </c>
      <c r="N15092" s="5" t="s">
        <v>36266</v>
      </c>
      <c r="O15092" s="5" t="s">
        <v>38</v>
      </c>
      <c r="P15092" s="5" t="s">
        <v>39</v>
      </c>
      <c r="Q15092" s="5" t="s">
        <v>40</v>
      </c>
      <c r="R15092" s="5" t="s">
        <v>1522</v>
      </c>
      <c r="S15092" s="5" t="s">
        <v>1523</v>
      </c>
      <c r="T15092" s="5" t="s">
        <v>42</v>
      </c>
      <c r="U15092" s="2">
        <v>2.964</v>
      </c>
      <c r="V15092" s="2">
        <v>2.347</v>
      </c>
      <c r="W15092" s="2">
        <v>1.7999999999999999E-2</v>
      </c>
      <c r="X15092" s="2">
        <v>139.1</v>
      </c>
      <c r="Y15092" s="2">
        <v>7.6</v>
      </c>
      <c r="Z15092" s="2">
        <v>16.7</v>
      </c>
      <c r="AA15092" s="5"/>
      <c r="AB15092" s="5" t="s">
        <v>43</v>
      </c>
      <c r="AC15092" s="5" t="s">
        <v>44</v>
      </c>
      <c r="AD15092" s="2"/>
      <c r="AE15092" s="1"/>
    </row>
    <row r="15093" spans="1:31" ht="14.45">
      <c r="A15093" s="11"/>
      <c r="B15093" s="20"/>
      <c r="C15093" s="2" t="s">
        <v>46232</v>
      </c>
      <c r="D15093" s="14" t="s">
        <v>46233</v>
      </c>
      <c r="E15093" s="2" t="s">
        <v>46234</v>
      </c>
      <c r="F15093" s="2" t="s">
        <v>45534</v>
      </c>
      <c r="G15093" s="8">
        <v>308</v>
      </c>
      <c r="H15093" s="5">
        <v>6</v>
      </c>
      <c r="I15093" s="5" t="s">
        <v>1518</v>
      </c>
      <c r="J15093" s="5" t="s">
        <v>36264</v>
      </c>
      <c r="K15093" s="2" t="s">
        <v>36265</v>
      </c>
      <c r="L15093" s="5" t="s">
        <v>36264</v>
      </c>
      <c r="M15093" s="2" t="s">
        <v>36265</v>
      </c>
      <c r="N15093" s="5" t="s">
        <v>36266</v>
      </c>
      <c r="O15093" s="5" t="s">
        <v>38</v>
      </c>
      <c r="P15093" s="5" t="s">
        <v>39</v>
      </c>
      <c r="Q15093" s="5" t="s">
        <v>40</v>
      </c>
      <c r="R15093" s="5" t="s">
        <v>1522</v>
      </c>
      <c r="S15093" s="5" t="s">
        <v>1523</v>
      </c>
      <c r="T15093" s="5" t="s">
        <v>42</v>
      </c>
      <c r="U15093" s="2">
        <v>3.0579999999999998</v>
      </c>
      <c r="V15093" s="2">
        <v>2.4409999999999998</v>
      </c>
      <c r="W15093" s="2">
        <v>1.7999999999999999E-2</v>
      </c>
      <c r="X15093" s="2">
        <v>139.1</v>
      </c>
      <c r="Y15093" s="2">
        <v>7.6</v>
      </c>
      <c r="Z15093" s="2">
        <v>16.7</v>
      </c>
      <c r="AA15093" s="5"/>
      <c r="AB15093" s="5" t="s">
        <v>43</v>
      </c>
      <c r="AC15093" s="5" t="s">
        <v>44</v>
      </c>
      <c r="AD15093" s="2"/>
      <c r="AE15093" s="1"/>
    </row>
    <row r="15094" spans="1:31" ht="14.45">
      <c r="A15094" s="11"/>
      <c r="B15094" s="20"/>
      <c r="C15094" s="2" t="s">
        <v>46235</v>
      </c>
      <c r="D15094" s="14" t="s">
        <v>46236</v>
      </c>
      <c r="E15094" s="2" t="s">
        <v>46237</v>
      </c>
      <c r="F15094" s="2" t="s">
        <v>36373</v>
      </c>
      <c r="G15094" s="8">
        <v>308</v>
      </c>
      <c r="H15094" s="5">
        <v>6</v>
      </c>
      <c r="I15094" s="5" t="s">
        <v>1518</v>
      </c>
      <c r="J15094" s="5" t="s">
        <v>36264</v>
      </c>
      <c r="K15094" s="2" t="s">
        <v>36265</v>
      </c>
      <c r="L15094" s="5" t="s">
        <v>36264</v>
      </c>
      <c r="M15094" s="2" t="s">
        <v>36265</v>
      </c>
      <c r="N15094" s="5" t="s">
        <v>36266</v>
      </c>
      <c r="O15094" s="5" t="s">
        <v>38</v>
      </c>
      <c r="P15094" s="5" t="s">
        <v>39</v>
      </c>
      <c r="Q15094" s="5" t="s">
        <v>40</v>
      </c>
      <c r="R15094" s="5" t="s">
        <v>1522</v>
      </c>
      <c r="S15094" s="5" t="s">
        <v>1523</v>
      </c>
      <c r="T15094" s="5" t="s">
        <v>42</v>
      </c>
      <c r="U15094" s="2">
        <v>3.0579999999999998</v>
      </c>
      <c r="V15094" s="2">
        <v>2.4409999999999998</v>
      </c>
      <c r="W15094" s="2">
        <v>1.7999999999999999E-2</v>
      </c>
      <c r="X15094" s="2">
        <v>139.1</v>
      </c>
      <c r="Y15094" s="2">
        <v>7.6</v>
      </c>
      <c r="Z15094" s="2">
        <v>16.7</v>
      </c>
      <c r="AA15094" s="5"/>
      <c r="AB15094" s="5" t="s">
        <v>43</v>
      </c>
      <c r="AC15094" s="5" t="s">
        <v>44</v>
      </c>
      <c r="AD15094" s="2"/>
      <c r="AE15094" s="1"/>
    </row>
    <row r="15095" spans="1:31" ht="14.45">
      <c r="A15095" s="11"/>
      <c r="B15095" s="20"/>
      <c r="C15095" s="2" t="s">
        <v>46238</v>
      </c>
      <c r="D15095" s="14" t="s">
        <v>46239</v>
      </c>
      <c r="E15095" s="2" t="s">
        <v>46240</v>
      </c>
      <c r="F15095" s="2" t="s">
        <v>36377</v>
      </c>
      <c r="G15095" s="8">
        <v>308</v>
      </c>
      <c r="H15095" s="5">
        <v>6</v>
      </c>
      <c r="I15095" s="5" t="s">
        <v>1518</v>
      </c>
      <c r="J15095" s="5" t="s">
        <v>36264</v>
      </c>
      <c r="K15095" s="2" t="s">
        <v>36265</v>
      </c>
      <c r="L15095" s="5" t="s">
        <v>36264</v>
      </c>
      <c r="M15095" s="2" t="s">
        <v>36265</v>
      </c>
      <c r="N15095" s="5" t="s">
        <v>36266</v>
      </c>
      <c r="O15095" s="5" t="s">
        <v>38</v>
      </c>
      <c r="P15095" s="5" t="s">
        <v>39</v>
      </c>
      <c r="Q15095" s="5" t="s">
        <v>40</v>
      </c>
      <c r="R15095" s="5" t="s">
        <v>1522</v>
      </c>
      <c r="S15095" s="5" t="s">
        <v>1523</v>
      </c>
      <c r="T15095" s="5" t="s">
        <v>42</v>
      </c>
      <c r="U15095" s="2">
        <v>2.964</v>
      </c>
      <c r="V15095" s="2">
        <v>2.347</v>
      </c>
      <c r="W15095" s="2">
        <v>1.7999999999999999E-2</v>
      </c>
      <c r="X15095" s="2">
        <v>139.1</v>
      </c>
      <c r="Y15095" s="2">
        <v>7.6</v>
      </c>
      <c r="Z15095" s="2">
        <v>16.7</v>
      </c>
      <c r="AA15095" s="5"/>
      <c r="AB15095" s="5" t="s">
        <v>43</v>
      </c>
      <c r="AC15095" s="5" t="s">
        <v>44</v>
      </c>
      <c r="AD15095" s="2"/>
      <c r="AE15095" s="1"/>
    </row>
    <row r="15096" spans="1:31" ht="14.45">
      <c r="A15096" s="11"/>
      <c r="B15096" s="20"/>
      <c r="C15096" s="2" t="s">
        <v>46241</v>
      </c>
      <c r="D15096" s="14" t="s">
        <v>46242</v>
      </c>
      <c r="E15096" s="2" t="s">
        <v>46243</v>
      </c>
      <c r="F15096" s="2" t="s">
        <v>36381</v>
      </c>
      <c r="G15096" s="8">
        <v>308</v>
      </c>
      <c r="H15096" s="5">
        <v>6</v>
      </c>
      <c r="I15096" s="5" t="s">
        <v>1518</v>
      </c>
      <c r="J15096" s="5" t="s">
        <v>36264</v>
      </c>
      <c r="K15096" s="2" t="s">
        <v>36265</v>
      </c>
      <c r="L15096" s="5" t="s">
        <v>36264</v>
      </c>
      <c r="M15096" s="2" t="s">
        <v>36265</v>
      </c>
      <c r="N15096" s="5" t="s">
        <v>36266</v>
      </c>
      <c r="O15096" s="5" t="s">
        <v>38</v>
      </c>
      <c r="P15096" s="5" t="s">
        <v>39</v>
      </c>
      <c r="Q15096" s="5" t="s">
        <v>40</v>
      </c>
      <c r="R15096" s="5" t="s">
        <v>1522</v>
      </c>
      <c r="S15096" s="5" t="s">
        <v>1523</v>
      </c>
      <c r="T15096" s="5" t="s">
        <v>42</v>
      </c>
      <c r="U15096" s="2">
        <v>3.0579999999999998</v>
      </c>
      <c r="V15096" s="2">
        <v>2.4409999999999998</v>
      </c>
      <c r="W15096" s="2">
        <v>1.7999999999999999E-2</v>
      </c>
      <c r="X15096" s="2">
        <v>139.1</v>
      </c>
      <c r="Y15096" s="2">
        <v>7.6</v>
      </c>
      <c r="Z15096" s="2">
        <v>16.7</v>
      </c>
      <c r="AA15096" s="5"/>
      <c r="AB15096" s="5" t="s">
        <v>43</v>
      </c>
      <c r="AC15096" s="5" t="s">
        <v>44</v>
      </c>
      <c r="AD15096" s="2"/>
      <c r="AE15096" s="1"/>
    </row>
    <row r="15097" spans="1:31" ht="14.45">
      <c r="A15097" s="11"/>
      <c r="B15097" s="20"/>
      <c r="C15097" s="2" t="s">
        <v>46244</v>
      </c>
      <c r="D15097" s="14" t="s">
        <v>46245</v>
      </c>
      <c r="E15097" s="2" t="s">
        <v>46246</v>
      </c>
      <c r="F15097" s="2" t="s">
        <v>36389</v>
      </c>
      <c r="G15097" s="8">
        <v>308</v>
      </c>
      <c r="H15097" s="5">
        <v>6</v>
      </c>
      <c r="I15097" s="5" t="s">
        <v>1518</v>
      </c>
      <c r="J15097" s="5" t="s">
        <v>36264</v>
      </c>
      <c r="K15097" s="2" t="s">
        <v>36265</v>
      </c>
      <c r="L15097" s="5" t="s">
        <v>36264</v>
      </c>
      <c r="M15097" s="2" t="s">
        <v>36265</v>
      </c>
      <c r="N15097" s="5" t="s">
        <v>36266</v>
      </c>
      <c r="O15097" s="5" t="s">
        <v>38</v>
      </c>
      <c r="P15097" s="5" t="s">
        <v>39</v>
      </c>
      <c r="Q15097" s="5" t="s">
        <v>40</v>
      </c>
      <c r="R15097" s="5" t="s">
        <v>1522</v>
      </c>
      <c r="S15097" s="5" t="s">
        <v>1523</v>
      </c>
      <c r="T15097" s="5" t="s">
        <v>42</v>
      </c>
      <c r="U15097" s="2">
        <v>3.0579999999999998</v>
      </c>
      <c r="V15097" s="2">
        <v>2.4409999999999998</v>
      </c>
      <c r="W15097" s="2">
        <v>1.7999999999999999E-2</v>
      </c>
      <c r="X15097" s="2">
        <v>139.1</v>
      </c>
      <c r="Y15097" s="2">
        <v>7.6</v>
      </c>
      <c r="Z15097" s="2">
        <v>16.7</v>
      </c>
      <c r="AA15097" s="5"/>
      <c r="AB15097" s="5" t="s">
        <v>43</v>
      </c>
      <c r="AC15097" s="5" t="s">
        <v>44</v>
      </c>
      <c r="AD15097" s="2"/>
      <c r="AE15097" s="1"/>
    </row>
    <row r="15098" spans="1:31" ht="14.45">
      <c r="A15098" s="11"/>
      <c r="B15098" s="20"/>
      <c r="C15098" s="2" t="s">
        <v>46247</v>
      </c>
      <c r="D15098" s="14" t="s">
        <v>46248</v>
      </c>
      <c r="E15098" s="2" t="s">
        <v>46249</v>
      </c>
      <c r="F15098" s="2" t="s">
        <v>7204</v>
      </c>
      <c r="G15098" s="8">
        <v>294</v>
      </c>
      <c r="H15098" s="5">
        <v>6</v>
      </c>
      <c r="I15098" s="5" t="s">
        <v>1518</v>
      </c>
      <c r="J15098" s="5" t="s">
        <v>36264</v>
      </c>
      <c r="K15098" s="2" t="s">
        <v>36265</v>
      </c>
      <c r="L15098" s="5" t="s">
        <v>36264</v>
      </c>
      <c r="M15098" s="2" t="s">
        <v>36265</v>
      </c>
      <c r="N15098" s="5" t="s">
        <v>36266</v>
      </c>
      <c r="O15098" s="5" t="s">
        <v>38</v>
      </c>
      <c r="P15098" s="5" t="s">
        <v>39</v>
      </c>
      <c r="Q15098" s="5" t="s">
        <v>40</v>
      </c>
      <c r="R15098" s="5" t="s">
        <v>1522</v>
      </c>
      <c r="S15098" s="5" t="s">
        <v>1523</v>
      </c>
      <c r="T15098" s="5" t="s">
        <v>42</v>
      </c>
      <c r="U15098" s="2">
        <v>3.214</v>
      </c>
      <c r="V15098" s="2">
        <v>2.5139999999999998</v>
      </c>
      <c r="W15098" s="2">
        <v>0.02</v>
      </c>
      <c r="X15098" s="2">
        <v>159.1</v>
      </c>
      <c r="Y15098" s="2">
        <v>7.6</v>
      </c>
      <c r="Z15098" s="2">
        <v>16.7</v>
      </c>
      <c r="AA15098" s="5"/>
      <c r="AB15098" s="5" t="s">
        <v>43</v>
      </c>
      <c r="AC15098" s="5" t="s">
        <v>44</v>
      </c>
      <c r="AD15098" s="2"/>
      <c r="AE15098" s="1"/>
    </row>
    <row r="15099" spans="1:31" ht="14.45">
      <c r="A15099" s="11"/>
      <c r="B15099" s="20"/>
      <c r="C15099" s="2" t="s">
        <v>46250</v>
      </c>
      <c r="D15099" s="14" t="s">
        <v>46251</v>
      </c>
      <c r="E15099" s="2" t="s">
        <v>46252</v>
      </c>
      <c r="F15099" s="2" t="s">
        <v>7514</v>
      </c>
      <c r="G15099" s="8">
        <v>294</v>
      </c>
      <c r="H15099" s="5">
        <v>6</v>
      </c>
      <c r="I15099" s="5" t="s">
        <v>1518</v>
      </c>
      <c r="J15099" s="5" t="s">
        <v>36264</v>
      </c>
      <c r="K15099" s="2" t="s">
        <v>36265</v>
      </c>
      <c r="L15099" s="5" t="s">
        <v>36264</v>
      </c>
      <c r="M15099" s="2" t="s">
        <v>36265</v>
      </c>
      <c r="N15099" s="5" t="s">
        <v>36266</v>
      </c>
      <c r="O15099" s="5" t="s">
        <v>38</v>
      </c>
      <c r="P15099" s="5" t="s">
        <v>39</v>
      </c>
      <c r="Q15099" s="5" t="s">
        <v>40</v>
      </c>
      <c r="R15099" s="5" t="s">
        <v>1522</v>
      </c>
      <c r="S15099" s="5" t="s">
        <v>1523</v>
      </c>
      <c r="T15099" s="5" t="s">
        <v>42</v>
      </c>
      <c r="U15099" s="2">
        <v>3.32</v>
      </c>
      <c r="V15099" s="2">
        <v>2.62</v>
      </c>
      <c r="W15099" s="2">
        <v>0.02</v>
      </c>
      <c r="X15099" s="2">
        <v>159.1</v>
      </c>
      <c r="Y15099" s="2">
        <v>7.6</v>
      </c>
      <c r="Z15099" s="2">
        <v>16.7</v>
      </c>
      <c r="AA15099" s="5"/>
      <c r="AB15099" s="5" t="s">
        <v>43</v>
      </c>
      <c r="AC15099" s="5" t="s">
        <v>44</v>
      </c>
      <c r="AD15099" s="2"/>
      <c r="AE15099" s="1"/>
    </row>
    <row r="15100" spans="1:31" ht="14.45">
      <c r="A15100" s="11"/>
      <c r="B15100" s="20"/>
      <c r="C15100" s="2" t="s">
        <v>46253</v>
      </c>
      <c r="D15100" s="14" t="s">
        <v>46254</v>
      </c>
      <c r="E15100" s="2" t="s">
        <v>46255</v>
      </c>
      <c r="F15100" s="2" t="s">
        <v>36277</v>
      </c>
      <c r="G15100" s="8">
        <v>294</v>
      </c>
      <c r="H15100" s="5">
        <v>6</v>
      </c>
      <c r="I15100" s="5" t="s">
        <v>1518</v>
      </c>
      <c r="J15100" s="5" t="s">
        <v>36264</v>
      </c>
      <c r="K15100" s="2" t="s">
        <v>36265</v>
      </c>
      <c r="L15100" s="5" t="s">
        <v>36264</v>
      </c>
      <c r="M15100" s="2" t="s">
        <v>36265</v>
      </c>
      <c r="N15100" s="5" t="s">
        <v>36266</v>
      </c>
      <c r="O15100" s="5" t="s">
        <v>38</v>
      </c>
      <c r="P15100" s="5" t="s">
        <v>39</v>
      </c>
      <c r="Q15100" s="5" t="s">
        <v>40</v>
      </c>
      <c r="R15100" s="5" t="s">
        <v>1522</v>
      </c>
      <c r="S15100" s="5" t="s">
        <v>1523</v>
      </c>
      <c r="T15100" s="5" t="s">
        <v>42</v>
      </c>
      <c r="U15100" s="2">
        <v>3.32</v>
      </c>
      <c r="V15100" s="2">
        <v>2.62</v>
      </c>
      <c r="W15100" s="2">
        <v>0.02</v>
      </c>
      <c r="X15100" s="2">
        <v>159.1</v>
      </c>
      <c r="Y15100" s="2">
        <v>7.6</v>
      </c>
      <c r="Z15100" s="2">
        <v>16.7</v>
      </c>
      <c r="AA15100" s="5"/>
      <c r="AB15100" s="5" t="s">
        <v>43</v>
      </c>
      <c r="AC15100" s="5" t="s">
        <v>44</v>
      </c>
      <c r="AD15100" s="2"/>
      <c r="AE15100" s="1"/>
    </row>
    <row r="15101" spans="1:31" ht="14.45">
      <c r="A15101" s="11"/>
      <c r="B15101" s="20"/>
      <c r="C15101" s="2" t="s">
        <v>46256</v>
      </c>
      <c r="D15101" s="14" t="s">
        <v>46257</v>
      </c>
      <c r="E15101" s="2" t="s">
        <v>46258</v>
      </c>
      <c r="F15101" s="2" t="s">
        <v>36281</v>
      </c>
      <c r="G15101" s="8">
        <v>318</v>
      </c>
      <c r="H15101" s="5">
        <v>6</v>
      </c>
      <c r="I15101" s="5" t="s">
        <v>1518</v>
      </c>
      <c r="J15101" s="5" t="s">
        <v>36264</v>
      </c>
      <c r="K15101" s="2" t="s">
        <v>36265</v>
      </c>
      <c r="L15101" s="5" t="s">
        <v>36264</v>
      </c>
      <c r="M15101" s="2" t="s">
        <v>36265</v>
      </c>
      <c r="N15101" s="5" t="s">
        <v>36266</v>
      </c>
      <c r="O15101" s="5" t="s">
        <v>38</v>
      </c>
      <c r="P15101" s="5" t="s">
        <v>39</v>
      </c>
      <c r="Q15101" s="5" t="s">
        <v>40</v>
      </c>
      <c r="R15101" s="5" t="s">
        <v>1522</v>
      </c>
      <c r="S15101" s="5" t="s">
        <v>1523</v>
      </c>
      <c r="T15101" s="5" t="s">
        <v>42</v>
      </c>
      <c r="U15101" s="2">
        <v>3.214</v>
      </c>
      <c r="V15101" s="2">
        <v>2.5139999999999998</v>
      </c>
      <c r="W15101" s="2">
        <v>0.02</v>
      </c>
      <c r="X15101" s="2">
        <v>159.1</v>
      </c>
      <c r="Y15101" s="2">
        <v>7.6</v>
      </c>
      <c r="Z15101" s="2">
        <v>16.7</v>
      </c>
      <c r="AA15101" s="5"/>
      <c r="AB15101" s="5" t="s">
        <v>43</v>
      </c>
      <c r="AC15101" s="5" t="s">
        <v>44</v>
      </c>
      <c r="AD15101" s="2"/>
      <c r="AE15101" s="1"/>
    </row>
    <row r="15102" spans="1:31" ht="14.45">
      <c r="A15102" s="11"/>
      <c r="B15102" s="20"/>
      <c r="C15102" s="2" t="s">
        <v>46259</v>
      </c>
      <c r="D15102" s="14" t="s">
        <v>46260</v>
      </c>
      <c r="E15102" s="2" t="s">
        <v>46261</v>
      </c>
      <c r="F15102" s="2" t="s">
        <v>36289</v>
      </c>
      <c r="G15102" s="8">
        <v>318</v>
      </c>
      <c r="H15102" s="5">
        <v>6</v>
      </c>
      <c r="I15102" s="5" t="s">
        <v>1518</v>
      </c>
      <c r="J15102" s="5" t="s">
        <v>36264</v>
      </c>
      <c r="K15102" s="2" t="s">
        <v>36265</v>
      </c>
      <c r="L15102" s="5" t="s">
        <v>36264</v>
      </c>
      <c r="M15102" s="2" t="s">
        <v>36265</v>
      </c>
      <c r="N15102" s="5" t="s">
        <v>36266</v>
      </c>
      <c r="O15102" s="5" t="s">
        <v>38</v>
      </c>
      <c r="P15102" s="5" t="s">
        <v>39</v>
      </c>
      <c r="Q15102" s="5" t="s">
        <v>40</v>
      </c>
      <c r="R15102" s="5" t="s">
        <v>1522</v>
      </c>
      <c r="S15102" s="5" t="s">
        <v>1523</v>
      </c>
      <c r="T15102" s="5" t="s">
        <v>42</v>
      </c>
      <c r="U15102" s="2">
        <v>3.214</v>
      </c>
      <c r="V15102" s="2">
        <v>2.5139999999999998</v>
      </c>
      <c r="W15102" s="2">
        <v>0.02</v>
      </c>
      <c r="X15102" s="2">
        <v>159.1</v>
      </c>
      <c r="Y15102" s="2">
        <v>7.6</v>
      </c>
      <c r="Z15102" s="2">
        <v>16.7</v>
      </c>
      <c r="AA15102" s="5"/>
      <c r="AB15102" s="5" t="s">
        <v>43</v>
      </c>
      <c r="AC15102" s="5" t="s">
        <v>44</v>
      </c>
      <c r="AD15102" s="2"/>
      <c r="AE15102" s="1"/>
    </row>
    <row r="15103" spans="1:31" ht="14.45">
      <c r="A15103" s="11"/>
      <c r="B15103" s="20"/>
      <c r="C15103" s="2" t="s">
        <v>46262</v>
      </c>
      <c r="D15103" s="14" t="s">
        <v>46263</v>
      </c>
      <c r="E15103" s="2" t="s">
        <v>46264</v>
      </c>
      <c r="F15103" s="2" t="s">
        <v>36293</v>
      </c>
      <c r="G15103" s="8">
        <v>318</v>
      </c>
      <c r="H15103" s="5">
        <v>6</v>
      </c>
      <c r="I15103" s="5" t="s">
        <v>1518</v>
      </c>
      <c r="J15103" s="5" t="s">
        <v>36264</v>
      </c>
      <c r="K15103" s="2" t="s">
        <v>36265</v>
      </c>
      <c r="L15103" s="5" t="s">
        <v>36264</v>
      </c>
      <c r="M15103" s="2" t="s">
        <v>36265</v>
      </c>
      <c r="N15103" s="5" t="s">
        <v>36266</v>
      </c>
      <c r="O15103" s="5" t="s">
        <v>38</v>
      </c>
      <c r="P15103" s="5" t="s">
        <v>39</v>
      </c>
      <c r="Q15103" s="5" t="s">
        <v>40</v>
      </c>
      <c r="R15103" s="5" t="s">
        <v>1522</v>
      </c>
      <c r="S15103" s="5" t="s">
        <v>1523</v>
      </c>
      <c r="T15103" s="5" t="s">
        <v>42</v>
      </c>
      <c r="U15103" s="2">
        <v>3.32</v>
      </c>
      <c r="V15103" s="2">
        <v>2.62</v>
      </c>
      <c r="W15103" s="2">
        <v>0.02</v>
      </c>
      <c r="X15103" s="2">
        <v>159.1</v>
      </c>
      <c r="Y15103" s="2">
        <v>7.6</v>
      </c>
      <c r="Z15103" s="2">
        <v>16.7</v>
      </c>
      <c r="AA15103" s="5"/>
      <c r="AB15103" s="5" t="s">
        <v>43</v>
      </c>
      <c r="AC15103" s="5" t="s">
        <v>44</v>
      </c>
      <c r="AD15103" s="2"/>
      <c r="AE15103" s="1"/>
    </row>
    <row r="15104" spans="1:31" ht="14.45">
      <c r="A15104" s="11"/>
      <c r="B15104" s="20"/>
      <c r="C15104" s="2" t="s">
        <v>46265</v>
      </c>
      <c r="D15104" s="14" t="s">
        <v>46266</v>
      </c>
      <c r="E15104" s="2" t="s">
        <v>46267</v>
      </c>
      <c r="F15104" s="2" t="s">
        <v>36297</v>
      </c>
      <c r="G15104" s="8">
        <v>294</v>
      </c>
      <c r="H15104" s="5">
        <v>6</v>
      </c>
      <c r="I15104" s="5" t="s">
        <v>1518</v>
      </c>
      <c r="J15104" s="5" t="s">
        <v>36264</v>
      </c>
      <c r="K15104" s="2" t="s">
        <v>36265</v>
      </c>
      <c r="L15104" s="5" t="s">
        <v>36264</v>
      </c>
      <c r="M15104" s="2" t="s">
        <v>36265</v>
      </c>
      <c r="N15104" s="5" t="s">
        <v>36266</v>
      </c>
      <c r="O15104" s="5" t="s">
        <v>38</v>
      </c>
      <c r="P15104" s="5" t="s">
        <v>39</v>
      </c>
      <c r="Q15104" s="5" t="s">
        <v>40</v>
      </c>
      <c r="R15104" s="5" t="s">
        <v>1522</v>
      </c>
      <c r="S15104" s="5" t="s">
        <v>1523</v>
      </c>
      <c r="T15104" s="5" t="s">
        <v>42</v>
      </c>
      <c r="U15104" s="2">
        <v>3.214</v>
      </c>
      <c r="V15104" s="2">
        <v>2.5139999999999998</v>
      </c>
      <c r="W15104" s="2">
        <v>0.02</v>
      </c>
      <c r="X15104" s="2">
        <v>159.1</v>
      </c>
      <c r="Y15104" s="2">
        <v>7.6</v>
      </c>
      <c r="Z15104" s="2">
        <v>16.7</v>
      </c>
      <c r="AA15104" s="5"/>
      <c r="AB15104" s="5" t="s">
        <v>43</v>
      </c>
      <c r="AC15104" s="5" t="s">
        <v>44</v>
      </c>
      <c r="AD15104" s="2"/>
      <c r="AE15104" s="1"/>
    </row>
    <row r="15105" spans="1:31" ht="14.45">
      <c r="A15105" s="11"/>
      <c r="B15105" s="20"/>
      <c r="C15105" s="2" t="s">
        <v>46268</v>
      </c>
      <c r="D15105" s="14" t="s">
        <v>46269</v>
      </c>
      <c r="E15105" s="2" t="s">
        <v>46270</v>
      </c>
      <c r="F15105" s="2" t="s">
        <v>36301</v>
      </c>
      <c r="G15105" s="8">
        <v>294</v>
      </c>
      <c r="H15105" s="5">
        <v>6</v>
      </c>
      <c r="I15105" s="5" t="s">
        <v>1518</v>
      </c>
      <c r="J15105" s="5" t="s">
        <v>36264</v>
      </c>
      <c r="K15105" s="2" t="s">
        <v>36265</v>
      </c>
      <c r="L15105" s="5" t="s">
        <v>36264</v>
      </c>
      <c r="M15105" s="2" t="s">
        <v>36265</v>
      </c>
      <c r="N15105" s="5" t="s">
        <v>36266</v>
      </c>
      <c r="O15105" s="5" t="s">
        <v>38</v>
      </c>
      <c r="P15105" s="5" t="s">
        <v>39</v>
      </c>
      <c r="Q15105" s="5" t="s">
        <v>40</v>
      </c>
      <c r="R15105" s="5" t="s">
        <v>1522</v>
      </c>
      <c r="S15105" s="5" t="s">
        <v>1523</v>
      </c>
      <c r="T15105" s="5" t="s">
        <v>42</v>
      </c>
      <c r="U15105" s="2">
        <v>3.32</v>
      </c>
      <c r="V15105" s="2">
        <v>2.62</v>
      </c>
      <c r="W15105" s="2">
        <v>0.02</v>
      </c>
      <c r="X15105" s="2">
        <v>159.1</v>
      </c>
      <c r="Y15105" s="2">
        <v>7.6</v>
      </c>
      <c r="Z15105" s="2">
        <v>16.7</v>
      </c>
      <c r="AA15105" s="5"/>
      <c r="AB15105" s="5" t="s">
        <v>43</v>
      </c>
      <c r="AC15105" s="5" t="s">
        <v>44</v>
      </c>
      <c r="AD15105" s="2"/>
      <c r="AE15105" s="1"/>
    </row>
    <row r="15106" spans="1:31" ht="14.45">
      <c r="A15106" s="11"/>
      <c r="B15106" s="20"/>
      <c r="C15106" s="2" t="s">
        <v>46271</v>
      </c>
      <c r="D15106" s="14" t="s">
        <v>46272</v>
      </c>
      <c r="E15106" s="2" t="s">
        <v>46273</v>
      </c>
      <c r="F15106" s="2" t="s">
        <v>36305</v>
      </c>
      <c r="G15106" s="8">
        <v>294</v>
      </c>
      <c r="H15106" s="5">
        <v>6</v>
      </c>
      <c r="I15106" s="5" t="s">
        <v>1518</v>
      </c>
      <c r="J15106" s="5" t="s">
        <v>36264</v>
      </c>
      <c r="K15106" s="2" t="s">
        <v>36265</v>
      </c>
      <c r="L15106" s="5" t="s">
        <v>36264</v>
      </c>
      <c r="M15106" s="2" t="s">
        <v>36265</v>
      </c>
      <c r="N15106" s="5" t="s">
        <v>36266</v>
      </c>
      <c r="O15106" s="5" t="s">
        <v>38</v>
      </c>
      <c r="P15106" s="5" t="s">
        <v>39</v>
      </c>
      <c r="Q15106" s="5" t="s">
        <v>40</v>
      </c>
      <c r="R15106" s="5" t="s">
        <v>1522</v>
      </c>
      <c r="S15106" s="5" t="s">
        <v>1523</v>
      </c>
      <c r="T15106" s="5" t="s">
        <v>42</v>
      </c>
      <c r="U15106" s="2">
        <v>3.214</v>
      </c>
      <c r="V15106" s="2">
        <v>2.5139999999999998</v>
      </c>
      <c r="W15106" s="2">
        <v>0.02</v>
      </c>
      <c r="X15106" s="2">
        <v>159.1</v>
      </c>
      <c r="Y15106" s="2">
        <v>7.6</v>
      </c>
      <c r="Z15106" s="2">
        <v>16.7</v>
      </c>
      <c r="AA15106" s="5"/>
      <c r="AB15106" s="5" t="s">
        <v>43</v>
      </c>
      <c r="AC15106" s="5" t="s">
        <v>44</v>
      </c>
      <c r="AD15106" s="2"/>
      <c r="AE15106" s="1"/>
    </row>
    <row r="15107" spans="1:31" ht="14.45">
      <c r="A15107" s="11"/>
      <c r="B15107" s="20"/>
      <c r="C15107" s="2" t="s">
        <v>46274</v>
      </c>
      <c r="D15107" s="14" t="s">
        <v>46275</v>
      </c>
      <c r="E15107" s="2" t="s">
        <v>46276</v>
      </c>
      <c r="F15107" s="2" t="s">
        <v>36309</v>
      </c>
      <c r="G15107" s="8">
        <v>294</v>
      </c>
      <c r="H15107" s="5">
        <v>6</v>
      </c>
      <c r="I15107" s="5" t="s">
        <v>1518</v>
      </c>
      <c r="J15107" s="5" t="s">
        <v>36264</v>
      </c>
      <c r="K15107" s="2" t="s">
        <v>36265</v>
      </c>
      <c r="L15107" s="5" t="s">
        <v>36264</v>
      </c>
      <c r="M15107" s="2" t="s">
        <v>36265</v>
      </c>
      <c r="N15107" s="5" t="s">
        <v>36266</v>
      </c>
      <c r="O15107" s="5" t="s">
        <v>38</v>
      </c>
      <c r="P15107" s="5" t="s">
        <v>39</v>
      </c>
      <c r="Q15107" s="5" t="s">
        <v>40</v>
      </c>
      <c r="R15107" s="5" t="s">
        <v>1522</v>
      </c>
      <c r="S15107" s="5" t="s">
        <v>1523</v>
      </c>
      <c r="T15107" s="5" t="s">
        <v>42</v>
      </c>
      <c r="U15107" s="2">
        <v>3.32</v>
      </c>
      <c r="V15107" s="2">
        <v>2.62</v>
      </c>
      <c r="W15107" s="2">
        <v>0.02</v>
      </c>
      <c r="X15107" s="2">
        <v>159.1</v>
      </c>
      <c r="Y15107" s="2">
        <v>7.6</v>
      </c>
      <c r="Z15107" s="2">
        <v>16.7</v>
      </c>
      <c r="AA15107" s="5"/>
      <c r="AB15107" s="5" t="s">
        <v>43</v>
      </c>
      <c r="AC15107" s="5" t="s">
        <v>44</v>
      </c>
      <c r="AD15107" s="2"/>
      <c r="AE15107" s="1"/>
    </row>
    <row r="15108" spans="1:31" ht="14.45">
      <c r="A15108" s="11"/>
      <c r="B15108" s="20"/>
      <c r="C15108" s="2" t="s">
        <v>46277</v>
      </c>
      <c r="D15108" s="14" t="s">
        <v>46278</v>
      </c>
      <c r="E15108" s="2" t="s">
        <v>46279</v>
      </c>
      <c r="F15108" s="2" t="s">
        <v>36317</v>
      </c>
      <c r="G15108" s="8">
        <v>318</v>
      </c>
      <c r="H15108" s="5">
        <v>6</v>
      </c>
      <c r="I15108" s="5" t="s">
        <v>1518</v>
      </c>
      <c r="J15108" s="5" t="s">
        <v>36264</v>
      </c>
      <c r="K15108" s="2" t="s">
        <v>36265</v>
      </c>
      <c r="L15108" s="5" t="s">
        <v>36264</v>
      </c>
      <c r="M15108" s="2" t="s">
        <v>36265</v>
      </c>
      <c r="N15108" s="5" t="s">
        <v>36266</v>
      </c>
      <c r="O15108" s="5" t="s">
        <v>38</v>
      </c>
      <c r="P15108" s="5" t="s">
        <v>39</v>
      </c>
      <c r="Q15108" s="5" t="s">
        <v>40</v>
      </c>
      <c r="R15108" s="5" t="s">
        <v>1522</v>
      </c>
      <c r="S15108" s="5" t="s">
        <v>1523</v>
      </c>
      <c r="T15108" s="5" t="s">
        <v>42</v>
      </c>
      <c r="U15108" s="2">
        <v>3.32</v>
      </c>
      <c r="V15108" s="2">
        <v>2.62</v>
      </c>
      <c r="W15108" s="2">
        <v>0.02</v>
      </c>
      <c r="X15108" s="2">
        <v>159.1</v>
      </c>
      <c r="Y15108" s="2">
        <v>7.6</v>
      </c>
      <c r="Z15108" s="2">
        <v>16.7</v>
      </c>
      <c r="AA15108" s="5"/>
      <c r="AB15108" s="5" t="s">
        <v>43</v>
      </c>
      <c r="AC15108" s="5" t="s">
        <v>44</v>
      </c>
      <c r="AD15108" s="2"/>
      <c r="AE15108" s="1"/>
    </row>
    <row r="15109" spans="1:31" ht="14.45">
      <c r="A15109" s="11"/>
      <c r="B15109" s="20"/>
      <c r="C15109" s="2" t="s">
        <v>46280</v>
      </c>
      <c r="D15109" s="14" t="s">
        <v>46281</v>
      </c>
      <c r="E15109" s="2" t="s">
        <v>46282</v>
      </c>
      <c r="F15109" s="2" t="s">
        <v>36333</v>
      </c>
      <c r="G15109" s="8">
        <v>318</v>
      </c>
      <c r="H15109" s="5">
        <v>6</v>
      </c>
      <c r="I15109" s="5" t="s">
        <v>1518</v>
      </c>
      <c r="J15109" s="5" t="s">
        <v>36264</v>
      </c>
      <c r="K15109" s="2" t="s">
        <v>36265</v>
      </c>
      <c r="L15109" s="5" t="s">
        <v>36264</v>
      </c>
      <c r="M15109" s="2" t="s">
        <v>36265</v>
      </c>
      <c r="N15109" s="5" t="s">
        <v>36266</v>
      </c>
      <c r="O15109" s="5" t="s">
        <v>38</v>
      </c>
      <c r="P15109" s="5" t="s">
        <v>39</v>
      </c>
      <c r="Q15109" s="5" t="s">
        <v>40</v>
      </c>
      <c r="R15109" s="5" t="s">
        <v>1522</v>
      </c>
      <c r="S15109" s="5" t="s">
        <v>1523</v>
      </c>
      <c r="T15109" s="5" t="s">
        <v>42</v>
      </c>
      <c r="U15109" s="2">
        <v>3.32</v>
      </c>
      <c r="V15109" s="2">
        <v>2.62</v>
      </c>
      <c r="W15109" s="2">
        <v>0.02</v>
      </c>
      <c r="X15109" s="2">
        <v>159.1</v>
      </c>
      <c r="Y15109" s="2">
        <v>7.6</v>
      </c>
      <c r="Z15109" s="2">
        <v>16.7</v>
      </c>
      <c r="AA15109" s="5"/>
      <c r="AB15109" s="5" t="s">
        <v>43</v>
      </c>
      <c r="AC15109" s="5" t="s">
        <v>44</v>
      </c>
      <c r="AD15109" s="2"/>
      <c r="AE15109" s="1"/>
    </row>
    <row r="15110" spans="1:31" ht="14.45">
      <c r="A15110" s="11"/>
      <c r="B15110" s="20"/>
      <c r="C15110" s="2" t="s">
        <v>46283</v>
      </c>
      <c r="D15110" s="14" t="s">
        <v>46284</v>
      </c>
      <c r="E15110" s="2" t="s">
        <v>46285</v>
      </c>
      <c r="F15110" s="2" t="s">
        <v>36349</v>
      </c>
      <c r="G15110" s="8">
        <v>318</v>
      </c>
      <c r="H15110" s="5">
        <v>6</v>
      </c>
      <c r="I15110" s="5" t="s">
        <v>1518</v>
      </c>
      <c r="J15110" s="5" t="s">
        <v>36264</v>
      </c>
      <c r="K15110" s="2" t="s">
        <v>36265</v>
      </c>
      <c r="L15110" s="5" t="s">
        <v>36264</v>
      </c>
      <c r="M15110" s="2" t="s">
        <v>36265</v>
      </c>
      <c r="N15110" s="5" t="s">
        <v>36266</v>
      </c>
      <c r="O15110" s="5" t="s">
        <v>38</v>
      </c>
      <c r="P15110" s="5" t="s">
        <v>39</v>
      </c>
      <c r="Q15110" s="5" t="s">
        <v>40</v>
      </c>
      <c r="R15110" s="5" t="s">
        <v>1522</v>
      </c>
      <c r="S15110" s="5" t="s">
        <v>1523</v>
      </c>
      <c r="T15110" s="5" t="s">
        <v>42</v>
      </c>
      <c r="U15110" s="2">
        <v>3.32</v>
      </c>
      <c r="V15110" s="2">
        <v>2.62</v>
      </c>
      <c r="W15110" s="2">
        <v>0.02</v>
      </c>
      <c r="X15110" s="2">
        <v>159.1</v>
      </c>
      <c r="Y15110" s="2">
        <v>7.6</v>
      </c>
      <c r="Z15110" s="2">
        <v>16.7</v>
      </c>
      <c r="AA15110" s="5"/>
      <c r="AB15110" s="5" t="s">
        <v>43</v>
      </c>
      <c r="AC15110" s="5" t="s">
        <v>44</v>
      </c>
      <c r="AD15110" s="2"/>
      <c r="AE15110" s="1"/>
    </row>
    <row r="15111" spans="1:31" ht="14.45">
      <c r="A15111" s="11"/>
      <c r="B15111" s="20"/>
      <c r="C15111" s="2" t="s">
        <v>46286</v>
      </c>
      <c r="D15111" s="14" t="s">
        <v>46287</v>
      </c>
      <c r="E15111" s="2" t="s">
        <v>46288</v>
      </c>
      <c r="F15111" s="2" t="s">
        <v>45534</v>
      </c>
      <c r="G15111" s="8">
        <v>318</v>
      </c>
      <c r="H15111" s="5">
        <v>6</v>
      </c>
      <c r="I15111" s="5" t="s">
        <v>1518</v>
      </c>
      <c r="J15111" s="5" t="s">
        <v>36264</v>
      </c>
      <c r="K15111" s="2" t="s">
        <v>36265</v>
      </c>
      <c r="L15111" s="5" t="s">
        <v>36264</v>
      </c>
      <c r="M15111" s="2" t="s">
        <v>36265</v>
      </c>
      <c r="N15111" s="5" t="s">
        <v>36266</v>
      </c>
      <c r="O15111" s="5" t="s">
        <v>38</v>
      </c>
      <c r="P15111" s="5" t="s">
        <v>39</v>
      </c>
      <c r="Q15111" s="5" t="s">
        <v>40</v>
      </c>
      <c r="R15111" s="5" t="s">
        <v>1522</v>
      </c>
      <c r="S15111" s="5" t="s">
        <v>1523</v>
      </c>
      <c r="T15111" s="5" t="s">
        <v>42</v>
      </c>
      <c r="U15111" s="2">
        <v>3.32</v>
      </c>
      <c r="V15111" s="2">
        <v>2.62</v>
      </c>
      <c r="W15111" s="2">
        <v>0.02</v>
      </c>
      <c r="X15111" s="2">
        <v>159.1</v>
      </c>
      <c r="Y15111" s="2">
        <v>7.6</v>
      </c>
      <c r="Z15111" s="2">
        <v>16.7</v>
      </c>
      <c r="AA15111" s="5"/>
      <c r="AB15111" s="5" t="s">
        <v>43</v>
      </c>
      <c r="AC15111" s="5" t="s">
        <v>44</v>
      </c>
      <c r="AD15111" s="2"/>
      <c r="AE15111" s="1"/>
    </row>
    <row r="15112" spans="1:31" ht="14.45">
      <c r="A15112" s="11"/>
      <c r="B15112" s="20"/>
      <c r="C15112" s="2" t="s">
        <v>46289</v>
      </c>
      <c r="D15112" s="14" t="s">
        <v>46290</v>
      </c>
      <c r="E15112" s="2" t="s">
        <v>46291</v>
      </c>
      <c r="F15112" s="2" t="s">
        <v>36369</v>
      </c>
      <c r="G15112" s="8">
        <v>318</v>
      </c>
      <c r="H15112" s="5">
        <v>6</v>
      </c>
      <c r="I15112" s="5" t="s">
        <v>1518</v>
      </c>
      <c r="J15112" s="5" t="s">
        <v>36264</v>
      </c>
      <c r="K15112" s="2" t="s">
        <v>36265</v>
      </c>
      <c r="L15112" s="5" t="s">
        <v>36264</v>
      </c>
      <c r="M15112" s="2" t="s">
        <v>36265</v>
      </c>
      <c r="N15112" s="5" t="s">
        <v>36266</v>
      </c>
      <c r="O15112" s="5" t="s">
        <v>38</v>
      </c>
      <c r="P15112" s="5" t="s">
        <v>39</v>
      </c>
      <c r="Q15112" s="5" t="s">
        <v>40</v>
      </c>
      <c r="R15112" s="5" t="s">
        <v>1522</v>
      </c>
      <c r="S15112" s="5" t="s">
        <v>1523</v>
      </c>
      <c r="T15112" s="5" t="s">
        <v>42</v>
      </c>
      <c r="U15112" s="2">
        <v>3.214</v>
      </c>
      <c r="V15112" s="2">
        <v>2.5139999999999998</v>
      </c>
      <c r="W15112" s="2">
        <v>0.02</v>
      </c>
      <c r="X15112" s="2">
        <v>159.1</v>
      </c>
      <c r="Y15112" s="2">
        <v>7.6</v>
      </c>
      <c r="Z15112" s="2">
        <v>16.7</v>
      </c>
      <c r="AA15112" s="5"/>
      <c r="AB15112" s="5" t="s">
        <v>43</v>
      </c>
      <c r="AC15112" s="5" t="s">
        <v>44</v>
      </c>
      <c r="AD15112" s="2"/>
      <c r="AE15112" s="1"/>
    </row>
    <row r="15113" spans="1:31" ht="14.45">
      <c r="A15113" s="11"/>
      <c r="B15113" s="20"/>
      <c r="C15113" s="2" t="s">
        <v>46292</v>
      </c>
      <c r="D15113" s="14" t="s">
        <v>46293</v>
      </c>
      <c r="E15113" s="2" t="s">
        <v>46294</v>
      </c>
      <c r="F15113" s="2" t="s">
        <v>36373</v>
      </c>
      <c r="G15113" s="8">
        <v>318</v>
      </c>
      <c r="H15113" s="5">
        <v>6</v>
      </c>
      <c r="I15113" s="5" t="s">
        <v>1518</v>
      </c>
      <c r="J15113" s="5" t="s">
        <v>36264</v>
      </c>
      <c r="K15113" s="2" t="s">
        <v>36265</v>
      </c>
      <c r="L15113" s="5" t="s">
        <v>36264</v>
      </c>
      <c r="M15113" s="2" t="s">
        <v>36265</v>
      </c>
      <c r="N15113" s="5" t="s">
        <v>36266</v>
      </c>
      <c r="O15113" s="5" t="s">
        <v>38</v>
      </c>
      <c r="P15113" s="5" t="s">
        <v>39</v>
      </c>
      <c r="Q15113" s="5" t="s">
        <v>40</v>
      </c>
      <c r="R15113" s="5" t="s">
        <v>1522</v>
      </c>
      <c r="S15113" s="5" t="s">
        <v>1523</v>
      </c>
      <c r="T15113" s="5" t="s">
        <v>42</v>
      </c>
      <c r="U15113" s="2">
        <v>3.32</v>
      </c>
      <c r="V15113" s="2">
        <v>2.62</v>
      </c>
      <c r="W15113" s="2">
        <v>0.02</v>
      </c>
      <c r="X15113" s="2">
        <v>159.1</v>
      </c>
      <c r="Y15113" s="2">
        <v>7.6</v>
      </c>
      <c r="Z15113" s="2">
        <v>16.7</v>
      </c>
      <c r="AA15113" s="5"/>
      <c r="AB15113" s="5" t="s">
        <v>43</v>
      </c>
      <c r="AC15113" s="5" t="s">
        <v>44</v>
      </c>
      <c r="AD15113" s="2"/>
      <c r="AE15113" s="1"/>
    </row>
    <row r="15114" spans="1:31" ht="14.45">
      <c r="A15114" s="11"/>
      <c r="B15114" s="20"/>
      <c r="C15114" s="2" t="s">
        <v>46295</v>
      </c>
      <c r="D15114" s="14" t="s">
        <v>46296</v>
      </c>
      <c r="E15114" s="2" t="s">
        <v>46297</v>
      </c>
      <c r="F15114" s="2" t="s">
        <v>36377</v>
      </c>
      <c r="G15114" s="8">
        <v>318</v>
      </c>
      <c r="H15114" s="5">
        <v>6</v>
      </c>
      <c r="I15114" s="5" t="s">
        <v>1518</v>
      </c>
      <c r="J15114" s="5" t="s">
        <v>36264</v>
      </c>
      <c r="K15114" s="2" t="s">
        <v>36265</v>
      </c>
      <c r="L15114" s="5" t="s">
        <v>36264</v>
      </c>
      <c r="M15114" s="2" t="s">
        <v>36265</v>
      </c>
      <c r="N15114" s="5" t="s">
        <v>36266</v>
      </c>
      <c r="O15114" s="5" t="s">
        <v>38</v>
      </c>
      <c r="P15114" s="5" t="s">
        <v>39</v>
      </c>
      <c r="Q15114" s="5" t="s">
        <v>40</v>
      </c>
      <c r="R15114" s="5" t="s">
        <v>1522</v>
      </c>
      <c r="S15114" s="5" t="s">
        <v>1523</v>
      </c>
      <c r="T15114" s="5" t="s">
        <v>42</v>
      </c>
      <c r="U15114" s="2">
        <v>3.214</v>
      </c>
      <c r="V15114" s="2">
        <v>2.5139999999999998</v>
      </c>
      <c r="W15114" s="2">
        <v>0.02</v>
      </c>
      <c r="X15114" s="2">
        <v>159.1</v>
      </c>
      <c r="Y15114" s="2">
        <v>7.6</v>
      </c>
      <c r="Z15114" s="2">
        <v>16.7</v>
      </c>
      <c r="AA15114" s="5"/>
      <c r="AB15114" s="5" t="s">
        <v>43</v>
      </c>
      <c r="AC15114" s="5" t="s">
        <v>44</v>
      </c>
      <c r="AD15114" s="2"/>
      <c r="AE15114" s="1"/>
    </row>
    <row r="15115" spans="1:31" ht="14.45">
      <c r="A15115" s="11"/>
      <c r="B15115" s="20"/>
      <c r="C15115" s="2" t="s">
        <v>46298</v>
      </c>
      <c r="D15115" s="14" t="s">
        <v>46299</v>
      </c>
      <c r="E15115" s="2" t="s">
        <v>46300</v>
      </c>
      <c r="F15115" s="2" t="s">
        <v>36381</v>
      </c>
      <c r="G15115" s="8">
        <v>318</v>
      </c>
      <c r="H15115" s="5">
        <v>6</v>
      </c>
      <c r="I15115" s="5" t="s">
        <v>1518</v>
      </c>
      <c r="J15115" s="5" t="s">
        <v>36264</v>
      </c>
      <c r="K15115" s="2" t="s">
        <v>36265</v>
      </c>
      <c r="L15115" s="5" t="s">
        <v>36264</v>
      </c>
      <c r="M15115" s="2" t="s">
        <v>36265</v>
      </c>
      <c r="N15115" s="5" t="s">
        <v>36266</v>
      </c>
      <c r="O15115" s="5" t="s">
        <v>38</v>
      </c>
      <c r="P15115" s="5" t="s">
        <v>39</v>
      </c>
      <c r="Q15115" s="5" t="s">
        <v>40</v>
      </c>
      <c r="R15115" s="5" t="s">
        <v>1522</v>
      </c>
      <c r="S15115" s="5" t="s">
        <v>1523</v>
      </c>
      <c r="T15115" s="5" t="s">
        <v>42</v>
      </c>
      <c r="U15115" s="2">
        <v>3.32</v>
      </c>
      <c r="V15115" s="2">
        <v>2.62</v>
      </c>
      <c r="W15115" s="2">
        <v>0.02</v>
      </c>
      <c r="X15115" s="2">
        <v>159.1</v>
      </c>
      <c r="Y15115" s="2">
        <v>7.6</v>
      </c>
      <c r="Z15115" s="2">
        <v>16.7</v>
      </c>
      <c r="AA15115" s="5"/>
      <c r="AB15115" s="5" t="s">
        <v>43</v>
      </c>
      <c r="AC15115" s="5" t="s">
        <v>44</v>
      </c>
      <c r="AD15115" s="2"/>
      <c r="AE15115" s="1"/>
    </row>
    <row r="15116" spans="1:31" ht="14.45">
      <c r="A15116" s="11"/>
      <c r="B15116" s="20"/>
      <c r="C15116" s="2" t="s">
        <v>46301</v>
      </c>
      <c r="D15116" s="14" t="s">
        <v>46302</v>
      </c>
      <c r="E15116" s="2" t="s">
        <v>46303</v>
      </c>
      <c r="F15116" s="2" t="s">
        <v>36389</v>
      </c>
      <c r="G15116" s="8">
        <v>318</v>
      </c>
      <c r="H15116" s="5">
        <v>6</v>
      </c>
      <c r="I15116" s="5" t="s">
        <v>1518</v>
      </c>
      <c r="J15116" s="5" t="s">
        <v>36264</v>
      </c>
      <c r="K15116" s="2" t="s">
        <v>36265</v>
      </c>
      <c r="L15116" s="5" t="s">
        <v>36264</v>
      </c>
      <c r="M15116" s="2" t="s">
        <v>36265</v>
      </c>
      <c r="N15116" s="5" t="s">
        <v>36266</v>
      </c>
      <c r="O15116" s="5" t="s">
        <v>38</v>
      </c>
      <c r="P15116" s="5" t="s">
        <v>39</v>
      </c>
      <c r="Q15116" s="5" t="s">
        <v>40</v>
      </c>
      <c r="R15116" s="5" t="s">
        <v>1522</v>
      </c>
      <c r="S15116" s="5" t="s">
        <v>1523</v>
      </c>
      <c r="T15116" s="5" t="s">
        <v>42</v>
      </c>
      <c r="U15116" s="2">
        <v>3.32</v>
      </c>
      <c r="V15116" s="2">
        <v>2.62</v>
      </c>
      <c r="W15116" s="2">
        <v>0.02</v>
      </c>
      <c r="X15116" s="2">
        <v>159.1</v>
      </c>
      <c r="Y15116" s="2">
        <v>7.6</v>
      </c>
      <c r="Z15116" s="2">
        <v>16.7</v>
      </c>
      <c r="AA15116" s="5"/>
      <c r="AB15116" s="5" t="s">
        <v>43</v>
      </c>
      <c r="AC15116" s="5" t="s">
        <v>44</v>
      </c>
      <c r="AD15116" s="2"/>
      <c r="AE15116" s="1"/>
    </row>
    <row r="15117" spans="1:31" ht="14.45">
      <c r="A15117" s="11"/>
      <c r="B15117" s="20"/>
      <c r="C15117" s="2" t="s">
        <v>46304</v>
      </c>
      <c r="D15117" s="14" t="s">
        <v>46305</v>
      </c>
      <c r="E15117" s="2" t="s">
        <v>46306</v>
      </c>
      <c r="F15117" s="2" t="s">
        <v>7204</v>
      </c>
      <c r="G15117" s="8">
        <v>307</v>
      </c>
      <c r="H15117" s="5">
        <v>6</v>
      </c>
      <c r="I15117" s="5" t="s">
        <v>1518</v>
      </c>
      <c r="J15117" s="5" t="s">
        <v>36264</v>
      </c>
      <c r="K15117" s="2" t="s">
        <v>36265</v>
      </c>
      <c r="L15117" s="5" t="s">
        <v>36264</v>
      </c>
      <c r="M15117" s="2" t="s">
        <v>36265</v>
      </c>
      <c r="N15117" s="5" t="s">
        <v>36266</v>
      </c>
      <c r="O15117" s="5" t="s">
        <v>38</v>
      </c>
      <c r="P15117" s="5" t="s">
        <v>39</v>
      </c>
      <c r="Q15117" s="5" t="s">
        <v>40</v>
      </c>
      <c r="R15117" s="5" t="s">
        <v>1522</v>
      </c>
      <c r="S15117" s="5" t="s">
        <v>1523</v>
      </c>
      <c r="T15117" s="5" t="s">
        <v>42</v>
      </c>
      <c r="U15117" s="2">
        <v>3.4369999999999998</v>
      </c>
      <c r="V15117" s="2">
        <v>2.669</v>
      </c>
      <c r="W15117" s="2">
        <v>2.1000000000000001E-2</v>
      </c>
      <c r="X15117" s="2">
        <v>165.1</v>
      </c>
      <c r="Y15117" s="2">
        <v>7.6</v>
      </c>
      <c r="Z15117" s="2">
        <v>16.7</v>
      </c>
      <c r="AA15117" s="5"/>
      <c r="AB15117" s="5" t="s">
        <v>43</v>
      </c>
      <c r="AC15117" s="5" t="s">
        <v>44</v>
      </c>
      <c r="AD15117" s="2"/>
      <c r="AE15117" s="1"/>
    </row>
    <row r="15118" spans="1:31" ht="14.45">
      <c r="A15118" s="11"/>
      <c r="B15118" s="20"/>
      <c r="C15118" s="2" t="s">
        <v>46307</v>
      </c>
      <c r="D15118" s="14" t="s">
        <v>46308</v>
      </c>
      <c r="E15118" s="2" t="s">
        <v>46309</v>
      </c>
      <c r="F15118" s="2" t="s">
        <v>7514</v>
      </c>
      <c r="G15118" s="8">
        <v>307</v>
      </c>
      <c r="H15118" s="5">
        <v>6</v>
      </c>
      <c r="I15118" s="5" t="s">
        <v>1518</v>
      </c>
      <c r="J15118" s="5" t="s">
        <v>36264</v>
      </c>
      <c r="K15118" s="2" t="s">
        <v>36265</v>
      </c>
      <c r="L15118" s="5" t="s">
        <v>36264</v>
      </c>
      <c r="M15118" s="2" t="s">
        <v>36265</v>
      </c>
      <c r="N15118" s="5" t="s">
        <v>36266</v>
      </c>
      <c r="O15118" s="5" t="s">
        <v>38</v>
      </c>
      <c r="P15118" s="5" t="s">
        <v>39</v>
      </c>
      <c r="Q15118" s="5" t="s">
        <v>40</v>
      </c>
      <c r="R15118" s="5" t="s">
        <v>1522</v>
      </c>
      <c r="S15118" s="5" t="s">
        <v>1523</v>
      </c>
      <c r="T15118" s="5" t="s">
        <v>42</v>
      </c>
      <c r="U15118" s="2">
        <v>3.5539999999999998</v>
      </c>
      <c r="V15118" s="2">
        <v>2.786</v>
      </c>
      <c r="W15118" s="2">
        <v>2.1000000000000001E-2</v>
      </c>
      <c r="X15118" s="2">
        <v>165.1</v>
      </c>
      <c r="Y15118" s="2">
        <v>7.6</v>
      </c>
      <c r="Z15118" s="2">
        <v>16.7</v>
      </c>
      <c r="AA15118" s="5"/>
      <c r="AB15118" s="5" t="s">
        <v>43</v>
      </c>
      <c r="AC15118" s="5" t="s">
        <v>44</v>
      </c>
      <c r="AD15118" s="2"/>
      <c r="AE15118" s="1"/>
    </row>
    <row r="15119" spans="1:31" ht="14.45">
      <c r="A15119" s="11"/>
      <c r="B15119" s="20"/>
      <c r="C15119" s="2" t="s">
        <v>46310</v>
      </c>
      <c r="D15119" s="14" t="s">
        <v>46311</v>
      </c>
      <c r="E15119" s="2" t="s">
        <v>46312</v>
      </c>
      <c r="F15119" s="2" t="s">
        <v>36305</v>
      </c>
      <c r="G15119" s="8">
        <v>307</v>
      </c>
      <c r="H15119" s="5">
        <v>6</v>
      </c>
      <c r="I15119" s="5" t="s">
        <v>1518</v>
      </c>
      <c r="J15119" s="5" t="s">
        <v>36264</v>
      </c>
      <c r="K15119" s="2" t="s">
        <v>36265</v>
      </c>
      <c r="L15119" s="5" t="s">
        <v>36264</v>
      </c>
      <c r="M15119" s="2" t="s">
        <v>36265</v>
      </c>
      <c r="N15119" s="5" t="s">
        <v>36266</v>
      </c>
      <c r="O15119" s="5" t="s">
        <v>38</v>
      </c>
      <c r="P15119" s="5" t="s">
        <v>39</v>
      </c>
      <c r="Q15119" s="5" t="s">
        <v>40</v>
      </c>
      <c r="R15119" s="5" t="s">
        <v>1522</v>
      </c>
      <c r="S15119" s="5" t="s">
        <v>1523</v>
      </c>
      <c r="T15119" s="5" t="s">
        <v>42</v>
      </c>
      <c r="U15119" s="2">
        <v>3.4369999999999998</v>
      </c>
      <c r="V15119" s="2">
        <v>2.669</v>
      </c>
      <c r="W15119" s="2">
        <v>2.1000000000000001E-2</v>
      </c>
      <c r="X15119" s="2">
        <v>165.1</v>
      </c>
      <c r="Y15119" s="2">
        <v>7.6</v>
      </c>
      <c r="Z15119" s="2">
        <v>16.7</v>
      </c>
      <c r="AA15119" s="5"/>
      <c r="AB15119" s="5" t="s">
        <v>43</v>
      </c>
      <c r="AC15119" s="5" t="s">
        <v>44</v>
      </c>
      <c r="AD15119" s="2"/>
      <c r="AE15119" s="1"/>
    </row>
    <row r="15120" spans="1:31" ht="14.45">
      <c r="A15120" s="11"/>
      <c r="B15120" s="20"/>
      <c r="C15120" s="2" t="s">
        <v>46313</v>
      </c>
      <c r="D15120" s="14" t="s">
        <v>46314</v>
      </c>
      <c r="E15120" s="2" t="s">
        <v>46315</v>
      </c>
      <c r="F15120" s="2" t="s">
        <v>36309</v>
      </c>
      <c r="G15120" s="8">
        <v>307</v>
      </c>
      <c r="H15120" s="5">
        <v>6</v>
      </c>
      <c r="I15120" s="5" t="s">
        <v>1518</v>
      </c>
      <c r="J15120" s="5" t="s">
        <v>36264</v>
      </c>
      <c r="K15120" s="2" t="s">
        <v>36265</v>
      </c>
      <c r="L15120" s="5" t="s">
        <v>36264</v>
      </c>
      <c r="M15120" s="2" t="s">
        <v>36265</v>
      </c>
      <c r="N15120" s="5" t="s">
        <v>36266</v>
      </c>
      <c r="O15120" s="5" t="s">
        <v>38</v>
      </c>
      <c r="P15120" s="5" t="s">
        <v>39</v>
      </c>
      <c r="Q15120" s="5" t="s">
        <v>40</v>
      </c>
      <c r="R15120" s="5" t="s">
        <v>1522</v>
      </c>
      <c r="S15120" s="5" t="s">
        <v>1523</v>
      </c>
      <c r="T15120" s="5" t="s">
        <v>42</v>
      </c>
      <c r="U15120" s="2">
        <v>3.5539999999999998</v>
      </c>
      <c r="V15120" s="2">
        <v>2.786</v>
      </c>
      <c r="W15120" s="2">
        <v>2.1000000000000001E-2</v>
      </c>
      <c r="X15120" s="2">
        <v>165.1</v>
      </c>
      <c r="Y15120" s="2">
        <v>7.6</v>
      </c>
      <c r="Z15120" s="2">
        <v>16.7</v>
      </c>
      <c r="AA15120" s="5"/>
      <c r="AB15120" s="5" t="s">
        <v>43</v>
      </c>
      <c r="AC15120" s="5" t="s">
        <v>44</v>
      </c>
      <c r="AD15120" s="2"/>
      <c r="AE15120" s="1"/>
    </row>
    <row r="15121" spans="1:31" ht="14.45">
      <c r="A15121" s="11"/>
      <c r="B15121" s="20"/>
      <c r="C15121" s="2" t="s">
        <v>46316</v>
      </c>
      <c r="D15121" s="14" t="s">
        <v>46317</v>
      </c>
      <c r="E15121" s="2" t="s">
        <v>46318</v>
      </c>
      <c r="F15121" s="2" t="s">
        <v>36349</v>
      </c>
      <c r="G15121" s="8">
        <v>333</v>
      </c>
      <c r="H15121" s="5">
        <v>6</v>
      </c>
      <c r="I15121" s="5" t="s">
        <v>1518</v>
      </c>
      <c r="J15121" s="5" t="s">
        <v>36264</v>
      </c>
      <c r="K15121" s="2" t="s">
        <v>36265</v>
      </c>
      <c r="L15121" s="5" t="s">
        <v>36264</v>
      </c>
      <c r="M15121" s="2" t="s">
        <v>36265</v>
      </c>
      <c r="N15121" s="5" t="s">
        <v>36266</v>
      </c>
      <c r="O15121" s="5" t="s">
        <v>38</v>
      </c>
      <c r="P15121" s="5" t="s">
        <v>39</v>
      </c>
      <c r="Q15121" s="5" t="s">
        <v>40</v>
      </c>
      <c r="R15121" s="5" t="s">
        <v>1522</v>
      </c>
      <c r="S15121" s="5" t="s">
        <v>1523</v>
      </c>
      <c r="T15121" s="5" t="s">
        <v>42</v>
      </c>
      <c r="U15121" s="2">
        <v>3.5539999999999998</v>
      </c>
      <c r="V15121" s="2">
        <v>2.786</v>
      </c>
      <c r="W15121" s="2">
        <v>2.1000000000000001E-2</v>
      </c>
      <c r="X15121" s="2">
        <v>165.1</v>
      </c>
      <c r="Y15121" s="2">
        <v>7.6</v>
      </c>
      <c r="Z15121" s="2">
        <v>16.7</v>
      </c>
      <c r="AA15121" s="5"/>
      <c r="AB15121" s="5" t="s">
        <v>43</v>
      </c>
      <c r="AC15121" s="5" t="s">
        <v>44</v>
      </c>
      <c r="AD15121" s="2"/>
      <c r="AE15121" s="1"/>
    </row>
    <row r="15122" spans="1:31" ht="14.45">
      <c r="A15122" s="11"/>
      <c r="B15122" s="20"/>
      <c r="C15122" s="2" t="s">
        <v>46319</v>
      </c>
      <c r="D15122" s="14" t="s">
        <v>46320</v>
      </c>
      <c r="E15122" s="2" t="s">
        <v>46321</v>
      </c>
      <c r="F15122" s="2" t="s">
        <v>7204</v>
      </c>
      <c r="G15122" s="8">
        <v>302</v>
      </c>
      <c r="H15122" s="5">
        <v>6</v>
      </c>
      <c r="I15122" s="5" t="s">
        <v>1518</v>
      </c>
      <c r="J15122" s="5" t="s">
        <v>36264</v>
      </c>
      <c r="K15122" s="2" t="s">
        <v>36265</v>
      </c>
      <c r="L15122" s="5" t="s">
        <v>36264</v>
      </c>
      <c r="M15122" s="2" t="s">
        <v>36265</v>
      </c>
      <c r="N15122" s="5" t="s">
        <v>36266</v>
      </c>
      <c r="O15122" s="5" t="s">
        <v>38</v>
      </c>
      <c r="P15122" s="5" t="s">
        <v>39</v>
      </c>
      <c r="Q15122" s="5" t="s">
        <v>40</v>
      </c>
      <c r="R15122" s="5" t="s">
        <v>1522</v>
      </c>
      <c r="S15122" s="5" t="s">
        <v>1523</v>
      </c>
      <c r="T15122" s="5" t="s">
        <v>42</v>
      </c>
      <c r="U15122" s="2">
        <v>3.0859999999999999</v>
      </c>
      <c r="V15122" s="2">
        <v>2.5680000000000001</v>
      </c>
      <c r="W15122" s="2">
        <v>1.4999999999999999E-2</v>
      </c>
      <c r="X15122" s="2">
        <v>118.9</v>
      </c>
      <c r="Y15122" s="2">
        <v>7.6</v>
      </c>
      <c r="Z15122" s="2">
        <v>16.7</v>
      </c>
      <c r="AA15122" s="5"/>
      <c r="AB15122" s="5" t="s">
        <v>43</v>
      </c>
      <c r="AC15122" s="5" t="s">
        <v>44</v>
      </c>
      <c r="AD15122" s="2"/>
      <c r="AE15122" s="1"/>
    </row>
    <row r="15123" spans="1:31" ht="14.45">
      <c r="A15123" s="11"/>
      <c r="B15123" s="20"/>
      <c r="C15123" s="2" t="s">
        <v>46322</v>
      </c>
      <c r="D15123" s="14" t="s">
        <v>46323</v>
      </c>
      <c r="E15123" s="2" t="s">
        <v>46324</v>
      </c>
      <c r="F15123" s="2" t="s">
        <v>7514</v>
      </c>
      <c r="G15123" s="8">
        <v>302</v>
      </c>
      <c r="H15123" s="5">
        <v>6</v>
      </c>
      <c r="I15123" s="5" t="s">
        <v>1518</v>
      </c>
      <c r="J15123" s="5" t="s">
        <v>36264</v>
      </c>
      <c r="K15123" s="2" t="s">
        <v>36265</v>
      </c>
      <c r="L15123" s="5" t="s">
        <v>36264</v>
      </c>
      <c r="M15123" s="2" t="s">
        <v>36265</v>
      </c>
      <c r="N15123" s="5" t="s">
        <v>36266</v>
      </c>
      <c r="O15123" s="5" t="s">
        <v>38</v>
      </c>
      <c r="P15123" s="5" t="s">
        <v>39</v>
      </c>
      <c r="Q15123" s="5" t="s">
        <v>40</v>
      </c>
      <c r="R15123" s="5" t="s">
        <v>1522</v>
      </c>
      <c r="S15123" s="5" t="s">
        <v>1523</v>
      </c>
      <c r="T15123" s="5" t="s">
        <v>42</v>
      </c>
      <c r="U15123" s="2">
        <v>3.1859999999999999</v>
      </c>
      <c r="V15123" s="2">
        <v>2.6680000000000001</v>
      </c>
      <c r="W15123" s="2">
        <v>1.4999999999999999E-2</v>
      </c>
      <c r="X15123" s="2">
        <v>118.9</v>
      </c>
      <c r="Y15123" s="2">
        <v>7.6</v>
      </c>
      <c r="Z15123" s="2">
        <v>16.7</v>
      </c>
      <c r="AA15123" s="5"/>
      <c r="AB15123" s="5" t="s">
        <v>43</v>
      </c>
      <c r="AC15123" s="5" t="s">
        <v>44</v>
      </c>
      <c r="AD15123" s="2"/>
      <c r="AE15123" s="1"/>
    </row>
    <row r="15124" spans="1:31" ht="14.45">
      <c r="A15124" s="11"/>
      <c r="B15124" s="20"/>
      <c r="C15124" s="2" t="s">
        <v>46325</v>
      </c>
      <c r="D15124" s="14" t="s">
        <v>46326</v>
      </c>
      <c r="E15124" s="2" t="s">
        <v>46327</v>
      </c>
      <c r="F15124" s="2" t="s">
        <v>36381</v>
      </c>
      <c r="G15124" s="8">
        <v>328</v>
      </c>
      <c r="H15124" s="5">
        <v>6</v>
      </c>
      <c r="I15124" s="5" t="s">
        <v>1518</v>
      </c>
      <c r="J15124" s="5" t="s">
        <v>36264</v>
      </c>
      <c r="K15124" s="2" t="s">
        <v>36265</v>
      </c>
      <c r="L15124" s="5" t="s">
        <v>36264</v>
      </c>
      <c r="M15124" s="2" t="s">
        <v>36265</v>
      </c>
      <c r="N15124" s="5" t="s">
        <v>36266</v>
      </c>
      <c r="O15124" s="5" t="s">
        <v>38</v>
      </c>
      <c r="P15124" s="5" t="s">
        <v>39</v>
      </c>
      <c r="Q15124" s="5" t="s">
        <v>40</v>
      </c>
      <c r="R15124" s="5" t="s">
        <v>1522</v>
      </c>
      <c r="S15124" s="5" t="s">
        <v>1523</v>
      </c>
      <c r="T15124" s="5" t="s">
        <v>42</v>
      </c>
      <c r="U15124" s="2">
        <v>3.1859999999999999</v>
      </c>
      <c r="V15124" s="2">
        <v>2.6680000000000001</v>
      </c>
      <c r="W15124" s="2">
        <v>1.4999999999999999E-2</v>
      </c>
      <c r="X15124" s="2">
        <v>118.9</v>
      </c>
      <c r="Y15124" s="2">
        <v>7.6</v>
      </c>
      <c r="Z15124" s="2">
        <v>16.7</v>
      </c>
      <c r="AA15124" s="5"/>
      <c r="AB15124" s="5" t="s">
        <v>43</v>
      </c>
      <c r="AC15124" s="5" t="s">
        <v>44</v>
      </c>
      <c r="AD15124" s="2"/>
      <c r="AE15124" s="1"/>
    </row>
    <row r="15125" spans="1:31" ht="14.45">
      <c r="A15125" s="11"/>
      <c r="B15125" s="20"/>
      <c r="C15125" s="2" t="s">
        <v>46328</v>
      </c>
      <c r="D15125" s="14" t="s">
        <v>46329</v>
      </c>
      <c r="E15125" s="2" t="s">
        <v>46330</v>
      </c>
      <c r="F15125" s="2" t="s">
        <v>7204</v>
      </c>
      <c r="G15125" s="8">
        <v>317</v>
      </c>
      <c r="H15125" s="5">
        <v>6</v>
      </c>
      <c r="I15125" s="5" t="s">
        <v>1518</v>
      </c>
      <c r="J15125" s="5" t="s">
        <v>36264</v>
      </c>
      <c r="K15125" s="2" t="s">
        <v>36265</v>
      </c>
      <c r="L15125" s="5" t="s">
        <v>36264</v>
      </c>
      <c r="M15125" s="2" t="s">
        <v>36265</v>
      </c>
      <c r="N15125" s="5" t="s">
        <v>36266</v>
      </c>
      <c r="O15125" s="5" t="s">
        <v>38</v>
      </c>
      <c r="P15125" s="5" t="s">
        <v>39</v>
      </c>
      <c r="Q15125" s="5" t="s">
        <v>40</v>
      </c>
      <c r="R15125" s="5" t="s">
        <v>1522</v>
      </c>
      <c r="S15125" s="5" t="s">
        <v>1523</v>
      </c>
      <c r="T15125" s="5" t="s">
        <v>42</v>
      </c>
      <c r="U15125" s="2">
        <v>3.3380000000000001</v>
      </c>
      <c r="V15125" s="2">
        <v>2.7429999999999999</v>
      </c>
      <c r="W15125" s="2">
        <v>1.7999999999999999E-2</v>
      </c>
      <c r="X15125" s="2">
        <v>139.1</v>
      </c>
      <c r="Y15125" s="2">
        <v>7.6</v>
      </c>
      <c r="Z15125" s="2">
        <v>16.7</v>
      </c>
      <c r="AA15125" s="5"/>
      <c r="AB15125" s="5" t="s">
        <v>43</v>
      </c>
      <c r="AC15125" s="5" t="s">
        <v>44</v>
      </c>
      <c r="AD15125" s="2"/>
      <c r="AE15125" s="1"/>
    </row>
    <row r="15126" spans="1:31" ht="14.45">
      <c r="A15126" s="11"/>
      <c r="B15126" s="20"/>
      <c r="C15126" s="2" t="s">
        <v>46331</v>
      </c>
      <c r="D15126" s="14" t="s">
        <v>46332</v>
      </c>
      <c r="E15126" s="2" t="s">
        <v>46333</v>
      </c>
      <c r="F15126" s="2" t="s">
        <v>7514</v>
      </c>
      <c r="G15126" s="8">
        <v>317</v>
      </c>
      <c r="H15126" s="5">
        <v>6</v>
      </c>
      <c r="I15126" s="5" t="s">
        <v>1518</v>
      </c>
      <c r="J15126" s="5" t="s">
        <v>36264</v>
      </c>
      <c r="K15126" s="2" t="s">
        <v>36265</v>
      </c>
      <c r="L15126" s="5" t="s">
        <v>36264</v>
      </c>
      <c r="M15126" s="2" t="s">
        <v>36265</v>
      </c>
      <c r="N15126" s="5" t="s">
        <v>36266</v>
      </c>
      <c r="O15126" s="5" t="s">
        <v>38</v>
      </c>
      <c r="P15126" s="5" t="s">
        <v>39</v>
      </c>
      <c r="Q15126" s="5" t="s">
        <v>40</v>
      </c>
      <c r="R15126" s="5" t="s">
        <v>1522</v>
      </c>
      <c r="S15126" s="5" t="s">
        <v>1523</v>
      </c>
      <c r="T15126" s="5" t="s">
        <v>42</v>
      </c>
      <c r="U15126" s="2">
        <v>3.448</v>
      </c>
      <c r="V15126" s="2">
        <v>2.8530000000000002</v>
      </c>
      <c r="W15126" s="2">
        <v>1.7999999999999999E-2</v>
      </c>
      <c r="X15126" s="2">
        <v>139.1</v>
      </c>
      <c r="Y15126" s="2">
        <v>7.6</v>
      </c>
      <c r="Z15126" s="2">
        <v>16.7</v>
      </c>
      <c r="AA15126" s="5"/>
      <c r="AB15126" s="5" t="s">
        <v>43</v>
      </c>
      <c r="AC15126" s="5" t="s">
        <v>44</v>
      </c>
      <c r="AD15126" s="2"/>
      <c r="AE15126" s="1"/>
    </row>
    <row r="15127" spans="1:31" ht="14.45">
      <c r="A15127" s="11"/>
      <c r="B15127" s="20"/>
      <c r="C15127" s="2" t="s">
        <v>46334</v>
      </c>
      <c r="D15127" s="14" t="s">
        <v>46335</v>
      </c>
      <c r="E15127" s="2" t="s">
        <v>46336</v>
      </c>
      <c r="F15127" s="2" t="s">
        <v>36277</v>
      </c>
      <c r="G15127" s="8">
        <v>317</v>
      </c>
      <c r="H15127" s="5">
        <v>6</v>
      </c>
      <c r="I15127" s="5" t="s">
        <v>1518</v>
      </c>
      <c r="J15127" s="5" t="s">
        <v>36264</v>
      </c>
      <c r="K15127" s="2" t="s">
        <v>36265</v>
      </c>
      <c r="L15127" s="5" t="s">
        <v>36264</v>
      </c>
      <c r="M15127" s="2" t="s">
        <v>36265</v>
      </c>
      <c r="N15127" s="5" t="s">
        <v>36266</v>
      </c>
      <c r="O15127" s="5" t="s">
        <v>38</v>
      </c>
      <c r="P15127" s="5" t="s">
        <v>39</v>
      </c>
      <c r="Q15127" s="5" t="s">
        <v>40</v>
      </c>
      <c r="R15127" s="5" t="s">
        <v>1522</v>
      </c>
      <c r="S15127" s="5" t="s">
        <v>1523</v>
      </c>
      <c r="T15127" s="5" t="s">
        <v>42</v>
      </c>
      <c r="U15127" s="2">
        <v>3.448</v>
      </c>
      <c r="V15127" s="2">
        <v>2.8530000000000002</v>
      </c>
      <c r="W15127" s="2">
        <v>1.7999999999999999E-2</v>
      </c>
      <c r="X15127" s="2">
        <v>139.1</v>
      </c>
      <c r="Y15127" s="2">
        <v>7.6</v>
      </c>
      <c r="Z15127" s="2">
        <v>16.7</v>
      </c>
      <c r="AA15127" s="5"/>
      <c r="AB15127" s="5" t="s">
        <v>43</v>
      </c>
      <c r="AC15127" s="5" t="s">
        <v>44</v>
      </c>
      <c r="AD15127" s="2"/>
      <c r="AE15127" s="1"/>
    </row>
    <row r="15128" spans="1:31" ht="14.45">
      <c r="A15128" s="11"/>
      <c r="B15128" s="20"/>
      <c r="C15128" s="2" t="s">
        <v>46337</v>
      </c>
      <c r="D15128" s="14" t="s">
        <v>46338</v>
      </c>
      <c r="E15128" s="2" t="s">
        <v>46339</v>
      </c>
      <c r="F15128" s="2" t="s">
        <v>36293</v>
      </c>
      <c r="G15128" s="8">
        <v>345</v>
      </c>
      <c r="H15128" s="5">
        <v>6</v>
      </c>
      <c r="I15128" s="5" t="s">
        <v>1518</v>
      </c>
      <c r="J15128" s="5" t="s">
        <v>36264</v>
      </c>
      <c r="K15128" s="2" t="s">
        <v>36265</v>
      </c>
      <c r="L15128" s="5" t="s">
        <v>36264</v>
      </c>
      <c r="M15128" s="2" t="s">
        <v>36265</v>
      </c>
      <c r="N15128" s="5" t="s">
        <v>36266</v>
      </c>
      <c r="O15128" s="5" t="s">
        <v>38</v>
      </c>
      <c r="P15128" s="5" t="s">
        <v>39</v>
      </c>
      <c r="Q15128" s="5" t="s">
        <v>40</v>
      </c>
      <c r="R15128" s="5" t="s">
        <v>1522</v>
      </c>
      <c r="S15128" s="5" t="s">
        <v>1523</v>
      </c>
      <c r="T15128" s="5" t="s">
        <v>42</v>
      </c>
      <c r="U15128" s="2">
        <v>3.448</v>
      </c>
      <c r="V15128" s="2">
        <v>2.8530000000000002</v>
      </c>
      <c r="W15128" s="2">
        <v>1.7999999999999999E-2</v>
      </c>
      <c r="X15128" s="2">
        <v>139.1</v>
      </c>
      <c r="Y15128" s="2">
        <v>7.6</v>
      </c>
      <c r="Z15128" s="2">
        <v>16.7</v>
      </c>
      <c r="AA15128" s="5"/>
      <c r="AB15128" s="5" t="s">
        <v>43</v>
      </c>
      <c r="AC15128" s="5" t="s">
        <v>44</v>
      </c>
      <c r="AD15128" s="2"/>
      <c r="AE15128" s="1"/>
    </row>
    <row r="15129" spans="1:31" ht="14.45">
      <c r="A15129" s="11"/>
      <c r="B15129" s="20"/>
      <c r="C15129" s="2" t="s">
        <v>46340</v>
      </c>
      <c r="D15129" s="14" t="s">
        <v>46341</v>
      </c>
      <c r="E15129" s="2" t="s">
        <v>46342</v>
      </c>
      <c r="F15129" s="2" t="s">
        <v>36297</v>
      </c>
      <c r="G15129" s="8">
        <v>317</v>
      </c>
      <c r="H15129" s="5">
        <v>6</v>
      </c>
      <c r="I15129" s="5" t="s">
        <v>1518</v>
      </c>
      <c r="J15129" s="5" t="s">
        <v>36264</v>
      </c>
      <c r="K15129" s="2" t="s">
        <v>36265</v>
      </c>
      <c r="L15129" s="5" t="s">
        <v>36264</v>
      </c>
      <c r="M15129" s="2" t="s">
        <v>36265</v>
      </c>
      <c r="N15129" s="5" t="s">
        <v>36266</v>
      </c>
      <c r="O15129" s="5" t="s">
        <v>38</v>
      </c>
      <c r="P15129" s="5" t="s">
        <v>39</v>
      </c>
      <c r="Q15129" s="5" t="s">
        <v>40</v>
      </c>
      <c r="R15129" s="5" t="s">
        <v>1522</v>
      </c>
      <c r="S15129" s="5" t="s">
        <v>1523</v>
      </c>
      <c r="T15129" s="5" t="s">
        <v>42</v>
      </c>
      <c r="U15129" s="2">
        <v>3.3380000000000001</v>
      </c>
      <c r="V15129" s="2">
        <v>2.7429999999999999</v>
      </c>
      <c r="W15129" s="2">
        <v>1.7999999999999999E-2</v>
      </c>
      <c r="X15129" s="2">
        <v>139.1</v>
      </c>
      <c r="Y15129" s="2">
        <v>7.6</v>
      </c>
      <c r="Z15129" s="2">
        <v>16.7</v>
      </c>
      <c r="AA15129" s="5"/>
      <c r="AB15129" s="5" t="s">
        <v>43</v>
      </c>
      <c r="AC15129" s="5" t="s">
        <v>44</v>
      </c>
      <c r="AD15129" s="2"/>
      <c r="AE15129" s="1"/>
    </row>
    <row r="15130" spans="1:31" ht="14.45">
      <c r="A15130" s="11"/>
      <c r="B15130" s="20"/>
      <c r="C15130" s="2" t="s">
        <v>46343</v>
      </c>
      <c r="D15130" s="14" t="s">
        <v>46344</v>
      </c>
      <c r="E15130" s="2" t="s">
        <v>46345</v>
      </c>
      <c r="F15130" s="2" t="s">
        <v>36305</v>
      </c>
      <c r="G15130" s="8">
        <v>317</v>
      </c>
      <c r="H15130" s="5">
        <v>6</v>
      </c>
      <c r="I15130" s="5" t="s">
        <v>1518</v>
      </c>
      <c r="J15130" s="5" t="s">
        <v>36264</v>
      </c>
      <c r="K15130" s="2" t="s">
        <v>36265</v>
      </c>
      <c r="L15130" s="5" t="s">
        <v>36264</v>
      </c>
      <c r="M15130" s="2" t="s">
        <v>36265</v>
      </c>
      <c r="N15130" s="5" t="s">
        <v>36266</v>
      </c>
      <c r="O15130" s="5" t="s">
        <v>38</v>
      </c>
      <c r="P15130" s="5" t="s">
        <v>39</v>
      </c>
      <c r="Q15130" s="5" t="s">
        <v>40</v>
      </c>
      <c r="R15130" s="5" t="s">
        <v>1522</v>
      </c>
      <c r="S15130" s="5" t="s">
        <v>1523</v>
      </c>
      <c r="T15130" s="5" t="s">
        <v>42</v>
      </c>
      <c r="U15130" s="2">
        <v>3.3380000000000001</v>
      </c>
      <c r="V15130" s="2">
        <v>2.7429999999999999</v>
      </c>
      <c r="W15130" s="2">
        <v>1.7999999999999999E-2</v>
      </c>
      <c r="X15130" s="2">
        <v>139.1</v>
      </c>
      <c r="Y15130" s="2">
        <v>7.6</v>
      </c>
      <c r="Z15130" s="2">
        <v>16.7</v>
      </c>
      <c r="AA15130" s="5"/>
      <c r="AB15130" s="5" t="s">
        <v>43</v>
      </c>
      <c r="AC15130" s="5" t="s">
        <v>44</v>
      </c>
      <c r="AD15130" s="2"/>
      <c r="AE15130" s="1"/>
    </row>
    <row r="15131" spans="1:31" ht="14.45">
      <c r="A15131" s="11"/>
      <c r="B15131" s="20"/>
      <c r="C15131" s="2" t="s">
        <v>46346</v>
      </c>
      <c r="D15131" s="14" t="s">
        <v>46347</v>
      </c>
      <c r="E15131" s="2" t="s">
        <v>46348</v>
      </c>
      <c r="F15131" s="2" t="s">
        <v>36333</v>
      </c>
      <c r="G15131" s="8">
        <v>345</v>
      </c>
      <c r="H15131" s="5">
        <v>6</v>
      </c>
      <c r="I15131" s="5" t="s">
        <v>1518</v>
      </c>
      <c r="J15131" s="5" t="s">
        <v>36264</v>
      </c>
      <c r="K15131" s="2" t="s">
        <v>36265</v>
      </c>
      <c r="L15131" s="5" t="s">
        <v>36264</v>
      </c>
      <c r="M15131" s="2" t="s">
        <v>36265</v>
      </c>
      <c r="N15131" s="5" t="s">
        <v>36266</v>
      </c>
      <c r="O15131" s="5" t="s">
        <v>38</v>
      </c>
      <c r="P15131" s="5" t="s">
        <v>39</v>
      </c>
      <c r="Q15131" s="5" t="s">
        <v>40</v>
      </c>
      <c r="R15131" s="5" t="s">
        <v>1522</v>
      </c>
      <c r="S15131" s="5" t="s">
        <v>1523</v>
      </c>
      <c r="T15131" s="5" t="s">
        <v>42</v>
      </c>
      <c r="U15131" s="2">
        <v>3.448</v>
      </c>
      <c r="V15131" s="2">
        <v>2.8530000000000002</v>
      </c>
      <c r="W15131" s="2">
        <v>1.7999999999999999E-2</v>
      </c>
      <c r="X15131" s="2">
        <v>139.1</v>
      </c>
      <c r="Y15131" s="2">
        <v>7.6</v>
      </c>
      <c r="Z15131" s="2">
        <v>16.7</v>
      </c>
      <c r="AA15131" s="5"/>
      <c r="AB15131" s="5" t="s">
        <v>43</v>
      </c>
      <c r="AC15131" s="5" t="s">
        <v>44</v>
      </c>
      <c r="AD15131" s="2"/>
      <c r="AE15131" s="1"/>
    </row>
    <row r="15132" spans="1:31" ht="14.45">
      <c r="A15132" s="11"/>
      <c r="B15132" s="20"/>
      <c r="C15132" s="2" t="s">
        <v>46349</v>
      </c>
      <c r="D15132" s="14" t="s">
        <v>46350</v>
      </c>
      <c r="E15132" s="2" t="s">
        <v>46351</v>
      </c>
      <c r="F15132" s="2" t="s">
        <v>36369</v>
      </c>
      <c r="G15132" s="8">
        <v>345</v>
      </c>
      <c r="H15132" s="5">
        <v>6</v>
      </c>
      <c r="I15132" s="5" t="s">
        <v>1518</v>
      </c>
      <c r="J15132" s="5" t="s">
        <v>36264</v>
      </c>
      <c r="K15132" s="2" t="s">
        <v>36265</v>
      </c>
      <c r="L15132" s="5" t="s">
        <v>36264</v>
      </c>
      <c r="M15132" s="2" t="s">
        <v>36265</v>
      </c>
      <c r="N15132" s="5" t="s">
        <v>36266</v>
      </c>
      <c r="O15132" s="5" t="s">
        <v>38</v>
      </c>
      <c r="P15132" s="5" t="s">
        <v>39</v>
      </c>
      <c r="Q15132" s="5" t="s">
        <v>40</v>
      </c>
      <c r="R15132" s="5" t="s">
        <v>1522</v>
      </c>
      <c r="S15132" s="5" t="s">
        <v>1523</v>
      </c>
      <c r="T15132" s="5" t="s">
        <v>42</v>
      </c>
      <c r="U15132" s="2">
        <v>3.3380000000000001</v>
      </c>
      <c r="V15132" s="2">
        <v>2.7429999999999999</v>
      </c>
      <c r="W15132" s="2">
        <v>1.7999999999999999E-2</v>
      </c>
      <c r="X15132" s="2">
        <v>139.1</v>
      </c>
      <c r="Y15132" s="2">
        <v>7.6</v>
      </c>
      <c r="Z15132" s="2">
        <v>16.7</v>
      </c>
      <c r="AA15132" s="5"/>
      <c r="AB15132" s="5" t="s">
        <v>43</v>
      </c>
      <c r="AC15132" s="5" t="s">
        <v>44</v>
      </c>
      <c r="AD15132" s="2"/>
      <c r="AE15132" s="1"/>
    </row>
    <row r="15133" spans="1:31" ht="14.45">
      <c r="A15133" s="11"/>
      <c r="B15133" s="20"/>
      <c r="C15133" s="2" t="s">
        <v>46352</v>
      </c>
      <c r="D15133" s="14" t="s">
        <v>46353</v>
      </c>
      <c r="E15133" s="2" t="s">
        <v>46354</v>
      </c>
      <c r="F15133" s="2" t="s">
        <v>7204</v>
      </c>
      <c r="G15133" s="8">
        <v>291</v>
      </c>
      <c r="H15133" s="5">
        <v>6</v>
      </c>
      <c r="I15133" s="5" t="s">
        <v>1518</v>
      </c>
      <c r="J15133" s="5" t="s">
        <v>36264</v>
      </c>
      <c r="K15133" s="2" t="s">
        <v>36265</v>
      </c>
      <c r="L15133" s="5" t="s">
        <v>36264</v>
      </c>
      <c r="M15133" s="2" t="s">
        <v>36265</v>
      </c>
      <c r="N15133" s="5" t="s">
        <v>36266</v>
      </c>
      <c r="O15133" s="5" t="s">
        <v>38</v>
      </c>
      <c r="P15133" s="5" t="s">
        <v>39</v>
      </c>
      <c r="Q15133" s="5" t="s">
        <v>40</v>
      </c>
      <c r="R15133" s="5" t="s">
        <v>1522</v>
      </c>
      <c r="S15133" s="5" t="s">
        <v>1523</v>
      </c>
      <c r="T15133" s="5" t="s">
        <v>42</v>
      </c>
      <c r="U15133" s="2">
        <v>2.9460000000000002</v>
      </c>
      <c r="V15133" s="2">
        <v>2.4220000000000002</v>
      </c>
      <c r="W15133" s="2">
        <v>1.4999999999999999E-2</v>
      </c>
      <c r="X15133" s="2">
        <v>118.9</v>
      </c>
      <c r="Y15133" s="2">
        <v>7.6</v>
      </c>
      <c r="Z15133" s="2">
        <v>16.7</v>
      </c>
      <c r="AA15133" s="5"/>
      <c r="AB15133" s="5" t="s">
        <v>43</v>
      </c>
      <c r="AC15133" s="5" t="s">
        <v>44</v>
      </c>
      <c r="AD15133" s="2"/>
      <c r="AE15133" s="1"/>
    </row>
    <row r="15134" spans="1:31" ht="14.45">
      <c r="A15134" s="11"/>
      <c r="B15134" s="20"/>
      <c r="C15134" s="2" t="s">
        <v>46355</v>
      </c>
      <c r="D15134" s="14" t="s">
        <v>46356</v>
      </c>
      <c r="E15134" s="2" t="s">
        <v>46357</v>
      </c>
      <c r="F15134" s="2" t="s">
        <v>7514</v>
      </c>
      <c r="G15134" s="8">
        <v>291</v>
      </c>
      <c r="H15134" s="5">
        <v>6</v>
      </c>
      <c r="I15134" s="5" t="s">
        <v>1518</v>
      </c>
      <c r="J15134" s="5" t="s">
        <v>36264</v>
      </c>
      <c r="K15134" s="2" t="s">
        <v>36265</v>
      </c>
      <c r="L15134" s="5" t="s">
        <v>36264</v>
      </c>
      <c r="M15134" s="2" t="s">
        <v>36265</v>
      </c>
      <c r="N15134" s="5" t="s">
        <v>36266</v>
      </c>
      <c r="O15134" s="5" t="s">
        <v>38</v>
      </c>
      <c r="P15134" s="5" t="s">
        <v>39</v>
      </c>
      <c r="Q15134" s="5" t="s">
        <v>40</v>
      </c>
      <c r="R15134" s="5" t="s">
        <v>1522</v>
      </c>
      <c r="S15134" s="5" t="s">
        <v>1523</v>
      </c>
      <c r="T15134" s="5" t="s">
        <v>42</v>
      </c>
      <c r="U15134" s="2">
        <v>3.036</v>
      </c>
      <c r="V15134" s="2">
        <v>2.512</v>
      </c>
      <c r="W15134" s="2">
        <v>1.4999999999999999E-2</v>
      </c>
      <c r="X15134" s="2">
        <v>118.9</v>
      </c>
      <c r="Y15134" s="2">
        <v>7.6</v>
      </c>
      <c r="Z15134" s="2">
        <v>16.7</v>
      </c>
      <c r="AA15134" s="5"/>
      <c r="AB15134" s="5" t="s">
        <v>43</v>
      </c>
      <c r="AC15134" s="5" t="s">
        <v>44</v>
      </c>
      <c r="AD15134" s="2"/>
      <c r="AE15134" s="1"/>
    </row>
    <row r="15135" spans="1:31" ht="14.45">
      <c r="A15135" s="11"/>
      <c r="B15135" s="20"/>
      <c r="C15135" s="2" t="s">
        <v>46358</v>
      </c>
      <c r="D15135" s="14" t="s">
        <v>46359</v>
      </c>
      <c r="E15135" s="2" t="s">
        <v>46360</v>
      </c>
      <c r="F15135" s="2" t="s">
        <v>36273</v>
      </c>
      <c r="G15135" s="8">
        <v>291</v>
      </c>
      <c r="H15135" s="5">
        <v>6</v>
      </c>
      <c r="I15135" s="5" t="s">
        <v>1518</v>
      </c>
      <c r="J15135" s="5" t="s">
        <v>36264</v>
      </c>
      <c r="K15135" s="2" t="s">
        <v>36265</v>
      </c>
      <c r="L15135" s="5" t="s">
        <v>36264</v>
      </c>
      <c r="M15135" s="2" t="s">
        <v>36265</v>
      </c>
      <c r="N15135" s="5" t="s">
        <v>36266</v>
      </c>
      <c r="O15135" s="5" t="s">
        <v>38</v>
      </c>
      <c r="P15135" s="5" t="s">
        <v>39</v>
      </c>
      <c r="Q15135" s="5" t="s">
        <v>40</v>
      </c>
      <c r="R15135" s="5" t="s">
        <v>1522</v>
      </c>
      <c r="S15135" s="5" t="s">
        <v>1523</v>
      </c>
      <c r="T15135" s="5" t="s">
        <v>42</v>
      </c>
      <c r="U15135" s="2">
        <v>2.9460000000000002</v>
      </c>
      <c r="V15135" s="2">
        <v>2.4220000000000002</v>
      </c>
      <c r="W15135" s="2">
        <v>1.4999999999999999E-2</v>
      </c>
      <c r="X15135" s="2">
        <v>118.9</v>
      </c>
      <c r="Y15135" s="2">
        <v>7.6</v>
      </c>
      <c r="Z15135" s="2">
        <v>16.7</v>
      </c>
      <c r="AA15135" s="5"/>
      <c r="AB15135" s="5" t="s">
        <v>43</v>
      </c>
      <c r="AC15135" s="5" t="s">
        <v>44</v>
      </c>
      <c r="AD15135" s="2"/>
      <c r="AE15135" s="1"/>
    </row>
    <row r="15136" spans="1:31" ht="14.45">
      <c r="A15136" s="11"/>
      <c r="B15136" s="20"/>
      <c r="C15136" s="2" t="s">
        <v>46361</v>
      </c>
      <c r="D15136" s="14" t="s">
        <v>46362</v>
      </c>
      <c r="E15136" s="2" t="s">
        <v>46363</v>
      </c>
      <c r="F15136" s="2" t="s">
        <v>36277</v>
      </c>
      <c r="G15136" s="8">
        <v>291</v>
      </c>
      <c r="H15136" s="5">
        <v>6</v>
      </c>
      <c r="I15136" s="5" t="s">
        <v>1518</v>
      </c>
      <c r="J15136" s="5" t="s">
        <v>36264</v>
      </c>
      <c r="K15136" s="2" t="s">
        <v>36265</v>
      </c>
      <c r="L15136" s="5" t="s">
        <v>36264</v>
      </c>
      <c r="M15136" s="2" t="s">
        <v>36265</v>
      </c>
      <c r="N15136" s="5" t="s">
        <v>36266</v>
      </c>
      <c r="O15136" s="5" t="s">
        <v>38</v>
      </c>
      <c r="P15136" s="5" t="s">
        <v>39</v>
      </c>
      <c r="Q15136" s="5" t="s">
        <v>40</v>
      </c>
      <c r="R15136" s="5" t="s">
        <v>1522</v>
      </c>
      <c r="S15136" s="5" t="s">
        <v>1523</v>
      </c>
      <c r="T15136" s="5" t="s">
        <v>42</v>
      </c>
      <c r="U15136" s="2">
        <v>3.036</v>
      </c>
      <c r="V15136" s="2">
        <v>2.512</v>
      </c>
      <c r="W15136" s="2">
        <v>1.4999999999999999E-2</v>
      </c>
      <c r="X15136" s="2">
        <v>118.9</v>
      </c>
      <c r="Y15136" s="2">
        <v>7.6</v>
      </c>
      <c r="Z15136" s="2">
        <v>16.7</v>
      </c>
      <c r="AA15136" s="5"/>
      <c r="AB15136" s="5" t="s">
        <v>43</v>
      </c>
      <c r="AC15136" s="5" t="s">
        <v>44</v>
      </c>
      <c r="AD15136" s="2"/>
      <c r="AE15136" s="1"/>
    </row>
    <row r="15137" spans="1:31" ht="14.45">
      <c r="A15137" s="11"/>
      <c r="B15137" s="20"/>
      <c r="C15137" s="2" t="s">
        <v>46364</v>
      </c>
      <c r="D15137" s="14" t="s">
        <v>46365</v>
      </c>
      <c r="E15137" s="2" t="s">
        <v>46366</v>
      </c>
      <c r="F15137" s="2" t="s">
        <v>36289</v>
      </c>
      <c r="G15137" s="8">
        <v>314</v>
      </c>
      <c r="H15137" s="5">
        <v>6</v>
      </c>
      <c r="I15137" s="5" t="s">
        <v>1518</v>
      </c>
      <c r="J15137" s="5" t="s">
        <v>36264</v>
      </c>
      <c r="K15137" s="2" t="s">
        <v>36265</v>
      </c>
      <c r="L15137" s="5" t="s">
        <v>36264</v>
      </c>
      <c r="M15137" s="2" t="s">
        <v>36265</v>
      </c>
      <c r="N15137" s="5" t="s">
        <v>36266</v>
      </c>
      <c r="O15137" s="5" t="s">
        <v>38</v>
      </c>
      <c r="P15137" s="5" t="s">
        <v>39</v>
      </c>
      <c r="Q15137" s="5" t="s">
        <v>40</v>
      </c>
      <c r="R15137" s="5" t="s">
        <v>1522</v>
      </c>
      <c r="S15137" s="5" t="s">
        <v>1523</v>
      </c>
      <c r="T15137" s="5" t="s">
        <v>42</v>
      </c>
      <c r="U15137" s="2">
        <v>2.9460000000000002</v>
      </c>
      <c r="V15137" s="2">
        <v>2.4220000000000002</v>
      </c>
      <c r="W15137" s="2">
        <v>1.4999999999999999E-2</v>
      </c>
      <c r="X15137" s="2">
        <v>118.9</v>
      </c>
      <c r="Y15137" s="2">
        <v>7.6</v>
      </c>
      <c r="Z15137" s="2">
        <v>16.7</v>
      </c>
      <c r="AA15137" s="5"/>
      <c r="AB15137" s="5" t="s">
        <v>43</v>
      </c>
      <c r="AC15137" s="5" t="s">
        <v>44</v>
      </c>
      <c r="AD15137" s="2"/>
      <c r="AE15137" s="1"/>
    </row>
    <row r="15138" spans="1:31" ht="14.45">
      <c r="A15138" s="11"/>
      <c r="B15138" s="20"/>
      <c r="C15138" s="2" t="s">
        <v>46367</v>
      </c>
      <c r="D15138" s="14" t="s">
        <v>46368</v>
      </c>
      <c r="E15138" s="2" t="s">
        <v>46369</v>
      </c>
      <c r="F15138" s="2" t="s">
        <v>36293</v>
      </c>
      <c r="G15138" s="8">
        <v>314</v>
      </c>
      <c r="H15138" s="5">
        <v>6</v>
      </c>
      <c r="I15138" s="5" t="s">
        <v>1518</v>
      </c>
      <c r="J15138" s="5" t="s">
        <v>36264</v>
      </c>
      <c r="K15138" s="2" t="s">
        <v>36265</v>
      </c>
      <c r="L15138" s="5" t="s">
        <v>36264</v>
      </c>
      <c r="M15138" s="2" t="s">
        <v>36265</v>
      </c>
      <c r="N15138" s="5" t="s">
        <v>36266</v>
      </c>
      <c r="O15138" s="5" t="s">
        <v>38</v>
      </c>
      <c r="P15138" s="5" t="s">
        <v>39</v>
      </c>
      <c r="Q15138" s="5" t="s">
        <v>40</v>
      </c>
      <c r="R15138" s="5" t="s">
        <v>1522</v>
      </c>
      <c r="S15138" s="5" t="s">
        <v>1523</v>
      </c>
      <c r="T15138" s="5" t="s">
        <v>42</v>
      </c>
      <c r="U15138" s="2">
        <v>3.036</v>
      </c>
      <c r="V15138" s="2">
        <v>2.512</v>
      </c>
      <c r="W15138" s="2">
        <v>1.4999999999999999E-2</v>
      </c>
      <c r="X15138" s="2">
        <v>118.9</v>
      </c>
      <c r="Y15138" s="2">
        <v>7.6</v>
      </c>
      <c r="Z15138" s="2">
        <v>16.7</v>
      </c>
      <c r="AA15138" s="5"/>
      <c r="AB15138" s="5" t="s">
        <v>43</v>
      </c>
      <c r="AC15138" s="5" t="s">
        <v>44</v>
      </c>
      <c r="AD15138" s="2"/>
      <c r="AE15138" s="1"/>
    </row>
    <row r="15139" spans="1:31" ht="14.45">
      <c r="A15139" s="11"/>
      <c r="B15139" s="20"/>
      <c r="C15139" s="2" t="s">
        <v>46370</v>
      </c>
      <c r="D15139" s="14" t="s">
        <v>46371</v>
      </c>
      <c r="E15139" s="2" t="s">
        <v>46372</v>
      </c>
      <c r="F15139" s="2" t="s">
        <v>36297</v>
      </c>
      <c r="G15139" s="8">
        <v>291</v>
      </c>
      <c r="H15139" s="5">
        <v>6</v>
      </c>
      <c r="I15139" s="5" t="s">
        <v>1518</v>
      </c>
      <c r="J15139" s="5" t="s">
        <v>36264</v>
      </c>
      <c r="K15139" s="2" t="s">
        <v>36265</v>
      </c>
      <c r="L15139" s="5" t="s">
        <v>36264</v>
      </c>
      <c r="M15139" s="2" t="s">
        <v>36265</v>
      </c>
      <c r="N15139" s="5" t="s">
        <v>36266</v>
      </c>
      <c r="O15139" s="5" t="s">
        <v>38</v>
      </c>
      <c r="P15139" s="5" t="s">
        <v>39</v>
      </c>
      <c r="Q15139" s="5" t="s">
        <v>40</v>
      </c>
      <c r="R15139" s="5" t="s">
        <v>1522</v>
      </c>
      <c r="S15139" s="5" t="s">
        <v>1523</v>
      </c>
      <c r="T15139" s="5" t="s">
        <v>42</v>
      </c>
      <c r="U15139" s="2">
        <v>2.9460000000000002</v>
      </c>
      <c r="V15139" s="2">
        <v>2.4220000000000002</v>
      </c>
      <c r="W15139" s="2">
        <v>1.4999999999999999E-2</v>
      </c>
      <c r="X15139" s="2">
        <v>118.9</v>
      </c>
      <c r="Y15139" s="2">
        <v>7.6</v>
      </c>
      <c r="Z15139" s="2">
        <v>16.7</v>
      </c>
      <c r="AA15139" s="5"/>
      <c r="AB15139" s="5" t="s">
        <v>43</v>
      </c>
      <c r="AC15139" s="5" t="s">
        <v>44</v>
      </c>
      <c r="AD15139" s="2"/>
      <c r="AE15139" s="1"/>
    </row>
    <row r="15140" spans="1:31" ht="14.45">
      <c r="A15140" s="11"/>
      <c r="B15140" s="20"/>
      <c r="C15140" s="2" t="s">
        <v>46373</v>
      </c>
      <c r="D15140" s="14" t="s">
        <v>46374</v>
      </c>
      <c r="E15140" s="2" t="s">
        <v>46375</v>
      </c>
      <c r="F15140" s="2" t="s">
        <v>36301</v>
      </c>
      <c r="G15140" s="8">
        <v>291</v>
      </c>
      <c r="H15140" s="5">
        <v>6</v>
      </c>
      <c r="I15140" s="5" t="s">
        <v>1518</v>
      </c>
      <c r="J15140" s="5" t="s">
        <v>36264</v>
      </c>
      <c r="K15140" s="2" t="s">
        <v>36265</v>
      </c>
      <c r="L15140" s="5" t="s">
        <v>36264</v>
      </c>
      <c r="M15140" s="2" t="s">
        <v>36265</v>
      </c>
      <c r="N15140" s="5" t="s">
        <v>36266</v>
      </c>
      <c r="O15140" s="5" t="s">
        <v>38</v>
      </c>
      <c r="P15140" s="5" t="s">
        <v>39</v>
      </c>
      <c r="Q15140" s="5" t="s">
        <v>40</v>
      </c>
      <c r="R15140" s="5" t="s">
        <v>1522</v>
      </c>
      <c r="S15140" s="5" t="s">
        <v>1523</v>
      </c>
      <c r="T15140" s="5" t="s">
        <v>42</v>
      </c>
      <c r="U15140" s="2">
        <v>3.036</v>
      </c>
      <c r="V15140" s="2">
        <v>2.512</v>
      </c>
      <c r="W15140" s="2">
        <v>1.4999999999999999E-2</v>
      </c>
      <c r="X15140" s="2">
        <v>118.9</v>
      </c>
      <c r="Y15140" s="2">
        <v>7.6</v>
      </c>
      <c r="Z15140" s="2">
        <v>16.7</v>
      </c>
      <c r="AA15140" s="5"/>
      <c r="AB15140" s="5" t="s">
        <v>43</v>
      </c>
      <c r="AC15140" s="5" t="s">
        <v>44</v>
      </c>
      <c r="AD15140" s="2"/>
      <c r="AE15140" s="1"/>
    </row>
    <row r="15141" spans="1:31" ht="14.45">
      <c r="A15141" s="11"/>
      <c r="B15141" s="20"/>
      <c r="C15141" s="2" t="s">
        <v>46376</v>
      </c>
      <c r="D15141" s="14" t="s">
        <v>46377</v>
      </c>
      <c r="E15141" s="2" t="s">
        <v>46378</v>
      </c>
      <c r="F15141" s="2" t="s">
        <v>36305</v>
      </c>
      <c r="G15141" s="8">
        <v>291</v>
      </c>
      <c r="H15141" s="5">
        <v>6</v>
      </c>
      <c r="I15141" s="5" t="s">
        <v>1518</v>
      </c>
      <c r="J15141" s="5" t="s">
        <v>36264</v>
      </c>
      <c r="K15141" s="2" t="s">
        <v>36265</v>
      </c>
      <c r="L15141" s="5" t="s">
        <v>36264</v>
      </c>
      <c r="M15141" s="2" t="s">
        <v>36265</v>
      </c>
      <c r="N15141" s="5" t="s">
        <v>36266</v>
      </c>
      <c r="O15141" s="5" t="s">
        <v>38</v>
      </c>
      <c r="P15141" s="5" t="s">
        <v>39</v>
      </c>
      <c r="Q15141" s="5" t="s">
        <v>40</v>
      </c>
      <c r="R15141" s="5" t="s">
        <v>1522</v>
      </c>
      <c r="S15141" s="5" t="s">
        <v>1523</v>
      </c>
      <c r="T15141" s="5" t="s">
        <v>42</v>
      </c>
      <c r="U15141" s="2">
        <v>2.9460000000000002</v>
      </c>
      <c r="V15141" s="2">
        <v>2.4220000000000002</v>
      </c>
      <c r="W15141" s="2">
        <v>1.4999999999999999E-2</v>
      </c>
      <c r="X15141" s="2">
        <v>118.9</v>
      </c>
      <c r="Y15141" s="2">
        <v>7.6</v>
      </c>
      <c r="Z15141" s="2">
        <v>16.7</v>
      </c>
      <c r="AA15141" s="5"/>
      <c r="AB15141" s="5" t="s">
        <v>43</v>
      </c>
      <c r="AC15141" s="5" t="s">
        <v>44</v>
      </c>
      <c r="AD15141" s="2"/>
      <c r="AE15141" s="1"/>
    </row>
    <row r="15142" spans="1:31" ht="14.45">
      <c r="A15142" s="11"/>
      <c r="B15142" s="20"/>
      <c r="C15142" s="2" t="s">
        <v>46379</v>
      </c>
      <c r="D15142" s="14" t="s">
        <v>46380</v>
      </c>
      <c r="E15142" s="2" t="s">
        <v>46381</v>
      </c>
      <c r="F15142" s="2" t="s">
        <v>36309</v>
      </c>
      <c r="G15142" s="8">
        <v>291</v>
      </c>
      <c r="H15142" s="5">
        <v>6</v>
      </c>
      <c r="I15142" s="5" t="s">
        <v>1518</v>
      </c>
      <c r="J15142" s="5" t="s">
        <v>36264</v>
      </c>
      <c r="K15142" s="2" t="s">
        <v>36265</v>
      </c>
      <c r="L15142" s="5" t="s">
        <v>36264</v>
      </c>
      <c r="M15142" s="2" t="s">
        <v>36265</v>
      </c>
      <c r="N15142" s="5" t="s">
        <v>36266</v>
      </c>
      <c r="O15142" s="5" t="s">
        <v>38</v>
      </c>
      <c r="P15142" s="5" t="s">
        <v>39</v>
      </c>
      <c r="Q15142" s="5" t="s">
        <v>40</v>
      </c>
      <c r="R15142" s="5" t="s">
        <v>1522</v>
      </c>
      <c r="S15142" s="5" t="s">
        <v>1523</v>
      </c>
      <c r="T15142" s="5" t="s">
        <v>42</v>
      </c>
      <c r="U15142" s="2">
        <v>3.036</v>
      </c>
      <c r="V15142" s="2">
        <v>2.512</v>
      </c>
      <c r="W15142" s="2">
        <v>1.4999999999999999E-2</v>
      </c>
      <c r="X15142" s="2">
        <v>118.9</v>
      </c>
      <c r="Y15142" s="2">
        <v>7.6</v>
      </c>
      <c r="Z15142" s="2">
        <v>16.7</v>
      </c>
      <c r="AA15142" s="5"/>
      <c r="AB15142" s="5" t="s">
        <v>43</v>
      </c>
      <c r="AC15142" s="5" t="s">
        <v>44</v>
      </c>
      <c r="AD15142" s="2"/>
      <c r="AE15142" s="1"/>
    </row>
    <row r="15143" spans="1:31" ht="14.45">
      <c r="A15143" s="11"/>
      <c r="B15143" s="20"/>
      <c r="C15143" s="2" t="s">
        <v>46382</v>
      </c>
      <c r="D15143" s="14" t="s">
        <v>46383</v>
      </c>
      <c r="E15143" s="2" t="s">
        <v>46384</v>
      </c>
      <c r="F15143" s="2" t="s">
        <v>36313</v>
      </c>
      <c r="G15143" s="8">
        <v>314</v>
      </c>
      <c r="H15143" s="5">
        <v>6</v>
      </c>
      <c r="I15143" s="5" t="s">
        <v>1518</v>
      </c>
      <c r="J15143" s="5" t="s">
        <v>36264</v>
      </c>
      <c r="K15143" s="2" t="s">
        <v>36265</v>
      </c>
      <c r="L15143" s="5" t="s">
        <v>36264</v>
      </c>
      <c r="M15143" s="2" t="s">
        <v>36265</v>
      </c>
      <c r="N15143" s="5" t="s">
        <v>36266</v>
      </c>
      <c r="O15143" s="5" t="s">
        <v>38</v>
      </c>
      <c r="P15143" s="5" t="s">
        <v>39</v>
      </c>
      <c r="Q15143" s="5" t="s">
        <v>40</v>
      </c>
      <c r="R15143" s="5" t="s">
        <v>1522</v>
      </c>
      <c r="S15143" s="5" t="s">
        <v>1523</v>
      </c>
      <c r="T15143" s="5" t="s">
        <v>42</v>
      </c>
      <c r="U15143" s="2">
        <v>2.9460000000000002</v>
      </c>
      <c r="V15143" s="2">
        <v>2.4220000000000002</v>
      </c>
      <c r="W15143" s="2">
        <v>1.4999999999999999E-2</v>
      </c>
      <c r="X15143" s="2">
        <v>118.9</v>
      </c>
      <c r="Y15143" s="2">
        <v>7.6</v>
      </c>
      <c r="Z15143" s="2">
        <v>16.7</v>
      </c>
      <c r="AA15143" s="5"/>
      <c r="AB15143" s="5" t="s">
        <v>43</v>
      </c>
      <c r="AC15143" s="5" t="s">
        <v>44</v>
      </c>
      <c r="AD15143" s="2"/>
      <c r="AE15143" s="1"/>
    </row>
    <row r="15144" spans="1:31" ht="14.45">
      <c r="A15144" s="11"/>
      <c r="B15144" s="20"/>
      <c r="C15144" s="2" t="s">
        <v>46385</v>
      </c>
      <c r="D15144" s="14" t="s">
        <v>46386</v>
      </c>
      <c r="E15144" s="2" t="s">
        <v>46387</v>
      </c>
      <c r="F15144" s="2" t="s">
        <v>36329</v>
      </c>
      <c r="G15144" s="8">
        <v>314</v>
      </c>
      <c r="H15144" s="5">
        <v>6</v>
      </c>
      <c r="I15144" s="5" t="s">
        <v>1518</v>
      </c>
      <c r="J15144" s="5" t="s">
        <v>36264</v>
      </c>
      <c r="K15144" s="2" t="s">
        <v>36265</v>
      </c>
      <c r="L15144" s="5" t="s">
        <v>36264</v>
      </c>
      <c r="M15144" s="2" t="s">
        <v>36265</v>
      </c>
      <c r="N15144" s="5" t="s">
        <v>36266</v>
      </c>
      <c r="O15144" s="5" t="s">
        <v>38</v>
      </c>
      <c r="P15144" s="5" t="s">
        <v>39</v>
      </c>
      <c r="Q15144" s="5" t="s">
        <v>40</v>
      </c>
      <c r="R15144" s="5" t="s">
        <v>1522</v>
      </c>
      <c r="S15144" s="5" t="s">
        <v>1523</v>
      </c>
      <c r="T15144" s="5" t="s">
        <v>42</v>
      </c>
      <c r="U15144" s="2">
        <v>2.9460000000000002</v>
      </c>
      <c r="V15144" s="2">
        <v>2.4220000000000002</v>
      </c>
      <c r="W15144" s="2">
        <v>1.4999999999999999E-2</v>
      </c>
      <c r="X15144" s="2">
        <v>118.9</v>
      </c>
      <c r="Y15144" s="2">
        <v>7.6</v>
      </c>
      <c r="Z15144" s="2">
        <v>16.7</v>
      </c>
      <c r="AA15144" s="5"/>
      <c r="AB15144" s="5" t="s">
        <v>43</v>
      </c>
      <c r="AC15144" s="5" t="s">
        <v>44</v>
      </c>
      <c r="AD15144" s="2"/>
      <c r="AE15144" s="1"/>
    </row>
    <row r="15145" spans="1:31" ht="14.45">
      <c r="A15145" s="11"/>
      <c r="B15145" s="20"/>
      <c r="C15145" s="2" t="s">
        <v>46388</v>
      </c>
      <c r="D15145" s="14" t="s">
        <v>46389</v>
      </c>
      <c r="E15145" s="2" t="s">
        <v>46390</v>
      </c>
      <c r="F15145" s="2" t="s">
        <v>36333</v>
      </c>
      <c r="G15145" s="8">
        <v>314</v>
      </c>
      <c r="H15145" s="5">
        <v>6</v>
      </c>
      <c r="I15145" s="5" t="s">
        <v>1518</v>
      </c>
      <c r="J15145" s="5" t="s">
        <v>36264</v>
      </c>
      <c r="K15145" s="2" t="s">
        <v>36265</v>
      </c>
      <c r="L15145" s="5" t="s">
        <v>36264</v>
      </c>
      <c r="M15145" s="2" t="s">
        <v>36265</v>
      </c>
      <c r="N15145" s="5" t="s">
        <v>36266</v>
      </c>
      <c r="O15145" s="5" t="s">
        <v>38</v>
      </c>
      <c r="P15145" s="5" t="s">
        <v>39</v>
      </c>
      <c r="Q15145" s="5" t="s">
        <v>40</v>
      </c>
      <c r="R15145" s="5" t="s">
        <v>1522</v>
      </c>
      <c r="S15145" s="5" t="s">
        <v>1523</v>
      </c>
      <c r="T15145" s="5" t="s">
        <v>42</v>
      </c>
      <c r="U15145" s="2">
        <v>3.036</v>
      </c>
      <c r="V15145" s="2">
        <v>2.512</v>
      </c>
      <c r="W15145" s="2">
        <v>1.4999999999999999E-2</v>
      </c>
      <c r="X15145" s="2">
        <v>118.9</v>
      </c>
      <c r="Y15145" s="2">
        <v>7.6</v>
      </c>
      <c r="Z15145" s="2">
        <v>16.7</v>
      </c>
      <c r="AA15145" s="5"/>
      <c r="AB15145" s="5" t="s">
        <v>43</v>
      </c>
      <c r="AC15145" s="5" t="s">
        <v>44</v>
      </c>
      <c r="AD15145" s="2"/>
      <c r="AE15145" s="1"/>
    </row>
    <row r="15146" spans="1:31" ht="14.45">
      <c r="A15146" s="11"/>
      <c r="B15146" s="20"/>
      <c r="C15146" s="2" t="s">
        <v>46391</v>
      </c>
      <c r="D15146" s="14" t="s">
        <v>46392</v>
      </c>
      <c r="E15146" s="2" t="s">
        <v>46393</v>
      </c>
      <c r="F15146" s="2" t="s">
        <v>36345</v>
      </c>
      <c r="G15146" s="8">
        <v>314</v>
      </c>
      <c r="H15146" s="5">
        <v>6</v>
      </c>
      <c r="I15146" s="5" t="s">
        <v>1518</v>
      </c>
      <c r="J15146" s="5" t="s">
        <v>36264</v>
      </c>
      <c r="K15146" s="2" t="s">
        <v>36265</v>
      </c>
      <c r="L15146" s="5" t="s">
        <v>36264</v>
      </c>
      <c r="M15146" s="2" t="s">
        <v>36265</v>
      </c>
      <c r="N15146" s="5" t="s">
        <v>36266</v>
      </c>
      <c r="O15146" s="5" t="s">
        <v>38</v>
      </c>
      <c r="P15146" s="5" t="s">
        <v>39</v>
      </c>
      <c r="Q15146" s="5" t="s">
        <v>40</v>
      </c>
      <c r="R15146" s="5" t="s">
        <v>1522</v>
      </c>
      <c r="S15146" s="5" t="s">
        <v>1523</v>
      </c>
      <c r="T15146" s="5" t="s">
        <v>42</v>
      </c>
      <c r="U15146" s="2">
        <v>2.9460000000000002</v>
      </c>
      <c r="V15146" s="2">
        <v>2.4220000000000002</v>
      </c>
      <c r="W15146" s="2">
        <v>1.4999999999999999E-2</v>
      </c>
      <c r="X15146" s="2">
        <v>118.9</v>
      </c>
      <c r="Y15146" s="2">
        <v>7.6</v>
      </c>
      <c r="Z15146" s="2">
        <v>16.7</v>
      </c>
      <c r="AA15146" s="5"/>
      <c r="AB15146" s="5" t="s">
        <v>43</v>
      </c>
      <c r="AC15146" s="5" t="s">
        <v>44</v>
      </c>
      <c r="AD15146" s="2"/>
      <c r="AE15146" s="1"/>
    </row>
    <row r="15147" spans="1:31" ht="14.45">
      <c r="A15147" s="11"/>
      <c r="B15147" s="20"/>
      <c r="C15147" s="2" t="s">
        <v>46394</v>
      </c>
      <c r="D15147" s="14" t="s">
        <v>46395</v>
      </c>
      <c r="E15147" s="2" t="s">
        <v>46396</v>
      </c>
      <c r="F15147" s="2" t="s">
        <v>36349</v>
      </c>
      <c r="G15147" s="8">
        <v>314</v>
      </c>
      <c r="H15147" s="5">
        <v>6</v>
      </c>
      <c r="I15147" s="5" t="s">
        <v>1518</v>
      </c>
      <c r="J15147" s="5" t="s">
        <v>36264</v>
      </c>
      <c r="K15147" s="2" t="s">
        <v>36265</v>
      </c>
      <c r="L15147" s="5" t="s">
        <v>36264</v>
      </c>
      <c r="M15147" s="2" t="s">
        <v>36265</v>
      </c>
      <c r="N15147" s="5" t="s">
        <v>36266</v>
      </c>
      <c r="O15147" s="5" t="s">
        <v>38</v>
      </c>
      <c r="P15147" s="5" t="s">
        <v>39</v>
      </c>
      <c r="Q15147" s="5" t="s">
        <v>40</v>
      </c>
      <c r="R15147" s="5" t="s">
        <v>1522</v>
      </c>
      <c r="S15147" s="5" t="s">
        <v>1523</v>
      </c>
      <c r="T15147" s="5" t="s">
        <v>42</v>
      </c>
      <c r="U15147" s="2">
        <v>3.036</v>
      </c>
      <c r="V15147" s="2">
        <v>2.512</v>
      </c>
      <c r="W15147" s="2">
        <v>1.4999999999999999E-2</v>
      </c>
      <c r="X15147" s="2">
        <v>118.9</v>
      </c>
      <c r="Y15147" s="2">
        <v>7.6</v>
      </c>
      <c r="Z15147" s="2">
        <v>16.7</v>
      </c>
      <c r="AA15147" s="5"/>
      <c r="AB15147" s="5" t="s">
        <v>43</v>
      </c>
      <c r="AC15147" s="5" t="s">
        <v>44</v>
      </c>
      <c r="AD15147" s="2"/>
      <c r="AE15147" s="1"/>
    </row>
    <row r="15148" spans="1:31" ht="14.45">
      <c r="A15148" s="11"/>
      <c r="B15148" s="20"/>
      <c r="C15148" s="2" t="s">
        <v>46397</v>
      </c>
      <c r="D15148" s="14" t="s">
        <v>46398</v>
      </c>
      <c r="E15148" s="2" t="s">
        <v>46399</v>
      </c>
      <c r="F15148" s="2" t="s">
        <v>36357</v>
      </c>
      <c r="G15148" s="8">
        <v>314</v>
      </c>
      <c r="H15148" s="5">
        <v>6</v>
      </c>
      <c r="I15148" s="5" t="s">
        <v>1518</v>
      </c>
      <c r="J15148" s="5" t="s">
        <v>36264</v>
      </c>
      <c r="K15148" s="2" t="s">
        <v>36265</v>
      </c>
      <c r="L15148" s="5" t="s">
        <v>36264</v>
      </c>
      <c r="M15148" s="2" t="s">
        <v>36265</v>
      </c>
      <c r="N15148" s="5" t="s">
        <v>36266</v>
      </c>
      <c r="O15148" s="5" t="s">
        <v>38</v>
      </c>
      <c r="P15148" s="5" t="s">
        <v>39</v>
      </c>
      <c r="Q15148" s="5" t="s">
        <v>40</v>
      </c>
      <c r="R15148" s="5" t="s">
        <v>1522</v>
      </c>
      <c r="S15148" s="5" t="s">
        <v>1523</v>
      </c>
      <c r="T15148" s="5" t="s">
        <v>42</v>
      </c>
      <c r="U15148" s="2">
        <v>3.036</v>
      </c>
      <c r="V15148" s="2">
        <v>2.512</v>
      </c>
      <c r="W15148" s="2">
        <v>1.4999999999999999E-2</v>
      </c>
      <c r="X15148" s="2">
        <v>118.9</v>
      </c>
      <c r="Y15148" s="2">
        <v>7.6</v>
      </c>
      <c r="Z15148" s="2">
        <v>16.7</v>
      </c>
      <c r="AA15148" s="5"/>
      <c r="AB15148" s="5" t="s">
        <v>43</v>
      </c>
      <c r="AC15148" s="5" t="s">
        <v>44</v>
      </c>
      <c r="AD15148" s="2"/>
      <c r="AE15148" s="1"/>
    </row>
    <row r="15149" spans="1:31" ht="14.45">
      <c r="A15149" s="11"/>
      <c r="B15149" s="20"/>
      <c r="C15149" s="2" t="s">
        <v>46400</v>
      </c>
      <c r="D15149" s="14" t="s">
        <v>46401</v>
      </c>
      <c r="E15149" s="2" t="s">
        <v>46402</v>
      </c>
      <c r="F15149" s="2" t="s">
        <v>45598</v>
      </c>
      <c r="G15149" s="8">
        <v>314</v>
      </c>
      <c r="H15149" s="5">
        <v>6</v>
      </c>
      <c r="I15149" s="5" t="s">
        <v>1518</v>
      </c>
      <c r="J15149" s="5" t="s">
        <v>36264</v>
      </c>
      <c r="K15149" s="2" t="s">
        <v>36265</v>
      </c>
      <c r="L15149" s="5" t="s">
        <v>36264</v>
      </c>
      <c r="M15149" s="2" t="s">
        <v>36265</v>
      </c>
      <c r="N15149" s="5" t="s">
        <v>36266</v>
      </c>
      <c r="O15149" s="5" t="s">
        <v>38</v>
      </c>
      <c r="P15149" s="5" t="s">
        <v>39</v>
      </c>
      <c r="Q15149" s="5" t="s">
        <v>40</v>
      </c>
      <c r="R15149" s="5" t="s">
        <v>1522</v>
      </c>
      <c r="S15149" s="5" t="s">
        <v>1523</v>
      </c>
      <c r="T15149" s="5" t="s">
        <v>42</v>
      </c>
      <c r="U15149" s="2">
        <v>2.9460000000000002</v>
      </c>
      <c r="V15149" s="2">
        <v>2.4220000000000002</v>
      </c>
      <c r="W15149" s="2">
        <v>1.4999999999999999E-2</v>
      </c>
      <c r="X15149" s="2">
        <v>118.9</v>
      </c>
      <c r="Y15149" s="2">
        <v>7.6</v>
      </c>
      <c r="Z15149" s="2">
        <v>16.7</v>
      </c>
      <c r="AA15149" s="5"/>
      <c r="AB15149" s="5" t="s">
        <v>43</v>
      </c>
      <c r="AC15149" s="5" t="s">
        <v>44</v>
      </c>
      <c r="AD15149" s="2"/>
      <c r="AE15149" s="1"/>
    </row>
    <row r="15150" spans="1:31" ht="14.45">
      <c r="A15150" s="11"/>
      <c r="B15150" s="20"/>
      <c r="C15150" s="2" t="s">
        <v>46403</v>
      </c>
      <c r="D15150" s="14" t="s">
        <v>46404</v>
      </c>
      <c r="E15150" s="2" t="s">
        <v>46405</v>
      </c>
      <c r="F15150" s="2" t="s">
        <v>45534</v>
      </c>
      <c r="G15150" s="8">
        <v>314</v>
      </c>
      <c r="H15150" s="5">
        <v>6</v>
      </c>
      <c r="I15150" s="5" t="s">
        <v>1518</v>
      </c>
      <c r="J15150" s="5" t="s">
        <v>36264</v>
      </c>
      <c r="K15150" s="2" t="s">
        <v>36265</v>
      </c>
      <c r="L15150" s="5" t="s">
        <v>36264</v>
      </c>
      <c r="M15150" s="2" t="s">
        <v>36265</v>
      </c>
      <c r="N15150" s="5" t="s">
        <v>36266</v>
      </c>
      <c r="O15150" s="5" t="s">
        <v>38</v>
      </c>
      <c r="P15150" s="5" t="s">
        <v>39</v>
      </c>
      <c r="Q15150" s="5" t="s">
        <v>40</v>
      </c>
      <c r="R15150" s="5" t="s">
        <v>1522</v>
      </c>
      <c r="S15150" s="5" t="s">
        <v>1523</v>
      </c>
      <c r="T15150" s="5" t="s">
        <v>42</v>
      </c>
      <c r="U15150" s="2">
        <v>3.036</v>
      </c>
      <c r="V15150" s="2">
        <v>2.512</v>
      </c>
      <c r="W15150" s="2">
        <v>1.4999999999999999E-2</v>
      </c>
      <c r="X15150" s="2">
        <v>118.9</v>
      </c>
      <c r="Y15150" s="2">
        <v>7.6</v>
      </c>
      <c r="Z15150" s="2">
        <v>16.7</v>
      </c>
      <c r="AA15150" s="5"/>
      <c r="AB15150" s="5" t="s">
        <v>43</v>
      </c>
      <c r="AC15150" s="5" t="s">
        <v>44</v>
      </c>
      <c r="AD15150" s="2"/>
      <c r="AE15150" s="1"/>
    </row>
    <row r="15151" spans="1:31" ht="14.45">
      <c r="A15151" s="11"/>
      <c r="B15151" s="20"/>
      <c r="C15151" s="2" t="s">
        <v>46406</v>
      </c>
      <c r="D15151" s="14" t="s">
        <v>46407</v>
      </c>
      <c r="E15151" s="2" t="s">
        <v>46408</v>
      </c>
      <c r="F15151" s="2" t="s">
        <v>36369</v>
      </c>
      <c r="G15151" s="8">
        <v>314</v>
      </c>
      <c r="H15151" s="5">
        <v>6</v>
      </c>
      <c r="I15151" s="5" t="s">
        <v>1518</v>
      </c>
      <c r="J15151" s="5" t="s">
        <v>36264</v>
      </c>
      <c r="K15151" s="2" t="s">
        <v>36265</v>
      </c>
      <c r="L15151" s="5" t="s">
        <v>36264</v>
      </c>
      <c r="M15151" s="2" t="s">
        <v>36265</v>
      </c>
      <c r="N15151" s="5" t="s">
        <v>36266</v>
      </c>
      <c r="O15151" s="5" t="s">
        <v>38</v>
      </c>
      <c r="P15151" s="5" t="s">
        <v>39</v>
      </c>
      <c r="Q15151" s="5" t="s">
        <v>40</v>
      </c>
      <c r="R15151" s="5" t="s">
        <v>1522</v>
      </c>
      <c r="S15151" s="5" t="s">
        <v>1523</v>
      </c>
      <c r="T15151" s="5" t="s">
        <v>42</v>
      </c>
      <c r="U15151" s="2">
        <v>2.9460000000000002</v>
      </c>
      <c r="V15151" s="2">
        <v>2.4220000000000002</v>
      </c>
      <c r="W15151" s="2">
        <v>1.4999999999999999E-2</v>
      </c>
      <c r="X15151" s="2">
        <v>118.9</v>
      </c>
      <c r="Y15151" s="2">
        <v>7.6</v>
      </c>
      <c r="Z15151" s="2">
        <v>16.7</v>
      </c>
      <c r="AA15151" s="5"/>
      <c r="AB15151" s="5" t="s">
        <v>43</v>
      </c>
      <c r="AC15151" s="5" t="s">
        <v>44</v>
      </c>
      <c r="AD15151" s="2"/>
      <c r="AE15151" s="1"/>
    </row>
    <row r="15152" spans="1:31" ht="14.45">
      <c r="A15152" s="11"/>
      <c r="B15152" s="20"/>
      <c r="C15152" s="2" t="s">
        <v>46409</v>
      </c>
      <c r="D15152" s="14" t="s">
        <v>46410</v>
      </c>
      <c r="E15152" s="2" t="s">
        <v>46411</v>
      </c>
      <c r="F15152" s="2" t="s">
        <v>36373</v>
      </c>
      <c r="G15152" s="8">
        <v>314</v>
      </c>
      <c r="H15152" s="5">
        <v>6</v>
      </c>
      <c r="I15152" s="5" t="s">
        <v>1518</v>
      </c>
      <c r="J15152" s="5" t="s">
        <v>36264</v>
      </c>
      <c r="K15152" s="2" t="s">
        <v>36265</v>
      </c>
      <c r="L15152" s="5" t="s">
        <v>36264</v>
      </c>
      <c r="M15152" s="2" t="s">
        <v>36265</v>
      </c>
      <c r="N15152" s="5" t="s">
        <v>36266</v>
      </c>
      <c r="O15152" s="5" t="s">
        <v>38</v>
      </c>
      <c r="P15152" s="5" t="s">
        <v>39</v>
      </c>
      <c r="Q15152" s="5" t="s">
        <v>40</v>
      </c>
      <c r="R15152" s="5" t="s">
        <v>1522</v>
      </c>
      <c r="S15152" s="5" t="s">
        <v>1523</v>
      </c>
      <c r="T15152" s="5" t="s">
        <v>42</v>
      </c>
      <c r="U15152" s="2">
        <v>3.036</v>
      </c>
      <c r="V15152" s="2">
        <v>2.512</v>
      </c>
      <c r="W15152" s="2">
        <v>1.4999999999999999E-2</v>
      </c>
      <c r="X15152" s="2">
        <v>118.9</v>
      </c>
      <c r="Y15152" s="2">
        <v>7.6</v>
      </c>
      <c r="Z15152" s="2">
        <v>16.7</v>
      </c>
      <c r="AA15152" s="5"/>
      <c r="AB15152" s="5" t="s">
        <v>43</v>
      </c>
      <c r="AC15152" s="5" t="s">
        <v>44</v>
      </c>
      <c r="AD15152" s="2"/>
      <c r="AE15152" s="1"/>
    </row>
    <row r="15153" spans="1:31" ht="14.45">
      <c r="A15153" s="11"/>
      <c r="B15153" s="20"/>
      <c r="C15153" s="2" t="s">
        <v>46412</v>
      </c>
      <c r="D15153" s="14" t="s">
        <v>46413</v>
      </c>
      <c r="E15153" s="2" t="s">
        <v>46414</v>
      </c>
      <c r="F15153" s="2" t="s">
        <v>36377</v>
      </c>
      <c r="G15153" s="8">
        <v>314</v>
      </c>
      <c r="H15153" s="5">
        <v>6</v>
      </c>
      <c r="I15153" s="5" t="s">
        <v>1518</v>
      </c>
      <c r="J15153" s="5" t="s">
        <v>36264</v>
      </c>
      <c r="K15153" s="2" t="s">
        <v>36265</v>
      </c>
      <c r="L15153" s="5" t="s">
        <v>36264</v>
      </c>
      <c r="M15153" s="2" t="s">
        <v>36265</v>
      </c>
      <c r="N15153" s="5" t="s">
        <v>36266</v>
      </c>
      <c r="O15153" s="5" t="s">
        <v>38</v>
      </c>
      <c r="P15153" s="5" t="s">
        <v>39</v>
      </c>
      <c r="Q15153" s="5" t="s">
        <v>40</v>
      </c>
      <c r="R15153" s="5" t="s">
        <v>1522</v>
      </c>
      <c r="S15153" s="5" t="s">
        <v>1523</v>
      </c>
      <c r="T15153" s="5" t="s">
        <v>42</v>
      </c>
      <c r="U15153" s="2">
        <v>2.9460000000000002</v>
      </c>
      <c r="V15153" s="2">
        <v>2.4220000000000002</v>
      </c>
      <c r="W15153" s="2">
        <v>1.4999999999999999E-2</v>
      </c>
      <c r="X15153" s="2">
        <v>118.9</v>
      </c>
      <c r="Y15153" s="2">
        <v>7.6</v>
      </c>
      <c r="Z15153" s="2">
        <v>16.7</v>
      </c>
      <c r="AA15153" s="5"/>
      <c r="AB15153" s="5" t="s">
        <v>43</v>
      </c>
      <c r="AC15153" s="5" t="s">
        <v>44</v>
      </c>
      <c r="AD15153" s="2"/>
      <c r="AE15153" s="1"/>
    </row>
    <row r="15154" spans="1:31" ht="14.45">
      <c r="A15154" s="11"/>
      <c r="B15154" s="20"/>
      <c r="C15154" s="2" t="s">
        <v>46415</v>
      </c>
      <c r="D15154" s="14" t="s">
        <v>46416</v>
      </c>
      <c r="E15154" s="2" t="s">
        <v>46417</v>
      </c>
      <c r="F15154" s="2" t="s">
        <v>36381</v>
      </c>
      <c r="G15154" s="8">
        <v>314</v>
      </c>
      <c r="H15154" s="5">
        <v>6</v>
      </c>
      <c r="I15154" s="5" t="s">
        <v>1518</v>
      </c>
      <c r="J15154" s="5" t="s">
        <v>36264</v>
      </c>
      <c r="K15154" s="2" t="s">
        <v>36265</v>
      </c>
      <c r="L15154" s="5" t="s">
        <v>36264</v>
      </c>
      <c r="M15154" s="2" t="s">
        <v>36265</v>
      </c>
      <c r="N15154" s="5" t="s">
        <v>36266</v>
      </c>
      <c r="O15154" s="5" t="s">
        <v>38</v>
      </c>
      <c r="P15154" s="5" t="s">
        <v>39</v>
      </c>
      <c r="Q15154" s="5" t="s">
        <v>40</v>
      </c>
      <c r="R15154" s="5" t="s">
        <v>1522</v>
      </c>
      <c r="S15154" s="5" t="s">
        <v>1523</v>
      </c>
      <c r="T15154" s="5" t="s">
        <v>42</v>
      </c>
      <c r="U15154" s="2">
        <v>3.036</v>
      </c>
      <c r="V15154" s="2">
        <v>2.512</v>
      </c>
      <c r="W15154" s="2">
        <v>1.4999999999999999E-2</v>
      </c>
      <c r="X15154" s="2">
        <v>118.9</v>
      </c>
      <c r="Y15154" s="2">
        <v>7.6</v>
      </c>
      <c r="Z15154" s="2">
        <v>16.7</v>
      </c>
      <c r="AA15154" s="5"/>
      <c r="AB15154" s="5" t="s">
        <v>43</v>
      </c>
      <c r="AC15154" s="5" t="s">
        <v>44</v>
      </c>
      <c r="AD15154" s="2"/>
      <c r="AE15154" s="1"/>
    </row>
    <row r="15155" spans="1:31" ht="14.45">
      <c r="A15155" s="11"/>
      <c r="B15155" s="20"/>
      <c r="C15155" s="2" t="s">
        <v>46418</v>
      </c>
      <c r="D15155" s="14" t="s">
        <v>46419</v>
      </c>
      <c r="E15155" s="2" t="s">
        <v>46420</v>
      </c>
      <c r="F15155" s="2" t="s">
        <v>7204</v>
      </c>
      <c r="G15155" s="8">
        <v>302</v>
      </c>
      <c r="H15155" s="5">
        <v>6</v>
      </c>
      <c r="I15155" s="5" t="s">
        <v>1518</v>
      </c>
      <c r="J15155" s="5" t="s">
        <v>36264</v>
      </c>
      <c r="K15155" s="2" t="s">
        <v>36265</v>
      </c>
      <c r="L15155" s="5" t="s">
        <v>36264</v>
      </c>
      <c r="M15155" s="2" t="s">
        <v>36265</v>
      </c>
      <c r="N15155" s="5" t="s">
        <v>36266</v>
      </c>
      <c r="O15155" s="5" t="s">
        <v>38</v>
      </c>
      <c r="P15155" s="5" t="s">
        <v>39</v>
      </c>
      <c r="Q15155" s="5" t="s">
        <v>40</v>
      </c>
      <c r="R15155" s="5" t="s">
        <v>1522</v>
      </c>
      <c r="S15155" s="5" t="s">
        <v>1523</v>
      </c>
      <c r="T15155" s="5" t="s">
        <v>42</v>
      </c>
      <c r="U15155" s="2">
        <v>3.21</v>
      </c>
      <c r="V15155" s="2">
        <v>2.6110000000000002</v>
      </c>
      <c r="W15155" s="2">
        <v>1.7999999999999999E-2</v>
      </c>
      <c r="X15155" s="2">
        <v>139.1</v>
      </c>
      <c r="Y15155" s="2">
        <v>7.6</v>
      </c>
      <c r="Z15155" s="2">
        <v>16.7</v>
      </c>
      <c r="AA15155" s="5"/>
      <c r="AB15155" s="5" t="s">
        <v>43</v>
      </c>
      <c r="AC15155" s="5" t="s">
        <v>44</v>
      </c>
      <c r="AD15155" s="2"/>
      <c r="AE15155" s="1"/>
    </row>
    <row r="15156" spans="1:31" ht="14.45">
      <c r="A15156" s="11"/>
      <c r="B15156" s="20"/>
      <c r="C15156" s="2" t="s">
        <v>46421</v>
      </c>
      <c r="D15156" s="14" t="s">
        <v>46422</v>
      </c>
      <c r="E15156" s="2" t="s">
        <v>46423</v>
      </c>
      <c r="F15156" s="2" t="s">
        <v>7514</v>
      </c>
      <c r="G15156" s="8">
        <v>302</v>
      </c>
      <c r="H15156" s="5">
        <v>6</v>
      </c>
      <c r="I15156" s="5" t="s">
        <v>1518</v>
      </c>
      <c r="J15156" s="5" t="s">
        <v>36264</v>
      </c>
      <c r="K15156" s="2" t="s">
        <v>36265</v>
      </c>
      <c r="L15156" s="5" t="s">
        <v>36264</v>
      </c>
      <c r="M15156" s="2" t="s">
        <v>36265</v>
      </c>
      <c r="N15156" s="5" t="s">
        <v>36266</v>
      </c>
      <c r="O15156" s="5" t="s">
        <v>38</v>
      </c>
      <c r="P15156" s="5" t="s">
        <v>39</v>
      </c>
      <c r="Q15156" s="5" t="s">
        <v>40</v>
      </c>
      <c r="R15156" s="5" t="s">
        <v>1522</v>
      </c>
      <c r="S15156" s="5" t="s">
        <v>1523</v>
      </c>
      <c r="T15156" s="5" t="s">
        <v>42</v>
      </c>
      <c r="U15156" s="2">
        <v>3.3119999999999998</v>
      </c>
      <c r="V15156" s="2">
        <v>2.7130000000000001</v>
      </c>
      <c r="W15156" s="2">
        <v>1.7999999999999999E-2</v>
      </c>
      <c r="X15156" s="2">
        <v>139.1</v>
      </c>
      <c r="Y15156" s="2">
        <v>7.6</v>
      </c>
      <c r="Z15156" s="2">
        <v>16.7</v>
      </c>
      <c r="AA15156" s="5"/>
      <c r="AB15156" s="5" t="s">
        <v>43</v>
      </c>
      <c r="AC15156" s="5" t="s">
        <v>44</v>
      </c>
      <c r="AD15156" s="2"/>
      <c r="AE15156" s="1"/>
    </row>
    <row r="15157" spans="1:31" ht="14.45">
      <c r="A15157" s="11"/>
      <c r="B15157" s="20"/>
      <c r="C15157" s="2" t="s">
        <v>46424</v>
      </c>
      <c r="D15157" s="14" t="s">
        <v>46425</v>
      </c>
      <c r="E15157" s="2" t="s">
        <v>46426</v>
      </c>
      <c r="F15157" s="2" t="s">
        <v>36273</v>
      </c>
      <c r="G15157" s="8">
        <v>302</v>
      </c>
      <c r="H15157" s="5">
        <v>6</v>
      </c>
      <c r="I15157" s="5" t="s">
        <v>1518</v>
      </c>
      <c r="J15157" s="5" t="s">
        <v>36264</v>
      </c>
      <c r="K15157" s="2" t="s">
        <v>36265</v>
      </c>
      <c r="L15157" s="5" t="s">
        <v>36264</v>
      </c>
      <c r="M15157" s="2" t="s">
        <v>36265</v>
      </c>
      <c r="N15157" s="5" t="s">
        <v>36266</v>
      </c>
      <c r="O15157" s="5" t="s">
        <v>38</v>
      </c>
      <c r="P15157" s="5" t="s">
        <v>39</v>
      </c>
      <c r="Q15157" s="5" t="s">
        <v>40</v>
      </c>
      <c r="R15157" s="5" t="s">
        <v>1522</v>
      </c>
      <c r="S15157" s="5" t="s">
        <v>1523</v>
      </c>
      <c r="T15157" s="5" t="s">
        <v>42</v>
      </c>
      <c r="U15157" s="2">
        <v>3.21</v>
      </c>
      <c r="V15157" s="2">
        <v>2.6110000000000002</v>
      </c>
      <c r="W15157" s="2">
        <v>1.7999999999999999E-2</v>
      </c>
      <c r="X15157" s="2">
        <v>139.1</v>
      </c>
      <c r="Y15157" s="2">
        <v>7.6</v>
      </c>
      <c r="Z15157" s="2">
        <v>16.7</v>
      </c>
      <c r="AA15157" s="5"/>
      <c r="AB15157" s="5" t="s">
        <v>43</v>
      </c>
      <c r="AC15157" s="5" t="s">
        <v>44</v>
      </c>
      <c r="AD15157" s="2"/>
      <c r="AE15157" s="1"/>
    </row>
    <row r="15158" spans="1:31" ht="14.45">
      <c r="A15158" s="11"/>
      <c r="B15158" s="20"/>
      <c r="C15158" s="2" t="s">
        <v>46427</v>
      </c>
      <c r="D15158" s="14" t="s">
        <v>46428</v>
      </c>
      <c r="E15158" s="2" t="s">
        <v>46429</v>
      </c>
      <c r="F15158" s="2" t="s">
        <v>36277</v>
      </c>
      <c r="G15158" s="8">
        <v>302</v>
      </c>
      <c r="H15158" s="5">
        <v>6</v>
      </c>
      <c r="I15158" s="5" t="s">
        <v>1518</v>
      </c>
      <c r="J15158" s="5" t="s">
        <v>36264</v>
      </c>
      <c r="K15158" s="2" t="s">
        <v>36265</v>
      </c>
      <c r="L15158" s="5" t="s">
        <v>36264</v>
      </c>
      <c r="M15158" s="2" t="s">
        <v>36265</v>
      </c>
      <c r="N15158" s="5" t="s">
        <v>36266</v>
      </c>
      <c r="O15158" s="5" t="s">
        <v>38</v>
      </c>
      <c r="P15158" s="5" t="s">
        <v>39</v>
      </c>
      <c r="Q15158" s="5" t="s">
        <v>40</v>
      </c>
      <c r="R15158" s="5" t="s">
        <v>1522</v>
      </c>
      <c r="S15158" s="5" t="s">
        <v>1523</v>
      </c>
      <c r="T15158" s="5" t="s">
        <v>42</v>
      </c>
      <c r="U15158" s="2">
        <v>3.3119999999999998</v>
      </c>
      <c r="V15158" s="2">
        <v>2.7130000000000001</v>
      </c>
      <c r="W15158" s="2">
        <v>1.7999999999999999E-2</v>
      </c>
      <c r="X15158" s="2">
        <v>139.1</v>
      </c>
      <c r="Y15158" s="2">
        <v>7.6</v>
      </c>
      <c r="Z15158" s="2">
        <v>16.7</v>
      </c>
      <c r="AA15158" s="5"/>
      <c r="AB15158" s="5" t="s">
        <v>43</v>
      </c>
      <c r="AC15158" s="5" t="s">
        <v>44</v>
      </c>
      <c r="AD15158" s="2"/>
      <c r="AE15158" s="1"/>
    </row>
    <row r="15159" spans="1:31" ht="14.45">
      <c r="A15159" s="11"/>
      <c r="B15159" s="20"/>
      <c r="C15159" s="2" t="s">
        <v>46430</v>
      </c>
      <c r="D15159" s="14" t="s">
        <v>46431</v>
      </c>
      <c r="E15159" s="2" t="s">
        <v>46432</v>
      </c>
      <c r="F15159" s="2" t="s">
        <v>36289</v>
      </c>
      <c r="G15159" s="8">
        <v>328</v>
      </c>
      <c r="H15159" s="5">
        <v>6</v>
      </c>
      <c r="I15159" s="5" t="s">
        <v>1518</v>
      </c>
      <c r="J15159" s="5" t="s">
        <v>36264</v>
      </c>
      <c r="K15159" s="2" t="s">
        <v>36265</v>
      </c>
      <c r="L15159" s="5" t="s">
        <v>36264</v>
      </c>
      <c r="M15159" s="2" t="s">
        <v>36265</v>
      </c>
      <c r="N15159" s="5" t="s">
        <v>36266</v>
      </c>
      <c r="O15159" s="5" t="s">
        <v>38</v>
      </c>
      <c r="P15159" s="5" t="s">
        <v>39</v>
      </c>
      <c r="Q15159" s="5" t="s">
        <v>40</v>
      </c>
      <c r="R15159" s="5" t="s">
        <v>1522</v>
      </c>
      <c r="S15159" s="5" t="s">
        <v>1523</v>
      </c>
      <c r="T15159" s="5" t="s">
        <v>42</v>
      </c>
      <c r="U15159" s="2">
        <v>3.21</v>
      </c>
      <c r="V15159" s="2">
        <v>2.6110000000000002</v>
      </c>
      <c r="W15159" s="2">
        <v>1.7999999999999999E-2</v>
      </c>
      <c r="X15159" s="2">
        <v>139.1</v>
      </c>
      <c r="Y15159" s="2">
        <v>7.6</v>
      </c>
      <c r="Z15159" s="2">
        <v>16.7</v>
      </c>
      <c r="AA15159" s="5"/>
      <c r="AB15159" s="5" t="s">
        <v>43</v>
      </c>
      <c r="AC15159" s="5" t="s">
        <v>44</v>
      </c>
      <c r="AD15159" s="2"/>
      <c r="AE15159" s="1"/>
    </row>
    <row r="15160" spans="1:31" ht="14.45">
      <c r="A15160" s="11"/>
      <c r="B15160" s="20"/>
      <c r="C15160" s="2" t="s">
        <v>46433</v>
      </c>
      <c r="D15160" s="14" t="s">
        <v>46434</v>
      </c>
      <c r="E15160" s="2" t="s">
        <v>46435</v>
      </c>
      <c r="F15160" s="2" t="s">
        <v>36293</v>
      </c>
      <c r="G15160" s="8">
        <v>328</v>
      </c>
      <c r="H15160" s="5">
        <v>6</v>
      </c>
      <c r="I15160" s="5" t="s">
        <v>1518</v>
      </c>
      <c r="J15160" s="5" t="s">
        <v>36264</v>
      </c>
      <c r="K15160" s="2" t="s">
        <v>36265</v>
      </c>
      <c r="L15160" s="5" t="s">
        <v>36264</v>
      </c>
      <c r="M15160" s="2" t="s">
        <v>36265</v>
      </c>
      <c r="N15160" s="5" t="s">
        <v>36266</v>
      </c>
      <c r="O15160" s="5" t="s">
        <v>38</v>
      </c>
      <c r="P15160" s="5" t="s">
        <v>39</v>
      </c>
      <c r="Q15160" s="5" t="s">
        <v>40</v>
      </c>
      <c r="R15160" s="5" t="s">
        <v>1522</v>
      </c>
      <c r="S15160" s="5" t="s">
        <v>1523</v>
      </c>
      <c r="T15160" s="5" t="s">
        <v>42</v>
      </c>
      <c r="U15160" s="2">
        <v>3.3119999999999998</v>
      </c>
      <c r="V15160" s="2">
        <v>2.7130000000000001</v>
      </c>
      <c r="W15160" s="2">
        <v>1.7999999999999999E-2</v>
      </c>
      <c r="X15160" s="2">
        <v>139.1</v>
      </c>
      <c r="Y15160" s="2">
        <v>7.6</v>
      </c>
      <c r="Z15160" s="2">
        <v>16.7</v>
      </c>
      <c r="AA15160" s="5"/>
      <c r="AB15160" s="5" t="s">
        <v>43</v>
      </c>
      <c r="AC15160" s="5" t="s">
        <v>44</v>
      </c>
      <c r="AD15160" s="2"/>
      <c r="AE15160" s="1"/>
    </row>
    <row r="15161" spans="1:31" ht="14.45">
      <c r="A15161" s="11"/>
      <c r="B15161" s="20"/>
      <c r="C15161" s="2" t="s">
        <v>46436</v>
      </c>
      <c r="D15161" s="14" t="s">
        <v>46437</v>
      </c>
      <c r="E15161" s="2" t="s">
        <v>46438</v>
      </c>
      <c r="F15161" s="2" t="s">
        <v>36301</v>
      </c>
      <c r="G15161" s="8">
        <v>302</v>
      </c>
      <c r="H15161" s="5">
        <v>6</v>
      </c>
      <c r="I15161" s="5" t="s">
        <v>1518</v>
      </c>
      <c r="J15161" s="5" t="s">
        <v>36264</v>
      </c>
      <c r="K15161" s="2" t="s">
        <v>36265</v>
      </c>
      <c r="L15161" s="5" t="s">
        <v>36264</v>
      </c>
      <c r="M15161" s="2" t="s">
        <v>36265</v>
      </c>
      <c r="N15161" s="5" t="s">
        <v>36266</v>
      </c>
      <c r="O15161" s="5" t="s">
        <v>38</v>
      </c>
      <c r="P15161" s="5" t="s">
        <v>39</v>
      </c>
      <c r="Q15161" s="5" t="s">
        <v>40</v>
      </c>
      <c r="R15161" s="5" t="s">
        <v>1522</v>
      </c>
      <c r="S15161" s="5" t="s">
        <v>1523</v>
      </c>
      <c r="T15161" s="5" t="s">
        <v>42</v>
      </c>
      <c r="U15161" s="2">
        <v>3.3119999999999998</v>
      </c>
      <c r="V15161" s="2">
        <v>2.7130000000000001</v>
      </c>
      <c r="W15161" s="2">
        <v>1.7999999999999999E-2</v>
      </c>
      <c r="X15161" s="2">
        <v>139.1</v>
      </c>
      <c r="Y15161" s="2">
        <v>7.6</v>
      </c>
      <c r="Z15161" s="2">
        <v>16.7</v>
      </c>
      <c r="AA15161" s="5"/>
      <c r="AB15161" s="5" t="s">
        <v>43</v>
      </c>
      <c r="AC15161" s="5" t="s">
        <v>44</v>
      </c>
      <c r="AD15161" s="2"/>
      <c r="AE15161" s="1"/>
    </row>
    <row r="15162" spans="1:31" ht="14.45">
      <c r="A15162" s="11"/>
      <c r="B15162" s="20"/>
      <c r="C15162" s="2" t="s">
        <v>46439</v>
      </c>
      <c r="D15162" s="14" t="s">
        <v>46440</v>
      </c>
      <c r="E15162" s="2" t="s">
        <v>46441</v>
      </c>
      <c r="F15162" s="2" t="s">
        <v>36305</v>
      </c>
      <c r="G15162" s="8">
        <v>302</v>
      </c>
      <c r="H15162" s="5">
        <v>6</v>
      </c>
      <c r="I15162" s="5" t="s">
        <v>1518</v>
      </c>
      <c r="J15162" s="5" t="s">
        <v>36264</v>
      </c>
      <c r="K15162" s="2" t="s">
        <v>36265</v>
      </c>
      <c r="L15162" s="5" t="s">
        <v>36264</v>
      </c>
      <c r="M15162" s="2" t="s">
        <v>36265</v>
      </c>
      <c r="N15162" s="5" t="s">
        <v>36266</v>
      </c>
      <c r="O15162" s="5" t="s">
        <v>38</v>
      </c>
      <c r="P15162" s="5" t="s">
        <v>39</v>
      </c>
      <c r="Q15162" s="5" t="s">
        <v>40</v>
      </c>
      <c r="R15162" s="5" t="s">
        <v>1522</v>
      </c>
      <c r="S15162" s="5" t="s">
        <v>1523</v>
      </c>
      <c r="T15162" s="5" t="s">
        <v>42</v>
      </c>
      <c r="U15162" s="2">
        <v>3.21</v>
      </c>
      <c r="V15162" s="2">
        <v>2.6110000000000002</v>
      </c>
      <c r="W15162" s="2">
        <v>1.7999999999999999E-2</v>
      </c>
      <c r="X15162" s="2">
        <v>139.1</v>
      </c>
      <c r="Y15162" s="2">
        <v>7.6</v>
      </c>
      <c r="Z15162" s="2">
        <v>16.7</v>
      </c>
      <c r="AA15162" s="5"/>
      <c r="AB15162" s="5" t="s">
        <v>43</v>
      </c>
      <c r="AC15162" s="5" t="s">
        <v>44</v>
      </c>
      <c r="AD15162" s="2"/>
      <c r="AE15162" s="1"/>
    </row>
    <row r="15163" spans="1:31" ht="14.45">
      <c r="A15163" s="11"/>
      <c r="B15163" s="20"/>
      <c r="C15163" s="2" t="s">
        <v>46442</v>
      </c>
      <c r="D15163" s="14" t="s">
        <v>46443</v>
      </c>
      <c r="E15163" s="2" t="s">
        <v>46444</v>
      </c>
      <c r="F15163" s="2" t="s">
        <v>36309</v>
      </c>
      <c r="G15163" s="8">
        <v>302</v>
      </c>
      <c r="H15163" s="5">
        <v>6</v>
      </c>
      <c r="I15163" s="5" t="s">
        <v>1518</v>
      </c>
      <c r="J15163" s="5" t="s">
        <v>36264</v>
      </c>
      <c r="K15163" s="2" t="s">
        <v>36265</v>
      </c>
      <c r="L15163" s="5" t="s">
        <v>36264</v>
      </c>
      <c r="M15163" s="2" t="s">
        <v>36265</v>
      </c>
      <c r="N15163" s="5" t="s">
        <v>36266</v>
      </c>
      <c r="O15163" s="5" t="s">
        <v>38</v>
      </c>
      <c r="P15163" s="5" t="s">
        <v>39</v>
      </c>
      <c r="Q15163" s="5" t="s">
        <v>40</v>
      </c>
      <c r="R15163" s="5" t="s">
        <v>1522</v>
      </c>
      <c r="S15163" s="5" t="s">
        <v>1523</v>
      </c>
      <c r="T15163" s="5" t="s">
        <v>42</v>
      </c>
      <c r="U15163" s="2">
        <v>3.3119999999999998</v>
      </c>
      <c r="V15163" s="2">
        <v>2.7130000000000001</v>
      </c>
      <c r="W15163" s="2">
        <v>1.7999999999999999E-2</v>
      </c>
      <c r="X15163" s="2">
        <v>139.1</v>
      </c>
      <c r="Y15163" s="2">
        <v>7.6</v>
      </c>
      <c r="Z15163" s="2">
        <v>16.7</v>
      </c>
      <c r="AA15163" s="5"/>
      <c r="AB15163" s="5" t="s">
        <v>43</v>
      </c>
      <c r="AC15163" s="5" t="s">
        <v>44</v>
      </c>
      <c r="AD15163" s="2"/>
      <c r="AE15163" s="1"/>
    </row>
    <row r="15164" spans="1:31" ht="14.45">
      <c r="A15164" s="11"/>
      <c r="B15164" s="20"/>
      <c r="C15164" s="2" t="s">
        <v>46445</v>
      </c>
      <c r="D15164" s="14" t="s">
        <v>46446</v>
      </c>
      <c r="E15164" s="2" t="s">
        <v>46447</v>
      </c>
      <c r="F15164" s="2" t="s">
        <v>36317</v>
      </c>
      <c r="G15164" s="8">
        <v>328</v>
      </c>
      <c r="H15164" s="5">
        <v>6</v>
      </c>
      <c r="I15164" s="5" t="s">
        <v>1518</v>
      </c>
      <c r="J15164" s="5" t="s">
        <v>36264</v>
      </c>
      <c r="K15164" s="2" t="s">
        <v>36265</v>
      </c>
      <c r="L15164" s="5" t="s">
        <v>36264</v>
      </c>
      <c r="M15164" s="2" t="s">
        <v>36265</v>
      </c>
      <c r="N15164" s="5" t="s">
        <v>36266</v>
      </c>
      <c r="O15164" s="5" t="s">
        <v>38</v>
      </c>
      <c r="P15164" s="5" t="s">
        <v>39</v>
      </c>
      <c r="Q15164" s="5" t="s">
        <v>40</v>
      </c>
      <c r="R15164" s="5" t="s">
        <v>1522</v>
      </c>
      <c r="S15164" s="5" t="s">
        <v>1523</v>
      </c>
      <c r="T15164" s="5" t="s">
        <v>42</v>
      </c>
      <c r="U15164" s="2">
        <v>3.3119999999999998</v>
      </c>
      <c r="V15164" s="2">
        <v>2.7130000000000001</v>
      </c>
      <c r="W15164" s="2">
        <v>1.7999999999999999E-2</v>
      </c>
      <c r="X15164" s="2">
        <v>139.1</v>
      </c>
      <c r="Y15164" s="2">
        <v>7.6</v>
      </c>
      <c r="Z15164" s="2">
        <v>16.7</v>
      </c>
      <c r="AA15164" s="5"/>
      <c r="AB15164" s="5" t="s">
        <v>43</v>
      </c>
      <c r="AC15164" s="5" t="s">
        <v>44</v>
      </c>
      <c r="AD15164" s="2"/>
      <c r="AE15164" s="1"/>
    </row>
    <row r="15165" spans="1:31" ht="14.45">
      <c r="A15165" s="11"/>
      <c r="B15165" s="20"/>
      <c r="C15165" s="2" t="s">
        <v>46448</v>
      </c>
      <c r="D15165" s="14" t="s">
        <v>46449</v>
      </c>
      <c r="E15165" s="2" t="s">
        <v>46450</v>
      </c>
      <c r="F15165" s="2" t="s">
        <v>36329</v>
      </c>
      <c r="G15165" s="8">
        <v>328</v>
      </c>
      <c r="H15165" s="5">
        <v>6</v>
      </c>
      <c r="I15165" s="5" t="s">
        <v>1518</v>
      </c>
      <c r="J15165" s="5" t="s">
        <v>36264</v>
      </c>
      <c r="K15165" s="2" t="s">
        <v>36265</v>
      </c>
      <c r="L15165" s="5" t="s">
        <v>36264</v>
      </c>
      <c r="M15165" s="2" t="s">
        <v>36265</v>
      </c>
      <c r="N15165" s="5" t="s">
        <v>36266</v>
      </c>
      <c r="O15165" s="5" t="s">
        <v>38</v>
      </c>
      <c r="P15165" s="5" t="s">
        <v>39</v>
      </c>
      <c r="Q15165" s="5" t="s">
        <v>40</v>
      </c>
      <c r="R15165" s="5" t="s">
        <v>1522</v>
      </c>
      <c r="S15165" s="5" t="s">
        <v>1523</v>
      </c>
      <c r="T15165" s="5" t="s">
        <v>42</v>
      </c>
      <c r="U15165" s="2">
        <v>3.21</v>
      </c>
      <c r="V15165" s="2">
        <v>2.6110000000000002</v>
      </c>
      <c r="W15165" s="2">
        <v>1.7999999999999999E-2</v>
      </c>
      <c r="X15165" s="2">
        <v>139.1</v>
      </c>
      <c r="Y15165" s="2">
        <v>7.6</v>
      </c>
      <c r="Z15165" s="2">
        <v>16.7</v>
      </c>
      <c r="AA15165" s="5"/>
      <c r="AB15165" s="5" t="s">
        <v>43</v>
      </c>
      <c r="AC15165" s="5" t="s">
        <v>44</v>
      </c>
      <c r="AD15165" s="2"/>
      <c r="AE15165" s="1"/>
    </row>
    <row r="15166" spans="1:31" ht="14.45">
      <c r="A15166" s="11"/>
      <c r="B15166" s="20"/>
      <c r="C15166" s="2" t="s">
        <v>46451</v>
      </c>
      <c r="D15166" s="14" t="s">
        <v>46452</v>
      </c>
      <c r="E15166" s="2" t="s">
        <v>46453</v>
      </c>
      <c r="F15166" s="2" t="s">
        <v>36333</v>
      </c>
      <c r="G15166" s="8">
        <v>328</v>
      </c>
      <c r="H15166" s="5">
        <v>6</v>
      </c>
      <c r="I15166" s="5" t="s">
        <v>1518</v>
      </c>
      <c r="J15166" s="5" t="s">
        <v>36264</v>
      </c>
      <c r="K15166" s="2" t="s">
        <v>36265</v>
      </c>
      <c r="L15166" s="5" t="s">
        <v>36264</v>
      </c>
      <c r="M15166" s="2" t="s">
        <v>36265</v>
      </c>
      <c r="N15166" s="5" t="s">
        <v>36266</v>
      </c>
      <c r="O15166" s="5" t="s">
        <v>38</v>
      </c>
      <c r="P15166" s="5" t="s">
        <v>39</v>
      </c>
      <c r="Q15166" s="5" t="s">
        <v>40</v>
      </c>
      <c r="R15166" s="5" t="s">
        <v>1522</v>
      </c>
      <c r="S15166" s="5" t="s">
        <v>1523</v>
      </c>
      <c r="T15166" s="5" t="s">
        <v>42</v>
      </c>
      <c r="U15166" s="2">
        <v>3.3119999999999998</v>
      </c>
      <c r="V15166" s="2">
        <v>2.7130000000000001</v>
      </c>
      <c r="W15166" s="2">
        <v>1.7999999999999999E-2</v>
      </c>
      <c r="X15166" s="2">
        <v>139.1</v>
      </c>
      <c r="Y15166" s="2">
        <v>7.6</v>
      </c>
      <c r="Z15166" s="2">
        <v>16.7</v>
      </c>
      <c r="AA15166" s="5"/>
      <c r="AB15166" s="5" t="s">
        <v>43</v>
      </c>
      <c r="AC15166" s="5" t="s">
        <v>44</v>
      </c>
      <c r="AD15166" s="2"/>
      <c r="AE15166" s="1"/>
    </row>
    <row r="15167" spans="1:31" ht="14.45">
      <c r="A15167" s="11"/>
      <c r="B15167" s="20"/>
      <c r="C15167" s="2" t="s">
        <v>46454</v>
      </c>
      <c r="D15167" s="14" t="s">
        <v>46455</v>
      </c>
      <c r="E15167" s="2" t="s">
        <v>46456</v>
      </c>
      <c r="F15167" s="2" t="s">
        <v>36341</v>
      </c>
      <c r="G15167" s="8">
        <v>328</v>
      </c>
      <c r="H15167" s="5">
        <v>6</v>
      </c>
      <c r="I15167" s="5" t="s">
        <v>1518</v>
      </c>
      <c r="J15167" s="5" t="s">
        <v>36264</v>
      </c>
      <c r="K15167" s="2" t="s">
        <v>36265</v>
      </c>
      <c r="L15167" s="5" t="s">
        <v>36264</v>
      </c>
      <c r="M15167" s="2" t="s">
        <v>36265</v>
      </c>
      <c r="N15167" s="5" t="s">
        <v>36266</v>
      </c>
      <c r="O15167" s="5" t="s">
        <v>38</v>
      </c>
      <c r="P15167" s="5" t="s">
        <v>39</v>
      </c>
      <c r="Q15167" s="5" t="s">
        <v>40</v>
      </c>
      <c r="R15167" s="5" t="s">
        <v>1522</v>
      </c>
      <c r="S15167" s="5" t="s">
        <v>1523</v>
      </c>
      <c r="T15167" s="5" t="s">
        <v>42</v>
      </c>
      <c r="U15167" s="2">
        <v>3.3119999999999998</v>
      </c>
      <c r="V15167" s="2">
        <v>2.7130000000000001</v>
      </c>
      <c r="W15167" s="2">
        <v>1.7999999999999999E-2</v>
      </c>
      <c r="X15167" s="2">
        <v>139.1</v>
      </c>
      <c r="Y15167" s="2">
        <v>7.6</v>
      </c>
      <c r="Z15167" s="2">
        <v>16.7</v>
      </c>
      <c r="AA15167" s="5"/>
      <c r="AB15167" s="5" t="s">
        <v>43</v>
      </c>
      <c r="AC15167" s="5" t="s">
        <v>44</v>
      </c>
      <c r="AD15167" s="2"/>
      <c r="AE15167" s="1"/>
    </row>
    <row r="15168" spans="1:31" ht="14.45">
      <c r="A15168" s="11"/>
      <c r="B15168" s="20"/>
      <c r="C15168" s="2" t="s">
        <v>46457</v>
      </c>
      <c r="D15168" s="14" t="s">
        <v>46458</v>
      </c>
      <c r="E15168" s="2" t="s">
        <v>46459</v>
      </c>
      <c r="F15168" s="2" t="s">
        <v>36345</v>
      </c>
      <c r="G15168" s="8">
        <v>328</v>
      </c>
      <c r="H15168" s="5">
        <v>6</v>
      </c>
      <c r="I15168" s="5" t="s">
        <v>1518</v>
      </c>
      <c r="J15168" s="5" t="s">
        <v>36264</v>
      </c>
      <c r="K15168" s="2" t="s">
        <v>36265</v>
      </c>
      <c r="L15168" s="5" t="s">
        <v>36264</v>
      </c>
      <c r="M15168" s="2" t="s">
        <v>36265</v>
      </c>
      <c r="N15168" s="5" t="s">
        <v>36266</v>
      </c>
      <c r="O15168" s="5" t="s">
        <v>38</v>
      </c>
      <c r="P15168" s="5" t="s">
        <v>39</v>
      </c>
      <c r="Q15168" s="5" t="s">
        <v>40</v>
      </c>
      <c r="R15168" s="5" t="s">
        <v>1522</v>
      </c>
      <c r="S15168" s="5" t="s">
        <v>1523</v>
      </c>
      <c r="T15168" s="5" t="s">
        <v>42</v>
      </c>
      <c r="U15168" s="2">
        <v>3.21</v>
      </c>
      <c r="V15168" s="2">
        <v>2.6110000000000002</v>
      </c>
      <c r="W15168" s="2">
        <v>1.7999999999999999E-2</v>
      </c>
      <c r="X15168" s="2">
        <v>139.1</v>
      </c>
      <c r="Y15168" s="2">
        <v>7.6</v>
      </c>
      <c r="Z15168" s="2">
        <v>16.7</v>
      </c>
      <c r="AA15168" s="5"/>
      <c r="AB15168" s="5" t="s">
        <v>43</v>
      </c>
      <c r="AC15168" s="5" t="s">
        <v>44</v>
      </c>
      <c r="AD15168" s="2"/>
      <c r="AE15168" s="1"/>
    </row>
    <row r="15169" spans="1:31" ht="14.45">
      <c r="A15169" s="11"/>
      <c r="B15169" s="20"/>
      <c r="C15169" s="2" t="s">
        <v>46460</v>
      </c>
      <c r="D15169" s="14" t="s">
        <v>46461</v>
      </c>
      <c r="E15169" s="2" t="s">
        <v>46462</v>
      </c>
      <c r="F15169" s="2" t="s">
        <v>36349</v>
      </c>
      <c r="G15169" s="8">
        <v>328</v>
      </c>
      <c r="H15169" s="5">
        <v>6</v>
      </c>
      <c r="I15169" s="5" t="s">
        <v>1518</v>
      </c>
      <c r="J15169" s="5" t="s">
        <v>36264</v>
      </c>
      <c r="K15169" s="2" t="s">
        <v>36265</v>
      </c>
      <c r="L15169" s="5" t="s">
        <v>36264</v>
      </c>
      <c r="M15169" s="2" t="s">
        <v>36265</v>
      </c>
      <c r="N15169" s="5" t="s">
        <v>36266</v>
      </c>
      <c r="O15169" s="5" t="s">
        <v>38</v>
      </c>
      <c r="P15169" s="5" t="s">
        <v>39</v>
      </c>
      <c r="Q15169" s="5" t="s">
        <v>40</v>
      </c>
      <c r="R15169" s="5" t="s">
        <v>1522</v>
      </c>
      <c r="S15169" s="5" t="s">
        <v>1523</v>
      </c>
      <c r="T15169" s="5" t="s">
        <v>42</v>
      </c>
      <c r="U15169" s="2">
        <v>3.3119999999999998</v>
      </c>
      <c r="V15169" s="2">
        <v>2.7130000000000001</v>
      </c>
      <c r="W15169" s="2">
        <v>1.7999999999999999E-2</v>
      </c>
      <c r="X15169" s="2">
        <v>139.1</v>
      </c>
      <c r="Y15169" s="2">
        <v>7.6</v>
      </c>
      <c r="Z15169" s="2">
        <v>16.7</v>
      </c>
      <c r="AA15169" s="5"/>
      <c r="AB15169" s="5" t="s">
        <v>43</v>
      </c>
      <c r="AC15169" s="5" t="s">
        <v>44</v>
      </c>
      <c r="AD15169" s="2"/>
      <c r="AE15169" s="1"/>
    </row>
    <row r="15170" spans="1:31" ht="14.45">
      <c r="A15170" s="11"/>
      <c r="B15170" s="20"/>
      <c r="C15170" s="2" t="s">
        <v>46463</v>
      </c>
      <c r="D15170" s="14" t="s">
        <v>46464</v>
      </c>
      <c r="E15170" s="2" t="s">
        <v>46465</v>
      </c>
      <c r="F15170" s="2" t="s">
        <v>36357</v>
      </c>
      <c r="G15170" s="8">
        <v>328</v>
      </c>
      <c r="H15170" s="5">
        <v>6</v>
      </c>
      <c r="I15170" s="5" t="s">
        <v>1518</v>
      </c>
      <c r="J15170" s="5" t="s">
        <v>36264</v>
      </c>
      <c r="K15170" s="2" t="s">
        <v>36265</v>
      </c>
      <c r="L15170" s="5" t="s">
        <v>36264</v>
      </c>
      <c r="M15170" s="2" t="s">
        <v>36265</v>
      </c>
      <c r="N15170" s="5" t="s">
        <v>36266</v>
      </c>
      <c r="O15170" s="5" t="s">
        <v>38</v>
      </c>
      <c r="P15170" s="5" t="s">
        <v>39</v>
      </c>
      <c r="Q15170" s="5" t="s">
        <v>40</v>
      </c>
      <c r="R15170" s="5" t="s">
        <v>1522</v>
      </c>
      <c r="S15170" s="5" t="s">
        <v>1523</v>
      </c>
      <c r="T15170" s="5" t="s">
        <v>42</v>
      </c>
      <c r="U15170" s="2">
        <v>3.3119999999999998</v>
      </c>
      <c r="V15170" s="2">
        <v>2.7130000000000001</v>
      </c>
      <c r="W15170" s="2">
        <v>1.7999999999999999E-2</v>
      </c>
      <c r="X15170" s="2">
        <v>139.1</v>
      </c>
      <c r="Y15170" s="2">
        <v>7.6</v>
      </c>
      <c r="Z15170" s="2">
        <v>16.7</v>
      </c>
      <c r="AA15170" s="5"/>
      <c r="AB15170" s="5" t="s">
        <v>43</v>
      </c>
      <c r="AC15170" s="5" t="s">
        <v>44</v>
      </c>
      <c r="AD15170" s="2"/>
      <c r="AE15170" s="1"/>
    </row>
    <row r="15171" spans="1:31" ht="14.45">
      <c r="A15171" s="11"/>
      <c r="B15171" s="20"/>
      <c r="C15171" s="2" t="s">
        <v>46466</v>
      </c>
      <c r="D15171" s="14" t="s">
        <v>46467</v>
      </c>
      <c r="E15171" s="2" t="s">
        <v>46468</v>
      </c>
      <c r="F15171" s="2" t="s">
        <v>45598</v>
      </c>
      <c r="G15171" s="8">
        <v>328</v>
      </c>
      <c r="H15171" s="5">
        <v>6</v>
      </c>
      <c r="I15171" s="5" t="s">
        <v>1518</v>
      </c>
      <c r="J15171" s="5" t="s">
        <v>36264</v>
      </c>
      <c r="K15171" s="2" t="s">
        <v>36265</v>
      </c>
      <c r="L15171" s="5" t="s">
        <v>36264</v>
      </c>
      <c r="M15171" s="2" t="s">
        <v>36265</v>
      </c>
      <c r="N15171" s="5" t="s">
        <v>36266</v>
      </c>
      <c r="O15171" s="5" t="s">
        <v>38</v>
      </c>
      <c r="P15171" s="5" t="s">
        <v>39</v>
      </c>
      <c r="Q15171" s="5" t="s">
        <v>40</v>
      </c>
      <c r="R15171" s="5" t="s">
        <v>1522</v>
      </c>
      <c r="S15171" s="5" t="s">
        <v>1523</v>
      </c>
      <c r="T15171" s="5" t="s">
        <v>42</v>
      </c>
      <c r="U15171" s="2">
        <v>3.21</v>
      </c>
      <c r="V15171" s="2">
        <v>2.6110000000000002</v>
      </c>
      <c r="W15171" s="2">
        <v>1.7999999999999999E-2</v>
      </c>
      <c r="X15171" s="2">
        <v>139.1</v>
      </c>
      <c r="Y15171" s="2">
        <v>7.6</v>
      </c>
      <c r="Z15171" s="2">
        <v>16.7</v>
      </c>
      <c r="AA15171" s="5"/>
      <c r="AB15171" s="5" t="s">
        <v>43</v>
      </c>
      <c r="AC15171" s="5" t="s">
        <v>44</v>
      </c>
      <c r="AD15171" s="2"/>
      <c r="AE15171" s="1"/>
    </row>
    <row r="15172" spans="1:31" ht="14.45">
      <c r="A15172" s="11"/>
      <c r="B15172" s="20"/>
      <c r="C15172" s="2" t="s">
        <v>46469</v>
      </c>
      <c r="D15172" s="14" t="s">
        <v>46470</v>
      </c>
      <c r="E15172" s="2" t="s">
        <v>46471</v>
      </c>
      <c r="F15172" s="2" t="s">
        <v>45534</v>
      </c>
      <c r="G15172" s="8">
        <v>328</v>
      </c>
      <c r="H15172" s="5">
        <v>6</v>
      </c>
      <c r="I15172" s="5" t="s">
        <v>1518</v>
      </c>
      <c r="J15172" s="5" t="s">
        <v>36264</v>
      </c>
      <c r="K15172" s="2" t="s">
        <v>36265</v>
      </c>
      <c r="L15172" s="5" t="s">
        <v>36264</v>
      </c>
      <c r="M15172" s="2" t="s">
        <v>36265</v>
      </c>
      <c r="N15172" s="5" t="s">
        <v>36266</v>
      </c>
      <c r="O15172" s="5" t="s">
        <v>38</v>
      </c>
      <c r="P15172" s="5" t="s">
        <v>39</v>
      </c>
      <c r="Q15172" s="5" t="s">
        <v>40</v>
      </c>
      <c r="R15172" s="5" t="s">
        <v>1522</v>
      </c>
      <c r="S15172" s="5" t="s">
        <v>1523</v>
      </c>
      <c r="T15172" s="5" t="s">
        <v>42</v>
      </c>
      <c r="U15172" s="2">
        <v>3.3119999999999998</v>
      </c>
      <c r="V15172" s="2">
        <v>2.7130000000000001</v>
      </c>
      <c r="W15172" s="2">
        <v>1.7999999999999999E-2</v>
      </c>
      <c r="X15172" s="2">
        <v>139.1</v>
      </c>
      <c r="Y15172" s="2">
        <v>7.6</v>
      </c>
      <c r="Z15172" s="2">
        <v>16.7</v>
      </c>
      <c r="AA15172" s="5"/>
      <c r="AB15172" s="5" t="s">
        <v>43</v>
      </c>
      <c r="AC15172" s="5" t="s">
        <v>44</v>
      </c>
      <c r="AD15172" s="2"/>
      <c r="AE15172" s="1"/>
    </row>
    <row r="15173" spans="1:31" ht="14.45">
      <c r="A15173" s="11"/>
      <c r="B15173" s="20"/>
      <c r="C15173" s="2" t="s">
        <v>46472</v>
      </c>
      <c r="D15173" s="14" t="s">
        <v>46473</v>
      </c>
      <c r="E15173" s="2" t="s">
        <v>46474</v>
      </c>
      <c r="F15173" s="2" t="s">
        <v>36369</v>
      </c>
      <c r="G15173" s="8">
        <v>328</v>
      </c>
      <c r="H15173" s="5">
        <v>6</v>
      </c>
      <c r="I15173" s="5" t="s">
        <v>1518</v>
      </c>
      <c r="J15173" s="5" t="s">
        <v>36264</v>
      </c>
      <c r="K15173" s="2" t="s">
        <v>36265</v>
      </c>
      <c r="L15173" s="5" t="s">
        <v>36264</v>
      </c>
      <c r="M15173" s="2" t="s">
        <v>36265</v>
      </c>
      <c r="N15173" s="5" t="s">
        <v>36266</v>
      </c>
      <c r="O15173" s="5" t="s">
        <v>38</v>
      </c>
      <c r="P15173" s="5" t="s">
        <v>39</v>
      </c>
      <c r="Q15173" s="5" t="s">
        <v>40</v>
      </c>
      <c r="R15173" s="5" t="s">
        <v>1522</v>
      </c>
      <c r="S15173" s="5" t="s">
        <v>1523</v>
      </c>
      <c r="T15173" s="5" t="s">
        <v>42</v>
      </c>
      <c r="U15173" s="2">
        <v>3.21</v>
      </c>
      <c r="V15173" s="2">
        <v>2.6110000000000002</v>
      </c>
      <c r="W15173" s="2">
        <v>1.7999999999999999E-2</v>
      </c>
      <c r="X15173" s="2">
        <v>139.1</v>
      </c>
      <c r="Y15173" s="2">
        <v>7.6</v>
      </c>
      <c r="Z15173" s="2">
        <v>16.7</v>
      </c>
      <c r="AA15173" s="5"/>
      <c r="AB15173" s="5" t="s">
        <v>43</v>
      </c>
      <c r="AC15173" s="5" t="s">
        <v>44</v>
      </c>
      <c r="AD15173" s="2"/>
      <c r="AE15173" s="1"/>
    </row>
    <row r="15174" spans="1:31" ht="14.45">
      <c r="A15174" s="11"/>
      <c r="B15174" s="20"/>
      <c r="C15174" s="2" t="s">
        <v>46475</v>
      </c>
      <c r="D15174" s="14" t="s">
        <v>46476</v>
      </c>
      <c r="E15174" s="2" t="s">
        <v>46477</v>
      </c>
      <c r="F15174" s="2" t="s">
        <v>36373</v>
      </c>
      <c r="G15174" s="8">
        <v>328</v>
      </c>
      <c r="H15174" s="5">
        <v>6</v>
      </c>
      <c r="I15174" s="5" t="s">
        <v>1518</v>
      </c>
      <c r="J15174" s="5" t="s">
        <v>36264</v>
      </c>
      <c r="K15174" s="2" t="s">
        <v>36265</v>
      </c>
      <c r="L15174" s="5" t="s">
        <v>36264</v>
      </c>
      <c r="M15174" s="2" t="s">
        <v>36265</v>
      </c>
      <c r="N15174" s="5" t="s">
        <v>36266</v>
      </c>
      <c r="O15174" s="5" t="s">
        <v>38</v>
      </c>
      <c r="P15174" s="5" t="s">
        <v>39</v>
      </c>
      <c r="Q15174" s="5" t="s">
        <v>40</v>
      </c>
      <c r="R15174" s="5" t="s">
        <v>1522</v>
      </c>
      <c r="S15174" s="5" t="s">
        <v>1523</v>
      </c>
      <c r="T15174" s="5" t="s">
        <v>42</v>
      </c>
      <c r="U15174" s="2">
        <v>3.3119999999999998</v>
      </c>
      <c r="V15174" s="2">
        <v>2.7130000000000001</v>
      </c>
      <c r="W15174" s="2">
        <v>1.7999999999999999E-2</v>
      </c>
      <c r="X15174" s="2">
        <v>139.1</v>
      </c>
      <c r="Y15174" s="2">
        <v>7.6</v>
      </c>
      <c r="Z15174" s="2">
        <v>16.7</v>
      </c>
      <c r="AA15174" s="5"/>
      <c r="AB15174" s="5" t="s">
        <v>43</v>
      </c>
      <c r="AC15174" s="5" t="s">
        <v>44</v>
      </c>
      <c r="AD15174" s="2"/>
      <c r="AE15174" s="1"/>
    </row>
    <row r="15175" spans="1:31" ht="14.45">
      <c r="A15175" s="11"/>
      <c r="B15175" s="20"/>
      <c r="C15175" s="2" t="s">
        <v>46478</v>
      </c>
      <c r="D15175" s="14" t="s">
        <v>46479</v>
      </c>
      <c r="E15175" s="2" t="s">
        <v>46480</v>
      </c>
      <c r="F15175" s="2" t="s">
        <v>36377</v>
      </c>
      <c r="G15175" s="8">
        <v>328</v>
      </c>
      <c r="H15175" s="5">
        <v>6</v>
      </c>
      <c r="I15175" s="5" t="s">
        <v>1518</v>
      </c>
      <c r="J15175" s="5" t="s">
        <v>36264</v>
      </c>
      <c r="K15175" s="2" t="s">
        <v>36265</v>
      </c>
      <c r="L15175" s="5" t="s">
        <v>36264</v>
      </c>
      <c r="M15175" s="2" t="s">
        <v>36265</v>
      </c>
      <c r="N15175" s="5" t="s">
        <v>36266</v>
      </c>
      <c r="O15175" s="5" t="s">
        <v>38</v>
      </c>
      <c r="P15175" s="5" t="s">
        <v>39</v>
      </c>
      <c r="Q15175" s="5" t="s">
        <v>40</v>
      </c>
      <c r="R15175" s="5" t="s">
        <v>1522</v>
      </c>
      <c r="S15175" s="5" t="s">
        <v>1523</v>
      </c>
      <c r="T15175" s="5" t="s">
        <v>42</v>
      </c>
      <c r="U15175" s="2">
        <v>3.21</v>
      </c>
      <c r="V15175" s="2">
        <v>2.6110000000000002</v>
      </c>
      <c r="W15175" s="2">
        <v>1.7999999999999999E-2</v>
      </c>
      <c r="X15175" s="2">
        <v>139.1</v>
      </c>
      <c r="Y15175" s="2">
        <v>7.6</v>
      </c>
      <c r="Z15175" s="2">
        <v>16.7</v>
      </c>
      <c r="AA15175" s="5"/>
      <c r="AB15175" s="5" t="s">
        <v>43</v>
      </c>
      <c r="AC15175" s="5" t="s">
        <v>44</v>
      </c>
      <c r="AD15175" s="2"/>
      <c r="AE15175" s="1"/>
    </row>
    <row r="15176" spans="1:31" ht="14.45">
      <c r="A15176" s="11"/>
      <c r="B15176" s="20"/>
      <c r="C15176" s="2" t="s">
        <v>46481</v>
      </c>
      <c r="D15176" s="14" t="s">
        <v>46482</v>
      </c>
      <c r="E15176" s="2" t="s">
        <v>46483</v>
      </c>
      <c r="F15176" s="2" t="s">
        <v>36381</v>
      </c>
      <c r="G15176" s="8">
        <v>328</v>
      </c>
      <c r="H15176" s="5">
        <v>6</v>
      </c>
      <c r="I15176" s="5" t="s">
        <v>1518</v>
      </c>
      <c r="J15176" s="5" t="s">
        <v>36264</v>
      </c>
      <c r="K15176" s="2" t="s">
        <v>36265</v>
      </c>
      <c r="L15176" s="5" t="s">
        <v>36264</v>
      </c>
      <c r="M15176" s="2" t="s">
        <v>36265</v>
      </c>
      <c r="N15176" s="5" t="s">
        <v>36266</v>
      </c>
      <c r="O15176" s="5" t="s">
        <v>38</v>
      </c>
      <c r="P15176" s="5" t="s">
        <v>39</v>
      </c>
      <c r="Q15176" s="5" t="s">
        <v>40</v>
      </c>
      <c r="R15176" s="5" t="s">
        <v>1522</v>
      </c>
      <c r="S15176" s="5" t="s">
        <v>1523</v>
      </c>
      <c r="T15176" s="5" t="s">
        <v>42</v>
      </c>
      <c r="U15176" s="2">
        <v>3.3119999999999998</v>
      </c>
      <c r="V15176" s="2">
        <v>2.7130000000000001</v>
      </c>
      <c r="W15176" s="2">
        <v>1.7999999999999999E-2</v>
      </c>
      <c r="X15176" s="2">
        <v>139.1</v>
      </c>
      <c r="Y15176" s="2">
        <v>7.6</v>
      </c>
      <c r="Z15176" s="2">
        <v>16.7</v>
      </c>
      <c r="AA15176" s="5"/>
      <c r="AB15176" s="5" t="s">
        <v>43</v>
      </c>
      <c r="AC15176" s="5" t="s">
        <v>44</v>
      </c>
      <c r="AD15176" s="2"/>
      <c r="AE15176" s="1"/>
    </row>
    <row r="15177" spans="1:31" ht="14.45">
      <c r="A15177" s="11"/>
      <c r="B15177" s="20"/>
      <c r="C15177" s="2" t="s">
        <v>46484</v>
      </c>
      <c r="D15177" s="14" t="s">
        <v>46485</v>
      </c>
      <c r="E15177" s="2" t="s">
        <v>46486</v>
      </c>
      <c r="F15177" s="2" t="s">
        <v>36389</v>
      </c>
      <c r="G15177" s="8">
        <v>328</v>
      </c>
      <c r="H15177" s="5">
        <v>6</v>
      </c>
      <c r="I15177" s="5" t="s">
        <v>1518</v>
      </c>
      <c r="J15177" s="5" t="s">
        <v>36264</v>
      </c>
      <c r="K15177" s="2" t="s">
        <v>36265</v>
      </c>
      <c r="L15177" s="5" t="s">
        <v>36264</v>
      </c>
      <c r="M15177" s="2" t="s">
        <v>36265</v>
      </c>
      <c r="N15177" s="5" t="s">
        <v>36266</v>
      </c>
      <c r="O15177" s="5" t="s">
        <v>38</v>
      </c>
      <c r="P15177" s="5" t="s">
        <v>39</v>
      </c>
      <c r="Q15177" s="5" t="s">
        <v>40</v>
      </c>
      <c r="R15177" s="5" t="s">
        <v>1522</v>
      </c>
      <c r="S15177" s="5" t="s">
        <v>1523</v>
      </c>
      <c r="T15177" s="5" t="s">
        <v>42</v>
      </c>
      <c r="U15177" s="2">
        <v>3.3119999999999998</v>
      </c>
      <c r="V15177" s="2">
        <v>2.7130000000000001</v>
      </c>
      <c r="W15177" s="2">
        <v>1.7999999999999999E-2</v>
      </c>
      <c r="X15177" s="2">
        <v>139.1</v>
      </c>
      <c r="Y15177" s="2">
        <v>7.6</v>
      </c>
      <c r="Z15177" s="2">
        <v>16.7</v>
      </c>
      <c r="AA15177" s="5"/>
      <c r="AB15177" s="5" t="s">
        <v>43</v>
      </c>
      <c r="AC15177" s="5" t="s">
        <v>44</v>
      </c>
      <c r="AD15177" s="2"/>
      <c r="AE15177" s="1"/>
    </row>
    <row r="15178" spans="1:31" ht="14.45">
      <c r="A15178" s="11"/>
      <c r="B15178" s="20"/>
      <c r="C15178" s="2" t="s">
        <v>46487</v>
      </c>
      <c r="D15178" s="14" t="s">
        <v>46488</v>
      </c>
      <c r="E15178" s="2" t="s">
        <v>46489</v>
      </c>
      <c r="F15178" s="2" t="s">
        <v>7204</v>
      </c>
      <c r="G15178" s="8">
        <v>317</v>
      </c>
      <c r="H15178" s="5">
        <v>6</v>
      </c>
      <c r="I15178" s="5" t="s">
        <v>1518</v>
      </c>
      <c r="J15178" s="5" t="s">
        <v>36264</v>
      </c>
      <c r="K15178" s="2" t="s">
        <v>36265</v>
      </c>
      <c r="L15178" s="5" t="s">
        <v>36264</v>
      </c>
      <c r="M15178" s="2" t="s">
        <v>36265</v>
      </c>
      <c r="N15178" s="5" t="s">
        <v>36266</v>
      </c>
      <c r="O15178" s="5" t="s">
        <v>38</v>
      </c>
      <c r="P15178" s="5" t="s">
        <v>39</v>
      </c>
      <c r="Q15178" s="5" t="s">
        <v>40</v>
      </c>
      <c r="R15178" s="5" t="s">
        <v>1522</v>
      </c>
      <c r="S15178" s="5" t="s">
        <v>1523</v>
      </c>
      <c r="T15178" s="5" t="s">
        <v>42</v>
      </c>
      <c r="U15178" s="2">
        <v>3.4689999999999999</v>
      </c>
      <c r="V15178" s="2">
        <v>2.7869999999999999</v>
      </c>
      <c r="W15178" s="2">
        <v>0.02</v>
      </c>
      <c r="X15178" s="2">
        <v>159.1</v>
      </c>
      <c r="Y15178" s="2">
        <v>7.6</v>
      </c>
      <c r="Z15178" s="2">
        <v>16.7</v>
      </c>
      <c r="AA15178" s="5"/>
      <c r="AB15178" s="5" t="s">
        <v>43</v>
      </c>
      <c r="AC15178" s="5" t="s">
        <v>44</v>
      </c>
      <c r="AD15178" s="2"/>
      <c r="AE15178" s="1"/>
    </row>
    <row r="15179" spans="1:31" ht="14.45">
      <c r="A15179" s="11"/>
      <c r="B15179" s="20"/>
      <c r="C15179" s="2" t="s">
        <v>46490</v>
      </c>
      <c r="D15179" s="14" t="s">
        <v>46491</v>
      </c>
      <c r="E15179" s="2" t="s">
        <v>46492</v>
      </c>
      <c r="F15179" s="2" t="s">
        <v>7514</v>
      </c>
      <c r="G15179" s="8">
        <v>317</v>
      </c>
      <c r="H15179" s="5">
        <v>6</v>
      </c>
      <c r="I15179" s="5" t="s">
        <v>1518</v>
      </c>
      <c r="J15179" s="5" t="s">
        <v>36264</v>
      </c>
      <c r="K15179" s="2" t="s">
        <v>36265</v>
      </c>
      <c r="L15179" s="5" t="s">
        <v>36264</v>
      </c>
      <c r="M15179" s="2" t="s">
        <v>36265</v>
      </c>
      <c r="N15179" s="5" t="s">
        <v>36266</v>
      </c>
      <c r="O15179" s="5" t="s">
        <v>38</v>
      </c>
      <c r="P15179" s="5" t="s">
        <v>39</v>
      </c>
      <c r="Q15179" s="5" t="s">
        <v>40</v>
      </c>
      <c r="R15179" s="5" t="s">
        <v>1522</v>
      </c>
      <c r="S15179" s="5" t="s">
        <v>1523</v>
      </c>
      <c r="T15179" s="5" t="s">
        <v>42</v>
      </c>
      <c r="U15179" s="2">
        <v>3.5830000000000002</v>
      </c>
      <c r="V15179" s="2">
        <v>2.9009999999999998</v>
      </c>
      <c r="W15179" s="2">
        <v>0.02</v>
      </c>
      <c r="X15179" s="2">
        <v>159.1</v>
      </c>
      <c r="Y15179" s="2">
        <v>7.6</v>
      </c>
      <c r="Z15179" s="2">
        <v>16.7</v>
      </c>
      <c r="AA15179" s="5"/>
      <c r="AB15179" s="5" t="s">
        <v>43</v>
      </c>
      <c r="AC15179" s="5" t="s">
        <v>44</v>
      </c>
      <c r="AD15179" s="2"/>
      <c r="AE15179" s="1"/>
    </row>
    <row r="15180" spans="1:31" ht="14.45">
      <c r="A15180" s="11"/>
      <c r="B15180" s="20"/>
      <c r="C15180" s="2" t="s">
        <v>46493</v>
      </c>
      <c r="D15180" s="14" t="s">
        <v>46494</v>
      </c>
      <c r="E15180" s="2" t="s">
        <v>46495</v>
      </c>
      <c r="F15180" s="2" t="s">
        <v>36277</v>
      </c>
      <c r="G15180" s="8">
        <v>317</v>
      </c>
      <c r="H15180" s="5">
        <v>6</v>
      </c>
      <c r="I15180" s="5" t="s">
        <v>1518</v>
      </c>
      <c r="J15180" s="5" t="s">
        <v>36264</v>
      </c>
      <c r="K15180" s="2" t="s">
        <v>36265</v>
      </c>
      <c r="L15180" s="5" t="s">
        <v>36264</v>
      </c>
      <c r="M15180" s="2" t="s">
        <v>36265</v>
      </c>
      <c r="N15180" s="5" t="s">
        <v>36266</v>
      </c>
      <c r="O15180" s="5" t="s">
        <v>38</v>
      </c>
      <c r="P15180" s="5" t="s">
        <v>39</v>
      </c>
      <c r="Q15180" s="5" t="s">
        <v>40</v>
      </c>
      <c r="R15180" s="5" t="s">
        <v>1522</v>
      </c>
      <c r="S15180" s="5" t="s">
        <v>1523</v>
      </c>
      <c r="T15180" s="5" t="s">
        <v>42</v>
      </c>
      <c r="U15180" s="2">
        <v>3.5830000000000002</v>
      </c>
      <c r="V15180" s="2">
        <v>2.9009999999999998</v>
      </c>
      <c r="W15180" s="2">
        <v>0.02</v>
      </c>
      <c r="X15180" s="2">
        <v>159.1</v>
      </c>
      <c r="Y15180" s="2">
        <v>7.6</v>
      </c>
      <c r="Z15180" s="2">
        <v>16.7</v>
      </c>
      <c r="AA15180" s="5"/>
      <c r="AB15180" s="5" t="s">
        <v>43</v>
      </c>
      <c r="AC15180" s="5" t="s">
        <v>44</v>
      </c>
      <c r="AD15180" s="2"/>
      <c r="AE15180" s="1"/>
    </row>
    <row r="15181" spans="1:31" ht="14.45">
      <c r="A15181" s="11"/>
      <c r="B15181" s="20"/>
      <c r="C15181" s="2" t="s">
        <v>46496</v>
      </c>
      <c r="D15181" s="14" t="s">
        <v>46497</v>
      </c>
      <c r="E15181" s="2" t="s">
        <v>46498</v>
      </c>
      <c r="F15181" s="2" t="s">
        <v>36285</v>
      </c>
      <c r="G15181" s="8">
        <v>345</v>
      </c>
      <c r="H15181" s="5">
        <v>6</v>
      </c>
      <c r="I15181" s="5" t="s">
        <v>1518</v>
      </c>
      <c r="J15181" s="5" t="s">
        <v>36264</v>
      </c>
      <c r="K15181" s="2" t="s">
        <v>36265</v>
      </c>
      <c r="L15181" s="5" t="s">
        <v>36264</v>
      </c>
      <c r="M15181" s="2" t="s">
        <v>36265</v>
      </c>
      <c r="N15181" s="5" t="s">
        <v>36266</v>
      </c>
      <c r="O15181" s="5" t="s">
        <v>38</v>
      </c>
      <c r="P15181" s="5" t="s">
        <v>39</v>
      </c>
      <c r="Q15181" s="5" t="s">
        <v>40</v>
      </c>
      <c r="R15181" s="5" t="s">
        <v>1522</v>
      </c>
      <c r="S15181" s="5" t="s">
        <v>1523</v>
      </c>
      <c r="T15181" s="5" t="s">
        <v>42</v>
      </c>
      <c r="U15181" s="2">
        <v>3.5830000000000002</v>
      </c>
      <c r="V15181" s="2">
        <v>2.9009999999999998</v>
      </c>
      <c r="W15181" s="2">
        <v>0.02</v>
      </c>
      <c r="X15181" s="2">
        <v>159.1</v>
      </c>
      <c r="Y15181" s="2">
        <v>7.6</v>
      </c>
      <c r="Z15181" s="2">
        <v>16.7</v>
      </c>
      <c r="AA15181" s="5"/>
      <c r="AB15181" s="5" t="s">
        <v>43</v>
      </c>
      <c r="AC15181" s="5" t="s">
        <v>44</v>
      </c>
      <c r="AD15181" s="2"/>
      <c r="AE15181" s="1"/>
    </row>
    <row r="15182" spans="1:31" ht="14.45">
      <c r="A15182" s="11"/>
      <c r="B15182" s="20"/>
      <c r="C15182" s="2" t="s">
        <v>46499</v>
      </c>
      <c r="D15182" s="14" t="s">
        <v>46500</v>
      </c>
      <c r="E15182" s="2" t="s">
        <v>46501</v>
      </c>
      <c r="F15182" s="2" t="s">
        <v>36289</v>
      </c>
      <c r="G15182" s="8">
        <v>345</v>
      </c>
      <c r="H15182" s="5">
        <v>6</v>
      </c>
      <c r="I15182" s="5" t="s">
        <v>1518</v>
      </c>
      <c r="J15182" s="5" t="s">
        <v>36264</v>
      </c>
      <c r="K15182" s="2" t="s">
        <v>36265</v>
      </c>
      <c r="L15182" s="5" t="s">
        <v>36264</v>
      </c>
      <c r="M15182" s="2" t="s">
        <v>36265</v>
      </c>
      <c r="N15182" s="5" t="s">
        <v>36266</v>
      </c>
      <c r="O15182" s="5" t="s">
        <v>38</v>
      </c>
      <c r="P15182" s="5" t="s">
        <v>39</v>
      </c>
      <c r="Q15182" s="5" t="s">
        <v>40</v>
      </c>
      <c r="R15182" s="5" t="s">
        <v>1522</v>
      </c>
      <c r="S15182" s="5" t="s">
        <v>1523</v>
      </c>
      <c r="T15182" s="5" t="s">
        <v>42</v>
      </c>
      <c r="U15182" s="2">
        <v>3.4689999999999999</v>
      </c>
      <c r="V15182" s="2">
        <v>2.7869999999999999</v>
      </c>
      <c r="W15182" s="2">
        <v>0.02</v>
      </c>
      <c r="X15182" s="2">
        <v>159.1</v>
      </c>
      <c r="Y15182" s="2">
        <v>7.6</v>
      </c>
      <c r="Z15182" s="2">
        <v>16.7</v>
      </c>
      <c r="AA15182" s="5"/>
      <c r="AB15182" s="5" t="s">
        <v>43</v>
      </c>
      <c r="AC15182" s="5" t="s">
        <v>44</v>
      </c>
      <c r="AD15182" s="2"/>
      <c r="AE15182" s="1"/>
    </row>
    <row r="15183" spans="1:31" ht="14.45">
      <c r="A15183" s="11"/>
      <c r="B15183" s="20"/>
      <c r="C15183" s="2" t="s">
        <v>46502</v>
      </c>
      <c r="D15183" s="14" t="s">
        <v>46503</v>
      </c>
      <c r="E15183" s="2" t="s">
        <v>46504</v>
      </c>
      <c r="F15183" s="2" t="s">
        <v>36293</v>
      </c>
      <c r="G15183" s="8">
        <v>345</v>
      </c>
      <c r="H15183" s="5">
        <v>6</v>
      </c>
      <c r="I15183" s="5" t="s">
        <v>1518</v>
      </c>
      <c r="J15183" s="5" t="s">
        <v>36264</v>
      </c>
      <c r="K15183" s="2" t="s">
        <v>36265</v>
      </c>
      <c r="L15183" s="5" t="s">
        <v>36264</v>
      </c>
      <c r="M15183" s="2" t="s">
        <v>36265</v>
      </c>
      <c r="N15183" s="5" t="s">
        <v>36266</v>
      </c>
      <c r="O15183" s="5" t="s">
        <v>38</v>
      </c>
      <c r="P15183" s="5" t="s">
        <v>39</v>
      </c>
      <c r="Q15183" s="5" t="s">
        <v>40</v>
      </c>
      <c r="R15183" s="5" t="s">
        <v>1522</v>
      </c>
      <c r="S15183" s="5" t="s">
        <v>1523</v>
      </c>
      <c r="T15183" s="5" t="s">
        <v>42</v>
      </c>
      <c r="U15183" s="2">
        <v>3.5830000000000002</v>
      </c>
      <c r="V15183" s="2">
        <v>2.9009999999999998</v>
      </c>
      <c r="W15183" s="2">
        <v>0.02</v>
      </c>
      <c r="X15183" s="2">
        <v>159.1</v>
      </c>
      <c r="Y15183" s="2">
        <v>7.6</v>
      </c>
      <c r="Z15183" s="2">
        <v>16.7</v>
      </c>
      <c r="AA15183" s="5"/>
      <c r="AB15183" s="5" t="s">
        <v>43</v>
      </c>
      <c r="AC15183" s="5" t="s">
        <v>44</v>
      </c>
      <c r="AD15183" s="2"/>
      <c r="AE15183" s="1"/>
    </row>
    <row r="15184" spans="1:31" ht="14.45">
      <c r="A15184" s="11"/>
      <c r="B15184" s="20"/>
      <c r="C15184" s="2" t="s">
        <v>46505</v>
      </c>
      <c r="D15184" s="14" t="s">
        <v>46506</v>
      </c>
      <c r="E15184" s="2" t="s">
        <v>46507</v>
      </c>
      <c r="F15184" s="2" t="s">
        <v>36297</v>
      </c>
      <c r="G15184" s="8">
        <v>317</v>
      </c>
      <c r="H15184" s="5">
        <v>6</v>
      </c>
      <c r="I15184" s="5" t="s">
        <v>1518</v>
      </c>
      <c r="J15184" s="5" t="s">
        <v>36264</v>
      </c>
      <c r="K15184" s="2" t="s">
        <v>36265</v>
      </c>
      <c r="L15184" s="5" t="s">
        <v>36264</v>
      </c>
      <c r="M15184" s="2" t="s">
        <v>36265</v>
      </c>
      <c r="N15184" s="5" t="s">
        <v>36266</v>
      </c>
      <c r="O15184" s="5" t="s">
        <v>38</v>
      </c>
      <c r="P15184" s="5" t="s">
        <v>39</v>
      </c>
      <c r="Q15184" s="5" t="s">
        <v>40</v>
      </c>
      <c r="R15184" s="5" t="s">
        <v>1522</v>
      </c>
      <c r="S15184" s="5" t="s">
        <v>1523</v>
      </c>
      <c r="T15184" s="5" t="s">
        <v>42</v>
      </c>
      <c r="U15184" s="2">
        <v>3.4689999999999999</v>
      </c>
      <c r="V15184" s="2">
        <v>2.7869999999999999</v>
      </c>
      <c r="W15184" s="2">
        <v>0.02</v>
      </c>
      <c r="X15184" s="2">
        <v>159.1</v>
      </c>
      <c r="Y15184" s="2">
        <v>7.6</v>
      </c>
      <c r="Z15184" s="2">
        <v>16.7</v>
      </c>
      <c r="AA15184" s="5"/>
      <c r="AB15184" s="5" t="s">
        <v>43</v>
      </c>
      <c r="AC15184" s="5" t="s">
        <v>44</v>
      </c>
      <c r="AD15184" s="2"/>
      <c r="AE15184" s="1"/>
    </row>
    <row r="15185" spans="1:31" ht="14.45">
      <c r="A15185" s="11"/>
      <c r="B15185" s="20"/>
      <c r="C15185" s="2" t="s">
        <v>46508</v>
      </c>
      <c r="D15185" s="14" t="s">
        <v>46509</v>
      </c>
      <c r="E15185" s="2" t="s">
        <v>46510</v>
      </c>
      <c r="F15185" s="2" t="s">
        <v>36301</v>
      </c>
      <c r="G15185" s="8">
        <v>317</v>
      </c>
      <c r="H15185" s="5">
        <v>6</v>
      </c>
      <c r="I15185" s="5" t="s">
        <v>1518</v>
      </c>
      <c r="J15185" s="5" t="s">
        <v>36264</v>
      </c>
      <c r="K15185" s="2" t="s">
        <v>36265</v>
      </c>
      <c r="L15185" s="5" t="s">
        <v>36264</v>
      </c>
      <c r="M15185" s="2" t="s">
        <v>36265</v>
      </c>
      <c r="N15185" s="5" t="s">
        <v>36266</v>
      </c>
      <c r="O15185" s="5" t="s">
        <v>38</v>
      </c>
      <c r="P15185" s="5" t="s">
        <v>39</v>
      </c>
      <c r="Q15185" s="5" t="s">
        <v>40</v>
      </c>
      <c r="R15185" s="5" t="s">
        <v>1522</v>
      </c>
      <c r="S15185" s="5" t="s">
        <v>1523</v>
      </c>
      <c r="T15185" s="5" t="s">
        <v>42</v>
      </c>
      <c r="U15185" s="2">
        <v>3.5830000000000002</v>
      </c>
      <c r="V15185" s="2">
        <v>2.9009999999999998</v>
      </c>
      <c r="W15185" s="2">
        <v>0.02</v>
      </c>
      <c r="X15185" s="2">
        <v>159.1</v>
      </c>
      <c r="Y15185" s="2">
        <v>7.6</v>
      </c>
      <c r="Z15185" s="2">
        <v>16.7</v>
      </c>
      <c r="AA15185" s="5"/>
      <c r="AB15185" s="5" t="s">
        <v>43</v>
      </c>
      <c r="AC15185" s="5" t="s">
        <v>44</v>
      </c>
      <c r="AD15185" s="2"/>
      <c r="AE15185" s="1"/>
    </row>
    <row r="15186" spans="1:31" ht="14.45">
      <c r="A15186" s="11"/>
      <c r="B15186" s="20"/>
      <c r="C15186" s="2" t="s">
        <v>46511</v>
      </c>
      <c r="D15186" s="14" t="s">
        <v>46512</v>
      </c>
      <c r="E15186" s="2" t="s">
        <v>46513</v>
      </c>
      <c r="F15186" s="2" t="s">
        <v>36305</v>
      </c>
      <c r="G15186" s="8">
        <v>317</v>
      </c>
      <c r="H15186" s="5">
        <v>6</v>
      </c>
      <c r="I15186" s="5" t="s">
        <v>1518</v>
      </c>
      <c r="J15186" s="5" t="s">
        <v>36264</v>
      </c>
      <c r="K15186" s="2" t="s">
        <v>36265</v>
      </c>
      <c r="L15186" s="5" t="s">
        <v>36264</v>
      </c>
      <c r="M15186" s="2" t="s">
        <v>36265</v>
      </c>
      <c r="N15186" s="5" t="s">
        <v>36266</v>
      </c>
      <c r="O15186" s="5" t="s">
        <v>38</v>
      </c>
      <c r="P15186" s="5" t="s">
        <v>39</v>
      </c>
      <c r="Q15186" s="5" t="s">
        <v>40</v>
      </c>
      <c r="R15186" s="5" t="s">
        <v>1522</v>
      </c>
      <c r="S15186" s="5" t="s">
        <v>1523</v>
      </c>
      <c r="T15186" s="5" t="s">
        <v>42</v>
      </c>
      <c r="U15186" s="2">
        <v>3.4689999999999999</v>
      </c>
      <c r="V15186" s="2">
        <v>2.7869999999999999</v>
      </c>
      <c r="W15186" s="2">
        <v>0.02</v>
      </c>
      <c r="X15186" s="2">
        <v>159.1</v>
      </c>
      <c r="Y15186" s="2">
        <v>7.6</v>
      </c>
      <c r="Z15186" s="2">
        <v>16.7</v>
      </c>
      <c r="AA15186" s="5"/>
      <c r="AB15186" s="5" t="s">
        <v>43</v>
      </c>
      <c r="AC15186" s="5" t="s">
        <v>44</v>
      </c>
      <c r="AD15186" s="2"/>
      <c r="AE15186" s="1"/>
    </row>
    <row r="15187" spans="1:31" ht="14.45">
      <c r="A15187" s="11"/>
      <c r="B15187" s="20"/>
      <c r="C15187" s="2" t="s">
        <v>46514</v>
      </c>
      <c r="D15187" s="14" t="s">
        <v>46515</v>
      </c>
      <c r="E15187" s="2" t="s">
        <v>46516</v>
      </c>
      <c r="F15187" s="2" t="s">
        <v>36309</v>
      </c>
      <c r="G15187" s="8">
        <v>317</v>
      </c>
      <c r="H15187" s="5">
        <v>6</v>
      </c>
      <c r="I15187" s="5" t="s">
        <v>1518</v>
      </c>
      <c r="J15187" s="5" t="s">
        <v>36264</v>
      </c>
      <c r="K15187" s="2" t="s">
        <v>36265</v>
      </c>
      <c r="L15187" s="5" t="s">
        <v>36264</v>
      </c>
      <c r="M15187" s="2" t="s">
        <v>36265</v>
      </c>
      <c r="N15187" s="5" t="s">
        <v>36266</v>
      </c>
      <c r="O15187" s="5" t="s">
        <v>38</v>
      </c>
      <c r="P15187" s="5" t="s">
        <v>39</v>
      </c>
      <c r="Q15187" s="5" t="s">
        <v>40</v>
      </c>
      <c r="R15187" s="5" t="s">
        <v>1522</v>
      </c>
      <c r="S15187" s="5" t="s">
        <v>1523</v>
      </c>
      <c r="T15187" s="5" t="s">
        <v>42</v>
      </c>
      <c r="U15187" s="2">
        <v>3.5830000000000002</v>
      </c>
      <c r="V15187" s="2">
        <v>2.9009999999999998</v>
      </c>
      <c r="W15187" s="2">
        <v>0.02</v>
      </c>
      <c r="X15187" s="2">
        <v>159.1</v>
      </c>
      <c r="Y15187" s="2">
        <v>7.6</v>
      </c>
      <c r="Z15187" s="2">
        <v>16.7</v>
      </c>
      <c r="AA15187" s="5"/>
      <c r="AB15187" s="5" t="s">
        <v>43</v>
      </c>
      <c r="AC15187" s="5" t="s">
        <v>44</v>
      </c>
      <c r="AD15187" s="2"/>
      <c r="AE15187" s="1"/>
    </row>
    <row r="15188" spans="1:31" ht="14.45">
      <c r="A15188" s="11"/>
      <c r="B15188" s="20"/>
      <c r="C15188" s="2" t="s">
        <v>46517</v>
      </c>
      <c r="D15188" s="14" t="s">
        <v>46518</v>
      </c>
      <c r="E15188" s="2" t="s">
        <v>46519</v>
      </c>
      <c r="F15188" s="2" t="s">
        <v>36329</v>
      </c>
      <c r="G15188" s="8">
        <v>345</v>
      </c>
      <c r="H15188" s="5">
        <v>6</v>
      </c>
      <c r="I15188" s="5" t="s">
        <v>1518</v>
      </c>
      <c r="J15188" s="5" t="s">
        <v>36264</v>
      </c>
      <c r="K15188" s="2" t="s">
        <v>36265</v>
      </c>
      <c r="L15188" s="5" t="s">
        <v>36264</v>
      </c>
      <c r="M15188" s="2" t="s">
        <v>36265</v>
      </c>
      <c r="N15188" s="5" t="s">
        <v>36266</v>
      </c>
      <c r="O15188" s="5" t="s">
        <v>38</v>
      </c>
      <c r="P15188" s="5" t="s">
        <v>39</v>
      </c>
      <c r="Q15188" s="5" t="s">
        <v>40</v>
      </c>
      <c r="R15188" s="5" t="s">
        <v>1522</v>
      </c>
      <c r="S15188" s="5" t="s">
        <v>1523</v>
      </c>
      <c r="T15188" s="5" t="s">
        <v>42</v>
      </c>
      <c r="U15188" s="2">
        <v>3.4689999999999999</v>
      </c>
      <c r="V15188" s="2">
        <v>2.7869999999999999</v>
      </c>
      <c r="W15188" s="2">
        <v>0.02</v>
      </c>
      <c r="X15188" s="2">
        <v>159.1</v>
      </c>
      <c r="Y15188" s="2">
        <v>7.6</v>
      </c>
      <c r="Z15188" s="2">
        <v>16.7</v>
      </c>
      <c r="AA15188" s="5"/>
      <c r="AB15188" s="5" t="s">
        <v>43</v>
      </c>
      <c r="AC15188" s="5" t="s">
        <v>44</v>
      </c>
      <c r="AD15188" s="2"/>
      <c r="AE15188" s="1"/>
    </row>
    <row r="15189" spans="1:31" ht="14.45">
      <c r="A15189" s="11"/>
      <c r="B15189" s="20"/>
      <c r="C15189" s="2" t="s">
        <v>46520</v>
      </c>
      <c r="D15189" s="14" t="s">
        <v>46521</v>
      </c>
      <c r="E15189" s="2" t="s">
        <v>46522</v>
      </c>
      <c r="F15189" s="2" t="s">
        <v>36333</v>
      </c>
      <c r="G15189" s="8">
        <v>345</v>
      </c>
      <c r="H15189" s="5">
        <v>6</v>
      </c>
      <c r="I15189" s="5" t="s">
        <v>1518</v>
      </c>
      <c r="J15189" s="5" t="s">
        <v>36264</v>
      </c>
      <c r="K15189" s="2" t="s">
        <v>36265</v>
      </c>
      <c r="L15189" s="5" t="s">
        <v>36264</v>
      </c>
      <c r="M15189" s="2" t="s">
        <v>36265</v>
      </c>
      <c r="N15189" s="5" t="s">
        <v>36266</v>
      </c>
      <c r="O15189" s="5" t="s">
        <v>38</v>
      </c>
      <c r="P15189" s="5" t="s">
        <v>39</v>
      </c>
      <c r="Q15189" s="5" t="s">
        <v>40</v>
      </c>
      <c r="R15189" s="5" t="s">
        <v>1522</v>
      </c>
      <c r="S15189" s="5" t="s">
        <v>1523</v>
      </c>
      <c r="T15189" s="5" t="s">
        <v>42</v>
      </c>
      <c r="U15189" s="2">
        <v>3.5830000000000002</v>
      </c>
      <c r="V15189" s="2">
        <v>2.9009999999999998</v>
      </c>
      <c r="W15189" s="2">
        <v>0.02</v>
      </c>
      <c r="X15189" s="2">
        <v>159.1</v>
      </c>
      <c r="Y15189" s="2">
        <v>7.6</v>
      </c>
      <c r="Z15189" s="2">
        <v>16.7</v>
      </c>
      <c r="AA15189" s="5"/>
      <c r="AB15189" s="5" t="s">
        <v>43</v>
      </c>
      <c r="AC15189" s="5" t="s">
        <v>44</v>
      </c>
      <c r="AD15189" s="2"/>
      <c r="AE15189" s="1"/>
    </row>
    <row r="15190" spans="1:31" ht="14.45">
      <c r="A15190" s="11"/>
      <c r="B15190" s="20"/>
      <c r="C15190" s="2" t="s">
        <v>46523</v>
      </c>
      <c r="D15190" s="14" t="s">
        <v>46524</v>
      </c>
      <c r="E15190" s="2" t="s">
        <v>46525</v>
      </c>
      <c r="F15190" s="2" t="s">
        <v>36341</v>
      </c>
      <c r="G15190" s="8">
        <v>345</v>
      </c>
      <c r="H15190" s="5">
        <v>6</v>
      </c>
      <c r="I15190" s="5" t="s">
        <v>1518</v>
      </c>
      <c r="J15190" s="5" t="s">
        <v>36264</v>
      </c>
      <c r="K15190" s="2" t="s">
        <v>36265</v>
      </c>
      <c r="L15190" s="5" t="s">
        <v>36264</v>
      </c>
      <c r="M15190" s="2" t="s">
        <v>36265</v>
      </c>
      <c r="N15190" s="5" t="s">
        <v>36266</v>
      </c>
      <c r="O15190" s="5" t="s">
        <v>38</v>
      </c>
      <c r="P15190" s="5" t="s">
        <v>39</v>
      </c>
      <c r="Q15190" s="5" t="s">
        <v>40</v>
      </c>
      <c r="R15190" s="5" t="s">
        <v>1522</v>
      </c>
      <c r="S15190" s="5" t="s">
        <v>1523</v>
      </c>
      <c r="T15190" s="5" t="s">
        <v>42</v>
      </c>
      <c r="U15190" s="2">
        <v>3.5830000000000002</v>
      </c>
      <c r="V15190" s="2">
        <v>2.9009999999999998</v>
      </c>
      <c r="W15190" s="2">
        <v>0.02</v>
      </c>
      <c r="X15190" s="2">
        <v>159.1</v>
      </c>
      <c r="Y15190" s="2">
        <v>7.6</v>
      </c>
      <c r="Z15190" s="2">
        <v>16.7</v>
      </c>
      <c r="AA15190" s="5"/>
      <c r="AB15190" s="5" t="s">
        <v>43</v>
      </c>
      <c r="AC15190" s="5" t="s">
        <v>44</v>
      </c>
      <c r="AD15190" s="2"/>
      <c r="AE15190" s="1"/>
    </row>
    <row r="15191" spans="1:31" ht="14.45">
      <c r="A15191" s="11"/>
      <c r="B15191" s="20"/>
      <c r="C15191" s="2" t="s">
        <v>46526</v>
      </c>
      <c r="D15191" s="14" t="s">
        <v>46527</v>
      </c>
      <c r="E15191" s="2" t="s">
        <v>46528</v>
      </c>
      <c r="F15191" s="2" t="s">
        <v>36345</v>
      </c>
      <c r="G15191" s="8">
        <v>345</v>
      </c>
      <c r="H15191" s="5">
        <v>6</v>
      </c>
      <c r="I15191" s="5" t="s">
        <v>1518</v>
      </c>
      <c r="J15191" s="5" t="s">
        <v>36264</v>
      </c>
      <c r="K15191" s="2" t="s">
        <v>36265</v>
      </c>
      <c r="L15191" s="5" t="s">
        <v>36264</v>
      </c>
      <c r="M15191" s="2" t="s">
        <v>36265</v>
      </c>
      <c r="N15191" s="5" t="s">
        <v>36266</v>
      </c>
      <c r="O15191" s="5" t="s">
        <v>38</v>
      </c>
      <c r="P15191" s="5" t="s">
        <v>39</v>
      </c>
      <c r="Q15191" s="5" t="s">
        <v>40</v>
      </c>
      <c r="R15191" s="5" t="s">
        <v>1522</v>
      </c>
      <c r="S15191" s="5" t="s">
        <v>1523</v>
      </c>
      <c r="T15191" s="5" t="s">
        <v>42</v>
      </c>
      <c r="U15191" s="2">
        <v>3.4689999999999999</v>
      </c>
      <c r="V15191" s="2">
        <v>2.7869999999999999</v>
      </c>
      <c r="W15191" s="2">
        <v>0.02</v>
      </c>
      <c r="X15191" s="2">
        <v>159.1</v>
      </c>
      <c r="Y15191" s="2">
        <v>7.6</v>
      </c>
      <c r="Z15191" s="2">
        <v>16.7</v>
      </c>
      <c r="AA15191" s="5"/>
      <c r="AB15191" s="5" t="s">
        <v>43</v>
      </c>
      <c r="AC15191" s="5" t="s">
        <v>44</v>
      </c>
      <c r="AD15191" s="2"/>
      <c r="AE15191" s="1"/>
    </row>
    <row r="15192" spans="1:31" ht="14.45">
      <c r="A15192" s="11"/>
      <c r="B15192" s="20"/>
      <c r="C15192" s="2" t="s">
        <v>46529</v>
      </c>
      <c r="D15192" s="14" t="s">
        <v>46530</v>
      </c>
      <c r="E15192" s="2" t="s">
        <v>46531</v>
      </c>
      <c r="F15192" s="2" t="s">
        <v>36357</v>
      </c>
      <c r="G15192" s="8">
        <v>345</v>
      </c>
      <c r="H15192" s="5">
        <v>6</v>
      </c>
      <c r="I15192" s="5" t="s">
        <v>1518</v>
      </c>
      <c r="J15192" s="5" t="s">
        <v>36264</v>
      </c>
      <c r="K15192" s="2" t="s">
        <v>36265</v>
      </c>
      <c r="L15192" s="5" t="s">
        <v>36264</v>
      </c>
      <c r="M15192" s="2" t="s">
        <v>36265</v>
      </c>
      <c r="N15192" s="5" t="s">
        <v>36266</v>
      </c>
      <c r="O15192" s="5" t="s">
        <v>38</v>
      </c>
      <c r="P15192" s="5" t="s">
        <v>39</v>
      </c>
      <c r="Q15192" s="5" t="s">
        <v>40</v>
      </c>
      <c r="R15192" s="5" t="s">
        <v>1522</v>
      </c>
      <c r="S15192" s="5" t="s">
        <v>1523</v>
      </c>
      <c r="T15192" s="5" t="s">
        <v>42</v>
      </c>
      <c r="U15192" s="2">
        <v>3.5830000000000002</v>
      </c>
      <c r="V15192" s="2">
        <v>2.9009999999999998</v>
      </c>
      <c r="W15192" s="2">
        <v>0.02</v>
      </c>
      <c r="X15192" s="2">
        <v>159.1</v>
      </c>
      <c r="Y15192" s="2">
        <v>7.6</v>
      </c>
      <c r="Z15192" s="2">
        <v>16.7</v>
      </c>
      <c r="AA15192" s="5"/>
      <c r="AB15192" s="5" t="s">
        <v>43</v>
      </c>
      <c r="AC15192" s="5" t="s">
        <v>44</v>
      </c>
      <c r="AD15192" s="2"/>
      <c r="AE15192" s="1"/>
    </row>
    <row r="15193" spans="1:31" ht="14.45">
      <c r="A15193" s="11"/>
      <c r="B15193" s="20"/>
      <c r="C15193" s="2" t="s">
        <v>46532</v>
      </c>
      <c r="D15193" s="14" t="s">
        <v>46533</v>
      </c>
      <c r="E15193" s="2" t="s">
        <v>46534</v>
      </c>
      <c r="F15193" s="2" t="s">
        <v>45598</v>
      </c>
      <c r="G15193" s="8">
        <v>345</v>
      </c>
      <c r="H15193" s="5">
        <v>6</v>
      </c>
      <c r="I15193" s="5" t="s">
        <v>1518</v>
      </c>
      <c r="J15193" s="5" t="s">
        <v>36264</v>
      </c>
      <c r="K15193" s="2" t="s">
        <v>36265</v>
      </c>
      <c r="L15193" s="5" t="s">
        <v>36264</v>
      </c>
      <c r="M15193" s="2" t="s">
        <v>36265</v>
      </c>
      <c r="N15193" s="5" t="s">
        <v>36266</v>
      </c>
      <c r="O15193" s="5" t="s">
        <v>38</v>
      </c>
      <c r="P15193" s="5" t="s">
        <v>39</v>
      </c>
      <c r="Q15193" s="5" t="s">
        <v>40</v>
      </c>
      <c r="R15193" s="5" t="s">
        <v>1522</v>
      </c>
      <c r="S15193" s="5" t="s">
        <v>1523</v>
      </c>
      <c r="T15193" s="5" t="s">
        <v>42</v>
      </c>
      <c r="U15193" s="2">
        <v>3.4689999999999999</v>
      </c>
      <c r="V15193" s="2">
        <v>2.7869999999999999</v>
      </c>
      <c r="W15193" s="2">
        <v>0.02</v>
      </c>
      <c r="X15193" s="2">
        <v>159.1</v>
      </c>
      <c r="Y15193" s="2">
        <v>7.6</v>
      </c>
      <c r="Z15193" s="2">
        <v>16.7</v>
      </c>
      <c r="AA15193" s="5"/>
      <c r="AB15193" s="5" t="s">
        <v>43</v>
      </c>
      <c r="AC15193" s="5" t="s">
        <v>44</v>
      </c>
      <c r="AD15193" s="2"/>
      <c r="AE15193" s="1"/>
    </row>
    <row r="15194" spans="1:31" ht="14.45">
      <c r="A15194" s="11"/>
      <c r="B15194" s="20"/>
      <c r="C15194" s="2" t="s">
        <v>46535</v>
      </c>
      <c r="D15194" s="14" t="s">
        <v>46536</v>
      </c>
      <c r="E15194" s="2" t="s">
        <v>46537</v>
      </c>
      <c r="F15194" s="2" t="s">
        <v>45534</v>
      </c>
      <c r="G15194" s="8">
        <v>345</v>
      </c>
      <c r="H15194" s="5">
        <v>6</v>
      </c>
      <c r="I15194" s="5" t="s">
        <v>1518</v>
      </c>
      <c r="J15194" s="5" t="s">
        <v>36264</v>
      </c>
      <c r="K15194" s="2" t="s">
        <v>36265</v>
      </c>
      <c r="L15194" s="5" t="s">
        <v>36264</v>
      </c>
      <c r="M15194" s="2" t="s">
        <v>36265</v>
      </c>
      <c r="N15194" s="5" t="s">
        <v>36266</v>
      </c>
      <c r="O15194" s="5" t="s">
        <v>38</v>
      </c>
      <c r="P15194" s="5" t="s">
        <v>39</v>
      </c>
      <c r="Q15194" s="5" t="s">
        <v>40</v>
      </c>
      <c r="R15194" s="5" t="s">
        <v>1522</v>
      </c>
      <c r="S15194" s="5" t="s">
        <v>1523</v>
      </c>
      <c r="T15194" s="5" t="s">
        <v>42</v>
      </c>
      <c r="U15194" s="2">
        <v>3.5830000000000002</v>
      </c>
      <c r="V15194" s="2">
        <v>2.9009999999999998</v>
      </c>
      <c r="W15194" s="2">
        <v>0.02</v>
      </c>
      <c r="X15194" s="2">
        <v>159.1</v>
      </c>
      <c r="Y15194" s="2">
        <v>7.6</v>
      </c>
      <c r="Z15194" s="2">
        <v>16.7</v>
      </c>
      <c r="AA15194" s="5"/>
      <c r="AB15194" s="5" t="s">
        <v>43</v>
      </c>
      <c r="AC15194" s="5" t="s">
        <v>44</v>
      </c>
      <c r="AD15194" s="2"/>
      <c r="AE15194" s="1"/>
    </row>
    <row r="15195" spans="1:31" ht="14.45">
      <c r="A15195" s="11"/>
      <c r="B15195" s="20"/>
      <c r="C15195" s="2" t="s">
        <v>46538</v>
      </c>
      <c r="D15195" s="14" t="s">
        <v>46539</v>
      </c>
      <c r="E15195" s="2" t="s">
        <v>46540</v>
      </c>
      <c r="F15195" s="2" t="s">
        <v>36369</v>
      </c>
      <c r="G15195" s="8">
        <v>345</v>
      </c>
      <c r="H15195" s="5">
        <v>6</v>
      </c>
      <c r="I15195" s="5" t="s">
        <v>1518</v>
      </c>
      <c r="J15195" s="5" t="s">
        <v>36264</v>
      </c>
      <c r="K15195" s="2" t="s">
        <v>36265</v>
      </c>
      <c r="L15195" s="5" t="s">
        <v>36264</v>
      </c>
      <c r="M15195" s="2" t="s">
        <v>36265</v>
      </c>
      <c r="N15195" s="5" t="s">
        <v>36266</v>
      </c>
      <c r="O15195" s="5" t="s">
        <v>38</v>
      </c>
      <c r="P15195" s="5" t="s">
        <v>39</v>
      </c>
      <c r="Q15195" s="5" t="s">
        <v>40</v>
      </c>
      <c r="R15195" s="5" t="s">
        <v>1522</v>
      </c>
      <c r="S15195" s="5" t="s">
        <v>1523</v>
      </c>
      <c r="T15195" s="5" t="s">
        <v>42</v>
      </c>
      <c r="U15195" s="2">
        <v>3.4689999999999999</v>
      </c>
      <c r="V15195" s="2">
        <v>2.7869999999999999</v>
      </c>
      <c r="W15195" s="2">
        <v>0.02</v>
      </c>
      <c r="X15195" s="2">
        <v>159.1</v>
      </c>
      <c r="Y15195" s="2">
        <v>7.6</v>
      </c>
      <c r="Z15195" s="2">
        <v>16.7</v>
      </c>
      <c r="AA15195" s="5"/>
      <c r="AB15195" s="5" t="s">
        <v>43</v>
      </c>
      <c r="AC15195" s="5" t="s">
        <v>44</v>
      </c>
      <c r="AD15195" s="2"/>
      <c r="AE15195" s="1"/>
    </row>
    <row r="15196" spans="1:31" ht="14.45">
      <c r="A15196" s="11"/>
      <c r="B15196" s="20"/>
      <c r="C15196" s="2" t="s">
        <v>46541</v>
      </c>
      <c r="D15196" s="14" t="s">
        <v>46542</v>
      </c>
      <c r="E15196" s="2" t="s">
        <v>46543</v>
      </c>
      <c r="F15196" s="2" t="s">
        <v>36373</v>
      </c>
      <c r="G15196" s="8">
        <v>345</v>
      </c>
      <c r="H15196" s="5">
        <v>6</v>
      </c>
      <c r="I15196" s="5" t="s">
        <v>1518</v>
      </c>
      <c r="J15196" s="5" t="s">
        <v>36264</v>
      </c>
      <c r="K15196" s="2" t="s">
        <v>36265</v>
      </c>
      <c r="L15196" s="5" t="s">
        <v>36264</v>
      </c>
      <c r="M15196" s="2" t="s">
        <v>36265</v>
      </c>
      <c r="N15196" s="5" t="s">
        <v>36266</v>
      </c>
      <c r="O15196" s="5" t="s">
        <v>38</v>
      </c>
      <c r="P15196" s="5" t="s">
        <v>39</v>
      </c>
      <c r="Q15196" s="5" t="s">
        <v>40</v>
      </c>
      <c r="R15196" s="5" t="s">
        <v>1522</v>
      </c>
      <c r="S15196" s="5" t="s">
        <v>1523</v>
      </c>
      <c r="T15196" s="5" t="s">
        <v>42</v>
      </c>
      <c r="U15196" s="2">
        <v>3.5830000000000002</v>
      </c>
      <c r="V15196" s="2">
        <v>2.9009999999999998</v>
      </c>
      <c r="W15196" s="2">
        <v>0.02</v>
      </c>
      <c r="X15196" s="2">
        <v>159.1</v>
      </c>
      <c r="Y15196" s="2">
        <v>7.6</v>
      </c>
      <c r="Z15196" s="2">
        <v>16.7</v>
      </c>
      <c r="AA15196" s="5"/>
      <c r="AB15196" s="5" t="s">
        <v>43</v>
      </c>
      <c r="AC15196" s="5" t="s">
        <v>44</v>
      </c>
      <c r="AD15196" s="2"/>
      <c r="AE15196" s="1"/>
    </row>
    <row r="15197" spans="1:31" ht="14.45">
      <c r="A15197" s="11"/>
      <c r="B15197" s="20"/>
      <c r="C15197" s="2" t="s">
        <v>46544</v>
      </c>
      <c r="D15197" s="14" t="s">
        <v>46545</v>
      </c>
      <c r="E15197" s="2" t="s">
        <v>46546</v>
      </c>
      <c r="F15197" s="2" t="s">
        <v>36381</v>
      </c>
      <c r="G15197" s="8">
        <v>345</v>
      </c>
      <c r="H15197" s="5">
        <v>6</v>
      </c>
      <c r="I15197" s="5" t="s">
        <v>1518</v>
      </c>
      <c r="J15197" s="5" t="s">
        <v>36264</v>
      </c>
      <c r="K15197" s="2" t="s">
        <v>36265</v>
      </c>
      <c r="L15197" s="5" t="s">
        <v>36264</v>
      </c>
      <c r="M15197" s="2" t="s">
        <v>36265</v>
      </c>
      <c r="N15197" s="5" t="s">
        <v>36266</v>
      </c>
      <c r="O15197" s="5" t="s">
        <v>38</v>
      </c>
      <c r="P15197" s="5" t="s">
        <v>39</v>
      </c>
      <c r="Q15197" s="5" t="s">
        <v>40</v>
      </c>
      <c r="R15197" s="5" t="s">
        <v>1522</v>
      </c>
      <c r="S15197" s="5" t="s">
        <v>1523</v>
      </c>
      <c r="T15197" s="5" t="s">
        <v>42</v>
      </c>
      <c r="U15197" s="2">
        <v>3.5830000000000002</v>
      </c>
      <c r="V15197" s="2">
        <v>2.9009999999999998</v>
      </c>
      <c r="W15197" s="2">
        <v>0.02</v>
      </c>
      <c r="X15197" s="2">
        <v>159.1</v>
      </c>
      <c r="Y15197" s="2">
        <v>7.6</v>
      </c>
      <c r="Z15197" s="2">
        <v>16.7</v>
      </c>
      <c r="AA15197" s="5"/>
      <c r="AB15197" s="5" t="s">
        <v>43</v>
      </c>
      <c r="AC15197" s="5" t="s">
        <v>44</v>
      </c>
      <c r="AD15197" s="2"/>
      <c r="AE15197" s="1"/>
    </row>
    <row r="15198" spans="1:31" ht="14.45">
      <c r="A15198" s="11"/>
      <c r="B15198" s="20"/>
      <c r="C15198" s="2" t="s">
        <v>46547</v>
      </c>
      <c r="D15198" s="14" t="s">
        <v>46548</v>
      </c>
      <c r="E15198" s="2" t="s">
        <v>46549</v>
      </c>
      <c r="F15198" s="2" t="s">
        <v>36385</v>
      </c>
      <c r="G15198" s="8">
        <v>345</v>
      </c>
      <c r="H15198" s="5">
        <v>6</v>
      </c>
      <c r="I15198" s="5" t="s">
        <v>1518</v>
      </c>
      <c r="J15198" s="5" t="s">
        <v>36264</v>
      </c>
      <c r="K15198" s="2" t="s">
        <v>36265</v>
      </c>
      <c r="L15198" s="5" t="s">
        <v>36264</v>
      </c>
      <c r="M15198" s="2" t="s">
        <v>36265</v>
      </c>
      <c r="N15198" s="5" t="s">
        <v>36266</v>
      </c>
      <c r="O15198" s="5" t="s">
        <v>38</v>
      </c>
      <c r="P15198" s="5" t="s">
        <v>39</v>
      </c>
      <c r="Q15198" s="5" t="s">
        <v>40</v>
      </c>
      <c r="R15198" s="5" t="s">
        <v>1522</v>
      </c>
      <c r="S15198" s="5" t="s">
        <v>1523</v>
      </c>
      <c r="T15198" s="5" t="s">
        <v>42</v>
      </c>
      <c r="U15198" s="2">
        <v>3.4689999999999999</v>
      </c>
      <c r="V15198" s="2">
        <v>2.7869999999999999</v>
      </c>
      <c r="W15198" s="2">
        <v>0.02</v>
      </c>
      <c r="X15198" s="2">
        <v>159.1</v>
      </c>
      <c r="Y15198" s="2">
        <v>7.6</v>
      </c>
      <c r="Z15198" s="2">
        <v>16.7</v>
      </c>
      <c r="AA15198" s="5"/>
      <c r="AB15198" s="5" t="s">
        <v>43</v>
      </c>
      <c r="AC15198" s="5" t="s">
        <v>44</v>
      </c>
      <c r="AD15198" s="2"/>
      <c r="AE15198" s="1"/>
    </row>
    <row r="15199" spans="1:31" ht="14.45">
      <c r="A15199" s="11"/>
      <c r="B15199" s="20"/>
      <c r="C15199" s="2" t="s">
        <v>46550</v>
      </c>
      <c r="D15199" s="14" t="s">
        <v>46551</v>
      </c>
      <c r="E15199" s="2" t="s">
        <v>46552</v>
      </c>
      <c r="F15199" s="2" t="s">
        <v>36389</v>
      </c>
      <c r="G15199" s="8">
        <v>345</v>
      </c>
      <c r="H15199" s="5">
        <v>6</v>
      </c>
      <c r="I15199" s="5" t="s">
        <v>1518</v>
      </c>
      <c r="J15199" s="5" t="s">
        <v>36264</v>
      </c>
      <c r="K15199" s="2" t="s">
        <v>36265</v>
      </c>
      <c r="L15199" s="5" t="s">
        <v>36264</v>
      </c>
      <c r="M15199" s="2" t="s">
        <v>36265</v>
      </c>
      <c r="N15199" s="5" t="s">
        <v>36266</v>
      </c>
      <c r="O15199" s="5" t="s">
        <v>38</v>
      </c>
      <c r="P15199" s="5" t="s">
        <v>39</v>
      </c>
      <c r="Q15199" s="5" t="s">
        <v>40</v>
      </c>
      <c r="R15199" s="5" t="s">
        <v>1522</v>
      </c>
      <c r="S15199" s="5" t="s">
        <v>1523</v>
      </c>
      <c r="T15199" s="5" t="s">
        <v>42</v>
      </c>
      <c r="U15199" s="2">
        <v>3.5830000000000002</v>
      </c>
      <c r="V15199" s="2">
        <v>2.9009999999999998</v>
      </c>
      <c r="W15199" s="2">
        <v>0.02</v>
      </c>
      <c r="X15199" s="2">
        <v>159.1</v>
      </c>
      <c r="Y15199" s="2">
        <v>7.6</v>
      </c>
      <c r="Z15199" s="2">
        <v>16.7</v>
      </c>
      <c r="AA15199" s="5"/>
      <c r="AB15199" s="5" t="s">
        <v>43</v>
      </c>
      <c r="AC15199" s="5" t="s">
        <v>44</v>
      </c>
      <c r="AD15199" s="2"/>
      <c r="AE15199" s="1"/>
    </row>
    <row r="15200" spans="1:31" ht="14.45">
      <c r="A15200" s="11"/>
      <c r="B15200" s="20"/>
      <c r="C15200" s="2" t="s">
        <v>46553</v>
      </c>
      <c r="D15200" s="14" t="s">
        <v>46554</v>
      </c>
      <c r="E15200" s="2" t="s">
        <v>46555</v>
      </c>
      <c r="F15200" s="2" t="s">
        <v>7204</v>
      </c>
      <c r="G15200" s="8">
        <v>311</v>
      </c>
      <c r="H15200" s="5">
        <v>6</v>
      </c>
      <c r="I15200" s="5" t="s">
        <v>1518</v>
      </c>
      <c r="J15200" s="5" t="s">
        <v>36264</v>
      </c>
      <c r="K15200" s="2" t="s">
        <v>36265</v>
      </c>
      <c r="L15200" s="5" t="s">
        <v>36264</v>
      </c>
      <c r="M15200" s="2" t="s">
        <v>36265</v>
      </c>
      <c r="N15200" s="5" t="s">
        <v>36266</v>
      </c>
      <c r="O15200" s="5" t="s">
        <v>38</v>
      </c>
      <c r="P15200" s="5" t="s">
        <v>39</v>
      </c>
      <c r="Q15200" s="5" t="s">
        <v>40</v>
      </c>
      <c r="R15200" s="5" t="s">
        <v>1522</v>
      </c>
      <c r="S15200" s="5" t="s">
        <v>1523</v>
      </c>
      <c r="T15200" s="5" t="s">
        <v>42</v>
      </c>
      <c r="U15200" s="2">
        <v>3.2850000000000001</v>
      </c>
      <c r="V15200" s="2">
        <v>2.6960000000000002</v>
      </c>
      <c r="W15200" s="2">
        <v>1.7999999999999999E-2</v>
      </c>
      <c r="X15200" s="2">
        <v>139.1</v>
      </c>
      <c r="Y15200" s="2">
        <v>7.6</v>
      </c>
      <c r="Z15200" s="2">
        <v>16.7</v>
      </c>
      <c r="AA15200" s="5"/>
      <c r="AB15200" s="5" t="s">
        <v>43</v>
      </c>
      <c r="AC15200" s="5" t="s">
        <v>44</v>
      </c>
      <c r="AD15200" s="2"/>
      <c r="AE15200" s="1"/>
    </row>
    <row r="15201" spans="1:31" ht="14.45">
      <c r="A15201" s="11"/>
      <c r="B15201" s="20"/>
      <c r="C15201" s="2" t="s">
        <v>46556</v>
      </c>
      <c r="D15201" s="14" t="s">
        <v>46557</v>
      </c>
      <c r="E15201" s="2" t="s">
        <v>46558</v>
      </c>
      <c r="F15201" s="2" t="s">
        <v>7514</v>
      </c>
      <c r="G15201" s="8">
        <v>311</v>
      </c>
      <c r="H15201" s="5">
        <v>6</v>
      </c>
      <c r="I15201" s="5" t="s">
        <v>1518</v>
      </c>
      <c r="J15201" s="5" t="s">
        <v>36264</v>
      </c>
      <c r="K15201" s="2" t="s">
        <v>36265</v>
      </c>
      <c r="L15201" s="5" t="s">
        <v>36264</v>
      </c>
      <c r="M15201" s="2" t="s">
        <v>36265</v>
      </c>
      <c r="N15201" s="5" t="s">
        <v>36266</v>
      </c>
      <c r="O15201" s="5" t="s">
        <v>38</v>
      </c>
      <c r="P15201" s="5" t="s">
        <v>39</v>
      </c>
      <c r="Q15201" s="5" t="s">
        <v>40</v>
      </c>
      <c r="R15201" s="5" t="s">
        <v>1522</v>
      </c>
      <c r="S15201" s="5" t="s">
        <v>1523</v>
      </c>
      <c r="T15201" s="5" t="s">
        <v>42</v>
      </c>
      <c r="U15201" s="2">
        <v>3.3809999999999998</v>
      </c>
      <c r="V15201" s="2">
        <v>2.7919999999999998</v>
      </c>
      <c r="W15201" s="2">
        <v>1.7999999999999999E-2</v>
      </c>
      <c r="X15201" s="2">
        <v>139.1</v>
      </c>
      <c r="Y15201" s="2">
        <v>7.6</v>
      </c>
      <c r="Z15201" s="2">
        <v>16.7</v>
      </c>
      <c r="AA15201" s="5"/>
      <c r="AB15201" s="5" t="s">
        <v>43</v>
      </c>
      <c r="AC15201" s="5" t="s">
        <v>44</v>
      </c>
      <c r="AD15201" s="2"/>
      <c r="AE15201" s="1"/>
    </row>
    <row r="15202" spans="1:31" ht="14.45">
      <c r="A15202" s="11"/>
      <c r="B15202" s="20"/>
      <c r="C15202" s="2" t="s">
        <v>46559</v>
      </c>
      <c r="D15202" s="14" t="s">
        <v>46560</v>
      </c>
      <c r="E15202" s="2" t="s">
        <v>46561</v>
      </c>
      <c r="F15202" s="2" t="s">
        <v>36273</v>
      </c>
      <c r="G15202" s="8">
        <v>311</v>
      </c>
      <c r="H15202" s="5">
        <v>6</v>
      </c>
      <c r="I15202" s="5" t="s">
        <v>1518</v>
      </c>
      <c r="J15202" s="5" t="s">
        <v>36264</v>
      </c>
      <c r="K15202" s="2" t="s">
        <v>36265</v>
      </c>
      <c r="L15202" s="5" t="s">
        <v>36264</v>
      </c>
      <c r="M15202" s="2" t="s">
        <v>36265</v>
      </c>
      <c r="N15202" s="5" t="s">
        <v>36266</v>
      </c>
      <c r="O15202" s="5" t="s">
        <v>38</v>
      </c>
      <c r="P15202" s="5" t="s">
        <v>39</v>
      </c>
      <c r="Q15202" s="5" t="s">
        <v>40</v>
      </c>
      <c r="R15202" s="5" t="s">
        <v>1522</v>
      </c>
      <c r="S15202" s="5" t="s">
        <v>1523</v>
      </c>
      <c r="T15202" s="5" t="s">
        <v>42</v>
      </c>
      <c r="U15202" s="2">
        <v>3.2850000000000001</v>
      </c>
      <c r="V15202" s="2">
        <v>2.6960000000000002</v>
      </c>
      <c r="W15202" s="2">
        <v>1.7999999999999999E-2</v>
      </c>
      <c r="X15202" s="2">
        <v>139.1</v>
      </c>
      <c r="Y15202" s="2">
        <v>7.6</v>
      </c>
      <c r="Z15202" s="2">
        <v>16.7</v>
      </c>
      <c r="AA15202" s="5"/>
      <c r="AB15202" s="5" t="s">
        <v>43</v>
      </c>
      <c r="AC15202" s="5" t="s">
        <v>44</v>
      </c>
      <c r="AD15202" s="2"/>
      <c r="AE15202" s="1"/>
    </row>
    <row r="15203" spans="1:31" ht="14.45">
      <c r="A15203" s="11"/>
      <c r="B15203" s="20"/>
      <c r="C15203" s="2" t="s">
        <v>46562</v>
      </c>
      <c r="D15203" s="14" t="s">
        <v>46563</v>
      </c>
      <c r="E15203" s="2" t="s">
        <v>46564</v>
      </c>
      <c r="F15203" s="2" t="s">
        <v>36277</v>
      </c>
      <c r="G15203" s="8">
        <v>311</v>
      </c>
      <c r="H15203" s="5">
        <v>6</v>
      </c>
      <c r="I15203" s="5" t="s">
        <v>1518</v>
      </c>
      <c r="J15203" s="5" t="s">
        <v>36264</v>
      </c>
      <c r="K15203" s="2" t="s">
        <v>36265</v>
      </c>
      <c r="L15203" s="5" t="s">
        <v>36264</v>
      </c>
      <c r="M15203" s="2" t="s">
        <v>36265</v>
      </c>
      <c r="N15203" s="5" t="s">
        <v>36266</v>
      </c>
      <c r="O15203" s="5" t="s">
        <v>38</v>
      </c>
      <c r="P15203" s="5" t="s">
        <v>39</v>
      </c>
      <c r="Q15203" s="5" t="s">
        <v>40</v>
      </c>
      <c r="R15203" s="5" t="s">
        <v>1522</v>
      </c>
      <c r="S15203" s="5" t="s">
        <v>1523</v>
      </c>
      <c r="T15203" s="5" t="s">
        <v>42</v>
      </c>
      <c r="U15203" s="2">
        <v>3.3809999999999998</v>
      </c>
      <c r="V15203" s="2">
        <v>2.7919999999999998</v>
      </c>
      <c r="W15203" s="2">
        <v>1.7999999999999999E-2</v>
      </c>
      <c r="X15203" s="2">
        <v>139.1</v>
      </c>
      <c r="Y15203" s="2">
        <v>7.6</v>
      </c>
      <c r="Z15203" s="2">
        <v>16.7</v>
      </c>
      <c r="AA15203" s="5"/>
      <c r="AB15203" s="5" t="s">
        <v>43</v>
      </c>
      <c r="AC15203" s="5" t="s">
        <v>44</v>
      </c>
      <c r="AD15203" s="2"/>
      <c r="AE15203" s="1"/>
    </row>
    <row r="15204" spans="1:31" ht="14.45">
      <c r="A15204" s="11"/>
      <c r="B15204" s="20"/>
      <c r="C15204" s="2" t="s">
        <v>46565</v>
      </c>
      <c r="D15204" s="14" t="s">
        <v>46566</v>
      </c>
      <c r="E15204" s="2" t="s">
        <v>46567</v>
      </c>
      <c r="F15204" s="2" t="s">
        <v>36281</v>
      </c>
      <c r="G15204" s="8">
        <v>338</v>
      </c>
      <c r="H15204" s="5">
        <v>6</v>
      </c>
      <c r="I15204" s="5" t="s">
        <v>1518</v>
      </c>
      <c r="J15204" s="5" t="s">
        <v>36264</v>
      </c>
      <c r="K15204" s="2" t="s">
        <v>36265</v>
      </c>
      <c r="L15204" s="5" t="s">
        <v>36264</v>
      </c>
      <c r="M15204" s="2" t="s">
        <v>36265</v>
      </c>
      <c r="N15204" s="5" t="s">
        <v>36266</v>
      </c>
      <c r="O15204" s="5" t="s">
        <v>38</v>
      </c>
      <c r="P15204" s="5" t="s">
        <v>39</v>
      </c>
      <c r="Q15204" s="5" t="s">
        <v>40</v>
      </c>
      <c r="R15204" s="5" t="s">
        <v>1522</v>
      </c>
      <c r="S15204" s="5" t="s">
        <v>1523</v>
      </c>
      <c r="T15204" s="5" t="s">
        <v>42</v>
      </c>
      <c r="U15204" s="2">
        <v>3.2850000000000001</v>
      </c>
      <c r="V15204" s="2">
        <v>2.6960000000000002</v>
      </c>
      <c r="W15204" s="2">
        <v>1.7999999999999999E-2</v>
      </c>
      <c r="X15204" s="2">
        <v>139.1</v>
      </c>
      <c r="Y15204" s="2">
        <v>7.6</v>
      </c>
      <c r="Z15204" s="2">
        <v>16.7</v>
      </c>
      <c r="AA15204" s="5"/>
      <c r="AB15204" s="5" t="s">
        <v>43</v>
      </c>
      <c r="AC15204" s="5" t="s">
        <v>44</v>
      </c>
      <c r="AD15204" s="2"/>
      <c r="AE15204" s="1"/>
    </row>
    <row r="15205" spans="1:31" ht="14.45">
      <c r="A15205" s="11"/>
      <c r="B15205" s="20"/>
      <c r="C15205" s="2" t="s">
        <v>46568</v>
      </c>
      <c r="D15205" s="14" t="s">
        <v>46569</v>
      </c>
      <c r="E15205" s="2" t="s">
        <v>46570</v>
      </c>
      <c r="F15205" s="2" t="s">
        <v>36289</v>
      </c>
      <c r="G15205" s="8">
        <v>338</v>
      </c>
      <c r="H15205" s="5">
        <v>6</v>
      </c>
      <c r="I15205" s="5" t="s">
        <v>1518</v>
      </c>
      <c r="J15205" s="5" t="s">
        <v>36264</v>
      </c>
      <c r="K15205" s="2" t="s">
        <v>36265</v>
      </c>
      <c r="L15205" s="5" t="s">
        <v>36264</v>
      </c>
      <c r="M15205" s="2" t="s">
        <v>36265</v>
      </c>
      <c r="N15205" s="5" t="s">
        <v>36266</v>
      </c>
      <c r="O15205" s="5" t="s">
        <v>38</v>
      </c>
      <c r="P15205" s="5" t="s">
        <v>39</v>
      </c>
      <c r="Q15205" s="5" t="s">
        <v>40</v>
      </c>
      <c r="R15205" s="5" t="s">
        <v>1522</v>
      </c>
      <c r="S15205" s="5" t="s">
        <v>1523</v>
      </c>
      <c r="T15205" s="5" t="s">
        <v>42</v>
      </c>
      <c r="U15205" s="2">
        <v>3.2850000000000001</v>
      </c>
      <c r="V15205" s="2">
        <v>2.6960000000000002</v>
      </c>
      <c r="W15205" s="2">
        <v>1.7999999999999999E-2</v>
      </c>
      <c r="X15205" s="2">
        <v>139.1</v>
      </c>
      <c r="Y15205" s="2">
        <v>7.6</v>
      </c>
      <c r="Z15205" s="2">
        <v>16.7</v>
      </c>
      <c r="AA15205" s="5"/>
      <c r="AB15205" s="5" t="s">
        <v>43</v>
      </c>
      <c r="AC15205" s="5" t="s">
        <v>44</v>
      </c>
      <c r="AD15205" s="2"/>
      <c r="AE15205" s="1"/>
    </row>
    <row r="15206" spans="1:31" ht="14.45">
      <c r="A15206" s="11"/>
      <c r="B15206" s="20"/>
      <c r="C15206" s="2" t="s">
        <v>46571</v>
      </c>
      <c r="D15206" s="14" t="s">
        <v>46572</v>
      </c>
      <c r="E15206" s="2" t="s">
        <v>46573</v>
      </c>
      <c r="F15206" s="2" t="s">
        <v>36293</v>
      </c>
      <c r="G15206" s="8">
        <v>338</v>
      </c>
      <c r="H15206" s="5">
        <v>6</v>
      </c>
      <c r="I15206" s="5" t="s">
        <v>1518</v>
      </c>
      <c r="J15206" s="5" t="s">
        <v>36264</v>
      </c>
      <c r="K15206" s="2" t="s">
        <v>36265</v>
      </c>
      <c r="L15206" s="5" t="s">
        <v>36264</v>
      </c>
      <c r="M15206" s="2" t="s">
        <v>36265</v>
      </c>
      <c r="N15206" s="5" t="s">
        <v>36266</v>
      </c>
      <c r="O15206" s="5" t="s">
        <v>38</v>
      </c>
      <c r="P15206" s="5" t="s">
        <v>39</v>
      </c>
      <c r="Q15206" s="5" t="s">
        <v>40</v>
      </c>
      <c r="R15206" s="5" t="s">
        <v>1522</v>
      </c>
      <c r="S15206" s="5" t="s">
        <v>1523</v>
      </c>
      <c r="T15206" s="5" t="s">
        <v>42</v>
      </c>
      <c r="U15206" s="2">
        <v>3.3809999999999998</v>
      </c>
      <c r="V15206" s="2">
        <v>2.7919999999999998</v>
      </c>
      <c r="W15206" s="2">
        <v>1.7999999999999999E-2</v>
      </c>
      <c r="X15206" s="2">
        <v>139.1</v>
      </c>
      <c r="Y15206" s="2">
        <v>7.6</v>
      </c>
      <c r="Z15206" s="2">
        <v>16.7</v>
      </c>
      <c r="AA15206" s="5"/>
      <c r="AB15206" s="5" t="s">
        <v>43</v>
      </c>
      <c r="AC15206" s="5" t="s">
        <v>44</v>
      </c>
      <c r="AD15206" s="2"/>
      <c r="AE15206" s="1"/>
    </row>
    <row r="15207" spans="1:31" ht="14.45">
      <c r="A15207" s="11"/>
      <c r="B15207" s="20"/>
      <c r="C15207" s="2" t="s">
        <v>46574</v>
      </c>
      <c r="D15207" s="14" t="s">
        <v>46575</v>
      </c>
      <c r="E15207" s="2" t="s">
        <v>46576</v>
      </c>
      <c r="F15207" s="2" t="s">
        <v>36297</v>
      </c>
      <c r="G15207" s="8">
        <v>311</v>
      </c>
      <c r="H15207" s="5">
        <v>6</v>
      </c>
      <c r="I15207" s="5" t="s">
        <v>1518</v>
      </c>
      <c r="J15207" s="5" t="s">
        <v>36264</v>
      </c>
      <c r="K15207" s="2" t="s">
        <v>36265</v>
      </c>
      <c r="L15207" s="5" t="s">
        <v>36264</v>
      </c>
      <c r="M15207" s="2" t="s">
        <v>36265</v>
      </c>
      <c r="N15207" s="5" t="s">
        <v>36266</v>
      </c>
      <c r="O15207" s="5" t="s">
        <v>38</v>
      </c>
      <c r="P15207" s="5" t="s">
        <v>39</v>
      </c>
      <c r="Q15207" s="5" t="s">
        <v>40</v>
      </c>
      <c r="R15207" s="5" t="s">
        <v>1522</v>
      </c>
      <c r="S15207" s="5" t="s">
        <v>1523</v>
      </c>
      <c r="T15207" s="5" t="s">
        <v>42</v>
      </c>
      <c r="U15207" s="2">
        <v>3.2850000000000001</v>
      </c>
      <c r="V15207" s="2">
        <v>2.6960000000000002</v>
      </c>
      <c r="W15207" s="2">
        <v>1.7999999999999999E-2</v>
      </c>
      <c r="X15207" s="2">
        <v>139.1</v>
      </c>
      <c r="Y15207" s="2">
        <v>7.6</v>
      </c>
      <c r="Z15207" s="2">
        <v>16.7</v>
      </c>
      <c r="AA15207" s="5"/>
      <c r="AB15207" s="5" t="s">
        <v>43</v>
      </c>
      <c r="AC15207" s="5" t="s">
        <v>44</v>
      </c>
      <c r="AD15207" s="2"/>
      <c r="AE15207" s="1"/>
    </row>
    <row r="15208" spans="1:31" ht="14.45">
      <c r="A15208" s="11"/>
      <c r="B15208" s="20"/>
      <c r="C15208" s="2" t="s">
        <v>46577</v>
      </c>
      <c r="D15208" s="14" t="s">
        <v>46578</v>
      </c>
      <c r="E15208" s="2" t="s">
        <v>46579</v>
      </c>
      <c r="F15208" s="2" t="s">
        <v>36301</v>
      </c>
      <c r="G15208" s="8">
        <v>311</v>
      </c>
      <c r="H15208" s="5">
        <v>6</v>
      </c>
      <c r="I15208" s="5" t="s">
        <v>1518</v>
      </c>
      <c r="J15208" s="5" t="s">
        <v>36264</v>
      </c>
      <c r="K15208" s="2" t="s">
        <v>36265</v>
      </c>
      <c r="L15208" s="5" t="s">
        <v>36264</v>
      </c>
      <c r="M15208" s="2" t="s">
        <v>36265</v>
      </c>
      <c r="N15208" s="5" t="s">
        <v>36266</v>
      </c>
      <c r="O15208" s="5" t="s">
        <v>38</v>
      </c>
      <c r="P15208" s="5" t="s">
        <v>39</v>
      </c>
      <c r="Q15208" s="5" t="s">
        <v>40</v>
      </c>
      <c r="R15208" s="5" t="s">
        <v>1522</v>
      </c>
      <c r="S15208" s="5" t="s">
        <v>1523</v>
      </c>
      <c r="T15208" s="5" t="s">
        <v>42</v>
      </c>
      <c r="U15208" s="2">
        <v>3.3809999999999998</v>
      </c>
      <c r="V15208" s="2">
        <v>2.7919999999999998</v>
      </c>
      <c r="W15208" s="2">
        <v>1.7999999999999999E-2</v>
      </c>
      <c r="X15208" s="2">
        <v>139.1</v>
      </c>
      <c r="Y15208" s="2">
        <v>7.6</v>
      </c>
      <c r="Z15208" s="2">
        <v>16.7</v>
      </c>
      <c r="AA15208" s="5"/>
      <c r="AB15208" s="5" t="s">
        <v>43</v>
      </c>
      <c r="AC15208" s="5" t="s">
        <v>44</v>
      </c>
      <c r="AD15208" s="2"/>
      <c r="AE15208" s="1"/>
    </row>
    <row r="15209" spans="1:31" ht="14.45">
      <c r="A15209" s="11"/>
      <c r="B15209" s="20"/>
      <c r="C15209" s="2" t="s">
        <v>46580</v>
      </c>
      <c r="D15209" s="14" t="s">
        <v>46581</v>
      </c>
      <c r="E15209" s="2" t="s">
        <v>46582</v>
      </c>
      <c r="F15209" s="2" t="s">
        <v>36305</v>
      </c>
      <c r="G15209" s="8">
        <v>311</v>
      </c>
      <c r="H15209" s="5">
        <v>6</v>
      </c>
      <c r="I15209" s="5" t="s">
        <v>1518</v>
      </c>
      <c r="J15209" s="5" t="s">
        <v>36264</v>
      </c>
      <c r="K15209" s="2" t="s">
        <v>36265</v>
      </c>
      <c r="L15209" s="5" t="s">
        <v>36264</v>
      </c>
      <c r="M15209" s="2" t="s">
        <v>36265</v>
      </c>
      <c r="N15209" s="5" t="s">
        <v>36266</v>
      </c>
      <c r="O15209" s="5" t="s">
        <v>38</v>
      </c>
      <c r="P15209" s="5" t="s">
        <v>39</v>
      </c>
      <c r="Q15209" s="5" t="s">
        <v>40</v>
      </c>
      <c r="R15209" s="5" t="s">
        <v>1522</v>
      </c>
      <c r="S15209" s="5" t="s">
        <v>1523</v>
      </c>
      <c r="T15209" s="5" t="s">
        <v>42</v>
      </c>
      <c r="U15209" s="2">
        <v>3.2850000000000001</v>
      </c>
      <c r="V15209" s="2">
        <v>2.6960000000000002</v>
      </c>
      <c r="W15209" s="2">
        <v>1.7999999999999999E-2</v>
      </c>
      <c r="X15209" s="2">
        <v>139.1</v>
      </c>
      <c r="Y15209" s="2">
        <v>7.6</v>
      </c>
      <c r="Z15209" s="2">
        <v>16.7</v>
      </c>
      <c r="AA15209" s="5"/>
      <c r="AB15209" s="5" t="s">
        <v>43</v>
      </c>
      <c r="AC15209" s="5" t="s">
        <v>44</v>
      </c>
      <c r="AD15209" s="2"/>
      <c r="AE15209" s="1"/>
    </row>
    <row r="15210" spans="1:31" ht="14.45">
      <c r="A15210" s="11"/>
      <c r="B15210" s="20"/>
      <c r="C15210" s="2" t="s">
        <v>46583</v>
      </c>
      <c r="D15210" s="14" t="s">
        <v>46584</v>
      </c>
      <c r="E15210" s="2" t="s">
        <v>46585</v>
      </c>
      <c r="F15210" s="2" t="s">
        <v>36309</v>
      </c>
      <c r="G15210" s="8">
        <v>311</v>
      </c>
      <c r="H15210" s="5">
        <v>6</v>
      </c>
      <c r="I15210" s="5" t="s">
        <v>1518</v>
      </c>
      <c r="J15210" s="5" t="s">
        <v>36264</v>
      </c>
      <c r="K15210" s="2" t="s">
        <v>36265</v>
      </c>
      <c r="L15210" s="5" t="s">
        <v>36264</v>
      </c>
      <c r="M15210" s="2" t="s">
        <v>36265</v>
      </c>
      <c r="N15210" s="5" t="s">
        <v>36266</v>
      </c>
      <c r="O15210" s="5" t="s">
        <v>38</v>
      </c>
      <c r="P15210" s="5" t="s">
        <v>39</v>
      </c>
      <c r="Q15210" s="5" t="s">
        <v>40</v>
      </c>
      <c r="R15210" s="5" t="s">
        <v>1522</v>
      </c>
      <c r="S15210" s="5" t="s">
        <v>1523</v>
      </c>
      <c r="T15210" s="5" t="s">
        <v>42</v>
      </c>
      <c r="U15210" s="2">
        <v>3.3809999999999998</v>
      </c>
      <c r="V15210" s="2">
        <v>2.7919999999999998</v>
      </c>
      <c r="W15210" s="2">
        <v>1.7999999999999999E-2</v>
      </c>
      <c r="X15210" s="2">
        <v>139.1</v>
      </c>
      <c r="Y15210" s="2">
        <v>7.6</v>
      </c>
      <c r="Z15210" s="2">
        <v>16.7</v>
      </c>
      <c r="AA15210" s="5"/>
      <c r="AB15210" s="5" t="s">
        <v>43</v>
      </c>
      <c r="AC15210" s="5" t="s">
        <v>44</v>
      </c>
      <c r="AD15210" s="2"/>
      <c r="AE15210" s="1"/>
    </row>
    <row r="15211" spans="1:31" ht="14.45">
      <c r="A15211" s="11"/>
      <c r="B15211" s="20"/>
      <c r="C15211" s="2" t="s">
        <v>46586</v>
      </c>
      <c r="D15211" s="14" t="s">
        <v>46587</v>
      </c>
      <c r="E15211" s="2" t="s">
        <v>46588</v>
      </c>
      <c r="F15211" s="2" t="s">
        <v>36317</v>
      </c>
      <c r="G15211" s="8">
        <v>338</v>
      </c>
      <c r="H15211" s="5">
        <v>6</v>
      </c>
      <c r="I15211" s="5" t="s">
        <v>1518</v>
      </c>
      <c r="J15211" s="5" t="s">
        <v>36264</v>
      </c>
      <c r="K15211" s="2" t="s">
        <v>36265</v>
      </c>
      <c r="L15211" s="5" t="s">
        <v>36264</v>
      </c>
      <c r="M15211" s="2" t="s">
        <v>36265</v>
      </c>
      <c r="N15211" s="5" t="s">
        <v>36266</v>
      </c>
      <c r="O15211" s="5" t="s">
        <v>38</v>
      </c>
      <c r="P15211" s="5" t="s">
        <v>39</v>
      </c>
      <c r="Q15211" s="5" t="s">
        <v>40</v>
      </c>
      <c r="R15211" s="5" t="s">
        <v>1522</v>
      </c>
      <c r="S15211" s="5" t="s">
        <v>1523</v>
      </c>
      <c r="T15211" s="5" t="s">
        <v>42</v>
      </c>
      <c r="U15211" s="2">
        <v>3.3809999999999998</v>
      </c>
      <c r="V15211" s="2">
        <v>2.7919999999999998</v>
      </c>
      <c r="W15211" s="2">
        <v>1.7999999999999999E-2</v>
      </c>
      <c r="X15211" s="2">
        <v>139.1</v>
      </c>
      <c r="Y15211" s="2">
        <v>7.6</v>
      </c>
      <c r="Z15211" s="2">
        <v>16.7</v>
      </c>
      <c r="AA15211" s="5"/>
      <c r="AB15211" s="5" t="s">
        <v>43</v>
      </c>
      <c r="AC15211" s="5" t="s">
        <v>44</v>
      </c>
      <c r="AD15211" s="2"/>
      <c r="AE15211" s="1"/>
    </row>
    <row r="15212" spans="1:31" ht="14.45">
      <c r="A15212" s="11"/>
      <c r="B15212" s="20"/>
      <c r="C15212" s="2" t="s">
        <v>46589</v>
      </c>
      <c r="D15212" s="14" t="s">
        <v>46590</v>
      </c>
      <c r="E15212" s="2" t="s">
        <v>46591</v>
      </c>
      <c r="F15212" s="2" t="s">
        <v>36333</v>
      </c>
      <c r="G15212" s="8">
        <v>338</v>
      </c>
      <c r="H15212" s="5">
        <v>6</v>
      </c>
      <c r="I15212" s="5" t="s">
        <v>1518</v>
      </c>
      <c r="J15212" s="5" t="s">
        <v>36264</v>
      </c>
      <c r="K15212" s="2" t="s">
        <v>36265</v>
      </c>
      <c r="L15212" s="5" t="s">
        <v>36264</v>
      </c>
      <c r="M15212" s="2" t="s">
        <v>36265</v>
      </c>
      <c r="N15212" s="5" t="s">
        <v>36266</v>
      </c>
      <c r="O15212" s="5" t="s">
        <v>38</v>
      </c>
      <c r="P15212" s="5" t="s">
        <v>39</v>
      </c>
      <c r="Q15212" s="5" t="s">
        <v>40</v>
      </c>
      <c r="R15212" s="5" t="s">
        <v>1522</v>
      </c>
      <c r="S15212" s="5" t="s">
        <v>1523</v>
      </c>
      <c r="T15212" s="5" t="s">
        <v>42</v>
      </c>
      <c r="U15212" s="2">
        <v>3.3809999999999998</v>
      </c>
      <c r="V15212" s="2">
        <v>2.7919999999999998</v>
      </c>
      <c r="W15212" s="2">
        <v>1.7999999999999999E-2</v>
      </c>
      <c r="X15212" s="2">
        <v>139.1</v>
      </c>
      <c r="Y15212" s="2">
        <v>7.6</v>
      </c>
      <c r="Z15212" s="2">
        <v>16.7</v>
      </c>
      <c r="AA15212" s="5"/>
      <c r="AB15212" s="5" t="s">
        <v>43</v>
      </c>
      <c r="AC15212" s="5" t="s">
        <v>44</v>
      </c>
      <c r="AD15212" s="2"/>
      <c r="AE15212" s="1"/>
    </row>
    <row r="15213" spans="1:31" ht="14.45">
      <c r="A15213" s="11"/>
      <c r="B15213" s="20"/>
      <c r="C15213" s="2" t="s">
        <v>46592</v>
      </c>
      <c r="D15213" s="14" t="s">
        <v>46593</v>
      </c>
      <c r="E15213" s="2" t="s">
        <v>46594</v>
      </c>
      <c r="F15213" s="2" t="s">
        <v>36337</v>
      </c>
      <c r="G15213" s="8">
        <v>338</v>
      </c>
      <c r="H15213" s="5">
        <v>6</v>
      </c>
      <c r="I15213" s="5" t="s">
        <v>1518</v>
      </c>
      <c r="J15213" s="5" t="s">
        <v>36264</v>
      </c>
      <c r="K15213" s="2" t="s">
        <v>36265</v>
      </c>
      <c r="L15213" s="5" t="s">
        <v>36264</v>
      </c>
      <c r="M15213" s="2" t="s">
        <v>36265</v>
      </c>
      <c r="N15213" s="5" t="s">
        <v>36266</v>
      </c>
      <c r="O15213" s="5" t="s">
        <v>38</v>
      </c>
      <c r="P15213" s="5" t="s">
        <v>39</v>
      </c>
      <c r="Q15213" s="5" t="s">
        <v>40</v>
      </c>
      <c r="R15213" s="5" t="s">
        <v>1522</v>
      </c>
      <c r="S15213" s="5" t="s">
        <v>1523</v>
      </c>
      <c r="T15213" s="5" t="s">
        <v>42</v>
      </c>
      <c r="U15213" s="2">
        <v>3.2850000000000001</v>
      </c>
      <c r="V15213" s="2">
        <v>2.6960000000000002</v>
      </c>
      <c r="W15213" s="2">
        <v>1.7999999999999999E-2</v>
      </c>
      <c r="X15213" s="2">
        <v>139.1</v>
      </c>
      <c r="Y15213" s="2">
        <v>7.6</v>
      </c>
      <c r="Z15213" s="2">
        <v>16.7</v>
      </c>
      <c r="AA15213" s="5"/>
      <c r="AB15213" s="5" t="s">
        <v>43</v>
      </c>
      <c r="AC15213" s="5" t="s">
        <v>44</v>
      </c>
      <c r="AD15213" s="2"/>
      <c r="AE15213" s="1"/>
    </row>
    <row r="15214" spans="1:31" ht="14.45">
      <c r="A15214" s="11"/>
      <c r="B15214" s="20"/>
      <c r="C15214" s="2" t="s">
        <v>46595</v>
      </c>
      <c r="D15214" s="14" t="s">
        <v>46596</v>
      </c>
      <c r="E15214" s="2" t="s">
        <v>46597</v>
      </c>
      <c r="F15214" s="2" t="s">
        <v>36345</v>
      </c>
      <c r="G15214" s="8">
        <v>338</v>
      </c>
      <c r="H15214" s="5">
        <v>6</v>
      </c>
      <c r="I15214" s="5" t="s">
        <v>1518</v>
      </c>
      <c r="J15214" s="5" t="s">
        <v>36264</v>
      </c>
      <c r="K15214" s="2" t="s">
        <v>36265</v>
      </c>
      <c r="L15214" s="5" t="s">
        <v>36264</v>
      </c>
      <c r="M15214" s="2" t="s">
        <v>36265</v>
      </c>
      <c r="N15214" s="5" t="s">
        <v>36266</v>
      </c>
      <c r="O15214" s="5" t="s">
        <v>38</v>
      </c>
      <c r="P15214" s="5" t="s">
        <v>39</v>
      </c>
      <c r="Q15214" s="5" t="s">
        <v>40</v>
      </c>
      <c r="R15214" s="5" t="s">
        <v>1522</v>
      </c>
      <c r="S15214" s="5" t="s">
        <v>1523</v>
      </c>
      <c r="T15214" s="5" t="s">
        <v>42</v>
      </c>
      <c r="U15214" s="2">
        <v>3.2850000000000001</v>
      </c>
      <c r="V15214" s="2">
        <v>2.6960000000000002</v>
      </c>
      <c r="W15214" s="2">
        <v>1.7999999999999999E-2</v>
      </c>
      <c r="X15214" s="2">
        <v>139.1</v>
      </c>
      <c r="Y15214" s="2">
        <v>7.6</v>
      </c>
      <c r="Z15214" s="2">
        <v>16.7</v>
      </c>
      <c r="AA15214" s="5"/>
      <c r="AB15214" s="5" t="s">
        <v>43</v>
      </c>
      <c r="AC15214" s="5" t="s">
        <v>44</v>
      </c>
      <c r="AD15214" s="2"/>
      <c r="AE15214" s="1"/>
    </row>
    <row r="15215" spans="1:31" ht="14.45">
      <c r="A15215" s="11"/>
      <c r="B15215" s="20"/>
      <c r="C15215" s="2" t="s">
        <v>46598</v>
      </c>
      <c r="D15215" s="14" t="s">
        <v>46599</v>
      </c>
      <c r="E15215" s="2" t="s">
        <v>46600</v>
      </c>
      <c r="F15215" s="2" t="s">
        <v>45598</v>
      </c>
      <c r="G15215" s="8">
        <v>338</v>
      </c>
      <c r="H15215" s="5">
        <v>6</v>
      </c>
      <c r="I15215" s="5" t="s">
        <v>1518</v>
      </c>
      <c r="J15215" s="5" t="s">
        <v>36264</v>
      </c>
      <c r="K15215" s="2" t="s">
        <v>36265</v>
      </c>
      <c r="L15215" s="5" t="s">
        <v>36264</v>
      </c>
      <c r="M15215" s="2" t="s">
        <v>36265</v>
      </c>
      <c r="N15215" s="5" t="s">
        <v>36266</v>
      </c>
      <c r="O15215" s="5" t="s">
        <v>38</v>
      </c>
      <c r="P15215" s="5" t="s">
        <v>39</v>
      </c>
      <c r="Q15215" s="5" t="s">
        <v>40</v>
      </c>
      <c r="R15215" s="5" t="s">
        <v>1522</v>
      </c>
      <c r="S15215" s="5" t="s">
        <v>1523</v>
      </c>
      <c r="T15215" s="5" t="s">
        <v>42</v>
      </c>
      <c r="U15215" s="2">
        <v>3.2850000000000001</v>
      </c>
      <c r="V15215" s="2">
        <v>2.6960000000000002</v>
      </c>
      <c r="W15215" s="2">
        <v>1.7999999999999999E-2</v>
      </c>
      <c r="X15215" s="2">
        <v>139.1</v>
      </c>
      <c r="Y15215" s="2">
        <v>7.6</v>
      </c>
      <c r="Z15215" s="2">
        <v>16.7</v>
      </c>
      <c r="AA15215" s="5"/>
      <c r="AB15215" s="5" t="s">
        <v>43</v>
      </c>
      <c r="AC15215" s="5" t="s">
        <v>44</v>
      </c>
      <c r="AD15215" s="2"/>
      <c r="AE15215" s="1"/>
    </row>
    <row r="15216" spans="1:31" ht="14.45">
      <c r="A15216" s="11"/>
      <c r="B15216" s="20"/>
      <c r="C15216" s="2" t="s">
        <v>46601</v>
      </c>
      <c r="D15216" s="14" t="s">
        <v>46602</v>
      </c>
      <c r="E15216" s="2" t="s">
        <v>46603</v>
      </c>
      <c r="F15216" s="2" t="s">
        <v>36373</v>
      </c>
      <c r="G15216" s="8">
        <v>338</v>
      </c>
      <c r="H15216" s="5">
        <v>6</v>
      </c>
      <c r="I15216" s="5" t="s">
        <v>1518</v>
      </c>
      <c r="J15216" s="5" t="s">
        <v>36264</v>
      </c>
      <c r="K15216" s="2" t="s">
        <v>36265</v>
      </c>
      <c r="L15216" s="5" t="s">
        <v>36264</v>
      </c>
      <c r="M15216" s="2" t="s">
        <v>36265</v>
      </c>
      <c r="N15216" s="5" t="s">
        <v>36266</v>
      </c>
      <c r="O15216" s="5" t="s">
        <v>38</v>
      </c>
      <c r="P15216" s="5" t="s">
        <v>39</v>
      </c>
      <c r="Q15216" s="5" t="s">
        <v>40</v>
      </c>
      <c r="R15216" s="5" t="s">
        <v>1522</v>
      </c>
      <c r="S15216" s="5" t="s">
        <v>1523</v>
      </c>
      <c r="T15216" s="5" t="s">
        <v>42</v>
      </c>
      <c r="U15216" s="2">
        <v>3.3809999999999998</v>
      </c>
      <c r="V15216" s="2">
        <v>2.7919999999999998</v>
      </c>
      <c r="W15216" s="2">
        <v>1.7999999999999999E-2</v>
      </c>
      <c r="X15216" s="2">
        <v>139.1</v>
      </c>
      <c r="Y15216" s="2">
        <v>7.6</v>
      </c>
      <c r="Z15216" s="2">
        <v>16.7</v>
      </c>
      <c r="AA15216" s="5"/>
      <c r="AB15216" s="5" t="s">
        <v>43</v>
      </c>
      <c r="AC15216" s="5" t="s">
        <v>44</v>
      </c>
      <c r="AD15216" s="2"/>
      <c r="AE15216" s="1"/>
    </row>
    <row r="15217" spans="1:31" ht="14.45">
      <c r="A15217" s="11"/>
      <c r="B15217" s="20"/>
      <c r="C15217" s="2" t="s">
        <v>46604</v>
      </c>
      <c r="D15217" s="14" t="s">
        <v>46605</v>
      </c>
      <c r="E15217" s="2" t="s">
        <v>46606</v>
      </c>
      <c r="F15217" s="2" t="s">
        <v>36377</v>
      </c>
      <c r="G15217" s="8">
        <v>338</v>
      </c>
      <c r="H15217" s="5">
        <v>6</v>
      </c>
      <c r="I15217" s="5" t="s">
        <v>1518</v>
      </c>
      <c r="J15217" s="5" t="s">
        <v>36264</v>
      </c>
      <c r="K15217" s="2" t="s">
        <v>36265</v>
      </c>
      <c r="L15217" s="5" t="s">
        <v>36264</v>
      </c>
      <c r="M15217" s="2" t="s">
        <v>36265</v>
      </c>
      <c r="N15217" s="5" t="s">
        <v>36266</v>
      </c>
      <c r="O15217" s="5" t="s">
        <v>38</v>
      </c>
      <c r="P15217" s="5" t="s">
        <v>39</v>
      </c>
      <c r="Q15217" s="5" t="s">
        <v>40</v>
      </c>
      <c r="R15217" s="5" t="s">
        <v>1522</v>
      </c>
      <c r="S15217" s="5" t="s">
        <v>1523</v>
      </c>
      <c r="T15217" s="5" t="s">
        <v>42</v>
      </c>
      <c r="U15217" s="2">
        <v>3.2850000000000001</v>
      </c>
      <c r="V15217" s="2">
        <v>2.6960000000000002</v>
      </c>
      <c r="W15217" s="2">
        <v>1.7999999999999999E-2</v>
      </c>
      <c r="X15217" s="2">
        <v>139.1</v>
      </c>
      <c r="Y15217" s="2">
        <v>7.6</v>
      </c>
      <c r="Z15217" s="2">
        <v>16.7</v>
      </c>
      <c r="AA15217" s="5"/>
      <c r="AB15217" s="5" t="s">
        <v>43</v>
      </c>
      <c r="AC15217" s="5" t="s">
        <v>44</v>
      </c>
      <c r="AD15217" s="2"/>
      <c r="AE15217" s="1"/>
    </row>
    <row r="15218" spans="1:31" ht="14.45">
      <c r="A15218" s="11"/>
      <c r="B15218" s="20"/>
      <c r="C15218" s="2" t="s">
        <v>46607</v>
      </c>
      <c r="D15218" s="14" t="s">
        <v>46608</v>
      </c>
      <c r="E15218" s="2" t="s">
        <v>46609</v>
      </c>
      <c r="F15218" s="2" t="s">
        <v>7514</v>
      </c>
      <c r="G15218" s="8">
        <v>322</v>
      </c>
      <c r="H15218" s="5">
        <v>6</v>
      </c>
      <c r="I15218" s="5" t="s">
        <v>1518</v>
      </c>
      <c r="J15218" s="5" t="s">
        <v>36264</v>
      </c>
      <c r="K15218" s="2" t="s">
        <v>36265</v>
      </c>
      <c r="L15218" s="5" t="s">
        <v>36264</v>
      </c>
      <c r="M15218" s="2" t="s">
        <v>36265</v>
      </c>
      <c r="N15218" s="5" t="s">
        <v>36266</v>
      </c>
      <c r="O15218" s="5" t="s">
        <v>38</v>
      </c>
      <c r="P15218" s="5" t="s">
        <v>39</v>
      </c>
      <c r="Q15218" s="5" t="s">
        <v>40</v>
      </c>
      <c r="R15218" s="5" t="s">
        <v>1522</v>
      </c>
      <c r="S15218" s="5" t="s">
        <v>1523</v>
      </c>
      <c r="T15218" s="5" t="s">
        <v>42</v>
      </c>
      <c r="U15218" s="2">
        <v>3.573</v>
      </c>
      <c r="V15218" s="2">
        <v>2.9950000000000001</v>
      </c>
      <c r="W15218" s="2">
        <v>1.7999999999999999E-2</v>
      </c>
      <c r="X15218" s="2">
        <v>139.1</v>
      </c>
      <c r="Y15218" s="2">
        <v>7.6</v>
      </c>
      <c r="Z15218" s="2">
        <v>16.7</v>
      </c>
      <c r="AA15218" s="5"/>
      <c r="AB15218" s="5" t="s">
        <v>43</v>
      </c>
      <c r="AC15218" s="5" t="s">
        <v>44</v>
      </c>
      <c r="AD15218" s="2"/>
      <c r="AE15218" s="1"/>
    </row>
    <row r="15219" spans="1:31" ht="14.45">
      <c r="A15219" s="11"/>
      <c r="B15219" s="20"/>
      <c r="C15219" s="2" t="s">
        <v>46610</v>
      </c>
      <c r="D15219" s="14" t="s">
        <v>46611</v>
      </c>
      <c r="E15219" s="2" t="s">
        <v>46612</v>
      </c>
      <c r="F15219" s="2" t="s">
        <v>36273</v>
      </c>
      <c r="G15219" s="8">
        <v>322</v>
      </c>
      <c r="H15219" s="5">
        <v>6</v>
      </c>
      <c r="I15219" s="5" t="s">
        <v>1518</v>
      </c>
      <c r="J15219" s="5" t="s">
        <v>36264</v>
      </c>
      <c r="K15219" s="2" t="s">
        <v>36265</v>
      </c>
      <c r="L15219" s="5" t="s">
        <v>36264</v>
      </c>
      <c r="M15219" s="2" t="s">
        <v>36265</v>
      </c>
      <c r="N15219" s="5" t="s">
        <v>36266</v>
      </c>
      <c r="O15219" s="5" t="s">
        <v>38</v>
      </c>
      <c r="P15219" s="5" t="s">
        <v>39</v>
      </c>
      <c r="Q15219" s="5" t="s">
        <v>40</v>
      </c>
      <c r="R15219" s="5" t="s">
        <v>1522</v>
      </c>
      <c r="S15219" s="5" t="s">
        <v>1523</v>
      </c>
      <c r="T15219" s="5" t="s">
        <v>42</v>
      </c>
      <c r="U15219" s="2">
        <v>3.4630000000000001</v>
      </c>
      <c r="V15219" s="2">
        <v>2.8849999999999998</v>
      </c>
      <c r="W15219" s="2">
        <v>1.7999999999999999E-2</v>
      </c>
      <c r="X15219" s="2">
        <v>139.1</v>
      </c>
      <c r="Y15219" s="2">
        <v>7.6</v>
      </c>
      <c r="Z15219" s="2">
        <v>16.7</v>
      </c>
      <c r="AA15219" s="5"/>
      <c r="AB15219" s="5" t="s">
        <v>43</v>
      </c>
      <c r="AC15219" s="5" t="s">
        <v>44</v>
      </c>
      <c r="AD15219" s="2"/>
      <c r="AE15219" s="1"/>
    </row>
    <row r="15220" spans="1:31" ht="14.45">
      <c r="A15220" s="11"/>
      <c r="B15220" s="20"/>
      <c r="C15220" s="2" t="s">
        <v>46613</v>
      </c>
      <c r="D15220" s="14" t="s">
        <v>46614</v>
      </c>
      <c r="E15220" s="2" t="s">
        <v>46615</v>
      </c>
      <c r="F15220" s="2" t="s">
        <v>36281</v>
      </c>
      <c r="G15220" s="8">
        <v>350</v>
      </c>
      <c r="H15220" s="5">
        <v>6</v>
      </c>
      <c r="I15220" s="5" t="s">
        <v>1518</v>
      </c>
      <c r="J15220" s="5" t="s">
        <v>36264</v>
      </c>
      <c r="K15220" s="2" t="s">
        <v>36265</v>
      </c>
      <c r="L15220" s="5" t="s">
        <v>36264</v>
      </c>
      <c r="M15220" s="2" t="s">
        <v>36265</v>
      </c>
      <c r="N15220" s="5" t="s">
        <v>36266</v>
      </c>
      <c r="O15220" s="5" t="s">
        <v>38</v>
      </c>
      <c r="P15220" s="5" t="s">
        <v>39</v>
      </c>
      <c r="Q15220" s="5" t="s">
        <v>40</v>
      </c>
      <c r="R15220" s="5" t="s">
        <v>1522</v>
      </c>
      <c r="S15220" s="5" t="s">
        <v>1523</v>
      </c>
      <c r="T15220" s="5" t="s">
        <v>42</v>
      </c>
      <c r="U15220" s="2">
        <v>3.4630000000000001</v>
      </c>
      <c r="V15220" s="2">
        <v>2.8849999999999998</v>
      </c>
      <c r="W15220" s="2">
        <v>1.7999999999999999E-2</v>
      </c>
      <c r="X15220" s="2">
        <v>139.1</v>
      </c>
      <c r="Y15220" s="2">
        <v>7.6</v>
      </c>
      <c r="Z15220" s="2">
        <v>16.7</v>
      </c>
      <c r="AA15220" s="5"/>
      <c r="AB15220" s="5" t="s">
        <v>43</v>
      </c>
      <c r="AC15220" s="5" t="s">
        <v>44</v>
      </c>
      <c r="AD15220" s="2"/>
      <c r="AE15220" s="1"/>
    </row>
    <row r="15221" spans="1:31" ht="14.45">
      <c r="A15221" s="11"/>
      <c r="B15221" s="20"/>
      <c r="C15221" s="2" t="s">
        <v>46616</v>
      </c>
      <c r="D15221" s="14" t="s">
        <v>46617</v>
      </c>
      <c r="E15221" s="2" t="s">
        <v>46618</v>
      </c>
      <c r="F15221" s="2" t="s">
        <v>36301</v>
      </c>
      <c r="G15221" s="8">
        <v>322</v>
      </c>
      <c r="H15221" s="5">
        <v>6</v>
      </c>
      <c r="I15221" s="5" t="s">
        <v>1518</v>
      </c>
      <c r="J15221" s="5" t="s">
        <v>36264</v>
      </c>
      <c r="K15221" s="2" t="s">
        <v>36265</v>
      </c>
      <c r="L15221" s="5" t="s">
        <v>36264</v>
      </c>
      <c r="M15221" s="2" t="s">
        <v>36265</v>
      </c>
      <c r="N15221" s="5" t="s">
        <v>36266</v>
      </c>
      <c r="O15221" s="5" t="s">
        <v>38</v>
      </c>
      <c r="P15221" s="5" t="s">
        <v>39</v>
      </c>
      <c r="Q15221" s="5" t="s">
        <v>40</v>
      </c>
      <c r="R15221" s="5" t="s">
        <v>1522</v>
      </c>
      <c r="S15221" s="5" t="s">
        <v>1523</v>
      </c>
      <c r="T15221" s="5" t="s">
        <v>42</v>
      </c>
      <c r="U15221" s="2">
        <v>3.573</v>
      </c>
      <c r="V15221" s="2">
        <v>2.9950000000000001</v>
      </c>
      <c r="W15221" s="2">
        <v>1.7999999999999999E-2</v>
      </c>
      <c r="X15221" s="2">
        <v>139.1</v>
      </c>
      <c r="Y15221" s="2">
        <v>7.6</v>
      </c>
      <c r="Z15221" s="2">
        <v>16.7</v>
      </c>
      <c r="AA15221" s="5"/>
      <c r="AB15221" s="5" t="s">
        <v>43</v>
      </c>
      <c r="AC15221" s="5" t="s">
        <v>44</v>
      </c>
      <c r="AD15221" s="2"/>
      <c r="AE15221" s="1"/>
    </row>
    <row r="15222" spans="1:31" ht="14.45">
      <c r="A15222" s="11"/>
      <c r="B15222" s="20"/>
      <c r="C15222" s="2" t="s">
        <v>46619</v>
      </c>
      <c r="D15222" s="14" t="s">
        <v>46620</v>
      </c>
      <c r="E15222" s="2" t="s">
        <v>46621</v>
      </c>
      <c r="F15222" s="2" t="s">
        <v>36309</v>
      </c>
      <c r="G15222" s="8">
        <v>322</v>
      </c>
      <c r="H15222" s="5">
        <v>6</v>
      </c>
      <c r="I15222" s="5" t="s">
        <v>1518</v>
      </c>
      <c r="J15222" s="5" t="s">
        <v>36264</v>
      </c>
      <c r="K15222" s="2" t="s">
        <v>36265</v>
      </c>
      <c r="L15222" s="5" t="s">
        <v>36264</v>
      </c>
      <c r="M15222" s="2" t="s">
        <v>36265</v>
      </c>
      <c r="N15222" s="5" t="s">
        <v>36266</v>
      </c>
      <c r="O15222" s="5" t="s">
        <v>38</v>
      </c>
      <c r="P15222" s="5" t="s">
        <v>39</v>
      </c>
      <c r="Q15222" s="5" t="s">
        <v>40</v>
      </c>
      <c r="R15222" s="5" t="s">
        <v>1522</v>
      </c>
      <c r="S15222" s="5" t="s">
        <v>1523</v>
      </c>
      <c r="T15222" s="5" t="s">
        <v>42</v>
      </c>
      <c r="U15222" s="2">
        <v>3.573</v>
      </c>
      <c r="V15222" s="2">
        <v>2.9950000000000001</v>
      </c>
      <c r="W15222" s="2">
        <v>1.7999999999999999E-2</v>
      </c>
      <c r="X15222" s="2">
        <v>139.1</v>
      </c>
      <c r="Y15222" s="2">
        <v>7.6</v>
      </c>
      <c r="Z15222" s="2">
        <v>16.7</v>
      </c>
      <c r="AA15222" s="5"/>
      <c r="AB15222" s="5" t="s">
        <v>43</v>
      </c>
      <c r="AC15222" s="5" t="s">
        <v>44</v>
      </c>
      <c r="AD15222" s="2"/>
      <c r="AE15222" s="1"/>
    </row>
    <row r="15223" spans="1:31" ht="14.45">
      <c r="A15223" s="11"/>
      <c r="B15223" s="20"/>
      <c r="C15223" s="2" t="s">
        <v>46622</v>
      </c>
      <c r="D15223" s="14" t="s">
        <v>46623</v>
      </c>
      <c r="E15223" s="2" t="s">
        <v>46624</v>
      </c>
      <c r="F15223" s="2" t="s">
        <v>36377</v>
      </c>
      <c r="G15223" s="8">
        <v>350</v>
      </c>
      <c r="H15223" s="5">
        <v>6</v>
      </c>
      <c r="I15223" s="5" t="s">
        <v>1518</v>
      </c>
      <c r="J15223" s="5" t="s">
        <v>36264</v>
      </c>
      <c r="K15223" s="2" t="s">
        <v>36265</v>
      </c>
      <c r="L15223" s="5" t="s">
        <v>36264</v>
      </c>
      <c r="M15223" s="2" t="s">
        <v>36265</v>
      </c>
      <c r="N15223" s="5" t="s">
        <v>36266</v>
      </c>
      <c r="O15223" s="5" t="s">
        <v>38</v>
      </c>
      <c r="P15223" s="5" t="s">
        <v>39</v>
      </c>
      <c r="Q15223" s="5" t="s">
        <v>40</v>
      </c>
      <c r="R15223" s="5" t="s">
        <v>1522</v>
      </c>
      <c r="S15223" s="5" t="s">
        <v>1523</v>
      </c>
      <c r="T15223" s="5" t="s">
        <v>42</v>
      </c>
      <c r="U15223" s="2">
        <v>3.4630000000000001</v>
      </c>
      <c r="V15223" s="2">
        <v>2.8849999999999998</v>
      </c>
      <c r="W15223" s="2">
        <v>1.7999999999999999E-2</v>
      </c>
      <c r="X15223" s="2">
        <v>139.1</v>
      </c>
      <c r="Y15223" s="2">
        <v>7.6</v>
      </c>
      <c r="Z15223" s="2">
        <v>16.7</v>
      </c>
      <c r="AA15223" s="5"/>
      <c r="AB15223" s="5" t="s">
        <v>43</v>
      </c>
      <c r="AC15223" s="5" t="s">
        <v>44</v>
      </c>
      <c r="AD15223" s="2"/>
      <c r="AE15223" s="1"/>
    </row>
    <row r="15224" spans="1:31" ht="14.45">
      <c r="A15224" s="11"/>
      <c r="B15224" s="20"/>
      <c r="C15224" s="2" t="s">
        <v>46625</v>
      </c>
      <c r="D15224" s="14" t="s">
        <v>46626</v>
      </c>
      <c r="E15224" s="2" t="s">
        <v>46627</v>
      </c>
      <c r="F15224" s="2" t="s">
        <v>36381</v>
      </c>
      <c r="G15224" s="8">
        <v>350</v>
      </c>
      <c r="H15224" s="5">
        <v>6</v>
      </c>
      <c r="I15224" s="5" t="s">
        <v>1518</v>
      </c>
      <c r="J15224" s="5" t="s">
        <v>36264</v>
      </c>
      <c r="K15224" s="2" t="s">
        <v>36265</v>
      </c>
      <c r="L15224" s="5" t="s">
        <v>36264</v>
      </c>
      <c r="M15224" s="2" t="s">
        <v>36265</v>
      </c>
      <c r="N15224" s="5" t="s">
        <v>36266</v>
      </c>
      <c r="O15224" s="5" t="s">
        <v>38</v>
      </c>
      <c r="P15224" s="5" t="s">
        <v>39</v>
      </c>
      <c r="Q15224" s="5" t="s">
        <v>40</v>
      </c>
      <c r="R15224" s="5" t="s">
        <v>1522</v>
      </c>
      <c r="S15224" s="5" t="s">
        <v>1523</v>
      </c>
      <c r="T15224" s="5" t="s">
        <v>42</v>
      </c>
      <c r="U15224" s="2">
        <v>3.573</v>
      </c>
      <c r="V15224" s="2">
        <v>2.9950000000000001</v>
      </c>
      <c r="W15224" s="2">
        <v>1.7999999999999999E-2</v>
      </c>
      <c r="X15224" s="2">
        <v>139.1</v>
      </c>
      <c r="Y15224" s="2">
        <v>7.6</v>
      </c>
      <c r="Z15224" s="2">
        <v>16.7</v>
      </c>
      <c r="AA15224" s="5"/>
      <c r="AB15224" s="5" t="s">
        <v>43</v>
      </c>
      <c r="AC15224" s="5" t="s">
        <v>44</v>
      </c>
      <c r="AD15224" s="2"/>
      <c r="AE15224" s="1"/>
    </row>
    <row r="15225" spans="1:31" ht="14.45">
      <c r="A15225" s="11"/>
      <c r="B15225" s="20"/>
      <c r="C15225" s="2" t="s">
        <v>46628</v>
      </c>
      <c r="D15225" s="14" t="s">
        <v>46629</v>
      </c>
      <c r="E15225" s="2" t="s">
        <v>46630</v>
      </c>
      <c r="F15225" s="2" t="s">
        <v>7204</v>
      </c>
      <c r="G15225" s="8">
        <v>311</v>
      </c>
      <c r="H15225" s="5">
        <v>6</v>
      </c>
      <c r="I15225" s="5" t="s">
        <v>1518</v>
      </c>
      <c r="J15225" s="5" t="s">
        <v>36264</v>
      </c>
      <c r="K15225" s="2" t="s">
        <v>36265</v>
      </c>
      <c r="L15225" s="5" t="s">
        <v>36264</v>
      </c>
      <c r="M15225" s="2" t="s">
        <v>36265</v>
      </c>
      <c r="N15225" s="5" t="s">
        <v>36266</v>
      </c>
      <c r="O15225" s="5" t="s">
        <v>38</v>
      </c>
      <c r="P15225" s="5" t="s">
        <v>39</v>
      </c>
      <c r="Q15225" s="5" t="s">
        <v>40</v>
      </c>
      <c r="R15225" s="5" t="s">
        <v>1522</v>
      </c>
      <c r="S15225" s="5" t="s">
        <v>1523</v>
      </c>
      <c r="T15225" s="5" t="s">
        <v>42</v>
      </c>
      <c r="U15225" s="2">
        <v>3.319</v>
      </c>
      <c r="V15225" s="2">
        <v>2.7320000000000002</v>
      </c>
      <c r="W15225" s="2">
        <v>1.7999999999999999E-2</v>
      </c>
      <c r="X15225" s="2">
        <v>139.1</v>
      </c>
      <c r="Y15225" s="2">
        <v>7.6</v>
      </c>
      <c r="Z15225" s="2">
        <v>16.7</v>
      </c>
      <c r="AA15225" s="5"/>
      <c r="AB15225" s="5" t="s">
        <v>43</v>
      </c>
      <c r="AC15225" s="5" t="s">
        <v>44</v>
      </c>
      <c r="AD15225" s="2"/>
      <c r="AE15225" s="1"/>
    </row>
    <row r="15226" spans="1:31" ht="14.45">
      <c r="A15226" s="11"/>
      <c r="B15226" s="20"/>
      <c r="C15226" s="2" t="s">
        <v>46631</v>
      </c>
      <c r="D15226" s="14" t="s">
        <v>46632</v>
      </c>
      <c r="E15226" s="2" t="s">
        <v>46633</v>
      </c>
      <c r="F15226" s="2" t="s">
        <v>7514</v>
      </c>
      <c r="G15226" s="8">
        <v>311</v>
      </c>
      <c r="H15226" s="5">
        <v>6</v>
      </c>
      <c r="I15226" s="5" t="s">
        <v>1518</v>
      </c>
      <c r="J15226" s="5" t="s">
        <v>36264</v>
      </c>
      <c r="K15226" s="2" t="s">
        <v>36265</v>
      </c>
      <c r="L15226" s="5" t="s">
        <v>36264</v>
      </c>
      <c r="M15226" s="2" t="s">
        <v>36265</v>
      </c>
      <c r="N15226" s="5" t="s">
        <v>36266</v>
      </c>
      <c r="O15226" s="5" t="s">
        <v>38</v>
      </c>
      <c r="P15226" s="5" t="s">
        <v>39</v>
      </c>
      <c r="Q15226" s="5" t="s">
        <v>40</v>
      </c>
      <c r="R15226" s="5" t="s">
        <v>1522</v>
      </c>
      <c r="S15226" s="5" t="s">
        <v>1523</v>
      </c>
      <c r="T15226" s="5" t="s">
        <v>42</v>
      </c>
      <c r="U15226" s="2">
        <v>3.419</v>
      </c>
      <c r="V15226" s="2">
        <v>2.8319999999999999</v>
      </c>
      <c r="W15226" s="2">
        <v>1.7999999999999999E-2</v>
      </c>
      <c r="X15226" s="2">
        <v>139.1</v>
      </c>
      <c r="Y15226" s="2">
        <v>7.6</v>
      </c>
      <c r="Z15226" s="2">
        <v>16.7</v>
      </c>
      <c r="AA15226" s="5"/>
      <c r="AB15226" s="5" t="s">
        <v>43</v>
      </c>
      <c r="AC15226" s="5" t="s">
        <v>44</v>
      </c>
      <c r="AD15226" s="2"/>
      <c r="AE15226" s="1"/>
    </row>
    <row r="15227" spans="1:31" ht="14.45">
      <c r="A15227" s="11"/>
      <c r="B15227" s="20"/>
      <c r="C15227" s="2" t="s">
        <v>46634</v>
      </c>
      <c r="D15227" s="14" t="s">
        <v>46635</v>
      </c>
      <c r="E15227" s="2" t="s">
        <v>46636</v>
      </c>
      <c r="F15227" s="2" t="s">
        <v>36273</v>
      </c>
      <c r="G15227" s="8">
        <v>311</v>
      </c>
      <c r="H15227" s="5">
        <v>6</v>
      </c>
      <c r="I15227" s="5" t="s">
        <v>1518</v>
      </c>
      <c r="J15227" s="5" t="s">
        <v>36264</v>
      </c>
      <c r="K15227" s="2" t="s">
        <v>36265</v>
      </c>
      <c r="L15227" s="5" t="s">
        <v>36264</v>
      </c>
      <c r="M15227" s="2" t="s">
        <v>36265</v>
      </c>
      <c r="N15227" s="5" t="s">
        <v>36266</v>
      </c>
      <c r="O15227" s="5" t="s">
        <v>38</v>
      </c>
      <c r="P15227" s="5" t="s">
        <v>39</v>
      </c>
      <c r="Q15227" s="5" t="s">
        <v>40</v>
      </c>
      <c r="R15227" s="5" t="s">
        <v>1522</v>
      </c>
      <c r="S15227" s="5" t="s">
        <v>1523</v>
      </c>
      <c r="T15227" s="5" t="s">
        <v>42</v>
      </c>
      <c r="U15227" s="2">
        <v>3.319</v>
      </c>
      <c r="V15227" s="2">
        <v>2.7320000000000002</v>
      </c>
      <c r="W15227" s="2">
        <v>1.7999999999999999E-2</v>
      </c>
      <c r="X15227" s="2">
        <v>139.1</v>
      </c>
      <c r="Y15227" s="2">
        <v>7.6</v>
      </c>
      <c r="Z15227" s="2">
        <v>16.7</v>
      </c>
      <c r="AA15227" s="5"/>
      <c r="AB15227" s="5" t="s">
        <v>43</v>
      </c>
      <c r="AC15227" s="5" t="s">
        <v>44</v>
      </c>
      <c r="AD15227" s="2"/>
      <c r="AE15227" s="1"/>
    </row>
    <row r="15228" spans="1:31" ht="14.45">
      <c r="A15228" s="11"/>
      <c r="B15228" s="20"/>
      <c r="C15228" s="2" t="s">
        <v>46637</v>
      </c>
      <c r="D15228" s="14" t="s">
        <v>46638</v>
      </c>
      <c r="E15228" s="2" t="s">
        <v>46639</v>
      </c>
      <c r="F15228" s="2" t="s">
        <v>36277</v>
      </c>
      <c r="G15228" s="8">
        <v>311</v>
      </c>
      <c r="H15228" s="5">
        <v>6</v>
      </c>
      <c r="I15228" s="5" t="s">
        <v>1518</v>
      </c>
      <c r="J15228" s="5" t="s">
        <v>36264</v>
      </c>
      <c r="K15228" s="2" t="s">
        <v>36265</v>
      </c>
      <c r="L15228" s="5" t="s">
        <v>36264</v>
      </c>
      <c r="M15228" s="2" t="s">
        <v>36265</v>
      </c>
      <c r="N15228" s="5" t="s">
        <v>36266</v>
      </c>
      <c r="O15228" s="5" t="s">
        <v>38</v>
      </c>
      <c r="P15228" s="5" t="s">
        <v>39</v>
      </c>
      <c r="Q15228" s="5" t="s">
        <v>40</v>
      </c>
      <c r="R15228" s="5" t="s">
        <v>1522</v>
      </c>
      <c r="S15228" s="5" t="s">
        <v>1523</v>
      </c>
      <c r="T15228" s="5" t="s">
        <v>42</v>
      </c>
      <c r="U15228" s="2">
        <v>3.419</v>
      </c>
      <c r="V15228" s="2">
        <v>2.8319999999999999</v>
      </c>
      <c r="W15228" s="2">
        <v>1.7999999999999999E-2</v>
      </c>
      <c r="X15228" s="2">
        <v>139.1</v>
      </c>
      <c r="Y15228" s="2">
        <v>7.6</v>
      </c>
      <c r="Z15228" s="2">
        <v>16.7</v>
      </c>
      <c r="AA15228" s="5"/>
      <c r="AB15228" s="5" t="s">
        <v>43</v>
      </c>
      <c r="AC15228" s="5" t="s">
        <v>44</v>
      </c>
      <c r="AD15228" s="2"/>
      <c r="AE15228" s="1"/>
    </row>
    <row r="15229" spans="1:31" ht="14.45">
      <c r="A15229" s="11"/>
      <c r="B15229" s="20"/>
      <c r="C15229" s="2" t="s">
        <v>46640</v>
      </c>
      <c r="D15229" s="14" t="s">
        <v>46641</v>
      </c>
      <c r="E15229" s="2" t="s">
        <v>46642</v>
      </c>
      <c r="F15229" s="2" t="s">
        <v>36281</v>
      </c>
      <c r="G15229" s="8">
        <v>338</v>
      </c>
      <c r="H15229" s="5">
        <v>6</v>
      </c>
      <c r="I15229" s="5" t="s">
        <v>1518</v>
      </c>
      <c r="J15229" s="5" t="s">
        <v>36264</v>
      </c>
      <c r="K15229" s="2" t="s">
        <v>36265</v>
      </c>
      <c r="L15229" s="5" t="s">
        <v>36264</v>
      </c>
      <c r="M15229" s="2" t="s">
        <v>36265</v>
      </c>
      <c r="N15229" s="5" t="s">
        <v>36266</v>
      </c>
      <c r="O15229" s="5" t="s">
        <v>38</v>
      </c>
      <c r="P15229" s="5" t="s">
        <v>39</v>
      </c>
      <c r="Q15229" s="5" t="s">
        <v>40</v>
      </c>
      <c r="R15229" s="5" t="s">
        <v>1522</v>
      </c>
      <c r="S15229" s="5" t="s">
        <v>1523</v>
      </c>
      <c r="T15229" s="5" t="s">
        <v>42</v>
      </c>
      <c r="U15229" s="2">
        <v>3.319</v>
      </c>
      <c r="V15229" s="2">
        <v>2.7320000000000002</v>
      </c>
      <c r="W15229" s="2">
        <v>1.7999999999999999E-2</v>
      </c>
      <c r="X15229" s="2">
        <v>139.1</v>
      </c>
      <c r="Y15229" s="2">
        <v>7.6</v>
      </c>
      <c r="Z15229" s="2">
        <v>16.7</v>
      </c>
      <c r="AA15229" s="5"/>
      <c r="AB15229" s="5" t="s">
        <v>43</v>
      </c>
      <c r="AC15229" s="5" t="s">
        <v>44</v>
      </c>
      <c r="AD15229" s="2"/>
      <c r="AE15229" s="1"/>
    </row>
    <row r="15230" spans="1:31" ht="14.45">
      <c r="A15230" s="11"/>
      <c r="B15230" s="20"/>
      <c r="C15230" s="2" t="s">
        <v>46643</v>
      </c>
      <c r="D15230" s="14" t="s">
        <v>46644</v>
      </c>
      <c r="E15230" s="2" t="s">
        <v>46645</v>
      </c>
      <c r="F15230" s="2" t="s">
        <v>36285</v>
      </c>
      <c r="G15230" s="8">
        <v>338</v>
      </c>
      <c r="H15230" s="5">
        <v>6</v>
      </c>
      <c r="I15230" s="5" t="s">
        <v>1518</v>
      </c>
      <c r="J15230" s="5" t="s">
        <v>36264</v>
      </c>
      <c r="K15230" s="2" t="s">
        <v>36265</v>
      </c>
      <c r="L15230" s="5" t="s">
        <v>36264</v>
      </c>
      <c r="M15230" s="2" t="s">
        <v>36265</v>
      </c>
      <c r="N15230" s="5" t="s">
        <v>36266</v>
      </c>
      <c r="O15230" s="5" t="s">
        <v>38</v>
      </c>
      <c r="P15230" s="5" t="s">
        <v>39</v>
      </c>
      <c r="Q15230" s="5" t="s">
        <v>40</v>
      </c>
      <c r="R15230" s="5" t="s">
        <v>1522</v>
      </c>
      <c r="S15230" s="5" t="s">
        <v>1523</v>
      </c>
      <c r="T15230" s="5" t="s">
        <v>42</v>
      </c>
      <c r="U15230" s="2">
        <v>3.419</v>
      </c>
      <c r="V15230" s="2">
        <v>2.8319999999999999</v>
      </c>
      <c r="W15230" s="2">
        <v>1.7999999999999999E-2</v>
      </c>
      <c r="X15230" s="2">
        <v>139.1</v>
      </c>
      <c r="Y15230" s="2">
        <v>7.6</v>
      </c>
      <c r="Z15230" s="2">
        <v>16.7</v>
      </c>
      <c r="AA15230" s="5"/>
      <c r="AB15230" s="5" t="s">
        <v>43</v>
      </c>
      <c r="AC15230" s="5" t="s">
        <v>44</v>
      </c>
      <c r="AD15230" s="2"/>
      <c r="AE15230" s="1"/>
    </row>
    <row r="15231" spans="1:31" ht="14.45">
      <c r="A15231" s="11"/>
      <c r="B15231" s="20"/>
      <c r="C15231" s="2" t="s">
        <v>46646</v>
      </c>
      <c r="D15231" s="14" t="s">
        <v>46647</v>
      </c>
      <c r="E15231" s="2" t="s">
        <v>46648</v>
      </c>
      <c r="F15231" s="2" t="s">
        <v>36289</v>
      </c>
      <c r="G15231" s="8">
        <v>338</v>
      </c>
      <c r="H15231" s="5">
        <v>6</v>
      </c>
      <c r="I15231" s="5" t="s">
        <v>1518</v>
      </c>
      <c r="J15231" s="5" t="s">
        <v>36264</v>
      </c>
      <c r="K15231" s="2" t="s">
        <v>36265</v>
      </c>
      <c r="L15231" s="5" t="s">
        <v>36264</v>
      </c>
      <c r="M15231" s="2" t="s">
        <v>36265</v>
      </c>
      <c r="N15231" s="5" t="s">
        <v>36266</v>
      </c>
      <c r="O15231" s="5" t="s">
        <v>38</v>
      </c>
      <c r="P15231" s="5" t="s">
        <v>39</v>
      </c>
      <c r="Q15231" s="5" t="s">
        <v>40</v>
      </c>
      <c r="R15231" s="5" t="s">
        <v>1522</v>
      </c>
      <c r="S15231" s="5" t="s">
        <v>1523</v>
      </c>
      <c r="T15231" s="5" t="s">
        <v>42</v>
      </c>
      <c r="U15231" s="2">
        <v>3.319</v>
      </c>
      <c r="V15231" s="2">
        <v>2.7320000000000002</v>
      </c>
      <c r="W15231" s="2">
        <v>1.7999999999999999E-2</v>
      </c>
      <c r="X15231" s="2">
        <v>139.1</v>
      </c>
      <c r="Y15231" s="2">
        <v>7.6</v>
      </c>
      <c r="Z15231" s="2">
        <v>16.7</v>
      </c>
      <c r="AA15231" s="5"/>
      <c r="AB15231" s="5" t="s">
        <v>43</v>
      </c>
      <c r="AC15231" s="5" t="s">
        <v>44</v>
      </c>
      <c r="AD15231" s="2"/>
      <c r="AE15231" s="1"/>
    </row>
    <row r="15232" spans="1:31" ht="14.45">
      <c r="A15232" s="11"/>
      <c r="B15232" s="20"/>
      <c r="C15232" s="2" t="s">
        <v>46649</v>
      </c>
      <c r="D15232" s="14" t="s">
        <v>46650</v>
      </c>
      <c r="E15232" s="2" t="s">
        <v>46651</v>
      </c>
      <c r="F15232" s="2" t="s">
        <v>36293</v>
      </c>
      <c r="G15232" s="8">
        <v>338</v>
      </c>
      <c r="H15232" s="5">
        <v>6</v>
      </c>
      <c r="I15232" s="5" t="s">
        <v>1518</v>
      </c>
      <c r="J15232" s="5" t="s">
        <v>36264</v>
      </c>
      <c r="K15232" s="2" t="s">
        <v>36265</v>
      </c>
      <c r="L15232" s="5" t="s">
        <v>36264</v>
      </c>
      <c r="M15232" s="2" t="s">
        <v>36265</v>
      </c>
      <c r="N15232" s="5" t="s">
        <v>36266</v>
      </c>
      <c r="O15232" s="5" t="s">
        <v>38</v>
      </c>
      <c r="P15232" s="5" t="s">
        <v>39</v>
      </c>
      <c r="Q15232" s="5" t="s">
        <v>40</v>
      </c>
      <c r="R15232" s="5" t="s">
        <v>1522</v>
      </c>
      <c r="S15232" s="5" t="s">
        <v>1523</v>
      </c>
      <c r="T15232" s="5" t="s">
        <v>42</v>
      </c>
      <c r="U15232" s="2">
        <v>3.419</v>
      </c>
      <c r="V15232" s="2">
        <v>2.8319999999999999</v>
      </c>
      <c r="W15232" s="2">
        <v>1.7999999999999999E-2</v>
      </c>
      <c r="X15232" s="2">
        <v>139.1</v>
      </c>
      <c r="Y15232" s="2">
        <v>7.6</v>
      </c>
      <c r="Z15232" s="2">
        <v>16.7</v>
      </c>
      <c r="AA15232" s="5"/>
      <c r="AB15232" s="5" t="s">
        <v>43</v>
      </c>
      <c r="AC15232" s="5" t="s">
        <v>44</v>
      </c>
      <c r="AD15232" s="2"/>
      <c r="AE15232" s="1"/>
    </row>
    <row r="15233" spans="1:31" ht="14.45">
      <c r="A15233" s="11"/>
      <c r="B15233" s="20"/>
      <c r="C15233" s="2" t="s">
        <v>46652</v>
      </c>
      <c r="D15233" s="14" t="s">
        <v>46653</v>
      </c>
      <c r="E15233" s="2" t="s">
        <v>46654</v>
      </c>
      <c r="F15233" s="2" t="s">
        <v>36297</v>
      </c>
      <c r="G15233" s="8">
        <v>311</v>
      </c>
      <c r="H15233" s="5">
        <v>6</v>
      </c>
      <c r="I15233" s="5" t="s">
        <v>1518</v>
      </c>
      <c r="J15233" s="5" t="s">
        <v>36264</v>
      </c>
      <c r="K15233" s="2" t="s">
        <v>36265</v>
      </c>
      <c r="L15233" s="5" t="s">
        <v>36264</v>
      </c>
      <c r="M15233" s="2" t="s">
        <v>36265</v>
      </c>
      <c r="N15233" s="5" t="s">
        <v>36266</v>
      </c>
      <c r="O15233" s="5" t="s">
        <v>38</v>
      </c>
      <c r="P15233" s="5" t="s">
        <v>39</v>
      </c>
      <c r="Q15233" s="5" t="s">
        <v>40</v>
      </c>
      <c r="R15233" s="5" t="s">
        <v>1522</v>
      </c>
      <c r="S15233" s="5" t="s">
        <v>1523</v>
      </c>
      <c r="T15233" s="5" t="s">
        <v>42</v>
      </c>
      <c r="U15233" s="2">
        <v>3.319</v>
      </c>
      <c r="V15233" s="2">
        <v>2.7320000000000002</v>
      </c>
      <c r="W15233" s="2">
        <v>1.7999999999999999E-2</v>
      </c>
      <c r="X15233" s="2">
        <v>139.1</v>
      </c>
      <c r="Y15233" s="2">
        <v>7.6</v>
      </c>
      <c r="Z15233" s="2">
        <v>16.7</v>
      </c>
      <c r="AA15233" s="5"/>
      <c r="AB15233" s="5" t="s">
        <v>43</v>
      </c>
      <c r="AC15233" s="5" t="s">
        <v>44</v>
      </c>
      <c r="AD15233" s="2"/>
      <c r="AE15233" s="1"/>
    </row>
    <row r="15234" spans="1:31" ht="14.45">
      <c r="A15234" s="11"/>
      <c r="B15234" s="20"/>
      <c r="C15234" s="2" t="s">
        <v>46655</v>
      </c>
      <c r="D15234" s="14" t="s">
        <v>46656</v>
      </c>
      <c r="E15234" s="2" t="s">
        <v>46657</v>
      </c>
      <c r="F15234" s="2" t="s">
        <v>36301</v>
      </c>
      <c r="G15234" s="8">
        <v>311</v>
      </c>
      <c r="H15234" s="5">
        <v>6</v>
      </c>
      <c r="I15234" s="5" t="s">
        <v>1518</v>
      </c>
      <c r="J15234" s="5" t="s">
        <v>36264</v>
      </c>
      <c r="K15234" s="2" t="s">
        <v>36265</v>
      </c>
      <c r="L15234" s="5" t="s">
        <v>36264</v>
      </c>
      <c r="M15234" s="2" t="s">
        <v>36265</v>
      </c>
      <c r="N15234" s="5" t="s">
        <v>36266</v>
      </c>
      <c r="O15234" s="5" t="s">
        <v>38</v>
      </c>
      <c r="P15234" s="5" t="s">
        <v>39</v>
      </c>
      <c r="Q15234" s="5" t="s">
        <v>40</v>
      </c>
      <c r="R15234" s="5" t="s">
        <v>1522</v>
      </c>
      <c r="S15234" s="5" t="s">
        <v>1523</v>
      </c>
      <c r="T15234" s="5" t="s">
        <v>42</v>
      </c>
      <c r="U15234" s="2">
        <v>3.419</v>
      </c>
      <c r="V15234" s="2">
        <v>2.8319999999999999</v>
      </c>
      <c r="W15234" s="2">
        <v>1.7999999999999999E-2</v>
      </c>
      <c r="X15234" s="2">
        <v>139.1</v>
      </c>
      <c r="Y15234" s="2">
        <v>7.6</v>
      </c>
      <c r="Z15234" s="2">
        <v>16.7</v>
      </c>
      <c r="AA15234" s="5"/>
      <c r="AB15234" s="5" t="s">
        <v>43</v>
      </c>
      <c r="AC15234" s="5" t="s">
        <v>44</v>
      </c>
      <c r="AD15234" s="2"/>
      <c r="AE15234" s="1"/>
    </row>
    <row r="15235" spans="1:31" ht="14.45">
      <c r="A15235" s="11"/>
      <c r="B15235" s="20"/>
      <c r="C15235" s="2" t="s">
        <v>46658</v>
      </c>
      <c r="D15235" s="14" t="s">
        <v>46659</v>
      </c>
      <c r="E15235" s="2" t="s">
        <v>46660</v>
      </c>
      <c r="F15235" s="2" t="s">
        <v>36305</v>
      </c>
      <c r="G15235" s="8">
        <v>311</v>
      </c>
      <c r="H15235" s="5">
        <v>6</v>
      </c>
      <c r="I15235" s="5" t="s">
        <v>1518</v>
      </c>
      <c r="J15235" s="5" t="s">
        <v>36264</v>
      </c>
      <c r="K15235" s="2" t="s">
        <v>36265</v>
      </c>
      <c r="L15235" s="5" t="s">
        <v>36264</v>
      </c>
      <c r="M15235" s="2" t="s">
        <v>36265</v>
      </c>
      <c r="N15235" s="5" t="s">
        <v>36266</v>
      </c>
      <c r="O15235" s="5" t="s">
        <v>38</v>
      </c>
      <c r="P15235" s="5" t="s">
        <v>39</v>
      </c>
      <c r="Q15235" s="5" t="s">
        <v>40</v>
      </c>
      <c r="R15235" s="5" t="s">
        <v>1522</v>
      </c>
      <c r="S15235" s="5" t="s">
        <v>1523</v>
      </c>
      <c r="T15235" s="5" t="s">
        <v>42</v>
      </c>
      <c r="U15235" s="2">
        <v>3.319</v>
      </c>
      <c r="V15235" s="2">
        <v>2.7320000000000002</v>
      </c>
      <c r="W15235" s="2">
        <v>1.7999999999999999E-2</v>
      </c>
      <c r="X15235" s="2">
        <v>139.1</v>
      </c>
      <c r="Y15235" s="2">
        <v>7.6</v>
      </c>
      <c r="Z15235" s="2">
        <v>16.7</v>
      </c>
      <c r="AA15235" s="5"/>
      <c r="AB15235" s="5" t="s">
        <v>43</v>
      </c>
      <c r="AC15235" s="5" t="s">
        <v>44</v>
      </c>
      <c r="AD15235" s="2"/>
      <c r="AE15235" s="1"/>
    </row>
    <row r="15236" spans="1:31" ht="14.45">
      <c r="A15236" s="11"/>
      <c r="B15236" s="20"/>
      <c r="C15236" s="2" t="s">
        <v>46661</v>
      </c>
      <c r="D15236" s="14" t="s">
        <v>46662</v>
      </c>
      <c r="E15236" s="2" t="s">
        <v>46663</v>
      </c>
      <c r="F15236" s="2" t="s">
        <v>36309</v>
      </c>
      <c r="G15236" s="8">
        <v>311</v>
      </c>
      <c r="H15236" s="5">
        <v>6</v>
      </c>
      <c r="I15236" s="5" t="s">
        <v>1518</v>
      </c>
      <c r="J15236" s="5" t="s">
        <v>36264</v>
      </c>
      <c r="K15236" s="2" t="s">
        <v>36265</v>
      </c>
      <c r="L15236" s="5" t="s">
        <v>36264</v>
      </c>
      <c r="M15236" s="2" t="s">
        <v>36265</v>
      </c>
      <c r="N15236" s="5" t="s">
        <v>36266</v>
      </c>
      <c r="O15236" s="5" t="s">
        <v>38</v>
      </c>
      <c r="P15236" s="5" t="s">
        <v>39</v>
      </c>
      <c r="Q15236" s="5" t="s">
        <v>40</v>
      </c>
      <c r="R15236" s="5" t="s">
        <v>1522</v>
      </c>
      <c r="S15236" s="5" t="s">
        <v>1523</v>
      </c>
      <c r="T15236" s="5" t="s">
        <v>42</v>
      </c>
      <c r="U15236" s="2">
        <v>3.419</v>
      </c>
      <c r="V15236" s="2">
        <v>2.8319999999999999</v>
      </c>
      <c r="W15236" s="2">
        <v>1.7999999999999999E-2</v>
      </c>
      <c r="X15236" s="2">
        <v>139.1</v>
      </c>
      <c r="Y15236" s="2">
        <v>7.6</v>
      </c>
      <c r="Z15236" s="2">
        <v>16.7</v>
      </c>
      <c r="AA15236" s="5"/>
      <c r="AB15236" s="5" t="s">
        <v>43</v>
      </c>
      <c r="AC15236" s="5" t="s">
        <v>44</v>
      </c>
      <c r="AD15236" s="2"/>
      <c r="AE15236" s="1"/>
    </row>
    <row r="15237" spans="1:31" ht="14.45">
      <c r="A15237" s="11"/>
      <c r="B15237" s="20"/>
      <c r="C15237" s="2" t="s">
        <v>46664</v>
      </c>
      <c r="D15237" s="14" t="s">
        <v>46665</v>
      </c>
      <c r="E15237" s="2" t="s">
        <v>46666</v>
      </c>
      <c r="F15237" s="2" t="s">
        <v>36313</v>
      </c>
      <c r="G15237" s="8">
        <v>338</v>
      </c>
      <c r="H15237" s="5">
        <v>6</v>
      </c>
      <c r="I15237" s="5" t="s">
        <v>1518</v>
      </c>
      <c r="J15237" s="5" t="s">
        <v>36264</v>
      </c>
      <c r="K15237" s="2" t="s">
        <v>36265</v>
      </c>
      <c r="L15237" s="5" t="s">
        <v>36264</v>
      </c>
      <c r="M15237" s="2" t="s">
        <v>36265</v>
      </c>
      <c r="N15237" s="5" t="s">
        <v>36266</v>
      </c>
      <c r="O15237" s="5" t="s">
        <v>38</v>
      </c>
      <c r="P15237" s="5" t="s">
        <v>39</v>
      </c>
      <c r="Q15237" s="5" t="s">
        <v>40</v>
      </c>
      <c r="R15237" s="5" t="s">
        <v>1522</v>
      </c>
      <c r="S15237" s="5" t="s">
        <v>1523</v>
      </c>
      <c r="T15237" s="5" t="s">
        <v>42</v>
      </c>
      <c r="U15237" s="2">
        <v>3.319</v>
      </c>
      <c r="V15237" s="2">
        <v>2.7320000000000002</v>
      </c>
      <c r="W15237" s="2">
        <v>1.7999999999999999E-2</v>
      </c>
      <c r="X15237" s="2">
        <v>139.1</v>
      </c>
      <c r="Y15237" s="2">
        <v>7.6</v>
      </c>
      <c r="Z15237" s="2">
        <v>16.7</v>
      </c>
      <c r="AA15237" s="5"/>
      <c r="AB15237" s="5" t="s">
        <v>43</v>
      </c>
      <c r="AC15237" s="5" t="s">
        <v>44</v>
      </c>
      <c r="AD15237" s="2"/>
      <c r="AE15237" s="1"/>
    </row>
    <row r="15238" spans="1:31" ht="14.45">
      <c r="A15238" s="11"/>
      <c r="B15238" s="20"/>
      <c r="C15238" s="2" t="s">
        <v>46667</v>
      </c>
      <c r="D15238" s="14" t="s">
        <v>46668</v>
      </c>
      <c r="E15238" s="2" t="s">
        <v>46669</v>
      </c>
      <c r="F15238" s="2" t="s">
        <v>36317</v>
      </c>
      <c r="G15238" s="8">
        <v>338</v>
      </c>
      <c r="H15238" s="5">
        <v>6</v>
      </c>
      <c r="I15238" s="5" t="s">
        <v>1518</v>
      </c>
      <c r="J15238" s="5" t="s">
        <v>36264</v>
      </c>
      <c r="K15238" s="2" t="s">
        <v>36265</v>
      </c>
      <c r="L15238" s="5" t="s">
        <v>36264</v>
      </c>
      <c r="M15238" s="2" t="s">
        <v>36265</v>
      </c>
      <c r="N15238" s="5" t="s">
        <v>36266</v>
      </c>
      <c r="O15238" s="5" t="s">
        <v>38</v>
      </c>
      <c r="P15238" s="5" t="s">
        <v>39</v>
      </c>
      <c r="Q15238" s="5" t="s">
        <v>40</v>
      </c>
      <c r="R15238" s="5" t="s">
        <v>1522</v>
      </c>
      <c r="S15238" s="5" t="s">
        <v>1523</v>
      </c>
      <c r="T15238" s="5" t="s">
        <v>42</v>
      </c>
      <c r="U15238" s="2">
        <v>3.419</v>
      </c>
      <c r="V15238" s="2">
        <v>2.8319999999999999</v>
      </c>
      <c r="W15238" s="2">
        <v>1.7999999999999999E-2</v>
      </c>
      <c r="X15238" s="2">
        <v>139.1</v>
      </c>
      <c r="Y15238" s="2">
        <v>7.6</v>
      </c>
      <c r="Z15238" s="2">
        <v>16.7</v>
      </c>
      <c r="AA15238" s="5"/>
      <c r="AB15238" s="5" t="s">
        <v>43</v>
      </c>
      <c r="AC15238" s="5" t="s">
        <v>44</v>
      </c>
      <c r="AD15238" s="2"/>
      <c r="AE15238" s="1"/>
    </row>
    <row r="15239" spans="1:31" ht="14.45">
      <c r="A15239" s="11"/>
      <c r="B15239" s="20"/>
      <c r="C15239" s="2" t="s">
        <v>46670</v>
      </c>
      <c r="D15239" s="14" t="s">
        <v>46671</v>
      </c>
      <c r="E15239" s="2" t="s">
        <v>46672</v>
      </c>
      <c r="F15239" s="2" t="s">
        <v>36321</v>
      </c>
      <c r="G15239" s="8">
        <v>338</v>
      </c>
      <c r="H15239" s="5">
        <v>6</v>
      </c>
      <c r="I15239" s="5" t="s">
        <v>1518</v>
      </c>
      <c r="J15239" s="5" t="s">
        <v>36264</v>
      </c>
      <c r="K15239" s="2" t="s">
        <v>36265</v>
      </c>
      <c r="L15239" s="5" t="s">
        <v>36264</v>
      </c>
      <c r="M15239" s="2" t="s">
        <v>36265</v>
      </c>
      <c r="N15239" s="5" t="s">
        <v>36266</v>
      </c>
      <c r="O15239" s="5" t="s">
        <v>38</v>
      </c>
      <c r="P15239" s="5" t="s">
        <v>39</v>
      </c>
      <c r="Q15239" s="5" t="s">
        <v>40</v>
      </c>
      <c r="R15239" s="5" t="s">
        <v>1522</v>
      </c>
      <c r="S15239" s="5" t="s">
        <v>1523</v>
      </c>
      <c r="T15239" s="5" t="s">
        <v>42</v>
      </c>
      <c r="U15239" s="2">
        <v>3.319</v>
      </c>
      <c r="V15239" s="2">
        <v>2.7320000000000002</v>
      </c>
      <c r="W15239" s="2">
        <v>1.7999999999999999E-2</v>
      </c>
      <c r="X15239" s="2">
        <v>139.1</v>
      </c>
      <c r="Y15239" s="2">
        <v>7.6</v>
      </c>
      <c r="Z15239" s="2">
        <v>16.7</v>
      </c>
      <c r="AA15239" s="5"/>
      <c r="AB15239" s="5" t="s">
        <v>43</v>
      </c>
      <c r="AC15239" s="5" t="s">
        <v>44</v>
      </c>
      <c r="AD15239" s="2"/>
      <c r="AE15239" s="1"/>
    </row>
    <row r="15240" spans="1:31" ht="14.45">
      <c r="A15240" s="11"/>
      <c r="B15240" s="20"/>
      <c r="C15240" s="2" t="s">
        <v>46673</v>
      </c>
      <c r="D15240" s="14" t="s">
        <v>46674</v>
      </c>
      <c r="E15240" s="2" t="s">
        <v>46675</v>
      </c>
      <c r="F15240" s="2" t="s">
        <v>36325</v>
      </c>
      <c r="G15240" s="8">
        <v>338</v>
      </c>
      <c r="H15240" s="5">
        <v>6</v>
      </c>
      <c r="I15240" s="5" t="s">
        <v>1518</v>
      </c>
      <c r="J15240" s="5" t="s">
        <v>36264</v>
      </c>
      <c r="K15240" s="2" t="s">
        <v>36265</v>
      </c>
      <c r="L15240" s="5" t="s">
        <v>36264</v>
      </c>
      <c r="M15240" s="2" t="s">
        <v>36265</v>
      </c>
      <c r="N15240" s="5" t="s">
        <v>36266</v>
      </c>
      <c r="O15240" s="5" t="s">
        <v>38</v>
      </c>
      <c r="P15240" s="5" t="s">
        <v>39</v>
      </c>
      <c r="Q15240" s="5" t="s">
        <v>40</v>
      </c>
      <c r="R15240" s="5" t="s">
        <v>1522</v>
      </c>
      <c r="S15240" s="5" t="s">
        <v>1523</v>
      </c>
      <c r="T15240" s="5" t="s">
        <v>42</v>
      </c>
      <c r="U15240" s="2">
        <v>3.419</v>
      </c>
      <c r="V15240" s="2">
        <v>2.8319999999999999</v>
      </c>
      <c r="W15240" s="2">
        <v>1.7999999999999999E-2</v>
      </c>
      <c r="X15240" s="2">
        <v>139.1</v>
      </c>
      <c r="Y15240" s="2">
        <v>7.6</v>
      </c>
      <c r="Z15240" s="2">
        <v>16.7</v>
      </c>
      <c r="AA15240" s="5"/>
      <c r="AB15240" s="5" t="s">
        <v>43</v>
      </c>
      <c r="AC15240" s="5" t="s">
        <v>44</v>
      </c>
      <c r="AD15240" s="2"/>
      <c r="AE15240" s="1"/>
    </row>
    <row r="15241" spans="1:31" ht="14.45">
      <c r="A15241" s="11"/>
      <c r="B15241" s="20"/>
      <c r="C15241" s="2" t="s">
        <v>46676</v>
      </c>
      <c r="D15241" s="14" t="s">
        <v>46677</v>
      </c>
      <c r="E15241" s="2" t="s">
        <v>46678</v>
      </c>
      <c r="F15241" s="2" t="s">
        <v>36329</v>
      </c>
      <c r="G15241" s="8">
        <v>338</v>
      </c>
      <c r="H15241" s="5">
        <v>6</v>
      </c>
      <c r="I15241" s="5" t="s">
        <v>1518</v>
      </c>
      <c r="J15241" s="5" t="s">
        <v>36264</v>
      </c>
      <c r="K15241" s="2" t="s">
        <v>36265</v>
      </c>
      <c r="L15241" s="5" t="s">
        <v>36264</v>
      </c>
      <c r="M15241" s="2" t="s">
        <v>36265</v>
      </c>
      <c r="N15241" s="5" t="s">
        <v>36266</v>
      </c>
      <c r="O15241" s="5" t="s">
        <v>38</v>
      </c>
      <c r="P15241" s="5" t="s">
        <v>39</v>
      </c>
      <c r="Q15241" s="5" t="s">
        <v>40</v>
      </c>
      <c r="R15241" s="5" t="s">
        <v>1522</v>
      </c>
      <c r="S15241" s="5" t="s">
        <v>1523</v>
      </c>
      <c r="T15241" s="5" t="s">
        <v>42</v>
      </c>
      <c r="U15241" s="2">
        <v>3.319</v>
      </c>
      <c r="V15241" s="2">
        <v>2.7320000000000002</v>
      </c>
      <c r="W15241" s="2">
        <v>1.7999999999999999E-2</v>
      </c>
      <c r="X15241" s="2">
        <v>139.1</v>
      </c>
      <c r="Y15241" s="2">
        <v>7.6</v>
      </c>
      <c r="Z15241" s="2">
        <v>16.7</v>
      </c>
      <c r="AA15241" s="5"/>
      <c r="AB15241" s="5" t="s">
        <v>43</v>
      </c>
      <c r="AC15241" s="5" t="s">
        <v>44</v>
      </c>
      <c r="AD15241" s="2"/>
      <c r="AE15241" s="1"/>
    </row>
    <row r="15242" spans="1:31" ht="14.45">
      <c r="A15242" s="11"/>
      <c r="B15242" s="20"/>
      <c r="C15242" s="2" t="s">
        <v>46679</v>
      </c>
      <c r="D15242" s="14" t="s">
        <v>46680</v>
      </c>
      <c r="E15242" s="2" t="s">
        <v>46681</v>
      </c>
      <c r="F15242" s="2" t="s">
        <v>36333</v>
      </c>
      <c r="G15242" s="8">
        <v>338</v>
      </c>
      <c r="H15242" s="5">
        <v>6</v>
      </c>
      <c r="I15242" s="5" t="s">
        <v>1518</v>
      </c>
      <c r="J15242" s="5" t="s">
        <v>36264</v>
      </c>
      <c r="K15242" s="2" t="s">
        <v>36265</v>
      </c>
      <c r="L15242" s="5" t="s">
        <v>36264</v>
      </c>
      <c r="M15242" s="2" t="s">
        <v>36265</v>
      </c>
      <c r="N15242" s="5" t="s">
        <v>36266</v>
      </c>
      <c r="O15242" s="5" t="s">
        <v>38</v>
      </c>
      <c r="P15242" s="5" t="s">
        <v>39</v>
      </c>
      <c r="Q15242" s="5" t="s">
        <v>40</v>
      </c>
      <c r="R15242" s="5" t="s">
        <v>1522</v>
      </c>
      <c r="S15242" s="5" t="s">
        <v>1523</v>
      </c>
      <c r="T15242" s="5" t="s">
        <v>42</v>
      </c>
      <c r="U15242" s="2">
        <v>3.419</v>
      </c>
      <c r="V15242" s="2">
        <v>2.8319999999999999</v>
      </c>
      <c r="W15242" s="2">
        <v>1.7999999999999999E-2</v>
      </c>
      <c r="X15242" s="2">
        <v>139.1</v>
      </c>
      <c r="Y15242" s="2">
        <v>7.6</v>
      </c>
      <c r="Z15242" s="2">
        <v>16.7</v>
      </c>
      <c r="AA15242" s="5"/>
      <c r="AB15242" s="5" t="s">
        <v>43</v>
      </c>
      <c r="AC15242" s="5" t="s">
        <v>44</v>
      </c>
      <c r="AD15242" s="2"/>
      <c r="AE15242" s="1"/>
    </row>
    <row r="15243" spans="1:31" ht="14.45">
      <c r="A15243" s="11"/>
      <c r="B15243" s="20"/>
      <c r="C15243" s="2" t="s">
        <v>46682</v>
      </c>
      <c r="D15243" s="14" t="s">
        <v>46683</v>
      </c>
      <c r="E15243" s="2" t="s">
        <v>46684</v>
      </c>
      <c r="F15243" s="2" t="s">
        <v>36345</v>
      </c>
      <c r="G15243" s="8">
        <v>338</v>
      </c>
      <c r="H15243" s="5">
        <v>6</v>
      </c>
      <c r="I15243" s="5" t="s">
        <v>1518</v>
      </c>
      <c r="J15243" s="5" t="s">
        <v>36264</v>
      </c>
      <c r="K15243" s="2" t="s">
        <v>36265</v>
      </c>
      <c r="L15243" s="5" t="s">
        <v>36264</v>
      </c>
      <c r="M15243" s="2" t="s">
        <v>36265</v>
      </c>
      <c r="N15243" s="5" t="s">
        <v>36266</v>
      </c>
      <c r="O15243" s="5" t="s">
        <v>38</v>
      </c>
      <c r="P15243" s="5" t="s">
        <v>39</v>
      </c>
      <c r="Q15243" s="5" t="s">
        <v>40</v>
      </c>
      <c r="R15243" s="5" t="s">
        <v>1522</v>
      </c>
      <c r="S15243" s="5" t="s">
        <v>1523</v>
      </c>
      <c r="T15243" s="5" t="s">
        <v>42</v>
      </c>
      <c r="U15243" s="2">
        <v>3.319</v>
      </c>
      <c r="V15243" s="2">
        <v>2.7320000000000002</v>
      </c>
      <c r="W15243" s="2">
        <v>1.7999999999999999E-2</v>
      </c>
      <c r="X15243" s="2">
        <v>139.1</v>
      </c>
      <c r="Y15243" s="2">
        <v>7.6</v>
      </c>
      <c r="Z15243" s="2">
        <v>16.7</v>
      </c>
      <c r="AA15243" s="5"/>
      <c r="AB15243" s="5" t="s">
        <v>43</v>
      </c>
      <c r="AC15243" s="5" t="s">
        <v>44</v>
      </c>
      <c r="AD15243" s="2"/>
      <c r="AE15243" s="1"/>
    </row>
    <row r="15244" spans="1:31" ht="14.45">
      <c r="A15244" s="11"/>
      <c r="B15244" s="20"/>
      <c r="C15244" s="2" t="s">
        <v>46685</v>
      </c>
      <c r="D15244" s="14" t="s">
        <v>46686</v>
      </c>
      <c r="E15244" s="2" t="s">
        <v>46687</v>
      </c>
      <c r="F15244" s="2" t="s">
        <v>36349</v>
      </c>
      <c r="G15244" s="8">
        <v>338</v>
      </c>
      <c r="H15244" s="5">
        <v>6</v>
      </c>
      <c r="I15244" s="5" t="s">
        <v>1518</v>
      </c>
      <c r="J15244" s="5" t="s">
        <v>36264</v>
      </c>
      <c r="K15244" s="2" t="s">
        <v>36265</v>
      </c>
      <c r="L15244" s="5" t="s">
        <v>36264</v>
      </c>
      <c r="M15244" s="2" t="s">
        <v>36265</v>
      </c>
      <c r="N15244" s="5" t="s">
        <v>36266</v>
      </c>
      <c r="O15244" s="5" t="s">
        <v>38</v>
      </c>
      <c r="P15244" s="5" t="s">
        <v>39</v>
      </c>
      <c r="Q15244" s="5" t="s">
        <v>40</v>
      </c>
      <c r="R15244" s="5" t="s">
        <v>1522</v>
      </c>
      <c r="S15244" s="5" t="s">
        <v>1523</v>
      </c>
      <c r="T15244" s="5" t="s">
        <v>42</v>
      </c>
      <c r="U15244" s="2">
        <v>3.419</v>
      </c>
      <c r="V15244" s="2">
        <v>2.8319999999999999</v>
      </c>
      <c r="W15244" s="2">
        <v>1.7999999999999999E-2</v>
      </c>
      <c r="X15244" s="2">
        <v>139.1</v>
      </c>
      <c r="Y15244" s="2">
        <v>7.6</v>
      </c>
      <c r="Z15244" s="2">
        <v>16.7</v>
      </c>
      <c r="AA15244" s="5"/>
      <c r="AB15244" s="5" t="s">
        <v>43</v>
      </c>
      <c r="AC15244" s="5" t="s">
        <v>44</v>
      </c>
      <c r="AD15244" s="2"/>
      <c r="AE15244" s="1"/>
    </row>
    <row r="15245" spans="1:31" ht="14.45">
      <c r="A15245" s="11"/>
      <c r="B15245" s="20"/>
      <c r="C15245" s="2" t="s">
        <v>46688</v>
      </c>
      <c r="D15245" s="14" t="s">
        <v>46689</v>
      </c>
      <c r="E15245" s="2" t="s">
        <v>46690</v>
      </c>
      <c r="F15245" s="2" t="s">
        <v>36353</v>
      </c>
      <c r="G15245" s="8">
        <v>338</v>
      </c>
      <c r="H15245" s="5">
        <v>6</v>
      </c>
      <c r="I15245" s="5" t="s">
        <v>1518</v>
      </c>
      <c r="J15245" s="5" t="s">
        <v>36264</v>
      </c>
      <c r="K15245" s="2" t="s">
        <v>36265</v>
      </c>
      <c r="L15245" s="5" t="s">
        <v>36264</v>
      </c>
      <c r="M15245" s="2" t="s">
        <v>36265</v>
      </c>
      <c r="N15245" s="5" t="s">
        <v>36266</v>
      </c>
      <c r="O15245" s="5" t="s">
        <v>38</v>
      </c>
      <c r="P15245" s="5" t="s">
        <v>39</v>
      </c>
      <c r="Q15245" s="5" t="s">
        <v>40</v>
      </c>
      <c r="R15245" s="5" t="s">
        <v>1522</v>
      </c>
      <c r="S15245" s="5" t="s">
        <v>1523</v>
      </c>
      <c r="T15245" s="5" t="s">
        <v>42</v>
      </c>
      <c r="U15245" s="2">
        <v>3.319</v>
      </c>
      <c r="V15245" s="2">
        <v>2.7320000000000002</v>
      </c>
      <c r="W15245" s="2">
        <v>1.7999999999999999E-2</v>
      </c>
      <c r="X15245" s="2">
        <v>139.1</v>
      </c>
      <c r="Y15245" s="2">
        <v>7.6</v>
      </c>
      <c r="Z15245" s="2">
        <v>16.7</v>
      </c>
      <c r="AA15245" s="5"/>
      <c r="AB15245" s="5" t="s">
        <v>43</v>
      </c>
      <c r="AC15245" s="5" t="s">
        <v>44</v>
      </c>
      <c r="AD15245" s="2"/>
      <c r="AE15245" s="1"/>
    </row>
    <row r="15246" spans="1:31" ht="14.45">
      <c r="A15246" s="11"/>
      <c r="B15246" s="20"/>
      <c r="C15246" s="2" t="s">
        <v>46691</v>
      </c>
      <c r="D15246" s="14" t="s">
        <v>46692</v>
      </c>
      <c r="E15246" s="2" t="s">
        <v>46693</v>
      </c>
      <c r="F15246" s="2" t="s">
        <v>36357</v>
      </c>
      <c r="G15246" s="8">
        <v>338</v>
      </c>
      <c r="H15246" s="5">
        <v>6</v>
      </c>
      <c r="I15246" s="5" t="s">
        <v>1518</v>
      </c>
      <c r="J15246" s="5" t="s">
        <v>36264</v>
      </c>
      <c r="K15246" s="2" t="s">
        <v>36265</v>
      </c>
      <c r="L15246" s="5" t="s">
        <v>36264</v>
      </c>
      <c r="M15246" s="2" t="s">
        <v>36265</v>
      </c>
      <c r="N15246" s="5" t="s">
        <v>36266</v>
      </c>
      <c r="O15246" s="5" t="s">
        <v>38</v>
      </c>
      <c r="P15246" s="5" t="s">
        <v>39</v>
      </c>
      <c r="Q15246" s="5" t="s">
        <v>40</v>
      </c>
      <c r="R15246" s="5" t="s">
        <v>1522</v>
      </c>
      <c r="S15246" s="5" t="s">
        <v>1523</v>
      </c>
      <c r="T15246" s="5" t="s">
        <v>42</v>
      </c>
      <c r="U15246" s="2">
        <v>3.419</v>
      </c>
      <c r="V15246" s="2">
        <v>2.8319999999999999</v>
      </c>
      <c r="W15246" s="2">
        <v>1.7999999999999999E-2</v>
      </c>
      <c r="X15246" s="2">
        <v>139.1</v>
      </c>
      <c r="Y15246" s="2">
        <v>7.6</v>
      </c>
      <c r="Z15246" s="2">
        <v>16.7</v>
      </c>
      <c r="AA15246" s="5"/>
      <c r="AB15246" s="5" t="s">
        <v>43</v>
      </c>
      <c r="AC15246" s="5" t="s">
        <v>44</v>
      </c>
      <c r="AD15246" s="2"/>
      <c r="AE15246" s="1"/>
    </row>
    <row r="15247" spans="1:31" ht="14.45">
      <c r="A15247" s="11"/>
      <c r="B15247" s="20"/>
      <c r="C15247" s="2" t="s">
        <v>46694</v>
      </c>
      <c r="D15247" s="14" t="s">
        <v>46695</v>
      </c>
      <c r="E15247" s="2" t="s">
        <v>46696</v>
      </c>
      <c r="F15247" s="2" t="s">
        <v>45598</v>
      </c>
      <c r="G15247" s="8">
        <v>338</v>
      </c>
      <c r="H15247" s="5">
        <v>6</v>
      </c>
      <c r="I15247" s="5" t="s">
        <v>1518</v>
      </c>
      <c r="J15247" s="5" t="s">
        <v>36264</v>
      </c>
      <c r="K15247" s="2" t="s">
        <v>36265</v>
      </c>
      <c r="L15247" s="5" t="s">
        <v>36264</v>
      </c>
      <c r="M15247" s="2" t="s">
        <v>36265</v>
      </c>
      <c r="N15247" s="5" t="s">
        <v>36266</v>
      </c>
      <c r="O15247" s="5" t="s">
        <v>38</v>
      </c>
      <c r="P15247" s="5" t="s">
        <v>39</v>
      </c>
      <c r="Q15247" s="5" t="s">
        <v>40</v>
      </c>
      <c r="R15247" s="5" t="s">
        <v>1522</v>
      </c>
      <c r="S15247" s="5" t="s">
        <v>1523</v>
      </c>
      <c r="T15247" s="5" t="s">
        <v>42</v>
      </c>
      <c r="U15247" s="2">
        <v>3.319</v>
      </c>
      <c r="V15247" s="2">
        <v>2.7320000000000002</v>
      </c>
      <c r="W15247" s="2">
        <v>1.7999999999999999E-2</v>
      </c>
      <c r="X15247" s="2">
        <v>139.1</v>
      </c>
      <c r="Y15247" s="2">
        <v>7.6</v>
      </c>
      <c r="Z15247" s="2">
        <v>16.7</v>
      </c>
      <c r="AA15247" s="5"/>
      <c r="AB15247" s="5" t="s">
        <v>43</v>
      </c>
      <c r="AC15247" s="5" t="s">
        <v>44</v>
      </c>
      <c r="AD15247" s="2"/>
      <c r="AE15247" s="1"/>
    </row>
    <row r="15248" spans="1:31" ht="14.45">
      <c r="A15248" s="11"/>
      <c r="B15248" s="20"/>
      <c r="C15248" s="2" t="s">
        <v>46697</v>
      </c>
      <c r="D15248" s="14" t="s">
        <v>46698</v>
      </c>
      <c r="E15248" s="2" t="s">
        <v>46699</v>
      </c>
      <c r="F15248" s="2" t="s">
        <v>45534</v>
      </c>
      <c r="G15248" s="8">
        <v>338</v>
      </c>
      <c r="H15248" s="5">
        <v>6</v>
      </c>
      <c r="I15248" s="5" t="s">
        <v>1518</v>
      </c>
      <c r="J15248" s="5" t="s">
        <v>36264</v>
      </c>
      <c r="K15248" s="2" t="s">
        <v>36265</v>
      </c>
      <c r="L15248" s="5" t="s">
        <v>36264</v>
      </c>
      <c r="M15248" s="2" t="s">
        <v>36265</v>
      </c>
      <c r="N15248" s="5" t="s">
        <v>36266</v>
      </c>
      <c r="O15248" s="5" t="s">
        <v>38</v>
      </c>
      <c r="P15248" s="5" t="s">
        <v>39</v>
      </c>
      <c r="Q15248" s="5" t="s">
        <v>40</v>
      </c>
      <c r="R15248" s="5" t="s">
        <v>1522</v>
      </c>
      <c r="S15248" s="5" t="s">
        <v>1523</v>
      </c>
      <c r="T15248" s="5" t="s">
        <v>42</v>
      </c>
      <c r="U15248" s="2">
        <v>3.419</v>
      </c>
      <c r="V15248" s="2">
        <v>2.8319999999999999</v>
      </c>
      <c r="W15248" s="2">
        <v>1.7999999999999999E-2</v>
      </c>
      <c r="X15248" s="2">
        <v>139.1</v>
      </c>
      <c r="Y15248" s="2">
        <v>7.6</v>
      </c>
      <c r="Z15248" s="2">
        <v>16.7</v>
      </c>
      <c r="AA15248" s="5"/>
      <c r="AB15248" s="5" t="s">
        <v>43</v>
      </c>
      <c r="AC15248" s="5" t="s">
        <v>44</v>
      </c>
      <c r="AD15248" s="2"/>
      <c r="AE15248" s="1"/>
    </row>
    <row r="15249" spans="1:31" ht="14.45">
      <c r="A15249" s="11"/>
      <c r="B15249" s="20"/>
      <c r="C15249" s="2" t="s">
        <v>46700</v>
      </c>
      <c r="D15249" s="14" t="s">
        <v>46701</v>
      </c>
      <c r="E15249" s="2" t="s">
        <v>46702</v>
      </c>
      <c r="F15249" s="2" t="s">
        <v>36369</v>
      </c>
      <c r="G15249" s="8">
        <v>338</v>
      </c>
      <c r="H15249" s="5">
        <v>6</v>
      </c>
      <c r="I15249" s="5" t="s">
        <v>1518</v>
      </c>
      <c r="J15249" s="5" t="s">
        <v>36264</v>
      </c>
      <c r="K15249" s="2" t="s">
        <v>36265</v>
      </c>
      <c r="L15249" s="5" t="s">
        <v>36264</v>
      </c>
      <c r="M15249" s="2" t="s">
        <v>36265</v>
      </c>
      <c r="N15249" s="5" t="s">
        <v>36266</v>
      </c>
      <c r="O15249" s="5" t="s">
        <v>38</v>
      </c>
      <c r="P15249" s="5" t="s">
        <v>39</v>
      </c>
      <c r="Q15249" s="5" t="s">
        <v>40</v>
      </c>
      <c r="R15249" s="5" t="s">
        <v>1522</v>
      </c>
      <c r="S15249" s="5" t="s">
        <v>1523</v>
      </c>
      <c r="T15249" s="5" t="s">
        <v>42</v>
      </c>
      <c r="U15249" s="2">
        <v>3.319</v>
      </c>
      <c r="V15249" s="2">
        <v>2.7320000000000002</v>
      </c>
      <c r="W15249" s="2">
        <v>1.7999999999999999E-2</v>
      </c>
      <c r="X15249" s="2">
        <v>139.1</v>
      </c>
      <c r="Y15249" s="2">
        <v>7.6</v>
      </c>
      <c r="Z15249" s="2">
        <v>16.7</v>
      </c>
      <c r="AA15249" s="5"/>
      <c r="AB15249" s="5" t="s">
        <v>43</v>
      </c>
      <c r="AC15249" s="5" t="s">
        <v>44</v>
      </c>
      <c r="AD15249" s="2"/>
      <c r="AE15249" s="1"/>
    </row>
    <row r="15250" spans="1:31" ht="14.45">
      <c r="A15250" s="11"/>
      <c r="B15250" s="20"/>
      <c r="C15250" s="2" t="s">
        <v>46703</v>
      </c>
      <c r="D15250" s="14" t="s">
        <v>46704</v>
      </c>
      <c r="E15250" s="2" t="s">
        <v>46705</v>
      </c>
      <c r="F15250" s="2" t="s">
        <v>36373</v>
      </c>
      <c r="G15250" s="8">
        <v>338</v>
      </c>
      <c r="H15250" s="5">
        <v>6</v>
      </c>
      <c r="I15250" s="5" t="s">
        <v>1518</v>
      </c>
      <c r="J15250" s="5" t="s">
        <v>36264</v>
      </c>
      <c r="K15250" s="2" t="s">
        <v>36265</v>
      </c>
      <c r="L15250" s="5" t="s">
        <v>36264</v>
      </c>
      <c r="M15250" s="2" t="s">
        <v>36265</v>
      </c>
      <c r="N15250" s="5" t="s">
        <v>36266</v>
      </c>
      <c r="O15250" s="5" t="s">
        <v>38</v>
      </c>
      <c r="P15250" s="5" t="s">
        <v>39</v>
      </c>
      <c r="Q15250" s="5" t="s">
        <v>40</v>
      </c>
      <c r="R15250" s="5" t="s">
        <v>1522</v>
      </c>
      <c r="S15250" s="5" t="s">
        <v>1523</v>
      </c>
      <c r="T15250" s="5" t="s">
        <v>42</v>
      </c>
      <c r="U15250" s="2">
        <v>3.419</v>
      </c>
      <c r="V15250" s="2">
        <v>2.8319999999999999</v>
      </c>
      <c r="W15250" s="2">
        <v>1.7999999999999999E-2</v>
      </c>
      <c r="X15250" s="2">
        <v>139.1</v>
      </c>
      <c r="Y15250" s="2">
        <v>7.6</v>
      </c>
      <c r="Z15250" s="2">
        <v>16.7</v>
      </c>
      <c r="AA15250" s="5"/>
      <c r="AB15250" s="5" t="s">
        <v>43</v>
      </c>
      <c r="AC15250" s="5" t="s">
        <v>44</v>
      </c>
      <c r="AD15250" s="2"/>
      <c r="AE15250" s="1"/>
    </row>
    <row r="15251" spans="1:31" ht="14.45">
      <c r="A15251" s="11"/>
      <c r="B15251" s="20"/>
      <c r="C15251" s="2" t="s">
        <v>46706</v>
      </c>
      <c r="D15251" s="14" t="s">
        <v>46707</v>
      </c>
      <c r="E15251" s="2" t="s">
        <v>46708</v>
      </c>
      <c r="F15251" s="2" t="s">
        <v>36377</v>
      </c>
      <c r="G15251" s="8">
        <v>338</v>
      </c>
      <c r="H15251" s="5">
        <v>6</v>
      </c>
      <c r="I15251" s="5" t="s">
        <v>1518</v>
      </c>
      <c r="J15251" s="5" t="s">
        <v>36264</v>
      </c>
      <c r="K15251" s="2" t="s">
        <v>36265</v>
      </c>
      <c r="L15251" s="5" t="s">
        <v>36264</v>
      </c>
      <c r="M15251" s="2" t="s">
        <v>36265</v>
      </c>
      <c r="N15251" s="5" t="s">
        <v>36266</v>
      </c>
      <c r="O15251" s="5" t="s">
        <v>38</v>
      </c>
      <c r="P15251" s="5" t="s">
        <v>39</v>
      </c>
      <c r="Q15251" s="5" t="s">
        <v>40</v>
      </c>
      <c r="R15251" s="5" t="s">
        <v>1522</v>
      </c>
      <c r="S15251" s="5" t="s">
        <v>1523</v>
      </c>
      <c r="T15251" s="5" t="s">
        <v>42</v>
      </c>
      <c r="U15251" s="2">
        <v>3.319</v>
      </c>
      <c r="V15251" s="2">
        <v>2.7320000000000002</v>
      </c>
      <c r="W15251" s="2">
        <v>1.7999999999999999E-2</v>
      </c>
      <c r="X15251" s="2">
        <v>139.1</v>
      </c>
      <c r="Y15251" s="2">
        <v>7.6</v>
      </c>
      <c r="Z15251" s="2">
        <v>16.7</v>
      </c>
      <c r="AA15251" s="5"/>
      <c r="AB15251" s="5" t="s">
        <v>43</v>
      </c>
      <c r="AC15251" s="5" t="s">
        <v>44</v>
      </c>
      <c r="AD15251" s="2"/>
      <c r="AE15251" s="1"/>
    </row>
    <row r="15252" spans="1:31" ht="14.45">
      <c r="A15252" s="11"/>
      <c r="B15252" s="20"/>
      <c r="C15252" s="2" t="s">
        <v>46709</v>
      </c>
      <c r="D15252" s="14" t="s">
        <v>46710</v>
      </c>
      <c r="E15252" s="2" t="s">
        <v>46711</v>
      </c>
      <c r="F15252" s="2" t="s">
        <v>36381</v>
      </c>
      <c r="G15252" s="8">
        <v>338</v>
      </c>
      <c r="H15252" s="5">
        <v>6</v>
      </c>
      <c r="I15252" s="5" t="s">
        <v>1518</v>
      </c>
      <c r="J15252" s="5" t="s">
        <v>36264</v>
      </c>
      <c r="K15252" s="2" t="s">
        <v>36265</v>
      </c>
      <c r="L15252" s="5" t="s">
        <v>36264</v>
      </c>
      <c r="M15252" s="2" t="s">
        <v>36265</v>
      </c>
      <c r="N15252" s="5" t="s">
        <v>36266</v>
      </c>
      <c r="O15252" s="5" t="s">
        <v>38</v>
      </c>
      <c r="P15252" s="5" t="s">
        <v>39</v>
      </c>
      <c r="Q15252" s="5" t="s">
        <v>40</v>
      </c>
      <c r="R15252" s="5" t="s">
        <v>1522</v>
      </c>
      <c r="S15252" s="5" t="s">
        <v>1523</v>
      </c>
      <c r="T15252" s="5" t="s">
        <v>42</v>
      </c>
      <c r="U15252" s="2">
        <v>3.419</v>
      </c>
      <c r="V15252" s="2">
        <v>2.8319999999999999</v>
      </c>
      <c r="W15252" s="2">
        <v>1.7999999999999999E-2</v>
      </c>
      <c r="X15252" s="2">
        <v>139.1</v>
      </c>
      <c r="Y15252" s="2">
        <v>7.6</v>
      </c>
      <c r="Z15252" s="2">
        <v>16.7</v>
      </c>
      <c r="AA15252" s="5"/>
      <c r="AB15252" s="5" t="s">
        <v>43</v>
      </c>
      <c r="AC15252" s="5" t="s">
        <v>44</v>
      </c>
      <c r="AD15252" s="2"/>
      <c r="AE15252" s="1"/>
    </row>
    <row r="15253" spans="1:31" ht="14.45">
      <c r="A15253" s="11"/>
      <c r="B15253" s="20"/>
      <c r="C15253" s="2" t="s">
        <v>46712</v>
      </c>
      <c r="D15253" s="14" t="s">
        <v>46713</v>
      </c>
      <c r="E15253" s="2" t="s">
        <v>46714</v>
      </c>
      <c r="F15253" s="2" t="s">
        <v>36385</v>
      </c>
      <c r="G15253" s="8">
        <v>338</v>
      </c>
      <c r="H15253" s="5">
        <v>6</v>
      </c>
      <c r="I15253" s="5" t="s">
        <v>1518</v>
      </c>
      <c r="J15253" s="5" t="s">
        <v>36264</v>
      </c>
      <c r="K15253" s="2" t="s">
        <v>36265</v>
      </c>
      <c r="L15253" s="5" t="s">
        <v>36264</v>
      </c>
      <c r="M15253" s="2" t="s">
        <v>36265</v>
      </c>
      <c r="N15253" s="5" t="s">
        <v>36266</v>
      </c>
      <c r="O15253" s="5" t="s">
        <v>38</v>
      </c>
      <c r="P15253" s="5" t="s">
        <v>39</v>
      </c>
      <c r="Q15253" s="5" t="s">
        <v>40</v>
      </c>
      <c r="R15253" s="5" t="s">
        <v>1522</v>
      </c>
      <c r="S15253" s="5" t="s">
        <v>1523</v>
      </c>
      <c r="T15253" s="5" t="s">
        <v>42</v>
      </c>
      <c r="U15253" s="2">
        <v>3.319</v>
      </c>
      <c r="V15253" s="2">
        <v>2.7320000000000002</v>
      </c>
      <c r="W15253" s="2">
        <v>1.7999999999999999E-2</v>
      </c>
      <c r="X15253" s="2">
        <v>139.1</v>
      </c>
      <c r="Y15253" s="2">
        <v>7.6</v>
      </c>
      <c r="Z15253" s="2">
        <v>16.7</v>
      </c>
      <c r="AA15253" s="5"/>
      <c r="AB15253" s="5" t="s">
        <v>43</v>
      </c>
      <c r="AC15253" s="5" t="s">
        <v>44</v>
      </c>
      <c r="AD15253" s="2"/>
      <c r="AE15253" s="1"/>
    </row>
    <row r="15254" spans="1:31" ht="14.45">
      <c r="A15254" s="11"/>
      <c r="B15254" s="20"/>
      <c r="C15254" s="2" t="s">
        <v>46715</v>
      </c>
      <c r="D15254" s="14" t="s">
        <v>46716</v>
      </c>
      <c r="E15254" s="2" t="s">
        <v>46717</v>
      </c>
      <c r="F15254" s="2" t="s">
        <v>36389</v>
      </c>
      <c r="G15254" s="8">
        <v>338</v>
      </c>
      <c r="H15254" s="5">
        <v>6</v>
      </c>
      <c r="I15254" s="5" t="s">
        <v>1518</v>
      </c>
      <c r="J15254" s="5" t="s">
        <v>36264</v>
      </c>
      <c r="K15254" s="2" t="s">
        <v>36265</v>
      </c>
      <c r="L15254" s="5" t="s">
        <v>36264</v>
      </c>
      <c r="M15254" s="2" t="s">
        <v>36265</v>
      </c>
      <c r="N15254" s="5" t="s">
        <v>36266</v>
      </c>
      <c r="O15254" s="5" t="s">
        <v>38</v>
      </c>
      <c r="P15254" s="5" t="s">
        <v>39</v>
      </c>
      <c r="Q15254" s="5" t="s">
        <v>40</v>
      </c>
      <c r="R15254" s="5" t="s">
        <v>1522</v>
      </c>
      <c r="S15254" s="5" t="s">
        <v>1523</v>
      </c>
      <c r="T15254" s="5" t="s">
        <v>42</v>
      </c>
      <c r="U15254" s="2">
        <v>3.419</v>
      </c>
      <c r="V15254" s="2">
        <v>2.8319999999999999</v>
      </c>
      <c r="W15254" s="2">
        <v>1.7999999999999999E-2</v>
      </c>
      <c r="X15254" s="2">
        <v>139.1</v>
      </c>
      <c r="Y15254" s="2">
        <v>7.6</v>
      </c>
      <c r="Z15254" s="2">
        <v>16.7</v>
      </c>
      <c r="AA15254" s="5"/>
      <c r="AB15254" s="5" t="s">
        <v>43</v>
      </c>
      <c r="AC15254" s="5" t="s">
        <v>44</v>
      </c>
      <c r="AD15254" s="2"/>
      <c r="AE15254" s="1"/>
    </row>
    <row r="15255" spans="1:31" ht="14.45">
      <c r="A15255" s="11"/>
      <c r="B15255" s="20"/>
      <c r="C15255" s="2" t="s">
        <v>46718</v>
      </c>
      <c r="D15255" s="14" t="s">
        <v>46719</v>
      </c>
      <c r="E15255" s="2" t="s">
        <v>46720</v>
      </c>
      <c r="F15255" s="2" t="s">
        <v>7204</v>
      </c>
      <c r="G15255" s="8">
        <v>322</v>
      </c>
      <c r="H15255" s="5">
        <v>6</v>
      </c>
      <c r="I15255" s="5" t="s">
        <v>1518</v>
      </c>
      <c r="J15255" s="5" t="s">
        <v>36264</v>
      </c>
      <c r="K15255" s="2" t="s">
        <v>36265</v>
      </c>
      <c r="L15255" s="5" t="s">
        <v>36264</v>
      </c>
      <c r="M15255" s="2" t="s">
        <v>36265</v>
      </c>
      <c r="N15255" s="5" t="s">
        <v>36266</v>
      </c>
      <c r="O15255" s="5" t="s">
        <v>38</v>
      </c>
      <c r="P15255" s="5" t="s">
        <v>39</v>
      </c>
      <c r="Q15255" s="5" t="s">
        <v>40</v>
      </c>
      <c r="R15255" s="5" t="s">
        <v>1522</v>
      </c>
      <c r="S15255" s="5" t="s">
        <v>1523</v>
      </c>
      <c r="T15255" s="5" t="s">
        <v>42</v>
      </c>
      <c r="U15255" s="2">
        <v>3.5059999999999998</v>
      </c>
      <c r="V15255" s="2">
        <v>2.93</v>
      </c>
      <c r="W15255" s="2">
        <v>1.7999999999999999E-2</v>
      </c>
      <c r="X15255" s="2">
        <v>139.1</v>
      </c>
      <c r="Y15255" s="2">
        <v>7.6</v>
      </c>
      <c r="Z15255" s="2">
        <v>16.7</v>
      </c>
      <c r="AA15255" s="5"/>
      <c r="AB15255" s="5" t="s">
        <v>43</v>
      </c>
      <c r="AC15255" s="5" t="s">
        <v>44</v>
      </c>
      <c r="AD15255" s="2"/>
      <c r="AE15255" s="1"/>
    </row>
    <row r="15256" spans="1:31" ht="14.45">
      <c r="A15256" s="11"/>
      <c r="B15256" s="20"/>
      <c r="C15256" s="2" t="s">
        <v>46721</v>
      </c>
      <c r="D15256" s="14" t="s">
        <v>46722</v>
      </c>
      <c r="E15256" s="2" t="s">
        <v>46723</v>
      </c>
      <c r="F15256" s="2" t="s">
        <v>7514</v>
      </c>
      <c r="G15256" s="8">
        <v>322</v>
      </c>
      <c r="H15256" s="5">
        <v>6</v>
      </c>
      <c r="I15256" s="5" t="s">
        <v>1518</v>
      </c>
      <c r="J15256" s="5" t="s">
        <v>36264</v>
      </c>
      <c r="K15256" s="2" t="s">
        <v>36265</v>
      </c>
      <c r="L15256" s="5" t="s">
        <v>36264</v>
      </c>
      <c r="M15256" s="2" t="s">
        <v>36265</v>
      </c>
      <c r="N15256" s="5" t="s">
        <v>36266</v>
      </c>
      <c r="O15256" s="5" t="s">
        <v>38</v>
      </c>
      <c r="P15256" s="5" t="s">
        <v>39</v>
      </c>
      <c r="Q15256" s="5" t="s">
        <v>40</v>
      </c>
      <c r="R15256" s="5" t="s">
        <v>1522</v>
      </c>
      <c r="S15256" s="5" t="s">
        <v>1523</v>
      </c>
      <c r="T15256" s="5" t="s">
        <v>42</v>
      </c>
      <c r="U15256" s="2">
        <v>3.6179999999999999</v>
      </c>
      <c r="V15256" s="2">
        <v>3.0419999999999998</v>
      </c>
      <c r="W15256" s="2">
        <v>1.7999999999999999E-2</v>
      </c>
      <c r="X15256" s="2">
        <v>139.1</v>
      </c>
      <c r="Y15256" s="2">
        <v>7.6</v>
      </c>
      <c r="Z15256" s="2">
        <v>16.7</v>
      </c>
      <c r="AA15256" s="5"/>
      <c r="AB15256" s="5" t="s">
        <v>43</v>
      </c>
      <c r="AC15256" s="5" t="s">
        <v>44</v>
      </c>
      <c r="AD15256" s="2"/>
      <c r="AE15256" s="1"/>
    </row>
    <row r="15257" spans="1:31" ht="14.45">
      <c r="A15257" s="11"/>
      <c r="B15257" s="20"/>
      <c r="C15257" s="2" t="s">
        <v>46724</v>
      </c>
      <c r="D15257" s="14" t="s">
        <v>46725</v>
      </c>
      <c r="E15257" s="2" t="s">
        <v>46726</v>
      </c>
      <c r="F15257" s="2" t="s">
        <v>36273</v>
      </c>
      <c r="G15257" s="8">
        <v>322</v>
      </c>
      <c r="H15257" s="5">
        <v>6</v>
      </c>
      <c r="I15257" s="5" t="s">
        <v>1518</v>
      </c>
      <c r="J15257" s="5" t="s">
        <v>36264</v>
      </c>
      <c r="K15257" s="2" t="s">
        <v>36265</v>
      </c>
      <c r="L15257" s="5" t="s">
        <v>36264</v>
      </c>
      <c r="M15257" s="2" t="s">
        <v>36265</v>
      </c>
      <c r="N15257" s="5" t="s">
        <v>36266</v>
      </c>
      <c r="O15257" s="5" t="s">
        <v>38</v>
      </c>
      <c r="P15257" s="5" t="s">
        <v>39</v>
      </c>
      <c r="Q15257" s="5" t="s">
        <v>40</v>
      </c>
      <c r="R15257" s="5" t="s">
        <v>1522</v>
      </c>
      <c r="S15257" s="5" t="s">
        <v>1523</v>
      </c>
      <c r="T15257" s="5" t="s">
        <v>42</v>
      </c>
      <c r="U15257" s="2">
        <v>3.5059999999999998</v>
      </c>
      <c r="V15257" s="2">
        <v>2.93</v>
      </c>
      <c r="W15257" s="2">
        <v>1.7999999999999999E-2</v>
      </c>
      <c r="X15257" s="2">
        <v>139.1</v>
      </c>
      <c r="Y15257" s="2">
        <v>7.6</v>
      </c>
      <c r="Z15257" s="2">
        <v>16.7</v>
      </c>
      <c r="AA15257" s="5"/>
      <c r="AB15257" s="5" t="s">
        <v>43</v>
      </c>
      <c r="AC15257" s="5" t="s">
        <v>44</v>
      </c>
      <c r="AD15257" s="2"/>
      <c r="AE15257" s="1"/>
    </row>
    <row r="15258" spans="1:31" ht="14.45">
      <c r="A15258" s="11"/>
      <c r="B15258" s="20"/>
      <c r="C15258" s="2" t="s">
        <v>46727</v>
      </c>
      <c r="D15258" s="14" t="s">
        <v>46728</v>
      </c>
      <c r="E15258" s="2" t="s">
        <v>46729</v>
      </c>
      <c r="F15258" s="2" t="s">
        <v>36277</v>
      </c>
      <c r="G15258" s="8">
        <v>322</v>
      </c>
      <c r="H15258" s="5">
        <v>6</v>
      </c>
      <c r="I15258" s="5" t="s">
        <v>1518</v>
      </c>
      <c r="J15258" s="5" t="s">
        <v>36264</v>
      </c>
      <c r="K15258" s="2" t="s">
        <v>36265</v>
      </c>
      <c r="L15258" s="5" t="s">
        <v>36264</v>
      </c>
      <c r="M15258" s="2" t="s">
        <v>36265</v>
      </c>
      <c r="N15258" s="5" t="s">
        <v>36266</v>
      </c>
      <c r="O15258" s="5" t="s">
        <v>38</v>
      </c>
      <c r="P15258" s="5" t="s">
        <v>39</v>
      </c>
      <c r="Q15258" s="5" t="s">
        <v>40</v>
      </c>
      <c r="R15258" s="5" t="s">
        <v>1522</v>
      </c>
      <c r="S15258" s="5" t="s">
        <v>1523</v>
      </c>
      <c r="T15258" s="5" t="s">
        <v>42</v>
      </c>
      <c r="U15258" s="2">
        <v>3.6179999999999999</v>
      </c>
      <c r="V15258" s="2">
        <v>3.0419999999999998</v>
      </c>
      <c r="W15258" s="2">
        <v>1.7999999999999999E-2</v>
      </c>
      <c r="X15258" s="2">
        <v>139.1</v>
      </c>
      <c r="Y15258" s="2">
        <v>7.6</v>
      </c>
      <c r="Z15258" s="2">
        <v>16.7</v>
      </c>
      <c r="AA15258" s="5"/>
      <c r="AB15258" s="5" t="s">
        <v>43</v>
      </c>
      <c r="AC15258" s="5" t="s">
        <v>44</v>
      </c>
      <c r="AD15258" s="2"/>
      <c r="AE15258" s="1"/>
    </row>
    <row r="15259" spans="1:31" ht="14.45">
      <c r="A15259" s="11"/>
      <c r="B15259" s="20"/>
      <c r="C15259" s="2" t="s">
        <v>46730</v>
      </c>
      <c r="D15259" s="14" t="s">
        <v>46731</v>
      </c>
      <c r="E15259" s="2" t="s">
        <v>46732</v>
      </c>
      <c r="F15259" s="2" t="s">
        <v>36289</v>
      </c>
      <c r="G15259" s="8">
        <v>350</v>
      </c>
      <c r="H15259" s="5">
        <v>6</v>
      </c>
      <c r="I15259" s="5" t="s">
        <v>1518</v>
      </c>
      <c r="J15259" s="5" t="s">
        <v>36264</v>
      </c>
      <c r="K15259" s="2" t="s">
        <v>36265</v>
      </c>
      <c r="L15259" s="5" t="s">
        <v>36264</v>
      </c>
      <c r="M15259" s="2" t="s">
        <v>36265</v>
      </c>
      <c r="N15259" s="5" t="s">
        <v>36266</v>
      </c>
      <c r="O15259" s="5" t="s">
        <v>38</v>
      </c>
      <c r="P15259" s="5" t="s">
        <v>39</v>
      </c>
      <c r="Q15259" s="5" t="s">
        <v>40</v>
      </c>
      <c r="R15259" s="5" t="s">
        <v>1522</v>
      </c>
      <c r="S15259" s="5" t="s">
        <v>1523</v>
      </c>
      <c r="T15259" s="5" t="s">
        <v>42</v>
      </c>
      <c r="U15259" s="2">
        <v>3.5059999999999998</v>
      </c>
      <c r="V15259" s="2">
        <v>2.93</v>
      </c>
      <c r="W15259" s="2">
        <v>1.7999999999999999E-2</v>
      </c>
      <c r="X15259" s="2">
        <v>139.1</v>
      </c>
      <c r="Y15259" s="2">
        <v>7.6</v>
      </c>
      <c r="Z15259" s="2">
        <v>16.7</v>
      </c>
      <c r="AA15259" s="5"/>
      <c r="AB15259" s="5" t="s">
        <v>43</v>
      </c>
      <c r="AC15259" s="5" t="s">
        <v>44</v>
      </c>
      <c r="AD15259" s="2"/>
      <c r="AE15259" s="1"/>
    </row>
    <row r="15260" spans="1:31" ht="14.45">
      <c r="A15260" s="11"/>
      <c r="B15260" s="20"/>
      <c r="C15260" s="2" t="s">
        <v>46733</v>
      </c>
      <c r="D15260" s="14" t="s">
        <v>46734</v>
      </c>
      <c r="E15260" s="2" t="s">
        <v>46735</v>
      </c>
      <c r="F15260" s="2" t="s">
        <v>36293</v>
      </c>
      <c r="G15260" s="8">
        <v>350</v>
      </c>
      <c r="H15260" s="5">
        <v>6</v>
      </c>
      <c r="I15260" s="5" t="s">
        <v>1518</v>
      </c>
      <c r="J15260" s="5" t="s">
        <v>36264</v>
      </c>
      <c r="K15260" s="2" t="s">
        <v>36265</v>
      </c>
      <c r="L15260" s="5" t="s">
        <v>36264</v>
      </c>
      <c r="M15260" s="2" t="s">
        <v>36265</v>
      </c>
      <c r="N15260" s="5" t="s">
        <v>36266</v>
      </c>
      <c r="O15260" s="5" t="s">
        <v>38</v>
      </c>
      <c r="P15260" s="5" t="s">
        <v>39</v>
      </c>
      <c r="Q15260" s="5" t="s">
        <v>40</v>
      </c>
      <c r="R15260" s="5" t="s">
        <v>1522</v>
      </c>
      <c r="S15260" s="5" t="s">
        <v>1523</v>
      </c>
      <c r="T15260" s="5" t="s">
        <v>42</v>
      </c>
      <c r="U15260" s="2">
        <v>3.6179999999999999</v>
      </c>
      <c r="V15260" s="2">
        <v>3.0419999999999998</v>
      </c>
      <c r="W15260" s="2">
        <v>1.7999999999999999E-2</v>
      </c>
      <c r="X15260" s="2">
        <v>139.1</v>
      </c>
      <c r="Y15260" s="2">
        <v>7.6</v>
      </c>
      <c r="Z15260" s="2">
        <v>16.7</v>
      </c>
      <c r="AA15260" s="5"/>
      <c r="AB15260" s="5" t="s">
        <v>43</v>
      </c>
      <c r="AC15260" s="5" t="s">
        <v>44</v>
      </c>
      <c r="AD15260" s="2"/>
      <c r="AE15260" s="1"/>
    </row>
    <row r="15261" spans="1:31" ht="14.45">
      <c r="A15261" s="11"/>
      <c r="B15261" s="20"/>
      <c r="C15261" s="2" t="s">
        <v>46736</v>
      </c>
      <c r="D15261" s="14" t="s">
        <v>46737</v>
      </c>
      <c r="E15261" s="2" t="s">
        <v>46738</v>
      </c>
      <c r="F15261" s="2" t="s">
        <v>36297</v>
      </c>
      <c r="G15261" s="8">
        <v>322</v>
      </c>
      <c r="H15261" s="5">
        <v>6</v>
      </c>
      <c r="I15261" s="5" t="s">
        <v>1518</v>
      </c>
      <c r="J15261" s="5" t="s">
        <v>36264</v>
      </c>
      <c r="K15261" s="2" t="s">
        <v>36265</v>
      </c>
      <c r="L15261" s="5" t="s">
        <v>36264</v>
      </c>
      <c r="M15261" s="2" t="s">
        <v>36265</v>
      </c>
      <c r="N15261" s="5" t="s">
        <v>36266</v>
      </c>
      <c r="O15261" s="5" t="s">
        <v>38</v>
      </c>
      <c r="P15261" s="5" t="s">
        <v>39</v>
      </c>
      <c r="Q15261" s="5" t="s">
        <v>40</v>
      </c>
      <c r="R15261" s="5" t="s">
        <v>1522</v>
      </c>
      <c r="S15261" s="5" t="s">
        <v>1523</v>
      </c>
      <c r="T15261" s="5" t="s">
        <v>42</v>
      </c>
      <c r="U15261" s="2">
        <v>3.5059999999999998</v>
      </c>
      <c r="V15261" s="2">
        <v>2.93</v>
      </c>
      <c r="W15261" s="2">
        <v>1.7999999999999999E-2</v>
      </c>
      <c r="X15261" s="2">
        <v>139.1</v>
      </c>
      <c r="Y15261" s="2">
        <v>7.6</v>
      </c>
      <c r="Z15261" s="2">
        <v>16.7</v>
      </c>
      <c r="AA15261" s="5"/>
      <c r="AB15261" s="5" t="s">
        <v>43</v>
      </c>
      <c r="AC15261" s="5" t="s">
        <v>44</v>
      </c>
      <c r="AD15261" s="2"/>
      <c r="AE15261" s="1"/>
    </row>
    <row r="15262" spans="1:31" ht="14.45">
      <c r="A15262" s="11"/>
      <c r="B15262" s="20"/>
      <c r="C15262" s="2" t="s">
        <v>46739</v>
      </c>
      <c r="D15262" s="14" t="s">
        <v>46740</v>
      </c>
      <c r="E15262" s="2" t="s">
        <v>46741</v>
      </c>
      <c r="F15262" s="2" t="s">
        <v>36305</v>
      </c>
      <c r="G15262" s="8">
        <v>322</v>
      </c>
      <c r="H15262" s="5">
        <v>6</v>
      </c>
      <c r="I15262" s="5" t="s">
        <v>1518</v>
      </c>
      <c r="J15262" s="5" t="s">
        <v>36264</v>
      </c>
      <c r="K15262" s="2" t="s">
        <v>36265</v>
      </c>
      <c r="L15262" s="5" t="s">
        <v>36264</v>
      </c>
      <c r="M15262" s="2" t="s">
        <v>36265</v>
      </c>
      <c r="N15262" s="5" t="s">
        <v>36266</v>
      </c>
      <c r="O15262" s="5" t="s">
        <v>38</v>
      </c>
      <c r="P15262" s="5" t="s">
        <v>39</v>
      </c>
      <c r="Q15262" s="5" t="s">
        <v>40</v>
      </c>
      <c r="R15262" s="5" t="s">
        <v>1522</v>
      </c>
      <c r="S15262" s="5" t="s">
        <v>1523</v>
      </c>
      <c r="T15262" s="5" t="s">
        <v>42</v>
      </c>
      <c r="U15262" s="2">
        <v>3.5059999999999998</v>
      </c>
      <c r="V15262" s="2">
        <v>2.93</v>
      </c>
      <c r="W15262" s="2">
        <v>1.7999999999999999E-2</v>
      </c>
      <c r="X15262" s="2">
        <v>139.1</v>
      </c>
      <c r="Y15262" s="2">
        <v>7.6</v>
      </c>
      <c r="Z15262" s="2">
        <v>16.7</v>
      </c>
      <c r="AA15262" s="5"/>
      <c r="AB15262" s="5" t="s">
        <v>43</v>
      </c>
      <c r="AC15262" s="5" t="s">
        <v>44</v>
      </c>
      <c r="AD15262" s="2"/>
      <c r="AE15262" s="1"/>
    </row>
    <row r="15263" spans="1:31" ht="14.45">
      <c r="A15263" s="11"/>
      <c r="B15263" s="20"/>
      <c r="C15263" s="2" t="s">
        <v>46742</v>
      </c>
      <c r="D15263" s="14" t="s">
        <v>46743</v>
      </c>
      <c r="E15263" s="2" t="s">
        <v>46744</v>
      </c>
      <c r="F15263" s="2" t="s">
        <v>36309</v>
      </c>
      <c r="G15263" s="8">
        <v>322</v>
      </c>
      <c r="H15263" s="5">
        <v>6</v>
      </c>
      <c r="I15263" s="5" t="s">
        <v>1518</v>
      </c>
      <c r="J15263" s="5" t="s">
        <v>36264</v>
      </c>
      <c r="K15263" s="2" t="s">
        <v>36265</v>
      </c>
      <c r="L15263" s="5" t="s">
        <v>36264</v>
      </c>
      <c r="M15263" s="2" t="s">
        <v>36265</v>
      </c>
      <c r="N15263" s="5" t="s">
        <v>36266</v>
      </c>
      <c r="O15263" s="5" t="s">
        <v>38</v>
      </c>
      <c r="P15263" s="5" t="s">
        <v>39</v>
      </c>
      <c r="Q15263" s="5" t="s">
        <v>40</v>
      </c>
      <c r="R15263" s="5" t="s">
        <v>1522</v>
      </c>
      <c r="S15263" s="5" t="s">
        <v>1523</v>
      </c>
      <c r="T15263" s="5" t="s">
        <v>42</v>
      </c>
      <c r="U15263" s="2">
        <v>3.6179999999999999</v>
      </c>
      <c r="V15263" s="2">
        <v>3.0419999999999998</v>
      </c>
      <c r="W15263" s="2">
        <v>1.7999999999999999E-2</v>
      </c>
      <c r="X15263" s="2">
        <v>139.1</v>
      </c>
      <c r="Y15263" s="2">
        <v>7.6</v>
      </c>
      <c r="Z15263" s="2">
        <v>16.7</v>
      </c>
      <c r="AA15263" s="5"/>
      <c r="AB15263" s="5" t="s">
        <v>43</v>
      </c>
      <c r="AC15263" s="5" t="s">
        <v>44</v>
      </c>
      <c r="AD15263" s="2"/>
      <c r="AE15263" s="1"/>
    </row>
    <row r="15264" spans="1:31" ht="14.45">
      <c r="A15264" s="11"/>
      <c r="B15264" s="20"/>
      <c r="C15264" s="2" t="s">
        <v>46745</v>
      </c>
      <c r="D15264" s="14" t="s">
        <v>46746</v>
      </c>
      <c r="E15264" s="2" t="s">
        <v>46747</v>
      </c>
      <c r="F15264" s="2" t="s">
        <v>36313</v>
      </c>
      <c r="G15264" s="8">
        <v>350</v>
      </c>
      <c r="H15264" s="5">
        <v>6</v>
      </c>
      <c r="I15264" s="5" t="s">
        <v>1518</v>
      </c>
      <c r="J15264" s="5" t="s">
        <v>36264</v>
      </c>
      <c r="K15264" s="2" t="s">
        <v>36265</v>
      </c>
      <c r="L15264" s="5" t="s">
        <v>36264</v>
      </c>
      <c r="M15264" s="2" t="s">
        <v>36265</v>
      </c>
      <c r="N15264" s="5" t="s">
        <v>36266</v>
      </c>
      <c r="O15264" s="5" t="s">
        <v>38</v>
      </c>
      <c r="P15264" s="5" t="s">
        <v>39</v>
      </c>
      <c r="Q15264" s="5" t="s">
        <v>40</v>
      </c>
      <c r="R15264" s="5" t="s">
        <v>1522</v>
      </c>
      <c r="S15264" s="5" t="s">
        <v>1523</v>
      </c>
      <c r="T15264" s="5" t="s">
        <v>42</v>
      </c>
      <c r="U15264" s="2">
        <v>3.5059999999999998</v>
      </c>
      <c r="V15264" s="2">
        <v>2.93</v>
      </c>
      <c r="W15264" s="2">
        <v>1.7999999999999999E-2</v>
      </c>
      <c r="X15264" s="2">
        <v>139.1</v>
      </c>
      <c r="Y15264" s="2">
        <v>7.6</v>
      </c>
      <c r="Z15264" s="2">
        <v>16.7</v>
      </c>
      <c r="AA15264" s="5"/>
      <c r="AB15264" s="5" t="s">
        <v>43</v>
      </c>
      <c r="AC15264" s="5" t="s">
        <v>44</v>
      </c>
      <c r="AD15264" s="2"/>
      <c r="AE15264" s="1"/>
    </row>
    <row r="15265" spans="1:31" ht="14.45">
      <c r="A15265" s="11"/>
      <c r="B15265" s="20"/>
      <c r="C15265" s="2" t="s">
        <v>46748</v>
      </c>
      <c r="D15265" s="14" t="s">
        <v>46749</v>
      </c>
      <c r="E15265" s="2" t="s">
        <v>46750</v>
      </c>
      <c r="F15265" s="2" t="s">
        <v>36317</v>
      </c>
      <c r="G15265" s="8">
        <v>350</v>
      </c>
      <c r="H15265" s="5">
        <v>6</v>
      </c>
      <c r="I15265" s="5" t="s">
        <v>1518</v>
      </c>
      <c r="J15265" s="5" t="s">
        <v>36264</v>
      </c>
      <c r="K15265" s="2" t="s">
        <v>36265</v>
      </c>
      <c r="L15265" s="5" t="s">
        <v>36264</v>
      </c>
      <c r="M15265" s="2" t="s">
        <v>36265</v>
      </c>
      <c r="N15265" s="5" t="s">
        <v>36266</v>
      </c>
      <c r="O15265" s="5" t="s">
        <v>38</v>
      </c>
      <c r="P15265" s="5" t="s">
        <v>39</v>
      </c>
      <c r="Q15265" s="5" t="s">
        <v>40</v>
      </c>
      <c r="R15265" s="5" t="s">
        <v>1522</v>
      </c>
      <c r="S15265" s="5" t="s">
        <v>1523</v>
      </c>
      <c r="T15265" s="5" t="s">
        <v>42</v>
      </c>
      <c r="U15265" s="2">
        <v>3.6179999999999999</v>
      </c>
      <c r="V15265" s="2">
        <v>3.0419999999999998</v>
      </c>
      <c r="W15265" s="2">
        <v>1.7999999999999999E-2</v>
      </c>
      <c r="X15265" s="2">
        <v>139.1</v>
      </c>
      <c r="Y15265" s="2">
        <v>7.6</v>
      </c>
      <c r="Z15265" s="2">
        <v>16.7</v>
      </c>
      <c r="AA15265" s="5"/>
      <c r="AB15265" s="5" t="s">
        <v>43</v>
      </c>
      <c r="AC15265" s="5" t="s">
        <v>44</v>
      </c>
      <c r="AD15265" s="2"/>
      <c r="AE15265" s="1"/>
    </row>
    <row r="15266" spans="1:31" ht="14.45">
      <c r="A15266" s="11"/>
      <c r="B15266" s="20"/>
      <c r="C15266" s="2" t="s">
        <v>46751</v>
      </c>
      <c r="D15266" s="14" t="s">
        <v>46752</v>
      </c>
      <c r="E15266" s="2" t="s">
        <v>46753</v>
      </c>
      <c r="F15266" s="2" t="s">
        <v>36329</v>
      </c>
      <c r="G15266" s="8">
        <v>350</v>
      </c>
      <c r="H15266" s="5">
        <v>6</v>
      </c>
      <c r="I15266" s="5" t="s">
        <v>1518</v>
      </c>
      <c r="J15266" s="5" t="s">
        <v>36264</v>
      </c>
      <c r="K15266" s="2" t="s">
        <v>36265</v>
      </c>
      <c r="L15266" s="5" t="s">
        <v>36264</v>
      </c>
      <c r="M15266" s="2" t="s">
        <v>36265</v>
      </c>
      <c r="N15266" s="5" t="s">
        <v>36266</v>
      </c>
      <c r="O15266" s="5" t="s">
        <v>38</v>
      </c>
      <c r="P15266" s="5" t="s">
        <v>39</v>
      </c>
      <c r="Q15266" s="5" t="s">
        <v>40</v>
      </c>
      <c r="R15266" s="5" t="s">
        <v>1522</v>
      </c>
      <c r="S15266" s="5" t="s">
        <v>1523</v>
      </c>
      <c r="T15266" s="5" t="s">
        <v>42</v>
      </c>
      <c r="U15266" s="2">
        <v>3.5059999999999998</v>
      </c>
      <c r="V15266" s="2">
        <v>2.93</v>
      </c>
      <c r="W15266" s="2">
        <v>1.7999999999999999E-2</v>
      </c>
      <c r="X15266" s="2">
        <v>139.1</v>
      </c>
      <c r="Y15266" s="2">
        <v>7.6</v>
      </c>
      <c r="Z15266" s="2">
        <v>16.7</v>
      </c>
      <c r="AA15266" s="5"/>
      <c r="AB15266" s="5" t="s">
        <v>43</v>
      </c>
      <c r="AC15266" s="5" t="s">
        <v>44</v>
      </c>
      <c r="AD15266" s="2"/>
      <c r="AE15266" s="1"/>
    </row>
    <row r="15267" spans="1:31" ht="14.45">
      <c r="A15267" s="11"/>
      <c r="B15267" s="20"/>
      <c r="C15267" s="2" t="s">
        <v>46754</v>
      </c>
      <c r="D15267" s="14" t="s">
        <v>46755</v>
      </c>
      <c r="E15267" s="2" t="s">
        <v>46756</v>
      </c>
      <c r="F15267" s="2" t="s">
        <v>36333</v>
      </c>
      <c r="G15267" s="8">
        <v>350</v>
      </c>
      <c r="H15267" s="5">
        <v>6</v>
      </c>
      <c r="I15267" s="5" t="s">
        <v>1518</v>
      </c>
      <c r="J15267" s="5" t="s">
        <v>36264</v>
      </c>
      <c r="K15267" s="2" t="s">
        <v>36265</v>
      </c>
      <c r="L15267" s="5" t="s">
        <v>36264</v>
      </c>
      <c r="M15267" s="2" t="s">
        <v>36265</v>
      </c>
      <c r="N15267" s="5" t="s">
        <v>36266</v>
      </c>
      <c r="O15267" s="5" t="s">
        <v>38</v>
      </c>
      <c r="P15267" s="5" t="s">
        <v>39</v>
      </c>
      <c r="Q15267" s="5" t="s">
        <v>40</v>
      </c>
      <c r="R15267" s="5" t="s">
        <v>1522</v>
      </c>
      <c r="S15267" s="5" t="s">
        <v>1523</v>
      </c>
      <c r="T15267" s="5" t="s">
        <v>42</v>
      </c>
      <c r="U15267" s="2">
        <v>3.6179999999999999</v>
      </c>
      <c r="V15267" s="2">
        <v>3.0419999999999998</v>
      </c>
      <c r="W15267" s="2">
        <v>1.7999999999999999E-2</v>
      </c>
      <c r="X15267" s="2">
        <v>139.1</v>
      </c>
      <c r="Y15267" s="2">
        <v>7.6</v>
      </c>
      <c r="Z15267" s="2">
        <v>16.7</v>
      </c>
      <c r="AA15267" s="5"/>
      <c r="AB15267" s="5" t="s">
        <v>43</v>
      </c>
      <c r="AC15267" s="5" t="s">
        <v>44</v>
      </c>
      <c r="AD15267" s="2"/>
      <c r="AE15267" s="1"/>
    </row>
    <row r="15268" spans="1:31" ht="14.45">
      <c r="A15268" s="11"/>
      <c r="B15268" s="20"/>
      <c r="C15268" s="2" t="s">
        <v>46757</v>
      </c>
      <c r="D15268" s="14" t="s">
        <v>46758</v>
      </c>
      <c r="E15268" s="2" t="s">
        <v>46759</v>
      </c>
      <c r="F15268" s="2" t="s">
        <v>36337</v>
      </c>
      <c r="G15268" s="8">
        <v>350</v>
      </c>
      <c r="H15268" s="5">
        <v>6</v>
      </c>
      <c r="I15268" s="5" t="s">
        <v>1518</v>
      </c>
      <c r="J15268" s="5" t="s">
        <v>36264</v>
      </c>
      <c r="K15268" s="2" t="s">
        <v>36265</v>
      </c>
      <c r="L15268" s="5" t="s">
        <v>36264</v>
      </c>
      <c r="M15268" s="2" t="s">
        <v>36265</v>
      </c>
      <c r="N15268" s="5" t="s">
        <v>36266</v>
      </c>
      <c r="O15268" s="5" t="s">
        <v>38</v>
      </c>
      <c r="P15268" s="5" t="s">
        <v>39</v>
      </c>
      <c r="Q15268" s="5" t="s">
        <v>40</v>
      </c>
      <c r="R15268" s="5" t="s">
        <v>1522</v>
      </c>
      <c r="S15268" s="5" t="s">
        <v>1523</v>
      </c>
      <c r="T15268" s="5" t="s">
        <v>42</v>
      </c>
      <c r="U15268" s="2">
        <v>3.5059999999999998</v>
      </c>
      <c r="V15268" s="2">
        <v>2.93</v>
      </c>
      <c r="W15268" s="2">
        <v>1.7999999999999999E-2</v>
      </c>
      <c r="X15268" s="2">
        <v>139.1</v>
      </c>
      <c r="Y15268" s="2">
        <v>7.6</v>
      </c>
      <c r="Z15268" s="2">
        <v>16.7</v>
      </c>
      <c r="AA15268" s="5"/>
      <c r="AB15268" s="5" t="s">
        <v>43</v>
      </c>
      <c r="AC15268" s="5" t="s">
        <v>44</v>
      </c>
      <c r="AD15268" s="2"/>
      <c r="AE15268" s="1"/>
    </row>
    <row r="15269" spans="1:31" ht="14.45">
      <c r="A15269" s="11"/>
      <c r="B15269" s="20"/>
      <c r="C15269" s="2" t="s">
        <v>46760</v>
      </c>
      <c r="D15269" s="14" t="s">
        <v>46761</v>
      </c>
      <c r="E15269" s="2" t="s">
        <v>46762</v>
      </c>
      <c r="F15269" s="2" t="s">
        <v>36345</v>
      </c>
      <c r="G15269" s="8">
        <v>350</v>
      </c>
      <c r="H15269" s="5">
        <v>6</v>
      </c>
      <c r="I15269" s="5" t="s">
        <v>1518</v>
      </c>
      <c r="J15269" s="5" t="s">
        <v>36264</v>
      </c>
      <c r="K15269" s="2" t="s">
        <v>36265</v>
      </c>
      <c r="L15269" s="5" t="s">
        <v>36264</v>
      </c>
      <c r="M15269" s="2" t="s">
        <v>36265</v>
      </c>
      <c r="N15269" s="5" t="s">
        <v>36266</v>
      </c>
      <c r="O15269" s="5" t="s">
        <v>38</v>
      </c>
      <c r="P15269" s="5" t="s">
        <v>39</v>
      </c>
      <c r="Q15269" s="5" t="s">
        <v>40</v>
      </c>
      <c r="R15269" s="5" t="s">
        <v>1522</v>
      </c>
      <c r="S15269" s="5" t="s">
        <v>1523</v>
      </c>
      <c r="T15269" s="5" t="s">
        <v>42</v>
      </c>
      <c r="U15269" s="2">
        <v>3.5059999999999998</v>
      </c>
      <c r="V15269" s="2">
        <v>2.93</v>
      </c>
      <c r="W15269" s="2">
        <v>1.7999999999999999E-2</v>
      </c>
      <c r="X15269" s="2">
        <v>139.1</v>
      </c>
      <c r="Y15269" s="2">
        <v>7.6</v>
      </c>
      <c r="Z15269" s="2">
        <v>16.7</v>
      </c>
      <c r="AA15269" s="5"/>
      <c r="AB15269" s="5" t="s">
        <v>43</v>
      </c>
      <c r="AC15269" s="5" t="s">
        <v>44</v>
      </c>
      <c r="AD15269" s="2"/>
      <c r="AE15269" s="1"/>
    </row>
    <row r="15270" spans="1:31" ht="14.45">
      <c r="A15270" s="11"/>
      <c r="B15270" s="20"/>
      <c r="C15270" s="2" t="s">
        <v>46763</v>
      </c>
      <c r="D15270" s="14" t="s">
        <v>46764</v>
      </c>
      <c r="E15270" s="2" t="s">
        <v>46765</v>
      </c>
      <c r="F15270" s="2" t="s">
        <v>36349</v>
      </c>
      <c r="G15270" s="8">
        <v>350</v>
      </c>
      <c r="H15270" s="5">
        <v>6</v>
      </c>
      <c r="I15270" s="5" t="s">
        <v>1518</v>
      </c>
      <c r="J15270" s="5" t="s">
        <v>36264</v>
      </c>
      <c r="K15270" s="2" t="s">
        <v>36265</v>
      </c>
      <c r="L15270" s="5" t="s">
        <v>36264</v>
      </c>
      <c r="M15270" s="2" t="s">
        <v>36265</v>
      </c>
      <c r="N15270" s="5" t="s">
        <v>36266</v>
      </c>
      <c r="O15270" s="5" t="s">
        <v>38</v>
      </c>
      <c r="P15270" s="5" t="s">
        <v>39</v>
      </c>
      <c r="Q15270" s="5" t="s">
        <v>40</v>
      </c>
      <c r="R15270" s="5" t="s">
        <v>1522</v>
      </c>
      <c r="S15270" s="5" t="s">
        <v>1523</v>
      </c>
      <c r="T15270" s="5" t="s">
        <v>42</v>
      </c>
      <c r="U15270" s="2">
        <v>3.6179999999999999</v>
      </c>
      <c r="V15270" s="2">
        <v>3.0419999999999998</v>
      </c>
      <c r="W15270" s="2">
        <v>1.7999999999999999E-2</v>
      </c>
      <c r="X15270" s="2">
        <v>139.1</v>
      </c>
      <c r="Y15270" s="2">
        <v>7.6</v>
      </c>
      <c r="Z15270" s="2">
        <v>16.7</v>
      </c>
      <c r="AA15270" s="5"/>
      <c r="AB15270" s="5" t="s">
        <v>43</v>
      </c>
      <c r="AC15270" s="5" t="s">
        <v>44</v>
      </c>
      <c r="AD15270" s="2"/>
      <c r="AE15270" s="1"/>
    </row>
    <row r="15271" spans="1:31" ht="14.45">
      <c r="A15271" s="11"/>
      <c r="B15271" s="20"/>
      <c r="C15271" s="2" t="s">
        <v>46766</v>
      </c>
      <c r="D15271" s="14" t="s">
        <v>46767</v>
      </c>
      <c r="E15271" s="2" t="s">
        <v>46768</v>
      </c>
      <c r="F15271" s="2" t="s">
        <v>45598</v>
      </c>
      <c r="G15271" s="8">
        <v>350</v>
      </c>
      <c r="H15271" s="5">
        <v>6</v>
      </c>
      <c r="I15271" s="5" t="s">
        <v>1518</v>
      </c>
      <c r="J15271" s="5" t="s">
        <v>36264</v>
      </c>
      <c r="K15271" s="2" t="s">
        <v>36265</v>
      </c>
      <c r="L15271" s="5" t="s">
        <v>36264</v>
      </c>
      <c r="M15271" s="2" t="s">
        <v>36265</v>
      </c>
      <c r="N15271" s="5" t="s">
        <v>36266</v>
      </c>
      <c r="O15271" s="5" t="s">
        <v>38</v>
      </c>
      <c r="P15271" s="5" t="s">
        <v>39</v>
      </c>
      <c r="Q15271" s="5" t="s">
        <v>40</v>
      </c>
      <c r="R15271" s="5" t="s">
        <v>1522</v>
      </c>
      <c r="S15271" s="5" t="s">
        <v>1523</v>
      </c>
      <c r="T15271" s="5" t="s">
        <v>42</v>
      </c>
      <c r="U15271" s="2">
        <v>3.5059999999999998</v>
      </c>
      <c r="V15271" s="2">
        <v>2.93</v>
      </c>
      <c r="W15271" s="2">
        <v>1.7999999999999999E-2</v>
      </c>
      <c r="X15271" s="2">
        <v>139.1</v>
      </c>
      <c r="Y15271" s="2">
        <v>7.6</v>
      </c>
      <c r="Z15271" s="2">
        <v>16.7</v>
      </c>
      <c r="AA15271" s="5"/>
      <c r="AB15271" s="5" t="s">
        <v>43</v>
      </c>
      <c r="AC15271" s="5" t="s">
        <v>44</v>
      </c>
      <c r="AD15271" s="2"/>
      <c r="AE15271" s="1"/>
    </row>
    <row r="15272" spans="1:31" ht="14.45">
      <c r="A15272" s="11"/>
      <c r="B15272" s="20"/>
      <c r="C15272" s="2" t="s">
        <v>46769</v>
      </c>
      <c r="D15272" s="14" t="s">
        <v>46770</v>
      </c>
      <c r="E15272" s="2" t="s">
        <v>46771</v>
      </c>
      <c r="F15272" s="2" t="s">
        <v>45534</v>
      </c>
      <c r="G15272" s="8">
        <v>350</v>
      </c>
      <c r="H15272" s="5">
        <v>6</v>
      </c>
      <c r="I15272" s="5" t="s">
        <v>1518</v>
      </c>
      <c r="J15272" s="5" t="s">
        <v>36264</v>
      </c>
      <c r="K15272" s="2" t="s">
        <v>36265</v>
      </c>
      <c r="L15272" s="5" t="s">
        <v>36264</v>
      </c>
      <c r="M15272" s="2" t="s">
        <v>36265</v>
      </c>
      <c r="N15272" s="5" t="s">
        <v>36266</v>
      </c>
      <c r="O15272" s="5" t="s">
        <v>38</v>
      </c>
      <c r="P15272" s="5" t="s">
        <v>39</v>
      </c>
      <c r="Q15272" s="5" t="s">
        <v>40</v>
      </c>
      <c r="R15272" s="5" t="s">
        <v>1522</v>
      </c>
      <c r="S15272" s="5" t="s">
        <v>1523</v>
      </c>
      <c r="T15272" s="5" t="s">
        <v>42</v>
      </c>
      <c r="U15272" s="2">
        <v>3.6179999999999999</v>
      </c>
      <c r="V15272" s="2">
        <v>3.0419999999999998</v>
      </c>
      <c r="W15272" s="2">
        <v>1.7999999999999999E-2</v>
      </c>
      <c r="X15272" s="2">
        <v>139.1</v>
      </c>
      <c r="Y15272" s="2">
        <v>7.6</v>
      </c>
      <c r="Z15272" s="2">
        <v>16.7</v>
      </c>
      <c r="AA15272" s="5"/>
      <c r="AB15272" s="5" t="s">
        <v>43</v>
      </c>
      <c r="AC15272" s="5" t="s">
        <v>44</v>
      </c>
      <c r="AD15272" s="2"/>
      <c r="AE15272" s="1"/>
    </row>
    <row r="15273" spans="1:31" ht="14.45">
      <c r="A15273" s="11"/>
      <c r="B15273" s="20"/>
      <c r="C15273" s="2" t="s">
        <v>46772</v>
      </c>
      <c r="D15273" s="14" t="s">
        <v>46773</v>
      </c>
      <c r="E15273" s="2" t="s">
        <v>46774</v>
      </c>
      <c r="F15273" s="2" t="s">
        <v>36373</v>
      </c>
      <c r="G15273" s="8">
        <v>350</v>
      </c>
      <c r="H15273" s="5">
        <v>6</v>
      </c>
      <c r="I15273" s="5" t="s">
        <v>1518</v>
      </c>
      <c r="J15273" s="5" t="s">
        <v>36264</v>
      </c>
      <c r="K15273" s="2" t="s">
        <v>36265</v>
      </c>
      <c r="L15273" s="5" t="s">
        <v>36264</v>
      </c>
      <c r="M15273" s="2" t="s">
        <v>36265</v>
      </c>
      <c r="N15273" s="5" t="s">
        <v>36266</v>
      </c>
      <c r="O15273" s="5" t="s">
        <v>38</v>
      </c>
      <c r="P15273" s="5" t="s">
        <v>39</v>
      </c>
      <c r="Q15273" s="5" t="s">
        <v>40</v>
      </c>
      <c r="R15273" s="5" t="s">
        <v>1522</v>
      </c>
      <c r="S15273" s="5" t="s">
        <v>1523</v>
      </c>
      <c r="T15273" s="5" t="s">
        <v>42</v>
      </c>
      <c r="U15273" s="2">
        <v>3.6179999999999999</v>
      </c>
      <c r="V15273" s="2">
        <v>3.0419999999999998</v>
      </c>
      <c r="W15273" s="2">
        <v>1.7999999999999999E-2</v>
      </c>
      <c r="X15273" s="2">
        <v>139.1</v>
      </c>
      <c r="Y15273" s="2">
        <v>7.6</v>
      </c>
      <c r="Z15273" s="2">
        <v>16.7</v>
      </c>
      <c r="AA15273" s="5"/>
      <c r="AB15273" s="5" t="s">
        <v>43</v>
      </c>
      <c r="AC15273" s="5" t="s">
        <v>44</v>
      </c>
      <c r="AD15273" s="2"/>
      <c r="AE15273" s="1"/>
    </row>
    <row r="15274" spans="1:31" ht="14.45">
      <c r="A15274" s="11"/>
      <c r="B15274" s="20"/>
      <c r="C15274" s="2" t="s">
        <v>46775</v>
      </c>
      <c r="D15274" s="14" t="s">
        <v>46776</v>
      </c>
      <c r="E15274" s="2" t="s">
        <v>46777</v>
      </c>
      <c r="F15274" s="2" t="s">
        <v>36377</v>
      </c>
      <c r="G15274" s="8">
        <v>350</v>
      </c>
      <c r="H15274" s="5">
        <v>6</v>
      </c>
      <c r="I15274" s="5" t="s">
        <v>1518</v>
      </c>
      <c r="J15274" s="5" t="s">
        <v>36264</v>
      </c>
      <c r="K15274" s="2" t="s">
        <v>36265</v>
      </c>
      <c r="L15274" s="5" t="s">
        <v>36264</v>
      </c>
      <c r="M15274" s="2" t="s">
        <v>36265</v>
      </c>
      <c r="N15274" s="5" t="s">
        <v>36266</v>
      </c>
      <c r="O15274" s="5" t="s">
        <v>38</v>
      </c>
      <c r="P15274" s="5" t="s">
        <v>39</v>
      </c>
      <c r="Q15274" s="5" t="s">
        <v>40</v>
      </c>
      <c r="R15274" s="5" t="s">
        <v>1522</v>
      </c>
      <c r="S15274" s="5" t="s">
        <v>1523</v>
      </c>
      <c r="T15274" s="5" t="s">
        <v>42</v>
      </c>
      <c r="U15274" s="2">
        <v>3.5059999999999998</v>
      </c>
      <c r="V15274" s="2">
        <v>2.93</v>
      </c>
      <c r="W15274" s="2">
        <v>1.7999999999999999E-2</v>
      </c>
      <c r="X15274" s="2">
        <v>139.1</v>
      </c>
      <c r="Y15274" s="2">
        <v>7.6</v>
      </c>
      <c r="Z15274" s="2">
        <v>16.7</v>
      </c>
      <c r="AA15274" s="5"/>
      <c r="AB15274" s="5" t="s">
        <v>43</v>
      </c>
      <c r="AC15274" s="5" t="s">
        <v>44</v>
      </c>
      <c r="AD15274" s="2"/>
      <c r="AE15274" s="1"/>
    </row>
    <row r="15275" spans="1:31" ht="14.45">
      <c r="A15275" s="11"/>
      <c r="B15275" s="20"/>
      <c r="C15275" s="2" t="s">
        <v>46778</v>
      </c>
      <c r="D15275" s="14" t="s">
        <v>46779</v>
      </c>
      <c r="E15275" s="2" t="s">
        <v>46780</v>
      </c>
      <c r="F15275" s="2" t="s">
        <v>36381</v>
      </c>
      <c r="G15275" s="8">
        <v>350</v>
      </c>
      <c r="H15275" s="5">
        <v>6</v>
      </c>
      <c r="I15275" s="5" t="s">
        <v>1518</v>
      </c>
      <c r="J15275" s="5" t="s">
        <v>36264</v>
      </c>
      <c r="K15275" s="2" t="s">
        <v>36265</v>
      </c>
      <c r="L15275" s="5" t="s">
        <v>36264</v>
      </c>
      <c r="M15275" s="2" t="s">
        <v>36265</v>
      </c>
      <c r="N15275" s="5" t="s">
        <v>36266</v>
      </c>
      <c r="O15275" s="5" t="s">
        <v>38</v>
      </c>
      <c r="P15275" s="5" t="s">
        <v>39</v>
      </c>
      <c r="Q15275" s="5" t="s">
        <v>40</v>
      </c>
      <c r="R15275" s="5" t="s">
        <v>1522</v>
      </c>
      <c r="S15275" s="5" t="s">
        <v>1523</v>
      </c>
      <c r="T15275" s="5" t="s">
        <v>42</v>
      </c>
      <c r="U15275" s="2">
        <v>3.6179999999999999</v>
      </c>
      <c r="V15275" s="2">
        <v>3.0419999999999998</v>
      </c>
      <c r="W15275" s="2">
        <v>1.7999999999999999E-2</v>
      </c>
      <c r="X15275" s="2">
        <v>139.1</v>
      </c>
      <c r="Y15275" s="2">
        <v>7.6</v>
      </c>
      <c r="Z15275" s="2">
        <v>16.7</v>
      </c>
      <c r="AA15275" s="5"/>
      <c r="AB15275" s="5" t="s">
        <v>43</v>
      </c>
      <c r="AC15275" s="5" t="s">
        <v>44</v>
      </c>
      <c r="AD15275" s="2"/>
      <c r="AE15275" s="1"/>
    </row>
    <row r="15276" spans="1:31" ht="14.45">
      <c r="A15276" s="11"/>
      <c r="B15276" s="20"/>
      <c r="C15276" s="2" t="s">
        <v>46781</v>
      </c>
      <c r="D15276" s="14" t="s">
        <v>46782</v>
      </c>
      <c r="E15276" s="2" t="s">
        <v>46783</v>
      </c>
      <c r="F15276" s="2" t="s">
        <v>7204</v>
      </c>
      <c r="G15276" s="8">
        <v>345</v>
      </c>
      <c r="H15276" s="5">
        <v>6</v>
      </c>
      <c r="I15276" s="5" t="s">
        <v>1518</v>
      </c>
      <c r="J15276" s="5" t="s">
        <v>36264</v>
      </c>
      <c r="K15276" s="2" t="s">
        <v>36265</v>
      </c>
      <c r="L15276" s="5" t="s">
        <v>36264</v>
      </c>
      <c r="M15276" s="2" t="s">
        <v>36265</v>
      </c>
      <c r="N15276" s="5" t="s">
        <v>36266</v>
      </c>
      <c r="O15276" s="5" t="s">
        <v>38</v>
      </c>
      <c r="P15276" s="5" t="s">
        <v>39</v>
      </c>
      <c r="Q15276" s="5" t="s">
        <v>40</v>
      </c>
      <c r="R15276" s="5" t="s">
        <v>1522</v>
      </c>
      <c r="S15276" s="5" t="s">
        <v>1523</v>
      </c>
      <c r="T15276" s="5" t="s">
        <v>42</v>
      </c>
      <c r="U15276" s="2">
        <v>3.7759999999999998</v>
      </c>
      <c r="V15276" s="2">
        <v>3.117</v>
      </c>
      <c r="W15276" s="2">
        <v>0.02</v>
      </c>
      <c r="X15276" s="2">
        <v>159.1</v>
      </c>
      <c r="Y15276" s="2">
        <v>7.6</v>
      </c>
      <c r="Z15276" s="2">
        <v>16.7</v>
      </c>
      <c r="AA15276" s="5"/>
      <c r="AB15276" s="5" t="s">
        <v>43</v>
      </c>
      <c r="AC15276" s="5" t="s">
        <v>44</v>
      </c>
      <c r="AD15276" s="2"/>
      <c r="AE15276" s="1"/>
    </row>
    <row r="15277" spans="1:31" ht="14.45">
      <c r="A15277" s="11"/>
      <c r="B15277" s="20"/>
      <c r="C15277" s="2" t="s">
        <v>46784</v>
      </c>
      <c r="D15277" s="14" t="s">
        <v>46785</v>
      </c>
      <c r="E15277" s="2" t="s">
        <v>46786</v>
      </c>
      <c r="F15277" s="2" t="s">
        <v>7514</v>
      </c>
      <c r="G15277" s="8">
        <v>345</v>
      </c>
      <c r="H15277" s="5">
        <v>6</v>
      </c>
      <c r="I15277" s="5" t="s">
        <v>1518</v>
      </c>
      <c r="J15277" s="5" t="s">
        <v>36264</v>
      </c>
      <c r="K15277" s="2" t="s">
        <v>36265</v>
      </c>
      <c r="L15277" s="5" t="s">
        <v>36264</v>
      </c>
      <c r="M15277" s="2" t="s">
        <v>36265</v>
      </c>
      <c r="N15277" s="5" t="s">
        <v>36266</v>
      </c>
      <c r="O15277" s="5" t="s">
        <v>38</v>
      </c>
      <c r="P15277" s="5" t="s">
        <v>39</v>
      </c>
      <c r="Q15277" s="5" t="s">
        <v>40</v>
      </c>
      <c r="R15277" s="5" t="s">
        <v>1522</v>
      </c>
      <c r="S15277" s="5" t="s">
        <v>1523</v>
      </c>
      <c r="T15277" s="5" t="s">
        <v>42</v>
      </c>
      <c r="U15277" s="2">
        <v>3.9</v>
      </c>
      <c r="V15277" s="2">
        <v>3.2410000000000001</v>
      </c>
      <c r="W15277" s="2">
        <v>0.02</v>
      </c>
      <c r="X15277" s="2">
        <v>159.1</v>
      </c>
      <c r="Y15277" s="2">
        <v>7.6</v>
      </c>
      <c r="Z15277" s="2">
        <v>16.7</v>
      </c>
      <c r="AA15277" s="5"/>
      <c r="AB15277" s="5" t="s">
        <v>43</v>
      </c>
      <c r="AC15277" s="5" t="s">
        <v>44</v>
      </c>
      <c r="AD15277" s="2"/>
      <c r="AE15277" s="1"/>
    </row>
    <row r="15278" spans="1:31" ht="14.45">
      <c r="A15278" s="11"/>
      <c r="B15278" s="20"/>
      <c r="C15278" s="2" t="s">
        <v>46787</v>
      </c>
      <c r="D15278" s="14" t="s">
        <v>46788</v>
      </c>
      <c r="E15278" s="2" t="s">
        <v>46789</v>
      </c>
      <c r="F15278" s="2" t="s">
        <v>36277</v>
      </c>
      <c r="G15278" s="8">
        <v>345</v>
      </c>
      <c r="H15278" s="5">
        <v>6</v>
      </c>
      <c r="I15278" s="5" t="s">
        <v>1518</v>
      </c>
      <c r="J15278" s="5" t="s">
        <v>36264</v>
      </c>
      <c r="K15278" s="2" t="s">
        <v>36265</v>
      </c>
      <c r="L15278" s="5" t="s">
        <v>36264</v>
      </c>
      <c r="M15278" s="2" t="s">
        <v>36265</v>
      </c>
      <c r="N15278" s="5" t="s">
        <v>36266</v>
      </c>
      <c r="O15278" s="5" t="s">
        <v>38</v>
      </c>
      <c r="P15278" s="5" t="s">
        <v>39</v>
      </c>
      <c r="Q15278" s="5" t="s">
        <v>40</v>
      </c>
      <c r="R15278" s="5" t="s">
        <v>1522</v>
      </c>
      <c r="S15278" s="5" t="s">
        <v>1523</v>
      </c>
      <c r="T15278" s="5" t="s">
        <v>42</v>
      </c>
      <c r="U15278" s="2">
        <v>3.9</v>
      </c>
      <c r="V15278" s="2">
        <v>3.2410000000000001</v>
      </c>
      <c r="W15278" s="2">
        <v>0.02</v>
      </c>
      <c r="X15278" s="2">
        <v>159.1</v>
      </c>
      <c r="Y15278" s="2">
        <v>7.6</v>
      </c>
      <c r="Z15278" s="2">
        <v>16.7</v>
      </c>
      <c r="AA15278" s="5"/>
      <c r="AB15278" s="5" t="s">
        <v>43</v>
      </c>
      <c r="AC15278" s="5" t="s">
        <v>44</v>
      </c>
      <c r="AD15278" s="2"/>
      <c r="AE15278" s="1"/>
    </row>
    <row r="15279" spans="1:31" ht="14.45">
      <c r="A15279" s="11"/>
      <c r="B15279" s="20"/>
      <c r="C15279" s="2" t="s">
        <v>46790</v>
      </c>
      <c r="D15279" s="14" t="s">
        <v>46791</v>
      </c>
      <c r="E15279" s="2" t="s">
        <v>46792</v>
      </c>
      <c r="F15279" s="2" t="s">
        <v>36289</v>
      </c>
      <c r="G15279" s="8">
        <v>377</v>
      </c>
      <c r="H15279" s="5">
        <v>6</v>
      </c>
      <c r="I15279" s="5" t="s">
        <v>1518</v>
      </c>
      <c r="J15279" s="5" t="s">
        <v>36264</v>
      </c>
      <c r="K15279" s="2" t="s">
        <v>36265</v>
      </c>
      <c r="L15279" s="5" t="s">
        <v>36264</v>
      </c>
      <c r="M15279" s="2" t="s">
        <v>36265</v>
      </c>
      <c r="N15279" s="5" t="s">
        <v>36266</v>
      </c>
      <c r="O15279" s="5" t="s">
        <v>38</v>
      </c>
      <c r="P15279" s="5" t="s">
        <v>39</v>
      </c>
      <c r="Q15279" s="5" t="s">
        <v>40</v>
      </c>
      <c r="R15279" s="5" t="s">
        <v>1522</v>
      </c>
      <c r="S15279" s="5" t="s">
        <v>1523</v>
      </c>
      <c r="T15279" s="5" t="s">
        <v>42</v>
      </c>
      <c r="U15279" s="2">
        <v>3.7759999999999998</v>
      </c>
      <c r="V15279" s="2">
        <v>3.117</v>
      </c>
      <c r="W15279" s="2">
        <v>0.02</v>
      </c>
      <c r="X15279" s="2">
        <v>159.1</v>
      </c>
      <c r="Y15279" s="2">
        <v>7.6</v>
      </c>
      <c r="Z15279" s="2">
        <v>16.7</v>
      </c>
      <c r="AA15279" s="5"/>
      <c r="AB15279" s="5" t="s">
        <v>43</v>
      </c>
      <c r="AC15279" s="5" t="s">
        <v>44</v>
      </c>
      <c r="AD15279" s="2"/>
      <c r="AE15279" s="1"/>
    </row>
    <row r="15280" spans="1:31" ht="14.45">
      <c r="A15280" s="11"/>
      <c r="B15280" s="20"/>
      <c r="C15280" s="2" t="s">
        <v>46793</v>
      </c>
      <c r="D15280" s="14" t="s">
        <v>46794</v>
      </c>
      <c r="E15280" s="2" t="s">
        <v>46795</v>
      </c>
      <c r="F15280" s="2" t="s">
        <v>36293</v>
      </c>
      <c r="G15280" s="8">
        <v>377</v>
      </c>
      <c r="H15280" s="5">
        <v>6</v>
      </c>
      <c r="I15280" s="5" t="s">
        <v>1518</v>
      </c>
      <c r="J15280" s="5" t="s">
        <v>36264</v>
      </c>
      <c r="K15280" s="2" t="s">
        <v>36265</v>
      </c>
      <c r="L15280" s="5" t="s">
        <v>36264</v>
      </c>
      <c r="M15280" s="2" t="s">
        <v>36265</v>
      </c>
      <c r="N15280" s="5" t="s">
        <v>36266</v>
      </c>
      <c r="O15280" s="5" t="s">
        <v>38</v>
      </c>
      <c r="P15280" s="5" t="s">
        <v>39</v>
      </c>
      <c r="Q15280" s="5" t="s">
        <v>40</v>
      </c>
      <c r="R15280" s="5" t="s">
        <v>1522</v>
      </c>
      <c r="S15280" s="5" t="s">
        <v>1523</v>
      </c>
      <c r="T15280" s="5" t="s">
        <v>42</v>
      </c>
      <c r="U15280" s="2">
        <v>3.9</v>
      </c>
      <c r="V15280" s="2">
        <v>3.2410000000000001</v>
      </c>
      <c r="W15280" s="2">
        <v>0.02</v>
      </c>
      <c r="X15280" s="2">
        <v>159.1</v>
      </c>
      <c r="Y15280" s="2">
        <v>7.6</v>
      </c>
      <c r="Z15280" s="2">
        <v>16.7</v>
      </c>
      <c r="AA15280" s="5"/>
      <c r="AB15280" s="5" t="s">
        <v>43</v>
      </c>
      <c r="AC15280" s="5" t="s">
        <v>44</v>
      </c>
      <c r="AD15280" s="2"/>
      <c r="AE15280" s="1"/>
    </row>
    <row r="15281" spans="1:31" ht="14.45">
      <c r="A15281" s="11"/>
      <c r="B15281" s="20"/>
      <c r="C15281" s="2" t="s">
        <v>46796</v>
      </c>
      <c r="D15281" s="14" t="s">
        <v>46797</v>
      </c>
      <c r="E15281" s="2" t="s">
        <v>46798</v>
      </c>
      <c r="F15281" s="2" t="s">
        <v>36297</v>
      </c>
      <c r="G15281" s="8">
        <v>345</v>
      </c>
      <c r="H15281" s="5">
        <v>6</v>
      </c>
      <c r="I15281" s="5" t="s">
        <v>1518</v>
      </c>
      <c r="J15281" s="5" t="s">
        <v>36264</v>
      </c>
      <c r="K15281" s="2" t="s">
        <v>36265</v>
      </c>
      <c r="L15281" s="5" t="s">
        <v>36264</v>
      </c>
      <c r="M15281" s="2" t="s">
        <v>36265</v>
      </c>
      <c r="N15281" s="5" t="s">
        <v>36266</v>
      </c>
      <c r="O15281" s="5" t="s">
        <v>38</v>
      </c>
      <c r="P15281" s="5" t="s">
        <v>39</v>
      </c>
      <c r="Q15281" s="5" t="s">
        <v>40</v>
      </c>
      <c r="R15281" s="5" t="s">
        <v>1522</v>
      </c>
      <c r="S15281" s="5" t="s">
        <v>1523</v>
      </c>
      <c r="T15281" s="5" t="s">
        <v>42</v>
      </c>
      <c r="U15281" s="2">
        <v>3.7759999999999998</v>
      </c>
      <c r="V15281" s="2">
        <v>3.117</v>
      </c>
      <c r="W15281" s="2">
        <v>0.02</v>
      </c>
      <c r="X15281" s="2">
        <v>159.1</v>
      </c>
      <c r="Y15281" s="2">
        <v>7.6</v>
      </c>
      <c r="Z15281" s="2">
        <v>16.7</v>
      </c>
      <c r="AA15281" s="5"/>
      <c r="AB15281" s="5" t="s">
        <v>43</v>
      </c>
      <c r="AC15281" s="5" t="s">
        <v>44</v>
      </c>
      <c r="AD15281" s="2"/>
      <c r="AE15281" s="1"/>
    </row>
    <row r="15282" spans="1:31" ht="14.45">
      <c r="A15282" s="11"/>
      <c r="B15282" s="20"/>
      <c r="C15282" s="2" t="s">
        <v>46799</v>
      </c>
      <c r="D15282" s="14" t="s">
        <v>46800</v>
      </c>
      <c r="E15282" s="2" t="s">
        <v>46801</v>
      </c>
      <c r="F15282" s="2" t="s">
        <v>36305</v>
      </c>
      <c r="G15282" s="8">
        <v>345</v>
      </c>
      <c r="H15282" s="5">
        <v>6</v>
      </c>
      <c r="I15282" s="5" t="s">
        <v>1518</v>
      </c>
      <c r="J15282" s="5" t="s">
        <v>36264</v>
      </c>
      <c r="K15282" s="2" t="s">
        <v>36265</v>
      </c>
      <c r="L15282" s="5" t="s">
        <v>36264</v>
      </c>
      <c r="M15282" s="2" t="s">
        <v>36265</v>
      </c>
      <c r="N15282" s="5" t="s">
        <v>36266</v>
      </c>
      <c r="O15282" s="5" t="s">
        <v>38</v>
      </c>
      <c r="P15282" s="5" t="s">
        <v>39</v>
      </c>
      <c r="Q15282" s="5" t="s">
        <v>40</v>
      </c>
      <c r="R15282" s="5" t="s">
        <v>1522</v>
      </c>
      <c r="S15282" s="5" t="s">
        <v>1523</v>
      </c>
      <c r="T15282" s="5" t="s">
        <v>42</v>
      </c>
      <c r="U15282" s="2">
        <v>3.7759999999999998</v>
      </c>
      <c r="V15282" s="2">
        <v>3.117</v>
      </c>
      <c r="W15282" s="2">
        <v>0.02</v>
      </c>
      <c r="X15282" s="2">
        <v>159.1</v>
      </c>
      <c r="Y15282" s="2">
        <v>7.6</v>
      </c>
      <c r="Z15282" s="2">
        <v>16.7</v>
      </c>
      <c r="AA15282" s="5"/>
      <c r="AB15282" s="5" t="s">
        <v>43</v>
      </c>
      <c r="AC15282" s="5" t="s">
        <v>44</v>
      </c>
      <c r="AD15282" s="2"/>
      <c r="AE15282" s="1"/>
    </row>
    <row r="15283" spans="1:31" ht="14.45">
      <c r="A15283" s="11"/>
      <c r="B15283" s="20"/>
      <c r="C15283" s="2" t="s">
        <v>46802</v>
      </c>
      <c r="D15283" s="14" t="s">
        <v>46803</v>
      </c>
      <c r="E15283" s="2" t="s">
        <v>46804</v>
      </c>
      <c r="F15283" s="2" t="s">
        <v>36317</v>
      </c>
      <c r="G15283" s="8">
        <v>377</v>
      </c>
      <c r="H15283" s="5">
        <v>6</v>
      </c>
      <c r="I15283" s="5" t="s">
        <v>1518</v>
      </c>
      <c r="J15283" s="5" t="s">
        <v>36264</v>
      </c>
      <c r="K15283" s="2" t="s">
        <v>36265</v>
      </c>
      <c r="L15283" s="5" t="s">
        <v>36264</v>
      </c>
      <c r="M15283" s="2" t="s">
        <v>36265</v>
      </c>
      <c r="N15283" s="5" t="s">
        <v>36266</v>
      </c>
      <c r="O15283" s="5" t="s">
        <v>38</v>
      </c>
      <c r="P15283" s="5" t="s">
        <v>39</v>
      </c>
      <c r="Q15283" s="5" t="s">
        <v>40</v>
      </c>
      <c r="R15283" s="5" t="s">
        <v>1522</v>
      </c>
      <c r="S15283" s="5" t="s">
        <v>1523</v>
      </c>
      <c r="T15283" s="5" t="s">
        <v>42</v>
      </c>
      <c r="U15283" s="2">
        <v>3.9</v>
      </c>
      <c r="V15283" s="2">
        <v>3.2410000000000001</v>
      </c>
      <c r="W15283" s="2">
        <v>0.02</v>
      </c>
      <c r="X15283" s="2">
        <v>159.1</v>
      </c>
      <c r="Y15283" s="2">
        <v>7.6</v>
      </c>
      <c r="Z15283" s="2">
        <v>16.7</v>
      </c>
      <c r="AA15283" s="5"/>
      <c r="AB15283" s="5" t="s">
        <v>43</v>
      </c>
      <c r="AC15283" s="5" t="s">
        <v>44</v>
      </c>
      <c r="AD15283" s="2"/>
      <c r="AE15283" s="1"/>
    </row>
    <row r="15284" spans="1:31" ht="14.45">
      <c r="A15284" s="11"/>
      <c r="B15284" s="20"/>
      <c r="C15284" s="2" t="s">
        <v>46805</v>
      </c>
      <c r="D15284" s="14" t="s">
        <v>46806</v>
      </c>
      <c r="E15284" s="2" t="s">
        <v>46807</v>
      </c>
      <c r="F15284" s="2" t="s">
        <v>36329</v>
      </c>
      <c r="G15284" s="8">
        <v>377</v>
      </c>
      <c r="H15284" s="5">
        <v>6</v>
      </c>
      <c r="I15284" s="5" t="s">
        <v>1518</v>
      </c>
      <c r="J15284" s="5" t="s">
        <v>36264</v>
      </c>
      <c r="K15284" s="2" t="s">
        <v>36265</v>
      </c>
      <c r="L15284" s="5" t="s">
        <v>36264</v>
      </c>
      <c r="M15284" s="2" t="s">
        <v>36265</v>
      </c>
      <c r="N15284" s="5" t="s">
        <v>36266</v>
      </c>
      <c r="O15284" s="5" t="s">
        <v>38</v>
      </c>
      <c r="P15284" s="5" t="s">
        <v>39</v>
      </c>
      <c r="Q15284" s="5" t="s">
        <v>40</v>
      </c>
      <c r="R15284" s="5" t="s">
        <v>1522</v>
      </c>
      <c r="S15284" s="5" t="s">
        <v>1523</v>
      </c>
      <c r="T15284" s="5" t="s">
        <v>42</v>
      </c>
      <c r="U15284" s="2">
        <v>3.7759999999999998</v>
      </c>
      <c r="V15284" s="2">
        <v>3.117</v>
      </c>
      <c r="W15284" s="2">
        <v>0.02</v>
      </c>
      <c r="X15284" s="2">
        <v>159.1</v>
      </c>
      <c r="Y15284" s="2">
        <v>7.6</v>
      </c>
      <c r="Z15284" s="2">
        <v>16.7</v>
      </c>
      <c r="AA15284" s="5"/>
      <c r="AB15284" s="5" t="s">
        <v>43</v>
      </c>
      <c r="AC15284" s="5" t="s">
        <v>44</v>
      </c>
      <c r="AD15284" s="2"/>
      <c r="AE15284" s="1"/>
    </row>
    <row r="15285" spans="1:31" ht="14.45">
      <c r="A15285" s="11"/>
      <c r="B15285" s="20"/>
      <c r="C15285" s="2" t="s">
        <v>46808</v>
      </c>
      <c r="D15285" s="14" t="s">
        <v>46809</v>
      </c>
      <c r="E15285" s="2" t="s">
        <v>46810</v>
      </c>
      <c r="F15285" s="2" t="s">
        <v>36333</v>
      </c>
      <c r="G15285" s="8">
        <v>377</v>
      </c>
      <c r="H15285" s="5">
        <v>6</v>
      </c>
      <c r="I15285" s="5" t="s">
        <v>1518</v>
      </c>
      <c r="J15285" s="5" t="s">
        <v>36264</v>
      </c>
      <c r="K15285" s="2" t="s">
        <v>36265</v>
      </c>
      <c r="L15285" s="5" t="s">
        <v>36264</v>
      </c>
      <c r="M15285" s="2" t="s">
        <v>36265</v>
      </c>
      <c r="N15285" s="5" t="s">
        <v>36266</v>
      </c>
      <c r="O15285" s="5" t="s">
        <v>38</v>
      </c>
      <c r="P15285" s="5" t="s">
        <v>39</v>
      </c>
      <c r="Q15285" s="5" t="s">
        <v>40</v>
      </c>
      <c r="R15285" s="5" t="s">
        <v>1522</v>
      </c>
      <c r="S15285" s="5" t="s">
        <v>1523</v>
      </c>
      <c r="T15285" s="5" t="s">
        <v>42</v>
      </c>
      <c r="U15285" s="2">
        <v>3.9</v>
      </c>
      <c r="V15285" s="2">
        <v>3.2410000000000001</v>
      </c>
      <c r="W15285" s="2">
        <v>0.02</v>
      </c>
      <c r="X15285" s="2">
        <v>159.1</v>
      </c>
      <c r="Y15285" s="2">
        <v>7.6</v>
      </c>
      <c r="Z15285" s="2">
        <v>16.7</v>
      </c>
      <c r="AA15285" s="5"/>
      <c r="AB15285" s="5" t="s">
        <v>43</v>
      </c>
      <c r="AC15285" s="5" t="s">
        <v>44</v>
      </c>
      <c r="AD15285" s="2"/>
      <c r="AE15285" s="1"/>
    </row>
    <row r="15286" spans="1:31" ht="14.45">
      <c r="A15286" s="11"/>
      <c r="B15286" s="20"/>
      <c r="C15286" s="2" t="s">
        <v>46811</v>
      </c>
      <c r="D15286" s="14" t="s">
        <v>46812</v>
      </c>
      <c r="E15286" s="2" t="s">
        <v>46813</v>
      </c>
      <c r="F15286" s="2" t="s">
        <v>45598</v>
      </c>
      <c r="G15286" s="8">
        <v>377</v>
      </c>
      <c r="H15286" s="5">
        <v>6</v>
      </c>
      <c r="I15286" s="5" t="s">
        <v>1518</v>
      </c>
      <c r="J15286" s="5" t="s">
        <v>36264</v>
      </c>
      <c r="K15286" s="2" t="s">
        <v>36265</v>
      </c>
      <c r="L15286" s="5" t="s">
        <v>36264</v>
      </c>
      <c r="M15286" s="2" t="s">
        <v>36265</v>
      </c>
      <c r="N15286" s="5" t="s">
        <v>36266</v>
      </c>
      <c r="O15286" s="5" t="s">
        <v>38</v>
      </c>
      <c r="P15286" s="5" t="s">
        <v>39</v>
      </c>
      <c r="Q15286" s="5" t="s">
        <v>40</v>
      </c>
      <c r="R15286" s="5" t="s">
        <v>1522</v>
      </c>
      <c r="S15286" s="5" t="s">
        <v>1523</v>
      </c>
      <c r="T15286" s="5" t="s">
        <v>42</v>
      </c>
      <c r="U15286" s="2">
        <v>3.7759999999999998</v>
      </c>
      <c r="V15286" s="2">
        <v>3.117</v>
      </c>
      <c r="W15286" s="2">
        <v>0.02</v>
      </c>
      <c r="X15286" s="2">
        <v>159.1</v>
      </c>
      <c r="Y15286" s="2">
        <v>7.6</v>
      </c>
      <c r="Z15286" s="2">
        <v>16.7</v>
      </c>
      <c r="AA15286" s="5"/>
      <c r="AB15286" s="5" t="s">
        <v>43</v>
      </c>
      <c r="AC15286" s="5" t="s">
        <v>44</v>
      </c>
      <c r="AD15286" s="2"/>
      <c r="AE15286" s="1"/>
    </row>
    <row r="15287" spans="1:31" ht="14.45">
      <c r="A15287" s="11"/>
      <c r="B15287" s="20"/>
      <c r="C15287" s="2" t="s">
        <v>46814</v>
      </c>
      <c r="D15287" s="14" t="s">
        <v>46815</v>
      </c>
      <c r="E15287" s="2" t="s">
        <v>46816</v>
      </c>
      <c r="F15287" s="2" t="s">
        <v>45534</v>
      </c>
      <c r="G15287" s="8">
        <v>377</v>
      </c>
      <c r="H15287" s="5">
        <v>6</v>
      </c>
      <c r="I15287" s="5" t="s">
        <v>1518</v>
      </c>
      <c r="J15287" s="5" t="s">
        <v>36264</v>
      </c>
      <c r="K15287" s="2" t="s">
        <v>36265</v>
      </c>
      <c r="L15287" s="5" t="s">
        <v>36264</v>
      </c>
      <c r="M15287" s="2" t="s">
        <v>36265</v>
      </c>
      <c r="N15287" s="5" t="s">
        <v>36266</v>
      </c>
      <c r="O15287" s="5" t="s">
        <v>38</v>
      </c>
      <c r="P15287" s="5" t="s">
        <v>39</v>
      </c>
      <c r="Q15287" s="5" t="s">
        <v>40</v>
      </c>
      <c r="R15287" s="5" t="s">
        <v>1522</v>
      </c>
      <c r="S15287" s="5" t="s">
        <v>1523</v>
      </c>
      <c r="T15287" s="5" t="s">
        <v>42</v>
      </c>
      <c r="U15287" s="2">
        <v>3.9</v>
      </c>
      <c r="V15287" s="2">
        <v>3.2410000000000001</v>
      </c>
      <c r="W15287" s="2">
        <v>0.02</v>
      </c>
      <c r="X15287" s="2">
        <v>159.1</v>
      </c>
      <c r="Y15287" s="2">
        <v>7.6</v>
      </c>
      <c r="Z15287" s="2">
        <v>16.7</v>
      </c>
      <c r="AA15287" s="5"/>
      <c r="AB15287" s="5" t="s">
        <v>43</v>
      </c>
      <c r="AC15287" s="5" t="s">
        <v>44</v>
      </c>
      <c r="AD15287" s="2"/>
      <c r="AE15287" s="1"/>
    </row>
    <row r="15288" spans="1:31" ht="14.45">
      <c r="A15288" s="11"/>
      <c r="B15288" s="20"/>
      <c r="C15288" s="2" t="s">
        <v>46817</v>
      </c>
      <c r="D15288" s="14" t="s">
        <v>46818</v>
      </c>
      <c r="E15288" s="2" t="s">
        <v>46819</v>
      </c>
      <c r="F15288" s="2" t="s">
        <v>36373</v>
      </c>
      <c r="G15288" s="8">
        <v>377</v>
      </c>
      <c r="H15288" s="5">
        <v>6</v>
      </c>
      <c r="I15288" s="5" t="s">
        <v>1518</v>
      </c>
      <c r="J15288" s="5" t="s">
        <v>36264</v>
      </c>
      <c r="K15288" s="2" t="s">
        <v>36265</v>
      </c>
      <c r="L15288" s="5" t="s">
        <v>36264</v>
      </c>
      <c r="M15288" s="2" t="s">
        <v>36265</v>
      </c>
      <c r="N15288" s="5" t="s">
        <v>36266</v>
      </c>
      <c r="O15288" s="5" t="s">
        <v>38</v>
      </c>
      <c r="P15288" s="5" t="s">
        <v>39</v>
      </c>
      <c r="Q15288" s="5" t="s">
        <v>40</v>
      </c>
      <c r="R15288" s="5" t="s">
        <v>1522</v>
      </c>
      <c r="S15288" s="5" t="s">
        <v>1523</v>
      </c>
      <c r="T15288" s="5" t="s">
        <v>42</v>
      </c>
      <c r="U15288" s="2">
        <v>3.9</v>
      </c>
      <c r="V15288" s="2">
        <v>3.2410000000000001</v>
      </c>
      <c r="W15288" s="2">
        <v>0.02</v>
      </c>
      <c r="X15288" s="2">
        <v>159.1</v>
      </c>
      <c r="Y15288" s="2">
        <v>7.6</v>
      </c>
      <c r="Z15288" s="2">
        <v>16.7</v>
      </c>
      <c r="AA15288" s="5"/>
      <c r="AB15288" s="5" t="s">
        <v>43</v>
      </c>
      <c r="AC15288" s="5" t="s">
        <v>44</v>
      </c>
      <c r="AD15288" s="2"/>
      <c r="AE15288" s="1"/>
    </row>
    <row r="15289" spans="1:31" ht="14.45">
      <c r="A15289" s="11"/>
      <c r="B15289" s="20"/>
      <c r="C15289" s="2" t="s">
        <v>46820</v>
      </c>
      <c r="D15289" s="14" t="s">
        <v>46821</v>
      </c>
      <c r="E15289" s="2" t="s">
        <v>46822</v>
      </c>
      <c r="F15289" s="2" t="s">
        <v>36377</v>
      </c>
      <c r="G15289" s="8">
        <v>377</v>
      </c>
      <c r="H15289" s="5">
        <v>6</v>
      </c>
      <c r="I15289" s="5" t="s">
        <v>1518</v>
      </c>
      <c r="J15289" s="5" t="s">
        <v>36264</v>
      </c>
      <c r="K15289" s="2" t="s">
        <v>36265</v>
      </c>
      <c r="L15289" s="5" t="s">
        <v>36264</v>
      </c>
      <c r="M15289" s="2" t="s">
        <v>36265</v>
      </c>
      <c r="N15289" s="5" t="s">
        <v>36266</v>
      </c>
      <c r="O15289" s="5" t="s">
        <v>38</v>
      </c>
      <c r="P15289" s="5" t="s">
        <v>39</v>
      </c>
      <c r="Q15289" s="5" t="s">
        <v>40</v>
      </c>
      <c r="R15289" s="5" t="s">
        <v>1522</v>
      </c>
      <c r="S15289" s="5" t="s">
        <v>1523</v>
      </c>
      <c r="T15289" s="5" t="s">
        <v>42</v>
      </c>
      <c r="U15289" s="2">
        <v>3.7759999999999998</v>
      </c>
      <c r="V15289" s="2">
        <v>3.117</v>
      </c>
      <c r="W15289" s="2">
        <v>0.02</v>
      </c>
      <c r="X15289" s="2">
        <v>159.1</v>
      </c>
      <c r="Y15289" s="2">
        <v>7.6</v>
      </c>
      <c r="Z15289" s="2">
        <v>16.7</v>
      </c>
      <c r="AA15289" s="5"/>
      <c r="AB15289" s="5" t="s">
        <v>43</v>
      </c>
      <c r="AC15289" s="5" t="s">
        <v>44</v>
      </c>
      <c r="AD15289" s="2"/>
      <c r="AE15289" s="1"/>
    </row>
    <row r="15290" spans="1:31" ht="14.45">
      <c r="A15290" s="11"/>
      <c r="B15290" s="20"/>
      <c r="C15290" s="2" t="s">
        <v>46823</v>
      </c>
      <c r="D15290" s="14" t="s">
        <v>46824</v>
      </c>
      <c r="E15290" s="2" t="s">
        <v>46825</v>
      </c>
      <c r="F15290" s="2" t="s">
        <v>36381</v>
      </c>
      <c r="G15290" s="8">
        <v>377</v>
      </c>
      <c r="H15290" s="5">
        <v>6</v>
      </c>
      <c r="I15290" s="5" t="s">
        <v>1518</v>
      </c>
      <c r="J15290" s="5" t="s">
        <v>36264</v>
      </c>
      <c r="K15290" s="2" t="s">
        <v>36265</v>
      </c>
      <c r="L15290" s="5" t="s">
        <v>36264</v>
      </c>
      <c r="M15290" s="2" t="s">
        <v>36265</v>
      </c>
      <c r="N15290" s="5" t="s">
        <v>36266</v>
      </c>
      <c r="O15290" s="5" t="s">
        <v>38</v>
      </c>
      <c r="P15290" s="5" t="s">
        <v>39</v>
      </c>
      <c r="Q15290" s="5" t="s">
        <v>40</v>
      </c>
      <c r="R15290" s="5" t="s">
        <v>1522</v>
      </c>
      <c r="S15290" s="5" t="s">
        <v>1523</v>
      </c>
      <c r="T15290" s="5" t="s">
        <v>42</v>
      </c>
      <c r="U15290" s="2">
        <v>3.9</v>
      </c>
      <c r="V15290" s="2">
        <v>3.2410000000000001</v>
      </c>
      <c r="W15290" s="2">
        <v>0.02</v>
      </c>
      <c r="X15290" s="2">
        <v>159.1</v>
      </c>
      <c r="Y15290" s="2">
        <v>7.6</v>
      </c>
      <c r="Z15290" s="2">
        <v>16.7</v>
      </c>
      <c r="AA15290" s="5"/>
      <c r="AB15290" s="5" t="s">
        <v>43</v>
      </c>
      <c r="AC15290" s="5" t="s">
        <v>44</v>
      </c>
      <c r="AD15290" s="2"/>
      <c r="AE15290" s="1"/>
    </row>
    <row r="15291" spans="1:31" ht="14.45">
      <c r="A15291" s="11"/>
      <c r="B15291" s="20"/>
      <c r="C15291" s="2" t="s">
        <v>46826</v>
      </c>
      <c r="D15291" s="14" t="s">
        <v>46827</v>
      </c>
      <c r="E15291" s="2" t="s">
        <v>46828</v>
      </c>
      <c r="F15291" s="2" t="s">
        <v>7514</v>
      </c>
      <c r="G15291" s="8">
        <v>322</v>
      </c>
      <c r="H15291" s="5">
        <v>6</v>
      </c>
      <c r="I15291" s="5" t="s">
        <v>1518</v>
      </c>
      <c r="J15291" s="5" t="s">
        <v>36264</v>
      </c>
      <c r="K15291" s="2" t="s">
        <v>36265</v>
      </c>
      <c r="L15291" s="5" t="s">
        <v>36264</v>
      </c>
      <c r="M15291" s="2" t="s">
        <v>36265</v>
      </c>
      <c r="N15291" s="5" t="s">
        <v>36266</v>
      </c>
      <c r="O15291" s="5" t="s">
        <v>38</v>
      </c>
      <c r="P15291" s="5" t="s">
        <v>39</v>
      </c>
      <c r="Q15291" s="5" t="s">
        <v>40</v>
      </c>
      <c r="R15291" s="5" t="s">
        <v>1522</v>
      </c>
      <c r="S15291" s="5" t="s">
        <v>1523</v>
      </c>
      <c r="T15291" s="5" t="s">
        <v>42</v>
      </c>
      <c r="U15291" s="2">
        <v>3.5779999999999998</v>
      </c>
      <c r="V15291" s="2">
        <v>2.9119999999999999</v>
      </c>
      <c r="W15291" s="2">
        <v>0.02</v>
      </c>
      <c r="X15291" s="2">
        <v>159.1</v>
      </c>
      <c r="Y15291" s="2">
        <v>7.6</v>
      </c>
      <c r="Z15291" s="2">
        <v>16.7</v>
      </c>
      <c r="AA15291" s="5"/>
      <c r="AB15291" s="5" t="s">
        <v>43</v>
      </c>
      <c r="AC15291" s="5" t="s">
        <v>44</v>
      </c>
      <c r="AD15291" s="2"/>
      <c r="AE15291" s="1"/>
    </row>
    <row r="15292" spans="1:31" ht="14.45">
      <c r="A15292" s="11"/>
      <c r="B15292" s="20"/>
      <c r="C15292" s="2" t="s">
        <v>46829</v>
      </c>
      <c r="D15292" s="14" t="s">
        <v>46830</v>
      </c>
      <c r="E15292" s="2" t="s">
        <v>46831</v>
      </c>
      <c r="F15292" s="2" t="s">
        <v>36277</v>
      </c>
      <c r="G15292" s="8">
        <v>322</v>
      </c>
      <c r="H15292" s="5">
        <v>6</v>
      </c>
      <c r="I15292" s="5" t="s">
        <v>1518</v>
      </c>
      <c r="J15292" s="5" t="s">
        <v>36264</v>
      </c>
      <c r="K15292" s="2" t="s">
        <v>36265</v>
      </c>
      <c r="L15292" s="5" t="s">
        <v>36264</v>
      </c>
      <c r="M15292" s="2" t="s">
        <v>36265</v>
      </c>
      <c r="N15292" s="5" t="s">
        <v>36266</v>
      </c>
      <c r="O15292" s="5" t="s">
        <v>38</v>
      </c>
      <c r="P15292" s="5" t="s">
        <v>39</v>
      </c>
      <c r="Q15292" s="5" t="s">
        <v>40</v>
      </c>
      <c r="R15292" s="5" t="s">
        <v>1522</v>
      </c>
      <c r="S15292" s="5" t="s">
        <v>1523</v>
      </c>
      <c r="T15292" s="5" t="s">
        <v>42</v>
      </c>
      <c r="U15292" s="2">
        <v>3.5779999999999998</v>
      </c>
      <c r="V15292" s="2">
        <v>2.9119999999999999</v>
      </c>
      <c r="W15292" s="2">
        <v>0.02</v>
      </c>
      <c r="X15292" s="2">
        <v>159.1</v>
      </c>
      <c r="Y15292" s="2">
        <v>7.6</v>
      </c>
      <c r="Z15292" s="2">
        <v>16.7</v>
      </c>
      <c r="AA15292" s="5"/>
      <c r="AB15292" s="5" t="s">
        <v>43</v>
      </c>
      <c r="AC15292" s="5" t="s">
        <v>44</v>
      </c>
      <c r="AD15292" s="2"/>
      <c r="AE15292" s="1"/>
    </row>
    <row r="15293" spans="1:31" ht="14.45">
      <c r="A15293" s="11"/>
      <c r="B15293" s="20"/>
      <c r="C15293" s="2" t="s">
        <v>46832</v>
      </c>
      <c r="D15293" s="14" t="s">
        <v>46833</v>
      </c>
      <c r="E15293" s="2" t="s">
        <v>46834</v>
      </c>
      <c r="F15293" s="2" t="s">
        <v>36305</v>
      </c>
      <c r="G15293" s="8">
        <v>322</v>
      </c>
      <c r="H15293" s="5">
        <v>6</v>
      </c>
      <c r="I15293" s="5" t="s">
        <v>1518</v>
      </c>
      <c r="J15293" s="5" t="s">
        <v>36264</v>
      </c>
      <c r="K15293" s="2" t="s">
        <v>36265</v>
      </c>
      <c r="L15293" s="5" t="s">
        <v>36264</v>
      </c>
      <c r="M15293" s="2" t="s">
        <v>36265</v>
      </c>
      <c r="N15293" s="5" t="s">
        <v>36266</v>
      </c>
      <c r="O15293" s="5" t="s">
        <v>38</v>
      </c>
      <c r="P15293" s="5" t="s">
        <v>39</v>
      </c>
      <c r="Q15293" s="5" t="s">
        <v>40</v>
      </c>
      <c r="R15293" s="5" t="s">
        <v>1522</v>
      </c>
      <c r="S15293" s="5" t="s">
        <v>1523</v>
      </c>
      <c r="T15293" s="5" t="s">
        <v>42</v>
      </c>
      <c r="U15293" s="2">
        <v>3.4830000000000001</v>
      </c>
      <c r="V15293" s="2">
        <v>2.8170000000000002</v>
      </c>
      <c r="W15293" s="2">
        <v>0.02</v>
      </c>
      <c r="X15293" s="2">
        <v>159.1</v>
      </c>
      <c r="Y15293" s="2">
        <v>7.6</v>
      </c>
      <c r="Z15293" s="2">
        <v>16.7</v>
      </c>
      <c r="AA15293" s="5"/>
      <c r="AB15293" s="5" t="s">
        <v>43</v>
      </c>
      <c r="AC15293" s="5" t="s">
        <v>44</v>
      </c>
      <c r="AD15293" s="2"/>
      <c r="AE15293" s="1"/>
    </row>
    <row r="15294" spans="1:31" ht="14.45">
      <c r="A15294" s="11"/>
      <c r="B15294" s="20"/>
      <c r="C15294" s="2" t="s">
        <v>46835</v>
      </c>
      <c r="D15294" s="14" t="s">
        <v>46836</v>
      </c>
      <c r="E15294" s="2" t="s">
        <v>46837</v>
      </c>
      <c r="F15294" s="2" t="s">
        <v>36321</v>
      </c>
      <c r="G15294" s="8">
        <v>350</v>
      </c>
      <c r="H15294" s="5">
        <v>6</v>
      </c>
      <c r="I15294" s="5" t="s">
        <v>1518</v>
      </c>
      <c r="J15294" s="5" t="s">
        <v>36264</v>
      </c>
      <c r="K15294" s="2" t="s">
        <v>36265</v>
      </c>
      <c r="L15294" s="5" t="s">
        <v>36264</v>
      </c>
      <c r="M15294" s="2" t="s">
        <v>36265</v>
      </c>
      <c r="N15294" s="5" t="s">
        <v>36266</v>
      </c>
      <c r="O15294" s="5" t="s">
        <v>38</v>
      </c>
      <c r="P15294" s="5" t="s">
        <v>39</v>
      </c>
      <c r="Q15294" s="5" t="s">
        <v>40</v>
      </c>
      <c r="R15294" s="5" t="s">
        <v>1522</v>
      </c>
      <c r="S15294" s="5" t="s">
        <v>1523</v>
      </c>
      <c r="T15294" s="5" t="s">
        <v>42</v>
      </c>
      <c r="U15294" s="2">
        <v>3.4830000000000001</v>
      </c>
      <c r="V15294" s="2">
        <v>2.8170000000000002</v>
      </c>
      <c r="W15294" s="2">
        <v>0.02</v>
      </c>
      <c r="X15294" s="2">
        <v>159.1</v>
      </c>
      <c r="Y15294" s="2">
        <v>7.6</v>
      </c>
      <c r="Z15294" s="2">
        <v>16.7</v>
      </c>
      <c r="AA15294" s="5"/>
      <c r="AB15294" s="5" t="s">
        <v>43</v>
      </c>
      <c r="AC15294" s="5" t="s">
        <v>44</v>
      </c>
      <c r="AD15294" s="2"/>
      <c r="AE15294" s="1"/>
    </row>
    <row r="15295" spans="1:31" ht="14.45">
      <c r="A15295" s="11"/>
      <c r="B15295" s="20"/>
      <c r="C15295" s="2" t="s">
        <v>46838</v>
      </c>
      <c r="D15295" s="14" t="s">
        <v>46839</v>
      </c>
      <c r="E15295" s="2" t="s">
        <v>46840</v>
      </c>
      <c r="F15295" s="2" t="s">
        <v>36345</v>
      </c>
      <c r="G15295" s="8">
        <v>350</v>
      </c>
      <c r="H15295" s="5">
        <v>6</v>
      </c>
      <c r="I15295" s="5" t="s">
        <v>1518</v>
      </c>
      <c r="J15295" s="5" t="s">
        <v>36264</v>
      </c>
      <c r="K15295" s="2" t="s">
        <v>36265</v>
      </c>
      <c r="L15295" s="5" t="s">
        <v>36264</v>
      </c>
      <c r="M15295" s="2" t="s">
        <v>36265</v>
      </c>
      <c r="N15295" s="5" t="s">
        <v>36266</v>
      </c>
      <c r="O15295" s="5" t="s">
        <v>38</v>
      </c>
      <c r="P15295" s="5" t="s">
        <v>39</v>
      </c>
      <c r="Q15295" s="5" t="s">
        <v>40</v>
      </c>
      <c r="R15295" s="5" t="s">
        <v>1522</v>
      </c>
      <c r="S15295" s="5" t="s">
        <v>1523</v>
      </c>
      <c r="T15295" s="5" t="s">
        <v>42</v>
      </c>
      <c r="U15295" s="2">
        <v>3.4830000000000001</v>
      </c>
      <c r="V15295" s="2">
        <v>2.8170000000000002</v>
      </c>
      <c r="W15295" s="2">
        <v>0.02</v>
      </c>
      <c r="X15295" s="2">
        <v>159.1</v>
      </c>
      <c r="Y15295" s="2">
        <v>7.6</v>
      </c>
      <c r="Z15295" s="2">
        <v>16.7</v>
      </c>
      <c r="AA15295" s="5"/>
      <c r="AB15295" s="5" t="s">
        <v>43</v>
      </c>
      <c r="AC15295" s="5" t="s">
        <v>44</v>
      </c>
      <c r="AD15295" s="2"/>
      <c r="AE15295" s="1"/>
    </row>
    <row r="15296" spans="1:31" ht="14.45">
      <c r="A15296" s="11"/>
      <c r="B15296" s="20"/>
      <c r="C15296" s="2" t="s">
        <v>46841</v>
      </c>
      <c r="D15296" s="14" t="s">
        <v>46842</v>
      </c>
      <c r="E15296" s="2" t="s">
        <v>46843</v>
      </c>
      <c r="F15296" s="2" t="s">
        <v>36385</v>
      </c>
      <c r="G15296" s="8">
        <v>350</v>
      </c>
      <c r="H15296" s="5">
        <v>6</v>
      </c>
      <c r="I15296" s="5" t="s">
        <v>1518</v>
      </c>
      <c r="J15296" s="5" t="s">
        <v>36264</v>
      </c>
      <c r="K15296" s="2" t="s">
        <v>36265</v>
      </c>
      <c r="L15296" s="5" t="s">
        <v>36264</v>
      </c>
      <c r="M15296" s="2" t="s">
        <v>36265</v>
      </c>
      <c r="N15296" s="5" t="s">
        <v>36266</v>
      </c>
      <c r="O15296" s="5" t="s">
        <v>38</v>
      </c>
      <c r="P15296" s="5" t="s">
        <v>39</v>
      </c>
      <c r="Q15296" s="5" t="s">
        <v>40</v>
      </c>
      <c r="R15296" s="5" t="s">
        <v>1522</v>
      </c>
      <c r="S15296" s="5" t="s">
        <v>1523</v>
      </c>
      <c r="T15296" s="5" t="s">
        <v>42</v>
      </c>
      <c r="U15296" s="2">
        <v>3.4830000000000001</v>
      </c>
      <c r="V15296" s="2">
        <v>2.8170000000000002</v>
      </c>
      <c r="W15296" s="2">
        <v>0.02</v>
      </c>
      <c r="X15296" s="2">
        <v>159.1</v>
      </c>
      <c r="Y15296" s="2">
        <v>7.6</v>
      </c>
      <c r="Z15296" s="2">
        <v>16.7</v>
      </c>
      <c r="AA15296" s="5"/>
      <c r="AB15296" s="5" t="s">
        <v>43</v>
      </c>
      <c r="AC15296" s="5" t="s">
        <v>44</v>
      </c>
      <c r="AD15296" s="2"/>
      <c r="AE15296" s="1"/>
    </row>
    <row r="15297" spans="1:31" ht="14.45">
      <c r="A15297" s="11"/>
      <c r="B15297" s="20"/>
      <c r="C15297" s="2" t="s">
        <v>46844</v>
      </c>
      <c r="D15297" s="14" t="s">
        <v>46845</v>
      </c>
      <c r="E15297" s="2" t="s">
        <v>46846</v>
      </c>
      <c r="F15297" s="2" t="s">
        <v>7204</v>
      </c>
      <c r="G15297" s="8">
        <v>338</v>
      </c>
      <c r="H15297" s="5">
        <v>6</v>
      </c>
      <c r="I15297" s="5" t="s">
        <v>1518</v>
      </c>
      <c r="J15297" s="5" t="s">
        <v>36264</v>
      </c>
      <c r="K15297" s="2" t="s">
        <v>36265</v>
      </c>
      <c r="L15297" s="5" t="s">
        <v>36264</v>
      </c>
      <c r="M15297" s="2" t="s">
        <v>36265</v>
      </c>
      <c r="N15297" s="5" t="s">
        <v>36266</v>
      </c>
      <c r="O15297" s="5" t="s">
        <v>38</v>
      </c>
      <c r="P15297" s="5" t="s">
        <v>39</v>
      </c>
      <c r="Q15297" s="5" t="s">
        <v>40</v>
      </c>
      <c r="R15297" s="5" t="s">
        <v>1522</v>
      </c>
      <c r="S15297" s="5" t="s">
        <v>1523</v>
      </c>
      <c r="T15297" s="5" t="s">
        <v>42</v>
      </c>
      <c r="U15297" s="2">
        <v>3.855</v>
      </c>
      <c r="V15297" s="2">
        <v>3.2080000000000002</v>
      </c>
      <c r="W15297" s="2">
        <v>0.02</v>
      </c>
      <c r="X15297" s="2">
        <v>159.1</v>
      </c>
      <c r="Y15297" s="2">
        <v>7.6</v>
      </c>
      <c r="Z15297" s="2">
        <v>16.7</v>
      </c>
      <c r="AA15297" s="5"/>
      <c r="AB15297" s="5" t="s">
        <v>43</v>
      </c>
      <c r="AC15297" s="5" t="s">
        <v>44</v>
      </c>
      <c r="AD15297" s="2"/>
      <c r="AE15297" s="1"/>
    </row>
    <row r="15298" spans="1:31" ht="14.45">
      <c r="A15298" s="11"/>
      <c r="B15298" s="20"/>
      <c r="C15298" s="2" t="s">
        <v>46847</v>
      </c>
      <c r="D15298" s="14" t="s">
        <v>46848</v>
      </c>
      <c r="E15298" s="2" t="s">
        <v>46849</v>
      </c>
      <c r="F15298" s="2" t="s">
        <v>7514</v>
      </c>
      <c r="G15298" s="8">
        <v>338</v>
      </c>
      <c r="H15298" s="5">
        <v>6</v>
      </c>
      <c r="I15298" s="5" t="s">
        <v>1518</v>
      </c>
      <c r="J15298" s="5" t="s">
        <v>36264</v>
      </c>
      <c r="K15298" s="2" t="s">
        <v>36265</v>
      </c>
      <c r="L15298" s="5" t="s">
        <v>36264</v>
      </c>
      <c r="M15298" s="2" t="s">
        <v>36265</v>
      </c>
      <c r="N15298" s="5" t="s">
        <v>36266</v>
      </c>
      <c r="O15298" s="5" t="s">
        <v>38</v>
      </c>
      <c r="P15298" s="5" t="s">
        <v>39</v>
      </c>
      <c r="Q15298" s="5" t="s">
        <v>40</v>
      </c>
      <c r="R15298" s="5" t="s">
        <v>1522</v>
      </c>
      <c r="S15298" s="5" t="s">
        <v>1523</v>
      </c>
      <c r="T15298" s="5" t="s">
        <v>42</v>
      </c>
      <c r="U15298" s="2">
        <v>3.9750000000000001</v>
      </c>
      <c r="V15298" s="2">
        <v>3.3279999999999998</v>
      </c>
      <c r="W15298" s="2">
        <v>0.02</v>
      </c>
      <c r="X15298" s="2">
        <v>159.1</v>
      </c>
      <c r="Y15298" s="2">
        <v>7.6</v>
      </c>
      <c r="Z15298" s="2">
        <v>16.7</v>
      </c>
      <c r="AA15298" s="5"/>
      <c r="AB15298" s="5" t="s">
        <v>43</v>
      </c>
      <c r="AC15298" s="5" t="s">
        <v>44</v>
      </c>
      <c r="AD15298" s="2"/>
      <c r="AE15298" s="1"/>
    </row>
    <row r="15299" spans="1:31" ht="14.45">
      <c r="A15299" s="11"/>
      <c r="B15299" s="20"/>
      <c r="C15299" s="2" t="s">
        <v>46850</v>
      </c>
      <c r="D15299" s="14" t="s">
        <v>46851</v>
      </c>
      <c r="E15299" s="2" t="s">
        <v>46852</v>
      </c>
      <c r="F15299" s="2" t="s">
        <v>36297</v>
      </c>
      <c r="G15299" s="8">
        <v>338</v>
      </c>
      <c r="H15299" s="5">
        <v>6</v>
      </c>
      <c r="I15299" s="5" t="s">
        <v>1518</v>
      </c>
      <c r="J15299" s="5" t="s">
        <v>36264</v>
      </c>
      <c r="K15299" s="2" t="s">
        <v>36265</v>
      </c>
      <c r="L15299" s="5" t="s">
        <v>36264</v>
      </c>
      <c r="M15299" s="2" t="s">
        <v>36265</v>
      </c>
      <c r="N15299" s="5" t="s">
        <v>36266</v>
      </c>
      <c r="O15299" s="5" t="s">
        <v>38</v>
      </c>
      <c r="P15299" s="5" t="s">
        <v>39</v>
      </c>
      <c r="Q15299" s="5" t="s">
        <v>40</v>
      </c>
      <c r="R15299" s="5" t="s">
        <v>1522</v>
      </c>
      <c r="S15299" s="5" t="s">
        <v>1523</v>
      </c>
      <c r="T15299" s="5" t="s">
        <v>42</v>
      </c>
      <c r="U15299" s="2">
        <v>3.855</v>
      </c>
      <c r="V15299" s="2">
        <v>3.2080000000000002</v>
      </c>
      <c r="W15299" s="2">
        <v>0.02</v>
      </c>
      <c r="X15299" s="2">
        <v>159.1</v>
      </c>
      <c r="Y15299" s="2">
        <v>7.6</v>
      </c>
      <c r="Z15299" s="2">
        <v>16.7</v>
      </c>
      <c r="AA15299" s="5"/>
      <c r="AB15299" s="5" t="s">
        <v>43</v>
      </c>
      <c r="AC15299" s="5" t="s">
        <v>44</v>
      </c>
      <c r="AD15299" s="2"/>
      <c r="AE15299" s="1"/>
    </row>
    <row r="15300" spans="1:31" ht="14.45">
      <c r="A15300" s="11"/>
      <c r="B15300" s="20"/>
      <c r="C15300" s="2" t="s">
        <v>46853</v>
      </c>
      <c r="D15300" s="14" t="s">
        <v>46854</v>
      </c>
      <c r="E15300" s="2" t="s">
        <v>46855</v>
      </c>
      <c r="F15300" s="2" t="s">
        <v>36305</v>
      </c>
      <c r="G15300" s="8">
        <v>338</v>
      </c>
      <c r="H15300" s="5">
        <v>6</v>
      </c>
      <c r="I15300" s="5" t="s">
        <v>1518</v>
      </c>
      <c r="J15300" s="5" t="s">
        <v>36264</v>
      </c>
      <c r="K15300" s="2" t="s">
        <v>36265</v>
      </c>
      <c r="L15300" s="5" t="s">
        <v>36264</v>
      </c>
      <c r="M15300" s="2" t="s">
        <v>36265</v>
      </c>
      <c r="N15300" s="5" t="s">
        <v>36266</v>
      </c>
      <c r="O15300" s="5" t="s">
        <v>38</v>
      </c>
      <c r="P15300" s="5" t="s">
        <v>39</v>
      </c>
      <c r="Q15300" s="5" t="s">
        <v>40</v>
      </c>
      <c r="R15300" s="5" t="s">
        <v>1522</v>
      </c>
      <c r="S15300" s="5" t="s">
        <v>1523</v>
      </c>
      <c r="T15300" s="5" t="s">
        <v>42</v>
      </c>
      <c r="U15300" s="2">
        <v>3.855</v>
      </c>
      <c r="V15300" s="2">
        <v>3.2080000000000002</v>
      </c>
      <c r="W15300" s="2">
        <v>0.02</v>
      </c>
      <c r="X15300" s="2">
        <v>159.1</v>
      </c>
      <c r="Y15300" s="2">
        <v>7.6</v>
      </c>
      <c r="Z15300" s="2">
        <v>16.7</v>
      </c>
      <c r="AA15300" s="5"/>
      <c r="AB15300" s="5" t="s">
        <v>43</v>
      </c>
      <c r="AC15300" s="5" t="s">
        <v>44</v>
      </c>
      <c r="AD15300" s="2"/>
      <c r="AE15300" s="1"/>
    </row>
    <row r="15301" spans="1:31" ht="14.45">
      <c r="A15301" s="11"/>
      <c r="B15301" s="20"/>
      <c r="C15301" s="2" t="s">
        <v>46856</v>
      </c>
      <c r="D15301" s="14" t="s">
        <v>46857</v>
      </c>
      <c r="E15301" s="2" t="s">
        <v>46858</v>
      </c>
      <c r="F15301" s="2" t="s">
        <v>36337</v>
      </c>
      <c r="G15301" s="8">
        <v>369</v>
      </c>
      <c r="H15301" s="5">
        <v>6</v>
      </c>
      <c r="I15301" s="5" t="s">
        <v>1518</v>
      </c>
      <c r="J15301" s="5" t="s">
        <v>36264</v>
      </c>
      <c r="K15301" s="2" t="s">
        <v>36265</v>
      </c>
      <c r="L15301" s="5" t="s">
        <v>36264</v>
      </c>
      <c r="M15301" s="2" t="s">
        <v>36265</v>
      </c>
      <c r="N15301" s="5" t="s">
        <v>36266</v>
      </c>
      <c r="O15301" s="5" t="s">
        <v>38</v>
      </c>
      <c r="P15301" s="5" t="s">
        <v>39</v>
      </c>
      <c r="Q15301" s="5" t="s">
        <v>40</v>
      </c>
      <c r="R15301" s="5" t="s">
        <v>1522</v>
      </c>
      <c r="S15301" s="5" t="s">
        <v>1523</v>
      </c>
      <c r="T15301" s="5" t="s">
        <v>42</v>
      </c>
      <c r="U15301" s="2">
        <v>3.855</v>
      </c>
      <c r="V15301" s="2">
        <v>3.2080000000000002</v>
      </c>
      <c r="W15301" s="2">
        <v>0.02</v>
      </c>
      <c r="X15301" s="2">
        <v>159.1</v>
      </c>
      <c r="Y15301" s="2">
        <v>7.6</v>
      </c>
      <c r="Z15301" s="2">
        <v>16.7</v>
      </c>
      <c r="AA15301" s="5"/>
      <c r="AB15301" s="5" t="s">
        <v>43</v>
      </c>
      <c r="AC15301" s="5" t="s">
        <v>44</v>
      </c>
      <c r="AD15301" s="2"/>
      <c r="AE15301" s="1"/>
    </row>
    <row r="15302" spans="1:31" ht="14.45">
      <c r="A15302" s="11"/>
      <c r="B15302" s="20"/>
      <c r="C15302" s="2" t="s">
        <v>46859</v>
      </c>
      <c r="D15302" s="14" t="s">
        <v>46860</v>
      </c>
      <c r="E15302" s="2" t="s">
        <v>46861</v>
      </c>
      <c r="F15302" s="2" t="s">
        <v>45534</v>
      </c>
      <c r="G15302" s="8">
        <v>369</v>
      </c>
      <c r="H15302" s="5">
        <v>6</v>
      </c>
      <c r="I15302" s="5" t="s">
        <v>1518</v>
      </c>
      <c r="J15302" s="5" t="s">
        <v>36264</v>
      </c>
      <c r="K15302" s="2" t="s">
        <v>36265</v>
      </c>
      <c r="L15302" s="5" t="s">
        <v>36264</v>
      </c>
      <c r="M15302" s="2" t="s">
        <v>36265</v>
      </c>
      <c r="N15302" s="5" t="s">
        <v>36266</v>
      </c>
      <c r="O15302" s="5" t="s">
        <v>38</v>
      </c>
      <c r="P15302" s="5" t="s">
        <v>39</v>
      </c>
      <c r="Q15302" s="5" t="s">
        <v>40</v>
      </c>
      <c r="R15302" s="5" t="s">
        <v>1522</v>
      </c>
      <c r="S15302" s="5" t="s">
        <v>1523</v>
      </c>
      <c r="T15302" s="5" t="s">
        <v>42</v>
      </c>
      <c r="U15302" s="2">
        <v>3.9750000000000001</v>
      </c>
      <c r="V15302" s="2">
        <v>3.3279999999999998</v>
      </c>
      <c r="W15302" s="2">
        <v>0.02</v>
      </c>
      <c r="X15302" s="2">
        <v>159.1</v>
      </c>
      <c r="Y15302" s="2">
        <v>7.6</v>
      </c>
      <c r="Z15302" s="2">
        <v>16.7</v>
      </c>
      <c r="AA15302" s="5"/>
      <c r="AB15302" s="5" t="s">
        <v>43</v>
      </c>
      <c r="AC15302" s="5" t="s">
        <v>44</v>
      </c>
      <c r="AD15302" s="2"/>
      <c r="AE15302" s="1"/>
    </row>
    <row r="15303" spans="1:31" ht="14.45">
      <c r="A15303" s="11"/>
      <c r="B15303" s="20"/>
      <c r="C15303" s="2" t="s">
        <v>46862</v>
      </c>
      <c r="D15303" s="14" t="s">
        <v>46863</v>
      </c>
      <c r="E15303" s="2" t="s">
        <v>46864</v>
      </c>
      <c r="F15303" s="2" t="s">
        <v>36377</v>
      </c>
      <c r="G15303" s="8">
        <v>369</v>
      </c>
      <c r="H15303" s="5">
        <v>6</v>
      </c>
      <c r="I15303" s="5" t="s">
        <v>1518</v>
      </c>
      <c r="J15303" s="5" t="s">
        <v>36264</v>
      </c>
      <c r="K15303" s="2" t="s">
        <v>36265</v>
      </c>
      <c r="L15303" s="5" t="s">
        <v>36264</v>
      </c>
      <c r="M15303" s="2" t="s">
        <v>36265</v>
      </c>
      <c r="N15303" s="5" t="s">
        <v>36266</v>
      </c>
      <c r="O15303" s="5" t="s">
        <v>38</v>
      </c>
      <c r="P15303" s="5" t="s">
        <v>39</v>
      </c>
      <c r="Q15303" s="5" t="s">
        <v>40</v>
      </c>
      <c r="R15303" s="5" t="s">
        <v>1522</v>
      </c>
      <c r="S15303" s="5" t="s">
        <v>1523</v>
      </c>
      <c r="T15303" s="5" t="s">
        <v>42</v>
      </c>
      <c r="U15303" s="2">
        <v>3.855</v>
      </c>
      <c r="V15303" s="2">
        <v>3.2080000000000002</v>
      </c>
      <c r="W15303" s="2">
        <v>0.02</v>
      </c>
      <c r="X15303" s="2">
        <v>159.1</v>
      </c>
      <c r="Y15303" s="2">
        <v>7.6</v>
      </c>
      <c r="Z15303" s="2">
        <v>16.7</v>
      </c>
      <c r="AA15303" s="5"/>
      <c r="AB15303" s="5" t="s">
        <v>43</v>
      </c>
      <c r="AC15303" s="5" t="s">
        <v>44</v>
      </c>
      <c r="AD15303" s="2"/>
      <c r="AE15303" s="1"/>
    </row>
    <row r="15304" spans="1:31" ht="14.45">
      <c r="A15304" s="11"/>
      <c r="B15304" s="20"/>
      <c r="C15304" s="2" t="s">
        <v>46865</v>
      </c>
      <c r="D15304" s="14" t="s">
        <v>46866</v>
      </c>
      <c r="E15304" s="2" t="s">
        <v>46867</v>
      </c>
      <c r="F15304" s="2" t="s">
        <v>7204</v>
      </c>
      <c r="G15304" s="8">
        <v>360</v>
      </c>
      <c r="H15304" s="5">
        <v>6</v>
      </c>
      <c r="I15304" s="5" t="s">
        <v>1518</v>
      </c>
      <c r="J15304" s="5" t="s">
        <v>36264</v>
      </c>
      <c r="K15304" s="2" t="s">
        <v>36265</v>
      </c>
      <c r="L15304" s="5" t="s">
        <v>36264</v>
      </c>
      <c r="M15304" s="2" t="s">
        <v>36265</v>
      </c>
      <c r="N15304" s="5" t="s">
        <v>36266</v>
      </c>
      <c r="O15304" s="5" t="s">
        <v>38</v>
      </c>
      <c r="P15304" s="5" t="s">
        <v>39</v>
      </c>
      <c r="Q15304" s="5" t="s">
        <v>40</v>
      </c>
      <c r="R15304" s="5" t="s">
        <v>1522</v>
      </c>
      <c r="S15304" s="5" t="s">
        <v>1523</v>
      </c>
      <c r="T15304" s="5" t="s">
        <v>42</v>
      </c>
      <c r="U15304" s="2">
        <v>4.0410000000000004</v>
      </c>
      <c r="V15304" s="2">
        <v>3.403</v>
      </c>
      <c r="W15304" s="2">
        <v>0.02</v>
      </c>
      <c r="X15304" s="2">
        <v>159.1</v>
      </c>
      <c r="Y15304" s="2">
        <v>7.6</v>
      </c>
      <c r="Z15304" s="2">
        <v>16.7</v>
      </c>
      <c r="AA15304" s="5"/>
      <c r="AB15304" s="5" t="s">
        <v>43</v>
      </c>
      <c r="AC15304" s="5" t="s">
        <v>44</v>
      </c>
      <c r="AD15304" s="2"/>
      <c r="AE15304" s="1"/>
    </row>
    <row r="15305" spans="1:31" ht="14.45">
      <c r="A15305" s="11"/>
      <c r="B15305" s="20"/>
      <c r="C15305" s="2" t="s">
        <v>46868</v>
      </c>
      <c r="D15305" s="14" t="s">
        <v>46869</v>
      </c>
      <c r="E15305" s="2" t="s">
        <v>46870</v>
      </c>
      <c r="F15305" s="2" t="s">
        <v>36305</v>
      </c>
      <c r="G15305" s="8">
        <v>360</v>
      </c>
      <c r="H15305" s="5">
        <v>6</v>
      </c>
      <c r="I15305" s="5" t="s">
        <v>1518</v>
      </c>
      <c r="J15305" s="5" t="s">
        <v>36264</v>
      </c>
      <c r="K15305" s="2" t="s">
        <v>36265</v>
      </c>
      <c r="L15305" s="5" t="s">
        <v>36264</v>
      </c>
      <c r="M15305" s="2" t="s">
        <v>36265</v>
      </c>
      <c r="N15305" s="5" t="s">
        <v>36266</v>
      </c>
      <c r="O15305" s="5" t="s">
        <v>38</v>
      </c>
      <c r="P15305" s="5" t="s">
        <v>39</v>
      </c>
      <c r="Q15305" s="5" t="s">
        <v>40</v>
      </c>
      <c r="R15305" s="5" t="s">
        <v>1522</v>
      </c>
      <c r="S15305" s="5" t="s">
        <v>1523</v>
      </c>
      <c r="T15305" s="5" t="s">
        <v>42</v>
      </c>
      <c r="U15305" s="2">
        <v>4.0410000000000004</v>
      </c>
      <c r="V15305" s="2">
        <v>3.403</v>
      </c>
      <c r="W15305" s="2">
        <v>0.02</v>
      </c>
      <c r="X15305" s="2">
        <v>159.1</v>
      </c>
      <c r="Y15305" s="2">
        <v>7.6</v>
      </c>
      <c r="Z15305" s="2">
        <v>16.7</v>
      </c>
      <c r="AA15305" s="5"/>
      <c r="AB15305" s="5" t="s">
        <v>43</v>
      </c>
      <c r="AC15305" s="5" t="s">
        <v>44</v>
      </c>
      <c r="AD15305" s="2"/>
      <c r="AE15305" s="1"/>
    </row>
    <row r="15306" spans="1:31" ht="14.45">
      <c r="A15306" s="11"/>
      <c r="B15306" s="20"/>
      <c r="C15306" s="2" t="s">
        <v>46871</v>
      </c>
      <c r="D15306" s="14" t="s">
        <v>46872</v>
      </c>
      <c r="E15306" s="2" t="s">
        <v>46873</v>
      </c>
      <c r="F15306" s="2" t="s">
        <v>36369</v>
      </c>
      <c r="G15306" s="8">
        <v>394</v>
      </c>
      <c r="H15306" s="5">
        <v>6</v>
      </c>
      <c r="I15306" s="5" t="s">
        <v>1518</v>
      </c>
      <c r="J15306" s="5" t="s">
        <v>36264</v>
      </c>
      <c r="K15306" s="2" t="s">
        <v>36265</v>
      </c>
      <c r="L15306" s="5" t="s">
        <v>36264</v>
      </c>
      <c r="M15306" s="2" t="s">
        <v>36265</v>
      </c>
      <c r="N15306" s="5" t="s">
        <v>36266</v>
      </c>
      <c r="O15306" s="5" t="s">
        <v>38</v>
      </c>
      <c r="P15306" s="5" t="s">
        <v>39</v>
      </c>
      <c r="Q15306" s="5" t="s">
        <v>40</v>
      </c>
      <c r="R15306" s="5" t="s">
        <v>1522</v>
      </c>
      <c r="S15306" s="5" t="s">
        <v>1523</v>
      </c>
      <c r="T15306" s="5" t="s">
        <v>42</v>
      </c>
      <c r="U15306" s="2">
        <v>4.0410000000000004</v>
      </c>
      <c r="V15306" s="2">
        <v>3.403</v>
      </c>
      <c r="W15306" s="2">
        <v>0.02</v>
      </c>
      <c r="X15306" s="2">
        <v>159.1</v>
      </c>
      <c r="Y15306" s="2">
        <v>7.6</v>
      </c>
      <c r="Z15306" s="2">
        <v>16.7</v>
      </c>
      <c r="AA15306" s="5"/>
      <c r="AB15306" s="5" t="s">
        <v>43</v>
      </c>
      <c r="AC15306" s="5" t="s">
        <v>44</v>
      </c>
      <c r="AD15306" s="2"/>
      <c r="AE15306" s="1"/>
    </row>
    <row r="15307" spans="1:31" ht="14.45">
      <c r="A15307" s="11"/>
      <c r="B15307" s="20"/>
      <c r="C15307" s="2" t="s">
        <v>46874</v>
      </c>
      <c r="D15307" s="14" t="s">
        <v>46875</v>
      </c>
      <c r="E15307" s="2" t="s">
        <v>46876</v>
      </c>
      <c r="F15307" s="2" t="s">
        <v>7204</v>
      </c>
      <c r="G15307" s="8">
        <v>322</v>
      </c>
      <c r="H15307" s="5">
        <v>6</v>
      </c>
      <c r="I15307" s="5" t="s">
        <v>1518</v>
      </c>
      <c r="J15307" s="5" t="s">
        <v>36264</v>
      </c>
      <c r="K15307" s="2" t="s">
        <v>36265</v>
      </c>
      <c r="L15307" s="5" t="s">
        <v>36264</v>
      </c>
      <c r="M15307" s="2" t="s">
        <v>36265</v>
      </c>
      <c r="N15307" s="5" t="s">
        <v>36266</v>
      </c>
      <c r="O15307" s="5" t="s">
        <v>38</v>
      </c>
      <c r="P15307" s="5" t="s">
        <v>39</v>
      </c>
      <c r="Q15307" s="5" t="s">
        <v>40</v>
      </c>
      <c r="R15307" s="5" t="s">
        <v>1522</v>
      </c>
      <c r="S15307" s="5" t="s">
        <v>1523</v>
      </c>
      <c r="T15307" s="5" t="s">
        <v>42</v>
      </c>
      <c r="U15307" s="2">
        <v>3.52</v>
      </c>
      <c r="V15307" s="2">
        <v>2.8559999999999999</v>
      </c>
      <c r="W15307" s="2">
        <v>0.02</v>
      </c>
      <c r="X15307" s="2">
        <v>159.1</v>
      </c>
      <c r="Y15307" s="2">
        <v>7.6</v>
      </c>
      <c r="Z15307" s="2">
        <v>16.7</v>
      </c>
      <c r="AA15307" s="5"/>
      <c r="AB15307" s="5" t="s">
        <v>43</v>
      </c>
      <c r="AC15307" s="5" t="s">
        <v>44</v>
      </c>
      <c r="AD15307" s="2"/>
      <c r="AE15307" s="1"/>
    </row>
    <row r="15308" spans="1:31" ht="14.45">
      <c r="A15308" s="11"/>
      <c r="B15308" s="20"/>
      <c r="C15308" s="2" t="s">
        <v>46877</v>
      </c>
      <c r="D15308" s="14" t="s">
        <v>46878</v>
      </c>
      <c r="E15308" s="2" t="s">
        <v>46879</v>
      </c>
      <c r="F15308" s="2" t="s">
        <v>7514</v>
      </c>
      <c r="G15308" s="8">
        <v>322</v>
      </c>
      <c r="H15308" s="5">
        <v>6</v>
      </c>
      <c r="I15308" s="5" t="s">
        <v>1518</v>
      </c>
      <c r="J15308" s="5" t="s">
        <v>36264</v>
      </c>
      <c r="K15308" s="2" t="s">
        <v>36265</v>
      </c>
      <c r="L15308" s="5" t="s">
        <v>36264</v>
      </c>
      <c r="M15308" s="2" t="s">
        <v>36265</v>
      </c>
      <c r="N15308" s="5" t="s">
        <v>36266</v>
      </c>
      <c r="O15308" s="5" t="s">
        <v>38</v>
      </c>
      <c r="P15308" s="5" t="s">
        <v>39</v>
      </c>
      <c r="Q15308" s="5" t="s">
        <v>40</v>
      </c>
      <c r="R15308" s="5" t="s">
        <v>1522</v>
      </c>
      <c r="S15308" s="5" t="s">
        <v>1523</v>
      </c>
      <c r="T15308" s="5" t="s">
        <v>42</v>
      </c>
      <c r="U15308" s="2">
        <v>3.6190000000000002</v>
      </c>
      <c r="V15308" s="2">
        <v>2.9550000000000001</v>
      </c>
      <c r="W15308" s="2">
        <v>0.02</v>
      </c>
      <c r="X15308" s="2">
        <v>159.1</v>
      </c>
      <c r="Y15308" s="2">
        <v>7.6</v>
      </c>
      <c r="Z15308" s="2">
        <v>16.7</v>
      </c>
      <c r="AA15308" s="5"/>
      <c r="AB15308" s="5" t="s">
        <v>43</v>
      </c>
      <c r="AC15308" s="5" t="s">
        <v>44</v>
      </c>
      <c r="AD15308" s="2"/>
      <c r="AE15308" s="1"/>
    </row>
    <row r="15309" spans="1:31" ht="14.45">
      <c r="A15309" s="11"/>
      <c r="B15309" s="20"/>
      <c r="C15309" s="2" t="s">
        <v>46880</v>
      </c>
      <c r="D15309" s="14" t="s">
        <v>46881</v>
      </c>
      <c r="E15309" s="2" t="s">
        <v>46882</v>
      </c>
      <c r="F15309" s="2" t="s">
        <v>36273</v>
      </c>
      <c r="G15309" s="8">
        <v>322</v>
      </c>
      <c r="H15309" s="5">
        <v>6</v>
      </c>
      <c r="I15309" s="5" t="s">
        <v>1518</v>
      </c>
      <c r="J15309" s="5" t="s">
        <v>36264</v>
      </c>
      <c r="K15309" s="2" t="s">
        <v>36265</v>
      </c>
      <c r="L15309" s="5" t="s">
        <v>36264</v>
      </c>
      <c r="M15309" s="2" t="s">
        <v>36265</v>
      </c>
      <c r="N15309" s="5" t="s">
        <v>36266</v>
      </c>
      <c r="O15309" s="5" t="s">
        <v>38</v>
      </c>
      <c r="P15309" s="5" t="s">
        <v>39</v>
      </c>
      <c r="Q15309" s="5" t="s">
        <v>40</v>
      </c>
      <c r="R15309" s="5" t="s">
        <v>1522</v>
      </c>
      <c r="S15309" s="5" t="s">
        <v>1523</v>
      </c>
      <c r="T15309" s="5" t="s">
        <v>42</v>
      </c>
      <c r="U15309" s="2">
        <v>3.52</v>
      </c>
      <c r="V15309" s="2">
        <v>2.8559999999999999</v>
      </c>
      <c r="W15309" s="2">
        <v>0.02</v>
      </c>
      <c r="X15309" s="2">
        <v>159.1</v>
      </c>
      <c r="Y15309" s="2">
        <v>7.6</v>
      </c>
      <c r="Z15309" s="2">
        <v>16.7</v>
      </c>
      <c r="AA15309" s="5"/>
      <c r="AB15309" s="5" t="s">
        <v>43</v>
      </c>
      <c r="AC15309" s="5" t="s">
        <v>44</v>
      </c>
      <c r="AD15309" s="2"/>
      <c r="AE15309" s="1"/>
    </row>
    <row r="15310" spans="1:31" ht="14.45">
      <c r="A15310" s="11"/>
      <c r="B15310" s="20"/>
      <c r="C15310" s="2" t="s">
        <v>46883</v>
      </c>
      <c r="D15310" s="14" t="s">
        <v>46884</v>
      </c>
      <c r="E15310" s="2" t="s">
        <v>46885</v>
      </c>
      <c r="F15310" s="2" t="s">
        <v>36277</v>
      </c>
      <c r="G15310" s="8">
        <v>322</v>
      </c>
      <c r="H15310" s="5">
        <v>6</v>
      </c>
      <c r="I15310" s="5" t="s">
        <v>1518</v>
      </c>
      <c r="J15310" s="5" t="s">
        <v>36264</v>
      </c>
      <c r="K15310" s="2" t="s">
        <v>36265</v>
      </c>
      <c r="L15310" s="5" t="s">
        <v>36264</v>
      </c>
      <c r="M15310" s="2" t="s">
        <v>36265</v>
      </c>
      <c r="N15310" s="5" t="s">
        <v>36266</v>
      </c>
      <c r="O15310" s="5" t="s">
        <v>38</v>
      </c>
      <c r="P15310" s="5" t="s">
        <v>39</v>
      </c>
      <c r="Q15310" s="5" t="s">
        <v>40</v>
      </c>
      <c r="R15310" s="5" t="s">
        <v>1522</v>
      </c>
      <c r="S15310" s="5" t="s">
        <v>1523</v>
      </c>
      <c r="T15310" s="5" t="s">
        <v>42</v>
      </c>
      <c r="U15310" s="2">
        <v>3.6190000000000002</v>
      </c>
      <c r="V15310" s="2">
        <v>2.9550000000000001</v>
      </c>
      <c r="W15310" s="2">
        <v>0.02</v>
      </c>
      <c r="X15310" s="2">
        <v>159.1</v>
      </c>
      <c r="Y15310" s="2">
        <v>7.6</v>
      </c>
      <c r="Z15310" s="2">
        <v>16.7</v>
      </c>
      <c r="AA15310" s="5"/>
      <c r="AB15310" s="5" t="s">
        <v>43</v>
      </c>
      <c r="AC15310" s="5" t="s">
        <v>44</v>
      </c>
      <c r="AD15310" s="2"/>
      <c r="AE15310" s="1"/>
    </row>
    <row r="15311" spans="1:31" ht="14.45">
      <c r="A15311" s="11"/>
      <c r="B15311" s="20"/>
      <c r="C15311" s="2" t="s">
        <v>46886</v>
      </c>
      <c r="D15311" s="14" t="s">
        <v>46887</v>
      </c>
      <c r="E15311" s="2" t="s">
        <v>46888</v>
      </c>
      <c r="F15311" s="2" t="s">
        <v>36293</v>
      </c>
      <c r="G15311" s="8">
        <v>350</v>
      </c>
      <c r="H15311" s="5">
        <v>6</v>
      </c>
      <c r="I15311" s="5" t="s">
        <v>1518</v>
      </c>
      <c r="J15311" s="5" t="s">
        <v>36264</v>
      </c>
      <c r="K15311" s="2" t="s">
        <v>36265</v>
      </c>
      <c r="L15311" s="5" t="s">
        <v>36264</v>
      </c>
      <c r="M15311" s="2" t="s">
        <v>36265</v>
      </c>
      <c r="N15311" s="5" t="s">
        <v>36266</v>
      </c>
      <c r="O15311" s="5" t="s">
        <v>38</v>
      </c>
      <c r="P15311" s="5" t="s">
        <v>39</v>
      </c>
      <c r="Q15311" s="5" t="s">
        <v>40</v>
      </c>
      <c r="R15311" s="5" t="s">
        <v>1522</v>
      </c>
      <c r="S15311" s="5" t="s">
        <v>1523</v>
      </c>
      <c r="T15311" s="5" t="s">
        <v>42</v>
      </c>
      <c r="U15311" s="2">
        <v>3.6190000000000002</v>
      </c>
      <c r="V15311" s="2">
        <v>2.9550000000000001</v>
      </c>
      <c r="W15311" s="2">
        <v>0.02</v>
      </c>
      <c r="X15311" s="2">
        <v>159.1</v>
      </c>
      <c r="Y15311" s="2">
        <v>7.6</v>
      </c>
      <c r="Z15311" s="2">
        <v>16.7</v>
      </c>
      <c r="AA15311" s="5"/>
      <c r="AB15311" s="5" t="s">
        <v>43</v>
      </c>
      <c r="AC15311" s="5" t="s">
        <v>44</v>
      </c>
      <c r="AD15311" s="2"/>
      <c r="AE15311" s="1"/>
    </row>
    <row r="15312" spans="1:31" ht="14.45">
      <c r="A15312" s="11"/>
      <c r="B15312" s="20"/>
      <c r="C15312" s="2" t="s">
        <v>46889</v>
      </c>
      <c r="D15312" s="14" t="s">
        <v>46890</v>
      </c>
      <c r="E15312" s="2" t="s">
        <v>46891</v>
      </c>
      <c r="F15312" s="2" t="s">
        <v>36297</v>
      </c>
      <c r="G15312" s="8">
        <v>322</v>
      </c>
      <c r="H15312" s="5">
        <v>6</v>
      </c>
      <c r="I15312" s="5" t="s">
        <v>1518</v>
      </c>
      <c r="J15312" s="5" t="s">
        <v>36264</v>
      </c>
      <c r="K15312" s="2" t="s">
        <v>36265</v>
      </c>
      <c r="L15312" s="5" t="s">
        <v>36264</v>
      </c>
      <c r="M15312" s="2" t="s">
        <v>36265</v>
      </c>
      <c r="N15312" s="5" t="s">
        <v>36266</v>
      </c>
      <c r="O15312" s="5" t="s">
        <v>38</v>
      </c>
      <c r="P15312" s="5" t="s">
        <v>39</v>
      </c>
      <c r="Q15312" s="5" t="s">
        <v>40</v>
      </c>
      <c r="R15312" s="5" t="s">
        <v>1522</v>
      </c>
      <c r="S15312" s="5" t="s">
        <v>1523</v>
      </c>
      <c r="T15312" s="5" t="s">
        <v>42</v>
      </c>
      <c r="U15312" s="2">
        <v>3.52</v>
      </c>
      <c r="V15312" s="2">
        <v>2.8559999999999999</v>
      </c>
      <c r="W15312" s="2">
        <v>0.02</v>
      </c>
      <c r="X15312" s="2">
        <v>159.1</v>
      </c>
      <c r="Y15312" s="2">
        <v>7.6</v>
      </c>
      <c r="Z15312" s="2">
        <v>16.7</v>
      </c>
      <c r="AA15312" s="5"/>
      <c r="AB15312" s="5" t="s">
        <v>43</v>
      </c>
      <c r="AC15312" s="5" t="s">
        <v>44</v>
      </c>
      <c r="AD15312" s="2"/>
      <c r="AE15312" s="1"/>
    </row>
    <row r="15313" spans="1:31" ht="14.45">
      <c r="A15313" s="11"/>
      <c r="B15313" s="20"/>
      <c r="C15313" s="2" t="s">
        <v>46892</v>
      </c>
      <c r="D15313" s="14" t="s">
        <v>46893</v>
      </c>
      <c r="E15313" s="2" t="s">
        <v>46894</v>
      </c>
      <c r="F15313" s="2" t="s">
        <v>36301</v>
      </c>
      <c r="G15313" s="8">
        <v>322</v>
      </c>
      <c r="H15313" s="5">
        <v>6</v>
      </c>
      <c r="I15313" s="5" t="s">
        <v>1518</v>
      </c>
      <c r="J15313" s="5" t="s">
        <v>36264</v>
      </c>
      <c r="K15313" s="2" t="s">
        <v>36265</v>
      </c>
      <c r="L15313" s="5" t="s">
        <v>36264</v>
      </c>
      <c r="M15313" s="2" t="s">
        <v>36265</v>
      </c>
      <c r="N15313" s="5" t="s">
        <v>36266</v>
      </c>
      <c r="O15313" s="5" t="s">
        <v>38</v>
      </c>
      <c r="P15313" s="5" t="s">
        <v>39</v>
      </c>
      <c r="Q15313" s="5" t="s">
        <v>40</v>
      </c>
      <c r="R15313" s="5" t="s">
        <v>1522</v>
      </c>
      <c r="S15313" s="5" t="s">
        <v>1523</v>
      </c>
      <c r="T15313" s="5" t="s">
        <v>42</v>
      </c>
      <c r="U15313" s="2">
        <v>3.6190000000000002</v>
      </c>
      <c r="V15313" s="2">
        <v>2.9550000000000001</v>
      </c>
      <c r="W15313" s="2">
        <v>0.02</v>
      </c>
      <c r="X15313" s="2">
        <v>159.1</v>
      </c>
      <c r="Y15313" s="2">
        <v>7.6</v>
      </c>
      <c r="Z15313" s="2">
        <v>16.7</v>
      </c>
      <c r="AA15313" s="5"/>
      <c r="AB15313" s="5" t="s">
        <v>43</v>
      </c>
      <c r="AC15313" s="5" t="s">
        <v>44</v>
      </c>
      <c r="AD15313" s="2"/>
      <c r="AE15313" s="1"/>
    </row>
    <row r="15314" spans="1:31" ht="14.45">
      <c r="A15314" s="11"/>
      <c r="B15314" s="20"/>
      <c r="C15314" s="2" t="s">
        <v>46895</v>
      </c>
      <c r="D15314" s="14" t="s">
        <v>46896</v>
      </c>
      <c r="E15314" s="2" t="s">
        <v>46897</v>
      </c>
      <c r="F15314" s="2" t="s">
        <v>36305</v>
      </c>
      <c r="G15314" s="8">
        <v>322</v>
      </c>
      <c r="H15314" s="5">
        <v>6</v>
      </c>
      <c r="I15314" s="5" t="s">
        <v>1518</v>
      </c>
      <c r="J15314" s="5" t="s">
        <v>36264</v>
      </c>
      <c r="K15314" s="2" t="s">
        <v>36265</v>
      </c>
      <c r="L15314" s="5" t="s">
        <v>36264</v>
      </c>
      <c r="M15314" s="2" t="s">
        <v>36265</v>
      </c>
      <c r="N15314" s="5" t="s">
        <v>36266</v>
      </c>
      <c r="O15314" s="5" t="s">
        <v>38</v>
      </c>
      <c r="P15314" s="5" t="s">
        <v>39</v>
      </c>
      <c r="Q15314" s="5" t="s">
        <v>40</v>
      </c>
      <c r="R15314" s="5" t="s">
        <v>1522</v>
      </c>
      <c r="S15314" s="5" t="s">
        <v>1523</v>
      </c>
      <c r="T15314" s="5" t="s">
        <v>42</v>
      </c>
      <c r="U15314" s="2">
        <v>3.52</v>
      </c>
      <c r="V15314" s="2">
        <v>2.8559999999999999</v>
      </c>
      <c r="W15314" s="2">
        <v>0.02</v>
      </c>
      <c r="X15314" s="2">
        <v>159.1</v>
      </c>
      <c r="Y15314" s="2">
        <v>7.6</v>
      </c>
      <c r="Z15314" s="2">
        <v>16.7</v>
      </c>
      <c r="AA15314" s="5"/>
      <c r="AB15314" s="5" t="s">
        <v>43</v>
      </c>
      <c r="AC15314" s="5" t="s">
        <v>44</v>
      </c>
      <c r="AD15314" s="2"/>
      <c r="AE15314" s="1"/>
    </row>
    <row r="15315" spans="1:31" ht="14.45">
      <c r="A15315" s="11"/>
      <c r="B15315" s="20"/>
      <c r="C15315" s="2" t="s">
        <v>46898</v>
      </c>
      <c r="D15315" s="14" t="s">
        <v>46899</v>
      </c>
      <c r="E15315" s="2" t="s">
        <v>46900</v>
      </c>
      <c r="F15315" s="2" t="s">
        <v>36309</v>
      </c>
      <c r="G15315" s="8">
        <v>322</v>
      </c>
      <c r="H15315" s="5">
        <v>6</v>
      </c>
      <c r="I15315" s="5" t="s">
        <v>1518</v>
      </c>
      <c r="J15315" s="5" t="s">
        <v>36264</v>
      </c>
      <c r="K15315" s="2" t="s">
        <v>36265</v>
      </c>
      <c r="L15315" s="5" t="s">
        <v>36264</v>
      </c>
      <c r="M15315" s="2" t="s">
        <v>36265</v>
      </c>
      <c r="N15315" s="5" t="s">
        <v>36266</v>
      </c>
      <c r="O15315" s="5" t="s">
        <v>38</v>
      </c>
      <c r="P15315" s="5" t="s">
        <v>39</v>
      </c>
      <c r="Q15315" s="5" t="s">
        <v>40</v>
      </c>
      <c r="R15315" s="5" t="s">
        <v>1522</v>
      </c>
      <c r="S15315" s="5" t="s">
        <v>1523</v>
      </c>
      <c r="T15315" s="5" t="s">
        <v>42</v>
      </c>
      <c r="U15315" s="2">
        <v>3.6190000000000002</v>
      </c>
      <c r="V15315" s="2">
        <v>2.9550000000000001</v>
      </c>
      <c r="W15315" s="2">
        <v>0.02</v>
      </c>
      <c r="X15315" s="2">
        <v>159.1</v>
      </c>
      <c r="Y15315" s="2">
        <v>7.6</v>
      </c>
      <c r="Z15315" s="2">
        <v>16.7</v>
      </c>
      <c r="AA15315" s="5"/>
      <c r="AB15315" s="5" t="s">
        <v>43</v>
      </c>
      <c r="AC15315" s="5" t="s">
        <v>44</v>
      </c>
      <c r="AD15315" s="2"/>
      <c r="AE15315" s="1"/>
    </row>
    <row r="15316" spans="1:31" ht="14.45">
      <c r="A15316" s="11"/>
      <c r="B15316" s="20"/>
      <c r="C15316" s="2" t="s">
        <v>46901</v>
      </c>
      <c r="D15316" s="14" t="s">
        <v>46902</v>
      </c>
      <c r="E15316" s="2" t="s">
        <v>46903</v>
      </c>
      <c r="F15316" s="2" t="s">
        <v>36317</v>
      </c>
      <c r="G15316" s="8">
        <v>350</v>
      </c>
      <c r="H15316" s="5">
        <v>6</v>
      </c>
      <c r="I15316" s="5" t="s">
        <v>1518</v>
      </c>
      <c r="J15316" s="5" t="s">
        <v>36264</v>
      </c>
      <c r="K15316" s="2" t="s">
        <v>36265</v>
      </c>
      <c r="L15316" s="5" t="s">
        <v>36264</v>
      </c>
      <c r="M15316" s="2" t="s">
        <v>36265</v>
      </c>
      <c r="N15316" s="5" t="s">
        <v>36266</v>
      </c>
      <c r="O15316" s="5" t="s">
        <v>38</v>
      </c>
      <c r="P15316" s="5" t="s">
        <v>39</v>
      </c>
      <c r="Q15316" s="5" t="s">
        <v>40</v>
      </c>
      <c r="R15316" s="5" t="s">
        <v>1522</v>
      </c>
      <c r="S15316" s="5" t="s">
        <v>1523</v>
      </c>
      <c r="T15316" s="5" t="s">
        <v>42</v>
      </c>
      <c r="U15316" s="2">
        <v>3.6190000000000002</v>
      </c>
      <c r="V15316" s="2">
        <v>2.9550000000000001</v>
      </c>
      <c r="W15316" s="2">
        <v>0.02</v>
      </c>
      <c r="X15316" s="2">
        <v>159.1</v>
      </c>
      <c r="Y15316" s="2">
        <v>7.6</v>
      </c>
      <c r="Z15316" s="2">
        <v>16.7</v>
      </c>
      <c r="AA15316" s="5"/>
      <c r="AB15316" s="5" t="s">
        <v>43</v>
      </c>
      <c r="AC15316" s="5" t="s">
        <v>44</v>
      </c>
      <c r="AD15316" s="2"/>
      <c r="AE15316" s="1"/>
    </row>
    <row r="15317" spans="1:31" ht="14.45">
      <c r="A15317" s="11"/>
      <c r="B15317" s="20"/>
      <c r="C15317" s="2" t="s">
        <v>46904</v>
      </c>
      <c r="D15317" s="14" t="s">
        <v>46905</v>
      </c>
      <c r="E15317" s="2" t="s">
        <v>46906</v>
      </c>
      <c r="F15317" s="2" t="s">
        <v>36325</v>
      </c>
      <c r="G15317" s="8">
        <v>350</v>
      </c>
      <c r="H15317" s="5">
        <v>6</v>
      </c>
      <c r="I15317" s="5" t="s">
        <v>1518</v>
      </c>
      <c r="J15317" s="5" t="s">
        <v>36264</v>
      </c>
      <c r="K15317" s="2" t="s">
        <v>36265</v>
      </c>
      <c r="L15317" s="5" t="s">
        <v>36264</v>
      </c>
      <c r="M15317" s="2" t="s">
        <v>36265</v>
      </c>
      <c r="N15317" s="5" t="s">
        <v>36266</v>
      </c>
      <c r="O15317" s="5" t="s">
        <v>38</v>
      </c>
      <c r="P15317" s="5" t="s">
        <v>39</v>
      </c>
      <c r="Q15317" s="5" t="s">
        <v>40</v>
      </c>
      <c r="R15317" s="5" t="s">
        <v>1522</v>
      </c>
      <c r="S15317" s="5" t="s">
        <v>1523</v>
      </c>
      <c r="T15317" s="5" t="s">
        <v>42</v>
      </c>
      <c r="U15317" s="2">
        <v>3.6190000000000002</v>
      </c>
      <c r="V15317" s="2">
        <v>2.9550000000000001</v>
      </c>
      <c r="W15317" s="2">
        <v>0.02</v>
      </c>
      <c r="X15317" s="2">
        <v>159.1</v>
      </c>
      <c r="Y15317" s="2">
        <v>7.6</v>
      </c>
      <c r="Z15317" s="2">
        <v>16.7</v>
      </c>
      <c r="AA15317" s="5"/>
      <c r="AB15317" s="5" t="s">
        <v>43</v>
      </c>
      <c r="AC15317" s="5" t="s">
        <v>44</v>
      </c>
      <c r="AD15317" s="2"/>
      <c r="AE15317" s="1"/>
    </row>
    <row r="15318" spans="1:31" ht="14.45">
      <c r="A15318" s="11"/>
      <c r="B15318" s="20"/>
      <c r="C15318" s="2" t="s">
        <v>46907</v>
      </c>
      <c r="D15318" s="14" t="s">
        <v>46908</v>
      </c>
      <c r="E15318" s="2" t="s">
        <v>46909</v>
      </c>
      <c r="F15318" s="2" t="s">
        <v>36333</v>
      </c>
      <c r="G15318" s="8">
        <v>350</v>
      </c>
      <c r="H15318" s="5">
        <v>6</v>
      </c>
      <c r="I15318" s="5" t="s">
        <v>1518</v>
      </c>
      <c r="J15318" s="5" t="s">
        <v>36264</v>
      </c>
      <c r="K15318" s="2" t="s">
        <v>36265</v>
      </c>
      <c r="L15318" s="5" t="s">
        <v>36264</v>
      </c>
      <c r="M15318" s="2" t="s">
        <v>36265</v>
      </c>
      <c r="N15318" s="5" t="s">
        <v>36266</v>
      </c>
      <c r="O15318" s="5" t="s">
        <v>38</v>
      </c>
      <c r="P15318" s="5" t="s">
        <v>39</v>
      </c>
      <c r="Q15318" s="5" t="s">
        <v>40</v>
      </c>
      <c r="R15318" s="5" t="s">
        <v>1522</v>
      </c>
      <c r="S15318" s="5" t="s">
        <v>1523</v>
      </c>
      <c r="T15318" s="5" t="s">
        <v>42</v>
      </c>
      <c r="U15318" s="2">
        <v>3.6190000000000002</v>
      </c>
      <c r="V15318" s="2">
        <v>2.9550000000000001</v>
      </c>
      <c r="W15318" s="2">
        <v>0.02</v>
      </c>
      <c r="X15318" s="2">
        <v>159.1</v>
      </c>
      <c r="Y15318" s="2">
        <v>7.6</v>
      </c>
      <c r="Z15318" s="2">
        <v>16.7</v>
      </c>
      <c r="AA15318" s="5"/>
      <c r="AB15318" s="5" t="s">
        <v>43</v>
      </c>
      <c r="AC15318" s="5" t="s">
        <v>44</v>
      </c>
      <c r="AD15318" s="2"/>
      <c r="AE15318" s="1"/>
    </row>
    <row r="15319" spans="1:31" ht="14.45">
      <c r="A15319" s="11"/>
      <c r="B15319" s="20"/>
      <c r="C15319" s="2" t="s">
        <v>46910</v>
      </c>
      <c r="D15319" s="14" t="s">
        <v>46911</v>
      </c>
      <c r="E15319" s="2" t="s">
        <v>46912</v>
      </c>
      <c r="F15319" s="2" t="s">
        <v>36349</v>
      </c>
      <c r="G15319" s="8">
        <v>350</v>
      </c>
      <c r="H15319" s="5">
        <v>6</v>
      </c>
      <c r="I15319" s="5" t="s">
        <v>1518</v>
      </c>
      <c r="J15319" s="5" t="s">
        <v>36264</v>
      </c>
      <c r="K15319" s="2" t="s">
        <v>36265</v>
      </c>
      <c r="L15319" s="5" t="s">
        <v>36264</v>
      </c>
      <c r="M15319" s="2" t="s">
        <v>36265</v>
      </c>
      <c r="N15319" s="5" t="s">
        <v>36266</v>
      </c>
      <c r="O15319" s="5" t="s">
        <v>38</v>
      </c>
      <c r="P15319" s="5" t="s">
        <v>39</v>
      </c>
      <c r="Q15319" s="5" t="s">
        <v>40</v>
      </c>
      <c r="R15319" s="5" t="s">
        <v>1522</v>
      </c>
      <c r="S15319" s="5" t="s">
        <v>1523</v>
      </c>
      <c r="T15319" s="5" t="s">
        <v>42</v>
      </c>
      <c r="U15319" s="2">
        <v>3.6190000000000002</v>
      </c>
      <c r="V15319" s="2">
        <v>2.9550000000000001</v>
      </c>
      <c r="W15319" s="2">
        <v>0.02</v>
      </c>
      <c r="X15319" s="2">
        <v>159.1</v>
      </c>
      <c r="Y15319" s="2">
        <v>7.6</v>
      </c>
      <c r="Z15319" s="2">
        <v>16.7</v>
      </c>
      <c r="AA15319" s="5"/>
      <c r="AB15319" s="5" t="s">
        <v>43</v>
      </c>
      <c r="AC15319" s="5" t="s">
        <v>44</v>
      </c>
      <c r="AD15319" s="2"/>
      <c r="AE15319" s="1"/>
    </row>
    <row r="15320" spans="1:31" ht="14.45">
      <c r="A15320" s="11"/>
      <c r="B15320" s="20"/>
      <c r="C15320" s="2" t="s">
        <v>46913</v>
      </c>
      <c r="D15320" s="14" t="s">
        <v>46914</v>
      </c>
      <c r="E15320" s="2" t="s">
        <v>46915</v>
      </c>
      <c r="F15320" s="2" t="s">
        <v>45598</v>
      </c>
      <c r="G15320" s="8">
        <v>350</v>
      </c>
      <c r="H15320" s="5">
        <v>6</v>
      </c>
      <c r="I15320" s="5" t="s">
        <v>1518</v>
      </c>
      <c r="J15320" s="5" t="s">
        <v>36264</v>
      </c>
      <c r="K15320" s="2" t="s">
        <v>36265</v>
      </c>
      <c r="L15320" s="5" t="s">
        <v>36264</v>
      </c>
      <c r="M15320" s="2" t="s">
        <v>36265</v>
      </c>
      <c r="N15320" s="5" t="s">
        <v>36266</v>
      </c>
      <c r="O15320" s="5" t="s">
        <v>38</v>
      </c>
      <c r="P15320" s="5" t="s">
        <v>39</v>
      </c>
      <c r="Q15320" s="5" t="s">
        <v>40</v>
      </c>
      <c r="R15320" s="5" t="s">
        <v>1522</v>
      </c>
      <c r="S15320" s="5" t="s">
        <v>1523</v>
      </c>
      <c r="T15320" s="5" t="s">
        <v>42</v>
      </c>
      <c r="U15320" s="2">
        <v>3.52</v>
      </c>
      <c r="V15320" s="2">
        <v>2.8559999999999999</v>
      </c>
      <c r="W15320" s="2">
        <v>0.02</v>
      </c>
      <c r="X15320" s="2">
        <v>159.1</v>
      </c>
      <c r="Y15320" s="2">
        <v>7.6</v>
      </c>
      <c r="Z15320" s="2">
        <v>16.7</v>
      </c>
      <c r="AA15320" s="5"/>
      <c r="AB15320" s="5" t="s">
        <v>43</v>
      </c>
      <c r="AC15320" s="5" t="s">
        <v>44</v>
      </c>
      <c r="AD15320" s="2"/>
      <c r="AE15320" s="1"/>
    </row>
    <row r="15321" spans="1:31" ht="14.45">
      <c r="A15321" s="11"/>
      <c r="B15321" s="20"/>
      <c r="C15321" s="2" t="s">
        <v>46916</v>
      </c>
      <c r="D15321" s="14" t="s">
        <v>46917</v>
      </c>
      <c r="E15321" s="2" t="s">
        <v>46918</v>
      </c>
      <c r="F15321" s="2" t="s">
        <v>45534</v>
      </c>
      <c r="G15321" s="8">
        <v>350</v>
      </c>
      <c r="H15321" s="5">
        <v>6</v>
      </c>
      <c r="I15321" s="5" t="s">
        <v>1518</v>
      </c>
      <c r="J15321" s="5" t="s">
        <v>36264</v>
      </c>
      <c r="K15321" s="2" t="s">
        <v>36265</v>
      </c>
      <c r="L15321" s="5" t="s">
        <v>36264</v>
      </c>
      <c r="M15321" s="2" t="s">
        <v>36265</v>
      </c>
      <c r="N15321" s="5" t="s">
        <v>36266</v>
      </c>
      <c r="O15321" s="5" t="s">
        <v>38</v>
      </c>
      <c r="P15321" s="5" t="s">
        <v>39</v>
      </c>
      <c r="Q15321" s="5" t="s">
        <v>40</v>
      </c>
      <c r="R15321" s="5" t="s">
        <v>1522</v>
      </c>
      <c r="S15321" s="5" t="s">
        <v>1523</v>
      </c>
      <c r="T15321" s="5" t="s">
        <v>42</v>
      </c>
      <c r="U15321" s="2">
        <v>3.6190000000000002</v>
      </c>
      <c r="V15321" s="2">
        <v>2.9550000000000001</v>
      </c>
      <c r="W15321" s="2">
        <v>0.02</v>
      </c>
      <c r="X15321" s="2">
        <v>159.1</v>
      </c>
      <c r="Y15321" s="2">
        <v>7.6</v>
      </c>
      <c r="Z15321" s="2">
        <v>16.7</v>
      </c>
      <c r="AA15321" s="5"/>
      <c r="AB15321" s="5" t="s">
        <v>43</v>
      </c>
      <c r="AC15321" s="5" t="s">
        <v>44</v>
      </c>
      <c r="AD15321" s="2"/>
      <c r="AE15321" s="1"/>
    </row>
    <row r="15322" spans="1:31" ht="14.45">
      <c r="A15322" s="11"/>
      <c r="B15322" s="20"/>
      <c r="C15322" s="2" t="s">
        <v>46919</v>
      </c>
      <c r="D15322" s="14" t="s">
        <v>46920</v>
      </c>
      <c r="E15322" s="2" t="s">
        <v>46921</v>
      </c>
      <c r="F15322" s="2" t="s">
        <v>36369</v>
      </c>
      <c r="G15322" s="8">
        <v>350</v>
      </c>
      <c r="H15322" s="5">
        <v>6</v>
      </c>
      <c r="I15322" s="5" t="s">
        <v>1518</v>
      </c>
      <c r="J15322" s="5" t="s">
        <v>36264</v>
      </c>
      <c r="K15322" s="2" t="s">
        <v>36265</v>
      </c>
      <c r="L15322" s="5" t="s">
        <v>36264</v>
      </c>
      <c r="M15322" s="2" t="s">
        <v>36265</v>
      </c>
      <c r="N15322" s="5" t="s">
        <v>36266</v>
      </c>
      <c r="O15322" s="5" t="s">
        <v>38</v>
      </c>
      <c r="P15322" s="5" t="s">
        <v>39</v>
      </c>
      <c r="Q15322" s="5" t="s">
        <v>40</v>
      </c>
      <c r="R15322" s="5" t="s">
        <v>1522</v>
      </c>
      <c r="S15322" s="5" t="s">
        <v>1523</v>
      </c>
      <c r="T15322" s="5" t="s">
        <v>42</v>
      </c>
      <c r="U15322" s="2">
        <v>3.52</v>
      </c>
      <c r="V15322" s="2">
        <v>2.8559999999999999</v>
      </c>
      <c r="W15322" s="2">
        <v>0.02</v>
      </c>
      <c r="X15322" s="2">
        <v>159.1</v>
      </c>
      <c r="Y15322" s="2">
        <v>7.6</v>
      </c>
      <c r="Z15322" s="2">
        <v>16.7</v>
      </c>
      <c r="AA15322" s="5"/>
      <c r="AB15322" s="5" t="s">
        <v>43</v>
      </c>
      <c r="AC15322" s="5" t="s">
        <v>44</v>
      </c>
      <c r="AD15322" s="2"/>
      <c r="AE15322" s="1"/>
    </row>
    <row r="15323" spans="1:31" ht="14.45">
      <c r="A15323" s="11"/>
      <c r="B15323" s="20"/>
      <c r="C15323" s="2" t="s">
        <v>46922</v>
      </c>
      <c r="D15323" s="14" t="s">
        <v>46923</v>
      </c>
      <c r="E15323" s="2" t="s">
        <v>46924</v>
      </c>
      <c r="F15323" s="2" t="s">
        <v>36373</v>
      </c>
      <c r="G15323" s="8">
        <v>350</v>
      </c>
      <c r="H15323" s="5">
        <v>6</v>
      </c>
      <c r="I15323" s="5" t="s">
        <v>1518</v>
      </c>
      <c r="J15323" s="5" t="s">
        <v>36264</v>
      </c>
      <c r="K15323" s="2" t="s">
        <v>36265</v>
      </c>
      <c r="L15323" s="5" t="s">
        <v>36264</v>
      </c>
      <c r="M15323" s="2" t="s">
        <v>36265</v>
      </c>
      <c r="N15323" s="5" t="s">
        <v>36266</v>
      </c>
      <c r="O15323" s="5" t="s">
        <v>38</v>
      </c>
      <c r="P15323" s="5" t="s">
        <v>39</v>
      </c>
      <c r="Q15323" s="5" t="s">
        <v>40</v>
      </c>
      <c r="R15323" s="5" t="s">
        <v>1522</v>
      </c>
      <c r="S15323" s="5" t="s">
        <v>1523</v>
      </c>
      <c r="T15323" s="5" t="s">
        <v>42</v>
      </c>
      <c r="U15323" s="2">
        <v>3.6190000000000002</v>
      </c>
      <c r="V15323" s="2">
        <v>2.9550000000000001</v>
      </c>
      <c r="W15323" s="2">
        <v>0.02</v>
      </c>
      <c r="X15323" s="2">
        <v>159.1</v>
      </c>
      <c r="Y15323" s="2">
        <v>7.6</v>
      </c>
      <c r="Z15323" s="2">
        <v>16.7</v>
      </c>
      <c r="AA15323" s="5"/>
      <c r="AB15323" s="5" t="s">
        <v>43</v>
      </c>
      <c r="AC15323" s="5" t="s">
        <v>44</v>
      </c>
      <c r="AD15323" s="2"/>
      <c r="AE15323" s="1"/>
    </row>
    <row r="15324" spans="1:31" ht="14.45">
      <c r="A15324" s="11"/>
      <c r="B15324" s="20"/>
      <c r="C15324" s="2" t="s">
        <v>46925</v>
      </c>
      <c r="D15324" s="14" t="s">
        <v>46926</v>
      </c>
      <c r="E15324" s="2" t="s">
        <v>46927</v>
      </c>
      <c r="F15324" s="2" t="s">
        <v>36377</v>
      </c>
      <c r="G15324" s="8">
        <v>350</v>
      </c>
      <c r="H15324" s="5">
        <v>6</v>
      </c>
      <c r="I15324" s="5" t="s">
        <v>1518</v>
      </c>
      <c r="J15324" s="5" t="s">
        <v>36264</v>
      </c>
      <c r="K15324" s="2" t="s">
        <v>36265</v>
      </c>
      <c r="L15324" s="5" t="s">
        <v>36264</v>
      </c>
      <c r="M15324" s="2" t="s">
        <v>36265</v>
      </c>
      <c r="N15324" s="5" t="s">
        <v>36266</v>
      </c>
      <c r="O15324" s="5" t="s">
        <v>38</v>
      </c>
      <c r="P15324" s="5" t="s">
        <v>39</v>
      </c>
      <c r="Q15324" s="5" t="s">
        <v>40</v>
      </c>
      <c r="R15324" s="5" t="s">
        <v>1522</v>
      </c>
      <c r="S15324" s="5" t="s">
        <v>1523</v>
      </c>
      <c r="T15324" s="5" t="s">
        <v>42</v>
      </c>
      <c r="U15324" s="2">
        <v>3.52</v>
      </c>
      <c r="V15324" s="2">
        <v>2.8559999999999999</v>
      </c>
      <c r="W15324" s="2">
        <v>0.02</v>
      </c>
      <c r="X15324" s="2">
        <v>159.1</v>
      </c>
      <c r="Y15324" s="2">
        <v>7.6</v>
      </c>
      <c r="Z15324" s="2">
        <v>16.7</v>
      </c>
      <c r="AA15324" s="5"/>
      <c r="AB15324" s="5" t="s">
        <v>43</v>
      </c>
      <c r="AC15324" s="5" t="s">
        <v>44</v>
      </c>
      <c r="AD15324" s="2"/>
      <c r="AE15324" s="1"/>
    </row>
    <row r="15325" spans="1:31" ht="14.45">
      <c r="A15325" s="11"/>
      <c r="B15325" s="20"/>
      <c r="C15325" s="2" t="s">
        <v>46928</v>
      </c>
      <c r="D15325" s="14" t="s">
        <v>46929</v>
      </c>
      <c r="E15325" s="2" t="s">
        <v>46930</v>
      </c>
      <c r="F15325" s="2" t="s">
        <v>36381</v>
      </c>
      <c r="G15325" s="8">
        <v>350</v>
      </c>
      <c r="H15325" s="5">
        <v>6</v>
      </c>
      <c r="I15325" s="5" t="s">
        <v>1518</v>
      </c>
      <c r="J15325" s="5" t="s">
        <v>36264</v>
      </c>
      <c r="K15325" s="2" t="s">
        <v>36265</v>
      </c>
      <c r="L15325" s="5" t="s">
        <v>36264</v>
      </c>
      <c r="M15325" s="2" t="s">
        <v>36265</v>
      </c>
      <c r="N15325" s="5" t="s">
        <v>36266</v>
      </c>
      <c r="O15325" s="5" t="s">
        <v>38</v>
      </c>
      <c r="P15325" s="5" t="s">
        <v>39</v>
      </c>
      <c r="Q15325" s="5" t="s">
        <v>40</v>
      </c>
      <c r="R15325" s="5" t="s">
        <v>1522</v>
      </c>
      <c r="S15325" s="5" t="s">
        <v>1523</v>
      </c>
      <c r="T15325" s="5" t="s">
        <v>42</v>
      </c>
      <c r="U15325" s="2">
        <v>3.6190000000000002</v>
      </c>
      <c r="V15325" s="2">
        <v>2.9550000000000001</v>
      </c>
      <c r="W15325" s="2">
        <v>0.02</v>
      </c>
      <c r="X15325" s="2">
        <v>159.1</v>
      </c>
      <c r="Y15325" s="2">
        <v>7.6</v>
      </c>
      <c r="Z15325" s="2">
        <v>16.7</v>
      </c>
      <c r="AA15325" s="5"/>
      <c r="AB15325" s="5" t="s">
        <v>43</v>
      </c>
      <c r="AC15325" s="5" t="s">
        <v>44</v>
      </c>
      <c r="AD15325" s="2"/>
      <c r="AE15325" s="1"/>
    </row>
    <row r="15326" spans="1:31" ht="14.45">
      <c r="A15326" s="11"/>
      <c r="B15326" s="20"/>
      <c r="C15326" s="2" t="s">
        <v>46931</v>
      </c>
      <c r="D15326" s="14" t="s">
        <v>46932</v>
      </c>
      <c r="E15326" s="2" t="s">
        <v>46933</v>
      </c>
      <c r="F15326" s="2" t="s">
        <v>36385</v>
      </c>
      <c r="G15326" s="8">
        <v>350</v>
      </c>
      <c r="H15326" s="5">
        <v>6</v>
      </c>
      <c r="I15326" s="5" t="s">
        <v>1518</v>
      </c>
      <c r="J15326" s="5" t="s">
        <v>36264</v>
      </c>
      <c r="K15326" s="2" t="s">
        <v>36265</v>
      </c>
      <c r="L15326" s="5" t="s">
        <v>36264</v>
      </c>
      <c r="M15326" s="2" t="s">
        <v>36265</v>
      </c>
      <c r="N15326" s="5" t="s">
        <v>36266</v>
      </c>
      <c r="O15326" s="5" t="s">
        <v>38</v>
      </c>
      <c r="P15326" s="5" t="s">
        <v>39</v>
      </c>
      <c r="Q15326" s="5" t="s">
        <v>40</v>
      </c>
      <c r="R15326" s="5" t="s">
        <v>1522</v>
      </c>
      <c r="S15326" s="5" t="s">
        <v>1523</v>
      </c>
      <c r="T15326" s="5" t="s">
        <v>42</v>
      </c>
      <c r="U15326" s="2">
        <v>3.52</v>
      </c>
      <c r="V15326" s="2">
        <v>2.8559999999999999</v>
      </c>
      <c r="W15326" s="2">
        <v>0.02</v>
      </c>
      <c r="X15326" s="2">
        <v>159.1</v>
      </c>
      <c r="Y15326" s="2">
        <v>7.6</v>
      </c>
      <c r="Z15326" s="2">
        <v>16.7</v>
      </c>
      <c r="AA15326" s="5"/>
      <c r="AB15326" s="5" t="s">
        <v>43</v>
      </c>
      <c r="AC15326" s="5" t="s">
        <v>44</v>
      </c>
      <c r="AD15326" s="2"/>
      <c r="AE15326" s="1"/>
    </row>
    <row r="15327" spans="1:31" ht="14.45">
      <c r="A15327" s="11"/>
      <c r="B15327" s="20"/>
      <c r="C15327" s="2" t="s">
        <v>46934</v>
      </c>
      <c r="D15327" s="14" t="s">
        <v>46935</v>
      </c>
      <c r="E15327" s="2" t="s">
        <v>46936</v>
      </c>
      <c r="F15327" s="2" t="s">
        <v>36389</v>
      </c>
      <c r="G15327" s="8">
        <v>350</v>
      </c>
      <c r="H15327" s="5">
        <v>6</v>
      </c>
      <c r="I15327" s="5" t="s">
        <v>1518</v>
      </c>
      <c r="J15327" s="5" t="s">
        <v>36264</v>
      </c>
      <c r="K15327" s="2" t="s">
        <v>36265</v>
      </c>
      <c r="L15327" s="5" t="s">
        <v>36264</v>
      </c>
      <c r="M15327" s="2" t="s">
        <v>36265</v>
      </c>
      <c r="N15327" s="5" t="s">
        <v>36266</v>
      </c>
      <c r="O15327" s="5" t="s">
        <v>38</v>
      </c>
      <c r="P15327" s="5" t="s">
        <v>39</v>
      </c>
      <c r="Q15327" s="5" t="s">
        <v>40</v>
      </c>
      <c r="R15327" s="5" t="s">
        <v>1522</v>
      </c>
      <c r="S15327" s="5" t="s">
        <v>1523</v>
      </c>
      <c r="T15327" s="5" t="s">
        <v>42</v>
      </c>
      <c r="U15327" s="2">
        <v>3.6190000000000002</v>
      </c>
      <c r="V15327" s="2">
        <v>2.9550000000000001</v>
      </c>
      <c r="W15327" s="2">
        <v>0.02</v>
      </c>
      <c r="X15327" s="2">
        <v>159.1</v>
      </c>
      <c r="Y15327" s="2">
        <v>7.6</v>
      </c>
      <c r="Z15327" s="2">
        <v>16.7</v>
      </c>
      <c r="AA15327" s="5"/>
      <c r="AB15327" s="5" t="s">
        <v>43</v>
      </c>
      <c r="AC15327" s="5" t="s">
        <v>44</v>
      </c>
      <c r="AD15327" s="2"/>
      <c r="AE15327" s="1"/>
    </row>
    <row r="15328" spans="1:31" ht="14.45">
      <c r="A15328" s="11"/>
      <c r="B15328" s="20"/>
      <c r="C15328" s="2" t="s">
        <v>46937</v>
      </c>
      <c r="D15328" s="14" t="s">
        <v>46938</v>
      </c>
      <c r="E15328" s="2" t="s">
        <v>46939</v>
      </c>
      <c r="F15328" s="2" t="s">
        <v>7204</v>
      </c>
      <c r="G15328" s="8">
        <v>338</v>
      </c>
      <c r="H15328" s="5">
        <v>6</v>
      </c>
      <c r="I15328" s="5" t="s">
        <v>1518</v>
      </c>
      <c r="J15328" s="5" t="s">
        <v>36264</v>
      </c>
      <c r="K15328" s="2" t="s">
        <v>36265</v>
      </c>
      <c r="L15328" s="5" t="s">
        <v>36264</v>
      </c>
      <c r="M15328" s="2" t="s">
        <v>36265</v>
      </c>
      <c r="N15328" s="5" t="s">
        <v>36266</v>
      </c>
      <c r="O15328" s="5" t="s">
        <v>38</v>
      </c>
      <c r="P15328" s="5" t="s">
        <v>39</v>
      </c>
      <c r="Q15328" s="5" t="s">
        <v>40</v>
      </c>
      <c r="R15328" s="5" t="s">
        <v>1522</v>
      </c>
      <c r="S15328" s="5" t="s">
        <v>1523</v>
      </c>
      <c r="T15328" s="5" t="s">
        <v>42</v>
      </c>
      <c r="U15328" s="2">
        <v>3.9009999999999998</v>
      </c>
      <c r="V15328" s="2">
        <v>3.2559999999999998</v>
      </c>
      <c r="W15328" s="2">
        <v>0.02</v>
      </c>
      <c r="X15328" s="2">
        <v>159.1</v>
      </c>
      <c r="Y15328" s="2">
        <v>7.6</v>
      </c>
      <c r="Z15328" s="2">
        <v>16.7</v>
      </c>
      <c r="AA15328" s="5"/>
      <c r="AB15328" s="5" t="s">
        <v>43</v>
      </c>
      <c r="AC15328" s="5" t="s">
        <v>44</v>
      </c>
      <c r="AD15328" s="2"/>
      <c r="AE15328" s="1"/>
    </row>
    <row r="15329" spans="1:31" ht="14.45">
      <c r="A15329" s="11"/>
      <c r="B15329" s="20"/>
      <c r="C15329" s="2" t="s">
        <v>46940</v>
      </c>
      <c r="D15329" s="14" t="s">
        <v>46941</v>
      </c>
      <c r="E15329" s="2" t="s">
        <v>46942</v>
      </c>
      <c r="F15329" s="2" t="s">
        <v>7514</v>
      </c>
      <c r="G15329" s="8">
        <v>338</v>
      </c>
      <c r="H15329" s="5">
        <v>6</v>
      </c>
      <c r="I15329" s="5" t="s">
        <v>1518</v>
      </c>
      <c r="J15329" s="5" t="s">
        <v>36264</v>
      </c>
      <c r="K15329" s="2" t="s">
        <v>36265</v>
      </c>
      <c r="L15329" s="5" t="s">
        <v>36264</v>
      </c>
      <c r="M15329" s="2" t="s">
        <v>36265</v>
      </c>
      <c r="N15329" s="5" t="s">
        <v>36266</v>
      </c>
      <c r="O15329" s="5" t="s">
        <v>38</v>
      </c>
      <c r="P15329" s="5" t="s">
        <v>39</v>
      </c>
      <c r="Q15329" s="5" t="s">
        <v>40</v>
      </c>
      <c r="R15329" s="5" t="s">
        <v>1522</v>
      </c>
      <c r="S15329" s="5" t="s">
        <v>1523</v>
      </c>
      <c r="T15329" s="5" t="s">
        <v>42</v>
      </c>
      <c r="U15329" s="2">
        <v>4.0229999999999997</v>
      </c>
      <c r="V15329" s="2">
        <v>3.3780000000000001</v>
      </c>
      <c r="W15329" s="2">
        <v>0.02</v>
      </c>
      <c r="X15329" s="2">
        <v>159.1</v>
      </c>
      <c r="Y15329" s="2">
        <v>7.6</v>
      </c>
      <c r="Z15329" s="2">
        <v>16.7</v>
      </c>
      <c r="AA15329" s="5"/>
      <c r="AB15329" s="5" t="s">
        <v>43</v>
      </c>
      <c r="AC15329" s="5" t="s">
        <v>44</v>
      </c>
      <c r="AD15329" s="2"/>
      <c r="AE15329" s="1"/>
    </row>
    <row r="15330" spans="1:31" ht="14.45">
      <c r="A15330" s="11"/>
      <c r="B15330" s="20"/>
      <c r="C15330" s="2" t="s">
        <v>46943</v>
      </c>
      <c r="D15330" s="14" t="s">
        <v>46944</v>
      </c>
      <c r="E15330" s="2" t="s">
        <v>46945</v>
      </c>
      <c r="F15330" s="2" t="s">
        <v>36273</v>
      </c>
      <c r="G15330" s="8">
        <v>338</v>
      </c>
      <c r="H15330" s="5">
        <v>6</v>
      </c>
      <c r="I15330" s="5" t="s">
        <v>1518</v>
      </c>
      <c r="J15330" s="5" t="s">
        <v>36264</v>
      </c>
      <c r="K15330" s="2" t="s">
        <v>36265</v>
      </c>
      <c r="L15330" s="5" t="s">
        <v>36264</v>
      </c>
      <c r="M15330" s="2" t="s">
        <v>36265</v>
      </c>
      <c r="N15330" s="5" t="s">
        <v>36266</v>
      </c>
      <c r="O15330" s="5" t="s">
        <v>38</v>
      </c>
      <c r="P15330" s="5" t="s">
        <v>39</v>
      </c>
      <c r="Q15330" s="5" t="s">
        <v>40</v>
      </c>
      <c r="R15330" s="5" t="s">
        <v>1522</v>
      </c>
      <c r="S15330" s="5" t="s">
        <v>1523</v>
      </c>
      <c r="T15330" s="5" t="s">
        <v>42</v>
      </c>
      <c r="U15330" s="2">
        <v>3.9009999999999998</v>
      </c>
      <c r="V15330" s="2">
        <v>3.2559999999999998</v>
      </c>
      <c r="W15330" s="2">
        <v>0.02</v>
      </c>
      <c r="X15330" s="2">
        <v>159.1</v>
      </c>
      <c r="Y15330" s="2">
        <v>7.6</v>
      </c>
      <c r="Z15330" s="2">
        <v>16.7</v>
      </c>
      <c r="AA15330" s="5"/>
      <c r="AB15330" s="5" t="s">
        <v>43</v>
      </c>
      <c r="AC15330" s="5" t="s">
        <v>44</v>
      </c>
      <c r="AD15330" s="2"/>
      <c r="AE15330" s="1"/>
    </row>
    <row r="15331" spans="1:31" ht="14.45">
      <c r="A15331" s="11"/>
      <c r="B15331" s="20"/>
      <c r="C15331" s="2" t="s">
        <v>46946</v>
      </c>
      <c r="D15331" s="14" t="s">
        <v>46947</v>
      </c>
      <c r="E15331" s="2" t="s">
        <v>46948</v>
      </c>
      <c r="F15331" s="2" t="s">
        <v>36277</v>
      </c>
      <c r="G15331" s="8">
        <v>338</v>
      </c>
      <c r="H15331" s="5">
        <v>6</v>
      </c>
      <c r="I15331" s="5" t="s">
        <v>1518</v>
      </c>
      <c r="J15331" s="5" t="s">
        <v>36264</v>
      </c>
      <c r="K15331" s="2" t="s">
        <v>36265</v>
      </c>
      <c r="L15331" s="5" t="s">
        <v>36264</v>
      </c>
      <c r="M15331" s="2" t="s">
        <v>36265</v>
      </c>
      <c r="N15331" s="5" t="s">
        <v>36266</v>
      </c>
      <c r="O15331" s="5" t="s">
        <v>38</v>
      </c>
      <c r="P15331" s="5" t="s">
        <v>39</v>
      </c>
      <c r="Q15331" s="5" t="s">
        <v>40</v>
      </c>
      <c r="R15331" s="5" t="s">
        <v>1522</v>
      </c>
      <c r="S15331" s="5" t="s">
        <v>1523</v>
      </c>
      <c r="T15331" s="5" t="s">
        <v>42</v>
      </c>
      <c r="U15331" s="2">
        <v>4.0229999999999997</v>
      </c>
      <c r="V15331" s="2">
        <v>3.3780000000000001</v>
      </c>
      <c r="W15331" s="2">
        <v>0.02</v>
      </c>
      <c r="X15331" s="2">
        <v>159.1</v>
      </c>
      <c r="Y15331" s="2">
        <v>7.6</v>
      </c>
      <c r="Z15331" s="2">
        <v>16.7</v>
      </c>
      <c r="AA15331" s="5"/>
      <c r="AB15331" s="5" t="s">
        <v>43</v>
      </c>
      <c r="AC15331" s="5" t="s">
        <v>44</v>
      </c>
      <c r="AD15331" s="2"/>
      <c r="AE15331" s="1"/>
    </row>
    <row r="15332" spans="1:31" ht="14.45">
      <c r="A15332" s="11"/>
      <c r="B15332" s="20"/>
      <c r="C15332" s="2" t="s">
        <v>46949</v>
      </c>
      <c r="D15332" s="14" t="s">
        <v>46950</v>
      </c>
      <c r="E15332" s="2" t="s">
        <v>46951</v>
      </c>
      <c r="F15332" s="2" t="s">
        <v>36289</v>
      </c>
      <c r="G15332" s="8">
        <v>369</v>
      </c>
      <c r="H15332" s="5">
        <v>6</v>
      </c>
      <c r="I15332" s="5" t="s">
        <v>1518</v>
      </c>
      <c r="J15332" s="5" t="s">
        <v>36264</v>
      </c>
      <c r="K15332" s="2" t="s">
        <v>36265</v>
      </c>
      <c r="L15332" s="5" t="s">
        <v>36264</v>
      </c>
      <c r="M15332" s="2" t="s">
        <v>36265</v>
      </c>
      <c r="N15332" s="5" t="s">
        <v>36266</v>
      </c>
      <c r="O15332" s="5" t="s">
        <v>38</v>
      </c>
      <c r="P15332" s="5" t="s">
        <v>39</v>
      </c>
      <c r="Q15332" s="5" t="s">
        <v>40</v>
      </c>
      <c r="R15332" s="5" t="s">
        <v>1522</v>
      </c>
      <c r="S15332" s="5" t="s">
        <v>1523</v>
      </c>
      <c r="T15332" s="5" t="s">
        <v>42</v>
      </c>
      <c r="U15332" s="2">
        <v>3.9009999999999998</v>
      </c>
      <c r="V15332" s="2">
        <v>3.2559999999999998</v>
      </c>
      <c r="W15332" s="2">
        <v>0.02</v>
      </c>
      <c r="X15332" s="2">
        <v>159.1</v>
      </c>
      <c r="Y15332" s="2">
        <v>7.6</v>
      </c>
      <c r="Z15332" s="2">
        <v>16.7</v>
      </c>
      <c r="AA15332" s="5"/>
      <c r="AB15332" s="5" t="s">
        <v>43</v>
      </c>
      <c r="AC15332" s="5" t="s">
        <v>44</v>
      </c>
      <c r="AD15332" s="2"/>
      <c r="AE15332" s="1"/>
    </row>
    <row r="15333" spans="1:31" ht="14.45">
      <c r="A15333" s="11"/>
      <c r="B15333" s="20"/>
      <c r="C15333" s="2" t="s">
        <v>46952</v>
      </c>
      <c r="D15333" s="14" t="s">
        <v>46953</v>
      </c>
      <c r="E15333" s="2" t="s">
        <v>46954</v>
      </c>
      <c r="F15333" s="2" t="s">
        <v>36293</v>
      </c>
      <c r="G15333" s="8">
        <v>369</v>
      </c>
      <c r="H15333" s="5">
        <v>6</v>
      </c>
      <c r="I15333" s="5" t="s">
        <v>1518</v>
      </c>
      <c r="J15333" s="5" t="s">
        <v>36264</v>
      </c>
      <c r="K15333" s="2" t="s">
        <v>36265</v>
      </c>
      <c r="L15333" s="5" t="s">
        <v>36264</v>
      </c>
      <c r="M15333" s="2" t="s">
        <v>36265</v>
      </c>
      <c r="N15333" s="5" t="s">
        <v>36266</v>
      </c>
      <c r="O15333" s="5" t="s">
        <v>38</v>
      </c>
      <c r="P15333" s="5" t="s">
        <v>39</v>
      </c>
      <c r="Q15333" s="5" t="s">
        <v>40</v>
      </c>
      <c r="R15333" s="5" t="s">
        <v>1522</v>
      </c>
      <c r="S15333" s="5" t="s">
        <v>1523</v>
      </c>
      <c r="T15333" s="5" t="s">
        <v>42</v>
      </c>
      <c r="U15333" s="2">
        <v>4.0229999999999997</v>
      </c>
      <c r="V15333" s="2">
        <v>3.3780000000000001</v>
      </c>
      <c r="W15333" s="2">
        <v>0.02</v>
      </c>
      <c r="X15333" s="2">
        <v>159.1</v>
      </c>
      <c r="Y15333" s="2">
        <v>7.6</v>
      </c>
      <c r="Z15333" s="2">
        <v>16.7</v>
      </c>
      <c r="AA15333" s="5"/>
      <c r="AB15333" s="5" t="s">
        <v>43</v>
      </c>
      <c r="AC15333" s="5" t="s">
        <v>44</v>
      </c>
      <c r="AD15333" s="2"/>
      <c r="AE15333" s="1"/>
    </row>
    <row r="15334" spans="1:31" ht="14.45">
      <c r="A15334" s="11"/>
      <c r="B15334" s="20"/>
      <c r="C15334" s="2" t="s">
        <v>46955</v>
      </c>
      <c r="D15334" s="14" t="s">
        <v>46956</v>
      </c>
      <c r="E15334" s="2" t="s">
        <v>46957</v>
      </c>
      <c r="F15334" s="2" t="s">
        <v>36297</v>
      </c>
      <c r="G15334" s="8">
        <v>338</v>
      </c>
      <c r="H15334" s="5">
        <v>6</v>
      </c>
      <c r="I15334" s="5" t="s">
        <v>1518</v>
      </c>
      <c r="J15334" s="5" t="s">
        <v>36264</v>
      </c>
      <c r="K15334" s="2" t="s">
        <v>36265</v>
      </c>
      <c r="L15334" s="5" t="s">
        <v>36264</v>
      </c>
      <c r="M15334" s="2" t="s">
        <v>36265</v>
      </c>
      <c r="N15334" s="5" t="s">
        <v>36266</v>
      </c>
      <c r="O15334" s="5" t="s">
        <v>38</v>
      </c>
      <c r="P15334" s="5" t="s">
        <v>39</v>
      </c>
      <c r="Q15334" s="5" t="s">
        <v>40</v>
      </c>
      <c r="R15334" s="5" t="s">
        <v>1522</v>
      </c>
      <c r="S15334" s="5" t="s">
        <v>1523</v>
      </c>
      <c r="T15334" s="5" t="s">
        <v>42</v>
      </c>
      <c r="U15334" s="2">
        <v>3.9009999999999998</v>
      </c>
      <c r="V15334" s="2">
        <v>3.2559999999999998</v>
      </c>
      <c r="W15334" s="2">
        <v>0.02</v>
      </c>
      <c r="X15334" s="2">
        <v>159.1</v>
      </c>
      <c r="Y15334" s="2">
        <v>7.6</v>
      </c>
      <c r="Z15334" s="2">
        <v>16.7</v>
      </c>
      <c r="AA15334" s="5"/>
      <c r="AB15334" s="5" t="s">
        <v>43</v>
      </c>
      <c r="AC15334" s="5" t="s">
        <v>44</v>
      </c>
      <c r="AD15334" s="2"/>
      <c r="AE15334" s="1"/>
    </row>
    <row r="15335" spans="1:31" ht="14.45">
      <c r="A15335" s="11"/>
      <c r="B15335" s="20"/>
      <c r="C15335" s="2" t="s">
        <v>46958</v>
      </c>
      <c r="D15335" s="14" t="s">
        <v>46959</v>
      </c>
      <c r="E15335" s="2" t="s">
        <v>46960</v>
      </c>
      <c r="F15335" s="2" t="s">
        <v>36301</v>
      </c>
      <c r="G15335" s="8">
        <v>338</v>
      </c>
      <c r="H15335" s="5">
        <v>6</v>
      </c>
      <c r="I15335" s="5" t="s">
        <v>1518</v>
      </c>
      <c r="J15335" s="5" t="s">
        <v>36264</v>
      </c>
      <c r="K15335" s="2" t="s">
        <v>36265</v>
      </c>
      <c r="L15335" s="5" t="s">
        <v>36264</v>
      </c>
      <c r="M15335" s="2" t="s">
        <v>36265</v>
      </c>
      <c r="N15335" s="5" t="s">
        <v>36266</v>
      </c>
      <c r="O15335" s="5" t="s">
        <v>38</v>
      </c>
      <c r="P15335" s="5" t="s">
        <v>39</v>
      </c>
      <c r="Q15335" s="5" t="s">
        <v>40</v>
      </c>
      <c r="R15335" s="5" t="s">
        <v>1522</v>
      </c>
      <c r="S15335" s="5" t="s">
        <v>1523</v>
      </c>
      <c r="T15335" s="5" t="s">
        <v>42</v>
      </c>
      <c r="U15335" s="2">
        <v>4.0229999999999997</v>
      </c>
      <c r="V15335" s="2">
        <v>3.3780000000000001</v>
      </c>
      <c r="W15335" s="2">
        <v>0.02</v>
      </c>
      <c r="X15335" s="2">
        <v>159.1</v>
      </c>
      <c r="Y15335" s="2">
        <v>7.6</v>
      </c>
      <c r="Z15335" s="2">
        <v>16.7</v>
      </c>
      <c r="AA15335" s="5"/>
      <c r="AB15335" s="5" t="s">
        <v>43</v>
      </c>
      <c r="AC15335" s="5" t="s">
        <v>44</v>
      </c>
      <c r="AD15335" s="2"/>
      <c r="AE15335" s="1"/>
    </row>
    <row r="15336" spans="1:31" ht="14.45">
      <c r="A15336" s="11"/>
      <c r="B15336" s="20"/>
      <c r="C15336" s="2" t="s">
        <v>46961</v>
      </c>
      <c r="D15336" s="14" t="s">
        <v>46962</v>
      </c>
      <c r="E15336" s="2" t="s">
        <v>46963</v>
      </c>
      <c r="F15336" s="2" t="s">
        <v>36305</v>
      </c>
      <c r="G15336" s="8">
        <v>338</v>
      </c>
      <c r="H15336" s="5">
        <v>6</v>
      </c>
      <c r="I15336" s="5" t="s">
        <v>1518</v>
      </c>
      <c r="J15336" s="5" t="s">
        <v>36264</v>
      </c>
      <c r="K15336" s="2" t="s">
        <v>36265</v>
      </c>
      <c r="L15336" s="5" t="s">
        <v>36264</v>
      </c>
      <c r="M15336" s="2" t="s">
        <v>36265</v>
      </c>
      <c r="N15336" s="5" t="s">
        <v>36266</v>
      </c>
      <c r="O15336" s="5" t="s">
        <v>38</v>
      </c>
      <c r="P15336" s="5" t="s">
        <v>39</v>
      </c>
      <c r="Q15336" s="5" t="s">
        <v>40</v>
      </c>
      <c r="R15336" s="5" t="s">
        <v>1522</v>
      </c>
      <c r="S15336" s="5" t="s">
        <v>1523</v>
      </c>
      <c r="T15336" s="5" t="s">
        <v>42</v>
      </c>
      <c r="U15336" s="2">
        <v>3.9009999999999998</v>
      </c>
      <c r="V15336" s="2">
        <v>3.2559999999999998</v>
      </c>
      <c r="W15336" s="2">
        <v>0.02</v>
      </c>
      <c r="X15336" s="2">
        <v>159.1</v>
      </c>
      <c r="Y15336" s="2">
        <v>7.6</v>
      </c>
      <c r="Z15336" s="2">
        <v>16.7</v>
      </c>
      <c r="AA15336" s="5"/>
      <c r="AB15336" s="5" t="s">
        <v>43</v>
      </c>
      <c r="AC15336" s="5" t="s">
        <v>44</v>
      </c>
      <c r="AD15336" s="2"/>
      <c r="AE15336" s="1"/>
    </row>
    <row r="15337" spans="1:31" ht="14.45">
      <c r="A15337" s="11"/>
      <c r="B15337" s="20"/>
      <c r="C15337" s="2" t="s">
        <v>46964</v>
      </c>
      <c r="D15337" s="14" t="s">
        <v>46965</v>
      </c>
      <c r="E15337" s="2" t="s">
        <v>46966</v>
      </c>
      <c r="F15337" s="2" t="s">
        <v>36309</v>
      </c>
      <c r="G15337" s="8">
        <v>338</v>
      </c>
      <c r="H15337" s="5">
        <v>6</v>
      </c>
      <c r="I15337" s="5" t="s">
        <v>1518</v>
      </c>
      <c r="J15337" s="5" t="s">
        <v>36264</v>
      </c>
      <c r="K15337" s="2" t="s">
        <v>36265</v>
      </c>
      <c r="L15337" s="5" t="s">
        <v>36264</v>
      </c>
      <c r="M15337" s="2" t="s">
        <v>36265</v>
      </c>
      <c r="N15337" s="5" t="s">
        <v>36266</v>
      </c>
      <c r="O15337" s="5" t="s">
        <v>38</v>
      </c>
      <c r="P15337" s="5" t="s">
        <v>39</v>
      </c>
      <c r="Q15337" s="5" t="s">
        <v>40</v>
      </c>
      <c r="R15337" s="5" t="s">
        <v>1522</v>
      </c>
      <c r="S15337" s="5" t="s">
        <v>1523</v>
      </c>
      <c r="T15337" s="5" t="s">
        <v>42</v>
      </c>
      <c r="U15337" s="2">
        <v>4.0229999999999997</v>
      </c>
      <c r="V15337" s="2">
        <v>3.3780000000000001</v>
      </c>
      <c r="W15337" s="2">
        <v>0.02</v>
      </c>
      <c r="X15337" s="2">
        <v>159.1</v>
      </c>
      <c r="Y15337" s="2">
        <v>7.6</v>
      </c>
      <c r="Z15337" s="2">
        <v>16.7</v>
      </c>
      <c r="AA15337" s="5"/>
      <c r="AB15337" s="5" t="s">
        <v>43</v>
      </c>
      <c r="AC15337" s="5" t="s">
        <v>44</v>
      </c>
      <c r="AD15337" s="2"/>
      <c r="AE15337" s="1"/>
    </row>
    <row r="15338" spans="1:31" ht="14.45">
      <c r="A15338" s="11"/>
      <c r="B15338" s="20"/>
      <c r="C15338" s="2" t="s">
        <v>46967</v>
      </c>
      <c r="D15338" s="14" t="s">
        <v>46968</v>
      </c>
      <c r="E15338" s="2" t="s">
        <v>46969</v>
      </c>
      <c r="F15338" s="2" t="s">
        <v>36317</v>
      </c>
      <c r="G15338" s="8">
        <v>369</v>
      </c>
      <c r="H15338" s="5">
        <v>6</v>
      </c>
      <c r="I15338" s="5" t="s">
        <v>1518</v>
      </c>
      <c r="J15338" s="5" t="s">
        <v>36264</v>
      </c>
      <c r="K15338" s="2" t="s">
        <v>36265</v>
      </c>
      <c r="L15338" s="5" t="s">
        <v>36264</v>
      </c>
      <c r="M15338" s="2" t="s">
        <v>36265</v>
      </c>
      <c r="N15338" s="5" t="s">
        <v>36266</v>
      </c>
      <c r="O15338" s="5" t="s">
        <v>38</v>
      </c>
      <c r="P15338" s="5" t="s">
        <v>39</v>
      </c>
      <c r="Q15338" s="5" t="s">
        <v>40</v>
      </c>
      <c r="R15338" s="5" t="s">
        <v>1522</v>
      </c>
      <c r="S15338" s="5" t="s">
        <v>1523</v>
      </c>
      <c r="T15338" s="5" t="s">
        <v>42</v>
      </c>
      <c r="U15338" s="2">
        <v>4.0229999999999997</v>
      </c>
      <c r="V15338" s="2">
        <v>3.3780000000000001</v>
      </c>
      <c r="W15338" s="2">
        <v>0.02</v>
      </c>
      <c r="X15338" s="2">
        <v>159.1</v>
      </c>
      <c r="Y15338" s="2">
        <v>7.6</v>
      </c>
      <c r="Z15338" s="2">
        <v>16.7</v>
      </c>
      <c r="AA15338" s="5"/>
      <c r="AB15338" s="5" t="s">
        <v>43</v>
      </c>
      <c r="AC15338" s="5" t="s">
        <v>44</v>
      </c>
      <c r="AD15338" s="2"/>
      <c r="AE15338" s="1"/>
    </row>
    <row r="15339" spans="1:31" ht="14.45">
      <c r="A15339" s="11"/>
      <c r="B15339" s="20"/>
      <c r="C15339" s="2" t="s">
        <v>46970</v>
      </c>
      <c r="D15339" s="14" t="s">
        <v>46971</v>
      </c>
      <c r="E15339" s="2" t="s">
        <v>46972</v>
      </c>
      <c r="F15339" s="2" t="s">
        <v>36325</v>
      </c>
      <c r="G15339" s="8">
        <v>369</v>
      </c>
      <c r="H15339" s="5">
        <v>6</v>
      </c>
      <c r="I15339" s="5" t="s">
        <v>1518</v>
      </c>
      <c r="J15339" s="5" t="s">
        <v>36264</v>
      </c>
      <c r="K15339" s="2" t="s">
        <v>36265</v>
      </c>
      <c r="L15339" s="5" t="s">
        <v>36264</v>
      </c>
      <c r="M15339" s="2" t="s">
        <v>36265</v>
      </c>
      <c r="N15339" s="5" t="s">
        <v>36266</v>
      </c>
      <c r="O15339" s="5" t="s">
        <v>38</v>
      </c>
      <c r="P15339" s="5" t="s">
        <v>39</v>
      </c>
      <c r="Q15339" s="5" t="s">
        <v>40</v>
      </c>
      <c r="R15339" s="5" t="s">
        <v>1522</v>
      </c>
      <c r="S15339" s="5" t="s">
        <v>1523</v>
      </c>
      <c r="T15339" s="5" t="s">
        <v>42</v>
      </c>
      <c r="U15339" s="2">
        <v>4.0229999999999997</v>
      </c>
      <c r="V15339" s="2">
        <v>3.3780000000000001</v>
      </c>
      <c r="W15339" s="2">
        <v>0.02</v>
      </c>
      <c r="X15339" s="2">
        <v>159.1</v>
      </c>
      <c r="Y15339" s="2">
        <v>7.6</v>
      </c>
      <c r="Z15339" s="2">
        <v>16.7</v>
      </c>
      <c r="AA15339" s="5"/>
      <c r="AB15339" s="5" t="s">
        <v>43</v>
      </c>
      <c r="AC15339" s="5" t="s">
        <v>44</v>
      </c>
      <c r="AD15339" s="2"/>
      <c r="AE15339" s="1"/>
    </row>
    <row r="15340" spans="1:31" ht="14.45">
      <c r="A15340" s="11"/>
      <c r="B15340" s="20"/>
      <c r="C15340" s="2" t="s">
        <v>46973</v>
      </c>
      <c r="D15340" s="14" t="s">
        <v>46974</v>
      </c>
      <c r="E15340" s="2" t="s">
        <v>46975</v>
      </c>
      <c r="F15340" s="2" t="s">
        <v>36329</v>
      </c>
      <c r="G15340" s="8">
        <v>369</v>
      </c>
      <c r="H15340" s="5">
        <v>6</v>
      </c>
      <c r="I15340" s="5" t="s">
        <v>1518</v>
      </c>
      <c r="J15340" s="5" t="s">
        <v>36264</v>
      </c>
      <c r="K15340" s="2" t="s">
        <v>36265</v>
      </c>
      <c r="L15340" s="5" t="s">
        <v>36264</v>
      </c>
      <c r="M15340" s="2" t="s">
        <v>36265</v>
      </c>
      <c r="N15340" s="5" t="s">
        <v>36266</v>
      </c>
      <c r="O15340" s="5" t="s">
        <v>38</v>
      </c>
      <c r="P15340" s="5" t="s">
        <v>39</v>
      </c>
      <c r="Q15340" s="5" t="s">
        <v>40</v>
      </c>
      <c r="R15340" s="5" t="s">
        <v>1522</v>
      </c>
      <c r="S15340" s="5" t="s">
        <v>1523</v>
      </c>
      <c r="T15340" s="5" t="s">
        <v>42</v>
      </c>
      <c r="U15340" s="2">
        <v>3.9009999999999998</v>
      </c>
      <c r="V15340" s="2">
        <v>3.2559999999999998</v>
      </c>
      <c r="W15340" s="2">
        <v>0.02</v>
      </c>
      <c r="X15340" s="2">
        <v>159.1</v>
      </c>
      <c r="Y15340" s="2">
        <v>7.6</v>
      </c>
      <c r="Z15340" s="2">
        <v>16.7</v>
      </c>
      <c r="AA15340" s="5"/>
      <c r="AB15340" s="5" t="s">
        <v>43</v>
      </c>
      <c r="AC15340" s="5" t="s">
        <v>44</v>
      </c>
      <c r="AD15340" s="2"/>
      <c r="AE15340" s="1"/>
    </row>
    <row r="15341" spans="1:31" ht="14.45">
      <c r="A15341" s="11"/>
      <c r="B15341" s="20"/>
      <c r="C15341" s="2" t="s">
        <v>46976</v>
      </c>
      <c r="D15341" s="14" t="s">
        <v>46977</v>
      </c>
      <c r="E15341" s="2" t="s">
        <v>46978</v>
      </c>
      <c r="F15341" s="2" t="s">
        <v>36333</v>
      </c>
      <c r="G15341" s="8">
        <v>369</v>
      </c>
      <c r="H15341" s="5">
        <v>6</v>
      </c>
      <c r="I15341" s="5" t="s">
        <v>1518</v>
      </c>
      <c r="J15341" s="5" t="s">
        <v>36264</v>
      </c>
      <c r="K15341" s="2" t="s">
        <v>36265</v>
      </c>
      <c r="L15341" s="5" t="s">
        <v>36264</v>
      </c>
      <c r="M15341" s="2" t="s">
        <v>36265</v>
      </c>
      <c r="N15341" s="5" t="s">
        <v>36266</v>
      </c>
      <c r="O15341" s="5" t="s">
        <v>38</v>
      </c>
      <c r="P15341" s="5" t="s">
        <v>39</v>
      </c>
      <c r="Q15341" s="5" t="s">
        <v>40</v>
      </c>
      <c r="R15341" s="5" t="s">
        <v>1522</v>
      </c>
      <c r="S15341" s="5" t="s">
        <v>1523</v>
      </c>
      <c r="T15341" s="5" t="s">
        <v>42</v>
      </c>
      <c r="U15341" s="2">
        <v>4.0229999999999997</v>
      </c>
      <c r="V15341" s="2">
        <v>3.3780000000000001</v>
      </c>
      <c r="W15341" s="2">
        <v>0.02</v>
      </c>
      <c r="X15341" s="2">
        <v>159.1</v>
      </c>
      <c r="Y15341" s="2">
        <v>7.6</v>
      </c>
      <c r="Z15341" s="2">
        <v>16.7</v>
      </c>
      <c r="AA15341" s="5"/>
      <c r="AB15341" s="5" t="s">
        <v>43</v>
      </c>
      <c r="AC15341" s="5" t="s">
        <v>44</v>
      </c>
      <c r="AD15341" s="2"/>
      <c r="AE15341" s="1"/>
    </row>
    <row r="15342" spans="1:31" ht="14.45">
      <c r="A15342" s="11"/>
      <c r="B15342" s="20"/>
      <c r="C15342" s="2" t="s">
        <v>46979</v>
      </c>
      <c r="D15342" s="14" t="s">
        <v>46980</v>
      </c>
      <c r="E15342" s="2" t="s">
        <v>46981</v>
      </c>
      <c r="F15342" s="2" t="s">
        <v>36337</v>
      </c>
      <c r="G15342" s="8">
        <v>369</v>
      </c>
      <c r="H15342" s="5">
        <v>6</v>
      </c>
      <c r="I15342" s="5" t="s">
        <v>1518</v>
      </c>
      <c r="J15342" s="5" t="s">
        <v>36264</v>
      </c>
      <c r="K15342" s="2" t="s">
        <v>36265</v>
      </c>
      <c r="L15342" s="5" t="s">
        <v>36264</v>
      </c>
      <c r="M15342" s="2" t="s">
        <v>36265</v>
      </c>
      <c r="N15342" s="5" t="s">
        <v>36266</v>
      </c>
      <c r="O15342" s="5" t="s">
        <v>38</v>
      </c>
      <c r="P15342" s="5" t="s">
        <v>39</v>
      </c>
      <c r="Q15342" s="5" t="s">
        <v>40</v>
      </c>
      <c r="R15342" s="5" t="s">
        <v>1522</v>
      </c>
      <c r="S15342" s="5" t="s">
        <v>1523</v>
      </c>
      <c r="T15342" s="5" t="s">
        <v>42</v>
      </c>
      <c r="U15342" s="2">
        <v>3.9009999999999998</v>
      </c>
      <c r="V15342" s="2">
        <v>3.2559999999999998</v>
      </c>
      <c r="W15342" s="2">
        <v>0.02</v>
      </c>
      <c r="X15342" s="2">
        <v>159.1</v>
      </c>
      <c r="Y15342" s="2">
        <v>7.6</v>
      </c>
      <c r="Z15342" s="2">
        <v>16.7</v>
      </c>
      <c r="AA15342" s="5"/>
      <c r="AB15342" s="5" t="s">
        <v>43</v>
      </c>
      <c r="AC15342" s="5" t="s">
        <v>44</v>
      </c>
      <c r="AD15342" s="2"/>
      <c r="AE15342" s="1"/>
    </row>
    <row r="15343" spans="1:31" ht="14.45">
      <c r="A15343" s="11"/>
      <c r="B15343" s="20"/>
      <c r="C15343" s="2" t="s">
        <v>46982</v>
      </c>
      <c r="D15343" s="14" t="s">
        <v>46983</v>
      </c>
      <c r="E15343" s="2" t="s">
        <v>46984</v>
      </c>
      <c r="F15343" s="2" t="s">
        <v>36345</v>
      </c>
      <c r="G15343" s="8">
        <v>369</v>
      </c>
      <c r="H15343" s="5">
        <v>6</v>
      </c>
      <c r="I15343" s="5" t="s">
        <v>1518</v>
      </c>
      <c r="J15343" s="5" t="s">
        <v>36264</v>
      </c>
      <c r="K15343" s="2" t="s">
        <v>36265</v>
      </c>
      <c r="L15343" s="5" t="s">
        <v>36264</v>
      </c>
      <c r="M15343" s="2" t="s">
        <v>36265</v>
      </c>
      <c r="N15343" s="5" t="s">
        <v>36266</v>
      </c>
      <c r="O15343" s="5" t="s">
        <v>38</v>
      </c>
      <c r="P15343" s="5" t="s">
        <v>39</v>
      </c>
      <c r="Q15343" s="5" t="s">
        <v>40</v>
      </c>
      <c r="R15343" s="5" t="s">
        <v>1522</v>
      </c>
      <c r="S15343" s="5" t="s">
        <v>1523</v>
      </c>
      <c r="T15343" s="5" t="s">
        <v>42</v>
      </c>
      <c r="U15343" s="2">
        <v>3.9009999999999998</v>
      </c>
      <c r="V15343" s="2">
        <v>3.2559999999999998</v>
      </c>
      <c r="W15343" s="2">
        <v>0.02</v>
      </c>
      <c r="X15343" s="2">
        <v>159.1</v>
      </c>
      <c r="Y15343" s="2">
        <v>7.6</v>
      </c>
      <c r="Z15343" s="2">
        <v>16.7</v>
      </c>
      <c r="AA15343" s="5"/>
      <c r="AB15343" s="5" t="s">
        <v>43</v>
      </c>
      <c r="AC15343" s="5" t="s">
        <v>44</v>
      </c>
      <c r="AD15343" s="2"/>
      <c r="AE15343" s="1"/>
    </row>
    <row r="15344" spans="1:31" ht="14.45">
      <c r="A15344" s="11"/>
      <c r="B15344" s="20"/>
      <c r="C15344" s="2" t="s">
        <v>46985</v>
      </c>
      <c r="D15344" s="14" t="s">
        <v>46986</v>
      </c>
      <c r="E15344" s="2" t="s">
        <v>46987</v>
      </c>
      <c r="F15344" s="2" t="s">
        <v>36349</v>
      </c>
      <c r="G15344" s="8">
        <v>369</v>
      </c>
      <c r="H15344" s="5">
        <v>6</v>
      </c>
      <c r="I15344" s="5" t="s">
        <v>1518</v>
      </c>
      <c r="J15344" s="5" t="s">
        <v>36264</v>
      </c>
      <c r="K15344" s="2" t="s">
        <v>36265</v>
      </c>
      <c r="L15344" s="5" t="s">
        <v>36264</v>
      </c>
      <c r="M15344" s="2" t="s">
        <v>36265</v>
      </c>
      <c r="N15344" s="5" t="s">
        <v>36266</v>
      </c>
      <c r="O15344" s="5" t="s">
        <v>38</v>
      </c>
      <c r="P15344" s="5" t="s">
        <v>39</v>
      </c>
      <c r="Q15344" s="5" t="s">
        <v>40</v>
      </c>
      <c r="R15344" s="5" t="s">
        <v>1522</v>
      </c>
      <c r="S15344" s="5" t="s">
        <v>1523</v>
      </c>
      <c r="T15344" s="5" t="s">
        <v>42</v>
      </c>
      <c r="U15344" s="2">
        <v>4.0229999999999997</v>
      </c>
      <c r="V15344" s="2">
        <v>3.3780000000000001</v>
      </c>
      <c r="W15344" s="2">
        <v>0.02</v>
      </c>
      <c r="X15344" s="2">
        <v>159.1</v>
      </c>
      <c r="Y15344" s="2">
        <v>7.6</v>
      </c>
      <c r="Z15344" s="2">
        <v>16.7</v>
      </c>
      <c r="AA15344" s="5"/>
      <c r="AB15344" s="5" t="s">
        <v>43</v>
      </c>
      <c r="AC15344" s="5" t="s">
        <v>44</v>
      </c>
      <c r="AD15344" s="2"/>
      <c r="AE15344" s="1"/>
    </row>
    <row r="15345" spans="1:31" ht="14.45">
      <c r="A15345" s="11"/>
      <c r="B15345" s="20"/>
      <c r="C15345" s="2" t="s">
        <v>46988</v>
      </c>
      <c r="D15345" s="14" t="s">
        <v>46989</v>
      </c>
      <c r="E15345" s="2" t="s">
        <v>46990</v>
      </c>
      <c r="F15345" s="2" t="s">
        <v>36357</v>
      </c>
      <c r="G15345" s="8">
        <v>369</v>
      </c>
      <c r="H15345" s="5">
        <v>6</v>
      </c>
      <c r="I15345" s="5" t="s">
        <v>1518</v>
      </c>
      <c r="J15345" s="5" t="s">
        <v>36264</v>
      </c>
      <c r="K15345" s="2" t="s">
        <v>36265</v>
      </c>
      <c r="L15345" s="5" t="s">
        <v>36264</v>
      </c>
      <c r="M15345" s="2" t="s">
        <v>36265</v>
      </c>
      <c r="N15345" s="5" t="s">
        <v>36266</v>
      </c>
      <c r="O15345" s="5" t="s">
        <v>38</v>
      </c>
      <c r="P15345" s="5" t="s">
        <v>39</v>
      </c>
      <c r="Q15345" s="5" t="s">
        <v>40</v>
      </c>
      <c r="R15345" s="5" t="s">
        <v>1522</v>
      </c>
      <c r="S15345" s="5" t="s">
        <v>1523</v>
      </c>
      <c r="T15345" s="5" t="s">
        <v>42</v>
      </c>
      <c r="U15345" s="2">
        <v>4.0229999999999997</v>
      </c>
      <c r="V15345" s="2">
        <v>3.3780000000000001</v>
      </c>
      <c r="W15345" s="2">
        <v>0.02</v>
      </c>
      <c r="X15345" s="2">
        <v>159.1</v>
      </c>
      <c r="Y15345" s="2">
        <v>7.6</v>
      </c>
      <c r="Z15345" s="2">
        <v>16.7</v>
      </c>
      <c r="AA15345" s="5"/>
      <c r="AB15345" s="5" t="s">
        <v>43</v>
      </c>
      <c r="AC15345" s="5" t="s">
        <v>44</v>
      </c>
      <c r="AD15345" s="2"/>
      <c r="AE15345" s="1"/>
    </row>
    <row r="15346" spans="1:31" ht="14.45">
      <c r="A15346" s="11"/>
      <c r="B15346" s="20"/>
      <c r="C15346" s="2" t="s">
        <v>46991</v>
      </c>
      <c r="D15346" s="14" t="s">
        <v>46992</v>
      </c>
      <c r="E15346" s="2" t="s">
        <v>46993</v>
      </c>
      <c r="F15346" s="2" t="s">
        <v>45598</v>
      </c>
      <c r="G15346" s="8">
        <v>369</v>
      </c>
      <c r="H15346" s="5">
        <v>6</v>
      </c>
      <c r="I15346" s="5" t="s">
        <v>1518</v>
      </c>
      <c r="J15346" s="5" t="s">
        <v>36264</v>
      </c>
      <c r="K15346" s="2" t="s">
        <v>36265</v>
      </c>
      <c r="L15346" s="5" t="s">
        <v>36264</v>
      </c>
      <c r="M15346" s="2" t="s">
        <v>36265</v>
      </c>
      <c r="N15346" s="5" t="s">
        <v>36266</v>
      </c>
      <c r="O15346" s="5" t="s">
        <v>38</v>
      </c>
      <c r="P15346" s="5" t="s">
        <v>39</v>
      </c>
      <c r="Q15346" s="5" t="s">
        <v>40</v>
      </c>
      <c r="R15346" s="5" t="s">
        <v>1522</v>
      </c>
      <c r="S15346" s="5" t="s">
        <v>1523</v>
      </c>
      <c r="T15346" s="5" t="s">
        <v>42</v>
      </c>
      <c r="U15346" s="2">
        <v>3.9009999999999998</v>
      </c>
      <c r="V15346" s="2">
        <v>3.2559999999999998</v>
      </c>
      <c r="W15346" s="2">
        <v>0.02</v>
      </c>
      <c r="X15346" s="2">
        <v>159.1</v>
      </c>
      <c r="Y15346" s="2">
        <v>7.6</v>
      </c>
      <c r="Z15346" s="2">
        <v>16.7</v>
      </c>
      <c r="AA15346" s="5"/>
      <c r="AB15346" s="5" t="s">
        <v>43</v>
      </c>
      <c r="AC15346" s="5" t="s">
        <v>44</v>
      </c>
      <c r="AD15346" s="2"/>
      <c r="AE15346" s="1"/>
    </row>
    <row r="15347" spans="1:31" ht="14.45">
      <c r="A15347" s="11"/>
      <c r="B15347" s="20"/>
      <c r="C15347" s="2" t="s">
        <v>46994</v>
      </c>
      <c r="D15347" s="14" t="s">
        <v>46995</v>
      </c>
      <c r="E15347" s="2" t="s">
        <v>46996</v>
      </c>
      <c r="F15347" s="2" t="s">
        <v>45534</v>
      </c>
      <c r="G15347" s="8">
        <v>369</v>
      </c>
      <c r="H15347" s="5">
        <v>6</v>
      </c>
      <c r="I15347" s="5" t="s">
        <v>1518</v>
      </c>
      <c r="J15347" s="5" t="s">
        <v>36264</v>
      </c>
      <c r="K15347" s="2" t="s">
        <v>36265</v>
      </c>
      <c r="L15347" s="5" t="s">
        <v>36264</v>
      </c>
      <c r="M15347" s="2" t="s">
        <v>36265</v>
      </c>
      <c r="N15347" s="5" t="s">
        <v>36266</v>
      </c>
      <c r="O15347" s="5" t="s">
        <v>38</v>
      </c>
      <c r="P15347" s="5" t="s">
        <v>39</v>
      </c>
      <c r="Q15347" s="5" t="s">
        <v>40</v>
      </c>
      <c r="R15347" s="5" t="s">
        <v>1522</v>
      </c>
      <c r="S15347" s="5" t="s">
        <v>1523</v>
      </c>
      <c r="T15347" s="5" t="s">
        <v>42</v>
      </c>
      <c r="U15347" s="2">
        <v>4.0229999999999997</v>
      </c>
      <c r="V15347" s="2">
        <v>3.3780000000000001</v>
      </c>
      <c r="W15347" s="2">
        <v>0.02</v>
      </c>
      <c r="X15347" s="2">
        <v>159.1</v>
      </c>
      <c r="Y15347" s="2">
        <v>7.6</v>
      </c>
      <c r="Z15347" s="2">
        <v>16.7</v>
      </c>
      <c r="AA15347" s="5"/>
      <c r="AB15347" s="5" t="s">
        <v>43</v>
      </c>
      <c r="AC15347" s="5" t="s">
        <v>44</v>
      </c>
      <c r="AD15347" s="2"/>
      <c r="AE15347" s="1"/>
    </row>
    <row r="15348" spans="1:31" ht="14.45">
      <c r="A15348" s="11"/>
      <c r="B15348" s="20"/>
      <c r="C15348" s="2" t="s">
        <v>46997</v>
      </c>
      <c r="D15348" s="14" t="s">
        <v>46998</v>
      </c>
      <c r="E15348" s="2" t="s">
        <v>46999</v>
      </c>
      <c r="F15348" s="2" t="s">
        <v>36369</v>
      </c>
      <c r="G15348" s="8">
        <v>369</v>
      </c>
      <c r="H15348" s="5">
        <v>6</v>
      </c>
      <c r="I15348" s="5" t="s">
        <v>1518</v>
      </c>
      <c r="J15348" s="5" t="s">
        <v>36264</v>
      </c>
      <c r="K15348" s="2" t="s">
        <v>36265</v>
      </c>
      <c r="L15348" s="5" t="s">
        <v>36264</v>
      </c>
      <c r="M15348" s="2" t="s">
        <v>36265</v>
      </c>
      <c r="N15348" s="5" t="s">
        <v>36266</v>
      </c>
      <c r="O15348" s="5" t="s">
        <v>38</v>
      </c>
      <c r="P15348" s="5" t="s">
        <v>39</v>
      </c>
      <c r="Q15348" s="5" t="s">
        <v>40</v>
      </c>
      <c r="R15348" s="5" t="s">
        <v>1522</v>
      </c>
      <c r="S15348" s="5" t="s">
        <v>1523</v>
      </c>
      <c r="T15348" s="5" t="s">
        <v>42</v>
      </c>
      <c r="U15348" s="2">
        <v>3.9009999999999998</v>
      </c>
      <c r="V15348" s="2">
        <v>3.2559999999999998</v>
      </c>
      <c r="W15348" s="2">
        <v>0.02</v>
      </c>
      <c r="X15348" s="2">
        <v>159.1</v>
      </c>
      <c r="Y15348" s="2">
        <v>7.6</v>
      </c>
      <c r="Z15348" s="2">
        <v>16.7</v>
      </c>
      <c r="AA15348" s="5"/>
      <c r="AB15348" s="5" t="s">
        <v>43</v>
      </c>
      <c r="AC15348" s="5" t="s">
        <v>44</v>
      </c>
      <c r="AD15348" s="2"/>
      <c r="AE15348" s="1"/>
    </row>
    <row r="15349" spans="1:31" ht="14.45">
      <c r="A15349" s="11"/>
      <c r="B15349" s="20"/>
      <c r="C15349" s="2" t="s">
        <v>47000</v>
      </c>
      <c r="D15349" s="14" t="s">
        <v>47001</v>
      </c>
      <c r="E15349" s="2" t="s">
        <v>47002</v>
      </c>
      <c r="F15349" s="2" t="s">
        <v>36373</v>
      </c>
      <c r="G15349" s="8">
        <v>369</v>
      </c>
      <c r="H15349" s="5">
        <v>6</v>
      </c>
      <c r="I15349" s="5" t="s">
        <v>1518</v>
      </c>
      <c r="J15349" s="5" t="s">
        <v>36264</v>
      </c>
      <c r="K15349" s="2" t="s">
        <v>36265</v>
      </c>
      <c r="L15349" s="5" t="s">
        <v>36264</v>
      </c>
      <c r="M15349" s="2" t="s">
        <v>36265</v>
      </c>
      <c r="N15349" s="5" t="s">
        <v>36266</v>
      </c>
      <c r="O15349" s="5" t="s">
        <v>38</v>
      </c>
      <c r="P15349" s="5" t="s">
        <v>39</v>
      </c>
      <c r="Q15349" s="5" t="s">
        <v>40</v>
      </c>
      <c r="R15349" s="5" t="s">
        <v>1522</v>
      </c>
      <c r="S15349" s="5" t="s">
        <v>1523</v>
      </c>
      <c r="T15349" s="5" t="s">
        <v>42</v>
      </c>
      <c r="U15349" s="2">
        <v>4.0229999999999997</v>
      </c>
      <c r="V15349" s="2">
        <v>3.3780000000000001</v>
      </c>
      <c r="W15349" s="2">
        <v>0.02</v>
      </c>
      <c r="X15349" s="2">
        <v>159.1</v>
      </c>
      <c r="Y15349" s="2">
        <v>7.6</v>
      </c>
      <c r="Z15349" s="2">
        <v>16.7</v>
      </c>
      <c r="AA15349" s="5"/>
      <c r="AB15349" s="5" t="s">
        <v>43</v>
      </c>
      <c r="AC15349" s="5" t="s">
        <v>44</v>
      </c>
      <c r="AD15349" s="2"/>
      <c r="AE15349" s="1"/>
    </row>
    <row r="15350" spans="1:31" ht="14.45">
      <c r="A15350" s="11"/>
      <c r="B15350" s="20"/>
      <c r="C15350" s="2" t="s">
        <v>47003</v>
      </c>
      <c r="D15350" s="14" t="s">
        <v>47004</v>
      </c>
      <c r="E15350" s="2" t="s">
        <v>47005</v>
      </c>
      <c r="F15350" s="2" t="s">
        <v>36377</v>
      </c>
      <c r="G15350" s="8">
        <v>369</v>
      </c>
      <c r="H15350" s="5">
        <v>6</v>
      </c>
      <c r="I15350" s="5" t="s">
        <v>1518</v>
      </c>
      <c r="J15350" s="5" t="s">
        <v>36264</v>
      </c>
      <c r="K15350" s="2" t="s">
        <v>36265</v>
      </c>
      <c r="L15350" s="5" t="s">
        <v>36264</v>
      </c>
      <c r="M15350" s="2" t="s">
        <v>36265</v>
      </c>
      <c r="N15350" s="5" t="s">
        <v>36266</v>
      </c>
      <c r="O15350" s="5" t="s">
        <v>38</v>
      </c>
      <c r="P15350" s="5" t="s">
        <v>39</v>
      </c>
      <c r="Q15350" s="5" t="s">
        <v>40</v>
      </c>
      <c r="R15350" s="5" t="s">
        <v>1522</v>
      </c>
      <c r="S15350" s="5" t="s">
        <v>1523</v>
      </c>
      <c r="T15350" s="5" t="s">
        <v>42</v>
      </c>
      <c r="U15350" s="2">
        <v>3.9009999999999998</v>
      </c>
      <c r="V15350" s="2">
        <v>3.2559999999999998</v>
      </c>
      <c r="W15350" s="2">
        <v>0.02</v>
      </c>
      <c r="X15350" s="2">
        <v>159.1</v>
      </c>
      <c r="Y15350" s="2">
        <v>7.6</v>
      </c>
      <c r="Z15350" s="2">
        <v>16.7</v>
      </c>
      <c r="AA15350" s="5"/>
      <c r="AB15350" s="5" t="s">
        <v>43</v>
      </c>
      <c r="AC15350" s="5" t="s">
        <v>44</v>
      </c>
      <c r="AD15350" s="2"/>
      <c r="AE15350" s="1"/>
    </row>
    <row r="15351" spans="1:31" ht="14.45">
      <c r="A15351" s="11"/>
      <c r="B15351" s="20"/>
      <c r="C15351" s="2" t="s">
        <v>47006</v>
      </c>
      <c r="D15351" s="14" t="s">
        <v>47007</v>
      </c>
      <c r="E15351" s="2" t="s">
        <v>47008</v>
      </c>
      <c r="F15351" s="2" t="s">
        <v>36381</v>
      </c>
      <c r="G15351" s="8">
        <v>369</v>
      </c>
      <c r="H15351" s="5">
        <v>6</v>
      </c>
      <c r="I15351" s="5" t="s">
        <v>1518</v>
      </c>
      <c r="J15351" s="5" t="s">
        <v>36264</v>
      </c>
      <c r="K15351" s="2" t="s">
        <v>36265</v>
      </c>
      <c r="L15351" s="5" t="s">
        <v>36264</v>
      </c>
      <c r="M15351" s="2" t="s">
        <v>36265</v>
      </c>
      <c r="N15351" s="5" t="s">
        <v>36266</v>
      </c>
      <c r="O15351" s="5" t="s">
        <v>38</v>
      </c>
      <c r="P15351" s="5" t="s">
        <v>39</v>
      </c>
      <c r="Q15351" s="5" t="s">
        <v>40</v>
      </c>
      <c r="R15351" s="5" t="s">
        <v>1522</v>
      </c>
      <c r="S15351" s="5" t="s">
        <v>1523</v>
      </c>
      <c r="T15351" s="5" t="s">
        <v>42</v>
      </c>
      <c r="U15351" s="2">
        <v>4.0229999999999997</v>
      </c>
      <c r="V15351" s="2">
        <v>3.3780000000000001</v>
      </c>
      <c r="W15351" s="2">
        <v>0.02</v>
      </c>
      <c r="X15351" s="2">
        <v>159.1</v>
      </c>
      <c r="Y15351" s="2">
        <v>7.6</v>
      </c>
      <c r="Z15351" s="2">
        <v>16.7</v>
      </c>
      <c r="AA15351" s="5"/>
      <c r="AB15351" s="5" t="s">
        <v>43</v>
      </c>
      <c r="AC15351" s="5" t="s">
        <v>44</v>
      </c>
      <c r="AD15351" s="2"/>
      <c r="AE15351" s="1"/>
    </row>
    <row r="15352" spans="1:31" ht="14.45">
      <c r="A15352" s="11"/>
      <c r="B15352" s="20"/>
      <c r="C15352" s="2" t="s">
        <v>47009</v>
      </c>
      <c r="D15352" s="14" t="s">
        <v>47010</v>
      </c>
      <c r="E15352" s="2" t="s">
        <v>47011</v>
      </c>
      <c r="F15352" s="2" t="s">
        <v>36385</v>
      </c>
      <c r="G15352" s="8">
        <v>369</v>
      </c>
      <c r="H15352" s="5">
        <v>6</v>
      </c>
      <c r="I15352" s="5" t="s">
        <v>1518</v>
      </c>
      <c r="J15352" s="5" t="s">
        <v>36264</v>
      </c>
      <c r="K15352" s="2" t="s">
        <v>36265</v>
      </c>
      <c r="L15352" s="5" t="s">
        <v>36264</v>
      </c>
      <c r="M15352" s="2" t="s">
        <v>36265</v>
      </c>
      <c r="N15352" s="5" t="s">
        <v>36266</v>
      </c>
      <c r="O15352" s="5" t="s">
        <v>38</v>
      </c>
      <c r="P15352" s="5" t="s">
        <v>39</v>
      </c>
      <c r="Q15352" s="5" t="s">
        <v>40</v>
      </c>
      <c r="R15352" s="5" t="s">
        <v>1522</v>
      </c>
      <c r="S15352" s="5" t="s">
        <v>1523</v>
      </c>
      <c r="T15352" s="5" t="s">
        <v>42</v>
      </c>
      <c r="U15352" s="2">
        <v>3.9009999999999998</v>
      </c>
      <c r="V15352" s="2">
        <v>3.2559999999999998</v>
      </c>
      <c r="W15352" s="2">
        <v>0.02</v>
      </c>
      <c r="X15352" s="2">
        <v>159.1</v>
      </c>
      <c r="Y15352" s="2">
        <v>7.6</v>
      </c>
      <c r="Z15352" s="2">
        <v>16.7</v>
      </c>
      <c r="AA15352" s="5"/>
      <c r="AB15352" s="5" t="s">
        <v>43</v>
      </c>
      <c r="AC15352" s="5" t="s">
        <v>44</v>
      </c>
      <c r="AD15352" s="2"/>
      <c r="AE15352" s="1"/>
    </row>
    <row r="15353" spans="1:31" ht="14.45">
      <c r="A15353" s="11"/>
      <c r="B15353" s="20"/>
      <c r="C15353" s="2" t="s">
        <v>47012</v>
      </c>
      <c r="D15353" s="14" t="s">
        <v>47013</v>
      </c>
      <c r="E15353" s="2" t="s">
        <v>47014</v>
      </c>
      <c r="F15353" s="2" t="s">
        <v>36389</v>
      </c>
      <c r="G15353" s="8">
        <v>369</v>
      </c>
      <c r="H15353" s="5">
        <v>6</v>
      </c>
      <c r="I15353" s="5" t="s">
        <v>1518</v>
      </c>
      <c r="J15353" s="5" t="s">
        <v>36264</v>
      </c>
      <c r="K15353" s="2" t="s">
        <v>36265</v>
      </c>
      <c r="L15353" s="5" t="s">
        <v>36264</v>
      </c>
      <c r="M15353" s="2" t="s">
        <v>36265</v>
      </c>
      <c r="N15353" s="5" t="s">
        <v>36266</v>
      </c>
      <c r="O15353" s="5" t="s">
        <v>38</v>
      </c>
      <c r="P15353" s="5" t="s">
        <v>39</v>
      </c>
      <c r="Q15353" s="5" t="s">
        <v>40</v>
      </c>
      <c r="R15353" s="5" t="s">
        <v>1522</v>
      </c>
      <c r="S15353" s="5" t="s">
        <v>1523</v>
      </c>
      <c r="T15353" s="5" t="s">
        <v>42</v>
      </c>
      <c r="U15353" s="2">
        <v>4.0229999999999997</v>
      </c>
      <c r="V15353" s="2">
        <v>3.3780000000000001</v>
      </c>
      <c r="W15353" s="2">
        <v>0.02</v>
      </c>
      <c r="X15353" s="2">
        <v>159.1</v>
      </c>
      <c r="Y15353" s="2">
        <v>7.6</v>
      </c>
      <c r="Z15353" s="2">
        <v>16.7</v>
      </c>
      <c r="AA15353" s="5"/>
      <c r="AB15353" s="5" t="s">
        <v>43</v>
      </c>
      <c r="AC15353" s="5" t="s">
        <v>44</v>
      </c>
      <c r="AD15353" s="2"/>
      <c r="AE15353" s="1"/>
    </row>
    <row r="15354" spans="1:31" ht="14.45">
      <c r="A15354" s="11"/>
      <c r="B15354" s="20"/>
      <c r="C15354" s="2" t="s">
        <v>47015</v>
      </c>
      <c r="D15354" s="14" t="s">
        <v>47016</v>
      </c>
      <c r="E15354" s="2" t="s">
        <v>47017</v>
      </c>
      <c r="F15354" s="2" t="s">
        <v>7204</v>
      </c>
      <c r="G15354" s="8">
        <v>360</v>
      </c>
      <c r="H15354" s="5">
        <v>6</v>
      </c>
      <c r="I15354" s="5" t="s">
        <v>1518</v>
      </c>
      <c r="J15354" s="5" t="s">
        <v>36264</v>
      </c>
      <c r="K15354" s="2" t="s">
        <v>36265</v>
      </c>
      <c r="L15354" s="5" t="s">
        <v>36264</v>
      </c>
      <c r="M15354" s="2" t="s">
        <v>36265</v>
      </c>
      <c r="N15354" s="5" t="s">
        <v>36266</v>
      </c>
      <c r="O15354" s="5" t="s">
        <v>38</v>
      </c>
      <c r="P15354" s="5" t="s">
        <v>39</v>
      </c>
      <c r="Q15354" s="5" t="s">
        <v>40</v>
      </c>
      <c r="R15354" s="5" t="s">
        <v>1522</v>
      </c>
      <c r="S15354" s="5" t="s">
        <v>1523</v>
      </c>
      <c r="T15354" s="5" t="s">
        <v>42</v>
      </c>
      <c r="U15354" s="2">
        <v>4.0880000000000001</v>
      </c>
      <c r="V15354" s="2">
        <v>3.452</v>
      </c>
      <c r="W15354" s="2">
        <v>0.02</v>
      </c>
      <c r="X15354" s="2">
        <v>159.1</v>
      </c>
      <c r="Y15354" s="2">
        <v>7.6</v>
      </c>
      <c r="Z15354" s="2">
        <v>16.7</v>
      </c>
      <c r="AA15354" s="5"/>
      <c r="AB15354" s="5" t="s">
        <v>43</v>
      </c>
      <c r="AC15354" s="5" t="s">
        <v>44</v>
      </c>
      <c r="AD15354" s="2"/>
      <c r="AE15354" s="1"/>
    </row>
    <row r="15355" spans="1:31" ht="14.45">
      <c r="A15355" s="11"/>
      <c r="B15355" s="20"/>
      <c r="C15355" s="2" t="s">
        <v>47018</v>
      </c>
      <c r="D15355" s="14" t="s">
        <v>47019</v>
      </c>
      <c r="E15355" s="2" t="s">
        <v>47020</v>
      </c>
      <c r="F15355" s="2" t="s">
        <v>7514</v>
      </c>
      <c r="G15355" s="8">
        <v>360</v>
      </c>
      <c r="H15355" s="5">
        <v>6</v>
      </c>
      <c r="I15355" s="5" t="s">
        <v>1518</v>
      </c>
      <c r="J15355" s="5" t="s">
        <v>36264</v>
      </c>
      <c r="K15355" s="2" t="s">
        <v>36265</v>
      </c>
      <c r="L15355" s="5" t="s">
        <v>36264</v>
      </c>
      <c r="M15355" s="2" t="s">
        <v>36265</v>
      </c>
      <c r="N15355" s="5" t="s">
        <v>36266</v>
      </c>
      <c r="O15355" s="5" t="s">
        <v>38</v>
      </c>
      <c r="P15355" s="5" t="s">
        <v>39</v>
      </c>
      <c r="Q15355" s="5" t="s">
        <v>40</v>
      </c>
      <c r="R15355" s="5" t="s">
        <v>1522</v>
      </c>
      <c r="S15355" s="5" t="s">
        <v>1523</v>
      </c>
      <c r="T15355" s="5" t="s">
        <v>42</v>
      </c>
      <c r="U15355" s="2">
        <v>4.2220000000000004</v>
      </c>
      <c r="V15355" s="2">
        <v>3.5859999999999999</v>
      </c>
      <c r="W15355" s="2">
        <v>0.02</v>
      </c>
      <c r="X15355" s="2">
        <v>159.1</v>
      </c>
      <c r="Y15355" s="2">
        <v>7.6</v>
      </c>
      <c r="Z15355" s="2">
        <v>16.7</v>
      </c>
      <c r="AA15355" s="5"/>
      <c r="AB15355" s="5" t="s">
        <v>43</v>
      </c>
      <c r="AC15355" s="5" t="s">
        <v>44</v>
      </c>
      <c r="AD15355" s="2"/>
      <c r="AE15355" s="1"/>
    </row>
    <row r="15356" spans="1:31" ht="14.45">
      <c r="A15356" s="11"/>
      <c r="B15356" s="20"/>
      <c r="C15356" s="2" t="s">
        <v>47021</v>
      </c>
      <c r="D15356" s="14" t="s">
        <v>47022</v>
      </c>
      <c r="E15356" s="2" t="s">
        <v>47023</v>
      </c>
      <c r="F15356" s="2" t="s">
        <v>36273</v>
      </c>
      <c r="G15356" s="8">
        <v>360</v>
      </c>
      <c r="H15356" s="5">
        <v>6</v>
      </c>
      <c r="I15356" s="5" t="s">
        <v>1518</v>
      </c>
      <c r="J15356" s="5" t="s">
        <v>36264</v>
      </c>
      <c r="K15356" s="2" t="s">
        <v>36265</v>
      </c>
      <c r="L15356" s="5" t="s">
        <v>36264</v>
      </c>
      <c r="M15356" s="2" t="s">
        <v>36265</v>
      </c>
      <c r="N15356" s="5" t="s">
        <v>36266</v>
      </c>
      <c r="O15356" s="5" t="s">
        <v>38</v>
      </c>
      <c r="P15356" s="5" t="s">
        <v>39</v>
      </c>
      <c r="Q15356" s="5" t="s">
        <v>40</v>
      </c>
      <c r="R15356" s="5" t="s">
        <v>1522</v>
      </c>
      <c r="S15356" s="5" t="s">
        <v>1523</v>
      </c>
      <c r="T15356" s="5" t="s">
        <v>42</v>
      </c>
      <c r="U15356" s="2">
        <v>4.0880000000000001</v>
      </c>
      <c r="V15356" s="2">
        <v>3.452</v>
      </c>
      <c r="W15356" s="2">
        <v>0.02</v>
      </c>
      <c r="X15356" s="2">
        <v>159.1</v>
      </c>
      <c r="Y15356" s="2">
        <v>7.6</v>
      </c>
      <c r="Z15356" s="2">
        <v>16.7</v>
      </c>
      <c r="AA15356" s="5"/>
      <c r="AB15356" s="5" t="s">
        <v>43</v>
      </c>
      <c r="AC15356" s="5" t="s">
        <v>44</v>
      </c>
      <c r="AD15356" s="2"/>
      <c r="AE15356" s="1"/>
    </row>
    <row r="15357" spans="1:31" ht="14.45">
      <c r="A15357" s="11"/>
      <c r="B15357" s="20"/>
      <c r="C15357" s="2" t="s">
        <v>47024</v>
      </c>
      <c r="D15357" s="14" t="s">
        <v>47025</v>
      </c>
      <c r="E15357" s="2" t="s">
        <v>47026</v>
      </c>
      <c r="F15357" s="2" t="s">
        <v>36277</v>
      </c>
      <c r="G15357" s="8">
        <v>360</v>
      </c>
      <c r="H15357" s="5">
        <v>6</v>
      </c>
      <c r="I15357" s="5" t="s">
        <v>1518</v>
      </c>
      <c r="J15357" s="5" t="s">
        <v>36264</v>
      </c>
      <c r="K15357" s="2" t="s">
        <v>36265</v>
      </c>
      <c r="L15357" s="5" t="s">
        <v>36264</v>
      </c>
      <c r="M15357" s="2" t="s">
        <v>36265</v>
      </c>
      <c r="N15357" s="5" t="s">
        <v>36266</v>
      </c>
      <c r="O15357" s="5" t="s">
        <v>38</v>
      </c>
      <c r="P15357" s="5" t="s">
        <v>39</v>
      </c>
      <c r="Q15357" s="5" t="s">
        <v>40</v>
      </c>
      <c r="R15357" s="5" t="s">
        <v>1522</v>
      </c>
      <c r="S15357" s="5" t="s">
        <v>1523</v>
      </c>
      <c r="T15357" s="5" t="s">
        <v>42</v>
      </c>
      <c r="U15357" s="2">
        <v>4.2220000000000004</v>
      </c>
      <c r="V15357" s="2">
        <v>3.5859999999999999</v>
      </c>
      <c r="W15357" s="2">
        <v>0.02</v>
      </c>
      <c r="X15357" s="2">
        <v>159.1</v>
      </c>
      <c r="Y15357" s="2">
        <v>7.6</v>
      </c>
      <c r="Z15357" s="2">
        <v>16.7</v>
      </c>
      <c r="AA15357" s="5"/>
      <c r="AB15357" s="5" t="s">
        <v>43</v>
      </c>
      <c r="AC15357" s="5" t="s">
        <v>44</v>
      </c>
      <c r="AD15357" s="2"/>
      <c r="AE15357" s="1"/>
    </row>
    <row r="15358" spans="1:31" ht="14.45">
      <c r="A15358" s="11"/>
      <c r="B15358" s="20"/>
      <c r="C15358" s="2" t="s">
        <v>47027</v>
      </c>
      <c r="D15358" s="14" t="s">
        <v>47028</v>
      </c>
      <c r="E15358" s="2" t="s">
        <v>47029</v>
      </c>
      <c r="F15358" s="2" t="s">
        <v>36285</v>
      </c>
      <c r="G15358" s="8">
        <v>394</v>
      </c>
      <c r="H15358" s="5">
        <v>6</v>
      </c>
      <c r="I15358" s="5" t="s">
        <v>1518</v>
      </c>
      <c r="J15358" s="5" t="s">
        <v>36264</v>
      </c>
      <c r="K15358" s="2" t="s">
        <v>36265</v>
      </c>
      <c r="L15358" s="5" t="s">
        <v>36264</v>
      </c>
      <c r="M15358" s="2" t="s">
        <v>36265</v>
      </c>
      <c r="N15358" s="5" t="s">
        <v>36266</v>
      </c>
      <c r="O15358" s="5" t="s">
        <v>38</v>
      </c>
      <c r="P15358" s="5" t="s">
        <v>39</v>
      </c>
      <c r="Q15358" s="5" t="s">
        <v>40</v>
      </c>
      <c r="R15358" s="5" t="s">
        <v>1522</v>
      </c>
      <c r="S15358" s="5" t="s">
        <v>1523</v>
      </c>
      <c r="T15358" s="5" t="s">
        <v>42</v>
      </c>
      <c r="U15358" s="2">
        <v>4.2220000000000004</v>
      </c>
      <c r="V15358" s="2">
        <v>3.5859999999999999</v>
      </c>
      <c r="W15358" s="2">
        <v>0.02</v>
      </c>
      <c r="X15358" s="2">
        <v>159.1</v>
      </c>
      <c r="Y15358" s="2">
        <v>7.6</v>
      </c>
      <c r="Z15358" s="2">
        <v>16.7</v>
      </c>
      <c r="AA15358" s="5"/>
      <c r="AB15358" s="5" t="s">
        <v>43</v>
      </c>
      <c r="AC15358" s="5" t="s">
        <v>44</v>
      </c>
      <c r="AD15358" s="2"/>
      <c r="AE15358" s="1"/>
    </row>
    <row r="15359" spans="1:31" ht="14.45">
      <c r="A15359" s="11"/>
      <c r="B15359" s="20"/>
      <c r="C15359" s="2" t="s">
        <v>47030</v>
      </c>
      <c r="D15359" s="14" t="s">
        <v>47031</v>
      </c>
      <c r="E15359" s="2" t="s">
        <v>47032</v>
      </c>
      <c r="F15359" s="2" t="s">
        <v>36293</v>
      </c>
      <c r="G15359" s="8">
        <v>394</v>
      </c>
      <c r="H15359" s="5">
        <v>6</v>
      </c>
      <c r="I15359" s="5" t="s">
        <v>1518</v>
      </c>
      <c r="J15359" s="5" t="s">
        <v>36264</v>
      </c>
      <c r="K15359" s="2" t="s">
        <v>36265</v>
      </c>
      <c r="L15359" s="5" t="s">
        <v>36264</v>
      </c>
      <c r="M15359" s="2" t="s">
        <v>36265</v>
      </c>
      <c r="N15359" s="5" t="s">
        <v>36266</v>
      </c>
      <c r="O15359" s="5" t="s">
        <v>38</v>
      </c>
      <c r="P15359" s="5" t="s">
        <v>39</v>
      </c>
      <c r="Q15359" s="5" t="s">
        <v>40</v>
      </c>
      <c r="R15359" s="5" t="s">
        <v>1522</v>
      </c>
      <c r="S15359" s="5" t="s">
        <v>1523</v>
      </c>
      <c r="T15359" s="5" t="s">
        <v>42</v>
      </c>
      <c r="U15359" s="2">
        <v>4.2220000000000004</v>
      </c>
      <c r="V15359" s="2">
        <v>3.5859999999999999</v>
      </c>
      <c r="W15359" s="2">
        <v>0.02</v>
      </c>
      <c r="X15359" s="2">
        <v>159.1</v>
      </c>
      <c r="Y15359" s="2">
        <v>7.6</v>
      </c>
      <c r="Z15359" s="2">
        <v>16.7</v>
      </c>
      <c r="AA15359" s="5"/>
      <c r="AB15359" s="5" t="s">
        <v>43</v>
      </c>
      <c r="AC15359" s="5" t="s">
        <v>44</v>
      </c>
      <c r="AD15359" s="2"/>
      <c r="AE15359" s="1"/>
    </row>
    <row r="15360" spans="1:31" ht="14.45">
      <c r="A15360" s="11"/>
      <c r="B15360" s="20"/>
      <c r="C15360" s="2" t="s">
        <v>47033</v>
      </c>
      <c r="D15360" s="14" t="s">
        <v>47034</v>
      </c>
      <c r="E15360" s="2" t="s">
        <v>47035</v>
      </c>
      <c r="F15360" s="2" t="s">
        <v>36301</v>
      </c>
      <c r="G15360" s="8">
        <v>360</v>
      </c>
      <c r="H15360" s="5">
        <v>6</v>
      </c>
      <c r="I15360" s="5" t="s">
        <v>1518</v>
      </c>
      <c r="J15360" s="5" t="s">
        <v>36264</v>
      </c>
      <c r="K15360" s="2" t="s">
        <v>36265</v>
      </c>
      <c r="L15360" s="5" t="s">
        <v>36264</v>
      </c>
      <c r="M15360" s="2" t="s">
        <v>36265</v>
      </c>
      <c r="N15360" s="5" t="s">
        <v>36266</v>
      </c>
      <c r="O15360" s="5" t="s">
        <v>38</v>
      </c>
      <c r="P15360" s="5" t="s">
        <v>39</v>
      </c>
      <c r="Q15360" s="5" t="s">
        <v>40</v>
      </c>
      <c r="R15360" s="5" t="s">
        <v>1522</v>
      </c>
      <c r="S15360" s="5" t="s">
        <v>1523</v>
      </c>
      <c r="T15360" s="5" t="s">
        <v>42</v>
      </c>
      <c r="U15360" s="2">
        <v>4.2220000000000004</v>
      </c>
      <c r="V15360" s="2">
        <v>3.5859999999999999</v>
      </c>
      <c r="W15360" s="2">
        <v>0.02</v>
      </c>
      <c r="X15360" s="2">
        <v>159.1</v>
      </c>
      <c r="Y15360" s="2">
        <v>7.6</v>
      </c>
      <c r="Z15360" s="2">
        <v>16.7</v>
      </c>
      <c r="AA15360" s="5"/>
      <c r="AB15360" s="5" t="s">
        <v>43</v>
      </c>
      <c r="AC15360" s="5" t="s">
        <v>44</v>
      </c>
      <c r="AD15360" s="2"/>
      <c r="AE15360" s="1"/>
    </row>
    <row r="15361" spans="1:31" ht="14.45">
      <c r="A15361" s="11"/>
      <c r="B15361" s="20"/>
      <c r="C15361" s="2" t="s">
        <v>47036</v>
      </c>
      <c r="D15361" s="14" t="s">
        <v>47037</v>
      </c>
      <c r="E15361" s="2" t="s">
        <v>47038</v>
      </c>
      <c r="F15361" s="2" t="s">
        <v>36305</v>
      </c>
      <c r="G15361" s="8">
        <v>360</v>
      </c>
      <c r="H15361" s="5">
        <v>6</v>
      </c>
      <c r="I15361" s="5" t="s">
        <v>1518</v>
      </c>
      <c r="J15361" s="5" t="s">
        <v>36264</v>
      </c>
      <c r="K15361" s="2" t="s">
        <v>36265</v>
      </c>
      <c r="L15361" s="5" t="s">
        <v>36264</v>
      </c>
      <c r="M15361" s="2" t="s">
        <v>36265</v>
      </c>
      <c r="N15361" s="5" t="s">
        <v>36266</v>
      </c>
      <c r="O15361" s="5" t="s">
        <v>38</v>
      </c>
      <c r="P15361" s="5" t="s">
        <v>39</v>
      </c>
      <c r="Q15361" s="5" t="s">
        <v>40</v>
      </c>
      <c r="R15361" s="5" t="s">
        <v>1522</v>
      </c>
      <c r="S15361" s="5" t="s">
        <v>1523</v>
      </c>
      <c r="T15361" s="5" t="s">
        <v>42</v>
      </c>
      <c r="U15361" s="2">
        <v>4.0880000000000001</v>
      </c>
      <c r="V15361" s="2">
        <v>3.452</v>
      </c>
      <c r="W15361" s="2">
        <v>0.02</v>
      </c>
      <c r="X15361" s="2">
        <v>159.1</v>
      </c>
      <c r="Y15361" s="2">
        <v>7.6</v>
      </c>
      <c r="Z15361" s="2">
        <v>16.7</v>
      </c>
      <c r="AA15361" s="5"/>
      <c r="AB15361" s="5" t="s">
        <v>43</v>
      </c>
      <c r="AC15361" s="5" t="s">
        <v>44</v>
      </c>
      <c r="AD15361" s="2"/>
      <c r="AE15361" s="1"/>
    </row>
    <row r="15362" spans="1:31" ht="14.45">
      <c r="A15362" s="11"/>
      <c r="B15362" s="20"/>
      <c r="C15362" s="2" t="s">
        <v>47039</v>
      </c>
      <c r="D15362" s="14" t="s">
        <v>47040</v>
      </c>
      <c r="E15362" s="2" t="s">
        <v>47041</v>
      </c>
      <c r="F15362" s="2" t="s">
        <v>36309</v>
      </c>
      <c r="G15362" s="8">
        <v>360</v>
      </c>
      <c r="H15362" s="5">
        <v>6</v>
      </c>
      <c r="I15362" s="5" t="s">
        <v>1518</v>
      </c>
      <c r="J15362" s="5" t="s">
        <v>36264</v>
      </c>
      <c r="K15362" s="2" t="s">
        <v>36265</v>
      </c>
      <c r="L15362" s="5" t="s">
        <v>36264</v>
      </c>
      <c r="M15362" s="2" t="s">
        <v>36265</v>
      </c>
      <c r="N15362" s="5" t="s">
        <v>36266</v>
      </c>
      <c r="O15362" s="5" t="s">
        <v>38</v>
      </c>
      <c r="P15362" s="5" t="s">
        <v>39</v>
      </c>
      <c r="Q15362" s="5" t="s">
        <v>40</v>
      </c>
      <c r="R15362" s="5" t="s">
        <v>1522</v>
      </c>
      <c r="S15362" s="5" t="s">
        <v>1523</v>
      </c>
      <c r="T15362" s="5" t="s">
        <v>42</v>
      </c>
      <c r="U15362" s="2">
        <v>4.2220000000000004</v>
      </c>
      <c r="V15362" s="2">
        <v>3.5859999999999999</v>
      </c>
      <c r="W15362" s="2">
        <v>0.02</v>
      </c>
      <c r="X15362" s="2">
        <v>159.1</v>
      </c>
      <c r="Y15362" s="2">
        <v>7.6</v>
      </c>
      <c r="Z15362" s="2">
        <v>16.7</v>
      </c>
      <c r="AA15362" s="5"/>
      <c r="AB15362" s="5" t="s">
        <v>43</v>
      </c>
      <c r="AC15362" s="5" t="s">
        <v>44</v>
      </c>
      <c r="AD15362" s="2"/>
      <c r="AE15362" s="1"/>
    </row>
    <row r="15363" spans="1:31" ht="14.45">
      <c r="A15363" s="11"/>
      <c r="B15363" s="20"/>
      <c r="C15363" s="2" t="s">
        <v>47042</v>
      </c>
      <c r="D15363" s="14" t="s">
        <v>47043</v>
      </c>
      <c r="E15363" s="2" t="s">
        <v>47044</v>
      </c>
      <c r="F15363" s="2" t="s">
        <v>36313</v>
      </c>
      <c r="G15363" s="8">
        <v>394</v>
      </c>
      <c r="H15363" s="5">
        <v>6</v>
      </c>
      <c r="I15363" s="5" t="s">
        <v>1518</v>
      </c>
      <c r="J15363" s="5" t="s">
        <v>36264</v>
      </c>
      <c r="K15363" s="2" t="s">
        <v>36265</v>
      </c>
      <c r="L15363" s="5" t="s">
        <v>36264</v>
      </c>
      <c r="M15363" s="2" t="s">
        <v>36265</v>
      </c>
      <c r="N15363" s="5" t="s">
        <v>36266</v>
      </c>
      <c r="O15363" s="5" t="s">
        <v>38</v>
      </c>
      <c r="P15363" s="5" t="s">
        <v>39</v>
      </c>
      <c r="Q15363" s="5" t="s">
        <v>40</v>
      </c>
      <c r="R15363" s="5" t="s">
        <v>1522</v>
      </c>
      <c r="S15363" s="5" t="s">
        <v>1523</v>
      </c>
      <c r="T15363" s="5" t="s">
        <v>42</v>
      </c>
      <c r="U15363" s="2">
        <v>4.0880000000000001</v>
      </c>
      <c r="V15363" s="2">
        <v>3.452</v>
      </c>
      <c r="W15363" s="2">
        <v>0.02</v>
      </c>
      <c r="X15363" s="2">
        <v>159.1</v>
      </c>
      <c r="Y15363" s="2">
        <v>7.6</v>
      </c>
      <c r="Z15363" s="2">
        <v>16.7</v>
      </c>
      <c r="AA15363" s="5"/>
      <c r="AB15363" s="5" t="s">
        <v>43</v>
      </c>
      <c r="AC15363" s="5" t="s">
        <v>44</v>
      </c>
      <c r="AD15363" s="2"/>
      <c r="AE15363" s="1"/>
    </row>
    <row r="15364" spans="1:31" ht="14.45">
      <c r="A15364" s="11"/>
      <c r="B15364" s="20"/>
      <c r="C15364" s="2" t="s">
        <v>47045</v>
      </c>
      <c r="D15364" s="14" t="s">
        <v>47046</v>
      </c>
      <c r="E15364" s="2" t="s">
        <v>47047</v>
      </c>
      <c r="F15364" s="2" t="s">
        <v>36325</v>
      </c>
      <c r="G15364" s="8">
        <v>394</v>
      </c>
      <c r="H15364" s="5">
        <v>6</v>
      </c>
      <c r="I15364" s="5" t="s">
        <v>1518</v>
      </c>
      <c r="J15364" s="5" t="s">
        <v>36264</v>
      </c>
      <c r="K15364" s="2" t="s">
        <v>36265</v>
      </c>
      <c r="L15364" s="5" t="s">
        <v>36264</v>
      </c>
      <c r="M15364" s="2" t="s">
        <v>36265</v>
      </c>
      <c r="N15364" s="5" t="s">
        <v>36266</v>
      </c>
      <c r="O15364" s="5" t="s">
        <v>38</v>
      </c>
      <c r="P15364" s="5" t="s">
        <v>39</v>
      </c>
      <c r="Q15364" s="5" t="s">
        <v>40</v>
      </c>
      <c r="R15364" s="5" t="s">
        <v>1522</v>
      </c>
      <c r="S15364" s="5" t="s">
        <v>1523</v>
      </c>
      <c r="T15364" s="5" t="s">
        <v>42</v>
      </c>
      <c r="U15364" s="2">
        <v>4.2220000000000004</v>
      </c>
      <c r="V15364" s="2">
        <v>3.5859999999999999</v>
      </c>
      <c r="W15364" s="2">
        <v>0.02</v>
      </c>
      <c r="X15364" s="2">
        <v>159.1</v>
      </c>
      <c r="Y15364" s="2">
        <v>7.6</v>
      </c>
      <c r="Z15364" s="2">
        <v>16.7</v>
      </c>
      <c r="AA15364" s="5"/>
      <c r="AB15364" s="5" t="s">
        <v>43</v>
      </c>
      <c r="AC15364" s="5" t="s">
        <v>44</v>
      </c>
      <c r="AD15364" s="2"/>
      <c r="AE15364" s="1"/>
    </row>
    <row r="15365" spans="1:31" ht="14.45">
      <c r="A15365" s="11"/>
      <c r="B15365" s="20"/>
      <c r="C15365" s="2" t="s">
        <v>47048</v>
      </c>
      <c r="D15365" s="14" t="s">
        <v>47049</v>
      </c>
      <c r="E15365" s="2" t="s">
        <v>47050</v>
      </c>
      <c r="F15365" s="2" t="s">
        <v>36329</v>
      </c>
      <c r="G15365" s="8">
        <v>394</v>
      </c>
      <c r="H15365" s="5">
        <v>6</v>
      </c>
      <c r="I15365" s="5" t="s">
        <v>1518</v>
      </c>
      <c r="J15365" s="5" t="s">
        <v>36264</v>
      </c>
      <c r="K15365" s="2" t="s">
        <v>36265</v>
      </c>
      <c r="L15365" s="5" t="s">
        <v>36264</v>
      </c>
      <c r="M15365" s="2" t="s">
        <v>36265</v>
      </c>
      <c r="N15365" s="5" t="s">
        <v>36266</v>
      </c>
      <c r="O15365" s="5" t="s">
        <v>38</v>
      </c>
      <c r="P15365" s="5" t="s">
        <v>39</v>
      </c>
      <c r="Q15365" s="5" t="s">
        <v>40</v>
      </c>
      <c r="R15365" s="5" t="s">
        <v>1522</v>
      </c>
      <c r="S15365" s="5" t="s">
        <v>1523</v>
      </c>
      <c r="T15365" s="5" t="s">
        <v>42</v>
      </c>
      <c r="U15365" s="2">
        <v>4.0880000000000001</v>
      </c>
      <c r="V15365" s="2">
        <v>3.452</v>
      </c>
      <c r="W15365" s="2">
        <v>0.02</v>
      </c>
      <c r="X15365" s="2">
        <v>159.1</v>
      </c>
      <c r="Y15365" s="2">
        <v>7.6</v>
      </c>
      <c r="Z15365" s="2">
        <v>16.7</v>
      </c>
      <c r="AA15365" s="5"/>
      <c r="AB15365" s="5" t="s">
        <v>43</v>
      </c>
      <c r="AC15365" s="5" t="s">
        <v>44</v>
      </c>
      <c r="AD15365" s="2"/>
      <c r="AE15365" s="1"/>
    </row>
    <row r="15366" spans="1:31" ht="14.45">
      <c r="A15366" s="11"/>
      <c r="B15366" s="20"/>
      <c r="C15366" s="2" t="s">
        <v>47051</v>
      </c>
      <c r="D15366" s="14" t="s">
        <v>47052</v>
      </c>
      <c r="E15366" s="2" t="s">
        <v>47053</v>
      </c>
      <c r="F15366" s="2" t="s">
        <v>36333</v>
      </c>
      <c r="G15366" s="8">
        <v>394</v>
      </c>
      <c r="H15366" s="5">
        <v>6</v>
      </c>
      <c r="I15366" s="5" t="s">
        <v>1518</v>
      </c>
      <c r="J15366" s="5" t="s">
        <v>36264</v>
      </c>
      <c r="K15366" s="2" t="s">
        <v>36265</v>
      </c>
      <c r="L15366" s="5" t="s">
        <v>36264</v>
      </c>
      <c r="M15366" s="2" t="s">
        <v>36265</v>
      </c>
      <c r="N15366" s="5" t="s">
        <v>36266</v>
      </c>
      <c r="O15366" s="5" t="s">
        <v>38</v>
      </c>
      <c r="P15366" s="5" t="s">
        <v>39</v>
      </c>
      <c r="Q15366" s="5" t="s">
        <v>40</v>
      </c>
      <c r="R15366" s="5" t="s">
        <v>1522</v>
      </c>
      <c r="S15366" s="5" t="s">
        <v>1523</v>
      </c>
      <c r="T15366" s="5" t="s">
        <v>42</v>
      </c>
      <c r="U15366" s="2">
        <v>4.2220000000000004</v>
      </c>
      <c r="V15366" s="2">
        <v>3.5859999999999999</v>
      </c>
      <c r="W15366" s="2">
        <v>0.02</v>
      </c>
      <c r="X15366" s="2">
        <v>159.1</v>
      </c>
      <c r="Y15366" s="2">
        <v>7.6</v>
      </c>
      <c r="Z15366" s="2">
        <v>16.7</v>
      </c>
      <c r="AA15366" s="5"/>
      <c r="AB15366" s="5" t="s">
        <v>43</v>
      </c>
      <c r="AC15366" s="5" t="s">
        <v>44</v>
      </c>
      <c r="AD15366" s="2"/>
      <c r="AE15366" s="1"/>
    </row>
    <row r="15367" spans="1:31" ht="14.45">
      <c r="A15367" s="11"/>
      <c r="B15367" s="20"/>
      <c r="C15367" s="2" t="s">
        <v>47054</v>
      </c>
      <c r="D15367" s="14" t="s">
        <v>47055</v>
      </c>
      <c r="E15367" s="2" t="s">
        <v>47056</v>
      </c>
      <c r="F15367" s="2" t="s">
        <v>45534</v>
      </c>
      <c r="G15367" s="8">
        <v>394</v>
      </c>
      <c r="H15367" s="5">
        <v>6</v>
      </c>
      <c r="I15367" s="5" t="s">
        <v>1518</v>
      </c>
      <c r="J15367" s="5" t="s">
        <v>36264</v>
      </c>
      <c r="K15367" s="2" t="s">
        <v>36265</v>
      </c>
      <c r="L15367" s="5" t="s">
        <v>36264</v>
      </c>
      <c r="M15367" s="2" t="s">
        <v>36265</v>
      </c>
      <c r="N15367" s="5" t="s">
        <v>36266</v>
      </c>
      <c r="O15367" s="5" t="s">
        <v>38</v>
      </c>
      <c r="P15367" s="5" t="s">
        <v>39</v>
      </c>
      <c r="Q15367" s="5" t="s">
        <v>40</v>
      </c>
      <c r="R15367" s="5" t="s">
        <v>1522</v>
      </c>
      <c r="S15367" s="5" t="s">
        <v>1523</v>
      </c>
      <c r="T15367" s="5" t="s">
        <v>42</v>
      </c>
      <c r="U15367" s="2">
        <v>4.2220000000000004</v>
      </c>
      <c r="V15367" s="2">
        <v>3.5859999999999999</v>
      </c>
      <c r="W15367" s="2">
        <v>0.02</v>
      </c>
      <c r="X15367" s="2">
        <v>159.1</v>
      </c>
      <c r="Y15367" s="2">
        <v>7.6</v>
      </c>
      <c r="Z15367" s="2">
        <v>16.7</v>
      </c>
      <c r="AA15367" s="5"/>
      <c r="AB15367" s="5" t="s">
        <v>43</v>
      </c>
      <c r="AC15367" s="5" t="s">
        <v>44</v>
      </c>
      <c r="AD15367" s="2"/>
      <c r="AE15367" s="1"/>
    </row>
    <row r="15368" spans="1:31" ht="14.45">
      <c r="A15368" s="11"/>
      <c r="B15368" s="20"/>
      <c r="C15368" s="2" t="s">
        <v>47057</v>
      </c>
      <c r="D15368" s="14" t="s">
        <v>47058</v>
      </c>
      <c r="E15368" s="2" t="s">
        <v>47059</v>
      </c>
      <c r="F15368" s="2" t="s">
        <v>36369</v>
      </c>
      <c r="G15368" s="8">
        <v>394</v>
      </c>
      <c r="H15368" s="5">
        <v>6</v>
      </c>
      <c r="I15368" s="5" t="s">
        <v>1518</v>
      </c>
      <c r="J15368" s="5" t="s">
        <v>36264</v>
      </c>
      <c r="K15368" s="2" t="s">
        <v>36265</v>
      </c>
      <c r="L15368" s="5" t="s">
        <v>36264</v>
      </c>
      <c r="M15368" s="2" t="s">
        <v>36265</v>
      </c>
      <c r="N15368" s="5" t="s">
        <v>36266</v>
      </c>
      <c r="O15368" s="5" t="s">
        <v>38</v>
      </c>
      <c r="P15368" s="5" t="s">
        <v>39</v>
      </c>
      <c r="Q15368" s="5" t="s">
        <v>40</v>
      </c>
      <c r="R15368" s="5" t="s">
        <v>1522</v>
      </c>
      <c r="S15368" s="5" t="s">
        <v>1523</v>
      </c>
      <c r="T15368" s="5" t="s">
        <v>42</v>
      </c>
      <c r="U15368" s="2">
        <v>4.0880000000000001</v>
      </c>
      <c r="V15368" s="2">
        <v>3.452</v>
      </c>
      <c r="W15368" s="2">
        <v>0.02</v>
      </c>
      <c r="X15368" s="2">
        <v>159.1</v>
      </c>
      <c r="Y15368" s="2">
        <v>7.6</v>
      </c>
      <c r="Z15368" s="2">
        <v>16.7</v>
      </c>
      <c r="AA15368" s="5"/>
      <c r="AB15368" s="5" t="s">
        <v>43</v>
      </c>
      <c r="AC15368" s="5" t="s">
        <v>44</v>
      </c>
      <c r="AD15368" s="2"/>
      <c r="AE15368" s="1"/>
    </row>
    <row r="15369" spans="1:31" ht="14.45">
      <c r="A15369" s="11"/>
      <c r="B15369" s="20"/>
      <c r="C15369" s="2" t="s">
        <v>47060</v>
      </c>
      <c r="D15369" s="14" t="s">
        <v>47061</v>
      </c>
      <c r="E15369" s="2" t="s">
        <v>47062</v>
      </c>
      <c r="F15369" s="2" t="s">
        <v>36373</v>
      </c>
      <c r="G15369" s="8">
        <v>394</v>
      </c>
      <c r="H15369" s="5">
        <v>6</v>
      </c>
      <c r="I15369" s="5" t="s">
        <v>1518</v>
      </c>
      <c r="J15369" s="5" t="s">
        <v>36264</v>
      </c>
      <c r="K15369" s="2" t="s">
        <v>36265</v>
      </c>
      <c r="L15369" s="5" t="s">
        <v>36264</v>
      </c>
      <c r="M15369" s="2" t="s">
        <v>36265</v>
      </c>
      <c r="N15369" s="5" t="s">
        <v>36266</v>
      </c>
      <c r="O15369" s="5" t="s">
        <v>38</v>
      </c>
      <c r="P15369" s="5" t="s">
        <v>39</v>
      </c>
      <c r="Q15369" s="5" t="s">
        <v>40</v>
      </c>
      <c r="R15369" s="5" t="s">
        <v>1522</v>
      </c>
      <c r="S15369" s="5" t="s">
        <v>1523</v>
      </c>
      <c r="T15369" s="5" t="s">
        <v>42</v>
      </c>
      <c r="U15369" s="2">
        <v>4.2220000000000004</v>
      </c>
      <c r="V15369" s="2">
        <v>3.5859999999999999</v>
      </c>
      <c r="W15369" s="2">
        <v>0.02</v>
      </c>
      <c r="X15369" s="2">
        <v>159.1</v>
      </c>
      <c r="Y15369" s="2">
        <v>7.6</v>
      </c>
      <c r="Z15369" s="2">
        <v>16.7</v>
      </c>
      <c r="AA15369" s="5"/>
      <c r="AB15369" s="5" t="s">
        <v>43</v>
      </c>
      <c r="AC15369" s="5" t="s">
        <v>44</v>
      </c>
      <c r="AD15369" s="2"/>
      <c r="AE15369" s="1"/>
    </row>
    <row r="15370" spans="1:31" ht="14.45">
      <c r="A15370" s="11"/>
      <c r="B15370" s="20"/>
      <c r="C15370" s="2" t="s">
        <v>47063</v>
      </c>
      <c r="D15370" s="14" t="s">
        <v>47064</v>
      </c>
      <c r="E15370" s="2" t="s">
        <v>47065</v>
      </c>
      <c r="F15370" s="2" t="s">
        <v>36377</v>
      </c>
      <c r="G15370" s="8">
        <v>394</v>
      </c>
      <c r="H15370" s="5">
        <v>6</v>
      </c>
      <c r="I15370" s="5" t="s">
        <v>1518</v>
      </c>
      <c r="J15370" s="5" t="s">
        <v>36264</v>
      </c>
      <c r="K15370" s="2" t="s">
        <v>36265</v>
      </c>
      <c r="L15370" s="5" t="s">
        <v>36264</v>
      </c>
      <c r="M15370" s="2" t="s">
        <v>36265</v>
      </c>
      <c r="N15370" s="5" t="s">
        <v>36266</v>
      </c>
      <c r="O15370" s="5" t="s">
        <v>38</v>
      </c>
      <c r="P15370" s="5" t="s">
        <v>39</v>
      </c>
      <c r="Q15370" s="5" t="s">
        <v>40</v>
      </c>
      <c r="R15370" s="5" t="s">
        <v>1522</v>
      </c>
      <c r="S15370" s="5" t="s">
        <v>1523</v>
      </c>
      <c r="T15370" s="5" t="s">
        <v>42</v>
      </c>
      <c r="U15370" s="2">
        <v>4.0880000000000001</v>
      </c>
      <c r="V15370" s="2">
        <v>3.452</v>
      </c>
      <c r="W15370" s="2">
        <v>0.02</v>
      </c>
      <c r="X15370" s="2">
        <v>159.1</v>
      </c>
      <c r="Y15370" s="2">
        <v>7.6</v>
      </c>
      <c r="Z15370" s="2">
        <v>16.7</v>
      </c>
      <c r="AA15370" s="5"/>
      <c r="AB15370" s="5" t="s">
        <v>43</v>
      </c>
      <c r="AC15370" s="5" t="s">
        <v>44</v>
      </c>
      <c r="AD15370" s="2"/>
      <c r="AE15370" s="1"/>
    </row>
    <row r="15371" spans="1:31" ht="14.45">
      <c r="A15371" s="11"/>
      <c r="B15371" s="20"/>
      <c r="C15371" s="2" t="s">
        <v>47066</v>
      </c>
      <c r="D15371" s="14" t="s">
        <v>47067</v>
      </c>
      <c r="E15371" s="2" t="s">
        <v>47068</v>
      </c>
      <c r="F15371" s="2" t="s">
        <v>36381</v>
      </c>
      <c r="G15371" s="8">
        <v>394</v>
      </c>
      <c r="H15371" s="5">
        <v>6</v>
      </c>
      <c r="I15371" s="5" t="s">
        <v>1518</v>
      </c>
      <c r="J15371" s="5" t="s">
        <v>36264</v>
      </c>
      <c r="K15371" s="2" t="s">
        <v>36265</v>
      </c>
      <c r="L15371" s="5" t="s">
        <v>36264</v>
      </c>
      <c r="M15371" s="2" t="s">
        <v>36265</v>
      </c>
      <c r="N15371" s="5" t="s">
        <v>36266</v>
      </c>
      <c r="O15371" s="5" t="s">
        <v>38</v>
      </c>
      <c r="P15371" s="5" t="s">
        <v>39</v>
      </c>
      <c r="Q15371" s="5" t="s">
        <v>40</v>
      </c>
      <c r="R15371" s="5" t="s">
        <v>1522</v>
      </c>
      <c r="S15371" s="5" t="s">
        <v>1523</v>
      </c>
      <c r="T15371" s="5" t="s">
        <v>42</v>
      </c>
      <c r="U15371" s="2">
        <v>4.2220000000000004</v>
      </c>
      <c r="V15371" s="2">
        <v>3.5859999999999999</v>
      </c>
      <c r="W15371" s="2">
        <v>0.02</v>
      </c>
      <c r="X15371" s="2">
        <v>159.1</v>
      </c>
      <c r="Y15371" s="2">
        <v>7.6</v>
      </c>
      <c r="Z15371" s="2">
        <v>16.7</v>
      </c>
      <c r="AA15371" s="5"/>
      <c r="AB15371" s="5" t="s">
        <v>43</v>
      </c>
      <c r="AC15371" s="5" t="s">
        <v>44</v>
      </c>
      <c r="AD15371" s="2"/>
      <c r="AE15371" s="1"/>
    </row>
    <row r="15372" spans="1:31" ht="14.45">
      <c r="A15372" s="11"/>
      <c r="B15372" s="20"/>
      <c r="C15372" s="2" t="s">
        <v>47069</v>
      </c>
      <c r="D15372" s="14" t="s">
        <v>47070</v>
      </c>
      <c r="E15372" s="2" t="s">
        <v>47071</v>
      </c>
      <c r="F15372" s="2" t="s">
        <v>7514</v>
      </c>
      <c r="G15372" s="8">
        <v>315</v>
      </c>
      <c r="H15372" s="5">
        <v>6</v>
      </c>
      <c r="I15372" s="5" t="s">
        <v>1518</v>
      </c>
      <c r="J15372" s="5" t="s">
        <v>40939</v>
      </c>
      <c r="K15372" s="2" t="s">
        <v>40940</v>
      </c>
      <c r="L15372" s="5" t="s">
        <v>40939</v>
      </c>
      <c r="M15372" s="2" t="s">
        <v>40940</v>
      </c>
      <c r="N15372" s="5" t="s">
        <v>36266</v>
      </c>
      <c r="O15372" s="5" t="s">
        <v>38</v>
      </c>
      <c r="P15372" s="5" t="s">
        <v>39</v>
      </c>
      <c r="Q15372" s="5" t="s">
        <v>40</v>
      </c>
      <c r="R15372" s="5" t="s">
        <v>1522</v>
      </c>
      <c r="S15372" s="5" t="s">
        <v>1523</v>
      </c>
      <c r="T15372" s="5" t="s">
        <v>42</v>
      </c>
      <c r="U15372" s="2">
        <v>2.097</v>
      </c>
      <c r="V15372" s="2">
        <v>1.6319999999999999</v>
      </c>
      <c r="W15372" s="2">
        <v>0.01</v>
      </c>
      <c r="X15372" s="2">
        <v>76.900000000000006</v>
      </c>
      <c r="Y15372" s="2">
        <v>7.6</v>
      </c>
      <c r="Z15372" s="2">
        <v>16.7</v>
      </c>
      <c r="AA15372" s="5"/>
      <c r="AB15372" s="5" t="s">
        <v>43</v>
      </c>
      <c r="AC15372" s="5" t="s">
        <v>44</v>
      </c>
      <c r="AD15372" s="2"/>
      <c r="AE15372" s="1"/>
    </row>
    <row r="15373" spans="1:31" ht="14.45">
      <c r="A15373" s="11"/>
      <c r="B15373" s="20"/>
      <c r="C15373" s="2" t="s">
        <v>47072</v>
      </c>
      <c r="D15373" s="14" t="s">
        <v>47073</v>
      </c>
      <c r="E15373" s="2" t="s">
        <v>47074</v>
      </c>
      <c r="F15373" s="2" t="s">
        <v>7521</v>
      </c>
      <c r="G15373" s="8">
        <v>315</v>
      </c>
      <c r="H15373" s="5">
        <v>6</v>
      </c>
      <c r="I15373" s="5" t="s">
        <v>1518</v>
      </c>
      <c r="J15373" s="5" t="s">
        <v>40939</v>
      </c>
      <c r="K15373" s="2" t="s">
        <v>40940</v>
      </c>
      <c r="L15373" s="5" t="s">
        <v>40939</v>
      </c>
      <c r="M15373" s="2" t="s">
        <v>40940</v>
      </c>
      <c r="N15373" s="5" t="s">
        <v>36266</v>
      </c>
      <c r="O15373" s="5" t="s">
        <v>38</v>
      </c>
      <c r="P15373" s="5" t="s">
        <v>39</v>
      </c>
      <c r="Q15373" s="5" t="s">
        <v>40</v>
      </c>
      <c r="R15373" s="5" t="s">
        <v>1522</v>
      </c>
      <c r="S15373" s="5" t="s">
        <v>1523</v>
      </c>
      <c r="T15373" s="5" t="s">
        <v>42</v>
      </c>
      <c r="U15373" s="2">
        <v>2.1059999999999999</v>
      </c>
      <c r="V15373" s="2">
        <v>1.641</v>
      </c>
      <c r="W15373" s="2">
        <v>0.01</v>
      </c>
      <c r="X15373" s="2">
        <v>76.900000000000006</v>
      </c>
      <c r="Y15373" s="2">
        <v>7.6</v>
      </c>
      <c r="Z15373" s="2">
        <v>16.7</v>
      </c>
      <c r="AA15373" s="5"/>
      <c r="AB15373" s="5" t="s">
        <v>43</v>
      </c>
      <c r="AC15373" s="5" t="s">
        <v>44</v>
      </c>
      <c r="AD15373" s="2"/>
      <c r="AE15373" s="1"/>
    </row>
    <row r="15374" spans="1:31" ht="14.45">
      <c r="A15374" s="11"/>
      <c r="B15374" s="20"/>
      <c r="C15374" s="2" t="s">
        <v>47075</v>
      </c>
      <c r="D15374" s="14" t="s">
        <v>47076</v>
      </c>
      <c r="E15374" s="2" t="s">
        <v>47077</v>
      </c>
      <c r="F15374" s="2" t="s">
        <v>7514</v>
      </c>
      <c r="G15374" s="8">
        <v>317</v>
      </c>
      <c r="H15374" s="5">
        <v>6</v>
      </c>
      <c r="I15374" s="5" t="s">
        <v>1518</v>
      </c>
      <c r="J15374" s="5" t="s">
        <v>40939</v>
      </c>
      <c r="K15374" s="2" t="s">
        <v>40940</v>
      </c>
      <c r="L15374" s="5" t="s">
        <v>40939</v>
      </c>
      <c r="M15374" s="2" t="s">
        <v>40940</v>
      </c>
      <c r="N15374" s="5" t="s">
        <v>36266</v>
      </c>
      <c r="O15374" s="5" t="s">
        <v>38</v>
      </c>
      <c r="P15374" s="5" t="s">
        <v>39</v>
      </c>
      <c r="Q15374" s="5" t="s">
        <v>40</v>
      </c>
      <c r="R15374" s="5" t="s">
        <v>1522</v>
      </c>
      <c r="S15374" s="5" t="s">
        <v>1523</v>
      </c>
      <c r="T15374" s="5" t="s">
        <v>42</v>
      </c>
      <c r="U15374" s="2">
        <v>2.3439999999999999</v>
      </c>
      <c r="V15374" s="2">
        <v>1.86</v>
      </c>
      <c r="W15374" s="2">
        <v>1.0999999999999999E-2</v>
      </c>
      <c r="X15374" s="2">
        <v>82.9</v>
      </c>
      <c r="Y15374" s="2">
        <v>7.6</v>
      </c>
      <c r="Z15374" s="2">
        <v>16.7</v>
      </c>
      <c r="AA15374" s="5"/>
      <c r="AB15374" s="5" t="s">
        <v>43</v>
      </c>
      <c r="AC15374" s="5" t="s">
        <v>44</v>
      </c>
      <c r="AD15374" s="2"/>
      <c r="AE15374" s="1"/>
    </row>
    <row r="15375" spans="1:31" ht="14.45">
      <c r="A15375" s="11"/>
      <c r="B15375" s="20"/>
      <c r="C15375" s="2" t="s">
        <v>47078</v>
      </c>
      <c r="D15375" s="14" t="s">
        <v>47079</v>
      </c>
      <c r="E15375" s="2" t="s">
        <v>47080</v>
      </c>
      <c r="F15375" s="2" t="s">
        <v>7521</v>
      </c>
      <c r="G15375" s="8">
        <v>317</v>
      </c>
      <c r="H15375" s="5">
        <v>6</v>
      </c>
      <c r="I15375" s="5" t="s">
        <v>1518</v>
      </c>
      <c r="J15375" s="5" t="s">
        <v>40939</v>
      </c>
      <c r="K15375" s="2" t="s">
        <v>40940</v>
      </c>
      <c r="L15375" s="5" t="s">
        <v>40939</v>
      </c>
      <c r="M15375" s="2" t="s">
        <v>40940</v>
      </c>
      <c r="N15375" s="5" t="s">
        <v>36266</v>
      </c>
      <c r="O15375" s="5" t="s">
        <v>38</v>
      </c>
      <c r="P15375" s="5" t="s">
        <v>39</v>
      </c>
      <c r="Q15375" s="5" t="s">
        <v>40</v>
      </c>
      <c r="R15375" s="5" t="s">
        <v>1522</v>
      </c>
      <c r="S15375" s="5" t="s">
        <v>1523</v>
      </c>
      <c r="T15375" s="5" t="s">
        <v>42</v>
      </c>
      <c r="U15375" s="2">
        <v>2.3570000000000002</v>
      </c>
      <c r="V15375" s="2">
        <v>1.873</v>
      </c>
      <c r="W15375" s="2">
        <v>1.0999999999999999E-2</v>
      </c>
      <c r="X15375" s="2">
        <v>82.9</v>
      </c>
      <c r="Y15375" s="2">
        <v>7.6</v>
      </c>
      <c r="Z15375" s="2">
        <v>16.7</v>
      </c>
      <c r="AA15375" s="5"/>
      <c r="AB15375" s="5" t="s">
        <v>43</v>
      </c>
      <c r="AC15375" s="5" t="s">
        <v>44</v>
      </c>
      <c r="AD15375" s="2"/>
      <c r="AE15375" s="1"/>
    </row>
    <row r="15376" spans="1:31" ht="14.45">
      <c r="A15376" s="11"/>
      <c r="B15376" s="20"/>
      <c r="C15376" s="2" t="s">
        <v>47081</v>
      </c>
      <c r="D15376" s="14" t="s">
        <v>47082</v>
      </c>
      <c r="E15376" s="2" t="s">
        <v>47083</v>
      </c>
      <c r="F15376" s="2" t="s">
        <v>7514</v>
      </c>
      <c r="G15376" s="8">
        <v>322</v>
      </c>
      <c r="H15376" s="5">
        <v>6</v>
      </c>
      <c r="I15376" s="5" t="s">
        <v>1518</v>
      </c>
      <c r="J15376" s="5" t="s">
        <v>40939</v>
      </c>
      <c r="K15376" s="2" t="s">
        <v>40940</v>
      </c>
      <c r="L15376" s="5" t="s">
        <v>40939</v>
      </c>
      <c r="M15376" s="2" t="s">
        <v>40940</v>
      </c>
      <c r="N15376" s="5" t="s">
        <v>36266</v>
      </c>
      <c r="O15376" s="5" t="s">
        <v>38</v>
      </c>
      <c r="P15376" s="5" t="s">
        <v>39</v>
      </c>
      <c r="Q15376" s="5" t="s">
        <v>40</v>
      </c>
      <c r="R15376" s="5" t="s">
        <v>1522</v>
      </c>
      <c r="S15376" s="5" t="s">
        <v>1523</v>
      </c>
      <c r="T15376" s="5" t="s">
        <v>42</v>
      </c>
      <c r="U15376" s="2">
        <v>2.633</v>
      </c>
      <c r="V15376" s="2">
        <v>2.0790000000000002</v>
      </c>
      <c r="W15376" s="2">
        <v>1.2999999999999999E-2</v>
      </c>
      <c r="X15376" s="2">
        <v>99.1</v>
      </c>
      <c r="Y15376" s="2">
        <v>7.6</v>
      </c>
      <c r="Z15376" s="2">
        <v>16.7</v>
      </c>
      <c r="AA15376" s="5"/>
      <c r="AB15376" s="5" t="s">
        <v>43</v>
      </c>
      <c r="AC15376" s="5" t="s">
        <v>44</v>
      </c>
      <c r="AD15376" s="2"/>
      <c r="AE15376" s="1"/>
    </row>
    <row r="15377" spans="1:31" ht="14.45">
      <c r="A15377" s="11"/>
      <c r="B15377" s="20"/>
      <c r="C15377" s="2" t="s">
        <v>47084</v>
      </c>
      <c r="D15377" s="14" t="s">
        <v>47085</v>
      </c>
      <c r="E15377" s="2" t="s">
        <v>47086</v>
      </c>
      <c r="F15377" s="2" t="s">
        <v>7521</v>
      </c>
      <c r="G15377" s="8">
        <v>322</v>
      </c>
      <c r="H15377" s="5">
        <v>6</v>
      </c>
      <c r="I15377" s="5" t="s">
        <v>1518</v>
      </c>
      <c r="J15377" s="5" t="s">
        <v>40939</v>
      </c>
      <c r="K15377" s="2" t="s">
        <v>40940</v>
      </c>
      <c r="L15377" s="5" t="s">
        <v>40939</v>
      </c>
      <c r="M15377" s="2" t="s">
        <v>40940</v>
      </c>
      <c r="N15377" s="5" t="s">
        <v>36266</v>
      </c>
      <c r="O15377" s="5" t="s">
        <v>38</v>
      </c>
      <c r="P15377" s="5" t="s">
        <v>39</v>
      </c>
      <c r="Q15377" s="5" t="s">
        <v>40</v>
      </c>
      <c r="R15377" s="5" t="s">
        <v>1522</v>
      </c>
      <c r="S15377" s="5" t="s">
        <v>1523</v>
      </c>
      <c r="T15377" s="5" t="s">
        <v>42</v>
      </c>
      <c r="U15377" s="2">
        <v>2.65</v>
      </c>
      <c r="V15377" s="2">
        <v>2.0960000000000001</v>
      </c>
      <c r="W15377" s="2">
        <v>1.2999999999999999E-2</v>
      </c>
      <c r="X15377" s="2">
        <v>99.1</v>
      </c>
      <c r="Y15377" s="2">
        <v>7.6</v>
      </c>
      <c r="Z15377" s="2">
        <v>16.7</v>
      </c>
      <c r="AA15377" s="5"/>
      <c r="AB15377" s="5" t="s">
        <v>43</v>
      </c>
      <c r="AC15377" s="5" t="s">
        <v>44</v>
      </c>
      <c r="AD15377" s="2"/>
      <c r="AE15377" s="1"/>
    </row>
    <row r="15378" spans="1:31" ht="14.45">
      <c r="A15378" s="11"/>
      <c r="B15378" s="20"/>
      <c r="C15378" s="2" t="s">
        <v>47087</v>
      </c>
      <c r="D15378" s="14" t="s">
        <v>47088</v>
      </c>
      <c r="E15378" s="2" t="s">
        <v>47089</v>
      </c>
      <c r="F15378" s="2" t="s">
        <v>7514</v>
      </c>
      <c r="G15378" s="8">
        <v>327</v>
      </c>
      <c r="H15378" s="5">
        <v>6</v>
      </c>
      <c r="I15378" s="5" t="s">
        <v>1518</v>
      </c>
      <c r="J15378" s="5" t="s">
        <v>40939</v>
      </c>
      <c r="K15378" s="2" t="s">
        <v>40940</v>
      </c>
      <c r="L15378" s="5" t="s">
        <v>40939</v>
      </c>
      <c r="M15378" s="2" t="s">
        <v>40940</v>
      </c>
      <c r="N15378" s="5" t="s">
        <v>36266</v>
      </c>
      <c r="O15378" s="5" t="s">
        <v>38</v>
      </c>
      <c r="P15378" s="5" t="s">
        <v>39</v>
      </c>
      <c r="Q15378" s="5" t="s">
        <v>40</v>
      </c>
      <c r="R15378" s="5" t="s">
        <v>1522</v>
      </c>
      <c r="S15378" s="5" t="s">
        <v>1523</v>
      </c>
      <c r="T15378" s="5" t="s">
        <v>42</v>
      </c>
      <c r="U15378" s="2">
        <v>2.8650000000000002</v>
      </c>
      <c r="V15378" s="2">
        <v>2.319</v>
      </c>
      <c r="W15378" s="2">
        <v>1.4999999999999999E-2</v>
      </c>
      <c r="X15378" s="2">
        <v>118.9</v>
      </c>
      <c r="Y15378" s="2">
        <v>7.6</v>
      </c>
      <c r="Z15378" s="2">
        <v>16.7</v>
      </c>
      <c r="AA15378" s="5"/>
      <c r="AB15378" s="5" t="s">
        <v>43</v>
      </c>
      <c r="AC15378" s="5" t="s">
        <v>44</v>
      </c>
      <c r="AD15378" s="2"/>
      <c r="AE15378" s="1"/>
    </row>
    <row r="15379" spans="1:31" ht="14.45">
      <c r="A15379" s="11"/>
      <c r="B15379" s="20"/>
      <c r="C15379" s="2" t="s">
        <v>47090</v>
      </c>
      <c r="D15379" s="14" t="s">
        <v>47091</v>
      </c>
      <c r="E15379" s="2" t="s">
        <v>47092</v>
      </c>
      <c r="F15379" s="2" t="s">
        <v>7521</v>
      </c>
      <c r="G15379" s="8">
        <v>327</v>
      </c>
      <c r="H15379" s="5">
        <v>6</v>
      </c>
      <c r="I15379" s="5" t="s">
        <v>1518</v>
      </c>
      <c r="J15379" s="5" t="s">
        <v>40939</v>
      </c>
      <c r="K15379" s="2" t="s">
        <v>40940</v>
      </c>
      <c r="L15379" s="5" t="s">
        <v>40939</v>
      </c>
      <c r="M15379" s="2" t="s">
        <v>40940</v>
      </c>
      <c r="N15379" s="5" t="s">
        <v>36266</v>
      </c>
      <c r="O15379" s="5" t="s">
        <v>38</v>
      </c>
      <c r="P15379" s="5" t="s">
        <v>39</v>
      </c>
      <c r="Q15379" s="5" t="s">
        <v>40</v>
      </c>
      <c r="R15379" s="5" t="s">
        <v>1522</v>
      </c>
      <c r="S15379" s="5" t="s">
        <v>1523</v>
      </c>
      <c r="T15379" s="5" t="s">
        <v>42</v>
      </c>
      <c r="U15379" s="2">
        <v>2.887</v>
      </c>
      <c r="V15379" s="2">
        <v>2.3410000000000002</v>
      </c>
      <c r="W15379" s="2">
        <v>1.4999999999999999E-2</v>
      </c>
      <c r="X15379" s="2">
        <v>118.9</v>
      </c>
      <c r="Y15379" s="2">
        <v>7.6</v>
      </c>
      <c r="Z15379" s="2">
        <v>16.7</v>
      </c>
      <c r="AA15379" s="5"/>
      <c r="AB15379" s="5" t="s">
        <v>43</v>
      </c>
      <c r="AC15379" s="5" t="s">
        <v>44</v>
      </c>
      <c r="AD15379" s="2"/>
      <c r="AE15379" s="1"/>
    </row>
    <row r="15380" spans="1:31" ht="14.45">
      <c r="A15380" s="11"/>
      <c r="B15380" s="20"/>
      <c r="C15380" s="2" t="s">
        <v>47093</v>
      </c>
      <c r="D15380" s="14" t="s">
        <v>47094</v>
      </c>
      <c r="E15380" s="2" t="s">
        <v>47095</v>
      </c>
      <c r="F15380" s="2" t="s">
        <v>7514</v>
      </c>
      <c r="G15380" s="8">
        <v>328</v>
      </c>
      <c r="H15380" s="5">
        <v>6</v>
      </c>
      <c r="I15380" s="5" t="s">
        <v>1518</v>
      </c>
      <c r="J15380" s="5" t="s">
        <v>40939</v>
      </c>
      <c r="K15380" s="2" t="s">
        <v>40940</v>
      </c>
      <c r="L15380" s="5" t="s">
        <v>40939</v>
      </c>
      <c r="M15380" s="2" t="s">
        <v>40940</v>
      </c>
      <c r="N15380" s="5" t="s">
        <v>36266</v>
      </c>
      <c r="O15380" s="5" t="s">
        <v>38</v>
      </c>
      <c r="P15380" s="5" t="s">
        <v>39</v>
      </c>
      <c r="Q15380" s="5" t="s">
        <v>40</v>
      </c>
      <c r="R15380" s="5" t="s">
        <v>1522</v>
      </c>
      <c r="S15380" s="5" t="s">
        <v>1523</v>
      </c>
      <c r="T15380" s="5" t="s">
        <v>42</v>
      </c>
      <c r="U15380" s="2">
        <v>3.1019999999999999</v>
      </c>
      <c r="V15380" s="2">
        <v>2.569</v>
      </c>
      <c r="W15380" s="2">
        <v>1.4999999999999999E-2</v>
      </c>
      <c r="X15380" s="2">
        <v>118.9</v>
      </c>
      <c r="Y15380" s="2">
        <v>7.6</v>
      </c>
      <c r="Z15380" s="2">
        <v>16.7</v>
      </c>
      <c r="AA15380" s="5"/>
      <c r="AB15380" s="5" t="s">
        <v>43</v>
      </c>
      <c r="AC15380" s="5" t="s">
        <v>44</v>
      </c>
      <c r="AD15380" s="2"/>
      <c r="AE15380" s="1"/>
    </row>
    <row r="15381" spans="1:31" ht="14.45">
      <c r="A15381" s="11"/>
      <c r="B15381" s="20"/>
      <c r="C15381" s="2" t="s">
        <v>47096</v>
      </c>
      <c r="D15381" s="14" t="s">
        <v>47097</v>
      </c>
      <c r="E15381" s="2" t="s">
        <v>47098</v>
      </c>
      <c r="F15381" s="2" t="s">
        <v>7521</v>
      </c>
      <c r="G15381" s="8">
        <v>328</v>
      </c>
      <c r="H15381" s="5">
        <v>6</v>
      </c>
      <c r="I15381" s="5" t="s">
        <v>1518</v>
      </c>
      <c r="J15381" s="5" t="s">
        <v>40939</v>
      </c>
      <c r="K15381" s="2" t="s">
        <v>40940</v>
      </c>
      <c r="L15381" s="5" t="s">
        <v>40939</v>
      </c>
      <c r="M15381" s="2" t="s">
        <v>40940</v>
      </c>
      <c r="N15381" s="5" t="s">
        <v>36266</v>
      </c>
      <c r="O15381" s="5" t="s">
        <v>38</v>
      </c>
      <c r="P15381" s="5" t="s">
        <v>39</v>
      </c>
      <c r="Q15381" s="5" t="s">
        <v>40</v>
      </c>
      <c r="R15381" s="5" t="s">
        <v>1522</v>
      </c>
      <c r="S15381" s="5" t="s">
        <v>1523</v>
      </c>
      <c r="T15381" s="5" t="s">
        <v>42</v>
      </c>
      <c r="U15381" s="2">
        <v>3.1309999999999998</v>
      </c>
      <c r="V15381" s="2">
        <v>2.5979999999999999</v>
      </c>
      <c r="W15381" s="2">
        <v>1.4999999999999999E-2</v>
      </c>
      <c r="X15381" s="2">
        <v>118.9</v>
      </c>
      <c r="Y15381" s="2">
        <v>7.6</v>
      </c>
      <c r="Z15381" s="2">
        <v>16.7</v>
      </c>
      <c r="AA15381" s="5"/>
      <c r="AB15381" s="5" t="s">
        <v>43</v>
      </c>
      <c r="AC15381" s="5" t="s">
        <v>44</v>
      </c>
      <c r="AD15381" s="2"/>
      <c r="AE15381" s="1"/>
    </row>
    <row r="15382" spans="1:31" ht="14.45">
      <c r="A15382" s="11"/>
      <c r="B15382" s="20"/>
      <c r="C15382" s="2" t="s">
        <v>47099</v>
      </c>
      <c r="D15382" s="14" t="s">
        <v>47100</v>
      </c>
      <c r="E15382" s="2" t="s">
        <v>47101</v>
      </c>
      <c r="F15382" s="2" t="s">
        <v>7514</v>
      </c>
      <c r="G15382" s="8">
        <v>327</v>
      </c>
      <c r="H15382" s="5">
        <v>6</v>
      </c>
      <c r="I15382" s="5" t="s">
        <v>1518</v>
      </c>
      <c r="J15382" s="5" t="s">
        <v>40939</v>
      </c>
      <c r="K15382" s="2" t="s">
        <v>40940</v>
      </c>
      <c r="L15382" s="5" t="s">
        <v>40939</v>
      </c>
      <c r="M15382" s="2" t="s">
        <v>40940</v>
      </c>
      <c r="N15382" s="5" t="s">
        <v>36266</v>
      </c>
      <c r="O15382" s="5" t="s">
        <v>38</v>
      </c>
      <c r="P15382" s="5" t="s">
        <v>39</v>
      </c>
      <c r="Q15382" s="5" t="s">
        <v>40</v>
      </c>
      <c r="R15382" s="5" t="s">
        <v>1522</v>
      </c>
      <c r="S15382" s="5" t="s">
        <v>1523</v>
      </c>
      <c r="T15382" s="5" t="s">
        <v>42</v>
      </c>
      <c r="U15382" s="2">
        <v>3.0819999999999999</v>
      </c>
      <c r="V15382" s="2">
        <v>2.5510000000000002</v>
      </c>
      <c r="W15382" s="2">
        <v>1.4999999999999999E-2</v>
      </c>
      <c r="X15382" s="2">
        <v>118.9</v>
      </c>
      <c r="Y15382" s="2">
        <v>7.6</v>
      </c>
      <c r="Z15382" s="2">
        <v>16.7</v>
      </c>
      <c r="AA15382" s="5"/>
      <c r="AB15382" s="5" t="s">
        <v>43</v>
      </c>
      <c r="AC15382" s="5" t="s">
        <v>44</v>
      </c>
      <c r="AD15382" s="2"/>
      <c r="AE15382" s="1"/>
    </row>
    <row r="15383" spans="1:31" ht="14.45">
      <c r="A15383" s="11"/>
      <c r="B15383" s="20"/>
      <c r="C15383" s="2" t="s">
        <v>47102</v>
      </c>
      <c r="D15383" s="14" t="s">
        <v>47103</v>
      </c>
      <c r="E15383" s="2" t="s">
        <v>47104</v>
      </c>
      <c r="F15383" s="2" t="s">
        <v>7521</v>
      </c>
      <c r="G15383" s="8">
        <v>327</v>
      </c>
      <c r="H15383" s="5">
        <v>6</v>
      </c>
      <c r="I15383" s="5" t="s">
        <v>1518</v>
      </c>
      <c r="J15383" s="5" t="s">
        <v>40939</v>
      </c>
      <c r="K15383" s="2" t="s">
        <v>40940</v>
      </c>
      <c r="L15383" s="5" t="s">
        <v>40939</v>
      </c>
      <c r="M15383" s="2" t="s">
        <v>40940</v>
      </c>
      <c r="N15383" s="5" t="s">
        <v>36266</v>
      </c>
      <c r="O15383" s="5" t="s">
        <v>38</v>
      </c>
      <c r="P15383" s="5" t="s">
        <v>39</v>
      </c>
      <c r="Q15383" s="5" t="s">
        <v>40</v>
      </c>
      <c r="R15383" s="5" t="s">
        <v>1522</v>
      </c>
      <c r="S15383" s="5" t="s">
        <v>1523</v>
      </c>
      <c r="T15383" s="5" t="s">
        <v>42</v>
      </c>
      <c r="U15383" s="2">
        <v>3.109</v>
      </c>
      <c r="V15383" s="2">
        <v>2.5779999999999998</v>
      </c>
      <c r="W15383" s="2">
        <v>1.4999999999999999E-2</v>
      </c>
      <c r="X15383" s="2">
        <v>118.9</v>
      </c>
      <c r="Y15383" s="2">
        <v>7.6</v>
      </c>
      <c r="Z15383" s="2">
        <v>16.7</v>
      </c>
      <c r="AA15383" s="5"/>
      <c r="AB15383" s="5" t="s">
        <v>43</v>
      </c>
      <c r="AC15383" s="5" t="s">
        <v>44</v>
      </c>
      <c r="AD15383" s="2"/>
      <c r="AE15383" s="1"/>
    </row>
    <row r="15384" spans="1:31" ht="14.45">
      <c r="A15384" s="11"/>
      <c r="B15384" s="20"/>
      <c r="C15384" s="2" t="s">
        <v>47105</v>
      </c>
      <c r="D15384" s="14" t="s">
        <v>47106</v>
      </c>
      <c r="E15384" s="2" t="s">
        <v>47107</v>
      </c>
      <c r="F15384" s="2" t="s">
        <v>7514</v>
      </c>
      <c r="G15384" s="8">
        <v>346</v>
      </c>
      <c r="H15384" s="5">
        <v>6</v>
      </c>
      <c r="I15384" s="5" t="s">
        <v>1518</v>
      </c>
      <c r="J15384" s="5" t="s">
        <v>40939</v>
      </c>
      <c r="K15384" s="2" t="s">
        <v>40940</v>
      </c>
      <c r="L15384" s="5" t="s">
        <v>40939</v>
      </c>
      <c r="M15384" s="2" t="s">
        <v>40940</v>
      </c>
      <c r="N15384" s="5" t="s">
        <v>36266</v>
      </c>
      <c r="O15384" s="5" t="s">
        <v>38</v>
      </c>
      <c r="P15384" s="5" t="s">
        <v>39</v>
      </c>
      <c r="Q15384" s="5" t="s">
        <v>40</v>
      </c>
      <c r="R15384" s="5" t="s">
        <v>1522</v>
      </c>
      <c r="S15384" s="5" t="s">
        <v>1523</v>
      </c>
      <c r="T15384" s="5" t="s">
        <v>42</v>
      </c>
      <c r="U15384" s="2">
        <v>3.5619999999999998</v>
      </c>
      <c r="V15384" s="2">
        <v>2.968</v>
      </c>
      <c r="W15384" s="2">
        <v>1.7999999999999999E-2</v>
      </c>
      <c r="X15384" s="2">
        <v>139.1</v>
      </c>
      <c r="Y15384" s="2">
        <v>7.6</v>
      </c>
      <c r="Z15384" s="2">
        <v>16.7</v>
      </c>
      <c r="AA15384" s="5"/>
      <c r="AB15384" s="5" t="s">
        <v>43</v>
      </c>
      <c r="AC15384" s="5" t="s">
        <v>44</v>
      </c>
      <c r="AD15384" s="2"/>
      <c r="AE15384" s="1"/>
    </row>
    <row r="15385" spans="1:31" ht="14.45">
      <c r="A15385" s="11"/>
      <c r="B15385" s="20"/>
      <c r="C15385" s="2" t="s">
        <v>47108</v>
      </c>
      <c r="D15385" s="14" t="s">
        <v>47109</v>
      </c>
      <c r="E15385" s="2" t="s">
        <v>47110</v>
      </c>
      <c r="F15385" s="2" t="s">
        <v>7521</v>
      </c>
      <c r="G15385" s="8">
        <v>346</v>
      </c>
      <c r="H15385" s="5">
        <v>6</v>
      </c>
      <c r="I15385" s="5" t="s">
        <v>1518</v>
      </c>
      <c r="J15385" s="5" t="s">
        <v>40939</v>
      </c>
      <c r="K15385" s="2" t="s">
        <v>40940</v>
      </c>
      <c r="L15385" s="5" t="s">
        <v>40939</v>
      </c>
      <c r="M15385" s="2" t="s">
        <v>40940</v>
      </c>
      <c r="N15385" s="5" t="s">
        <v>36266</v>
      </c>
      <c r="O15385" s="5" t="s">
        <v>38</v>
      </c>
      <c r="P15385" s="5" t="s">
        <v>39</v>
      </c>
      <c r="Q15385" s="5" t="s">
        <v>40</v>
      </c>
      <c r="R15385" s="5" t="s">
        <v>1522</v>
      </c>
      <c r="S15385" s="5" t="s">
        <v>1523</v>
      </c>
      <c r="T15385" s="5" t="s">
        <v>42</v>
      </c>
      <c r="U15385" s="2">
        <v>3.6030000000000002</v>
      </c>
      <c r="V15385" s="2">
        <v>3.0089999999999999</v>
      </c>
      <c r="W15385" s="2">
        <v>1.7999999999999999E-2</v>
      </c>
      <c r="X15385" s="2">
        <v>139.1</v>
      </c>
      <c r="Y15385" s="2">
        <v>7.6</v>
      </c>
      <c r="Z15385" s="2">
        <v>16.7</v>
      </c>
      <c r="AA15385" s="5"/>
      <c r="AB15385" s="5" t="s">
        <v>43</v>
      </c>
      <c r="AC15385" s="5" t="s">
        <v>44</v>
      </c>
      <c r="AD15385" s="2"/>
      <c r="AE15385" s="1"/>
    </row>
    <row r="15386" spans="1:31" ht="14.45">
      <c r="A15386" s="11"/>
      <c r="B15386" s="20"/>
      <c r="C15386" s="2" t="s">
        <v>47111</v>
      </c>
      <c r="D15386" s="14" t="s">
        <v>47112</v>
      </c>
      <c r="E15386" s="2" t="s">
        <v>47113</v>
      </c>
      <c r="F15386" s="2" t="s">
        <v>7514</v>
      </c>
      <c r="G15386" s="8">
        <v>340</v>
      </c>
      <c r="H15386" s="5">
        <v>6</v>
      </c>
      <c r="I15386" s="5" t="s">
        <v>1518</v>
      </c>
      <c r="J15386" s="5" t="s">
        <v>40939</v>
      </c>
      <c r="K15386" s="2" t="s">
        <v>40940</v>
      </c>
      <c r="L15386" s="5" t="s">
        <v>40939</v>
      </c>
      <c r="M15386" s="2" t="s">
        <v>40940</v>
      </c>
      <c r="N15386" s="5" t="s">
        <v>36266</v>
      </c>
      <c r="O15386" s="5" t="s">
        <v>38</v>
      </c>
      <c r="P15386" s="5" t="s">
        <v>39</v>
      </c>
      <c r="Q15386" s="5" t="s">
        <v>40</v>
      </c>
      <c r="R15386" s="5" t="s">
        <v>1522</v>
      </c>
      <c r="S15386" s="5" t="s">
        <v>1523</v>
      </c>
      <c r="T15386" s="5" t="s">
        <v>42</v>
      </c>
      <c r="U15386" s="2">
        <v>3.6190000000000002</v>
      </c>
      <c r="V15386" s="2">
        <v>3.0350000000000001</v>
      </c>
      <c r="W15386" s="2">
        <v>1.7999999999999999E-2</v>
      </c>
      <c r="X15386" s="2">
        <v>139.1</v>
      </c>
      <c r="Y15386" s="2">
        <v>7.6</v>
      </c>
      <c r="Z15386" s="2">
        <v>16.7</v>
      </c>
      <c r="AA15386" s="5"/>
      <c r="AB15386" s="5" t="s">
        <v>43</v>
      </c>
      <c r="AC15386" s="5" t="s">
        <v>44</v>
      </c>
      <c r="AD15386" s="2"/>
      <c r="AE15386" s="1"/>
    </row>
    <row r="15387" spans="1:31" ht="14.45">
      <c r="A15387" s="11"/>
      <c r="B15387" s="20"/>
      <c r="C15387" s="2" t="s">
        <v>47114</v>
      </c>
      <c r="D15387" s="14" t="s">
        <v>47115</v>
      </c>
      <c r="E15387" s="2" t="s">
        <v>47116</v>
      </c>
      <c r="F15387" s="2" t="s">
        <v>7521</v>
      </c>
      <c r="G15387" s="8">
        <v>340</v>
      </c>
      <c r="H15387" s="5">
        <v>6</v>
      </c>
      <c r="I15387" s="5" t="s">
        <v>1518</v>
      </c>
      <c r="J15387" s="5" t="s">
        <v>40939</v>
      </c>
      <c r="K15387" s="2" t="s">
        <v>40940</v>
      </c>
      <c r="L15387" s="5" t="s">
        <v>40939</v>
      </c>
      <c r="M15387" s="2" t="s">
        <v>40940</v>
      </c>
      <c r="N15387" s="5" t="s">
        <v>36266</v>
      </c>
      <c r="O15387" s="5" t="s">
        <v>38</v>
      </c>
      <c r="P15387" s="5" t="s">
        <v>39</v>
      </c>
      <c r="Q15387" s="5" t="s">
        <v>40</v>
      </c>
      <c r="R15387" s="5" t="s">
        <v>1522</v>
      </c>
      <c r="S15387" s="5" t="s">
        <v>1523</v>
      </c>
      <c r="T15387" s="5" t="s">
        <v>42</v>
      </c>
      <c r="U15387" s="2">
        <v>3.66</v>
      </c>
      <c r="V15387" s="2">
        <v>3.0760000000000001</v>
      </c>
      <c r="W15387" s="2">
        <v>1.7999999999999999E-2</v>
      </c>
      <c r="X15387" s="2">
        <v>139.1</v>
      </c>
      <c r="Y15387" s="2">
        <v>7.6</v>
      </c>
      <c r="Z15387" s="2">
        <v>16.7</v>
      </c>
      <c r="AA15387" s="5"/>
      <c r="AB15387" s="5" t="s">
        <v>43</v>
      </c>
      <c r="AC15387" s="5" t="s">
        <v>44</v>
      </c>
      <c r="AD15387" s="2"/>
      <c r="AE15387" s="1"/>
    </row>
    <row r="15388" spans="1:31" ht="14.45">
      <c r="A15388" s="11"/>
      <c r="B15388" s="20"/>
      <c r="C15388" s="2" t="s">
        <v>47117</v>
      </c>
      <c r="D15388" s="14" t="s">
        <v>47118</v>
      </c>
      <c r="E15388" s="2" t="s">
        <v>47119</v>
      </c>
      <c r="F15388" s="2" t="s">
        <v>7514</v>
      </c>
      <c r="G15388" s="8">
        <v>364</v>
      </c>
      <c r="H15388" s="5">
        <v>6</v>
      </c>
      <c r="I15388" s="5" t="s">
        <v>1518</v>
      </c>
      <c r="J15388" s="5" t="s">
        <v>40939</v>
      </c>
      <c r="K15388" s="2" t="s">
        <v>40940</v>
      </c>
      <c r="L15388" s="5" t="s">
        <v>40939</v>
      </c>
      <c r="M15388" s="2" t="s">
        <v>40940</v>
      </c>
      <c r="N15388" s="5" t="s">
        <v>36266</v>
      </c>
      <c r="O15388" s="5" t="s">
        <v>38</v>
      </c>
      <c r="P15388" s="5" t="s">
        <v>39</v>
      </c>
      <c r="Q15388" s="5" t="s">
        <v>40</v>
      </c>
      <c r="R15388" s="5" t="s">
        <v>1522</v>
      </c>
      <c r="S15388" s="5" t="s">
        <v>1523</v>
      </c>
      <c r="T15388" s="5" t="s">
        <v>42</v>
      </c>
      <c r="U15388" s="2">
        <v>4.4669999999999996</v>
      </c>
      <c r="V15388" s="2">
        <v>3.7650000000000001</v>
      </c>
      <c r="W15388" s="2">
        <v>2.1000000000000001E-2</v>
      </c>
      <c r="X15388" s="2">
        <v>165.1</v>
      </c>
      <c r="Y15388" s="2">
        <v>7.6</v>
      </c>
      <c r="Z15388" s="2">
        <v>16.7</v>
      </c>
      <c r="AA15388" s="5"/>
      <c r="AB15388" s="5" t="s">
        <v>43</v>
      </c>
      <c r="AC15388" s="5" t="s">
        <v>44</v>
      </c>
      <c r="AD15388" s="2"/>
      <c r="AE15388" s="1"/>
    </row>
    <row r="15389" spans="1:31" ht="14.45">
      <c r="A15389" s="11"/>
      <c r="B15389" s="20"/>
      <c r="C15389" s="2" t="s">
        <v>47120</v>
      </c>
      <c r="D15389" s="14" t="s">
        <v>47121</v>
      </c>
      <c r="E15389" s="2" t="s">
        <v>47122</v>
      </c>
      <c r="F15389" s="2" t="s">
        <v>7521</v>
      </c>
      <c r="G15389" s="8">
        <v>364</v>
      </c>
      <c r="H15389" s="5">
        <v>6</v>
      </c>
      <c r="I15389" s="5" t="s">
        <v>1518</v>
      </c>
      <c r="J15389" s="5" t="s">
        <v>40939</v>
      </c>
      <c r="K15389" s="2" t="s">
        <v>40940</v>
      </c>
      <c r="L15389" s="5" t="s">
        <v>40939</v>
      </c>
      <c r="M15389" s="2" t="s">
        <v>40940</v>
      </c>
      <c r="N15389" s="5" t="s">
        <v>36266</v>
      </c>
      <c r="O15389" s="5" t="s">
        <v>38</v>
      </c>
      <c r="P15389" s="5" t="s">
        <v>39</v>
      </c>
      <c r="Q15389" s="5" t="s">
        <v>40</v>
      </c>
      <c r="R15389" s="5" t="s">
        <v>1522</v>
      </c>
      <c r="S15389" s="5" t="s">
        <v>1523</v>
      </c>
      <c r="T15389" s="5" t="s">
        <v>42</v>
      </c>
      <c r="U15389" s="2">
        <v>4.5330000000000004</v>
      </c>
      <c r="V15389" s="2">
        <v>3.831</v>
      </c>
      <c r="W15389" s="2">
        <v>2.1000000000000001E-2</v>
      </c>
      <c r="X15389" s="2">
        <v>165.1</v>
      </c>
      <c r="Y15389" s="2">
        <v>7.6</v>
      </c>
      <c r="Z15389" s="2">
        <v>16.7</v>
      </c>
      <c r="AA15389" s="5"/>
      <c r="AB15389" s="5" t="s">
        <v>43</v>
      </c>
      <c r="AC15389" s="5" t="s">
        <v>44</v>
      </c>
      <c r="AD15389" s="2"/>
      <c r="AE15389" s="1"/>
    </row>
    <row r="15390" spans="1:31" ht="14.45">
      <c r="A15390" s="11"/>
      <c r="B15390" s="20"/>
      <c r="C15390" s="2" t="s">
        <v>47123</v>
      </c>
      <c r="D15390" s="14" t="s">
        <v>47124</v>
      </c>
      <c r="E15390" s="2" t="s">
        <v>47125</v>
      </c>
      <c r="F15390" s="2" t="s">
        <v>7514</v>
      </c>
      <c r="G15390" s="8">
        <v>325</v>
      </c>
      <c r="H15390" s="5">
        <v>6</v>
      </c>
      <c r="I15390" s="5" t="s">
        <v>1518</v>
      </c>
      <c r="J15390" s="5" t="s">
        <v>36264</v>
      </c>
      <c r="K15390" s="2" t="s">
        <v>36265</v>
      </c>
      <c r="L15390" s="5" t="s">
        <v>36264</v>
      </c>
      <c r="M15390" s="2" t="s">
        <v>36265</v>
      </c>
      <c r="N15390" s="5" t="s">
        <v>36266</v>
      </c>
      <c r="O15390" s="5" t="s">
        <v>38</v>
      </c>
      <c r="P15390" s="5" t="s">
        <v>39</v>
      </c>
      <c r="Q15390" s="5" t="s">
        <v>40</v>
      </c>
      <c r="R15390" s="5" t="s">
        <v>1522</v>
      </c>
      <c r="S15390" s="5" t="s">
        <v>1523</v>
      </c>
      <c r="T15390" s="5" t="s">
        <v>42</v>
      </c>
      <c r="U15390" s="2">
        <v>2.0939999999999999</v>
      </c>
      <c r="V15390" s="2">
        <v>1.629</v>
      </c>
      <c r="W15390" s="2">
        <v>0.01</v>
      </c>
      <c r="X15390" s="2">
        <v>76.900000000000006</v>
      </c>
      <c r="Y15390" s="2">
        <v>7.6</v>
      </c>
      <c r="Z15390" s="2">
        <v>16.7</v>
      </c>
      <c r="AA15390" s="5"/>
      <c r="AB15390" s="5" t="s">
        <v>43</v>
      </c>
      <c r="AC15390" s="5" t="s">
        <v>44</v>
      </c>
      <c r="AD15390" s="2"/>
      <c r="AE15390" s="1"/>
    </row>
    <row r="15391" spans="1:31" ht="14.45">
      <c r="A15391" s="11"/>
      <c r="B15391" s="20"/>
      <c r="C15391" s="2" t="s">
        <v>47126</v>
      </c>
      <c r="D15391" s="14" t="s">
        <v>47127</v>
      </c>
      <c r="E15391" s="2" t="s">
        <v>47128</v>
      </c>
      <c r="F15391" s="2" t="s">
        <v>36277</v>
      </c>
      <c r="G15391" s="8">
        <v>325</v>
      </c>
      <c r="H15391" s="5">
        <v>6</v>
      </c>
      <c r="I15391" s="5" t="s">
        <v>1518</v>
      </c>
      <c r="J15391" s="5" t="s">
        <v>36264</v>
      </c>
      <c r="K15391" s="2" t="s">
        <v>36265</v>
      </c>
      <c r="L15391" s="5" t="s">
        <v>36264</v>
      </c>
      <c r="M15391" s="2" t="s">
        <v>36265</v>
      </c>
      <c r="N15391" s="5" t="s">
        <v>36266</v>
      </c>
      <c r="O15391" s="5" t="s">
        <v>38</v>
      </c>
      <c r="P15391" s="5" t="s">
        <v>39</v>
      </c>
      <c r="Q15391" s="5" t="s">
        <v>40</v>
      </c>
      <c r="R15391" s="5" t="s">
        <v>1522</v>
      </c>
      <c r="S15391" s="5" t="s">
        <v>1523</v>
      </c>
      <c r="T15391" s="5" t="s">
        <v>42</v>
      </c>
      <c r="U15391" s="2">
        <v>2.0939999999999999</v>
      </c>
      <c r="V15391" s="2">
        <v>1.629</v>
      </c>
      <c r="W15391" s="2">
        <v>0.01</v>
      </c>
      <c r="X15391" s="2">
        <v>76.900000000000006</v>
      </c>
      <c r="Y15391" s="2">
        <v>7.6</v>
      </c>
      <c r="Z15391" s="2">
        <v>16.7</v>
      </c>
      <c r="AA15391" s="5"/>
      <c r="AB15391" s="5" t="s">
        <v>43</v>
      </c>
      <c r="AC15391" s="5" t="s">
        <v>44</v>
      </c>
      <c r="AD15391" s="2"/>
      <c r="AE15391" s="1"/>
    </row>
    <row r="15392" spans="1:31" ht="14.45">
      <c r="A15392" s="11"/>
      <c r="B15392" s="20"/>
      <c r="C15392" s="2" t="s">
        <v>47129</v>
      </c>
      <c r="D15392" s="14" t="s">
        <v>47130</v>
      </c>
      <c r="E15392" s="2" t="s">
        <v>47131</v>
      </c>
      <c r="F15392" s="2" t="s">
        <v>7514</v>
      </c>
      <c r="G15392" s="8">
        <v>327</v>
      </c>
      <c r="H15392" s="5">
        <v>6</v>
      </c>
      <c r="I15392" s="5" t="s">
        <v>1518</v>
      </c>
      <c r="J15392" s="5" t="s">
        <v>36264</v>
      </c>
      <c r="K15392" s="2" t="s">
        <v>36265</v>
      </c>
      <c r="L15392" s="5" t="s">
        <v>36264</v>
      </c>
      <c r="M15392" s="2" t="s">
        <v>36265</v>
      </c>
      <c r="N15392" s="5" t="s">
        <v>36266</v>
      </c>
      <c r="O15392" s="5" t="s">
        <v>38</v>
      </c>
      <c r="P15392" s="5" t="s">
        <v>39</v>
      </c>
      <c r="Q15392" s="5" t="s">
        <v>40</v>
      </c>
      <c r="R15392" s="5" t="s">
        <v>1522</v>
      </c>
      <c r="S15392" s="5" t="s">
        <v>1523</v>
      </c>
      <c r="T15392" s="5" t="s">
        <v>42</v>
      </c>
      <c r="U15392" s="2">
        <v>2.3540000000000001</v>
      </c>
      <c r="V15392" s="2">
        <v>1.87</v>
      </c>
      <c r="W15392" s="2">
        <v>1.0999999999999999E-2</v>
      </c>
      <c r="X15392" s="2">
        <v>82.9</v>
      </c>
      <c r="Y15392" s="2">
        <v>7.6</v>
      </c>
      <c r="Z15392" s="2">
        <v>16.7</v>
      </c>
      <c r="AA15392" s="5"/>
      <c r="AB15392" s="5" t="s">
        <v>43</v>
      </c>
      <c r="AC15392" s="5" t="s">
        <v>44</v>
      </c>
      <c r="AD15392" s="2"/>
      <c r="AE15392" s="1"/>
    </row>
    <row r="15393" spans="1:31" ht="14.45">
      <c r="A15393" s="11"/>
      <c r="B15393" s="20"/>
      <c r="C15393" s="2" t="s">
        <v>47132</v>
      </c>
      <c r="D15393" s="14" t="s">
        <v>47133</v>
      </c>
      <c r="E15393" s="2" t="s">
        <v>47134</v>
      </c>
      <c r="F15393" s="2" t="s">
        <v>36277</v>
      </c>
      <c r="G15393" s="8">
        <v>327</v>
      </c>
      <c r="H15393" s="5">
        <v>6</v>
      </c>
      <c r="I15393" s="5" t="s">
        <v>1518</v>
      </c>
      <c r="J15393" s="5" t="s">
        <v>36264</v>
      </c>
      <c r="K15393" s="2" t="s">
        <v>36265</v>
      </c>
      <c r="L15393" s="5" t="s">
        <v>36264</v>
      </c>
      <c r="M15393" s="2" t="s">
        <v>36265</v>
      </c>
      <c r="N15393" s="5" t="s">
        <v>36266</v>
      </c>
      <c r="O15393" s="5" t="s">
        <v>38</v>
      </c>
      <c r="P15393" s="5" t="s">
        <v>39</v>
      </c>
      <c r="Q15393" s="5" t="s">
        <v>40</v>
      </c>
      <c r="R15393" s="5" t="s">
        <v>1522</v>
      </c>
      <c r="S15393" s="5" t="s">
        <v>1523</v>
      </c>
      <c r="T15393" s="5" t="s">
        <v>42</v>
      </c>
      <c r="U15393" s="2">
        <v>2.3540000000000001</v>
      </c>
      <c r="V15393" s="2">
        <v>1.87</v>
      </c>
      <c r="W15393" s="2">
        <v>1.0999999999999999E-2</v>
      </c>
      <c r="X15393" s="2">
        <v>82.9</v>
      </c>
      <c r="Y15393" s="2">
        <v>7.6</v>
      </c>
      <c r="Z15393" s="2">
        <v>16.7</v>
      </c>
      <c r="AA15393" s="5"/>
      <c r="AB15393" s="5" t="s">
        <v>43</v>
      </c>
      <c r="AC15393" s="5" t="s">
        <v>44</v>
      </c>
      <c r="AD15393" s="2"/>
      <c r="AE15393" s="1"/>
    </row>
    <row r="15394" spans="1:31" ht="14.45">
      <c r="A15394" s="11"/>
      <c r="B15394" s="20"/>
      <c r="C15394" s="2" t="s">
        <v>47135</v>
      </c>
      <c r="D15394" s="14" t="s">
        <v>47136</v>
      </c>
      <c r="E15394" s="2" t="s">
        <v>47137</v>
      </c>
      <c r="F15394" s="2" t="s">
        <v>7514</v>
      </c>
      <c r="G15394" s="8">
        <v>332</v>
      </c>
      <c r="H15394" s="5">
        <v>6</v>
      </c>
      <c r="I15394" s="5" t="s">
        <v>1518</v>
      </c>
      <c r="J15394" s="5" t="s">
        <v>36264</v>
      </c>
      <c r="K15394" s="2" t="s">
        <v>36265</v>
      </c>
      <c r="L15394" s="5" t="s">
        <v>36264</v>
      </c>
      <c r="M15394" s="2" t="s">
        <v>36265</v>
      </c>
      <c r="N15394" s="5" t="s">
        <v>36266</v>
      </c>
      <c r="O15394" s="5" t="s">
        <v>38</v>
      </c>
      <c r="P15394" s="5" t="s">
        <v>39</v>
      </c>
      <c r="Q15394" s="5" t="s">
        <v>40</v>
      </c>
      <c r="R15394" s="5" t="s">
        <v>1522</v>
      </c>
      <c r="S15394" s="5" t="s">
        <v>1523</v>
      </c>
      <c r="T15394" s="5" t="s">
        <v>42</v>
      </c>
      <c r="U15394" s="2">
        <v>2.6459999999999999</v>
      </c>
      <c r="V15394" s="2">
        <v>2.0920000000000001</v>
      </c>
      <c r="W15394" s="2">
        <v>1.2999999999999999E-2</v>
      </c>
      <c r="X15394" s="2">
        <v>99.1</v>
      </c>
      <c r="Y15394" s="2">
        <v>7.6</v>
      </c>
      <c r="Z15394" s="2">
        <v>16.7</v>
      </c>
      <c r="AA15394" s="5"/>
      <c r="AB15394" s="5" t="s">
        <v>43</v>
      </c>
      <c r="AC15394" s="5" t="s">
        <v>44</v>
      </c>
      <c r="AD15394" s="2"/>
      <c r="AE15394" s="1"/>
    </row>
    <row r="15395" spans="1:31" ht="14.45">
      <c r="A15395" s="11"/>
      <c r="B15395" s="20"/>
      <c r="C15395" s="2" t="s">
        <v>47138</v>
      </c>
      <c r="D15395" s="14" t="s">
        <v>47139</v>
      </c>
      <c r="E15395" s="2" t="s">
        <v>47140</v>
      </c>
      <c r="F15395" s="2" t="s">
        <v>36277</v>
      </c>
      <c r="G15395" s="8">
        <v>332</v>
      </c>
      <c r="H15395" s="5">
        <v>6</v>
      </c>
      <c r="I15395" s="5" t="s">
        <v>1518</v>
      </c>
      <c r="J15395" s="5" t="s">
        <v>36264</v>
      </c>
      <c r="K15395" s="2" t="s">
        <v>36265</v>
      </c>
      <c r="L15395" s="5" t="s">
        <v>36264</v>
      </c>
      <c r="M15395" s="2" t="s">
        <v>36265</v>
      </c>
      <c r="N15395" s="5" t="s">
        <v>36266</v>
      </c>
      <c r="O15395" s="5" t="s">
        <v>38</v>
      </c>
      <c r="P15395" s="5" t="s">
        <v>39</v>
      </c>
      <c r="Q15395" s="5" t="s">
        <v>40</v>
      </c>
      <c r="R15395" s="5" t="s">
        <v>1522</v>
      </c>
      <c r="S15395" s="5" t="s">
        <v>1523</v>
      </c>
      <c r="T15395" s="5" t="s">
        <v>42</v>
      </c>
      <c r="U15395" s="2">
        <v>2.6459999999999999</v>
      </c>
      <c r="V15395" s="2">
        <v>2.0920000000000001</v>
      </c>
      <c r="W15395" s="2">
        <v>1.2999999999999999E-2</v>
      </c>
      <c r="X15395" s="2">
        <v>99.1</v>
      </c>
      <c r="Y15395" s="2">
        <v>7.6</v>
      </c>
      <c r="Z15395" s="2">
        <v>16.7</v>
      </c>
      <c r="AA15395" s="5"/>
      <c r="AB15395" s="5" t="s">
        <v>43</v>
      </c>
      <c r="AC15395" s="5" t="s">
        <v>44</v>
      </c>
      <c r="AD15395" s="2"/>
      <c r="AE15395" s="1"/>
    </row>
    <row r="15396" spans="1:31" ht="14.45">
      <c r="A15396" s="11"/>
      <c r="B15396" s="20"/>
      <c r="C15396" s="2" t="s">
        <v>47141</v>
      </c>
      <c r="D15396" s="14" t="s">
        <v>47142</v>
      </c>
      <c r="E15396" s="2" t="s">
        <v>47143</v>
      </c>
      <c r="F15396" s="2" t="s">
        <v>7514</v>
      </c>
      <c r="G15396" s="8">
        <v>337</v>
      </c>
      <c r="H15396" s="5">
        <v>6</v>
      </c>
      <c r="I15396" s="5" t="s">
        <v>1518</v>
      </c>
      <c r="J15396" s="5" t="s">
        <v>36264</v>
      </c>
      <c r="K15396" s="2" t="s">
        <v>36265</v>
      </c>
      <c r="L15396" s="5" t="s">
        <v>36264</v>
      </c>
      <c r="M15396" s="2" t="s">
        <v>36265</v>
      </c>
      <c r="N15396" s="5" t="s">
        <v>36266</v>
      </c>
      <c r="O15396" s="5" t="s">
        <v>38</v>
      </c>
      <c r="P15396" s="5" t="s">
        <v>39</v>
      </c>
      <c r="Q15396" s="5" t="s">
        <v>40</v>
      </c>
      <c r="R15396" s="5" t="s">
        <v>1522</v>
      </c>
      <c r="S15396" s="5" t="s">
        <v>1523</v>
      </c>
      <c r="T15396" s="5" t="s">
        <v>42</v>
      </c>
      <c r="U15396" s="2">
        <v>2.887</v>
      </c>
      <c r="V15396" s="2">
        <v>2.3410000000000002</v>
      </c>
      <c r="W15396" s="2">
        <v>1.4999999999999999E-2</v>
      </c>
      <c r="X15396" s="2">
        <v>118.9</v>
      </c>
      <c r="Y15396" s="2">
        <v>7.6</v>
      </c>
      <c r="Z15396" s="2">
        <v>16.7</v>
      </c>
      <c r="AA15396" s="5"/>
      <c r="AB15396" s="5" t="s">
        <v>43</v>
      </c>
      <c r="AC15396" s="5" t="s">
        <v>44</v>
      </c>
      <c r="AD15396" s="2"/>
      <c r="AE15396" s="1"/>
    </row>
    <row r="15397" spans="1:31" ht="14.45">
      <c r="A15397" s="11"/>
      <c r="B15397" s="20"/>
      <c r="C15397" s="2" t="s">
        <v>47144</v>
      </c>
      <c r="D15397" s="14" t="s">
        <v>47145</v>
      </c>
      <c r="E15397" s="2" t="s">
        <v>47146</v>
      </c>
      <c r="F15397" s="2" t="s">
        <v>36277</v>
      </c>
      <c r="G15397" s="8">
        <v>337</v>
      </c>
      <c r="H15397" s="5">
        <v>6</v>
      </c>
      <c r="I15397" s="5" t="s">
        <v>1518</v>
      </c>
      <c r="J15397" s="5" t="s">
        <v>36264</v>
      </c>
      <c r="K15397" s="2" t="s">
        <v>36265</v>
      </c>
      <c r="L15397" s="5" t="s">
        <v>36264</v>
      </c>
      <c r="M15397" s="2" t="s">
        <v>36265</v>
      </c>
      <c r="N15397" s="5" t="s">
        <v>36266</v>
      </c>
      <c r="O15397" s="5" t="s">
        <v>38</v>
      </c>
      <c r="P15397" s="5" t="s">
        <v>39</v>
      </c>
      <c r="Q15397" s="5" t="s">
        <v>40</v>
      </c>
      <c r="R15397" s="5" t="s">
        <v>1522</v>
      </c>
      <c r="S15397" s="5" t="s">
        <v>1523</v>
      </c>
      <c r="T15397" s="5" t="s">
        <v>42</v>
      </c>
      <c r="U15397" s="2">
        <v>2.887</v>
      </c>
      <c r="V15397" s="2">
        <v>2.3410000000000002</v>
      </c>
      <c r="W15397" s="2">
        <v>1.4999999999999999E-2</v>
      </c>
      <c r="X15397" s="2">
        <v>118.9</v>
      </c>
      <c r="Y15397" s="2">
        <v>7.6</v>
      </c>
      <c r="Z15397" s="2">
        <v>16.7</v>
      </c>
      <c r="AA15397" s="5"/>
      <c r="AB15397" s="5" t="s">
        <v>43</v>
      </c>
      <c r="AC15397" s="5" t="s">
        <v>44</v>
      </c>
      <c r="AD15397" s="2"/>
      <c r="AE15397" s="1"/>
    </row>
    <row r="15398" spans="1:31" ht="14.45">
      <c r="A15398" s="11"/>
      <c r="B15398" s="20"/>
      <c r="C15398" s="2" t="s">
        <v>47147</v>
      </c>
      <c r="D15398" s="14" t="s">
        <v>47148</v>
      </c>
      <c r="E15398" s="2" t="s">
        <v>47149</v>
      </c>
      <c r="F15398" s="2" t="s">
        <v>7514</v>
      </c>
      <c r="G15398" s="8">
        <v>339</v>
      </c>
      <c r="H15398" s="5">
        <v>6</v>
      </c>
      <c r="I15398" s="5" t="s">
        <v>1518</v>
      </c>
      <c r="J15398" s="5" t="s">
        <v>36264</v>
      </c>
      <c r="K15398" s="2" t="s">
        <v>36265</v>
      </c>
      <c r="L15398" s="5" t="s">
        <v>36264</v>
      </c>
      <c r="M15398" s="2" t="s">
        <v>36265</v>
      </c>
      <c r="N15398" s="5" t="s">
        <v>36266</v>
      </c>
      <c r="O15398" s="5" t="s">
        <v>38</v>
      </c>
      <c r="P15398" s="5" t="s">
        <v>39</v>
      </c>
      <c r="Q15398" s="5" t="s">
        <v>40</v>
      </c>
      <c r="R15398" s="5" t="s">
        <v>1522</v>
      </c>
      <c r="S15398" s="5" t="s">
        <v>1523</v>
      </c>
      <c r="T15398" s="5" t="s">
        <v>42</v>
      </c>
      <c r="U15398" s="2">
        <v>3.1480000000000001</v>
      </c>
      <c r="V15398" s="2">
        <v>2.6150000000000002</v>
      </c>
      <c r="W15398" s="2">
        <v>1.4999999999999999E-2</v>
      </c>
      <c r="X15398" s="2">
        <v>118.9</v>
      </c>
      <c r="Y15398" s="2">
        <v>7.6</v>
      </c>
      <c r="Z15398" s="2">
        <v>16.7</v>
      </c>
      <c r="AA15398" s="5"/>
      <c r="AB15398" s="5" t="s">
        <v>43</v>
      </c>
      <c r="AC15398" s="5" t="s">
        <v>44</v>
      </c>
      <c r="AD15398" s="2"/>
      <c r="AE15398" s="1"/>
    </row>
    <row r="15399" spans="1:31" ht="14.45">
      <c r="A15399" s="11"/>
      <c r="B15399" s="20"/>
      <c r="C15399" s="2" t="s">
        <v>47150</v>
      </c>
      <c r="D15399" s="14" t="s">
        <v>47151</v>
      </c>
      <c r="E15399" s="2" t="s">
        <v>47152</v>
      </c>
      <c r="F15399" s="2" t="s">
        <v>36277</v>
      </c>
      <c r="G15399" s="8">
        <v>339</v>
      </c>
      <c r="H15399" s="5">
        <v>6</v>
      </c>
      <c r="I15399" s="5" t="s">
        <v>1518</v>
      </c>
      <c r="J15399" s="5" t="s">
        <v>36264</v>
      </c>
      <c r="K15399" s="2" t="s">
        <v>36265</v>
      </c>
      <c r="L15399" s="5" t="s">
        <v>36264</v>
      </c>
      <c r="M15399" s="2" t="s">
        <v>36265</v>
      </c>
      <c r="N15399" s="5" t="s">
        <v>36266</v>
      </c>
      <c r="O15399" s="5" t="s">
        <v>38</v>
      </c>
      <c r="P15399" s="5" t="s">
        <v>39</v>
      </c>
      <c r="Q15399" s="5" t="s">
        <v>40</v>
      </c>
      <c r="R15399" s="5" t="s">
        <v>1522</v>
      </c>
      <c r="S15399" s="5" t="s">
        <v>1523</v>
      </c>
      <c r="T15399" s="5" t="s">
        <v>42</v>
      </c>
      <c r="U15399" s="2">
        <v>3.1480000000000001</v>
      </c>
      <c r="V15399" s="2">
        <v>2.6150000000000002</v>
      </c>
      <c r="W15399" s="2">
        <v>1.4999999999999999E-2</v>
      </c>
      <c r="X15399" s="2">
        <v>118.9</v>
      </c>
      <c r="Y15399" s="2">
        <v>7.6</v>
      </c>
      <c r="Z15399" s="2">
        <v>16.7</v>
      </c>
      <c r="AA15399" s="5"/>
      <c r="AB15399" s="5" t="s">
        <v>43</v>
      </c>
      <c r="AC15399" s="5" t="s">
        <v>44</v>
      </c>
      <c r="AD15399" s="2"/>
      <c r="AE15399" s="1"/>
    </row>
    <row r="15400" spans="1:31" ht="14.45">
      <c r="A15400" s="11"/>
      <c r="B15400" s="20"/>
      <c r="C15400" s="2" t="s">
        <v>47153</v>
      </c>
      <c r="D15400" s="14" t="s">
        <v>47154</v>
      </c>
      <c r="E15400" s="2" t="s">
        <v>47155</v>
      </c>
      <c r="F15400" s="2" t="s">
        <v>7514</v>
      </c>
      <c r="G15400" s="8">
        <v>337</v>
      </c>
      <c r="H15400" s="5">
        <v>6</v>
      </c>
      <c r="I15400" s="5" t="s">
        <v>1518</v>
      </c>
      <c r="J15400" s="5" t="s">
        <v>36264</v>
      </c>
      <c r="K15400" s="2" t="s">
        <v>36265</v>
      </c>
      <c r="L15400" s="5" t="s">
        <v>36264</v>
      </c>
      <c r="M15400" s="2" t="s">
        <v>36265</v>
      </c>
      <c r="N15400" s="5" t="s">
        <v>36266</v>
      </c>
      <c r="O15400" s="5" t="s">
        <v>38</v>
      </c>
      <c r="P15400" s="5" t="s">
        <v>39</v>
      </c>
      <c r="Q15400" s="5" t="s">
        <v>40</v>
      </c>
      <c r="R15400" s="5" t="s">
        <v>1522</v>
      </c>
      <c r="S15400" s="5" t="s">
        <v>1523</v>
      </c>
      <c r="T15400" s="5" t="s">
        <v>42</v>
      </c>
      <c r="U15400" s="2">
        <v>3.12</v>
      </c>
      <c r="V15400" s="2">
        <v>2.589</v>
      </c>
      <c r="W15400" s="2">
        <v>1.4999999999999999E-2</v>
      </c>
      <c r="X15400" s="2">
        <v>118.9</v>
      </c>
      <c r="Y15400" s="2">
        <v>7.6</v>
      </c>
      <c r="Z15400" s="2">
        <v>16.7</v>
      </c>
      <c r="AA15400" s="5"/>
      <c r="AB15400" s="5" t="s">
        <v>43</v>
      </c>
      <c r="AC15400" s="5" t="s">
        <v>44</v>
      </c>
      <c r="AD15400" s="2"/>
      <c r="AE15400" s="1"/>
    </row>
    <row r="15401" spans="1:31" ht="14.45">
      <c r="A15401" s="11"/>
      <c r="B15401" s="20"/>
      <c r="C15401" s="2" t="s">
        <v>47156</v>
      </c>
      <c r="D15401" s="14" t="s">
        <v>47157</v>
      </c>
      <c r="E15401" s="2" t="s">
        <v>47158</v>
      </c>
      <c r="F15401" s="2" t="s">
        <v>36277</v>
      </c>
      <c r="G15401" s="8">
        <v>337</v>
      </c>
      <c r="H15401" s="5">
        <v>6</v>
      </c>
      <c r="I15401" s="5" t="s">
        <v>1518</v>
      </c>
      <c r="J15401" s="5" t="s">
        <v>36264</v>
      </c>
      <c r="K15401" s="2" t="s">
        <v>36265</v>
      </c>
      <c r="L15401" s="5" t="s">
        <v>36264</v>
      </c>
      <c r="M15401" s="2" t="s">
        <v>36265</v>
      </c>
      <c r="N15401" s="5" t="s">
        <v>36266</v>
      </c>
      <c r="O15401" s="5" t="s">
        <v>38</v>
      </c>
      <c r="P15401" s="5" t="s">
        <v>39</v>
      </c>
      <c r="Q15401" s="5" t="s">
        <v>40</v>
      </c>
      <c r="R15401" s="5" t="s">
        <v>1522</v>
      </c>
      <c r="S15401" s="5" t="s">
        <v>1523</v>
      </c>
      <c r="T15401" s="5" t="s">
        <v>42</v>
      </c>
      <c r="U15401" s="2">
        <v>3.12</v>
      </c>
      <c r="V15401" s="2">
        <v>2.589</v>
      </c>
      <c r="W15401" s="2">
        <v>1.4999999999999999E-2</v>
      </c>
      <c r="X15401" s="2">
        <v>118.9</v>
      </c>
      <c r="Y15401" s="2">
        <v>7.6</v>
      </c>
      <c r="Z15401" s="2">
        <v>16.7</v>
      </c>
      <c r="AA15401" s="5"/>
      <c r="AB15401" s="5" t="s">
        <v>43</v>
      </c>
      <c r="AC15401" s="5" t="s">
        <v>44</v>
      </c>
      <c r="AD15401" s="2"/>
      <c r="AE15401" s="1"/>
    </row>
    <row r="15402" spans="1:31" ht="14.45">
      <c r="A15402" s="11"/>
      <c r="B15402" s="20"/>
      <c r="C15402" s="2" t="s">
        <v>47159</v>
      </c>
      <c r="D15402" s="14" t="s">
        <v>47160</v>
      </c>
      <c r="E15402" s="2" t="s">
        <v>47161</v>
      </c>
      <c r="F15402" s="2" t="s">
        <v>7514</v>
      </c>
      <c r="G15402" s="8">
        <v>357</v>
      </c>
      <c r="H15402" s="5">
        <v>6</v>
      </c>
      <c r="I15402" s="5" t="s">
        <v>1518</v>
      </c>
      <c r="J15402" s="5" t="s">
        <v>36264</v>
      </c>
      <c r="K15402" s="2" t="s">
        <v>36265</v>
      </c>
      <c r="L15402" s="5" t="s">
        <v>36264</v>
      </c>
      <c r="M15402" s="2" t="s">
        <v>36265</v>
      </c>
      <c r="N15402" s="5" t="s">
        <v>36266</v>
      </c>
      <c r="O15402" s="5" t="s">
        <v>38</v>
      </c>
      <c r="P15402" s="5" t="s">
        <v>39</v>
      </c>
      <c r="Q15402" s="5" t="s">
        <v>40</v>
      </c>
      <c r="R15402" s="5" t="s">
        <v>1522</v>
      </c>
      <c r="S15402" s="5" t="s">
        <v>1523</v>
      </c>
      <c r="T15402" s="5" t="s">
        <v>42</v>
      </c>
      <c r="U15402" s="2">
        <v>3.6419999999999999</v>
      </c>
      <c r="V15402" s="2">
        <v>3.048</v>
      </c>
      <c r="W15402" s="2">
        <v>1.7999999999999999E-2</v>
      </c>
      <c r="X15402" s="2">
        <v>139.1</v>
      </c>
      <c r="Y15402" s="2">
        <v>7.6</v>
      </c>
      <c r="Z15402" s="2">
        <v>16.7</v>
      </c>
      <c r="AA15402" s="5"/>
      <c r="AB15402" s="5" t="s">
        <v>43</v>
      </c>
      <c r="AC15402" s="5" t="s">
        <v>44</v>
      </c>
      <c r="AD15402" s="2"/>
      <c r="AE15402" s="1"/>
    </row>
    <row r="15403" spans="1:31" ht="14.45">
      <c r="A15403" s="11"/>
      <c r="B15403" s="20"/>
      <c r="C15403" s="2" t="s">
        <v>47162</v>
      </c>
      <c r="D15403" s="14" t="s">
        <v>47163</v>
      </c>
      <c r="E15403" s="2" t="s">
        <v>47164</v>
      </c>
      <c r="F15403" s="2" t="s">
        <v>36277</v>
      </c>
      <c r="G15403" s="8">
        <v>357</v>
      </c>
      <c r="H15403" s="5">
        <v>6</v>
      </c>
      <c r="I15403" s="5" t="s">
        <v>1518</v>
      </c>
      <c r="J15403" s="5" t="s">
        <v>36264</v>
      </c>
      <c r="K15403" s="2" t="s">
        <v>36265</v>
      </c>
      <c r="L15403" s="5" t="s">
        <v>36264</v>
      </c>
      <c r="M15403" s="2" t="s">
        <v>36265</v>
      </c>
      <c r="N15403" s="5" t="s">
        <v>36266</v>
      </c>
      <c r="O15403" s="5" t="s">
        <v>38</v>
      </c>
      <c r="P15403" s="5" t="s">
        <v>39</v>
      </c>
      <c r="Q15403" s="5" t="s">
        <v>40</v>
      </c>
      <c r="R15403" s="5" t="s">
        <v>1522</v>
      </c>
      <c r="S15403" s="5" t="s">
        <v>1523</v>
      </c>
      <c r="T15403" s="5" t="s">
        <v>42</v>
      </c>
      <c r="U15403" s="2">
        <v>3.6419999999999999</v>
      </c>
      <c r="V15403" s="2">
        <v>3.048</v>
      </c>
      <c r="W15403" s="2">
        <v>1.7999999999999999E-2</v>
      </c>
      <c r="X15403" s="2">
        <v>139.1</v>
      </c>
      <c r="Y15403" s="2">
        <v>7.6</v>
      </c>
      <c r="Z15403" s="2">
        <v>16.7</v>
      </c>
      <c r="AA15403" s="5"/>
      <c r="AB15403" s="5" t="s">
        <v>43</v>
      </c>
      <c r="AC15403" s="5" t="s">
        <v>44</v>
      </c>
      <c r="AD15403" s="2"/>
      <c r="AE15403" s="1"/>
    </row>
    <row r="15404" spans="1:31" ht="14.45">
      <c r="A15404" s="11"/>
      <c r="B15404" s="20"/>
      <c r="C15404" s="2" t="s">
        <v>47165</v>
      </c>
      <c r="D15404" s="14" t="s">
        <v>47166</v>
      </c>
      <c r="E15404" s="2" t="s">
        <v>47167</v>
      </c>
      <c r="F15404" s="2" t="s">
        <v>7514</v>
      </c>
      <c r="G15404" s="8">
        <v>350</v>
      </c>
      <c r="H15404" s="5">
        <v>6</v>
      </c>
      <c r="I15404" s="5" t="s">
        <v>1518</v>
      </c>
      <c r="J15404" s="5" t="s">
        <v>36264</v>
      </c>
      <c r="K15404" s="2" t="s">
        <v>36265</v>
      </c>
      <c r="L15404" s="5" t="s">
        <v>36264</v>
      </c>
      <c r="M15404" s="2" t="s">
        <v>36265</v>
      </c>
      <c r="N15404" s="5" t="s">
        <v>36266</v>
      </c>
      <c r="O15404" s="5" t="s">
        <v>38</v>
      </c>
      <c r="P15404" s="5" t="s">
        <v>39</v>
      </c>
      <c r="Q15404" s="5" t="s">
        <v>40</v>
      </c>
      <c r="R15404" s="5" t="s">
        <v>1522</v>
      </c>
      <c r="S15404" s="5" t="s">
        <v>1523</v>
      </c>
      <c r="T15404" s="5" t="s">
        <v>42</v>
      </c>
      <c r="U15404" s="2">
        <v>3.6869999999999998</v>
      </c>
      <c r="V15404" s="2">
        <v>3.1030000000000002</v>
      </c>
      <c r="W15404" s="2">
        <v>1.7999999999999999E-2</v>
      </c>
      <c r="X15404" s="2">
        <v>139.1</v>
      </c>
      <c r="Y15404" s="2">
        <v>7.6</v>
      </c>
      <c r="Z15404" s="2">
        <v>16.7</v>
      </c>
      <c r="AA15404" s="5"/>
      <c r="AB15404" s="5" t="s">
        <v>43</v>
      </c>
      <c r="AC15404" s="5" t="s">
        <v>44</v>
      </c>
      <c r="AD15404" s="2"/>
      <c r="AE15404" s="1"/>
    </row>
    <row r="15405" spans="1:31" ht="14.45">
      <c r="A15405" s="11"/>
      <c r="B15405" s="20"/>
      <c r="C15405" s="2" t="s">
        <v>47168</v>
      </c>
      <c r="D15405" s="14" t="s">
        <v>47169</v>
      </c>
      <c r="E15405" s="2" t="s">
        <v>47170</v>
      </c>
      <c r="F15405" s="2" t="s">
        <v>36277</v>
      </c>
      <c r="G15405" s="8">
        <v>350</v>
      </c>
      <c r="H15405" s="5">
        <v>6</v>
      </c>
      <c r="I15405" s="5" t="s">
        <v>1518</v>
      </c>
      <c r="J15405" s="5" t="s">
        <v>36264</v>
      </c>
      <c r="K15405" s="2" t="s">
        <v>36265</v>
      </c>
      <c r="L15405" s="5" t="s">
        <v>36264</v>
      </c>
      <c r="M15405" s="2" t="s">
        <v>36265</v>
      </c>
      <c r="N15405" s="5" t="s">
        <v>36266</v>
      </c>
      <c r="O15405" s="5" t="s">
        <v>38</v>
      </c>
      <c r="P15405" s="5" t="s">
        <v>39</v>
      </c>
      <c r="Q15405" s="5" t="s">
        <v>40</v>
      </c>
      <c r="R15405" s="5" t="s">
        <v>1522</v>
      </c>
      <c r="S15405" s="5" t="s">
        <v>1523</v>
      </c>
      <c r="T15405" s="5" t="s">
        <v>42</v>
      </c>
      <c r="U15405" s="2">
        <v>3.6869999999999998</v>
      </c>
      <c r="V15405" s="2">
        <v>3.1030000000000002</v>
      </c>
      <c r="W15405" s="2">
        <v>1.7999999999999999E-2</v>
      </c>
      <c r="X15405" s="2">
        <v>139.1</v>
      </c>
      <c r="Y15405" s="2">
        <v>7.6</v>
      </c>
      <c r="Z15405" s="2">
        <v>16.7</v>
      </c>
      <c r="AA15405" s="5"/>
      <c r="AB15405" s="5" t="s">
        <v>43</v>
      </c>
      <c r="AC15405" s="5" t="s">
        <v>44</v>
      </c>
      <c r="AD15405" s="2"/>
      <c r="AE15405" s="1"/>
    </row>
    <row r="15406" spans="1:31" ht="14.45">
      <c r="A15406" s="11"/>
      <c r="B15406" s="20"/>
      <c r="C15406" s="2" t="s">
        <v>47171</v>
      </c>
      <c r="D15406" s="14" t="s">
        <v>47172</v>
      </c>
      <c r="E15406" s="2" t="s">
        <v>47173</v>
      </c>
      <c r="F15406" s="2" t="s">
        <v>7514</v>
      </c>
      <c r="G15406" s="8">
        <v>376</v>
      </c>
      <c r="H15406" s="5">
        <v>6</v>
      </c>
      <c r="I15406" s="5" t="s">
        <v>1518</v>
      </c>
      <c r="J15406" s="5" t="s">
        <v>36264</v>
      </c>
      <c r="K15406" s="2" t="s">
        <v>36265</v>
      </c>
      <c r="L15406" s="5" t="s">
        <v>36264</v>
      </c>
      <c r="M15406" s="2" t="s">
        <v>36265</v>
      </c>
      <c r="N15406" s="5" t="s">
        <v>36266</v>
      </c>
      <c r="O15406" s="5" t="s">
        <v>38</v>
      </c>
      <c r="P15406" s="5" t="s">
        <v>39</v>
      </c>
      <c r="Q15406" s="5" t="s">
        <v>40</v>
      </c>
      <c r="R15406" s="5" t="s">
        <v>1522</v>
      </c>
      <c r="S15406" s="5" t="s">
        <v>1523</v>
      </c>
      <c r="T15406" s="5" t="s">
        <v>42</v>
      </c>
      <c r="U15406" s="2">
        <v>4.5990000000000002</v>
      </c>
      <c r="V15406" s="2">
        <v>3.8969999999999998</v>
      </c>
      <c r="W15406" s="2">
        <v>2.1000000000000001E-2</v>
      </c>
      <c r="X15406" s="2">
        <v>165.1</v>
      </c>
      <c r="Y15406" s="2">
        <v>7.6</v>
      </c>
      <c r="Z15406" s="2">
        <v>16.7</v>
      </c>
      <c r="AA15406" s="5"/>
      <c r="AB15406" s="5" t="s">
        <v>43</v>
      </c>
      <c r="AC15406" s="5" t="s">
        <v>44</v>
      </c>
      <c r="AD15406" s="2"/>
      <c r="AE15406" s="1"/>
    </row>
    <row r="15407" spans="1:31" ht="14.45">
      <c r="A15407" s="11"/>
      <c r="B15407" s="20"/>
      <c r="C15407" s="2" t="s">
        <v>47174</v>
      </c>
      <c r="D15407" s="14" t="s">
        <v>47175</v>
      </c>
      <c r="E15407" s="2" t="s">
        <v>47176</v>
      </c>
      <c r="F15407" s="2" t="s">
        <v>36277</v>
      </c>
      <c r="G15407" s="8">
        <v>376</v>
      </c>
      <c r="H15407" s="5">
        <v>6</v>
      </c>
      <c r="I15407" s="5" t="s">
        <v>1518</v>
      </c>
      <c r="J15407" s="5" t="s">
        <v>36264</v>
      </c>
      <c r="K15407" s="2" t="s">
        <v>36265</v>
      </c>
      <c r="L15407" s="5" t="s">
        <v>36264</v>
      </c>
      <c r="M15407" s="2" t="s">
        <v>36265</v>
      </c>
      <c r="N15407" s="5" t="s">
        <v>36266</v>
      </c>
      <c r="O15407" s="5" t="s">
        <v>38</v>
      </c>
      <c r="P15407" s="5" t="s">
        <v>39</v>
      </c>
      <c r="Q15407" s="5" t="s">
        <v>40</v>
      </c>
      <c r="R15407" s="5" t="s">
        <v>1522</v>
      </c>
      <c r="S15407" s="5" t="s">
        <v>1523</v>
      </c>
      <c r="T15407" s="5" t="s">
        <v>42</v>
      </c>
      <c r="U15407" s="2">
        <v>4.5990000000000002</v>
      </c>
      <c r="V15407" s="2">
        <v>3.8969999999999998</v>
      </c>
      <c r="W15407" s="2">
        <v>2.1000000000000001E-2</v>
      </c>
      <c r="X15407" s="2">
        <v>165.1</v>
      </c>
      <c r="Y15407" s="2">
        <v>7.6</v>
      </c>
      <c r="Z15407" s="2">
        <v>16.7</v>
      </c>
      <c r="AA15407" s="5"/>
      <c r="AB15407" s="5" t="s">
        <v>43</v>
      </c>
      <c r="AC15407" s="5" t="s">
        <v>44</v>
      </c>
      <c r="AD15407" s="2"/>
      <c r="AE15407" s="1"/>
    </row>
    <row r="15408" spans="1:31" ht="14.45">
      <c r="A15408" s="11"/>
      <c r="B15408" s="20"/>
      <c r="C15408" s="2" t="s">
        <v>47177</v>
      </c>
      <c r="D15408" s="14" t="s">
        <v>47178</v>
      </c>
      <c r="E15408" s="2" t="s">
        <v>47179</v>
      </c>
      <c r="F15408" s="2" t="s">
        <v>7204</v>
      </c>
      <c r="G15408" s="8">
        <v>228</v>
      </c>
      <c r="H15408" s="5">
        <v>6</v>
      </c>
      <c r="I15408" s="5" t="s">
        <v>1518</v>
      </c>
      <c r="J15408" s="5" t="s">
        <v>40939</v>
      </c>
      <c r="K15408" s="2" t="s">
        <v>40940</v>
      </c>
      <c r="L15408" s="5" t="s">
        <v>40939</v>
      </c>
      <c r="M15408" s="2" t="s">
        <v>40940</v>
      </c>
      <c r="N15408" s="5" t="s">
        <v>36266</v>
      </c>
      <c r="O15408" s="5" t="s">
        <v>38</v>
      </c>
      <c r="P15408" s="5" t="s">
        <v>39</v>
      </c>
      <c r="Q15408" s="5" t="s">
        <v>40</v>
      </c>
      <c r="R15408" s="5" t="s">
        <v>1522</v>
      </c>
      <c r="S15408" s="5" t="s">
        <v>1523</v>
      </c>
      <c r="T15408" s="5" t="s">
        <v>42</v>
      </c>
      <c r="U15408" s="2">
        <v>1.9219999999999999</v>
      </c>
      <c r="V15408" s="2">
        <v>1.46</v>
      </c>
      <c r="W15408" s="2">
        <v>0.01</v>
      </c>
      <c r="X15408" s="2">
        <v>76.900000000000006</v>
      </c>
      <c r="Y15408" s="2">
        <v>7.6</v>
      </c>
      <c r="Z15408" s="2">
        <v>16.7</v>
      </c>
      <c r="AA15408" s="5"/>
      <c r="AB15408" s="5" t="s">
        <v>43</v>
      </c>
      <c r="AC15408" s="5" t="s">
        <v>44</v>
      </c>
      <c r="AD15408" s="2"/>
      <c r="AE15408" s="1"/>
    </row>
    <row r="15409" spans="1:31" ht="14.45">
      <c r="A15409" s="11"/>
      <c r="B15409" s="20"/>
      <c r="C15409" s="2" t="s">
        <v>47180</v>
      </c>
      <c r="D15409" s="14" t="s">
        <v>47181</v>
      </c>
      <c r="E15409" s="2" t="s">
        <v>47182</v>
      </c>
      <c r="F15409" s="2" t="s">
        <v>7514</v>
      </c>
      <c r="G15409" s="8">
        <v>228</v>
      </c>
      <c r="H15409" s="5">
        <v>6</v>
      </c>
      <c r="I15409" s="5" t="s">
        <v>1518</v>
      </c>
      <c r="J15409" s="5" t="s">
        <v>40939</v>
      </c>
      <c r="K15409" s="2" t="s">
        <v>40940</v>
      </c>
      <c r="L15409" s="5" t="s">
        <v>40939</v>
      </c>
      <c r="M15409" s="2" t="s">
        <v>40940</v>
      </c>
      <c r="N15409" s="5" t="s">
        <v>36266</v>
      </c>
      <c r="O15409" s="5" t="s">
        <v>38</v>
      </c>
      <c r="P15409" s="5" t="s">
        <v>39</v>
      </c>
      <c r="Q15409" s="5" t="s">
        <v>40</v>
      </c>
      <c r="R15409" s="5" t="s">
        <v>1522</v>
      </c>
      <c r="S15409" s="5" t="s">
        <v>1523</v>
      </c>
      <c r="T15409" s="5" t="s">
        <v>42</v>
      </c>
      <c r="U15409" s="2">
        <v>1.9690000000000001</v>
      </c>
      <c r="V15409" s="2">
        <v>1.5069999999999999</v>
      </c>
      <c r="W15409" s="2">
        <v>0.01</v>
      </c>
      <c r="X15409" s="2">
        <v>76.900000000000006</v>
      </c>
      <c r="Y15409" s="2">
        <v>7.6</v>
      </c>
      <c r="Z15409" s="2">
        <v>16.7</v>
      </c>
      <c r="AA15409" s="5"/>
      <c r="AB15409" s="5" t="s">
        <v>43</v>
      </c>
      <c r="AC15409" s="5" t="s">
        <v>44</v>
      </c>
      <c r="AD15409" s="2"/>
      <c r="AE15409" s="1"/>
    </row>
    <row r="15410" spans="1:31" ht="14.45">
      <c r="A15410" s="11"/>
      <c r="B15410" s="20"/>
      <c r="C15410" s="2" t="s">
        <v>47183</v>
      </c>
      <c r="D15410" s="14" t="s">
        <v>47184</v>
      </c>
      <c r="E15410" s="2" t="s">
        <v>47185</v>
      </c>
      <c r="F15410" s="2" t="s">
        <v>41001</v>
      </c>
      <c r="G15410" s="8">
        <v>242</v>
      </c>
      <c r="H15410" s="5">
        <v>6</v>
      </c>
      <c r="I15410" s="5" t="s">
        <v>1518</v>
      </c>
      <c r="J15410" s="5" t="s">
        <v>40939</v>
      </c>
      <c r="K15410" s="2" t="s">
        <v>40940</v>
      </c>
      <c r="L15410" s="5" t="s">
        <v>40939</v>
      </c>
      <c r="M15410" s="2" t="s">
        <v>40940</v>
      </c>
      <c r="N15410" s="5" t="s">
        <v>36266</v>
      </c>
      <c r="O15410" s="5" t="s">
        <v>38</v>
      </c>
      <c r="P15410" s="5" t="s">
        <v>39</v>
      </c>
      <c r="Q15410" s="5" t="s">
        <v>40</v>
      </c>
      <c r="R15410" s="5" t="s">
        <v>1522</v>
      </c>
      <c r="S15410" s="5" t="s">
        <v>1523</v>
      </c>
      <c r="T15410" s="5" t="s">
        <v>42</v>
      </c>
      <c r="U15410" s="2">
        <v>1.931</v>
      </c>
      <c r="V15410" s="2">
        <v>1.4690000000000001</v>
      </c>
      <c r="W15410" s="2">
        <v>0.01</v>
      </c>
      <c r="X15410" s="2">
        <v>76.900000000000006</v>
      </c>
      <c r="Y15410" s="2">
        <v>7.6</v>
      </c>
      <c r="Z15410" s="2">
        <v>16.7</v>
      </c>
      <c r="AA15410" s="5"/>
      <c r="AB15410" s="5" t="s">
        <v>43</v>
      </c>
      <c r="AC15410" s="5" t="s">
        <v>44</v>
      </c>
      <c r="AD15410" s="2"/>
      <c r="AE15410" s="1"/>
    </row>
    <row r="15411" spans="1:31" ht="14.45">
      <c r="A15411" s="11"/>
      <c r="B15411" s="20"/>
      <c r="C15411" s="2" t="s">
        <v>47186</v>
      </c>
      <c r="D15411" s="14" t="s">
        <v>47187</v>
      </c>
      <c r="E15411" s="2" t="s">
        <v>47188</v>
      </c>
      <c r="F15411" s="2" t="s">
        <v>7204</v>
      </c>
      <c r="G15411" s="8">
        <v>241</v>
      </c>
      <c r="H15411" s="5">
        <v>6</v>
      </c>
      <c r="I15411" s="5" t="s">
        <v>1518</v>
      </c>
      <c r="J15411" s="5" t="s">
        <v>40939</v>
      </c>
      <c r="K15411" s="2" t="s">
        <v>40940</v>
      </c>
      <c r="L15411" s="5" t="s">
        <v>40939</v>
      </c>
      <c r="M15411" s="2" t="s">
        <v>40940</v>
      </c>
      <c r="N15411" s="5" t="s">
        <v>36266</v>
      </c>
      <c r="O15411" s="5" t="s">
        <v>38</v>
      </c>
      <c r="P15411" s="5" t="s">
        <v>39</v>
      </c>
      <c r="Q15411" s="5" t="s">
        <v>40</v>
      </c>
      <c r="R15411" s="5" t="s">
        <v>1522</v>
      </c>
      <c r="S15411" s="5" t="s">
        <v>1523</v>
      </c>
      <c r="T15411" s="5" t="s">
        <v>42</v>
      </c>
      <c r="U15411" s="2">
        <v>2.0649999999999999</v>
      </c>
      <c r="V15411" s="2">
        <v>1.609</v>
      </c>
      <c r="W15411" s="2">
        <v>0.01</v>
      </c>
      <c r="X15411" s="2">
        <v>76.900000000000006</v>
      </c>
      <c r="Y15411" s="2">
        <v>7.6</v>
      </c>
      <c r="Z15411" s="2">
        <v>16.7</v>
      </c>
      <c r="AA15411" s="5"/>
      <c r="AB15411" s="5" t="s">
        <v>43</v>
      </c>
      <c r="AC15411" s="5" t="s">
        <v>44</v>
      </c>
      <c r="AD15411" s="2"/>
      <c r="AE15411" s="1"/>
    </row>
    <row r="15412" spans="1:31" ht="14.45">
      <c r="A15412" s="11"/>
      <c r="B15412" s="20"/>
      <c r="C15412" s="2" t="s">
        <v>47189</v>
      </c>
      <c r="D15412" s="14" t="s">
        <v>47190</v>
      </c>
      <c r="E15412" s="2" t="s">
        <v>47191</v>
      </c>
      <c r="F15412" s="2" t="s">
        <v>7514</v>
      </c>
      <c r="G15412" s="8">
        <v>241</v>
      </c>
      <c r="H15412" s="5">
        <v>6</v>
      </c>
      <c r="I15412" s="5" t="s">
        <v>1518</v>
      </c>
      <c r="J15412" s="5" t="s">
        <v>40939</v>
      </c>
      <c r="K15412" s="2" t="s">
        <v>40940</v>
      </c>
      <c r="L15412" s="5" t="s">
        <v>40939</v>
      </c>
      <c r="M15412" s="2" t="s">
        <v>40940</v>
      </c>
      <c r="N15412" s="5" t="s">
        <v>36266</v>
      </c>
      <c r="O15412" s="5" t="s">
        <v>38</v>
      </c>
      <c r="P15412" s="5" t="s">
        <v>39</v>
      </c>
      <c r="Q15412" s="5" t="s">
        <v>40</v>
      </c>
      <c r="R15412" s="5" t="s">
        <v>1522</v>
      </c>
      <c r="S15412" s="5" t="s">
        <v>1523</v>
      </c>
      <c r="T15412" s="5" t="s">
        <v>42</v>
      </c>
      <c r="U15412" s="2">
        <v>2.1230000000000002</v>
      </c>
      <c r="V15412" s="2">
        <v>1.667</v>
      </c>
      <c r="W15412" s="2">
        <v>0.01</v>
      </c>
      <c r="X15412" s="2">
        <v>76.900000000000006</v>
      </c>
      <c r="Y15412" s="2">
        <v>7.6</v>
      </c>
      <c r="Z15412" s="2">
        <v>16.7</v>
      </c>
      <c r="AA15412" s="5"/>
      <c r="AB15412" s="5" t="s">
        <v>43</v>
      </c>
      <c r="AC15412" s="5" t="s">
        <v>44</v>
      </c>
      <c r="AD15412" s="2"/>
      <c r="AE15412" s="1"/>
    </row>
    <row r="15413" spans="1:31" ht="14.45">
      <c r="A15413" s="11"/>
      <c r="B15413" s="20"/>
      <c r="C15413" s="2" t="s">
        <v>47192</v>
      </c>
      <c r="D15413" s="14" t="s">
        <v>47193</v>
      </c>
      <c r="E15413" s="2" t="s">
        <v>47194</v>
      </c>
      <c r="F15413" s="2" t="s">
        <v>47195</v>
      </c>
      <c r="G15413" s="8">
        <v>258</v>
      </c>
      <c r="H15413" s="5">
        <v>6</v>
      </c>
      <c r="I15413" s="5" t="s">
        <v>1518</v>
      </c>
      <c r="J15413" s="5" t="s">
        <v>40939</v>
      </c>
      <c r="K15413" s="2" t="s">
        <v>40940</v>
      </c>
      <c r="L15413" s="5" t="s">
        <v>40939</v>
      </c>
      <c r="M15413" s="2" t="s">
        <v>40940</v>
      </c>
      <c r="N15413" s="5" t="s">
        <v>36266</v>
      </c>
      <c r="O15413" s="5" t="s">
        <v>38</v>
      </c>
      <c r="P15413" s="5" t="s">
        <v>39</v>
      </c>
      <c r="Q15413" s="5" t="s">
        <v>40</v>
      </c>
      <c r="R15413" s="5" t="s">
        <v>1522</v>
      </c>
      <c r="S15413" s="5" t="s">
        <v>1523</v>
      </c>
      <c r="T15413" s="5" t="s">
        <v>42</v>
      </c>
      <c r="U15413" s="2">
        <v>2.13</v>
      </c>
      <c r="V15413" s="2">
        <v>1.6739999999999999</v>
      </c>
      <c r="W15413" s="2">
        <v>0.01</v>
      </c>
      <c r="X15413" s="2">
        <v>76.900000000000006</v>
      </c>
      <c r="Y15413" s="2">
        <v>7.6</v>
      </c>
      <c r="Z15413" s="2">
        <v>16.7</v>
      </c>
      <c r="AA15413" s="5"/>
      <c r="AB15413" s="5" t="s">
        <v>43</v>
      </c>
      <c r="AC15413" s="5" t="s">
        <v>44</v>
      </c>
      <c r="AD15413" s="2"/>
      <c r="AE15413" s="1"/>
    </row>
    <row r="15414" spans="1:31" ht="14.45">
      <c r="A15414" s="11"/>
      <c r="B15414" s="20"/>
      <c r="C15414" s="2" t="s">
        <v>47196</v>
      </c>
      <c r="D15414" s="14" t="s">
        <v>47197</v>
      </c>
      <c r="E15414" s="2" t="s">
        <v>47198</v>
      </c>
      <c r="F15414" s="2" t="s">
        <v>7204</v>
      </c>
      <c r="G15414" s="8">
        <v>254</v>
      </c>
      <c r="H15414" s="5">
        <v>6</v>
      </c>
      <c r="I15414" s="5" t="s">
        <v>1518</v>
      </c>
      <c r="J15414" s="5" t="s">
        <v>40939</v>
      </c>
      <c r="K15414" s="2" t="s">
        <v>40940</v>
      </c>
      <c r="L15414" s="5" t="s">
        <v>40939</v>
      </c>
      <c r="M15414" s="2" t="s">
        <v>40940</v>
      </c>
      <c r="N15414" s="5" t="s">
        <v>36266</v>
      </c>
      <c r="O15414" s="5" t="s">
        <v>38</v>
      </c>
      <c r="P15414" s="5" t="s">
        <v>39</v>
      </c>
      <c r="Q15414" s="5" t="s">
        <v>40</v>
      </c>
      <c r="R15414" s="5" t="s">
        <v>1522</v>
      </c>
      <c r="S15414" s="5" t="s">
        <v>1523</v>
      </c>
      <c r="T15414" s="5" t="s">
        <v>42</v>
      </c>
      <c r="U15414" s="2">
        <v>2.319</v>
      </c>
      <c r="V15414" s="2">
        <v>1.7549999999999999</v>
      </c>
      <c r="W15414" s="2">
        <v>1.2999999999999999E-2</v>
      </c>
      <c r="X15414" s="2">
        <v>99.1</v>
      </c>
      <c r="Y15414" s="2">
        <v>7.6</v>
      </c>
      <c r="Z15414" s="2">
        <v>16.7</v>
      </c>
      <c r="AA15414" s="5"/>
      <c r="AB15414" s="5" t="s">
        <v>43</v>
      </c>
      <c r="AC15414" s="5" t="s">
        <v>44</v>
      </c>
      <c r="AD15414" s="2"/>
      <c r="AE15414" s="1"/>
    </row>
    <row r="15415" spans="1:31" ht="14.45">
      <c r="A15415" s="11"/>
      <c r="B15415" s="20"/>
      <c r="C15415" s="2" t="s">
        <v>47199</v>
      </c>
      <c r="D15415" s="14" t="s">
        <v>47200</v>
      </c>
      <c r="E15415" s="2" t="s">
        <v>47201</v>
      </c>
      <c r="F15415" s="2" t="s">
        <v>7204</v>
      </c>
      <c r="G15415" s="8">
        <v>228</v>
      </c>
      <c r="H15415" s="5">
        <v>6</v>
      </c>
      <c r="I15415" s="5" t="s">
        <v>1518</v>
      </c>
      <c r="J15415" s="5" t="s">
        <v>40939</v>
      </c>
      <c r="K15415" s="2" t="s">
        <v>40940</v>
      </c>
      <c r="L15415" s="5" t="s">
        <v>40939</v>
      </c>
      <c r="M15415" s="2" t="s">
        <v>40940</v>
      </c>
      <c r="N15415" s="5" t="s">
        <v>36266</v>
      </c>
      <c r="O15415" s="5" t="s">
        <v>38</v>
      </c>
      <c r="P15415" s="5" t="s">
        <v>39</v>
      </c>
      <c r="Q15415" s="5" t="s">
        <v>40</v>
      </c>
      <c r="R15415" s="5" t="s">
        <v>1522</v>
      </c>
      <c r="S15415" s="5" t="s">
        <v>1523</v>
      </c>
      <c r="T15415" s="5" t="s">
        <v>42</v>
      </c>
      <c r="U15415" s="2">
        <v>1.958</v>
      </c>
      <c r="V15415" s="2">
        <v>1.498</v>
      </c>
      <c r="W15415" s="2">
        <v>0.01</v>
      </c>
      <c r="X15415" s="2">
        <v>76.900000000000006</v>
      </c>
      <c r="Y15415" s="2">
        <v>7.6</v>
      </c>
      <c r="Z15415" s="2">
        <v>16.7</v>
      </c>
      <c r="AA15415" s="5"/>
      <c r="AB15415" s="5" t="s">
        <v>43</v>
      </c>
      <c r="AC15415" s="5" t="s">
        <v>44</v>
      </c>
      <c r="AD15415" s="2"/>
      <c r="AE15415" s="1"/>
    </row>
    <row r="15416" spans="1:31" ht="14.45">
      <c r="A15416" s="11"/>
      <c r="B15416" s="20"/>
      <c r="C15416" s="2" t="s">
        <v>47202</v>
      </c>
      <c r="D15416" s="14" t="s">
        <v>47203</v>
      </c>
      <c r="E15416" s="2" t="s">
        <v>47204</v>
      </c>
      <c r="F15416" s="2" t="s">
        <v>7514</v>
      </c>
      <c r="G15416" s="8">
        <v>228</v>
      </c>
      <c r="H15416" s="5">
        <v>6</v>
      </c>
      <c r="I15416" s="5" t="s">
        <v>1518</v>
      </c>
      <c r="J15416" s="5" t="s">
        <v>40939</v>
      </c>
      <c r="K15416" s="2" t="s">
        <v>40940</v>
      </c>
      <c r="L15416" s="5" t="s">
        <v>40939</v>
      </c>
      <c r="M15416" s="2" t="s">
        <v>40940</v>
      </c>
      <c r="N15416" s="5" t="s">
        <v>36266</v>
      </c>
      <c r="O15416" s="5" t="s">
        <v>38</v>
      </c>
      <c r="P15416" s="5" t="s">
        <v>39</v>
      </c>
      <c r="Q15416" s="5" t="s">
        <v>40</v>
      </c>
      <c r="R15416" s="5" t="s">
        <v>1522</v>
      </c>
      <c r="S15416" s="5" t="s">
        <v>1523</v>
      </c>
      <c r="T15416" s="5" t="s">
        <v>42</v>
      </c>
      <c r="U15416" s="2">
        <v>2.008</v>
      </c>
      <c r="V15416" s="2">
        <v>1.548</v>
      </c>
      <c r="W15416" s="2">
        <v>0.01</v>
      </c>
      <c r="X15416" s="2">
        <v>76.900000000000006</v>
      </c>
      <c r="Y15416" s="2">
        <v>7.6</v>
      </c>
      <c r="Z15416" s="2">
        <v>16.7</v>
      </c>
      <c r="AA15416" s="5"/>
      <c r="AB15416" s="5" t="s">
        <v>43</v>
      </c>
      <c r="AC15416" s="5" t="s">
        <v>44</v>
      </c>
      <c r="AD15416" s="2"/>
      <c r="AE15416" s="1"/>
    </row>
    <row r="15417" spans="1:31" ht="14.45">
      <c r="A15417" s="11"/>
      <c r="B15417" s="20"/>
      <c r="C15417" s="2" t="s">
        <v>47205</v>
      </c>
      <c r="D15417" s="14" t="s">
        <v>47206</v>
      </c>
      <c r="E15417" s="2" t="s">
        <v>47207</v>
      </c>
      <c r="F15417" s="2" t="s">
        <v>47195</v>
      </c>
      <c r="G15417" s="8">
        <v>242</v>
      </c>
      <c r="H15417" s="5">
        <v>6</v>
      </c>
      <c r="I15417" s="5" t="s">
        <v>1518</v>
      </c>
      <c r="J15417" s="5" t="s">
        <v>40939</v>
      </c>
      <c r="K15417" s="2" t="s">
        <v>40940</v>
      </c>
      <c r="L15417" s="5" t="s">
        <v>40939</v>
      </c>
      <c r="M15417" s="2" t="s">
        <v>40940</v>
      </c>
      <c r="N15417" s="5" t="s">
        <v>36266</v>
      </c>
      <c r="O15417" s="5" t="s">
        <v>38</v>
      </c>
      <c r="P15417" s="5" t="s">
        <v>39</v>
      </c>
      <c r="Q15417" s="5" t="s">
        <v>40</v>
      </c>
      <c r="R15417" s="5" t="s">
        <v>1522</v>
      </c>
      <c r="S15417" s="5" t="s">
        <v>1523</v>
      </c>
      <c r="T15417" s="5" t="s">
        <v>42</v>
      </c>
      <c r="U15417" s="2">
        <v>2.0139999999999998</v>
      </c>
      <c r="V15417" s="2">
        <v>1.554</v>
      </c>
      <c r="W15417" s="2">
        <v>0.01</v>
      </c>
      <c r="X15417" s="2">
        <v>76.900000000000006</v>
      </c>
      <c r="Y15417" s="2">
        <v>7.6</v>
      </c>
      <c r="Z15417" s="2">
        <v>16.7</v>
      </c>
      <c r="AA15417" s="5"/>
      <c r="AB15417" s="5" t="s">
        <v>43</v>
      </c>
      <c r="AC15417" s="5" t="s">
        <v>44</v>
      </c>
      <c r="AD15417" s="2"/>
      <c r="AE15417" s="1"/>
    </row>
    <row r="15418" spans="1:31" ht="14.45">
      <c r="A15418" s="11"/>
      <c r="B15418" s="20"/>
      <c r="C15418" s="2" t="s">
        <v>47208</v>
      </c>
      <c r="D15418" s="14" t="s">
        <v>47209</v>
      </c>
      <c r="E15418" s="2" t="s">
        <v>47210</v>
      </c>
      <c r="F15418" s="2" t="s">
        <v>7208</v>
      </c>
      <c r="G15418" s="8">
        <v>228</v>
      </c>
      <c r="H15418" s="5">
        <v>6</v>
      </c>
      <c r="I15418" s="5" t="s">
        <v>1518</v>
      </c>
      <c r="J15418" s="5" t="s">
        <v>40939</v>
      </c>
      <c r="K15418" s="2" t="s">
        <v>40940</v>
      </c>
      <c r="L15418" s="5" t="s">
        <v>40939</v>
      </c>
      <c r="M15418" s="2" t="s">
        <v>40940</v>
      </c>
      <c r="N15418" s="5" t="s">
        <v>36266</v>
      </c>
      <c r="O15418" s="5" t="s">
        <v>38</v>
      </c>
      <c r="P15418" s="5" t="s">
        <v>39</v>
      </c>
      <c r="Q15418" s="5" t="s">
        <v>40</v>
      </c>
      <c r="R15418" s="5" t="s">
        <v>1522</v>
      </c>
      <c r="S15418" s="5" t="s">
        <v>1523</v>
      </c>
      <c r="T15418" s="5" t="s">
        <v>42</v>
      </c>
      <c r="U15418" s="2">
        <v>1.9670000000000001</v>
      </c>
      <c r="V15418" s="2">
        <v>1.5069999999999999</v>
      </c>
      <c r="W15418" s="2">
        <v>0.01</v>
      </c>
      <c r="X15418" s="2">
        <v>76.900000000000006</v>
      </c>
      <c r="Y15418" s="2">
        <v>7.6</v>
      </c>
      <c r="Z15418" s="2">
        <v>16.7</v>
      </c>
      <c r="AA15418" s="5"/>
      <c r="AB15418" s="5" t="s">
        <v>43</v>
      </c>
      <c r="AC15418" s="5" t="s">
        <v>44</v>
      </c>
      <c r="AD15418" s="2"/>
      <c r="AE15418" s="1"/>
    </row>
    <row r="15419" spans="1:31" ht="14.45">
      <c r="A15419" s="11"/>
      <c r="B15419" s="20"/>
      <c r="C15419" s="2" t="s">
        <v>47211</v>
      </c>
      <c r="D15419" s="14" t="s">
        <v>47212</v>
      </c>
      <c r="E15419" s="2" t="s">
        <v>47213</v>
      </c>
      <c r="F15419" s="2" t="s">
        <v>7521</v>
      </c>
      <c r="G15419" s="8">
        <v>228</v>
      </c>
      <c r="H15419" s="5">
        <v>6</v>
      </c>
      <c r="I15419" s="5" t="s">
        <v>1518</v>
      </c>
      <c r="J15419" s="5" t="s">
        <v>40939</v>
      </c>
      <c r="K15419" s="2" t="s">
        <v>40940</v>
      </c>
      <c r="L15419" s="5" t="s">
        <v>40939</v>
      </c>
      <c r="M15419" s="2" t="s">
        <v>40940</v>
      </c>
      <c r="N15419" s="5" t="s">
        <v>36266</v>
      </c>
      <c r="O15419" s="5" t="s">
        <v>38</v>
      </c>
      <c r="P15419" s="5" t="s">
        <v>39</v>
      </c>
      <c r="Q15419" s="5" t="s">
        <v>40</v>
      </c>
      <c r="R15419" s="5" t="s">
        <v>1522</v>
      </c>
      <c r="S15419" s="5" t="s">
        <v>1523</v>
      </c>
      <c r="T15419" s="5" t="s">
        <v>42</v>
      </c>
      <c r="U15419" s="2">
        <v>2.0169999999999999</v>
      </c>
      <c r="V15419" s="2">
        <v>1.5569999999999999</v>
      </c>
      <c r="W15419" s="2">
        <v>0.01</v>
      </c>
      <c r="X15419" s="2">
        <v>76.900000000000006</v>
      </c>
      <c r="Y15419" s="2">
        <v>7.6</v>
      </c>
      <c r="Z15419" s="2">
        <v>16.7</v>
      </c>
      <c r="AA15419" s="5"/>
      <c r="AB15419" s="5" t="s">
        <v>43</v>
      </c>
      <c r="AC15419" s="5" t="s">
        <v>44</v>
      </c>
      <c r="AD15419" s="2"/>
      <c r="AE15419" s="1"/>
    </row>
    <row r="15420" spans="1:31" ht="14.45">
      <c r="A15420" s="11"/>
      <c r="B15420" s="20"/>
      <c r="C15420" s="2" t="s">
        <v>47214</v>
      </c>
      <c r="D15420" s="14" t="s">
        <v>47215</v>
      </c>
      <c r="E15420" s="2" t="s">
        <v>47216</v>
      </c>
      <c r="F15420" s="2" t="s">
        <v>36273</v>
      </c>
      <c r="G15420" s="8">
        <v>228</v>
      </c>
      <c r="H15420" s="5">
        <v>6</v>
      </c>
      <c r="I15420" s="5" t="s">
        <v>1518</v>
      </c>
      <c r="J15420" s="5" t="s">
        <v>40939</v>
      </c>
      <c r="K15420" s="2" t="s">
        <v>40940</v>
      </c>
      <c r="L15420" s="5" t="s">
        <v>40939</v>
      </c>
      <c r="M15420" s="2" t="s">
        <v>40940</v>
      </c>
      <c r="N15420" s="5" t="s">
        <v>36266</v>
      </c>
      <c r="O15420" s="5" t="s">
        <v>38</v>
      </c>
      <c r="P15420" s="5" t="s">
        <v>39</v>
      </c>
      <c r="Q15420" s="5" t="s">
        <v>40</v>
      </c>
      <c r="R15420" s="5" t="s">
        <v>1522</v>
      </c>
      <c r="S15420" s="5" t="s">
        <v>1523</v>
      </c>
      <c r="T15420" s="5" t="s">
        <v>42</v>
      </c>
      <c r="U15420" s="2">
        <v>1.9730000000000001</v>
      </c>
      <c r="V15420" s="2">
        <v>1.5129999999999999</v>
      </c>
      <c r="W15420" s="2">
        <v>0.01</v>
      </c>
      <c r="X15420" s="2">
        <v>76.900000000000006</v>
      </c>
      <c r="Y15420" s="2">
        <v>7.6</v>
      </c>
      <c r="Z15420" s="2">
        <v>16.7</v>
      </c>
      <c r="AA15420" s="5"/>
      <c r="AB15420" s="5" t="s">
        <v>43</v>
      </c>
      <c r="AC15420" s="5" t="s">
        <v>44</v>
      </c>
      <c r="AD15420" s="2"/>
      <c r="AE15420" s="1"/>
    </row>
    <row r="15421" spans="1:31" ht="14.45">
      <c r="A15421" s="11"/>
      <c r="B15421" s="20"/>
      <c r="C15421" s="2" t="s">
        <v>47217</v>
      </c>
      <c r="D15421" s="14" t="s">
        <v>47218</v>
      </c>
      <c r="E15421" s="2" t="s">
        <v>47219</v>
      </c>
      <c r="F15421" s="2" t="s">
        <v>36277</v>
      </c>
      <c r="G15421" s="8">
        <v>228</v>
      </c>
      <c r="H15421" s="5">
        <v>6</v>
      </c>
      <c r="I15421" s="5" t="s">
        <v>1518</v>
      </c>
      <c r="J15421" s="5" t="s">
        <v>40939</v>
      </c>
      <c r="K15421" s="2" t="s">
        <v>40940</v>
      </c>
      <c r="L15421" s="5" t="s">
        <v>40939</v>
      </c>
      <c r="M15421" s="2" t="s">
        <v>40940</v>
      </c>
      <c r="N15421" s="5" t="s">
        <v>36266</v>
      </c>
      <c r="O15421" s="5" t="s">
        <v>38</v>
      </c>
      <c r="P15421" s="5" t="s">
        <v>39</v>
      </c>
      <c r="Q15421" s="5" t="s">
        <v>40</v>
      </c>
      <c r="R15421" s="5" t="s">
        <v>1522</v>
      </c>
      <c r="S15421" s="5" t="s">
        <v>1523</v>
      </c>
      <c r="T15421" s="5" t="s">
        <v>42</v>
      </c>
      <c r="U15421" s="2">
        <v>2.0230000000000001</v>
      </c>
      <c r="V15421" s="2">
        <v>1.5629999999999999</v>
      </c>
      <c r="W15421" s="2">
        <v>0.01</v>
      </c>
      <c r="X15421" s="2">
        <v>76.900000000000006</v>
      </c>
      <c r="Y15421" s="2">
        <v>7.6</v>
      </c>
      <c r="Z15421" s="2">
        <v>16.7</v>
      </c>
      <c r="AA15421" s="5"/>
      <c r="AB15421" s="5" t="s">
        <v>43</v>
      </c>
      <c r="AC15421" s="5" t="s">
        <v>44</v>
      </c>
      <c r="AD15421" s="2"/>
      <c r="AE15421" s="1"/>
    </row>
    <row r="15422" spans="1:31" ht="14.45">
      <c r="A15422" s="11"/>
      <c r="B15422" s="20"/>
      <c r="C15422" s="2" t="s">
        <v>47220</v>
      </c>
      <c r="D15422" s="14" t="s">
        <v>47221</v>
      </c>
      <c r="E15422" s="2" t="s">
        <v>47222</v>
      </c>
      <c r="F15422" s="2" t="s">
        <v>40971</v>
      </c>
      <c r="G15422" s="8">
        <v>242</v>
      </c>
      <c r="H15422" s="5">
        <v>6</v>
      </c>
      <c r="I15422" s="5" t="s">
        <v>1518</v>
      </c>
      <c r="J15422" s="5" t="s">
        <v>40939</v>
      </c>
      <c r="K15422" s="2" t="s">
        <v>40940</v>
      </c>
      <c r="L15422" s="5" t="s">
        <v>40939</v>
      </c>
      <c r="M15422" s="2" t="s">
        <v>40940</v>
      </c>
      <c r="N15422" s="5" t="s">
        <v>36266</v>
      </c>
      <c r="O15422" s="5" t="s">
        <v>38</v>
      </c>
      <c r="P15422" s="5" t="s">
        <v>39</v>
      </c>
      <c r="Q15422" s="5" t="s">
        <v>40</v>
      </c>
      <c r="R15422" s="5" t="s">
        <v>1522</v>
      </c>
      <c r="S15422" s="5" t="s">
        <v>1523</v>
      </c>
      <c r="T15422" s="5" t="s">
        <v>42</v>
      </c>
      <c r="U15422" s="2">
        <v>2.0169999999999999</v>
      </c>
      <c r="V15422" s="2">
        <v>1.5569999999999999</v>
      </c>
      <c r="W15422" s="2">
        <v>0.01</v>
      </c>
      <c r="X15422" s="2">
        <v>76.900000000000006</v>
      </c>
      <c r="Y15422" s="2">
        <v>7.6</v>
      </c>
      <c r="Z15422" s="2">
        <v>16.7</v>
      </c>
      <c r="AA15422" s="5"/>
      <c r="AB15422" s="5" t="s">
        <v>43</v>
      </c>
      <c r="AC15422" s="5" t="s">
        <v>44</v>
      </c>
      <c r="AD15422" s="2"/>
      <c r="AE15422" s="1"/>
    </row>
    <row r="15423" spans="1:31" ht="14.45">
      <c r="A15423" s="11"/>
      <c r="B15423" s="20"/>
      <c r="C15423" s="2" t="s">
        <v>47223</v>
      </c>
      <c r="D15423" s="14" t="s">
        <v>47224</v>
      </c>
      <c r="E15423" s="2" t="s">
        <v>47225</v>
      </c>
      <c r="F15423" s="2" t="s">
        <v>47226</v>
      </c>
      <c r="G15423" s="8">
        <v>242</v>
      </c>
      <c r="H15423" s="5">
        <v>6</v>
      </c>
      <c r="I15423" s="5" t="s">
        <v>1518</v>
      </c>
      <c r="J15423" s="5" t="s">
        <v>40939</v>
      </c>
      <c r="K15423" s="2" t="s">
        <v>40940</v>
      </c>
      <c r="L15423" s="5" t="s">
        <v>40939</v>
      </c>
      <c r="M15423" s="2" t="s">
        <v>40940</v>
      </c>
      <c r="N15423" s="5" t="s">
        <v>36266</v>
      </c>
      <c r="O15423" s="5" t="s">
        <v>38</v>
      </c>
      <c r="P15423" s="5" t="s">
        <v>39</v>
      </c>
      <c r="Q15423" s="5" t="s">
        <v>40</v>
      </c>
      <c r="R15423" s="5" t="s">
        <v>1522</v>
      </c>
      <c r="S15423" s="5" t="s">
        <v>1523</v>
      </c>
      <c r="T15423" s="5" t="s">
        <v>42</v>
      </c>
      <c r="U15423" s="2">
        <v>1.9670000000000001</v>
      </c>
      <c r="V15423" s="2">
        <v>1.5069999999999999</v>
      </c>
      <c r="W15423" s="2">
        <v>0.01</v>
      </c>
      <c r="X15423" s="2">
        <v>76.900000000000006</v>
      </c>
      <c r="Y15423" s="2">
        <v>7.6</v>
      </c>
      <c r="Z15423" s="2">
        <v>16.7</v>
      </c>
      <c r="AA15423" s="5"/>
      <c r="AB15423" s="5" t="s">
        <v>43</v>
      </c>
      <c r="AC15423" s="5" t="s">
        <v>44</v>
      </c>
      <c r="AD15423" s="2"/>
      <c r="AE15423" s="1"/>
    </row>
    <row r="15424" spans="1:31" ht="14.45">
      <c r="A15424" s="11"/>
      <c r="B15424" s="20"/>
      <c r="C15424" s="2" t="s">
        <v>47227</v>
      </c>
      <c r="D15424" s="14" t="s">
        <v>47228</v>
      </c>
      <c r="E15424" s="2" t="s">
        <v>47229</v>
      </c>
      <c r="F15424" s="2" t="s">
        <v>7539</v>
      </c>
      <c r="G15424" s="8">
        <v>242</v>
      </c>
      <c r="H15424" s="5">
        <v>6</v>
      </c>
      <c r="I15424" s="5" t="s">
        <v>1518</v>
      </c>
      <c r="J15424" s="5" t="s">
        <v>40939</v>
      </c>
      <c r="K15424" s="2" t="s">
        <v>40940</v>
      </c>
      <c r="L15424" s="5" t="s">
        <v>40939</v>
      </c>
      <c r="M15424" s="2" t="s">
        <v>40940</v>
      </c>
      <c r="N15424" s="5" t="s">
        <v>36266</v>
      </c>
      <c r="O15424" s="5" t="s">
        <v>38</v>
      </c>
      <c r="P15424" s="5" t="s">
        <v>39</v>
      </c>
      <c r="Q15424" s="5" t="s">
        <v>40</v>
      </c>
      <c r="R15424" s="5" t="s">
        <v>1522</v>
      </c>
      <c r="S15424" s="5" t="s">
        <v>1523</v>
      </c>
      <c r="T15424" s="5" t="s">
        <v>42</v>
      </c>
      <c r="U15424" s="2">
        <v>1.9510000000000001</v>
      </c>
      <c r="V15424" s="2">
        <v>1.4910000000000001</v>
      </c>
      <c r="W15424" s="2">
        <v>0.01</v>
      </c>
      <c r="X15424" s="2">
        <v>76.900000000000006</v>
      </c>
      <c r="Y15424" s="2">
        <v>7.6</v>
      </c>
      <c r="Z15424" s="2">
        <v>16.7</v>
      </c>
      <c r="AA15424" s="5"/>
      <c r="AB15424" s="5" t="s">
        <v>43</v>
      </c>
      <c r="AC15424" s="5" t="s">
        <v>44</v>
      </c>
      <c r="AD15424" s="2"/>
      <c r="AE15424" s="1"/>
    </row>
    <row r="15425" spans="1:31" ht="14.45">
      <c r="A15425" s="11"/>
      <c r="B15425" s="20"/>
      <c r="C15425" s="2" t="s">
        <v>47230</v>
      </c>
      <c r="D15425" s="14" t="s">
        <v>47231</v>
      </c>
      <c r="E15425" s="2" t="s">
        <v>47232</v>
      </c>
      <c r="F15425" s="2" t="s">
        <v>40989</v>
      </c>
      <c r="G15425" s="8">
        <v>242</v>
      </c>
      <c r="H15425" s="5">
        <v>6</v>
      </c>
      <c r="I15425" s="5" t="s">
        <v>1518</v>
      </c>
      <c r="J15425" s="5" t="s">
        <v>40939</v>
      </c>
      <c r="K15425" s="2" t="s">
        <v>40940</v>
      </c>
      <c r="L15425" s="5" t="s">
        <v>40939</v>
      </c>
      <c r="M15425" s="2" t="s">
        <v>40940</v>
      </c>
      <c r="N15425" s="5" t="s">
        <v>36266</v>
      </c>
      <c r="O15425" s="5" t="s">
        <v>38</v>
      </c>
      <c r="P15425" s="5" t="s">
        <v>39</v>
      </c>
      <c r="Q15425" s="5" t="s">
        <v>40</v>
      </c>
      <c r="R15425" s="5" t="s">
        <v>1522</v>
      </c>
      <c r="S15425" s="5" t="s">
        <v>1523</v>
      </c>
      <c r="T15425" s="5" t="s">
        <v>42</v>
      </c>
      <c r="U15425" s="2">
        <v>1.9670000000000001</v>
      </c>
      <c r="V15425" s="2">
        <v>1.5069999999999999</v>
      </c>
      <c r="W15425" s="2">
        <v>0.01</v>
      </c>
      <c r="X15425" s="2">
        <v>76.900000000000006</v>
      </c>
      <c r="Y15425" s="2">
        <v>7.6</v>
      </c>
      <c r="Z15425" s="2">
        <v>16.7</v>
      </c>
      <c r="AA15425" s="5"/>
      <c r="AB15425" s="5" t="s">
        <v>43</v>
      </c>
      <c r="AC15425" s="5" t="s">
        <v>44</v>
      </c>
      <c r="AD15425" s="2"/>
      <c r="AE15425" s="1"/>
    </row>
    <row r="15426" spans="1:31" ht="14.45">
      <c r="A15426" s="11"/>
      <c r="B15426" s="20"/>
      <c r="C15426" s="2" t="s">
        <v>47233</v>
      </c>
      <c r="D15426" s="14" t="s">
        <v>47234</v>
      </c>
      <c r="E15426" s="2" t="s">
        <v>47235</v>
      </c>
      <c r="F15426" s="2" t="s">
        <v>40993</v>
      </c>
      <c r="G15426" s="8">
        <v>242</v>
      </c>
      <c r="H15426" s="5">
        <v>6</v>
      </c>
      <c r="I15426" s="5" t="s">
        <v>1518</v>
      </c>
      <c r="J15426" s="5" t="s">
        <v>40939</v>
      </c>
      <c r="K15426" s="2" t="s">
        <v>40940</v>
      </c>
      <c r="L15426" s="5" t="s">
        <v>40939</v>
      </c>
      <c r="M15426" s="2" t="s">
        <v>40940</v>
      </c>
      <c r="N15426" s="5" t="s">
        <v>36266</v>
      </c>
      <c r="O15426" s="5" t="s">
        <v>38</v>
      </c>
      <c r="P15426" s="5" t="s">
        <v>39</v>
      </c>
      <c r="Q15426" s="5" t="s">
        <v>40</v>
      </c>
      <c r="R15426" s="5" t="s">
        <v>1522</v>
      </c>
      <c r="S15426" s="5" t="s">
        <v>1523</v>
      </c>
      <c r="T15426" s="5" t="s">
        <v>42</v>
      </c>
      <c r="U15426" s="2">
        <v>2.0169999999999999</v>
      </c>
      <c r="V15426" s="2">
        <v>1.5569999999999999</v>
      </c>
      <c r="W15426" s="2">
        <v>0.01</v>
      </c>
      <c r="X15426" s="2">
        <v>76.900000000000006</v>
      </c>
      <c r="Y15426" s="2">
        <v>7.6</v>
      </c>
      <c r="Z15426" s="2">
        <v>16.7</v>
      </c>
      <c r="AA15426" s="5"/>
      <c r="AB15426" s="5" t="s">
        <v>43</v>
      </c>
      <c r="AC15426" s="5" t="s">
        <v>44</v>
      </c>
      <c r="AD15426" s="2"/>
      <c r="AE15426" s="1"/>
    </row>
    <row r="15427" spans="1:31" ht="14.45">
      <c r="A15427" s="11"/>
      <c r="B15427" s="20"/>
      <c r="C15427" s="2" t="s">
        <v>47236</v>
      </c>
      <c r="D15427" s="14" t="s">
        <v>47237</v>
      </c>
      <c r="E15427" s="2" t="s">
        <v>47238</v>
      </c>
      <c r="F15427" s="2" t="s">
        <v>40997</v>
      </c>
      <c r="G15427" s="8">
        <v>242</v>
      </c>
      <c r="H15427" s="5">
        <v>6</v>
      </c>
      <c r="I15427" s="5" t="s">
        <v>1518</v>
      </c>
      <c r="J15427" s="5" t="s">
        <v>40939</v>
      </c>
      <c r="K15427" s="2" t="s">
        <v>40940</v>
      </c>
      <c r="L15427" s="5" t="s">
        <v>40939</v>
      </c>
      <c r="M15427" s="2" t="s">
        <v>40940</v>
      </c>
      <c r="N15427" s="5" t="s">
        <v>36266</v>
      </c>
      <c r="O15427" s="5" t="s">
        <v>38</v>
      </c>
      <c r="P15427" s="5" t="s">
        <v>39</v>
      </c>
      <c r="Q15427" s="5" t="s">
        <v>40</v>
      </c>
      <c r="R15427" s="5" t="s">
        <v>1522</v>
      </c>
      <c r="S15427" s="5" t="s">
        <v>1523</v>
      </c>
      <c r="T15427" s="5" t="s">
        <v>42</v>
      </c>
      <c r="U15427" s="2">
        <v>1.9550000000000001</v>
      </c>
      <c r="V15427" s="2">
        <v>1.4950000000000001</v>
      </c>
      <c r="W15427" s="2">
        <v>0.01</v>
      </c>
      <c r="X15427" s="2">
        <v>76.900000000000006</v>
      </c>
      <c r="Y15427" s="2">
        <v>7.6</v>
      </c>
      <c r="Z15427" s="2">
        <v>16.7</v>
      </c>
      <c r="AA15427" s="5"/>
      <c r="AB15427" s="5" t="s">
        <v>43</v>
      </c>
      <c r="AC15427" s="5" t="s">
        <v>44</v>
      </c>
      <c r="AD15427" s="2"/>
      <c r="AE15427" s="1"/>
    </row>
    <row r="15428" spans="1:31" ht="14.45">
      <c r="A15428" s="11"/>
      <c r="B15428" s="20"/>
      <c r="C15428" s="2" t="s">
        <v>47239</v>
      </c>
      <c r="D15428" s="14" t="s">
        <v>47240</v>
      </c>
      <c r="E15428" s="2" t="s">
        <v>47241</v>
      </c>
      <c r="F15428" s="2" t="s">
        <v>41001</v>
      </c>
      <c r="G15428" s="8">
        <v>242</v>
      </c>
      <c r="H15428" s="5">
        <v>6</v>
      </c>
      <c r="I15428" s="5" t="s">
        <v>1518</v>
      </c>
      <c r="J15428" s="5" t="s">
        <v>40939</v>
      </c>
      <c r="K15428" s="2" t="s">
        <v>40940</v>
      </c>
      <c r="L15428" s="5" t="s">
        <v>40939</v>
      </c>
      <c r="M15428" s="2" t="s">
        <v>40940</v>
      </c>
      <c r="N15428" s="5" t="s">
        <v>36266</v>
      </c>
      <c r="O15428" s="5" t="s">
        <v>38</v>
      </c>
      <c r="P15428" s="5" t="s">
        <v>39</v>
      </c>
      <c r="Q15428" s="5" t="s">
        <v>40</v>
      </c>
      <c r="R15428" s="5" t="s">
        <v>1522</v>
      </c>
      <c r="S15428" s="5" t="s">
        <v>1523</v>
      </c>
      <c r="T15428" s="5" t="s">
        <v>42</v>
      </c>
      <c r="U15428" s="2">
        <v>1.9670000000000001</v>
      </c>
      <c r="V15428" s="2">
        <v>1.5069999999999999</v>
      </c>
      <c r="W15428" s="2">
        <v>0.01</v>
      </c>
      <c r="X15428" s="2">
        <v>76.900000000000006</v>
      </c>
      <c r="Y15428" s="2">
        <v>7.6</v>
      </c>
      <c r="Z15428" s="2">
        <v>16.7</v>
      </c>
      <c r="AA15428" s="5"/>
      <c r="AB15428" s="5" t="s">
        <v>43</v>
      </c>
      <c r="AC15428" s="5" t="s">
        <v>44</v>
      </c>
      <c r="AD15428" s="2"/>
      <c r="AE15428" s="1"/>
    </row>
    <row r="15429" spans="1:31" ht="14.45">
      <c r="A15429" s="11"/>
      <c r="B15429" s="20"/>
      <c r="C15429" s="2" t="s">
        <v>47242</v>
      </c>
      <c r="D15429" s="14" t="s">
        <v>47243</v>
      </c>
      <c r="E15429" s="2" t="s">
        <v>47244</v>
      </c>
      <c r="F15429" s="2" t="s">
        <v>7396</v>
      </c>
      <c r="G15429" s="8">
        <v>228</v>
      </c>
      <c r="H15429" s="5">
        <v>6</v>
      </c>
      <c r="I15429" s="5" t="s">
        <v>1518</v>
      </c>
      <c r="J15429" s="5" t="s">
        <v>40939</v>
      </c>
      <c r="K15429" s="2" t="s">
        <v>40940</v>
      </c>
      <c r="L15429" s="5" t="s">
        <v>40939</v>
      </c>
      <c r="M15429" s="2" t="s">
        <v>40940</v>
      </c>
      <c r="N15429" s="5" t="s">
        <v>36266</v>
      </c>
      <c r="O15429" s="5" t="s">
        <v>38</v>
      </c>
      <c r="P15429" s="5" t="s">
        <v>39</v>
      </c>
      <c r="Q15429" s="5" t="s">
        <v>40</v>
      </c>
      <c r="R15429" s="5" t="s">
        <v>1522</v>
      </c>
      <c r="S15429" s="5" t="s">
        <v>1523</v>
      </c>
      <c r="T15429" s="5" t="s">
        <v>42</v>
      </c>
      <c r="U15429" s="2">
        <v>1.97</v>
      </c>
      <c r="V15429" s="2">
        <v>1.51</v>
      </c>
      <c r="W15429" s="2">
        <v>0.01</v>
      </c>
      <c r="X15429" s="2">
        <v>76.900000000000006</v>
      </c>
      <c r="Y15429" s="2">
        <v>7.6</v>
      </c>
      <c r="Z15429" s="2">
        <v>16.7</v>
      </c>
      <c r="AA15429" s="5"/>
      <c r="AB15429" s="5" t="s">
        <v>43</v>
      </c>
      <c r="AC15429" s="5" t="s">
        <v>44</v>
      </c>
      <c r="AD15429" s="2"/>
      <c r="AE15429" s="1"/>
    </row>
    <row r="15430" spans="1:31" ht="14.45">
      <c r="A15430" s="11"/>
      <c r="B15430" s="20"/>
      <c r="C15430" s="2" t="s">
        <v>47245</v>
      </c>
      <c r="D15430" s="14" t="s">
        <v>47246</v>
      </c>
      <c r="E15430" s="2" t="s">
        <v>47247</v>
      </c>
      <c r="F15430" s="2" t="s">
        <v>41023</v>
      </c>
      <c r="G15430" s="8">
        <v>242</v>
      </c>
      <c r="H15430" s="5">
        <v>6</v>
      </c>
      <c r="I15430" s="5" t="s">
        <v>1518</v>
      </c>
      <c r="J15430" s="5" t="s">
        <v>40939</v>
      </c>
      <c r="K15430" s="2" t="s">
        <v>40940</v>
      </c>
      <c r="L15430" s="5" t="s">
        <v>40939</v>
      </c>
      <c r="M15430" s="2" t="s">
        <v>40940</v>
      </c>
      <c r="N15430" s="5" t="s">
        <v>36266</v>
      </c>
      <c r="O15430" s="5" t="s">
        <v>38</v>
      </c>
      <c r="P15430" s="5" t="s">
        <v>39</v>
      </c>
      <c r="Q15430" s="5" t="s">
        <v>40</v>
      </c>
      <c r="R15430" s="5" t="s">
        <v>1522</v>
      </c>
      <c r="S15430" s="5" t="s">
        <v>1523</v>
      </c>
      <c r="T15430" s="5" t="s">
        <v>42</v>
      </c>
      <c r="U15430" s="2">
        <v>1.9550000000000001</v>
      </c>
      <c r="V15430" s="2">
        <v>1.4950000000000001</v>
      </c>
      <c r="W15430" s="2">
        <v>0.01</v>
      </c>
      <c r="X15430" s="2">
        <v>76.900000000000006</v>
      </c>
      <c r="Y15430" s="2">
        <v>7.6</v>
      </c>
      <c r="Z15430" s="2">
        <v>16.7</v>
      </c>
      <c r="AA15430" s="5"/>
      <c r="AB15430" s="5" t="s">
        <v>43</v>
      </c>
      <c r="AC15430" s="5" t="s">
        <v>44</v>
      </c>
      <c r="AD15430" s="2"/>
      <c r="AE15430" s="1"/>
    </row>
    <row r="15431" spans="1:31" ht="14.45">
      <c r="A15431" s="11"/>
      <c r="B15431" s="20"/>
      <c r="C15431" s="2" t="s">
        <v>47248</v>
      </c>
      <c r="D15431" s="14" t="s">
        <v>47249</v>
      </c>
      <c r="E15431" s="2" t="s">
        <v>47250</v>
      </c>
      <c r="F15431" s="2" t="s">
        <v>41035</v>
      </c>
      <c r="G15431" s="8">
        <v>242</v>
      </c>
      <c r="H15431" s="5">
        <v>6</v>
      </c>
      <c r="I15431" s="5" t="s">
        <v>1518</v>
      </c>
      <c r="J15431" s="5" t="s">
        <v>40939</v>
      </c>
      <c r="K15431" s="2" t="s">
        <v>40940</v>
      </c>
      <c r="L15431" s="5" t="s">
        <v>40939</v>
      </c>
      <c r="M15431" s="2" t="s">
        <v>40940</v>
      </c>
      <c r="N15431" s="5" t="s">
        <v>36266</v>
      </c>
      <c r="O15431" s="5" t="s">
        <v>38</v>
      </c>
      <c r="P15431" s="5" t="s">
        <v>39</v>
      </c>
      <c r="Q15431" s="5" t="s">
        <v>40</v>
      </c>
      <c r="R15431" s="5" t="s">
        <v>1522</v>
      </c>
      <c r="S15431" s="5" t="s">
        <v>1523</v>
      </c>
      <c r="T15431" s="5" t="s">
        <v>42</v>
      </c>
      <c r="U15431" s="2">
        <v>2.0049999999999999</v>
      </c>
      <c r="V15431" s="2">
        <v>1.5449999999999999</v>
      </c>
      <c r="W15431" s="2">
        <v>0.01</v>
      </c>
      <c r="X15431" s="2">
        <v>76.900000000000006</v>
      </c>
      <c r="Y15431" s="2">
        <v>7.6</v>
      </c>
      <c r="Z15431" s="2">
        <v>16.7</v>
      </c>
      <c r="AA15431" s="5"/>
      <c r="AB15431" s="5" t="s">
        <v>43</v>
      </c>
      <c r="AC15431" s="5" t="s">
        <v>44</v>
      </c>
      <c r="AD15431" s="2"/>
      <c r="AE15431" s="1"/>
    </row>
    <row r="15432" spans="1:31" ht="14.45">
      <c r="A15432" s="11"/>
      <c r="B15432" s="20"/>
      <c r="C15432" s="2" t="s">
        <v>47251</v>
      </c>
      <c r="D15432" s="14" t="s">
        <v>47252</v>
      </c>
      <c r="E15432" s="2" t="s">
        <v>47253</v>
      </c>
      <c r="F15432" s="2" t="s">
        <v>41045</v>
      </c>
      <c r="G15432" s="8">
        <v>242</v>
      </c>
      <c r="H15432" s="5">
        <v>6</v>
      </c>
      <c r="I15432" s="5" t="s">
        <v>1518</v>
      </c>
      <c r="J15432" s="5" t="s">
        <v>40939</v>
      </c>
      <c r="K15432" s="2" t="s">
        <v>40940</v>
      </c>
      <c r="L15432" s="5" t="s">
        <v>40939</v>
      </c>
      <c r="M15432" s="2" t="s">
        <v>40940</v>
      </c>
      <c r="N15432" s="5" t="s">
        <v>36266</v>
      </c>
      <c r="O15432" s="5" t="s">
        <v>38</v>
      </c>
      <c r="P15432" s="5" t="s">
        <v>39</v>
      </c>
      <c r="Q15432" s="5" t="s">
        <v>40</v>
      </c>
      <c r="R15432" s="5" t="s">
        <v>1522</v>
      </c>
      <c r="S15432" s="5" t="s">
        <v>1523</v>
      </c>
      <c r="T15432" s="5" t="s">
        <v>42</v>
      </c>
      <c r="U15432" s="2">
        <v>1.9730000000000001</v>
      </c>
      <c r="V15432" s="2">
        <v>1.5129999999999999</v>
      </c>
      <c r="W15432" s="2">
        <v>0.01</v>
      </c>
      <c r="X15432" s="2">
        <v>76.900000000000006</v>
      </c>
      <c r="Y15432" s="2">
        <v>7.6</v>
      </c>
      <c r="Z15432" s="2">
        <v>16.7</v>
      </c>
      <c r="AA15432" s="5"/>
      <c r="AB15432" s="5" t="s">
        <v>43</v>
      </c>
      <c r="AC15432" s="5" t="s">
        <v>44</v>
      </c>
      <c r="AD15432" s="2"/>
      <c r="AE15432" s="1"/>
    </row>
    <row r="15433" spans="1:31" ht="14.45">
      <c r="A15433" s="11"/>
      <c r="B15433" s="20"/>
      <c r="C15433" s="2" t="s">
        <v>47254</v>
      </c>
      <c r="D15433" s="14" t="s">
        <v>47255</v>
      </c>
      <c r="E15433" s="2" t="s">
        <v>47256</v>
      </c>
      <c r="F15433" s="2" t="s">
        <v>41049</v>
      </c>
      <c r="G15433" s="8">
        <v>242</v>
      </c>
      <c r="H15433" s="5">
        <v>6</v>
      </c>
      <c r="I15433" s="5" t="s">
        <v>1518</v>
      </c>
      <c r="J15433" s="5" t="s">
        <v>40939</v>
      </c>
      <c r="K15433" s="2" t="s">
        <v>40940</v>
      </c>
      <c r="L15433" s="5" t="s">
        <v>40939</v>
      </c>
      <c r="M15433" s="2" t="s">
        <v>40940</v>
      </c>
      <c r="N15433" s="5" t="s">
        <v>36266</v>
      </c>
      <c r="O15433" s="5" t="s">
        <v>38</v>
      </c>
      <c r="P15433" s="5" t="s">
        <v>39</v>
      </c>
      <c r="Q15433" s="5" t="s">
        <v>40</v>
      </c>
      <c r="R15433" s="5" t="s">
        <v>1522</v>
      </c>
      <c r="S15433" s="5" t="s">
        <v>1523</v>
      </c>
      <c r="T15433" s="5" t="s">
        <v>42</v>
      </c>
      <c r="U15433" s="2">
        <v>2.0230000000000001</v>
      </c>
      <c r="V15433" s="2">
        <v>1.5629999999999999</v>
      </c>
      <c r="W15433" s="2">
        <v>0.01</v>
      </c>
      <c r="X15433" s="2">
        <v>76.900000000000006</v>
      </c>
      <c r="Y15433" s="2">
        <v>7.6</v>
      </c>
      <c r="Z15433" s="2">
        <v>16.7</v>
      </c>
      <c r="AA15433" s="5"/>
      <c r="AB15433" s="5" t="s">
        <v>43</v>
      </c>
      <c r="AC15433" s="5" t="s">
        <v>44</v>
      </c>
      <c r="AD15433" s="2"/>
      <c r="AE15433" s="1"/>
    </row>
    <row r="15434" spans="1:31" ht="14.45">
      <c r="A15434" s="11"/>
      <c r="B15434" s="20"/>
      <c r="C15434" s="2" t="s">
        <v>47257</v>
      </c>
      <c r="D15434" s="14" t="s">
        <v>47258</v>
      </c>
      <c r="E15434" s="2" t="s">
        <v>47259</v>
      </c>
      <c r="F15434" s="2" t="s">
        <v>7204</v>
      </c>
      <c r="G15434" s="8">
        <v>241</v>
      </c>
      <c r="H15434" s="5">
        <v>6</v>
      </c>
      <c r="I15434" s="5" t="s">
        <v>1518</v>
      </c>
      <c r="J15434" s="5" t="s">
        <v>40939</v>
      </c>
      <c r="K15434" s="2" t="s">
        <v>40940</v>
      </c>
      <c r="L15434" s="5" t="s">
        <v>40939</v>
      </c>
      <c r="M15434" s="2" t="s">
        <v>40940</v>
      </c>
      <c r="N15434" s="5" t="s">
        <v>36266</v>
      </c>
      <c r="O15434" s="5" t="s">
        <v>38</v>
      </c>
      <c r="P15434" s="5" t="s">
        <v>39</v>
      </c>
      <c r="Q15434" s="5" t="s">
        <v>40</v>
      </c>
      <c r="R15434" s="5" t="s">
        <v>1522</v>
      </c>
      <c r="S15434" s="5" t="s">
        <v>1523</v>
      </c>
      <c r="T15434" s="5" t="s">
        <v>42</v>
      </c>
      <c r="U15434" s="2">
        <v>2.1150000000000002</v>
      </c>
      <c r="V15434" s="2">
        <v>1.633</v>
      </c>
      <c r="W15434" s="2">
        <v>1.0999999999999999E-2</v>
      </c>
      <c r="X15434" s="2">
        <v>82.9</v>
      </c>
      <c r="Y15434" s="2">
        <v>7.6</v>
      </c>
      <c r="Z15434" s="2">
        <v>16.7</v>
      </c>
      <c r="AA15434" s="5"/>
      <c r="AB15434" s="5" t="s">
        <v>43</v>
      </c>
      <c r="AC15434" s="5" t="s">
        <v>44</v>
      </c>
      <c r="AD15434" s="2"/>
      <c r="AE15434" s="1"/>
    </row>
    <row r="15435" spans="1:31" ht="14.45">
      <c r="A15435" s="11"/>
      <c r="B15435" s="20"/>
      <c r="C15435" s="2" t="s">
        <v>47260</v>
      </c>
      <c r="D15435" s="14" t="s">
        <v>47261</v>
      </c>
      <c r="E15435" s="2" t="s">
        <v>47262</v>
      </c>
      <c r="F15435" s="2" t="s">
        <v>7514</v>
      </c>
      <c r="G15435" s="8">
        <v>241</v>
      </c>
      <c r="H15435" s="5">
        <v>6</v>
      </c>
      <c r="I15435" s="5" t="s">
        <v>1518</v>
      </c>
      <c r="J15435" s="5" t="s">
        <v>40939</v>
      </c>
      <c r="K15435" s="2" t="s">
        <v>40940</v>
      </c>
      <c r="L15435" s="5" t="s">
        <v>40939</v>
      </c>
      <c r="M15435" s="2" t="s">
        <v>40940</v>
      </c>
      <c r="N15435" s="5" t="s">
        <v>36266</v>
      </c>
      <c r="O15435" s="5" t="s">
        <v>38</v>
      </c>
      <c r="P15435" s="5" t="s">
        <v>39</v>
      </c>
      <c r="Q15435" s="5" t="s">
        <v>40</v>
      </c>
      <c r="R15435" s="5" t="s">
        <v>1522</v>
      </c>
      <c r="S15435" s="5" t="s">
        <v>1523</v>
      </c>
      <c r="T15435" s="5" t="s">
        <v>42</v>
      </c>
      <c r="U15435" s="2">
        <v>2.177</v>
      </c>
      <c r="V15435" s="2">
        <v>1.6950000000000001</v>
      </c>
      <c r="W15435" s="2">
        <v>1.0999999999999999E-2</v>
      </c>
      <c r="X15435" s="2">
        <v>82.9</v>
      </c>
      <c r="Y15435" s="2">
        <v>7.6</v>
      </c>
      <c r="Z15435" s="2">
        <v>16.7</v>
      </c>
      <c r="AA15435" s="5"/>
      <c r="AB15435" s="5" t="s">
        <v>43</v>
      </c>
      <c r="AC15435" s="5" t="s">
        <v>44</v>
      </c>
      <c r="AD15435" s="2"/>
      <c r="AE15435" s="1"/>
    </row>
    <row r="15436" spans="1:31" ht="14.45">
      <c r="A15436" s="11"/>
      <c r="B15436" s="20"/>
      <c r="C15436" s="2" t="s">
        <v>47263</v>
      </c>
      <c r="D15436" s="14" t="s">
        <v>47264</v>
      </c>
      <c r="E15436" s="2" t="s">
        <v>47265</v>
      </c>
      <c r="F15436" s="2" t="s">
        <v>47266</v>
      </c>
      <c r="G15436" s="8">
        <v>258</v>
      </c>
      <c r="H15436" s="5">
        <v>6</v>
      </c>
      <c r="I15436" s="5" t="s">
        <v>1518</v>
      </c>
      <c r="J15436" s="5" t="s">
        <v>40939</v>
      </c>
      <c r="K15436" s="2" t="s">
        <v>40940</v>
      </c>
      <c r="L15436" s="5" t="s">
        <v>40939</v>
      </c>
      <c r="M15436" s="2" t="s">
        <v>40940</v>
      </c>
      <c r="N15436" s="5" t="s">
        <v>36266</v>
      </c>
      <c r="O15436" s="5" t="s">
        <v>38</v>
      </c>
      <c r="P15436" s="5" t="s">
        <v>39</v>
      </c>
      <c r="Q15436" s="5" t="s">
        <v>40</v>
      </c>
      <c r="R15436" s="5" t="s">
        <v>1522</v>
      </c>
      <c r="S15436" s="5" t="s">
        <v>1523</v>
      </c>
      <c r="T15436" s="5" t="s">
        <v>42</v>
      </c>
      <c r="U15436" s="2">
        <v>2.1230000000000002</v>
      </c>
      <c r="V15436" s="2">
        <v>1.641</v>
      </c>
      <c r="W15436" s="2">
        <v>1.0999999999999999E-2</v>
      </c>
      <c r="X15436" s="2">
        <v>82.9</v>
      </c>
      <c r="Y15436" s="2">
        <v>7.6</v>
      </c>
      <c r="Z15436" s="2">
        <v>16.7</v>
      </c>
      <c r="AA15436" s="5"/>
      <c r="AB15436" s="5" t="s">
        <v>43</v>
      </c>
      <c r="AC15436" s="5" t="s">
        <v>44</v>
      </c>
      <c r="AD15436" s="2"/>
      <c r="AE15436" s="1"/>
    </row>
    <row r="15437" spans="1:31" ht="14.45">
      <c r="A15437" s="11"/>
      <c r="B15437" s="20"/>
      <c r="C15437" s="2" t="s">
        <v>47267</v>
      </c>
      <c r="D15437" s="14" t="s">
        <v>47268</v>
      </c>
      <c r="E15437" s="2" t="s">
        <v>47269</v>
      </c>
      <c r="F15437" s="2" t="s">
        <v>47195</v>
      </c>
      <c r="G15437" s="8">
        <v>258</v>
      </c>
      <c r="H15437" s="5">
        <v>6</v>
      </c>
      <c r="I15437" s="5" t="s">
        <v>1518</v>
      </c>
      <c r="J15437" s="5" t="s">
        <v>40939</v>
      </c>
      <c r="K15437" s="2" t="s">
        <v>40940</v>
      </c>
      <c r="L15437" s="5" t="s">
        <v>40939</v>
      </c>
      <c r="M15437" s="2" t="s">
        <v>40940</v>
      </c>
      <c r="N15437" s="5" t="s">
        <v>36266</v>
      </c>
      <c r="O15437" s="5" t="s">
        <v>38</v>
      </c>
      <c r="P15437" s="5" t="s">
        <v>39</v>
      </c>
      <c r="Q15437" s="5" t="s">
        <v>40</v>
      </c>
      <c r="R15437" s="5" t="s">
        <v>1522</v>
      </c>
      <c r="S15437" s="5" t="s">
        <v>1523</v>
      </c>
      <c r="T15437" s="5" t="s">
        <v>42</v>
      </c>
      <c r="U15437" s="2">
        <v>2.1850000000000001</v>
      </c>
      <c r="V15437" s="2">
        <v>1.7030000000000001</v>
      </c>
      <c r="W15437" s="2">
        <v>1.0999999999999999E-2</v>
      </c>
      <c r="X15437" s="2">
        <v>82.9</v>
      </c>
      <c r="Y15437" s="2">
        <v>7.6</v>
      </c>
      <c r="Z15437" s="2">
        <v>16.7</v>
      </c>
      <c r="AA15437" s="5"/>
      <c r="AB15437" s="5" t="s">
        <v>43</v>
      </c>
      <c r="AC15437" s="5" t="s">
        <v>44</v>
      </c>
      <c r="AD15437" s="2"/>
      <c r="AE15437" s="1"/>
    </row>
    <row r="15438" spans="1:31" ht="14.45">
      <c r="A15438" s="11"/>
      <c r="B15438" s="20"/>
      <c r="C15438" s="2" t="s">
        <v>47270</v>
      </c>
      <c r="D15438" s="14" t="s">
        <v>47271</v>
      </c>
      <c r="E15438" s="2" t="s">
        <v>47272</v>
      </c>
      <c r="F15438" s="2" t="s">
        <v>7208</v>
      </c>
      <c r="G15438" s="8">
        <v>241</v>
      </c>
      <c r="H15438" s="5">
        <v>6</v>
      </c>
      <c r="I15438" s="5" t="s">
        <v>1518</v>
      </c>
      <c r="J15438" s="5" t="s">
        <v>40939</v>
      </c>
      <c r="K15438" s="2" t="s">
        <v>40940</v>
      </c>
      <c r="L15438" s="5" t="s">
        <v>40939</v>
      </c>
      <c r="M15438" s="2" t="s">
        <v>40940</v>
      </c>
      <c r="N15438" s="5" t="s">
        <v>36266</v>
      </c>
      <c r="O15438" s="5" t="s">
        <v>38</v>
      </c>
      <c r="P15438" s="5" t="s">
        <v>39</v>
      </c>
      <c r="Q15438" s="5" t="s">
        <v>40</v>
      </c>
      <c r="R15438" s="5" t="s">
        <v>1522</v>
      </c>
      <c r="S15438" s="5" t="s">
        <v>1523</v>
      </c>
      <c r="T15438" s="5" t="s">
        <v>42</v>
      </c>
      <c r="U15438" s="2">
        <v>2.1269999999999998</v>
      </c>
      <c r="V15438" s="2">
        <v>1.645</v>
      </c>
      <c r="W15438" s="2">
        <v>1.0999999999999999E-2</v>
      </c>
      <c r="X15438" s="2">
        <v>82.9</v>
      </c>
      <c r="Y15438" s="2">
        <v>7.6</v>
      </c>
      <c r="Z15438" s="2">
        <v>16.7</v>
      </c>
      <c r="AA15438" s="5"/>
      <c r="AB15438" s="5" t="s">
        <v>43</v>
      </c>
      <c r="AC15438" s="5" t="s">
        <v>44</v>
      </c>
      <c r="AD15438" s="2"/>
      <c r="AE15438" s="1"/>
    </row>
    <row r="15439" spans="1:31" ht="14.45">
      <c r="A15439" s="11"/>
      <c r="B15439" s="20"/>
      <c r="C15439" s="2" t="s">
        <v>47273</v>
      </c>
      <c r="D15439" s="14" t="s">
        <v>47274</v>
      </c>
      <c r="E15439" s="2" t="s">
        <v>47275</v>
      </c>
      <c r="F15439" s="2" t="s">
        <v>7521</v>
      </c>
      <c r="G15439" s="8">
        <v>241</v>
      </c>
      <c r="H15439" s="5">
        <v>6</v>
      </c>
      <c r="I15439" s="5" t="s">
        <v>1518</v>
      </c>
      <c r="J15439" s="5" t="s">
        <v>40939</v>
      </c>
      <c r="K15439" s="2" t="s">
        <v>40940</v>
      </c>
      <c r="L15439" s="5" t="s">
        <v>40939</v>
      </c>
      <c r="M15439" s="2" t="s">
        <v>40940</v>
      </c>
      <c r="N15439" s="5" t="s">
        <v>36266</v>
      </c>
      <c r="O15439" s="5" t="s">
        <v>38</v>
      </c>
      <c r="P15439" s="5" t="s">
        <v>39</v>
      </c>
      <c r="Q15439" s="5" t="s">
        <v>40</v>
      </c>
      <c r="R15439" s="5" t="s">
        <v>1522</v>
      </c>
      <c r="S15439" s="5" t="s">
        <v>1523</v>
      </c>
      <c r="T15439" s="5" t="s">
        <v>42</v>
      </c>
      <c r="U15439" s="2">
        <v>2.1890000000000001</v>
      </c>
      <c r="V15439" s="2">
        <v>1.7070000000000001</v>
      </c>
      <c r="W15439" s="2">
        <v>1.0999999999999999E-2</v>
      </c>
      <c r="X15439" s="2">
        <v>82.9</v>
      </c>
      <c r="Y15439" s="2">
        <v>7.6</v>
      </c>
      <c r="Z15439" s="2">
        <v>16.7</v>
      </c>
      <c r="AA15439" s="5"/>
      <c r="AB15439" s="5" t="s">
        <v>43</v>
      </c>
      <c r="AC15439" s="5" t="s">
        <v>44</v>
      </c>
      <c r="AD15439" s="2"/>
      <c r="AE15439" s="1"/>
    </row>
    <row r="15440" spans="1:31" ht="14.45">
      <c r="A15440" s="11"/>
      <c r="B15440" s="20"/>
      <c r="C15440" s="2" t="s">
        <v>47276</v>
      </c>
      <c r="D15440" s="14" t="s">
        <v>47277</v>
      </c>
      <c r="E15440" s="2" t="s">
        <v>47278</v>
      </c>
      <c r="F15440" s="2" t="s">
        <v>36273</v>
      </c>
      <c r="G15440" s="8">
        <v>241</v>
      </c>
      <c r="H15440" s="5">
        <v>6</v>
      </c>
      <c r="I15440" s="5" t="s">
        <v>1518</v>
      </c>
      <c r="J15440" s="5" t="s">
        <v>40939</v>
      </c>
      <c r="K15440" s="2" t="s">
        <v>40940</v>
      </c>
      <c r="L15440" s="5" t="s">
        <v>40939</v>
      </c>
      <c r="M15440" s="2" t="s">
        <v>40940</v>
      </c>
      <c r="N15440" s="5" t="s">
        <v>36266</v>
      </c>
      <c r="O15440" s="5" t="s">
        <v>38</v>
      </c>
      <c r="P15440" s="5" t="s">
        <v>39</v>
      </c>
      <c r="Q15440" s="5" t="s">
        <v>40</v>
      </c>
      <c r="R15440" s="5" t="s">
        <v>1522</v>
      </c>
      <c r="S15440" s="5" t="s">
        <v>1523</v>
      </c>
      <c r="T15440" s="5" t="s">
        <v>42</v>
      </c>
      <c r="U15440" s="2">
        <v>2.1349999999999998</v>
      </c>
      <c r="V15440" s="2">
        <v>1.653</v>
      </c>
      <c r="W15440" s="2">
        <v>1.0999999999999999E-2</v>
      </c>
      <c r="X15440" s="2">
        <v>82.9</v>
      </c>
      <c r="Y15440" s="2">
        <v>7.6</v>
      </c>
      <c r="Z15440" s="2">
        <v>16.7</v>
      </c>
      <c r="AA15440" s="5"/>
      <c r="AB15440" s="5" t="s">
        <v>43</v>
      </c>
      <c r="AC15440" s="5" t="s">
        <v>44</v>
      </c>
      <c r="AD15440" s="2"/>
      <c r="AE15440" s="1"/>
    </row>
    <row r="15441" spans="1:31" ht="14.45">
      <c r="A15441" s="11"/>
      <c r="B15441" s="20"/>
      <c r="C15441" s="2" t="s">
        <v>47279</v>
      </c>
      <c r="D15441" s="14" t="s">
        <v>47280</v>
      </c>
      <c r="E15441" s="2" t="s">
        <v>47281</v>
      </c>
      <c r="F15441" s="2" t="s">
        <v>36277</v>
      </c>
      <c r="G15441" s="8">
        <v>241</v>
      </c>
      <c r="H15441" s="5">
        <v>6</v>
      </c>
      <c r="I15441" s="5" t="s">
        <v>1518</v>
      </c>
      <c r="J15441" s="5" t="s">
        <v>40939</v>
      </c>
      <c r="K15441" s="2" t="s">
        <v>40940</v>
      </c>
      <c r="L15441" s="5" t="s">
        <v>40939</v>
      </c>
      <c r="M15441" s="2" t="s">
        <v>40940</v>
      </c>
      <c r="N15441" s="5" t="s">
        <v>36266</v>
      </c>
      <c r="O15441" s="5" t="s">
        <v>38</v>
      </c>
      <c r="P15441" s="5" t="s">
        <v>39</v>
      </c>
      <c r="Q15441" s="5" t="s">
        <v>40</v>
      </c>
      <c r="R15441" s="5" t="s">
        <v>1522</v>
      </c>
      <c r="S15441" s="5" t="s">
        <v>1523</v>
      </c>
      <c r="T15441" s="5" t="s">
        <v>42</v>
      </c>
      <c r="U15441" s="2">
        <v>2.1970000000000001</v>
      </c>
      <c r="V15441" s="2">
        <v>1.7150000000000001</v>
      </c>
      <c r="W15441" s="2">
        <v>1.0999999999999999E-2</v>
      </c>
      <c r="X15441" s="2">
        <v>82.9</v>
      </c>
      <c r="Y15441" s="2">
        <v>7.6</v>
      </c>
      <c r="Z15441" s="2">
        <v>16.7</v>
      </c>
      <c r="AA15441" s="5"/>
      <c r="AB15441" s="5" t="s">
        <v>43</v>
      </c>
      <c r="AC15441" s="5" t="s">
        <v>44</v>
      </c>
      <c r="AD15441" s="2"/>
      <c r="AE15441" s="1"/>
    </row>
    <row r="15442" spans="1:31" ht="14.45">
      <c r="A15442" s="11"/>
      <c r="B15442" s="20"/>
      <c r="C15442" s="2" t="s">
        <v>47282</v>
      </c>
      <c r="D15442" s="14" t="s">
        <v>47283</v>
      </c>
      <c r="E15442" s="2" t="s">
        <v>47284</v>
      </c>
      <c r="F15442" s="2" t="s">
        <v>40967</v>
      </c>
      <c r="G15442" s="8">
        <v>258</v>
      </c>
      <c r="H15442" s="5">
        <v>6</v>
      </c>
      <c r="I15442" s="5" t="s">
        <v>1518</v>
      </c>
      <c r="J15442" s="5" t="s">
        <v>40939</v>
      </c>
      <c r="K15442" s="2" t="s">
        <v>40940</v>
      </c>
      <c r="L15442" s="5" t="s">
        <v>40939</v>
      </c>
      <c r="M15442" s="2" t="s">
        <v>40940</v>
      </c>
      <c r="N15442" s="5" t="s">
        <v>36266</v>
      </c>
      <c r="O15442" s="5" t="s">
        <v>38</v>
      </c>
      <c r="P15442" s="5" t="s">
        <v>39</v>
      </c>
      <c r="Q15442" s="5" t="s">
        <v>40</v>
      </c>
      <c r="R15442" s="5" t="s">
        <v>1522</v>
      </c>
      <c r="S15442" s="5" t="s">
        <v>1523</v>
      </c>
      <c r="T15442" s="5" t="s">
        <v>42</v>
      </c>
      <c r="U15442" s="2">
        <v>2.1269999999999998</v>
      </c>
      <c r="V15442" s="2">
        <v>1.645</v>
      </c>
      <c r="W15442" s="2">
        <v>1.0999999999999999E-2</v>
      </c>
      <c r="X15442" s="2">
        <v>82.9</v>
      </c>
      <c r="Y15442" s="2">
        <v>7.6</v>
      </c>
      <c r="Z15442" s="2">
        <v>16.7</v>
      </c>
      <c r="AA15442" s="5"/>
      <c r="AB15442" s="5" t="s">
        <v>43</v>
      </c>
      <c r="AC15442" s="5" t="s">
        <v>44</v>
      </c>
      <c r="AD15442" s="2"/>
      <c r="AE15442" s="1"/>
    </row>
    <row r="15443" spans="1:31" ht="14.45">
      <c r="A15443" s="11"/>
      <c r="B15443" s="20"/>
      <c r="C15443" s="2" t="s">
        <v>47285</v>
      </c>
      <c r="D15443" s="14" t="s">
        <v>47286</v>
      </c>
      <c r="E15443" s="2" t="s">
        <v>47287</v>
      </c>
      <c r="F15443" s="2" t="s">
        <v>40971</v>
      </c>
      <c r="G15443" s="8">
        <v>258</v>
      </c>
      <c r="H15443" s="5">
        <v>6</v>
      </c>
      <c r="I15443" s="5" t="s">
        <v>1518</v>
      </c>
      <c r="J15443" s="5" t="s">
        <v>40939</v>
      </c>
      <c r="K15443" s="2" t="s">
        <v>40940</v>
      </c>
      <c r="L15443" s="5" t="s">
        <v>40939</v>
      </c>
      <c r="M15443" s="2" t="s">
        <v>40940</v>
      </c>
      <c r="N15443" s="5" t="s">
        <v>36266</v>
      </c>
      <c r="O15443" s="5" t="s">
        <v>38</v>
      </c>
      <c r="P15443" s="5" t="s">
        <v>39</v>
      </c>
      <c r="Q15443" s="5" t="s">
        <v>40</v>
      </c>
      <c r="R15443" s="5" t="s">
        <v>1522</v>
      </c>
      <c r="S15443" s="5" t="s">
        <v>1523</v>
      </c>
      <c r="T15443" s="5" t="s">
        <v>42</v>
      </c>
      <c r="U15443" s="2">
        <v>2.1890000000000001</v>
      </c>
      <c r="V15443" s="2">
        <v>1.7070000000000001</v>
      </c>
      <c r="W15443" s="2">
        <v>1.0999999999999999E-2</v>
      </c>
      <c r="X15443" s="2">
        <v>82.9</v>
      </c>
      <c r="Y15443" s="2">
        <v>7.6</v>
      </c>
      <c r="Z15443" s="2">
        <v>16.7</v>
      </c>
      <c r="AA15443" s="5"/>
      <c r="AB15443" s="5" t="s">
        <v>43</v>
      </c>
      <c r="AC15443" s="5" t="s">
        <v>44</v>
      </c>
      <c r="AD15443" s="2"/>
      <c r="AE15443" s="1"/>
    </row>
    <row r="15444" spans="1:31" ht="14.45">
      <c r="A15444" s="11"/>
      <c r="B15444" s="20"/>
      <c r="C15444" s="2" t="s">
        <v>47288</v>
      </c>
      <c r="D15444" s="14" t="s">
        <v>47289</v>
      </c>
      <c r="E15444" s="2" t="s">
        <v>47290</v>
      </c>
      <c r="F15444" s="2" t="s">
        <v>7543</v>
      </c>
      <c r="G15444" s="8">
        <v>258</v>
      </c>
      <c r="H15444" s="5">
        <v>6</v>
      </c>
      <c r="I15444" s="5" t="s">
        <v>1518</v>
      </c>
      <c r="J15444" s="5" t="s">
        <v>40939</v>
      </c>
      <c r="K15444" s="2" t="s">
        <v>40940</v>
      </c>
      <c r="L15444" s="5" t="s">
        <v>40939</v>
      </c>
      <c r="M15444" s="2" t="s">
        <v>40940</v>
      </c>
      <c r="N15444" s="5" t="s">
        <v>36266</v>
      </c>
      <c r="O15444" s="5" t="s">
        <v>38</v>
      </c>
      <c r="P15444" s="5" t="s">
        <v>39</v>
      </c>
      <c r="Q15444" s="5" t="s">
        <v>40</v>
      </c>
      <c r="R15444" s="5" t="s">
        <v>1522</v>
      </c>
      <c r="S15444" s="5" t="s">
        <v>1523</v>
      </c>
      <c r="T15444" s="5" t="s">
        <v>42</v>
      </c>
      <c r="U15444" s="2">
        <v>2.17</v>
      </c>
      <c r="V15444" s="2">
        <v>1.6879999999999999</v>
      </c>
      <c r="W15444" s="2">
        <v>1.0999999999999999E-2</v>
      </c>
      <c r="X15444" s="2">
        <v>82.9</v>
      </c>
      <c r="Y15444" s="2">
        <v>7.6</v>
      </c>
      <c r="Z15444" s="2">
        <v>16.7</v>
      </c>
      <c r="AA15444" s="5"/>
      <c r="AB15444" s="5" t="s">
        <v>43</v>
      </c>
      <c r="AC15444" s="5" t="s">
        <v>44</v>
      </c>
      <c r="AD15444" s="2"/>
      <c r="AE15444" s="1"/>
    </row>
    <row r="15445" spans="1:31" ht="14.45">
      <c r="A15445" s="11"/>
      <c r="B15445" s="20"/>
      <c r="C15445" s="2" t="s">
        <v>47291</v>
      </c>
      <c r="D15445" s="14" t="s">
        <v>47292</v>
      </c>
      <c r="E15445" s="2" t="s">
        <v>47293</v>
      </c>
      <c r="F15445" s="2" t="s">
        <v>40989</v>
      </c>
      <c r="G15445" s="8">
        <v>258</v>
      </c>
      <c r="H15445" s="5">
        <v>6</v>
      </c>
      <c r="I15445" s="5" t="s">
        <v>1518</v>
      </c>
      <c r="J15445" s="5" t="s">
        <v>40939</v>
      </c>
      <c r="K15445" s="2" t="s">
        <v>40940</v>
      </c>
      <c r="L15445" s="5" t="s">
        <v>40939</v>
      </c>
      <c r="M15445" s="2" t="s">
        <v>40940</v>
      </c>
      <c r="N15445" s="5" t="s">
        <v>36266</v>
      </c>
      <c r="O15445" s="5" t="s">
        <v>38</v>
      </c>
      <c r="P15445" s="5" t="s">
        <v>39</v>
      </c>
      <c r="Q15445" s="5" t="s">
        <v>40</v>
      </c>
      <c r="R15445" s="5" t="s">
        <v>1522</v>
      </c>
      <c r="S15445" s="5" t="s">
        <v>1523</v>
      </c>
      <c r="T15445" s="5" t="s">
        <v>42</v>
      </c>
      <c r="U15445" s="2">
        <v>2.1269999999999998</v>
      </c>
      <c r="V15445" s="2">
        <v>1.645</v>
      </c>
      <c r="W15445" s="2">
        <v>1.0999999999999999E-2</v>
      </c>
      <c r="X15445" s="2">
        <v>82.9</v>
      </c>
      <c r="Y15445" s="2">
        <v>7.6</v>
      </c>
      <c r="Z15445" s="2">
        <v>16.7</v>
      </c>
      <c r="AA15445" s="5"/>
      <c r="AB15445" s="5" t="s">
        <v>43</v>
      </c>
      <c r="AC15445" s="5" t="s">
        <v>44</v>
      </c>
      <c r="AD15445" s="2"/>
      <c r="AE15445" s="1"/>
    </row>
    <row r="15446" spans="1:31" ht="14.45">
      <c r="A15446" s="11"/>
      <c r="B15446" s="20"/>
      <c r="C15446" s="2" t="s">
        <v>47294</v>
      </c>
      <c r="D15446" s="14" t="s">
        <v>47295</v>
      </c>
      <c r="E15446" s="2" t="s">
        <v>47296</v>
      </c>
      <c r="F15446" s="2" t="s">
        <v>41267</v>
      </c>
      <c r="G15446" s="8">
        <v>258</v>
      </c>
      <c r="H15446" s="5">
        <v>6</v>
      </c>
      <c r="I15446" s="5" t="s">
        <v>1518</v>
      </c>
      <c r="J15446" s="5" t="s">
        <v>40939</v>
      </c>
      <c r="K15446" s="2" t="s">
        <v>40940</v>
      </c>
      <c r="L15446" s="5" t="s">
        <v>40939</v>
      </c>
      <c r="M15446" s="2" t="s">
        <v>40940</v>
      </c>
      <c r="N15446" s="5" t="s">
        <v>36266</v>
      </c>
      <c r="O15446" s="5" t="s">
        <v>38</v>
      </c>
      <c r="P15446" s="5" t="s">
        <v>39</v>
      </c>
      <c r="Q15446" s="5" t="s">
        <v>40</v>
      </c>
      <c r="R15446" s="5" t="s">
        <v>1522</v>
      </c>
      <c r="S15446" s="5" t="s">
        <v>1523</v>
      </c>
      <c r="T15446" s="5" t="s">
        <v>42</v>
      </c>
      <c r="U15446" s="2">
        <v>2.173</v>
      </c>
      <c r="V15446" s="2">
        <v>1.6910000000000001</v>
      </c>
      <c r="W15446" s="2">
        <v>1.0999999999999999E-2</v>
      </c>
      <c r="X15446" s="2">
        <v>82.9</v>
      </c>
      <c r="Y15446" s="2">
        <v>7.6</v>
      </c>
      <c r="Z15446" s="2">
        <v>16.7</v>
      </c>
      <c r="AA15446" s="5"/>
      <c r="AB15446" s="5" t="s">
        <v>43</v>
      </c>
      <c r="AC15446" s="5" t="s">
        <v>44</v>
      </c>
      <c r="AD15446" s="2"/>
      <c r="AE15446" s="1"/>
    </row>
    <row r="15447" spans="1:31" ht="14.45">
      <c r="A15447" s="11"/>
      <c r="B15447" s="20"/>
      <c r="C15447" s="2" t="s">
        <v>47297</v>
      </c>
      <c r="D15447" s="14" t="s">
        <v>47298</v>
      </c>
      <c r="E15447" s="2" t="s">
        <v>47299</v>
      </c>
      <c r="F15447" s="2" t="s">
        <v>7396</v>
      </c>
      <c r="G15447" s="8">
        <v>241</v>
      </c>
      <c r="H15447" s="5">
        <v>6</v>
      </c>
      <c r="I15447" s="5" t="s">
        <v>1518</v>
      </c>
      <c r="J15447" s="5" t="s">
        <v>40939</v>
      </c>
      <c r="K15447" s="2" t="s">
        <v>40940</v>
      </c>
      <c r="L15447" s="5" t="s">
        <v>40939</v>
      </c>
      <c r="M15447" s="2" t="s">
        <v>40940</v>
      </c>
      <c r="N15447" s="5" t="s">
        <v>36266</v>
      </c>
      <c r="O15447" s="5" t="s">
        <v>38</v>
      </c>
      <c r="P15447" s="5" t="s">
        <v>39</v>
      </c>
      <c r="Q15447" s="5" t="s">
        <v>40</v>
      </c>
      <c r="R15447" s="5" t="s">
        <v>1522</v>
      </c>
      <c r="S15447" s="5" t="s">
        <v>1523</v>
      </c>
      <c r="T15447" s="5" t="s">
        <v>42</v>
      </c>
      <c r="U15447" s="2">
        <v>2.1309999999999998</v>
      </c>
      <c r="V15447" s="2">
        <v>1.649</v>
      </c>
      <c r="W15447" s="2">
        <v>1.0999999999999999E-2</v>
      </c>
      <c r="X15447" s="2">
        <v>82.9</v>
      </c>
      <c r="Y15447" s="2">
        <v>7.6</v>
      </c>
      <c r="Z15447" s="2">
        <v>16.7</v>
      </c>
      <c r="AA15447" s="5"/>
      <c r="AB15447" s="5" t="s">
        <v>43</v>
      </c>
      <c r="AC15447" s="5" t="s">
        <v>44</v>
      </c>
      <c r="AD15447" s="2"/>
      <c r="AE15447" s="1"/>
    </row>
    <row r="15448" spans="1:31" ht="14.45">
      <c r="A15448" s="11"/>
      <c r="B15448" s="20"/>
      <c r="C15448" s="2" t="s">
        <v>47300</v>
      </c>
      <c r="D15448" s="14" t="s">
        <v>47301</v>
      </c>
      <c r="E15448" s="2" t="s">
        <v>47302</v>
      </c>
      <c r="F15448" s="2" t="s">
        <v>7507</v>
      </c>
      <c r="G15448" s="8">
        <v>241</v>
      </c>
      <c r="H15448" s="5">
        <v>6</v>
      </c>
      <c r="I15448" s="5" t="s">
        <v>1518</v>
      </c>
      <c r="J15448" s="5" t="s">
        <v>40939</v>
      </c>
      <c r="K15448" s="2" t="s">
        <v>40940</v>
      </c>
      <c r="L15448" s="5" t="s">
        <v>40939</v>
      </c>
      <c r="M15448" s="2" t="s">
        <v>40940</v>
      </c>
      <c r="N15448" s="5" t="s">
        <v>36266</v>
      </c>
      <c r="O15448" s="5" t="s">
        <v>38</v>
      </c>
      <c r="P15448" s="5" t="s">
        <v>39</v>
      </c>
      <c r="Q15448" s="5" t="s">
        <v>40</v>
      </c>
      <c r="R15448" s="5" t="s">
        <v>1522</v>
      </c>
      <c r="S15448" s="5" t="s">
        <v>1523</v>
      </c>
      <c r="T15448" s="5" t="s">
        <v>42</v>
      </c>
      <c r="U15448" s="2">
        <v>2.1930000000000001</v>
      </c>
      <c r="V15448" s="2">
        <v>1.7110000000000001</v>
      </c>
      <c r="W15448" s="2">
        <v>1.0999999999999999E-2</v>
      </c>
      <c r="X15448" s="2">
        <v>82.9</v>
      </c>
      <c r="Y15448" s="2">
        <v>7.6</v>
      </c>
      <c r="Z15448" s="2">
        <v>16.7</v>
      </c>
      <c r="AA15448" s="5"/>
      <c r="AB15448" s="5" t="s">
        <v>43</v>
      </c>
      <c r="AC15448" s="5" t="s">
        <v>44</v>
      </c>
      <c r="AD15448" s="2"/>
      <c r="AE15448" s="1"/>
    </row>
    <row r="15449" spans="1:31" ht="14.45">
      <c r="A15449" s="11"/>
      <c r="B15449" s="20"/>
      <c r="C15449" s="2" t="s">
        <v>47303</v>
      </c>
      <c r="D15449" s="14" t="s">
        <v>47304</v>
      </c>
      <c r="E15449" s="2" t="s">
        <v>47305</v>
      </c>
      <c r="F15449" s="2" t="s">
        <v>41023</v>
      </c>
      <c r="G15449" s="8">
        <v>258</v>
      </c>
      <c r="H15449" s="5">
        <v>6</v>
      </c>
      <c r="I15449" s="5" t="s">
        <v>1518</v>
      </c>
      <c r="J15449" s="5" t="s">
        <v>40939</v>
      </c>
      <c r="K15449" s="2" t="s">
        <v>40940</v>
      </c>
      <c r="L15449" s="5" t="s">
        <v>40939</v>
      </c>
      <c r="M15449" s="2" t="s">
        <v>40940</v>
      </c>
      <c r="N15449" s="5" t="s">
        <v>36266</v>
      </c>
      <c r="O15449" s="5" t="s">
        <v>38</v>
      </c>
      <c r="P15449" s="5" t="s">
        <v>39</v>
      </c>
      <c r="Q15449" s="5" t="s">
        <v>40</v>
      </c>
      <c r="R15449" s="5" t="s">
        <v>1522</v>
      </c>
      <c r="S15449" s="5" t="s">
        <v>1523</v>
      </c>
      <c r="T15449" s="5" t="s">
        <v>42</v>
      </c>
      <c r="U15449" s="2">
        <v>2.1110000000000002</v>
      </c>
      <c r="V15449" s="2">
        <v>1.629</v>
      </c>
      <c r="W15449" s="2">
        <v>1.0999999999999999E-2</v>
      </c>
      <c r="X15449" s="2">
        <v>82.9</v>
      </c>
      <c r="Y15449" s="2">
        <v>7.6</v>
      </c>
      <c r="Z15449" s="2">
        <v>16.7</v>
      </c>
      <c r="AA15449" s="5"/>
      <c r="AB15449" s="5" t="s">
        <v>43</v>
      </c>
      <c r="AC15449" s="5" t="s">
        <v>44</v>
      </c>
      <c r="AD15449" s="2"/>
      <c r="AE15449" s="1"/>
    </row>
    <row r="15450" spans="1:31" ht="14.45">
      <c r="A15450" s="11"/>
      <c r="B15450" s="20"/>
      <c r="C15450" s="2" t="s">
        <v>47306</v>
      </c>
      <c r="D15450" s="14" t="s">
        <v>47307</v>
      </c>
      <c r="E15450" s="2" t="s">
        <v>47308</v>
      </c>
      <c r="F15450" s="2" t="s">
        <v>41027</v>
      </c>
      <c r="G15450" s="8">
        <v>258</v>
      </c>
      <c r="H15450" s="5">
        <v>6</v>
      </c>
      <c r="I15450" s="5" t="s">
        <v>1518</v>
      </c>
      <c r="J15450" s="5" t="s">
        <v>40939</v>
      </c>
      <c r="K15450" s="2" t="s">
        <v>40940</v>
      </c>
      <c r="L15450" s="5" t="s">
        <v>40939</v>
      </c>
      <c r="M15450" s="2" t="s">
        <v>40940</v>
      </c>
      <c r="N15450" s="5" t="s">
        <v>36266</v>
      </c>
      <c r="O15450" s="5" t="s">
        <v>38</v>
      </c>
      <c r="P15450" s="5" t="s">
        <v>39</v>
      </c>
      <c r="Q15450" s="5" t="s">
        <v>40</v>
      </c>
      <c r="R15450" s="5" t="s">
        <v>1522</v>
      </c>
      <c r="S15450" s="5" t="s">
        <v>1523</v>
      </c>
      <c r="T15450" s="5" t="s">
        <v>42</v>
      </c>
      <c r="U15450" s="2">
        <v>2.173</v>
      </c>
      <c r="V15450" s="2">
        <v>1.6910000000000001</v>
      </c>
      <c r="W15450" s="2">
        <v>1.0999999999999999E-2</v>
      </c>
      <c r="X15450" s="2">
        <v>82.9</v>
      </c>
      <c r="Y15450" s="2">
        <v>7.6</v>
      </c>
      <c r="Z15450" s="2">
        <v>16.7</v>
      </c>
      <c r="AA15450" s="5"/>
      <c r="AB15450" s="5" t="s">
        <v>43</v>
      </c>
      <c r="AC15450" s="5" t="s">
        <v>44</v>
      </c>
      <c r="AD15450" s="2"/>
      <c r="AE15450" s="1"/>
    </row>
    <row r="15451" spans="1:31" ht="14.45">
      <c r="A15451" s="11"/>
      <c r="B15451" s="20"/>
      <c r="C15451" s="2" t="s">
        <v>47309</v>
      </c>
      <c r="D15451" s="14" t="s">
        <v>47310</v>
      </c>
      <c r="E15451" s="2" t="s">
        <v>47311</v>
      </c>
      <c r="F15451" s="2" t="s">
        <v>7449</v>
      </c>
      <c r="G15451" s="8">
        <v>258</v>
      </c>
      <c r="H15451" s="5">
        <v>6</v>
      </c>
      <c r="I15451" s="5" t="s">
        <v>1518</v>
      </c>
      <c r="J15451" s="5" t="s">
        <v>40939</v>
      </c>
      <c r="K15451" s="2" t="s">
        <v>40940</v>
      </c>
      <c r="L15451" s="5" t="s">
        <v>40939</v>
      </c>
      <c r="M15451" s="2" t="s">
        <v>40940</v>
      </c>
      <c r="N15451" s="5" t="s">
        <v>36266</v>
      </c>
      <c r="O15451" s="5" t="s">
        <v>38</v>
      </c>
      <c r="P15451" s="5" t="s">
        <v>39</v>
      </c>
      <c r="Q15451" s="5" t="s">
        <v>40</v>
      </c>
      <c r="R15451" s="5" t="s">
        <v>1522</v>
      </c>
      <c r="S15451" s="5" t="s">
        <v>1523</v>
      </c>
      <c r="T15451" s="5" t="s">
        <v>42</v>
      </c>
      <c r="U15451" s="2">
        <v>2.1110000000000002</v>
      </c>
      <c r="V15451" s="2">
        <v>1.629</v>
      </c>
      <c r="W15451" s="2">
        <v>1.0999999999999999E-2</v>
      </c>
      <c r="X15451" s="2">
        <v>82.9</v>
      </c>
      <c r="Y15451" s="2">
        <v>7.6</v>
      </c>
      <c r="Z15451" s="2">
        <v>16.7</v>
      </c>
      <c r="AA15451" s="5"/>
      <c r="AB15451" s="5" t="s">
        <v>43</v>
      </c>
      <c r="AC15451" s="5" t="s">
        <v>44</v>
      </c>
      <c r="AD15451" s="2"/>
      <c r="AE15451" s="1"/>
    </row>
    <row r="15452" spans="1:31" ht="14.45">
      <c r="A15452" s="11"/>
      <c r="B15452" s="20"/>
      <c r="C15452" s="2" t="s">
        <v>47312</v>
      </c>
      <c r="D15452" s="14" t="s">
        <v>47313</v>
      </c>
      <c r="E15452" s="2" t="s">
        <v>47314</v>
      </c>
      <c r="F15452" s="2" t="s">
        <v>7581</v>
      </c>
      <c r="G15452" s="8">
        <v>258</v>
      </c>
      <c r="H15452" s="5">
        <v>6</v>
      </c>
      <c r="I15452" s="5" t="s">
        <v>1518</v>
      </c>
      <c r="J15452" s="5" t="s">
        <v>40939</v>
      </c>
      <c r="K15452" s="2" t="s">
        <v>40940</v>
      </c>
      <c r="L15452" s="5" t="s">
        <v>40939</v>
      </c>
      <c r="M15452" s="2" t="s">
        <v>40940</v>
      </c>
      <c r="N15452" s="5" t="s">
        <v>36266</v>
      </c>
      <c r="O15452" s="5" t="s">
        <v>38</v>
      </c>
      <c r="P15452" s="5" t="s">
        <v>39</v>
      </c>
      <c r="Q15452" s="5" t="s">
        <v>40</v>
      </c>
      <c r="R15452" s="5" t="s">
        <v>1522</v>
      </c>
      <c r="S15452" s="5" t="s">
        <v>1523</v>
      </c>
      <c r="T15452" s="5" t="s">
        <v>42</v>
      </c>
      <c r="U15452" s="2">
        <v>2.173</v>
      </c>
      <c r="V15452" s="2">
        <v>1.6910000000000001</v>
      </c>
      <c r="W15452" s="2">
        <v>1.0999999999999999E-2</v>
      </c>
      <c r="X15452" s="2">
        <v>82.9</v>
      </c>
      <c r="Y15452" s="2">
        <v>7.6</v>
      </c>
      <c r="Z15452" s="2">
        <v>16.7</v>
      </c>
      <c r="AA15452" s="5"/>
      <c r="AB15452" s="5" t="s">
        <v>43</v>
      </c>
      <c r="AC15452" s="5" t="s">
        <v>44</v>
      </c>
      <c r="AD15452" s="2"/>
      <c r="AE15452" s="1"/>
    </row>
    <row r="15453" spans="1:31" ht="14.45">
      <c r="A15453" s="11"/>
      <c r="B15453" s="20"/>
      <c r="C15453" s="2" t="s">
        <v>47315</v>
      </c>
      <c r="D15453" s="14" t="s">
        <v>47316</v>
      </c>
      <c r="E15453" s="2" t="s">
        <v>47317</v>
      </c>
      <c r="F15453" s="2" t="s">
        <v>41045</v>
      </c>
      <c r="G15453" s="8">
        <v>258</v>
      </c>
      <c r="H15453" s="5">
        <v>6</v>
      </c>
      <c r="I15453" s="5" t="s">
        <v>1518</v>
      </c>
      <c r="J15453" s="5" t="s">
        <v>40939</v>
      </c>
      <c r="K15453" s="2" t="s">
        <v>40940</v>
      </c>
      <c r="L15453" s="5" t="s">
        <v>40939</v>
      </c>
      <c r="M15453" s="2" t="s">
        <v>40940</v>
      </c>
      <c r="N15453" s="5" t="s">
        <v>36266</v>
      </c>
      <c r="O15453" s="5" t="s">
        <v>38</v>
      </c>
      <c r="P15453" s="5" t="s">
        <v>39</v>
      </c>
      <c r="Q15453" s="5" t="s">
        <v>40</v>
      </c>
      <c r="R15453" s="5" t="s">
        <v>1522</v>
      </c>
      <c r="S15453" s="5" t="s">
        <v>1523</v>
      </c>
      <c r="T15453" s="5" t="s">
        <v>42</v>
      </c>
      <c r="U15453" s="2">
        <v>2.1349999999999998</v>
      </c>
      <c r="V15453" s="2">
        <v>1.653</v>
      </c>
      <c r="W15453" s="2">
        <v>1.0999999999999999E-2</v>
      </c>
      <c r="X15453" s="2">
        <v>82.9</v>
      </c>
      <c r="Y15453" s="2">
        <v>7.6</v>
      </c>
      <c r="Z15453" s="2">
        <v>16.7</v>
      </c>
      <c r="AA15453" s="5"/>
      <c r="AB15453" s="5" t="s">
        <v>43</v>
      </c>
      <c r="AC15453" s="5" t="s">
        <v>44</v>
      </c>
      <c r="AD15453" s="2"/>
      <c r="AE15453" s="1"/>
    </row>
    <row r="15454" spans="1:31" ht="14.45">
      <c r="A15454" s="11"/>
      <c r="B15454" s="20"/>
      <c r="C15454" s="2" t="s">
        <v>47318</v>
      </c>
      <c r="D15454" s="14" t="s">
        <v>47319</v>
      </c>
      <c r="E15454" s="2" t="s">
        <v>47320</v>
      </c>
      <c r="F15454" s="2" t="s">
        <v>41049</v>
      </c>
      <c r="G15454" s="8">
        <v>258</v>
      </c>
      <c r="H15454" s="5">
        <v>6</v>
      </c>
      <c r="I15454" s="5" t="s">
        <v>1518</v>
      </c>
      <c r="J15454" s="5" t="s">
        <v>40939</v>
      </c>
      <c r="K15454" s="2" t="s">
        <v>40940</v>
      </c>
      <c r="L15454" s="5" t="s">
        <v>40939</v>
      </c>
      <c r="M15454" s="2" t="s">
        <v>40940</v>
      </c>
      <c r="N15454" s="5" t="s">
        <v>36266</v>
      </c>
      <c r="O15454" s="5" t="s">
        <v>38</v>
      </c>
      <c r="P15454" s="5" t="s">
        <v>39</v>
      </c>
      <c r="Q15454" s="5" t="s">
        <v>40</v>
      </c>
      <c r="R15454" s="5" t="s">
        <v>1522</v>
      </c>
      <c r="S15454" s="5" t="s">
        <v>1523</v>
      </c>
      <c r="T15454" s="5" t="s">
        <v>42</v>
      </c>
      <c r="U15454" s="2">
        <v>2.1970000000000001</v>
      </c>
      <c r="V15454" s="2">
        <v>1.7150000000000001</v>
      </c>
      <c r="W15454" s="2">
        <v>1.0999999999999999E-2</v>
      </c>
      <c r="X15454" s="2">
        <v>82.9</v>
      </c>
      <c r="Y15454" s="2">
        <v>7.6</v>
      </c>
      <c r="Z15454" s="2">
        <v>16.7</v>
      </c>
      <c r="AA15454" s="5"/>
      <c r="AB15454" s="5" t="s">
        <v>43</v>
      </c>
      <c r="AC15454" s="5" t="s">
        <v>44</v>
      </c>
      <c r="AD15454" s="2"/>
      <c r="AE15454" s="1"/>
    </row>
    <row r="15455" spans="1:31" ht="14.45">
      <c r="A15455" s="11"/>
      <c r="B15455" s="20"/>
      <c r="C15455" s="2" t="s">
        <v>47321</v>
      </c>
      <c r="D15455" s="14" t="s">
        <v>47322</v>
      </c>
      <c r="E15455" s="2" t="s">
        <v>47323</v>
      </c>
      <c r="F15455" s="2" t="s">
        <v>7204</v>
      </c>
      <c r="G15455" s="8">
        <v>254</v>
      </c>
      <c r="H15455" s="5">
        <v>6</v>
      </c>
      <c r="I15455" s="5" t="s">
        <v>1518</v>
      </c>
      <c r="J15455" s="5" t="s">
        <v>40939</v>
      </c>
      <c r="K15455" s="2" t="s">
        <v>40940</v>
      </c>
      <c r="L15455" s="5" t="s">
        <v>40939</v>
      </c>
      <c r="M15455" s="2" t="s">
        <v>40940</v>
      </c>
      <c r="N15455" s="5" t="s">
        <v>36266</v>
      </c>
      <c r="O15455" s="5" t="s">
        <v>38</v>
      </c>
      <c r="P15455" s="5" t="s">
        <v>39</v>
      </c>
      <c r="Q15455" s="5" t="s">
        <v>40</v>
      </c>
      <c r="R15455" s="5" t="s">
        <v>1522</v>
      </c>
      <c r="S15455" s="5" t="s">
        <v>1523</v>
      </c>
      <c r="T15455" s="5" t="s">
        <v>42</v>
      </c>
      <c r="U15455" s="2">
        <v>2.35</v>
      </c>
      <c r="V15455" s="2">
        <v>1.78</v>
      </c>
      <c r="W15455" s="2">
        <v>1.4999999999999999E-2</v>
      </c>
      <c r="X15455" s="2">
        <v>118.9</v>
      </c>
      <c r="Y15455" s="2">
        <v>7.6</v>
      </c>
      <c r="Z15455" s="2">
        <v>16.7</v>
      </c>
      <c r="AA15455" s="5"/>
      <c r="AB15455" s="5" t="s">
        <v>43</v>
      </c>
      <c r="AC15455" s="5" t="s">
        <v>44</v>
      </c>
      <c r="AD15455" s="2"/>
      <c r="AE15455" s="1"/>
    </row>
    <row r="15456" spans="1:31" ht="14.45">
      <c r="A15456" s="11"/>
      <c r="B15456" s="20"/>
      <c r="C15456" s="2" t="s">
        <v>47324</v>
      </c>
      <c r="D15456" s="14" t="s">
        <v>47325</v>
      </c>
      <c r="E15456" s="2" t="s">
        <v>47326</v>
      </c>
      <c r="F15456" s="2" t="s">
        <v>7514</v>
      </c>
      <c r="G15456" s="8">
        <v>254</v>
      </c>
      <c r="H15456" s="5">
        <v>6</v>
      </c>
      <c r="I15456" s="5" t="s">
        <v>1518</v>
      </c>
      <c r="J15456" s="5" t="s">
        <v>40939</v>
      </c>
      <c r="K15456" s="2" t="s">
        <v>40940</v>
      </c>
      <c r="L15456" s="5" t="s">
        <v>40939</v>
      </c>
      <c r="M15456" s="2" t="s">
        <v>40940</v>
      </c>
      <c r="N15456" s="5" t="s">
        <v>36266</v>
      </c>
      <c r="O15456" s="5" t="s">
        <v>38</v>
      </c>
      <c r="P15456" s="5" t="s">
        <v>39</v>
      </c>
      <c r="Q15456" s="5" t="s">
        <v>40</v>
      </c>
      <c r="R15456" s="5" t="s">
        <v>1522</v>
      </c>
      <c r="S15456" s="5" t="s">
        <v>1523</v>
      </c>
      <c r="T15456" s="5" t="s">
        <v>42</v>
      </c>
      <c r="U15456" s="2">
        <v>2.423</v>
      </c>
      <c r="V15456" s="2">
        <v>1.853</v>
      </c>
      <c r="W15456" s="2">
        <v>1.4999999999999999E-2</v>
      </c>
      <c r="X15456" s="2">
        <v>118.9</v>
      </c>
      <c r="Y15456" s="2">
        <v>7.6</v>
      </c>
      <c r="Z15456" s="2">
        <v>16.7</v>
      </c>
      <c r="AA15456" s="5"/>
      <c r="AB15456" s="5" t="s">
        <v>43</v>
      </c>
      <c r="AC15456" s="5" t="s">
        <v>44</v>
      </c>
      <c r="AD15456" s="2"/>
      <c r="AE15456" s="1"/>
    </row>
    <row r="15457" spans="1:31" ht="14.45">
      <c r="A15457" s="11"/>
      <c r="B15457" s="20"/>
      <c r="C15457" s="2" t="s">
        <v>47327</v>
      </c>
      <c r="D15457" s="14" t="s">
        <v>47328</v>
      </c>
      <c r="E15457" s="2" t="s">
        <v>47329</v>
      </c>
      <c r="F15457" s="2" t="s">
        <v>47195</v>
      </c>
      <c r="G15457" s="8">
        <v>272</v>
      </c>
      <c r="H15457" s="5">
        <v>6</v>
      </c>
      <c r="I15457" s="5" t="s">
        <v>1518</v>
      </c>
      <c r="J15457" s="5" t="s">
        <v>40939</v>
      </c>
      <c r="K15457" s="2" t="s">
        <v>40940</v>
      </c>
      <c r="L15457" s="5" t="s">
        <v>40939</v>
      </c>
      <c r="M15457" s="2" t="s">
        <v>40940</v>
      </c>
      <c r="N15457" s="5" t="s">
        <v>36266</v>
      </c>
      <c r="O15457" s="5" t="s">
        <v>38</v>
      </c>
      <c r="P15457" s="5" t="s">
        <v>39</v>
      </c>
      <c r="Q15457" s="5" t="s">
        <v>40</v>
      </c>
      <c r="R15457" s="5" t="s">
        <v>1522</v>
      </c>
      <c r="S15457" s="5" t="s">
        <v>1523</v>
      </c>
      <c r="T15457" s="5" t="s">
        <v>42</v>
      </c>
      <c r="U15457" s="2">
        <v>2.4319999999999999</v>
      </c>
      <c r="V15457" s="2">
        <v>1.8620000000000001</v>
      </c>
      <c r="W15457" s="2">
        <v>1.4999999999999999E-2</v>
      </c>
      <c r="X15457" s="2">
        <v>118.9</v>
      </c>
      <c r="Y15457" s="2">
        <v>7.6</v>
      </c>
      <c r="Z15457" s="2">
        <v>16.7</v>
      </c>
      <c r="AA15457" s="5"/>
      <c r="AB15457" s="5" t="s">
        <v>43</v>
      </c>
      <c r="AC15457" s="5" t="s">
        <v>44</v>
      </c>
      <c r="AD15457" s="2"/>
      <c r="AE15457" s="1"/>
    </row>
    <row r="15458" spans="1:31" ht="14.45">
      <c r="A15458" s="11"/>
      <c r="B15458" s="20"/>
      <c r="C15458" s="2" t="s">
        <v>47330</v>
      </c>
      <c r="D15458" s="14" t="s">
        <v>47331</v>
      </c>
      <c r="E15458" s="2" t="s">
        <v>47332</v>
      </c>
      <c r="F15458" s="2" t="s">
        <v>7208</v>
      </c>
      <c r="G15458" s="8">
        <v>254</v>
      </c>
      <c r="H15458" s="5">
        <v>6</v>
      </c>
      <c r="I15458" s="5" t="s">
        <v>1518</v>
      </c>
      <c r="J15458" s="5" t="s">
        <v>40939</v>
      </c>
      <c r="K15458" s="2" t="s">
        <v>40940</v>
      </c>
      <c r="L15458" s="5" t="s">
        <v>40939</v>
      </c>
      <c r="M15458" s="2" t="s">
        <v>40940</v>
      </c>
      <c r="N15458" s="5" t="s">
        <v>36266</v>
      </c>
      <c r="O15458" s="5" t="s">
        <v>38</v>
      </c>
      <c r="P15458" s="5" t="s">
        <v>39</v>
      </c>
      <c r="Q15458" s="5" t="s">
        <v>40</v>
      </c>
      <c r="R15458" s="5" t="s">
        <v>1522</v>
      </c>
      <c r="S15458" s="5" t="s">
        <v>1523</v>
      </c>
      <c r="T15458" s="5" t="s">
        <v>42</v>
      </c>
      <c r="U15458" s="2">
        <v>2.3639999999999999</v>
      </c>
      <c r="V15458" s="2">
        <v>1.794</v>
      </c>
      <c r="W15458" s="2">
        <v>1.4999999999999999E-2</v>
      </c>
      <c r="X15458" s="2">
        <v>118.9</v>
      </c>
      <c r="Y15458" s="2">
        <v>7.6</v>
      </c>
      <c r="Z15458" s="2">
        <v>16.7</v>
      </c>
      <c r="AA15458" s="5"/>
      <c r="AB15458" s="5" t="s">
        <v>43</v>
      </c>
      <c r="AC15458" s="5" t="s">
        <v>44</v>
      </c>
      <c r="AD15458" s="2"/>
      <c r="AE15458" s="1"/>
    </row>
    <row r="15459" spans="1:31" ht="14.45">
      <c r="A15459" s="11"/>
      <c r="B15459" s="20"/>
      <c r="C15459" s="2" t="s">
        <v>47333</v>
      </c>
      <c r="D15459" s="14" t="s">
        <v>47334</v>
      </c>
      <c r="E15459" s="2" t="s">
        <v>47335</v>
      </c>
      <c r="F15459" s="2" t="s">
        <v>7521</v>
      </c>
      <c r="G15459" s="8">
        <v>254</v>
      </c>
      <c r="H15459" s="5">
        <v>6</v>
      </c>
      <c r="I15459" s="5" t="s">
        <v>1518</v>
      </c>
      <c r="J15459" s="5" t="s">
        <v>40939</v>
      </c>
      <c r="K15459" s="2" t="s">
        <v>40940</v>
      </c>
      <c r="L15459" s="5" t="s">
        <v>40939</v>
      </c>
      <c r="M15459" s="2" t="s">
        <v>40940</v>
      </c>
      <c r="N15459" s="5" t="s">
        <v>36266</v>
      </c>
      <c r="O15459" s="5" t="s">
        <v>38</v>
      </c>
      <c r="P15459" s="5" t="s">
        <v>39</v>
      </c>
      <c r="Q15459" s="5" t="s">
        <v>40</v>
      </c>
      <c r="R15459" s="5" t="s">
        <v>1522</v>
      </c>
      <c r="S15459" s="5" t="s">
        <v>1523</v>
      </c>
      <c r="T15459" s="5" t="s">
        <v>42</v>
      </c>
      <c r="U15459" s="2">
        <v>2.4369999999999998</v>
      </c>
      <c r="V15459" s="2">
        <v>1.867</v>
      </c>
      <c r="W15459" s="2">
        <v>1.4999999999999999E-2</v>
      </c>
      <c r="X15459" s="2">
        <v>118.9</v>
      </c>
      <c r="Y15459" s="2">
        <v>7.6</v>
      </c>
      <c r="Z15459" s="2">
        <v>16.7</v>
      </c>
      <c r="AA15459" s="5"/>
      <c r="AB15459" s="5" t="s">
        <v>43</v>
      </c>
      <c r="AC15459" s="5" t="s">
        <v>44</v>
      </c>
      <c r="AD15459" s="2"/>
      <c r="AE15459" s="1"/>
    </row>
    <row r="15460" spans="1:31" ht="14.45">
      <c r="A15460" s="11"/>
      <c r="B15460" s="20"/>
      <c r="C15460" s="2" t="s">
        <v>47336</v>
      </c>
      <c r="D15460" s="14" t="s">
        <v>47337</v>
      </c>
      <c r="E15460" s="2" t="s">
        <v>47338</v>
      </c>
      <c r="F15460" s="2" t="s">
        <v>41005</v>
      </c>
      <c r="G15460" s="8">
        <v>272</v>
      </c>
      <c r="H15460" s="5">
        <v>6</v>
      </c>
      <c r="I15460" s="5" t="s">
        <v>1518</v>
      </c>
      <c r="J15460" s="5" t="s">
        <v>40939</v>
      </c>
      <c r="K15460" s="2" t="s">
        <v>40940</v>
      </c>
      <c r="L15460" s="5" t="s">
        <v>40939</v>
      </c>
      <c r="M15460" s="2" t="s">
        <v>40940</v>
      </c>
      <c r="N15460" s="5" t="s">
        <v>36266</v>
      </c>
      <c r="O15460" s="5" t="s">
        <v>38</v>
      </c>
      <c r="P15460" s="5" t="s">
        <v>39</v>
      </c>
      <c r="Q15460" s="5" t="s">
        <v>40</v>
      </c>
      <c r="R15460" s="5" t="s">
        <v>1522</v>
      </c>
      <c r="S15460" s="5" t="s">
        <v>1523</v>
      </c>
      <c r="T15460" s="5" t="s">
        <v>42</v>
      </c>
      <c r="U15460" s="2">
        <v>2.4369999999999998</v>
      </c>
      <c r="V15460" s="2">
        <v>1.867</v>
      </c>
      <c r="W15460" s="2">
        <v>1.4999999999999999E-2</v>
      </c>
      <c r="X15460" s="2">
        <v>118.9</v>
      </c>
      <c r="Y15460" s="2">
        <v>7.6</v>
      </c>
      <c r="Z15460" s="2">
        <v>16.7</v>
      </c>
      <c r="AA15460" s="5"/>
      <c r="AB15460" s="5" t="s">
        <v>43</v>
      </c>
      <c r="AC15460" s="5" t="s">
        <v>44</v>
      </c>
      <c r="AD15460" s="2"/>
      <c r="AE15460" s="1"/>
    </row>
    <row r="15461" spans="1:31" ht="14.45">
      <c r="A15461" s="11"/>
      <c r="B15461" s="20"/>
      <c r="C15461" s="2" t="s">
        <v>47339</v>
      </c>
      <c r="D15461" s="14" t="s">
        <v>47340</v>
      </c>
      <c r="E15461" s="2" t="s">
        <v>47341</v>
      </c>
      <c r="F15461" s="2" t="s">
        <v>41009</v>
      </c>
      <c r="G15461" s="8">
        <v>272</v>
      </c>
      <c r="H15461" s="5">
        <v>6</v>
      </c>
      <c r="I15461" s="5" t="s">
        <v>1518</v>
      </c>
      <c r="J15461" s="5" t="s">
        <v>40939</v>
      </c>
      <c r="K15461" s="2" t="s">
        <v>40940</v>
      </c>
      <c r="L15461" s="5" t="s">
        <v>40939</v>
      </c>
      <c r="M15461" s="2" t="s">
        <v>40940</v>
      </c>
      <c r="N15461" s="5" t="s">
        <v>36266</v>
      </c>
      <c r="O15461" s="5" t="s">
        <v>38</v>
      </c>
      <c r="P15461" s="5" t="s">
        <v>39</v>
      </c>
      <c r="Q15461" s="5" t="s">
        <v>40</v>
      </c>
      <c r="R15461" s="5" t="s">
        <v>1522</v>
      </c>
      <c r="S15461" s="5" t="s">
        <v>1523</v>
      </c>
      <c r="T15461" s="5" t="s">
        <v>42</v>
      </c>
      <c r="U15461" s="2">
        <v>2.3679999999999999</v>
      </c>
      <c r="V15461" s="2">
        <v>1.798</v>
      </c>
      <c r="W15461" s="2">
        <v>1.4999999999999999E-2</v>
      </c>
      <c r="X15461" s="2">
        <v>118.9</v>
      </c>
      <c r="Y15461" s="2">
        <v>7.6</v>
      </c>
      <c r="Z15461" s="2">
        <v>16.7</v>
      </c>
      <c r="AA15461" s="5"/>
      <c r="AB15461" s="5" t="s">
        <v>43</v>
      </c>
      <c r="AC15461" s="5" t="s">
        <v>44</v>
      </c>
      <c r="AD15461" s="2"/>
      <c r="AE15461" s="1"/>
    </row>
    <row r="15462" spans="1:31" ht="14.45">
      <c r="A15462" s="11"/>
      <c r="B15462" s="20"/>
      <c r="C15462" s="2" t="s">
        <v>47342</v>
      </c>
      <c r="D15462" s="14" t="s">
        <v>47343</v>
      </c>
      <c r="E15462" s="2" t="s">
        <v>47344</v>
      </c>
      <c r="F15462" s="2" t="s">
        <v>7396</v>
      </c>
      <c r="G15462" s="8">
        <v>254</v>
      </c>
      <c r="H15462" s="5">
        <v>6</v>
      </c>
      <c r="I15462" s="5" t="s">
        <v>1518</v>
      </c>
      <c r="J15462" s="5" t="s">
        <v>40939</v>
      </c>
      <c r="K15462" s="2" t="s">
        <v>40940</v>
      </c>
      <c r="L15462" s="5" t="s">
        <v>40939</v>
      </c>
      <c r="M15462" s="2" t="s">
        <v>40940</v>
      </c>
      <c r="N15462" s="5" t="s">
        <v>36266</v>
      </c>
      <c r="O15462" s="5" t="s">
        <v>38</v>
      </c>
      <c r="P15462" s="5" t="s">
        <v>39</v>
      </c>
      <c r="Q15462" s="5" t="s">
        <v>40</v>
      </c>
      <c r="R15462" s="5" t="s">
        <v>1522</v>
      </c>
      <c r="S15462" s="5" t="s">
        <v>1523</v>
      </c>
      <c r="T15462" s="5" t="s">
        <v>42</v>
      </c>
      <c r="U15462" s="2">
        <v>2.3679999999999999</v>
      </c>
      <c r="V15462" s="2">
        <v>1.798</v>
      </c>
      <c r="W15462" s="2">
        <v>1.4999999999999999E-2</v>
      </c>
      <c r="X15462" s="2">
        <v>118.9</v>
      </c>
      <c r="Y15462" s="2">
        <v>7.6</v>
      </c>
      <c r="Z15462" s="2">
        <v>16.7</v>
      </c>
      <c r="AA15462" s="5"/>
      <c r="AB15462" s="5" t="s">
        <v>43</v>
      </c>
      <c r="AC15462" s="5" t="s">
        <v>44</v>
      </c>
      <c r="AD15462" s="2"/>
      <c r="AE15462" s="1"/>
    </row>
    <row r="15463" spans="1:31" ht="14.45">
      <c r="A15463" s="11"/>
      <c r="B15463" s="20"/>
      <c r="C15463" s="2" t="s">
        <v>47345</v>
      </c>
      <c r="D15463" s="14" t="s">
        <v>47346</v>
      </c>
      <c r="E15463" s="2" t="s">
        <v>47347</v>
      </c>
      <c r="F15463" s="2" t="s">
        <v>7507</v>
      </c>
      <c r="G15463" s="8">
        <v>254</v>
      </c>
      <c r="H15463" s="5">
        <v>6</v>
      </c>
      <c r="I15463" s="5" t="s">
        <v>1518</v>
      </c>
      <c r="J15463" s="5" t="s">
        <v>40939</v>
      </c>
      <c r="K15463" s="2" t="s">
        <v>40940</v>
      </c>
      <c r="L15463" s="5" t="s">
        <v>40939</v>
      </c>
      <c r="M15463" s="2" t="s">
        <v>40940</v>
      </c>
      <c r="N15463" s="5" t="s">
        <v>36266</v>
      </c>
      <c r="O15463" s="5" t="s">
        <v>38</v>
      </c>
      <c r="P15463" s="5" t="s">
        <v>39</v>
      </c>
      <c r="Q15463" s="5" t="s">
        <v>40</v>
      </c>
      <c r="R15463" s="5" t="s">
        <v>1522</v>
      </c>
      <c r="S15463" s="5" t="s">
        <v>1523</v>
      </c>
      <c r="T15463" s="5" t="s">
        <v>42</v>
      </c>
      <c r="U15463" s="2">
        <v>2.4409999999999998</v>
      </c>
      <c r="V15463" s="2">
        <v>1.871</v>
      </c>
      <c r="W15463" s="2">
        <v>1.4999999999999999E-2</v>
      </c>
      <c r="X15463" s="2">
        <v>118.9</v>
      </c>
      <c r="Y15463" s="2">
        <v>7.6</v>
      </c>
      <c r="Z15463" s="2">
        <v>16.7</v>
      </c>
      <c r="AA15463" s="5"/>
      <c r="AB15463" s="5" t="s">
        <v>43</v>
      </c>
      <c r="AC15463" s="5" t="s">
        <v>44</v>
      </c>
      <c r="AD15463" s="2"/>
      <c r="AE15463" s="1"/>
    </row>
    <row r="15464" spans="1:31" ht="14.45">
      <c r="A15464" s="11"/>
      <c r="B15464" s="20"/>
      <c r="C15464" s="2" t="s">
        <v>47348</v>
      </c>
      <c r="D15464" s="14" t="s">
        <v>47349</v>
      </c>
      <c r="E15464" s="2" t="s">
        <v>47350</v>
      </c>
      <c r="F15464" s="2" t="s">
        <v>41031</v>
      </c>
      <c r="G15464" s="8">
        <v>272</v>
      </c>
      <c r="H15464" s="5">
        <v>6</v>
      </c>
      <c r="I15464" s="5" t="s">
        <v>1518</v>
      </c>
      <c r="J15464" s="5" t="s">
        <v>40939</v>
      </c>
      <c r="K15464" s="2" t="s">
        <v>40940</v>
      </c>
      <c r="L15464" s="5" t="s">
        <v>40939</v>
      </c>
      <c r="M15464" s="2" t="s">
        <v>40940</v>
      </c>
      <c r="N15464" s="5" t="s">
        <v>36266</v>
      </c>
      <c r="O15464" s="5" t="s">
        <v>38</v>
      </c>
      <c r="P15464" s="5" t="s">
        <v>39</v>
      </c>
      <c r="Q15464" s="5" t="s">
        <v>40</v>
      </c>
      <c r="R15464" s="5" t="s">
        <v>1522</v>
      </c>
      <c r="S15464" s="5" t="s">
        <v>1523</v>
      </c>
      <c r="T15464" s="5" t="s">
        <v>42</v>
      </c>
      <c r="U15464" s="2">
        <v>2.3450000000000002</v>
      </c>
      <c r="V15464" s="2">
        <v>1.7749999999999999</v>
      </c>
      <c r="W15464" s="2">
        <v>1.4999999999999999E-2</v>
      </c>
      <c r="X15464" s="2">
        <v>118.9</v>
      </c>
      <c r="Y15464" s="2">
        <v>7.6</v>
      </c>
      <c r="Z15464" s="2">
        <v>16.7</v>
      </c>
      <c r="AA15464" s="5"/>
      <c r="AB15464" s="5" t="s">
        <v>43</v>
      </c>
      <c r="AC15464" s="5" t="s">
        <v>44</v>
      </c>
      <c r="AD15464" s="2"/>
      <c r="AE15464" s="1"/>
    </row>
    <row r="15465" spans="1:31" ht="14.45">
      <c r="A15465" s="11"/>
      <c r="B15465" s="20"/>
      <c r="C15465" s="2" t="s">
        <v>47351</v>
      </c>
      <c r="D15465" s="14" t="s">
        <v>47352</v>
      </c>
      <c r="E15465" s="2" t="s">
        <v>47353</v>
      </c>
      <c r="F15465" s="2" t="s">
        <v>41045</v>
      </c>
      <c r="G15465" s="8">
        <v>272</v>
      </c>
      <c r="H15465" s="5">
        <v>6</v>
      </c>
      <c r="I15465" s="5" t="s">
        <v>1518</v>
      </c>
      <c r="J15465" s="5" t="s">
        <v>40939</v>
      </c>
      <c r="K15465" s="2" t="s">
        <v>40940</v>
      </c>
      <c r="L15465" s="5" t="s">
        <v>40939</v>
      </c>
      <c r="M15465" s="2" t="s">
        <v>40940</v>
      </c>
      <c r="N15465" s="5" t="s">
        <v>36266</v>
      </c>
      <c r="O15465" s="5" t="s">
        <v>38</v>
      </c>
      <c r="P15465" s="5" t="s">
        <v>39</v>
      </c>
      <c r="Q15465" s="5" t="s">
        <v>40</v>
      </c>
      <c r="R15465" s="5" t="s">
        <v>1522</v>
      </c>
      <c r="S15465" s="5" t="s">
        <v>1523</v>
      </c>
      <c r="T15465" s="5" t="s">
        <v>42</v>
      </c>
      <c r="U15465" s="2">
        <v>2.3730000000000002</v>
      </c>
      <c r="V15465" s="2">
        <v>1.8029999999999999</v>
      </c>
      <c r="W15465" s="2">
        <v>1.4999999999999999E-2</v>
      </c>
      <c r="X15465" s="2">
        <v>118.9</v>
      </c>
      <c r="Y15465" s="2">
        <v>7.6</v>
      </c>
      <c r="Z15465" s="2">
        <v>16.7</v>
      </c>
      <c r="AA15465" s="5"/>
      <c r="AB15465" s="5" t="s">
        <v>43</v>
      </c>
      <c r="AC15465" s="5" t="s">
        <v>44</v>
      </c>
      <c r="AD15465" s="2"/>
      <c r="AE15465" s="1"/>
    </row>
    <row r="15466" spans="1:31" ht="14.45">
      <c r="A15466" s="11"/>
      <c r="B15466" s="20"/>
      <c r="C15466" s="2" t="s">
        <v>47354</v>
      </c>
      <c r="D15466" s="14" t="s">
        <v>47355</v>
      </c>
      <c r="E15466" s="2" t="s">
        <v>47356</v>
      </c>
      <c r="F15466" s="2" t="s">
        <v>41049</v>
      </c>
      <c r="G15466" s="8">
        <v>272</v>
      </c>
      <c r="H15466" s="5">
        <v>6</v>
      </c>
      <c r="I15466" s="5" t="s">
        <v>1518</v>
      </c>
      <c r="J15466" s="5" t="s">
        <v>40939</v>
      </c>
      <c r="K15466" s="2" t="s">
        <v>40940</v>
      </c>
      <c r="L15466" s="5" t="s">
        <v>40939</v>
      </c>
      <c r="M15466" s="2" t="s">
        <v>40940</v>
      </c>
      <c r="N15466" s="5" t="s">
        <v>36266</v>
      </c>
      <c r="O15466" s="5" t="s">
        <v>38</v>
      </c>
      <c r="P15466" s="5" t="s">
        <v>39</v>
      </c>
      <c r="Q15466" s="5" t="s">
        <v>40</v>
      </c>
      <c r="R15466" s="5" t="s">
        <v>1522</v>
      </c>
      <c r="S15466" s="5" t="s">
        <v>1523</v>
      </c>
      <c r="T15466" s="5" t="s">
        <v>42</v>
      </c>
      <c r="U15466" s="2">
        <v>2.4460000000000002</v>
      </c>
      <c r="V15466" s="2">
        <v>1.8759999999999999</v>
      </c>
      <c r="W15466" s="2">
        <v>1.4999999999999999E-2</v>
      </c>
      <c r="X15466" s="2">
        <v>118.9</v>
      </c>
      <c r="Y15466" s="2">
        <v>7.6</v>
      </c>
      <c r="Z15466" s="2">
        <v>16.7</v>
      </c>
      <c r="AA15466" s="5"/>
      <c r="AB15466" s="5" t="s">
        <v>43</v>
      </c>
      <c r="AC15466" s="5" t="s">
        <v>44</v>
      </c>
      <c r="AD15466" s="2"/>
      <c r="AE15466" s="1"/>
    </row>
    <row r="15467" spans="1:31" ht="14.45">
      <c r="A15467" s="11"/>
      <c r="B15467" s="20"/>
      <c r="C15467" s="2" t="s">
        <v>47357</v>
      </c>
      <c r="D15467" s="14" t="s">
        <v>47358</v>
      </c>
      <c r="E15467" s="2" t="s">
        <v>47359</v>
      </c>
      <c r="F15467" s="2" t="s">
        <v>7204</v>
      </c>
      <c r="G15467" s="8">
        <v>265</v>
      </c>
      <c r="H15467" s="5">
        <v>6</v>
      </c>
      <c r="I15467" s="5" t="s">
        <v>1518</v>
      </c>
      <c r="J15467" s="5" t="s">
        <v>40939</v>
      </c>
      <c r="K15467" s="2" t="s">
        <v>40940</v>
      </c>
      <c r="L15467" s="5" t="s">
        <v>40939</v>
      </c>
      <c r="M15467" s="2" t="s">
        <v>40940</v>
      </c>
      <c r="N15467" s="5" t="s">
        <v>36266</v>
      </c>
      <c r="O15467" s="5" t="s">
        <v>38</v>
      </c>
      <c r="P15467" s="5" t="s">
        <v>39</v>
      </c>
      <c r="Q15467" s="5" t="s">
        <v>40</v>
      </c>
      <c r="R15467" s="5" t="s">
        <v>1522</v>
      </c>
      <c r="S15467" s="5" t="s">
        <v>1523</v>
      </c>
      <c r="T15467" s="5" t="s">
        <v>42</v>
      </c>
      <c r="U15467" s="2">
        <v>2.4769999999999999</v>
      </c>
      <c r="V15467" s="2">
        <v>1.9259999999999999</v>
      </c>
      <c r="W15467" s="2">
        <v>1.2999999999999999E-2</v>
      </c>
      <c r="X15467" s="2">
        <v>99.1</v>
      </c>
      <c r="Y15467" s="2">
        <v>7.6</v>
      </c>
      <c r="Z15467" s="2">
        <v>16.7</v>
      </c>
      <c r="AA15467" s="5"/>
      <c r="AB15467" s="5" t="s">
        <v>43</v>
      </c>
      <c r="AC15467" s="5" t="s">
        <v>44</v>
      </c>
      <c r="AD15467" s="2"/>
      <c r="AE15467" s="1"/>
    </row>
    <row r="15468" spans="1:31" ht="14.45">
      <c r="A15468" s="11"/>
      <c r="B15468" s="20"/>
      <c r="C15468" s="2" t="s">
        <v>47360</v>
      </c>
      <c r="D15468" s="14" t="s">
        <v>47361</v>
      </c>
      <c r="E15468" s="2" t="s">
        <v>47362</v>
      </c>
      <c r="F15468" s="2" t="s">
        <v>7514</v>
      </c>
      <c r="G15468" s="8">
        <v>265</v>
      </c>
      <c r="H15468" s="5">
        <v>6</v>
      </c>
      <c r="I15468" s="5" t="s">
        <v>1518</v>
      </c>
      <c r="J15468" s="5" t="s">
        <v>40939</v>
      </c>
      <c r="K15468" s="2" t="s">
        <v>40940</v>
      </c>
      <c r="L15468" s="5" t="s">
        <v>40939</v>
      </c>
      <c r="M15468" s="2" t="s">
        <v>40940</v>
      </c>
      <c r="N15468" s="5" t="s">
        <v>36266</v>
      </c>
      <c r="O15468" s="5" t="s">
        <v>38</v>
      </c>
      <c r="P15468" s="5" t="s">
        <v>39</v>
      </c>
      <c r="Q15468" s="5" t="s">
        <v>40</v>
      </c>
      <c r="R15468" s="5" t="s">
        <v>1522</v>
      </c>
      <c r="S15468" s="5" t="s">
        <v>1523</v>
      </c>
      <c r="T15468" s="5" t="s">
        <v>42</v>
      </c>
      <c r="U15468" s="2">
        <v>2.5499999999999998</v>
      </c>
      <c r="V15468" s="2">
        <v>1.9990000000000001</v>
      </c>
      <c r="W15468" s="2">
        <v>1.2999999999999999E-2</v>
      </c>
      <c r="X15468" s="2">
        <v>99.1</v>
      </c>
      <c r="Y15468" s="2">
        <v>7.6</v>
      </c>
      <c r="Z15468" s="2">
        <v>16.7</v>
      </c>
      <c r="AA15468" s="5"/>
      <c r="AB15468" s="5" t="s">
        <v>43</v>
      </c>
      <c r="AC15468" s="5" t="s">
        <v>44</v>
      </c>
      <c r="AD15468" s="2"/>
      <c r="AE15468" s="1"/>
    </row>
    <row r="15469" spans="1:31" ht="14.45">
      <c r="A15469" s="11"/>
      <c r="B15469" s="20"/>
      <c r="C15469" s="2" t="s">
        <v>47363</v>
      </c>
      <c r="D15469" s="14" t="s">
        <v>47364</v>
      </c>
      <c r="E15469" s="2" t="s">
        <v>47365</v>
      </c>
      <c r="F15469" s="2" t="s">
        <v>47266</v>
      </c>
      <c r="G15469" s="8">
        <v>285</v>
      </c>
      <c r="H15469" s="5">
        <v>6</v>
      </c>
      <c r="I15469" s="5" t="s">
        <v>1518</v>
      </c>
      <c r="J15469" s="5" t="s">
        <v>40939</v>
      </c>
      <c r="K15469" s="2" t="s">
        <v>40940</v>
      </c>
      <c r="L15469" s="5" t="s">
        <v>40939</v>
      </c>
      <c r="M15469" s="2" t="s">
        <v>40940</v>
      </c>
      <c r="N15469" s="5" t="s">
        <v>36266</v>
      </c>
      <c r="O15469" s="5" t="s">
        <v>38</v>
      </c>
      <c r="P15469" s="5" t="s">
        <v>39</v>
      </c>
      <c r="Q15469" s="5" t="s">
        <v>40</v>
      </c>
      <c r="R15469" s="5" t="s">
        <v>1522</v>
      </c>
      <c r="S15469" s="5" t="s">
        <v>1523</v>
      </c>
      <c r="T15469" s="5" t="s">
        <v>42</v>
      </c>
      <c r="U15469" s="2">
        <v>2.4889999999999999</v>
      </c>
      <c r="V15469" s="2">
        <v>1.9379999999999999</v>
      </c>
      <c r="W15469" s="2">
        <v>1.2999999999999999E-2</v>
      </c>
      <c r="X15469" s="2">
        <v>99.1</v>
      </c>
      <c r="Y15469" s="2">
        <v>7.6</v>
      </c>
      <c r="Z15469" s="2">
        <v>16.7</v>
      </c>
      <c r="AA15469" s="5"/>
      <c r="AB15469" s="5" t="s">
        <v>43</v>
      </c>
      <c r="AC15469" s="5" t="s">
        <v>44</v>
      </c>
      <c r="AD15469" s="2"/>
      <c r="AE15469" s="1"/>
    </row>
    <row r="15470" spans="1:31" ht="14.45">
      <c r="A15470" s="11"/>
      <c r="B15470" s="20"/>
      <c r="C15470" s="2" t="s">
        <v>47366</v>
      </c>
      <c r="D15470" s="14" t="s">
        <v>47367</v>
      </c>
      <c r="E15470" s="2" t="s">
        <v>47368</v>
      </c>
      <c r="F15470" s="2" t="s">
        <v>7208</v>
      </c>
      <c r="G15470" s="8">
        <v>265</v>
      </c>
      <c r="H15470" s="5">
        <v>6</v>
      </c>
      <c r="I15470" s="5" t="s">
        <v>1518</v>
      </c>
      <c r="J15470" s="5" t="s">
        <v>40939</v>
      </c>
      <c r="K15470" s="2" t="s">
        <v>40940</v>
      </c>
      <c r="L15470" s="5" t="s">
        <v>40939</v>
      </c>
      <c r="M15470" s="2" t="s">
        <v>40940</v>
      </c>
      <c r="N15470" s="5" t="s">
        <v>36266</v>
      </c>
      <c r="O15470" s="5" t="s">
        <v>38</v>
      </c>
      <c r="P15470" s="5" t="s">
        <v>39</v>
      </c>
      <c r="Q15470" s="5" t="s">
        <v>40</v>
      </c>
      <c r="R15470" s="5" t="s">
        <v>1522</v>
      </c>
      <c r="S15470" s="5" t="s">
        <v>1523</v>
      </c>
      <c r="T15470" s="5" t="s">
        <v>42</v>
      </c>
      <c r="U15470" s="2">
        <v>2.4950000000000001</v>
      </c>
      <c r="V15470" s="2">
        <v>1.944</v>
      </c>
      <c r="W15470" s="2">
        <v>1.2999999999999999E-2</v>
      </c>
      <c r="X15470" s="2">
        <v>99.1</v>
      </c>
      <c r="Y15470" s="2">
        <v>7.6</v>
      </c>
      <c r="Z15470" s="2">
        <v>16.7</v>
      </c>
      <c r="AA15470" s="5"/>
      <c r="AB15470" s="5" t="s">
        <v>43</v>
      </c>
      <c r="AC15470" s="5" t="s">
        <v>44</v>
      </c>
      <c r="AD15470" s="2"/>
      <c r="AE15470" s="1"/>
    </row>
    <row r="15471" spans="1:31" ht="14.45">
      <c r="A15471" s="11"/>
      <c r="B15471" s="20"/>
      <c r="C15471" s="2" t="s">
        <v>47369</v>
      </c>
      <c r="D15471" s="14" t="s">
        <v>47370</v>
      </c>
      <c r="E15471" s="2" t="s">
        <v>47371</v>
      </c>
      <c r="F15471" s="2" t="s">
        <v>40967</v>
      </c>
      <c r="G15471" s="8">
        <v>285</v>
      </c>
      <c r="H15471" s="5">
        <v>6</v>
      </c>
      <c r="I15471" s="5" t="s">
        <v>1518</v>
      </c>
      <c r="J15471" s="5" t="s">
        <v>40939</v>
      </c>
      <c r="K15471" s="2" t="s">
        <v>40940</v>
      </c>
      <c r="L15471" s="5" t="s">
        <v>40939</v>
      </c>
      <c r="M15471" s="2" t="s">
        <v>40940</v>
      </c>
      <c r="N15471" s="5" t="s">
        <v>36266</v>
      </c>
      <c r="O15471" s="5" t="s">
        <v>38</v>
      </c>
      <c r="P15471" s="5" t="s">
        <v>39</v>
      </c>
      <c r="Q15471" s="5" t="s">
        <v>40</v>
      </c>
      <c r="R15471" s="5" t="s">
        <v>1522</v>
      </c>
      <c r="S15471" s="5" t="s">
        <v>1523</v>
      </c>
      <c r="T15471" s="5" t="s">
        <v>42</v>
      </c>
      <c r="U15471" s="2">
        <v>2.4950000000000001</v>
      </c>
      <c r="V15471" s="2">
        <v>1.944</v>
      </c>
      <c r="W15471" s="2">
        <v>1.2999999999999999E-2</v>
      </c>
      <c r="X15471" s="2">
        <v>99.1</v>
      </c>
      <c r="Y15471" s="2">
        <v>7.6</v>
      </c>
      <c r="Z15471" s="2">
        <v>16.7</v>
      </c>
      <c r="AA15471" s="5"/>
      <c r="AB15471" s="5" t="s">
        <v>43</v>
      </c>
      <c r="AC15471" s="5" t="s">
        <v>44</v>
      </c>
      <c r="AD15471" s="2"/>
      <c r="AE15471" s="1"/>
    </row>
    <row r="15472" spans="1:31" ht="14.45">
      <c r="A15472" s="11"/>
      <c r="B15472" s="20"/>
      <c r="C15472" s="2" t="s">
        <v>47372</v>
      </c>
      <c r="D15472" s="14" t="s">
        <v>47373</v>
      </c>
      <c r="E15472" s="2" t="s">
        <v>47374</v>
      </c>
      <c r="F15472" s="2" t="s">
        <v>40989</v>
      </c>
      <c r="G15472" s="8">
        <v>285</v>
      </c>
      <c r="H15472" s="5">
        <v>6</v>
      </c>
      <c r="I15472" s="5" t="s">
        <v>1518</v>
      </c>
      <c r="J15472" s="5" t="s">
        <v>40939</v>
      </c>
      <c r="K15472" s="2" t="s">
        <v>40940</v>
      </c>
      <c r="L15472" s="5" t="s">
        <v>40939</v>
      </c>
      <c r="M15472" s="2" t="s">
        <v>40940</v>
      </c>
      <c r="N15472" s="5" t="s">
        <v>36266</v>
      </c>
      <c r="O15472" s="5" t="s">
        <v>38</v>
      </c>
      <c r="P15472" s="5" t="s">
        <v>39</v>
      </c>
      <c r="Q15472" s="5" t="s">
        <v>40</v>
      </c>
      <c r="R15472" s="5" t="s">
        <v>1522</v>
      </c>
      <c r="S15472" s="5" t="s">
        <v>1523</v>
      </c>
      <c r="T15472" s="5" t="s">
        <v>42</v>
      </c>
      <c r="U15472" s="2">
        <v>2.4950000000000001</v>
      </c>
      <c r="V15472" s="2">
        <v>1.944</v>
      </c>
      <c r="W15472" s="2">
        <v>1.2999999999999999E-2</v>
      </c>
      <c r="X15472" s="2">
        <v>99.1</v>
      </c>
      <c r="Y15472" s="2">
        <v>7.6</v>
      </c>
      <c r="Z15472" s="2">
        <v>16.7</v>
      </c>
      <c r="AA15472" s="5"/>
      <c r="AB15472" s="5" t="s">
        <v>43</v>
      </c>
      <c r="AC15472" s="5" t="s">
        <v>44</v>
      </c>
      <c r="AD15472" s="2"/>
      <c r="AE15472" s="1"/>
    </row>
    <row r="15473" spans="1:31" ht="14.45">
      <c r="A15473" s="11"/>
      <c r="B15473" s="20"/>
      <c r="C15473" s="2" t="s">
        <v>47375</v>
      </c>
      <c r="D15473" s="14" t="s">
        <v>47376</v>
      </c>
      <c r="E15473" s="2" t="s">
        <v>47377</v>
      </c>
      <c r="F15473" s="2" t="s">
        <v>40997</v>
      </c>
      <c r="G15473" s="8">
        <v>285</v>
      </c>
      <c r="H15473" s="5">
        <v>6</v>
      </c>
      <c r="I15473" s="5" t="s">
        <v>1518</v>
      </c>
      <c r="J15473" s="5" t="s">
        <v>40939</v>
      </c>
      <c r="K15473" s="2" t="s">
        <v>40940</v>
      </c>
      <c r="L15473" s="5" t="s">
        <v>40939</v>
      </c>
      <c r="M15473" s="2" t="s">
        <v>40940</v>
      </c>
      <c r="N15473" s="5" t="s">
        <v>36266</v>
      </c>
      <c r="O15473" s="5" t="s">
        <v>38</v>
      </c>
      <c r="P15473" s="5" t="s">
        <v>39</v>
      </c>
      <c r="Q15473" s="5" t="s">
        <v>40</v>
      </c>
      <c r="R15473" s="5" t="s">
        <v>1522</v>
      </c>
      <c r="S15473" s="5" t="s">
        <v>1523</v>
      </c>
      <c r="T15473" s="5" t="s">
        <v>42</v>
      </c>
      <c r="U15473" s="2">
        <v>2.472</v>
      </c>
      <c r="V15473" s="2">
        <v>1.921</v>
      </c>
      <c r="W15473" s="2">
        <v>1.2999999999999999E-2</v>
      </c>
      <c r="X15473" s="2">
        <v>99.1</v>
      </c>
      <c r="Y15473" s="2">
        <v>7.6</v>
      </c>
      <c r="Z15473" s="2">
        <v>16.7</v>
      </c>
      <c r="AA15473" s="5"/>
      <c r="AB15473" s="5" t="s">
        <v>43</v>
      </c>
      <c r="AC15473" s="5" t="s">
        <v>44</v>
      </c>
      <c r="AD15473" s="2"/>
      <c r="AE15473" s="1"/>
    </row>
    <row r="15474" spans="1:31" ht="14.45">
      <c r="A15474" s="11"/>
      <c r="B15474" s="20"/>
      <c r="C15474" s="2" t="s">
        <v>47378</v>
      </c>
      <c r="D15474" s="14" t="s">
        <v>47379</v>
      </c>
      <c r="E15474" s="2" t="s">
        <v>47380</v>
      </c>
      <c r="F15474" s="2" t="s">
        <v>41045</v>
      </c>
      <c r="G15474" s="8">
        <v>285</v>
      </c>
      <c r="H15474" s="5">
        <v>6</v>
      </c>
      <c r="I15474" s="5" t="s">
        <v>1518</v>
      </c>
      <c r="J15474" s="5" t="s">
        <v>40939</v>
      </c>
      <c r="K15474" s="2" t="s">
        <v>40940</v>
      </c>
      <c r="L15474" s="5" t="s">
        <v>40939</v>
      </c>
      <c r="M15474" s="2" t="s">
        <v>40940</v>
      </c>
      <c r="N15474" s="5" t="s">
        <v>36266</v>
      </c>
      <c r="O15474" s="5" t="s">
        <v>38</v>
      </c>
      <c r="P15474" s="5" t="s">
        <v>39</v>
      </c>
      <c r="Q15474" s="5" t="s">
        <v>40</v>
      </c>
      <c r="R15474" s="5" t="s">
        <v>1522</v>
      </c>
      <c r="S15474" s="5" t="s">
        <v>1523</v>
      </c>
      <c r="T15474" s="5" t="s">
        <v>42</v>
      </c>
      <c r="U15474" s="2">
        <v>2.5059999999999998</v>
      </c>
      <c r="V15474" s="2">
        <v>1.9550000000000001</v>
      </c>
      <c r="W15474" s="2">
        <v>1.2999999999999999E-2</v>
      </c>
      <c r="X15474" s="2">
        <v>99.1</v>
      </c>
      <c r="Y15474" s="2">
        <v>7.6</v>
      </c>
      <c r="Z15474" s="2">
        <v>16.7</v>
      </c>
      <c r="AA15474" s="5"/>
      <c r="AB15474" s="5" t="s">
        <v>43</v>
      </c>
      <c r="AC15474" s="5" t="s">
        <v>44</v>
      </c>
      <c r="AD15474" s="2"/>
      <c r="AE15474" s="1"/>
    </row>
    <row r="15475" spans="1:31" ht="14.45">
      <c r="A15475" s="11"/>
      <c r="B15475" s="20"/>
      <c r="C15475" s="2" t="s">
        <v>47381</v>
      </c>
      <c r="D15475" s="14" t="s">
        <v>47382</v>
      </c>
      <c r="E15475" s="2" t="s">
        <v>47383</v>
      </c>
      <c r="F15475" s="2" t="s">
        <v>7507</v>
      </c>
      <c r="G15475" s="8">
        <v>269</v>
      </c>
      <c r="H15475" s="5">
        <v>6</v>
      </c>
      <c r="I15475" s="5" t="s">
        <v>1518</v>
      </c>
      <c r="J15475" s="5" t="s">
        <v>40939</v>
      </c>
      <c r="K15475" s="2" t="s">
        <v>40940</v>
      </c>
      <c r="L15475" s="5" t="s">
        <v>40939</v>
      </c>
      <c r="M15475" s="2" t="s">
        <v>40940</v>
      </c>
      <c r="N15475" s="5" t="s">
        <v>36266</v>
      </c>
      <c r="O15475" s="5" t="s">
        <v>38</v>
      </c>
      <c r="P15475" s="5" t="s">
        <v>39</v>
      </c>
      <c r="Q15475" s="5" t="s">
        <v>40</v>
      </c>
      <c r="R15475" s="5" t="s">
        <v>1522</v>
      </c>
      <c r="S15475" s="5" t="s">
        <v>1523</v>
      </c>
      <c r="T15475" s="5" t="s">
        <v>42</v>
      </c>
      <c r="U15475" s="2">
        <v>2.7429999999999999</v>
      </c>
      <c r="V15475" s="2">
        <v>2.1920000000000002</v>
      </c>
      <c r="W15475" s="2">
        <v>1.4999999999999999E-2</v>
      </c>
      <c r="X15475" s="2">
        <v>118.9</v>
      </c>
      <c r="Y15475" s="2">
        <v>7.6</v>
      </c>
      <c r="Z15475" s="2">
        <v>16.7</v>
      </c>
      <c r="AA15475" s="5"/>
      <c r="AB15475" s="5" t="s">
        <v>43</v>
      </c>
      <c r="AC15475" s="5" t="s">
        <v>44</v>
      </c>
      <c r="AD15475" s="2"/>
      <c r="AE15475" s="1"/>
    </row>
    <row r="15476" spans="1:31" ht="14.45">
      <c r="A15476" s="11"/>
      <c r="B15476" s="20"/>
      <c r="C15476" s="2" t="s">
        <v>47384</v>
      </c>
      <c r="D15476" s="14" t="s">
        <v>47385</v>
      </c>
      <c r="E15476" s="2" t="s">
        <v>47386</v>
      </c>
      <c r="F15476" s="2" t="s">
        <v>7204</v>
      </c>
      <c r="G15476" s="8">
        <v>252</v>
      </c>
      <c r="H15476" s="5">
        <v>6</v>
      </c>
      <c r="I15476" s="5" t="s">
        <v>1518</v>
      </c>
      <c r="J15476" s="5" t="s">
        <v>40939</v>
      </c>
      <c r="K15476" s="2" t="s">
        <v>40940</v>
      </c>
      <c r="L15476" s="5" t="s">
        <v>40939</v>
      </c>
      <c r="M15476" s="2" t="s">
        <v>40940</v>
      </c>
      <c r="N15476" s="5" t="s">
        <v>36266</v>
      </c>
      <c r="O15476" s="5" t="s">
        <v>38</v>
      </c>
      <c r="P15476" s="5" t="s">
        <v>39</v>
      </c>
      <c r="Q15476" s="5" t="s">
        <v>40</v>
      </c>
      <c r="R15476" s="5" t="s">
        <v>1522</v>
      </c>
      <c r="S15476" s="5" t="s">
        <v>1523</v>
      </c>
      <c r="T15476" s="5" t="s">
        <v>42</v>
      </c>
      <c r="U15476" s="2">
        <v>2.2709999999999999</v>
      </c>
      <c r="V15476" s="2">
        <v>1.8009999999999999</v>
      </c>
      <c r="W15476" s="2">
        <v>1.0999999999999999E-2</v>
      </c>
      <c r="X15476" s="2">
        <v>82.9</v>
      </c>
      <c r="Y15476" s="2">
        <v>7.6</v>
      </c>
      <c r="Z15476" s="2">
        <v>16.7</v>
      </c>
      <c r="AA15476" s="5"/>
      <c r="AB15476" s="5" t="s">
        <v>43</v>
      </c>
      <c r="AC15476" s="5" t="s">
        <v>44</v>
      </c>
      <c r="AD15476" s="2"/>
      <c r="AE15476" s="1"/>
    </row>
    <row r="15477" spans="1:31" ht="14.45">
      <c r="A15477" s="11"/>
      <c r="B15477" s="20"/>
      <c r="C15477" s="2" t="s">
        <v>47387</v>
      </c>
      <c r="D15477" s="14" t="s">
        <v>47388</v>
      </c>
      <c r="E15477" s="2" t="s">
        <v>47389</v>
      </c>
      <c r="F15477" s="2" t="s">
        <v>7514</v>
      </c>
      <c r="G15477" s="8">
        <v>252</v>
      </c>
      <c r="H15477" s="5">
        <v>6</v>
      </c>
      <c r="I15477" s="5" t="s">
        <v>1518</v>
      </c>
      <c r="J15477" s="5" t="s">
        <v>40939</v>
      </c>
      <c r="K15477" s="2" t="s">
        <v>40940</v>
      </c>
      <c r="L15477" s="5" t="s">
        <v>40939</v>
      </c>
      <c r="M15477" s="2" t="s">
        <v>40940</v>
      </c>
      <c r="N15477" s="5" t="s">
        <v>36266</v>
      </c>
      <c r="O15477" s="5" t="s">
        <v>38</v>
      </c>
      <c r="P15477" s="5" t="s">
        <v>39</v>
      </c>
      <c r="Q15477" s="5" t="s">
        <v>40</v>
      </c>
      <c r="R15477" s="5" t="s">
        <v>1522</v>
      </c>
      <c r="S15477" s="5" t="s">
        <v>1523</v>
      </c>
      <c r="T15477" s="5" t="s">
        <v>42</v>
      </c>
      <c r="U15477" s="2">
        <v>2.3370000000000002</v>
      </c>
      <c r="V15477" s="2">
        <v>1.867</v>
      </c>
      <c r="W15477" s="2">
        <v>1.0999999999999999E-2</v>
      </c>
      <c r="X15477" s="2">
        <v>82.9</v>
      </c>
      <c r="Y15477" s="2">
        <v>7.6</v>
      </c>
      <c r="Z15477" s="2">
        <v>16.7</v>
      </c>
      <c r="AA15477" s="5"/>
      <c r="AB15477" s="5" t="s">
        <v>43</v>
      </c>
      <c r="AC15477" s="5" t="s">
        <v>44</v>
      </c>
      <c r="AD15477" s="2"/>
      <c r="AE15477" s="1"/>
    </row>
    <row r="15478" spans="1:31" ht="14.45">
      <c r="A15478" s="11"/>
      <c r="B15478" s="20"/>
      <c r="C15478" s="2" t="s">
        <v>47390</v>
      </c>
      <c r="D15478" s="14" t="s">
        <v>47391</v>
      </c>
      <c r="E15478" s="2" t="s">
        <v>47392</v>
      </c>
      <c r="F15478" s="2" t="s">
        <v>7208</v>
      </c>
      <c r="G15478" s="8">
        <v>252</v>
      </c>
      <c r="H15478" s="5">
        <v>6</v>
      </c>
      <c r="I15478" s="5" t="s">
        <v>1518</v>
      </c>
      <c r="J15478" s="5" t="s">
        <v>40939</v>
      </c>
      <c r="K15478" s="2" t="s">
        <v>40940</v>
      </c>
      <c r="L15478" s="5" t="s">
        <v>40939</v>
      </c>
      <c r="M15478" s="2" t="s">
        <v>40940</v>
      </c>
      <c r="N15478" s="5" t="s">
        <v>36266</v>
      </c>
      <c r="O15478" s="5" t="s">
        <v>38</v>
      </c>
      <c r="P15478" s="5" t="s">
        <v>39</v>
      </c>
      <c r="Q15478" s="5" t="s">
        <v>40</v>
      </c>
      <c r="R15478" s="5" t="s">
        <v>1522</v>
      </c>
      <c r="S15478" s="5" t="s">
        <v>1523</v>
      </c>
      <c r="T15478" s="5" t="s">
        <v>42</v>
      </c>
      <c r="U15478" s="2">
        <v>2.2869999999999999</v>
      </c>
      <c r="V15478" s="2">
        <v>1.8169999999999999</v>
      </c>
      <c r="W15478" s="2">
        <v>1.0999999999999999E-2</v>
      </c>
      <c r="X15478" s="2">
        <v>82.9</v>
      </c>
      <c r="Y15478" s="2">
        <v>7.6</v>
      </c>
      <c r="Z15478" s="2">
        <v>16.7</v>
      </c>
      <c r="AA15478" s="5"/>
      <c r="AB15478" s="5" t="s">
        <v>43</v>
      </c>
      <c r="AC15478" s="5" t="s">
        <v>44</v>
      </c>
      <c r="AD15478" s="2"/>
      <c r="AE15478" s="1"/>
    </row>
    <row r="15479" spans="1:31" ht="14.45">
      <c r="A15479" s="11"/>
      <c r="B15479" s="20"/>
      <c r="C15479" s="2" t="s">
        <v>47393</v>
      </c>
      <c r="D15479" s="14" t="s">
        <v>47394</v>
      </c>
      <c r="E15479" s="2" t="s">
        <v>47395</v>
      </c>
      <c r="F15479" s="2" t="s">
        <v>7521</v>
      </c>
      <c r="G15479" s="8">
        <v>252</v>
      </c>
      <c r="H15479" s="5">
        <v>6</v>
      </c>
      <c r="I15479" s="5" t="s">
        <v>1518</v>
      </c>
      <c r="J15479" s="5" t="s">
        <v>40939</v>
      </c>
      <c r="K15479" s="2" t="s">
        <v>40940</v>
      </c>
      <c r="L15479" s="5" t="s">
        <v>40939</v>
      </c>
      <c r="M15479" s="2" t="s">
        <v>40940</v>
      </c>
      <c r="N15479" s="5" t="s">
        <v>36266</v>
      </c>
      <c r="O15479" s="5" t="s">
        <v>38</v>
      </c>
      <c r="P15479" s="5" t="s">
        <v>39</v>
      </c>
      <c r="Q15479" s="5" t="s">
        <v>40</v>
      </c>
      <c r="R15479" s="5" t="s">
        <v>1522</v>
      </c>
      <c r="S15479" s="5" t="s">
        <v>1523</v>
      </c>
      <c r="T15479" s="5" t="s">
        <v>42</v>
      </c>
      <c r="U15479" s="2">
        <v>2.3530000000000002</v>
      </c>
      <c r="V15479" s="2">
        <v>1.883</v>
      </c>
      <c r="W15479" s="2">
        <v>1.0999999999999999E-2</v>
      </c>
      <c r="X15479" s="2">
        <v>82.9</v>
      </c>
      <c r="Y15479" s="2">
        <v>7.6</v>
      </c>
      <c r="Z15479" s="2">
        <v>16.7</v>
      </c>
      <c r="AA15479" s="5"/>
      <c r="AB15479" s="5" t="s">
        <v>43</v>
      </c>
      <c r="AC15479" s="5" t="s">
        <v>44</v>
      </c>
      <c r="AD15479" s="2"/>
      <c r="AE15479" s="1"/>
    </row>
    <row r="15480" spans="1:31" ht="14.45">
      <c r="A15480" s="11"/>
      <c r="B15480" s="20"/>
      <c r="C15480" s="2" t="s">
        <v>47396</v>
      </c>
      <c r="D15480" s="14" t="s">
        <v>47397</v>
      </c>
      <c r="E15480" s="2" t="s">
        <v>47398</v>
      </c>
      <c r="F15480" s="2" t="s">
        <v>40971</v>
      </c>
      <c r="G15480" s="8">
        <v>270</v>
      </c>
      <c r="H15480" s="5">
        <v>6</v>
      </c>
      <c r="I15480" s="5" t="s">
        <v>1518</v>
      </c>
      <c r="J15480" s="5" t="s">
        <v>40939</v>
      </c>
      <c r="K15480" s="2" t="s">
        <v>40940</v>
      </c>
      <c r="L15480" s="5" t="s">
        <v>40939</v>
      </c>
      <c r="M15480" s="2" t="s">
        <v>40940</v>
      </c>
      <c r="N15480" s="5" t="s">
        <v>36266</v>
      </c>
      <c r="O15480" s="5" t="s">
        <v>38</v>
      </c>
      <c r="P15480" s="5" t="s">
        <v>39</v>
      </c>
      <c r="Q15480" s="5" t="s">
        <v>40</v>
      </c>
      <c r="R15480" s="5" t="s">
        <v>1522</v>
      </c>
      <c r="S15480" s="5" t="s">
        <v>1523</v>
      </c>
      <c r="T15480" s="5" t="s">
        <v>42</v>
      </c>
      <c r="U15480" s="2">
        <v>2.3530000000000002</v>
      </c>
      <c r="V15480" s="2">
        <v>1.883</v>
      </c>
      <c r="W15480" s="2">
        <v>1.0999999999999999E-2</v>
      </c>
      <c r="X15480" s="2">
        <v>82.9</v>
      </c>
      <c r="Y15480" s="2">
        <v>7.6</v>
      </c>
      <c r="Z15480" s="2">
        <v>16.7</v>
      </c>
      <c r="AA15480" s="5"/>
      <c r="AB15480" s="5" t="s">
        <v>43</v>
      </c>
      <c r="AC15480" s="5" t="s">
        <v>44</v>
      </c>
      <c r="AD15480" s="2"/>
      <c r="AE15480" s="1"/>
    </row>
    <row r="15481" spans="1:31" ht="14.45">
      <c r="A15481" s="11"/>
      <c r="B15481" s="20"/>
      <c r="C15481" s="2" t="s">
        <v>47399</v>
      </c>
      <c r="D15481" s="14" t="s">
        <v>47400</v>
      </c>
      <c r="E15481" s="2" t="s">
        <v>47401</v>
      </c>
      <c r="F15481" s="2" t="s">
        <v>7507</v>
      </c>
      <c r="G15481" s="8">
        <v>252</v>
      </c>
      <c r="H15481" s="5">
        <v>6</v>
      </c>
      <c r="I15481" s="5" t="s">
        <v>1518</v>
      </c>
      <c r="J15481" s="5" t="s">
        <v>40939</v>
      </c>
      <c r="K15481" s="2" t="s">
        <v>40940</v>
      </c>
      <c r="L15481" s="5" t="s">
        <v>40939</v>
      </c>
      <c r="M15481" s="2" t="s">
        <v>40940</v>
      </c>
      <c r="N15481" s="5" t="s">
        <v>36266</v>
      </c>
      <c r="O15481" s="5" t="s">
        <v>38</v>
      </c>
      <c r="P15481" s="5" t="s">
        <v>39</v>
      </c>
      <c r="Q15481" s="5" t="s">
        <v>40</v>
      </c>
      <c r="R15481" s="5" t="s">
        <v>1522</v>
      </c>
      <c r="S15481" s="5" t="s">
        <v>1523</v>
      </c>
      <c r="T15481" s="5" t="s">
        <v>42</v>
      </c>
      <c r="U15481" s="2">
        <v>2.3580000000000001</v>
      </c>
      <c r="V15481" s="2">
        <v>1.8879999999999999</v>
      </c>
      <c r="W15481" s="2">
        <v>1.0999999999999999E-2</v>
      </c>
      <c r="X15481" s="2">
        <v>82.9</v>
      </c>
      <c r="Y15481" s="2">
        <v>7.6</v>
      </c>
      <c r="Z15481" s="2">
        <v>16.7</v>
      </c>
      <c r="AA15481" s="5"/>
      <c r="AB15481" s="5" t="s">
        <v>43</v>
      </c>
      <c r="AC15481" s="5" t="s">
        <v>44</v>
      </c>
      <c r="AD15481" s="2"/>
      <c r="AE15481" s="1"/>
    </row>
    <row r="15482" spans="1:31" ht="14.45">
      <c r="A15482" s="11"/>
      <c r="B15482" s="20"/>
      <c r="C15482" s="2" t="s">
        <v>47402</v>
      </c>
      <c r="D15482" s="14" t="s">
        <v>47403</v>
      </c>
      <c r="E15482" s="2" t="s">
        <v>47404</v>
      </c>
      <c r="F15482" s="2" t="s">
        <v>41027</v>
      </c>
      <c r="G15482" s="8">
        <v>270</v>
      </c>
      <c r="H15482" s="5">
        <v>6</v>
      </c>
      <c r="I15482" s="5" t="s">
        <v>1518</v>
      </c>
      <c r="J15482" s="5" t="s">
        <v>40939</v>
      </c>
      <c r="K15482" s="2" t="s">
        <v>40940</v>
      </c>
      <c r="L15482" s="5" t="s">
        <v>40939</v>
      </c>
      <c r="M15482" s="2" t="s">
        <v>40940</v>
      </c>
      <c r="N15482" s="5" t="s">
        <v>36266</v>
      </c>
      <c r="O15482" s="5" t="s">
        <v>38</v>
      </c>
      <c r="P15482" s="5" t="s">
        <v>39</v>
      </c>
      <c r="Q15482" s="5" t="s">
        <v>40</v>
      </c>
      <c r="R15482" s="5" t="s">
        <v>1522</v>
      </c>
      <c r="S15482" s="5" t="s">
        <v>1523</v>
      </c>
      <c r="T15482" s="5" t="s">
        <v>42</v>
      </c>
      <c r="U15482" s="2">
        <v>2.3319999999999999</v>
      </c>
      <c r="V15482" s="2">
        <v>1.8620000000000001</v>
      </c>
      <c r="W15482" s="2">
        <v>1.0999999999999999E-2</v>
      </c>
      <c r="X15482" s="2">
        <v>82.9</v>
      </c>
      <c r="Y15482" s="2">
        <v>7.6</v>
      </c>
      <c r="Z15482" s="2">
        <v>16.7</v>
      </c>
      <c r="AA15482" s="5"/>
      <c r="AB15482" s="5" t="s">
        <v>43</v>
      </c>
      <c r="AC15482" s="5" t="s">
        <v>44</v>
      </c>
      <c r="AD15482" s="2"/>
      <c r="AE15482" s="1"/>
    </row>
    <row r="15483" spans="1:31" ht="14.45">
      <c r="A15483" s="11"/>
      <c r="B15483" s="20"/>
      <c r="C15483" s="2" t="s">
        <v>47405</v>
      </c>
      <c r="D15483" s="14" t="s">
        <v>47406</v>
      </c>
      <c r="E15483" s="2" t="s">
        <v>47407</v>
      </c>
      <c r="F15483" s="2" t="s">
        <v>7581</v>
      </c>
      <c r="G15483" s="8">
        <v>270</v>
      </c>
      <c r="H15483" s="5">
        <v>6</v>
      </c>
      <c r="I15483" s="5" t="s">
        <v>1518</v>
      </c>
      <c r="J15483" s="5" t="s">
        <v>40939</v>
      </c>
      <c r="K15483" s="2" t="s">
        <v>40940</v>
      </c>
      <c r="L15483" s="5" t="s">
        <v>40939</v>
      </c>
      <c r="M15483" s="2" t="s">
        <v>40940</v>
      </c>
      <c r="N15483" s="5" t="s">
        <v>36266</v>
      </c>
      <c r="O15483" s="5" t="s">
        <v>38</v>
      </c>
      <c r="P15483" s="5" t="s">
        <v>39</v>
      </c>
      <c r="Q15483" s="5" t="s">
        <v>40</v>
      </c>
      <c r="R15483" s="5" t="s">
        <v>1522</v>
      </c>
      <c r="S15483" s="5" t="s">
        <v>1523</v>
      </c>
      <c r="T15483" s="5" t="s">
        <v>42</v>
      </c>
      <c r="U15483" s="2">
        <v>2.3319999999999999</v>
      </c>
      <c r="V15483" s="2">
        <v>1.8620000000000001</v>
      </c>
      <c r="W15483" s="2">
        <v>1.0999999999999999E-2</v>
      </c>
      <c r="X15483" s="2">
        <v>82.9</v>
      </c>
      <c r="Y15483" s="2">
        <v>7.6</v>
      </c>
      <c r="Z15483" s="2">
        <v>16.7</v>
      </c>
      <c r="AA15483" s="5"/>
      <c r="AB15483" s="5" t="s">
        <v>43</v>
      </c>
      <c r="AC15483" s="5" t="s">
        <v>44</v>
      </c>
      <c r="AD15483" s="2"/>
      <c r="AE15483" s="1"/>
    </row>
    <row r="15484" spans="1:31" ht="14.45">
      <c r="A15484" s="11"/>
      <c r="B15484" s="20"/>
      <c r="C15484" s="2" t="s">
        <v>47408</v>
      </c>
      <c r="D15484" s="14" t="s">
        <v>47409</v>
      </c>
      <c r="E15484" s="2" t="s">
        <v>47410</v>
      </c>
      <c r="F15484" s="2" t="s">
        <v>7204</v>
      </c>
      <c r="G15484" s="8">
        <v>265</v>
      </c>
      <c r="H15484" s="5">
        <v>6</v>
      </c>
      <c r="I15484" s="5" t="s">
        <v>1518</v>
      </c>
      <c r="J15484" s="5" t="s">
        <v>40939</v>
      </c>
      <c r="K15484" s="2" t="s">
        <v>40940</v>
      </c>
      <c r="L15484" s="5" t="s">
        <v>40939</v>
      </c>
      <c r="M15484" s="2" t="s">
        <v>40940</v>
      </c>
      <c r="N15484" s="5" t="s">
        <v>36266</v>
      </c>
      <c r="O15484" s="5" t="s">
        <v>38</v>
      </c>
      <c r="P15484" s="5" t="s">
        <v>39</v>
      </c>
      <c r="Q15484" s="5" t="s">
        <v>40</v>
      </c>
      <c r="R15484" s="5" t="s">
        <v>1522</v>
      </c>
      <c r="S15484" s="5" t="s">
        <v>1523</v>
      </c>
      <c r="T15484" s="5" t="s">
        <v>42</v>
      </c>
      <c r="U15484" s="2">
        <v>2.5089999999999999</v>
      </c>
      <c r="V15484" s="2">
        <v>1.952</v>
      </c>
      <c r="W15484" s="2">
        <v>1.4999999999999999E-2</v>
      </c>
      <c r="X15484" s="2">
        <v>118.9</v>
      </c>
      <c r="Y15484" s="2">
        <v>7.6</v>
      </c>
      <c r="Z15484" s="2">
        <v>16.7</v>
      </c>
      <c r="AA15484" s="5"/>
      <c r="AB15484" s="5" t="s">
        <v>43</v>
      </c>
      <c r="AC15484" s="5" t="s">
        <v>44</v>
      </c>
      <c r="AD15484" s="2"/>
      <c r="AE15484" s="1"/>
    </row>
    <row r="15485" spans="1:31" ht="14.45">
      <c r="A15485" s="11"/>
      <c r="B15485" s="20"/>
      <c r="C15485" s="2" t="s">
        <v>47411</v>
      </c>
      <c r="D15485" s="14" t="s">
        <v>47412</v>
      </c>
      <c r="E15485" s="2" t="s">
        <v>47413</v>
      </c>
      <c r="F15485" s="2" t="s">
        <v>7514</v>
      </c>
      <c r="G15485" s="8">
        <v>265</v>
      </c>
      <c r="H15485" s="5">
        <v>6</v>
      </c>
      <c r="I15485" s="5" t="s">
        <v>1518</v>
      </c>
      <c r="J15485" s="5" t="s">
        <v>40939</v>
      </c>
      <c r="K15485" s="2" t="s">
        <v>40940</v>
      </c>
      <c r="L15485" s="5" t="s">
        <v>40939</v>
      </c>
      <c r="M15485" s="2" t="s">
        <v>40940</v>
      </c>
      <c r="N15485" s="5" t="s">
        <v>36266</v>
      </c>
      <c r="O15485" s="5" t="s">
        <v>38</v>
      </c>
      <c r="P15485" s="5" t="s">
        <v>39</v>
      </c>
      <c r="Q15485" s="5" t="s">
        <v>40</v>
      </c>
      <c r="R15485" s="5" t="s">
        <v>1522</v>
      </c>
      <c r="S15485" s="5" t="s">
        <v>1523</v>
      </c>
      <c r="T15485" s="5" t="s">
        <v>42</v>
      </c>
      <c r="U15485" s="2">
        <v>2.5859999999999999</v>
      </c>
      <c r="V15485" s="2">
        <v>2.0289999999999999</v>
      </c>
      <c r="W15485" s="2">
        <v>1.4999999999999999E-2</v>
      </c>
      <c r="X15485" s="2">
        <v>118.9</v>
      </c>
      <c r="Y15485" s="2">
        <v>7.6</v>
      </c>
      <c r="Z15485" s="2">
        <v>16.7</v>
      </c>
      <c r="AA15485" s="5"/>
      <c r="AB15485" s="5" t="s">
        <v>43</v>
      </c>
      <c r="AC15485" s="5" t="s">
        <v>44</v>
      </c>
      <c r="AD15485" s="2"/>
      <c r="AE15485" s="1"/>
    </row>
    <row r="15486" spans="1:31" ht="14.45">
      <c r="A15486" s="11"/>
      <c r="B15486" s="20"/>
      <c r="C15486" s="2" t="s">
        <v>47414</v>
      </c>
      <c r="D15486" s="14" t="s">
        <v>47415</v>
      </c>
      <c r="E15486" s="2" t="s">
        <v>47416</v>
      </c>
      <c r="F15486" s="2" t="s">
        <v>47266</v>
      </c>
      <c r="G15486" s="8">
        <v>285</v>
      </c>
      <c r="H15486" s="5">
        <v>6</v>
      </c>
      <c r="I15486" s="5" t="s">
        <v>1518</v>
      </c>
      <c r="J15486" s="5" t="s">
        <v>40939</v>
      </c>
      <c r="K15486" s="2" t="s">
        <v>40940</v>
      </c>
      <c r="L15486" s="5" t="s">
        <v>40939</v>
      </c>
      <c r="M15486" s="2" t="s">
        <v>40940</v>
      </c>
      <c r="N15486" s="5" t="s">
        <v>36266</v>
      </c>
      <c r="O15486" s="5" t="s">
        <v>38</v>
      </c>
      <c r="P15486" s="5" t="s">
        <v>39</v>
      </c>
      <c r="Q15486" s="5" t="s">
        <v>40</v>
      </c>
      <c r="R15486" s="5" t="s">
        <v>1522</v>
      </c>
      <c r="S15486" s="5" t="s">
        <v>1523</v>
      </c>
      <c r="T15486" s="5" t="s">
        <v>42</v>
      </c>
      <c r="U15486" s="2">
        <v>2.5209999999999999</v>
      </c>
      <c r="V15486" s="2">
        <v>1.964</v>
      </c>
      <c r="W15486" s="2">
        <v>1.4999999999999999E-2</v>
      </c>
      <c r="X15486" s="2">
        <v>118.9</v>
      </c>
      <c r="Y15486" s="2">
        <v>7.6</v>
      </c>
      <c r="Z15486" s="2">
        <v>16.7</v>
      </c>
      <c r="AA15486" s="5"/>
      <c r="AB15486" s="5" t="s">
        <v>43</v>
      </c>
      <c r="AC15486" s="5" t="s">
        <v>44</v>
      </c>
      <c r="AD15486" s="2"/>
      <c r="AE15486" s="1"/>
    </row>
    <row r="15487" spans="1:31" ht="14.45">
      <c r="A15487" s="11"/>
      <c r="B15487" s="20"/>
      <c r="C15487" s="2" t="s">
        <v>47417</v>
      </c>
      <c r="D15487" s="14" t="s">
        <v>47418</v>
      </c>
      <c r="E15487" s="2" t="s">
        <v>47419</v>
      </c>
      <c r="F15487" s="2" t="s">
        <v>47195</v>
      </c>
      <c r="G15487" s="8">
        <v>285</v>
      </c>
      <c r="H15487" s="5">
        <v>6</v>
      </c>
      <c r="I15487" s="5" t="s">
        <v>1518</v>
      </c>
      <c r="J15487" s="5" t="s">
        <v>40939</v>
      </c>
      <c r="K15487" s="2" t="s">
        <v>40940</v>
      </c>
      <c r="L15487" s="5" t="s">
        <v>40939</v>
      </c>
      <c r="M15487" s="2" t="s">
        <v>40940</v>
      </c>
      <c r="N15487" s="5" t="s">
        <v>36266</v>
      </c>
      <c r="O15487" s="5" t="s">
        <v>38</v>
      </c>
      <c r="P15487" s="5" t="s">
        <v>39</v>
      </c>
      <c r="Q15487" s="5" t="s">
        <v>40</v>
      </c>
      <c r="R15487" s="5" t="s">
        <v>1522</v>
      </c>
      <c r="S15487" s="5" t="s">
        <v>1523</v>
      </c>
      <c r="T15487" s="5" t="s">
        <v>42</v>
      </c>
      <c r="U15487" s="2">
        <v>2.5979999999999999</v>
      </c>
      <c r="V15487" s="2">
        <v>2.0409999999999999</v>
      </c>
      <c r="W15487" s="2">
        <v>1.4999999999999999E-2</v>
      </c>
      <c r="X15487" s="2">
        <v>118.9</v>
      </c>
      <c r="Y15487" s="2">
        <v>7.6</v>
      </c>
      <c r="Z15487" s="2">
        <v>16.7</v>
      </c>
      <c r="AA15487" s="5"/>
      <c r="AB15487" s="5" t="s">
        <v>43</v>
      </c>
      <c r="AC15487" s="5" t="s">
        <v>44</v>
      </c>
      <c r="AD15487" s="2"/>
      <c r="AE15487" s="1"/>
    </row>
    <row r="15488" spans="1:31" ht="14.45">
      <c r="A15488" s="11"/>
      <c r="B15488" s="20"/>
      <c r="C15488" s="2" t="s">
        <v>47420</v>
      </c>
      <c r="D15488" s="14" t="s">
        <v>47421</v>
      </c>
      <c r="E15488" s="2" t="s">
        <v>47422</v>
      </c>
      <c r="F15488" s="2" t="s">
        <v>7208</v>
      </c>
      <c r="G15488" s="8">
        <v>265</v>
      </c>
      <c r="H15488" s="5">
        <v>6</v>
      </c>
      <c r="I15488" s="5" t="s">
        <v>1518</v>
      </c>
      <c r="J15488" s="5" t="s">
        <v>40939</v>
      </c>
      <c r="K15488" s="2" t="s">
        <v>40940</v>
      </c>
      <c r="L15488" s="5" t="s">
        <v>40939</v>
      </c>
      <c r="M15488" s="2" t="s">
        <v>40940</v>
      </c>
      <c r="N15488" s="5" t="s">
        <v>36266</v>
      </c>
      <c r="O15488" s="5" t="s">
        <v>38</v>
      </c>
      <c r="P15488" s="5" t="s">
        <v>39</v>
      </c>
      <c r="Q15488" s="5" t="s">
        <v>40</v>
      </c>
      <c r="R15488" s="5" t="s">
        <v>1522</v>
      </c>
      <c r="S15488" s="5" t="s">
        <v>1523</v>
      </c>
      <c r="T15488" s="5" t="s">
        <v>42</v>
      </c>
      <c r="U15488" s="2">
        <v>2.5270000000000001</v>
      </c>
      <c r="V15488" s="2">
        <v>1.97</v>
      </c>
      <c r="W15488" s="2">
        <v>1.4999999999999999E-2</v>
      </c>
      <c r="X15488" s="2">
        <v>118.9</v>
      </c>
      <c r="Y15488" s="2">
        <v>7.6</v>
      </c>
      <c r="Z15488" s="2">
        <v>16.7</v>
      </c>
      <c r="AA15488" s="5"/>
      <c r="AB15488" s="5" t="s">
        <v>43</v>
      </c>
      <c r="AC15488" s="5" t="s">
        <v>44</v>
      </c>
      <c r="AD15488" s="2"/>
      <c r="AE15488" s="1"/>
    </row>
    <row r="15489" spans="1:31" ht="14.45">
      <c r="A15489" s="11"/>
      <c r="B15489" s="20"/>
      <c r="C15489" s="2" t="s">
        <v>47423</v>
      </c>
      <c r="D15489" s="14" t="s">
        <v>47424</v>
      </c>
      <c r="E15489" s="2" t="s">
        <v>47425</v>
      </c>
      <c r="F15489" s="2" t="s">
        <v>7521</v>
      </c>
      <c r="G15489" s="8">
        <v>265</v>
      </c>
      <c r="H15489" s="5">
        <v>6</v>
      </c>
      <c r="I15489" s="5" t="s">
        <v>1518</v>
      </c>
      <c r="J15489" s="5" t="s">
        <v>40939</v>
      </c>
      <c r="K15489" s="2" t="s">
        <v>40940</v>
      </c>
      <c r="L15489" s="5" t="s">
        <v>40939</v>
      </c>
      <c r="M15489" s="2" t="s">
        <v>40940</v>
      </c>
      <c r="N15489" s="5" t="s">
        <v>36266</v>
      </c>
      <c r="O15489" s="5" t="s">
        <v>38</v>
      </c>
      <c r="P15489" s="5" t="s">
        <v>39</v>
      </c>
      <c r="Q15489" s="5" t="s">
        <v>40</v>
      </c>
      <c r="R15489" s="5" t="s">
        <v>1522</v>
      </c>
      <c r="S15489" s="5" t="s">
        <v>1523</v>
      </c>
      <c r="T15489" s="5" t="s">
        <v>42</v>
      </c>
      <c r="U15489" s="2">
        <v>2.6040000000000001</v>
      </c>
      <c r="V15489" s="2">
        <v>2.0470000000000002</v>
      </c>
      <c r="W15489" s="2">
        <v>1.4999999999999999E-2</v>
      </c>
      <c r="X15489" s="2">
        <v>118.9</v>
      </c>
      <c r="Y15489" s="2">
        <v>7.6</v>
      </c>
      <c r="Z15489" s="2">
        <v>16.7</v>
      </c>
      <c r="AA15489" s="5"/>
      <c r="AB15489" s="5" t="s">
        <v>43</v>
      </c>
      <c r="AC15489" s="5" t="s">
        <v>44</v>
      </c>
      <c r="AD15489" s="2"/>
      <c r="AE15489" s="1"/>
    </row>
    <row r="15490" spans="1:31" ht="14.45">
      <c r="A15490" s="11"/>
      <c r="B15490" s="20"/>
      <c r="C15490" s="2" t="s">
        <v>47426</v>
      </c>
      <c r="D15490" s="14" t="s">
        <v>47427</v>
      </c>
      <c r="E15490" s="2" t="s">
        <v>47428</v>
      </c>
      <c r="F15490" s="2" t="s">
        <v>36273</v>
      </c>
      <c r="G15490" s="8">
        <v>265</v>
      </c>
      <c r="H15490" s="5">
        <v>6</v>
      </c>
      <c r="I15490" s="5" t="s">
        <v>1518</v>
      </c>
      <c r="J15490" s="5" t="s">
        <v>40939</v>
      </c>
      <c r="K15490" s="2" t="s">
        <v>40940</v>
      </c>
      <c r="L15490" s="5" t="s">
        <v>40939</v>
      </c>
      <c r="M15490" s="2" t="s">
        <v>40940</v>
      </c>
      <c r="N15490" s="5" t="s">
        <v>36266</v>
      </c>
      <c r="O15490" s="5" t="s">
        <v>38</v>
      </c>
      <c r="P15490" s="5" t="s">
        <v>39</v>
      </c>
      <c r="Q15490" s="5" t="s">
        <v>40</v>
      </c>
      <c r="R15490" s="5" t="s">
        <v>1522</v>
      </c>
      <c r="S15490" s="5" t="s">
        <v>1523</v>
      </c>
      <c r="T15490" s="5" t="s">
        <v>42</v>
      </c>
      <c r="U15490" s="2">
        <v>2.5390000000000001</v>
      </c>
      <c r="V15490" s="2">
        <v>1.982</v>
      </c>
      <c r="W15490" s="2">
        <v>1.4999999999999999E-2</v>
      </c>
      <c r="X15490" s="2">
        <v>118.9</v>
      </c>
      <c r="Y15490" s="2">
        <v>7.6</v>
      </c>
      <c r="Z15490" s="2">
        <v>16.7</v>
      </c>
      <c r="AA15490" s="5"/>
      <c r="AB15490" s="5" t="s">
        <v>43</v>
      </c>
      <c r="AC15490" s="5" t="s">
        <v>44</v>
      </c>
      <c r="AD15490" s="2"/>
      <c r="AE15490" s="1"/>
    </row>
    <row r="15491" spans="1:31" ht="14.45">
      <c r="A15491" s="11"/>
      <c r="B15491" s="20"/>
      <c r="C15491" s="2" t="s">
        <v>47429</v>
      </c>
      <c r="D15491" s="14" t="s">
        <v>47430</v>
      </c>
      <c r="E15491" s="2" t="s">
        <v>47431</v>
      </c>
      <c r="F15491" s="2" t="s">
        <v>36277</v>
      </c>
      <c r="G15491" s="8">
        <v>265</v>
      </c>
      <c r="H15491" s="5">
        <v>6</v>
      </c>
      <c r="I15491" s="5" t="s">
        <v>1518</v>
      </c>
      <c r="J15491" s="5" t="s">
        <v>40939</v>
      </c>
      <c r="K15491" s="2" t="s">
        <v>40940</v>
      </c>
      <c r="L15491" s="5" t="s">
        <v>40939</v>
      </c>
      <c r="M15491" s="2" t="s">
        <v>40940</v>
      </c>
      <c r="N15491" s="5" t="s">
        <v>36266</v>
      </c>
      <c r="O15491" s="5" t="s">
        <v>38</v>
      </c>
      <c r="P15491" s="5" t="s">
        <v>39</v>
      </c>
      <c r="Q15491" s="5" t="s">
        <v>40</v>
      </c>
      <c r="R15491" s="5" t="s">
        <v>1522</v>
      </c>
      <c r="S15491" s="5" t="s">
        <v>1523</v>
      </c>
      <c r="T15491" s="5" t="s">
        <v>42</v>
      </c>
      <c r="U15491" s="2">
        <v>2.6160000000000001</v>
      </c>
      <c r="V15491" s="2">
        <v>2.0590000000000002</v>
      </c>
      <c r="W15491" s="2">
        <v>1.4999999999999999E-2</v>
      </c>
      <c r="X15491" s="2">
        <v>118.9</v>
      </c>
      <c r="Y15491" s="2">
        <v>7.6</v>
      </c>
      <c r="Z15491" s="2">
        <v>16.7</v>
      </c>
      <c r="AA15491" s="5"/>
      <c r="AB15491" s="5" t="s">
        <v>43</v>
      </c>
      <c r="AC15491" s="5" t="s">
        <v>44</v>
      </c>
      <c r="AD15491" s="2"/>
      <c r="AE15491" s="1"/>
    </row>
    <row r="15492" spans="1:31" ht="14.45">
      <c r="A15492" s="11"/>
      <c r="B15492" s="20"/>
      <c r="C15492" s="2" t="s">
        <v>47432</v>
      </c>
      <c r="D15492" s="14" t="s">
        <v>47433</v>
      </c>
      <c r="E15492" s="2" t="s">
        <v>47434</v>
      </c>
      <c r="F15492" s="2" t="s">
        <v>40967</v>
      </c>
      <c r="G15492" s="8">
        <v>285</v>
      </c>
      <c r="H15492" s="5">
        <v>6</v>
      </c>
      <c r="I15492" s="5" t="s">
        <v>1518</v>
      </c>
      <c r="J15492" s="5" t="s">
        <v>40939</v>
      </c>
      <c r="K15492" s="2" t="s">
        <v>40940</v>
      </c>
      <c r="L15492" s="5" t="s">
        <v>40939</v>
      </c>
      <c r="M15492" s="2" t="s">
        <v>40940</v>
      </c>
      <c r="N15492" s="5" t="s">
        <v>36266</v>
      </c>
      <c r="O15492" s="5" t="s">
        <v>38</v>
      </c>
      <c r="P15492" s="5" t="s">
        <v>39</v>
      </c>
      <c r="Q15492" s="5" t="s">
        <v>40</v>
      </c>
      <c r="R15492" s="5" t="s">
        <v>1522</v>
      </c>
      <c r="S15492" s="5" t="s">
        <v>1523</v>
      </c>
      <c r="T15492" s="5" t="s">
        <v>42</v>
      </c>
      <c r="U15492" s="2">
        <v>2.5270000000000001</v>
      </c>
      <c r="V15492" s="2">
        <v>1.97</v>
      </c>
      <c r="W15492" s="2">
        <v>1.4999999999999999E-2</v>
      </c>
      <c r="X15492" s="2">
        <v>118.9</v>
      </c>
      <c r="Y15492" s="2">
        <v>7.6</v>
      </c>
      <c r="Z15492" s="2">
        <v>16.7</v>
      </c>
      <c r="AA15492" s="5"/>
      <c r="AB15492" s="5" t="s">
        <v>43</v>
      </c>
      <c r="AC15492" s="5" t="s">
        <v>44</v>
      </c>
      <c r="AD15492" s="2"/>
      <c r="AE15492" s="1"/>
    </row>
    <row r="15493" spans="1:31" ht="14.45">
      <c r="A15493" s="11"/>
      <c r="B15493" s="20"/>
      <c r="C15493" s="2" t="s">
        <v>47435</v>
      </c>
      <c r="D15493" s="14" t="s">
        <v>47436</v>
      </c>
      <c r="E15493" s="2" t="s">
        <v>47437</v>
      </c>
      <c r="F15493" s="2" t="s">
        <v>40971</v>
      </c>
      <c r="G15493" s="8">
        <v>285</v>
      </c>
      <c r="H15493" s="5">
        <v>6</v>
      </c>
      <c r="I15493" s="5" t="s">
        <v>1518</v>
      </c>
      <c r="J15493" s="5" t="s">
        <v>40939</v>
      </c>
      <c r="K15493" s="2" t="s">
        <v>40940</v>
      </c>
      <c r="L15493" s="5" t="s">
        <v>40939</v>
      </c>
      <c r="M15493" s="2" t="s">
        <v>40940</v>
      </c>
      <c r="N15493" s="5" t="s">
        <v>36266</v>
      </c>
      <c r="O15493" s="5" t="s">
        <v>38</v>
      </c>
      <c r="P15493" s="5" t="s">
        <v>39</v>
      </c>
      <c r="Q15493" s="5" t="s">
        <v>40</v>
      </c>
      <c r="R15493" s="5" t="s">
        <v>1522</v>
      </c>
      <c r="S15493" s="5" t="s">
        <v>1523</v>
      </c>
      <c r="T15493" s="5" t="s">
        <v>42</v>
      </c>
      <c r="U15493" s="2">
        <v>2.6040000000000001</v>
      </c>
      <c r="V15493" s="2">
        <v>2.0470000000000002</v>
      </c>
      <c r="W15493" s="2">
        <v>1.4999999999999999E-2</v>
      </c>
      <c r="X15493" s="2">
        <v>118.9</v>
      </c>
      <c r="Y15493" s="2">
        <v>7.6</v>
      </c>
      <c r="Z15493" s="2">
        <v>16.7</v>
      </c>
      <c r="AA15493" s="5"/>
      <c r="AB15493" s="5" t="s">
        <v>43</v>
      </c>
      <c r="AC15493" s="5" t="s">
        <v>44</v>
      </c>
      <c r="AD15493" s="2"/>
      <c r="AE15493" s="1"/>
    </row>
    <row r="15494" spans="1:31" ht="14.45">
      <c r="A15494" s="11"/>
      <c r="B15494" s="20"/>
      <c r="C15494" s="2" t="s">
        <v>47438</v>
      </c>
      <c r="D15494" s="14" t="s">
        <v>47439</v>
      </c>
      <c r="E15494" s="2" t="s">
        <v>47440</v>
      </c>
      <c r="F15494" s="2" t="s">
        <v>40989</v>
      </c>
      <c r="G15494" s="8">
        <v>285</v>
      </c>
      <c r="H15494" s="5">
        <v>6</v>
      </c>
      <c r="I15494" s="5" t="s">
        <v>1518</v>
      </c>
      <c r="J15494" s="5" t="s">
        <v>40939</v>
      </c>
      <c r="K15494" s="2" t="s">
        <v>40940</v>
      </c>
      <c r="L15494" s="5" t="s">
        <v>40939</v>
      </c>
      <c r="M15494" s="2" t="s">
        <v>40940</v>
      </c>
      <c r="N15494" s="5" t="s">
        <v>36266</v>
      </c>
      <c r="O15494" s="5" t="s">
        <v>38</v>
      </c>
      <c r="P15494" s="5" t="s">
        <v>39</v>
      </c>
      <c r="Q15494" s="5" t="s">
        <v>40</v>
      </c>
      <c r="R15494" s="5" t="s">
        <v>1522</v>
      </c>
      <c r="S15494" s="5" t="s">
        <v>1523</v>
      </c>
      <c r="T15494" s="5" t="s">
        <v>42</v>
      </c>
      <c r="U15494" s="2">
        <v>2.5270000000000001</v>
      </c>
      <c r="V15494" s="2">
        <v>1.97</v>
      </c>
      <c r="W15494" s="2">
        <v>1.4999999999999999E-2</v>
      </c>
      <c r="X15494" s="2">
        <v>118.9</v>
      </c>
      <c r="Y15494" s="2">
        <v>7.6</v>
      </c>
      <c r="Z15494" s="2">
        <v>16.7</v>
      </c>
      <c r="AA15494" s="5"/>
      <c r="AB15494" s="5" t="s">
        <v>43</v>
      </c>
      <c r="AC15494" s="5" t="s">
        <v>44</v>
      </c>
      <c r="AD15494" s="2"/>
      <c r="AE15494" s="1"/>
    </row>
    <row r="15495" spans="1:31" ht="14.45">
      <c r="A15495" s="11"/>
      <c r="B15495" s="20"/>
      <c r="C15495" s="2" t="s">
        <v>47441</v>
      </c>
      <c r="D15495" s="14" t="s">
        <v>47442</v>
      </c>
      <c r="E15495" s="2" t="s">
        <v>47443</v>
      </c>
      <c r="F15495" s="2" t="s">
        <v>40993</v>
      </c>
      <c r="G15495" s="8">
        <v>285</v>
      </c>
      <c r="H15495" s="5">
        <v>6</v>
      </c>
      <c r="I15495" s="5" t="s">
        <v>1518</v>
      </c>
      <c r="J15495" s="5" t="s">
        <v>40939</v>
      </c>
      <c r="K15495" s="2" t="s">
        <v>40940</v>
      </c>
      <c r="L15495" s="5" t="s">
        <v>40939</v>
      </c>
      <c r="M15495" s="2" t="s">
        <v>40940</v>
      </c>
      <c r="N15495" s="5" t="s">
        <v>36266</v>
      </c>
      <c r="O15495" s="5" t="s">
        <v>38</v>
      </c>
      <c r="P15495" s="5" t="s">
        <v>39</v>
      </c>
      <c r="Q15495" s="5" t="s">
        <v>40</v>
      </c>
      <c r="R15495" s="5" t="s">
        <v>1522</v>
      </c>
      <c r="S15495" s="5" t="s">
        <v>1523</v>
      </c>
      <c r="T15495" s="5" t="s">
        <v>42</v>
      </c>
      <c r="U15495" s="2">
        <v>2.6040000000000001</v>
      </c>
      <c r="V15495" s="2">
        <v>2.0470000000000002</v>
      </c>
      <c r="W15495" s="2">
        <v>1.4999999999999999E-2</v>
      </c>
      <c r="X15495" s="2">
        <v>118.9</v>
      </c>
      <c r="Y15495" s="2">
        <v>7.6</v>
      </c>
      <c r="Z15495" s="2">
        <v>16.7</v>
      </c>
      <c r="AA15495" s="5"/>
      <c r="AB15495" s="5" t="s">
        <v>43</v>
      </c>
      <c r="AC15495" s="5" t="s">
        <v>44</v>
      </c>
      <c r="AD15495" s="2"/>
      <c r="AE15495" s="1"/>
    </row>
    <row r="15496" spans="1:31" ht="14.45">
      <c r="A15496" s="11"/>
      <c r="B15496" s="20"/>
      <c r="C15496" s="2" t="s">
        <v>47444</v>
      </c>
      <c r="D15496" s="14" t="s">
        <v>47445</v>
      </c>
      <c r="E15496" s="2" t="s">
        <v>47446</v>
      </c>
      <c r="F15496" s="2" t="s">
        <v>7396</v>
      </c>
      <c r="G15496" s="8">
        <v>265</v>
      </c>
      <c r="H15496" s="5">
        <v>6</v>
      </c>
      <c r="I15496" s="5" t="s">
        <v>1518</v>
      </c>
      <c r="J15496" s="5" t="s">
        <v>40939</v>
      </c>
      <c r="K15496" s="2" t="s">
        <v>40940</v>
      </c>
      <c r="L15496" s="5" t="s">
        <v>40939</v>
      </c>
      <c r="M15496" s="2" t="s">
        <v>40940</v>
      </c>
      <c r="N15496" s="5" t="s">
        <v>36266</v>
      </c>
      <c r="O15496" s="5" t="s">
        <v>38</v>
      </c>
      <c r="P15496" s="5" t="s">
        <v>39</v>
      </c>
      <c r="Q15496" s="5" t="s">
        <v>40</v>
      </c>
      <c r="R15496" s="5" t="s">
        <v>1522</v>
      </c>
      <c r="S15496" s="5" t="s">
        <v>1523</v>
      </c>
      <c r="T15496" s="5" t="s">
        <v>42</v>
      </c>
      <c r="U15496" s="2">
        <v>2.5329999999999999</v>
      </c>
      <c r="V15496" s="2">
        <v>1.976</v>
      </c>
      <c r="W15496" s="2">
        <v>1.4999999999999999E-2</v>
      </c>
      <c r="X15496" s="2">
        <v>118.9</v>
      </c>
      <c r="Y15496" s="2">
        <v>7.6</v>
      </c>
      <c r="Z15496" s="2">
        <v>16.7</v>
      </c>
      <c r="AA15496" s="5"/>
      <c r="AB15496" s="5" t="s">
        <v>43</v>
      </c>
      <c r="AC15496" s="5" t="s">
        <v>44</v>
      </c>
      <c r="AD15496" s="2"/>
      <c r="AE15496" s="1"/>
    </row>
    <row r="15497" spans="1:31" ht="14.45">
      <c r="A15497" s="11"/>
      <c r="B15497" s="20"/>
      <c r="C15497" s="2" t="s">
        <v>47447</v>
      </c>
      <c r="D15497" s="14" t="s">
        <v>47448</v>
      </c>
      <c r="E15497" s="2" t="s">
        <v>47449</v>
      </c>
      <c r="F15497" s="2" t="s">
        <v>7507</v>
      </c>
      <c r="G15497" s="8">
        <v>265</v>
      </c>
      <c r="H15497" s="5">
        <v>6</v>
      </c>
      <c r="I15497" s="5" t="s">
        <v>1518</v>
      </c>
      <c r="J15497" s="5" t="s">
        <v>40939</v>
      </c>
      <c r="K15497" s="2" t="s">
        <v>40940</v>
      </c>
      <c r="L15497" s="5" t="s">
        <v>40939</v>
      </c>
      <c r="M15497" s="2" t="s">
        <v>40940</v>
      </c>
      <c r="N15497" s="5" t="s">
        <v>36266</v>
      </c>
      <c r="O15497" s="5" t="s">
        <v>38</v>
      </c>
      <c r="P15497" s="5" t="s">
        <v>39</v>
      </c>
      <c r="Q15497" s="5" t="s">
        <v>40</v>
      </c>
      <c r="R15497" s="5" t="s">
        <v>1522</v>
      </c>
      <c r="S15497" s="5" t="s">
        <v>1523</v>
      </c>
      <c r="T15497" s="5" t="s">
        <v>42</v>
      </c>
      <c r="U15497" s="2">
        <v>2.61</v>
      </c>
      <c r="V15497" s="2">
        <v>2.0529999999999999</v>
      </c>
      <c r="W15497" s="2">
        <v>1.4999999999999999E-2</v>
      </c>
      <c r="X15497" s="2">
        <v>118.9</v>
      </c>
      <c r="Y15497" s="2">
        <v>7.6</v>
      </c>
      <c r="Z15497" s="2">
        <v>16.7</v>
      </c>
      <c r="AA15497" s="5"/>
      <c r="AB15497" s="5" t="s">
        <v>43</v>
      </c>
      <c r="AC15497" s="5" t="s">
        <v>44</v>
      </c>
      <c r="AD15497" s="2"/>
      <c r="AE15497" s="1"/>
    </row>
    <row r="15498" spans="1:31" ht="14.45">
      <c r="A15498" s="11"/>
      <c r="B15498" s="20"/>
      <c r="C15498" s="2" t="s">
        <v>47450</v>
      </c>
      <c r="D15498" s="14" t="s">
        <v>47451</v>
      </c>
      <c r="E15498" s="2" t="s">
        <v>47452</v>
      </c>
      <c r="F15498" s="2" t="s">
        <v>41023</v>
      </c>
      <c r="G15498" s="8">
        <v>285</v>
      </c>
      <c r="H15498" s="5">
        <v>6</v>
      </c>
      <c r="I15498" s="5" t="s">
        <v>1518</v>
      </c>
      <c r="J15498" s="5" t="s">
        <v>40939</v>
      </c>
      <c r="K15498" s="2" t="s">
        <v>40940</v>
      </c>
      <c r="L15498" s="5" t="s">
        <v>40939</v>
      </c>
      <c r="M15498" s="2" t="s">
        <v>40940</v>
      </c>
      <c r="N15498" s="5" t="s">
        <v>36266</v>
      </c>
      <c r="O15498" s="5" t="s">
        <v>38</v>
      </c>
      <c r="P15498" s="5" t="s">
        <v>39</v>
      </c>
      <c r="Q15498" s="5" t="s">
        <v>40</v>
      </c>
      <c r="R15498" s="5" t="s">
        <v>1522</v>
      </c>
      <c r="S15498" s="5" t="s">
        <v>1523</v>
      </c>
      <c r="T15498" s="5" t="s">
        <v>42</v>
      </c>
      <c r="U15498" s="2">
        <v>2.5030000000000001</v>
      </c>
      <c r="V15498" s="2">
        <v>1.946</v>
      </c>
      <c r="W15498" s="2">
        <v>1.4999999999999999E-2</v>
      </c>
      <c r="X15498" s="2">
        <v>118.9</v>
      </c>
      <c r="Y15498" s="2">
        <v>7.6</v>
      </c>
      <c r="Z15498" s="2">
        <v>16.7</v>
      </c>
      <c r="AA15498" s="5"/>
      <c r="AB15498" s="5" t="s">
        <v>43</v>
      </c>
      <c r="AC15498" s="5" t="s">
        <v>44</v>
      </c>
      <c r="AD15498" s="2"/>
      <c r="AE15498" s="1"/>
    </row>
    <row r="15499" spans="1:31" ht="14.45">
      <c r="A15499" s="11"/>
      <c r="B15499" s="20"/>
      <c r="C15499" s="2" t="s">
        <v>47453</v>
      </c>
      <c r="D15499" s="14" t="s">
        <v>47454</v>
      </c>
      <c r="E15499" s="2" t="s">
        <v>47455</v>
      </c>
      <c r="F15499" s="2" t="s">
        <v>41027</v>
      </c>
      <c r="G15499" s="8">
        <v>285</v>
      </c>
      <c r="H15499" s="5">
        <v>6</v>
      </c>
      <c r="I15499" s="5" t="s">
        <v>1518</v>
      </c>
      <c r="J15499" s="5" t="s">
        <v>40939</v>
      </c>
      <c r="K15499" s="2" t="s">
        <v>40940</v>
      </c>
      <c r="L15499" s="5" t="s">
        <v>40939</v>
      </c>
      <c r="M15499" s="2" t="s">
        <v>40940</v>
      </c>
      <c r="N15499" s="5" t="s">
        <v>36266</v>
      </c>
      <c r="O15499" s="5" t="s">
        <v>38</v>
      </c>
      <c r="P15499" s="5" t="s">
        <v>39</v>
      </c>
      <c r="Q15499" s="5" t="s">
        <v>40</v>
      </c>
      <c r="R15499" s="5" t="s">
        <v>1522</v>
      </c>
      <c r="S15499" s="5" t="s">
        <v>1523</v>
      </c>
      <c r="T15499" s="5" t="s">
        <v>42</v>
      </c>
      <c r="U15499" s="2">
        <v>2.58</v>
      </c>
      <c r="V15499" s="2">
        <v>2.0230000000000001</v>
      </c>
      <c r="W15499" s="2">
        <v>1.4999999999999999E-2</v>
      </c>
      <c r="X15499" s="2">
        <v>118.9</v>
      </c>
      <c r="Y15499" s="2">
        <v>7.6</v>
      </c>
      <c r="Z15499" s="2">
        <v>16.7</v>
      </c>
      <c r="AA15499" s="5"/>
      <c r="AB15499" s="5" t="s">
        <v>43</v>
      </c>
      <c r="AC15499" s="5" t="s">
        <v>44</v>
      </c>
      <c r="AD15499" s="2"/>
      <c r="AE15499" s="1"/>
    </row>
    <row r="15500" spans="1:31" ht="14.45">
      <c r="A15500" s="11"/>
      <c r="B15500" s="20"/>
      <c r="C15500" s="2" t="s">
        <v>47456</v>
      </c>
      <c r="D15500" s="14" t="s">
        <v>47457</v>
      </c>
      <c r="E15500" s="2" t="s">
        <v>47458</v>
      </c>
      <c r="F15500" s="2" t="s">
        <v>41035</v>
      </c>
      <c r="G15500" s="8">
        <v>285</v>
      </c>
      <c r="H15500" s="5">
        <v>6</v>
      </c>
      <c r="I15500" s="5" t="s">
        <v>1518</v>
      </c>
      <c r="J15500" s="5" t="s">
        <v>40939</v>
      </c>
      <c r="K15500" s="2" t="s">
        <v>40940</v>
      </c>
      <c r="L15500" s="5" t="s">
        <v>40939</v>
      </c>
      <c r="M15500" s="2" t="s">
        <v>40940</v>
      </c>
      <c r="N15500" s="5" t="s">
        <v>36266</v>
      </c>
      <c r="O15500" s="5" t="s">
        <v>38</v>
      </c>
      <c r="P15500" s="5" t="s">
        <v>39</v>
      </c>
      <c r="Q15500" s="5" t="s">
        <v>40</v>
      </c>
      <c r="R15500" s="5" t="s">
        <v>1522</v>
      </c>
      <c r="S15500" s="5" t="s">
        <v>1523</v>
      </c>
      <c r="T15500" s="5" t="s">
        <v>42</v>
      </c>
      <c r="U15500" s="2">
        <v>2.58</v>
      </c>
      <c r="V15500" s="2">
        <v>2.0230000000000001</v>
      </c>
      <c r="W15500" s="2">
        <v>1.4999999999999999E-2</v>
      </c>
      <c r="X15500" s="2">
        <v>118.9</v>
      </c>
      <c r="Y15500" s="2">
        <v>7.6</v>
      </c>
      <c r="Z15500" s="2">
        <v>16.7</v>
      </c>
      <c r="AA15500" s="5"/>
      <c r="AB15500" s="5" t="s">
        <v>43</v>
      </c>
      <c r="AC15500" s="5" t="s">
        <v>44</v>
      </c>
      <c r="AD15500" s="2"/>
      <c r="AE15500" s="1"/>
    </row>
    <row r="15501" spans="1:31" ht="14.45">
      <c r="A15501" s="11"/>
      <c r="B15501" s="20"/>
      <c r="C15501" s="2" t="s">
        <v>47459</v>
      </c>
      <c r="D15501" s="14" t="s">
        <v>47460</v>
      </c>
      <c r="E15501" s="2" t="s">
        <v>47461</v>
      </c>
      <c r="F15501" s="2" t="s">
        <v>41049</v>
      </c>
      <c r="G15501" s="8">
        <v>285</v>
      </c>
      <c r="H15501" s="5">
        <v>6</v>
      </c>
      <c r="I15501" s="5" t="s">
        <v>1518</v>
      </c>
      <c r="J15501" s="5" t="s">
        <v>40939</v>
      </c>
      <c r="K15501" s="2" t="s">
        <v>40940</v>
      </c>
      <c r="L15501" s="5" t="s">
        <v>40939</v>
      </c>
      <c r="M15501" s="2" t="s">
        <v>40940</v>
      </c>
      <c r="N15501" s="5" t="s">
        <v>36266</v>
      </c>
      <c r="O15501" s="5" t="s">
        <v>38</v>
      </c>
      <c r="P15501" s="5" t="s">
        <v>39</v>
      </c>
      <c r="Q15501" s="5" t="s">
        <v>40</v>
      </c>
      <c r="R15501" s="5" t="s">
        <v>1522</v>
      </c>
      <c r="S15501" s="5" t="s">
        <v>1523</v>
      </c>
      <c r="T15501" s="5" t="s">
        <v>42</v>
      </c>
      <c r="U15501" s="2">
        <v>2.6160000000000001</v>
      </c>
      <c r="V15501" s="2">
        <v>2.0590000000000002</v>
      </c>
      <c r="W15501" s="2">
        <v>1.4999999999999999E-2</v>
      </c>
      <c r="X15501" s="2">
        <v>118.9</v>
      </c>
      <c r="Y15501" s="2">
        <v>7.6</v>
      </c>
      <c r="Z15501" s="2">
        <v>16.7</v>
      </c>
      <c r="AA15501" s="5"/>
      <c r="AB15501" s="5" t="s">
        <v>43</v>
      </c>
      <c r="AC15501" s="5" t="s">
        <v>44</v>
      </c>
      <c r="AD15501" s="2"/>
      <c r="AE15501" s="1"/>
    </row>
    <row r="15502" spans="1:31" ht="14.45">
      <c r="A15502" s="11"/>
      <c r="B15502" s="20"/>
      <c r="C15502" s="2" t="s">
        <v>47462</v>
      </c>
      <c r="D15502" s="14" t="s">
        <v>47463</v>
      </c>
      <c r="E15502" s="2" t="s">
        <v>47464</v>
      </c>
      <c r="F15502" s="2" t="s">
        <v>7204</v>
      </c>
      <c r="G15502" s="8">
        <v>269</v>
      </c>
      <c r="H15502" s="5">
        <v>6</v>
      </c>
      <c r="I15502" s="5" t="s">
        <v>1518</v>
      </c>
      <c r="J15502" s="5" t="s">
        <v>40939</v>
      </c>
      <c r="K15502" s="2" t="s">
        <v>40940</v>
      </c>
      <c r="L15502" s="5" t="s">
        <v>40939</v>
      </c>
      <c r="M15502" s="2" t="s">
        <v>40940</v>
      </c>
      <c r="N15502" s="5" t="s">
        <v>36266</v>
      </c>
      <c r="O15502" s="5" t="s">
        <v>38</v>
      </c>
      <c r="P15502" s="5" t="s">
        <v>39</v>
      </c>
      <c r="Q15502" s="5" t="s">
        <v>40</v>
      </c>
      <c r="R15502" s="5" t="s">
        <v>1522</v>
      </c>
      <c r="S15502" s="5" t="s">
        <v>1523</v>
      </c>
      <c r="T15502" s="5" t="s">
        <v>42</v>
      </c>
      <c r="U15502" s="2">
        <v>2.746</v>
      </c>
      <c r="V15502" s="2">
        <v>2.1150000000000002</v>
      </c>
      <c r="W15502" s="2">
        <v>1.7999999999999999E-2</v>
      </c>
      <c r="X15502" s="2">
        <v>139.1</v>
      </c>
      <c r="Y15502" s="2">
        <v>7.6</v>
      </c>
      <c r="Z15502" s="2">
        <v>16.7</v>
      </c>
      <c r="AA15502" s="5"/>
      <c r="AB15502" s="5" t="s">
        <v>43</v>
      </c>
      <c r="AC15502" s="5" t="s">
        <v>44</v>
      </c>
      <c r="AD15502" s="2"/>
      <c r="AE15502" s="1"/>
    </row>
    <row r="15503" spans="1:31" ht="14.45">
      <c r="A15503" s="11"/>
      <c r="B15503" s="20"/>
      <c r="C15503" s="2" t="s">
        <v>47465</v>
      </c>
      <c r="D15503" s="14" t="s">
        <v>47466</v>
      </c>
      <c r="E15503" s="2" t="s">
        <v>47467</v>
      </c>
      <c r="F15503" s="2" t="s">
        <v>7514</v>
      </c>
      <c r="G15503" s="8">
        <v>269</v>
      </c>
      <c r="H15503" s="5">
        <v>6</v>
      </c>
      <c r="I15503" s="5" t="s">
        <v>1518</v>
      </c>
      <c r="J15503" s="5" t="s">
        <v>40939</v>
      </c>
      <c r="K15503" s="2" t="s">
        <v>40940</v>
      </c>
      <c r="L15503" s="5" t="s">
        <v>40939</v>
      </c>
      <c r="M15503" s="2" t="s">
        <v>40940</v>
      </c>
      <c r="N15503" s="5" t="s">
        <v>36266</v>
      </c>
      <c r="O15503" s="5" t="s">
        <v>38</v>
      </c>
      <c r="P15503" s="5" t="s">
        <v>39</v>
      </c>
      <c r="Q15503" s="5" t="s">
        <v>40</v>
      </c>
      <c r="R15503" s="5" t="s">
        <v>1522</v>
      </c>
      <c r="S15503" s="5" t="s">
        <v>1523</v>
      </c>
      <c r="T15503" s="5" t="s">
        <v>42</v>
      </c>
      <c r="U15503" s="2">
        <v>2.835</v>
      </c>
      <c r="V15503" s="2">
        <v>2.2040000000000002</v>
      </c>
      <c r="W15503" s="2">
        <v>1.7999999999999999E-2</v>
      </c>
      <c r="X15503" s="2">
        <v>139.1</v>
      </c>
      <c r="Y15503" s="2">
        <v>7.6</v>
      </c>
      <c r="Z15503" s="2">
        <v>16.7</v>
      </c>
      <c r="AA15503" s="5"/>
      <c r="AB15503" s="5" t="s">
        <v>43</v>
      </c>
      <c r="AC15503" s="5" t="s">
        <v>44</v>
      </c>
      <c r="AD15503" s="2"/>
      <c r="AE15503" s="1"/>
    </row>
    <row r="15504" spans="1:31" ht="14.45">
      <c r="A15504" s="11"/>
      <c r="B15504" s="20"/>
      <c r="C15504" s="2" t="s">
        <v>47468</v>
      </c>
      <c r="D15504" s="14" t="s">
        <v>47469</v>
      </c>
      <c r="E15504" s="2" t="s">
        <v>47470</v>
      </c>
      <c r="F15504" s="2" t="s">
        <v>47195</v>
      </c>
      <c r="G15504" s="8">
        <v>289</v>
      </c>
      <c r="H15504" s="5">
        <v>6</v>
      </c>
      <c r="I15504" s="5" t="s">
        <v>1518</v>
      </c>
      <c r="J15504" s="5" t="s">
        <v>40939</v>
      </c>
      <c r="K15504" s="2" t="s">
        <v>40940</v>
      </c>
      <c r="L15504" s="5" t="s">
        <v>40939</v>
      </c>
      <c r="M15504" s="2" t="s">
        <v>40940</v>
      </c>
      <c r="N15504" s="5" t="s">
        <v>36266</v>
      </c>
      <c r="O15504" s="5" t="s">
        <v>38</v>
      </c>
      <c r="P15504" s="5" t="s">
        <v>39</v>
      </c>
      <c r="Q15504" s="5" t="s">
        <v>40</v>
      </c>
      <c r="R15504" s="5" t="s">
        <v>1522</v>
      </c>
      <c r="S15504" s="5" t="s">
        <v>1523</v>
      </c>
      <c r="T15504" s="5" t="s">
        <v>42</v>
      </c>
      <c r="U15504" s="2">
        <v>2.8490000000000002</v>
      </c>
      <c r="V15504" s="2">
        <v>2.218</v>
      </c>
      <c r="W15504" s="2">
        <v>1.7999999999999999E-2</v>
      </c>
      <c r="X15504" s="2">
        <v>139.1</v>
      </c>
      <c r="Y15504" s="2">
        <v>7.6</v>
      </c>
      <c r="Z15504" s="2">
        <v>16.7</v>
      </c>
      <c r="AA15504" s="5"/>
      <c r="AB15504" s="5" t="s">
        <v>43</v>
      </c>
      <c r="AC15504" s="5" t="s">
        <v>44</v>
      </c>
      <c r="AD15504" s="2"/>
      <c r="AE15504" s="1"/>
    </row>
    <row r="15505" spans="1:31" ht="14.45">
      <c r="A15505" s="11"/>
      <c r="B15505" s="20"/>
      <c r="C15505" s="2" t="s">
        <v>47471</v>
      </c>
      <c r="D15505" s="14" t="s">
        <v>47472</v>
      </c>
      <c r="E15505" s="2" t="s">
        <v>47473</v>
      </c>
      <c r="F15505" s="2" t="s">
        <v>7208</v>
      </c>
      <c r="G15505" s="8">
        <v>269</v>
      </c>
      <c r="H15505" s="5">
        <v>6</v>
      </c>
      <c r="I15505" s="5" t="s">
        <v>1518</v>
      </c>
      <c r="J15505" s="5" t="s">
        <v>40939</v>
      </c>
      <c r="K15505" s="2" t="s">
        <v>40940</v>
      </c>
      <c r="L15505" s="5" t="s">
        <v>40939</v>
      </c>
      <c r="M15505" s="2" t="s">
        <v>40940</v>
      </c>
      <c r="N15505" s="5" t="s">
        <v>36266</v>
      </c>
      <c r="O15505" s="5" t="s">
        <v>38</v>
      </c>
      <c r="P15505" s="5" t="s">
        <v>39</v>
      </c>
      <c r="Q15505" s="5" t="s">
        <v>40</v>
      </c>
      <c r="R15505" s="5" t="s">
        <v>1522</v>
      </c>
      <c r="S15505" s="5" t="s">
        <v>1523</v>
      </c>
      <c r="T15505" s="5" t="s">
        <v>42</v>
      </c>
      <c r="U15505" s="2">
        <v>2.7679999999999998</v>
      </c>
      <c r="V15505" s="2">
        <v>2.137</v>
      </c>
      <c r="W15505" s="2">
        <v>1.7999999999999999E-2</v>
      </c>
      <c r="X15505" s="2">
        <v>139.1</v>
      </c>
      <c r="Y15505" s="2">
        <v>7.6</v>
      </c>
      <c r="Z15505" s="2">
        <v>16.7</v>
      </c>
      <c r="AA15505" s="5"/>
      <c r="AB15505" s="5" t="s">
        <v>43</v>
      </c>
      <c r="AC15505" s="5" t="s">
        <v>44</v>
      </c>
      <c r="AD15505" s="2"/>
      <c r="AE15505" s="1"/>
    </row>
    <row r="15506" spans="1:31" ht="14.45">
      <c r="A15506" s="11"/>
      <c r="B15506" s="20"/>
      <c r="C15506" s="2" t="s">
        <v>47474</v>
      </c>
      <c r="D15506" s="14" t="s">
        <v>47475</v>
      </c>
      <c r="E15506" s="2" t="s">
        <v>47476</v>
      </c>
      <c r="F15506" s="2" t="s">
        <v>7521</v>
      </c>
      <c r="G15506" s="8">
        <v>269</v>
      </c>
      <c r="H15506" s="5">
        <v>6</v>
      </c>
      <c r="I15506" s="5" t="s">
        <v>1518</v>
      </c>
      <c r="J15506" s="5" t="s">
        <v>40939</v>
      </c>
      <c r="K15506" s="2" t="s">
        <v>40940</v>
      </c>
      <c r="L15506" s="5" t="s">
        <v>40939</v>
      </c>
      <c r="M15506" s="2" t="s">
        <v>40940</v>
      </c>
      <c r="N15506" s="5" t="s">
        <v>36266</v>
      </c>
      <c r="O15506" s="5" t="s">
        <v>38</v>
      </c>
      <c r="P15506" s="5" t="s">
        <v>39</v>
      </c>
      <c r="Q15506" s="5" t="s">
        <v>40</v>
      </c>
      <c r="R15506" s="5" t="s">
        <v>1522</v>
      </c>
      <c r="S15506" s="5" t="s">
        <v>1523</v>
      </c>
      <c r="T15506" s="5" t="s">
        <v>42</v>
      </c>
      <c r="U15506" s="2">
        <v>2.8570000000000002</v>
      </c>
      <c r="V15506" s="2">
        <v>2.226</v>
      </c>
      <c r="W15506" s="2">
        <v>1.7999999999999999E-2</v>
      </c>
      <c r="X15506" s="2">
        <v>139.1</v>
      </c>
      <c r="Y15506" s="2">
        <v>7.6</v>
      </c>
      <c r="Z15506" s="2">
        <v>16.7</v>
      </c>
      <c r="AA15506" s="5"/>
      <c r="AB15506" s="5" t="s">
        <v>43</v>
      </c>
      <c r="AC15506" s="5" t="s">
        <v>44</v>
      </c>
      <c r="AD15506" s="2"/>
      <c r="AE15506" s="1"/>
    </row>
    <row r="15507" spans="1:31" ht="14.45">
      <c r="A15507" s="11"/>
      <c r="B15507" s="20"/>
      <c r="C15507" s="2" t="s">
        <v>47477</v>
      </c>
      <c r="D15507" s="14" t="s">
        <v>47478</v>
      </c>
      <c r="E15507" s="2" t="s">
        <v>47479</v>
      </c>
      <c r="F15507" s="2" t="s">
        <v>36273</v>
      </c>
      <c r="G15507" s="8">
        <v>269</v>
      </c>
      <c r="H15507" s="5">
        <v>6</v>
      </c>
      <c r="I15507" s="5" t="s">
        <v>1518</v>
      </c>
      <c r="J15507" s="5" t="s">
        <v>40939</v>
      </c>
      <c r="K15507" s="2" t="s">
        <v>40940</v>
      </c>
      <c r="L15507" s="5" t="s">
        <v>40939</v>
      </c>
      <c r="M15507" s="2" t="s">
        <v>40940</v>
      </c>
      <c r="N15507" s="5" t="s">
        <v>36266</v>
      </c>
      <c r="O15507" s="5" t="s">
        <v>38</v>
      </c>
      <c r="P15507" s="5" t="s">
        <v>39</v>
      </c>
      <c r="Q15507" s="5" t="s">
        <v>40</v>
      </c>
      <c r="R15507" s="5" t="s">
        <v>1522</v>
      </c>
      <c r="S15507" s="5" t="s">
        <v>1523</v>
      </c>
      <c r="T15507" s="5" t="s">
        <v>42</v>
      </c>
      <c r="U15507" s="2">
        <v>2.782</v>
      </c>
      <c r="V15507" s="2">
        <v>2.1509999999999998</v>
      </c>
      <c r="W15507" s="2">
        <v>1.7999999999999999E-2</v>
      </c>
      <c r="X15507" s="2">
        <v>139.1</v>
      </c>
      <c r="Y15507" s="2">
        <v>7.6</v>
      </c>
      <c r="Z15507" s="2">
        <v>16.7</v>
      </c>
      <c r="AA15507" s="5"/>
      <c r="AB15507" s="5" t="s">
        <v>43</v>
      </c>
      <c r="AC15507" s="5" t="s">
        <v>44</v>
      </c>
      <c r="AD15507" s="2"/>
      <c r="AE15507" s="1"/>
    </row>
    <row r="15508" spans="1:31" ht="14.45">
      <c r="A15508" s="11"/>
      <c r="B15508" s="20"/>
      <c r="C15508" s="2" t="s">
        <v>47480</v>
      </c>
      <c r="D15508" s="14" t="s">
        <v>47481</v>
      </c>
      <c r="E15508" s="2" t="s">
        <v>47482</v>
      </c>
      <c r="F15508" s="2" t="s">
        <v>40971</v>
      </c>
      <c r="G15508" s="8">
        <v>289</v>
      </c>
      <c r="H15508" s="5">
        <v>6</v>
      </c>
      <c r="I15508" s="5" t="s">
        <v>1518</v>
      </c>
      <c r="J15508" s="5" t="s">
        <v>40939</v>
      </c>
      <c r="K15508" s="2" t="s">
        <v>40940</v>
      </c>
      <c r="L15508" s="5" t="s">
        <v>40939</v>
      </c>
      <c r="M15508" s="2" t="s">
        <v>40940</v>
      </c>
      <c r="N15508" s="5" t="s">
        <v>36266</v>
      </c>
      <c r="O15508" s="5" t="s">
        <v>38</v>
      </c>
      <c r="P15508" s="5" t="s">
        <v>39</v>
      </c>
      <c r="Q15508" s="5" t="s">
        <v>40</v>
      </c>
      <c r="R15508" s="5" t="s">
        <v>1522</v>
      </c>
      <c r="S15508" s="5" t="s">
        <v>1523</v>
      </c>
      <c r="T15508" s="5" t="s">
        <v>42</v>
      </c>
      <c r="U15508" s="2">
        <v>2.8570000000000002</v>
      </c>
      <c r="V15508" s="2">
        <v>2.226</v>
      </c>
      <c r="W15508" s="2">
        <v>1.7999999999999999E-2</v>
      </c>
      <c r="X15508" s="2">
        <v>139.1</v>
      </c>
      <c r="Y15508" s="2">
        <v>7.6</v>
      </c>
      <c r="Z15508" s="2">
        <v>16.7</v>
      </c>
      <c r="AA15508" s="5"/>
      <c r="AB15508" s="5" t="s">
        <v>43</v>
      </c>
      <c r="AC15508" s="5" t="s">
        <v>44</v>
      </c>
      <c r="AD15508" s="2"/>
      <c r="AE15508" s="1"/>
    </row>
    <row r="15509" spans="1:31" ht="14.45">
      <c r="A15509" s="11"/>
      <c r="B15509" s="20"/>
      <c r="C15509" s="2" t="s">
        <v>47483</v>
      </c>
      <c r="D15509" s="14" t="s">
        <v>47484</v>
      </c>
      <c r="E15509" s="2" t="s">
        <v>47485</v>
      </c>
      <c r="F15509" s="2" t="s">
        <v>47226</v>
      </c>
      <c r="G15509" s="8">
        <v>289</v>
      </c>
      <c r="H15509" s="5">
        <v>6</v>
      </c>
      <c r="I15509" s="5" t="s">
        <v>1518</v>
      </c>
      <c r="J15509" s="5" t="s">
        <v>40939</v>
      </c>
      <c r="K15509" s="2" t="s">
        <v>40940</v>
      </c>
      <c r="L15509" s="5" t="s">
        <v>40939</v>
      </c>
      <c r="M15509" s="2" t="s">
        <v>40940</v>
      </c>
      <c r="N15509" s="5" t="s">
        <v>36266</v>
      </c>
      <c r="O15509" s="5" t="s">
        <v>38</v>
      </c>
      <c r="P15509" s="5" t="s">
        <v>39</v>
      </c>
      <c r="Q15509" s="5" t="s">
        <v>40</v>
      </c>
      <c r="R15509" s="5" t="s">
        <v>1522</v>
      </c>
      <c r="S15509" s="5" t="s">
        <v>1523</v>
      </c>
      <c r="T15509" s="5" t="s">
        <v>42</v>
      </c>
      <c r="U15509" s="2">
        <v>2.7679999999999998</v>
      </c>
      <c r="V15509" s="2">
        <v>2.137</v>
      </c>
      <c r="W15509" s="2">
        <v>1.7999999999999999E-2</v>
      </c>
      <c r="X15509" s="2">
        <v>139.1</v>
      </c>
      <c r="Y15509" s="2">
        <v>7.6</v>
      </c>
      <c r="Z15509" s="2">
        <v>16.7</v>
      </c>
      <c r="AA15509" s="5"/>
      <c r="AB15509" s="5" t="s">
        <v>43</v>
      </c>
      <c r="AC15509" s="5" t="s">
        <v>44</v>
      </c>
      <c r="AD15509" s="2"/>
      <c r="AE15509" s="1"/>
    </row>
    <row r="15510" spans="1:31" ht="14.45">
      <c r="A15510" s="11"/>
      <c r="B15510" s="20"/>
      <c r="C15510" s="2" t="s">
        <v>47486</v>
      </c>
      <c r="D15510" s="14" t="s">
        <v>47487</v>
      </c>
      <c r="E15510" s="2" t="s">
        <v>47488</v>
      </c>
      <c r="F15510" s="2" t="s">
        <v>40989</v>
      </c>
      <c r="G15510" s="8">
        <v>289</v>
      </c>
      <c r="H15510" s="5">
        <v>6</v>
      </c>
      <c r="I15510" s="5" t="s">
        <v>1518</v>
      </c>
      <c r="J15510" s="5" t="s">
        <v>40939</v>
      </c>
      <c r="K15510" s="2" t="s">
        <v>40940</v>
      </c>
      <c r="L15510" s="5" t="s">
        <v>40939</v>
      </c>
      <c r="M15510" s="2" t="s">
        <v>40940</v>
      </c>
      <c r="N15510" s="5" t="s">
        <v>36266</v>
      </c>
      <c r="O15510" s="5" t="s">
        <v>38</v>
      </c>
      <c r="P15510" s="5" t="s">
        <v>39</v>
      </c>
      <c r="Q15510" s="5" t="s">
        <v>40</v>
      </c>
      <c r="R15510" s="5" t="s">
        <v>1522</v>
      </c>
      <c r="S15510" s="5" t="s">
        <v>1523</v>
      </c>
      <c r="T15510" s="5" t="s">
        <v>42</v>
      </c>
      <c r="U15510" s="2">
        <v>2.7679999999999998</v>
      </c>
      <c r="V15510" s="2">
        <v>2.137</v>
      </c>
      <c r="W15510" s="2">
        <v>1.7999999999999999E-2</v>
      </c>
      <c r="X15510" s="2">
        <v>139.1</v>
      </c>
      <c r="Y15510" s="2">
        <v>7.6</v>
      </c>
      <c r="Z15510" s="2">
        <v>16.7</v>
      </c>
      <c r="AA15510" s="5"/>
      <c r="AB15510" s="5" t="s">
        <v>43</v>
      </c>
      <c r="AC15510" s="5" t="s">
        <v>44</v>
      </c>
      <c r="AD15510" s="2"/>
      <c r="AE15510" s="1"/>
    </row>
    <row r="15511" spans="1:31" ht="14.45">
      <c r="A15511" s="11"/>
      <c r="B15511" s="20"/>
      <c r="C15511" s="2" t="s">
        <v>47489</v>
      </c>
      <c r="D15511" s="14" t="s">
        <v>47490</v>
      </c>
      <c r="E15511" s="2" t="s">
        <v>47491</v>
      </c>
      <c r="F15511" s="2" t="s">
        <v>41009</v>
      </c>
      <c r="G15511" s="8">
        <v>289</v>
      </c>
      <c r="H15511" s="5">
        <v>6</v>
      </c>
      <c r="I15511" s="5" t="s">
        <v>1518</v>
      </c>
      <c r="J15511" s="5" t="s">
        <v>40939</v>
      </c>
      <c r="K15511" s="2" t="s">
        <v>40940</v>
      </c>
      <c r="L15511" s="5" t="s">
        <v>40939</v>
      </c>
      <c r="M15511" s="2" t="s">
        <v>40940</v>
      </c>
      <c r="N15511" s="5" t="s">
        <v>36266</v>
      </c>
      <c r="O15511" s="5" t="s">
        <v>38</v>
      </c>
      <c r="P15511" s="5" t="s">
        <v>39</v>
      </c>
      <c r="Q15511" s="5" t="s">
        <v>40</v>
      </c>
      <c r="R15511" s="5" t="s">
        <v>1522</v>
      </c>
      <c r="S15511" s="5" t="s">
        <v>1523</v>
      </c>
      <c r="T15511" s="5" t="s">
        <v>42</v>
      </c>
      <c r="U15511" s="2">
        <v>2.7749999999999999</v>
      </c>
      <c r="V15511" s="2">
        <v>2.1440000000000001</v>
      </c>
      <c r="W15511" s="2">
        <v>1.7999999999999999E-2</v>
      </c>
      <c r="X15511" s="2">
        <v>139.1</v>
      </c>
      <c r="Y15511" s="2">
        <v>7.6</v>
      </c>
      <c r="Z15511" s="2">
        <v>16.7</v>
      </c>
      <c r="AA15511" s="5"/>
      <c r="AB15511" s="5" t="s">
        <v>43</v>
      </c>
      <c r="AC15511" s="5" t="s">
        <v>44</v>
      </c>
      <c r="AD15511" s="2"/>
      <c r="AE15511" s="1"/>
    </row>
    <row r="15512" spans="1:31" ht="14.45">
      <c r="A15512" s="11"/>
      <c r="B15512" s="20"/>
      <c r="C15512" s="2" t="s">
        <v>47492</v>
      </c>
      <c r="D15512" s="14" t="s">
        <v>47493</v>
      </c>
      <c r="E15512" s="2" t="s">
        <v>47494</v>
      </c>
      <c r="F15512" s="2" t="s">
        <v>7396</v>
      </c>
      <c r="G15512" s="8">
        <v>269</v>
      </c>
      <c r="H15512" s="5">
        <v>6</v>
      </c>
      <c r="I15512" s="5" t="s">
        <v>1518</v>
      </c>
      <c r="J15512" s="5" t="s">
        <v>40939</v>
      </c>
      <c r="K15512" s="2" t="s">
        <v>40940</v>
      </c>
      <c r="L15512" s="5" t="s">
        <v>40939</v>
      </c>
      <c r="M15512" s="2" t="s">
        <v>40940</v>
      </c>
      <c r="N15512" s="5" t="s">
        <v>36266</v>
      </c>
      <c r="O15512" s="5" t="s">
        <v>38</v>
      </c>
      <c r="P15512" s="5" t="s">
        <v>39</v>
      </c>
      <c r="Q15512" s="5" t="s">
        <v>40</v>
      </c>
      <c r="R15512" s="5" t="s">
        <v>1522</v>
      </c>
      <c r="S15512" s="5" t="s">
        <v>1523</v>
      </c>
      <c r="T15512" s="5" t="s">
        <v>42</v>
      </c>
      <c r="U15512" s="2">
        <v>2.7749999999999999</v>
      </c>
      <c r="V15512" s="2">
        <v>2.1440000000000001</v>
      </c>
      <c r="W15512" s="2">
        <v>1.7999999999999999E-2</v>
      </c>
      <c r="X15512" s="2">
        <v>139.1</v>
      </c>
      <c r="Y15512" s="2">
        <v>7.6</v>
      </c>
      <c r="Z15512" s="2">
        <v>16.7</v>
      </c>
      <c r="AA15512" s="5"/>
      <c r="AB15512" s="5" t="s">
        <v>43</v>
      </c>
      <c r="AC15512" s="5" t="s">
        <v>44</v>
      </c>
      <c r="AD15512" s="2"/>
      <c r="AE15512" s="1"/>
    </row>
    <row r="15513" spans="1:31" ht="14.45">
      <c r="A15513" s="11"/>
      <c r="B15513" s="20"/>
      <c r="C15513" s="2" t="s">
        <v>47495</v>
      </c>
      <c r="D15513" s="14" t="s">
        <v>47496</v>
      </c>
      <c r="E15513" s="2" t="s">
        <v>47497</v>
      </c>
      <c r="F15513" s="2" t="s">
        <v>7507</v>
      </c>
      <c r="G15513" s="8">
        <v>269</v>
      </c>
      <c r="H15513" s="5">
        <v>6</v>
      </c>
      <c r="I15513" s="5" t="s">
        <v>1518</v>
      </c>
      <c r="J15513" s="5" t="s">
        <v>40939</v>
      </c>
      <c r="K15513" s="2" t="s">
        <v>40940</v>
      </c>
      <c r="L15513" s="5" t="s">
        <v>40939</v>
      </c>
      <c r="M15513" s="2" t="s">
        <v>40940</v>
      </c>
      <c r="N15513" s="5" t="s">
        <v>36266</v>
      </c>
      <c r="O15513" s="5" t="s">
        <v>38</v>
      </c>
      <c r="P15513" s="5" t="s">
        <v>39</v>
      </c>
      <c r="Q15513" s="5" t="s">
        <v>40</v>
      </c>
      <c r="R15513" s="5" t="s">
        <v>1522</v>
      </c>
      <c r="S15513" s="5" t="s">
        <v>1523</v>
      </c>
      <c r="T15513" s="5" t="s">
        <v>42</v>
      </c>
      <c r="U15513" s="2">
        <v>2.8639999999999999</v>
      </c>
      <c r="V15513" s="2">
        <v>2.2330000000000001</v>
      </c>
      <c r="W15513" s="2">
        <v>1.7999999999999999E-2</v>
      </c>
      <c r="X15513" s="2">
        <v>139.1</v>
      </c>
      <c r="Y15513" s="2">
        <v>7.6</v>
      </c>
      <c r="Z15513" s="2">
        <v>16.7</v>
      </c>
      <c r="AA15513" s="5"/>
      <c r="AB15513" s="5" t="s">
        <v>43</v>
      </c>
      <c r="AC15513" s="5" t="s">
        <v>44</v>
      </c>
      <c r="AD15513" s="2"/>
      <c r="AE15513" s="1"/>
    </row>
    <row r="15514" spans="1:31" ht="14.45">
      <c r="A15514" s="11"/>
      <c r="B15514" s="20"/>
      <c r="C15514" s="2" t="s">
        <v>47498</v>
      </c>
      <c r="D15514" s="14" t="s">
        <v>47499</v>
      </c>
      <c r="E15514" s="2" t="s">
        <v>47500</v>
      </c>
      <c r="F15514" s="2" t="s">
        <v>41035</v>
      </c>
      <c r="G15514" s="8">
        <v>289</v>
      </c>
      <c r="H15514" s="5">
        <v>6</v>
      </c>
      <c r="I15514" s="5" t="s">
        <v>1518</v>
      </c>
      <c r="J15514" s="5" t="s">
        <v>40939</v>
      </c>
      <c r="K15514" s="2" t="s">
        <v>40940</v>
      </c>
      <c r="L15514" s="5" t="s">
        <v>40939</v>
      </c>
      <c r="M15514" s="2" t="s">
        <v>40940</v>
      </c>
      <c r="N15514" s="5" t="s">
        <v>36266</v>
      </c>
      <c r="O15514" s="5" t="s">
        <v>38</v>
      </c>
      <c r="P15514" s="5" t="s">
        <v>39</v>
      </c>
      <c r="Q15514" s="5" t="s">
        <v>40</v>
      </c>
      <c r="R15514" s="5" t="s">
        <v>1522</v>
      </c>
      <c r="S15514" s="5" t="s">
        <v>1523</v>
      </c>
      <c r="T15514" s="5" t="s">
        <v>42</v>
      </c>
      <c r="U15514" s="2">
        <v>2.8279999999999998</v>
      </c>
      <c r="V15514" s="2">
        <v>2.1970000000000001</v>
      </c>
      <c r="W15514" s="2">
        <v>1.7999999999999999E-2</v>
      </c>
      <c r="X15514" s="2">
        <v>139.1</v>
      </c>
      <c r="Y15514" s="2">
        <v>7.6</v>
      </c>
      <c r="Z15514" s="2">
        <v>16.7</v>
      </c>
      <c r="AA15514" s="5"/>
      <c r="AB15514" s="5" t="s">
        <v>43</v>
      </c>
      <c r="AC15514" s="5" t="s">
        <v>44</v>
      </c>
      <c r="AD15514" s="2"/>
      <c r="AE15514" s="1"/>
    </row>
    <row r="15515" spans="1:31" ht="14.45">
      <c r="A15515" s="11"/>
      <c r="B15515" s="20"/>
      <c r="C15515" s="2" t="s">
        <v>47501</v>
      </c>
      <c r="D15515" s="14" t="s">
        <v>47502</v>
      </c>
      <c r="E15515" s="2" t="s">
        <v>47503</v>
      </c>
      <c r="F15515" s="2" t="s">
        <v>7581</v>
      </c>
      <c r="G15515" s="8">
        <v>289</v>
      </c>
      <c r="H15515" s="5">
        <v>6</v>
      </c>
      <c r="I15515" s="5" t="s">
        <v>1518</v>
      </c>
      <c r="J15515" s="5" t="s">
        <v>40939</v>
      </c>
      <c r="K15515" s="2" t="s">
        <v>40940</v>
      </c>
      <c r="L15515" s="5" t="s">
        <v>40939</v>
      </c>
      <c r="M15515" s="2" t="s">
        <v>40940</v>
      </c>
      <c r="N15515" s="5" t="s">
        <v>36266</v>
      </c>
      <c r="O15515" s="5" t="s">
        <v>38</v>
      </c>
      <c r="P15515" s="5" t="s">
        <v>39</v>
      </c>
      <c r="Q15515" s="5" t="s">
        <v>40</v>
      </c>
      <c r="R15515" s="5" t="s">
        <v>1522</v>
      </c>
      <c r="S15515" s="5" t="s">
        <v>1523</v>
      </c>
      <c r="T15515" s="5" t="s">
        <v>42</v>
      </c>
      <c r="U15515" s="2">
        <v>2.8279999999999998</v>
      </c>
      <c r="V15515" s="2">
        <v>2.1970000000000001</v>
      </c>
      <c r="W15515" s="2">
        <v>1.7999999999999999E-2</v>
      </c>
      <c r="X15515" s="2">
        <v>139.1</v>
      </c>
      <c r="Y15515" s="2">
        <v>7.6</v>
      </c>
      <c r="Z15515" s="2">
        <v>16.7</v>
      </c>
      <c r="AA15515" s="5"/>
      <c r="AB15515" s="5" t="s">
        <v>43</v>
      </c>
      <c r="AC15515" s="5" t="s">
        <v>44</v>
      </c>
      <c r="AD15515" s="2"/>
      <c r="AE15515" s="1"/>
    </row>
    <row r="15516" spans="1:31" ht="14.45">
      <c r="A15516" s="11"/>
      <c r="B15516" s="20"/>
      <c r="C15516" s="2" t="s">
        <v>47504</v>
      </c>
      <c r="D15516" s="14" t="s">
        <v>47505</v>
      </c>
      <c r="E15516" s="2" t="s">
        <v>47506</v>
      </c>
      <c r="F15516" s="2" t="s">
        <v>7204</v>
      </c>
      <c r="G15516" s="8">
        <v>258</v>
      </c>
      <c r="H15516" s="5">
        <v>6</v>
      </c>
      <c r="I15516" s="5" t="s">
        <v>1518</v>
      </c>
      <c r="J15516" s="5" t="s">
        <v>40939</v>
      </c>
      <c r="K15516" s="2" t="s">
        <v>40940</v>
      </c>
      <c r="L15516" s="5" t="s">
        <v>40939</v>
      </c>
      <c r="M15516" s="2" t="s">
        <v>40940</v>
      </c>
      <c r="N15516" s="5" t="s">
        <v>36266</v>
      </c>
      <c r="O15516" s="5" t="s">
        <v>38</v>
      </c>
      <c r="P15516" s="5" t="s">
        <v>39</v>
      </c>
      <c r="Q15516" s="5" t="s">
        <v>40</v>
      </c>
      <c r="R15516" s="5" t="s">
        <v>1522</v>
      </c>
      <c r="S15516" s="5" t="s">
        <v>1523</v>
      </c>
      <c r="T15516" s="5" t="s">
        <v>42</v>
      </c>
      <c r="U15516" s="2">
        <v>2.5009999999999999</v>
      </c>
      <c r="V15516" s="2">
        <v>1.9550000000000001</v>
      </c>
      <c r="W15516" s="2">
        <v>1.2999999999999999E-2</v>
      </c>
      <c r="X15516" s="2">
        <v>99.1</v>
      </c>
      <c r="Y15516" s="2">
        <v>7.6</v>
      </c>
      <c r="Z15516" s="2">
        <v>16.7</v>
      </c>
      <c r="AA15516" s="5"/>
      <c r="AB15516" s="5" t="s">
        <v>43</v>
      </c>
      <c r="AC15516" s="5" t="s">
        <v>44</v>
      </c>
      <c r="AD15516" s="2"/>
      <c r="AE15516" s="1"/>
    </row>
    <row r="15517" spans="1:31" ht="14.45">
      <c r="A15517" s="11"/>
      <c r="B15517" s="20"/>
      <c r="C15517" s="2" t="s">
        <v>47507</v>
      </c>
      <c r="D15517" s="14" t="s">
        <v>47508</v>
      </c>
      <c r="E15517" s="2" t="s">
        <v>47509</v>
      </c>
      <c r="F15517" s="2" t="s">
        <v>7514</v>
      </c>
      <c r="G15517" s="8">
        <v>258</v>
      </c>
      <c r="H15517" s="5">
        <v>6</v>
      </c>
      <c r="I15517" s="5" t="s">
        <v>1518</v>
      </c>
      <c r="J15517" s="5" t="s">
        <v>40939</v>
      </c>
      <c r="K15517" s="2" t="s">
        <v>40940</v>
      </c>
      <c r="L15517" s="5" t="s">
        <v>40939</v>
      </c>
      <c r="M15517" s="2" t="s">
        <v>40940</v>
      </c>
      <c r="N15517" s="5" t="s">
        <v>36266</v>
      </c>
      <c r="O15517" s="5" t="s">
        <v>38</v>
      </c>
      <c r="P15517" s="5" t="s">
        <v>39</v>
      </c>
      <c r="Q15517" s="5" t="s">
        <v>40</v>
      </c>
      <c r="R15517" s="5" t="s">
        <v>1522</v>
      </c>
      <c r="S15517" s="5" t="s">
        <v>1523</v>
      </c>
      <c r="T15517" s="5" t="s">
        <v>42</v>
      </c>
      <c r="U15517" s="2">
        <v>2.5680000000000001</v>
      </c>
      <c r="V15517" s="2">
        <v>2.0219999999999998</v>
      </c>
      <c r="W15517" s="2">
        <v>1.2999999999999999E-2</v>
      </c>
      <c r="X15517" s="2">
        <v>99.1</v>
      </c>
      <c r="Y15517" s="2">
        <v>7.6</v>
      </c>
      <c r="Z15517" s="2">
        <v>16.7</v>
      </c>
      <c r="AA15517" s="5"/>
      <c r="AB15517" s="5" t="s">
        <v>43</v>
      </c>
      <c r="AC15517" s="5" t="s">
        <v>44</v>
      </c>
      <c r="AD15517" s="2"/>
      <c r="AE15517" s="1"/>
    </row>
    <row r="15518" spans="1:31" ht="14.45">
      <c r="A15518" s="11"/>
      <c r="B15518" s="20"/>
      <c r="C15518" s="2" t="s">
        <v>47510</v>
      </c>
      <c r="D15518" s="14" t="s">
        <v>47511</v>
      </c>
      <c r="E15518" s="2" t="s">
        <v>47512</v>
      </c>
      <c r="F15518" s="2" t="s">
        <v>47266</v>
      </c>
      <c r="G15518" s="8">
        <v>277</v>
      </c>
      <c r="H15518" s="5">
        <v>6</v>
      </c>
      <c r="I15518" s="5" t="s">
        <v>1518</v>
      </c>
      <c r="J15518" s="5" t="s">
        <v>40939</v>
      </c>
      <c r="K15518" s="2" t="s">
        <v>40940</v>
      </c>
      <c r="L15518" s="5" t="s">
        <v>40939</v>
      </c>
      <c r="M15518" s="2" t="s">
        <v>40940</v>
      </c>
      <c r="N15518" s="5" t="s">
        <v>36266</v>
      </c>
      <c r="O15518" s="5" t="s">
        <v>38</v>
      </c>
      <c r="P15518" s="5" t="s">
        <v>39</v>
      </c>
      <c r="Q15518" s="5" t="s">
        <v>40</v>
      </c>
      <c r="R15518" s="5" t="s">
        <v>1522</v>
      </c>
      <c r="S15518" s="5" t="s">
        <v>1523</v>
      </c>
      <c r="T15518" s="5" t="s">
        <v>42</v>
      </c>
      <c r="U15518" s="2">
        <v>2.5129999999999999</v>
      </c>
      <c r="V15518" s="2">
        <v>1.9670000000000001</v>
      </c>
      <c r="W15518" s="2">
        <v>1.2999999999999999E-2</v>
      </c>
      <c r="X15518" s="2">
        <v>99.1</v>
      </c>
      <c r="Y15518" s="2">
        <v>7.6</v>
      </c>
      <c r="Z15518" s="2">
        <v>16.7</v>
      </c>
      <c r="AA15518" s="5"/>
      <c r="AB15518" s="5" t="s">
        <v>43</v>
      </c>
      <c r="AC15518" s="5" t="s">
        <v>44</v>
      </c>
      <c r="AD15518" s="2"/>
      <c r="AE15518" s="1"/>
    </row>
    <row r="15519" spans="1:31" ht="14.45">
      <c r="A15519" s="11"/>
      <c r="B15519" s="20"/>
      <c r="C15519" s="2" t="s">
        <v>47513</v>
      </c>
      <c r="D15519" s="14" t="s">
        <v>47514</v>
      </c>
      <c r="E15519" s="2" t="s">
        <v>47515</v>
      </c>
      <c r="F15519" s="2" t="s">
        <v>7208</v>
      </c>
      <c r="G15519" s="8">
        <v>258</v>
      </c>
      <c r="H15519" s="5">
        <v>6</v>
      </c>
      <c r="I15519" s="5" t="s">
        <v>1518</v>
      </c>
      <c r="J15519" s="5" t="s">
        <v>40939</v>
      </c>
      <c r="K15519" s="2" t="s">
        <v>40940</v>
      </c>
      <c r="L15519" s="5" t="s">
        <v>40939</v>
      </c>
      <c r="M15519" s="2" t="s">
        <v>40940</v>
      </c>
      <c r="N15519" s="5" t="s">
        <v>36266</v>
      </c>
      <c r="O15519" s="5" t="s">
        <v>38</v>
      </c>
      <c r="P15519" s="5" t="s">
        <v>39</v>
      </c>
      <c r="Q15519" s="5" t="s">
        <v>40</v>
      </c>
      <c r="R15519" s="5" t="s">
        <v>1522</v>
      </c>
      <c r="S15519" s="5" t="s">
        <v>1523</v>
      </c>
      <c r="T15519" s="5" t="s">
        <v>42</v>
      </c>
      <c r="U15519" s="2">
        <v>2.52</v>
      </c>
      <c r="V15519" s="2">
        <v>1.974</v>
      </c>
      <c r="W15519" s="2">
        <v>1.2999999999999999E-2</v>
      </c>
      <c r="X15519" s="2">
        <v>99.1</v>
      </c>
      <c r="Y15519" s="2">
        <v>7.6</v>
      </c>
      <c r="Z15519" s="2">
        <v>16.7</v>
      </c>
      <c r="AA15519" s="5"/>
      <c r="AB15519" s="5" t="s">
        <v>43</v>
      </c>
      <c r="AC15519" s="5" t="s">
        <v>44</v>
      </c>
      <c r="AD15519" s="2"/>
      <c r="AE15519" s="1"/>
    </row>
    <row r="15520" spans="1:31" ht="14.45">
      <c r="A15520" s="11"/>
      <c r="B15520" s="20"/>
      <c r="C15520" s="2" t="s">
        <v>47516</v>
      </c>
      <c r="D15520" s="14" t="s">
        <v>47517</v>
      </c>
      <c r="E15520" s="2" t="s">
        <v>47518</v>
      </c>
      <c r="F15520" s="2" t="s">
        <v>7521</v>
      </c>
      <c r="G15520" s="8">
        <v>258</v>
      </c>
      <c r="H15520" s="5">
        <v>6</v>
      </c>
      <c r="I15520" s="5" t="s">
        <v>1518</v>
      </c>
      <c r="J15520" s="5" t="s">
        <v>40939</v>
      </c>
      <c r="K15520" s="2" t="s">
        <v>40940</v>
      </c>
      <c r="L15520" s="5" t="s">
        <v>40939</v>
      </c>
      <c r="M15520" s="2" t="s">
        <v>40940</v>
      </c>
      <c r="N15520" s="5" t="s">
        <v>36266</v>
      </c>
      <c r="O15520" s="5" t="s">
        <v>38</v>
      </c>
      <c r="P15520" s="5" t="s">
        <v>39</v>
      </c>
      <c r="Q15520" s="5" t="s">
        <v>40</v>
      </c>
      <c r="R15520" s="5" t="s">
        <v>1522</v>
      </c>
      <c r="S15520" s="5" t="s">
        <v>1523</v>
      </c>
      <c r="T15520" s="5" t="s">
        <v>42</v>
      </c>
      <c r="U15520" s="2">
        <v>2.5870000000000002</v>
      </c>
      <c r="V15520" s="2">
        <v>2.0409999999999999</v>
      </c>
      <c r="W15520" s="2">
        <v>1.2999999999999999E-2</v>
      </c>
      <c r="X15520" s="2">
        <v>99.1</v>
      </c>
      <c r="Y15520" s="2">
        <v>7.6</v>
      </c>
      <c r="Z15520" s="2">
        <v>16.7</v>
      </c>
      <c r="AA15520" s="5"/>
      <c r="AB15520" s="5" t="s">
        <v>43</v>
      </c>
      <c r="AC15520" s="5" t="s">
        <v>44</v>
      </c>
      <c r="AD15520" s="2"/>
      <c r="AE15520" s="1"/>
    </row>
    <row r="15521" spans="1:31" ht="14.45">
      <c r="A15521" s="11"/>
      <c r="B15521" s="20"/>
      <c r="C15521" s="2" t="s">
        <v>47519</v>
      </c>
      <c r="D15521" s="14" t="s">
        <v>47520</v>
      </c>
      <c r="E15521" s="2" t="s">
        <v>47521</v>
      </c>
      <c r="F15521" s="2" t="s">
        <v>40971</v>
      </c>
      <c r="G15521" s="8">
        <v>277</v>
      </c>
      <c r="H15521" s="5">
        <v>6</v>
      </c>
      <c r="I15521" s="5" t="s">
        <v>1518</v>
      </c>
      <c r="J15521" s="5" t="s">
        <v>40939</v>
      </c>
      <c r="K15521" s="2" t="s">
        <v>40940</v>
      </c>
      <c r="L15521" s="5" t="s">
        <v>40939</v>
      </c>
      <c r="M15521" s="2" t="s">
        <v>40940</v>
      </c>
      <c r="N15521" s="5" t="s">
        <v>36266</v>
      </c>
      <c r="O15521" s="5" t="s">
        <v>38</v>
      </c>
      <c r="P15521" s="5" t="s">
        <v>39</v>
      </c>
      <c r="Q15521" s="5" t="s">
        <v>40</v>
      </c>
      <c r="R15521" s="5" t="s">
        <v>1522</v>
      </c>
      <c r="S15521" s="5" t="s">
        <v>1523</v>
      </c>
      <c r="T15521" s="5" t="s">
        <v>42</v>
      </c>
      <c r="U15521" s="2">
        <v>2.5870000000000002</v>
      </c>
      <c r="V15521" s="2">
        <v>2.0409999999999999</v>
      </c>
      <c r="W15521" s="2">
        <v>1.2999999999999999E-2</v>
      </c>
      <c r="X15521" s="2">
        <v>99.1</v>
      </c>
      <c r="Y15521" s="2">
        <v>7.6</v>
      </c>
      <c r="Z15521" s="2">
        <v>16.7</v>
      </c>
      <c r="AA15521" s="5"/>
      <c r="AB15521" s="5" t="s">
        <v>43</v>
      </c>
      <c r="AC15521" s="5" t="s">
        <v>44</v>
      </c>
      <c r="AD15521" s="2"/>
      <c r="AE15521" s="1"/>
    </row>
    <row r="15522" spans="1:31" ht="14.45">
      <c r="A15522" s="11"/>
      <c r="B15522" s="20"/>
      <c r="C15522" s="2" t="s">
        <v>47522</v>
      </c>
      <c r="D15522" s="14" t="s">
        <v>47523</v>
      </c>
      <c r="E15522" s="2" t="s">
        <v>47524</v>
      </c>
      <c r="F15522" s="2" t="s">
        <v>7539</v>
      </c>
      <c r="G15522" s="8">
        <v>277</v>
      </c>
      <c r="H15522" s="5">
        <v>6</v>
      </c>
      <c r="I15522" s="5" t="s">
        <v>1518</v>
      </c>
      <c r="J15522" s="5" t="s">
        <v>40939</v>
      </c>
      <c r="K15522" s="2" t="s">
        <v>40940</v>
      </c>
      <c r="L15522" s="5" t="s">
        <v>40939</v>
      </c>
      <c r="M15522" s="2" t="s">
        <v>40940</v>
      </c>
      <c r="N15522" s="5" t="s">
        <v>36266</v>
      </c>
      <c r="O15522" s="5" t="s">
        <v>38</v>
      </c>
      <c r="P15522" s="5" t="s">
        <v>39</v>
      </c>
      <c r="Q15522" s="5" t="s">
        <v>40</v>
      </c>
      <c r="R15522" s="5" t="s">
        <v>1522</v>
      </c>
      <c r="S15522" s="5" t="s">
        <v>1523</v>
      </c>
      <c r="T15522" s="5" t="s">
        <v>42</v>
      </c>
      <c r="U15522" s="2">
        <v>2.4889999999999999</v>
      </c>
      <c r="V15522" s="2">
        <v>1.9430000000000001</v>
      </c>
      <c r="W15522" s="2">
        <v>1.2999999999999999E-2</v>
      </c>
      <c r="X15522" s="2">
        <v>99.1</v>
      </c>
      <c r="Y15522" s="2">
        <v>7.6</v>
      </c>
      <c r="Z15522" s="2">
        <v>16.7</v>
      </c>
      <c r="AA15522" s="5"/>
      <c r="AB15522" s="5" t="s">
        <v>43</v>
      </c>
      <c r="AC15522" s="5" t="s">
        <v>44</v>
      </c>
      <c r="AD15522" s="2"/>
      <c r="AE15522" s="1"/>
    </row>
    <row r="15523" spans="1:31" ht="14.45">
      <c r="A15523" s="11"/>
      <c r="B15523" s="20"/>
      <c r="C15523" s="2" t="s">
        <v>47525</v>
      </c>
      <c r="D15523" s="14" t="s">
        <v>47526</v>
      </c>
      <c r="E15523" s="2" t="s">
        <v>47527</v>
      </c>
      <c r="F15523" s="2" t="s">
        <v>40989</v>
      </c>
      <c r="G15523" s="8">
        <v>277</v>
      </c>
      <c r="H15523" s="5">
        <v>6</v>
      </c>
      <c r="I15523" s="5" t="s">
        <v>1518</v>
      </c>
      <c r="J15523" s="5" t="s">
        <v>40939</v>
      </c>
      <c r="K15523" s="2" t="s">
        <v>40940</v>
      </c>
      <c r="L15523" s="5" t="s">
        <v>40939</v>
      </c>
      <c r="M15523" s="2" t="s">
        <v>40940</v>
      </c>
      <c r="N15523" s="5" t="s">
        <v>36266</v>
      </c>
      <c r="O15523" s="5" t="s">
        <v>38</v>
      </c>
      <c r="P15523" s="5" t="s">
        <v>39</v>
      </c>
      <c r="Q15523" s="5" t="s">
        <v>40</v>
      </c>
      <c r="R15523" s="5" t="s">
        <v>1522</v>
      </c>
      <c r="S15523" s="5" t="s">
        <v>1523</v>
      </c>
      <c r="T15523" s="5" t="s">
        <v>42</v>
      </c>
      <c r="U15523" s="2">
        <v>2.52</v>
      </c>
      <c r="V15523" s="2">
        <v>1.974</v>
      </c>
      <c r="W15523" s="2">
        <v>1.2999999999999999E-2</v>
      </c>
      <c r="X15523" s="2">
        <v>99.1</v>
      </c>
      <c r="Y15523" s="2">
        <v>7.6</v>
      </c>
      <c r="Z15523" s="2">
        <v>16.7</v>
      </c>
      <c r="AA15523" s="5"/>
      <c r="AB15523" s="5" t="s">
        <v>43</v>
      </c>
      <c r="AC15523" s="5" t="s">
        <v>44</v>
      </c>
      <c r="AD15523" s="2"/>
      <c r="AE15523" s="1"/>
    </row>
    <row r="15524" spans="1:31" ht="14.45">
      <c r="A15524" s="11"/>
      <c r="B15524" s="20"/>
      <c r="C15524" s="2" t="s">
        <v>47528</v>
      </c>
      <c r="D15524" s="14" t="s">
        <v>47529</v>
      </c>
      <c r="E15524" s="2" t="s">
        <v>47530</v>
      </c>
      <c r="F15524" s="2" t="s">
        <v>40993</v>
      </c>
      <c r="G15524" s="8">
        <v>277</v>
      </c>
      <c r="H15524" s="5">
        <v>6</v>
      </c>
      <c r="I15524" s="5" t="s">
        <v>1518</v>
      </c>
      <c r="J15524" s="5" t="s">
        <v>40939</v>
      </c>
      <c r="K15524" s="2" t="s">
        <v>40940</v>
      </c>
      <c r="L15524" s="5" t="s">
        <v>40939</v>
      </c>
      <c r="M15524" s="2" t="s">
        <v>40940</v>
      </c>
      <c r="N15524" s="5" t="s">
        <v>36266</v>
      </c>
      <c r="O15524" s="5" t="s">
        <v>38</v>
      </c>
      <c r="P15524" s="5" t="s">
        <v>39</v>
      </c>
      <c r="Q15524" s="5" t="s">
        <v>40</v>
      </c>
      <c r="R15524" s="5" t="s">
        <v>1522</v>
      </c>
      <c r="S15524" s="5" t="s">
        <v>1523</v>
      </c>
      <c r="T15524" s="5" t="s">
        <v>42</v>
      </c>
      <c r="U15524" s="2">
        <v>2.5870000000000002</v>
      </c>
      <c r="V15524" s="2">
        <v>2.0409999999999999</v>
      </c>
      <c r="W15524" s="2">
        <v>1.2999999999999999E-2</v>
      </c>
      <c r="X15524" s="2">
        <v>99.1</v>
      </c>
      <c r="Y15524" s="2">
        <v>7.6</v>
      </c>
      <c r="Z15524" s="2">
        <v>16.7</v>
      </c>
      <c r="AA15524" s="5"/>
      <c r="AB15524" s="5" t="s">
        <v>43</v>
      </c>
      <c r="AC15524" s="5" t="s">
        <v>44</v>
      </c>
      <c r="AD15524" s="2"/>
      <c r="AE15524" s="1"/>
    </row>
    <row r="15525" spans="1:31" ht="14.45">
      <c r="A15525" s="11"/>
      <c r="B15525" s="20"/>
      <c r="C15525" s="2" t="s">
        <v>47531</v>
      </c>
      <c r="D15525" s="14" t="s">
        <v>47532</v>
      </c>
      <c r="E15525" s="2" t="s">
        <v>47533</v>
      </c>
      <c r="F15525" s="2" t="s">
        <v>41267</v>
      </c>
      <c r="G15525" s="8">
        <v>277</v>
      </c>
      <c r="H15525" s="5">
        <v>6</v>
      </c>
      <c r="I15525" s="5" t="s">
        <v>1518</v>
      </c>
      <c r="J15525" s="5" t="s">
        <v>40939</v>
      </c>
      <c r="K15525" s="2" t="s">
        <v>40940</v>
      </c>
      <c r="L15525" s="5" t="s">
        <v>40939</v>
      </c>
      <c r="M15525" s="2" t="s">
        <v>40940</v>
      </c>
      <c r="N15525" s="5" t="s">
        <v>36266</v>
      </c>
      <c r="O15525" s="5" t="s">
        <v>38</v>
      </c>
      <c r="P15525" s="5" t="s">
        <v>39</v>
      </c>
      <c r="Q15525" s="5" t="s">
        <v>40</v>
      </c>
      <c r="R15525" s="5" t="s">
        <v>1522</v>
      </c>
      <c r="S15525" s="5" t="s">
        <v>1523</v>
      </c>
      <c r="T15525" s="5" t="s">
        <v>42</v>
      </c>
      <c r="U15525" s="2">
        <v>2.5619999999999998</v>
      </c>
      <c r="V15525" s="2">
        <v>2.016</v>
      </c>
      <c r="W15525" s="2">
        <v>1.2999999999999999E-2</v>
      </c>
      <c r="X15525" s="2">
        <v>99.1</v>
      </c>
      <c r="Y15525" s="2">
        <v>7.6</v>
      </c>
      <c r="Z15525" s="2">
        <v>16.7</v>
      </c>
      <c r="AA15525" s="5"/>
      <c r="AB15525" s="5" t="s">
        <v>43</v>
      </c>
      <c r="AC15525" s="5" t="s">
        <v>44</v>
      </c>
      <c r="AD15525" s="2"/>
      <c r="AE15525" s="1"/>
    </row>
    <row r="15526" spans="1:31" ht="14.45">
      <c r="A15526" s="11"/>
      <c r="B15526" s="20"/>
      <c r="C15526" s="2" t="s">
        <v>47534</v>
      </c>
      <c r="D15526" s="14" t="s">
        <v>47535</v>
      </c>
      <c r="E15526" s="2" t="s">
        <v>47536</v>
      </c>
      <c r="F15526" s="2" t="s">
        <v>41031</v>
      </c>
      <c r="G15526" s="8">
        <v>277</v>
      </c>
      <c r="H15526" s="5">
        <v>6</v>
      </c>
      <c r="I15526" s="5" t="s">
        <v>1518</v>
      </c>
      <c r="J15526" s="5" t="s">
        <v>40939</v>
      </c>
      <c r="K15526" s="2" t="s">
        <v>40940</v>
      </c>
      <c r="L15526" s="5" t="s">
        <v>40939</v>
      </c>
      <c r="M15526" s="2" t="s">
        <v>40940</v>
      </c>
      <c r="N15526" s="5" t="s">
        <v>36266</v>
      </c>
      <c r="O15526" s="5" t="s">
        <v>38</v>
      </c>
      <c r="P15526" s="5" t="s">
        <v>39</v>
      </c>
      <c r="Q15526" s="5" t="s">
        <v>40</v>
      </c>
      <c r="R15526" s="5" t="s">
        <v>1522</v>
      </c>
      <c r="S15526" s="5" t="s">
        <v>1523</v>
      </c>
      <c r="T15526" s="5" t="s">
        <v>42</v>
      </c>
      <c r="U15526" s="2">
        <v>2.4950000000000001</v>
      </c>
      <c r="V15526" s="2">
        <v>1.9490000000000001</v>
      </c>
      <c r="W15526" s="2">
        <v>1.2999999999999999E-2</v>
      </c>
      <c r="X15526" s="2">
        <v>99.1</v>
      </c>
      <c r="Y15526" s="2">
        <v>7.6</v>
      </c>
      <c r="Z15526" s="2">
        <v>16.7</v>
      </c>
      <c r="AA15526" s="5"/>
      <c r="AB15526" s="5" t="s">
        <v>43</v>
      </c>
      <c r="AC15526" s="5" t="s">
        <v>44</v>
      </c>
      <c r="AD15526" s="2"/>
      <c r="AE15526" s="1"/>
    </row>
    <row r="15527" spans="1:31" ht="14.45">
      <c r="A15527" s="11"/>
      <c r="B15527" s="20"/>
      <c r="C15527" s="2" t="s">
        <v>47537</v>
      </c>
      <c r="D15527" s="14" t="s">
        <v>47538</v>
      </c>
      <c r="E15527" s="2" t="s">
        <v>47539</v>
      </c>
      <c r="F15527" s="2" t="s">
        <v>41045</v>
      </c>
      <c r="G15527" s="8">
        <v>277</v>
      </c>
      <c r="H15527" s="5">
        <v>6</v>
      </c>
      <c r="I15527" s="5" t="s">
        <v>1518</v>
      </c>
      <c r="J15527" s="5" t="s">
        <v>40939</v>
      </c>
      <c r="K15527" s="2" t="s">
        <v>40940</v>
      </c>
      <c r="L15527" s="5" t="s">
        <v>40939</v>
      </c>
      <c r="M15527" s="2" t="s">
        <v>40940</v>
      </c>
      <c r="N15527" s="5" t="s">
        <v>36266</v>
      </c>
      <c r="O15527" s="5" t="s">
        <v>38</v>
      </c>
      <c r="P15527" s="5" t="s">
        <v>39</v>
      </c>
      <c r="Q15527" s="5" t="s">
        <v>40</v>
      </c>
      <c r="R15527" s="5" t="s">
        <v>1522</v>
      </c>
      <c r="S15527" s="5" t="s">
        <v>1523</v>
      </c>
      <c r="T15527" s="5" t="s">
        <v>42</v>
      </c>
      <c r="U15527" s="2">
        <v>2.532</v>
      </c>
      <c r="V15527" s="2">
        <v>1.986</v>
      </c>
      <c r="W15527" s="2">
        <v>1.2999999999999999E-2</v>
      </c>
      <c r="X15527" s="2">
        <v>99.1</v>
      </c>
      <c r="Y15527" s="2">
        <v>7.6</v>
      </c>
      <c r="Z15527" s="2">
        <v>16.7</v>
      </c>
      <c r="AA15527" s="5"/>
      <c r="AB15527" s="5" t="s">
        <v>43</v>
      </c>
      <c r="AC15527" s="5" t="s">
        <v>44</v>
      </c>
      <c r="AD15527" s="2"/>
      <c r="AE15527" s="1"/>
    </row>
    <row r="15528" spans="1:31" ht="14.45">
      <c r="A15528" s="11"/>
      <c r="B15528" s="20"/>
      <c r="C15528" s="2" t="s">
        <v>47540</v>
      </c>
      <c r="D15528" s="14" t="s">
        <v>47541</v>
      </c>
      <c r="E15528" s="2" t="s">
        <v>47542</v>
      </c>
      <c r="F15528" s="2" t="s">
        <v>7204</v>
      </c>
      <c r="G15528" s="8">
        <v>269</v>
      </c>
      <c r="H15528" s="5">
        <v>6</v>
      </c>
      <c r="I15528" s="5" t="s">
        <v>1518</v>
      </c>
      <c r="J15528" s="5" t="s">
        <v>40939</v>
      </c>
      <c r="K15528" s="2" t="s">
        <v>40940</v>
      </c>
      <c r="L15528" s="5" t="s">
        <v>40939</v>
      </c>
      <c r="M15528" s="2" t="s">
        <v>40940</v>
      </c>
      <c r="N15528" s="5" t="s">
        <v>36266</v>
      </c>
      <c r="O15528" s="5" t="s">
        <v>38</v>
      </c>
      <c r="P15528" s="5" t="s">
        <v>39</v>
      </c>
      <c r="Q15528" s="5" t="s">
        <v>40</v>
      </c>
      <c r="R15528" s="5" t="s">
        <v>1522</v>
      </c>
      <c r="S15528" s="5" t="s">
        <v>1523</v>
      </c>
      <c r="T15528" s="5" t="s">
        <v>42</v>
      </c>
      <c r="U15528" s="2">
        <v>2.6429999999999998</v>
      </c>
      <c r="V15528" s="2">
        <v>2.1059999999999999</v>
      </c>
      <c r="W15528" s="2">
        <v>1.2999999999999999E-2</v>
      </c>
      <c r="X15528" s="2">
        <v>99.1</v>
      </c>
      <c r="Y15528" s="2">
        <v>7.6</v>
      </c>
      <c r="Z15528" s="2">
        <v>16.7</v>
      </c>
      <c r="AA15528" s="5"/>
      <c r="AB15528" s="5" t="s">
        <v>43</v>
      </c>
      <c r="AC15528" s="5" t="s">
        <v>44</v>
      </c>
      <c r="AD15528" s="2"/>
      <c r="AE15528" s="1"/>
    </row>
    <row r="15529" spans="1:31" ht="14.45">
      <c r="A15529" s="11"/>
      <c r="B15529" s="20"/>
      <c r="C15529" s="2" t="s">
        <v>47543</v>
      </c>
      <c r="D15529" s="14" t="s">
        <v>47544</v>
      </c>
      <c r="E15529" s="2" t="s">
        <v>47545</v>
      </c>
      <c r="F15529" s="2" t="s">
        <v>7514</v>
      </c>
      <c r="G15529" s="8">
        <v>269</v>
      </c>
      <c r="H15529" s="5">
        <v>6</v>
      </c>
      <c r="I15529" s="5" t="s">
        <v>1518</v>
      </c>
      <c r="J15529" s="5" t="s">
        <v>40939</v>
      </c>
      <c r="K15529" s="2" t="s">
        <v>40940</v>
      </c>
      <c r="L15529" s="5" t="s">
        <v>40939</v>
      </c>
      <c r="M15529" s="2" t="s">
        <v>40940</v>
      </c>
      <c r="N15529" s="5" t="s">
        <v>36266</v>
      </c>
      <c r="O15529" s="5" t="s">
        <v>38</v>
      </c>
      <c r="P15529" s="5" t="s">
        <v>39</v>
      </c>
      <c r="Q15529" s="5" t="s">
        <v>40</v>
      </c>
      <c r="R15529" s="5" t="s">
        <v>1522</v>
      </c>
      <c r="S15529" s="5" t="s">
        <v>1523</v>
      </c>
      <c r="T15529" s="5" t="s">
        <v>42</v>
      </c>
      <c r="U15529" s="2">
        <v>2.7210000000000001</v>
      </c>
      <c r="V15529" s="2">
        <v>2.1840000000000002</v>
      </c>
      <c r="W15529" s="2">
        <v>1.2999999999999999E-2</v>
      </c>
      <c r="X15529" s="2">
        <v>99.1</v>
      </c>
      <c r="Y15529" s="2">
        <v>7.6</v>
      </c>
      <c r="Z15529" s="2">
        <v>16.7</v>
      </c>
      <c r="AA15529" s="5"/>
      <c r="AB15529" s="5" t="s">
        <v>43</v>
      </c>
      <c r="AC15529" s="5" t="s">
        <v>44</v>
      </c>
      <c r="AD15529" s="2"/>
      <c r="AE15529" s="1"/>
    </row>
    <row r="15530" spans="1:31" ht="14.45">
      <c r="A15530" s="11"/>
      <c r="B15530" s="20"/>
      <c r="C15530" s="2" t="s">
        <v>47546</v>
      </c>
      <c r="D15530" s="14" t="s">
        <v>47547</v>
      </c>
      <c r="E15530" s="2" t="s">
        <v>47548</v>
      </c>
      <c r="F15530" s="2" t="s">
        <v>7208</v>
      </c>
      <c r="G15530" s="8">
        <v>269</v>
      </c>
      <c r="H15530" s="5">
        <v>6</v>
      </c>
      <c r="I15530" s="5" t="s">
        <v>1518</v>
      </c>
      <c r="J15530" s="5" t="s">
        <v>40939</v>
      </c>
      <c r="K15530" s="2" t="s">
        <v>40940</v>
      </c>
      <c r="L15530" s="5" t="s">
        <v>40939</v>
      </c>
      <c r="M15530" s="2" t="s">
        <v>40940</v>
      </c>
      <c r="N15530" s="5" t="s">
        <v>36266</v>
      </c>
      <c r="O15530" s="5" t="s">
        <v>38</v>
      </c>
      <c r="P15530" s="5" t="s">
        <v>39</v>
      </c>
      <c r="Q15530" s="5" t="s">
        <v>40</v>
      </c>
      <c r="R15530" s="5" t="s">
        <v>1522</v>
      </c>
      <c r="S15530" s="5" t="s">
        <v>1523</v>
      </c>
      <c r="T15530" s="5" t="s">
        <v>42</v>
      </c>
      <c r="U15530" s="2">
        <v>2.665</v>
      </c>
      <c r="V15530" s="2">
        <v>2.1280000000000001</v>
      </c>
      <c r="W15530" s="2">
        <v>1.2999999999999999E-2</v>
      </c>
      <c r="X15530" s="2">
        <v>99.1</v>
      </c>
      <c r="Y15530" s="2">
        <v>7.6</v>
      </c>
      <c r="Z15530" s="2">
        <v>16.7</v>
      </c>
      <c r="AA15530" s="5"/>
      <c r="AB15530" s="5" t="s">
        <v>43</v>
      </c>
      <c r="AC15530" s="5" t="s">
        <v>44</v>
      </c>
      <c r="AD15530" s="2"/>
      <c r="AE15530" s="1"/>
    </row>
    <row r="15531" spans="1:31" ht="14.45">
      <c r="A15531" s="11"/>
      <c r="B15531" s="20"/>
      <c r="C15531" s="2" t="s">
        <v>47549</v>
      </c>
      <c r="D15531" s="14" t="s">
        <v>47550</v>
      </c>
      <c r="E15531" s="2" t="s">
        <v>47551</v>
      </c>
      <c r="F15531" s="2" t="s">
        <v>40989</v>
      </c>
      <c r="G15531" s="8">
        <v>289</v>
      </c>
      <c r="H15531" s="5">
        <v>6</v>
      </c>
      <c r="I15531" s="5" t="s">
        <v>1518</v>
      </c>
      <c r="J15531" s="5" t="s">
        <v>40939</v>
      </c>
      <c r="K15531" s="2" t="s">
        <v>40940</v>
      </c>
      <c r="L15531" s="5" t="s">
        <v>40939</v>
      </c>
      <c r="M15531" s="2" t="s">
        <v>40940</v>
      </c>
      <c r="N15531" s="5" t="s">
        <v>36266</v>
      </c>
      <c r="O15531" s="5" t="s">
        <v>38</v>
      </c>
      <c r="P15531" s="5" t="s">
        <v>39</v>
      </c>
      <c r="Q15531" s="5" t="s">
        <v>40</v>
      </c>
      <c r="R15531" s="5" t="s">
        <v>1522</v>
      </c>
      <c r="S15531" s="5" t="s">
        <v>1523</v>
      </c>
      <c r="T15531" s="5" t="s">
        <v>42</v>
      </c>
      <c r="U15531" s="2">
        <v>2.665</v>
      </c>
      <c r="V15531" s="2">
        <v>2.1280000000000001</v>
      </c>
      <c r="W15531" s="2">
        <v>1.2999999999999999E-2</v>
      </c>
      <c r="X15531" s="2">
        <v>99.1</v>
      </c>
      <c r="Y15531" s="2">
        <v>7.6</v>
      </c>
      <c r="Z15531" s="2">
        <v>16.7</v>
      </c>
      <c r="AA15531" s="5"/>
      <c r="AB15531" s="5" t="s">
        <v>43</v>
      </c>
      <c r="AC15531" s="5" t="s">
        <v>44</v>
      </c>
      <c r="AD15531" s="2"/>
      <c r="AE15531" s="1"/>
    </row>
    <row r="15532" spans="1:31" ht="14.45">
      <c r="A15532" s="11"/>
      <c r="B15532" s="20"/>
      <c r="C15532" s="2" t="s">
        <v>47552</v>
      </c>
      <c r="D15532" s="14" t="s">
        <v>47553</v>
      </c>
      <c r="E15532" s="2" t="s">
        <v>47554</v>
      </c>
      <c r="F15532" s="2" t="s">
        <v>41013</v>
      </c>
      <c r="G15532" s="8">
        <v>289</v>
      </c>
      <c r="H15532" s="5">
        <v>6</v>
      </c>
      <c r="I15532" s="5" t="s">
        <v>1518</v>
      </c>
      <c r="J15532" s="5" t="s">
        <v>40939</v>
      </c>
      <c r="K15532" s="2" t="s">
        <v>40940</v>
      </c>
      <c r="L15532" s="5" t="s">
        <v>40939</v>
      </c>
      <c r="M15532" s="2" t="s">
        <v>40940</v>
      </c>
      <c r="N15532" s="5" t="s">
        <v>36266</v>
      </c>
      <c r="O15532" s="5" t="s">
        <v>38</v>
      </c>
      <c r="P15532" s="5" t="s">
        <v>39</v>
      </c>
      <c r="Q15532" s="5" t="s">
        <v>40</v>
      </c>
      <c r="R15532" s="5" t="s">
        <v>1522</v>
      </c>
      <c r="S15532" s="5" t="s">
        <v>1523</v>
      </c>
      <c r="T15532" s="5" t="s">
        <v>42</v>
      </c>
      <c r="U15532" s="2">
        <v>2.75</v>
      </c>
      <c r="V15532" s="2">
        <v>2.2130000000000001</v>
      </c>
      <c r="W15532" s="2">
        <v>1.2999999999999999E-2</v>
      </c>
      <c r="X15532" s="2">
        <v>99.1</v>
      </c>
      <c r="Y15532" s="2">
        <v>7.6</v>
      </c>
      <c r="Z15532" s="2">
        <v>16.7</v>
      </c>
      <c r="AA15532" s="5"/>
      <c r="AB15532" s="5" t="s">
        <v>43</v>
      </c>
      <c r="AC15532" s="5" t="s">
        <v>44</v>
      </c>
      <c r="AD15532" s="2"/>
      <c r="AE15532" s="1"/>
    </row>
    <row r="15533" spans="1:31" ht="14.45">
      <c r="A15533" s="11"/>
      <c r="B15533" s="20"/>
      <c r="C15533" s="2" t="s">
        <v>47555</v>
      </c>
      <c r="D15533" s="14" t="s">
        <v>47556</v>
      </c>
      <c r="E15533" s="2" t="s">
        <v>47557</v>
      </c>
      <c r="F15533" s="2" t="s">
        <v>7396</v>
      </c>
      <c r="G15533" s="8">
        <v>269</v>
      </c>
      <c r="H15533" s="5">
        <v>6</v>
      </c>
      <c r="I15533" s="5" t="s">
        <v>1518</v>
      </c>
      <c r="J15533" s="5" t="s">
        <v>40939</v>
      </c>
      <c r="K15533" s="2" t="s">
        <v>40940</v>
      </c>
      <c r="L15533" s="5" t="s">
        <v>40939</v>
      </c>
      <c r="M15533" s="2" t="s">
        <v>40940</v>
      </c>
      <c r="N15533" s="5" t="s">
        <v>36266</v>
      </c>
      <c r="O15533" s="5" t="s">
        <v>38</v>
      </c>
      <c r="P15533" s="5" t="s">
        <v>39</v>
      </c>
      <c r="Q15533" s="5" t="s">
        <v>40</v>
      </c>
      <c r="R15533" s="5" t="s">
        <v>1522</v>
      </c>
      <c r="S15533" s="5" t="s">
        <v>1523</v>
      </c>
      <c r="T15533" s="5" t="s">
        <v>42</v>
      </c>
      <c r="U15533" s="2">
        <v>2.6720000000000002</v>
      </c>
      <c r="V15533" s="2">
        <v>2.1349999999999998</v>
      </c>
      <c r="W15533" s="2">
        <v>1.2999999999999999E-2</v>
      </c>
      <c r="X15533" s="2">
        <v>99.1</v>
      </c>
      <c r="Y15533" s="2">
        <v>7.6</v>
      </c>
      <c r="Z15533" s="2">
        <v>16.7</v>
      </c>
      <c r="AA15533" s="5"/>
      <c r="AB15533" s="5" t="s">
        <v>43</v>
      </c>
      <c r="AC15533" s="5" t="s">
        <v>44</v>
      </c>
      <c r="AD15533" s="2"/>
      <c r="AE15533" s="1"/>
    </row>
    <row r="15534" spans="1:31" ht="14.45">
      <c r="A15534" s="11"/>
      <c r="B15534" s="20"/>
      <c r="C15534" s="2" t="s">
        <v>47558</v>
      </c>
      <c r="D15534" s="14" t="s">
        <v>47559</v>
      </c>
      <c r="E15534" s="2" t="s">
        <v>47560</v>
      </c>
      <c r="F15534" s="2" t="s">
        <v>41031</v>
      </c>
      <c r="G15534" s="8">
        <v>289</v>
      </c>
      <c r="H15534" s="5">
        <v>6</v>
      </c>
      <c r="I15534" s="5" t="s">
        <v>1518</v>
      </c>
      <c r="J15534" s="5" t="s">
        <v>40939</v>
      </c>
      <c r="K15534" s="2" t="s">
        <v>40940</v>
      </c>
      <c r="L15534" s="5" t="s">
        <v>40939</v>
      </c>
      <c r="M15534" s="2" t="s">
        <v>40940</v>
      </c>
      <c r="N15534" s="5" t="s">
        <v>36266</v>
      </c>
      <c r="O15534" s="5" t="s">
        <v>38</v>
      </c>
      <c r="P15534" s="5" t="s">
        <v>39</v>
      </c>
      <c r="Q15534" s="5" t="s">
        <v>40</v>
      </c>
      <c r="R15534" s="5" t="s">
        <v>1522</v>
      </c>
      <c r="S15534" s="5" t="s">
        <v>1523</v>
      </c>
      <c r="T15534" s="5" t="s">
        <v>42</v>
      </c>
      <c r="U15534" s="2">
        <v>2.6360000000000001</v>
      </c>
      <c r="V15534" s="2">
        <v>2.0990000000000002</v>
      </c>
      <c r="W15534" s="2">
        <v>1.2999999999999999E-2</v>
      </c>
      <c r="X15534" s="2">
        <v>99.1</v>
      </c>
      <c r="Y15534" s="2">
        <v>7.6</v>
      </c>
      <c r="Z15534" s="2">
        <v>16.7</v>
      </c>
      <c r="AA15534" s="5"/>
      <c r="AB15534" s="5" t="s">
        <v>43</v>
      </c>
      <c r="AC15534" s="5" t="s">
        <v>44</v>
      </c>
      <c r="AD15534" s="2"/>
      <c r="AE15534" s="1"/>
    </row>
    <row r="15535" spans="1:31" ht="14.45">
      <c r="A15535" s="11"/>
      <c r="B15535" s="20"/>
      <c r="C15535" s="2" t="s">
        <v>47561</v>
      </c>
      <c r="D15535" s="14" t="s">
        <v>47562</v>
      </c>
      <c r="E15535" s="2" t="s">
        <v>47563</v>
      </c>
      <c r="F15535" s="2" t="s">
        <v>7204</v>
      </c>
      <c r="G15535" s="8">
        <v>273</v>
      </c>
      <c r="H15535" s="5">
        <v>6</v>
      </c>
      <c r="I15535" s="5" t="s">
        <v>1518</v>
      </c>
      <c r="J15535" s="5" t="s">
        <v>40939</v>
      </c>
      <c r="K15535" s="2" t="s">
        <v>40940</v>
      </c>
      <c r="L15535" s="5" t="s">
        <v>40939</v>
      </c>
      <c r="M15535" s="2" t="s">
        <v>40940</v>
      </c>
      <c r="N15535" s="5" t="s">
        <v>36266</v>
      </c>
      <c r="O15535" s="5" t="s">
        <v>38</v>
      </c>
      <c r="P15535" s="5" t="s">
        <v>39</v>
      </c>
      <c r="Q15535" s="5" t="s">
        <v>40</v>
      </c>
      <c r="R15535" s="5" t="s">
        <v>1522</v>
      </c>
      <c r="S15535" s="5" t="s">
        <v>1523</v>
      </c>
      <c r="T15535" s="5" t="s">
        <v>42</v>
      </c>
      <c r="U15535" s="2">
        <v>2.7970000000000002</v>
      </c>
      <c r="V15535" s="2">
        <v>2.2599999999999998</v>
      </c>
      <c r="W15535" s="2">
        <v>1.4999999999999999E-2</v>
      </c>
      <c r="X15535" s="2">
        <v>118.9</v>
      </c>
      <c r="Y15535" s="2">
        <v>7.6</v>
      </c>
      <c r="Z15535" s="2">
        <v>16.7</v>
      </c>
      <c r="AA15535" s="5"/>
      <c r="AB15535" s="5" t="s">
        <v>43</v>
      </c>
      <c r="AC15535" s="5" t="s">
        <v>44</v>
      </c>
      <c r="AD15535" s="2"/>
      <c r="AE15535" s="1"/>
    </row>
    <row r="15536" spans="1:31" ht="14.45">
      <c r="A15536" s="11"/>
      <c r="B15536" s="20"/>
      <c r="C15536" s="2" t="s">
        <v>47564</v>
      </c>
      <c r="D15536" s="14" t="s">
        <v>47565</v>
      </c>
      <c r="E15536" s="2" t="s">
        <v>47566</v>
      </c>
      <c r="F15536" s="2" t="s">
        <v>7514</v>
      </c>
      <c r="G15536" s="8">
        <v>273</v>
      </c>
      <c r="H15536" s="5">
        <v>6</v>
      </c>
      <c r="I15536" s="5" t="s">
        <v>1518</v>
      </c>
      <c r="J15536" s="5" t="s">
        <v>40939</v>
      </c>
      <c r="K15536" s="2" t="s">
        <v>40940</v>
      </c>
      <c r="L15536" s="5" t="s">
        <v>40939</v>
      </c>
      <c r="M15536" s="2" t="s">
        <v>40940</v>
      </c>
      <c r="N15536" s="5" t="s">
        <v>36266</v>
      </c>
      <c r="O15536" s="5" t="s">
        <v>38</v>
      </c>
      <c r="P15536" s="5" t="s">
        <v>39</v>
      </c>
      <c r="Q15536" s="5" t="s">
        <v>40</v>
      </c>
      <c r="R15536" s="5" t="s">
        <v>1522</v>
      </c>
      <c r="S15536" s="5" t="s">
        <v>1523</v>
      </c>
      <c r="T15536" s="5" t="s">
        <v>42</v>
      </c>
      <c r="U15536" s="2">
        <v>2.8889999999999998</v>
      </c>
      <c r="V15536" s="2">
        <v>2.3519999999999999</v>
      </c>
      <c r="W15536" s="2">
        <v>1.4999999999999999E-2</v>
      </c>
      <c r="X15536" s="2">
        <v>118.9</v>
      </c>
      <c r="Y15536" s="2">
        <v>7.6</v>
      </c>
      <c r="Z15536" s="2">
        <v>16.7</v>
      </c>
      <c r="AA15536" s="5"/>
      <c r="AB15536" s="5" t="s">
        <v>43</v>
      </c>
      <c r="AC15536" s="5" t="s">
        <v>44</v>
      </c>
      <c r="AD15536" s="2"/>
      <c r="AE15536" s="1"/>
    </row>
    <row r="15537" spans="1:31" ht="14.45">
      <c r="A15537" s="11"/>
      <c r="B15537" s="20"/>
      <c r="C15537" s="2" t="s">
        <v>47567</v>
      </c>
      <c r="D15537" s="14" t="s">
        <v>47568</v>
      </c>
      <c r="E15537" s="2" t="s">
        <v>47569</v>
      </c>
      <c r="F15537" s="2" t="s">
        <v>47266</v>
      </c>
      <c r="G15537" s="8">
        <v>294</v>
      </c>
      <c r="H15537" s="5">
        <v>6</v>
      </c>
      <c r="I15537" s="5" t="s">
        <v>1518</v>
      </c>
      <c r="J15537" s="5" t="s">
        <v>40939</v>
      </c>
      <c r="K15537" s="2" t="s">
        <v>40940</v>
      </c>
      <c r="L15537" s="5" t="s">
        <v>40939</v>
      </c>
      <c r="M15537" s="2" t="s">
        <v>40940</v>
      </c>
      <c r="N15537" s="5" t="s">
        <v>36266</v>
      </c>
      <c r="O15537" s="5" t="s">
        <v>38</v>
      </c>
      <c r="P15537" s="5" t="s">
        <v>39</v>
      </c>
      <c r="Q15537" s="5" t="s">
        <v>40</v>
      </c>
      <c r="R15537" s="5" t="s">
        <v>1522</v>
      </c>
      <c r="S15537" s="5" t="s">
        <v>1523</v>
      </c>
      <c r="T15537" s="5" t="s">
        <v>42</v>
      </c>
      <c r="U15537" s="2">
        <v>2.8149999999999999</v>
      </c>
      <c r="V15537" s="2">
        <v>2.278</v>
      </c>
      <c r="W15537" s="2">
        <v>1.4999999999999999E-2</v>
      </c>
      <c r="X15537" s="2">
        <v>118.9</v>
      </c>
      <c r="Y15537" s="2">
        <v>7.6</v>
      </c>
      <c r="Z15537" s="2">
        <v>16.7</v>
      </c>
      <c r="AA15537" s="5"/>
      <c r="AB15537" s="5" t="s">
        <v>43</v>
      </c>
      <c r="AC15537" s="5" t="s">
        <v>44</v>
      </c>
      <c r="AD15537" s="2"/>
      <c r="AE15537" s="1"/>
    </row>
    <row r="15538" spans="1:31" ht="14.45">
      <c r="A15538" s="11"/>
      <c r="B15538" s="20"/>
      <c r="C15538" s="2" t="s">
        <v>47570</v>
      </c>
      <c r="D15538" s="14" t="s">
        <v>47571</v>
      </c>
      <c r="E15538" s="2" t="s">
        <v>47572</v>
      </c>
      <c r="F15538" s="2" t="s">
        <v>7208</v>
      </c>
      <c r="G15538" s="8">
        <v>273</v>
      </c>
      <c r="H15538" s="5">
        <v>6</v>
      </c>
      <c r="I15538" s="5" t="s">
        <v>1518</v>
      </c>
      <c r="J15538" s="5" t="s">
        <v>40939</v>
      </c>
      <c r="K15538" s="2" t="s">
        <v>40940</v>
      </c>
      <c r="L15538" s="5" t="s">
        <v>40939</v>
      </c>
      <c r="M15538" s="2" t="s">
        <v>40940</v>
      </c>
      <c r="N15538" s="5" t="s">
        <v>36266</v>
      </c>
      <c r="O15538" s="5" t="s">
        <v>38</v>
      </c>
      <c r="P15538" s="5" t="s">
        <v>39</v>
      </c>
      <c r="Q15538" s="5" t="s">
        <v>40</v>
      </c>
      <c r="R15538" s="5" t="s">
        <v>1522</v>
      </c>
      <c r="S15538" s="5" t="s">
        <v>1523</v>
      </c>
      <c r="T15538" s="5" t="s">
        <v>42</v>
      </c>
      <c r="U15538" s="2">
        <v>2.823</v>
      </c>
      <c r="V15538" s="2">
        <v>2.286</v>
      </c>
      <c r="W15538" s="2">
        <v>1.4999999999999999E-2</v>
      </c>
      <c r="X15538" s="2">
        <v>118.9</v>
      </c>
      <c r="Y15538" s="2">
        <v>7.6</v>
      </c>
      <c r="Z15538" s="2">
        <v>16.7</v>
      </c>
      <c r="AA15538" s="5"/>
      <c r="AB15538" s="5" t="s">
        <v>43</v>
      </c>
      <c r="AC15538" s="5" t="s">
        <v>44</v>
      </c>
      <c r="AD15538" s="2"/>
      <c r="AE15538" s="1"/>
    </row>
    <row r="15539" spans="1:31" ht="14.45">
      <c r="A15539" s="11"/>
      <c r="B15539" s="20"/>
      <c r="C15539" s="2" t="s">
        <v>47573</v>
      </c>
      <c r="D15539" s="14" t="s">
        <v>47574</v>
      </c>
      <c r="E15539" s="2" t="s">
        <v>47575</v>
      </c>
      <c r="F15539" s="2" t="s">
        <v>36273</v>
      </c>
      <c r="G15539" s="8">
        <v>273</v>
      </c>
      <c r="H15539" s="5">
        <v>6</v>
      </c>
      <c r="I15539" s="5" t="s">
        <v>1518</v>
      </c>
      <c r="J15539" s="5" t="s">
        <v>40939</v>
      </c>
      <c r="K15539" s="2" t="s">
        <v>40940</v>
      </c>
      <c r="L15539" s="5" t="s">
        <v>40939</v>
      </c>
      <c r="M15539" s="2" t="s">
        <v>40940</v>
      </c>
      <c r="N15539" s="5" t="s">
        <v>36266</v>
      </c>
      <c r="O15539" s="5" t="s">
        <v>38</v>
      </c>
      <c r="P15539" s="5" t="s">
        <v>39</v>
      </c>
      <c r="Q15539" s="5" t="s">
        <v>40</v>
      </c>
      <c r="R15539" s="5" t="s">
        <v>1522</v>
      </c>
      <c r="S15539" s="5" t="s">
        <v>1523</v>
      </c>
      <c r="T15539" s="5" t="s">
        <v>42</v>
      </c>
      <c r="U15539" s="2">
        <v>2.8410000000000002</v>
      </c>
      <c r="V15539" s="2">
        <v>2.3039999999999998</v>
      </c>
      <c r="W15539" s="2">
        <v>1.4999999999999999E-2</v>
      </c>
      <c r="X15539" s="2">
        <v>118.9</v>
      </c>
      <c r="Y15539" s="2">
        <v>7.6</v>
      </c>
      <c r="Z15539" s="2">
        <v>16.7</v>
      </c>
      <c r="AA15539" s="5"/>
      <c r="AB15539" s="5" t="s">
        <v>43</v>
      </c>
      <c r="AC15539" s="5" t="s">
        <v>44</v>
      </c>
      <c r="AD15539" s="2"/>
      <c r="AE15539" s="1"/>
    </row>
    <row r="15540" spans="1:31" ht="14.45">
      <c r="A15540" s="11"/>
      <c r="B15540" s="20"/>
      <c r="C15540" s="2" t="s">
        <v>47576</v>
      </c>
      <c r="D15540" s="14" t="s">
        <v>47577</v>
      </c>
      <c r="E15540" s="2" t="s">
        <v>47578</v>
      </c>
      <c r="F15540" s="2" t="s">
        <v>36277</v>
      </c>
      <c r="G15540" s="8">
        <v>273</v>
      </c>
      <c r="H15540" s="5">
        <v>6</v>
      </c>
      <c r="I15540" s="5" t="s">
        <v>1518</v>
      </c>
      <c r="J15540" s="5" t="s">
        <v>40939</v>
      </c>
      <c r="K15540" s="2" t="s">
        <v>40940</v>
      </c>
      <c r="L15540" s="5" t="s">
        <v>40939</v>
      </c>
      <c r="M15540" s="2" t="s">
        <v>40940</v>
      </c>
      <c r="N15540" s="5" t="s">
        <v>36266</v>
      </c>
      <c r="O15540" s="5" t="s">
        <v>38</v>
      </c>
      <c r="P15540" s="5" t="s">
        <v>39</v>
      </c>
      <c r="Q15540" s="5" t="s">
        <v>40</v>
      </c>
      <c r="R15540" s="5" t="s">
        <v>1522</v>
      </c>
      <c r="S15540" s="5" t="s">
        <v>1523</v>
      </c>
      <c r="T15540" s="5" t="s">
        <v>42</v>
      </c>
      <c r="U15540" s="2">
        <v>2.9329999999999998</v>
      </c>
      <c r="V15540" s="2">
        <v>2.3959999999999999</v>
      </c>
      <c r="W15540" s="2">
        <v>1.4999999999999999E-2</v>
      </c>
      <c r="X15540" s="2">
        <v>118.9</v>
      </c>
      <c r="Y15540" s="2">
        <v>7.6</v>
      </c>
      <c r="Z15540" s="2">
        <v>16.7</v>
      </c>
      <c r="AA15540" s="5"/>
      <c r="AB15540" s="5" t="s">
        <v>43</v>
      </c>
      <c r="AC15540" s="5" t="s">
        <v>44</v>
      </c>
      <c r="AD15540" s="2"/>
      <c r="AE15540" s="1"/>
    </row>
    <row r="15541" spans="1:31" ht="14.45">
      <c r="A15541" s="11"/>
      <c r="B15541" s="20"/>
      <c r="C15541" s="2" t="s">
        <v>47579</v>
      </c>
      <c r="D15541" s="14" t="s">
        <v>47580</v>
      </c>
      <c r="E15541" s="2" t="s">
        <v>47581</v>
      </c>
      <c r="F15541" s="2" t="s">
        <v>40967</v>
      </c>
      <c r="G15541" s="8">
        <v>294</v>
      </c>
      <c r="H15541" s="5">
        <v>6</v>
      </c>
      <c r="I15541" s="5" t="s">
        <v>1518</v>
      </c>
      <c r="J15541" s="5" t="s">
        <v>40939</v>
      </c>
      <c r="K15541" s="2" t="s">
        <v>40940</v>
      </c>
      <c r="L15541" s="5" t="s">
        <v>40939</v>
      </c>
      <c r="M15541" s="2" t="s">
        <v>40940</v>
      </c>
      <c r="N15541" s="5" t="s">
        <v>36266</v>
      </c>
      <c r="O15541" s="5" t="s">
        <v>38</v>
      </c>
      <c r="P15541" s="5" t="s">
        <v>39</v>
      </c>
      <c r="Q15541" s="5" t="s">
        <v>40</v>
      </c>
      <c r="R15541" s="5" t="s">
        <v>1522</v>
      </c>
      <c r="S15541" s="5" t="s">
        <v>1523</v>
      </c>
      <c r="T15541" s="5" t="s">
        <v>42</v>
      </c>
      <c r="U15541" s="2">
        <v>2.823</v>
      </c>
      <c r="V15541" s="2">
        <v>2.286</v>
      </c>
      <c r="W15541" s="2">
        <v>1.4999999999999999E-2</v>
      </c>
      <c r="X15541" s="2">
        <v>118.9</v>
      </c>
      <c r="Y15541" s="2">
        <v>7.6</v>
      </c>
      <c r="Z15541" s="2">
        <v>16.7</v>
      </c>
      <c r="AA15541" s="5"/>
      <c r="AB15541" s="5" t="s">
        <v>43</v>
      </c>
      <c r="AC15541" s="5" t="s">
        <v>44</v>
      </c>
      <c r="AD15541" s="2"/>
      <c r="AE15541" s="1"/>
    </row>
    <row r="15542" spans="1:31" ht="14.45">
      <c r="A15542" s="11"/>
      <c r="B15542" s="20"/>
      <c r="C15542" s="2" t="s">
        <v>47582</v>
      </c>
      <c r="D15542" s="14" t="s">
        <v>47583</v>
      </c>
      <c r="E15542" s="2" t="s">
        <v>47584</v>
      </c>
      <c r="F15542" s="2" t="s">
        <v>40971</v>
      </c>
      <c r="G15542" s="8">
        <v>294</v>
      </c>
      <c r="H15542" s="5">
        <v>6</v>
      </c>
      <c r="I15542" s="5" t="s">
        <v>1518</v>
      </c>
      <c r="J15542" s="5" t="s">
        <v>40939</v>
      </c>
      <c r="K15542" s="2" t="s">
        <v>40940</v>
      </c>
      <c r="L15542" s="5" t="s">
        <v>40939</v>
      </c>
      <c r="M15542" s="2" t="s">
        <v>40940</v>
      </c>
      <c r="N15542" s="5" t="s">
        <v>36266</v>
      </c>
      <c r="O15542" s="5" t="s">
        <v>38</v>
      </c>
      <c r="P15542" s="5" t="s">
        <v>39</v>
      </c>
      <c r="Q15542" s="5" t="s">
        <v>40</v>
      </c>
      <c r="R15542" s="5" t="s">
        <v>1522</v>
      </c>
      <c r="S15542" s="5" t="s">
        <v>1523</v>
      </c>
      <c r="T15542" s="5" t="s">
        <v>42</v>
      </c>
      <c r="U15542" s="2">
        <v>2.915</v>
      </c>
      <c r="V15542" s="2">
        <v>2.3780000000000001</v>
      </c>
      <c r="W15542" s="2">
        <v>1.4999999999999999E-2</v>
      </c>
      <c r="X15542" s="2">
        <v>118.9</v>
      </c>
      <c r="Y15542" s="2">
        <v>7.6</v>
      </c>
      <c r="Z15542" s="2">
        <v>16.7</v>
      </c>
      <c r="AA15542" s="5"/>
      <c r="AB15542" s="5" t="s">
        <v>43</v>
      </c>
      <c r="AC15542" s="5" t="s">
        <v>44</v>
      </c>
      <c r="AD15542" s="2"/>
      <c r="AE15542" s="1"/>
    </row>
    <row r="15543" spans="1:31" ht="14.45">
      <c r="A15543" s="11"/>
      <c r="B15543" s="20"/>
      <c r="C15543" s="2" t="s">
        <v>47585</v>
      </c>
      <c r="D15543" s="14" t="s">
        <v>47586</v>
      </c>
      <c r="E15543" s="2" t="s">
        <v>47587</v>
      </c>
      <c r="F15543" s="2" t="s">
        <v>47226</v>
      </c>
      <c r="G15543" s="8">
        <v>294</v>
      </c>
      <c r="H15543" s="5">
        <v>6</v>
      </c>
      <c r="I15543" s="5" t="s">
        <v>1518</v>
      </c>
      <c r="J15543" s="5" t="s">
        <v>40939</v>
      </c>
      <c r="K15543" s="2" t="s">
        <v>40940</v>
      </c>
      <c r="L15543" s="5" t="s">
        <v>40939</v>
      </c>
      <c r="M15543" s="2" t="s">
        <v>40940</v>
      </c>
      <c r="N15543" s="5" t="s">
        <v>36266</v>
      </c>
      <c r="O15543" s="5" t="s">
        <v>38</v>
      </c>
      <c r="P15543" s="5" t="s">
        <v>39</v>
      </c>
      <c r="Q15543" s="5" t="s">
        <v>40</v>
      </c>
      <c r="R15543" s="5" t="s">
        <v>1522</v>
      </c>
      <c r="S15543" s="5" t="s">
        <v>1523</v>
      </c>
      <c r="T15543" s="5" t="s">
        <v>42</v>
      </c>
      <c r="U15543" s="2">
        <v>2.823</v>
      </c>
      <c r="V15543" s="2">
        <v>2.286</v>
      </c>
      <c r="W15543" s="2">
        <v>1.4999999999999999E-2</v>
      </c>
      <c r="X15543" s="2">
        <v>118.9</v>
      </c>
      <c r="Y15543" s="2">
        <v>7.6</v>
      </c>
      <c r="Z15543" s="2">
        <v>16.7</v>
      </c>
      <c r="AA15543" s="5"/>
      <c r="AB15543" s="5" t="s">
        <v>43</v>
      </c>
      <c r="AC15543" s="5" t="s">
        <v>44</v>
      </c>
      <c r="AD15543" s="2"/>
      <c r="AE15543" s="1"/>
    </row>
    <row r="15544" spans="1:31" ht="14.45">
      <c r="A15544" s="11"/>
      <c r="B15544" s="20"/>
      <c r="C15544" s="2" t="s">
        <v>47588</v>
      </c>
      <c r="D15544" s="14" t="s">
        <v>47589</v>
      </c>
      <c r="E15544" s="2" t="s">
        <v>47590</v>
      </c>
      <c r="F15544" s="2" t="s">
        <v>40989</v>
      </c>
      <c r="G15544" s="8">
        <v>294</v>
      </c>
      <c r="H15544" s="5">
        <v>6</v>
      </c>
      <c r="I15544" s="5" t="s">
        <v>1518</v>
      </c>
      <c r="J15544" s="5" t="s">
        <v>40939</v>
      </c>
      <c r="K15544" s="2" t="s">
        <v>40940</v>
      </c>
      <c r="L15544" s="5" t="s">
        <v>40939</v>
      </c>
      <c r="M15544" s="2" t="s">
        <v>40940</v>
      </c>
      <c r="N15544" s="5" t="s">
        <v>36266</v>
      </c>
      <c r="O15544" s="5" t="s">
        <v>38</v>
      </c>
      <c r="P15544" s="5" t="s">
        <v>39</v>
      </c>
      <c r="Q15544" s="5" t="s">
        <v>40</v>
      </c>
      <c r="R15544" s="5" t="s">
        <v>1522</v>
      </c>
      <c r="S15544" s="5" t="s">
        <v>1523</v>
      </c>
      <c r="T15544" s="5" t="s">
        <v>42</v>
      </c>
      <c r="U15544" s="2">
        <v>2.823</v>
      </c>
      <c r="V15544" s="2">
        <v>2.286</v>
      </c>
      <c r="W15544" s="2">
        <v>1.4999999999999999E-2</v>
      </c>
      <c r="X15544" s="2">
        <v>118.9</v>
      </c>
      <c r="Y15544" s="2">
        <v>7.6</v>
      </c>
      <c r="Z15544" s="2">
        <v>16.7</v>
      </c>
      <c r="AA15544" s="5"/>
      <c r="AB15544" s="5" t="s">
        <v>43</v>
      </c>
      <c r="AC15544" s="5" t="s">
        <v>44</v>
      </c>
      <c r="AD15544" s="2"/>
      <c r="AE15544" s="1"/>
    </row>
    <row r="15545" spans="1:31" ht="14.45">
      <c r="A15545" s="11"/>
      <c r="B15545" s="20"/>
      <c r="C15545" s="2" t="s">
        <v>47591</v>
      </c>
      <c r="D15545" s="14" t="s">
        <v>47592</v>
      </c>
      <c r="E15545" s="2" t="s">
        <v>47593</v>
      </c>
      <c r="F15545" s="2" t="s">
        <v>40993</v>
      </c>
      <c r="G15545" s="8">
        <v>294</v>
      </c>
      <c r="H15545" s="5">
        <v>6</v>
      </c>
      <c r="I15545" s="5" t="s">
        <v>1518</v>
      </c>
      <c r="J15545" s="5" t="s">
        <v>40939</v>
      </c>
      <c r="K15545" s="2" t="s">
        <v>40940</v>
      </c>
      <c r="L15545" s="5" t="s">
        <v>40939</v>
      </c>
      <c r="M15545" s="2" t="s">
        <v>40940</v>
      </c>
      <c r="N15545" s="5" t="s">
        <v>36266</v>
      </c>
      <c r="O15545" s="5" t="s">
        <v>38</v>
      </c>
      <c r="P15545" s="5" t="s">
        <v>39</v>
      </c>
      <c r="Q15545" s="5" t="s">
        <v>40</v>
      </c>
      <c r="R15545" s="5" t="s">
        <v>1522</v>
      </c>
      <c r="S15545" s="5" t="s">
        <v>1523</v>
      </c>
      <c r="T15545" s="5" t="s">
        <v>42</v>
      </c>
      <c r="U15545" s="2">
        <v>2.915</v>
      </c>
      <c r="V15545" s="2">
        <v>2.3780000000000001</v>
      </c>
      <c r="W15545" s="2">
        <v>1.4999999999999999E-2</v>
      </c>
      <c r="X15545" s="2">
        <v>118.9</v>
      </c>
      <c r="Y15545" s="2">
        <v>7.6</v>
      </c>
      <c r="Z15545" s="2">
        <v>16.7</v>
      </c>
      <c r="AA15545" s="5"/>
      <c r="AB15545" s="5" t="s">
        <v>43</v>
      </c>
      <c r="AC15545" s="5" t="s">
        <v>44</v>
      </c>
      <c r="AD15545" s="2"/>
      <c r="AE15545" s="1"/>
    </row>
    <row r="15546" spans="1:31" ht="14.45">
      <c r="A15546" s="11"/>
      <c r="B15546" s="20"/>
      <c r="C15546" s="2" t="s">
        <v>47594</v>
      </c>
      <c r="D15546" s="14" t="s">
        <v>47595</v>
      </c>
      <c r="E15546" s="2" t="s">
        <v>47596</v>
      </c>
      <c r="F15546" s="2" t="s">
        <v>41009</v>
      </c>
      <c r="G15546" s="8">
        <v>294</v>
      </c>
      <c r="H15546" s="5">
        <v>6</v>
      </c>
      <c r="I15546" s="5" t="s">
        <v>1518</v>
      </c>
      <c r="J15546" s="5" t="s">
        <v>40939</v>
      </c>
      <c r="K15546" s="2" t="s">
        <v>40940</v>
      </c>
      <c r="L15546" s="5" t="s">
        <v>40939</v>
      </c>
      <c r="M15546" s="2" t="s">
        <v>40940</v>
      </c>
      <c r="N15546" s="5" t="s">
        <v>36266</v>
      </c>
      <c r="O15546" s="5" t="s">
        <v>38</v>
      </c>
      <c r="P15546" s="5" t="s">
        <v>39</v>
      </c>
      <c r="Q15546" s="5" t="s">
        <v>40</v>
      </c>
      <c r="R15546" s="5" t="s">
        <v>1522</v>
      </c>
      <c r="S15546" s="5" t="s">
        <v>1523</v>
      </c>
      <c r="T15546" s="5" t="s">
        <v>42</v>
      </c>
      <c r="U15546" s="2">
        <v>2.8319999999999999</v>
      </c>
      <c r="V15546" s="2">
        <v>2.2949999999999999</v>
      </c>
      <c r="W15546" s="2">
        <v>1.4999999999999999E-2</v>
      </c>
      <c r="X15546" s="2">
        <v>118.9</v>
      </c>
      <c r="Y15546" s="2">
        <v>7.6</v>
      </c>
      <c r="Z15546" s="2">
        <v>16.7</v>
      </c>
      <c r="AA15546" s="5"/>
      <c r="AB15546" s="5" t="s">
        <v>43</v>
      </c>
      <c r="AC15546" s="5" t="s">
        <v>44</v>
      </c>
      <c r="AD15546" s="2"/>
      <c r="AE15546" s="1"/>
    </row>
    <row r="15547" spans="1:31" ht="14.45">
      <c r="A15547" s="11"/>
      <c r="B15547" s="20"/>
      <c r="C15547" s="2" t="s">
        <v>47597</v>
      </c>
      <c r="D15547" s="14" t="s">
        <v>47598</v>
      </c>
      <c r="E15547" s="2" t="s">
        <v>47599</v>
      </c>
      <c r="F15547" s="2" t="s">
        <v>7507</v>
      </c>
      <c r="G15547" s="8">
        <v>273</v>
      </c>
      <c r="H15547" s="5">
        <v>6</v>
      </c>
      <c r="I15547" s="5" t="s">
        <v>1518</v>
      </c>
      <c r="J15547" s="5" t="s">
        <v>40939</v>
      </c>
      <c r="K15547" s="2" t="s">
        <v>40940</v>
      </c>
      <c r="L15547" s="5" t="s">
        <v>40939</v>
      </c>
      <c r="M15547" s="2" t="s">
        <v>40940</v>
      </c>
      <c r="N15547" s="5" t="s">
        <v>36266</v>
      </c>
      <c r="O15547" s="5" t="s">
        <v>38</v>
      </c>
      <c r="P15547" s="5" t="s">
        <v>39</v>
      </c>
      <c r="Q15547" s="5" t="s">
        <v>40</v>
      </c>
      <c r="R15547" s="5" t="s">
        <v>1522</v>
      </c>
      <c r="S15547" s="5" t="s">
        <v>1523</v>
      </c>
      <c r="T15547" s="5" t="s">
        <v>42</v>
      </c>
      <c r="U15547" s="2">
        <v>2.9239999999999999</v>
      </c>
      <c r="V15547" s="2">
        <v>2.387</v>
      </c>
      <c r="W15547" s="2">
        <v>1.4999999999999999E-2</v>
      </c>
      <c r="X15547" s="2">
        <v>118.9</v>
      </c>
      <c r="Y15547" s="2">
        <v>7.6</v>
      </c>
      <c r="Z15547" s="2">
        <v>16.7</v>
      </c>
      <c r="AA15547" s="5"/>
      <c r="AB15547" s="5" t="s">
        <v>43</v>
      </c>
      <c r="AC15547" s="5" t="s">
        <v>44</v>
      </c>
      <c r="AD15547" s="2"/>
      <c r="AE15547" s="1"/>
    </row>
    <row r="15548" spans="1:31" ht="14.45">
      <c r="A15548" s="11"/>
      <c r="B15548" s="20"/>
      <c r="C15548" s="2" t="s">
        <v>47600</v>
      </c>
      <c r="D15548" s="14" t="s">
        <v>47601</v>
      </c>
      <c r="E15548" s="2" t="s">
        <v>47602</v>
      </c>
      <c r="F15548" s="2" t="s">
        <v>41023</v>
      </c>
      <c r="G15548" s="8">
        <v>294</v>
      </c>
      <c r="H15548" s="5">
        <v>6</v>
      </c>
      <c r="I15548" s="5" t="s">
        <v>1518</v>
      </c>
      <c r="J15548" s="5" t="s">
        <v>40939</v>
      </c>
      <c r="K15548" s="2" t="s">
        <v>40940</v>
      </c>
      <c r="L15548" s="5" t="s">
        <v>40939</v>
      </c>
      <c r="M15548" s="2" t="s">
        <v>40940</v>
      </c>
      <c r="N15548" s="5" t="s">
        <v>36266</v>
      </c>
      <c r="O15548" s="5" t="s">
        <v>38</v>
      </c>
      <c r="P15548" s="5" t="s">
        <v>39</v>
      </c>
      <c r="Q15548" s="5" t="s">
        <v>40</v>
      </c>
      <c r="R15548" s="5" t="s">
        <v>1522</v>
      </c>
      <c r="S15548" s="5" t="s">
        <v>1523</v>
      </c>
      <c r="T15548" s="5" t="s">
        <v>42</v>
      </c>
      <c r="U15548" s="2">
        <v>2.7890000000000001</v>
      </c>
      <c r="V15548" s="2">
        <v>2.2519999999999998</v>
      </c>
      <c r="W15548" s="2">
        <v>1.4999999999999999E-2</v>
      </c>
      <c r="X15548" s="2">
        <v>118.9</v>
      </c>
      <c r="Y15548" s="2">
        <v>7.6</v>
      </c>
      <c r="Z15548" s="2">
        <v>16.7</v>
      </c>
      <c r="AA15548" s="5"/>
      <c r="AB15548" s="5" t="s">
        <v>43</v>
      </c>
      <c r="AC15548" s="5" t="s">
        <v>44</v>
      </c>
      <c r="AD15548" s="2"/>
      <c r="AE15548" s="1"/>
    </row>
    <row r="15549" spans="1:31" ht="14.45">
      <c r="A15549" s="11"/>
      <c r="B15549" s="20"/>
      <c r="C15549" s="2" t="s">
        <v>47603</v>
      </c>
      <c r="D15549" s="14" t="s">
        <v>47604</v>
      </c>
      <c r="E15549" s="2" t="s">
        <v>47605</v>
      </c>
      <c r="F15549" s="2" t="s">
        <v>7514</v>
      </c>
      <c r="G15549" s="8">
        <v>281</v>
      </c>
      <c r="H15549" s="5">
        <v>6</v>
      </c>
      <c r="I15549" s="5" t="s">
        <v>1518</v>
      </c>
      <c r="J15549" s="5" t="s">
        <v>40939</v>
      </c>
      <c r="K15549" s="2" t="s">
        <v>40940</v>
      </c>
      <c r="L15549" s="5" t="s">
        <v>40939</v>
      </c>
      <c r="M15549" s="2" t="s">
        <v>40940</v>
      </c>
      <c r="N15549" s="5" t="s">
        <v>36266</v>
      </c>
      <c r="O15549" s="5" t="s">
        <v>38</v>
      </c>
      <c r="P15549" s="5" t="s">
        <v>39</v>
      </c>
      <c r="Q15549" s="5" t="s">
        <v>40</v>
      </c>
      <c r="R15549" s="5" t="s">
        <v>1522</v>
      </c>
      <c r="S15549" s="5" t="s">
        <v>1523</v>
      </c>
      <c r="T15549" s="5" t="s">
        <v>42</v>
      </c>
      <c r="U15549" s="2">
        <v>3.13</v>
      </c>
      <c r="V15549" s="2">
        <v>2.5169999999999999</v>
      </c>
      <c r="W15549" s="2">
        <v>1.7999999999999999E-2</v>
      </c>
      <c r="X15549" s="2">
        <v>139.1</v>
      </c>
      <c r="Y15549" s="2">
        <v>7.6</v>
      </c>
      <c r="Z15549" s="2">
        <v>16.7</v>
      </c>
      <c r="AA15549" s="5"/>
      <c r="AB15549" s="5" t="s">
        <v>43</v>
      </c>
      <c r="AC15549" s="5" t="s">
        <v>44</v>
      </c>
      <c r="AD15549" s="2"/>
      <c r="AE15549" s="1"/>
    </row>
    <row r="15550" spans="1:31" ht="14.45">
      <c r="A15550" s="11"/>
      <c r="B15550" s="20"/>
      <c r="C15550" s="2" t="s">
        <v>47606</v>
      </c>
      <c r="D15550" s="14" t="s">
        <v>47607</v>
      </c>
      <c r="E15550" s="2" t="s">
        <v>47608</v>
      </c>
      <c r="F15550" s="2" t="s">
        <v>47266</v>
      </c>
      <c r="G15550" s="8">
        <v>303</v>
      </c>
      <c r="H15550" s="5">
        <v>6</v>
      </c>
      <c r="I15550" s="5" t="s">
        <v>1518</v>
      </c>
      <c r="J15550" s="5" t="s">
        <v>40939</v>
      </c>
      <c r="K15550" s="2" t="s">
        <v>40940</v>
      </c>
      <c r="L15550" s="5" t="s">
        <v>40939</v>
      </c>
      <c r="M15550" s="2" t="s">
        <v>40940</v>
      </c>
      <c r="N15550" s="5" t="s">
        <v>36266</v>
      </c>
      <c r="O15550" s="5" t="s">
        <v>38</v>
      </c>
      <c r="P15550" s="5" t="s">
        <v>39</v>
      </c>
      <c r="Q15550" s="5" t="s">
        <v>40</v>
      </c>
      <c r="R15550" s="5" t="s">
        <v>1522</v>
      </c>
      <c r="S15550" s="5" t="s">
        <v>1523</v>
      </c>
      <c r="T15550" s="5" t="s">
        <v>42</v>
      </c>
      <c r="U15550" s="2">
        <v>3.048</v>
      </c>
      <c r="V15550" s="2">
        <v>2.4350000000000001</v>
      </c>
      <c r="W15550" s="2">
        <v>1.7999999999999999E-2</v>
      </c>
      <c r="X15550" s="2">
        <v>139.1</v>
      </c>
      <c r="Y15550" s="2">
        <v>7.6</v>
      </c>
      <c r="Z15550" s="2">
        <v>16.7</v>
      </c>
      <c r="AA15550" s="5"/>
      <c r="AB15550" s="5" t="s">
        <v>43</v>
      </c>
      <c r="AC15550" s="5" t="s">
        <v>44</v>
      </c>
      <c r="AD15550" s="2"/>
      <c r="AE15550" s="1"/>
    </row>
    <row r="15551" spans="1:31" ht="14.45">
      <c r="A15551" s="11"/>
      <c r="B15551" s="20"/>
      <c r="C15551" s="2" t="s">
        <v>47609</v>
      </c>
      <c r="D15551" s="14" t="s">
        <v>47610</v>
      </c>
      <c r="E15551" s="2" t="s">
        <v>47611</v>
      </c>
      <c r="F15551" s="2" t="s">
        <v>47195</v>
      </c>
      <c r="G15551" s="8">
        <v>303</v>
      </c>
      <c r="H15551" s="5">
        <v>6</v>
      </c>
      <c r="I15551" s="5" t="s">
        <v>1518</v>
      </c>
      <c r="J15551" s="5" t="s">
        <v>40939</v>
      </c>
      <c r="K15551" s="2" t="s">
        <v>40940</v>
      </c>
      <c r="L15551" s="5" t="s">
        <v>40939</v>
      </c>
      <c r="M15551" s="2" t="s">
        <v>40940</v>
      </c>
      <c r="N15551" s="5" t="s">
        <v>36266</v>
      </c>
      <c r="O15551" s="5" t="s">
        <v>38</v>
      </c>
      <c r="P15551" s="5" t="s">
        <v>39</v>
      </c>
      <c r="Q15551" s="5" t="s">
        <v>40</v>
      </c>
      <c r="R15551" s="5" t="s">
        <v>1522</v>
      </c>
      <c r="S15551" s="5" t="s">
        <v>1523</v>
      </c>
      <c r="T15551" s="5" t="s">
        <v>42</v>
      </c>
      <c r="U15551" s="2">
        <v>3.15</v>
      </c>
      <c r="V15551" s="2">
        <v>2.5369999999999999</v>
      </c>
      <c r="W15551" s="2">
        <v>1.7999999999999999E-2</v>
      </c>
      <c r="X15551" s="2">
        <v>139.1</v>
      </c>
      <c r="Y15551" s="2">
        <v>7.6</v>
      </c>
      <c r="Z15551" s="2">
        <v>16.7</v>
      </c>
      <c r="AA15551" s="5"/>
      <c r="AB15551" s="5" t="s">
        <v>43</v>
      </c>
      <c r="AC15551" s="5" t="s">
        <v>44</v>
      </c>
      <c r="AD15551" s="2"/>
      <c r="AE15551" s="1"/>
    </row>
    <row r="15552" spans="1:31" ht="14.45">
      <c r="A15552" s="11"/>
      <c r="B15552" s="20"/>
      <c r="C15552" s="2" t="s">
        <v>47612</v>
      </c>
      <c r="D15552" s="14" t="s">
        <v>47613</v>
      </c>
      <c r="E15552" s="2" t="s">
        <v>47614</v>
      </c>
      <c r="F15552" s="2" t="s">
        <v>7208</v>
      </c>
      <c r="G15552" s="8">
        <v>281</v>
      </c>
      <c r="H15552" s="5">
        <v>6</v>
      </c>
      <c r="I15552" s="5" t="s">
        <v>1518</v>
      </c>
      <c r="J15552" s="5" t="s">
        <v>40939</v>
      </c>
      <c r="K15552" s="2" t="s">
        <v>40940</v>
      </c>
      <c r="L15552" s="5" t="s">
        <v>40939</v>
      </c>
      <c r="M15552" s="2" t="s">
        <v>40940</v>
      </c>
      <c r="N15552" s="5" t="s">
        <v>36266</v>
      </c>
      <c r="O15552" s="5" t="s">
        <v>38</v>
      </c>
      <c r="P15552" s="5" t="s">
        <v>39</v>
      </c>
      <c r="Q15552" s="5" t="s">
        <v>40</v>
      </c>
      <c r="R15552" s="5" t="s">
        <v>1522</v>
      </c>
      <c r="S15552" s="5" t="s">
        <v>1523</v>
      </c>
      <c r="T15552" s="5" t="s">
        <v>42</v>
      </c>
      <c r="U15552" s="2">
        <v>3.0579999999999998</v>
      </c>
      <c r="V15552" s="2">
        <v>2.4449999999999998</v>
      </c>
      <c r="W15552" s="2">
        <v>1.7999999999999999E-2</v>
      </c>
      <c r="X15552" s="2">
        <v>139.1</v>
      </c>
      <c r="Y15552" s="2">
        <v>7.6</v>
      </c>
      <c r="Z15552" s="2">
        <v>16.7</v>
      </c>
      <c r="AA15552" s="5"/>
      <c r="AB15552" s="5" t="s">
        <v>43</v>
      </c>
      <c r="AC15552" s="5" t="s">
        <v>44</v>
      </c>
      <c r="AD15552" s="2"/>
      <c r="AE15552" s="1"/>
    </row>
    <row r="15553" spans="1:31" ht="14.45">
      <c r="A15553" s="11"/>
      <c r="B15553" s="20"/>
      <c r="C15553" s="2" t="s">
        <v>47615</v>
      </c>
      <c r="D15553" s="14" t="s">
        <v>47616</v>
      </c>
      <c r="E15553" s="2" t="s">
        <v>47617</v>
      </c>
      <c r="F15553" s="2" t="s">
        <v>36277</v>
      </c>
      <c r="G15553" s="8">
        <v>281</v>
      </c>
      <c r="H15553" s="5">
        <v>6</v>
      </c>
      <c r="I15553" s="5" t="s">
        <v>1518</v>
      </c>
      <c r="J15553" s="5" t="s">
        <v>40939</v>
      </c>
      <c r="K15553" s="2" t="s">
        <v>40940</v>
      </c>
      <c r="L15553" s="5" t="s">
        <v>40939</v>
      </c>
      <c r="M15553" s="2" t="s">
        <v>40940</v>
      </c>
      <c r="N15553" s="5" t="s">
        <v>36266</v>
      </c>
      <c r="O15553" s="5" t="s">
        <v>38</v>
      </c>
      <c r="P15553" s="5" t="s">
        <v>39</v>
      </c>
      <c r="Q15553" s="5" t="s">
        <v>40</v>
      </c>
      <c r="R15553" s="5" t="s">
        <v>1522</v>
      </c>
      <c r="S15553" s="5" t="s">
        <v>1523</v>
      </c>
      <c r="T15553" s="5" t="s">
        <v>42</v>
      </c>
      <c r="U15553" s="2">
        <v>3.18</v>
      </c>
      <c r="V15553" s="2">
        <v>2.5670000000000002</v>
      </c>
      <c r="W15553" s="2">
        <v>1.7999999999999999E-2</v>
      </c>
      <c r="X15553" s="2">
        <v>139.1</v>
      </c>
      <c r="Y15553" s="2">
        <v>7.6</v>
      </c>
      <c r="Z15553" s="2">
        <v>16.7</v>
      </c>
      <c r="AA15553" s="5"/>
      <c r="AB15553" s="5" t="s">
        <v>43</v>
      </c>
      <c r="AC15553" s="5" t="s">
        <v>44</v>
      </c>
      <c r="AD15553" s="2"/>
      <c r="AE15553" s="1"/>
    </row>
    <row r="15554" spans="1:31" ht="14.45">
      <c r="A15554" s="11"/>
      <c r="B15554" s="20"/>
      <c r="C15554" s="2" t="s">
        <v>47618</v>
      </c>
      <c r="D15554" s="14" t="s">
        <v>47619</v>
      </c>
      <c r="E15554" s="2" t="s">
        <v>47620</v>
      </c>
      <c r="F15554" s="2" t="s">
        <v>7204</v>
      </c>
      <c r="G15554" s="8">
        <v>258</v>
      </c>
      <c r="H15554" s="5">
        <v>6</v>
      </c>
      <c r="I15554" s="5" t="s">
        <v>1518</v>
      </c>
      <c r="J15554" s="5" t="s">
        <v>40939</v>
      </c>
      <c r="K15554" s="2" t="s">
        <v>40940</v>
      </c>
      <c r="L15554" s="5" t="s">
        <v>40939</v>
      </c>
      <c r="M15554" s="2" t="s">
        <v>40940</v>
      </c>
      <c r="N15554" s="5" t="s">
        <v>36266</v>
      </c>
      <c r="O15554" s="5" t="s">
        <v>38</v>
      </c>
      <c r="P15554" s="5" t="s">
        <v>39</v>
      </c>
      <c r="Q15554" s="5" t="s">
        <v>40</v>
      </c>
      <c r="R15554" s="5" t="s">
        <v>1522</v>
      </c>
      <c r="S15554" s="5" t="s">
        <v>1523</v>
      </c>
      <c r="T15554" s="5" t="s">
        <v>42</v>
      </c>
      <c r="U15554" s="2">
        <v>2.524</v>
      </c>
      <c r="V15554" s="2">
        <v>1.9810000000000001</v>
      </c>
      <c r="W15554" s="2">
        <v>1.2999999999999999E-2</v>
      </c>
      <c r="X15554" s="2">
        <v>99.1</v>
      </c>
      <c r="Y15554" s="2">
        <v>7.6</v>
      </c>
      <c r="Z15554" s="2">
        <v>16.7</v>
      </c>
      <c r="AA15554" s="5"/>
      <c r="AB15554" s="5" t="s">
        <v>43</v>
      </c>
      <c r="AC15554" s="5" t="s">
        <v>44</v>
      </c>
      <c r="AD15554" s="2"/>
      <c r="AE15554" s="1"/>
    </row>
    <row r="15555" spans="1:31" ht="14.45">
      <c r="A15555" s="11"/>
      <c r="B15555" s="20"/>
      <c r="C15555" s="2" t="s">
        <v>47621</v>
      </c>
      <c r="D15555" s="14" t="s">
        <v>47622</v>
      </c>
      <c r="E15555" s="2" t="s">
        <v>47623</v>
      </c>
      <c r="F15555" s="2" t="s">
        <v>7514</v>
      </c>
      <c r="G15555" s="8">
        <v>258</v>
      </c>
      <c r="H15555" s="5">
        <v>6</v>
      </c>
      <c r="I15555" s="5" t="s">
        <v>1518</v>
      </c>
      <c r="J15555" s="5" t="s">
        <v>40939</v>
      </c>
      <c r="K15555" s="2" t="s">
        <v>40940</v>
      </c>
      <c r="L15555" s="5" t="s">
        <v>40939</v>
      </c>
      <c r="M15555" s="2" t="s">
        <v>40940</v>
      </c>
      <c r="N15555" s="5" t="s">
        <v>36266</v>
      </c>
      <c r="O15555" s="5" t="s">
        <v>38</v>
      </c>
      <c r="P15555" s="5" t="s">
        <v>39</v>
      </c>
      <c r="Q15555" s="5" t="s">
        <v>40</v>
      </c>
      <c r="R15555" s="5" t="s">
        <v>1522</v>
      </c>
      <c r="S15555" s="5" t="s">
        <v>1523</v>
      </c>
      <c r="T15555" s="5" t="s">
        <v>42</v>
      </c>
      <c r="U15555" s="2">
        <v>2.5950000000000002</v>
      </c>
      <c r="V15555" s="2">
        <v>2.052</v>
      </c>
      <c r="W15555" s="2">
        <v>1.2999999999999999E-2</v>
      </c>
      <c r="X15555" s="2">
        <v>99.1</v>
      </c>
      <c r="Y15555" s="2">
        <v>7.6</v>
      </c>
      <c r="Z15555" s="2">
        <v>16.7</v>
      </c>
      <c r="AA15555" s="5"/>
      <c r="AB15555" s="5" t="s">
        <v>43</v>
      </c>
      <c r="AC15555" s="5" t="s">
        <v>44</v>
      </c>
      <c r="AD15555" s="2"/>
      <c r="AE15555" s="1"/>
    </row>
    <row r="15556" spans="1:31" ht="14.45">
      <c r="A15556" s="11"/>
      <c r="B15556" s="20"/>
      <c r="C15556" s="2" t="s">
        <v>47624</v>
      </c>
      <c r="D15556" s="14" t="s">
        <v>47625</v>
      </c>
      <c r="E15556" s="2" t="s">
        <v>47626</v>
      </c>
      <c r="F15556" s="2" t="s">
        <v>47266</v>
      </c>
      <c r="G15556" s="8">
        <v>277</v>
      </c>
      <c r="H15556" s="5">
        <v>6</v>
      </c>
      <c r="I15556" s="5" t="s">
        <v>1518</v>
      </c>
      <c r="J15556" s="5" t="s">
        <v>40939</v>
      </c>
      <c r="K15556" s="2" t="s">
        <v>40940</v>
      </c>
      <c r="L15556" s="5" t="s">
        <v>40939</v>
      </c>
      <c r="M15556" s="2" t="s">
        <v>40940</v>
      </c>
      <c r="N15556" s="5" t="s">
        <v>36266</v>
      </c>
      <c r="O15556" s="5" t="s">
        <v>38</v>
      </c>
      <c r="P15556" s="5" t="s">
        <v>39</v>
      </c>
      <c r="Q15556" s="5" t="s">
        <v>40</v>
      </c>
      <c r="R15556" s="5" t="s">
        <v>1522</v>
      </c>
      <c r="S15556" s="5" t="s">
        <v>1523</v>
      </c>
      <c r="T15556" s="5" t="s">
        <v>42</v>
      </c>
      <c r="U15556" s="2">
        <v>2.5369999999999999</v>
      </c>
      <c r="V15556" s="2">
        <v>1.994</v>
      </c>
      <c r="W15556" s="2">
        <v>1.2999999999999999E-2</v>
      </c>
      <c r="X15556" s="2">
        <v>99.1</v>
      </c>
      <c r="Y15556" s="2">
        <v>7.6</v>
      </c>
      <c r="Z15556" s="2">
        <v>16.7</v>
      </c>
      <c r="AA15556" s="5"/>
      <c r="AB15556" s="5" t="s">
        <v>43</v>
      </c>
      <c r="AC15556" s="5" t="s">
        <v>44</v>
      </c>
      <c r="AD15556" s="2"/>
      <c r="AE15556" s="1"/>
    </row>
    <row r="15557" spans="1:31" ht="14.45">
      <c r="A15557" s="11"/>
      <c r="B15557" s="20"/>
      <c r="C15557" s="2" t="s">
        <v>47627</v>
      </c>
      <c r="D15557" s="14" t="s">
        <v>47628</v>
      </c>
      <c r="E15557" s="2" t="s">
        <v>47629</v>
      </c>
      <c r="F15557" s="2" t="s">
        <v>47195</v>
      </c>
      <c r="G15557" s="8">
        <v>277</v>
      </c>
      <c r="H15557" s="5">
        <v>6</v>
      </c>
      <c r="I15557" s="5" t="s">
        <v>1518</v>
      </c>
      <c r="J15557" s="5" t="s">
        <v>40939</v>
      </c>
      <c r="K15557" s="2" t="s">
        <v>40940</v>
      </c>
      <c r="L15557" s="5" t="s">
        <v>40939</v>
      </c>
      <c r="M15557" s="2" t="s">
        <v>40940</v>
      </c>
      <c r="N15557" s="5" t="s">
        <v>36266</v>
      </c>
      <c r="O15557" s="5" t="s">
        <v>38</v>
      </c>
      <c r="P15557" s="5" t="s">
        <v>39</v>
      </c>
      <c r="Q15557" s="5" t="s">
        <v>40</v>
      </c>
      <c r="R15557" s="5" t="s">
        <v>1522</v>
      </c>
      <c r="S15557" s="5" t="s">
        <v>1523</v>
      </c>
      <c r="T15557" s="5" t="s">
        <v>42</v>
      </c>
      <c r="U15557" s="2">
        <v>2.6080000000000001</v>
      </c>
      <c r="V15557" s="2">
        <v>2.0649999999999999</v>
      </c>
      <c r="W15557" s="2">
        <v>1.2999999999999999E-2</v>
      </c>
      <c r="X15557" s="2">
        <v>99.1</v>
      </c>
      <c r="Y15557" s="2">
        <v>7.6</v>
      </c>
      <c r="Z15557" s="2">
        <v>16.7</v>
      </c>
      <c r="AA15557" s="5"/>
      <c r="AB15557" s="5" t="s">
        <v>43</v>
      </c>
      <c r="AC15557" s="5" t="s">
        <v>44</v>
      </c>
      <c r="AD15557" s="2"/>
      <c r="AE15557" s="1"/>
    </row>
    <row r="15558" spans="1:31" ht="14.45">
      <c r="A15558" s="11"/>
      <c r="B15558" s="20"/>
      <c r="C15558" s="2" t="s">
        <v>47630</v>
      </c>
      <c r="D15558" s="14" t="s">
        <v>47631</v>
      </c>
      <c r="E15558" s="2" t="s">
        <v>47632</v>
      </c>
      <c r="F15558" s="2" t="s">
        <v>7208</v>
      </c>
      <c r="G15558" s="8">
        <v>258</v>
      </c>
      <c r="H15558" s="5">
        <v>6</v>
      </c>
      <c r="I15558" s="5" t="s">
        <v>1518</v>
      </c>
      <c r="J15558" s="5" t="s">
        <v>40939</v>
      </c>
      <c r="K15558" s="2" t="s">
        <v>40940</v>
      </c>
      <c r="L15558" s="5" t="s">
        <v>40939</v>
      </c>
      <c r="M15558" s="2" t="s">
        <v>40940</v>
      </c>
      <c r="N15558" s="5" t="s">
        <v>36266</v>
      </c>
      <c r="O15558" s="5" t="s">
        <v>38</v>
      </c>
      <c r="P15558" s="5" t="s">
        <v>39</v>
      </c>
      <c r="Q15558" s="5" t="s">
        <v>40</v>
      </c>
      <c r="R15558" s="5" t="s">
        <v>1522</v>
      </c>
      <c r="S15558" s="5" t="s">
        <v>1523</v>
      </c>
      <c r="T15558" s="5" t="s">
        <v>42</v>
      </c>
      <c r="U15558" s="2">
        <v>2.5430000000000001</v>
      </c>
      <c r="V15558" s="2">
        <v>2</v>
      </c>
      <c r="W15558" s="2">
        <v>1.2999999999999999E-2</v>
      </c>
      <c r="X15558" s="2">
        <v>99.1</v>
      </c>
      <c r="Y15558" s="2">
        <v>7.6</v>
      </c>
      <c r="Z15558" s="2">
        <v>16.7</v>
      </c>
      <c r="AA15558" s="5"/>
      <c r="AB15558" s="5" t="s">
        <v>43</v>
      </c>
      <c r="AC15558" s="5" t="s">
        <v>44</v>
      </c>
      <c r="AD15558" s="2"/>
      <c r="AE15558" s="1"/>
    </row>
    <row r="15559" spans="1:31" ht="14.45">
      <c r="A15559" s="11"/>
      <c r="B15559" s="20"/>
      <c r="C15559" s="2" t="s">
        <v>47633</v>
      </c>
      <c r="D15559" s="14" t="s">
        <v>47634</v>
      </c>
      <c r="E15559" s="2" t="s">
        <v>47635</v>
      </c>
      <c r="F15559" s="2" t="s">
        <v>7521</v>
      </c>
      <c r="G15559" s="8">
        <v>258</v>
      </c>
      <c r="H15559" s="5">
        <v>6</v>
      </c>
      <c r="I15559" s="5" t="s">
        <v>1518</v>
      </c>
      <c r="J15559" s="5" t="s">
        <v>40939</v>
      </c>
      <c r="K15559" s="2" t="s">
        <v>40940</v>
      </c>
      <c r="L15559" s="5" t="s">
        <v>40939</v>
      </c>
      <c r="M15559" s="2" t="s">
        <v>40940</v>
      </c>
      <c r="N15559" s="5" t="s">
        <v>36266</v>
      </c>
      <c r="O15559" s="5" t="s">
        <v>38</v>
      </c>
      <c r="P15559" s="5" t="s">
        <v>39</v>
      </c>
      <c r="Q15559" s="5" t="s">
        <v>40</v>
      </c>
      <c r="R15559" s="5" t="s">
        <v>1522</v>
      </c>
      <c r="S15559" s="5" t="s">
        <v>1523</v>
      </c>
      <c r="T15559" s="5" t="s">
        <v>42</v>
      </c>
      <c r="U15559" s="2">
        <v>2.6139999999999999</v>
      </c>
      <c r="V15559" s="2">
        <v>2.0710000000000002</v>
      </c>
      <c r="W15559" s="2">
        <v>1.2999999999999999E-2</v>
      </c>
      <c r="X15559" s="2">
        <v>99.1</v>
      </c>
      <c r="Y15559" s="2">
        <v>7.6</v>
      </c>
      <c r="Z15559" s="2">
        <v>16.7</v>
      </c>
      <c r="AA15559" s="5"/>
      <c r="AB15559" s="5" t="s">
        <v>43</v>
      </c>
      <c r="AC15559" s="5" t="s">
        <v>44</v>
      </c>
      <c r="AD15559" s="2"/>
      <c r="AE15559" s="1"/>
    </row>
    <row r="15560" spans="1:31" ht="14.45">
      <c r="A15560" s="11"/>
      <c r="B15560" s="20"/>
      <c r="C15560" s="2" t="s">
        <v>47636</v>
      </c>
      <c r="D15560" s="14" t="s">
        <v>47637</v>
      </c>
      <c r="E15560" s="2" t="s">
        <v>47638</v>
      </c>
      <c r="F15560" s="2" t="s">
        <v>36273</v>
      </c>
      <c r="G15560" s="8">
        <v>258</v>
      </c>
      <c r="H15560" s="5">
        <v>6</v>
      </c>
      <c r="I15560" s="5" t="s">
        <v>1518</v>
      </c>
      <c r="J15560" s="5" t="s">
        <v>40939</v>
      </c>
      <c r="K15560" s="2" t="s">
        <v>40940</v>
      </c>
      <c r="L15560" s="5" t="s">
        <v>40939</v>
      </c>
      <c r="M15560" s="2" t="s">
        <v>40940</v>
      </c>
      <c r="N15560" s="5" t="s">
        <v>36266</v>
      </c>
      <c r="O15560" s="5" t="s">
        <v>38</v>
      </c>
      <c r="P15560" s="5" t="s">
        <v>39</v>
      </c>
      <c r="Q15560" s="5" t="s">
        <v>40</v>
      </c>
      <c r="R15560" s="5" t="s">
        <v>1522</v>
      </c>
      <c r="S15560" s="5" t="s">
        <v>1523</v>
      </c>
      <c r="T15560" s="5" t="s">
        <v>42</v>
      </c>
      <c r="U15560" s="2">
        <v>2.556</v>
      </c>
      <c r="V15560" s="2">
        <v>2.0129999999999999</v>
      </c>
      <c r="W15560" s="2">
        <v>1.2999999999999999E-2</v>
      </c>
      <c r="X15560" s="2">
        <v>99.1</v>
      </c>
      <c r="Y15560" s="2">
        <v>7.6</v>
      </c>
      <c r="Z15560" s="2">
        <v>16.7</v>
      </c>
      <c r="AA15560" s="5"/>
      <c r="AB15560" s="5" t="s">
        <v>43</v>
      </c>
      <c r="AC15560" s="5" t="s">
        <v>44</v>
      </c>
      <c r="AD15560" s="2"/>
      <c r="AE15560" s="1"/>
    </row>
    <row r="15561" spans="1:31" ht="14.45">
      <c r="A15561" s="11"/>
      <c r="B15561" s="20"/>
      <c r="C15561" s="2" t="s">
        <v>47639</v>
      </c>
      <c r="D15561" s="14" t="s">
        <v>47640</v>
      </c>
      <c r="E15561" s="2" t="s">
        <v>47641</v>
      </c>
      <c r="F15561" s="2" t="s">
        <v>36277</v>
      </c>
      <c r="G15561" s="8">
        <v>258</v>
      </c>
      <c r="H15561" s="5">
        <v>6</v>
      </c>
      <c r="I15561" s="5" t="s">
        <v>1518</v>
      </c>
      <c r="J15561" s="5" t="s">
        <v>40939</v>
      </c>
      <c r="K15561" s="2" t="s">
        <v>40940</v>
      </c>
      <c r="L15561" s="5" t="s">
        <v>40939</v>
      </c>
      <c r="M15561" s="2" t="s">
        <v>40940</v>
      </c>
      <c r="N15561" s="5" t="s">
        <v>36266</v>
      </c>
      <c r="O15561" s="5" t="s">
        <v>38</v>
      </c>
      <c r="P15561" s="5" t="s">
        <v>39</v>
      </c>
      <c r="Q15561" s="5" t="s">
        <v>40</v>
      </c>
      <c r="R15561" s="5" t="s">
        <v>1522</v>
      </c>
      <c r="S15561" s="5" t="s">
        <v>1523</v>
      </c>
      <c r="T15561" s="5" t="s">
        <v>42</v>
      </c>
      <c r="U15561" s="2">
        <v>2.6269999999999998</v>
      </c>
      <c r="V15561" s="2">
        <v>2.0840000000000001</v>
      </c>
      <c r="W15561" s="2">
        <v>1.2999999999999999E-2</v>
      </c>
      <c r="X15561" s="2">
        <v>99.1</v>
      </c>
      <c r="Y15561" s="2">
        <v>7.6</v>
      </c>
      <c r="Z15561" s="2">
        <v>16.7</v>
      </c>
      <c r="AA15561" s="5"/>
      <c r="AB15561" s="5" t="s">
        <v>43</v>
      </c>
      <c r="AC15561" s="5" t="s">
        <v>44</v>
      </c>
      <c r="AD15561" s="2"/>
      <c r="AE15561" s="1"/>
    </row>
    <row r="15562" spans="1:31" ht="14.45">
      <c r="A15562" s="11"/>
      <c r="B15562" s="20"/>
      <c r="C15562" s="2" t="s">
        <v>47642</v>
      </c>
      <c r="D15562" s="14" t="s">
        <v>47643</v>
      </c>
      <c r="E15562" s="2" t="s">
        <v>47644</v>
      </c>
      <c r="F15562" s="2" t="s">
        <v>40967</v>
      </c>
      <c r="G15562" s="8">
        <v>277</v>
      </c>
      <c r="H15562" s="5">
        <v>6</v>
      </c>
      <c r="I15562" s="5" t="s">
        <v>1518</v>
      </c>
      <c r="J15562" s="5" t="s">
        <v>40939</v>
      </c>
      <c r="K15562" s="2" t="s">
        <v>40940</v>
      </c>
      <c r="L15562" s="5" t="s">
        <v>40939</v>
      </c>
      <c r="M15562" s="2" t="s">
        <v>40940</v>
      </c>
      <c r="N15562" s="5" t="s">
        <v>36266</v>
      </c>
      <c r="O15562" s="5" t="s">
        <v>38</v>
      </c>
      <c r="P15562" s="5" t="s">
        <v>39</v>
      </c>
      <c r="Q15562" s="5" t="s">
        <v>40</v>
      </c>
      <c r="R15562" s="5" t="s">
        <v>1522</v>
      </c>
      <c r="S15562" s="5" t="s">
        <v>1523</v>
      </c>
      <c r="T15562" s="5" t="s">
        <v>42</v>
      </c>
      <c r="U15562" s="2">
        <v>2.5430000000000001</v>
      </c>
      <c r="V15562" s="2">
        <v>2</v>
      </c>
      <c r="W15562" s="2">
        <v>1.2999999999999999E-2</v>
      </c>
      <c r="X15562" s="2">
        <v>99.1</v>
      </c>
      <c r="Y15562" s="2">
        <v>7.6</v>
      </c>
      <c r="Z15562" s="2">
        <v>16.7</v>
      </c>
      <c r="AA15562" s="5"/>
      <c r="AB15562" s="5" t="s">
        <v>43</v>
      </c>
      <c r="AC15562" s="5" t="s">
        <v>44</v>
      </c>
      <c r="AD15562" s="2"/>
      <c r="AE15562" s="1"/>
    </row>
    <row r="15563" spans="1:31" ht="14.45">
      <c r="A15563" s="11"/>
      <c r="B15563" s="20"/>
      <c r="C15563" s="2" t="s">
        <v>47645</v>
      </c>
      <c r="D15563" s="14" t="s">
        <v>47646</v>
      </c>
      <c r="E15563" s="2" t="s">
        <v>47647</v>
      </c>
      <c r="F15563" s="2" t="s">
        <v>40971</v>
      </c>
      <c r="G15563" s="8">
        <v>277</v>
      </c>
      <c r="H15563" s="5">
        <v>6</v>
      </c>
      <c r="I15563" s="5" t="s">
        <v>1518</v>
      </c>
      <c r="J15563" s="5" t="s">
        <v>40939</v>
      </c>
      <c r="K15563" s="2" t="s">
        <v>40940</v>
      </c>
      <c r="L15563" s="5" t="s">
        <v>40939</v>
      </c>
      <c r="M15563" s="2" t="s">
        <v>40940</v>
      </c>
      <c r="N15563" s="5" t="s">
        <v>36266</v>
      </c>
      <c r="O15563" s="5" t="s">
        <v>38</v>
      </c>
      <c r="P15563" s="5" t="s">
        <v>39</v>
      </c>
      <c r="Q15563" s="5" t="s">
        <v>40</v>
      </c>
      <c r="R15563" s="5" t="s">
        <v>1522</v>
      </c>
      <c r="S15563" s="5" t="s">
        <v>1523</v>
      </c>
      <c r="T15563" s="5" t="s">
        <v>42</v>
      </c>
      <c r="U15563" s="2">
        <v>2.6139999999999999</v>
      </c>
      <c r="V15563" s="2">
        <v>2.0710000000000002</v>
      </c>
      <c r="W15563" s="2">
        <v>1.2999999999999999E-2</v>
      </c>
      <c r="X15563" s="2">
        <v>99.1</v>
      </c>
      <c r="Y15563" s="2">
        <v>7.6</v>
      </c>
      <c r="Z15563" s="2">
        <v>16.7</v>
      </c>
      <c r="AA15563" s="5"/>
      <c r="AB15563" s="5" t="s">
        <v>43</v>
      </c>
      <c r="AC15563" s="5" t="s">
        <v>44</v>
      </c>
      <c r="AD15563" s="2"/>
      <c r="AE15563" s="1"/>
    </row>
    <row r="15564" spans="1:31" ht="14.45">
      <c r="A15564" s="11"/>
      <c r="B15564" s="20"/>
      <c r="C15564" s="2" t="s">
        <v>47648</v>
      </c>
      <c r="D15564" s="14" t="s">
        <v>47649</v>
      </c>
      <c r="E15564" s="2" t="s">
        <v>47650</v>
      </c>
      <c r="F15564" s="2" t="s">
        <v>47226</v>
      </c>
      <c r="G15564" s="8">
        <v>277</v>
      </c>
      <c r="H15564" s="5">
        <v>6</v>
      </c>
      <c r="I15564" s="5" t="s">
        <v>1518</v>
      </c>
      <c r="J15564" s="5" t="s">
        <v>40939</v>
      </c>
      <c r="K15564" s="2" t="s">
        <v>40940</v>
      </c>
      <c r="L15564" s="5" t="s">
        <v>40939</v>
      </c>
      <c r="M15564" s="2" t="s">
        <v>40940</v>
      </c>
      <c r="N15564" s="5" t="s">
        <v>36266</v>
      </c>
      <c r="O15564" s="5" t="s">
        <v>38</v>
      </c>
      <c r="P15564" s="5" t="s">
        <v>39</v>
      </c>
      <c r="Q15564" s="5" t="s">
        <v>40</v>
      </c>
      <c r="R15564" s="5" t="s">
        <v>1522</v>
      </c>
      <c r="S15564" s="5" t="s">
        <v>1523</v>
      </c>
      <c r="T15564" s="5" t="s">
        <v>42</v>
      </c>
      <c r="U15564" s="2">
        <v>2.5430000000000001</v>
      </c>
      <c r="V15564" s="2">
        <v>2</v>
      </c>
      <c r="W15564" s="2">
        <v>1.2999999999999999E-2</v>
      </c>
      <c r="X15564" s="2">
        <v>99.1</v>
      </c>
      <c r="Y15564" s="2">
        <v>7.6</v>
      </c>
      <c r="Z15564" s="2">
        <v>16.7</v>
      </c>
      <c r="AA15564" s="5"/>
      <c r="AB15564" s="5" t="s">
        <v>43</v>
      </c>
      <c r="AC15564" s="5" t="s">
        <v>44</v>
      </c>
      <c r="AD15564" s="2"/>
      <c r="AE15564" s="1"/>
    </row>
    <row r="15565" spans="1:31" ht="14.45">
      <c r="A15565" s="11"/>
      <c r="B15565" s="20"/>
      <c r="C15565" s="2" t="s">
        <v>47651</v>
      </c>
      <c r="D15565" s="14" t="s">
        <v>47652</v>
      </c>
      <c r="E15565" s="2" t="s">
        <v>47653</v>
      </c>
      <c r="F15565" s="2" t="s">
        <v>7539</v>
      </c>
      <c r="G15565" s="8">
        <v>277</v>
      </c>
      <c r="H15565" s="5">
        <v>6</v>
      </c>
      <c r="I15565" s="5" t="s">
        <v>1518</v>
      </c>
      <c r="J15565" s="5" t="s">
        <v>40939</v>
      </c>
      <c r="K15565" s="2" t="s">
        <v>40940</v>
      </c>
      <c r="L15565" s="5" t="s">
        <v>40939</v>
      </c>
      <c r="M15565" s="2" t="s">
        <v>40940</v>
      </c>
      <c r="N15565" s="5" t="s">
        <v>36266</v>
      </c>
      <c r="O15565" s="5" t="s">
        <v>38</v>
      </c>
      <c r="P15565" s="5" t="s">
        <v>39</v>
      </c>
      <c r="Q15565" s="5" t="s">
        <v>40</v>
      </c>
      <c r="R15565" s="5" t="s">
        <v>1522</v>
      </c>
      <c r="S15565" s="5" t="s">
        <v>1523</v>
      </c>
      <c r="T15565" s="5" t="s">
        <v>42</v>
      </c>
      <c r="U15565" s="2">
        <v>2.5110000000000001</v>
      </c>
      <c r="V15565" s="2">
        <v>1.968</v>
      </c>
      <c r="W15565" s="2">
        <v>1.2999999999999999E-2</v>
      </c>
      <c r="X15565" s="2">
        <v>99.1</v>
      </c>
      <c r="Y15565" s="2">
        <v>7.6</v>
      </c>
      <c r="Z15565" s="2">
        <v>16.7</v>
      </c>
      <c r="AA15565" s="5"/>
      <c r="AB15565" s="5" t="s">
        <v>43</v>
      </c>
      <c r="AC15565" s="5" t="s">
        <v>44</v>
      </c>
      <c r="AD15565" s="2"/>
      <c r="AE15565" s="1"/>
    </row>
    <row r="15566" spans="1:31" ht="14.45">
      <c r="A15566" s="11"/>
      <c r="B15566" s="20"/>
      <c r="C15566" s="2" t="s">
        <v>47654</v>
      </c>
      <c r="D15566" s="14" t="s">
        <v>47655</v>
      </c>
      <c r="E15566" s="2" t="s">
        <v>47656</v>
      </c>
      <c r="F15566" s="2" t="s">
        <v>40989</v>
      </c>
      <c r="G15566" s="8">
        <v>277</v>
      </c>
      <c r="H15566" s="5">
        <v>6</v>
      </c>
      <c r="I15566" s="5" t="s">
        <v>1518</v>
      </c>
      <c r="J15566" s="5" t="s">
        <v>40939</v>
      </c>
      <c r="K15566" s="2" t="s">
        <v>40940</v>
      </c>
      <c r="L15566" s="5" t="s">
        <v>40939</v>
      </c>
      <c r="M15566" s="2" t="s">
        <v>40940</v>
      </c>
      <c r="N15566" s="5" t="s">
        <v>36266</v>
      </c>
      <c r="O15566" s="5" t="s">
        <v>38</v>
      </c>
      <c r="P15566" s="5" t="s">
        <v>39</v>
      </c>
      <c r="Q15566" s="5" t="s">
        <v>40</v>
      </c>
      <c r="R15566" s="5" t="s">
        <v>1522</v>
      </c>
      <c r="S15566" s="5" t="s">
        <v>1523</v>
      </c>
      <c r="T15566" s="5" t="s">
        <v>42</v>
      </c>
      <c r="U15566" s="2">
        <v>2.5430000000000001</v>
      </c>
      <c r="V15566" s="2">
        <v>2</v>
      </c>
      <c r="W15566" s="2">
        <v>1.2999999999999999E-2</v>
      </c>
      <c r="X15566" s="2">
        <v>99.1</v>
      </c>
      <c r="Y15566" s="2">
        <v>7.6</v>
      </c>
      <c r="Z15566" s="2">
        <v>16.7</v>
      </c>
      <c r="AA15566" s="5"/>
      <c r="AB15566" s="5" t="s">
        <v>43</v>
      </c>
      <c r="AC15566" s="5" t="s">
        <v>44</v>
      </c>
      <c r="AD15566" s="2"/>
      <c r="AE15566" s="1"/>
    </row>
    <row r="15567" spans="1:31" ht="14.45">
      <c r="A15567" s="11"/>
      <c r="B15567" s="20"/>
      <c r="C15567" s="2" t="s">
        <v>47657</v>
      </c>
      <c r="D15567" s="14" t="s">
        <v>47658</v>
      </c>
      <c r="E15567" s="2" t="s">
        <v>47659</v>
      </c>
      <c r="F15567" s="2" t="s">
        <v>40993</v>
      </c>
      <c r="G15567" s="8">
        <v>277</v>
      </c>
      <c r="H15567" s="5">
        <v>6</v>
      </c>
      <c r="I15567" s="5" t="s">
        <v>1518</v>
      </c>
      <c r="J15567" s="5" t="s">
        <v>40939</v>
      </c>
      <c r="K15567" s="2" t="s">
        <v>40940</v>
      </c>
      <c r="L15567" s="5" t="s">
        <v>40939</v>
      </c>
      <c r="M15567" s="2" t="s">
        <v>40940</v>
      </c>
      <c r="N15567" s="5" t="s">
        <v>36266</v>
      </c>
      <c r="O15567" s="5" t="s">
        <v>38</v>
      </c>
      <c r="P15567" s="5" t="s">
        <v>39</v>
      </c>
      <c r="Q15567" s="5" t="s">
        <v>40</v>
      </c>
      <c r="R15567" s="5" t="s">
        <v>1522</v>
      </c>
      <c r="S15567" s="5" t="s">
        <v>1523</v>
      </c>
      <c r="T15567" s="5" t="s">
        <v>42</v>
      </c>
      <c r="U15567" s="2">
        <v>2.6139999999999999</v>
      </c>
      <c r="V15567" s="2">
        <v>2.0710000000000002</v>
      </c>
      <c r="W15567" s="2">
        <v>1.2999999999999999E-2</v>
      </c>
      <c r="X15567" s="2">
        <v>99.1</v>
      </c>
      <c r="Y15567" s="2">
        <v>7.6</v>
      </c>
      <c r="Z15567" s="2">
        <v>16.7</v>
      </c>
      <c r="AA15567" s="5"/>
      <c r="AB15567" s="5" t="s">
        <v>43</v>
      </c>
      <c r="AC15567" s="5" t="s">
        <v>44</v>
      </c>
      <c r="AD15567" s="2"/>
      <c r="AE15567" s="1"/>
    </row>
    <row r="15568" spans="1:31" ht="14.45">
      <c r="A15568" s="11"/>
      <c r="B15568" s="20"/>
      <c r="C15568" s="2" t="s">
        <v>47660</v>
      </c>
      <c r="D15568" s="14" t="s">
        <v>47661</v>
      </c>
      <c r="E15568" s="2" t="s">
        <v>47662</v>
      </c>
      <c r="F15568" s="2" t="s">
        <v>41267</v>
      </c>
      <c r="G15568" s="8">
        <v>277</v>
      </c>
      <c r="H15568" s="5">
        <v>6</v>
      </c>
      <c r="I15568" s="5" t="s">
        <v>1518</v>
      </c>
      <c r="J15568" s="5" t="s">
        <v>40939</v>
      </c>
      <c r="K15568" s="2" t="s">
        <v>40940</v>
      </c>
      <c r="L15568" s="5" t="s">
        <v>40939</v>
      </c>
      <c r="M15568" s="2" t="s">
        <v>40940</v>
      </c>
      <c r="N15568" s="5" t="s">
        <v>36266</v>
      </c>
      <c r="O15568" s="5" t="s">
        <v>38</v>
      </c>
      <c r="P15568" s="5" t="s">
        <v>39</v>
      </c>
      <c r="Q15568" s="5" t="s">
        <v>40</v>
      </c>
      <c r="R15568" s="5" t="s">
        <v>1522</v>
      </c>
      <c r="S15568" s="5" t="s">
        <v>1523</v>
      </c>
      <c r="T15568" s="5" t="s">
        <v>42</v>
      </c>
      <c r="U15568" s="2">
        <v>2.589</v>
      </c>
      <c r="V15568" s="2">
        <v>2.0459999999999998</v>
      </c>
      <c r="W15568" s="2">
        <v>1.2999999999999999E-2</v>
      </c>
      <c r="X15568" s="2">
        <v>99.1</v>
      </c>
      <c r="Y15568" s="2">
        <v>7.6</v>
      </c>
      <c r="Z15568" s="2">
        <v>16.7</v>
      </c>
      <c r="AA15568" s="5"/>
      <c r="AB15568" s="5" t="s">
        <v>43</v>
      </c>
      <c r="AC15568" s="5" t="s">
        <v>44</v>
      </c>
      <c r="AD15568" s="2"/>
      <c r="AE15568" s="1"/>
    </row>
    <row r="15569" spans="1:31" ht="14.45">
      <c r="A15569" s="11"/>
      <c r="B15569" s="20"/>
      <c r="C15569" s="2" t="s">
        <v>47663</v>
      </c>
      <c r="D15569" s="14" t="s">
        <v>47664</v>
      </c>
      <c r="E15569" s="2" t="s">
        <v>47665</v>
      </c>
      <c r="F15569" s="2" t="s">
        <v>41005</v>
      </c>
      <c r="G15569" s="8">
        <v>277</v>
      </c>
      <c r="H15569" s="5">
        <v>6</v>
      </c>
      <c r="I15569" s="5" t="s">
        <v>1518</v>
      </c>
      <c r="J15569" s="5" t="s">
        <v>40939</v>
      </c>
      <c r="K15569" s="2" t="s">
        <v>40940</v>
      </c>
      <c r="L15569" s="5" t="s">
        <v>40939</v>
      </c>
      <c r="M15569" s="2" t="s">
        <v>40940</v>
      </c>
      <c r="N15569" s="5" t="s">
        <v>36266</v>
      </c>
      <c r="O15569" s="5" t="s">
        <v>38</v>
      </c>
      <c r="P15569" s="5" t="s">
        <v>39</v>
      </c>
      <c r="Q15569" s="5" t="s">
        <v>40</v>
      </c>
      <c r="R15569" s="5" t="s">
        <v>1522</v>
      </c>
      <c r="S15569" s="5" t="s">
        <v>1523</v>
      </c>
      <c r="T15569" s="5" t="s">
        <v>42</v>
      </c>
      <c r="U15569" s="2">
        <v>2.6139999999999999</v>
      </c>
      <c r="V15569" s="2">
        <v>2.0710000000000002</v>
      </c>
      <c r="W15569" s="2">
        <v>1.2999999999999999E-2</v>
      </c>
      <c r="X15569" s="2">
        <v>99.1</v>
      </c>
      <c r="Y15569" s="2">
        <v>7.6</v>
      </c>
      <c r="Z15569" s="2">
        <v>16.7</v>
      </c>
      <c r="AA15569" s="5"/>
      <c r="AB15569" s="5" t="s">
        <v>43</v>
      </c>
      <c r="AC15569" s="5" t="s">
        <v>44</v>
      </c>
      <c r="AD15569" s="2"/>
      <c r="AE15569" s="1"/>
    </row>
    <row r="15570" spans="1:31" ht="14.45">
      <c r="A15570" s="11"/>
      <c r="B15570" s="20"/>
      <c r="C15570" s="2" t="s">
        <v>47666</v>
      </c>
      <c r="D15570" s="14" t="s">
        <v>47667</v>
      </c>
      <c r="E15570" s="2" t="s">
        <v>47668</v>
      </c>
      <c r="F15570" s="2" t="s">
        <v>41009</v>
      </c>
      <c r="G15570" s="8">
        <v>277</v>
      </c>
      <c r="H15570" s="5">
        <v>6</v>
      </c>
      <c r="I15570" s="5" t="s">
        <v>1518</v>
      </c>
      <c r="J15570" s="5" t="s">
        <v>40939</v>
      </c>
      <c r="K15570" s="2" t="s">
        <v>40940</v>
      </c>
      <c r="L15570" s="5" t="s">
        <v>40939</v>
      </c>
      <c r="M15570" s="2" t="s">
        <v>40940</v>
      </c>
      <c r="N15570" s="5" t="s">
        <v>36266</v>
      </c>
      <c r="O15570" s="5" t="s">
        <v>38</v>
      </c>
      <c r="P15570" s="5" t="s">
        <v>39</v>
      </c>
      <c r="Q15570" s="5" t="s">
        <v>40</v>
      </c>
      <c r="R15570" s="5" t="s">
        <v>1522</v>
      </c>
      <c r="S15570" s="5" t="s">
        <v>1523</v>
      </c>
      <c r="T15570" s="5" t="s">
        <v>42</v>
      </c>
      <c r="U15570" s="2">
        <v>2.5489999999999999</v>
      </c>
      <c r="V15570" s="2">
        <v>2.0059999999999998</v>
      </c>
      <c r="W15570" s="2">
        <v>1.2999999999999999E-2</v>
      </c>
      <c r="X15570" s="2">
        <v>99.1</v>
      </c>
      <c r="Y15570" s="2">
        <v>7.6</v>
      </c>
      <c r="Z15570" s="2">
        <v>16.7</v>
      </c>
      <c r="AA15570" s="5"/>
      <c r="AB15570" s="5" t="s">
        <v>43</v>
      </c>
      <c r="AC15570" s="5" t="s">
        <v>44</v>
      </c>
      <c r="AD15570" s="2"/>
      <c r="AE15570" s="1"/>
    </row>
    <row r="15571" spans="1:31" ht="14.45">
      <c r="A15571" s="11"/>
      <c r="B15571" s="20"/>
      <c r="C15571" s="2" t="s">
        <v>47669</v>
      </c>
      <c r="D15571" s="14" t="s">
        <v>47670</v>
      </c>
      <c r="E15571" s="2" t="s">
        <v>47671</v>
      </c>
      <c r="F15571" s="2" t="s">
        <v>41013</v>
      </c>
      <c r="G15571" s="8">
        <v>277</v>
      </c>
      <c r="H15571" s="5">
        <v>6</v>
      </c>
      <c r="I15571" s="5" t="s">
        <v>1518</v>
      </c>
      <c r="J15571" s="5" t="s">
        <v>40939</v>
      </c>
      <c r="K15571" s="2" t="s">
        <v>40940</v>
      </c>
      <c r="L15571" s="5" t="s">
        <v>40939</v>
      </c>
      <c r="M15571" s="2" t="s">
        <v>40940</v>
      </c>
      <c r="N15571" s="5" t="s">
        <v>36266</v>
      </c>
      <c r="O15571" s="5" t="s">
        <v>38</v>
      </c>
      <c r="P15571" s="5" t="s">
        <v>39</v>
      </c>
      <c r="Q15571" s="5" t="s">
        <v>40</v>
      </c>
      <c r="R15571" s="5" t="s">
        <v>1522</v>
      </c>
      <c r="S15571" s="5" t="s">
        <v>1523</v>
      </c>
      <c r="T15571" s="5" t="s">
        <v>42</v>
      </c>
      <c r="U15571" s="2">
        <v>2.62</v>
      </c>
      <c r="V15571" s="2">
        <v>2.077</v>
      </c>
      <c r="W15571" s="2">
        <v>1.2999999999999999E-2</v>
      </c>
      <c r="X15571" s="2">
        <v>99.1</v>
      </c>
      <c r="Y15571" s="2">
        <v>7.6</v>
      </c>
      <c r="Z15571" s="2">
        <v>16.7</v>
      </c>
      <c r="AA15571" s="5"/>
      <c r="AB15571" s="5" t="s">
        <v>43</v>
      </c>
      <c r="AC15571" s="5" t="s">
        <v>44</v>
      </c>
      <c r="AD15571" s="2"/>
      <c r="AE15571" s="1"/>
    </row>
    <row r="15572" spans="1:31" ht="14.45">
      <c r="A15572" s="11"/>
      <c r="B15572" s="20"/>
      <c r="C15572" s="2" t="s">
        <v>47672</v>
      </c>
      <c r="D15572" s="14" t="s">
        <v>47673</v>
      </c>
      <c r="E15572" s="2" t="s">
        <v>47674</v>
      </c>
      <c r="F15572" s="2" t="s">
        <v>7396</v>
      </c>
      <c r="G15572" s="8">
        <v>258</v>
      </c>
      <c r="H15572" s="5">
        <v>6</v>
      </c>
      <c r="I15572" s="5" t="s">
        <v>1518</v>
      </c>
      <c r="J15572" s="5" t="s">
        <v>40939</v>
      </c>
      <c r="K15572" s="2" t="s">
        <v>40940</v>
      </c>
      <c r="L15572" s="5" t="s">
        <v>40939</v>
      </c>
      <c r="M15572" s="2" t="s">
        <v>40940</v>
      </c>
      <c r="N15572" s="5" t="s">
        <v>36266</v>
      </c>
      <c r="O15572" s="5" t="s">
        <v>38</v>
      </c>
      <c r="P15572" s="5" t="s">
        <v>39</v>
      </c>
      <c r="Q15572" s="5" t="s">
        <v>40</v>
      </c>
      <c r="R15572" s="5" t="s">
        <v>1522</v>
      </c>
      <c r="S15572" s="5" t="s">
        <v>1523</v>
      </c>
      <c r="T15572" s="5" t="s">
        <v>42</v>
      </c>
      <c r="U15572" s="2">
        <v>2.5489999999999999</v>
      </c>
      <c r="V15572" s="2">
        <v>2.0059999999999998</v>
      </c>
      <c r="W15572" s="2">
        <v>1.2999999999999999E-2</v>
      </c>
      <c r="X15572" s="2">
        <v>99.1</v>
      </c>
      <c r="Y15572" s="2">
        <v>7.6</v>
      </c>
      <c r="Z15572" s="2">
        <v>16.7</v>
      </c>
      <c r="AA15572" s="5"/>
      <c r="AB15572" s="5" t="s">
        <v>43</v>
      </c>
      <c r="AC15572" s="5" t="s">
        <v>44</v>
      </c>
      <c r="AD15572" s="2"/>
      <c r="AE15572" s="1"/>
    </row>
    <row r="15573" spans="1:31" ht="14.45">
      <c r="A15573" s="11"/>
      <c r="B15573" s="20"/>
      <c r="C15573" s="2" t="s">
        <v>47675</v>
      </c>
      <c r="D15573" s="14" t="s">
        <v>47676</v>
      </c>
      <c r="E15573" s="2" t="s">
        <v>47677</v>
      </c>
      <c r="F15573" s="2" t="s">
        <v>7507</v>
      </c>
      <c r="G15573" s="8">
        <v>258</v>
      </c>
      <c r="H15573" s="5">
        <v>6</v>
      </c>
      <c r="I15573" s="5" t="s">
        <v>1518</v>
      </c>
      <c r="J15573" s="5" t="s">
        <v>40939</v>
      </c>
      <c r="K15573" s="2" t="s">
        <v>40940</v>
      </c>
      <c r="L15573" s="5" t="s">
        <v>40939</v>
      </c>
      <c r="M15573" s="2" t="s">
        <v>40940</v>
      </c>
      <c r="N15573" s="5" t="s">
        <v>36266</v>
      </c>
      <c r="O15573" s="5" t="s">
        <v>38</v>
      </c>
      <c r="P15573" s="5" t="s">
        <v>39</v>
      </c>
      <c r="Q15573" s="5" t="s">
        <v>40</v>
      </c>
      <c r="R15573" s="5" t="s">
        <v>1522</v>
      </c>
      <c r="S15573" s="5" t="s">
        <v>1523</v>
      </c>
      <c r="T15573" s="5" t="s">
        <v>42</v>
      </c>
      <c r="U15573" s="2">
        <v>2.62</v>
      </c>
      <c r="V15573" s="2">
        <v>2.077</v>
      </c>
      <c r="W15573" s="2">
        <v>1.2999999999999999E-2</v>
      </c>
      <c r="X15573" s="2">
        <v>99.1</v>
      </c>
      <c r="Y15573" s="2">
        <v>7.6</v>
      </c>
      <c r="Z15573" s="2">
        <v>16.7</v>
      </c>
      <c r="AA15573" s="5"/>
      <c r="AB15573" s="5" t="s">
        <v>43</v>
      </c>
      <c r="AC15573" s="5" t="s">
        <v>44</v>
      </c>
      <c r="AD15573" s="2"/>
      <c r="AE15573" s="1"/>
    </row>
    <row r="15574" spans="1:31" ht="14.45">
      <c r="A15574" s="11"/>
      <c r="B15574" s="20"/>
      <c r="C15574" s="2" t="s">
        <v>47678</v>
      </c>
      <c r="D15574" s="14" t="s">
        <v>47679</v>
      </c>
      <c r="E15574" s="2" t="s">
        <v>47680</v>
      </c>
      <c r="F15574" s="2" t="s">
        <v>41023</v>
      </c>
      <c r="G15574" s="8">
        <v>277</v>
      </c>
      <c r="H15574" s="5">
        <v>6</v>
      </c>
      <c r="I15574" s="5" t="s">
        <v>1518</v>
      </c>
      <c r="J15574" s="5" t="s">
        <v>40939</v>
      </c>
      <c r="K15574" s="2" t="s">
        <v>40940</v>
      </c>
      <c r="L15574" s="5" t="s">
        <v>40939</v>
      </c>
      <c r="M15574" s="2" t="s">
        <v>40940</v>
      </c>
      <c r="N15574" s="5" t="s">
        <v>36266</v>
      </c>
      <c r="O15574" s="5" t="s">
        <v>38</v>
      </c>
      <c r="P15574" s="5" t="s">
        <v>39</v>
      </c>
      <c r="Q15574" s="5" t="s">
        <v>40</v>
      </c>
      <c r="R15574" s="5" t="s">
        <v>1522</v>
      </c>
      <c r="S15574" s="5" t="s">
        <v>1523</v>
      </c>
      <c r="T15574" s="5" t="s">
        <v>42</v>
      </c>
      <c r="U15574" s="2">
        <v>2.5179999999999998</v>
      </c>
      <c r="V15574" s="2">
        <v>1.9750000000000001</v>
      </c>
      <c r="W15574" s="2">
        <v>1.2999999999999999E-2</v>
      </c>
      <c r="X15574" s="2">
        <v>99.1</v>
      </c>
      <c r="Y15574" s="2">
        <v>7.6</v>
      </c>
      <c r="Z15574" s="2">
        <v>16.7</v>
      </c>
      <c r="AA15574" s="5"/>
      <c r="AB15574" s="5" t="s">
        <v>43</v>
      </c>
      <c r="AC15574" s="5" t="s">
        <v>44</v>
      </c>
      <c r="AD15574" s="2"/>
      <c r="AE15574" s="1"/>
    </row>
    <row r="15575" spans="1:31" ht="14.45">
      <c r="A15575" s="11"/>
      <c r="B15575" s="20"/>
      <c r="C15575" s="2" t="s">
        <v>47681</v>
      </c>
      <c r="D15575" s="14" t="s">
        <v>47682</v>
      </c>
      <c r="E15575" s="2" t="s">
        <v>47683</v>
      </c>
      <c r="F15575" s="2" t="s">
        <v>41027</v>
      </c>
      <c r="G15575" s="8">
        <v>277</v>
      </c>
      <c r="H15575" s="5">
        <v>6</v>
      </c>
      <c r="I15575" s="5" t="s">
        <v>1518</v>
      </c>
      <c r="J15575" s="5" t="s">
        <v>40939</v>
      </c>
      <c r="K15575" s="2" t="s">
        <v>40940</v>
      </c>
      <c r="L15575" s="5" t="s">
        <v>40939</v>
      </c>
      <c r="M15575" s="2" t="s">
        <v>40940</v>
      </c>
      <c r="N15575" s="5" t="s">
        <v>36266</v>
      </c>
      <c r="O15575" s="5" t="s">
        <v>38</v>
      </c>
      <c r="P15575" s="5" t="s">
        <v>39</v>
      </c>
      <c r="Q15575" s="5" t="s">
        <v>40</v>
      </c>
      <c r="R15575" s="5" t="s">
        <v>1522</v>
      </c>
      <c r="S15575" s="5" t="s">
        <v>1523</v>
      </c>
      <c r="T15575" s="5" t="s">
        <v>42</v>
      </c>
      <c r="U15575" s="2">
        <v>2.589</v>
      </c>
      <c r="V15575" s="2">
        <v>2.0459999999999998</v>
      </c>
      <c r="W15575" s="2">
        <v>1.2999999999999999E-2</v>
      </c>
      <c r="X15575" s="2">
        <v>99.1</v>
      </c>
      <c r="Y15575" s="2">
        <v>7.6</v>
      </c>
      <c r="Z15575" s="2">
        <v>16.7</v>
      </c>
      <c r="AA15575" s="5"/>
      <c r="AB15575" s="5" t="s">
        <v>43</v>
      </c>
      <c r="AC15575" s="5" t="s">
        <v>44</v>
      </c>
      <c r="AD15575" s="2"/>
      <c r="AE15575" s="1"/>
    </row>
    <row r="15576" spans="1:31" ht="14.45">
      <c r="A15576" s="11"/>
      <c r="B15576" s="20"/>
      <c r="C15576" s="2" t="s">
        <v>47684</v>
      </c>
      <c r="D15576" s="14" t="s">
        <v>47685</v>
      </c>
      <c r="E15576" s="2" t="s">
        <v>47686</v>
      </c>
      <c r="F15576" s="2" t="s">
        <v>41031</v>
      </c>
      <c r="G15576" s="8">
        <v>277</v>
      </c>
      <c r="H15576" s="5">
        <v>6</v>
      </c>
      <c r="I15576" s="5" t="s">
        <v>1518</v>
      </c>
      <c r="J15576" s="5" t="s">
        <v>40939</v>
      </c>
      <c r="K15576" s="2" t="s">
        <v>40940</v>
      </c>
      <c r="L15576" s="5" t="s">
        <v>40939</v>
      </c>
      <c r="M15576" s="2" t="s">
        <v>40940</v>
      </c>
      <c r="N15576" s="5" t="s">
        <v>36266</v>
      </c>
      <c r="O15576" s="5" t="s">
        <v>38</v>
      </c>
      <c r="P15576" s="5" t="s">
        <v>39</v>
      </c>
      <c r="Q15576" s="5" t="s">
        <v>40</v>
      </c>
      <c r="R15576" s="5" t="s">
        <v>1522</v>
      </c>
      <c r="S15576" s="5" t="s">
        <v>1523</v>
      </c>
      <c r="T15576" s="5" t="s">
        <v>42</v>
      </c>
      <c r="U15576" s="2">
        <v>2.5179999999999998</v>
      </c>
      <c r="V15576" s="2">
        <v>1.9750000000000001</v>
      </c>
      <c r="W15576" s="2">
        <v>1.2999999999999999E-2</v>
      </c>
      <c r="X15576" s="2">
        <v>99.1</v>
      </c>
      <c r="Y15576" s="2">
        <v>7.6</v>
      </c>
      <c r="Z15576" s="2">
        <v>16.7</v>
      </c>
      <c r="AA15576" s="5"/>
      <c r="AB15576" s="5" t="s">
        <v>43</v>
      </c>
      <c r="AC15576" s="5" t="s">
        <v>44</v>
      </c>
      <c r="AD15576" s="2"/>
      <c r="AE15576" s="1"/>
    </row>
    <row r="15577" spans="1:31" ht="14.45">
      <c r="A15577" s="11"/>
      <c r="B15577" s="20"/>
      <c r="C15577" s="2" t="s">
        <v>47687</v>
      </c>
      <c r="D15577" s="14" t="s">
        <v>47688</v>
      </c>
      <c r="E15577" s="2" t="s">
        <v>47689</v>
      </c>
      <c r="F15577" s="2" t="s">
        <v>41035</v>
      </c>
      <c r="G15577" s="8">
        <v>277</v>
      </c>
      <c r="H15577" s="5">
        <v>6</v>
      </c>
      <c r="I15577" s="5" t="s">
        <v>1518</v>
      </c>
      <c r="J15577" s="5" t="s">
        <v>40939</v>
      </c>
      <c r="K15577" s="2" t="s">
        <v>40940</v>
      </c>
      <c r="L15577" s="5" t="s">
        <v>40939</v>
      </c>
      <c r="M15577" s="2" t="s">
        <v>40940</v>
      </c>
      <c r="N15577" s="5" t="s">
        <v>36266</v>
      </c>
      <c r="O15577" s="5" t="s">
        <v>38</v>
      </c>
      <c r="P15577" s="5" t="s">
        <v>39</v>
      </c>
      <c r="Q15577" s="5" t="s">
        <v>40</v>
      </c>
      <c r="R15577" s="5" t="s">
        <v>1522</v>
      </c>
      <c r="S15577" s="5" t="s">
        <v>1523</v>
      </c>
      <c r="T15577" s="5" t="s">
        <v>42</v>
      </c>
      <c r="U15577" s="2">
        <v>2.589</v>
      </c>
      <c r="V15577" s="2">
        <v>2.0459999999999998</v>
      </c>
      <c r="W15577" s="2">
        <v>1.2999999999999999E-2</v>
      </c>
      <c r="X15577" s="2">
        <v>99.1</v>
      </c>
      <c r="Y15577" s="2">
        <v>7.6</v>
      </c>
      <c r="Z15577" s="2">
        <v>16.7</v>
      </c>
      <c r="AA15577" s="5"/>
      <c r="AB15577" s="5" t="s">
        <v>43</v>
      </c>
      <c r="AC15577" s="5" t="s">
        <v>44</v>
      </c>
      <c r="AD15577" s="2"/>
      <c r="AE15577" s="1"/>
    </row>
    <row r="15578" spans="1:31" ht="14.45">
      <c r="A15578" s="11"/>
      <c r="B15578" s="20"/>
      <c r="C15578" s="2" t="s">
        <v>47690</v>
      </c>
      <c r="D15578" s="14" t="s">
        <v>47691</v>
      </c>
      <c r="E15578" s="2" t="s">
        <v>47692</v>
      </c>
      <c r="F15578" s="2" t="s">
        <v>7449</v>
      </c>
      <c r="G15578" s="8">
        <v>277</v>
      </c>
      <c r="H15578" s="5">
        <v>6</v>
      </c>
      <c r="I15578" s="5" t="s">
        <v>1518</v>
      </c>
      <c r="J15578" s="5" t="s">
        <v>40939</v>
      </c>
      <c r="K15578" s="2" t="s">
        <v>40940</v>
      </c>
      <c r="L15578" s="5" t="s">
        <v>40939</v>
      </c>
      <c r="M15578" s="2" t="s">
        <v>40940</v>
      </c>
      <c r="N15578" s="5" t="s">
        <v>36266</v>
      </c>
      <c r="O15578" s="5" t="s">
        <v>38</v>
      </c>
      <c r="P15578" s="5" t="s">
        <v>39</v>
      </c>
      <c r="Q15578" s="5" t="s">
        <v>40</v>
      </c>
      <c r="R15578" s="5" t="s">
        <v>1522</v>
      </c>
      <c r="S15578" s="5" t="s">
        <v>1523</v>
      </c>
      <c r="T15578" s="5" t="s">
        <v>42</v>
      </c>
      <c r="U15578" s="2">
        <v>2.5179999999999998</v>
      </c>
      <c r="V15578" s="2">
        <v>1.9750000000000001</v>
      </c>
      <c r="W15578" s="2">
        <v>1.2999999999999999E-2</v>
      </c>
      <c r="X15578" s="2">
        <v>99.1</v>
      </c>
      <c r="Y15578" s="2">
        <v>7.6</v>
      </c>
      <c r="Z15578" s="2">
        <v>16.7</v>
      </c>
      <c r="AA15578" s="5"/>
      <c r="AB15578" s="5" t="s">
        <v>43</v>
      </c>
      <c r="AC15578" s="5" t="s">
        <v>44</v>
      </c>
      <c r="AD15578" s="2"/>
      <c r="AE15578" s="1"/>
    </row>
    <row r="15579" spans="1:31" ht="14.45">
      <c r="A15579" s="11"/>
      <c r="B15579" s="20"/>
      <c r="C15579" s="2" t="s">
        <v>47693</v>
      </c>
      <c r="D15579" s="14" t="s">
        <v>47694</v>
      </c>
      <c r="E15579" s="2" t="s">
        <v>47695</v>
      </c>
      <c r="F15579" s="2" t="s">
        <v>7581</v>
      </c>
      <c r="G15579" s="8">
        <v>277</v>
      </c>
      <c r="H15579" s="5">
        <v>6</v>
      </c>
      <c r="I15579" s="5" t="s">
        <v>1518</v>
      </c>
      <c r="J15579" s="5" t="s">
        <v>40939</v>
      </c>
      <c r="K15579" s="2" t="s">
        <v>40940</v>
      </c>
      <c r="L15579" s="5" t="s">
        <v>40939</v>
      </c>
      <c r="M15579" s="2" t="s">
        <v>40940</v>
      </c>
      <c r="N15579" s="5" t="s">
        <v>36266</v>
      </c>
      <c r="O15579" s="5" t="s">
        <v>38</v>
      </c>
      <c r="P15579" s="5" t="s">
        <v>39</v>
      </c>
      <c r="Q15579" s="5" t="s">
        <v>40</v>
      </c>
      <c r="R15579" s="5" t="s">
        <v>1522</v>
      </c>
      <c r="S15579" s="5" t="s">
        <v>1523</v>
      </c>
      <c r="T15579" s="5" t="s">
        <v>42</v>
      </c>
      <c r="U15579" s="2">
        <v>2.589</v>
      </c>
      <c r="V15579" s="2">
        <v>2.0459999999999998</v>
      </c>
      <c r="W15579" s="2">
        <v>1.2999999999999999E-2</v>
      </c>
      <c r="X15579" s="2">
        <v>99.1</v>
      </c>
      <c r="Y15579" s="2">
        <v>7.6</v>
      </c>
      <c r="Z15579" s="2">
        <v>16.7</v>
      </c>
      <c r="AA15579" s="5"/>
      <c r="AB15579" s="5" t="s">
        <v>43</v>
      </c>
      <c r="AC15579" s="5" t="s">
        <v>44</v>
      </c>
      <c r="AD15579" s="2"/>
      <c r="AE15579" s="1"/>
    </row>
    <row r="15580" spans="1:31" ht="14.45">
      <c r="A15580" s="11"/>
      <c r="B15580" s="20"/>
      <c r="C15580" s="2" t="s">
        <v>47696</v>
      </c>
      <c r="D15580" s="14" t="s">
        <v>47697</v>
      </c>
      <c r="E15580" s="2" t="s">
        <v>47698</v>
      </c>
      <c r="F15580" s="2" t="s">
        <v>41045</v>
      </c>
      <c r="G15580" s="8">
        <v>277</v>
      </c>
      <c r="H15580" s="5">
        <v>6</v>
      </c>
      <c r="I15580" s="5" t="s">
        <v>1518</v>
      </c>
      <c r="J15580" s="5" t="s">
        <v>40939</v>
      </c>
      <c r="K15580" s="2" t="s">
        <v>40940</v>
      </c>
      <c r="L15580" s="5" t="s">
        <v>40939</v>
      </c>
      <c r="M15580" s="2" t="s">
        <v>40940</v>
      </c>
      <c r="N15580" s="5" t="s">
        <v>36266</v>
      </c>
      <c r="O15580" s="5" t="s">
        <v>38</v>
      </c>
      <c r="P15580" s="5" t="s">
        <v>39</v>
      </c>
      <c r="Q15580" s="5" t="s">
        <v>40</v>
      </c>
      <c r="R15580" s="5" t="s">
        <v>1522</v>
      </c>
      <c r="S15580" s="5" t="s">
        <v>1523</v>
      </c>
      <c r="T15580" s="5" t="s">
        <v>42</v>
      </c>
      <c r="U15580" s="2">
        <v>2.556</v>
      </c>
      <c r="V15580" s="2">
        <v>2.0129999999999999</v>
      </c>
      <c r="W15580" s="2">
        <v>1.2999999999999999E-2</v>
      </c>
      <c r="X15580" s="2">
        <v>99.1</v>
      </c>
      <c r="Y15580" s="2">
        <v>7.6</v>
      </c>
      <c r="Z15580" s="2">
        <v>16.7</v>
      </c>
      <c r="AA15580" s="5"/>
      <c r="AB15580" s="5" t="s">
        <v>43</v>
      </c>
      <c r="AC15580" s="5" t="s">
        <v>44</v>
      </c>
      <c r="AD15580" s="2"/>
      <c r="AE15580" s="1"/>
    </row>
    <row r="15581" spans="1:31" ht="14.45">
      <c r="A15581" s="11"/>
      <c r="B15581" s="20"/>
      <c r="C15581" s="2" t="s">
        <v>47699</v>
      </c>
      <c r="D15581" s="14" t="s">
        <v>47700</v>
      </c>
      <c r="E15581" s="2" t="s">
        <v>47701</v>
      </c>
      <c r="F15581" s="2" t="s">
        <v>41049</v>
      </c>
      <c r="G15581" s="8">
        <v>277</v>
      </c>
      <c r="H15581" s="5">
        <v>6</v>
      </c>
      <c r="I15581" s="5" t="s">
        <v>1518</v>
      </c>
      <c r="J15581" s="5" t="s">
        <v>40939</v>
      </c>
      <c r="K15581" s="2" t="s">
        <v>40940</v>
      </c>
      <c r="L15581" s="5" t="s">
        <v>40939</v>
      </c>
      <c r="M15581" s="2" t="s">
        <v>40940</v>
      </c>
      <c r="N15581" s="5" t="s">
        <v>36266</v>
      </c>
      <c r="O15581" s="5" t="s">
        <v>38</v>
      </c>
      <c r="P15581" s="5" t="s">
        <v>39</v>
      </c>
      <c r="Q15581" s="5" t="s">
        <v>40</v>
      </c>
      <c r="R15581" s="5" t="s">
        <v>1522</v>
      </c>
      <c r="S15581" s="5" t="s">
        <v>1523</v>
      </c>
      <c r="T15581" s="5" t="s">
        <v>42</v>
      </c>
      <c r="U15581" s="2">
        <v>2.6269999999999998</v>
      </c>
      <c r="V15581" s="2">
        <v>2.0840000000000001</v>
      </c>
      <c r="W15581" s="2">
        <v>1.2999999999999999E-2</v>
      </c>
      <c r="X15581" s="2">
        <v>99.1</v>
      </c>
      <c r="Y15581" s="2">
        <v>7.6</v>
      </c>
      <c r="Z15581" s="2">
        <v>16.7</v>
      </c>
      <c r="AA15581" s="5"/>
      <c r="AB15581" s="5" t="s">
        <v>43</v>
      </c>
      <c r="AC15581" s="5" t="s">
        <v>44</v>
      </c>
      <c r="AD15581" s="2"/>
      <c r="AE15581" s="1"/>
    </row>
    <row r="15582" spans="1:31" ht="14.45">
      <c r="A15582" s="11"/>
      <c r="B15582" s="20"/>
      <c r="C15582" s="2" t="s">
        <v>47702</v>
      </c>
      <c r="D15582" s="14" t="s">
        <v>47703</v>
      </c>
      <c r="E15582" s="2" t="s">
        <v>47704</v>
      </c>
      <c r="F15582" s="2" t="s">
        <v>7204</v>
      </c>
      <c r="G15582" s="8">
        <v>269</v>
      </c>
      <c r="H15582" s="5">
        <v>6</v>
      </c>
      <c r="I15582" s="5" t="s">
        <v>1518</v>
      </c>
      <c r="J15582" s="5" t="s">
        <v>40939</v>
      </c>
      <c r="K15582" s="2" t="s">
        <v>40940</v>
      </c>
      <c r="L15582" s="5" t="s">
        <v>40939</v>
      </c>
      <c r="M15582" s="2" t="s">
        <v>40940</v>
      </c>
      <c r="N15582" s="5" t="s">
        <v>36266</v>
      </c>
      <c r="O15582" s="5" t="s">
        <v>38</v>
      </c>
      <c r="P15582" s="5" t="s">
        <v>39</v>
      </c>
      <c r="Q15582" s="5" t="s">
        <v>40</v>
      </c>
      <c r="R15582" s="5" t="s">
        <v>1522</v>
      </c>
      <c r="S15582" s="5" t="s">
        <v>1523</v>
      </c>
      <c r="T15582" s="5" t="s">
        <v>42</v>
      </c>
      <c r="U15582" s="2">
        <v>2.6749999999999998</v>
      </c>
      <c r="V15582" s="2">
        <v>2.1320000000000001</v>
      </c>
      <c r="W15582" s="2">
        <v>1.4999999999999999E-2</v>
      </c>
      <c r="X15582" s="2">
        <v>118.9</v>
      </c>
      <c r="Y15582" s="2">
        <v>7.6</v>
      </c>
      <c r="Z15582" s="2">
        <v>16.7</v>
      </c>
      <c r="AA15582" s="5"/>
      <c r="AB15582" s="5" t="s">
        <v>43</v>
      </c>
      <c r="AC15582" s="5" t="s">
        <v>44</v>
      </c>
      <c r="AD15582" s="2"/>
      <c r="AE15582" s="1"/>
    </row>
    <row r="15583" spans="1:31" ht="14.45">
      <c r="A15583" s="11"/>
      <c r="B15583" s="20"/>
      <c r="C15583" s="2" t="s">
        <v>47705</v>
      </c>
      <c r="D15583" s="14" t="s">
        <v>47706</v>
      </c>
      <c r="E15583" s="2" t="s">
        <v>47707</v>
      </c>
      <c r="F15583" s="2" t="s">
        <v>7514</v>
      </c>
      <c r="G15583" s="8">
        <v>269</v>
      </c>
      <c r="H15583" s="5">
        <v>6</v>
      </c>
      <c r="I15583" s="5" t="s">
        <v>1518</v>
      </c>
      <c r="J15583" s="5" t="s">
        <v>40939</v>
      </c>
      <c r="K15583" s="2" t="s">
        <v>40940</v>
      </c>
      <c r="L15583" s="5" t="s">
        <v>40939</v>
      </c>
      <c r="M15583" s="2" t="s">
        <v>40940</v>
      </c>
      <c r="N15583" s="5" t="s">
        <v>36266</v>
      </c>
      <c r="O15583" s="5" t="s">
        <v>38</v>
      </c>
      <c r="P15583" s="5" t="s">
        <v>39</v>
      </c>
      <c r="Q15583" s="5" t="s">
        <v>40</v>
      </c>
      <c r="R15583" s="5" t="s">
        <v>1522</v>
      </c>
      <c r="S15583" s="5" t="s">
        <v>1523</v>
      </c>
      <c r="T15583" s="5" t="s">
        <v>42</v>
      </c>
      <c r="U15583" s="2">
        <v>2.7570000000000001</v>
      </c>
      <c r="V15583" s="2">
        <v>2.214</v>
      </c>
      <c r="W15583" s="2">
        <v>1.4999999999999999E-2</v>
      </c>
      <c r="X15583" s="2">
        <v>118.9</v>
      </c>
      <c r="Y15583" s="2">
        <v>7.6</v>
      </c>
      <c r="Z15583" s="2">
        <v>16.7</v>
      </c>
      <c r="AA15583" s="5"/>
      <c r="AB15583" s="5" t="s">
        <v>43</v>
      </c>
      <c r="AC15583" s="5" t="s">
        <v>44</v>
      </c>
      <c r="AD15583" s="2"/>
      <c r="AE15583" s="1"/>
    </row>
    <row r="15584" spans="1:31" ht="14.45">
      <c r="A15584" s="11"/>
      <c r="B15584" s="20"/>
      <c r="C15584" s="2" t="s">
        <v>47708</v>
      </c>
      <c r="D15584" s="14" t="s">
        <v>47709</v>
      </c>
      <c r="E15584" s="2" t="s">
        <v>47710</v>
      </c>
      <c r="F15584" s="2" t="s">
        <v>47266</v>
      </c>
      <c r="G15584" s="8">
        <v>289</v>
      </c>
      <c r="H15584" s="5">
        <v>6</v>
      </c>
      <c r="I15584" s="5" t="s">
        <v>1518</v>
      </c>
      <c r="J15584" s="5" t="s">
        <v>40939</v>
      </c>
      <c r="K15584" s="2" t="s">
        <v>40940</v>
      </c>
      <c r="L15584" s="5" t="s">
        <v>40939</v>
      </c>
      <c r="M15584" s="2" t="s">
        <v>40940</v>
      </c>
      <c r="N15584" s="5" t="s">
        <v>36266</v>
      </c>
      <c r="O15584" s="5" t="s">
        <v>38</v>
      </c>
      <c r="P15584" s="5" t="s">
        <v>39</v>
      </c>
      <c r="Q15584" s="5" t="s">
        <v>40</v>
      </c>
      <c r="R15584" s="5" t="s">
        <v>1522</v>
      </c>
      <c r="S15584" s="5" t="s">
        <v>1523</v>
      </c>
      <c r="T15584" s="5" t="s">
        <v>42</v>
      </c>
      <c r="U15584" s="2">
        <v>2.69</v>
      </c>
      <c r="V15584" s="2">
        <v>2.1469999999999998</v>
      </c>
      <c r="W15584" s="2">
        <v>1.4999999999999999E-2</v>
      </c>
      <c r="X15584" s="2">
        <v>118.9</v>
      </c>
      <c r="Y15584" s="2">
        <v>7.6</v>
      </c>
      <c r="Z15584" s="2">
        <v>16.7</v>
      </c>
      <c r="AA15584" s="5"/>
      <c r="AB15584" s="5" t="s">
        <v>43</v>
      </c>
      <c r="AC15584" s="5" t="s">
        <v>44</v>
      </c>
      <c r="AD15584" s="2"/>
      <c r="AE15584" s="1"/>
    </row>
    <row r="15585" spans="1:31" ht="14.45">
      <c r="A15585" s="11"/>
      <c r="B15585" s="20"/>
      <c r="C15585" s="2" t="s">
        <v>47711</v>
      </c>
      <c r="D15585" s="14" t="s">
        <v>47712</v>
      </c>
      <c r="E15585" s="2" t="s">
        <v>47713</v>
      </c>
      <c r="F15585" s="2" t="s">
        <v>47195</v>
      </c>
      <c r="G15585" s="8">
        <v>289</v>
      </c>
      <c r="H15585" s="5">
        <v>6</v>
      </c>
      <c r="I15585" s="5" t="s">
        <v>1518</v>
      </c>
      <c r="J15585" s="5" t="s">
        <v>40939</v>
      </c>
      <c r="K15585" s="2" t="s">
        <v>40940</v>
      </c>
      <c r="L15585" s="5" t="s">
        <v>40939</v>
      </c>
      <c r="M15585" s="2" t="s">
        <v>40940</v>
      </c>
      <c r="N15585" s="5" t="s">
        <v>36266</v>
      </c>
      <c r="O15585" s="5" t="s">
        <v>38</v>
      </c>
      <c r="P15585" s="5" t="s">
        <v>39</v>
      </c>
      <c r="Q15585" s="5" t="s">
        <v>40</v>
      </c>
      <c r="R15585" s="5" t="s">
        <v>1522</v>
      </c>
      <c r="S15585" s="5" t="s">
        <v>1523</v>
      </c>
      <c r="T15585" s="5" t="s">
        <v>42</v>
      </c>
      <c r="U15585" s="2">
        <v>2.7719999999999998</v>
      </c>
      <c r="V15585" s="2">
        <v>2.2290000000000001</v>
      </c>
      <c r="W15585" s="2">
        <v>1.4999999999999999E-2</v>
      </c>
      <c r="X15585" s="2">
        <v>118.9</v>
      </c>
      <c r="Y15585" s="2">
        <v>7.6</v>
      </c>
      <c r="Z15585" s="2">
        <v>16.7</v>
      </c>
      <c r="AA15585" s="5"/>
      <c r="AB15585" s="5" t="s">
        <v>43</v>
      </c>
      <c r="AC15585" s="5" t="s">
        <v>44</v>
      </c>
      <c r="AD15585" s="2"/>
      <c r="AE15585" s="1"/>
    </row>
    <row r="15586" spans="1:31" ht="14.45">
      <c r="A15586" s="11"/>
      <c r="B15586" s="20"/>
      <c r="C15586" s="2" t="s">
        <v>47714</v>
      </c>
      <c r="D15586" s="14" t="s">
        <v>47715</v>
      </c>
      <c r="E15586" s="2" t="s">
        <v>47716</v>
      </c>
      <c r="F15586" s="2" t="s">
        <v>7208</v>
      </c>
      <c r="G15586" s="8">
        <v>269</v>
      </c>
      <c r="H15586" s="5">
        <v>6</v>
      </c>
      <c r="I15586" s="5" t="s">
        <v>1518</v>
      </c>
      <c r="J15586" s="5" t="s">
        <v>40939</v>
      </c>
      <c r="K15586" s="2" t="s">
        <v>40940</v>
      </c>
      <c r="L15586" s="5" t="s">
        <v>40939</v>
      </c>
      <c r="M15586" s="2" t="s">
        <v>40940</v>
      </c>
      <c r="N15586" s="5" t="s">
        <v>36266</v>
      </c>
      <c r="O15586" s="5" t="s">
        <v>38</v>
      </c>
      <c r="P15586" s="5" t="s">
        <v>39</v>
      </c>
      <c r="Q15586" s="5" t="s">
        <v>40</v>
      </c>
      <c r="R15586" s="5" t="s">
        <v>1522</v>
      </c>
      <c r="S15586" s="5" t="s">
        <v>1523</v>
      </c>
      <c r="T15586" s="5" t="s">
        <v>42</v>
      </c>
      <c r="U15586" s="2">
        <v>2.698</v>
      </c>
      <c r="V15586" s="2">
        <v>2.1549999999999998</v>
      </c>
      <c r="W15586" s="2">
        <v>1.4999999999999999E-2</v>
      </c>
      <c r="X15586" s="2">
        <v>118.9</v>
      </c>
      <c r="Y15586" s="2">
        <v>7.6</v>
      </c>
      <c r="Z15586" s="2">
        <v>16.7</v>
      </c>
      <c r="AA15586" s="5"/>
      <c r="AB15586" s="5" t="s">
        <v>43</v>
      </c>
      <c r="AC15586" s="5" t="s">
        <v>44</v>
      </c>
      <c r="AD15586" s="2"/>
      <c r="AE15586" s="1"/>
    </row>
    <row r="15587" spans="1:31" ht="14.45">
      <c r="A15587" s="11"/>
      <c r="B15587" s="20"/>
      <c r="C15587" s="2" t="s">
        <v>47717</v>
      </c>
      <c r="D15587" s="14" t="s">
        <v>47718</v>
      </c>
      <c r="E15587" s="2" t="s">
        <v>47719</v>
      </c>
      <c r="F15587" s="2" t="s">
        <v>7521</v>
      </c>
      <c r="G15587" s="8">
        <v>269</v>
      </c>
      <c r="H15587" s="5">
        <v>6</v>
      </c>
      <c r="I15587" s="5" t="s">
        <v>1518</v>
      </c>
      <c r="J15587" s="5" t="s">
        <v>40939</v>
      </c>
      <c r="K15587" s="2" t="s">
        <v>40940</v>
      </c>
      <c r="L15587" s="5" t="s">
        <v>40939</v>
      </c>
      <c r="M15587" s="2" t="s">
        <v>40940</v>
      </c>
      <c r="N15587" s="5" t="s">
        <v>36266</v>
      </c>
      <c r="O15587" s="5" t="s">
        <v>38</v>
      </c>
      <c r="P15587" s="5" t="s">
        <v>39</v>
      </c>
      <c r="Q15587" s="5" t="s">
        <v>40</v>
      </c>
      <c r="R15587" s="5" t="s">
        <v>1522</v>
      </c>
      <c r="S15587" s="5" t="s">
        <v>1523</v>
      </c>
      <c r="T15587" s="5" t="s">
        <v>42</v>
      </c>
      <c r="U15587" s="2">
        <v>2.78</v>
      </c>
      <c r="V15587" s="2">
        <v>2.2370000000000001</v>
      </c>
      <c r="W15587" s="2">
        <v>1.4999999999999999E-2</v>
      </c>
      <c r="X15587" s="2">
        <v>118.9</v>
      </c>
      <c r="Y15587" s="2">
        <v>7.6</v>
      </c>
      <c r="Z15587" s="2">
        <v>16.7</v>
      </c>
      <c r="AA15587" s="5"/>
      <c r="AB15587" s="5" t="s">
        <v>43</v>
      </c>
      <c r="AC15587" s="5" t="s">
        <v>44</v>
      </c>
      <c r="AD15587" s="2"/>
      <c r="AE15587" s="1"/>
    </row>
    <row r="15588" spans="1:31" ht="14.45">
      <c r="A15588" s="11"/>
      <c r="B15588" s="20"/>
      <c r="C15588" s="2" t="s">
        <v>47720</v>
      </c>
      <c r="D15588" s="14" t="s">
        <v>47721</v>
      </c>
      <c r="E15588" s="2" t="s">
        <v>47722</v>
      </c>
      <c r="F15588" s="2" t="s">
        <v>36273</v>
      </c>
      <c r="G15588" s="8">
        <v>269</v>
      </c>
      <c r="H15588" s="5">
        <v>6</v>
      </c>
      <c r="I15588" s="5" t="s">
        <v>1518</v>
      </c>
      <c r="J15588" s="5" t="s">
        <v>40939</v>
      </c>
      <c r="K15588" s="2" t="s">
        <v>40940</v>
      </c>
      <c r="L15588" s="5" t="s">
        <v>40939</v>
      </c>
      <c r="M15588" s="2" t="s">
        <v>40940</v>
      </c>
      <c r="N15588" s="5" t="s">
        <v>36266</v>
      </c>
      <c r="O15588" s="5" t="s">
        <v>38</v>
      </c>
      <c r="P15588" s="5" t="s">
        <v>39</v>
      </c>
      <c r="Q15588" s="5" t="s">
        <v>40</v>
      </c>
      <c r="R15588" s="5" t="s">
        <v>1522</v>
      </c>
      <c r="S15588" s="5" t="s">
        <v>1523</v>
      </c>
      <c r="T15588" s="5" t="s">
        <v>42</v>
      </c>
      <c r="U15588" s="2">
        <v>2.7130000000000001</v>
      </c>
      <c r="V15588" s="2">
        <v>2.17</v>
      </c>
      <c r="W15588" s="2">
        <v>1.4999999999999999E-2</v>
      </c>
      <c r="X15588" s="2">
        <v>118.9</v>
      </c>
      <c r="Y15588" s="2">
        <v>7.6</v>
      </c>
      <c r="Z15588" s="2">
        <v>16.7</v>
      </c>
      <c r="AA15588" s="5"/>
      <c r="AB15588" s="5" t="s">
        <v>43</v>
      </c>
      <c r="AC15588" s="5" t="s">
        <v>44</v>
      </c>
      <c r="AD15588" s="2"/>
      <c r="AE15588" s="1"/>
    </row>
    <row r="15589" spans="1:31" ht="14.45">
      <c r="A15589" s="11"/>
      <c r="B15589" s="20"/>
      <c r="C15589" s="2" t="s">
        <v>47723</v>
      </c>
      <c r="D15589" s="14" t="s">
        <v>47724</v>
      </c>
      <c r="E15589" s="2" t="s">
        <v>47725</v>
      </c>
      <c r="F15589" s="2" t="s">
        <v>36277</v>
      </c>
      <c r="G15589" s="8">
        <v>269</v>
      </c>
      <c r="H15589" s="5">
        <v>6</v>
      </c>
      <c r="I15589" s="5" t="s">
        <v>1518</v>
      </c>
      <c r="J15589" s="5" t="s">
        <v>40939</v>
      </c>
      <c r="K15589" s="2" t="s">
        <v>40940</v>
      </c>
      <c r="L15589" s="5" t="s">
        <v>40939</v>
      </c>
      <c r="M15589" s="2" t="s">
        <v>40940</v>
      </c>
      <c r="N15589" s="5" t="s">
        <v>36266</v>
      </c>
      <c r="O15589" s="5" t="s">
        <v>38</v>
      </c>
      <c r="P15589" s="5" t="s">
        <v>39</v>
      </c>
      <c r="Q15589" s="5" t="s">
        <v>40</v>
      </c>
      <c r="R15589" s="5" t="s">
        <v>1522</v>
      </c>
      <c r="S15589" s="5" t="s">
        <v>1523</v>
      </c>
      <c r="T15589" s="5" t="s">
        <v>42</v>
      </c>
      <c r="U15589" s="2">
        <v>2.7949999999999999</v>
      </c>
      <c r="V15589" s="2">
        <v>2.2519999999999998</v>
      </c>
      <c r="W15589" s="2">
        <v>1.4999999999999999E-2</v>
      </c>
      <c r="X15589" s="2">
        <v>118.9</v>
      </c>
      <c r="Y15589" s="2">
        <v>7.6</v>
      </c>
      <c r="Z15589" s="2">
        <v>16.7</v>
      </c>
      <c r="AA15589" s="5"/>
      <c r="AB15589" s="5" t="s">
        <v>43</v>
      </c>
      <c r="AC15589" s="5" t="s">
        <v>44</v>
      </c>
      <c r="AD15589" s="2"/>
      <c r="AE15589" s="1"/>
    </row>
    <row r="15590" spans="1:31" ht="14.45">
      <c r="A15590" s="11"/>
      <c r="B15590" s="20"/>
      <c r="C15590" s="2" t="s">
        <v>47726</v>
      </c>
      <c r="D15590" s="14" t="s">
        <v>47727</v>
      </c>
      <c r="E15590" s="2" t="s">
        <v>47728</v>
      </c>
      <c r="F15590" s="2" t="s">
        <v>40967</v>
      </c>
      <c r="G15590" s="8">
        <v>289</v>
      </c>
      <c r="H15590" s="5">
        <v>6</v>
      </c>
      <c r="I15590" s="5" t="s">
        <v>1518</v>
      </c>
      <c r="J15590" s="5" t="s">
        <v>40939</v>
      </c>
      <c r="K15590" s="2" t="s">
        <v>40940</v>
      </c>
      <c r="L15590" s="5" t="s">
        <v>40939</v>
      </c>
      <c r="M15590" s="2" t="s">
        <v>40940</v>
      </c>
      <c r="N15590" s="5" t="s">
        <v>36266</v>
      </c>
      <c r="O15590" s="5" t="s">
        <v>38</v>
      </c>
      <c r="P15590" s="5" t="s">
        <v>39</v>
      </c>
      <c r="Q15590" s="5" t="s">
        <v>40</v>
      </c>
      <c r="R15590" s="5" t="s">
        <v>1522</v>
      </c>
      <c r="S15590" s="5" t="s">
        <v>1523</v>
      </c>
      <c r="T15590" s="5" t="s">
        <v>42</v>
      </c>
      <c r="U15590" s="2">
        <v>2.698</v>
      </c>
      <c r="V15590" s="2">
        <v>2.1549999999999998</v>
      </c>
      <c r="W15590" s="2">
        <v>1.4999999999999999E-2</v>
      </c>
      <c r="X15590" s="2">
        <v>118.9</v>
      </c>
      <c r="Y15590" s="2">
        <v>7.6</v>
      </c>
      <c r="Z15590" s="2">
        <v>16.7</v>
      </c>
      <c r="AA15590" s="5"/>
      <c r="AB15590" s="5" t="s">
        <v>43</v>
      </c>
      <c r="AC15590" s="5" t="s">
        <v>44</v>
      </c>
      <c r="AD15590" s="2"/>
      <c r="AE15590" s="1"/>
    </row>
    <row r="15591" spans="1:31" ht="14.45">
      <c r="A15591" s="11"/>
      <c r="B15591" s="20"/>
      <c r="C15591" s="2" t="s">
        <v>47729</v>
      </c>
      <c r="D15591" s="14" t="s">
        <v>47730</v>
      </c>
      <c r="E15591" s="2" t="s">
        <v>47731</v>
      </c>
      <c r="F15591" s="2" t="s">
        <v>40971</v>
      </c>
      <c r="G15591" s="8">
        <v>289</v>
      </c>
      <c r="H15591" s="5">
        <v>6</v>
      </c>
      <c r="I15591" s="5" t="s">
        <v>1518</v>
      </c>
      <c r="J15591" s="5" t="s">
        <v>40939</v>
      </c>
      <c r="K15591" s="2" t="s">
        <v>40940</v>
      </c>
      <c r="L15591" s="5" t="s">
        <v>40939</v>
      </c>
      <c r="M15591" s="2" t="s">
        <v>40940</v>
      </c>
      <c r="N15591" s="5" t="s">
        <v>36266</v>
      </c>
      <c r="O15591" s="5" t="s">
        <v>38</v>
      </c>
      <c r="P15591" s="5" t="s">
        <v>39</v>
      </c>
      <c r="Q15591" s="5" t="s">
        <v>40</v>
      </c>
      <c r="R15591" s="5" t="s">
        <v>1522</v>
      </c>
      <c r="S15591" s="5" t="s">
        <v>1523</v>
      </c>
      <c r="T15591" s="5" t="s">
        <v>42</v>
      </c>
      <c r="U15591" s="2">
        <v>2.78</v>
      </c>
      <c r="V15591" s="2">
        <v>2.2370000000000001</v>
      </c>
      <c r="W15591" s="2">
        <v>1.4999999999999999E-2</v>
      </c>
      <c r="X15591" s="2">
        <v>118.9</v>
      </c>
      <c r="Y15591" s="2">
        <v>7.6</v>
      </c>
      <c r="Z15591" s="2">
        <v>16.7</v>
      </c>
      <c r="AA15591" s="5"/>
      <c r="AB15591" s="5" t="s">
        <v>43</v>
      </c>
      <c r="AC15591" s="5" t="s">
        <v>44</v>
      </c>
      <c r="AD15591" s="2"/>
      <c r="AE15591" s="1"/>
    </row>
    <row r="15592" spans="1:31" ht="14.45">
      <c r="A15592" s="11"/>
      <c r="B15592" s="20"/>
      <c r="C15592" s="2" t="s">
        <v>47732</v>
      </c>
      <c r="D15592" s="14" t="s">
        <v>47733</v>
      </c>
      <c r="E15592" s="2" t="s">
        <v>47734</v>
      </c>
      <c r="F15592" s="2" t="s">
        <v>47735</v>
      </c>
      <c r="G15592" s="8">
        <v>289</v>
      </c>
      <c r="H15592" s="5">
        <v>6</v>
      </c>
      <c r="I15592" s="5" t="s">
        <v>1518</v>
      </c>
      <c r="J15592" s="5" t="s">
        <v>40939</v>
      </c>
      <c r="K15592" s="2" t="s">
        <v>40940</v>
      </c>
      <c r="L15592" s="5" t="s">
        <v>40939</v>
      </c>
      <c r="M15592" s="2" t="s">
        <v>40940</v>
      </c>
      <c r="N15592" s="5" t="s">
        <v>36266</v>
      </c>
      <c r="O15592" s="5" t="s">
        <v>38</v>
      </c>
      <c r="P15592" s="5" t="s">
        <v>39</v>
      </c>
      <c r="Q15592" s="5" t="s">
        <v>40</v>
      </c>
      <c r="R15592" s="5" t="s">
        <v>1522</v>
      </c>
      <c r="S15592" s="5" t="s">
        <v>1523</v>
      </c>
      <c r="T15592" s="5" t="s">
        <v>42</v>
      </c>
      <c r="U15592" s="2">
        <v>2.78</v>
      </c>
      <c r="V15592" s="2">
        <v>2.2370000000000001</v>
      </c>
      <c r="W15592" s="2">
        <v>1.4999999999999999E-2</v>
      </c>
      <c r="X15592" s="2">
        <v>118.9</v>
      </c>
      <c r="Y15592" s="2">
        <v>7.6</v>
      </c>
      <c r="Z15592" s="2">
        <v>16.7</v>
      </c>
      <c r="AA15592" s="5"/>
      <c r="AB15592" s="5" t="s">
        <v>43</v>
      </c>
      <c r="AC15592" s="5" t="s">
        <v>44</v>
      </c>
      <c r="AD15592" s="2"/>
      <c r="AE15592" s="1"/>
    </row>
    <row r="15593" spans="1:31" ht="14.45">
      <c r="A15593" s="11"/>
      <c r="B15593" s="20"/>
      <c r="C15593" s="2" t="s">
        <v>47736</v>
      </c>
      <c r="D15593" s="14" t="s">
        <v>47737</v>
      </c>
      <c r="E15593" s="2" t="s">
        <v>47738</v>
      </c>
      <c r="F15593" s="2" t="s">
        <v>40989</v>
      </c>
      <c r="G15593" s="8">
        <v>289</v>
      </c>
      <c r="H15593" s="5">
        <v>6</v>
      </c>
      <c r="I15593" s="5" t="s">
        <v>1518</v>
      </c>
      <c r="J15593" s="5" t="s">
        <v>40939</v>
      </c>
      <c r="K15593" s="2" t="s">
        <v>40940</v>
      </c>
      <c r="L15593" s="5" t="s">
        <v>40939</v>
      </c>
      <c r="M15593" s="2" t="s">
        <v>40940</v>
      </c>
      <c r="N15593" s="5" t="s">
        <v>36266</v>
      </c>
      <c r="O15593" s="5" t="s">
        <v>38</v>
      </c>
      <c r="P15593" s="5" t="s">
        <v>39</v>
      </c>
      <c r="Q15593" s="5" t="s">
        <v>40</v>
      </c>
      <c r="R15593" s="5" t="s">
        <v>1522</v>
      </c>
      <c r="S15593" s="5" t="s">
        <v>1523</v>
      </c>
      <c r="T15593" s="5" t="s">
        <v>42</v>
      </c>
      <c r="U15593" s="2">
        <v>2.698</v>
      </c>
      <c r="V15593" s="2">
        <v>2.1549999999999998</v>
      </c>
      <c r="W15593" s="2">
        <v>1.4999999999999999E-2</v>
      </c>
      <c r="X15593" s="2">
        <v>118.9</v>
      </c>
      <c r="Y15593" s="2">
        <v>7.6</v>
      </c>
      <c r="Z15593" s="2">
        <v>16.7</v>
      </c>
      <c r="AA15593" s="5"/>
      <c r="AB15593" s="5" t="s">
        <v>43</v>
      </c>
      <c r="AC15593" s="5" t="s">
        <v>44</v>
      </c>
      <c r="AD15593" s="2"/>
      <c r="AE15593" s="1"/>
    </row>
    <row r="15594" spans="1:31" ht="14.45">
      <c r="A15594" s="11"/>
      <c r="B15594" s="20"/>
      <c r="C15594" s="2" t="s">
        <v>47739</v>
      </c>
      <c r="D15594" s="14" t="s">
        <v>47740</v>
      </c>
      <c r="E15594" s="2" t="s">
        <v>47741</v>
      </c>
      <c r="F15594" s="2" t="s">
        <v>40993</v>
      </c>
      <c r="G15594" s="8">
        <v>289</v>
      </c>
      <c r="H15594" s="5">
        <v>6</v>
      </c>
      <c r="I15594" s="5" t="s">
        <v>1518</v>
      </c>
      <c r="J15594" s="5" t="s">
        <v>40939</v>
      </c>
      <c r="K15594" s="2" t="s">
        <v>40940</v>
      </c>
      <c r="L15594" s="5" t="s">
        <v>40939</v>
      </c>
      <c r="M15594" s="2" t="s">
        <v>40940</v>
      </c>
      <c r="N15594" s="5" t="s">
        <v>36266</v>
      </c>
      <c r="O15594" s="5" t="s">
        <v>38</v>
      </c>
      <c r="P15594" s="5" t="s">
        <v>39</v>
      </c>
      <c r="Q15594" s="5" t="s">
        <v>40</v>
      </c>
      <c r="R15594" s="5" t="s">
        <v>1522</v>
      </c>
      <c r="S15594" s="5" t="s">
        <v>1523</v>
      </c>
      <c r="T15594" s="5" t="s">
        <v>42</v>
      </c>
      <c r="U15594" s="2">
        <v>2.78</v>
      </c>
      <c r="V15594" s="2">
        <v>2.2370000000000001</v>
      </c>
      <c r="W15594" s="2">
        <v>1.4999999999999999E-2</v>
      </c>
      <c r="X15594" s="2">
        <v>118.9</v>
      </c>
      <c r="Y15594" s="2">
        <v>7.6</v>
      </c>
      <c r="Z15594" s="2">
        <v>16.7</v>
      </c>
      <c r="AA15594" s="5"/>
      <c r="AB15594" s="5" t="s">
        <v>43</v>
      </c>
      <c r="AC15594" s="5" t="s">
        <v>44</v>
      </c>
      <c r="AD15594" s="2"/>
      <c r="AE15594" s="1"/>
    </row>
    <row r="15595" spans="1:31" ht="14.45">
      <c r="A15595" s="11"/>
      <c r="B15595" s="20"/>
      <c r="C15595" s="2" t="s">
        <v>47742</v>
      </c>
      <c r="D15595" s="14" t="s">
        <v>47743</v>
      </c>
      <c r="E15595" s="2" t="s">
        <v>47744</v>
      </c>
      <c r="F15595" s="2" t="s">
        <v>41267</v>
      </c>
      <c r="G15595" s="8">
        <v>289</v>
      </c>
      <c r="H15595" s="5">
        <v>6</v>
      </c>
      <c r="I15595" s="5" t="s">
        <v>1518</v>
      </c>
      <c r="J15595" s="5" t="s">
        <v>40939</v>
      </c>
      <c r="K15595" s="2" t="s">
        <v>40940</v>
      </c>
      <c r="L15595" s="5" t="s">
        <v>40939</v>
      </c>
      <c r="M15595" s="2" t="s">
        <v>40940</v>
      </c>
      <c r="N15595" s="5" t="s">
        <v>36266</v>
      </c>
      <c r="O15595" s="5" t="s">
        <v>38</v>
      </c>
      <c r="P15595" s="5" t="s">
        <v>39</v>
      </c>
      <c r="Q15595" s="5" t="s">
        <v>40</v>
      </c>
      <c r="R15595" s="5" t="s">
        <v>1522</v>
      </c>
      <c r="S15595" s="5" t="s">
        <v>1523</v>
      </c>
      <c r="T15595" s="5" t="s">
        <v>42</v>
      </c>
      <c r="U15595" s="2">
        <v>2.75</v>
      </c>
      <c r="V15595" s="2">
        <v>2.2069999999999999</v>
      </c>
      <c r="W15595" s="2">
        <v>1.4999999999999999E-2</v>
      </c>
      <c r="X15595" s="2">
        <v>118.9</v>
      </c>
      <c r="Y15595" s="2">
        <v>7.6</v>
      </c>
      <c r="Z15595" s="2">
        <v>16.7</v>
      </c>
      <c r="AA15595" s="5"/>
      <c r="AB15595" s="5" t="s">
        <v>43</v>
      </c>
      <c r="AC15595" s="5" t="s">
        <v>44</v>
      </c>
      <c r="AD15595" s="2"/>
      <c r="AE15595" s="1"/>
    </row>
    <row r="15596" spans="1:31" ht="14.45">
      <c r="A15596" s="11"/>
      <c r="B15596" s="20"/>
      <c r="C15596" s="2" t="s">
        <v>47745</v>
      </c>
      <c r="D15596" s="14" t="s">
        <v>47746</v>
      </c>
      <c r="E15596" s="2" t="s">
        <v>47747</v>
      </c>
      <c r="F15596" s="2" t="s">
        <v>41001</v>
      </c>
      <c r="G15596" s="8">
        <v>289</v>
      </c>
      <c r="H15596" s="5">
        <v>6</v>
      </c>
      <c r="I15596" s="5" t="s">
        <v>1518</v>
      </c>
      <c r="J15596" s="5" t="s">
        <v>40939</v>
      </c>
      <c r="K15596" s="2" t="s">
        <v>40940</v>
      </c>
      <c r="L15596" s="5" t="s">
        <v>40939</v>
      </c>
      <c r="M15596" s="2" t="s">
        <v>40940</v>
      </c>
      <c r="N15596" s="5" t="s">
        <v>36266</v>
      </c>
      <c r="O15596" s="5" t="s">
        <v>38</v>
      </c>
      <c r="P15596" s="5" t="s">
        <v>39</v>
      </c>
      <c r="Q15596" s="5" t="s">
        <v>40</v>
      </c>
      <c r="R15596" s="5" t="s">
        <v>1522</v>
      </c>
      <c r="S15596" s="5" t="s">
        <v>1523</v>
      </c>
      <c r="T15596" s="5" t="s">
        <v>42</v>
      </c>
      <c r="U15596" s="2">
        <v>2.698</v>
      </c>
      <c r="V15596" s="2">
        <v>2.1549999999999998</v>
      </c>
      <c r="W15596" s="2">
        <v>1.4999999999999999E-2</v>
      </c>
      <c r="X15596" s="2">
        <v>118.9</v>
      </c>
      <c r="Y15596" s="2">
        <v>7.6</v>
      </c>
      <c r="Z15596" s="2">
        <v>16.7</v>
      </c>
      <c r="AA15596" s="5"/>
      <c r="AB15596" s="5" t="s">
        <v>43</v>
      </c>
      <c r="AC15596" s="5" t="s">
        <v>44</v>
      </c>
      <c r="AD15596" s="2"/>
      <c r="AE15596" s="1"/>
    </row>
    <row r="15597" spans="1:31" ht="14.45">
      <c r="A15597" s="11"/>
      <c r="B15597" s="20"/>
      <c r="C15597" s="2" t="s">
        <v>47748</v>
      </c>
      <c r="D15597" s="14" t="s">
        <v>47749</v>
      </c>
      <c r="E15597" s="2" t="s">
        <v>47750</v>
      </c>
      <c r="F15597" s="2" t="s">
        <v>41005</v>
      </c>
      <c r="G15597" s="8">
        <v>289</v>
      </c>
      <c r="H15597" s="5">
        <v>6</v>
      </c>
      <c r="I15597" s="5" t="s">
        <v>1518</v>
      </c>
      <c r="J15597" s="5" t="s">
        <v>40939</v>
      </c>
      <c r="K15597" s="2" t="s">
        <v>40940</v>
      </c>
      <c r="L15597" s="5" t="s">
        <v>40939</v>
      </c>
      <c r="M15597" s="2" t="s">
        <v>40940</v>
      </c>
      <c r="N15597" s="5" t="s">
        <v>36266</v>
      </c>
      <c r="O15597" s="5" t="s">
        <v>38</v>
      </c>
      <c r="P15597" s="5" t="s">
        <v>39</v>
      </c>
      <c r="Q15597" s="5" t="s">
        <v>40</v>
      </c>
      <c r="R15597" s="5" t="s">
        <v>1522</v>
      </c>
      <c r="S15597" s="5" t="s">
        <v>1523</v>
      </c>
      <c r="T15597" s="5" t="s">
        <v>42</v>
      </c>
      <c r="U15597" s="2">
        <v>2.78</v>
      </c>
      <c r="V15597" s="2">
        <v>2.2370000000000001</v>
      </c>
      <c r="W15597" s="2">
        <v>1.4999999999999999E-2</v>
      </c>
      <c r="X15597" s="2">
        <v>118.9</v>
      </c>
      <c r="Y15597" s="2">
        <v>7.6</v>
      </c>
      <c r="Z15597" s="2">
        <v>16.7</v>
      </c>
      <c r="AA15597" s="5"/>
      <c r="AB15597" s="5" t="s">
        <v>43</v>
      </c>
      <c r="AC15597" s="5" t="s">
        <v>44</v>
      </c>
      <c r="AD15597" s="2"/>
      <c r="AE15597" s="1"/>
    </row>
    <row r="15598" spans="1:31" ht="14.45">
      <c r="A15598" s="11"/>
      <c r="B15598" s="20"/>
      <c r="C15598" s="2" t="s">
        <v>47751</v>
      </c>
      <c r="D15598" s="14" t="s">
        <v>47752</v>
      </c>
      <c r="E15598" s="2" t="s">
        <v>47753</v>
      </c>
      <c r="F15598" s="2" t="s">
        <v>41009</v>
      </c>
      <c r="G15598" s="8">
        <v>289</v>
      </c>
      <c r="H15598" s="5">
        <v>6</v>
      </c>
      <c r="I15598" s="5" t="s">
        <v>1518</v>
      </c>
      <c r="J15598" s="5" t="s">
        <v>40939</v>
      </c>
      <c r="K15598" s="2" t="s">
        <v>40940</v>
      </c>
      <c r="L15598" s="5" t="s">
        <v>40939</v>
      </c>
      <c r="M15598" s="2" t="s">
        <v>40940</v>
      </c>
      <c r="N15598" s="5" t="s">
        <v>36266</v>
      </c>
      <c r="O15598" s="5" t="s">
        <v>38</v>
      </c>
      <c r="P15598" s="5" t="s">
        <v>39</v>
      </c>
      <c r="Q15598" s="5" t="s">
        <v>40</v>
      </c>
      <c r="R15598" s="5" t="s">
        <v>1522</v>
      </c>
      <c r="S15598" s="5" t="s">
        <v>1523</v>
      </c>
      <c r="T15598" s="5" t="s">
        <v>42</v>
      </c>
      <c r="U15598" s="2">
        <v>2.7050000000000001</v>
      </c>
      <c r="V15598" s="2">
        <v>2.1619999999999999</v>
      </c>
      <c r="W15598" s="2">
        <v>1.4999999999999999E-2</v>
      </c>
      <c r="X15598" s="2">
        <v>118.9</v>
      </c>
      <c r="Y15598" s="2">
        <v>7.6</v>
      </c>
      <c r="Z15598" s="2">
        <v>16.7</v>
      </c>
      <c r="AA15598" s="5"/>
      <c r="AB15598" s="5" t="s">
        <v>43</v>
      </c>
      <c r="AC15598" s="5" t="s">
        <v>44</v>
      </c>
      <c r="AD15598" s="2"/>
      <c r="AE15598" s="1"/>
    </row>
    <row r="15599" spans="1:31" ht="14.45">
      <c r="A15599" s="11"/>
      <c r="B15599" s="20"/>
      <c r="C15599" s="2" t="s">
        <v>47754</v>
      </c>
      <c r="D15599" s="14" t="s">
        <v>47755</v>
      </c>
      <c r="E15599" s="2" t="s">
        <v>47756</v>
      </c>
      <c r="F15599" s="2" t="s">
        <v>41013</v>
      </c>
      <c r="G15599" s="8">
        <v>289</v>
      </c>
      <c r="H15599" s="5">
        <v>6</v>
      </c>
      <c r="I15599" s="5" t="s">
        <v>1518</v>
      </c>
      <c r="J15599" s="5" t="s">
        <v>40939</v>
      </c>
      <c r="K15599" s="2" t="s">
        <v>40940</v>
      </c>
      <c r="L15599" s="5" t="s">
        <v>40939</v>
      </c>
      <c r="M15599" s="2" t="s">
        <v>40940</v>
      </c>
      <c r="N15599" s="5" t="s">
        <v>36266</v>
      </c>
      <c r="O15599" s="5" t="s">
        <v>38</v>
      </c>
      <c r="P15599" s="5" t="s">
        <v>39</v>
      </c>
      <c r="Q15599" s="5" t="s">
        <v>40</v>
      </c>
      <c r="R15599" s="5" t="s">
        <v>1522</v>
      </c>
      <c r="S15599" s="5" t="s">
        <v>1523</v>
      </c>
      <c r="T15599" s="5" t="s">
        <v>42</v>
      </c>
      <c r="U15599" s="2">
        <v>2.7869999999999999</v>
      </c>
      <c r="V15599" s="2">
        <v>2.2440000000000002</v>
      </c>
      <c r="W15599" s="2">
        <v>1.4999999999999999E-2</v>
      </c>
      <c r="X15599" s="2">
        <v>118.9</v>
      </c>
      <c r="Y15599" s="2">
        <v>7.6</v>
      </c>
      <c r="Z15599" s="2">
        <v>16.7</v>
      </c>
      <c r="AA15599" s="5"/>
      <c r="AB15599" s="5" t="s">
        <v>43</v>
      </c>
      <c r="AC15599" s="5" t="s">
        <v>44</v>
      </c>
      <c r="AD15599" s="2"/>
      <c r="AE15599" s="1"/>
    </row>
    <row r="15600" spans="1:31" ht="14.45">
      <c r="A15600" s="11"/>
      <c r="B15600" s="20"/>
      <c r="C15600" s="2" t="s">
        <v>47757</v>
      </c>
      <c r="D15600" s="14" t="s">
        <v>47758</v>
      </c>
      <c r="E15600" s="2" t="s">
        <v>47759</v>
      </c>
      <c r="F15600" s="2" t="s">
        <v>7396</v>
      </c>
      <c r="G15600" s="8">
        <v>269</v>
      </c>
      <c r="H15600" s="5">
        <v>6</v>
      </c>
      <c r="I15600" s="5" t="s">
        <v>1518</v>
      </c>
      <c r="J15600" s="5" t="s">
        <v>40939</v>
      </c>
      <c r="K15600" s="2" t="s">
        <v>40940</v>
      </c>
      <c r="L15600" s="5" t="s">
        <v>40939</v>
      </c>
      <c r="M15600" s="2" t="s">
        <v>40940</v>
      </c>
      <c r="N15600" s="5" t="s">
        <v>36266</v>
      </c>
      <c r="O15600" s="5" t="s">
        <v>38</v>
      </c>
      <c r="P15600" s="5" t="s">
        <v>39</v>
      </c>
      <c r="Q15600" s="5" t="s">
        <v>40</v>
      </c>
      <c r="R15600" s="5" t="s">
        <v>1522</v>
      </c>
      <c r="S15600" s="5" t="s">
        <v>1523</v>
      </c>
      <c r="T15600" s="5" t="s">
        <v>42</v>
      </c>
      <c r="U15600" s="2">
        <v>2.7050000000000001</v>
      </c>
      <c r="V15600" s="2">
        <v>2.1619999999999999</v>
      </c>
      <c r="W15600" s="2">
        <v>1.4999999999999999E-2</v>
      </c>
      <c r="X15600" s="2">
        <v>118.9</v>
      </c>
      <c r="Y15600" s="2">
        <v>7.6</v>
      </c>
      <c r="Z15600" s="2">
        <v>16.7</v>
      </c>
      <c r="AA15600" s="5"/>
      <c r="AB15600" s="5" t="s">
        <v>43</v>
      </c>
      <c r="AC15600" s="5" t="s">
        <v>44</v>
      </c>
      <c r="AD15600" s="2"/>
      <c r="AE15600" s="1"/>
    </row>
    <row r="15601" spans="1:31" ht="14.45">
      <c r="A15601" s="11"/>
      <c r="B15601" s="20"/>
      <c r="C15601" s="2" t="s">
        <v>47760</v>
      </c>
      <c r="D15601" s="14" t="s">
        <v>47761</v>
      </c>
      <c r="E15601" s="2" t="s">
        <v>47762</v>
      </c>
      <c r="F15601" s="2" t="s">
        <v>7507</v>
      </c>
      <c r="G15601" s="8">
        <v>269</v>
      </c>
      <c r="H15601" s="5">
        <v>6</v>
      </c>
      <c r="I15601" s="5" t="s">
        <v>1518</v>
      </c>
      <c r="J15601" s="5" t="s">
        <v>40939</v>
      </c>
      <c r="K15601" s="2" t="s">
        <v>40940</v>
      </c>
      <c r="L15601" s="5" t="s">
        <v>40939</v>
      </c>
      <c r="M15601" s="2" t="s">
        <v>40940</v>
      </c>
      <c r="N15601" s="5" t="s">
        <v>36266</v>
      </c>
      <c r="O15601" s="5" t="s">
        <v>38</v>
      </c>
      <c r="P15601" s="5" t="s">
        <v>39</v>
      </c>
      <c r="Q15601" s="5" t="s">
        <v>40</v>
      </c>
      <c r="R15601" s="5" t="s">
        <v>1522</v>
      </c>
      <c r="S15601" s="5" t="s">
        <v>1523</v>
      </c>
      <c r="T15601" s="5" t="s">
        <v>42</v>
      </c>
      <c r="U15601" s="2">
        <v>2.7869999999999999</v>
      </c>
      <c r="V15601" s="2">
        <v>2.2440000000000002</v>
      </c>
      <c r="W15601" s="2">
        <v>1.4999999999999999E-2</v>
      </c>
      <c r="X15601" s="2">
        <v>118.9</v>
      </c>
      <c r="Y15601" s="2">
        <v>7.6</v>
      </c>
      <c r="Z15601" s="2">
        <v>16.7</v>
      </c>
      <c r="AA15601" s="5"/>
      <c r="AB15601" s="5" t="s">
        <v>43</v>
      </c>
      <c r="AC15601" s="5" t="s">
        <v>44</v>
      </c>
      <c r="AD15601" s="2"/>
      <c r="AE15601" s="1"/>
    </row>
    <row r="15602" spans="1:31" ht="14.45">
      <c r="A15602" s="11"/>
      <c r="B15602" s="20"/>
      <c r="C15602" s="2" t="s">
        <v>47763</v>
      </c>
      <c r="D15602" s="14" t="s">
        <v>47764</v>
      </c>
      <c r="E15602" s="2" t="s">
        <v>47765</v>
      </c>
      <c r="F15602" s="2" t="s">
        <v>41023</v>
      </c>
      <c r="G15602" s="8">
        <v>289</v>
      </c>
      <c r="H15602" s="5">
        <v>6</v>
      </c>
      <c r="I15602" s="5" t="s">
        <v>1518</v>
      </c>
      <c r="J15602" s="5" t="s">
        <v>40939</v>
      </c>
      <c r="K15602" s="2" t="s">
        <v>40940</v>
      </c>
      <c r="L15602" s="5" t="s">
        <v>40939</v>
      </c>
      <c r="M15602" s="2" t="s">
        <v>40940</v>
      </c>
      <c r="N15602" s="5" t="s">
        <v>36266</v>
      </c>
      <c r="O15602" s="5" t="s">
        <v>38</v>
      </c>
      <c r="P15602" s="5" t="s">
        <v>39</v>
      </c>
      <c r="Q15602" s="5" t="s">
        <v>40</v>
      </c>
      <c r="R15602" s="5" t="s">
        <v>1522</v>
      </c>
      <c r="S15602" s="5" t="s">
        <v>1523</v>
      </c>
      <c r="T15602" s="5" t="s">
        <v>42</v>
      </c>
      <c r="U15602" s="2">
        <v>2.6680000000000001</v>
      </c>
      <c r="V15602" s="2">
        <v>2.125</v>
      </c>
      <c r="W15602" s="2">
        <v>1.4999999999999999E-2</v>
      </c>
      <c r="X15602" s="2">
        <v>118.9</v>
      </c>
      <c r="Y15602" s="2">
        <v>7.6</v>
      </c>
      <c r="Z15602" s="2">
        <v>16.7</v>
      </c>
      <c r="AA15602" s="5"/>
      <c r="AB15602" s="5" t="s">
        <v>43</v>
      </c>
      <c r="AC15602" s="5" t="s">
        <v>44</v>
      </c>
      <c r="AD15602" s="2"/>
      <c r="AE15602" s="1"/>
    </row>
    <row r="15603" spans="1:31" ht="14.45">
      <c r="A15603" s="11"/>
      <c r="B15603" s="20"/>
      <c r="C15603" s="2" t="s">
        <v>47766</v>
      </c>
      <c r="D15603" s="14" t="s">
        <v>47767</v>
      </c>
      <c r="E15603" s="2" t="s">
        <v>47768</v>
      </c>
      <c r="F15603" s="2" t="s">
        <v>41027</v>
      </c>
      <c r="G15603" s="8">
        <v>289</v>
      </c>
      <c r="H15603" s="5">
        <v>6</v>
      </c>
      <c r="I15603" s="5" t="s">
        <v>1518</v>
      </c>
      <c r="J15603" s="5" t="s">
        <v>40939</v>
      </c>
      <c r="K15603" s="2" t="s">
        <v>40940</v>
      </c>
      <c r="L15603" s="5" t="s">
        <v>40939</v>
      </c>
      <c r="M15603" s="2" t="s">
        <v>40940</v>
      </c>
      <c r="N15603" s="5" t="s">
        <v>36266</v>
      </c>
      <c r="O15603" s="5" t="s">
        <v>38</v>
      </c>
      <c r="P15603" s="5" t="s">
        <v>39</v>
      </c>
      <c r="Q15603" s="5" t="s">
        <v>40</v>
      </c>
      <c r="R15603" s="5" t="s">
        <v>1522</v>
      </c>
      <c r="S15603" s="5" t="s">
        <v>1523</v>
      </c>
      <c r="T15603" s="5" t="s">
        <v>42</v>
      </c>
      <c r="U15603" s="2">
        <v>2.75</v>
      </c>
      <c r="V15603" s="2">
        <v>2.2069999999999999</v>
      </c>
      <c r="W15603" s="2">
        <v>1.4999999999999999E-2</v>
      </c>
      <c r="X15603" s="2">
        <v>118.9</v>
      </c>
      <c r="Y15603" s="2">
        <v>7.6</v>
      </c>
      <c r="Z15603" s="2">
        <v>16.7</v>
      </c>
      <c r="AA15603" s="5"/>
      <c r="AB15603" s="5" t="s">
        <v>43</v>
      </c>
      <c r="AC15603" s="5" t="s">
        <v>44</v>
      </c>
      <c r="AD15603" s="2"/>
      <c r="AE15603" s="1"/>
    </row>
    <row r="15604" spans="1:31" ht="14.45">
      <c r="A15604" s="11"/>
      <c r="B15604" s="20"/>
      <c r="C15604" s="2" t="s">
        <v>47769</v>
      </c>
      <c r="D15604" s="14" t="s">
        <v>47770</v>
      </c>
      <c r="E15604" s="2" t="s">
        <v>47771</v>
      </c>
      <c r="F15604" s="2" t="s">
        <v>41031</v>
      </c>
      <c r="G15604" s="8">
        <v>289</v>
      </c>
      <c r="H15604" s="5">
        <v>6</v>
      </c>
      <c r="I15604" s="5" t="s">
        <v>1518</v>
      </c>
      <c r="J15604" s="5" t="s">
        <v>40939</v>
      </c>
      <c r="K15604" s="2" t="s">
        <v>40940</v>
      </c>
      <c r="L15604" s="5" t="s">
        <v>40939</v>
      </c>
      <c r="M15604" s="2" t="s">
        <v>40940</v>
      </c>
      <c r="N15604" s="5" t="s">
        <v>36266</v>
      </c>
      <c r="O15604" s="5" t="s">
        <v>38</v>
      </c>
      <c r="P15604" s="5" t="s">
        <v>39</v>
      </c>
      <c r="Q15604" s="5" t="s">
        <v>40</v>
      </c>
      <c r="R15604" s="5" t="s">
        <v>1522</v>
      </c>
      <c r="S15604" s="5" t="s">
        <v>1523</v>
      </c>
      <c r="T15604" s="5" t="s">
        <v>42</v>
      </c>
      <c r="U15604" s="2">
        <v>2.6680000000000001</v>
      </c>
      <c r="V15604" s="2">
        <v>2.125</v>
      </c>
      <c r="W15604" s="2">
        <v>1.4999999999999999E-2</v>
      </c>
      <c r="X15604" s="2">
        <v>118.9</v>
      </c>
      <c r="Y15604" s="2">
        <v>7.6</v>
      </c>
      <c r="Z15604" s="2">
        <v>16.7</v>
      </c>
      <c r="AA15604" s="5"/>
      <c r="AB15604" s="5" t="s">
        <v>43</v>
      </c>
      <c r="AC15604" s="5" t="s">
        <v>44</v>
      </c>
      <c r="AD15604" s="2"/>
      <c r="AE15604" s="1"/>
    </row>
    <row r="15605" spans="1:31" ht="14.45">
      <c r="A15605" s="11"/>
      <c r="B15605" s="20"/>
      <c r="C15605" s="2" t="s">
        <v>47772</v>
      </c>
      <c r="D15605" s="14" t="s">
        <v>47773</v>
      </c>
      <c r="E15605" s="2" t="s">
        <v>47774</v>
      </c>
      <c r="F15605" s="2" t="s">
        <v>41035</v>
      </c>
      <c r="G15605" s="8">
        <v>289</v>
      </c>
      <c r="H15605" s="5">
        <v>6</v>
      </c>
      <c r="I15605" s="5" t="s">
        <v>1518</v>
      </c>
      <c r="J15605" s="5" t="s">
        <v>40939</v>
      </c>
      <c r="K15605" s="2" t="s">
        <v>40940</v>
      </c>
      <c r="L15605" s="5" t="s">
        <v>40939</v>
      </c>
      <c r="M15605" s="2" t="s">
        <v>40940</v>
      </c>
      <c r="N15605" s="5" t="s">
        <v>36266</v>
      </c>
      <c r="O15605" s="5" t="s">
        <v>38</v>
      </c>
      <c r="P15605" s="5" t="s">
        <v>39</v>
      </c>
      <c r="Q15605" s="5" t="s">
        <v>40</v>
      </c>
      <c r="R15605" s="5" t="s">
        <v>1522</v>
      </c>
      <c r="S15605" s="5" t="s">
        <v>1523</v>
      </c>
      <c r="T15605" s="5" t="s">
        <v>42</v>
      </c>
      <c r="U15605" s="2">
        <v>2.75</v>
      </c>
      <c r="V15605" s="2">
        <v>2.2069999999999999</v>
      </c>
      <c r="W15605" s="2">
        <v>1.4999999999999999E-2</v>
      </c>
      <c r="X15605" s="2">
        <v>118.9</v>
      </c>
      <c r="Y15605" s="2">
        <v>7.6</v>
      </c>
      <c r="Z15605" s="2">
        <v>16.7</v>
      </c>
      <c r="AA15605" s="5"/>
      <c r="AB15605" s="5" t="s">
        <v>43</v>
      </c>
      <c r="AC15605" s="5" t="s">
        <v>44</v>
      </c>
      <c r="AD15605" s="2"/>
      <c r="AE15605" s="1"/>
    </row>
    <row r="15606" spans="1:31" ht="14.45">
      <c r="A15606" s="11"/>
      <c r="B15606" s="20"/>
      <c r="C15606" s="2" t="s">
        <v>47775</v>
      </c>
      <c r="D15606" s="14" t="s">
        <v>47776</v>
      </c>
      <c r="E15606" s="2" t="s">
        <v>47777</v>
      </c>
      <c r="F15606" s="2" t="s">
        <v>7449</v>
      </c>
      <c r="G15606" s="8">
        <v>289</v>
      </c>
      <c r="H15606" s="5">
        <v>6</v>
      </c>
      <c r="I15606" s="5" t="s">
        <v>1518</v>
      </c>
      <c r="J15606" s="5" t="s">
        <v>40939</v>
      </c>
      <c r="K15606" s="2" t="s">
        <v>40940</v>
      </c>
      <c r="L15606" s="5" t="s">
        <v>40939</v>
      </c>
      <c r="M15606" s="2" t="s">
        <v>40940</v>
      </c>
      <c r="N15606" s="5" t="s">
        <v>36266</v>
      </c>
      <c r="O15606" s="5" t="s">
        <v>38</v>
      </c>
      <c r="P15606" s="5" t="s">
        <v>39</v>
      </c>
      <c r="Q15606" s="5" t="s">
        <v>40</v>
      </c>
      <c r="R15606" s="5" t="s">
        <v>1522</v>
      </c>
      <c r="S15606" s="5" t="s">
        <v>1523</v>
      </c>
      <c r="T15606" s="5" t="s">
        <v>42</v>
      </c>
      <c r="U15606" s="2">
        <v>2.6680000000000001</v>
      </c>
      <c r="V15606" s="2">
        <v>2.125</v>
      </c>
      <c r="W15606" s="2">
        <v>1.4999999999999999E-2</v>
      </c>
      <c r="X15606" s="2">
        <v>118.9</v>
      </c>
      <c r="Y15606" s="2">
        <v>7.6</v>
      </c>
      <c r="Z15606" s="2">
        <v>16.7</v>
      </c>
      <c r="AA15606" s="5"/>
      <c r="AB15606" s="5" t="s">
        <v>43</v>
      </c>
      <c r="AC15606" s="5" t="s">
        <v>44</v>
      </c>
      <c r="AD15606" s="2"/>
      <c r="AE15606" s="1"/>
    </row>
    <row r="15607" spans="1:31" ht="14.45">
      <c r="A15607" s="11"/>
      <c r="B15607" s="20"/>
      <c r="C15607" s="2" t="s">
        <v>47778</v>
      </c>
      <c r="D15607" s="14" t="s">
        <v>47779</v>
      </c>
      <c r="E15607" s="2" t="s">
        <v>47780</v>
      </c>
      <c r="F15607" s="2" t="s">
        <v>7581</v>
      </c>
      <c r="G15607" s="8">
        <v>289</v>
      </c>
      <c r="H15607" s="5">
        <v>6</v>
      </c>
      <c r="I15607" s="5" t="s">
        <v>1518</v>
      </c>
      <c r="J15607" s="5" t="s">
        <v>40939</v>
      </c>
      <c r="K15607" s="2" t="s">
        <v>40940</v>
      </c>
      <c r="L15607" s="5" t="s">
        <v>40939</v>
      </c>
      <c r="M15607" s="2" t="s">
        <v>40940</v>
      </c>
      <c r="N15607" s="5" t="s">
        <v>36266</v>
      </c>
      <c r="O15607" s="5" t="s">
        <v>38</v>
      </c>
      <c r="P15607" s="5" t="s">
        <v>39</v>
      </c>
      <c r="Q15607" s="5" t="s">
        <v>40</v>
      </c>
      <c r="R15607" s="5" t="s">
        <v>1522</v>
      </c>
      <c r="S15607" s="5" t="s">
        <v>1523</v>
      </c>
      <c r="T15607" s="5" t="s">
        <v>42</v>
      </c>
      <c r="U15607" s="2">
        <v>2.75</v>
      </c>
      <c r="V15607" s="2">
        <v>2.2069999999999999</v>
      </c>
      <c r="W15607" s="2">
        <v>1.4999999999999999E-2</v>
      </c>
      <c r="X15607" s="2">
        <v>118.9</v>
      </c>
      <c r="Y15607" s="2">
        <v>7.6</v>
      </c>
      <c r="Z15607" s="2">
        <v>16.7</v>
      </c>
      <c r="AA15607" s="5"/>
      <c r="AB15607" s="5" t="s">
        <v>43</v>
      </c>
      <c r="AC15607" s="5" t="s">
        <v>44</v>
      </c>
      <c r="AD15607" s="2"/>
      <c r="AE15607" s="1"/>
    </row>
    <row r="15608" spans="1:31" ht="14.45">
      <c r="A15608" s="11"/>
      <c r="B15608" s="20"/>
      <c r="C15608" s="2" t="s">
        <v>47781</v>
      </c>
      <c r="D15608" s="14" t="s">
        <v>47782</v>
      </c>
      <c r="E15608" s="2" t="s">
        <v>47783</v>
      </c>
      <c r="F15608" s="2" t="s">
        <v>41045</v>
      </c>
      <c r="G15608" s="8">
        <v>289</v>
      </c>
      <c r="H15608" s="5">
        <v>6</v>
      </c>
      <c r="I15608" s="5" t="s">
        <v>1518</v>
      </c>
      <c r="J15608" s="5" t="s">
        <v>40939</v>
      </c>
      <c r="K15608" s="2" t="s">
        <v>40940</v>
      </c>
      <c r="L15608" s="5" t="s">
        <v>40939</v>
      </c>
      <c r="M15608" s="2" t="s">
        <v>40940</v>
      </c>
      <c r="N15608" s="5" t="s">
        <v>36266</v>
      </c>
      <c r="O15608" s="5" t="s">
        <v>38</v>
      </c>
      <c r="P15608" s="5" t="s">
        <v>39</v>
      </c>
      <c r="Q15608" s="5" t="s">
        <v>40</v>
      </c>
      <c r="R15608" s="5" t="s">
        <v>1522</v>
      </c>
      <c r="S15608" s="5" t="s">
        <v>1523</v>
      </c>
      <c r="T15608" s="5" t="s">
        <v>42</v>
      </c>
      <c r="U15608" s="2">
        <v>2.7130000000000001</v>
      </c>
      <c r="V15608" s="2">
        <v>2.17</v>
      </c>
      <c r="W15608" s="2">
        <v>1.4999999999999999E-2</v>
      </c>
      <c r="X15608" s="2">
        <v>118.9</v>
      </c>
      <c r="Y15608" s="2">
        <v>7.6</v>
      </c>
      <c r="Z15608" s="2">
        <v>16.7</v>
      </c>
      <c r="AA15608" s="5"/>
      <c r="AB15608" s="5" t="s">
        <v>43</v>
      </c>
      <c r="AC15608" s="5" t="s">
        <v>44</v>
      </c>
      <c r="AD15608" s="2"/>
      <c r="AE15608" s="1"/>
    </row>
    <row r="15609" spans="1:31" ht="14.45">
      <c r="A15609" s="11"/>
      <c r="B15609" s="20"/>
      <c r="C15609" s="2" t="s">
        <v>47784</v>
      </c>
      <c r="D15609" s="14" t="s">
        <v>47785</v>
      </c>
      <c r="E15609" s="2" t="s">
        <v>47786</v>
      </c>
      <c r="F15609" s="2" t="s">
        <v>41049</v>
      </c>
      <c r="G15609" s="8">
        <v>289</v>
      </c>
      <c r="H15609" s="5">
        <v>6</v>
      </c>
      <c r="I15609" s="5" t="s">
        <v>1518</v>
      </c>
      <c r="J15609" s="5" t="s">
        <v>40939</v>
      </c>
      <c r="K15609" s="2" t="s">
        <v>40940</v>
      </c>
      <c r="L15609" s="5" t="s">
        <v>40939</v>
      </c>
      <c r="M15609" s="2" t="s">
        <v>40940</v>
      </c>
      <c r="N15609" s="5" t="s">
        <v>36266</v>
      </c>
      <c r="O15609" s="5" t="s">
        <v>38</v>
      </c>
      <c r="P15609" s="5" t="s">
        <v>39</v>
      </c>
      <c r="Q15609" s="5" t="s">
        <v>40</v>
      </c>
      <c r="R15609" s="5" t="s">
        <v>1522</v>
      </c>
      <c r="S15609" s="5" t="s">
        <v>1523</v>
      </c>
      <c r="T15609" s="5" t="s">
        <v>42</v>
      </c>
      <c r="U15609" s="2">
        <v>2.7949999999999999</v>
      </c>
      <c r="V15609" s="2">
        <v>2.2519999999999998</v>
      </c>
      <c r="W15609" s="2">
        <v>1.4999999999999999E-2</v>
      </c>
      <c r="X15609" s="2">
        <v>118.9</v>
      </c>
      <c r="Y15609" s="2">
        <v>7.6</v>
      </c>
      <c r="Z15609" s="2">
        <v>16.7</v>
      </c>
      <c r="AA15609" s="5"/>
      <c r="AB15609" s="5" t="s">
        <v>43</v>
      </c>
      <c r="AC15609" s="5" t="s">
        <v>44</v>
      </c>
      <c r="AD15609" s="2"/>
      <c r="AE15609" s="1"/>
    </row>
    <row r="15610" spans="1:31" ht="14.45">
      <c r="A15610" s="11"/>
      <c r="B15610" s="20"/>
      <c r="C15610" s="2" t="s">
        <v>47787</v>
      </c>
      <c r="D15610" s="14" t="s">
        <v>47788</v>
      </c>
      <c r="E15610" s="2" t="s">
        <v>47789</v>
      </c>
      <c r="F15610" s="2" t="s">
        <v>7204</v>
      </c>
      <c r="G15610" s="8">
        <v>273</v>
      </c>
      <c r="H15610" s="5">
        <v>6</v>
      </c>
      <c r="I15610" s="5" t="s">
        <v>1518</v>
      </c>
      <c r="J15610" s="5" t="s">
        <v>40939</v>
      </c>
      <c r="K15610" s="2" t="s">
        <v>40940</v>
      </c>
      <c r="L15610" s="5" t="s">
        <v>40939</v>
      </c>
      <c r="M15610" s="2" t="s">
        <v>40940</v>
      </c>
      <c r="N15610" s="5" t="s">
        <v>36266</v>
      </c>
      <c r="O15610" s="5" t="s">
        <v>38</v>
      </c>
      <c r="P15610" s="5" t="s">
        <v>39</v>
      </c>
      <c r="Q15610" s="5" t="s">
        <v>40</v>
      </c>
      <c r="R15610" s="5" t="s">
        <v>1522</v>
      </c>
      <c r="S15610" s="5" t="s">
        <v>1523</v>
      </c>
      <c r="T15610" s="5" t="s">
        <v>42</v>
      </c>
      <c r="U15610" s="2">
        <v>2.9169999999999998</v>
      </c>
      <c r="V15610" s="2">
        <v>2.2999999999999998</v>
      </c>
      <c r="W15610" s="2">
        <v>1.7999999999999999E-2</v>
      </c>
      <c r="X15610" s="2">
        <v>139.1</v>
      </c>
      <c r="Y15610" s="2">
        <v>7.6</v>
      </c>
      <c r="Z15610" s="2">
        <v>16.7</v>
      </c>
      <c r="AA15610" s="5"/>
      <c r="AB15610" s="5" t="s">
        <v>43</v>
      </c>
      <c r="AC15610" s="5" t="s">
        <v>44</v>
      </c>
      <c r="AD15610" s="2"/>
      <c r="AE15610" s="1"/>
    </row>
    <row r="15611" spans="1:31" ht="14.45">
      <c r="A15611" s="11"/>
      <c r="B15611" s="20"/>
      <c r="C15611" s="2" t="s">
        <v>47790</v>
      </c>
      <c r="D15611" s="14" t="s">
        <v>47791</v>
      </c>
      <c r="E15611" s="2" t="s">
        <v>47792</v>
      </c>
      <c r="F15611" s="2" t="s">
        <v>7514</v>
      </c>
      <c r="G15611" s="8">
        <v>273</v>
      </c>
      <c r="H15611" s="5">
        <v>6</v>
      </c>
      <c r="I15611" s="5" t="s">
        <v>1518</v>
      </c>
      <c r="J15611" s="5" t="s">
        <v>40939</v>
      </c>
      <c r="K15611" s="2" t="s">
        <v>40940</v>
      </c>
      <c r="L15611" s="5" t="s">
        <v>40939</v>
      </c>
      <c r="M15611" s="2" t="s">
        <v>40940</v>
      </c>
      <c r="N15611" s="5" t="s">
        <v>36266</v>
      </c>
      <c r="O15611" s="5" t="s">
        <v>38</v>
      </c>
      <c r="P15611" s="5" t="s">
        <v>39</v>
      </c>
      <c r="Q15611" s="5" t="s">
        <v>40</v>
      </c>
      <c r="R15611" s="5" t="s">
        <v>1522</v>
      </c>
      <c r="S15611" s="5" t="s">
        <v>1523</v>
      </c>
      <c r="T15611" s="5" t="s">
        <v>42</v>
      </c>
      <c r="U15611" s="2">
        <v>3.0110000000000001</v>
      </c>
      <c r="V15611" s="2">
        <v>2.3940000000000001</v>
      </c>
      <c r="W15611" s="2">
        <v>1.7999999999999999E-2</v>
      </c>
      <c r="X15611" s="2">
        <v>139.1</v>
      </c>
      <c r="Y15611" s="2">
        <v>7.6</v>
      </c>
      <c r="Z15611" s="2">
        <v>16.7</v>
      </c>
      <c r="AA15611" s="5"/>
      <c r="AB15611" s="5" t="s">
        <v>43</v>
      </c>
      <c r="AC15611" s="5" t="s">
        <v>44</v>
      </c>
      <c r="AD15611" s="2"/>
      <c r="AE15611" s="1"/>
    </row>
    <row r="15612" spans="1:31" ht="14.45">
      <c r="A15612" s="11"/>
      <c r="B15612" s="20"/>
      <c r="C15612" s="2" t="s">
        <v>47793</v>
      </c>
      <c r="D15612" s="14" t="s">
        <v>47794</v>
      </c>
      <c r="E15612" s="2" t="s">
        <v>47795</v>
      </c>
      <c r="F15612" s="2" t="s">
        <v>47266</v>
      </c>
      <c r="G15612" s="8">
        <v>294</v>
      </c>
      <c r="H15612" s="5">
        <v>6</v>
      </c>
      <c r="I15612" s="5" t="s">
        <v>1518</v>
      </c>
      <c r="J15612" s="5" t="s">
        <v>40939</v>
      </c>
      <c r="K15612" s="2" t="s">
        <v>40940</v>
      </c>
      <c r="L15612" s="5" t="s">
        <v>40939</v>
      </c>
      <c r="M15612" s="2" t="s">
        <v>40940</v>
      </c>
      <c r="N15612" s="5" t="s">
        <v>36266</v>
      </c>
      <c r="O15612" s="5" t="s">
        <v>38</v>
      </c>
      <c r="P15612" s="5" t="s">
        <v>39</v>
      </c>
      <c r="Q15612" s="5" t="s">
        <v>40</v>
      </c>
      <c r="R15612" s="5" t="s">
        <v>1522</v>
      </c>
      <c r="S15612" s="5" t="s">
        <v>1523</v>
      </c>
      <c r="T15612" s="5" t="s">
        <v>42</v>
      </c>
      <c r="U15612" s="2">
        <v>2.9350000000000001</v>
      </c>
      <c r="V15612" s="2">
        <v>2.3180000000000001</v>
      </c>
      <c r="W15612" s="2">
        <v>1.7999999999999999E-2</v>
      </c>
      <c r="X15612" s="2">
        <v>139.1</v>
      </c>
      <c r="Y15612" s="2">
        <v>7.6</v>
      </c>
      <c r="Z15612" s="2">
        <v>16.7</v>
      </c>
      <c r="AA15612" s="5"/>
      <c r="AB15612" s="5" t="s">
        <v>43</v>
      </c>
      <c r="AC15612" s="5" t="s">
        <v>44</v>
      </c>
      <c r="AD15612" s="2"/>
      <c r="AE15612" s="1"/>
    </row>
    <row r="15613" spans="1:31" ht="14.45">
      <c r="A15613" s="11"/>
      <c r="B15613" s="20"/>
      <c r="C15613" s="2" t="s">
        <v>47796</v>
      </c>
      <c r="D15613" s="14" t="s">
        <v>47797</v>
      </c>
      <c r="E15613" s="2" t="s">
        <v>47798</v>
      </c>
      <c r="F15613" s="2" t="s">
        <v>47195</v>
      </c>
      <c r="G15613" s="8">
        <v>294</v>
      </c>
      <c r="H15613" s="5">
        <v>6</v>
      </c>
      <c r="I15613" s="5" t="s">
        <v>1518</v>
      </c>
      <c r="J15613" s="5" t="s">
        <v>40939</v>
      </c>
      <c r="K15613" s="2" t="s">
        <v>40940</v>
      </c>
      <c r="L15613" s="5" t="s">
        <v>40939</v>
      </c>
      <c r="M15613" s="2" t="s">
        <v>40940</v>
      </c>
      <c r="N15613" s="5" t="s">
        <v>36266</v>
      </c>
      <c r="O15613" s="5" t="s">
        <v>38</v>
      </c>
      <c r="P15613" s="5" t="s">
        <v>39</v>
      </c>
      <c r="Q15613" s="5" t="s">
        <v>40</v>
      </c>
      <c r="R15613" s="5" t="s">
        <v>1522</v>
      </c>
      <c r="S15613" s="5" t="s">
        <v>1523</v>
      </c>
      <c r="T15613" s="5" t="s">
        <v>42</v>
      </c>
      <c r="U15613" s="2">
        <v>3.0289999999999999</v>
      </c>
      <c r="V15613" s="2">
        <v>2.4119999999999999</v>
      </c>
      <c r="W15613" s="2">
        <v>1.7999999999999999E-2</v>
      </c>
      <c r="X15613" s="2">
        <v>139.1</v>
      </c>
      <c r="Y15613" s="2">
        <v>7.6</v>
      </c>
      <c r="Z15613" s="2">
        <v>16.7</v>
      </c>
      <c r="AA15613" s="5"/>
      <c r="AB15613" s="5" t="s">
        <v>43</v>
      </c>
      <c r="AC15613" s="5" t="s">
        <v>44</v>
      </c>
      <c r="AD15613" s="2"/>
      <c r="AE15613" s="1"/>
    </row>
    <row r="15614" spans="1:31" ht="14.45">
      <c r="A15614" s="11"/>
      <c r="B15614" s="20"/>
      <c r="C15614" s="2" t="s">
        <v>47799</v>
      </c>
      <c r="D15614" s="14" t="s">
        <v>47800</v>
      </c>
      <c r="E15614" s="2" t="s">
        <v>47801</v>
      </c>
      <c r="F15614" s="2" t="s">
        <v>7208</v>
      </c>
      <c r="G15614" s="8">
        <v>273</v>
      </c>
      <c r="H15614" s="5">
        <v>6</v>
      </c>
      <c r="I15614" s="5" t="s">
        <v>1518</v>
      </c>
      <c r="J15614" s="5" t="s">
        <v>40939</v>
      </c>
      <c r="K15614" s="2" t="s">
        <v>40940</v>
      </c>
      <c r="L15614" s="5" t="s">
        <v>40939</v>
      </c>
      <c r="M15614" s="2" t="s">
        <v>40940</v>
      </c>
      <c r="N15614" s="5" t="s">
        <v>36266</v>
      </c>
      <c r="O15614" s="5" t="s">
        <v>38</v>
      </c>
      <c r="P15614" s="5" t="s">
        <v>39</v>
      </c>
      <c r="Q15614" s="5" t="s">
        <v>40</v>
      </c>
      <c r="R15614" s="5" t="s">
        <v>1522</v>
      </c>
      <c r="S15614" s="5" t="s">
        <v>1523</v>
      </c>
      <c r="T15614" s="5" t="s">
        <v>42</v>
      </c>
      <c r="U15614" s="2">
        <v>2.944</v>
      </c>
      <c r="V15614" s="2">
        <v>2.327</v>
      </c>
      <c r="W15614" s="2">
        <v>1.7999999999999999E-2</v>
      </c>
      <c r="X15614" s="2">
        <v>139.1</v>
      </c>
      <c r="Y15614" s="2">
        <v>7.6</v>
      </c>
      <c r="Z15614" s="2">
        <v>16.7</v>
      </c>
      <c r="AA15614" s="5"/>
      <c r="AB15614" s="5" t="s">
        <v>43</v>
      </c>
      <c r="AC15614" s="5" t="s">
        <v>44</v>
      </c>
      <c r="AD15614" s="2"/>
      <c r="AE15614" s="1"/>
    </row>
    <row r="15615" spans="1:31" ht="14.45">
      <c r="A15615" s="11"/>
      <c r="B15615" s="20"/>
      <c r="C15615" s="2" t="s">
        <v>47802</v>
      </c>
      <c r="D15615" s="14" t="s">
        <v>47803</v>
      </c>
      <c r="E15615" s="2" t="s">
        <v>47804</v>
      </c>
      <c r="F15615" s="2" t="s">
        <v>7521</v>
      </c>
      <c r="G15615" s="8">
        <v>273</v>
      </c>
      <c r="H15615" s="5">
        <v>6</v>
      </c>
      <c r="I15615" s="5" t="s">
        <v>1518</v>
      </c>
      <c r="J15615" s="5" t="s">
        <v>40939</v>
      </c>
      <c r="K15615" s="2" t="s">
        <v>40940</v>
      </c>
      <c r="L15615" s="5" t="s">
        <v>40939</v>
      </c>
      <c r="M15615" s="2" t="s">
        <v>40940</v>
      </c>
      <c r="N15615" s="5" t="s">
        <v>36266</v>
      </c>
      <c r="O15615" s="5" t="s">
        <v>38</v>
      </c>
      <c r="P15615" s="5" t="s">
        <v>39</v>
      </c>
      <c r="Q15615" s="5" t="s">
        <v>40</v>
      </c>
      <c r="R15615" s="5" t="s">
        <v>1522</v>
      </c>
      <c r="S15615" s="5" t="s">
        <v>1523</v>
      </c>
      <c r="T15615" s="5" t="s">
        <v>42</v>
      </c>
      <c r="U15615" s="2">
        <v>3.0379999999999998</v>
      </c>
      <c r="V15615" s="2">
        <v>2.4209999999999998</v>
      </c>
      <c r="W15615" s="2">
        <v>1.7999999999999999E-2</v>
      </c>
      <c r="X15615" s="2">
        <v>139.1</v>
      </c>
      <c r="Y15615" s="2">
        <v>7.6</v>
      </c>
      <c r="Z15615" s="2">
        <v>16.7</v>
      </c>
      <c r="AA15615" s="5"/>
      <c r="AB15615" s="5" t="s">
        <v>43</v>
      </c>
      <c r="AC15615" s="5" t="s">
        <v>44</v>
      </c>
      <c r="AD15615" s="2"/>
      <c r="AE15615" s="1"/>
    </row>
    <row r="15616" spans="1:31" ht="14.45">
      <c r="A15616" s="11"/>
      <c r="B15616" s="20"/>
      <c r="C15616" s="2" t="s">
        <v>47805</v>
      </c>
      <c r="D15616" s="14" t="s">
        <v>47806</v>
      </c>
      <c r="E15616" s="2" t="s">
        <v>47807</v>
      </c>
      <c r="F15616" s="2" t="s">
        <v>36273</v>
      </c>
      <c r="G15616" s="8">
        <v>273</v>
      </c>
      <c r="H15616" s="5">
        <v>6</v>
      </c>
      <c r="I15616" s="5" t="s">
        <v>1518</v>
      </c>
      <c r="J15616" s="5" t="s">
        <v>40939</v>
      </c>
      <c r="K15616" s="2" t="s">
        <v>40940</v>
      </c>
      <c r="L15616" s="5" t="s">
        <v>40939</v>
      </c>
      <c r="M15616" s="2" t="s">
        <v>40940</v>
      </c>
      <c r="N15616" s="5" t="s">
        <v>36266</v>
      </c>
      <c r="O15616" s="5" t="s">
        <v>38</v>
      </c>
      <c r="P15616" s="5" t="s">
        <v>39</v>
      </c>
      <c r="Q15616" s="5" t="s">
        <v>40</v>
      </c>
      <c r="R15616" s="5" t="s">
        <v>1522</v>
      </c>
      <c r="S15616" s="5" t="s">
        <v>1523</v>
      </c>
      <c r="T15616" s="5" t="s">
        <v>42</v>
      </c>
      <c r="U15616" s="2">
        <v>2.9620000000000002</v>
      </c>
      <c r="V15616" s="2">
        <v>2.3450000000000002</v>
      </c>
      <c r="W15616" s="2">
        <v>1.7999999999999999E-2</v>
      </c>
      <c r="X15616" s="2">
        <v>139.1</v>
      </c>
      <c r="Y15616" s="2">
        <v>7.6</v>
      </c>
      <c r="Z15616" s="2">
        <v>16.7</v>
      </c>
      <c r="AA15616" s="5"/>
      <c r="AB15616" s="5" t="s">
        <v>43</v>
      </c>
      <c r="AC15616" s="5" t="s">
        <v>44</v>
      </c>
      <c r="AD15616" s="2"/>
      <c r="AE15616" s="1"/>
    </row>
    <row r="15617" spans="1:31" ht="14.45">
      <c r="A15617" s="11"/>
      <c r="B15617" s="20"/>
      <c r="C15617" s="2" t="s">
        <v>47808</v>
      </c>
      <c r="D15617" s="14" t="s">
        <v>47809</v>
      </c>
      <c r="E15617" s="2" t="s">
        <v>47810</v>
      </c>
      <c r="F15617" s="2" t="s">
        <v>36277</v>
      </c>
      <c r="G15617" s="8">
        <v>273</v>
      </c>
      <c r="H15617" s="5">
        <v>6</v>
      </c>
      <c r="I15617" s="5" t="s">
        <v>1518</v>
      </c>
      <c r="J15617" s="5" t="s">
        <v>40939</v>
      </c>
      <c r="K15617" s="2" t="s">
        <v>40940</v>
      </c>
      <c r="L15617" s="5" t="s">
        <v>40939</v>
      </c>
      <c r="M15617" s="2" t="s">
        <v>40940</v>
      </c>
      <c r="N15617" s="5" t="s">
        <v>36266</v>
      </c>
      <c r="O15617" s="5" t="s">
        <v>38</v>
      </c>
      <c r="P15617" s="5" t="s">
        <v>39</v>
      </c>
      <c r="Q15617" s="5" t="s">
        <v>40</v>
      </c>
      <c r="R15617" s="5" t="s">
        <v>1522</v>
      </c>
      <c r="S15617" s="5" t="s">
        <v>1523</v>
      </c>
      <c r="T15617" s="5" t="s">
        <v>42</v>
      </c>
      <c r="U15617" s="2">
        <v>3.056</v>
      </c>
      <c r="V15617" s="2">
        <v>2.4390000000000001</v>
      </c>
      <c r="W15617" s="2">
        <v>1.7999999999999999E-2</v>
      </c>
      <c r="X15617" s="2">
        <v>139.1</v>
      </c>
      <c r="Y15617" s="2">
        <v>7.6</v>
      </c>
      <c r="Z15617" s="2">
        <v>16.7</v>
      </c>
      <c r="AA15617" s="5"/>
      <c r="AB15617" s="5" t="s">
        <v>43</v>
      </c>
      <c r="AC15617" s="5" t="s">
        <v>44</v>
      </c>
      <c r="AD15617" s="2"/>
      <c r="AE15617" s="1"/>
    </row>
    <row r="15618" spans="1:31" ht="14.45">
      <c r="A15618" s="11"/>
      <c r="B15618" s="20"/>
      <c r="C15618" s="2" t="s">
        <v>47811</v>
      </c>
      <c r="D15618" s="14" t="s">
        <v>47812</v>
      </c>
      <c r="E15618" s="2" t="s">
        <v>47813</v>
      </c>
      <c r="F15618" s="2" t="s">
        <v>40971</v>
      </c>
      <c r="G15618" s="8">
        <v>294</v>
      </c>
      <c r="H15618" s="5">
        <v>6</v>
      </c>
      <c r="I15618" s="5" t="s">
        <v>1518</v>
      </c>
      <c r="J15618" s="5" t="s">
        <v>40939</v>
      </c>
      <c r="K15618" s="2" t="s">
        <v>40940</v>
      </c>
      <c r="L15618" s="5" t="s">
        <v>40939</v>
      </c>
      <c r="M15618" s="2" t="s">
        <v>40940</v>
      </c>
      <c r="N15618" s="5" t="s">
        <v>36266</v>
      </c>
      <c r="O15618" s="5" t="s">
        <v>38</v>
      </c>
      <c r="P15618" s="5" t="s">
        <v>39</v>
      </c>
      <c r="Q15618" s="5" t="s">
        <v>40</v>
      </c>
      <c r="R15618" s="5" t="s">
        <v>1522</v>
      </c>
      <c r="S15618" s="5" t="s">
        <v>1523</v>
      </c>
      <c r="T15618" s="5" t="s">
        <v>42</v>
      </c>
      <c r="U15618" s="2">
        <v>3.0379999999999998</v>
      </c>
      <c r="V15618" s="2">
        <v>2.4209999999999998</v>
      </c>
      <c r="W15618" s="2">
        <v>1.7999999999999999E-2</v>
      </c>
      <c r="X15618" s="2">
        <v>139.1</v>
      </c>
      <c r="Y15618" s="2">
        <v>7.6</v>
      </c>
      <c r="Z15618" s="2">
        <v>16.7</v>
      </c>
      <c r="AA15618" s="5"/>
      <c r="AB15618" s="5" t="s">
        <v>43</v>
      </c>
      <c r="AC15618" s="5" t="s">
        <v>44</v>
      </c>
      <c r="AD15618" s="2"/>
      <c r="AE15618" s="1"/>
    </row>
    <row r="15619" spans="1:31" ht="14.45">
      <c r="A15619" s="11"/>
      <c r="B15619" s="20"/>
      <c r="C15619" s="2" t="s">
        <v>47814</v>
      </c>
      <c r="D15619" s="14" t="s">
        <v>47815</v>
      </c>
      <c r="E15619" s="2" t="s">
        <v>47816</v>
      </c>
      <c r="F15619" s="2" t="s">
        <v>47735</v>
      </c>
      <c r="G15619" s="8">
        <v>294</v>
      </c>
      <c r="H15619" s="5">
        <v>6</v>
      </c>
      <c r="I15619" s="5" t="s">
        <v>1518</v>
      </c>
      <c r="J15619" s="5" t="s">
        <v>40939</v>
      </c>
      <c r="K15619" s="2" t="s">
        <v>40940</v>
      </c>
      <c r="L15619" s="5" t="s">
        <v>40939</v>
      </c>
      <c r="M15619" s="2" t="s">
        <v>40940</v>
      </c>
      <c r="N15619" s="5" t="s">
        <v>36266</v>
      </c>
      <c r="O15619" s="5" t="s">
        <v>38</v>
      </c>
      <c r="P15619" s="5" t="s">
        <v>39</v>
      </c>
      <c r="Q15619" s="5" t="s">
        <v>40</v>
      </c>
      <c r="R15619" s="5" t="s">
        <v>1522</v>
      </c>
      <c r="S15619" s="5" t="s">
        <v>1523</v>
      </c>
      <c r="T15619" s="5" t="s">
        <v>42</v>
      </c>
      <c r="U15619" s="2">
        <v>3.0379999999999998</v>
      </c>
      <c r="V15619" s="2">
        <v>2.4209999999999998</v>
      </c>
      <c r="W15619" s="2">
        <v>1.7999999999999999E-2</v>
      </c>
      <c r="X15619" s="2">
        <v>139.1</v>
      </c>
      <c r="Y15619" s="2">
        <v>7.6</v>
      </c>
      <c r="Z15619" s="2">
        <v>16.7</v>
      </c>
      <c r="AA15619" s="5"/>
      <c r="AB15619" s="5" t="s">
        <v>43</v>
      </c>
      <c r="AC15619" s="5" t="s">
        <v>44</v>
      </c>
      <c r="AD15619" s="2"/>
      <c r="AE15619" s="1"/>
    </row>
    <row r="15620" spans="1:31" ht="14.45">
      <c r="A15620" s="11"/>
      <c r="B15620" s="20"/>
      <c r="C15620" s="2" t="s">
        <v>47817</v>
      </c>
      <c r="D15620" s="14" t="s">
        <v>47818</v>
      </c>
      <c r="E15620" s="2" t="s">
        <v>47819</v>
      </c>
      <c r="F15620" s="2" t="s">
        <v>7539</v>
      </c>
      <c r="G15620" s="8">
        <v>294</v>
      </c>
      <c r="H15620" s="5">
        <v>6</v>
      </c>
      <c r="I15620" s="5" t="s">
        <v>1518</v>
      </c>
      <c r="J15620" s="5" t="s">
        <v>40939</v>
      </c>
      <c r="K15620" s="2" t="s">
        <v>40940</v>
      </c>
      <c r="L15620" s="5" t="s">
        <v>40939</v>
      </c>
      <c r="M15620" s="2" t="s">
        <v>40940</v>
      </c>
      <c r="N15620" s="5" t="s">
        <v>36266</v>
      </c>
      <c r="O15620" s="5" t="s">
        <v>38</v>
      </c>
      <c r="P15620" s="5" t="s">
        <v>39</v>
      </c>
      <c r="Q15620" s="5" t="s">
        <v>40</v>
      </c>
      <c r="R15620" s="5" t="s">
        <v>1522</v>
      </c>
      <c r="S15620" s="5" t="s">
        <v>1523</v>
      </c>
      <c r="T15620" s="5" t="s">
        <v>42</v>
      </c>
      <c r="U15620" s="2">
        <v>2.899</v>
      </c>
      <c r="V15620" s="2">
        <v>2.282</v>
      </c>
      <c r="W15620" s="2">
        <v>1.7999999999999999E-2</v>
      </c>
      <c r="X15620" s="2">
        <v>139.1</v>
      </c>
      <c r="Y15620" s="2">
        <v>7.6</v>
      </c>
      <c r="Z15620" s="2">
        <v>16.7</v>
      </c>
      <c r="AA15620" s="5"/>
      <c r="AB15620" s="5" t="s">
        <v>43</v>
      </c>
      <c r="AC15620" s="5" t="s">
        <v>44</v>
      </c>
      <c r="AD15620" s="2"/>
      <c r="AE15620" s="1"/>
    </row>
    <row r="15621" spans="1:31" ht="14.45">
      <c r="A15621" s="11"/>
      <c r="B15621" s="20"/>
      <c r="C15621" s="2" t="s">
        <v>47820</v>
      </c>
      <c r="D15621" s="14" t="s">
        <v>47821</v>
      </c>
      <c r="E15621" s="2" t="s">
        <v>47822</v>
      </c>
      <c r="F15621" s="2" t="s">
        <v>7543</v>
      </c>
      <c r="G15621" s="8">
        <v>294</v>
      </c>
      <c r="H15621" s="5">
        <v>6</v>
      </c>
      <c r="I15621" s="5" t="s">
        <v>1518</v>
      </c>
      <c r="J15621" s="5" t="s">
        <v>40939</v>
      </c>
      <c r="K15621" s="2" t="s">
        <v>40940</v>
      </c>
      <c r="L15621" s="5" t="s">
        <v>40939</v>
      </c>
      <c r="M15621" s="2" t="s">
        <v>40940</v>
      </c>
      <c r="N15621" s="5" t="s">
        <v>36266</v>
      </c>
      <c r="O15621" s="5" t="s">
        <v>38</v>
      </c>
      <c r="P15621" s="5" t="s">
        <v>39</v>
      </c>
      <c r="Q15621" s="5" t="s">
        <v>40</v>
      </c>
      <c r="R15621" s="5" t="s">
        <v>1522</v>
      </c>
      <c r="S15621" s="5" t="s">
        <v>1523</v>
      </c>
      <c r="T15621" s="5" t="s">
        <v>42</v>
      </c>
      <c r="U15621" s="2">
        <v>2.9929999999999999</v>
      </c>
      <c r="V15621" s="2">
        <v>2.3759999999999999</v>
      </c>
      <c r="W15621" s="2">
        <v>1.7999999999999999E-2</v>
      </c>
      <c r="X15621" s="2">
        <v>139.1</v>
      </c>
      <c r="Y15621" s="2">
        <v>7.6</v>
      </c>
      <c r="Z15621" s="2">
        <v>16.7</v>
      </c>
      <c r="AA15621" s="5"/>
      <c r="AB15621" s="5" t="s">
        <v>43</v>
      </c>
      <c r="AC15621" s="5" t="s">
        <v>44</v>
      </c>
      <c r="AD15621" s="2"/>
      <c r="AE15621" s="1"/>
    </row>
    <row r="15622" spans="1:31" ht="14.45">
      <c r="A15622" s="11"/>
      <c r="B15622" s="20"/>
      <c r="C15622" s="2" t="s">
        <v>47823</v>
      </c>
      <c r="D15622" s="14" t="s">
        <v>47824</v>
      </c>
      <c r="E15622" s="2" t="s">
        <v>47825</v>
      </c>
      <c r="F15622" s="2" t="s">
        <v>40989</v>
      </c>
      <c r="G15622" s="8">
        <v>294</v>
      </c>
      <c r="H15622" s="5">
        <v>6</v>
      </c>
      <c r="I15622" s="5" t="s">
        <v>1518</v>
      </c>
      <c r="J15622" s="5" t="s">
        <v>40939</v>
      </c>
      <c r="K15622" s="2" t="s">
        <v>40940</v>
      </c>
      <c r="L15622" s="5" t="s">
        <v>40939</v>
      </c>
      <c r="M15622" s="2" t="s">
        <v>40940</v>
      </c>
      <c r="N15622" s="5" t="s">
        <v>36266</v>
      </c>
      <c r="O15622" s="5" t="s">
        <v>38</v>
      </c>
      <c r="P15622" s="5" t="s">
        <v>39</v>
      </c>
      <c r="Q15622" s="5" t="s">
        <v>40</v>
      </c>
      <c r="R15622" s="5" t="s">
        <v>1522</v>
      </c>
      <c r="S15622" s="5" t="s">
        <v>1523</v>
      </c>
      <c r="T15622" s="5" t="s">
        <v>42</v>
      </c>
      <c r="U15622" s="2">
        <v>2.944</v>
      </c>
      <c r="V15622" s="2">
        <v>2.327</v>
      </c>
      <c r="W15622" s="2">
        <v>1.7999999999999999E-2</v>
      </c>
      <c r="X15622" s="2">
        <v>139.1</v>
      </c>
      <c r="Y15622" s="2">
        <v>7.6</v>
      </c>
      <c r="Z15622" s="2">
        <v>16.7</v>
      </c>
      <c r="AA15622" s="5"/>
      <c r="AB15622" s="5" t="s">
        <v>43</v>
      </c>
      <c r="AC15622" s="5" t="s">
        <v>44</v>
      </c>
      <c r="AD15622" s="2"/>
      <c r="AE15622" s="1"/>
    </row>
    <row r="15623" spans="1:31" ht="14.45">
      <c r="A15623" s="11"/>
      <c r="B15623" s="20"/>
      <c r="C15623" s="2" t="s">
        <v>47826</v>
      </c>
      <c r="D15623" s="14" t="s">
        <v>47827</v>
      </c>
      <c r="E15623" s="2" t="s">
        <v>47828</v>
      </c>
      <c r="F15623" s="2" t="s">
        <v>40993</v>
      </c>
      <c r="G15623" s="8">
        <v>294</v>
      </c>
      <c r="H15623" s="5">
        <v>6</v>
      </c>
      <c r="I15623" s="5" t="s">
        <v>1518</v>
      </c>
      <c r="J15623" s="5" t="s">
        <v>40939</v>
      </c>
      <c r="K15623" s="2" t="s">
        <v>40940</v>
      </c>
      <c r="L15623" s="5" t="s">
        <v>40939</v>
      </c>
      <c r="M15623" s="2" t="s">
        <v>40940</v>
      </c>
      <c r="N15623" s="5" t="s">
        <v>36266</v>
      </c>
      <c r="O15623" s="5" t="s">
        <v>38</v>
      </c>
      <c r="P15623" s="5" t="s">
        <v>39</v>
      </c>
      <c r="Q15623" s="5" t="s">
        <v>40</v>
      </c>
      <c r="R15623" s="5" t="s">
        <v>1522</v>
      </c>
      <c r="S15623" s="5" t="s">
        <v>1523</v>
      </c>
      <c r="T15623" s="5" t="s">
        <v>42</v>
      </c>
      <c r="U15623" s="2">
        <v>3.0379999999999998</v>
      </c>
      <c r="V15623" s="2">
        <v>2.4209999999999998</v>
      </c>
      <c r="W15623" s="2">
        <v>1.7999999999999999E-2</v>
      </c>
      <c r="X15623" s="2">
        <v>139.1</v>
      </c>
      <c r="Y15623" s="2">
        <v>7.6</v>
      </c>
      <c r="Z15623" s="2">
        <v>16.7</v>
      </c>
      <c r="AA15623" s="5"/>
      <c r="AB15623" s="5" t="s">
        <v>43</v>
      </c>
      <c r="AC15623" s="5" t="s">
        <v>44</v>
      </c>
      <c r="AD15623" s="2"/>
      <c r="AE15623" s="1"/>
    </row>
    <row r="15624" spans="1:31" ht="14.45">
      <c r="A15624" s="11"/>
      <c r="B15624" s="20"/>
      <c r="C15624" s="2" t="s">
        <v>47829</v>
      </c>
      <c r="D15624" s="14" t="s">
        <v>47830</v>
      </c>
      <c r="E15624" s="2" t="s">
        <v>47831</v>
      </c>
      <c r="F15624" s="2" t="s">
        <v>41267</v>
      </c>
      <c r="G15624" s="8">
        <v>294</v>
      </c>
      <c r="H15624" s="5">
        <v>6</v>
      </c>
      <c r="I15624" s="5" t="s">
        <v>1518</v>
      </c>
      <c r="J15624" s="5" t="s">
        <v>40939</v>
      </c>
      <c r="K15624" s="2" t="s">
        <v>40940</v>
      </c>
      <c r="L15624" s="5" t="s">
        <v>40939</v>
      </c>
      <c r="M15624" s="2" t="s">
        <v>40940</v>
      </c>
      <c r="N15624" s="5" t="s">
        <v>36266</v>
      </c>
      <c r="O15624" s="5" t="s">
        <v>38</v>
      </c>
      <c r="P15624" s="5" t="s">
        <v>39</v>
      </c>
      <c r="Q15624" s="5" t="s">
        <v>40</v>
      </c>
      <c r="R15624" s="5" t="s">
        <v>1522</v>
      </c>
      <c r="S15624" s="5" t="s">
        <v>1523</v>
      </c>
      <c r="T15624" s="5" t="s">
        <v>42</v>
      </c>
      <c r="U15624" s="2">
        <v>3.0019999999999998</v>
      </c>
      <c r="V15624" s="2">
        <v>2.3849999999999998</v>
      </c>
      <c r="W15624" s="2">
        <v>1.7999999999999999E-2</v>
      </c>
      <c r="X15624" s="2">
        <v>139.1</v>
      </c>
      <c r="Y15624" s="2">
        <v>7.6</v>
      </c>
      <c r="Z15624" s="2">
        <v>16.7</v>
      </c>
      <c r="AA15624" s="5"/>
      <c r="AB15624" s="5" t="s">
        <v>43</v>
      </c>
      <c r="AC15624" s="5" t="s">
        <v>44</v>
      </c>
      <c r="AD15624" s="2"/>
      <c r="AE15624" s="1"/>
    </row>
    <row r="15625" spans="1:31" ht="14.45">
      <c r="A15625" s="11"/>
      <c r="B15625" s="20"/>
      <c r="C15625" s="2" t="s">
        <v>47832</v>
      </c>
      <c r="D15625" s="14" t="s">
        <v>47833</v>
      </c>
      <c r="E15625" s="2" t="s">
        <v>47834</v>
      </c>
      <c r="F15625" s="2" t="s">
        <v>41005</v>
      </c>
      <c r="G15625" s="8">
        <v>294</v>
      </c>
      <c r="H15625" s="5">
        <v>6</v>
      </c>
      <c r="I15625" s="5" t="s">
        <v>1518</v>
      </c>
      <c r="J15625" s="5" t="s">
        <v>40939</v>
      </c>
      <c r="K15625" s="2" t="s">
        <v>40940</v>
      </c>
      <c r="L15625" s="5" t="s">
        <v>40939</v>
      </c>
      <c r="M15625" s="2" t="s">
        <v>40940</v>
      </c>
      <c r="N15625" s="5" t="s">
        <v>36266</v>
      </c>
      <c r="O15625" s="5" t="s">
        <v>38</v>
      </c>
      <c r="P15625" s="5" t="s">
        <v>39</v>
      </c>
      <c r="Q15625" s="5" t="s">
        <v>40</v>
      </c>
      <c r="R15625" s="5" t="s">
        <v>1522</v>
      </c>
      <c r="S15625" s="5" t="s">
        <v>1523</v>
      </c>
      <c r="T15625" s="5" t="s">
        <v>42</v>
      </c>
      <c r="U15625" s="2">
        <v>3.0379999999999998</v>
      </c>
      <c r="V15625" s="2">
        <v>2.4209999999999998</v>
      </c>
      <c r="W15625" s="2">
        <v>1.7999999999999999E-2</v>
      </c>
      <c r="X15625" s="2">
        <v>139.1</v>
      </c>
      <c r="Y15625" s="2">
        <v>7.6</v>
      </c>
      <c r="Z15625" s="2">
        <v>16.7</v>
      </c>
      <c r="AA15625" s="5"/>
      <c r="AB15625" s="5" t="s">
        <v>43</v>
      </c>
      <c r="AC15625" s="5" t="s">
        <v>44</v>
      </c>
      <c r="AD15625" s="2"/>
      <c r="AE15625" s="1"/>
    </row>
    <row r="15626" spans="1:31" ht="14.45">
      <c r="A15626" s="11"/>
      <c r="B15626" s="20"/>
      <c r="C15626" s="2" t="s">
        <v>47835</v>
      </c>
      <c r="D15626" s="14" t="s">
        <v>47836</v>
      </c>
      <c r="E15626" s="2" t="s">
        <v>47837</v>
      </c>
      <c r="F15626" s="2" t="s">
        <v>41013</v>
      </c>
      <c r="G15626" s="8">
        <v>294</v>
      </c>
      <c r="H15626" s="5">
        <v>6</v>
      </c>
      <c r="I15626" s="5" t="s">
        <v>1518</v>
      </c>
      <c r="J15626" s="5" t="s">
        <v>40939</v>
      </c>
      <c r="K15626" s="2" t="s">
        <v>40940</v>
      </c>
      <c r="L15626" s="5" t="s">
        <v>40939</v>
      </c>
      <c r="M15626" s="2" t="s">
        <v>40940</v>
      </c>
      <c r="N15626" s="5" t="s">
        <v>36266</v>
      </c>
      <c r="O15626" s="5" t="s">
        <v>38</v>
      </c>
      <c r="P15626" s="5" t="s">
        <v>39</v>
      </c>
      <c r="Q15626" s="5" t="s">
        <v>40</v>
      </c>
      <c r="R15626" s="5" t="s">
        <v>1522</v>
      </c>
      <c r="S15626" s="5" t="s">
        <v>1523</v>
      </c>
      <c r="T15626" s="5" t="s">
        <v>42</v>
      </c>
      <c r="U15626" s="2">
        <v>3.0470000000000002</v>
      </c>
      <c r="V15626" s="2">
        <v>2.4300000000000002</v>
      </c>
      <c r="W15626" s="2">
        <v>1.7999999999999999E-2</v>
      </c>
      <c r="X15626" s="2">
        <v>139.1</v>
      </c>
      <c r="Y15626" s="2">
        <v>7.6</v>
      </c>
      <c r="Z15626" s="2">
        <v>16.7</v>
      </c>
      <c r="AA15626" s="5"/>
      <c r="AB15626" s="5" t="s">
        <v>43</v>
      </c>
      <c r="AC15626" s="5" t="s">
        <v>44</v>
      </c>
      <c r="AD15626" s="2"/>
      <c r="AE15626" s="1"/>
    </row>
    <row r="15627" spans="1:31" ht="14.45">
      <c r="A15627" s="11"/>
      <c r="B15627" s="20"/>
      <c r="C15627" s="2" t="s">
        <v>47838</v>
      </c>
      <c r="D15627" s="14" t="s">
        <v>47839</v>
      </c>
      <c r="E15627" s="2" t="s">
        <v>47840</v>
      </c>
      <c r="F15627" s="2" t="s">
        <v>7396</v>
      </c>
      <c r="G15627" s="8">
        <v>273</v>
      </c>
      <c r="H15627" s="5">
        <v>6</v>
      </c>
      <c r="I15627" s="5" t="s">
        <v>1518</v>
      </c>
      <c r="J15627" s="5" t="s">
        <v>40939</v>
      </c>
      <c r="K15627" s="2" t="s">
        <v>40940</v>
      </c>
      <c r="L15627" s="5" t="s">
        <v>40939</v>
      </c>
      <c r="M15627" s="2" t="s">
        <v>40940</v>
      </c>
      <c r="N15627" s="5" t="s">
        <v>36266</v>
      </c>
      <c r="O15627" s="5" t="s">
        <v>38</v>
      </c>
      <c r="P15627" s="5" t="s">
        <v>39</v>
      </c>
      <c r="Q15627" s="5" t="s">
        <v>40</v>
      </c>
      <c r="R15627" s="5" t="s">
        <v>1522</v>
      </c>
      <c r="S15627" s="5" t="s">
        <v>1523</v>
      </c>
      <c r="T15627" s="5" t="s">
        <v>42</v>
      </c>
      <c r="U15627" s="2">
        <v>2.9529999999999998</v>
      </c>
      <c r="V15627" s="2">
        <v>2.3359999999999999</v>
      </c>
      <c r="W15627" s="2">
        <v>1.7999999999999999E-2</v>
      </c>
      <c r="X15627" s="2">
        <v>139.1</v>
      </c>
      <c r="Y15627" s="2">
        <v>7.6</v>
      </c>
      <c r="Z15627" s="2">
        <v>16.7</v>
      </c>
      <c r="AA15627" s="5"/>
      <c r="AB15627" s="5" t="s">
        <v>43</v>
      </c>
      <c r="AC15627" s="5" t="s">
        <v>44</v>
      </c>
      <c r="AD15627" s="2"/>
      <c r="AE15627" s="1"/>
    </row>
    <row r="15628" spans="1:31" ht="14.45">
      <c r="A15628" s="11"/>
      <c r="B15628" s="20"/>
      <c r="C15628" s="2" t="s">
        <v>47841</v>
      </c>
      <c r="D15628" s="14" t="s">
        <v>47842</v>
      </c>
      <c r="E15628" s="2" t="s">
        <v>47843</v>
      </c>
      <c r="F15628" s="2" t="s">
        <v>7507</v>
      </c>
      <c r="G15628" s="8">
        <v>273</v>
      </c>
      <c r="H15628" s="5">
        <v>6</v>
      </c>
      <c r="I15628" s="5" t="s">
        <v>1518</v>
      </c>
      <c r="J15628" s="5" t="s">
        <v>40939</v>
      </c>
      <c r="K15628" s="2" t="s">
        <v>40940</v>
      </c>
      <c r="L15628" s="5" t="s">
        <v>40939</v>
      </c>
      <c r="M15628" s="2" t="s">
        <v>40940</v>
      </c>
      <c r="N15628" s="5" t="s">
        <v>36266</v>
      </c>
      <c r="O15628" s="5" t="s">
        <v>38</v>
      </c>
      <c r="P15628" s="5" t="s">
        <v>39</v>
      </c>
      <c r="Q15628" s="5" t="s">
        <v>40</v>
      </c>
      <c r="R15628" s="5" t="s">
        <v>1522</v>
      </c>
      <c r="S15628" s="5" t="s">
        <v>1523</v>
      </c>
      <c r="T15628" s="5" t="s">
        <v>42</v>
      </c>
      <c r="U15628" s="2">
        <v>3.0470000000000002</v>
      </c>
      <c r="V15628" s="2">
        <v>2.4300000000000002</v>
      </c>
      <c r="W15628" s="2">
        <v>1.7999999999999999E-2</v>
      </c>
      <c r="X15628" s="2">
        <v>139.1</v>
      </c>
      <c r="Y15628" s="2">
        <v>7.6</v>
      </c>
      <c r="Z15628" s="2">
        <v>16.7</v>
      </c>
      <c r="AA15628" s="5"/>
      <c r="AB15628" s="5" t="s">
        <v>43</v>
      </c>
      <c r="AC15628" s="5" t="s">
        <v>44</v>
      </c>
      <c r="AD15628" s="2"/>
      <c r="AE15628" s="1"/>
    </row>
    <row r="15629" spans="1:31" ht="14.45">
      <c r="A15629" s="11"/>
      <c r="B15629" s="20"/>
      <c r="C15629" s="2" t="s">
        <v>47844</v>
      </c>
      <c r="D15629" s="14" t="s">
        <v>47845</v>
      </c>
      <c r="E15629" s="2" t="s">
        <v>47846</v>
      </c>
      <c r="F15629" s="2" t="s">
        <v>41023</v>
      </c>
      <c r="G15629" s="8">
        <v>294</v>
      </c>
      <c r="H15629" s="5">
        <v>6</v>
      </c>
      <c r="I15629" s="5" t="s">
        <v>1518</v>
      </c>
      <c r="J15629" s="5" t="s">
        <v>40939</v>
      </c>
      <c r="K15629" s="2" t="s">
        <v>40940</v>
      </c>
      <c r="L15629" s="5" t="s">
        <v>40939</v>
      </c>
      <c r="M15629" s="2" t="s">
        <v>40940</v>
      </c>
      <c r="N15629" s="5" t="s">
        <v>36266</v>
      </c>
      <c r="O15629" s="5" t="s">
        <v>38</v>
      </c>
      <c r="P15629" s="5" t="s">
        <v>39</v>
      </c>
      <c r="Q15629" s="5" t="s">
        <v>40</v>
      </c>
      <c r="R15629" s="5" t="s">
        <v>1522</v>
      </c>
      <c r="S15629" s="5" t="s">
        <v>1523</v>
      </c>
      <c r="T15629" s="5" t="s">
        <v>42</v>
      </c>
      <c r="U15629" s="2">
        <v>2.9079999999999999</v>
      </c>
      <c r="V15629" s="2">
        <v>2.2909999999999999</v>
      </c>
      <c r="W15629" s="2">
        <v>1.7999999999999999E-2</v>
      </c>
      <c r="X15629" s="2">
        <v>139.1</v>
      </c>
      <c r="Y15629" s="2">
        <v>7.6</v>
      </c>
      <c r="Z15629" s="2">
        <v>16.7</v>
      </c>
      <c r="AA15629" s="5"/>
      <c r="AB15629" s="5" t="s">
        <v>43</v>
      </c>
      <c r="AC15629" s="5" t="s">
        <v>44</v>
      </c>
      <c r="AD15629" s="2"/>
      <c r="AE15629" s="1"/>
    </row>
    <row r="15630" spans="1:31" ht="14.45">
      <c r="A15630" s="11"/>
      <c r="B15630" s="20"/>
      <c r="C15630" s="2" t="s">
        <v>47847</v>
      </c>
      <c r="D15630" s="14" t="s">
        <v>47848</v>
      </c>
      <c r="E15630" s="2" t="s">
        <v>47849</v>
      </c>
      <c r="F15630" s="2" t="s">
        <v>41027</v>
      </c>
      <c r="G15630" s="8">
        <v>294</v>
      </c>
      <c r="H15630" s="5">
        <v>6</v>
      </c>
      <c r="I15630" s="5" t="s">
        <v>1518</v>
      </c>
      <c r="J15630" s="5" t="s">
        <v>40939</v>
      </c>
      <c r="K15630" s="2" t="s">
        <v>40940</v>
      </c>
      <c r="L15630" s="5" t="s">
        <v>40939</v>
      </c>
      <c r="M15630" s="2" t="s">
        <v>40940</v>
      </c>
      <c r="N15630" s="5" t="s">
        <v>36266</v>
      </c>
      <c r="O15630" s="5" t="s">
        <v>38</v>
      </c>
      <c r="P15630" s="5" t="s">
        <v>39</v>
      </c>
      <c r="Q15630" s="5" t="s">
        <v>40</v>
      </c>
      <c r="R15630" s="5" t="s">
        <v>1522</v>
      </c>
      <c r="S15630" s="5" t="s">
        <v>1523</v>
      </c>
      <c r="T15630" s="5" t="s">
        <v>42</v>
      </c>
      <c r="U15630" s="2">
        <v>3.0019999999999998</v>
      </c>
      <c r="V15630" s="2">
        <v>2.3849999999999998</v>
      </c>
      <c r="W15630" s="2">
        <v>1.7999999999999999E-2</v>
      </c>
      <c r="X15630" s="2">
        <v>139.1</v>
      </c>
      <c r="Y15630" s="2">
        <v>7.6</v>
      </c>
      <c r="Z15630" s="2">
        <v>16.7</v>
      </c>
      <c r="AA15630" s="5"/>
      <c r="AB15630" s="5" t="s">
        <v>43</v>
      </c>
      <c r="AC15630" s="5" t="s">
        <v>44</v>
      </c>
      <c r="AD15630" s="2"/>
      <c r="AE15630" s="1"/>
    </row>
    <row r="15631" spans="1:31" ht="14.45">
      <c r="A15631" s="11"/>
      <c r="B15631" s="20"/>
      <c r="C15631" s="2" t="s">
        <v>47850</v>
      </c>
      <c r="D15631" s="14" t="s">
        <v>47851</v>
      </c>
      <c r="E15631" s="2" t="s">
        <v>47852</v>
      </c>
      <c r="F15631" s="2" t="s">
        <v>41035</v>
      </c>
      <c r="G15631" s="8">
        <v>294</v>
      </c>
      <c r="H15631" s="5">
        <v>6</v>
      </c>
      <c r="I15631" s="5" t="s">
        <v>1518</v>
      </c>
      <c r="J15631" s="5" t="s">
        <v>40939</v>
      </c>
      <c r="K15631" s="2" t="s">
        <v>40940</v>
      </c>
      <c r="L15631" s="5" t="s">
        <v>40939</v>
      </c>
      <c r="M15631" s="2" t="s">
        <v>40940</v>
      </c>
      <c r="N15631" s="5" t="s">
        <v>36266</v>
      </c>
      <c r="O15631" s="5" t="s">
        <v>38</v>
      </c>
      <c r="P15631" s="5" t="s">
        <v>39</v>
      </c>
      <c r="Q15631" s="5" t="s">
        <v>40</v>
      </c>
      <c r="R15631" s="5" t="s">
        <v>1522</v>
      </c>
      <c r="S15631" s="5" t="s">
        <v>1523</v>
      </c>
      <c r="T15631" s="5" t="s">
        <v>42</v>
      </c>
      <c r="U15631" s="2">
        <v>3.0019999999999998</v>
      </c>
      <c r="V15631" s="2">
        <v>2.3849999999999998</v>
      </c>
      <c r="W15631" s="2">
        <v>1.7999999999999999E-2</v>
      </c>
      <c r="X15631" s="2">
        <v>139.1</v>
      </c>
      <c r="Y15631" s="2">
        <v>7.6</v>
      </c>
      <c r="Z15631" s="2">
        <v>16.7</v>
      </c>
      <c r="AA15631" s="5"/>
      <c r="AB15631" s="5" t="s">
        <v>43</v>
      </c>
      <c r="AC15631" s="5" t="s">
        <v>44</v>
      </c>
      <c r="AD15631" s="2"/>
      <c r="AE15631" s="1"/>
    </row>
    <row r="15632" spans="1:31" ht="14.45">
      <c r="A15632" s="11"/>
      <c r="B15632" s="20"/>
      <c r="C15632" s="2" t="s">
        <v>47853</v>
      </c>
      <c r="D15632" s="14" t="s">
        <v>47854</v>
      </c>
      <c r="E15632" s="2" t="s">
        <v>47855</v>
      </c>
      <c r="F15632" s="2" t="s">
        <v>7581</v>
      </c>
      <c r="G15632" s="8">
        <v>294</v>
      </c>
      <c r="H15632" s="5">
        <v>6</v>
      </c>
      <c r="I15632" s="5" t="s">
        <v>1518</v>
      </c>
      <c r="J15632" s="5" t="s">
        <v>40939</v>
      </c>
      <c r="K15632" s="2" t="s">
        <v>40940</v>
      </c>
      <c r="L15632" s="5" t="s">
        <v>40939</v>
      </c>
      <c r="M15632" s="2" t="s">
        <v>40940</v>
      </c>
      <c r="N15632" s="5" t="s">
        <v>36266</v>
      </c>
      <c r="O15632" s="5" t="s">
        <v>38</v>
      </c>
      <c r="P15632" s="5" t="s">
        <v>39</v>
      </c>
      <c r="Q15632" s="5" t="s">
        <v>40</v>
      </c>
      <c r="R15632" s="5" t="s">
        <v>1522</v>
      </c>
      <c r="S15632" s="5" t="s">
        <v>1523</v>
      </c>
      <c r="T15632" s="5" t="s">
        <v>42</v>
      </c>
      <c r="U15632" s="2">
        <v>3.0019999999999998</v>
      </c>
      <c r="V15632" s="2">
        <v>2.3849999999999998</v>
      </c>
      <c r="W15632" s="2">
        <v>1.7999999999999999E-2</v>
      </c>
      <c r="X15632" s="2">
        <v>139.1</v>
      </c>
      <c r="Y15632" s="2">
        <v>7.6</v>
      </c>
      <c r="Z15632" s="2">
        <v>16.7</v>
      </c>
      <c r="AA15632" s="5"/>
      <c r="AB15632" s="5" t="s">
        <v>43</v>
      </c>
      <c r="AC15632" s="5" t="s">
        <v>44</v>
      </c>
      <c r="AD15632" s="2"/>
      <c r="AE15632" s="1"/>
    </row>
    <row r="15633" spans="1:31" ht="14.45">
      <c r="A15633" s="11"/>
      <c r="B15633" s="20"/>
      <c r="C15633" s="2" t="s">
        <v>47856</v>
      </c>
      <c r="D15633" s="14" t="s">
        <v>47857</v>
      </c>
      <c r="E15633" s="2" t="s">
        <v>47858</v>
      </c>
      <c r="F15633" s="2" t="s">
        <v>41045</v>
      </c>
      <c r="G15633" s="8">
        <v>294</v>
      </c>
      <c r="H15633" s="5">
        <v>6</v>
      </c>
      <c r="I15633" s="5" t="s">
        <v>1518</v>
      </c>
      <c r="J15633" s="5" t="s">
        <v>40939</v>
      </c>
      <c r="K15633" s="2" t="s">
        <v>40940</v>
      </c>
      <c r="L15633" s="5" t="s">
        <v>40939</v>
      </c>
      <c r="M15633" s="2" t="s">
        <v>40940</v>
      </c>
      <c r="N15633" s="5" t="s">
        <v>36266</v>
      </c>
      <c r="O15633" s="5" t="s">
        <v>38</v>
      </c>
      <c r="P15633" s="5" t="s">
        <v>39</v>
      </c>
      <c r="Q15633" s="5" t="s">
        <v>40</v>
      </c>
      <c r="R15633" s="5" t="s">
        <v>1522</v>
      </c>
      <c r="S15633" s="5" t="s">
        <v>1523</v>
      </c>
      <c r="T15633" s="5" t="s">
        <v>42</v>
      </c>
      <c r="U15633" s="2">
        <v>2.9620000000000002</v>
      </c>
      <c r="V15633" s="2">
        <v>2.3450000000000002</v>
      </c>
      <c r="W15633" s="2">
        <v>1.7999999999999999E-2</v>
      </c>
      <c r="X15633" s="2">
        <v>139.1</v>
      </c>
      <c r="Y15633" s="2">
        <v>7.6</v>
      </c>
      <c r="Z15633" s="2">
        <v>16.7</v>
      </c>
      <c r="AA15633" s="5"/>
      <c r="AB15633" s="5" t="s">
        <v>43</v>
      </c>
      <c r="AC15633" s="5" t="s">
        <v>44</v>
      </c>
      <c r="AD15633" s="2"/>
      <c r="AE15633" s="1"/>
    </row>
    <row r="15634" spans="1:31" ht="14.45">
      <c r="A15634" s="11"/>
      <c r="B15634" s="20"/>
      <c r="C15634" s="2" t="s">
        <v>47859</v>
      </c>
      <c r="D15634" s="14" t="s">
        <v>47860</v>
      </c>
      <c r="E15634" s="2" t="s">
        <v>47861</v>
      </c>
      <c r="F15634" s="2" t="s">
        <v>41049</v>
      </c>
      <c r="G15634" s="8">
        <v>294</v>
      </c>
      <c r="H15634" s="5">
        <v>6</v>
      </c>
      <c r="I15634" s="5" t="s">
        <v>1518</v>
      </c>
      <c r="J15634" s="5" t="s">
        <v>40939</v>
      </c>
      <c r="K15634" s="2" t="s">
        <v>40940</v>
      </c>
      <c r="L15634" s="5" t="s">
        <v>40939</v>
      </c>
      <c r="M15634" s="2" t="s">
        <v>40940</v>
      </c>
      <c r="N15634" s="5" t="s">
        <v>36266</v>
      </c>
      <c r="O15634" s="5" t="s">
        <v>38</v>
      </c>
      <c r="P15634" s="5" t="s">
        <v>39</v>
      </c>
      <c r="Q15634" s="5" t="s">
        <v>40</v>
      </c>
      <c r="R15634" s="5" t="s">
        <v>1522</v>
      </c>
      <c r="S15634" s="5" t="s">
        <v>1523</v>
      </c>
      <c r="T15634" s="5" t="s">
        <v>42</v>
      </c>
      <c r="U15634" s="2">
        <v>3.056</v>
      </c>
      <c r="V15634" s="2">
        <v>2.4390000000000001</v>
      </c>
      <c r="W15634" s="2">
        <v>1.7999999999999999E-2</v>
      </c>
      <c r="X15634" s="2">
        <v>139.1</v>
      </c>
      <c r="Y15634" s="2">
        <v>7.6</v>
      </c>
      <c r="Z15634" s="2">
        <v>16.7</v>
      </c>
      <c r="AA15634" s="5"/>
      <c r="AB15634" s="5" t="s">
        <v>43</v>
      </c>
      <c r="AC15634" s="5" t="s">
        <v>44</v>
      </c>
      <c r="AD15634" s="2"/>
      <c r="AE15634" s="1"/>
    </row>
    <row r="15635" spans="1:31" ht="14.45">
      <c r="A15635" s="11"/>
      <c r="B15635" s="20"/>
      <c r="C15635" s="2" t="s">
        <v>47862</v>
      </c>
      <c r="D15635" s="14" t="s">
        <v>47863</v>
      </c>
      <c r="E15635" s="2" t="s">
        <v>47864</v>
      </c>
      <c r="F15635" s="2" t="s">
        <v>7204</v>
      </c>
      <c r="G15635" s="8">
        <v>281</v>
      </c>
      <c r="H15635" s="5">
        <v>6</v>
      </c>
      <c r="I15635" s="5" t="s">
        <v>1518</v>
      </c>
      <c r="J15635" s="5" t="s">
        <v>40939</v>
      </c>
      <c r="K15635" s="2" t="s">
        <v>40940</v>
      </c>
      <c r="L15635" s="5" t="s">
        <v>40939</v>
      </c>
      <c r="M15635" s="2" t="s">
        <v>40940</v>
      </c>
      <c r="N15635" s="5" t="s">
        <v>36266</v>
      </c>
      <c r="O15635" s="5" t="s">
        <v>38</v>
      </c>
      <c r="P15635" s="5" t="s">
        <v>39</v>
      </c>
      <c r="Q15635" s="5" t="s">
        <v>40</v>
      </c>
      <c r="R15635" s="5" t="s">
        <v>1522</v>
      </c>
      <c r="S15635" s="5" t="s">
        <v>1523</v>
      </c>
      <c r="T15635" s="5" t="s">
        <v>42</v>
      </c>
      <c r="U15635" s="2">
        <v>3.1549999999999998</v>
      </c>
      <c r="V15635" s="2">
        <v>2.4550000000000001</v>
      </c>
      <c r="W15635" s="2">
        <v>0.02</v>
      </c>
      <c r="X15635" s="2">
        <v>159.1</v>
      </c>
      <c r="Y15635" s="2">
        <v>7.6</v>
      </c>
      <c r="Z15635" s="2">
        <v>16.7</v>
      </c>
      <c r="AA15635" s="5"/>
      <c r="AB15635" s="5" t="s">
        <v>43</v>
      </c>
      <c r="AC15635" s="5" t="s">
        <v>44</v>
      </c>
      <c r="AD15635" s="2"/>
      <c r="AE15635" s="1"/>
    </row>
    <row r="15636" spans="1:31" ht="14.45">
      <c r="A15636" s="11"/>
      <c r="B15636" s="20"/>
      <c r="C15636" s="2" t="s">
        <v>47865</v>
      </c>
      <c r="D15636" s="14" t="s">
        <v>47866</v>
      </c>
      <c r="E15636" s="2" t="s">
        <v>47867</v>
      </c>
      <c r="F15636" s="2" t="s">
        <v>7514</v>
      </c>
      <c r="G15636" s="8">
        <v>281</v>
      </c>
      <c r="H15636" s="5">
        <v>6</v>
      </c>
      <c r="I15636" s="5" t="s">
        <v>1518</v>
      </c>
      <c r="J15636" s="5" t="s">
        <v>40939</v>
      </c>
      <c r="K15636" s="2" t="s">
        <v>40940</v>
      </c>
      <c r="L15636" s="5" t="s">
        <v>40939</v>
      </c>
      <c r="M15636" s="2" t="s">
        <v>40940</v>
      </c>
      <c r="N15636" s="5" t="s">
        <v>36266</v>
      </c>
      <c r="O15636" s="5" t="s">
        <v>38</v>
      </c>
      <c r="P15636" s="5" t="s">
        <v>39</v>
      </c>
      <c r="Q15636" s="5" t="s">
        <v>40</v>
      </c>
      <c r="R15636" s="5" t="s">
        <v>1522</v>
      </c>
      <c r="S15636" s="5" t="s">
        <v>1523</v>
      </c>
      <c r="T15636" s="5" t="s">
        <v>42</v>
      </c>
      <c r="U15636" s="2">
        <v>3.2610000000000001</v>
      </c>
      <c r="V15636" s="2">
        <v>2.5609999999999999</v>
      </c>
      <c r="W15636" s="2">
        <v>0.02</v>
      </c>
      <c r="X15636" s="2">
        <v>159.1</v>
      </c>
      <c r="Y15636" s="2">
        <v>7.6</v>
      </c>
      <c r="Z15636" s="2">
        <v>16.7</v>
      </c>
      <c r="AA15636" s="5"/>
      <c r="AB15636" s="5" t="s">
        <v>43</v>
      </c>
      <c r="AC15636" s="5" t="s">
        <v>44</v>
      </c>
      <c r="AD15636" s="2"/>
      <c r="AE15636" s="1"/>
    </row>
    <row r="15637" spans="1:31" ht="14.45">
      <c r="A15637" s="11"/>
      <c r="B15637" s="20"/>
      <c r="C15637" s="2" t="s">
        <v>47868</v>
      </c>
      <c r="D15637" s="14" t="s">
        <v>47869</v>
      </c>
      <c r="E15637" s="2" t="s">
        <v>47870</v>
      </c>
      <c r="F15637" s="2" t="s">
        <v>47195</v>
      </c>
      <c r="G15637" s="8">
        <v>303</v>
      </c>
      <c r="H15637" s="5">
        <v>6</v>
      </c>
      <c r="I15637" s="5" t="s">
        <v>1518</v>
      </c>
      <c r="J15637" s="5" t="s">
        <v>40939</v>
      </c>
      <c r="K15637" s="2" t="s">
        <v>40940</v>
      </c>
      <c r="L15637" s="5" t="s">
        <v>40939</v>
      </c>
      <c r="M15637" s="2" t="s">
        <v>40940</v>
      </c>
      <c r="N15637" s="5" t="s">
        <v>36266</v>
      </c>
      <c r="O15637" s="5" t="s">
        <v>38</v>
      </c>
      <c r="P15637" s="5" t="s">
        <v>39</v>
      </c>
      <c r="Q15637" s="5" t="s">
        <v>40</v>
      </c>
      <c r="R15637" s="5" t="s">
        <v>1522</v>
      </c>
      <c r="S15637" s="5" t="s">
        <v>1523</v>
      </c>
      <c r="T15637" s="5" t="s">
        <v>42</v>
      </c>
      <c r="U15637" s="2">
        <v>3.282</v>
      </c>
      <c r="V15637" s="2">
        <v>2.5819999999999999</v>
      </c>
      <c r="W15637" s="2">
        <v>0.02</v>
      </c>
      <c r="X15637" s="2">
        <v>159.1</v>
      </c>
      <c r="Y15637" s="2">
        <v>7.6</v>
      </c>
      <c r="Z15637" s="2">
        <v>16.7</v>
      </c>
      <c r="AA15637" s="5"/>
      <c r="AB15637" s="5" t="s">
        <v>43</v>
      </c>
      <c r="AC15637" s="5" t="s">
        <v>44</v>
      </c>
      <c r="AD15637" s="2"/>
      <c r="AE15637" s="1"/>
    </row>
    <row r="15638" spans="1:31" ht="14.45">
      <c r="A15638" s="11"/>
      <c r="B15638" s="20"/>
      <c r="C15638" s="2" t="s">
        <v>47871</v>
      </c>
      <c r="D15638" s="14" t="s">
        <v>47872</v>
      </c>
      <c r="E15638" s="2" t="s">
        <v>47873</v>
      </c>
      <c r="F15638" s="2" t="s">
        <v>7208</v>
      </c>
      <c r="G15638" s="8">
        <v>281</v>
      </c>
      <c r="H15638" s="5">
        <v>6</v>
      </c>
      <c r="I15638" s="5" t="s">
        <v>1518</v>
      </c>
      <c r="J15638" s="5" t="s">
        <v>40939</v>
      </c>
      <c r="K15638" s="2" t="s">
        <v>40940</v>
      </c>
      <c r="L15638" s="5" t="s">
        <v>40939</v>
      </c>
      <c r="M15638" s="2" t="s">
        <v>40940</v>
      </c>
      <c r="N15638" s="5" t="s">
        <v>36266</v>
      </c>
      <c r="O15638" s="5" t="s">
        <v>38</v>
      </c>
      <c r="P15638" s="5" t="s">
        <v>39</v>
      </c>
      <c r="Q15638" s="5" t="s">
        <v>40</v>
      </c>
      <c r="R15638" s="5" t="s">
        <v>1522</v>
      </c>
      <c r="S15638" s="5" t="s">
        <v>1523</v>
      </c>
      <c r="T15638" s="5" t="s">
        <v>42</v>
      </c>
      <c r="U15638" s="2">
        <v>3.1859999999999999</v>
      </c>
      <c r="V15638" s="2">
        <v>2.4860000000000002</v>
      </c>
      <c r="W15638" s="2">
        <v>0.02</v>
      </c>
      <c r="X15638" s="2">
        <v>159.1</v>
      </c>
      <c r="Y15638" s="2">
        <v>7.6</v>
      </c>
      <c r="Z15638" s="2">
        <v>16.7</v>
      </c>
      <c r="AA15638" s="5"/>
      <c r="AB15638" s="5" t="s">
        <v>43</v>
      </c>
      <c r="AC15638" s="5" t="s">
        <v>44</v>
      </c>
      <c r="AD15638" s="2"/>
      <c r="AE15638" s="1"/>
    </row>
    <row r="15639" spans="1:31" ht="14.45">
      <c r="A15639" s="11"/>
      <c r="B15639" s="20"/>
      <c r="C15639" s="2" t="s">
        <v>47874</v>
      </c>
      <c r="D15639" s="14" t="s">
        <v>47875</v>
      </c>
      <c r="E15639" s="2" t="s">
        <v>47876</v>
      </c>
      <c r="F15639" s="2" t="s">
        <v>7521</v>
      </c>
      <c r="G15639" s="8">
        <v>281</v>
      </c>
      <c r="H15639" s="5">
        <v>6</v>
      </c>
      <c r="I15639" s="5" t="s">
        <v>1518</v>
      </c>
      <c r="J15639" s="5" t="s">
        <v>40939</v>
      </c>
      <c r="K15639" s="2" t="s">
        <v>40940</v>
      </c>
      <c r="L15639" s="5" t="s">
        <v>40939</v>
      </c>
      <c r="M15639" s="2" t="s">
        <v>40940</v>
      </c>
      <c r="N15639" s="5" t="s">
        <v>36266</v>
      </c>
      <c r="O15639" s="5" t="s">
        <v>38</v>
      </c>
      <c r="P15639" s="5" t="s">
        <v>39</v>
      </c>
      <c r="Q15639" s="5" t="s">
        <v>40</v>
      </c>
      <c r="R15639" s="5" t="s">
        <v>1522</v>
      </c>
      <c r="S15639" s="5" t="s">
        <v>1523</v>
      </c>
      <c r="T15639" s="5" t="s">
        <v>42</v>
      </c>
      <c r="U15639" s="2">
        <v>3.2919999999999998</v>
      </c>
      <c r="V15639" s="2">
        <v>2.5920000000000001</v>
      </c>
      <c r="W15639" s="2">
        <v>0.02</v>
      </c>
      <c r="X15639" s="2">
        <v>159.1</v>
      </c>
      <c r="Y15639" s="2">
        <v>7.6</v>
      </c>
      <c r="Z15639" s="2">
        <v>16.7</v>
      </c>
      <c r="AA15639" s="5"/>
      <c r="AB15639" s="5" t="s">
        <v>43</v>
      </c>
      <c r="AC15639" s="5" t="s">
        <v>44</v>
      </c>
      <c r="AD15639" s="2"/>
      <c r="AE15639" s="1"/>
    </row>
    <row r="15640" spans="1:31" ht="14.45">
      <c r="A15640" s="11"/>
      <c r="B15640" s="20"/>
      <c r="C15640" s="2" t="s">
        <v>47877</v>
      </c>
      <c r="D15640" s="14" t="s">
        <v>47878</v>
      </c>
      <c r="E15640" s="2" t="s">
        <v>47879</v>
      </c>
      <c r="F15640" s="2" t="s">
        <v>36273</v>
      </c>
      <c r="G15640" s="8">
        <v>281</v>
      </c>
      <c r="H15640" s="5">
        <v>6</v>
      </c>
      <c r="I15640" s="5" t="s">
        <v>1518</v>
      </c>
      <c r="J15640" s="5" t="s">
        <v>40939</v>
      </c>
      <c r="K15640" s="2" t="s">
        <v>40940</v>
      </c>
      <c r="L15640" s="5" t="s">
        <v>40939</v>
      </c>
      <c r="M15640" s="2" t="s">
        <v>40940</v>
      </c>
      <c r="N15640" s="5" t="s">
        <v>36266</v>
      </c>
      <c r="O15640" s="5" t="s">
        <v>38</v>
      </c>
      <c r="P15640" s="5" t="s">
        <v>39</v>
      </c>
      <c r="Q15640" s="5" t="s">
        <v>40</v>
      </c>
      <c r="R15640" s="5" t="s">
        <v>1522</v>
      </c>
      <c r="S15640" s="5" t="s">
        <v>1523</v>
      </c>
      <c r="T15640" s="5" t="s">
        <v>42</v>
      </c>
      <c r="U15640" s="2">
        <v>3.2069999999999999</v>
      </c>
      <c r="V15640" s="2">
        <v>2.5070000000000001</v>
      </c>
      <c r="W15640" s="2">
        <v>0.02</v>
      </c>
      <c r="X15640" s="2">
        <v>159.1</v>
      </c>
      <c r="Y15640" s="2">
        <v>7.6</v>
      </c>
      <c r="Z15640" s="2">
        <v>16.7</v>
      </c>
      <c r="AA15640" s="5"/>
      <c r="AB15640" s="5" t="s">
        <v>43</v>
      </c>
      <c r="AC15640" s="5" t="s">
        <v>44</v>
      </c>
      <c r="AD15640" s="2"/>
      <c r="AE15640" s="1"/>
    </row>
    <row r="15641" spans="1:31" ht="14.45">
      <c r="A15641" s="11"/>
      <c r="B15641" s="20"/>
      <c r="C15641" s="2" t="s">
        <v>47880</v>
      </c>
      <c r="D15641" s="14" t="s">
        <v>47881</v>
      </c>
      <c r="E15641" s="2" t="s">
        <v>47882</v>
      </c>
      <c r="F15641" s="2" t="s">
        <v>40967</v>
      </c>
      <c r="G15641" s="8">
        <v>303</v>
      </c>
      <c r="H15641" s="5">
        <v>6</v>
      </c>
      <c r="I15641" s="5" t="s">
        <v>1518</v>
      </c>
      <c r="J15641" s="5" t="s">
        <v>40939</v>
      </c>
      <c r="K15641" s="2" t="s">
        <v>40940</v>
      </c>
      <c r="L15641" s="5" t="s">
        <v>40939</v>
      </c>
      <c r="M15641" s="2" t="s">
        <v>40940</v>
      </c>
      <c r="N15641" s="5" t="s">
        <v>36266</v>
      </c>
      <c r="O15641" s="5" t="s">
        <v>38</v>
      </c>
      <c r="P15641" s="5" t="s">
        <v>39</v>
      </c>
      <c r="Q15641" s="5" t="s">
        <v>40</v>
      </c>
      <c r="R15641" s="5" t="s">
        <v>1522</v>
      </c>
      <c r="S15641" s="5" t="s">
        <v>1523</v>
      </c>
      <c r="T15641" s="5" t="s">
        <v>42</v>
      </c>
      <c r="U15641" s="2">
        <v>3.1859999999999999</v>
      </c>
      <c r="V15641" s="2">
        <v>2.4860000000000002</v>
      </c>
      <c r="W15641" s="2">
        <v>0.02</v>
      </c>
      <c r="X15641" s="2">
        <v>159.1</v>
      </c>
      <c r="Y15641" s="2">
        <v>7.6</v>
      </c>
      <c r="Z15641" s="2">
        <v>16.7</v>
      </c>
      <c r="AA15641" s="5"/>
      <c r="AB15641" s="5" t="s">
        <v>43</v>
      </c>
      <c r="AC15641" s="5" t="s">
        <v>44</v>
      </c>
      <c r="AD15641" s="2"/>
      <c r="AE15641" s="1"/>
    </row>
    <row r="15642" spans="1:31" ht="14.45">
      <c r="A15642" s="11"/>
      <c r="B15642" s="20"/>
      <c r="C15642" s="2" t="s">
        <v>47883</v>
      </c>
      <c r="D15642" s="14" t="s">
        <v>47884</v>
      </c>
      <c r="E15642" s="2" t="s">
        <v>47885</v>
      </c>
      <c r="F15642" s="2" t="s">
        <v>40971</v>
      </c>
      <c r="G15642" s="8">
        <v>303</v>
      </c>
      <c r="H15642" s="5">
        <v>6</v>
      </c>
      <c r="I15642" s="5" t="s">
        <v>1518</v>
      </c>
      <c r="J15642" s="5" t="s">
        <v>40939</v>
      </c>
      <c r="K15642" s="2" t="s">
        <v>40940</v>
      </c>
      <c r="L15642" s="5" t="s">
        <v>40939</v>
      </c>
      <c r="M15642" s="2" t="s">
        <v>40940</v>
      </c>
      <c r="N15642" s="5" t="s">
        <v>36266</v>
      </c>
      <c r="O15642" s="5" t="s">
        <v>38</v>
      </c>
      <c r="P15642" s="5" t="s">
        <v>39</v>
      </c>
      <c r="Q15642" s="5" t="s">
        <v>40</v>
      </c>
      <c r="R15642" s="5" t="s">
        <v>1522</v>
      </c>
      <c r="S15642" s="5" t="s">
        <v>1523</v>
      </c>
      <c r="T15642" s="5" t="s">
        <v>42</v>
      </c>
      <c r="U15642" s="2">
        <v>3.2919999999999998</v>
      </c>
      <c r="V15642" s="2">
        <v>2.5920000000000001</v>
      </c>
      <c r="W15642" s="2">
        <v>0.02</v>
      </c>
      <c r="X15642" s="2">
        <v>159.1</v>
      </c>
      <c r="Y15642" s="2">
        <v>7.6</v>
      </c>
      <c r="Z15642" s="2">
        <v>16.7</v>
      </c>
      <c r="AA15642" s="5"/>
      <c r="AB15642" s="5" t="s">
        <v>43</v>
      </c>
      <c r="AC15642" s="5" t="s">
        <v>44</v>
      </c>
      <c r="AD15642" s="2"/>
      <c r="AE15642" s="1"/>
    </row>
    <row r="15643" spans="1:31" ht="14.45">
      <c r="A15643" s="11"/>
      <c r="B15643" s="20"/>
      <c r="C15643" s="2" t="s">
        <v>47886</v>
      </c>
      <c r="D15643" s="14" t="s">
        <v>47887</v>
      </c>
      <c r="E15643" s="2" t="s">
        <v>47888</v>
      </c>
      <c r="F15643" s="2" t="s">
        <v>7543</v>
      </c>
      <c r="G15643" s="8">
        <v>303</v>
      </c>
      <c r="H15643" s="5">
        <v>6</v>
      </c>
      <c r="I15643" s="5" t="s">
        <v>1518</v>
      </c>
      <c r="J15643" s="5" t="s">
        <v>40939</v>
      </c>
      <c r="K15643" s="2" t="s">
        <v>40940</v>
      </c>
      <c r="L15643" s="5" t="s">
        <v>40939</v>
      </c>
      <c r="M15643" s="2" t="s">
        <v>40940</v>
      </c>
      <c r="N15643" s="5" t="s">
        <v>36266</v>
      </c>
      <c r="O15643" s="5" t="s">
        <v>38</v>
      </c>
      <c r="P15643" s="5" t="s">
        <v>39</v>
      </c>
      <c r="Q15643" s="5" t="s">
        <v>40</v>
      </c>
      <c r="R15643" s="5" t="s">
        <v>1522</v>
      </c>
      <c r="S15643" s="5" t="s">
        <v>1523</v>
      </c>
      <c r="T15643" s="5" t="s">
        <v>42</v>
      </c>
      <c r="U15643" s="2">
        <v>3.24</v>
      </c>
      <c r="V15643" s="2">
        <v>2.54</v>
      </c>
      <c r="W15643" s="2">
        <v>0.02</v>
      </c>
      <c r="X15643" s="2">
        <v>159.1</v>
      </c>
      <c r="Y15643" s="2">
        <v>7.6</v>
      </c>
      <c r="Z15643" s="2">
        <v>16.7</v>
      </c>
      <c r="AA15643" s="5"/>
      <c r="AB15643" s="5" t="s">
        <v>43</v>
      </c>
      <c r="AC15643" s="5" t="s">
        <v>44</v>
      </c>
      <c r="AD15643" s="2"/>
      <c r="AE15643" s="1"/>
    </row>
    <row r="15644" spans="1:31" ht="14.45">
      <c r="A15644" s="11"/>
      <c r="B15644" s="20"/>
      <c r="C15644" s="2" t="s">
        <v>47889</v>
      </c>
      <c r="D15644" s="14" t="s">
        <v>47890</v>
      </c>
      <c r="E15644" s="2" t="s">
        <v>47891</v>
      </c>
      <c r="F15644" s="2" t="s">
        <v>40993</v>
      </c>
      <c r="G15644" s="8">
        <v>303</v>
      </c>
      <c r="H15644" s="5">
        <v>6</v>
      </c>
      <c r="I15644" s="5" t="s">
        <v>1518</v>
      </c>
      <c r="J15644" s="5" t="s">
        <v>40939</v>
      </c>
      <c r="K15644" s="2" t="s">
        <v>40940</v>
      </c>
      <c r="L15644" s="5" t="s">
        <v>40939</v>
      </c>
      <c r="M15644" s="2" t="s">
        <v>40940</v>
      </c>
      <c r="N15644" s="5" t="s">
        <v>36266</v>
      </c>
      <c r="O15644" s="5" t="s">
        <v>38</v>
      </c>
      <c r="P15644" s="5" t="s">
        <v>39</v>
      </c>
      <c r="Q15644" s="5" t="s">
        <v>40</v>
      </c>
      <c r="R15644" s="5" t="s">
        <v>1522</v>
      </c>
      <c r="S15644" s="5" t="s">
        <v>1523</v>
      </c>
      <c r="T15644" s="5" t="s">
        <v>42</v>
      </c>
      <c r="U15644" s="2">
        <v>3.2919999999999998</v>
      </c>
      <c r="V15644" s="2">
        <v>2.5920000000000001</v>
      </c>
      <c r="W15644" s="2">
        <v>0.02</v>
      </c>
      <c r="X15644" s="2">
        <v>159.1</v>
      </c>
      <c r="Y15644" s="2">
        <v>7.6</v>
      </c>
      <c r="Z15644" s="2">
        <v>16.7</v>
      </c>
      <c r="AA15644" s="5"/>
      <c r="AB15644" s="5" t="s">
        <v>43</v>
      </c>
      <c r="AC15644" s="5" t="s">
        <v>44</v>
      </c>
      <c r="AD15644" s="2"/>
      <c r="AE15644" s="1"/>
    </row>
    <row r="15645" spans="1:31" ht="14.45">
      <c r="A15645" s="11"/>
      <c r="B15645" s="20"/>
      <c r="C15645" s="2" t="s">
        <v>47892</v>
      </c>
      <c r="D15645" s="14" t="s">
        <v>47893</v>
      </c>
      <c r="E15645" s="2" t="s">
        <v>47894</v>
      </c>
      <c r="F15645" s="2" t="s">
        <v>41267</v>
      </c>
      <c r="G15645" s="8">
        <v>303</v>
      </c>
      <c r="H15645" s="5">
        <v>6</v>
      </c>
      <c r="I15645" s="5" t="s">
        <v>1518</v>
      </c>
      <c r="J15645" s="5" t="s">
        <v>40939</v>
      </c>
      <c r="K15645" s="2" t="s">
        <v>40940</v>
      </c>
      <c r="L15645" s="5" t="s">
        <v>40939</v>
      </c>
      <c r="M15645" s="2" t="s">
        <v>40940</v>
      </c>
      <c r="N15645" s="5" t="s">
        <v>36266</v>
      </c>
      <c r="O15645" s="5" t="s">
        <v>38</v>
      </c>
      <c r="P15645" s="5" t="s">
        <v>39</v>
      </c>
      <c r="Q15645" s="5" t="s">
        <v>40</v>
      </c>
      <c r="R15645" s="5" t="s">
        <v>1522</v>
      </c>
      <c r="S15645" s="5" t="s">
        <v>1523</v>
      </c>
      <c r="T15645" s="5" t="s">
        <v>42</v>
      </c>
      <c r="U15645" s="2">
        <v>3.2509999999999999</v>
      </c>
      <c r="V15645" s="2">
        <v>2.5510000000000002</v>
      </c>
      <c r="W15645" s="2">
        <v>0.02</v>
      </c>
      <c r="X15645" s="2">
        <v>159.1</v>
      </c>
      <c r="Y15645" s="2">
        <v>7.6</v>
      </c>
      <c r="Z15645" s="2">
        <v>16.7</v>
      </c>
      <c r="AA15645" s="5"/>
      <c r="AB15645" s="5" t="s">
        <v>43</v>
      </c>
      <c r="AC15645" s="5" t="s">
        <v>44</v>
      </c>
      <c r="AD15645" s="2"/>
      <c r="AE15645" s="1"/>
    </row>
    <row r="15646" spans="1:31" ht="14.45">
      <c r="A15646" s="11"/>
      <c r="B15646" s="20"/>
      <c r="C15646" s="2" t="s">
        <v>47895</v>
      </c>
      <c r="D15646" s="14" t="s">
        <v>47896</v>
      </c>
      <c r="E15646" s="2" t="s">
        <v>47897</v>
      </c>
      <c r="F15646" s="2" t="s">
        <v>7396</v>
      </c>
      <c r="G15646" s="8">
        <v>281</v>
      </c>
      <c r="H15646" s="5">
        <v>6</v>
      </c>
      <c r="I15646" s="5" t="s">
        <v>1518</v>
      </c>
      <c r="J15646" s="5" t="s">
        <v>40939</v>
      </c>
      <c r="K15646" s="2" t="s">
        <v>40940</v>
      </c>
      <c r="L15646" s="5" t="s">
        <v>40939</v>
      </c>
      <c r="M15646" s="2" t="s">
        <v>40940</v>
      </c>
      <c r="N15646" s="5" t="s">
        <v>36266</v>
      </c>
      <c r="O15646" s="5" t="s">
        <v>38</v>
      </c>
      <c r="P15646" s="5" t="s">
        <v>39</v>
      </c>
      <c r="Q15646" s="5" t="s">
        <v>40</v>
      </c>
      <c r="R15646" s="5" t="s">
        <v>1522</v>
      </c>
      <c r="S15646" s="5" t="s">
        <v>1523</v>
      </c>
      <c r="T15646" s="5" t="s">
        <v>42</v>
      </c>
      <c r="U15646" s="2">
        <v>3.1960000000000002</v>
      </c>
      <c r="V15646" s="2">
        <v>2.496</v>
      </c>
      <c r="W15646" s="2">
        <v>0.02</v>
      </c>
      <c r="X15646" s="2">
        <v>159.1</v>
      </c>
      <c r="Y15646" s="2">
        <v>7.6</v>
      </c>
      <c r="Z15646" s="2">
        <v>16.7</v>
      </c>
      <c r="AA15646" s="5"/>
      <c r="AB15646" s="5" t="s">
        <v>43</v>
      </c>
      <c r="AC15646" s="5" t="s">
        <v>44</v>
      </c>
      <c r="AD15646" s="2"/>
      <c r="AE15646" s="1"/>
    </row>
    <row r="15647" spans="1:31" ht="14.45">
      <c r="A15647" s="11"/>
      <c r="B15647" s="20"/>
      <c r="C15647" s="2" t="s">
        <v>47898</v>
      </c>
      <c r="D15647" s="14" t="s">
        <v>47899</v>
      </c>
      <c r="E15647" s="2" t="s">
        <v>47900</v>
      </c>
      <c r="F15647" s="2" t="s">
        <v>7507</v>
      </c>
      <c r="G15647" s="8">
        <v>281</v>
      </c>
      <c r="H15647" s="5">
        <v>6</v>
      </c>
      <c r="I15647" s="5" t="s">
        <v>1518</v>
      </c>
      <c r="J15647" s="5" t="s">
        <v>40939</v>
      </c>
      <c r="K15647" s="2" t="s">
        <v>40940</v>
      </c>
      <c r="L15647" s="5" t="s">
        <v>40939</v>
      </c>
      <c r="M15647" s="2" t="s">
        <v>40940</v>
      </c>
      <c r="N15647" s="5" t="s">
        <v>36266</v>
      </c>
      <c r="O15647" s="5" t="s">
        <v>38</v>
      </c>
      <c r="P15647" s="5" t="s">
        <v>39</v>
      </c>
      <c r="Q15647" s="5" t="s">
        <v>40</v>
      </c>
      <c r="R15647" s="5" t="s">
        <v>1522</v>
      </c>
      <c r="S15647" s="5" t="s">
        <v>1523</v>
      </c>
      <c r="T15647" s="5" t="s">
        <v>42</v>
      </c>
      <c r="U15647" s="2">
        <v>3.302</v>
      </c>
      <c r="V15647" s="2">
        <v>2.6019999999999999</v>
      </c>
      <c r="W15647" s="2">
        <v>0.02</v>
      </c>
      <c r="X15647" s="2">
        <v>159.1</v>
      </c>
      <c r="Y15647" s="2">
        <v>7.6</v>
      </c>
      <c r="Z15647" s="2">
        <v>16.7</v>
      </c>
      <c r="AA15647" s="5"/>
      <c r="AB15647" s="5" t="s">
        <v>43</v>
      </c>
      <c r="AC15647" s="5" t="s">
        <v>44</v>
      </c>
      <c r="AD15647" s="2"/>
      <c r="AE15647" s="1"/>
    </row>
    <row r="15648" spans="1:31" ht="14.45">
      <c r="A15648" s="11"/>
      <c r="B15648" s="20"/>
      <c r="C15648" s="2" t="s">
        <v>47901</v>
      </c>
      <c r="D15648" s="14" t="s">
        <v>47902</v>
      </c>
      <c r="E15648" s="2" t="s">
        <v>47903</v>
      </c>
      <c r="F15648" s="2" t="s">
        <v>41027</v>
      </c>
      <c r="G15648" s="8">
        <v>303</v>
      </c>
      <c r="H15648" s="5">
        <v>6</v>
      </c>
      <c r="I15648" s="5" t="s">
        <v>1518</v>
      </c>
      <c r="J15648" s="5" t="s">
        <v>40939</v>
      </c>
      <c r="K15648" s="2" t="s">
        <v>40940</v>
      </c>
      <c r="L15648" s="5" t="s">
        <v>40939</v>
      </c>
      <c r="M15648" s="2" t="s">
        <v>40940</v>
      </c>
      <c r="N15648" s="5" t="s">
        <v>36266</v>
      </c>
      <c r="O15648" s="5" t="s">
        <v>38</v>
      </c>
      <c r="P15648" s="5" t="s">
        <v>39</v>
      </c>
      <c r="Q15648" s="5" t="s">
        <v>40</v>
      </c>
      <c r="R15648" s="5" t="s">
        <v>1522</v>
      </c>
      <c r="S15648" s="5" t="s">
        <v>1523</v>
      </c>
      <c r="T15648" s="5" t="s">
        <v>42</v>
      </c>
      <c r="U15648" s="2">
        <v>3.2509999999999999</v>
      </c>
      <c r="V15648" s="2">
        <v>2.5510000000000002</v>
      </c>
      <c r="W15648" s="2">
        <v>0.02</v>
      </c>
      <c r="X15648" s="2">
        <v>159.1</v>
      </c>
      <c r="Y15648" s="2">
        <v>7.6</v>
      </c>
      <c r="Z15648" s="2">
        <v>16.7</v>
      </c>
      <c r="AA15648" s="5"/>
      <c r="AB15648" s="5" t="s">
        <v>43</v>
      </c>
      <c r="AC15648" s="5" t="s">
        <v>44</v>
      </c>
      <c r="AD15648" s="2"/>
      <c r="AE15648" s="1"/>
    </row>
    <row r="15649" spans="1:31" ht="14.45">
      <c r="A15649" s="11"/>
      <c r="B15649" s="20"/>
      <c r="C15649" s="2" t="s">
        <v>47904</v>
      </c>
      <c r="D15649" s="14" t="s">
        <v>47905</v>
      </c>
      <c r="E15649" s="2" t="s">
        <v>47906</v>
      </c>
      <c r="F15649" s="2" t="s">
        <v>41031</v>
      </c>
      <c r="G15649" s="8">
        <v>303</v>
      </c>
      <c r="H15649" s="5">
        <v>6</v>
      </c>
      <c r="I15649" s="5" t="s">
        <v>1518</v>
      </c>
      <c r="J15649" s="5" t="s">
        <v>40939</v>
      </c>
      <c r="K15649" s="2" t="s">
        <v>40940</v>
      </c>
      <c r="L15649" s="5" t="s">
        <v>40939</v>
      </c>
      <c r="M15649" s="2" t="s">
        <v>40940</v>
      </c>
      <c r="N15649" s="5" t="s">
        <v>36266</v>
      </c>
      <c r="O15649" s="5" t="s">
        <v>38</v>
      </c>
      <c r="P15649" s="5" t="s">
        <v>39</v>
      </c>
      <c r="Q15649" s="5" t="s">
        <v>40</v>
      </c>
      <c r="R15649" s="5" t="s">
        <v>1522</v>
      </c>
      <c r="S15649" s="5" t="s">
        <v>1523</v>
      </c>
      <c r="T15649" s="5" t="s">
        <v>42</v>
      </c>
      <c r="U15649" s="2">
        <v>3.145</v>
      </c>
      <c r="V15649" s="2">
        <v>2.4449999999999998</v>
      </c>
      <c r="W15649" s="2">
        <v>0.02</v>
      </c>
      <c r="X15649" s="2">
        <v>159.1</v>
      </c>
      <c r="Y15649" s="2">
        <v>7.6</v>
      </c>
      <c r="Z15649" s="2">
        <v>16.7</v>
      </c>
      <c r="AA15649" s="5"/>
      <c r="AB15649" s="5" t="s">
        <v>43</v>
      </c>
      <c r="AC15649" s="5" t="s">
        <v>44</v>
      </c>
      <c r="AD15649" s="2"/>
      <c r="AE15649" s="1"/>
    </row>
    <row r="15650" spans="1:31" ht="14.45">
      <c r="A15650" s="11"/>
      <c r="B15650" s="20"/>
      <c r="C15650" s="2" t="s">
        <v>47907</v>
      </c>
      <c r="D15650" s="14" t="s">
        <v>47908</v>
      </c>
      <c r="E15650" s="2" t="s">
        <v>47909</v>
      </c>
      <c r="F15650" s="2" t="s">
        <v>41035</v>
      </c>
      <c r="G15650" s="8">
        <v>303</v>
      </c>
      <c r="H15650" s="5">
        <v>6</v>
      </c>
      <c r="I15650" s="5" t="s">
        <v>1518</v>
      </c>
      <c r="J15650" s="5" t="s">
        <v>40939</v>
      </c>
      <c r="K15650" s="2" t="s">
        <v>40940</v>
      </c>
      <c r="L15650" s="5" t="s">
        <v>40939</v>
      </c>
      <c r="M15650" s="2" t="s">
        <v>40940</v>
      </c>
      <c r="N15650" s="5" t="s">
        <v>36266</v>
      </c>
      <c r="O15650" s="5" t="s">
        <v>38</v>
      </c>
      <c r="P15650" s="5" t="s">
        <v>39</v>
      </c>
      <c r="Q15650" s="5" t="s">
        <v>40</v>
      </c>
      <c r="R15650" s="5" t="s">
        <v>1522</v>
      </c>
      <c r="S15650" s="5" t="s">
        <v>1523</v>
      </c>
      <c r="T15650" s="5" t="s">
        <v>42</v>
      </c>
      <c r="U15650" s="2">
        <v>3.2509999999999999</v>
      </c>
      <c r="V15650" s="2">
        <v>2.5510000000000002</v>
      </c>
      <c r="W15650" s="2">
        <v>0.02</v>
      </c>
      <c r="X15650" s="2">
        <v>159.1</v>
      </c>
      <c r="Y15650" s="2">
        <v>7.6</v>
      </c>
      <c r="Z15650" s="2">
        <v>16.7</v>
      </c>
      <c r="AA15650" s="5"/>
      <c r="AB15650" s="5" t="s">
        <v>43</v>
      </c>
      <c r="AC15650" s="5" t="s">
        <v>44</v>
      </c>
      <c r="AD15650" s="2"/>
      <c r="AE15650" s="1"/>
    </row>
    <row r="15651" spans="1:31" ht="14.45">
      <c r="A15651" s="11"/>
      <c r="B15651" s="20"/>
      <c r="C15651" s="2" t="s">
        <v>47910</v>
      </c>
      <c r="D15651" s="14" t="s">
        <v>47911</v>
      </c>
      <c r="E15651" s="2" t="s">
        <v>47912</v>
      </c>
      <c r="F15651" s="2" t="s">
        <v>7204</v>
      </c>
      <c r="G15651" s="8">
        <v>293</v>
      </c>
      <c r="H15651" s="5">
        <v>6</v>
      </c>
      <c r="I15651" s="5" t="s">
        <v>1518</v>
      </c>
      <c r="J15651" s="5" t="s">
        <v>40939</v>
      </c>
      <c r="K15651" s="2" t="s">
        <v>40940</v>
      </c>
      <c r="L15651" s="5" t="s">
        <v>40939</v>
      </c>
      <c r="M15651" s="2" t="s">
        <v>40940</v>
      </c>
      <c r="N15651" s="5" t="s">
        <v>36266</v>
      </c>
      <c r="O15651" s="5" t="s">
        <v>38</v>
      </c>
      <c r="P15651" s="5" t="s">
        <v>39</v>
      </c>
      <c r="Q15651" s="5" t="s">
        <v>40</v>
      </c>
      <c r="R15651" s="5" t="s">
        <v>1522</v>
      </c>
      <c r="S15651" s="5" t="s">
        <v>1523</v>
      </c>
      <c r="T15651" s="5" t="s">
        <v>42</v>
      </c>
      <c r="U15651" s="2">
        <v>3.3639999999999999</v>
      </c>
      <c r="V15651" s="2">
        <v>2.5960000000000001</v>
      </c>
      <c r="W15651" s="2">
        <v>2.1000000000000001E-2</v>
      </c>
      <c r="X15651" s="2">
        <v>165.1</v>
      </c>
      <c r="Y15651" s="2">
        <v>7.6</v>
      </c>
      <c r="Z15651" s="2">
        <v>16.7</v>
      </c>
      <c r="AA15651" s="5"/>
      <c r="AB15651" s="5" t="s">
        <v>43</v>
      </c>
      <c r="AC15651" s="5" t="s">
        <v>44</v>
      </c>
      <c r="AD15651" s="2"/>
      <c r="AE15651" s="1"/>
    </row>
    <row r="15652" spans="1:31" ht="14.45">
      <c r="A15652" s="11"/>
      <c r="B15652" s="20"/>
      <c r="C15652" s="2" t="s">
        <v>47913</v>
      </c>
      <c r="D15652" s="14" t="s">
        <v>47914</v>
      </c>
      <c r="E15652" s="2" t="s">
        <v>47915</v>
      </c>
      <c r="F15652" s="2" t="s">
        <v>7514</v>
      </c>
      <c r="G15652" s="8">
        <v>293</v>
      </c>
      <c r="H15652" s="5">
        <v>6</v>
      </c>
      <c r="I15652" s="5" t="s">
        <v>1518</v>
      </c>
      <c r="J15652" s="5" t="s">
        <v>40939</v>
      </c>
      <c r="K15652" s="2" t="s">
        <v>40940</v>
      </c>
      <c r="L15652" s="5" t="s">
        <v>40939</v>
      </c>
      <c r="M15652" s="2" t="s">
        <v>40940</v>
      </c>
      <c r="N15652" s="5" t="s">
        <v>36266</v>
      </c>
      <c r="O15652" s="5" t="s">
        <v>38</v>
      </c>
      <c r="P15652" s="5" t="s">
        <v>39</v>
      </c>
      <c r="Q15652" s="5" t="s">
        <v>40</v>
      </c>
      <c r="R15652" s="5" t="s">
        <v>1522</v>
      </c>
      <c r="S15652" s="5" t="s">
        <v>1523</v>
      </c>
      <c r="T15652" s="5" t="s">
        <v>42</v>
      </c>
      <c r="U15652" s="2">
        <v>3.4809999999999999</v>
      </c>
      <c r="V15652" s="2">
        <v>2.7130000000000001</v>
      </c>
      <c r="W15652" s="2">
        <v>2.1000000000000001E-2</v>
      </c>
      <c r="X15652" s="2">
        <v>165.1</v>
      </c>
      <c r="Y15652" s="2">
        <v>7.6</v>
      </c>
      <c r="Z15652" s="2">
        <v>16.7</v>
      </c>
      <c r="AA15652" s="5"/>
      <c r="AB15652" s="5" t="s">
        <v>43</v>
      </c>
      <c r="AC15652" s="5" t="s">
        <v>44</v>
      </c>
      <c r="AD15652" s="2"/>
      <c r="AE15652" s="1"/>
    </row>
    <row r="15653" spans="1:31" ht="14.45">
      <c r="A15653" s="11"/>
      <c r="B15653" s="20"/>
      <c r="C15653" s="2" t="s">
        <v>47916</v>
      </c>
      <c r="D15653" s="14" t="s">
        <v>47917</v>
      </c>
      <c r="E15653" s="2" t="s">
        <v>47918</v>
      </c>
      <c r="F15653" s="2" t="s">
        <v>47195</v>
      </c>
      <c r="G15653" s="8">
        <v>318</v>
      </c>
      <c r="H15653" s="5">
        <v>6</v>
      </c>
      <c r="I15653" s="5" t="s">
        <v>1518</v>
      </c>
      <c r="J15653" s="5" t="s">
        <v>40939</v>
      </c>
      <c r="K15653" s="2" t="s">
        <v>40940</v>
      </c>
      <c r="L15653" s="5" t="s">
        <v>40939</v>
      </c>
      <c r="M15653" s="2" t="s">
        <v>40940</v>
      </c>
      <c r="N15653" s="5" t="s">
        <v>36266</v>
      </c>
      <c r="O15653" s="5" t="s">
        <v>38</v>
      </c>
      <c r="P15653" s="5" t="s">
        <v>39</v>
      </c>
      <c r="Q15653" s="5" t="s">
        <v>40</v>
      </c>
      <c r="R15653" s="5" t="s">
        <v>1522</v>
      </c>
      <c r="S15653" s="5" t="s">
        <v>1523</v>
      </c>
      <c r="T15653" s="5" t="s">
        <v>42</v>
      </c>
      <c r="U15653" s="2">
        <v>3.504</v>
      </c>
      <c r="V15653" s="2">
        <v>2.7360000000000002</v>
      </c>
      <c r="W15653" s="2">
        <v>2.1000000000000001E-2</v>
      </c>
      <c r="X15653" s="2">
        <v>165.1</v>
      </c>
      <c r="Y15653" s="2">
        <v>7.6</v>
      </c>
      <c r="Z15653" s="2">
        <v>16.7</v>
      </c>
      <c r="AA15653" s="5"/>
      <c r="AB15653" s="5" t="s">
        <v>43</v>
      </c>
      <c r="AC15653" s="5" t="s">
        <v>44</v>
      </c>
      <c r="AD15653" s="2"/>
      <c r="AE15653" s="1"/>
    </row>
    <row r="15654" spans="1:31" ht="14.45">
      <c r="A15654" s="11"/>
      <c r="B15654" s="20"/>
      <c r="C15654" s="2" t="s">
        <v>47919</v>
      </c>
      <c r="D15654" s="14" t="s">
        <v>47920</v>
      </c>
      <c r="E15654" s="2" t="s">
        <v>47921</v>
      </c>
      <c r="F15654" s="2" t="s">
        <v>7521</v>
      </c>
      <c r="G15654" s="8">
        <v>293</v>
      </c>
      <c r="H15654" s="5">
        <v>6</v>
      </c>
      <c r="I15654" s="5" t="s">
        <v>1518</v>
      </c>
      <c r="J15654" s="5" t="s">
        <v>40939</v>
      </c>
      <c r="K15654" s="2" t="s">
        <v>40940</v>
      </c>
      <c r="L15654" s="5" t="s">
        <v>40939</v>
      </c>
      <c r="M15654" s="2" t="s">
        <v>40940</v>
      </c>
      <c r="N15654" s="5" t="s">
        <v>36266</v>
      </c>
      <c r="O15654" s="5" t="s">
        <v>38</v>
      </c>
      <c r="P15654" s="5" t="s">
        <v>39</v>
      </c>
      <c r="Q15654" s="5" t="s">
        <v>40</v>
      </c>
      <c r="R15654" s="5" t="s">
        <v>1522</v>
      </c>
      <c r="S15654" s="5" t="s">
        <v>1523</v>
      </c>
      <c r="T15654" s="5" t="s">
        <v>42</v>
      </c>
      <c r="U15654" s="2">
        <v>3.516</v>
      </c>
      <c r="V15654" s="2">
        <v>2.7480000000000002</v>
      </c>
      <c r="W15654" s="2">
        <v>2.1000000000000001E-2</v>
      </c>
      <c r="X15654" s="2">
        <v>165.1</v>
      </c>
      <c r="Y15654" s="2">
        <v>7.6</v>
      </c>
      <c r="Z15654" s="2">
        <v>16.7</v>
      </c>
      <c r="AA15654" s="5"/>
      <c r="AB15654" s="5" t="s">
        <v>43</v>
      </c>
      <c r="AC15654" s="5" t="s">
        <v>44</v>
      </c>
      <c r="AD15654" s="2"/>
      <c r="AE15654" s="1"/>
    </row>
    <row r="15655" spans="1:31" ht="14.45">
      <c r="A15655" s="11"/>
      <c r="B15655" s="20"/>
      <c r="C15655" s="2" t="s">
        <v>47922</v>
      </c>
      <c r="D15655" s="14" t="s">
        <v>47923</v>
      </c>
      <c r="E15655" s="2" t="s">
        <v>47924</v>
      </c>
      <c r="F15655" s="2" t="s">
        <v>7581</v>
      </c>
      <c r="G15655" s="8">
        <v>318</v>
      </c>
      <c r="H15655" s="5">
        <v>6</v>
      </c>
      <c r="I15655" s="5" t="s">
        <v>1518</v>
      </c>
      <c r="J15655" s="5" t="s">
        <v>40939</v>
      </c>
      <c r="K15655" s="2" t="s">
        <v>40940</v>
      </c>
      <c r="L15655" s="5" t="s">
        <v>40939</v>
      </c>
      <c r="M15655" s="2" t="s">
        <v>40940</v>
      </c>
      <c r="N15655" s="5" t="s">
        <v>36266</v>
      </c>
      <c r="O15655" s="5" t="s">
        <v>38</v>
      </c>
      <c r="P15655" s="5" t="s">
        <v>39</v>
      </c>
      <c r="Q15655" s="5" t="s">
        <v>40</v>
      </c>
      <c r="R15655" s="5" t="s">
        <v>1522</v>
      </c>
      <c r="S15655" s="5" t="s">
        <v>1523</v>
      </c>
      <c r="T15655" s="5" t="s">
        <v>42</v>
      </c>
      <c r="U15655" s="2">
        <v>3.47</v>
      </c>
      <c r="V15655" s="2">
        <v>2.702</v>
      </c>
      <c r="W15655" s="2">
        <v>2.1000000000000001E-2</v>
      </c>
      <c r="X15655" s="2">
        <v>165.1</v>
      </c>
      <c r="Y15655" s="2">
        <v>7.6</v>
      </c>
      <c r="Z15655" s="2">
        <v>16.7</v>
      </c>
      <c r="AA15655" s="5"/>
      <c r="AB15655" s="5" t="s">
        <v>43</v>
      </c>
      <c r="AC15655" s="5" t="s">
        <v>44</v>
      </c>
      <c r="AD15655" s="2"/>
      <c r="AE15655" s="1"/>
    </row>
    <row r="15656" spans="1:31" ht="14.45">
      <c r="A15656" s="11"/>
      <c r="B15656" s="20"/>
      <c r="C15656" s="2" t="s">
        <v>47925</v>
      </c>
      <c r="D15656" s="14" t="s">
        <v>47926</v>
      </c>
      <c r="E15656" s="2" t="s">
        <v>47927</v>
      </c>
      <c r="F15656" s="2" t="s">
        <v>7204</v>
      </c>
      <c r="G15656" s="8">
        <v>278</v>
      </c>
      <c r="H15656" s="5">
        <v>6</v>
      </c>
      <c r="I15656" s="5" t="s">
        <v>1518</v>
      </c>
      <c r="J15656" s="5" t="s">
        <v>40939</v>
      </c>
      <c r="K15656" s="2" t="s">
        <v>40940</v>
      </c>
      <c r="L15656" s="5" t="s">
        <v>40939</v>
      </c>
      <c r="M15656" s="2" t="s">
        <v>40940</v>
      </c>
      <c r="N15656" s="5" t="s">
        <v>36266</v>
      </c>
      <c r="O15656" s="5" t="s">
        <v>38</v>
      </c>
      <c r="P15656" s="5" t="s">
        <v>39</v>
      </c>
      <c r="Q15656" s="5" t="s">
        <v>40</v>
      </c>
      <c r="R15656" s="5" t="s">
        <v>1522</v>
      </c>
      <c r="S15656" s="5" t="s">
        <v>1523</v>
      </c>
      <c r="T15656" s="5" t="s">
        <v>42</v>
      </c>
      <c r="U15656" s="2">
        <v>2.73</v>
      </c>
      <c r="V15656" s="2">
        <v>2.1949999999999998</v>
      </c>
      <c r="W15656" s="2">
        <v>1.4999999999999999E-2</v>
      </c>
      <c r="X15656" s="2">
        <v>118.9</v>
      </c>
      <c r="Y15656" s="2">
        <v>7.6</v>
      </c>
      <c r="Z15656" s="2">
        <v>16.7</v>
      </c>
      <c r="AA15656" s="5"/>
      <c r="AB15656" s="5" t="s">
        <v>43</v>
      </c>
      <c r="AC15656" s="5" t="s">
        <v>44</v>
      </c>
      <c r="AD15656" s="2"/>
      <c r="AE15656" s="1"/>
    </row>
    <row r="15657" spans="1:31" ht="14.45">
      <c r="A15657" s="11"/>
      <c r="B15657" s="20"/>
      <c r="C15657" s="2" t="s">
        <v>47928</v>
      </c>
      <c r="D15657" s="14" t="s">
        <v>47929</v>
      </c>
      <c r="E15657" s="2" t="s">
        <v>47930</v>
      </c>
      <c r="F15657" s="2" t="s">
        <v>7208</v>
      </c>
      <c r="G15657" s="8">
        <v>278</v>
      </c>
      <c r="H15657" s="5">
        <v>6</v>
      </c>
      <c r="I15657" s="5" t="s">
        <v>1518</v>
      </c>
      <c r="J15657" s="5" t="s">
        <v>40939</v>
      </c>
      <c r="K15657" s="2" t="s">
        <v>40940</v>
      </c>
      <c r="L15657" s="5" t="s">
        <v>40939</v>
      </c>
      <c r="M15657" s="2" t="s">
        <v>40940</v>
      </c>
      <c r="N15657" s="5" t="s">
        <v>36266</v>
      </c>
      <c r="O15657" s="5" t="s">
        <v>38</v>
      </c>
      <c r="P15657" s="5" t="s">
        <v>39</v>
      </c>
      <c r="Q15657" s="5" t="s">
        <v>40</v>
      </c>
      <c r="R15657" s="5" t="s">
        <v>1522</v>
      </c>
      <c r="S15657" s="5" t="s">
        <v>1523</v>
      </c>
      <c r="T15657" s="5" t="s">
        <v>42</v>
      </c>
      <c r="U15657" s="2">
        <v>2.754</v>
      </c>
      <c r="V15657" s="2">
        <v>2.2189999999999999</v>
      </c>
      <c r="W15657" s="2">
        <v>1.4999999999999999E-2</v>
      </c>
      <c r="X15657" s="2">
        <v>118.9</v>
      </c>
      <c r="Y15657" s="2">
        <v>7.6</v>
      </c>
      <c r="Z15657" s="2">
        <v>16.7</v>
      </c>
      <c r="AA15657" s="5"/>
      <c r="AB15657" s="5" t="s">
        <v>43</v>
      </c>
      <c r="AC15657" s="5" t="s">
        <v>44</v>
      </c>
      <c r="AD15657" s="2"/>
      <c r="AE15657" s="1"/>
    </row>
    <row r="15658" spans="1:31" ht="14.45">
      <c r="A15658" s="11"/>
      <c r="B15658" s="20"/>
      <c r="C15658" s="2" t="s">
        <v>47931</v>
      </c>
      <c r="D15658" s="14" t="s">
        <v>47932</v>
      </c>
      <c r="E15658" s="2" t="s">
        <v>47933</v>
      </c>
      <c r="F15658" s="2" t="s">
        <v>41009</v>
      </c>
      <c r="G15658" s="8">
        <v>300</v>
      </c>
      <c r="H15658" s="5">
        <v>6</v>
      </c>
      <c r="I15658" s="5" t="s">
        <v>1518</v>
      </c>
      <c r="J15658" s="5" t="s">
        <v>40939</v>
      </c>
      <c r="K15658" s="2" t="s">
        <v>40940</v>
      </c>
      <c r="L15658" s="5" t="s">
        <v>40939</v>
      </c>
      <c r="M15658" s="2" t="s">
        <v>40940</v>
      </c>
      <c r="N15658" s="5" t="s">
        <v>36266</v>
      </c>
      <c r="O15658" s="5" t="s">
        <v>38</v>
      </c>
      <c r="P15658" s="5" t="s">
        <v>39</v>
      </c>
      <c r="Q15658" s="5" t="s">
        <v>40</v>
      </c>
      <c r="R15658" s="5" t="s">
        <v>1522</v>
      </c>
      <c r="S15658" s="5" t="s">
        <v>1523</v>
      </c>
      <c r="T15658" s="5" t="s">
        <v>42</v>
      </c>
      <c r="U15658" s="2">
        <v>2.762</v>
      </c>
      <c r="V15658" s="2">
        <v>2.2269999999999999</v>
      </c>
      <c r="W15658" s="2">
        <v>1.4999999999999999E-2</v>
      </c>
      <c r="X15658" s="2">
        <v>118.9</v>
      </c>
      <c r="Y15658" s="2">
        <v>7.6</v>
      </c>
      <c r="Z15658" s="2">
        <v>16.7</v>
      </c>
      <c r="AA15658" s="5"/>
      <c r="AB15658" s="5" t="s">
        <v>43</v>
      </c>
      <c r="AC15658" s="5" t="s">
        <v>44</v>
      </c>
      <c r="AD15658" s="2"/>
      <c r="AE15658" s="1"/>
    </row>
    <row r="15659" spans="1:31" ht="14.45">
      <c r="A15659" s="11"/>
      <c r="B15659" s="20"/>
      <c r="C15659" s="2" t="s">
        <v>47934</v>
      </c>
      <c r="D15659" s="14" t="s">
        <v>47935</v>
      </c>
      <c r="E15659" s="2" t="s">
        <v>47936</v>
      </c>
      <c r="F15659" s="2" t="s">
        <v>7396</v>
      </c>
      <c r="G15659" s="8">
        <v>278</v>
      </c>
      <c r="H15659" s="5">
        <v>6</v>
      </c>
      <c r="I15659" s="5" t="s">
        <v>1518</v>
      </c>
      <c r="J15659" s="5" t="s">
        <v>40939</v>
      </c>
      <c r="K15659" s="2" t="s">
        <v>40940</v>
      </c>
      <c r="L15659" s="5" t="s">
        <v>40939</v>
      </c>
      <c r="M15659" s="2" t="s">
        <v>40940</v>
      </c>
      <c r="N15659" s="5" t="s">
        <v>36266</v>
      </c>
      <c r="O15659" s="5" t="s">
        <v>38</v>
      </c>
      <c r="P15659" s="5" t="s">
        <v>39</v>
      </c>
      <c r="Q15659" s="5" t="s">
        <v>40</v>
      </c>
      <c r="R15659" s="5" t="s">
        <v>1522</v>
      </c>
      <c r="S15659" s="5" t="s">
        <v>1523</v>
      </c>
      <c r="T15659" s="5" t="s">
        <v>42</v>
      </c>
      <c r="U15659" s="2">
        <v>2.762</v>
      </c>
      <c r="V15659" s="2">
        <v>2.2269999999999999</v>
      </c>
      <c r="W15659" s="2">
        <v>1.4999999999999999E-2</v>
      </c>
      <c r="X15659" s="2">
        <v>118.9</v>
      </c>
      <c r="Y15659" s="2">
        <v>7.6</v>
      </c>
      <c r="Z15659" s="2">
        <v>16.7</v>
      </c>
      <c r="AA15659" s="5"/>
      <c r="AB15659" s="5" t="s">
        <v>43</v>
      </c>
      <c r="AC15659" s="5" t="s">
        <v>44</v>
      </c>
      <c r="AD15659" s="2"/>
      <c r="AE15659" s="1"/>
    </row>
    <row r="15660" spans="1:31" ht="14.45">
      <c r="A15660" s="11"/>
      <c r="B15660" s="20"/>
      <c r="C15660" s="2" t="s">
        <v>47937</v>
      </c>
      <c r="D15660" s="14" t="s">
        <v>47938</v>
      </c>
      <c r="E15660" s="2" t="s">
        <v>47939</v>
      </c>
      <c r="F15660" s="2" t="s">
        <v>7449</v>
      </c>
      <c r="G15660" s="8">
        <v>300</v>
      </c>
      <c r="H15660" s="5">
        <v>6</v>
      </c>
      <c r="I15660" s="5" t="s">
        <v>1518</v>
      </c>
      <c r="J15660" s="5" t="s">
        <v>40939</v>
      </c>
      <c r="K15660" s="2" t="s">
        <v>40940</v>
      </c>
      <c r="L15660" s="5" t="s">
        <v>40939</v>
      </c>
      <c r="M15660" s="2" t="s">
        <v>40940</v>
      </c>
      <c r="N15660" s="5" t="s">
        <v>36266</v>
      </c>
      <c r="O15660" s="5" t="s">
        <v>38</v>
      </c>
      <c r="P15660" s="5" t="s">
        <v>39</v>
      </c>
      <c r="Q15660" s="5" t="s">
        <v>40</v>
      </c>
      <c r="R15660" s="5" t="s">
        <v>1522</v>
      </c>
      <c r="S15660" s="5" t="s">
        <v>1523</v>
      </c>
      <c r="T15660" s="5" t="s">
        <v>42</v>
      </c>
      <c r="U15660" s="2">
        <v>2.7229999999999999</v>
      </c>
      <c r="V15660" s="2">
        <v>2.1880000000000002</v>
      </c>
      <c r="W15660" s="2">
        <v>1.4999999999999999E-2</v>
      </c>
      <c r="X15660" s="2">
        <v>118.9</v>
      </c>
      <c r="Y15660" s="2">
        <v>7.6</v>
      </c>
      <c r="Z15660" s="2">
        <v>16.7</v>
      </c>
      <c r="AA15660" s="5"/>
      <c r="AB15660" s="5" t="s">
        <v>43</v>
      </c>
      <c r="AC15660" s="5" t="s">
        <v>44</v>
      </c>
      <c r="AD15660" s="2"/>
      <c r="AE15660" s="1"/>
    </row>
    <row r="15661" spans="1:31" ht="14.45">
      <c r="A15661" s="11"/>
      <c r="B15661" s="20"/>
      <c r="C15661" s="2" t="s">
        <v>47940</v>
      </c>
      <c r="D15661" s="14" t="s">
        <v>47941</v>
      </c>
      <c r="E15661" s="2" t="s">
        <v>47942</v>
      </c>
      <c r="F15661" s="2" t="s">
        <v>41045</v>
      </c>
      <c r="G15661" s="8">
        <v>300</v>
      </c>
      <c r="H15661" s="5">
        <v>6</v>
      </c>
      <c r="I15661" s="5" t="s">
        <v>1518</v>
      </c>
      <c r="J15661" s="5" t="s">
        <v>40939</v>
      </c>
      <c r="K15661" s="2" t="s">
        <v>40940</v>
      </c>
      <c r="L15661" s="5" t="s">
        <v>40939</v>
      </c>
      <c r="M15661" s="2" t="s">
        <v>40940</v>
      </c>
      <c r="N15661" s="5" t="s">
        <v>36266</v>
      </c>
      <c r="O15661" s="5" t="s">
        <v>38</v>
      </c>
      <c r="P15661" s="5" t="s">
        <v>39</v>
      </c>
      <c r="Q15661" s="5" t="s">
        <v>40</v>
      </c>
      <c r="R15661" s="5" t="s">
        <v>1522</v>
      </c>
      <c r="S15661" s="5" t="s">
        <v>1523</v>
      </c>
      <c r="T15661" s="5" t="s">
        <v>42</v>
      </c>
      <c r="U15661" s="2">
        <v>2.7690000000000001</v>
      </c>
      <c r="V15661" s="2">
        <v>2.234</v>
      </c>
      <c r="W15661" s="2">
        <v>1.4999999999999999E-2</v>
      </c>
      <c r="X15661" s="2">
        <v>118.9</v>
      </c>
      <c r="Y15661" s="2">
        <v>7.6</v>
      </c>
      <c r="Z15661" s="2">
        <v>16.7</v>
      </c>
      <c r="AA15661" s="5"/>
      <c r="AB15661" s="5" t="s">
        <v>43</v>
      </c>
      <c r="AC15661" s="5" t="s">
        <v>44</v>
      </c>
      <c r="AD15661" s="2"/>
      <c r="AE15661" s="1"/>
    </row>
    <row r="15662" spans="1:31" ht="14.45">
      <c r="A15662" s="11"/>
      <c r="B15662" s="20"/>
      <c r="C15662" s="2" t="s">
        <v>47943</v>
      </c>
      <c r="D15662" s="14" t="s">
        <v>47944</v>
      </c>
      <c r="E15662" s="2" t="s">
        <v>47945</v>
      </c>
      <c r="F15662" s="2" t="s">
        <v>7208</v>
      </c>
      <c r="G15662" s="8">
        <v>278</v>
      </c>
      <c r="H15662" s="5">
        <v>6</v>
      </c>
      <c r="I15662" s="5" t="s">
        <v>1518</v>
      </c>
      <c r="J15662" s="5" t="s">
        <v>40939</v>
      </c>
      <c r="K15662" s="2" t="s">
        <v>40940</v>
      </c>
      <c r="L15662" s="5" t="s">
        <v>40939</v>
      </c>
      <c r="M15662" s="2" t="s">
        <v>40940</v>
      </c>
      <c r="N15662" s="5" t="s">
        <v>36266</v>
      </c>
      <c r="O15662" s="5" t="s">
        <v>38</v>
      </c>
      <c r="P15662" s="5" t="s">
        <v>39</v>
      </c>
      <c r="Q15662" s="5" t="s">
        <v>40</v>
      </c>
      <c r="R15662" s="5" t="s">
        <v>1522</v>
      </c>
      <c r="S15662" s="5" t="s">
        <v>1523</v>
      </c>
      <c r="T15662" s="5" t="s">
        <v>42</v>
      </c>
      <c r="U15662" s="2">
        <v>2.9049999999999998</v>
      </c>
      <c r="V15662" s="2">
        <v>2.3780000000000001</v>
      </c>
      <c r="W15662" s="2">
        <v>1.4999999999999999E-2</v>
      </c>
      <c r="X15662" s="2">
        <v>118.9</v>
      </c>
      <c r="Y15662" s="2">
        <v>7.6</v>
      </c>
      <c r="Z15662" s="2">
        <v>16.7</v>
      </c>
      <c r="AA15662" s="5"/>
      <c r="AB15662" s="5" t="s">
        <v>43</v>
      </c>
      <c r="AC15662" s="5" t="s">
        <v>44</v>
      </c>
      <c r="AD15662" s="2"/>
      <c r="AE15662" s="1"/>
    </row>
    <row r="15663" spans="1:31" ht="14.45">
      <c r="A15663" s="11"/>
      <c r="B15663" s="20"/>
      <c r="C15663" s="2" t="s">
        <v>47946</v>
      </c>
      <c r="D15663" s="14" t="s">
        <v>47947</v>
      </c>
      <c r="E15663" s="2" t="s">
        <v>47948</v>
      </c>
      <c r="F15663" s="2" t="s">
        <v>7521</v>
      </c>
      <c r="G15663" s="8">
        <v>278</v>
      </c>
      <c r="H15663" s="5">
        <v>6</v>
      </c>
      <c r="I15663" s="5" t="s">
        <v>1518</v>
      </c>
      <c r="J15663" s="5" t="s">
        <v>40939</v>
      </c>
      <c r="K15663" s="2" t="s">
        <v>40940</v>
      </c>
      <c r="L15663" s="5" t="s">
        <v>40939</v>
      </c>
      <c r="M15663" s="2" t="s">
        <v>40940</v>
      </c>
      <c r="N15663" s="5" t="s">
        <v>36266</v>
      </c>
      <c r="O15663" s="5" t="s">
        <v>38</v>
      </c>
      <c r="P15663" s="5" t="s">
        <v>39</v>
      </c>
      <c r="Q15663" s="5" t="s">
        <v>40</v>
      </c>
      <c r="R15663" s="5" t="s">
        <v>1522</v>
      </c>
      <c r="S15663" s="5" t="s">
        <v>1523</v>
      </c>
      <c r="T15663" s="5" t="s">
        <v>42</v>
      </c>
      <c r="U15663" s="2">
        <v>2.9910000000000001</v>
      </c>
      <c r="V15663" s="2">
        <v>2.464</v>
      </c>
      <c r="W15663" s="2">
        <v>1.4999999999999999E-2</v>
      </c>
      <c r="X15663" s="2">
        <v>118.9</v>
      </c>
      <c r="Y15663" s="2">
        <v>7.6</v>
      </c>
      <c r="Z15663" s="2">
        <v>16.7</v>
      </c>
      <c r="AA15663" s="5"/>
      <c r="AB15663" s="5" t="s">
        <v>43</v>
      </c>
      <c r="AC15663" s="5" t="s">
        <v>44</v>
      </c>
      <c r="AD15663" s="2"/>
      <c r="AE15663" s="1"/>
    </row>
    <row r="15664" spans="1:31" ht="14.45">
      <c r="A15664" s="11"/>
      <c r="B15664" s="20"/>
      <c r="C15664" s="2" t="s">
        <v>47949</v>
      </c>
      <c r="D15664" s="14" t="s">
        <v>47950</v>
      </c>
      <c r="E15664" s="2" t="s">
        <v>47951</v>
      </c>
      <c r="F15664" s="2" t="s">
        <v>40971</v>
      </c>
      <c r="G15664" s="8">
        <v>300</v>
      </c>
      <c r="H15664" s="5">
        <v>6</v>
      </c>
      <c r="I15664" s="5" t="s">
        <v>1518</v>
      </c>
      <c r="J15664" s="5" t="s">
        <v>40939</v>
      </c>
      <c r="K15664" s="2" t="s">
        <v>40940</v>
      </c>
      <c r="L15664" s="5" t="s">
        <v>40939</v>
      </c>
      <c r="M15664" s="2" t="s">
        <v>40940</v>
      </c>
      <c r="N15664" s="5" t="s">
        <v>36266</v>
      </c>
      <c r="O15664" s="5" t="s">
        <v>38</v>
      </c>
      <c r="P15664" s="5" t="s">
        <v>39</v>
      </c>
      <c r="Q15664" s="5" t="s">
        <v>40</v>
      </c>
      <c r="R15664" s="5" t="s">
        <v>1522</v>
      </c>
      <c r="S15664" s="5" t="s">
        <v>1523</v>
      </c>
      <c r="T15664" s="5" t="s">
        <v>42</v>
      </c>
      <c r="U15664" s="2">
        <v>2.9910000000000001</v>
      </c>
      <c r="V15664" s="2">
        <v>2.464</v>
      </c>
      <c r="W15664" s="2">
        <v>1.4999999999999999E-2</v>
      </c>
      <c r="X15664" s="2">
        <v>118.9</v>
      </c>
      <c r="Y15664" s="2">
        <v>7.6</v>
      </c>
      <c r="Z15664" s="2">
        <v>16.7</v>
      </c>
      <c r="AA15664" s="5"/>
      <c r="AB15664" s="5" t="s">
        <v>43</v>
      </c>
      <c r="AC15664" s="5" t="s">
        <v>44</v>
      </c>
      <c r="AD15664" s="2"/>
      <c r="AE15664" s="1"/>
    </row>
    <row r="15665" spans="1:31" ht="14.45">
      <c r="A15665" s="11"/>
      <c r="B15665" s="20"/>
      <c r="C15665" s="2" t="s">
        <v>47952</v>
      </c>
      <c r="D15665" s="14" t="s">
        <v>47953</v>
      </c>
      <c r="E15665" s="2" t="s">
        <v>47954</v>
      </c>
      <c r="F15665" s="2" t="s">
        <v>7396</v>
      </c>
      <c r="G15665" s="8">
        <v>278</v>
      </c>
      <c r="H15665" s="5">
        <v>6</v>
      </c>
      <c r="I15665" s="5" t="s">
        <v>1518</v>
      </c>
      <c r="J15665" s="5" t="s">
        <v>40939</v>
      </c>
      <c r="K15665" s="2" t="s">
        <v>40940</v>
      </c>
      <c r="L15665" s="5" t="s">
        <v>40939</v>
      </c>
      <c r="M15665" s="2" t="s">
        <v>40940</v>
      </c>
      <c r="N15665" s="5" t="s">
        <v>36266</v>
      </c>
      <c r="O15665" s="5" t="s">
        <v>38</v>
      </c>
      <c r="P15665" s="5" t="s">
        <v>39</v>
      </c>
      <c r="Q15665" s="5" t="s">
        <v>40</v>
      </c>
      <c r="R15665" s="5" t="s">
        <v>1522</v>
      </c>
      <c r="S15665" s="5" t="s">
        <v>1523</v>
      </c>
      <c r="T15665" s="5" t="s">
        <v>42</v>
      </c>
      <c r="U15665" s="2">
        <v>2.915</v>
      </c>
      <c r="V15665" s="2">
        <v>2.3879999999999999</v>
      </c>
      <c r="W15665" s="2">
        <v>1.4999999999999999E-2</v>
      </c>
      <c r="X15665" s="2">
        <v>118.9</v>
      </c>
      <c r="Y15665" s="2">
        <v>7.6</v>
      </c>
      <c r="Z15665" s="2">
        <v>16.7</v>
      </c>
      <c r="AA15665" s="5"/>
      <c r="AB15665" s="5" t="s">
        <v>43</v>
      </c>
      <c r="AC15665" s="5" t="s">
        <v>44</v>
      </c>
      <c r="AD15665" s="2"/>
      <c r="AE15665" s="1"/>
    </row>
    <row r="15666" spans="1:31" ht="14.45">
      <c r="A15666" s="11"/>
      <c r="B15666" s="20"/>
      <c r="C15666" s="2" t="s">
        <v>47955</v>
      </c>
      <c r="D15666" s="14" t="s">
        <v>47956</v>
      </c>
      <c r="E15666" s="2" t="s">
        <v>47957</v>
      </c>
      <c r="F15666" s="2" t="s">
        <v>7204</v>
      </c>
      <c r="G15666" s="8">
        <v>289</v>
      </c>
      <c r="H15666" s="5">
        <v>6</v>
      </c>
      <c r="I15666" s="5" t="s">
        <v>1518</v>
      </c>
      <c r="J15666" s="5" t="s">
        <v>40939</v>
      </c>
      <c r="K15666" s="2" t="s">
        <v>40940</v>
      </c>
      <c r="L15666" s="5" t="s">
        <v>40939</v>
      </c>
      <c r="M15666" s="2" t="s">
        <v>40940</v>
      </c>
      <c r="N15666" s="5" t="s">
        <v>36266</v>
      </c>
      <c r="O15666" s="5" t="s">
        <v>38</v>
      </c>
      <c r="P15666" s="5" t="s">
        <v>39</v>
      </c>
      <c r="Q15666" s="5" t="s">
        <v>40</v>
      </c>
      <c r="R15666" s="5" t="s">
        <v>1522</v>
      </c>
      <c r="S15666" s="5" t="s">
        <v>1523</v>
      </c>
      <c r="T15666" s="5" t="s">
        <v>42</v>
      </c>
      <c r="U15666" s="2">
        <v>3.028</v>
      </c>
      <c r="V15666" s="2">
        <v>2.5099999999999998</v>
      </c>
      <c r="W15666" s="2">
        <v>1.4999999999999999E-2</v>
      </c>
      <c r="X15666" s="2">
        <v>118.9</v>
      </c>
      <c r="Y15666" s="2">
        <v>7.6</v>
      </c>
      <c r="Z15666" s="2">
        <v>16.7</v>
      </c>
      <c r="AA15666" s="5"/>
      <c r="AB15666" s="5" t="s">
        <v>43</v>
      </c>
      <c r="AC15666" s="5" t="s">
        <v>44</v>
      </c>
      <c r="AD15666" s="2"/>
      <c r="AE15666" s="1"/>
    </row>
    <row r="15667" spans="1:31" ht="14.45">
      <c r="A15667" s="11"/>
      <c r="B15667" s="20"/>
      <c r="C15667" s="2" t="s">
        <v>47958</v>
      </c>
      <c r="D15667" s="14" t="s">
        <v>47959</v>
      </c>
      <c r="E15667" s="2" t="s">
        <v>47960</v>
      </c>
      <c r="F15667" s="2" t="s">
        <v>7514</v>
      </c>
      <c r="G15667" s="8">
        <v>289</v>
      </c>
      <c r="H15667" s="5">
        <v>6</v>
      </c>
      <c r="I15667" s="5" t="s">
        <v>1518</v>
      </c>
      <c r="J15667" s="5" t="s">
        <v>40939</v>
      </c>
      <c r="K15667" s="2" t="s">
        <v>40940</v>
      </c>
      <c r="L15667" s="5" t="s">
        <v>40939</v>
      </c>
      <c r="M15667" s="2" t="s">
        <v>40940</v>
      </c>
      <c r="N15667" s="5" t="s">
        <v>36266</v>
      </c>
      <c r="O15667" s="5" t="s">
        <v>38</v>
      </c>
      <c r="P15667" s="5" t="s">
        <v>39</v>
      </c>
      <c r="Q15667" s="5" t="s">
        <v>40</v>
      </c>
      <c r="R15667" s="5" t="s">
        <v>1522</v>
      </c>
      <c r="S15667" s="5" t="s">
        <v>1523</v>
      </c>
      <c r="T15667" s="5" t="s">
        <v>42</v>
      </c>
      <c r="U15667" s="2">
        <v>3.1280000000000001</v>
      </c>
      <c r="V15667" s="2">
        <v>2.61</v>
      </c>
      <c r="W15667" s="2">
        <v>1.4999999999999999E-2</v>
      </c>
      <c r="X15667" s="2">
        <v>118.9</v>
      </c>
      <c r="Y15667" s="2">
        <v>7.6</v>
      </c>
      <c r="Z15667" s="2">
        <v>16.7</v>
      </c>
      <c r="AA15667" s="5"/>
      <c r="AB15667" s="5" t="s">
        <v>43</v>
      </c>
      <c r="AC15667" s="5" t="s">
        <v>44</v>
      </c>
      <c r="AD15667" s="2"/>
      <c r="AE15667" s="1"/>
    </row>
    <row r="15668" spans="1:31" ht="14.45">
      <c r="A15668" s="11"/>
      <c r="B15668" s="20"/>
      <c r="C15668" s="2" t="s">
        <v>47961</v>
      </c>
      <c r="D15668" s="14" t="s">
        <v>47962</v>
      </c>
      <c r="E15668" s="2" t="s">
        <v>47963</v>
      </c>
      <c r="F15668" s="2" t="s">
        <v>7521</v>
      </c>
      <c r="G15668" s="8">
        <v>289</v>
      </c>
      <c r="H15668" s="5">
        <v>6</v>
      </c>
      <c r="I15668" s="5" t="s">
        <v>1518</v>
      </c>
      <c r="J15668" s="5" t="s">
        <v>40939</v>
      </c>
      <c r="K15668" s="2" t="s">
        <v>40940</v>
      </c>
      <c r="L15668" s="5" t="s">
        <v>40939</v>
      </c>
      <c r="M15668" s="2" t="s">
        <v>40940</v>
      </c>
      <c r="N15668" s="5" t="s">
        <v>36266</v>
      </c>
      <c r="O15668" s="5" t="s">
        <v>38</v>
      </c>
      <c r="P15668" s="5" t="s">
        <v>39</v>
      </c>
      <c r="Q15668" s="5" t="s">
        <v>40</v>
      </c>
      <c r="R15668" s="5" t="s">
        <v>1522</v>
      </c>
      <c r="S15668" s="5" t="s">
        <v>1523</v>
      </c>
      <c r="T15668" s="5" t="s">
        <v>42</v>
      </c>
      <c r="U15668" s="2">
        <v>3.161</v>
      </c>
      <c r="V15668" s="2">
        <v>2.6429999999999998</v>
      </c>
      <c r="W15668" s="2">
        <v>1.4999999999999999E-2</v>
      </c>
      <c r="X15668" s="2">
        <v>118.9</v>
      </c>
      <c r="Y15668" s="2">
        <v>7.6</v>
      </c>
      <c r="Z15668" s="2">
        <v>16.7</v>
      </c>
      <c r="AA15668" s="5"/>
      <c r="AB15668" s="5" t="s">
        <v>43</v>
      </c>
      <c r="AC15668" s="5" t="s">
        <v>44</v>
      </c>
      <c r="AD15668" s="2"/>
      <c r="AE15668" s="1"/>
    </row>
    <row r="15669" spans="1:31" ht="14.45">
      <c r="A15669" s="11"/>
      <c r="B15669" s="20"/>
      <c r="C15669" s="2" t="s">
        <v>47964</v>
      </c>
      <c r="D15669" s="14" t="s">
        <v>47965</v>
      </c>
      <c r="E15669" s="2" t="s">
        <v>47966</v>
      </c>
      <c r="F15669" s="2" t="s">
        <v>7204</v>
      </c>
      <c r="G15669" s="8">
        <v>303</v>
      </c>
      <c r="H15669" s="5">
        <v>6</v>
      </c>
      <c r="I15669" s="5" t="s">
        <v>1518</v>
      </c>
      <c r="J15669" s="5" t="s">
        <v>40939</v>
      </c>
      <c r="K15669" s="2" t="s">
        <v>40940</v>
      </c>
      <c r="L15669" s="5" t="s">
        <v>40939</v>
      </c>
      <c r="M15669" s="2" t="s">
        <v>40940</v>
      </c>
      <c r="N15669" s="5" t="s">
        <v>36266</v>
      </c>
      <c r="O15669" s="5" t="s">
        <v>38</v>
      </c>
      <c r="P15669" s="5" t="s">
        <v>39</v>
      </c>
      <c r="Q15669" s="5" t="s">
        <v>40</v>
      </c>
      <c r="R15669" s="5" t="s">
        <v>1522</v>
      </c>
      <c r="S15669" s="5" t="s">
        <v>1523</v>
      </c>
      <c r="T15669" s="5" t="s">
        <v>42</v>
      </c>
      <c r="U15669" s="2">
        <v>3.2629999999999999</v>
      </c>
      <c r="V15669" s="2">
        <v>2.6680000000000001</v>
      </c>
      <c r="W15669" s="2">
        <v>1.7999999999999999E-2</v>
      </c>
      <c r="X15669" s="2">
        <v>139.1</v>
      </c>
      <c r="Y15669" s="2">
        <v>7.6</v>
      </c>
      <c r="Z15669" s="2">
        <v>16.7</v>
      </c>
      <c r="AA15669" s="5"/>
      <c r="AB15669" s="5" t="s">
        <v>43</v>
      </c>
      <c r="AC15669" s="5" t="s">
        <v>44</v>
      </c>
      <c r="AD15669" s="2"/>
      <c r="AE15669" s="1"/>
    </row>
    <row r="15670" spans="1:31" ht="14.45">
      <c r="A15670" s="11"/>
      <c r="B15670" s="20"/>
      <c r="C15670" s="2" t="s">
        <v>47967</v>
      </c>
      <c r="D15670" s="14" t="s">
        <v>47968</v>
      </c>
      <c r="E15670" s="2" t="s">
        <v>47969</v>
      </c>
      <c r="F15670" s="2" t="s">
        <v>7514</v>
      </c>
      <c r="G15670" s="8">
        <v>303</v>
      </c>
      <c r="H15670" s="5">
        <v>6</v>
      </c>
      <c r="I15670" s="5" t="s">
        <v>1518</v>
      </c>
      <c r="J15670" s="5" t="s">
        <v>40939</v>
      </c>
      <c r="K15670" s="2" t="s">
        <v>40940</v>
      </c>
      <c r="L15670" s="5" t="s">
        <v>40939</v>
      </c>
      <c r="M15670" s="2" t="s">
        <v>40940</v>
      </c>
      <c r="N15670" s="5" t="s">
        <v>36266</v>
      </c>
      <c r="O15670" s="5" t="s">
        <v>38</v>
      </c>
      <c r="P15670" s="5" t="s">
        <v>39</v>
      </c>
      <c r="Q15670" s="5" t="s">
        <v>40</v>
      </c>
      <c r="R15670" s="5" t="s">
        <v>1522</v>
      </c>
      <c r="S15670" s="5" t="s">
        <v>1523</v>
      </c>
      <c r="T15670" s="5" t="s">
        <v>42</v>
      </c>
      <c r="U15670" s="2">
        <v>3.3730000000000002</v>
      </c>
      <c r="V15670" s="2">
        <v>2.778</v>
      </c>
      <c r="W15670" s="2">
        <v>1.7999999999999999E-2</v>
      </c>
      <c r="X15670" s="2">
        <v>139.1</v>
      </c>
      <c r="Y15670" s="2">
        <v>7.6</v>
      </c>
      <c r="Z15670" s="2">
        <v>16.7</v>
      </c>
      <c r="AA15670" s="5"/>
      <c r="AB15670" s="5" t="s">
        <v>43</v>
      </c>
      <c r="AC15670" s="5" t="s">
        <v>44</v>
      </c>
      <c r="AD15670" s="2"/>
      <c r="AE15670" s="1"/>
    </row>
    <row r="15671" spans="1:31" ht="14.45">
      <c r="A15671" s="11"/>
      <c r="B15671" s="20"/>
      <c r="C15671" s="2" t="s">
        <v>47970</v>
      </c>
      <c r="D15671" s="14" t="s">
        <v>47971</v>
      </c>
      <c r="E15671" s="2" t="s">
        <v>47972</v>
      </c>
      <c r="F15671" s="2" t="s">
        <v>7208</v>
      </c>
      <c r="G15671" s="8">
        <v>303</v>
      </c>
      <c r="H15671" s="5">
        <v>6</v>
      </c>
      <c r="I15671" s="5" t="s">
        <v>1518</v>
      </c>
      <c r="J15671" s="5" t="s">
        <v>40939</v>
      </c>
      <c r="K15671" s="2" t="s">
        <v>40940</v>
      </c>
      <c r="L15671" s="5" t="s">
        <v>40939</v>
      </c>
      <c r="M15671" s="2" t="s">
        <v>40940</v>
      </c>
      <c r="N15671" s="5" t="s">
        <v>36266</v>
      </c>
      <c r="O15671" s="5" t="s">
        <v>38</v>
      </c>
      <c r="P15671" s="5" t="s">
        <v>39</v>
      </c>
      <c r="Q15671" s="5" t="s">
        <v>40</v>
      </c>
      <c r="R15671" s="5" t="s">
        <v>1522</v>
      </c>
      <c r="S15671" s="5" t="s">
        <v>1523</v>
      </c>
      <c r="T15671" s="5" t="s">
        <v>42</v>
      </c>
      <c r="U15671" s="2">
        <v>3.3010000000000002</v>
      </c>
      <c r="V15671" s="2">
        <v>2.706</v>
      </c>
      <c r="W15671" s="2">
        <v>1.7999999999999999E-2</v>
      </c>
      <c r="X15671" s="2">
        <v>139.1</v>
      </c>
      <c r="Y15671" s="2">
        <v>7.6</v>
      </c>
      <c r="Z15671" s="2">
        <v>16.7</v>
      </c>
      <c r="AA15671" s="5"/>
      <c r="AB15671" s="5" t="s">
        <v>43</v>
      </c>
      <c r="AC15671" s="5" t="s">
        <v>44</v>
      </c>
      <c r="AD15671" s="2"/>
      <c r="AE15671" s="1"/>
    </row>
    <row r="15672" spans="1:31" ht="14.45">
      <c r="A15672" s="11"/>
      <c r="B15672" s="20"/>
      <c r="C15672" s="2" t="s">
        <v>47973</v>
      </c>
      <c r="D15672" s="14" t="s">
        <v>47974</v>
      </c>
      <c r="E15672" s="2" t="s">
        <v>47975</v>
      </c>
      <c r="F15672" s="2" t="s">
        <v>7521</v>
      </c>
      <c r="G15672" s="8">
        <v>303</v>
      </c>
      <c r="H15672" s="5">
        <v>6</v>
      </c>
      <c r="I15672" s="5" t="s">
        <v>1518</v>
      </c>
      <c r="J15672" s="5" t="s">
        <v>40939</v>
      </c>
      <c r="K15672" s="2" t="s">
        <v>40940</v>
      </c>
      <c r="L15672" s="5" t="s">
        <v>40939</v>
      </c>
      <c r="M15672" s="2" t="s">
        <v>40940</v>
      </c>
      <c r="N15672" s="5" t="s">
        <v>36266</v>
      </c>
      <c r="O15672" s="5" t="s">
        <v>38</v>
      </c>
      <c r="P15672" s="5" t="s">
        <v>39</v>
      </c>
      <c r="Q15672" s="5" t="s">
        <v>40</v>
      </c>
      <c r="R15672" s="5" t="s">
        <v>1522</v>
      </c>
      <c r="S15672" s="5" t="s">
        <v>1523</v>
      </c>
      <c r="T15672" s="5" t="s">
        <v>42</v>
      </c>
      <c r="U15672" s="2">
        <v>3.411</v>
      </c>
      <c r="V15672" s="2">
        <v>2.8159999999999998</v>
      </c>
      <c r="W15672" s="2">
        <v>1.7999999999999999E-2</v>
      </c>
      <c r="X15672" s="2">
        <v>139.1</v>
      </c>
      <c r="Y15672" s="2">
        <v>7.6</v>
      </c>
      <c r="Z15672" s="2">
        <v>16.7</v>
      </c>
      <c r="AA15672" s="5"/>
      <c r="AB15672" s="5" t="s">
        <v>43</v>
      </c>
      <c r="AC15672" s="5" t="s">
        <v>44</v>
      </c>
      <c r="AD15672" s="2"/>
      <c r="AE15672" s="1"/>
    </row>
    <row r="15673" spans="1:31" ht="14.45">
      <c r="A15673" s="11"/>
      <c r="B15673" s="20"/>
      <c r="C15673" s="2" t="s">
        <v>47976</v>
      </c>
      <c r="D15673" s="14" t="s">
        <v>47977</v>
      </c>
      <c r="E15673" s="2" t="s">
        <v>47978</v>
      </c>
      <c r="F15673" s="2" t="s">
        <v>36277</v>
      </c>
      <c r="G15673" s="8">
        <v>303</v>
      </c>
      <c r="H15673" s="5">
        <v>6</v>
      </c>
      <c r="I15673" s="5" t="s">
        <v>1518</v>
      </c>
      <c r="J15673" s="5" t="s">
        <v>40939</v>
      </c>
      <c r="K15673" s="2" t="s">
        <v>40940</v>
      </c>
      <c r="L15673" s="5" t="s">
        <v>40939</v>
      </c>
      <c r="M15673" s="2" t="s">
        <v>40940</v>
      </c>
      <c r="N15673" s="5" t="s">
        <v>36266</v>
      </c>
      <c r="O15673" s="5" t="s">
        <v>38</v>
      </c>
      <c r="P15673" s="5" t="s">
        <v>39</v>
      </c>
      <c r="Q15673" s="5" t="s">
        <v>40</v>
      </c>
      <c r="R15673" s="5" t="s">
        <v>1522</v>
      </c>
      <c r="S15673" s="5" t="s">
        <v>1523</v>
      </c>
      <c r="T15673" s="5" t="s">
        <v>42</v>
      </c>
      <c r="U15673" s="2">
        <v>3.4359999999999999</v>
      </c>
      <c r="V15673" s="2">
        <v>2.8410000000000002</v>
      </c>
      <c r="W15673" s="2">
        <v>1.7999999999999999E-2</v>
      </c>
      <c r="X15673" s="2">
        <v>139.1</v>
      </c>
      <c r="Y15673" s="2">
        <v>7.6</v>
      </c>
      <c r="Z15673" s="2">
        <v>16.7</v>
      </c>
      <c r="AA15673" s="5"/>
      <c r="AB15673" s="5" t="s">
        <v>43</v>
      </c>
      <c r="AC15673" s="5" t="s">
        <v>44</v>
      </c>
      <c r="AD15673" s="2"/>
      <c r="AE15673" s="1"/>
    </row>
    <row r="15674" spans="1:31" ht="14.45">
      <c r="A15674" s="11"/>
      <c r="B15674" s="20"/>
      <c r="C15674" s="2" t="s">
        <v>47979</v>
      </c>
      <c r="D15674" s="14" t="s">
        <v>47980</v>
      </c>
      <c r="E15674" s="2" t="s">
        <v>47981</v>
      </c>
      <c r="F15674" s="2" t="s">
        <v>40997</v>
      </c>
      <c r="G15674" s="8">
        <v>329</v>
      </c>
      <c r="H15674" s="5">
        <v>6</v>
      </c>
      <c r="I15674" s="5" t="s">
        <v>1518</v>
      </c>
      <c r="J15674" s="5" t="s">
        <v>40939</v>
      </c>
      <c r="K15674" s="2" t="s">
        <v>40940</v>
      </c>
      <c r="L15674" s="5" t="s">
        <v>40939</v>
      </c>
      <c r="M15674" s="2" t="s">
        <v>40940</v>
      </c>
      <c r="N15674" s="5" t="s">
        <v>36266</v>
      </c>
      <c r="O15674" s="5" t="s">
        <v>38</v>
      </c>
      <c r="P15674" s="5" t="s">
        <v>39</v>
      </c>
      <c r="Q15674" s="5" t="s">
        <v>40</v>
      </c>
      <c r="R15674" s="5" t="s">
        <v>1522</v>
      </c>
      <c r="S15674" s="5" t="s">
        <v>1523</v>
      </c>
      <c r="T15674" s="5" t="s">
        <v>42</v>
      </c>
      <c r="U15674" s="2">
        <v>3.25</v>
      </c>
      <c r="V15674" s="2">
        <v>2.6549999999999998</v>
      </c>
      <c r="W15674" s="2">
        <v>1.7999999999999999E-2</v>
      </c>
      <c r="X15674" s="2">
        <v>139.1</v>
      </c>
      <c r="Y15674" s="2">
        <v>7.6</v>
      </c>
      <c r="Z15674" s="2">
        <v>16.7</v>
      </c>
      <c r="AA15674" s="5"/>
      <c r="AB15674" s="5" t="s">
        <v>43</v>
      </c>
      <c r="AC15674" s="5" t="s">
        <v>44</v>
      </c>
      <c r="AD15674" s="2"/>
      <c r="AE15674" s="1"/>
    </row>
    <row r="15675" spans="1:31" ht="14.45">
      <c r="A15675" s="11"/>
      <c r="B15675" s="20"/>
      <c r="C15675" s="2" t="s">
        <v>47982</v>
      </c>
      <c r="D15675" s="14" t="s">
        <v>47983</v>
      </c>
      <c r="E15675" s="2" t="s">
        <v>47984</v>
      </c>
      <c r="F15675" s="2" t="s">
        <v>41001</v>
      </c>
      <c r="G15675" s="8">
        <v>329</v>
      </c>
      <c r="H15675" s="5">
        <v>6</v>
      </c>
      <c r="I15675" s="5" t="s">
        <v>1518</v>
      </c>
      <c r="J15675" s="5" t="s">
        <v>40939</v>
      </c>
      <c r="K15675" s="2" t="s">
        <v>40940</v>
      </c>
      <c r="L15675" s="5" t="s">
        <v>40939</v>
      </c>
      <c r="M15675" s="2" t="s">
        <v>40940</v>
      </c>
      <c r="N15675" s="5" t="s">
        <v>36266</v>
      </c>
      <c r="O15675" s="5" t="s">
        <v>38</v>
      </c>
      <c r="P15675" s="5" t="s">
        <v>39</v>
      </c>
      <c r="Q15675" s="5" t="s">
        <v>40</v>
      </c>
      <c r="R15675" s="5" t="s">
        <v>1522</v>
      </c>
      <c r="S15675" s="5" t="s">
        <v>1523</v>
      </c>
      <c r="T15675" s="5" t="s">
        <v>42</v>
      </c>
      <c r="U15675" s="2">
        <v>3.3010000000000002</v>
      </c>
      <c r="V15675" s="2">
        <v>2.706</v>
      </c>
      <c r="W15675" s="2">
        <v>1.7999999999999999E-2</v>
      </c>
      <c r="X15675" s="2">
        <v>139.1</v>
      </c>
      <c r="Y15675" s="2">
        <v>7.6</v>
      </c>
      <c r="Z15675" s="2">
        <v>16.7</v>
      </c>
      <c r="AA15675" s="5"/>
      <c r="AB15675" s="5" t="s">
        <v>43</v>
      </c>
      <c r="AC15675" s="5" t="s">
        <v>44</v>
      </c>
      <c r="AD15675" s="2"/>
      <c r="AE15675" s="1"/>
    </row>
    <row r="15676" spans="1:31" ht="14.45">
      <c r="A15676" s="11"/>
      <c r="B15676" s="20"/>
      <c r="C15676" s="2" t="s">
        <v>47985</v>
      </c>
      <c r="D15676" s="14" t="s">
        <v>47986</v>
      </c>
      <c r="E15676" s="2" t="s">
        <v>47987</v>
      </c>
      <c r="F15676" s="2" t="s">
        <v>41009</v>
      </c>
      <c r="G15676" s="8">
        <v>329</v>
      </c>
      <c r="H15676" s="5">
        <v>6</v>
      </c>
      <c r="I15676" s="5" t="s">
        <v>1518</v>
      </c>
      <c r="J15676" s="5" t="s">
        <v>40939</v>
      </c>
      <c r="K15676" s="2" t="s">
        <v>40940</v>
      </c>
      <c r="L15676" s="5" t="s">
        <v>40939</v>
      </c>
      <c r="M15676" s="2" t="s">
        <v>40940</v>
      </c>
      <c r="N15676" s="5" t="s">
        <v>36266</v>
      </c>
      <c r="O15676" s="5" t="s">
        <v>38</v>
      </c>
      <c r="P15676" s="5" t="s">
        <v>39</v>
      </c>
      <c r="Q15676" s="5" t="s">
        <v>40</v>
      </c>
      <c r="R15676" s="5" t="s">
        <v>1522</v>
      </c>
      <c r="S15676" s="5" t="s">
        <v>1523</v>
      </c>
      <c r="T15676" s="5" t="s">
        <v>42</v>
      </c>
      <c r="U15676" s="2">
        <v>3.3130000000000002</v>
      </c>
      <c r="V15676" s="2">
        <v>2.718</v>
      </c>
      <c r="W15676" s="2">
        <v>1.7999999999999999E-2</v>
      </c>
      <c r="X15676" s="2">
        <v>139.1</v>
      </c>
      <c r="Y15676" s="2">
        <v>7.6</v>
      </c>
      <c r="Z15676" s="2">
        <v>16.7</v>
      </c>
      <c r="AA15676" s="5"/>
      <c r="AB15676" s="5" t="s">
        <v>43</v>
      </c>
      <c r="AC15676" s="5" t="s">
        <v>44</v>
      </c>
      <c r="AD15676" s="2"/>
      <c r="AE15676" s="1"/>
    </row>
    <row r="15677" spans="1:31" ht="14.45">
      <c r="A15677" s="11"/>
      <c r="B15677" s="20"/>
      <c r="C15677" s="2" t="s">
        <v>47988</v>
      </c>
      <c r="D15677" s="14" t="s">
        <v>47989</v>
      </c>
      <c r="E15677" s="2" t="s">
        <v>47990</v>
      </c>
      <c r="F15677" s="2" t="s">
        <v>7396</v>
      </c>
      <c r="G15677" s="8">
        <v>303</v>
      </c>
      <c r="H15677" s="5">
        <v>6</v>
      </c>
      <c r="I15677" s="5" t="s">
        <v>1518</v>
      </c>
      <c r="J15677" s="5" t="s">
        <v>40939</v>
      </c>
      <c r="K15677" s="2" t="s">
        <v>40940</v>
      </c>
      <c r="L15677" s="5" t="s">
        <v>40939</v>
      </c>
      <c r="M15677" s="2" t="s">
        <v>40940</v>
      </c>
      <c r="N15677" s="5" t="s">
        <v>36266</v>
      </c>
      <c r="O15677" s="5" t="s">
        <v>38</v>
      </c>
      <c r="P15677" s="5" t="s">
        <v>39</v>
      </c>
      <c r="Q15677" s="5" t="s">
        <v>40</v>
      </c>
      <c r="R15677" s="5" t="s">
        <v>1522</v>
      </c>
      <c r="S15677" s="5" t="s">
        <v>1523</v>
      </c>
      <c r="T15677" s="5" t="s">
        <v>42</v>
      </c>
      <c r="U15677" s="2">
        <v>3.3130000000000002</v>
      </c>
      <c r="V15677" s="2">
        <v>2.718</v>
      </c>
      <c r="W15677" s="2">
        <v>1.7999999999999999E-2</v>
      </c>
      <c r="X15677" s="2">
        <v>139.1</v>
      </c>
      <c r="Y15677" s="2">
        <v>7.6</v>
      </c>
      <c r="Z15677" s="2">
        <v>16.7</v>
      </c>
      <c r="AA15677" s="5"/>
      <c r="AB15677" s="5" t="s">
        <v>43</v>
      </c>
      <c r="AC15677" s="5" t="s">
        <v>44</v>
      </c>
      <c r="AD15677" s="2"/>
      <c r="AE15677" s="1"/>
    </row>
    <row r="15678" spans="1:31" ht="14.45">
      <c r="A15678" s="11"/>
      <c r="B15678" s="20"/>
      <c r="C15678" s="2" t="s">
        <v>47991</v>
      </c>
      <c r="D15678" s="14" t="s">
        <v>47992</v>
      </c>
      <c r="E15678" s="2" t="s">
        <v>47993</v>
      </c>
      <c r="F15678" s="2" t="s">
        <v>41027</v>
      </c>
      <c r="G15678" s="8">
        <v>329</v>
      </c>
      <c r="H15678" s="5">
        <v>6</v>
      </c>
      <c r="I15678" s="5" t="s">
        <v>1518</v>
      </c>
      <c r="J15678" s="5" t="s">
        <v>40939</v>
      </c>
      <c r="K15678" s="2" t="s">
        <v>40940</v>
      </c>
      <c r="L15678" s="5" t="s">
        <v>40939</v>
      </c>
      <c r="M15678" s="2" t="s">
        <v>40940</v>
      </c>
      <c r="N15678" s="5" t="s">
        <v>36266</v>
      </c>
      <c r="O15678" s="5" t="s">
        <v>38</v>
      </c>
      <c r="P15678" s="5" t="s">
        <v>39</v>
      </c>
      <c r="Q15678" s="5" t="s">
        <v>40</v>
      </c>
      <c r="R15678" s="5" t="s">
        <v>1522</v>
      </c>
      <c r="S15678" s="5" t="s">
        <v>1523</v>
      </c>
      <c r="T15678" s="5" t="s">
        <v>42</v>
      </c>
      <c r="U15678" s="2">
        <v>3.36</v>
      </c>
      <c r="V15678" s="2">
        <v>2.7650000000000001</v>
      </c>
      <c r="W15678" s="2">
        <v>1.7999999999999999E-2</v>
      </c>
      <c r="X15678" s="2">
        <v>139.1</v>
      </c>
      <c r="Y15678" s="2">
        <v>7.6</v>
      </c>
      <c r="Z15678" s="2">
        <v>16.7</v>
      </c>
      <c r="AA15678" s="5"/>
      <c r="AB15678" s="5" t="s">
        <v>43</v>
      </c>
      <c r="AC15678" s="5" t="s">
        <v>44</v>
      </c>
      <c r="AD15678" s="2"/>
      <c r="AE15678" s="1"/>
    </row>
    <row r="15679" spans="1:31" ht="14.45">
      <c r="A15679" s="11"/>
      <c r="B15679" s="20"/>
      <c r="C15679" s="2" t="s">
        <v>47994</v>
      </c>
      <c r="D15679" s="14" t="s">
        <v>47995</v>
      </c>
      <c r="E15679" s="2" t="s">
        <v>47996</v>
      </c>
      <c r="F15679" s="2" t="s">
        <v>41031</v>
      </c>
      <c r="G15679" s="8">
        <v>329</v>
      </c>
      <c r="H15679" s="5">
        <v>6</v>
      </c>
      <c r="I15679" s="5" t="s">
        <v>1518</v>
      </c>
      <c r="J15679" s="5" t="s">
        <v>40939</v>
      </c>
      <c r="K15679" s="2" t="s">
        <v>40940</v>
      </c>
      <c r="L15679" s="5" t="s">
        <v>40939</v>
      </c>
      <c r="M15679" s="2" t="s">
        <v>40940</v>
      </c>
      <c r="N15679" s="5" t="s">
        <v>36266</v>
      </c>
      <c r="O15679" s="5" t="s">
        <v>38</v>
      </c>
      <c r="P15679" s="5" t="s">
        <v>39</v>
      </c>
      <c r="Q15679" s="5" t="s">
        <v>40</v>
      </c>
      <c r="R15679" s="5" t="s">
        <v>1522</v>
      </c>
      <c r="S15679" s="5" t="s">
        <v>1523</v>
      </c>
      <c r="T15679" s="5" t="s">
        <v>42</v>
      </c>
      <c r="U15679" s="2">
        <v>3.25</v>
      </c>
      <c r="V15679" s="2">
        <v>2.6549999999999998</v>
      </c>
      <c r="W15679" s="2">
        <v>1.7999999999999999E-2</v>
      </c>
      <c r="X15679" s="2">
        <v>139.1</v>
      </c>
      <c r="Y15679" s="2">
        <v>7.6</v>
      </c>
      <c r="Z15679" s="2">
        <v>16.7</v>
      </c>
      <c r="AA15679" s="5"/>
      <c r="AB15679" s="5" t="s">
        <v>43</v>
      </c>
      <c r="AC15679" s="5" t="s">
        <v>44</v>
      </c>
      <c r="AD15679" s="2"/>
      <c r="AE15679" s="1"/>
    </row>
    <row r="15680" spans="1:31" ht="14.45">
      <c r="A15680" s="11"/>
      <c r="B15680" s="20"/>
      <c r="C15680" s="2" t="s">
        <v>47997</v>
      </c>
      <c r="D15680" s="14" t="s">
        <v>47998</v>
      </c>
      <c r="E15680" s="2" t="s">
        <v>47999</v>
      </c>
      <c r="F15680" s="2" t="s">
        <v>41035</v>
      </c>
      <c r="G15680" s="8">
        <v>329</v>
      </c>
      <c r="H15680" s="5">
        <v>6</v>
      </c>
      <c r="I15680" s="5" t="s">
        <v>1518</v>
      </c>
      <c r="J15680" s="5" t="s">
        <v>40939</v>
      </c>
      <c r="K15680" s="2" t="s">
        <v>40940</v>
      </c>
      <c r="L15680" s="5" t="s">
        <v>40939</v>
      </c>
      <c r="M15680" s="2" t="s">
        <v>40940</v>
      </c>
      <c r="N15680" s="5" t="s">
        <v>36266</v>
      </c>
      <c r="O15680" s="5" t="s">
        <v>38</v>
      </c>
      <c r="P15680" s="5" t="s">
        <v>39</v>
      </c>
      <c r="Q15680" s="5" t="s">
        <v>40</v>
      </c>
      <c r="R15680" s="5" t="s">
        <v>1522</v>
      </c>
      <c r="S15680" s="5" t="s">
        <v>1523</v>
      </c>
      <c r="T15680" s="5" t="s">
        <v>42</v>
      </c>
      <c r="U15680" s="2">
        <v>3.36</v>
      </c>
      <c r="V15680" s="2">
        <v>2.7650000000000001</v>
      </c>
      <c r="W15680" s="2">
        <v>1.7999999999999999E-2</v>
      </c>
      <c r="X15680" s="2">
        <v>139.1</v>
      </c>
      <c r="Y15680" s="2">
        <v>7.6</v>
      </c>
      <c r="Z15680" s="2">
        <v>16.7</v>
      </c>
      <c r="AA15680" s="5"/>
      <c r="AB15680" s="5" t="s">
        <v>43</v>
      </c>
      <c r="AC15680" s="5" t="s">
        <v>44</v>
      </c>
      <c r="AD15680" s="2"/>
      <c r="AE15680" s="1"/>
    </row>
    <row r="15681" spans="1:31" ht="14.45">
      <c r="A15681" s="11"/>
      <c r="B15681" s="20"/>
      <c r="C15681" s="2" t="s">
        <v>48000</v>
      </c>
      <c r="D15681" s="14" t="s">
        <v>48001</v>
      </c>
      <c r="E15681" s="2" t="s">
        <v>48002</v>
      </c>
      <c r="F15681" s="2" t="s">
        <v>7204</v>
      </c>
      <c r="G15681" s="8">
        <v>278</v>
      </c>
      <c r="H15681" s="5">
        <v>6</v>
      </c>
      <c r="I15681" s="5" t="s">
        <v>1518</v>
      </c>
      <c r="J15681" s="5" t="s">
        <v>40939</v>
      </c>
      <c r="K15681" s="2" t="s">
        <v>40940</v>
      </c>
      <c r="L15681" s="5" t="s">
        <v>40939</v>
      </c>
      <c r="M15681" s="2" t="s">
        <v>40940</v>
      </c>
      <c r="N15681" s="5" t="s">
        <v>36266</v>
      </c>
      <c r="O15681" s="5" t="s">
        <v>38</v>
      </c>
      <c r="P15681" s="5" t="s">
        <v>39</v>
      </c>
      <c r="Q15681" s="5" t="s">
        <v>40</v>
      </c>
      <c r="R15681" s="5" t="s">
        <v>1522</v>
      </c>
      <c r="S15681" s="5" t="s">
        <v>1523</v>
      </c>
      <c r="T15681" s="5" t="s">
        <v>42</v>
      </c>
      <c r="U15681" s="2">
        <v>2.9009999999999998</v>
      </c>
      <c r="V15681" s="2">
        <v>2.3769999999999998</v>
      </c>
      <c r="W15681" s="2">
        <v>1.4999999999999999E-2</v>
      </c>
      <c r="X15681" s="2">
        <v>118.9</v>
      </c>
      <c r="Y15681" s="2">
        <v>7.6</v>
      </c>
      <c r="Z15681" s="2">
        <v>16.7</v>
      </c>
      <c r="AA15681" s="5"/>
      <c r="AB15681" s="5" t="s">
        <v>43</v>
      </c>
      <c r="AC15681" s="5" t="s">
        <v>44</v>
      </c>
      <c r="AD15681" s="2"/>
      <c r="AE15681" s="1"/>
    </row>
    <row r="15682" spans="1:31" ht="14.45">
      <c r="A15682" s="11"/>
      <c r="B15682" s="20"/>
      <c r="C15682" s="2" t="s">
        <v>48003</v>
      </c>
      <c r="D15682" s="14" t="s">
        <v>48004</v>
      </c>
      <c r="E15682" s="2" t="s">
        <v>48005</v>
      </c>
      <c r="F15682" s="2" t="s">
        <v>7514</v>
      </c>
      <c r="G15682" s="8">
        <v>278</v>
      </c>
      <c r="H15682" s="5">
        <v>6</v>
      </c>
      <c r="I15682" s="5" t="s">
        <v>1518</v>
      </c>
      <c r="J15682" s="5" t="s">
        <v>40939</v>
      </c>
      <c r="K15682" s="2" t="s">
        <v>40940</v>
      </c>
      <c r="L15682" s="5" t="s">
        <v>40939</v>
      </c>
      <c r="M15682" s="2" t="s">
        <v>40940</v>
      </c>
      <c r="N15682" s="5" t="s">
        <v>36266</v>
      </c>
      <c r="O15682" s="5" t="s">
        <v>38</v>
      </c>
      <c r="P15682" s="5" t="s">
        <v>39</v>
      </c>
      <c r="Q15682" s="5" t="s">
        <v>40</v>
      </c>
      <c r="R15682" s="5" t="s">
        <v>1522</v>
      </c>
      <c r="S15682" s="5" t="s">
        <v>1523</v>
      </c>
      <c r="T15682" s="5" t="s">
        <v>42</v>
      </c>
      <c r="U15682" s="2">
        <v>2.9910000000000001</v>
      </c>
      <c r="V15682" s="2">
        <v>2.4670000000000001</v>
      </c>
      <c r="W15682" s="2">
        <v>1.4999999999999999E-2</v>
      </c>
      <c r="X15682" s="2">
        <v>118.9</v>
      </c>
      <c r="Y15682" s="2">
        <v>7.6</v>
      </c>
      <c r="Z15682" s="2">
        <v>16.7</v>
      </c>
      <c r="AA15682" s="5"/>
      <c r="AB15682" s="5" t="s">
        <v>43</v>
      </c>
      <c r="AC15682" s="5" t="s">
        <v>44</v>
      </c>
      <c r="AD15682" s="2"/>
      <c r="AE15682" s="1"/>
    </row>
    <row r="15683" spans="1:31" ht="14.45">
      <c r="A15683" s="11"/>
      <c r="B15683" s="20"/>
      <c r="C15683" s="2" t="s">
        <v>48006</v>
      </c>
      <c r="D15683" s="14" t="s">
        <v>48007</v>
      </c>
      <c r="E15683" s="2" t="s">
        <v>48008</v>
      </c>
      <c r="F15683" s="2" t="s">
        <v>47266</v>
      </c>
      <c r="G15683" s="8">
        <v>300</v>
      </c>
      <c r="H15683" s="5">
        <v>6</v>
      </c>
      <c r="I15683" s="5" t="s">
        <v>1518</v>
      </c>
      <c r="J15683" s="5" t="s">
        <v>40939</v>
      </c>
      <c r="K15683" s="2" t="s">
        <v>40940</v>
      </c>
      <c r="L15683" s="5" t="s">
        <v>40939</v>
      </c>
      <c r="M15683" s="2" t="s">
        <v>40940</v>
      </c>
      <c r="N15683" s="5" t="s">
        <v>36266</v>
      </c>
      <c r="O15683" s="5" t="s">
        <v>38</v>
      </c>
      <c r="P15683" s="5" t="s">
        <v>39</v>
      </c>
      <c r="Q15683" s="5" t="s">
        <v>40</v>
      </c>
      <c r="R15683" s="5" t="s">
        <v>1522</v>
      </c>
      <c r="S15683" s="5" t="s">
        <v>1523</v>
      </c>
      <c r="T15683" s="5" t="s">
        <v>42</v>
      </c>
      <c r="U15683" s="2">
        <v>2.92</v>
      </c>
      <c r="V15683" s="2">
        <v>2.3959999999999999</v>
      </c>
      <c r="W15683" s="2">
        <v>1.4999999999999999E-2</v>
      </c>
      <c r="X15683" s="2">
        <v>118.9</v>
      </c>
      <c r="Y15683" s="2">
        <v>7.6</v>
      </c>
      <c r="Z15683" s="2">
        <v>16.7</v>
      </c>
      <c r="AA15683" s="5"/>
      <c r="AB15683" s="5" t="s">
        <v>43</v>
      </c>
      <c r="AC15683" s="5" t="s">
        <v>44</v>
      </c>
      <c r="AD15683" s="2"/>
      <c r="AE15683" s="1"/>
    </row>
    <row r="15684" spans="1:31" ht="14.45">
      <c r="A15684" s="11"/>
      <c r="B15684" s="20"/>
      <c r="C15684" s="2" t="s">
        <v>48009</v>
      </c>
      <c r="D15684" s="14" t="s">
        <v>48010</v>
      </c>
      <c r="E15684" s="2" t="s">
        <v>48011</v>
      </c>
      <c r="F15684" s="2" t="s">
        <v>47195</v>
      </c>
      <c r="G15684" s="8">
        <v>300</v>
      </c>
      <c r="H15684" s="5">
        <v>6</v>
      </c>
      <c r="I15684" s="5" t="s">
        <v>1518</v>
      </c>
      <c r="J15684" s="5" t="s">
        <v>40939</v>
      </c>
      <c r="K15684" s="2" t="s">
        <v>40940</v>
      </c>
      <c r="L15684" s="5" t="s">
        <v>40939</v>
      </c>
      <c r="M15684" s="2" t="s">
        <v>40940</v>
      </c>
      <c r="N15684" s="5" t="s">
        <v>36266</v>
      </c>
      <c r="O15684" s="5" t="s">
        <v>38</v>
      </c>
      <c r="P15684" s="5" t="s">
        <v>39</v>
      </c>
      <c r="Q15684" s="5" t="s">
        <v>40</v>
      </c>
      <c r="R15684" s="5" t="s">
        <v>1522</v>
      </c>
      <c r="S15684" s="5" t="s">
        <v>1523</v>
      </c>
      <c r="T15684" s="5" t="s">
        <v>42</v>
      </c>
      <c r="U15684" s="2">
        <v>3.01</v>
      </c>
      <c r="V15684" s="2">
        <v>2.4860000000000002</v>
      </c>
      <c r="W15684" s="2">
        <v>1.4999999999999999E-2</v>
      </c>
      <c r="X15684" s="2">
        <v>118.9</v>
      </c>
      <c r="Y15684" s="2">
        <v>7.6</v>
      </c>
      <c r="Z15684" s="2">
        <v>16.7</v>
      </c>
      <c r="AA15684" s="5"/>
      <c r="AB15684" s="5" t="s">
        <v>43</v>
      </c>
      <c r="AC15684" s="5" t="s">
        <v>44</v>
      </c>
      <c r="AD15684" s="2"/>
      <c r="AE15684" s="1"/>
    </row>
    <row r="15685" spans="1:31" ht="14.45">
      <c r="A15685" s="11"/>
      <c r="B15685" s="20"/>
      <c r="C15685" s="2" t="s">
        <v>48012</v>
      </c>
      <c r="D15685" s="14" t="s">
        <v>48013</v>
      </c>
      <c r="E15685" s="2" t="s">
        <v>48014</v>
      </c>
      <c r="F15685" s="2" t="s">
        <v>7208</v>
      </c>
      <c r="G15685" s="8">
        <v>278</v>
      </c>
      <c r="H15685" s="5">
        <v>6</v>
      </c>
      <c r="I15685" s="5" t="s">
        <v>1518</v>
      </c>
      <c r="J15685" s="5" t="s">
        <v>40939</v>
      </c>
      <c r="K15685" s="2" t="s">
        <v>40940</v>
      </c>
      <c r="L15685" s="5" t="s">
        <v>40939</v>
      </c>
      <c r="M15685" s="2" t="s">
        <v>40940</v>
      </c>
      <c r="N15685" s="5" t="s">
        <v>36266</v>
      </c>
      <c r="O15685" s="5" t="s">
        <v>38</v>
      </c>
      <c r="P15685" s="5" t="s">
        <v>39</v>
      </c>
      <c r="Q15685" s="5" t="s">
        <v>40</v>
      </c>
      <c r="R15685" s="5" t="s">
        <v>1522</v>
      </c>
      <c r="S15685" s="5" t="s">
        <v>1523</v>
      </c>
      <c r="T15685" s="5" t="s">
        <v>42</v>
      </c>
      <c r="U15685" s="2">
        <v>2.93</v>
      </c>
      <c r="V15685" s="2">
        <v>2.4060000000000001</v>
      </c>
      <c r="W15685" s="2">
        <v>1.4999999999999999E-2</v>
      </c>
      <c r="X15685" s="2">
        <v>118.9</v>
      </c>
      <c r="Y15685" s="2">
        <v>7.6</v>
      </c>
      <c r="Z15685" s="2">
        <v>16.7</v>
      </c>
      <c r="AA15685" s="5"/>
      <c r="AB15685" s="5" t="s">
        <v>43</v>
      </c>
      <c r="AC15685" s="5" t="s">
        <v>44</v>
      </c>
      <c r="AD15685" s="2"/>
      <c r="AE15685" s="1"/>
    </row>
    <row r="15686" spans="1:31" ht="14.45">
      <c r="A15686" s="11"/>
      <c r="B15686" s="20"/>
      <c r="C15686" s="2" t="s">
        <v>48015</v>
      </c>
      <c r="D15686" s="14" t="s">
        <v>48016</v>
      </c>
      <c r="E15686" s="2" t="s">
        <v>48017</v>
      </c>
      <c r="F15686" s="2" t="s">
        <v>7521</v>
      </c>
      <c r="G15686" s="8">
        <v>278</v>
      </c>
      <c r="H15686" s="5">
        <v>6</v>
      </c>
      <c r="I15686" s="5" t="s">
        <v>1518</v>
      </c>
      <c r="J15686" s="5" t="s">
        <v>40939</v>
      </c>
      <c r="K15686" s="2" t="s">
        <v>40940</v>
      </c>
      <c r="L15686" s="5" t="s">
        <v>40939</v>
      </c>
      <c r="M15686" s="2" t="s">
        <v>40940</v>
      </c>
      <c r="N15686" s="5" t="s">
        <v>36266</v>
      </c>
      <c r="O15686" s="5" t="s">
        <v>38</v>
      </c>
      <c r="P15686" s="5" t="s">
        <v>39</v>
      </c>
      <c r="Q15686" s="5" t="s">
        <v>40</v>
      </c>
      <c r="R15686" s="5" t="s">
        <v>1522</v>
      </c>
      <c r="S15686" s="5" t="s">
        <v>1523</v>
      </c>
      <c r="T15686" s="5" t="s">
        <v>42</v>
      </c>
      <c r="U15686" s="2">
        <v>3.02</v>
      </c>
      <c r="V15686" s="2">
        <v>2.496</v>
      </c>
      <c r="W15686" s="2">
        <v>1.4999999999999999E-2</v>
      </c>
      <c r="X15686" s="2">
        <v>118.9</v>
      </c>
      <c r="Y15686" s="2">
        <v>7.6</v>
      </c>
      <c r="Z15686" s="2">
        <v>16.7</v>
      </c>
      <c r="AA15686" s="5"/>
      <c r="AB15686" s="5" t="s">
        <v>43</v>
      </c>
      <c r="AC15686" s="5" t="s">
        <v>44</v>
      </c>
      <c r="AD15686" s="2"/>
      <c r="AE15686" s="1"/>
    </row>
    <row r="15687" spans="1:31" ht="14.45">
      <c r="A15687" s="11"/>
      <c r="B15687" s="20"/>
      <c r="C15687" s="2" t="s">
        <v>48018</v>
      </c>
      <c r="D15687" s="14" t="s">
        <v>48019</v>
      </c>
      <c r="E15687" s="2" t="s">
        <v>48020</v>
      </c>
      <c r="F15687" s="2" t="s">
        <v>36273</v>
      </c>
      <c r="G15687" s="8">
        <v>278</v>
      </c>
      <c r="H15687" s="5">
        <v>6</v>
      </c>
      <c r="I15687" s="5" t="s">
        <v>1518</v>
      </c>
      <c r="J15687" s="5" t="s">
        <v>40939</v>
      </c>
      <c r="K15687" s="2" t="s">
        <v>40940</v>
      </c>
      <c r="L15687" s="5" t="s">
        <v>40939</v>
      </c>
      <c r="M15687" s="2" t="s">
        <v>40940</v>
      </c>
      <c r="N15687" s="5" t="s">
        <v>36266</v>
      </c>
      <c r="O15687" s="5" t="s">
        <v>38</v>
      </c>
      <c r="P15687" s="5" t="s">
        <v>39</v>
      </c>
      <c r="Q15687" s="5" t="s">
        <v>40</v>
      </c>
      <c r="R15687" s="5" t="s">
        <v>1522</v>
      </c>
      <c r="S15687" s="5" t="s">
        <v>1523</v>
      </c>
      <c r="T15687" s="5" t="s">
        <v>42</v>
      </c>
      <c r="U15687" s="2">
        <v>2.9489999999999998</v>
      </c>
      <c r="V15687" s="2">
        <v>2.4249999999999998</v>
      </c>
      <c r="W15687" s="2">
        <v>1.4999999999999999E-2</v>
      </c>
      <c r="X15687" s="2">
        <v>118.9</v>
      </c>
      <c r="Y15687" s="2">
        <v>7.6</v>
      </c>
      <c r="Z15687" s="2">
        <v>16.7</v>
      </c>
      <c r="AA15687" s="5"/>
      <c r="AB15687" s="5" t="s">
        <v>43</v>
      </c>
      <c r="AC15687" s="5" t="s">
        <v>44</v>
      </c>
      <c r="AD15687" s="2"/>
      <c r="AE15687" s="1"/>
    </row>
    <row r="15688" spans="1:31" ht="14.45">
      <c r="A15688" s="11"/>
      <c r="B15688" s="20"/>
      <c r="C15688" s="2" t="s">
        <v>48021</v>
      </c>
      <c r="D15688" s="14" t="s">
        <v>48022</v>
      </c>
      <c r="E15688" s="2" t="s">
        <v>48023</v>
      </c>
      <c r="F15688" s="2" t="s">
        <v>36277</v>
      </c>
      <c r="G15688" s="8">
        <v>278</v>
      </c>
      <c r="H15688" s="5">
        <v>6</v>
      </c>
      <c r="I15688" s="5" t="s">
        <v>1518</v>
      </c>
      <c r="J15688" s="5" t="s">
        <v>40939</v>
      </c>
      <c r="K15688" s="2" t="s">
        <v>40940</v>
      </c>
      <c r="L15688" s="5" t="s">
        <v>40939</v>
      </c>
      <c r="M15688" s="2" t="s">
        <v>40940</v>
      </c>
      <c r="N15688" s="5" t="s">
        <v>36266</v>
      </c>
      <c r="O15688" s="5" t="s">
        <v>38</v>
      </c>
      <c r="P15688" s="5" t="s">
        <v>39</v>
      </c>
      <c r="Q15688" s="5" t="s">
        <v>40</v>
      </c>
      <c r="R15688" s="5" t="s">
        <v>1522</v>
      </c>
      <c r="S15688" s="5" t="s">
        <v>1523</v>
      </c>
      <c r="T15688" s="5" t="s">
        <v>42</v>
      </c>
      <c r="U15688" s="2">
        <v>3.0390000000000001</v>
      </c>
      <c r="V15688" s="2">
        <v>2.5150000000000001</v>
      </c>
      <c r="W15688" s="2">
        <v>1.4999999999999999E-2</v>
      </c>
      <c r="X15688" s="2">
        <v>118.9</v>
      </c>
      <c r="Y15688" s="2">
        <v>7.6</v>
      </c>
      <c r="Z15688" s="2">
        <v>16.7</v>
      </c>
      <c r="AA15688" s="5"/>
      <c r="AB15688" s="5" t="s">
        <v>43</v>
      </c>
      <c r="AC15688" s="5" t="s">
        <v>44</v>
      </c>
      <c r="AD15688" s="2"/>
      <c r="AE15688" s="1"/>
    </row>
    <row r="15689" spans="1:31" ht="14.45">
      <c r="A15689" s="11"/>
      <c r="B15689" s="20"/>
      <c r="C15689" s="2" t="s">
        <v>48024</v>
      </c>
      <c r="D15689" s="14" t="s">
        <v>48025</v>
      </c>
      <c r="E15689" s="2" t="s">
        <v>48026</v>
      </c>
      <c r="F15689" s="2" t="s">
        <v>40971</v>
      </c>
      <c r="G15689" s="8">
        <v>300</v>
      </c>
      <c r="H15689" s="5">
        <v>6</v>
      </c>
      <c r="I15689" s="5" t="s">
        <v>1518</v>
      </c>
      <c r="J15689" s="5" t="s">
        <v>40939</v>
      </c>
      <c r="K15689" s="2" t="s">
        <v>40940</v>
      </c>
      <c r="L15689" s="5" t="s">
        <v>40939</v>
      </c>
      <c r="M15689" s="2" t="s">
        <v>40940</v>
      </c>
      <c r="N15689" s="5" t="s">
        <v>36266</v>
      </c>
      <c r="O15689" s="5" t="s">
        <v>38</v>
      </c>
      <c r="P15689" s="5" t="s">
        <v>39</v>
      </c>
      <c r="Q15689" s="5" t="s">
        <v>40</v>
      </c>
      <c r="R15689" s="5" t="s">
        <v>1522</v>
      </c>
      <c r="S15689" s="5" t="s">
        <v>1523</v>
      </c>
      <c r="T15689" s="5" t="s">
        <v>42</v>
      </c>
      <c r="U15689" s="2">
        <v>3.02</v>
      </c>
      <c r="V15689" s="2">
        <v>2.496</v>
      </c>
      <c r="W15689" s="2">
        <v>1.4999999999999999E-2</v>
      </c>
      <c r="X15689" s="2">
        <v>118.9</v>
      </c>
      <c r="Y15689" s="2">
        <v>7.6</v>
      </c>
      <c r="Z15689" s="2">
        <v>16.7</v>
      </c>
      <c r="AA15689" s="5"/>
      <c r="AB15689" s="5" t="s">
        <v>43</v>
      </c>
      <c r="AC15689" s="5" t="s">
        <v>44</v>
      </c>
      <c r="AD15689" s="2"/>
      <c r="AE15689" s="1"/>
    </row>
    <row r="15690" spans="1:31" ht="14.45">
      <c r="A15690" s="11"/>
      <c r="B15690" s="20"/>
      <c r="C15690" s="2" t="s">
        <v>48027</v>
      </c>
      <c r="D15690" s="14" t="s">
        <v>48028</v>
      </c>
      <c r="E15690" s="2" t="s">
        <v>48029</v>
      </c>
      <c r="F15690" s="2" t="s">
        <v>47226</v>
      </c>
      <c r="G15690" s="8">
        <v>300</v>
      </c>
      <c r="H15690" s="5">
        <v>6</v>
      </c>
      <c r="I15690" s="5" t="s">
        <v>1518</v>
      </c>
      <c r="J15690" s="5" t="s">
        <v>40939</v>
      </c>
      <c r="K15690" s="2" t="s">
        <v>40940</v>
      </c>
      <c r="L15690" s="5" t="s">
        <v>40939</v>
      </c>
      <c r="M15690" s="2" t="s">
        <v>40940</v>
      </c>
      <c r="N15690" s="5" t="s">
        <v>36266</v>
      </c>
      <c r="O15690" s="5" t="s">
        <v>38</v>
      </c>
      <c r="P15690" s="5" t="s">
        <v>39</v>
      </c>
      <c r="Q15690" s="5" t="s">
        <v>40</v>
      </c>
      <c r="R15690" s="5" t="s">
        <v>1522</v>
      </c>
      <c r="S15690" s="5" t="s">
        <v>1523</v>
      </c>
      <c r="T15690" s="5" t="s">
        <v>42</v>
      </c>
      <c r="U15690" s="2">
        <v>2.93</v>
      </c>
      <c r="V15690" s="2">
        <v>2.4060000000000001</v>
      </c>
      <c r="W15690" s="2">
        <v>1.4999999999999999E-2</v>
      </c>
      <c r="X15690" s="2">
        <v>118.9</v>
      </c>
      <c r="Y15690" s="2">
        <v>7.6</v>
      </c>
      <c r="Z15690" s="2">
        <v>16.7</v>
      </c>
      <c r="AA15690" s="5"/>
      <c r="AB15690" s="5" t="s">
        <v>43</v>
      </c>
      <c r="AC15690" s="5" t="s">
        <v>44</v>
      </c>
      <c r="AD15690" s="2"/>
      <c r="AE15690" s="1"/>
    </row>
    <row r="15691" spans="1:31" ht="14.45">
      <c r="A15691" s="11"/>
      <c r="B15691" s="20"/>
      <c r="C15691" s="2" t="s">
        <v>48030</v>
      </c>
      <c r="D15691" s="14" t="s">
        <v>48031</v>
      </c>
      <c r="E15691" s="2" t="s">
        <v>48032</v>
      </c>
      <c r="F15691" s="2" t="s">
        <v>7539</v>
      </c>
      <c r="G15691" s="8">
        <v>300</v>
      </c>
      <c r="H15691" s="5">
        <v>6</v>
      </c>
      <c r="I15691" s="5" t="s">
        <v>1518</v>
      </c>
      <c r="J15691" s="5" t="s">
        <v>40939</v>
      </c>
      <c r="K15691" s="2" t="s">
        <v>40940</v>
      </c>
      <c r="L15691" s="5" t="s">
        <v>40939</v>
      </c>
      <c r="M15691" s="2" t="s">
        <v>40940</v>
      </c>
      <c r="N15691" s="5" t="s">
        <v>36266</v>
      </c>
      <c r="O15691" s="5" t="s">
        <v>38</v>
      </c>
      <c r="P15691" s="5" t="s">
        <v>39</v>
      </c>
      <c r="Q15691" s="5" t="s">
        <v>40</v>
      </c>
      <c r="R15691" s="5" t="s">
        <v>1522</v>
      </c>
      <c r="S15691" s="5" t="s">
        <v>1523</v>
      </c>
      <c r="T15691" s="5" t="s">
        <v>42</v>
      </c>
      <c r="U15691" s="2">
        <v>2.8820000000000001</v>
      </c>
      <c r="V15691" s="2">
        <v>2.3580000000000001</v>
      </c>
      <c r="W15691" s="2">
        <v>1.4999999999999999E-2</v>
      </c>
      <c r="X15691" s="2">
        <v>118.9</v>
      </c>
      <c r="Y15691" s="2">
        <v>7.6</v>
      </c>
      <c r="Z15691" s="2">
        <v>16.7</v>
      </c>
      <c r="AA15691" s="5"/>
      <c r="AB15691" s="5" t="s">
        <v>43</v>
      </c>
      <c r="AC15691" s="5" t="s">
        <v>44</v>
      </c>
      <c r="AD15691" s="2"/>
      <c r="AE15691" s="1"/>
    </row>
    <row r="15692" spans="1:31" ht="14.45">
      <c r="A15692" s="11"/>
      <c r="B15692" s="20"/>
      <c r="C15692" s="2" t="s">
        <v>48033</v>
      </c>
      <c r="D15692" s="14" t="s">
        <v>48034</v>
      </c>
      <c r="E15692" s="2" t="s">
        <v>48035</v>
      </c>
      <c r="F15692" s="2" t="s">
        <v>40989</v>
      </c>
      <c r="G15692" s="8">
        <v>300</v>
      </c>
      <c r="H15692" s="5">
        <v>6</v>
      </c>
      <c r="I15692" s="5" t="s">
        <v>1518</v>
      </c>
      <c r="J15692" s="5" t="s">
        <v>40939</v>
      </c>
      <c r="K15692" s="2" t="s">
        <v>40940</v>
      </c>
      <c r="L15692" s="5" t="s">
        <v>40939</v>
      </c>
      <c r="M15692" s="2" t="s">
        <v>40940</v>
      </c>
      <c r="N15692" s="5" t="s">
        <v>36266</v>
      </c>
      <c r="O15692" s="5" t="s">
        <v>38</v>
      </c>
      <c r="P15692" s="5" t="s">
        <v>39</v>
      </c>
      <c r="Q15692" s="5" t="s">
        <v>40</v>
      </c>
      <c r="R15692" s="5" t="s">
        <v>1522</v>
      </c>
      <c r="S15692" s="5" t="s">
        <v>1523</v>
      </c>
      <c r="T15692" s="5" t="s">
        <v>42</v>
      </c>
      <c r="U15692" s="2">
        <v>2.93</v>
      </c>
      <c r="V15692" s="2">
        <v>2.4060000000000001</v>
      </c>
      <c r="W15692" s="2">
        <v>1.4999999999999999E-2</v>
      </c>
      <c r="X15692" s="2">
        <v>118.9</v>
      </c>
      <c r="Y15692" s="2">
        <v>7.6</v>
      </c>
      <c r="Z15692" s="2">
        <v>16.7</v>
      </c>
      <c r="AA15692" s="5"/>
      <c r="AB15692" s="5" t="s">
        <v>43</v>
      </c>
      <c r="AC15692" s="5" t="s">
        <v>44</v>
      </c>
      <c r="AD15692" s="2"/>
      <c r="AE15692" s="1"/>
    </row>
    <row r="15693" spans="1:31" ht="14.45">
      <c r="A15693" s="11"/>
      <c r="B15693" s="20"/>
      <c r="C15693" s="2" t="s">
        <v>48036</v>
      </c>
      <c r="D15693" s="14" t="s">
        <v>48037</v>
      </c>
      <c r="E15693" s="2" t="s">
        <v>48038</v>
      </c>
      <c r="F15693" s="2" t="s">
        <v>40993</v>
      </c>
      <c r="G15693" s="8">
        <v>300</v>
      </c>
      <c r="H15693" s="5">
        <v>6</v>
      </c>
      <c r="I15693" s="5" t="s">
        <v>1518</v>
      </c>
      <c r="J15693" s="5" t="s">
        <v>40939</v>
      </c>
      <c r="K15693" s="2" t="s">
        <v>40940</v>
      </c>
      <c r="L15693" s="5" t="s">
        <v>40939</v>
      </c>
      <c r="M15693" s="2" t="s">
        <v>40940</v>
      </c>
      <c r="N15693" s="5" t="s">
        <v>36266</v>
      </c>
      <c r="O15693" s="5" t="s">
        <v>38</v>
      </c>
      <c r="P15693" s="5" t="s">
        <v>39</v>
      </c>
      <c r="Q15693" s="5" t="s">
        <v>40</v>
      </c>
      <c r="R15693" s="5" t="s">
        <v>1522</v>
      </c>
      <c r="S15693" s="5" t="s">
        <v>1523</v>
      </c>
      <c r="T15693" s="5" t="s">
        <v>42</v>
      </c>
      <c r="U15693" s="2">
        <v>3.02</v>
      </c>
      <c r="V15693" s="2">
        <v>2.496</v>
      </c>
      <c r="W15693" s="2">
        <v>1.4999999999999999E-2</v>
      </c>
      <c r="X15693" s="2">
        <v>118.9</v>
      </c>
      <c r="Y15693" s="2">
        <v>7.6</v>
      </c>
      <c r="Z15693" s="2">
        <v>16.7</v>
      </c>
      <c r="AA15693" s="5"/>
      <c r="AB15693" s="5" t="s">
        <v>43</v>
      </c>
      <c r="AC15693" s="5" t="s">
        <v>44</v>
      </c>
      <c r="AD15693" s="2"/>
      <c r="AE15693" s="1"/>
    </row>
    <row r="15694" spans="1:31" ht="14.45">
      <c r="A15694" s="11"/>
      <c r="B15694" s="20"/>
      <c r="C15694" s="2" t="s">
        <v>48039</v>
      </c>
      <c r="D15694" s="14" t="s">
        <v>48040</v>
      </c>
      <c r="E15694" s="2" t="s">
        <v>48041</v>
      </c>
      <c r="F15694" s="2" t="s">
        <v>41267</v>
      </c>
      <c r="G15694" s="8">
        <v>300</v>
      </c>
      <c r="H15694" s="5">
        <v>6</v>
      </c>
      <c r="I15694" s="5" t="s">
        <v>1518</v>
      </c>
      <c r="J15694" s="5" t="s">
        <v>40939</v>
      </c>
      <c r="K15694" s="2" t="s">
        <v>40940</v>
      </c>
      <c r="L15694" s="5" t="s">
        <v>40939</v>
      </c>
      <c r="M15694" s="2" t="s">
        <v>40940</v>
      </c>
      <c r="N15694" s="5" t="s">
        <v>36266</v>
      </c>
      <c r="O15694" s="5" t="s">
        <v>38</v>
      </c>
      <c r="P15694" s="5" t="s">
        <v>39</v>
      </c>
      <c r="Q15694" s="5" t="s">
        <v>40</v>
      </c>
      <c r="R15694" s="5" t="s">
        <v>1522</v>
      </c>
      <c r="S15694" s="5" t="s">
        <v>1523</v>
      </c>
      <c r="T15694" s="5" t="s">
        <v>42</v>
      </c>
      <c r="U15694" s="2">
        <v>2.9809999999999999</v>
      </c>
      <c r="V15694" s="2">
        <v>2.4569999999999999</v>
      </c>
      <c r="W15694" s="2">
        <v>1.4999999999999999E-2</v>
      </c>
      <c r="X15694" s="2">
        <v>118.9</v>
      </c>
      <c r="Y15694" s="2">
        <v>7.6</v>
      </c>
      <c r="Z15694" s="2">
        <v>16.7</v>
      </c>
      <c r="AA15694" s="5"/>
      <c r="AB15694" s="5" t="s">
        <v>43</v>
      </c>
      <c r="AC15694" s="5" t="s">
        <v>44</v>
      </c>
      <c r="AD15694" s="2"/>
      <c r="AE15694" s="1"/>
    </row>
    <row r="15695" spans="1:31" ht="14.45">
      <c r="A15695" s="11"/>
      <c r="B15695" s="20"/>
      <c r="C15695" s="2" t="s">
        <v>48042</v>
      </c>
      <c r="D15695" s="14" t="s">
        <v>48043</v>
      </c>
      <c r="E15695" s="2" t="s">
        <v>48044</v>
      </c>
      <c r="F15695" s="2" t="s">
        <v>41013</v>
      </c>
      <c r="G15695" s="8">
        <v>300</v>
      </c>
      <c r="H15695" s="5">
        <v>6</v>
      </c>
      <c r="I15695" s="5" t="s">
        <v>1518</v>
      </c>
      <c r="J15695" s="5" t="s">
        <v>40939</v>
      </c>
      <c r="K15695" s="2" t="s">
        <v>40940</v>
      </c>
      <c r="L15695" s="5" t="s">
        <v>40939</v>
      </c>
      <c r="M15695" s="2" t="s">
        <v>40940</v>
      </c>
      <c r="N15695" s="5" t="s">
        <v>36266</v>
      </c>
      <c r="O15695" s="5" t="s">
        <v>38</v>
      </c>
      <c r="P15695" s="5" t="s">
        <v>39</v>
      </c>
      <c r="Q15695" s="5" t="s">
        <v>40</v>
      </c>
      <c r="R15695" s="5" t="s">
        <v>1522</v>
      </c>
      <c r="S15695" s="5" t="s">
        <v>1523</v>
      </c>
      <c r="T15695" s="5" t="s">
        <v>42</v>
      </c>
      <c r="U15695" s="2">
        <v>3.0289999999999999</v>
      </c>
      <c r="V15695" s="2">
        <v>2.5049999999999999</v>
      </c>
      <c r="W15695" s="2">
        <v>1.4999999999999999E-2</v>
      </c>
      <c r="X15695" s="2">
        <v>118.9</v>
      </c>
      <c r="Y15695" s="2">
        <v>7.6</v>
      </c>
      <c r="Z15695" s="2">
        <v>16.7</v>
      </c>
      <c r="AA15695" s="5"/>
      <c r="AB15695" s="5" t="s">
        <v>43</v>
      </c>
      <c r="AC15695" s="5" t="s">
        <v>44</v>
      </c>
      <c r="AD15695" s="2"/>
      <c r="AE15695" s="1"/>
    </row>
    <row r="15696" spans="1:31" ht="14.45">
      <c r="A15696" s="11"/>
      <c r="B15696" s="20"/>
      <c r="C15696" s="2" t="s">
        <v>48045</v>
      </c>
      <c r="D15696" s="14" t="s">
        <v>48046</v>
      </c>
      <c r="E15696" s="2" t="s">
        <v>48047</v>
      </c>
      <c r="F15696" s="2" t="s">
        <v>7396</v>
      </c>
      <c r="G15696" s="8">
        <v>278</v>
      </c>
      <c r="H15696" s="5">
        <v>6</v>
      </c>
      <c r="I15696" s="5" t="s">
        <v>1518</v>
      </c>
      <c r="J15696" s="5" t="s">
        <v>40939</v>
      </c>
      <c r="K15696" s="2" t="s">
        <v>40940</v>
      </c>
      <c r="L15696" s="5" t="s">
        <v>40939</v>
      </c>
      <c r="M15696" s="2" t="s">
        <v>40940</v>
      </c>
      <c r="N15696" s="5" t="s">
        <v>36266</v>
      </c>
      <c r="O15696" s="5" t="s">
        <v>38</v>
      </c>
      <c r="P15696" s="5" t="s">
        <v>39</v>
      </c>
      <c r="Q15696" s="5" t="s">
        <v>40</v>
      </c>
      <c r="R15696" s="5" t="s">
        <v>1522</v>
      </c>
      <c r="S15696" s="5" t="s">
        <v>1523</v>
      </c>
      <c r="T15696" s="5" t="s">
        <v>42</v>
      </c>
      <c r="U15696" s="2">
        <v>2.9390000000000001</v>
      </c>
      <c r="V15696" s="2">
        <v>2.415</v>
      </c>
      <c r="W15696" s="2">
        <v>1.4999999999999999E-2</v>
      </c>
      <c r="X15696" s="2">
        <v>118.9</v>
      </c>
      <c r="Y15696" s="2">
        <v>7.6</v>
      </c>
      <c r="Z15696" s="2">
        <v>16.7</v>
      </c>
      <c r="AA15696" s="5"/>
      <c r="AB15696" s="5" t="s">
        <v>43</v>
      </c>
      <c r="AC15696" s="5" t="s">
        <v>44</v>
      </c>
      <c r="AD15696" s="2"/>
      <c r="AE15696" s="1"/>
    </row>
    <row r="15697" spans="1:31" ht="14.45">
      <c r="A15697" s="11"/>
      <c r="B15697" s="20"/>
      <c r="C15697" s="2" t="s">
        <v>48048</v>
      </c>
      <c r="D15697" s="14" t="s">
        <v>48049</v>
      </c>
      <c r="E15697" s="2" t="s">
        <v>48050</v>
      </c>
      <c r="F15697" s="2" t="s">
        <v>7507</v>
      </c>
      <c r="G15697" s="8">
        <v>278</v>
      </c>
      <c r="H15697" s="5">
        <v>6</v>
      </c>
      <c r="I15697" s="5" t="s">
        <v>1518</v>
      </c>
      <c r="J15697" s="5" t="s">
        <v>40939</v>
      </c>
      <c r="K15697" s="2" t="s">
        <v>40940</v>
      </c>
      <c r="L15697" s="5" t="s">
        <v>40939</v>
      </c>
      <c r="M15697" s="2" t="s">
        <v>40940</v>
      </c>
      <c r="N15697" s="5" t="s">
        <v>36266</v>
      </c>
      <c r="O15697" s="5" t="s">
        <v>38</v>
      </c>
      <c r="P15697" s="5" t="s">
        <v>39</v>
      </c>
      <c r="Q15697" s="5" t="s">
        <v>40</v>
      </c>
      <c r="R15697" s="5" t="s">
        <v>1522</v>
      </c>
      <c r="S15697" s="5" t="s">
        <v>1523</v>
      </c>
      <c r="T15697" s="5" t="s">
        <v>42</v>
      </c>
      <c r="U15697" s="2">
        <v>3.0289999999999999</v>
      </c>
      <c r="V15697" s="2">
        <v>2.5049999999999999</v>
      </c>
      <c r="W15697" s="2">
        <v>1.4999999999999999E-2</v>
      </c>
      <c r="X15697" s="2">
        <v>118.9</v>
      </c>
      <c r="Y15697" s="2">
        <v>7.6</v>
      </c>
      <c r="Z15697" s="2">
        <v>16.7</v>
      </c>
      <c r="AA15697" s="5"/>
      <c r="AB15697" s="5" t="s">
        <v>43</v>
      </c>
      <c r="AC15697" s="5" t="s">
        <v>44</v>
      </c>
      <c r="AD15697" s="2"/>
      <c r="AE15697" s="1"/>
    </row>
    <row r="15698" spans="1:31" ht="14.45">
      <c r="A15698" s="11"/>
      <c r="B15698" s="20"/>
      <c r="C15698" s="2" t="s">
        <v>48051</v>
      </c>
      <c r="D15698" s="14" t="s">
        <v>48052</v>
      </c>
      <c r="E15698" s="2" t="s">
        <v>48053</v>
      </c>
      <c r="F15698" s="2" t="s">
        <v>41027</v>
      </c>
      <c r="G15698" s="8">
        <v>300</v>
      </c>
      <c r="H15698" s="5">
        <v>6</v>
      </c>
      <c r="I15698" s="5" t="s">
        <v>1518</v>
      </c>
      <c r="J15698" s="5" t="s">
        <v>40939</v>
      </c>
      <c r="K15698" s="2" t="s">
        <v>40940</v>
      </c>
      <c r="L15698" s="5" t="s">
        <v>40939</v>
      </c>
      <c r="M15698" s="2" t="s">
        <v>40940</v>
      </c>
      <c r="N15698" s="5" t="s">
        <v>36266</v>
      </c>
      <c r="O15698" s="5" t="s">
        <v>38</v>
      </c>
      <c r="P15698" s="5" t="s">
        <v>39</v>
      </c>
      <c r="Q15698" s="5" t="s">
        <v>40</v>
      </c>
      <c r="R15698" s="5" t="s">
        <v>1522</v>
      </c>
      <c r="S15698" s="5" t="s">
        <v>1523</v>
      </c>
      <c r="T15698" s="5" t="s">
        <v>42</v>
      </c>
      <c r="U15698" s="2">
        <v>2.9809999999999999</v>
      </c>
      <c r="V15698" s="2">
        <v>2.4569999999999999</v>
      </c>
      <c r="W15698" s="2">
        <v>1.4999999999999999E-2</v>
      </c>
      <c r="X15698" s="2">
        <v>118.9</v>
      </c>
      <c r="Y15698" s="2">
        <v>7.6</v>
      </c>
      <c r="Z15698" s="2">
        <v>16.7</v>
      </c>
      <c r="AA15698" s="5"/>
      <c r="AB15698" s="5" t="s">
        <v>43</v>
      </c>
      <c r="AC15698" s="5" t="s">
        <v>44</v>
      </c>
      <c r="AD15698" s="2"/>
      <c r="AE15698" s="1"/>
    </row>
    <row r="15699" spans="1:31" ht="14.45">
      <c r="A15699" s="11"/>
      <c r="B15699" s="20"/>
      <c r="C15699" s="2" t="s">
        <v>48054</v>
      </c>
      <c r="D15699" s="14" t="s">
        <v>48055</v>
      </c>
      <c r="E15699" s="2" t="s">
        <v>48056</v>
      </c>
      <c r="F15699" s="2" t="s">
        <v>41031</v>
      </c>
      <c r="G15699" s="8">
        <v>300</v>
      </c>
      <c r="H15699" s="5">
        <v>6</v>
      </c>
      <c r="I15699" s="5" t="s">
        <v>1518</v>
      </c>
      <c r="J15699" s="5" t="s">
        <v>40939</v>
      </c>
      <c r="K15699" s="2" t="s">
        <v>40940</v>
      </c>
      <c r="L15699" s="5" t="s">
        <v>40939</v>
      </c>
      <c r="M15699" s="2" t="s">
        <v>40940</v>
      </c>
      <c r="N15699" s="5" t="s">
        <v>36266</v>
      </c>
      <c r="O15699" s="5" t="s">
        <v>38</v>
      </c>
      <c r="P15699" s="5" t="s">
        <v>39</v>
      </c>
      <c r="Q15699" s="5" t="s">
        <v>40</v>
      </c>
      <c r="R15699" s="5" t="s">
        <v>1522</v>
      </c>
      <c r="S15699" s="5" t="s">
        <v>1523</v>
      </c>
      <c r="T15699" s="5" t="s">
        <v>42</v>
      </c>
      <c r="U15699" s="2">
        <v>2.891</v>
      </c>
      <c r="V15699" s="2">
        <v>2.367</v>
      </c>
      <c r="W15699" s="2">
        <v>1.4999999999999999E-2</v>
      </c>
      <c r="X15699" s="2">
        <v>118.9</v>
      </c>
      <c r="Y15699" s="2">
        <v>7.6</v>
      </c>
      <c r="Z15699" s="2">
        <v>16.7</v>
      </c>
      <c r="AA15699" s="5"/>
      <c r="AB15699" s="5" t="s">
        <v>43</v>
      </c>
      <c r="AC15699" s="5" t="s">
        <v>44</v>
      </c>
      <c r="AD15699" s="2"/>
      <c r="AE15699" s="1"/>
    </row>
    <row r="15700" spans="1:31" ht="14.45">
      <c r="A15700" s="11"/>
      <c r="B15700" s="20"/>
      <c r="C15700" s="2" t="s">
        <v>48057</v>
      </c>
      <c r="D15700" s="14" t="s">
        <v>48058</v>
      </c>
      <c r="E15700" s="2" t="s">
        <v>48059</v>
      </c>
      <c r="F15700" s="2" t="s">
        <v>41035</v>
      </c>
      <c r="G15700" s="8">
        <v>300</v>
      </c>
      <c r="H15700" s="5">
        <v>6</v>
      </c>
      <c r="I15700" s="5" t="s">
        <v>1518</v>
      </c>
      <c r="J15700" s="5" t="s">
        <v>40939</v>
      </c>
      <c r="K15700" s="2" t="s">
        <v>40940</v>
      </c>
      <c r="L15700" s="5" t="s">
        <v>40939</v>
      </c>
      <c r="M15700" s="2" t="s">
        <v>40940</v>
      </c>
      <c r="N15700" s="5" t="s">
        <v>36266</v>
      </c>
      <c r="O15700" s="5" t="s">
        <v>38</v>
      </c>
      <c r="P15700" s="5" t="s">
        <v>39</v>
      </c>
      <c r="Q15700" s="5" t="s">
        <v>40</v>
      </c>
      <c r="R15700" s="5" t="s">
        <v>1522</v>
      </c>
      <c r="S15700" s="5" t="s">
        <v>1523</v>
      </c>
      <c r="T15700" s="5" t="s">
        <v>42</v>
      </c>
      <c r="U15700" s="2">
        <v>2.9809999999999999</v>
      </c>
      <c r="V15700" s="2">
        <v>2.4569999999999999</v>
      </c>
      <c r="W15700" s="2">
        <v>1.4999999999999999E-2</v>
      </c>
      <c r="X15700" s="2">
        <v>118.9</v>
      </c>
      <c r="Y15700" s="2">
        <v>7.6</v>
      </c>
      <c r="Z15700" s="2">
        <v>16.7</v>
      </c>
      <c r="AA15700" s="5"/>
      <c r="AB15700" s="5" t="s">
        <v>43</v>
      </c>
      <c r="AC15700" s="5" t="s">
        <v>44</v>
      </c>
      <c r="AD15700" s="2"/>
      <c r="AE15700" s="1"/>
    </row>
    <row r="15701" spans="1:31" ht="14.45">
      <c r="A15701" s="11"/>
      <c r="B15701" s="20"/>
      <c r="C15701" s="2" t="s">
        <v>48060</v>
      </c>
      <c r="D15701" s="14" t="s">
        <v>48061</v>
      </c>
      <c r="E15701" s="2" t="s">
        <v>48062</v>
      </c>
      <c r="F15701" s="2" t="s">
        <v>7581</v>
      </c>
      <c r="G15701" s="8">
        <v>300</v>
      </c>
      <c r="H15701" s="5">
        <v>6</v>
      </c>
      <c r="I15701" s="5" t="s">
        <v>1518</v>
      </c>
      <c r="J15701" s="5" t="s">
        <v>40939</v>
      </c>
      <c r="K15701" s="2" t="s">
        <v>40940</v>
      </c>
      <c r="L15701" s="5" t="s">
        <v>40939</v>
      </c>
      <c r="M15701" s="2" t="s">
        <v>40940</v>
      </c>
      <c r="N15701" s="5" t="s">
        <v>36266</v>
      </c>
      <c r="O15701" s="5" t="s">
        <v>38</v>
      </c>
      <c r="P15701" s="5" t="s">
        <v>39</v>
      </c>
      <c r="Q15701" s="5" t="s">
        <v>40</v>
      </c>
      <c r="R15701" s="5" t="s">
        <v>1522</v>
      </c>
      <c r="S15701" s="5" t="s">
        <v>1523</v>
      </c>
      <c r="T15701" s="5" t="s">
        <v>42</v>
      </c>
      <c r="U15701" s="2">
        <v>2.9809999999999999</v>
      </c>
      <c r="V15701" s="2">
        <v>2.4569999999999999</v>
      </c>
      <c r="W15701" s="2">
        <v>1.4999999999999999E-2</v>
      </c>
      <c r="X15701" s="2">
        <v>118.9</v>
      </c>
      <c r="Y15701" s="2">
        <v>7.6</v>
      </c>
      <c r="Z15701" s="2">
        <v>16.7</v>
      </c>
      <c r="AA15701" s="5"/>
      <c r="AB15701" s="5" t="s">
        <v>43</v>
      </c>
      <c r="AC15701" s="5" t="s">
        <v>44</v>
      </c>
      <c r="AD15701" s="2"/>
      <c r="AE15701" s="1"/>
    </row>
    <row r="15702" spans="1:31" ht="14.45">
      <c r="A15702" s="11"/>
      <c r="B15702" s="20"/>
      <c r="C15702" s="2" t="s">
        <v>48063</v>
      </c>
      <c r="D15702" s="14" t="s">
        <v>48064</v>
      </c>
      <c r="E15702" s="2" t="s">
        <v>48065</v>
      </c>
      <c r="F15702" s="2" t="s">
        <v>41049</v>
      </c>
      <c r="G15702" s="8">
        <v>300</v>
      </c>
      <c r="H15702" s="5">
        <v>6</v>
      </c>
      <c r="I15702" s="5" t="s">
        <v>1518</v>
      </c>
      <c r="J15702" s="5" t="s">
        <v>40939</v>
      </c>
      <c r="K15702" s="2" t="s">
        <v>40940</v>
      </c>
      <c r="L15702" s="5" t="s">
        <v>40939</v>
      </c>
      <c r="M15702" s="2" t="s">
        <v>40940</v>
      </c>
      <c r="N15702" s="5" t="s">
        <v>36266</v>
      </c>
      <c r="O15702" s="5" t="s">
        <v>38</v>
      </c>
      <c r="P15702" s="5" t="s">
        <v>39</v>
      </c>
      <c r="Q15702" s="5" t="s">
        <v>40</v>
      </c>
      <c r="R15702" s="5" t="s">
        <v>1522</v>
      </c>
      <c r="S15702" s="5" t="s">
        <v>1523</v>
      </c>
      <c r="T15702" s="5" t="s">
        <v>42</v>
      </c>
      <c r="U15702" s="2">
        <v>3.0390000000000001</v>
      </c>
      <c r="V15702" s="2">
        <v>2.5150000000000001</v>
      </c>
      <c r="W15702" s="2">
        <v>1.4999999999999999E-2</v>
      </c>
      <c r="X15702" s="2">
        <v>118.9</v>
      </c>
      <c r="Y15702" s="2">
        <v>7.6</v>
      </c>
      <c r="Z15702" s="2">
        <v>16.7</v>
      </c>
      <c r="AA15702" s="5"/>
      <c r="AB15702" s="5" t="s">
        <v>43</v>
      </c>
      <c r="AC15702" s="5" t="s">
        <v>44</v>
      </c>
      <c r="AD15702" s="2"/>
      <c r="AE15702" s="1"/>
    </row>
    <row r="15703" spans="1:31" ht="14.45">
      <c r="A15703" s="11"/>
      <c r="B15703" s="20"/>
      <c r="C15703" s="2" t="s">
        <v>48066</v>
      </c>
      <c r="D15703" s="14" t="s">
        <v>48067</v>
      </c>
      <c r="E15703" s="2" t="s">
        <v>48068</v>
      </c>
      <c r="F15703" s="2" t="s">
        <v>7204</v>
      </c>
      <c r="G15703" s="8">
        <v>289</v>
      </c>
      <c r="H15703" s="5">
        <v>6</v>
      </c>
      <c r="I15703" s="5" t="s">
        <v>1518</v>
      </c>
      <c r="J15703" s="5" t="s">
        <v>40939</v>
      </c>
      <c r="K15703" s="2" t="s">
        <v>40940</v>
      </c>
      <c r="L15703" s="5" t="s">
        <v>40939</v>
      </c>
      <c r="M15703" s="2" t="s">
        <v>40940</v>
      </c>
      <c r="N15703" s="5" t="s">
        <v>36266</v>
      </c>
      <c r="O15703" s="5" t="s">
        <v>38</v>
      </c>
      <c r="P15703" s="5" t="s">
        <v>39</v>
      </c>
      <c r="Q15703" s="5" t="s">
        <v>40</v>
      </c>
      <c r="R15703" s="5" t="s">
        <v>1522</v>
      </c>
      <c r="S15703" s="5" t="s">
        <v>1523</v>
      </c>
      <c r="T15703" s="5" t="s">
        <v>42</v>
      </c>
      <c r="U15703" s="2">
        <v>3.149</v>
      </c>
      <c r="V15703" s="2">
        <v>2.5499999999999998</v>
      </c>
      <c r="W15703" s="2">
        <v>1.7999999999999999E-2</v>
      </c>
      <c r="X15703" s="2">
        <v>139.1</v>
      </c>
      <c r="Y15703" s="2">
        <v>7.6</v>
      </c>
      <c r="Z15703" s="2">
        <v>16.7</v>
      </c>
      <c r="AA15703" s="5"/>
      <c r="AB15703" s="5" t="s">
        <v>43</v>
      </c>
      <c r="AC15703" s="5" t="s">
        <v>44</v>
      </c>
      <c r="AD15703" s="2"/>
      <c r="AE15703" s="1"/>
    </row>
    <row r="15704" spans="1:31" ht="14.45">
      <c r="A15704" s="11"/>
      <c r="B15704" s="20"/>
      <c r="C15704" s="2" t="s">
        <v>48069</v>
      </c>
      <c r="D15704" s="14" t="s">
        <v>48070</v>
      </c>
      <c r="E15704" s="2" t="s">
        <v>48071</v>
      </c>
      <c r="F15704" s="2" t="s">
        <v>7514</v>
      </c>
      <c r="G15704" s="8">
        <v>289</v>
      </c>
      <c r="H15704" s="5">
        <v>6</v>
      </c>
      <c r="I15704" s="5" t="s">
        <v>1518</v>
      </c>
      <c r="J15704" s="5" t="s">
        <v>40939</v>
      </c>
      <c r="K15704" s="2" t="s">
        <v>40940</v>
      </c>
      <c r="L15704" s="5" t="s">
        <v>40939</v>
      </c>
      <c r="M15704" s="2" t="s">
        <v>40940</v>
      </c>
      <c r="N15704" s="5" t="s">
        <v>36266</v>
      </c>
      <c r="O15704" s="5" t="s">
        <v>38</v>
      </c>
      <c r="P15704" s="5" t="s">
        <v>39</v>
      </c>
      <c r="Q15704" s="5" t="s">
        <v>40</v>
      </c>
      <c r="R15704" s="5" t="s">
        <v>1522</v>
      </c>
      <c r="S15704" s="5" t="s">
        <v>1523</v>
      </c>
      <c r="T15704" s="5" t="s">
        <v>42</v>
      </c>
      <c r="U15704" s="2">
        <v>3.2509999999999999</v>
      </c>
      <c r="V15704" s="2">
        <v>2.6520000000000001</v>
      </c>
      <c r="W15704" s="2">
        <v>1.7999999999999999E-2</v>
      </c>
      <c r="X15704" s="2">
        <v>139.1</v>
      </c>
      <c r="Y15704" s="2">
        <v>7.6</v>
      </c>
      <c r="Z15704" s="2">
        <v>16.7</v>
      </c>
      <c r="AA15704" s="5"/>
      <c r="AB15704" s="5" t="s">
        <v>43</v>
      </c>
      <c r="AC15704" s="5" t="s">
        <v>44</v>
      </c>
      <c r="AD15704" s="2"/>
      <c r="AE15704" s="1"/>
    </row>
    <row r="15705" spans="1:31" ht="14.45">
      <c r="A15705" s="11"/>
      <c r="B15705" s="20"/>
      <c r="C15705" s="2" t="s">
        <v>48072</v>
      </c>
      <c r="D15705" s="14" t="s">
        <v>48073</v>
      </c>
      <c r="E15705" s="2" t="s">
        <v>48074</v>
      </c>
      <c r="F15705" s="2" t="s">
        <v>47266</v>
      </c>
      <c r="G15705" s="8">
        <v>313</v>
      </c>
      <c r="H15705" s="5">
        <v>6</v>
      </c>
      <c r="I15705" s="5" t="s">
        <v>1518</v>
      </c>
      <c r="J15705" s="5" t="s">
        <v>40939</v>
      </c>
      <c r="K15705" s="2" t="s">
        <v>40940</v>
      </c>
      <c r="L15705" s="5" t="s">
        <v>40939</v>
      </c>
      <c r="M15705" s="2" t="s">
        <v>40940</v>
      </c>
      <c r="N15705" s="5" t="s">
        <v>36266</v>
      </c>
      <c r="O15705" s="5" t="s">
        <v>38</v>
      </c>
      <c r="P15705" s="5" t="s">
        <v>39</v>
      </c>
      <c r="Q15705" s="5" t="s">
        <v>40</v>
      </c>
      <c r="R15705" s="5" t="s">
        <v>1522</v>
      </c>
      <c r="S15705" s="5" t="s">
        <v>1523</v>
      </c>
      <c r="T15705" s="5" t="s">
        <v>42</v>
      </c>
      <c r="U15705" s="2">
        <v>3.1709999999999998</v>
      </c>
      <c r="V15705" s="2">
        <v>2.5720000000000001</v>
      </c>
      <c r="W15705" s="2">
        <v>1.7999999999999999E-2</v>
      </c>
      <c r="X15705" s="2">
        <v>139.1</v>
      </c>
      <c r="Y15705" s="2">
        <v>7.6</v>
      </c>
      <c r="Z15705" s="2">
        <v>16.7</v>
      </c>
      <c r="AA15705" s="5"/>
      <c r="AB15705" s="5" t="s">
        <v>43</v>
      </c>
      <c r="AC15705" s="5" t="s">
        <v>44</v>
      </c>
      <c r="AD15705" s="2"/>
      <c r="AE15705" s="1"/>
    </row>
    <row r="15706" spans="1:31" ht="14.45">
      <c r="A15706" s="11"/>
      <c r="B15706" s="20"/>
      <c r="C15706" s="2" t="s">
        <v>48075</v>
      </c>
      <c r="D15706" s="14" t="s">
        <v>48076</v>
      </c>
      <c r="E15706" s="2" t="s">
        <v>48077</v>
      </c>
      <c r="F15706" s="2" t="s">
        <v>47195</v>
      </c>
      <c r="G15706" s="8">
        <v>313</v>
      </c>
      <c r="H15706" s="5">
        <v>6</v>
      </c>
      <c r="I15706" s="5" t="s">
        <v>1518</v>
      </c>
      <c r="J15706" s="5" t="s">
        <v>40939</v>
      </c>
      <c r="K15706" s="2" t="s">
        <v>40940</v>
      </c>
      <c r="L15706" s="5" t="s">
        <v>40939</v>
      </c>
      <c r="M15706" s="2" t="s">
        <v>40940</v>
      </c>
      <c r="N15706" s="5" t="s">
        <v>36266</v>
      </c>
      <c r="O15706" s="5" t="s">
        <v>38</v>
      </c>
      <c r="P15706" s="5" t="s">
        <v>39</v>
      </c>
      <c r="Q15706" s="5" t="s">
        <v>40</v>
      </c>
      <c r="R15706" s="5" t="s">
        <v>1522</v>
      </c>
      <c r="S15706" s="5" t="s">
        <v>1523</v>
      </c>
      <c r="T15706" s="5" t="s">
        <v>42</v>
      </c>
      <c r="U15706" s="2">
        <v>3.2730000000000001</v>
      </c>
      <c r="V15706" s="2">
        <v>2.6739999999999999</v>
      </c>
      <c r="W15706" s="2">
        <v>1.7999999999999999E-2</v>
      </c>
      <c r="X15706" s="2">
        <v>139.1</v>
      </c>
      <c r="Y15706" s="2">
        <v>7.6</v>
      </c>
      <c r="Z15706" s="2">
        <v>16.7</v>
      </c>
      <c r="AA15706" s="5"/>
      <c r="AB15706" s="5" t="s">
        <v>43</v>
      </c>
      <c r="AC15706" s="5" t="s">
        <v>44</v>
      </c>
      <c r="AD15706" s="2"/>
      <c r="AE15706" s="1"/>
    </row>
    <row r="15707" spans="1:31" ht="14.45">
      <c r="A15707" s="11"/>
      <c r="B15707" s="20"/>
      <c r="C15707" s="2" t="s">
        <v>48078</v>
      </c>
      <c r="D15707" s="14" t="s">
        <v>48079</v>
      </c>
      <c r="E15707" s="2" t="s">
        <v>48080</v>
      </c>
      <c r="F15707" s="2" t="s">
        <v>7208</v>
      </c>
      <c r="G15707" s="8">
        <v>289</v>
      </c>
      <c r="H15707" s="5">
        <v>6</v>
      </c>
      <c r="I15707" s="5" t="s">
        <v>1518</v>
      </c>
      <c r="J15707" s="5" t="s">
        <v>40939</v>
      </c>
      <c r="K15707" s="2" t="s">
        <v>40940</v>
      </c>
      <c r="L15707" s="5" t="s">
        <v>40939</v>
      </c>
      <c r="M15707" s="2" t="s">
        <v>40940</v>
      </c>
      <c r="N15707" s="5" t="s">
        <v>36266</v>
      </c>
      <c r="O15707" s="5" t="s">
        <v>38</v>
      </c>
      <c r="P15707" s="5" t="s">
        <v>39</v>
      </c>
      <c r="Q15707" s="5" t="s">
        <v>40</v>
      </c>
      <c r="R15707" s="5" t="s">
        <v>1522</v>
      </c>
      <c r="S15707" s="5" t="s">
        <v>1523</v>
      </c>
      <c r="T15707" s="5" t="s">
        <v>42</v>
      </c>
      <c r="U15707" s="2">
        <v>3.1829999999999998</v>
      </c>
      <c r="V15707" s="2">
        <v>2.5840000000000001</v>
      </c>
      <c r="W15707" s="2">
        <v>1.7999999999999999E-2</v>
      </c>
      <c r="X15707" s="2">
        <v>139.1</v>
      </c>
      <c r="Y15707" s="2">
        <v>7.6</v>
      </c>
      <c r="Z15707" s="2">
        <v>16.7</v>
      </c>
      <c r="AA15707" s="5"/>
      <c r="AB15707" s="5" t="s">
        <v>43</v>
      </c>
      <c r="AC15707" s="5" t="s">
        <v>44</v>
      </c>
      <c r="AD15707" s="2"/>
      <c r="AE15707" s="1"/>
    </row>
    <row r="15708" spans="1:31" ht="14.45">
      <c r="A15708" s="11"/>
      <c r="B15708" s="20"/>
      <c r="C15708" s="2" t="s">
        <v>48081</v>
      </c>
      <c r="D15708" s="14" t="s">
        <v>48082</v>
      </c>
      <c r="E15708" s="2" t="s">
        <v>48083</v>
      </c>
      <c r="F15708" s="2" t="s">
        <v>7521</v>
      </c>
      <c r="G15708" s="8">
        <v>289</v>
      </c>
      <c r="H15708" s="5">
        <v>6</v>
      </c>
      <c r="I15708" s="5" t="s">
        <v>1518</v>
      </c>
      <c r="J15708" s="5" t="s">
        <v>40939</v>
      </c>
      <c r="K15708" s="2" t="s">
        <v>40940</v>
      </c>
      <c r="L15708" s="5" t="s">
        <v>40939</v>
      </c>
      <c r="M15708" s="2" t="s">
        <v>40940</v>
      </c>
      <c r="N15708" s="5" t="s">
        <v>36266</v>
      </c>
      <c r="O15708" s="5" t="s">
        <v>38</v>
      </c>
      <c r="P15708" s="5" t="s">
        <v>39</v>
      </c>
      <c r="Q15708" s="5" t="s">
        <v>40</v>
      </c>
      <c r="R15708" s="5" t="s">
        <v>1522</v>
      </c>
      <c r="S15708" s="5" t="s">
        <v>1523</v>
      </c>
      <c r="T15708" s="5" t="s">
        <v>42</v>
      </c>
      <c r="U15708" s="2">
        <v>3.2850000000000001</v>
      </c>
      <c r="V15708" s="2">
        <v>2.6859999999999999</v>
      </c>
      <c r="W15708" s="2">
        <v>1.7999999999999999E-2</v>
      </c>
      <c r="X15708" s="2">
        <v>139.1</v>
      </c>
      <c r="Y15708" s="2">
        <v>7.6</v>
      </c>
      <c r="Z15708" s="2">
        <v>16.7</v>
      </c>
      <c r="AA15708" s="5"/>
      <c r="AB15708" s="5" t="s">
        <v>43</v>
      </c>
      <c r="AC15708" s="5" t="s">
        <v>44</v>
      </c>
      <c r="AD15708" s="2"/>
      <c r="AE15708" s="1"/>
    </row>
    <row r="15709" spans="1:31" ht="14.45">
      <c r="A15709" s="11"/>
      <c r="B15709" s="20"/>
      <c r="C15709" s="2" t="s">
        <v>48084</v>
      </c>
      <c r="D15709" s="14" t="s">
        <v>48085</v>
      </c>
      <c r="E15709" s="2" t="s">
        <v>48086</v>
      </c>
      <c r="F15709" s="2" t="s">
        <v>36273</v>
      </c>
      <c r="G15709" s="8">
        <v>289</v>
      </c>
      <c r="H15709" s="5">
        <v>6</v>
      </c>
      <c r="I15709" s="5" t="s">
        <v>1518</v>
      </c>
      <c r="J15709" s="5" t="s">
        <v>40939</v>
      </c>
      <c r="K15709" s="2" t="s">
        <v>40940</v>
      </c>
      <c r="L15709" s="5" t="s">
        <v>40939</v>
      </c>
      <c r="M15709" s="2" t="s">
        <v>40940</v>
      </c>
      <c r="N15709" s="5" t="s">
        <v>36266</v>
      </c>
      <c r="O15709" s="5" t="s">
        <v>38</v>
      </c>
      <c r="P15709" s="5" t="s">
        <v>39</v>
      </c>
      <c r="Q15709" s="5" t="s">
        <v>40</v>
      </c>
      <c r="R15709" s="5" t="s">
        <v>1522</v>
      </c>
      <c r="S15709" s="5" t="s">
        <v>1523</v>
      </c>
      <c r="T15709" s="5" t="s">
        <v>42</v>
      </c>
      <c r="U15709" s="2">
        <v>3.2050000000000001</v>
      </c>
      <c r="V15709" s="2">
        <v>2.6059999999999999</v>
      </c>
      <c r="W15709" s="2">
        <v>1.7999999999999999E-2</v>
      </c>
      <c r="X15709" s="2">
        <v>139.1</v>
      </c>
      <c r="Y15709" s="2">
        <v>7.6</v>
      </c>
      <c r="Z15709" s="2">
        <v>16.7</v>
      </c>
      <c r="AA15709" s="5"/>
      <c r="AB15709" s="5" t="s">
        <v>43</v>
      </c>
      <c r="AC15709" s="5" t="s">
        <v>44</v>
      </c>
      <c r="AD15709" s="2"/>
      <c r="AE15709" s="1"/>
    </row>
    <row r="15710" spans="1:31" ht="14.45">
      <c r="A15710" s="11"/>
      <c r="B15710" s="20"/>
      <c r="C15710" s="2" t="s">
        <v>48087</v>
      </c>
      <c r="D15710" s="14" t="s">
        <v>48088</v>
      </c>
      <c r="E15710" s="2" t="s">
        <v>48089</v>
      </c>
      <c r="F15710" s="2" t="s">
        <v>40971</v>
      </c>
      <c r="G15710" s="8">
        <v>313</v>
      </c>
      <c r="H15710" s="5">
        <v>6</v>
      </c>
      <c r="I15710" s="5" t="s">
        <v>1518</v>
      </c>
      <c r="J15710" s="5" t="s">
        <v>40939</v>
      </c>
      <c r="K15710" s="2" t="s">
        <v>40940</v>
      </c>
      <c r="L15710" s="5" t="s">
        <v>40939</v>
      </c>
      <c r="M15710" s="2" t="s">
        <v>40940</v>
      </c>
      <c r="N15710" s="5" t="s">
        <v>36266</v>
      </c>
      <c r="O15710" s="5" t="s">
        <v>38</v>
      </c>
      <c r="P15710" s="5" t="s">
        <v>39</v>
      </c>
      <c r="Q15710" s="5" t="s">
        <v>40</v>
      </c>
      <c r="R15710" s="5" t="s">
        <v>1522</v>
      </c>
      <c r="S15710" s="5" t="s">
        <v>1523</v>
      </c>
      <c r="T15710" s="5" t="s">
        <v>42</v>
      </c>
      <c r="U15710" s="2">
        <v>3.2850000000000001</v>
      </c>
      <c r="V15710" s="2">
        <v>2.6859999999999999</v>
      </c>
      <c r="W15710" s="2">
        <v>1.7999999999999999E-2</v>
      </c>
      <c r="X15710" s="2">
        <v>139.1</v>
      </c>
      <c r="Y15710" s="2">
        <v>7.6</v>
      </c>
      <c r="Z15710" s="2">
        <v>16.7</v>
      </c>
      <c r="AA15710" s="5"/>
      <c r="AB15710" s="5" t="s">
        <v>43</v>
      </c>
      <c r="AC15710" s="5" t="s">
        <v>44</v>
      </c>
      <c r="AD15710" s="2"/>
      <c r="AE15710" s="1"/>
    </row>
    <row r="15711" spans="1:31" ht="14.45">
      <c r="A15711" s="11"/>
      <c r="B15711" s="20"/>
      <c r="C15711" s="2" t="s">
        <v>48090</v>
      </c>
      <c r="D15711" s="14" t="s">
        <v>48091</v>
      </c>
      <c r="E15711" s="2" t="s">
        <v>48092</v>
      </c>
      <c r="F15711" s="2" t="s">
        <v>7539</v>
      </c>
      <c r="G15711" s="8">
        <v>313</v>
      </c>
      <c r="H15711" s="5">
        <v>6</v>
      </c>
      <c r="I15711" s="5" t="s">
        <v>1518</v>
      </c>
      <c r="J15711" s="5" t="s">
        <v>40939</v>
      </c>
      <c r="K15711" s="2" t="s">
        <v>40940</v>
      </c>
      <c r="L15711" s="5" t="s">
        <v>40939</v>
      </c>
      <c r="M15711" s="2" t="s">
        <v>40940</v>
      </c>
      <c r="N15711" s="5" t="s">
        <v>36266</v>
      </c>
      <c r="O15711" s="5" t="s">
        <v>38</v>
      </c>
      <c r="P15711" s="5" t="s">
        <v>39</v>
      </c>
      <c r="Q15711" s="5" t="s">
        <v>40</v>
      </c>
      <c r="R15711" s="5" t="s">
        <v>1522</v>
      </c>
      <c r="S15711" s="5" t="s">
        <v>1523</v>
      </c>
      <c r="T15711" s="5" t="s">
        <v>42</v>
      </c>
      <c r="U15711" s="2">
        <v>3.1259999999999999</v>
      </c>
      <c r="V15711" s="2">
        <v>2.5270000000000001</v>
      </c>
      <c r="W15711" s="2">
        <v>1.7999999999999999E-2</v>
      </c>
      <c r="X15711" s="2">
        <v>139.1</v>
      </c>
      <c r="Y15711" s="2">
        <v>7.6</v>
      </c>
      <c r="Z15711" s="2">
        <v>16.7</v>
      </c>
      <c r="AA15711" s="5"/>
      <c r="AB15711" s="5" t="s">
        <v>43</v>
      </c>
      <c r="AC15711" s="5" t="s">
        <v>44</v>
      </c>
      <c r="AD15711" s="2"/>
      <c r="AE15711" s="1"/>
    </row>
    <row r="15712" spans="1:31" ht="14.45">
      <c r="A15712" s="11"/>
      <c r="B15712" s="20"/>
      <c r="C15712" s="2" t="s">
        <v>48093</v>
      </c>
      <c r="D15712" s="14" t="s">
        <v>48094</v>
      </c>
      <c r="E15712" s="2" t="s">
        <v>48095</v>
      </c>
      <c r="F15712" s="2" t="s">
        <v>40989</v>
      </c>
      <c r="G15712" s="8">
        <v>313</v>
      </c>
      <c r="H15712" s="5">
        <v>6</v>
      </c>
      <c r="I15712" s="5" t="s">
        <v>1518</v>
      </c>
      <c r="J15712" s="5" t="s">
        <v>40939</v>
      </c>
      <c r="K15712" s="2" t="s">
        <v>40940</v>
      </c>
      <c r="L15712" s="5" t="s">
        <v>40939</v>
      </c>
      <c r="M15712" s="2" t="s">
        <v>40940</v>
      </c>
      <c r="N15712" s="5" t="s">
        <v>36266</v>
      </c>
      <c r="O15712" s="5" t="s">
        <v>38</v>
      </c>
      <c r="P15712" s="5" t="s">
        <v>39</v>
      </c>
      <c r="Q15712" s="5" t="s">
        <v>40</v>
      </c>
      <c r="R15712" s="5" t="s">
        <v>1522</v>
      </c>
      <c r="S15712" s="5" t="s">
        <v>1523</v>
      </c>
      <c r="T15712" s="5" t="s">
        <v>42</v>
      </c>
      <c r="U15712" s="2">
        <v>3.1829999999999998</v>
      </c>
      <c r="V15712" s="2">
        <v>2.5840000000000001</v>
      </c>
      <c r="W15712" s="2">
        <v>1.7999999999999999E-2</v>
      </c>
      <c r="X15712" s="2">
        <v>139.1</v>
      </c>
      <c r="Y15712" s="2">
        <v>7.6</v>
      </c>
      <c r="Z15712" s="2">
        <v>16.7</v>
      </c>
      <c r="AA15712" s="5"/>
      <c r="AB15712" s="5" t="s">
        <v>43</v>
      </c>
      <c r="AC15712" s="5" t="s">
        <v>44</v>
      </c>
      <c r="AD15712" s="2"/>
      <c r="AE15712" s="1"/>
    </row>
    <row r="15713" spans="1:31" ht="14.45">
      <c r="A15713" s="11"/>
      <c r="B15713" s="20"/>
      <c r="C15713" s="2" t="s">
        <v>48096</v>
      </c>
      <c r="D15713" s="14" t="s">
        <v>48097</v>
      </c>
      <c r="E15713" s="2" t="s">
        <v>48098</v>
      </c>
      <c r="F15713" s="2" t="s">
        <v>7396</v>
      </c>
      <c r="G15713" s="8">
        <v>289</v>
      </c>
      <c r="H15713" s="5">
        <v>6</v>
      </c>
      <c r="I15713" s="5" t="s">
        <v>1518</v>
      </c>
      <c r="J15713" s="5" t="s">
        <v>40939</v>
      </c>
      <c r="K15713" s="2" t="s">
        <v>40940</v>
      </c>
      <c r="L15713" s="5" t="s">
        <v>40939</v>
      </c>
      <c r="M15713" s="2" t="s">
        <v>40940</v>
      </c>
      <c r="N15713" s="5" t="s">
        <v>36266</v>
      </c>
      <c r="O15713" s="5" t="s">
        <v>38</v>
      </c>
      <c r="P15713" s="5" t="s">
        <v>39</v>
      </c>
      <c r="Q15713" s="5" t="s">
        <v>40</v>
      </c>
      <c r="R15713" s="5" t="s">
        <v>1522</v>
      </c>
      <c r="S15713" s="5" t="s">
        <v>1523</v>
      </c>
      <c r="T15713" s="5" t="s">
        <v>42</v>
      </c>
      <c r="U15713" s="2">
        <v>3.194</v>
      </c>
      <c r="V15713" s="2">
        <v>2.5950000000000002</v>
      </c>
      <c r="W15713" s="2">
        <v>1.7999999999999999E-2</v>
      </c>
      <c r="X15713" s="2">
        <v>139.1</v>
      </c>
      <c r="Y15713" s="2">
        <v>7.6</v>
      </c>
      <c r="Z15713" s="2">
        <v>16.7</v>
      </c>
      <c r="AA15713" s="5"/>
      <c r="AB15713" s="5" t="s">
        <v>43</v>
      </c>
      <c r="AC15713" s="5" t="s">
        <v>44</v>
      </c>
      <c r="AD15713" s="2"/>
      <c r="AE15713" s="1"/>
    </row>
    <row r="15714" spans="1:31" ht="14.45">
      <c r="A15714" s="11"/>
      <c r="B15714" s="20"/>
      <c r="C15714" s="2" t="s">
        <v>48099</v>
      </c>
      <c r="D15714" s="14" t="s">
        <v>48100</v>
      </c>
      <c r="E15714" s="2" t="s">
        <v>48101</v>
      </c>
      <c r="F15714" s="2" t="s">
        <v>7507</v>
      </c>
      <c r="G15714" s="8">
        <v>289</v>
      </c>
      <c r="H15714" s="5">
        <v>6</v>
      </c>
      <c r="I15714" s="5" t="s">
        <v>1518</v>
      </c>
      <c r="J15714" s="5" t="s">
        <v>40939</v>
      </c>
      <c r="K15714" s="2" t="s">
        <v>40940</v>
      </c>
      <c r="L15714" s="5" t="s">
        <v>40939</v>
      </c>
      <c r="M15714" s="2" t="s">
        <v>40940</v>
      </c>
      <c r="N15714" s="5" t="s">
        <v>36266</v>
      </c>
      <c r="O15714" s="5" t="s">
        <v>38</v>
      </c>
      <c r="P15714" s="5" t="s">
        <v>39</v>
      </c>
      <c r="Q15714" s="5" t="s">
        <v>40</v>
      </c>
      <c r="R15714" s="5" t="s">
        <v>1522</v>
      </c>
      <c r="S15714" s="5" t="s">
        <v>1523</v>
      </c>
      <c r="T15714" s="5" t="s">
        <v>42</v>
      </c>
      <c r="U15714" s="2">
        <v>3.2959999999999998</v>
      </c>
      <c r="V15714" s="2">
        <v>2.6970000000000001</v>
      </c>
      <c r="W15714" s="2">
        <v>1.7999999999999999E-2</v>
      </c>
      <c r="X15714" s="2">
        <v>139.1</v>
      </c>
      <c r="Y15714" s="2">
        <v>7.6</v>
      </c>
      <c r="Z15714" s="2">
        <v>16.7</v>
      </c>
      <c r="AA15714" s="5"/>
      <c r="AB15714" s="5" t="s">
        <v>43</v>
      </c>
      <c r="AC15714" s="5" t="s">
        <v>44</v>
      </c>
      <c r="AD15714" s="2"/>
      <c r="AE15714" s="1"/>
    </row>
    <row r="15715" spans="1:31" ht="14.45">
      <c r="A15715" s="11"/>
      <c r="B15715" s="20"/>
      <c r="C15715" s="2" t="s">
        <v>48102</v>
      </c>
      <c r="D15715" s="14" t="s">
        <v>48103</v>
      </c>
      <c r="E15715" s="2" t="s">
        <v>48104</v>
      </c>
      <c r="F15715" s="2" t="s">
        <v>41023</v>
      </c>
      <c r="G15715" s="8">
        <v>313</v>
      </c>
      <c r="H15715" s="5">
        <v>6</v>
      </c>
      <c r="I15715" s="5" t="s">
        <v>1518</v>
      </c>
      <c r="J15715" s="5" t="s">
        <v>40939</v>
      </c>
      <c r="K15715" s="2" t="s">
        <v>40940</v>
      </c>
      <c r="L15715" s="5" t="s">
        <v>40939</v>
      </c>
      <c r="M15715" s="2" t="s">
        <v>40940</v>
      </c>
      <c r="N15715" s="5" t="s">
        <v>36266</v>
      </c>
      <c r="O15715" s="5" t="s">
        <v>38</v>
      </c>
      <c r="P15715" s="5" t="s">
        <v>39</v>
      </c>
      <c r="Q15715" s="5" t="s">
        <v>40</v>
      </c>
      <c r="R15715" s="5" t="s">
        <v>1522</v>
      </c>
      <c r="S15715" s="5" t="s">
        <v>1523</v>
      </c>
      <c r="T15715" s="5" t="s">
        <v>42</v>
      </c>
      <c r="U15715" s="2">
        <v>3.137</v>
      </c>
      <c r="V15715" s="2">
        <v>2.5379999999999998</v>
      </c>
      <c r="W15715" s="2">
        <v>1.7999999999999999E-2</v>
      </c>
      <c r="X15715" s="2">
        <v>139.1</v>
      </c>
      <c r="Y15715" s="2">
        <v>7.6</v>
      </c>
      <c r="Z15715" s="2">
        <v>16.7</v>
      </c>
      <c r="AA15715" s="5"/>
      <c r="AB15715" s="5" t="s">
        <v>43</v>
      </c>
      <c r="AC15715" s="5" t="s">
        <v>44</v>
      </c>
      <c r="AD15715" s="2"/>
      <c r="AE15715" s="1"/>
    </row>
    <row r="15716" spans="1:31" ht="14.45">
      <c r="A15716" s="11"/>
      <c r="B15716" s="20"/>
      <c r="C15716" s="2" t="s">
        <v>48105</v>
      </c>
      <c r="D15716" s="14" t="s">
        <v>48106</v>
      </c>
      <c r="E15716" s="2" t="s">
        <v>48107</v>
      </c>
      <c r="F15716" s="2" t="s">
        <v>41035</v>
      </c>
      <c r="G15716" s="8">
        <v>313</v>
      </c>
      <c r="H15716" s="5">
        <v>6</v>
      </c>
      <c r="I15716" s="5" t="s">
        <v>1518</v>
      </c>
      <c r="J15716" s="5" t="s">
        <v>40939</v>
      </c>
      <c r="K15716" s="2" t="s">
        <v>40940</v>
      </c>
      <c r="L15716" s="5" t="s">
        <v>40939</v>
      </c>
      <c r="M15716" s="2" t="s">
        <v>40940</v>
      </c>
      <c r="N15716" s="5" t="s">
        <v>36266</v>
      </c>
      <c r="O15716" s="5" t="s">
        <v>38</v>
      </c>
      <c r="P15716" s="5" t="s">
        <v>39</v>
      </c>
      <c r="Q15716" s="5" t="s">
        <v>40</v>
      </c>
      <c r="R15716" s="5" t="s">
        <v>1522</v>
      </c>
      <c r="S15716" s="5" t="s">
        <v>1523</v>
      </c>
      <c r="T15716" s="5" t="s">
        <v>42</v>
      </c>
      <c r="U15716" s="2">
        <v>3.2389999999999999</v>
      </c>
      <c r="V15716" s="2">
        <v>2.64</v>
      </c>
      <c r="W15716" s="2">
        <v>1.7999999999999999E-2</v>
      </c>
      <c r="X15716" s="2">
        <v>139.1</v>
      </c>
      <c r="Y15716" s="2">
        <v>7.6</v>
      </c>
      <c r="Z15716" s="2">
        <v>16.7</v>
      </c>
      <c r="AA15716" s="5"/>
      <c r="AB15716" s="5" t="s">
        <v>43</v>
      </c>
      <c r="AC15716" s="5" t="s">
        <v>44</v>
      </c>
      <c r="AD15716" s="2"/>
      <c r="AE15716" s="1"/>
    </row>
    <row r="15717" spans="1:31" ht="14.45">
      <c r="A15717" s="11"/>
      <c r="B15717" s="20"/>
      <c r="C15717" s="2" t="s">
        <v>48108</v>
      </c>
      <c r="D15717" s="14" t="s">
        <v>48109</v>
      </c>
      <c r="E15717" s="2" t="s">
        <v>48110</v>
      </c>
      <c r="F15717" s="2" t="s">
        <v>7581</v>
      </c>
      <c r="G15717" s="8">
        <v>313</v>
      </c>
      <c r="H15717" s="5">
        <v>6</v>
      </c>
      <c r="I15717" s="5" t="s">
        <v>1518</v>
      </c>
      <c r="J15717" s="5" t="s">
        <v>40939</v>
      </c>
      <c r="K15717" s="2" t="s">
        <v>40940</v>
      </c>
      <c r="L15717" s="5" t="s">
        <v>40939</v>
      </c>
      <c r="M15717" s="2" t="s">
        <v>40940</v>
      </c>
      <c r="N15717" s="5" t="s">
        <v>36266</v>
      </c>
      <c r="O15717" s="5" t="s">
        <v>38</v>
      </c>
      <c r="P15717" s="5" t="s">
        <v>39</v>
      </c>
      <c r="Q15717" s="5" t="s">
        <v>40</v>
      </c>
      <c r="R15717" s="5" t="s">
        <v>1522</v>
      </c>
      <c r="S15717" s="5" t="s">
        <v>1523</v>
      </c>
      <c r="T15717" s="5" t="s">
        <v>42</v>
      </c>
      <c r="U15717" s="2">
        <v>3.2389999999999999</v>
      </c>
      <c r="V15717" s="2">
        <v>2.64</v>
      </c>
      <c r="W15717" s="2">
        <v>1.7999999999999999E-2</v>
      </c>
      <c r="X15717" s="2">
        <v>139.1</v>
      </c>
      <c r="Y15717" s="2">
        <v>7.6</v>
      </c>
      <c r="Z15717" s="2">
        <v>16.7</v>
      </c>
      <c r="AA15717" s="5"/>
      <c r="AB15717" s="5" t="s">
        <v>43</v>
      </c>
      <c r="AC15717" s="5" t="s">
        <v>44</v>
      </c>
      <c r="AD15717" s="2"/>
      <c r="AE15717" s="1"/>
    </row>
    <row r="15718" spans="1:31" ht="14.45">
      <c r="A15718" s="11"/>
      <c r="B15718" s="20"/>
      <c r="C15718" s="2" t="s">
        <v>48111</v>
      </c>
      <c r="D15718" s="14" t="s">
        <v>48112</v>
      </c>
      <c r="E15718" s="2" t="s">
        <v>48113</v>
      </c>
      <c r="F15718" s="2" t="s">
        <v>41045</v>
      </c>
      <c r="G15718" s="8">
        <v>313</v>
      </c>
      <c r="H15718" s="5">
        <v>6</v>
      </c>
      <c r="I15718" s="5" t="s">
        <v>1518</v>
      </c>
      <c r="J15718" s="5" t="s">
        <v>40939</v>
      </c>
      <c r="K15718" s="2" t="s">
        <v>40940</v>
      </c>
      <c r="L15718" s="5" t="s">
        <v>40939</v>
      </c>
      <c r="M15718" s="2" t="s">
        <v>40940</v>
      </c>
      <c r="N15718" s="5" t="s">
        <v>36266</v>
      </c>
      <c r="O15718" s="5" t="s">
        <v>38</v>
      </c>
      <c r="P15718" s="5" t="s">
        <v>39</v>
      </c>
      <c r="Q15718" s="5" t="s">
        <v>40</v>
      </c>
      <c r="R15718" s="5" t="s">
        <v>1522</v>
      </c>
      <c r="S15718" s="5" t="s">
        <v>1523</v>
      </c>
      <c r="T15718" s="5" t="s">
        <v>42</v>
      </c>
      <c r="U15718" s="2">
        <v>3.2050000000000001</v>
      </c>
      <c r="V15718" s="2">
        <v>2.6059999999999999</v>
      </c>
      <c r="W15718" s="2">
        <v>1.7999999999999999E-2</v>
      </c>
      <c r="X15718" s="2">
        <v>139.1</v>
      </c>
      <c r="Y15718" s="2">
        <v>7.6</v>
      </c>
      <c r="Z15718" s="2">
        <v>16.7</v>
      </c>
      <c r="AA15718" s="5"/>
      <c r="AB15718" s="5" t="s">
        <v>43</v>
      </c>
      <c r="AC15718" s="5" t="s">
        <v>44</v>
      </c>
      <c r="AD15718" s="2"/>
      <c r="AE15718" s="1"/>
    </row>
    <row r="15719" spans="1:31" ht="14.45">
      <c r="A15719" s="11"/>
      <c r="B15719" s="20"/>
      <c r="C15719" s="2" t="s">
        <v>48114</v>
      </c>
      <c r="D15719" s="14" t="s">
        <v>48115</v>
      </c>
      <c r="E15719" s="2" t="s">
        <v>48116</v>
      </c>
      <c r="F15719" s="2" t="s">
        <v>41049</v>
      </c>
      <c r="G15719" s="8">
        <v>313</v>
      </c>
      <c r="H15719" s="5">
        <v>6</v>
      </c>
      <c r="I15719" s="5" t="s">
        <v>1518</v>
      </c>
      <c r="J15719" s="5" t="s">
        <v>40939</v>
      </c>
      <c r="K15719" s="2" t="s">
        <v>40940</v>
      </c>
      <c r="L15719" s="5" t="s">
        <v>40939</v>
      </c>
      <c r="M15719" s="2" t="s">
        <v>40940</v>
      </c>
      <c r="N15719" s="5" t="s">
        <v>36266</v>
      </c>
      <c r="O15719" s="5" t="s">
        <v>38</v>
      </c>
      <c r="P15719" s="5" t="s">
        <v>39</v>
      </c>
      <c r="Q15719" s="5" t="s">
        <v>40</v>
      </c>
      <c r="R15719" s="5" t="s">
        <v>1522</v>
      </c>
      <c r="S15719" s="5" t="s">
        <v>1523</v>
      </c>
      <c r="T15719" s="5" t="s">
        <v>42</v>
      </c>
      <c r="U15719" s="2">
        <v>3.3069999999999999</v>
      </c>
      <c r="V15719" s="2">
        <v>2.7080000000000002</v>
      </c>
      <c r="W15719" s="2">
        <v>1.7999999999999999E-2</v>
      </c>
      <c r="X15719" s="2">
        <v>139.1</v>
      </c>
      <c r="Y15719" s="2">
        <v>7.6</v>
      </c>
      <c r="Z15719" s="2">
        <v>16.7</v>
      </c>
      <c r="AA15719" s="5"/>
      <c r="AB15719" s="5" t="s">
        <v>43</v>
      </c>
      <c r="AC15719" s="5" t="s">
        <v>44</v>
      </c>
      <c r="AD15719" s="2"/>
      <c r="AE15719" s="1"/>
    </row>
    <row r="15720" spans="1:31" ht="14.45">
      <c r="A15720" s="11"/>
      <c r="B15720" s="20"/>
      <c r="C15720" s="2" t="s">
        <v>48117</v>
      </c>
      <c r="D15720" s="14" t="s">
        <v>48118</v>
      </c>
      <c r="E15720" s="2" t="s">
        <v>48119</v>
      </c>
      <c r="F15720" s="2" t="s">
        <v>7204</v>
      </c>
      <c r="G15720" s="8">
        <v>303</v>
      </c>
      <c r="H15720" s="5">
        <v>6</v>
      </c>
      <c r="I15720" s="5" t="s">
        <v>1518</v>
      </c>
      <c r="J15720" s="5" t="s">
        <v>40939</v>
      </c>
      <c r="K15720" s="2" t="s">
        <v>40940</v>
      </c>
      <c r="L15720" s="5" t="s">
        <v>40939</v>
      </c>
      <c r="M15720" s="2" t="s">
        <v>40940</v>
      </c>
      <c r="N15720" s="5" t="s">
        <v>36266</v>
      </c>
      <c r="O15720" s="5" t="s">
        <v>38</v>
      </c>
      <c r="P15720" s="5" t="s">
        <v>39</v>
      </c>
      <c r="Q15720" s="5" t="s">
        <v>40</v>
      </c>
      <c r="R15720" s="5" t="s">
        <v>1522</v>
      </c>
      <c r="S15720" s="5" t="s">
        <v>1523</v>
      </c>
      <c r="T15720" s="5" t="s">
        <v>42</v>
      </c>
      <c r="U15720" s="2">
        <v>3.391</v>
      </c>
      <c r="V15720" s="2">
        <v>2.7090000000000001</v>
      </c>
      <c r="W15720" s="2">
        <v>0.02</v>
      </c>
      <c r="X15720" s="2">
        <v>159.1</v>
      </c>
      <c r="Y15720" s="2">
        <v>7.6</v>
      </c>
      <c r="Z15720" s="2">
        <v>16.7</v>
      </c>
      <c r="AA15720" s="5"/>
      <c r="AB15720" s="5" t="s">
        <v>43</v>
      </c>
      <c r="AC15720" s="5" t="s">
        <v>44</v>
      </c>
      <c r="AD15720" s="2"/>
      <c r="AE15720" s="1"/>
    </row>
    <row r="15721" spans="1:31" ht="14.45">
      <c r="A15721" s="11"/>
      <c r="B15721" s="20"/>
      <c r="C15721" s="2" t="s">
        <v>48120</v>
      </c>
      <c r="D15721" s="14" t="s">
        <v>48121</v>
      </c>
      <c r="E15721" s="2" t="s">
        <v>48122</v>
      </c>
      <c r="F15721" s="2" t="s">
        <v>7514</v>
      </c>
      <c r="G15721" s="8">
        <v>303</v>
      </c>
      <c r="H15721" s="5">
        <v>6</v>
      </c>
      <c r="I15721" s="5" t="s">
        <v>1518</v>
      </c>
      <c r="J15721" s="5" t="s">
        <v>40939</v>
      </c>
      <c r="K15721" s="2" t="s">
        <v>40940</v>
      </c>
      <c r="L15721" s="5" t="s">
        <v>40939</v>
      </c>
      <c r="M15721" s="2" t="s">
        <v>40940</v>
      </c>
      <c r="N15721" s="5" t="s">
        <v>36266</v>
      </c>
      <c r="O15721" s="5" t="s">
        <v>38</v>
      </c>
      <c r="P15721" s="5" t="s">
        <v>39</v>
      </c>
      <c r="Q15721" s="5" t="s">
        <v>40</v>
      </c>
      <c r="R15721" s="5" t="s">
        <v>1522</v>
      </c>
      <c r="S15721" s="5" t="s">
        <v>1523</v>
      </c>
      <c r="T15721" s="5" t="s">
        <v>42</v>
      </c>
      <c r="U15721" s="2">
        <v>3.5049999999999999</v>
      </c>
      <c r="V15721" s="2">
        <v>2.823</v>
      </c>
      <c r="W15721" s="2">
        <v>0.02</v>
      </c>
      <c r="X15721" s="2">
        <v>159.1</v>
      </c>
      <c r="Y15721" s="2">
        <v>7.6</v>
      </c>
      <c r="Z15721" s="2">
        <v>16.7</v>
      </c>
      <c r="AA15721" s="5"/>
      <c r="AB15721" s="5" t="s">
        <v>43</v>
      </c>
      <c r="AC15721" s="5" t="s">
        <v>44</v>
      </c>
      <c r="AD15721" s="2"/>
      <c r="AE15721" s="1"/>
    </row>
    <row r="15722" spans="1:31" ht="14.45">
      <c r="A15722" s="11"/>
      <c r="B15722" s="20"/>
      <c r="C15722" s="2" t="s">
        <v>48123</v>
      </c>
      <c r="D15722" s="14" t="s">
        <v>48124</v>
      </c>
      <c r="E15722" s="2" t="s">
        <v>48125</v>
      </c>
      <c r="F15722" s="2" t="s">
        <v>47195</v>
      </c>
      <c r="G15722" s="8">
        <v>329</v>
      </c>
      <c r="H15722" s="5">
        <v>6</v>
      </c>
      <c r="I15722" s="5" t="s">
        <v>1518</v>
      </c>
      <c r="J15722" s="5" t="s">
        <v>40939</v>
      </c>
      <c r="K15722" s="2" t="s">
        <v>40940</v>
      </c>
      <c r="L15722" s="5" t="s">
        <v>40939</v>
      </c>
      <c r="M15722" s="2" t="s">
        <v>40940</v>
      </c>
      <c r="N15722" s="5" t="s">
        <v>36266</v>
      </c>
      <c r="O15722" s="5" t="s">
        <v>38</v>
      </c>
      <c r="P15722" s="5" t="s">
        <v>39</v>
      </c>
      <c r="Q15722" s="5" t="s">
        <v>40</v>
      </c>
      <c r="R15722" s="5" t="s">
        <v>1522</v>
      </c>
      <c r="S15722" s="5" t="s">
        <v>1523</v>
      </c>
      <c r="T15722" s="5" t="s">
        <v>42</v>
      </c>
      <c r="U15722" s="2">
        <v>3.532</v>
      </c>
      <c r="V15722" s="2">
        <v>2.85</v>
      </c>
      <c r="W15722" s="2">
        <v>0.02</v>
      </c>
      <c r="X15722" s="2">
        <v>159.1</v>
      </c>
      <c r="Y15722" s="2">
        <v>7.6</v>
      </c>
      <c r="Z15722" s="2">
        <v>16.7</v>
      </c>
      <c r="AA15722" s="5"/>
      <c r="AB15722" s="5" t="s">
        <v>43</v>
      </c>
      <c r="AC15722" s="5" t="s">
        <v>44</v>
      </c>
      <c r="AD15722" s="2"/>
      <c r="AE15722" s="1"/>
    </row>
    <row r="15723" spans="1:31" ht="14.45">
      <c r="A15723" s="11"/>
      <c r="B15723" s="20"/>
      <c r="C15723" s="2" t="s">
        <v>48126</v>
      </c>
      <c r="D15723" s="14" t="s">
        <v>48127</v>
      </c>
      <c r="E15723" s="2" t="s">
        <v>48128</v>
      </c>
      <c r="F15723" s="2" t="s">
        <v>7208</v>
      </c>
      <c r="G15723" s="8">
        <v>303</v>
      </c>
      <c r="H15723" s="5">
        <v>6</v>
      </c>
      <c r="I15723" s="5" t="s">
        <v>1518</v>
      </c>
      <c r="J15723" s="5" t="s">
        <v>40939</v>
      </c>
      <c r="K15723" s="2" t="s">
        <v>40940</v>
      </c>
      <c r="L15723" s="5" t="s">
        <v>40939</v>
      </c>
      <c r="M15723" s="2" t="s">
        <v>40940</v>
      </c>
      <c r="N15723" s="5" t="s">
        <v>36266</v>
      </c>
      <c r="O15723" s="5" t="s">
        <v>38</v>
      </c>
      <c r="P15723" s="5" t="s">
        <v>39</v>
      </c>
      <c r="Q15723" s="5" t="s">
        <v>40</v>
      </c>
      <c r="R15723" s="5" t="s">
        <v>1522</v>
      </c>
      <c r="S15723" s="5" t="s">
        <v>1523</v>
      </c>
      <c r="T15723" s="5" t="s">
        <v>42</v>
      </c>
      <c r="U15723" s="2">
        <v>3.431</v>
      </c>
      <c r="V15723" s="2">
        <v>2.7490000000000001</v>
      </c>
      <c r="W15723" s="2">
        <v>0.02</v>
      </c>
      <c r="X15723" s="2">
        <v>159.1</v>
      </c>
      <c r="Y15723" s="2">
        <v>7.6</v>
      </c>
      <c r="Z15723" s="2">
        <v>16.7</v>
      </c>
      <c r="AA15723" s="5"/>
      <c r="AB15723" s="5" t="s">
        <v>43</v>
      </c>
      <c r="AC15723" s="5" t="s">
        <v>44</v>
      </c>
      <c r="AD15723" s="2"/>
      <c r="AE15723" s="1"/>
    </row>
    <row r="15724" spans="1:31" ht="14.45">
      <c r="A15724" s="11"/>
      <c r="B15724" s="20"/>
      <c r="C15724" s="2" t="s">
        <v>48129</v>
      </c>
      <c r="D15724" s="14" t="s">
        <v>48130</v>
      </c>
      <c r="E15724" s="2" t="s">
        <v>48131</v>
      </c>
      <c r="F15724" s="2" t="s">
        <v>7521</v>
      </c>
      <c r="G15724" s="8">
        <v>303</v>
      </c>
      <c r="H15724" s="5">
        <v>6</v>
      </c>
      <c r="I15724" s="5" t="s">
        <v>1518</v>
      </c>
      <c r="J15724" s="5" t="s">
        <v>40939</v>
      </c>
      <c r="K15724" s="2" t="s">
        <v>40940</v>
      </c>
      <c r="L15724" s="5" t="s">
        <v>40939</v>
      </c>
      <c r="M15724" s="2" t="s">
        <v>40940</v>
      </c>
      <c r="N15724" s="5" t="s">
        <v>36266</v>
      </c>
      <c r="O15724" s="5" t="s">
        <v>38</v>
      </c>
      <c r="P15724" s="5" t="s">
        <v>39</v>
      </c>
      <c r="Q15724" s="5" t="s">
        <v>40</v>
      </c>
      <c r="R15724" s="5" t="s">
        <v>1522</v>
      </c>
      <c r="S15724" s="5" t="s">
        <v>1523</v>
      </c>
      <c r="T15724" s="5" t="s">
        <v>42</v>
      </c>
      <c r="U15724" s="2">
        <v>3.5449999999999999</v>
      </c>
      <c r="V15724" s="2">
        <v>2.863</v>
      </c>
      <c r="W15724" s="2">
        <v>0.02</v>
      </c>
      <c r="X15724" s="2">
        <v>159.1</v>
      </c>
      <c r="Y15724" s="2">
        <v>7.6</v>
      </c>
      <c r="Z15724" s="2">
        <v>16.7</v>
      </c>
      <c r="AA15724" s="5"/>
      <c r="AB15724" s="5" t="s">
        <v>43</v>
      </c>
      <c r="AC15724" s="5" t="s">
        <v>44</v>
      </c>
      <c r="AD15724" s="2"/>
      <c r="AE15724" s="1"/>
    </row>
    <row r="15725" spans="1:31" ht="14.45">
      <c r="A15725" s="11"/>
      <c r="B15725" s="20"/>
      <c r="C15725" s="2" t="s">
        <v>48132</v>
      </c>
      <c r="D15725" s="14" t="s">
        <v>48133</v>
      </c>
      <c r="E15725" s="2" t="s">
        <v>48134</v>
      </c>
      <c r="F15725" s="2" t="s">
        <v>36273</v>
      </c>
      <c r="G15725" s="8">
        <v>303</v>
      </c>
      <c r="H15725" s="5">
        <v>6</v>
      </c>
      <c r="I15725" s="5" t="s">
        <v>1518</v>
      </c>
      <c r="J15725" s="5" t="s">
        <v>40939</v>
      </c>
      <c r="K15725" s="2" t="s">
        <v>40940</v>
      </c>
      <c r="L15725" s="5" t="s">
        <v>40939</v>
      </c>
      <c r="M15725" s="2" t="s">
        <v>40940</v>
      </c>
      <c r="N15725" s="5" t="s">
        <v>36266</v>
      </c>
      <c r="O15725" s="5" t="s">
        <v>38</v>
      </c>
      <c r="P15725" s="5" t="s">
        <v>39</v>
      </c>
      <c r="Q15725" s="5" t="s">
        <v>40</v>
      </c>
      <c r="R15725" s="5" t="s">
        <v>1522</v>
      </c>
      <c r="S15725" s="5" t="s">
        <v>1523</v>
      </c>
      <c r="T15725" s="5" t="s">
        <v>42</v>
      </c>
      <c r="U15725" s="2">
        <v>3.4569999999999999</v>
      </c>
      <c r="V15725" s="2">
        <v>2.7749999999999999</v>
      </c>
      <c r="W15725" s="2">
        <v>0.02</v>
      </c>
      <c r="X15725" s="2">
        <v>159.1</v>
      </c>
      <c r="Y15725" s="2">
        <v>7.6</v>
      </c>
      <c r="Z15725" s="2">
        <v>16.7</v>
      </c>
      <c r="AA15725" s="5"/>
      <c r="AB15725" s="5" t="s">
        <v>43</v>
      </c>
      <c r="AC15725" s="5" t="s">
        <v>44</v>
      </c>
      <c r="AD15725" s="2"/>
      <c r="AE15725" s="1"/>
    </row>
    <row r="15726" spans="1:31" ht="14.45">
      <c r="A15726" s="11"/>
      <c r="B15726" s="20"/>
      <c r="C15726" s="2" t="s">
        <v>48135</v>
      </c>
      <c r="D15726" s="14" t="s">
        <v>48136</v>
      </c>
      <c r="E15726" s="2" t="s">
        <v>48137</v>
      </c>
      <c r="F15726" s="2" t="s">
        <v>36277</v>
      </c>
      <c r="G15726" s="8">
        <v>303</v>
      </c>
      <c r="H15726" s="5">
        <v>6</v>
      </c>
      <c r="I15726" s="5" t="s">
        <v>1518</v>
      </c>
      <c r="J15726" s="5" t="s">
        <v>40939</v>
      </c>
      <c r="K15726" s="2" t="s">
        <v>40940</v>
      </c>
      <c r="L15726" s="5" t="s">
        <v>40939</v>
      </c>
      <c r="M15726" s="2" t="s">
        <v>40940</v>
      </c>
      <c r="N15726" s="5" t="s">
        <v>36266</v>
      </c>
      <c r="O15726" s="5" t="s">
        <v>38</v>
      </c>
      <c r="P15726" s="5" t="s">
        <v>39</v>
      </c>
      <c r="Q15726" s="5" t="s">
        <v>40</v>
      </c>
      <c r="R15726" s="5" t="s">
        <v>1522</v>
      </c>
      <c r="S15726" s="5" t="s">
        <v>1523</v>
      </c>
      <c r="T15726" s="5" t="s">
        <v>42</v>
      </c>
      <c r="U15726" s="2">
        <v>3.5710000000000002</v>
      </c>
      <c r="V15726" s="2">
        <v>2.8889999999999998</v>
      </c>
      <c r="W15726" s="2">
        <v>0.02</v>
      </c>
      <c r="X15726" s="2">
        <v>159.1</v>
      </c>
      <c r="Y15726" s="2">
        <v>7.6</v>
      </c>
      <c r="Z15726" s="2">
        <v>16.7</v>
      </c>
      <c r="AA15726" s="5"/>
      <c r="AB15726" s="5" t="s">
        <v>43</v>
      </c>
      <c r="AC15726" s="5" t="s">
        <v>44</v>
      </c>
      <c r="AD15726" s="2"/>
      <c r="AE15726" s="1"/>
    </row>
    <row r="15727" spans="1:31" ht="14.45">
      <c r="A15727" s="11"/>
      <c r="B15727" s="20"/>
      <c r="C15727" s="2" t="s">
        <v>48138</v>
      </c>
      <c r="D15727" s="14" t="s">
        <v>48139</v>
      </c>
      <c r="E15727" s="2" t="s">
        <v>48140</v>
      </c>
      <c r="F15727" s="2" t="s">
        <v>40967</v>
      </c>
      <c r="G15727" s="8">
        <v>329</v>
      </c>
      <c r="H15727" s="5">
        <v>6</v>
      </c>
      <c r="I15727" s="5" t="s">
        <v>1518</v>
      </c>
      <c r="J15727" s="5" t="s">
        <v>40939</v>
      </c>
      <c r="K15727" s="2" t="s">
        <v>40940</v>
      </c>
      <c r="L15727" s="5" t="s">
        <v>40939</v>
      </c>
      <c r="M15727" s="2" t="s">
        <v>40940</v>
      </c>
      <c r="N15727" s="5" t="s">
        <v>36266</v>
      </c>
      <c r="O15727" s="5" t="s">
        <v>38</v>
      </c>
      <c r="P15727" s="5" t="s">
        <v>39</v>
      </c>
      <c r="Q15727" s="5" t="s">
        <v>40</v>
      </c>
      <c r="R15727" s="5" t="s">
        <v>1522</v>
      </c>
      <c r="S15727" s="5" t="s">
        <v>1523</v>
      </c>
      <c r="T15727" s="5" t="s">
        <v>42</v>
      </c>
      <c r="U15727" s="2">
        <v>3.431</v>
      </c>
      <c r="V15727" s="2">
        <v>2.7490000000000001</v>
      </c>
      <c r="W15727" s="2">
        <v>0.02</v>
      </c>
      <c r="X15727" s="2">
        <v>159.1</v>
      </c>
      <c r="Y15727" s="2">
        <v>7.6</v>
      </c>
      <c r="Z15727" s="2">
        <v>16.7</v>
      </c>
      <c r="AA15727" s="5"/>
      <c r="AB15727" s="5" t="s">
        <v>43</v>
      </c>
      <c r="AC15727" s="5" t="s">
        <v>44</v>
      </c>
      <c r="AD15727" s="2"/>
      <c r="AE15727" s="1"/>
    </row>
    <row r="15728" spans="1:31" ht="14.45">
      <c r="A15728" s="11"/>
      <c r="B15728" s="20"/>
      <c r="C15728" s="2" t="s">
        <v>48141</v>
      </c>
      <c r="D15728" s="14" t="s">
        <v>48142</v>
      </c>
      <c r="E15728" s="2" t="s">
        <v>48143</v>
      </c>
      <c r="F15728" s="2" t="s">
        <v>40971</v>
      </c>
      <c r="G15728" s="8">
        <v>329</v>
      </c>
      <c r="H15728" s="5">
        <v>6</v>
      </c>
      <c r="I15728" s="5" t="s">
        <v>1518</v>
      </c>
      <c r="J15728" s="5" t="s">
        <v>40939</v>
      </c>
      <c r="K15728" s="2" t="s">
        <v>40940</v>
      </c>
      <c r="L15728" s="5" t="s">
        <v>40939</v>
      </c>
      <c r="M15728" s="2" t="s">
        <v>40940</v>
      </c>
      <c r="N15728" s="5" t="s">
        <v>36266</v>
      </c>
      <c r="O15728" s="5" t="s">
        <v>38</v>
      </c>
      <c r="P15728" s="5" t="s">
        <v>39</v>
      </c>
      <c r="Q15728" s="5" t="s">
        <v>40</v>
      </c>
      <c r="R15728" s="5" t="s">
        <v>1522</v>
      </c>
      <c r="S15728" s="5" t="s">
        <v>1523</v>
      </c>
      <c r="T15728" s="5" t="s">
        <v>42</v>
      </c>
      <c r="U15728" s="2">
        <v>3.5449999999999999</v>
      </c>
      <c r="V15728" s="2">
        <v>2.863</v>
      </c>
      <c r="W15728" s="2">
        <v>0.02</v>
      </c>
      <c r="X15728" s="2">
        <v>159.1</v>
      </c>
      <c r="Y15728" s="2">
        <v>7.6</v>
      </c>
      <c r="Z15728" s="2">
        <v>16.7</v>
      </c>
      <c r="AA15728" s="5"/>
      <c r="AB15728" s="5" t="s">
        <v>43</v>
      </c>
      <c r="AC15728" s="5" t="s">
        <v>44</v>
      </c>
      <c r="AD15728" s="2"/>
      <c r="AE15728" s="1"/>
    </row>
    <row r="15729" spans="1:31" ht="14.45">
      <c r="A15729" s="11"/>
      <c r="B15729" s="20"/>
      <c r="C15729" s="2" t="s">
        <v>48144</v>
      </c>
      <c r="D15729" s="14" t="s">
        <v>48145</v>
      </c>
      <c r="E15729" s="2" t="s">
        <v>48146</v>
      </c>
      <c r="F15729" s="2" t="s">
        <v>47735</v>
      </c>
      <c r="G15729" s="8">
        <v>329</v>
      </c>
      <c r="H15729" s="5">
        <v>6</v>
      </c>
      <c r="I15729" s="5" t="s">
        <v>1518</v>
      </c>
      <c r="J15729" s="5" t="s">
        <v>40939</v>
      </c>
      <c r="K15729" s="2" t="s">
        <v>40940</v>
      </c>
      <c r="L15729" s="5" t="s">
        <v>40939</v>
      </c>
      <c r="M15729" s="2" t="s">
        <v>40940</v>
      </c>
      <c r="N15729" s="5" t="s">
        <v>36266</v>
      </c>
      <c r="O15729" s="5" t="s">
        <v>38</v>
      </c>
      <c r="P15729" s="5" t="s">
        <v>39</v>
      </c>
      <c r="Q15729" s="5" t="s">
        <v>40</v>
      </c>
      <c r="R15729" s="5" t="s">
        <v>1522</v>
      </c>
      <c r="S15729" s="5" t="s">
        <v>1523</v>
      </c>
      <c r="T15729" s="5" t="s">
        <v>42</v>
      </c>
      <c r="U15729" s="2">
        <v>3.5449999999999999</v>
      </c>
      <c r="V15729" s="2">
        <v>2.863</v>
      </c>
      <c r="W15729" s="2">
        <v>0.02</v>
      </c>
      <c r="X15729" s="2">
        <v>159.1</v>
      </c>
      <c r="Y15729" s="2">
        <v>7.6</v>
      </c>
      <c r="Z15729" s="2">
        <v>16.7</v>
      </c>
      <c r="AA15729" s="5"/>
      <c r="AB15729" s="5" t="s">
        <v>43</v>
      </c>
      <c r="AC15729" s="5" t="s">
        <v>44</v>
      </c>
      <c r="AD15729" s="2"/>
      <c r="AE15729" s="1"/>
    </row>
    <row r="15730" spans="1:31" ht="14.45">
      <c r="A15730" s="11"/>
      <c r="B15730" s="20"/>
      <c r="C15730" s="2" t="s">
        <v>48147</v>
      </c>
      <c r="D15730" s="14" t="s">
        <v>48148</v>
      </c>
      <c r="E15730" s="2" t="s">
        <v>48149</v>
      </c>
      <c r="F15730" s="2" t="s">
        <v>7539</v>
      </c>
      <c r="G15730" s="8">
        <v>329</v>
      </c>
      <c r="H15730" s="5">
        <v>6</v>
      </c>
      <c r="I15730" s="5" t="s">
        <v>1518</v>
      </c>
      <c r="J15730" s="5" t="s">
        <v>40939</v>
      </c>
      <c r="K15730" s="2" t="s">
        <v>40940</v>
      </c>
      <c r="L15730" s="5" t="s">
        <v>40939</v>
      </c>
      <c r="M15730" s="2" t="s">
        <v>40940</v>
      </c>
      <c r="N15730" s="5" t="s">
        <v>36266</v>
      </c>
      <c r="O15730" s="5" t="s">
        <v>38</v>
      </c>
      <c r="P15730" s="5" t="s">
        <v>39</v>
      </c>
      <c r="Q15730" s="5" t="s">
        <v>40</v>
      </c>
      <c r="R15730" s="5" t="s">
        <v>1522</v>
      </c>
      <c r="S15730" s="5" t="s">
        <v>1523</v>
      </c>
      <c r="T15730" s="5" t="s">
        <v>42</v>
      </c>
      <c r="U15730" s="2">
        <v>3.3650000000000002</v>
      </c>
      <c r="V15730" s="2">
        <v>2.6829999999999998</v>
      </c>
      <c r="W15730" s="2">
        <v>0.02</v>
      </c>
      <c r="X15730" s="2">
        <v>159.1</v>
      </c>
      <c r="Y15730" s="2">
        <v>7.6</v>
      </c>
      <c r="Z15730" s="2">
        <v>16.7</v>
      </c>
      <c r="AA15730" s="5"/>
      <c r="AB15730" s="5" t="s">
        <v>43</v>
      </c>
      <c r="AC15730" s="5" t="s">
        <v>44</v>
      </c>
      <c r="AD15730" s="2"/>
      <c r="AE15730" s="1"/>
    </row>
    <row r="15731" spans="1:31" ht="14.45">
      <c r="A15731" s="11"/>
      <c r="B15731" s="20"/>
      <c r="C15731" s="2" t="s">
        <v>48150</v>
      </c>
      <c r="D15731" s="14" t="s">
        <v>48151</v>
      </c>
      <c r="E15731" s="2" t="s">
        <v>48152</v>
      </c>
      <c r="F15731" s="2" t="s">
        <v>40989</v>
      </c>
      <c r="G15731" s="8">
        <v>329</v>
      </c>
      <c r="H15731" s="5">
        <v>6</v>
      </c>
      <c r="I15731" s="5" t="s">
        <v>1518</v>
      </c>
      <c r="J15731" s="5" t="s">
        <v>40939</v>
      </c>
      <c r="K15731" s="2" t="s">
        <v>40940</v>
      </c>
      <c r="L15731" s="5" t="s">
        <v>40939</v>
      </c>
      <c r="M15731" s="2" t="s">
        <v>40940</v>
      </c>
      <c r="N15731" s="5" t="s">
        <v>36266</v>
      </c>
      <c r="O15731" s="5" t="s">
        <v>38</v>
      </c>
      <c r="P15731" s="5" t="s">
        <v>39</v>
      </c>
      <c r="Q15731" s="5" t="s">
        <v>40</v>
      </c>
      <c r="R15731" s="5" t="s">
        <v>1522</v>
      </c>
      <c r="S15731" s="5" t="s">
        <v>1523</v>
      </c>
      <c r="T15731" s="5" t="s">
        <v>42</v>
      </c>
      <c r="U15731" s="2">
        <v>3.431</v>
      </c>
      <c r="V15731" s="2">
        <v>2.7490000000000001</v>
      </c>
      <c r="W15731" s="2">
        <v>0.02</v>
      </c>
      <c r="X15731" s="2">
        <v>159.1</v>
      </c>
      <c r="Y15731" s="2">
        <v>7.6</v>
      </c>
      <c r="Z15731" s="2">
        <v>16.7</v>
      </c>
      <c r="AA15731" s="5"/>
      <c r="AB15731" s="5" t="s">
        <v>43</v>
      </c>
      <c r="AC15731" s="5" t="s">
        <v>44</v>
      </c>
      <c r="AD15731" s="2"/>
      <c r="AE15731" s="1"/>
    </row>
    <row r="15732" spans="1:31" ht="14.45">
      <c r="A15732" s="11"/>
      <c r="B15732" s="20"/>
      <c r="C15732" s="2" t="s">
        <v>48153</v>
      </c>
      <c r="D15732" s="14" t="s">
        <v>48154</v>
      </c>
      <c r="E15732" s="2" t="s">
        <v>48155</v>
      </c>
      <c r="F15732" s="2" t="s">
        <v>40993</v>
      </c>
      <c r="G15732" s="8">
        <v>329</v>
      </c>
      <c r="H15732" s="5">
        <v>6</v>
      </c>
      <c r="I15732" s="5" t="s">
        <v>1518</v>
      </c>
      <c r="J15732" s="5" t="s">
        <v>40939</v>
      </c>
      <c r="K15732" s="2" t="s">
        <v>40940</v>
      </c>
      <c r="L15732" s="5" t="s">
        <v>40939</v>
      </c>
      <c r="M15732" s="2" t="s">
        <v>40940</v>
      </c>
      <c r="N15732" s="5" t="s">
        <v>36266</v>
      </c>
      <c r="O15732" s="5" t="s">
        <v>38</v>
      </c>
      <c r="P15732" s="5" t="s">
        <v>39</v>
      </c>
      <c r="Q15732" s="5" t="s">
        <v>40</v>
      </c>
      <c r="R15732" s="5" t="s">
        <v>1522</v>
      </c>
      <c r="S15732" s="5" t="s">
        <v>1523</v>
      </c>
      <c r="T15732" s="5" t="s">
        <v>42</v>
      </c>
      <c r="U15732" s="2">
        <v>3.5449999999999999</v>
      </c>
      <c r="V15732" s="2">
        <v>2.863</v>
      </c>
      <c r="W15732" s="2">
        <v>0.02</v>
      </c>
      <c r="X15732" s="2">
        <v>159.1</v>
      </c>
      <c r="Y15732" s="2">
        <v>7.6</v>
      </c>
      <c r="Z15732" s="2">
        <v>16.7</v>
      </c>
      <c r="AA15732" s="5"/>
      <c r="AB15732" s="5" t="s">
        <v>43</v>
      </c>
      <c r="AC15732" s="5" t="s">
        <v>44</v>
      </c>
      <c r="AD15732" s="2"/>
      <c r="AE15732" s="1"/>
    </row>
    <row r="15733" spans="1:31" ht="14.45">
      <c r="A15733" s="11"/>
      <c r="B15733" s="20"/>
      <c r="C15733" s="2" t="s">
        <v>48156</v>
      </c>
      <c r="D15733" s="14" t="s">
        <v>48157</v>
      </c>
      <c r="E15733" s="2" t="s">
        <v>48158</v>
      </c>
      <c r="F15733" s="2" t="s">
        <v>41267</v>
      </c>
      <c r="G15733" s="8">
        <v>329</v>
      </c>
      <c r="H15733" s="5">
        <v>6</v>
      </c>
      <c r="I15733" s="5" t="s">
        <v>1518</v>
      </c>
      <c r="J15733" s="5" t="s">
        <v>40939</v>
      </c>
      <c r="K15733" s="2" t="s">
        <v>40940</v>
      </c>
      <c r="L15733" s="5" t="s">
        <v>40939</v>
      </c>
      <c r="M15733" s="2" t="s">
        <v>40940</v>
      </c>
      <c r="N15733" s="5" t="s">
        <v>36266</v>
      </c>
      <c r="O15733" s="5" t="s">
        <v>38</v>
      </c>
      <c r="P15733" s="5" t="s">
        <v>39</v>
      </c>
      <c r="Q15733" s="5" t="s">
        <v>40</v>
      </c>
      <c r="R15733" s="5" t="s">
        <v>1522</v>
      </c>
      <c r="S15733" s="5" t="s">
        <v>1523</v>
      </c>
      <c r="T15733" s="5" t="s">
        <v>42</v>
      </c>
      <c r="U15733" s="2">
        <v>3.492</v>
      </c>
      <c r="V15733" s="2">
        <v>2.81</v>
      </c>
      <c r="W15733" s="2">
        <v>0.02</v>
      </c>
      <c r="X15733" s="2">
        <v>159.1</v>
      </c>
      <c r="Y15733" s="2">
        <v>7.6</v>
      </c>
      <c r="Z15733" s="2">
        <v>16.7</v>
      </c>
      <c r="AA15733" s="5"/>
      <c r="AB15733" s="5" t="s">
        <v>43</v>
      </c>
      <c r="AC15733" s="5" t="s">
        <v>44</v>
      </c>
      <c r="AD15733" s="2"/>
      <c r="AE15733" s="1"/>
    </row>
    <row r="15734" spans="1:31" ht="14.45">
      <c r="A15734" s="11"/>
      <c r="B15734" s="20"/>
      <c r="C15734" s="2" t="s">
        <v>48159</v>
      </c>
      <c r="D15734" s="14" t="s">
        <v>48160</v>
      </c>
      <c r="E15734" s="2" t="s">
        <v>48161</v>
      </c>
      <c r="F15734" s="2" t="s">
        <v>41009</v>
      </c>
      <c r="G15734" s="8">
        <v>329</v>
      </c>
      <c r="H15734" s="5">
        <v>6</v>
      </c>
      <c r="I15734" s="5" t="s">
        <v>1518</v>
      </c>
      <c r="J15734" s="5" t="s">
        <v>40939</v>
      </c>
      <c r="K15734" s="2" t="s">
        <v>40940</v>
      </c>
      <c r="L15734" s="5" t="s">
        <v>40939</v>
      </c>
      <c r="M15734" s="2" t="s">
        <v>40940</v>
      </c>
      <c r="N15734" s="5" t="s">
        <v>36266</v>
      </c>
      <c r="O15734" s="5" t="s">
        <v>38</v>
      </c>
      <c r="P15734" s="5" t="s">
        <v>39</v>
      </c>
      <c r="Q15734" s="5" t="s">
        <v>40</v>
      </c>
      <c r="R15734" s="5" t="s">
        <v>1522</v>
      </c>
      <c r="S15734" s="5" t="s">
        <v>1523</v>
      </c>
      <c r="T15734" s="5" t="s">
        <v>42</v>
      </c>
      <c r="U15734" s="2">
        <v>3.444</v>
      </c>
      <c r="V15734" s="2">
        <v>2.762</v>
      </c>
      <c r="W15734" s="2">
        <v>0.02</v>
      </c>
      <c r="X15734" s="2">
        <v>159.1</v>
      </c>
      <c r="Y15734" s="2">
        <v>7.6</v>
      </c>
      <c r="Z15734" s="2">
        <v>16.7</v>
      </c>
      <c r="AA15734" s="5"/>
      <c r="AB15734" s="5" t="s">
        <v>43</v>
      </c>
      <c r="AC15734" s="5" t="s">
        <v>44</v>
      </c>
      <c r="AD15734" s="2"/>
      <c r="AE15734" s="1"/>
    </row>
    <row r="15735" spans="1:31" ht="14.45">
      <c r="A15735" s="11"/>
      <c r="B15735" s="20"/>
      <c r="C15735" s="2" t="s">
        <v>48162</v>
      </c>
      <c r="D15735" s="14" t="s">
        <v>48163</v>
      </c>
      <c r="E15735" s="2" t="s">
        <v>48164</v>
      </c>
      <c r="F15735" s="2" t="s">
        <v>41013</v>
      </c>
      <c r="G15735" s="8">
        <v>329</v>
      </c>
      <c r="H15735" s="5">
        <v>6</v>
      </c>
      <c r="I15735" s="5" t="s">
        <v>1518</v>
      </c>
      <c r="J15735" s="5" t="s">
        <v>40939</v>
      </c>
      <c r="K15735" s="2" t="s">
        <v>40940</v>
      </c>
      <c r="L15735" s="5" t="s">
        <v>40939</v>
      </c>
      <c r="M15735" s="2" t="s">
        <v>40940</v>
      </c>
      <c r="N15735" s="5" t="s">
        <v>36266</v>
      </c>
      <c r="O15735" s="5" t="s">
        <v>38</v>
      </c>
      <c r="P15735" s="5" t="s">
        <v>39</v>
      </c>
      <c r="Q15735" s="5" t="s">
        <v>40</v>
      </c>
      <c r="R15735" s="5" t="s">
        <v>1522</v>
      </c>
      <c r="S15735" s="5" t="s">
        <v>1523</v>
      </c>
      <c r="T15735" s="5" t="s">
        <v>42</v>
      </c>
      <c r="U15735" s="2">
        <v>3.5579999999999998</v>
      </c>
      <c r="V15735" s="2">
        <v>2.8759999999999999</v>
      </c>
      <c r="W15735" s="2">
        <v>0.02</v>
      </c>
      <c r="X15735" s="2">
        <v>159.1</v>
      </c>
      <c r="Y15735" s="2">
        <v>7.6</v>
      </c>
      <c r="Z15735" s="2">
        <v>16.7</v>
      </c>
      <c r="AA15735" s="5"/>
      <c r="AB15735" s="5" t="s">
        <v>43</v>
      </c>
      <c r="AC15735" s="5" t="s">
        <v>44</v>
      </c>
      <c r="AD15735" s="2"/>
      <c r="AE15735" s="1"/>
    </row>
    <row r="15736" spans="1:31" ht="14.45">
      <c r="A15736" s="11"/>
      <c r="B15736" s="20"/>
      <c r="C15736" s="2" t="s">
        <v>48165</v>
      </c>
      <c r="D15736" s="14" t="s">
        <v>48166</v>
      </c>
      <c r="E15736" s="2" t="s">
        <v>48167</v>
      </c>
      <c r="F15736" s="2" t="s">
        <v>7396</v>
      </c>
      <c r="G15736" s="8">
        <v>303</v>
      </c>
      <c r="H15736" s="5">
        <v>6</v>
      </c>
      <c r="I15736" s="5" t="s">
        <v>1518</v>
      </c>
      <c r="J15736" s="5" t="s">
        <v>40939</v>
      </c>
      <c r="K15736" s="2" t="s">
        <v>40940</v>
      </c>
      <c r="L15736" s="5" t="s">
        <v>40939</v>
      </c>
      <c r="M15736" s="2" t="s">
        <v>40940</v>
      </c>
      <c r="N15736" s="5" t="s">
        <v>36266</v>
      </c>
      <c r="O15736" s="5" t="s">
        <v>38</v>
      </c>
      <c r="P15736" s="5" t="s">
        <v>39</v>
      </c>
      <c r="Q15736" s="5" t="s">
        <v>40</v>
      </c>
      <c r="R15736" s="5" t="s">
        <v>1522</v>
      </c>
      <c r="S15736" s="5" t="s">
        <v>1523</v>
      </c>
      <c r="T15736" s="5" t="s">
        <v>42</v>
      </c>
      <c r="U15736" s="2">
        <v>3.444</v>
      </c>
      <c r="V15736" s="2">
        <v>2.762</v>
      </c>
      <c r="W15736" s="2">
        <v>0.02</v>
      </c>
      <c r="X15736" s="2">
        <v>159.1</v>
      </c>
      <c r="Y15736" s="2">
        <v>7.6</v>
      </c>
      <c r="Z15736" s="2">
        <v>16.7</v>
      </c>
      <c r="AA15736" s="5"/>
      <c r="AB15736" s="5" t="s">
        <v>43</v>
      </c>
      <c r="AC15736" s="5" t="s">
        <v>44</v>
      </c>
      <c r="AD15736" s="2"/>
      <c r="AE15736" s="1"/>
    </row>
    <row r="15737" spans="1:31" ht="14.45">
      <c r="A15737" s="11"/>
      <c r="B15737" s="20"/>
      <c r="C15737" s="2" t="s">
        <v>48168</v>
      </c>
      <c r="D15737" s="14" t="s">
        <v>48169</v>
      </c>
      <c r="E15737" s="2" t="s">
        <v>48170</v>
      </c>
      <c r="F15737" s="2" t="s">
        <v>7507</v>
      </c>
      <c r="G15737" s="8">
        <v>303</v>
      </c>
      <c r="H15737" s="5">
        <v>6</v>
      </c>
      <c r="I15737" s="5" t="s">
        <v>1518</v>
      </c>
      <c r="J15737" s="5" t="s">
        <v>40939</v>
      </c>
      <c r="K15737" s="2" t="s">
        <v>40940</v>
      </c>
      <c r="L15737" s="5" t="s">
        <v>40939</v>
      </c>
      <c r="M15737" s="2" t="s">
        <v>40940</v>
      </c>
      <c r="N15737" s="5" t="s">
        <v>36266</v>
      </c>
      <c r="O15737" s="5" t="s">
        <v>38</v>
      </c>
      <c r="P15737" s="5" t="s">
        <v>39</v>
      </c>
      <c r="Q15737" s="5" t="s">
        <v>40</v>
      </c>
      <c r="R15737" s="5" t="s">
        <v>1522</v>
      </c>
      <c r="S15737" s="5" t="s">
        <v>1523</v>
      </c>
      <c r="T15737" s="5" t="s">
        <v>42</v>
      </c>
      <c r="U15737" s="2">
        <v>3.5579999999999998</v>
      </c>
      <c r="V15737" s="2">
        <v>2.8759999999999999</v>
      </c>
      <c r="W15737" s="2">
        <v>0.02</v>
      </c>
      <c r="X15737" s="2">
        <v>159.1</v>
      </c>
      <c r="Y15737" s="2">
        <v>7.6</v>
      </c>
      <c r="Z15737" s="2">
        <v>16.7</v>
      </c>
      <c r="AA15737" s="5"/>
      <c r="AB15737" s="5" t="s">
        <v>43</v>
      </c>
      <c r="AC15737" s="5" t="s">
        <v>44</v>
      </c>
      <c r="AD15737" s="2"/>
      <c r="AE15737" s="1"/>
    </row>
    <row r="15738" spans="1:31" ht="14.45">
      <c r="A15738" s="11"/>
      <c r="B15738" s="20"/>
      <c r="C15738" s="2" t="s">
        <v>48171</v>
      </c>
      <c r="D15738" s="14" t="s">
        <v>48172</v>
      </c>
      <c r="E15738" s="2" t="s">
        <v>48173</v>
      </c>
      <c r="F15738" s="2" t="s">
        <v>41023</v>
      </c>
      <c r="G15738" s="8">
        <v>329</v>
      </c>
      <c r="H15738" s="5">
        <v>6</v>
      </c>
      <c r="I15738" s="5" t="s">
        <v>1518</v>
      </c>
      <c r="J15738" s="5" t="s">
        <v>40939</v>
      </c>
      <c r="K15738" s="2" t="s">
        <v>40940</v>
      </c>
      <c r="L15738" s="5" t="s">
        <v>40939</v>
      </c>
      <c r="M15738" s="2" t="s">
        <v>40940</v>
      </c>
      <c r="N15738" s="5" t="s">
        <v>36266</v>
      </c>
      <c r="O15738" s="5" t="s">
        <v>38</v>
      </c>
      <c r="P15738" s="5" t="s">
        <v>39</v>
      </c>
      <c r="Q15738" s="5" t="s">
        <v>40</v>
      </c>
      <c r="R15738" s="5" t="s">
        <v>1522</v>
      </c>
      <c r="S15738" s="5" t="s">
        <v>1523</v>
      </c>
      <c r="T15738" s="5" t="s">
        <v>42</v>
      </c>
      <c r="U15738" s="2">
        <v>3.3780000000000001</v>
      </c>
      <c r="V15738" s="2">
        <v>2.6960000000000002</v>
      </c>
      <c r="W15738" s="2">
        <v>0.02</v>
      </c>
      <c r="X15738" s="2">
        <v>159.1</v>
      </c>
      <c r="Y15738" s="2">
        <v>7.6</v>
      </c>
      <c r="Z15738" s="2">
        <v>16.7</v>
      </c>
      <c r="AA15738" s="5"/>
      <c r="AB15738" s="5" t="s">
        <v>43</v>
      </c>
      <c r="AC15738" s="5" t="s">
        <v>44</v>
      </c>
      <c r="AD15738" s="2"/>
      <c r="AE15738" s="1"/>
    </row>
    <row r="15739" spans="1:31" ht="14.45">
      <c r="A15739" s="11"/>
      <c r="B15739" s="20"/>
      <c r="C15739" s="2" t="s">
        <v>48174</v>
      </c>
      <c r="D15739" s="14" t="s">
        <v>48175</v>
      </c>
      <c r="E15739" s="2" t="s">
        <v>48176</v>
      </c>
      <c r="F15739" s="2" t="s">
        <v>41027</v>
      </c>
      <c r="G15739" s="8">
        <v>329</v>
      </c>
      <c r="H15739" s="5">
        <v>6</v>
      </c>
      <c r="I15739" s="5" t="s">
        <v>1518</v>
      </c>
      <c r="J15739" s="5" t="s">
        <v>40939</v>
      </c>
      <c r="K15739" s="2" t="s">
        <v>40940</v>
      </c>
      <c r="L15739" s="5" t="s">
        <v>40939</v>
      </c>
      <c r="M15739" s="2" t="s">
        <v>40940</v>
      </c>
      <c r="N15739" s="5" t="s">
        <v>36266</v>
      </c>
      <c r="O15739" s="5" t="s">
        <v>38</v>
      </c>
      <c r="P15739" s="5" t="s">
        <v>39</v>
      </c>
      <c r="Q15739" s="5" t="s">
        <v>40</v>
      </c>
      <c r="R15739" s="5" t="s">
        <v>1522</v>
      </c>
      <c r="S15739" s="5" t="s">
        <v>1523</v>
      </c>
      <c r="T15739" s="5" t="s">
        <v>42</v>
      </c>
      <c r="U15739" s="2">
        <v>3.492</v>
      </c>
      <c r="V15739" s="2">
        <v>2.81</v>
      </c>
      <c r="W15739" s="2">
        <v>0.02</v>
      </c>
      <c r="X15739" s="2">
        <v>159.1</v>
      </c>
      <c r="Y15739" s="2">
        <v>7.6</v>
      </c>
      <c r="Z15739" s="2">
        <v>16.7</v>
      </c>
      <c r="AA15739" s="5"/>
      <c r="AB15739" s="5" t="s">
        <v>43</v>
      </c>
      <c r="AC15739" s="5" t="s">
        <v>44</v>
      </c>
      <c r="AD15739" s="2"/>
      <c r="AE15739" s="1"/>
    </row>
    <row r="15740" spans="1:31" ht="14.45">
      <c r="A15740" s="11"/>
      <c r="B15740" s="20"/>
      <c r="C15740" s="2" t="s">
        <v>48177</v>
      </c>
      <c r="D15740" s="14" t="s">
        <v>48178</v>
      </c>
      <c r="E15740" s="2" t="s">
        <v>48179</v>
      </c>
      <c r="F15740" s="2" t="s">
        <v>41031</v>
      </c>
      <c r="G15740" s="8">
        <v>329</v>
      </c>
      <c r="H15740" s="5">
        <v>6</v>
      </c>
      <c r="I15740" s="5" t="s">
        <v>1518</v>
      </c>
      <c r="J15740" s="5" t="s">
        <v>40939</v>
      </c>
      <c r="K15740" s="2" t="s">
        <v>40940</v>
      </c>
      <c r="L15740" s="5" t="s">
        <v>40939</v>
      </c>
      <c r="M15740" s="2" t="s">
        <v>40940</v>
      </c>
      <c r="N15740" s="5" t="s">
        <v>36266</v>
      </c>
      <c r="O15740" s="5" t="s">
        <v>38</v>
      </c>
      <c r="P15740" s="5" t="s">
        <v>39</v>
      </c>
      <c r="Q15740" s="5" t="s">
        <v>40</v>
      </c>
      <c r="R15740" s="5" t="s">
        <v>1522</v>
      </c>
      <c r="S15740" s="5" t="s">
        <v>1523</v>
      </c>
      <c r="T15740" s="5" t="s">
        <v>42</v>
      </c>
      <c r="U15740" s="2">
        <v>3.3780000000000001</v>
      </c>
      <c r="V15740" s="2">
        <v>2.6960000000000002</v>
      </c>
      <c r="W15740" s="2">
        <v>0.02</v>
      </c>
      <c r="X15740" s="2">
        <v>159.1</v>
      </c>
      <c r="Y15740" s="2">
        <v>7.6</v>
      </c>
      <c r="Z15740" s="2">
        <v>16.7</v>
      </c>
      <c r="AA15740" s="5"/>
      <c r="AB15740" s="5" t="s">
        <v>43</v>
      </c>
      <c r="AC15740" s="5" t="s">
        <v>44</v>
      </c>
      <c r="AD15740" s="2"/>
      <c r="AE15740" s="1"/>
    </row>
    <row r="15741" spans="1:31" ht="14.45">
      <c r="A15741" s="11"/>
      <c r="B15741" s="20"/>
      <c r="C15741" s="2" t="s">
        <v>48180</v>
      </c>
      <c r="D15741" s="14" t="s">
        <v>48181</v>
      </c>
      <c r="E15741" s="2" t="s">
        <v>48182</v>
      </c>
      <c r="F15741" s="2" t="s">
        <v>7449</v>
      </c>
      <c r="G15741" s="8">
        <v>329</v>
      </c>
      <c r="H15741" s="5">
        <v>6</v>
      </c>
      <c r="I15741" s="5" t="s">
        <v>1518</v>
      </c>
      <c r="J15741" s="5" t="s">
        <v>40939</v>
      </c>
      <c r="K15741" s="2" t="s">
        <v>40940</v>
      </c>
      <c r="L15741" s="5" t="s">
        <v>40939</v>
      </c>
      <c r="M15741" s="2" t="s">
        <v>40940</v>
      </c>
      <c r="N15741" s="5" t="s">
        <v>36266</v>
      </c>
      <c r="O15741" s="5" t="s">
        <v>38</v>
      </c>
      <c r="P15741" s="5" t="s">
        <v>39</v>
      </c>
      <c r="Q15741" s="5" t="s">
        <v>40</v>
      </c>
      <c r="R15741" s="5" t="s">
        <v>1522</v>
      </c>
      <c r="S15741" s="5" t="s">
        <v>1523</v>
      </c>
      <c r="T15741" s="5" t="s">
        <v>42</v>
      </c>
      <c r="U15741" s="2">
        <v>3.3780000000000001</v>
      </c>
      <c r="V15741" s="2">
        <v>2.6960000000000002</v>
      </c>
      <c r="W15741" s="2">
        <v>0.02</v>
      </c>
      <c r="X15741" s="2">
        <v>159.1</v>
      </c>
      <c r="Y15741" s="2">
        <v>7.6</v>
      </c>
      <c r="Z15741" s="2">
        <v>16.7</v>
      </c>
      <c r="AA15741" s="5"/>
      <c r="AB15741" s="5" t="s">
        <v>43</v>
      </c>
      <c r="AC15741" s="5" t="s">
        <v>44</v>
      </c>
      <c r="AD15741" s="2"/>
      <c r="AE15741" s="1"/>
    </row>
    <row r="15742" spans="1:31" ht="14.45">
      <c r="A15742" s="11"/>
      <c r="B15742" s="20"/>
      <c r="C15742" s="2" t="s">
        <v>48183</v>
      </c>
      <c r="D15742" s="14" t="s">
        <v>48184</v>
      </c>
      <c r="E15742" s="2" t="s">
        <v>48185</v>
      </c>
      <c r="F15742" s="2" t="s">
        <v>41045</v>
      </c>
      <c r="G15742" s="8">
        <v>329</v>
      </c>
      <c r="H15742" s="5">
        <v>6</v>
      </c>
      <c r="I15742" s="5" t="s">
        <v>1518</v>
      </c>
      <c r="J15742" s="5" t="s">
        <v>40939</v>
      </c>
      <c r="K15742" s="2" t="s">
        <v>40940</v>
      </c>
      <c r="L15742" s="5" t="s">
        <v>40939</v>
      </c>
      <c r="M15742" s="2" t="s">
        <v>40940</v>
      </c>
      <c r="N15742" s="5" t="s">
        <v>36266</v>
      </c>
      <c r="O15742" s="5" t="s">
        <v>38</v>
      </c>
      <c r="P15742" s="5" t="s">
        <v>39</v>
      </c>
      <c r="Q15742" s="5" t="s">
        <v>40</v>
      </c>
      <c r="R15742" s="5" t="s">
        <v>1522</v>
      </c>
      <c r="S15742" s="5" t="s">
        <v>1523</v>
      </c>
      <c r="T15742" s="5" t="s">
        <v>42</v>
      </c>
      <c r="U15742" s="2">
        <v>3.4569999999999999</v>
      </c>
      <c r="V15742" s="2">
        <v>2.7749999999999999</v>
      </c>
      <c r="W15742" s="2">
        <v>0.02</v>
      </c>
      <c r="X15742" s="2">
        <v>159.1</v>
      </c>
      <c r="Y15742" s="2">
        <v>7.6</v>
      </c>
      <c r="Z15742" s="2">
        <v>16.7</v>
      </c>
      <c r="AA15742" s="5"/>
      <c r="AB15742" s="5" t="s">
        <v>43</v>
      </c>
      <c r="AC15742" s="5" t="s">
        <v>44</v>
      </c>
      <c r="AD15742" s="2"/>
      <c r="AE15742" s="1"/>
    </row>
    <row r="15743" spans="1:31" ht="14.45">
      <c r="A15743" s="11"/>
      <c r="B15743" s="20"/>
      <c r="C15743" s="2" t="s">
        <v>48186</v>
      </c>
      <c r="D15743" s="14" t="s">
        <v>48187</v>
      </c>
      <c r="E15743" s="2" t="s">
        <v>48188</v>
      </c>
      <c r="F15743" s="2" t="s">
        <v>41049</v>
      </c>
      <c r="G15743" s="8">
        <v>329</v>
      </c>
      <c r="H15743" s="5">
        <v>6</v>
      </c>
      <c r="I15743" s="5" t="s">
        <v>1518</v>
      </c>
      <c r="J15743" s="5" t="s">
        <v>40939</v>
      </c>
      <c r="K15743" s="2" t="s">
        <v>40940</v>
      </c>
      <c r="L15743" s="5" t="s">
        <v>40939</v>
      </c>
      <c r="M15743" s="2" t="s">
        <v>40940</v>
      </c>
      <c r="N15743" s="5" t="s">
        <v>36266</v>
      </c>
      <c r="O15743" s="5" t="s">
        <v>38</v>
      </c>
      <c r="P15743" s="5" t="s">
        <v>39</v>
      </c>
      <c r="Q15743" s="5" t="s">
        <v>40</v>
      </c>
      <c r="R15743" s="5" t="s">
        <v>1522</v>
      </c>
      <c r="S15743" s="5" t="s">
        <v>1523</v>
      </c>
      <c r="T15743" s="5" t="s">
        <v>42</v>
      </c>
      <c r="U15743" s="2">
        <v>3.5710000000000002</v>
      </c>
      <c r="V15743" s="2">
        <v>2.8889999999999998</v>
      </c>
      <c r="W15743" s="2">
        <v>0.02</v>
      </c>
      <c r="X15743" s="2">
        <v>159.1</v>
      </c>
      <c r="Y15743" s="2">
        <v>7.6</v>
      </c>
      <c r="Z15743" s="2">
        <v>16.7</v>
      </c>
      <c r="AA15743" s="5"/>
      <c r="AB15743" s="5" t="s">
        <v>43</v>
      </c>
      <c r="AC15743" s="5" t="s">
        <v>44</v>
      </c>
      <c r="AD15743" s="2"/>
      <c r="AE15743" s="1"/>
    </row>
    <row r="15744" spans="1:31" ht="14.45">
      <c r="A15744" s="11"/>
      <c r="B15744" s="20"/>
      <c r="C15744" s="2" t="s">
        <v>48189</v>
      </c>
      <c r="D15744" s="14" t="s">
        <v>48190</v>
      </c>
      <c r="E15744" s="2" t="s">
        <v>48191</v>
      </c>
      <c r="F15744" s="2" t="s">
        <v>7204</v>
      </c>
      <c r="G15744" s="8">
        <v>298</v>
      </c>
      <c r="H15744" s="5">
        <v>6</v>
      </c>
      <c r="I15744" s="5" t="s">
        <v>1518</v>
      </c>
      <c r="J15744" s="5" t="s">
        <v>40939</v>
      </c>
      <c r="K15744" s="2" t="s">
        <v>40940</v>
      </c>
      <c r="L15744" s="5" t="s">
        <v>40939</v>
      </c>
      <c r="M15744" s="2" t="s">
        <v>40940</v>
      </c>
      <c r="N15744" s="5" t="s">
        <v>36266</v>
      </c>
      <c r="O15744" s="5" t="s">
        <v>38</v>
      </c>
      <c r="P15744" s="5" t="s">
        <v>39</v>
      </c>
      <c r="Q15744" s="5" t="s">
        <v>40</v>
      </c>
      <c r="R15744" s="5" t="s">
        <v>1522</v>
      </c>
      <c r="S15744" s="5" t="s">
        <v>1523</v>
      </c>
      <c r="T15744" s="5" t="s">
        <v>42</v>
      </c>
      <c r="U15744" s="2">
        <v>3.2349999999999999</v>
      </c>
      <c r="V15744" s="2">
        <v>2.6459999999999999</v>
      </c>
      <c r="W15744" s="2">
        <v>1.7999999999999999E-2</v>
      </c>
      <c r="X15744" s="2">
        <v>139.1</v>
      </c>
      <c r="Y15744" s="2">
        <v>7.6</v>
      </c>
      <c r="Z15744" s="2">
        <v>16.7</v>
      </c>
      <c r="AA15744" s="5"/>
      <c r="AB15744" s="5" t="s">
        <v>43</v>
      </c>
      <c r="AC15744" s="5" t="s">
        <v>44</v>
      </c>
      <c r="AD15744" s="2"/>
      <c r="AE15744" s="1"/>
    </row>
    <row r="15745" spans="1:31" ht="14.45">
      <c r="A15745" s="11"/>
      <c r="B15745" s="20"/>
      <c r="C15745" s="2" t="s">
        <v>48192</v>
      </c>
      <c r="D15745" s="14" t="s">
        <v>48193</v>
      </c>
      <c r="E15745" s="2" t="s">
        <v>48194</v>
      </c>
      <c r="F15745" s="2" t="s">
        <v>7514</v>
      </c>
      <c r="G15745" s="8">
        <v>298</v>
      </c>
      <c r="H15745" s="5">
        <v>6</v>
      </c>
      <c r="I15745" s="5" t="s">
        <v>1518</v>
      </c>
      <c r="J15745" s="5" t="s">
        <v>40939</v>
      </c>
      <c r="K15745" s="2" t="s">
        <v>40940</v>
      </c>
      <c r="L15745" s="5" t="s">
        <v>40939</v>
      </c>
      <c r="M15745" s="2" t="s">
        <v>40940</v>
      </c>
      <c r="N15745" s="5" t="s">
        <v>36266</v>
      </c>
      <c r="O15745" s="5" t="s">
        <v>38</v>
      </c>
      <c r="P15745" s="5" t="s">
        <v>39</v>
      </c>
      <c r="Q15745" s="5" t="s">
        <v>40</v>
      </c>
      <c r="R15745" s="5" t="s">
        <v>1522</v>
      </c>
      <c r="S15745" s="5" t="s">
        <v>1523</v>
      </c>
      <c r="T15745" s="5" t="s">
        <v>42</v>
      </c>
      <c r="U15745" s="2">
        <v>3.331</v>
      </c>
      <c r="V15745" s="2">
        <v>2.742</v>
      </c>
      <c r="W15745" s="2">
        <v>1.7999999999999999E-2</v>
      </c>
      <c r="X15745" s="2">
        <v>139.1</v>
      </c>
      <c r="Y15745" s="2">
        <v>7.6</v>
      </c>
      <c r="Z15745" s="2">
        <v>16.7</v>
      </c>
      <c r="AA15745" s="5"/>
      <c r="AB15745" s="5" t="s">
        <v>43</v>
      </c>
      <c r="AC15745" s="5" t="s">
        <v>44</v>
      </c>
      <c r="AD15745" s="2"/>
      <c r="AE15745" s="1"/>
    </row>
    <row r="15746" spans="1:31" ht="14.45">
      <c r="A15746" s="11"/>
      <c r="B15746" s="20"/>
      <c r="C15746" s="2" t="s">
        <v>48195</v>
      </c>
      <c r="D15746" s="14" t="s">
        <v>48196</v>
      </c>
      <c r="E15746" s="2" t="s">
        <v>48197</v>
      </c>
      <c r="F15746" s="2" t="s">
        <v>47266</v>
      </c>
      <c r="G15746" s="8">
        <v>322</v>
      </c>
      <c r="H15746" s="5">
        <v>6</v>
      </c>
      <c r="I15746" s="5" t="s">
        <v>1518</v>
      </c>
      <c r="J15746" s="5" t="s">
        <v>40939</v>
      </c>
      <c r="K15746" s="2" t="s">
        <v>40940</v>
      </c>
      <c r="L15746" s="5" t="s">
        <v>40939</v>
      </c>
      <c r="M15746" s="2" t="s">
        <v>40940</v>
      </c>
      <c r="N15746" s="5" t="s">
        <v>36266</v>
      </c>
      <c r="O15746" s="5" t="s">
        <v>38</v>
      </c>
      <c r="P15746" s="5" t="s">
        <v>39</v>
      </c>
      <c r="Q15746" s="5" t="s">
        <v>40</v>
      </c>
      <c r="R15746" s="5" t="s">
        <v>1522</v>
      </c>
      <c r="S15746" s="5" t="s">
        <v>1523</v>
      </c>
      <c r="T15746" s="5" t="s">
        <v>42</v>
      </c>
      <c r="U15746" s="2">
        <v>3.258</v>
      </c>
      <c r="V15746" s="2">
        <v>2.669</v>
      </c>
      <c r="W15746" s="2">
        <v>1.7999999999999999E-2</v>
      </c>
      <c r="X15746" s="2">
        <v>139.1</v>
      </c>
      <c r="Y15746" s="2">
        <v>7.6</v>
      </c>
      <c r="Z15746" s="2">
        <v>16.7</v>
      </c>
      <c r="AA15746" s="5"/>
      <c r="AB15746" s="5" t="s">
        <v>43</v>
      </c>
      <c r="AC15746" s="5" t="s">
        <v>44</v>
      </c>
      <c r="AD15746" s="2"/>
      <c r="AE15746" s="1"/>
    </row>
    <row r="15747" spans="1:31" ht="14.45">
      <c r="A15747" s="11"/>
      <c r="B15747" s="20"/>
      <c r="C15747" s="2" t="s">
        <v>48198</v>
      </c>
      <c r="D15747" s="14" t="s">
        <v>48199</v>
      </c>
      <c r="E15747" s="2" t="s">
        <v>48200</v>
      </c>
      <c r="F15747" s="2" t="s">
        <v>7208</v>
      </c>
      <c r="G15747" s="8">
        <v>298</v>
      </c>
      <c r="H15747" s="5">
        <v>6</v>
      </c>
      <c r="I15747" s="5" t="s">
        <v>1518</v>
      </c>
      <c r="J15747" s="5" t="s">
        <v>40939</v>
      </c>
      <c r="K15747" s="2" t="s">
        <v>40940</v>
      </c>
      <c r="L15747" s="5" t="s">
        <v>40939</v>
      </c>
      <c r="M15747" s="2" t="s">
        <v>40940</v>
      </c>
      <c r="N15747" s="5" t="s">
        <v>36266</v>
      </c>
      <c r="O15747" s="5" t="s">
        <v>38</v>
      </c>
      <c r="P15747" s="5" t="s">
        <v>39</v>
      </c>
      <c r="Q15747" s="5" t="s">
        <v>40</v>
      </c>
      <c r="R15747" s="5" t="s">
        <v>1522</v>
      </c>
      <c r="S15747" s="5" t="s">
        <v>1523</v>
      </c>
      <c r="T15747" s="5" t="s">
        <v>42</v>
      </c>
      <c r="U15747" s="2">
        <v>3.27</v>
      </c>
      <c r="V15747" s="2">
        <v>2.681</v>
      </c>
      <c r="W15747" s="2">
        <v>1.7999999999999999E-2</v>
      </c>
      <c r="X15747" s="2">
        <v>139.1</v>
      </c>
      <c r="Y15747" s="2">
        <v>7.6</v>
      </c>
      <c r="Z15747" s="2">
        <v>16.7</v>
      </c>
      <c r="AA15747" s="5"/>
      <c r="AB15747" s="5" t="s">
        <v>43</v>
      </c>
      <c r="AC15747" s="5" t="s">
        <v>44</v>
      </c>
      <c r="AD15747" s="2"/>
      <c r="AE15747" s="1"/>
    </row>
    <row r="15748" spans="1:31" ht="14.45">
      <c r="A15748" s="11"/>
      <c r="B15748" s="20"/>
      <c r="C15748" s="2" t="s">
        <v>48201</v>
      </c>
      <c r="D15748" s="14" t="s">
        <v>48202</v>
      </c>
      <c r="E15748" s="2" t="s">
        <v>48203</v>
      </c>
      <c r="F15748" s="2" t="s">
        <v>7521</v>
      </c>
      <c r="G15748" s="8">
        <v>298</v>
      </c>
      <c r="H15748" s="5">
        <v>6</v>
      </c>
      <c r="I15748" s="5" t="s">
        <v>1518</v>
      </c>
      <c r="J15748" s="5" t="s">
        <v>40939</v>
      </c>
      <c r="K15748" s="2" t="s">
        <v>40940</v>
      </c>
      <c r="L15748" s="5" t="s">
        <v>40939</v>
      </c>
      <c r="M15748" s="2" t="s">
        <v>40940</v>
      </c>
      <c r="N15748" s="5" t="s">
        <v>36266</v>
      </c>
      <c r="O15748" s="5" t="s">
        <v>38</v>
      </c>
      <c r="P15748" s="5" t="s">
        <v>39</v>
      </c>
      <c r="Q15748" s="5" t="s">
        <v>40</v>
      </c>
      <c r="R15748" s="5" t="s">
        <v>1522</v>
      </c>
      <c r="S15748" s="5" t="s">
        <v>1523</v>
      </c>
      <c r="T15748" s="5" t="s">
        <v>42</v>
      </c>
      <c r="U15748" s="2">
        <v>3.3660000000000001</v>
      </c>
      <c r="V15748" s="2">
        <v>2.7770000000000001</v>
      </c>
      <c r="W15748" s="2">
        <v>1.7999999999999999E-2</v>
      </c>
      <c r="X15748" s="2">
        <v>139.1</v>
      </c>
      <c r="Y15748" s="2">
        <v>7.6</v>
      </c>
      <c r="Z15748" s="2">
        <v>16.7</v>
      </c>
      <c r="AA15748" s="5"/>
      <c r="AB15748" s="5" t="s">
        <v>43</v>
      </c>
      <c r="AC15748" s="5" t="s">
        <v>44</v>
      </c>
      <c r="AD15748" s="2"/>
      <c r="AE15748" s="1"/>
    </row>
    <row r="15749" spans="1:31" ht="14.45">
      <c r="A15749" s="11"/>
      <c r="B15749" s="20"/>
      <c r="C15749" s="2" t="s">
        <v>48204</v>
      </c>
      <c r="D15749" s="14" t="s">
        <v>48205</v>
      </c>
      <c r="E15749" s="2" t="s">
        <v>48206</v>
      </c>
      <c r="F15749" s="2" t="s">
        <v>36277</v>
      </c>
      <c r="G15749" s="8">
        <v>298</v>
      </c>
      <c r="H15749" s="5">
        <v>6</v>
      </c>
      <c r="I15749" s="5" t="s">
        <v>1518</v>
      </c>
      <c r="J15749" s="5" t="s">
        <v>40939</v>
      </c>
      <c r="K15749" s="2" t="s">
        <v>40940</v>
      </c>
      <c r="L15749" s="5" t="s">
        <v>40939</v>
      </c>
      <c r="M15749" s="2" t="s">
        <v>40940</v>
      </c>
      <c r="N15749" s="5" t="s">
        <v>36266</v>
      </c>
      <c r="O15749" s="5" t="s">
        <v>38</v>
      </c>
      <c r="P15749" s="5" t="s">
        <v>39</v>
      </c>
      <c r="Q15749" s="5" t="s">
        <v>40</v>
      </c>
      <c r="R15749" s="5" t="s">
        <v>1522</v>
      </c>
      <c r="S15749" s="5" t="s">
        <v>1523</v>
      </c>
      <c r="T15749" s="5" t="s">
        <v>42</v>
      </c>
      <c r="U15749" s="2">
        <v>3.39</v>
      </c>
      <c r="V15749" s="2">
        <v>2.8010000000000002</v>
      </c>
      <c r="W15749" s="2">
        <v>1.7999999999999999E-2</v>
      </c>
      <c r="X15749" s="2">
        <v>139.1</v>
      </c>
      <c r="Y15749" s="2">
        <v>7.6</v>
      </c>
      <c r="Z15749" s="2">
        <v>16.7</v>
      </c>
      <c r="AA15749" s="5"/>
      <c r="AB15749" s="5" t="s">
        <v>43</v>
      </c>
      <c r="AC15749" s="5" t="s">
        <v>44</v>
      </c>
      <c r="AD15749" s="2"/>
      <c r="AE15749" s="1"/>
    </row>
    <row r="15750" spans="1:31" ht="14.45">
      <c r="A15750" s="11"/>
      <c r="B15750" s="20"/>
      <c r="C15750" s="2" t="s">
        <v>48207</v>
      </c>
      <c r="D15750" s="14" t="s">
        <v>48208</v>
      </c>
      <c r="E15750" s="2" t="s">
        <v>48209</v>
      </c>
      <c r="F15750" s="2" t="s">
        <v>40967</v>
      </c>
      <c r="G15750" s="8">
        <v>322</v>
      </c>
      <c r="H15750" s="5">
        <v>6</v>
      </c>
      <c r="I15750" s="5" t="s">
        <v>1518</v>
      </c>
      <c r="J15750" s="5" t="s">
        <v>40939</v>
      </c>
      <c r="K15750" s="2" t="s">
        <v>40940</v>
      </c>
      <c r="L15750" s="5" t="s">
        <v>40939</v>
      </c>
      <c r="M15750" s="2" t="s">
        <v>40940</v>
      </c>
      <c r="N15750" s="5" t="s">
        <v>36266</v>
      </c>
      <c r="O15750" s="5" t="s">
        <v>38</v>
      </c>
      <c r="P15750" s="5" t="s">
        <v>39</v>
      </c>
      <c r="Q15750" s="5" t="s">
        <v>40</v>
      </c>
      <c r="R15750" s="5" t="s">
        <v>1522</v>
      </c>
      <c r="S15750" s="5" t="s">
        <v>1523</v>
      </c>
      <c r="T15750" s="5" t="s">
        <v>42</v>
      </c>
      <c r="U15750" s="2">
        <v>3.27</v>
      </c>
      <c r="V15750" s="2">
        <v>2.681</v>
      </c>
      <c r="W15750" s="2">
        <v>1.7999999999999999E-2</v>
      </c>
      <c r="X15750" s="2">
        <v>139.1</v>
      </c>
      <c r="Y15750" s="2">
        <v>7.6</v>
      </c>
      <c r="Z15750" s="2">
        <v>16.7</v>
      </c>
      <c r="AA15750" s="5"/>
      <c r="AB15750" s="5" t="s">
        <v>43</v>
      </c>
      <c r="AC15750" s="5" t="s">
        <v>44</v>
      </c>
      <c r="AD15750" s="2"/>
      <c r="AE15750" s="1"/>
    </row>
    <row r="15751" spans="1:31" ht="14.45">
      <c r="A15751" s="11"/>
      <c r="B15751" s="20"/>
      <c r="C15751" s="2" t="s">
        <v>48210</v>
      </c>
      <c r="D15751" s="14" t="s">
        <v>48211</v>
      </c>
      <c r="E15751" s="2" t="s">
        <v>48212</v>
      </c>
      <c r="F15751" s="2" t="s">
        <v>40971</v>
      </c>
      <c r="G15751" s="8">
        <v>322</v>
      </c>
      <c r="H15751" s="5">
        <v>6</v>
      </c>
      <c r="I15751" s="5" t="s">
        <v>1518</v>
      </c>
      <c r="J15751" s="5" t="s">
        <v>40939</v>
      </c>
      <c r="K15751" s="2" t="s">
        <v>40940</v>
      </c>
      <c r="L15751" s="5" t="s">
        <v>40939</v>
      </c>
      <c r="M15751" s="2" t="s">
        <v>40940</v>
      </c>
      <c r="N15751" s="5" t="s">
        <v>36266</v>
      </c>
      <c r="O15751" s="5" t="s">
        <v>38</v>
      </c>
      <c r="P15751" s="5" t="s">
        <v>39</v>
      </c>
      <c r="Q15751" s="5" t="s">
        <v>40</v>
      </c>
      <c r="R15751" s="5" t="s">
        <v>1522</v>
      </c>
      <c r="S15751" s="5" t="s">
        <v>1523</v>
      </c>
      <c r="T15751" s="5" t="s">
        <v>42</v>
      </c>
      <c r="U15751" s="2">
        <v>3.3660000000000001</v>
      </c>
      <c r="V15751" s="2">
        <v>2.7770000000000001</v>
      </c>
      <c r="W15751" s="2">
        <v>1.7999999999999999E-2</v>
      </c>
      <c r="X15751" s="2">
        <v>139.1</v>
      </c>
      <c r="Y15751" s="2">
        <v>7.6</v>
      </c>
      <c r="Z15751" s="2">
        <v>16.7</v>
      </c>
      <c r="AA15751" s="5"/>
      <c r="AB15751" s="5" t="s">
        <v>43</v>
      </c>
      <c r="AC15751" s="5" t="s">
        <v>44</v>
      </c>
      <c r="AD15751" s="2"/>
      <c r="AE15751" s="1"/>
    </row>
    <row r="15752" spans="1:31" ht="14.45">
      <c r="A15752" s="11"/>
      <c r="B15752" s="20"/>
      <c r="C15752" s="2" t="s">
        <v>48213</v>
      </c>
      <c r="D15752" s="14" t="s">
        <v>48214</v>
      </c>
      <c r="E15752" s="2" t="s">
        <v>48215</v>
      </c>
      <c r="F15752" s="2" t="s">
        <v>7539</v>
      </c>
      <c r="G15752" s="8">
        <v>322</v>
      </c>
      <c r="H15752" s="5">
        <v>6</v>
      </c>
      <c r="I15752" s="5" t="s">
        <v>1518</v>
      </c>
      <c r="J15752" s="5" t="s">
        <v>40939</v>
      </c>
      <c r="K15752" s="2" t="s">
        <v>40940</v>
      </c>
      <c r="L15752" s="5" t="s">
        <v>40939</v>
      </c>
      <c r="M15752" s="2" t="s">
        <v>40940</v>
      </c>
      <c r="N15752" s="5" t="s">
        <v>36266</v>
      </c>
      <c r="O15752" s="5" t="s">
        <v>38</v>
      </c>
      <c r="P15752" s="5" t="s">
        <v>39</v>
      </c>
      <c r="Q15752" s="5" t="s">
        <v>40</v>
      </c>
      <c r="R15752" s="5" t="s">
        <v>1522</v>
      </c>
      <c r="S15752" s="5" t="s">
        <v>1523</v>
      </c>
      <c r="T15752" s="5" t="s">
        <v>42</v>
      </c>
      <c r="U15752" s="2">
        <v>3.2109999999999999</v>
      </c>
      <c r="V15752" s="2">
        <v>2.6219999999999999</v>
      </c>
      <c r="W15752" s="2">
        <v>1.7999999999999999E-2</v>
      </c>
      <c r="X15752" s="2">
        <v>139.1</v>
      </c>
      <c r="Y15752" s="2">
        <v>7.6</v>
      </c>
      <c r="Z15752" s="2">
        <v>16.7</v>
      </c>
      <c r="AA15752" s="5"/>
      <c r="AB15752" s="5" t="s">
        <v>43</v>
      </c>
      <c r="AC15752" s="5" t="s">
        <v>44</v>
      </c>
      <c r="AD15752" s="2"/>
      <c r="AE15752" s="1"/>
    </row>
    <row r="15753" spans="1:31" ht="14.45">
      <c r="A15753" s="11"/>
      <c r="B15753" s="20"/>
      <c r="C15753" s="2" t="s">
        <v>48216</v>
      </c>
      <c r="D15753" s="14" t="s">
        <v>48217</v>
      </c>
      <c r="E15753" s="2" t="s">
        <v>48218</v>
      </c>
      <c r="F15753" s="2" t="s">
        <v>40989</v>
      </c>
      <c r="G15753" s="8">
        <v>322</v>
      </c>
      <c r="H15753" s="5">
        <v>6</v>
      </c>
      <c r="I15753" s="5" t="s">
        <v>1518</v>
      </c>
      <c r="J15753" s="5" t="s">
        <v>40939</v>
      </c>
      <c r="K15753" s="2" t="s">
        <v>40940</v>
      </c>
      <c r="L15753" s="5" t="s">
        <v>40939</v>
      </c>
      <c r="M15753" s="2" t="s">
        <v>40940</v>
      </c>
      <c r="N15753" s="5" t="s">
        <v>36266</v>
      </c>
      <c r="O15753" s="5" t="s">
        <v>38</v>
      </c>
      <c r="P15753" s="5" t="s">
        <v>39</v>
      </c>
      <c r="Q15753" s="5" t="s">
        <v>40</v>
      </c>
      <c r="R15753" s="5" t="s">
        <v>1522</v>
      </c>
      <c r="S15753" s="5" t="s">
        <v>1523</v>
      </c>
      <c r="T15753" s="5" t="s">
        <v>42</v>
      </c>
      <c r="U15753" s="2">
        <v>3.27</v>
      </c>
      <c r="V15753" s="2">
        <v>2.681</v>
      </c>
      <c r="W15753" s="2">
        <v>1.7999999999999999E-2</v>
      </c>
      <c r="X15753" s="2">
        <v>139.1</v>
      </c>
      <c r="Y15753" s="2">
        <v>7.6</v>
      </c>
      <c r="Z15753" s="2">
        <v>16.7</v>
      </c>
      <c r="AA15753" s="5"/>
      <c r="AB15753" s="5" t="s">
        <v>43</v>
      </c>
      <c r="AC15753" s="5" t="s">
        <v>44</v>
      </c>
      <c r="AD15753" s="2"/>
      <c r="AE15753" s="1"/>
    </row>
    <row r="15754" spans="1:31" ht="14.45">
      <c r="A15754" s="11"/>
      <c r="B15754" s="20"/>
      <c r="C15754" s="2" t="s">
        <v>48219</v>
      </c>
      <c r="D15754" s="14" t="s">
        <v>48220</v>
      </c>
      <c r="E15754" s="2" t="s">
        <v>48221</v>
      </c>
      <c r="F15754" s="2" t="s">
        <v>41001</v>
      </c>
      <c r="G15754" s="8">
        <v>322</v>
      </c>
      <c r="H15754" s="5">
        <v>6</v>
      </c>
      <c r="I15754" s="5" t="s">
        <v>1518</v>
      </c>
      <c r="J15754" s="5" t="s">
        <v>40939</v>
      </c>
      <c r="K15754" s="2" t="s">
        <v>40940</v>
      </c>
      <c r="L15754" s="5" t="s">
        <v>40939</v>
      </c>
      <c r="M15754" s="2" t="s">
        <v>40940</v>
      </c>
      <c r="N15754" s="5" t="s">
        <v>36266</v>
      </c>
      <c r="O15754" s="5" t="s">
        <v>38</v>
      </c>
      <c r="P15754" s="5" t="s">
        <v>39</v>
      </c>
      <c r="Q15754" s="5" t="s">
        <v>40</v>
      </c>
      <c r="R15754" s="5" t="s">
        <v>1522</v>
      </c>
      <c r="S15754" s="5" t="s">
        <v>1523</v>
      </c>
      <c r="T15754" s="5" t="s">
        <v>42</v>
      </c>
      <c r="U15754" s="2">
        <v>3.27</v>
      </c>
      <c r="V15754" s="2">
        <v>2.681</v>
      </c>
      <c r="W15754" s="2">
        <v>1.7999999999999999E-2</v>
      </c>
      <c r="X15754" s="2">
        <v>139.1</v>
      </c>
      <c r="Y15754" s="2">
        <v>7.6</v>
      </c>
      <c r="Z15754" s="2">
        <v>16.7</v>
      </c>
      <c r="AA15754" s="5"/>
      <c r="AB15754" s="5" t="s">
        <v>43</v>
      </c>
      <c r="AC15754" s="5" t="s">
        <v>44</v>
      </c>
      <c r="AD15754" s="2"/>
      <c r="AE15754" s="1"/>
    </row>
    <row r="15755" spans="1:31" ht="14.45">
      <c r="A15755" s="11"/>
      <c r="B15755" s="20"/>
      <c r="C15755" s="2" t="s">
        <v>48222</v>
      </c>
      <c r="D15755" s="14" t="s">
        <v>48223</v>
      </c>
      <c r="E15755" s="2" t="s">
        <v>48224</v>
      </c>
      <c r="F15755" s="2" t="s">
        <v>41009</v>
      </c>
      <c r="G15755" s="8">
        <v>322</v>
      </c>
      <c r="H15755" s="5">
        <v>6</v>
      </c>
      <c r="I15755" s="5" t="s">
        <v>1518</v>
      </c>
      <c r="J15755" s="5" t="s">
        <v>40939</v>
      </c>
      <c r="K15755" s="2" t="s">
        <v>40940</v>
      </c>
      <c r="L15755" s="5" t="s">
        <v>40939</v>
      </c>
      <c r="M15755" s="2" t="s">
        <v>40940</v>
      </c>
      <c r="N15755" s="5" t="s">
        <v>36266</v>
      </c>
      <c r="O15755" s="5" t="s">
        <v>38</v>
      </c>
      <c r="P15755" s="5" t="s">
        <v>39</v>
      </c>
      <c r="Q15755" s="5" t="s">
        <v>40</v>
      </c>
      <c r="R15755" s="5" t="s">
        <v>1522</v>
      </c>
      <c r="S15755" s="5" t="s">
        <v>1523</v>
      </c>
      <c r="T15755" s="5" t="s">
        <v>42</v>
      </c>
      <c r="U15755" s="2">
        <v>3.282</v>
      </c>
      <c r="V15755" s="2">
        <v>2.6930000000000001</v>
      </c>
      <c r="W15755" s="2">
        <v>1.7999999999999999E-2</v>
      </c>
      <c r="X15755" s="2">
        <v>139.1</v>
      </c>
      <c r="Y15755" s="2">
        <v>7.6</v>
      </c>
      <c r="Z15755" s="2">
        <v>16.7</v>
      </c>
      <c r="AA15755" s="5"/>
      <c r="AB15755" s="5" t="s">
        <v>43</v>
      </c>
      <c r="AC15755" s="5" t="s">
        <v>44</v>
      </c>
      <c r="AD15755" s="2"/>
      <c r="AE15755" s="1"/>
    </row>
    <row r="15756" spans="1:31" ht="14.45">
      <c r="A15756" s="11"/>
      <c r="B15756" s="20"/>
      <c r="C15756" s="2" t="s">
        <v>48225</v>
      </c>
      <c r="D15756" s="14" t="s">
        <v>48226</v>
      </c>
      <c r="E15756" s="2" t="s">
        <v>48227</v>
      </c>
      <c r="F15756" s="2" t="s">
        <v>7396</v>
      </c>
      <c r="G15756" s="8">
        <v>298</v>
      </c>
      <c r="H15756" s="5">
        <v>6</v>
      </c>
      <c r="I15756" s="5" t="s">
        <v>1518</v>
      </c>
      <c r="J15756" s="5" t="s">
        <v>40939</v>
      </c>
      <c r="K15756" s="2" t="s">
        <v>40940</v>
      </c>
      <c r="L15756" s="5" t="s">
        <v>40939</v>
      </c>
      <c r="M15756" s="2" t="s">
        <v>40940</v>
      </c>
      <c r="N15756" s="5" t="s">
        <v>36266</v>
      </c>
      <c r="O15756" s="5" t="s">
        <v>38</v>
      </c>
      <c r="P15756" s="5" t="s">
        <v>39</v>
      </c>
      <c r="Q15756" s="5" t="s">
        <v>40</v>
      </c>
      <c r="R15756" s="5" t="s">
        <v>1522</v>
      </c>
      <c r="S15756" s="5" t="s">
        <v>1523</v>
      </c>
      <c r="T15756" s="5" t="s">
        <v>42</v>
      </c>
      <c r="U15756" s="2">
        <v>3.282</v>
      </c>
      <c r="V15756" s="2">
        <v>2.6930000000000001</v>
      </c>
      <c r="W15756" s="2">
        <v>1.7999999999999999E-2</v>
      </c>
      <c r="X15756" s="2">
        <v>139.1</v>
      </c>
      <c r="Y15756" s="2">
        <v>7.6</v>
      </c>
      <c r="Z15756" s="2">
        <v>16.7</v>
      </c>
      <c r="AA15756" s="5"/>
      <c r="AB15756" s="5" t="s">
        <v>43</v>
      </c>
      <c r="AC15756" s="5" t="s">
        <v>44</v>
      </c>
      <c r="AD15756" s="2"/>
      <c r="AE15756" s="1"/>
    </row>
    <row r="15757" spans="1:31" ht="14.45">
      <c r="A15757" s="11"/>
      <c r="B15757" s="20"/>
      <c r="C15757" s="2" t="s">
        <v>48228</v>
      </c>
      <c r="D15757" s="14" t="s">
        <v>48229</v>
      </c>
      <c r="E15757" s="2" t="s">
        <v>48230</v>
      </c>
      <c r="F15757" s="2" t="s">
        <v>7507</v>
      </c>
      <c r="G15757" s="8">
        <v>298</v>
      </c>
      <c r="H15757" s="5">
        <v>6</v>
      </c>
      <c r="I15757" s="5" t="s">
        <v>1518</v>
      </c>
      <c r="J15757" s="5" t="s">
        <v>40939</v>
      </c>
      <c r="K15757" s="2" t="s">
        <v>40940</v>
      </c>
      <c r="L15757" s="5" t="s">
        <v>40939</v>
      </c>
      <c r="M15757" s="2" t="s">
        <v>40940</v>
      </c>
      <c r="N15757" s="5" t="s">
        <v>36266</v>
      </c>
      <c r="O15757" s="5" t="s">
        <v>38</v>
      </c>
      <c r="P15757" s="5" t="s">
        <v>39</v>
      </c>
      <c r="Q15757" s="5" t="s">
        <v>40</v>
      </c>
      <c r="R15757" s="5" t="s">
        <v>1522</v>
      </c>
      <c r="S15757" s="5" t="s">
        <v>1523</v>
      </c>
      <c r="T15757" s="5" t="s">
        <v>42</v>
      </c>
      <c r="U15757" s="2">
        <v>3.3780000000000001</v>
      </c>
      <c r="V15757" s="2">
        <v>2.7890000000000001</v>
      </c>
      <c r="W15757" s="2">
        <v>1.7999999999999999E-2</v>
      </c>
      <c r="X15757" s="2">
        <v>139.1</v>
      </c>
      <c r="Y15757" s="2">
        <v>7.6</v>
      </c>
      <c r="Z15757" s="2">
        <v>16.7</v>
      </c>
      <c r="AA15757" s="5"/>
      <c r="AB15757" s="5" t="s">
        <v>43</v>
      </c>
      <c r="AC15757" s="5" t="s">
        <v>44</v>
      </c>
      <c r="AD15757" s="2"/>
      <c r="AE15757" s="1"/>
    </row>
    <row r="15758" spans="1:31" ht="14.45">
      <c r="A15758" s="11"/>
      <c r="B15758" s="20"/>
      <c r="C15758" s="2" t="s">
        <v>48231</v>
      </c>
      <c r="D15758" s="14" t="s">
        <v>48232</v>
      </c>
      <c r="E15758" s="2" t="s">
        <v>48233</v>
      </c>
      <c r="F15758" s="2" t="s">
        <v>41023</v>
      </c>
      <c r="G15758" s="8">
        <v>322</v>
      </c>
      <c r="H15758" s="5">
        <v>6</v>
      </c>
      <c r="I15758" s="5" t="s">
        <v>1518</v>
      </c>
      <c r="J15758" s="5" t="s">
        <v>40939</v>
      </c>
      <c r="K15758" s="2" t="s">
        <v>40940</v>
      </c>
      <c r="L15758" s="5" t="s">
        <v>40939</v>
      </c>
      <c r="M15758" s="2" t="s">
        <v>40940</v>
      </c>
      <c r="N15758" s="5" t="s">
        <v>36266</v>
      </c>
      <c r="O15758" s="5" t="s">
        <v>38</v>
      </c>
      <c r="P15758" s="5" t="s">
        <v>39</v>
      </c>
      <c r="Q15758" s="5" t="s">
        <v>40</v>
      </c>
      <c r="R15758" s="5" t="s">
        <v>1522</v>
      </c>
      <c r="S15758" s="5" t="s">
        <v>1523</v>
      </c>
      <c r="T15758" s="5" t="s">
        <v>42</v>
      </c>
      <c r="U15758" s="2">
        <v>3.2229999999999999</v>
      </c>
      <c r="V15758" s="2">
        <v>2.6339999999999999</v>
      </c>
      <c r="W15758" s="2">
        <v>1.7999999999999999E-2</v>
      </c>
      <c r="X15758" s="2">
        <v>139.1</v>
      </c>
      <c r="Y15758" s="2">
        <v>7.6</v>
      </c>
      <c r="Z15758" s="2">
        <v>16.7</v>
      </c>
      <c r="AA15758" s="5"/>
      <c r="AB15758" s="5" t="s">
        <v>43</v>
      </c>
      <c r="AC15758" s="5" t="s">
        <v>44</v>
      </c>
      <c r="AD15758" s="2"/>
      <c r="AE15758" s="1"/>
    </row>
    <row r="15759" spans="1:31" ht="14.45">
      <c r="A15759" s="11"/>
      <c r="B15759" s="20"/>
      <c r="C15759" s="2" t="s">
        <v>48234</v>
      </c>
      <c r="D15759" s="14" t="s">
        <v>48235</v>
      </c>
      <c r="E15759" s="2" t="s">
        <v>48236</v>
      </c>
      <c r="F15759" s="2" t="s">
        <v>41031</v>
      </c>
      <c r="G15759" s="8">
        <v>322</v>
      </c>
      <c r="H15759" s="5">
        <v>6</v>
      </c>
      <c r="I15759" s="5" t="s">
        <v>1518</v>
      </c>
      <c r="J15759" s="5" t="s">
        <v>40939</v>
      </c>
      <c r="K15759" s="2" t="s">
        <v>40940</v>
      </c>
      <c r="L15759" s="5" t="s">
        <v>40939</v>
      </c>
      <c r="M15759" s="2" t="s">
        <v>40940</v>
      </c>
      <c r="N15759" s="5" t="s">
        <v>36266</v>
      </c>
      <c r="O15759" s="5" t="s">
        <v>38</v>
      </c>
      <c r="P15759" s="5" t="s">
        <v>39</v>
      </c>
      <c r="Q15759" s="5" t="s">
        <v>40</v>
      </c>
      <c r="R15759" s="5" t="s">
        <v>1522</v>
      </c>
      <c r="S15759" s="5" t="s">
        <v>1523</v>
      </c>
      <c r="T15759" s="5" t="s">
        <v>42</v>
      </c>
      <c r="U15759" s="2">
        <v>3.2229999999999999</v>
      </c>
      <c r="V15759" s="2">
        <v>2.6339999999999999</v>
      </c>
      <c r="W15759" s="2">
        <v>1.7999999999999999E-2</v>
      </c>
      <c r="X15759" s="2">
        <v>139.1</v>
      </c>
      <c r="Y15759" s="2">
        <v>7.6</v>
      </c>
      <c r="Z15759" s="2">
        <v>16.7</v>
      </c>
      <c r="AA15759" s="5"/>
      <c r="AB15759" s="5" t="s">
        <v>43</v>
      </c>
      <c r="AC15759" s="5" t="s">
        <v>44</v>
      </c>
      <c r="AD15759" s="2"/>
      <c r="AE15759" s="1"/>
    </row>
    <row r="15760" spans="1:31" ht="14.45">
      <c r="A15760" s="11"/>
      <c r="B15760" s="20"/>
      <c r="C15760" s="2" t="s">
        <v>48237</v>
      </c>
      <c r="D15760" s="14" t="s">
        <v>48238</v>
      </c>
      <c r="E15760" s="2" t="s">
        <v>48239</v>
      </c>
      <c r="F15760" s="2" t="s">
        <v>7449</v>
      </c>
      <c r="G15760" s="8">
        <v>322</v>
      </c>
      <c r="H15760" s="5">
        <v>6</v>
      </c>
      <c r="I15760" s="5" t="s">
        <v>1518</v>
      </c>
      <c r="J15760" s="5" t="s">
        <v>40939</v>
      </c>
      <c r="K15760" s="2" t="s">
        <v>40940</v>
      </c>
      <c r="L15760" s="5" t="s">
        <v>40939</v>
      </c>
      <c r="M15760" s="2" t="s">
        <v>40940</v>
      </c>
      <c r="N15760" s="5" t="s">
        <v>36266</v>
      </c>
      <c r="O15760" s="5" t="s">
        <v>38</v>
      </c>
      <c r="P15760" s="5" t="s">
        <v>39</v>
      </c>
      <c r="Q15760" s="5" t="s">
        <v>40</v>
      </c>
      <c r="R15760" s="5" t="s">
        <v>1522</v>
      </c>
      <c r="S15760" s="5" t="s">
        <v>1523</v>
      </c>
      <c r="T15760" s="5" t="s">
        <v>42</v>
      </c>
      <c r="U15760" s="2">
        <v>3.2229999999999999</v>
      </c>
      <c r="V15760" s="2">
        <v>2.6339999999999999</v>
      </c>
      <c r="W15760" s="2">
        <v>1.7999999999999999E-2</v>
      </c>
      <c r="X15760" s="2">
        <v>139.1</v>
      </c>
      <c r="Y15760" s="2">
        <v>7.6</v>
      </c>
      <c r="Z15760" s="2">
        <v>16.7</v>
      </c>
      <c r="AA15760" s="5"/>
      <c r="AB15760" s="5" t="s">
        <v>43</v>
      </c>
      <c r="AC15760" s="5" t="s">
        <v>44</v>
      </c>
      <c r="AD15760" s="2"/>
      <c r="AE15760" s="1"/>
    </row>
    <row r="15761" spans="1:31" ht="14.45">
      <c r="A15761" s="11"/>
      <c r="B15761" s="20"/>
      <c r="C15761" s="2" t="s">
        <v>48240</v>
      </c>
      <c r="D15761" s="14" t="s">
        <v>48241</v>
      </c>
      <c r="E15761" s="2" t="s">
        <v>48242</v>
      </c>
      <c r="F15761" s="2" t="s">
        <v>41045</v>
      </c>
      <c r="G15761" s="8">
        <v>322</v>
      </c>
      <c r="H15761" s="5">
        <v>6</v>
      </c>
      <c r="I15761" s="5" t="s">
        <v>1518</v>
      </c>
      <c r="J15761" s="5" t="s">
        <v>40939</v>
      </c>
      <c r="K15761" s="2" t="s">
        <v>40940</v>
      </c>
      <c r="L15761" s="5" t="s">
        <v>40939</v>
      </c>
      <c r="M15761" s="2" t="s">
        <v>40940</v>
      </c>
      <c r="N15761" s="5" t="s">
        <v>36266</v>
      </c>
      <c r="O15761" s="5" t="s">
        <v>38</v>
      </c>
      <c r="P15761" s="5" t="s">
        <v>39</v>
      </c>
      <c r="Q15761" s="5" t="s">
        <v>40</v>
      </c>
      <c r="R15761" s="5" t="s">
        <v>1522</v>
      </c>
      <c r="S15761" s="5" t="s">
        <v>1523</v>
      </c>
      <c r="T15761" s="5" t="s">
        <v>42</v>
      </c>
      <c r="U15761" s="2">
        <v>3.294</v>
      </c>
      <c r="V15761" s="2">
        <v>2.7050000000000001</v>
      </c>
      <c r="W15761" s="2">
        <v>1.7999999999999999E-2</v>
      </c>
      <c r="X15761" s="2">
        <v>139.1</v>
      </c>
      <c r="Y15761" s="2">
        <v>7.6</v>
      </c>
      <c r="Z15761" s="2">
        <v>16.7</v>
      </c>
      <c r="AA15761" s="5"/>
      <c r="AB15761" s="5" t="s">
        <v>43</v>
      </c>
      <c r="AC15761" s="5" t="s">
        <v>44</v>
      </c>
      <c r="AD15761" s="2"/>
      <c r="AE15761" s="1"/>
    </row>
    <row r="15762" spans="1:31" ht="14.45">
      <c r="A15762" s="11"/>
      <c r="B15762" s="20"/>
      <c r="C15762" s="2" t="s">
        <v>48243</v>
      </c>
      <c r="D15762" s="14" t="s">
        <v>48244</v>
      </c>
      <c r="E15762" s="2" t="s">
        <v>48245</v>
      </c>
      <c r="F15762" s="2" t="s">
        <v>7204</v>
      </c>
      <c r="G15762" s="8">
        <v>307</v>
      </c>
      <c r="H15762" s="5">
        <v>6</v>
      </c>
      <c r="I15762" s="5" t="s">
        <v>1518</v>
      </c>
      <c r="J15762" s="5" t="s">
        <v>40939</v>
      </c>
      <c r="K15762" s="2" t="s">
        <v>40940</v>
      </c>
      <c r="L15762" s="5" t="s">
        <v>40939</v>
      </c>
      <c r="M15762" s="2" t="s">
        <v>40940</v>
      </c>
      <c r="N15762" s="5" t="s">
        <v>36266</v>
      </c>
      <c r="O15762" s="5" t="s">
        <v>38</v>
      </c>
      <c r="P15762" s="5" t="s">
        <v>39</v>
      </c>
      <c r="Q15762" s="5" t="s">
        <v>40</v>
      </c>
      <c r="R15762" s="5" t="s">
        <v>1522</v>
      </c>
      <c r="S15762" s="5" t="s">
        <v>1523</v>
      </c>
      <c r="T15762" s="5" t="s">
        <v>42</v>
      </c>
      <c r="U15762" s="2">
        <v>3.3879999999999999</v>
      </c>
      <c r="V15762" s="2">
        <v>2.81</v>
      </c>
      <c r="W15762" s="2">
        <v>1.7999999999999999E-2</v>
      </c>
      <c r="X15762" s="2">
        <v>139.1</v>
      </c>
      <c r="Y15762" s="2">
        <v>7.6</v>
      </c>
      <c r="Z15762" s="2">
        <v>16.7</v>
      </c>
      <c r="AA15762" s="5"/>
      <c r="AB15762" s="5" t="s">
        <v>43</v>
      </c>
      <c r="AC15762" s="5" t="s">
        <v>44</v>
      </c>
      <c r="AD15762" s="2"/>
      <c r="AE15762" s="1"/>
    </row>
    <row r="15763" spans="1:31" ht="14.45">
      <c r="A15763" s="11"/>
      <c r="B15763" s="20"/>
      <c r="C15763" s="2" t="s">
        <v>48246</v>
      </c>
      <c r="D15763" s="14" t="s">
        <v>48247</v>
      </c>
      <c r="E15763" s="2" t="s">
        <v>48248</v>
      </c>
      <c r="F15763" s="2" t="s">
        <v>7514</v>
      </c>
      <c r="G15763" s="8">
        <v>307</v>
      </c>
      <c r="H15763" s="5">
        <v>6</v>
      </c>
      <c r="I15763" s="5" t="s">
        <v>1518</v>
      </c>
      <c r="J15763" s="5" t="s">
        <v>40939</v>
      </c>
      <c r="K15763" s="2" t="s">
        <v>40940</v>
      </c>
      <c r="L15763" s="5" t="s">
        <v>40939</v>
      </c>
      <c r="M15763" s="2" t="s">
        <v>40940</v>
      </c>
      <c r="N15763" s="5" t="s">
        <v>36266</v>
      </c>
      <c r="O15763" s="5" t="s">
        <v>38</v>
      </c>
      <c r="P15763" s="5" t="s">
        <v>39</v>
      </c>
      <c r="Q15763" s="5" t="s">
        <v>40</v>
      </c>
      <c r="R15763" s="5" t="s">
        <v>1522</v>
      </c>
      <c r="S15763" s="5" t="s">
        <v>1523</v>
      </c>
      <c r="T15763" s="5" t="s">
        <v>42</v>
      </c>
      <c r="U15763" s="2">
        <v>3.4980000000000002</v>
      </c>
      <c r="V15763" s="2">
        <v>2.92</v>
      </c>
      <c r="W15763" s="2">
        <v>1.7999999999999999E-2</v>
      </c>
      <c r="X15763" s="2">
        <v>139.1</v>
      </c>
      <c r="Y15763" s="2">
        <v>7.6</v>
      </c>
      <c r="Z15763" s="2">
        <v>16.7</v>
      </c>
      <c r="AA15763" s="5"/>
      <c r="AB15763" s="5" t="s">
        <v>43</v>
      </c>
      <c r="AC15763" s="5" t="s">
        <v>44</v>
      </c>
      <c r="AD15763" s="2"/>
      <c r="AE15763" s="1"/>
    </row>
    <row r="15764" spans="1:31" ht="14.45">
      <c r="A15764" s="11"/>
      <c r="B15764" s="20"/>
      <c r="C15764" s="2" t="s">
        <v>48249</v>
      </c>
      <c r="D15764" s="14" t="s">
        <v>48250</v>
      </c>
      <c r="E15764" s="2" t="s">
        <v>48251</v>
      </c>
      <c r="F15764" s="2" t="s">
        <v>7208</v>
      </c>
      <c r="G15764" s="8">
        <v>307</v>
      </c>
      <c r="H15764" s="5">
        <v>6</v>
      </c>
      <c r="I15764" s="5" t="s">
        <v>1518</v>
      </c>
      <c r="J15764" s="5" t="s">
        <v>40939</v>
      </c>
      <c r="K15764" s="2" t="s">
        <v>40940</v>
      </c>
      <c r="L15764" s="5" t="s">
        <v>40939</v>
      </c>
      <c r="M15764" s="2" t="s">
        <v>40940</v>
      </c>
      <c r="N15764" s="5" t="s">
        <v>36266</v>
      </c>
      <c r="O15764" s="5" t="s">
        <v>38</v>
      </c>
      <c r="P15764" s="5" t="s">
        <v>39</v>
      </c>
      <c r="Q15764" s="5" t="s">
        <v>40</v>
      </c>
      <c r="R15764" s="5" t="s">
        <v>1522</v>
      </c>
      <c r="S15764" s="5" t="s">
        <v>1523</v>
      </c>
      <c r="T15764" s="5" t="s">
        <v>42</v>
      </c>
      <c r="U15764" s="2">
        <v>3.43</v>
      </c>
      <c r="V15764" s="2">
        <v>2.8519999999999999</v>
      </c>
      <c r="W15764" s="2">
        <v>1.7999999999999999E-2</v>
      </c>
      <c r="X15764" s="2">
        <v>139.1</v>
      </c>
      <c r="Y15764" s="2">
        <v>7.6</v>
      </c>
      <c r="Z15764" s="2">
        <v>16.7</v>
      </c>
      <c r="AA15764" s="5"/>
      <c r="AB15764" s="5" t="s">
        <v>43</v>
      </c>
      <c r="AC15764" s="5" t="s">
        <v>44</v>
      </c>
      <c r="AD15764" s="2"/>
      <c r="AE15764" s="1"/>
    </row>
    <row r="15765" spans="1:31" ht="14.45">
      <c r="A15765" s="11"/>
      <c r="B15765" s="20"/>
      <c r="C15765" s="2" t="s">
        <v>48252</v>
      </c>
      <c r="D15765" s="14" t="s">
        <v>48253</v>
      </c>
      <c r="E15765" s="2" t="s">
        <v>48254</v>
      </c>
      <c r="F15765" s="2" t="s">
        <v>7521</v>
      </c>
      <c r="G15765" s="8">
        <v>307</v>
      </c>
      <c r="H15765" s="5">
        <v>6</v>
      </c>
      <c r="I15765" s="5" t="s">
        <v>1518</v>
      </c>
      <c r="J15765" s="5" t="s">
        <v>40939</v>
      </c>
      <c r="K15765" s="2" t="s">
        <v>40940</v>
      </c>
      <c r="L15765" s="5" t="s">
        <v>40939</v>
      </c>
      <c r="M15765" s="2" t="s">
        <v>40940</v>
      </c>
      <c r="N15765" s="5" t="s">
        <v>36266</v>
      </c>
      <c r="O15765" s="5" t="s">
        <v>38</v>
      </c>
      <c r="P15765" s="5" t="s">
        <v>39</v>
      </c>
      <c r="Q15765" s="5" t="s">
        <v>40</v>
      </c>
      <c r="R15765" s="5" t="s">
        <v>1522</v>
      </c>
      <c r="S15765" s="5" t="s">
        <v>1523</v>
      </c>
      <c r="T15765" s="5" t="s">
        <v>42</v>
      </c>
      <c r="U15765" s="2">
        <v>3.54</v>
      </c>
      <c r="V15765" s="2">
        <v>2.9620000000000002</v>
      </c>
      <c r="W15765" s="2">
        <v>1.7999999999999999E-2</v>
      </c>
      <c r="X15765" s="2">
        <v>139.1</v>
      </c>
      <c r="Y15765" s="2">
        <v>7.6</v>
      </c>
      <c r="Z15765" s="2">
        <v>16.7</v>
      </c>
      <c r="AA15765" s="5"/>
      <c r="AB15765" s="5" t="s">
        <v>43</v>
      </c>
      <c r="AC15765" s="5" t="s">
        <v>44</v>
      </c>
      <c r="AD15765" s="2"/>
      <c r="AE15765" s="1"/>
    </row>
    <row r="15766" spans="1:31" ht="14.45">
      <c r="A15766" s="11"/>
      <c r="B15766" s="20"/>
      <c r="C15766" s="2" t="s">
        <v>48255</v>
      </c>
      <c r="D15766" s="14" t="s">
        <v>48256</v>
      </c>
      <c r="E15766" s="2" t="s">
        <v>48257</v>
      </c>
      <c r="F15766" s="2" t="s">
        <v>36273</v>
      </c>
      <c r="G15766" s="8">
        <v>307</v>
      </c>
      <c r="H15766" s="5">
        <v>6</v>
      </c>
      <c r="I15766" s="5" t="s">
        <v>1518</v>
      </c>
      <c r="J15766" s="5" t="s">
        <v>40939</v>
      </c>
      <c r="K15766" s="2" t="s">
        <v>40940</v>
      </c>
      <c r="L15766" s="5" t="s">
        <v>40939</v>
      </c>
      <c r="M15766" s="2" t="s">
        <v>40940</v>
      </c>
      <c r="N15766" s="5" t="s">
        <v>36266</v>
      </c>
      <c r="O15766" s="5" t="s">
        <v>38</v>
      </c>
      <c r="P15766" s="5" t="s">
        <v>39</v>
      </c>
      <c r="Q15766" s="5" t="s">
        <v>40</v>
      </c>
      <c r="R15766" s="5" t="s">
        <v>1522</v>
      </c>
      <c r="S15766" s="5" t="s">
        <v>1523</v>
      </c>
      <c r="T15766" s="5" t="s">
        <v>42</v>
      </c>
      <c r="U15766" s="2">
        <v>3.4580000000000002</v>
      </c>
      <c r="V15766" s="2">
        <v>2.88</v>
      </c>
      <c r="W15766" s="2">
        <v>1.7999999999999999E-2</v>
      </c>
      <c r="X15766" s="2">
        <v>139.1</v>
      </c>
      <c r="Y15766" s="2">
        <v>7.6</v>
      </c>
      <c r="Z15766" s="2">
        <v>16.7</v>
      </c>
      <c r="AA15766" s="5"/>
      <c r="AB15766" s="5" t="s">
        <v>43</v>
      </c>
      <c r="AC15766" s="5" t="s">
        <v>44</v>
      </c>
      <c r="AD15766" s="2"/>
      <c r="AE15766" s="1"/>
    </row>
    <row r="15767" spans="1:31" ht="14.45">
      <c r="A15767" s="11"/>
      <c r="B15767" s="20"/>
      <c r="C15767" s="2" t="s">
        <v>48258</v>
      </c>
      <c r="D15767" s="14" t="s">
        <v>48259</v>
      </c>
      <c r="E15767" s="2" t="s">
        <v>48260</v>
      </c>
      <c r="F15767" s="2" t="s">
        <v>40971</v>
      </c>
      <c r="G15767" s="8">
        <v>333</v>
      </c>
      <c r="H15767" s="5">
        <v>6</v>
      </c>
      <c r="I15767" s="5" t="s">
        <v>1518</v>
      </c>
      <c r="J15767" s="5" t="s">
        <v>40939</v>
      </c>
      <c r="K15767" s="2" t="s">
        <v>40940</v>
      </c>
      <c r="L15767" s="5" t="s">
        <v>40939</v>
      </c>
      <c r="M15767" s="2" t="s">
        <v>40940</v>
      </c>
      <c r="N15767" s="5" t="s">
        <v>36266</v>
      </c>
      <c r="O15767" s="5" t="s">
        <v>38</v>
      </c>
      <c r="P15767" s="5" t="s">
        <v>39</v>
      </c>
      <c r="Q15767" s="5" t="s">
        <v>40</v>
      </c>
      <c r="R15767" s="5" t="s">
        <v>1522</v>
      </c>
      <c r="S15767" s="5" t="s">
        <v>1523</v>
      </c>
      <c r="T15767" s="5" t="s">
        <v>42</v>
      </c>
      <c r="U15767" s="2">
        <v>3.54</v>
      </c>
      <c r="V15767" s="2">
        <v>2.9620000000000002</v>
      </c>
      <c r="W15767" s="2">
        <v>1.7999999999999999E-2</v>
      </c>
      <c r="X15767" s="2">
        <v>139.1</v>
      </c>
      <c r="Y15767" s="2">
        <v>7.6</v>
      </c>
      <c r="Z15767" s="2">
        <v>16.7</v>
      </c>
      <c r="AA15767" s="5"/>
      <c r="AB15767" s="5" t="s">
        <v>43</v>
      </c>
      <c r="AC15767" s="5" t="s">
        <v>44</v>
      </c>
      <c r="AD15767" s="2"/>
      <c r="AE15767" s="1"/>
    </row>
    <row r="15768" spans="1:31" ht="14.45">
      <c r="A15768" s="11"/>
      <c r="B15768" s="20"/>
      <c r="C15768" s="2" t="s">
        <v>48261</v>
      </c>
      <c r="D15768" s="14" t="s">
        <v>48262</v>
      </c>
      <c r="E15768" s="2" t="s">
        <v>48263</v>
      </c>
      <c r="F15768" s="2" t="s">
        <v>40989</v>
      </c>
      <c r="G15768" s="8">
        <v>333</v>
      </c>
      <c r="H15768" s="5">
        <v>6</v>
      </c>
      <c r="I15768" s="5" t="s">
        <v>1518</v>
      </c>
      <c r="J15768" s="5" t="s">
        <v>40939</v>
      </c>
      <c r="K15768" s="2" t="s">
        <v>40940</v>
      </c>
      <c r="L15768" s="5" t="s">
        <v>40939</v>
      </c>
      <c r="M15768" s="2" t="s">
        <v>40940</v>
      </c>
      <c r="N15768" s="5" t="s">
        <v>36266</v>
      </c>
      <c r="O15768" s="5" t="s">
        <v>38</v>
      </c>
      <c r="P15768" s="5" t="s">
        <v>39</v>
      </c>
      <c r="Q15768" s="5" t="s">
        <v>40</v>
      </c>
      <c r="R15768" s="5" t="s">
        <v>1522</v>
      </c>
      <c r="S15768" s="5" t="s">
        <v>1523</v>
      </c>
      <c r="T15768" s="5" t="s">
        <v>42</v>
      </c>
      <c r="U15768" s="2">
        <v>3.43</v>
      </c>
      <c r="V15768" s="2">
        <v>2.8519999999999999</v>
      </c>
      <c r="W15768" s="2">
        <v>1.7999999999999999E-2</v>
      </c>
      <c r="X15768" s="2">
        <v>139.1</v>
      </c>
      <c r="Y15768" s="2">
        <v>7.6</v>
      </c>
      <c r="Z15768" s="2">
        <v>16.7</v>
      </c>
      <c r="AA15768" s="5"/>
      <c r="AB15768" s="5" t="s">
        <v>43</v>
      </c>
      <c r="AC15768" s="5" t="s">
        <v>44</v>
      </c>
      <c r="AD15768" s="2"/>
      <c r="AE15768" s="1"/>
    </row>
    <row r="15769" spans="1:31" ht="14.45">
      <c r="A15769" s="11"/>
      <c r="B15769" s="20"/>
      <c r="C15769" s="2" t="s">
        <v>48264</v>
      </c>
      <c r="D15769" s="14" t="s">
        <v>48265</v>
      </c>
      <c r="E15769" s="2" t="s">
        <v>48266</v>
      </c>
      <c r="F15769" s="2" t="s">
        <v>40997</v>
      </c>
      <c r="G15769" s="8">
        <v>333</v>
      </c>
      <c r="H15769" s="5">
        <v>6</v>
      </c>
      <c r="I15769" s="5" t="s">
        <v>1518</v>
      </c>
      <c r="J15769" s="5" t="s">
        <v>40939</v>
      </c>
      <c r="K15769" s="2" t="s">
        <v>40940</v>
      </c>
      <c r="L15769" s="5" t="s">
        <v>40939</v>
      </c>
      <c r="M15769" s="2" t="s">
        <v>40940</v>
      </c>
      <c r="N15769" s="5" t="s">
        <v>36266</v>
      </c>
      <c r="O15769" s="5" t="s">
        <v>38</v>
      </c>
      <c r="P15769" s="5" t="s">
        <v>39</v>
      </c>
      <c r="Q15769" s="5" t="s">
        <v>40</v>
      </c>
      <c r="R15769" s="5" t="s">
        <v>1522</v>
      </c>
      <c r="S15769" s="5" t="s">
        <v>1523</v>
      </c>
      <c r="T15769" s="5" t="s">
        <v>42</v>
      </c>
      <c r="U15769" s="2">
        <v>3.3740000000000001</v>
      </c>
      <c r="V15769" s="2">
        <v>2.7959999999999998</v>
      </c>
      <c r="W15769" s="2">
        <v>1.7999999999999999E-2</v>
      </c>
      <c r="X15769" s="2">
        <v>139.1</v>
      </c>
      <c r="Y15769" s="2">
        <v>7.6</v>
      </c>
      <c r="Z15769" s="2">
        <v>16.7</v>
      </c>
      <c r="AA15769" s="5"/>
      <c r="AB15769" s="5" t="s">
        <v>43</v>
      </c>
      <c r="AC15769" s="5" t="s">
        <v>44</v>
      </c>
      <c r="AD15769" s="2"/>
      <c r="AE15769" s="1"/>
    </row>
    <row r="15770" spans="1:31" ht="14.45">
      <c r="A15770" s="11"/>
      <c r="B15770" s="20"/>
      <c r="C15770" s="2" t="s">
        <v>48267</v>
      </c>
      <c r="D15770" s="14" t="s">
        <v>48268</v>
      </c>
      <c r="E15770" s="2" t="s">
        <v>48269</v>
      </c>
      <c r="F15770" s="2" t="s">
        <v>7507</v>
      </c>
      <c r="G15770" s="8">
        <v>307</v>
      </c>
      <c r="H15770" s="5">
        <v>6</v>
      </c>
      <c r="I15770" s="5" t="s">
        <v>1518</v>
      </c>
      <c r="J15770" s="5" t="s">
        <v>40939</v>
      </c>
      <c r="K15770" s="2" t="s">
        <v>40940</v>
      </c>
      <c r="L15770" s="5" t="s">
        <v>40939</v>
      </c>
      <c r="M15770" s="2" t="s">
        <v>40940</v>
      </c>
      <c r="N15770" s="5" t="s">
        <v>36266</v>
      </c>
      <c r="O15770" s="5" t="s">
        <v>38</v>
      </c>
      <c r="P15770" s="5" t="s">
        <v>39</v>
      </c>
      <c r="Q15770" s="5" t="s">
        <v>40</v>
      </c>
      <c r="R15770" s="5" t="s">
        <v>1522</v>
      </c>
      <c r="S15770" s="5" t="s">
        <v>1523</v>
      </c>
      <c r="T15770" s="5" t="s">
        <v>42</v>
      </c>
      <c r="U15770" s="2">
        <v>3.5539999999999998</v>
      </c>
      <c r="V15770" s="2">
        <v>2.976</v>
      </c>
      <c r="W15770" s="2">
        <v>1.7999999999999999E-2</v>
      </c>
      <c r="X15770" s="2">
        <v>139.1</v>
      </c>
      <c r="Y15770" s="2">
        <v>7.6</v>
      </c>
      <c r="Z15770" s="2">
        <v>16.7</v>
      </c>
      <c r="AA15770" s="5"/>
      <c r="AB15770" s="5" t="s">
        <v>43</v>
      </c>
      <c r="AC15770" s="5" t="s">
        <v>44</v>
      </c>
      <c r="AD15770" s="2"/>
      <c r="AE15770" s="1"/>
    </row>
    <row r="15771" spans="1:31" ht="14.45">
      <c r="A15771" s="11"/>
      <c r="B15771" s="20"/>
      <c r="C15771" s="2" t="s">
        <v>48270</v>
      </c>
      <c r="D15771" s="14" t="s">
        <v>48271</v>
      </c>
      <c r="E15771" s="2" t="s">
        <v>48272</v>
      </c>
      <c r="F15771" s="2" t="s">
        <v>41027</v>
      </c>
      <c r="G15771" s="8">
        <v>333</v>
      </c>
      <c r="H15771" s="5">
        <v>6</v>
      </c>
      <c r="I15771" s="5" t="s">
        <v>1518</v>
      </c>
      <c r="J15771" s="5" t="s">
        <v>40939</v>
      </c>
      <c r="K15771" s="2" t="s">
        <v>40940</v>
      </c>
      <c r="L15771" s="5" t="s">
        <v>40939</v>
      </c>
      <c r="M15771" s="2" t="s">
        <v>40940</v>
      </c>
      <c r="N15771" s="5" t="s">
        <v>36266</v>
      </c>
      <c r="O15771" s="5" t="s">
        <v>38</v>
      </c>
      <c r="P15771" s="5" t="s">
        <v>39</v>
      </c>
      <c r="Q15771" s="5" t="s">
        <v>40</v>
      </c>
      <c r="R15771" s="5" t="s">
        <v>1522</v>
      </c>
      <c r="S15771" s="5" t="s">
        <v>1523</v>
      </c>
      <c r="T15771" s="5" t="s">
        <v>42</v>
      </c>
      <c r="U15771" s="2">
        <v>3.484</v>
      </c>
      <c r="V15771" s="2">
        <v>2.9060000000000001</v>
      </c>
      <c r="W15771" s="2">
        <v>1.7999999999999999E-2</v>
      </c>
      <c r="X15771" s="2">
        <v>139.1</v>
      </c>
      <c r="Y15771" s="2">
        <v>7.6</v>
      </c>
      <c r="Z15771" s="2">
        <v>16.7</v>
      </c>
      <c r="AA15771" s="5"/>
      <c r="AB15771" s="5" t="s">
        <v>43</v>
      </c>
      <c r="AC15771" s="5" t="s">
        <v>44</v>
      </c>
      <c r="AD15771" s="2"/>
      <c r="AE15771" s="1"/>
    </row>
    <row r="15772" spans="1:31" ht="14.45">
      <c r="A15772" s="11"/>
      <c r="B15772" s="20"/>
      <c r="C15772" s="2" t="s">
        <v>48273</v>
      </c>
      <c r="D15772" s="14" t="s">
        <v>48274</v>
      </c>
      <c r="E15772" s="2" t="s">
        <v>48275</v>
      </c>
      <c r="F15772" s="2" t="s">
        <v>7204</v>
      </c>
      <c r="G15772" s="8">
        <v>298</v>
      </c>
      <c r="H15772" s="5">
        <v>6</v>
      </c>
      <c r="I15772" s="5" t="s">
        <v>1518</v>
      </c>
      <c r="J15772" s="5" t="s">
        <v>40939</v>
      </c>
      <c r="K15772" s="2" t="s">
        <v>40940</v>
      </c>
      <c r="L15772" s="5" t="s">
        <v>40939</v>
      </c>
      <c r="M15772" s="2" t="s">
        <v>40940</v>
      </c>
      <c r="N15772" s="5" t="s">
        <v>36266</v>
      </c>
      <c r="O15772" s="5" t="s">
        <v>38</v>
      </c>
      <c r="P15772" s="5" t="s">
        <v>39</v>
      </c>
      <c r="Q15772" s="5" t="s">
        <v>40</v>
      </c>
      <c r="R15772" s="5" t="s">
        <v>1522</v>
      </c>
      <c r="S15772" s="5" t="s">
        <v>1523</v>
      </c>
      <c r="T15772" s="5" t="s">
        <v>42</v>
      </c>
      <c r="U15772" s="2">
        <v>3.26</v>
      </c>
      <c r="V15772" s="2">
        <v>2.673</v>
      </c>
      <c r="W15772" s="2">
        <v>1.7999999999999999E-2</v>
      </c>
      <c r="X15772" s="2">
        <v>139.1</v>
      </c>
      <c r="Y15772" s="2">
        <v>7.6</v>
      </c>
      <c r="Z15772" s="2">
        <v>16.7</v>
      </c>
      <c r="AA15772" s="5"/>
      <c r="AB15772" s="5" t="s">
        <v>43</v>
      </c>
      <c r="AC15772" s="5" t="s">
        <v>44</v>
      </c>
      <c r="AD15772" s="2"/>
      <c r="AE15772" s="1"/>
    </row>
    <row r="15773" spans="1:31" ht="14.45">
      <c r="A15773" s="11"/>
      <c r="B15773" s="20"/>
      <c r="C15773" s="2" t="s">
        <v>48276</v>
      </c>
      <c r="D15773" s="14" t="s">
        <v>48277</v>
      </c>
      <c r="E15773" s="2" t="s">
        <v>48278</v>
      </c>
      <c r="F15773" s="2" t="s">
        <v>7514</v>
      </c>
      <c r="G15773" s="8">
        <v>298</v>
      </c>
      <c r="H15773" s="5">
        <v>6</v>
      </c>
      <c r="I15773" s="5" t="s">
        <v>1518</v>
      </c>
      <c r="J15773" s="5" t="s">
        <v>40939</v>
      </c>
      <c r="K15773" s="2" t="s">
        <v>40940</v>
      </c>
      <c r="L15773" s="5" t="s">
        <v>40939</v>
      </c>
      <c r="M15773" s="2" t="s">
        <v>40940</v>
      </c>
      <c r="N15773" s="5" t="s">
        <v>36266</v>
      </c>
      <c r="O15773" s="5" t="s">
        <v>38</v>
      </c>
      <c r="P15773" s="5" t="s">
        <v>39</v>
      </c>
      <c r="Q15773" s="5" t="s">
        <v>40</v>
      </c>
      <c r="R15773" s="5" t="s">
        <v>1522</v>
      </c>
      <c r="S15773" s="5" t="s">
        <v>1523</v>
      </c>
      <c r="T15773" s="5" t="s">
        <v>42</v>
      </c>
      <c r="U15773" s="2">
        <v>3.36</v>
      </c>
      <c r="V15773" s="2">
        <v>2.7730000000000001</v>
      </c>
      <c r="W15773" s="2">
        <v>1.7999999999999999E-2</v>
      </c>
      <c r="X15773" s="2">
        <v>139.1</v>
      </c>
      <c r="Y15773" s="2">
        <v>7.6</v>
      </c>
      <c r="Z15773" s="2">
        <v>16.7</v>
      </c>
      <c r="AA15773" s="5"/>
      <c r="AB15773" s="5" t="s">
        <v>43</v>
      </c>
      <c r="AC15773" s="5" t="s">
        <v>44</v>
      </c>
      <c r="AD15773" s="2"/>
      <c r="AE15773" s="1"/>
    </row>
    <row r="15774" spans="1:31" ht="14.45">
      <c r="A15774" s="11"/>
      <c r="B15774" s="20"/>
      <c r="C15774" s="2" t="s">
        <v>48279</v>
      </c>
      <c r="D15774" s="14" t="s">
        <v>48280</v>
      </c>
      <c r="E15774" s="2" t="s">
        <v>48281</v>
      </c>
      <c r="F15774" s="2" t="s">
        <v>47266</v>
      </c>
      <c r="G15774" s="8">
        <v>322</v>
      </c>
      <c r="H15774" s="5">
        <v>6</v>
      </c>
      <c r="I15774" s="5" t="s">
        <v>1518</v>
      </c>
      <c r="J15774" s="5" t="s">
        <v>40939</v>
      </c>
      <c r="K15774" s="2" t="s">
        <v>40940</v>
      </c>
      <c r="L15774" s="5" t="s">
        <v>40939</v>
      </c>
      <c r="M15774" s="2" t="s">
        <v>40940</v>
      </c>
      <c r="N15774" s="5" t="s">
        <v>36266</v>
      </c>
      <c r="O15774" s="5" t="s">
        <v>38</v>
      </c>
      <c r="P15774" s="5" t="s">
        <v>39</v>
      </c>
      <c r="Q15774" s="5" t="s">
        <v>40</v>
      </c>
      <c r="R15774" s="5" t="s">
        <v>1522</v>
      </c>
      <c r="S15774" s="5" t="s">
        <v>1523</v>
      </c>
      <c r="T15774" s="5" t="s">
        <v>42</v>
      </c>
      <c r="U15774" s="2">
        <v>3.2850000000000001</v>
      </c>
      <c r="V15774" s="2">
        <v>2.698</v>
      </c>
      <c r="W15774" s="2">
        <v>1.7999999999999999E-2</v>
      </c>
      <c r="X15774" s="2">
        <v>139.1</v>
      </c>
      <c r="Y15774" s="2">
        <v>7.6</v>
      </c>
      <c r="Z15774" s="2">
        <v>16.7</v>
      </c>
      <c r="AA15774" s="5"/>
      <c r="AB15774" s="5" t="s">
        <v>43</v>
      </c>
      <c r="AC15774" s="5" t="s">
        <v>44</v>
      </c>
      <c r="AD15774" s="2"/>
      <c r="AE15774" s="1"/>
    </row>
    <row r="15775" spans="1:31" ht="14.45">
      <c r="A15775" s="11"/>
      <c r="B15775" s="20"/>
      <c r="C15775" s="2" t="s">
        <v>48282</v>
      </c>
      <c r="D15775" s="14" t="s">
        <v>48283</v>
      </c>
      <c r="E15775" s="2" t="s">
        <v>48284</v>
      </c>
      <c r="F15775" s="2" t="s">
        <v>47195</v>
      </c>
      <c r="G15775" s="8">
        <v>322</v>
      </c>
      <c r="H15775" s="5">
        <v>6</v>
      </c>
      <c r="I15775" s="5" t="s">
        <v>1518</v>
      </c>
      <c r="J15775" s="5" t="s">
        <v>40939</v>
      </c>
      <c r="K15775" s="2" t="s">
        <v>40940</v>
      </c>
      <c r="L15775" s="5" t="s">
        <v>40939</v>
      </c>
      <c r="M15775" s="2" t="s">
        <v>40940</v>
      </c>
      <c r="N15775" s="5" t="s">
        <v>36266</v>
      </c>
      <c r="O15775" s="5" t="s">
        <v>38</v>
      </c>
      <c r="P15775" s="5" t="s">
        <v>39</v>
      </c>
      <c r="Q15775" s="5" t="s">
        <v>40</v>
      </c>
      <c r="R15775" s="5" t="s">
        <v>1522</v>
      </c>
      <c r="S15775" s="5" t="s">
        <v>1523</v>
      </c>
      <c r="T15775" s="5" t="s">
        <v>42</v>
      </c>
      <c r="U15775" s="2">
        <v>3.3849999999999998</v>
      </c>
      <c r="V15775" s="2">
        <v>2.798</v>
      </c>
      <c r="W15775" s="2">
        <v>1.7999999999999999E-2</v>
      </c>
      <c r="X15775" s="2">
        <v>139.1</v>
      </c>
      <c r="Y15775" s="2">
        <v>7.6</v>
      </c>
      <c r="Z15775" s="2">
        <v>16.7</v>
      </c>
      <c r="AA15775" s="5"/>
      <c r="AB15775" s="5" t="s">
        <v>43</v>
      </c>
      <c r="AC15775" s="5" t="s">
        <v>44</v>
      </c>
      <c r="AD15775" s="2"/>
      <c r="AE15775" s="1"/>
    </row>
    <row r="15776" spans="1:31" ht="14.45">
      <c r="A15776" s="11"/>
      <c r="B15776" s="20"/>
      <c r="C15776" s="2" t="s">
        <v>48285</v>
      </c>
      <c r="D15776" s="14" t="s">
        <v>48286</v>
      </c>
      <c r="E15776" s="2" t="s">
        <v>48287</v>
      </c>
      <c r="F15776" s="2" t="s">
        <v>7208</v>
      </c>
      <c r="G15776" s="8">
        <v>298</v>
      </c>
      <c r="H15776" s="5">
        <v>6</v>
      </c>
      <c r="I15776" s="5" t="s">
        <v>1518</v>
      </c>
      <c r="J15776" s="5" t="s">
        <v>40939</v>
      </c>
      <c r="K15776" s="2" t="s">
        <v>40940</v>
      </c>
      <c r="L15776" s="5" t="s">
        <v>40939</v>
      </c>
      <c r="M15776" s="2" t="s">
        <v>40940</v>
      </c>
      <c r="N15776" s="5" t="s">
        <v>36266</v>
      </c>
      <c r="O15776" s="5" t="s">
        <v>38</v>
      </c>
      <c r="P15776" s="5" t="s">
        <v>39</v>
      </c>
      <c r="Q15776" s="5" t="s">
        <v>40</v>
      </c>
      <c r="R15776" s="5" t="s">
        <v>1522</v>
      </c>
      <c r="S15776" s="5" t="s">
        <v>1523</v>
      </c>
      <c r="T15776" s="5" t="s">
        <v>42</v>
      </c>
      <c r="U15776" s="2">
        <v>3.2970000000000002</v>
      </c>
      <c r="V15776" s="2">
        <v>2.71</v>
      </c>
      <c r="W15776" s="2">
        <v>1.7999999999999999E-2</v>
      </c>
      <c r="X15776" s="2">
        <v>139.1</v>
      </c>
      <c r="Y15776" s="2">
        <v>7.6</v>
      </c>
      <c r="Z15776" s="2">
        <v>16.7</v>
      </c>
      <c r="AA15776" s="5"/>
      <c r="AB15776" s="5" t="s">
        <v>43</v>
      </c>
      <c r="AC15776" s="5" t="s">
        <v>44</v>
      </c>
      <c r="AD15776" s="2"/>
      <c r="AE15776" s="1"/>
    </row>
    <row r="15777" spans="1:31" ht="14.45">
      <c r="A15777" s="11"/>
      <c r="B15777" s="20"/>
      <c r="C15777" s="2" t="s">
        <v>48288</v>
      </c>
      <c r="D15777" s="14" t="s">
        <v>48289</v>
      </c>
      <c r="E15777" s="2" t="s">
        <v>48290</v>
      </c>
      <c r="F15777" s="2" t="s">
        <v>7521</v>
      </c>
      <c r="G15777" s="8">
        <v>298</v>
      </c>
      <c r="H15777" s="5">
        <v>6</v>
      </c>
      <c r="I15777" s="5" t="s">
        <v>1518</v>
      </c>
      <c r="J15777" s="5" t="s">
        <v>40939</v>
      </c>
      <c r="K15777" s="2" t="s">
        <v>40940</v>
      </c>
      <c r="L15777" s="5" t="s">
        <v>40939</v>
      </c>
      <c r="M15777" s="2" t="s">
        <v>40940</v>
      </c>
      <c r="N15777" s="5" t="s">
        <v>36266</v>
      </c>
      <c r="O15777" s="5" t="s">
        <v>38</v>
      </c>
      <c r="P15777" s="5" t="s">
        <v>39</v>
      </c>
      <c r="Q15777" s="5" t="s">
        <v>40</v>
      </c>
      <c r="R15777" s="5" t="s">
        <v>1522</v>
      </c>
      <c r="S15777" s="5" t="s">
        <v>1523</v>
      </c>
      <c r="T15777" s="5" t="s">
        <v>42</v>
      </c>
      <c r="U15777" s="2">
        <v>3.3969999999999998</v>
      </c>
      <c r="V15777" s="2">
        <v>2.81</v>
      </c>
      <c r="W15777" s="2">
        <v>1.7999999999999999E-2</v>
      </c>
      <c r="X15777" s="2">
        <v>139.1</v>
      </c>
      <c r="Y15777" s="2">
        <v>7.6</v>
      </c>
      <c r="Z15777" s="2">
        <v>16.7</v>
      </c>
      <c r="AA15777" s="5"/>
      <c r="AB15777" s="5" t="s">
        <v>43</v>
      </c>
      <c r="AC15777" s="5" t="s">
        <v>44</v>
      </c>
      <c r="AD15777" s="2"/>
      <c r="AE15777" s="1"/>
    </row>
    <row r="15778" spans="1:31" ht="14.45">
      <c r="A15778" s="11"/>
      <c r="B15778" s="20"/>
      <c r="C15778" s="2" t="s">
        <v>48291</v>
      </c>
      <c r="D15778" s="14" t="s">
        <v>48292</v>
      </c>
      <c r="E15778" s="2" t="s">
        <v>48293</v>
      </c>
      <c r="F15778" s="2" t="s">
        <v>36273</v>
      </c>
      <c r="G15778" s="8">
        <v>298</v>
      </c>
      <c r="H15778" s="5">
        <v>6</v>
      </c>
      <c r="I15778" s="5" t="s">
        <v>1518</v>
      </c>
      <c r="J15778" s="5" t="s">
        <v>40939</v>
      </c>
      <c r="K15778" s="2" t="s">
        <v>40940</v>
      </c>
      <c r="L15778" s="5" t="s">
        <v>40939</v>
      </c>
      <c r="M15778" s="2" t="s">
        <v>40940</v>
      </c>
      <c r="N15778" s="5" t="s">
        <v>36266</v>
      </c>
      <c r="O15778" s="5" t="s">
        <v>38</v>
      </c>
      <c r="P15778" s="5" t="s">
        <v>39</v>
      </c>
      <c r="Q15778" s="5" t="s">
        <v>40</v>
      </c>
      <c r="R15778" s="5" t="s">
        <v>1522</v>
      </c>
      <c r="S15778" s="5" t="s">
        <v>1523</v>
      </c>
      <c r="T15778" s="5" t="s">
        <v>42</v>
      </c>
      <c r="U15778" s="2">
        <v>3.3210000000000002</v>
      </c>
      <c r="V15778" s="2">
        <v>2.734</v>
      </c>
      <c r="W15778" s="2">
        <v>1.7999999999999999E-2</v>
      </c>
      <c r="X15778" s="2">
        <v>139.1</v>
      </c>
      <c r="Y15778" s="2">
        <v>7.6</v>
      </c>
      <c r="Z15778" s="2">
        <v>16.7</v>
      </c>
      <c r="AA15778" s="5"/>
      <c r="AB15778" s="5" t="s">
        <v>43</v>
      </c>
      <c r="AC15778" s="5" t="s">
        <v>44</v>
      </c>
      <c r="AD15778" s="2"/>
      <c r="AE15778" s="1"/>
    </row>
    <row r="15779" spans="1:31" ht="14.45">
      <c r="A15779" s="11"/>
      <c r="B15779" s="20"/>
      <c r="C15779" s="2" t="s">
        <v>48294</v>
      </c>
      <c r="D15779" s="14" t="s">
        <v>48295</v>
      </c>
      <c r="E15779" s="2" t="s">
        <v>48296</v>
      </c>
      <c r="F15779" s="2" t="s">
        <v>36277</v>
      </c>
      <c r="G15779" s="8">
        <v>298</v>
      </c>
      <c r="H15779" s="5">
        <v>6</v>
      </c>
      <c r="I15779" s="5" t="s">
        <v>1518</v>
      </c>
      <c r="J15779" s="5" t="s">
        <v>40939</v>
      </c>
      <c r="K15779" s="2" t="s">
        <v>40940</v>
      </c>
      <c r="L15779" s="5" t="s">
        <v>40939</v>
      </c>
      <c r="M15779" s="2" t="s">
        <v>40940</v>
      </c>
      <c r="N15779" s="5" t="s">
        <v>36266</v>
      </c>
      <c r="O15779" s="5" t="s">
        <v>38</v>
      </c>
      <c r="P15779" s="5" t="s">
        <v>39</v>
      </c>
      <c r="Q15779" s="5" t="s">
        <v>40</v>
      </c>
      <c r="R15779" s="5" t="s">
        <v>1522</v>
      </c>
      <c r="S15779" s="5" t="s">
        <v>1523</v>
      </c>
      <c r="T15779" s="5" t="s">
        <v>42</v>
      </c>
      <c r="U15779" s="2">
        <v>3.4209999999999998</v>
      </c>
      <c r="V15779" s="2">
        <v>2.8340000000000001</v>
      </c>
      <c r="W15779" s="2">
        <v>1.7999999999999999E-2</v>
      </c>
      <c r="X15779" s="2">
        <v>139.1</v>
      </c>
      <c r="Y15779" s="2">
        <v>7.6</v>
      </c>
      <c r="Z15779" s="2">
        <v>16.7</v>
      </c>
      <c r="AA15779" s="5"/>
      <c r="AB15779" s="5" t="s">
        <v>43</v>
      </c>
      <c r="AC15779" s="5" t="s">
        <v>44</v>
      </c>
      <c r="AD15779" s="2"/>
      <c r="AE15779" s="1"/>
    </row>
    <row r="15780" spans="1:31" ht="14.45">
      <c r="A15780" s="11"/>
      <c r="B15780" s="20"/>
      <c r="C15780" s="2" t="s">
        <v>48297</v>
      </c>
      <c r="D15780" s="14" t="s">
        <v>48298</v>
      </c>
      <c r="E15780" s="2" t="s">
        <v>48299</v>
      </c>
      <c r="F15780" s="2" t="s">
        <v>40967</v>
      </c>
      <c r="G15780" s="8">
        <v>322</v>
      </c>
      <c r="H15780" s="5">
        <v>6</v>
      </c>
      <c r="I15780" s="5" t="s">
        <v>1518</v>
      </c>
      <c r="J15780" s="5" t="s">
        <v>40939</v>
      </c>
      <c r="K15780" s="2" t="s">
        <v>40940</v>
      </c>
      <c r="L15780" s="5" t="s">
        <v>40939</v>
      </c>
      <c r="M15780" s="2" t="s">
        <v>40940</v>
      </c>
      <c r="N15780" s="5" t="s">
        <v>36266</v>
      </c>
      <c r="O15780" s="5" t="s">
        <v>38</v>
      </c>
      <c r="P15780" s="5" t="s">
        <v>39</v>
      </c>
      <c r="Q15780" s="5" t="s">
        <v>40</v>
      </c>
      <c r="R15780" s="5" t="s">
        <v>1522</v>
      </c>
      <c r="S15780" s="5" t="s">
        <v>1523</v>
      </c>
      <c r="T15780" s="5" t="s">
        <v>42</v>
      </c>
      <c r="U15780" s="2">
        <v>3.2970000000000002</v>
      </c>
      <c r="V15780" s="2">
        <v>2.71</v>
      </c>
      <c r="W15780" s="2">
        <v>1.7999999999999999E-2</v>
      </c>
      <c r="X15780" s="2">
        <v>139.1</v>
      </c>
      <c r="Y15780" s="2">
        <v>7.6</v>
      </c>
      <c r="Z15780" s="2">
        <v>16.7</v>
      </c>
      <c r="AA15780" s="5"/>
      <c r="AB15780" s="5" t="s">
        <v>43</v>
      </c>
      <c r="AC15780" s="5" t="s">
        <v>44</v>
      </c>
      <c r="AD15780" s="2"/>
      <c r="AE15780" s="1"/>
    </row>
    <row r="15781" spans="1:31" ht="14.45">
      <c r="A15781" s="11"/>
      <c r="B15781" s="20"/>
      <c r="C15781" s="2" t="s">
        <v>48300</v>
      </c>
      <c r="D15781" s="14" t="s">
        <v>48301</v>
      </c>
      <c r="E15781" s="2" t="s">
        <v>48302</v>
      </c>
      <c r="F15781" s="2" t="s">
        <v>40971</v>
      </c>
      <c r="G15781" s="8">
        <v>322</v>
      </c>
      <c r="H15781" s="5">
        <v>6</v>
      </c>
      <c r="I15781" s="5" t="s">
        <v>1518</v>
      </c>
      <c r="J15781" s="5" t="s">
        <v>40939</v>
      </c>
      <c r="K15781" s="2" t="s">
        <v>40940</v>
      </c>
      <c r="L15781" s="5" t="s">
        <v>40939</v>
      </c>
      <c r="M15781" s="2" t="s">
        <v>40940</v>
      </c>
      <c r="N15781" s="5" t="s">
        <v>36266</v>
      </c>
      <c r="O15781" s="5" t="s">
        <v>38</v>
      </c>
      <c r="P15781" s="5" t="s">
        <v>39</v>
      </c>
      <c r="Q15781" s="5" t="s">
        <v>40</v>
      </c>
      <c r="R15781" s="5" t="s">
        <v>1522</v>
      </c>
      <c r="S15781" s="5" t="s">
        <v>1523</v>
      </c>
      <c r="T15781" s="5" t="s">
        <v>42</v>
      </c>
      <c r="U15781" s="2">
        <v>3.3969999999999998</v>
      </c>
      <c r="V15781" s="2">
        <v>2.81</v>
      </c>
      <c r="W15781" s="2">
        <v>1.7999999999999999E-2</v>
      </c>
      <c r="X15781" s="2">
        <v>139.1</v>
      </c>
      <c r="Y15781" s="2">
        <v>7.6</v>
      </c>
      <c r="Z15781" s="2">
        <v>16.7</v>
      </c>
      <c r="AA15781" s="5"/>
      <c r="AB15781" s="5" t="s">
        <v>43</v>
      </c>
      <c r="AC15781" s="5" t="s">
        <v>44</v>
      </c>
      <c r="AD15781" s="2"/>
      <c r="AE15781" s="1"/>
    </row>
    <row r="15782" spans="1:31" ht="14.45">
      <c r="A15782" s="11"/>
      <c r="B15782" s="20"/>
      <c r="C15782" s="2" t="s">
        <v>48303</v>
      </c>
      <c r="D15782" s="14" t="s">
        <v>48304</v>
      </c>
      <c r="E15782" s="2" t="s">
        <v>48305</v>
      </c>
      <c r="F15782" s="2" t="s">
        <v>7539</v>
      </c>
      <c r="G15782" s="8">
        <v>322</v>
      </c>
      <c r="H15782" s="5">
        <v>6</v>
      </c>
      <c r="I15782" s="5" t="s">
        <v>1518</v>
      </c>
      <c r="J15782" s="5" t="s">
        <v>40939</v>
      </c>
      <c r="K15782" s="2" t="s">
        <v>40940</v>
      </c>
      <c r="L15782" s="5" t="s">
        <v>40939</v>
      </c>
      <c r="M15782" s="2" t="s">
        <v>40940</v>
      </c>
      <c r="N15782" s="5" t="s">
        <v>36266</v>
      </c>
      <c r="O15782" s="5" t="s">
        <v>38</v>
      </c>
      <c r="P15782" s="5" t="s">
        <v>39</v>
      </c>
      <c r="Q15782" s="5" t="s">
        <v>40</v>
      </c>
      <c r="R15782" s="5" t="s">
        <v>1522</v>
      </c>
      <c r="S15782" s="5" t="s">
        <v>1523</v>
      </c>
      <c r="T15782" s="5" t="s">
        <v>42</v>
      </c>
      <c r="U15782" s="2">
        <v>3.2360000000000002</v>
      </c>
      <c r="V15782" s="2">
        <v>2.649</v>
      </c>
      <c r="W15782" s="2">
        <v>1.7999999999999999E-2</v>
      </c>
      <c r="X15782" s="2">
        <v>139.1</v>
      </c>
      <c r="Y15782" s="2">
        <v>7.6</v>
      </c>
      <c r="Z15782" s="2">
        <v>16.7</v>
      </c>
      <c r="AA15782" s="5"/>
      <c r="AB15782" s="5" t="s">
        <v>43</v>
      </c>
      <c r="AC15782" s="5" t="s">
        <v>44</v>
      </c>
      <c r="AD15782" s="2"/>
      <c r="AE15782" s="1"/>
    </row>
    <row r="15783" spans="1:31" ht="14.45">
      <c r="A15783" s="11"/>
      <c r="B15783" s="20"/>
      <c r="C15783" s="2" t="s">
        <v>48306</v>
      </c>
      <c r="D15783" s="14" t="s">
        <v>48307</v>
      </c>
      <c r="E15783" s="2" t="s">
        <v>48308</v>
      </c>
      <c r="F15783" s="2" t="s">
        <v>40989</v>
      </c>
      <c r="G15783" s="8">
        <v>322</v>
      </c>
      <c r="H15783" s="5">
        <v>6</v>
      </c>
      <c r="I15783" s="5" t="s">
        <v>1518</v>
      </c>
      <c r="J15783" s="5" t="s">
        <v>40939</v>
      </c>
      <c r="K15783" s="2" t="s">
        <v>40940</v>
      </c>
      <c r="L15783" s="5" t="s">
        <v>40939</v>
      </c>
      <c r="M15783" s="2" t="s">
        <v>40940</v>
      </c>
      <c r="N15783" s="5" t="s">
        <v>36266</v>
      </c>
      <c r="O15783" s="5" t="s">
        <v>38</v>
      </c>
      <c r="P15783" s="5" t="s">
        <v>39</v>
      </c>
      <c r="Q15783" s="5" t="s">
        <v>40</v>
      </c>
      <c r="R15783" s="5" t="s">
        <v>1522</v>
      </c>
      <c r="S15783" s="5" t="s">
        <v>1523</v>
      </c>
      <c r="T15783" s="5" t="s">
        <v>42</v>
      </c>
      <c r="U15783" s="2">
        <v>3.2970000000000002</v>
      </c>
      <c r="V15783" s="2">
        <v>2.71</v>
      </c>
      <c r="W15783" s="2">
        <v>1.7999999999999999E-2</v>
      </c>
      <c r="X15783" s="2">
        <v>139.1</v>
      </c>
      <c r="Y15783" s="2">
        <v>7.6</v>
      </c>
      <c r="Z15783" s="2">
        <v>16.7</v>
      </c>
      <c r="AA15783" s="5"/>
      <c r="AB15783" s="5" t="s">
        <v>43</v>
      </c>
      <c r="AC15783" s="5" t="s">
        <v>44</v>
      </c>
      <c r="AD15783" s="2"/>
      <c r="AE15783" s="1"/>
    </row>
    <row r="15784" spans="1:31" ht="14.45">
      <c r="A15784" s="11"/>
      <c r="B15784" s="20"/>
      <c r="C15784" s="2" t="s">
        <v>48309</v>
      </c>
      <c r="D15784" s="14" t="s">
        <v>48310</v>
      </c>
      <c r="E15784" s="2" t="s">
        <v>48311</v>
      </c>
      <c r="F15784" s="2" t="s">
        <v>40993</v>
      </c>
      <c r="G15784" s="8">
        <v>322</v>
      </c>
      <c r="H15784" s="5">
        <v>6</v>
      </c>
      <c r="I15784" s="5" t="s">
        <v>1518</v>
      </c>
      <c r="J15784" s="5" t="s">
        <v>40939</v>
      </c>
      <c r="K15784" s="2" t="s">
        <v>40940</v>
      </c>
      <c r="L15784" s="5" t="s">
        <v>40939</v>
      </c>
      <c r="M15784" s="2" t="s">
        <v>40940</v>
      </c>
      <c r="N15784" s="5" t="s">
        <v>36266</v>
      </c>
      <c r="O15784" s="5" t="s">
        <v>38</v>
      </c>
      <c r="P15784" s="5" t="s">
        <v>39</v>
      </c>
      <c r="Q15784" s="5" t="s">
        <v>40</v>
      </c>
      <c r="R15784" s="5" t="s">
        <v>1522</v>
      </c>
      <c r="S15784" s="5" t="s">
        <v>1523</v>
      </c>
      <c r="T15784" s="5" t="s">
        <v>42</v>
      </c>
      <c r="U15784" s="2">
        <v>3.3969999999999998</v>
      </c>
      <c r="V15784" s="2">
        <v>2.81</v>
      </c>
      <c r="W15784" s="2">
        <v>1.7999999999999999E-2</v>
      </c>
      <c r="X15784" s="2">
        <v>139.1</v>
      </c>
      <c r="Y15784" s="2">
        <v>7.6</v>
      </c>
      <c r="Z15784" s="2">
        <v>16.7</v>
      </c>
      <c r="AA15784" s="5"/>
      <c r="AB15784" s="5" t="s">
        <v>43</v>
      </c>
      <c r="AC15784" s="5" t="s">
        <v>44</v>
      </c>
      <c r="AD15784" s="2"/>
      <c r="AE15784" s="1"/>
    </row>
    <row r="15785" spans="1:31" ht="14.45">
      <c r="A15785" s="11"/>
      <c r="B15785" s="20"/>
      <c r="C15785" s="2" t="s">
        <v>48312</v>
      </c>
      <c r="D15785" s="14" t="s">
        <v>48313</v>
      </c>
      <c r="E15785" s="2" t="s">
        <v>48314</v>
      </c>
      <c r="F15785" s="2" t="s">
        <v>40997</v>
      </c>
      <c r="G15785" s="8">
        <v>322</v>
      </c>
      <c r="H15785" s="5">
        <v>6</v>
      </c>
      <c r="I15785" s="5" t="s">
        <v>1518</v>
      </c>
      <c r="J15785" s="5" t="s">
        <v>40939</v>
      </c>
      <c r="K15785" s="2" t="s">
        <v>40940</v>
      </c>
      <c r="L15785" s="5" t="s">
        <v>40939</v>
      </c>
      <c r="M15785" s="2" t="s">
        <v>40940</v>
      </c>
      <c r="N15785" s="5" t="s">
        <v>36266</v>
      </c>
      <c r="O15785" s="5" t="s">
        <v>38</v>
      </c>
      <c r="P15785" s="5" t="s">
        <v>39</v>
      </c>
      <c r="Q15785" s="5" t="s">
        <v>40</v>
      </c>
      <c r="R15785" s="5" t="s">
        <v>1522</v>
      </c>
      <c r="S15785" s="5" t="s">
        <v>1523</v>
      </c>
      <c r="T15785" s="5" t="s">
        <v>42</v>
      </c>
      <c r="U15785" s="2">
        <v>3.2480000000000002</v>
      </c>
      <c r="V15785" s="2">
        <v>2.661</v>
      </c>
      <c r="W15785" s="2">
        <v>1.7999999999999999E-2</v>
      </c>
      <c r="X15785" s="2">
        <v>139.1</v>
      </c>
      <c r="Y15785" s="2">
        <v>7.6</v>
      </c>
      <c r="Z15785" s="2">
        <v>16.7</v>
      </c>
      <c r="AA15785" s="5"/>
      <c r="AB15785" s="5" t="s">
        <v>43</v>
      </c>
      <c r="AC15785" s="5" t="s">
        <v>44</v>
      </c>
      <c r="AD15785" s="2"/>
      <c r="AE15785" s="1"/>
    </row>
    <row r="15786" spans="1:31" ht="14.45">
      <c r="A15786" s="11"/>
      <c r="B15786" s="20"/>
      <c r="C15786" s="2" t="s">
        <v>48315</v>
      </c>
      <c r="D15786" s="14" t="s">
        <v>48316</v>
      </c>
      <c r="E15786" s="2" t="s">
        <v>48317</v>
      </c>
      <c r="F15786" s="2" t="s">
        <v>41267</v>
      </c>
      <c r="G15786" s="8">
        <v>322</v>
      </c>
      <c r="H15786" s="5">
        <v>6</v>
      </c>
      <c r="I15786" s="5" t="s">
        <v>1518</v>
      </c>
      <c r="J15786" s="5" t="s">
        <v>40939</v>
      </c>
      <c r="K15786" s="2" t="s">
        <v>40940</v>
      </c>
      <c r="L15786" s="5" t="s">
        <v>40939</v>
      </c>
      <c r="M15786" s="2" t="s">
        <v>40940</v>
      </c>
      <c r="N15786" s="5" t="s">
        <v>36266</v>
      </c>
      <c r="O15786" s="5" t="s">
        <v>38</v>
      </c>
      <c r="P15786" s="5" t="s">
        <v>39</v>
      </c>
      <c r="Q15786" s="5" t="s">
        <v>40</v>
      </c>
      <c r="R15786" s="5" t="s">
        <v>1522</v>
      </c>
      <c r="S15786" s="5" t="s">
        <v>1523</v>
      </c>
      <c r="T15786" s="5" t="s">
        <v>42</v>
      </c>
      <c r="U15786" s="2">
        <v>3.3479999999999999</v>
      </c>
      <c r="V15786" s="2">
        <v>2.7610000000000001</v>
      </c>
      <c r="W15786" s="2">
        <v>1.7999999999999999E-2</v>
      </c>
      <c r="X15786" s="2">
        <v>139.1</v>
      </c>
      <c r="Y15786" s="2">
        <v>7.6</v>
      </c>
      <c r="Z15786" s="2">
        <v>16.7</v>
      </c>
      <c r="AA15786" s="5"/>
      <c r="AB15786" s="5" t="s">
        <v>43</v>
      </c>
      <c r="AC15786" s="5" t="s">
        <v>44</v>
      </c>
      <c r="AD15786" s="2"/>
      <c r="AE15786" s="1"/>
    </row>
    <row r="15787" spans="1:31" ht="14.45">
      <c r="A15787" s="11"/>
      <c r="B15787" s="20"/>
      <c r="C15787" s="2" t="s">
        <v>48318</v>
      </c>
      <c r="D15787" s="14" t="s">
        <v>48319</v>
      </c>
      <c r="E15787" s="2" t="s">
        <v>48320</v>
      </c>
      <c r="F15787" s="2" t="s">
        <v>41001</v>
      </c>
      <c r="G15787" s="8">
        <v>322</v>
      </c>
      <c r="H15787" s="5">
        <v>6</v>
      </c>
      <c r="I15787" s="5" t="s">
        <v>1518</v>
      </c>
      <c r="J15787" s="5" t="s">
        <v>40939</v>
      </c>
      <c r="K15787" s="2" t="s">
        <v>40940</v>
      </c>
      <c r="L15787" s="5" t="s">
        <v>40939</v>
      </c>
      <c r="M15787" s="2" t="s">
        <v>40940</v>
      </c>
      <c r="N15787" s="5" t="s">
        <v>36266</v>
      </c>
      <c r="O15787" s="5" t="s">
        <v>38</v>
      </c>
      <c r="P15787" s="5" t="s">
        <v>39</v>
      </c>
      <c r="Q15787" s="5" t="s">
        <v>40</v>
      </c>
      <c r="R15787" s="5" t="s">
        <v>1522</v>
      </c>
      <c r="S15787" s="5" t="s">
        <v>1523</v>
      </c>
      <c r="T15787" s="5" t="s">
        <v>42</v>
      </c>
      <c r="U15787" s="2">
        <v>3.2970000000000002</v>
      </c>
      <c r="V15787" s="2">
        <v>2.71</v>
      </c>
      <c r="W15787" s="2">
        <v>1.7999999999999999E-2</v>
      </c>
      <c r="X15787" s="2">
        <v>139.1</v>
      </c>
      <c r="Y15787" s="2">
        <v>7.6</v>
      </c>
      <c r="Z15787" s="2">
        <v>16.7</v>
      </c>
      <c r="AA15787" s="5"/>
      <c r="AB15787" s="5" t="s">
        <v>43</v>
      </c>
      <c r="AC15787" s="5" t="s">
        <v>44</v>
      </c>
      <c r="AD15787" s="2"/>
      <c r="AE15787" s="1"/>
    </row>
    <row r="15788" spans="1:31" ht="14.45">
      <c r="A15788" s="11"/>
      <c r="B15788" s="20"/>
      <c r="C15788" s="2" t="s">
        <v>48321</v>
      </c>
      <c r="D15788" s="14" t="s">
        <v>48322</v>
      </c>
      <c r="E15788" s="2" t="s">
        <v>48323</v>
      </c>
      <c r="F15788" s="2" t="s">
        <v>41009</v>
      </c>
      <c r="G15788" s="8">
        <v>322</v>
      </c>
      <c r="H15788" s="5">
        <v>6</v>
      </c>
      <c r="I15788" s="5" t="s">
        <v>1518</v>
      </c>
      <c r="J15788" s="5" t="s">
        <v>40939</v>
      </c>
      <c r="K15788" s="2" t="s">
        <v>40940</v>
      </c>
      <c r="L15788" s="5" t="s">
        <v>40939</v>
      </c>
      <c r="M15788" s="2" t="s">
        <v>40940</v>
      </c>
      <c r="N15788" s="5" t="s">
        <v>36266</v>
      </c>
      <c r="O15788" s="5" t="s">
        <v>38</v>
      </c>
      <c r="P15788" s="5" t="s">
        <v>39</v>
      </c>
      <c r="Q15788" s="5" t="s">
        <v>40</v>
      </c>
      <c r="R15788" s="5" t="s">
        <v>1522</v>
      </c>
      <c r="S15788" s="5" t="s">
        <v>1523</v>
      </c>
      <c r="T15788" s="5" t="s">
        <v>42</v>
      </c>
      <c r="U15788" s="2">
        <v>3.3090000000000002</v>
      </c>
      <c r="V15788" s="2">
        <v>2.722</v>
      </c>
      <c r="W15788" s="2">
        <v>1.7999999999999999E-2</v>
      </c>
      <c r="X15788" s="2">
        <v>139.1</v>
      </c>
      <c r="Y15788" s="2">
        <v>7.6</v>
      </c>
      <c r="Z15788" s="2">
        <v>16.7</v>
      </c>
      <c r="AA15788" s="5"/>
      <c r="AB15788" s="5" t="s">
        <v>43</v>
      </c>
      <c r="AC15788" s="5" t="s">
        <v>44</v>
      </c>
      <c r="AD15788" s="2"/>
      <c r="AE15788" s="1"/>
    </row>
    <row r="15789" spans="1:31" ht="14.45">
      <c r="A15789" s="11"/>
      <c r="B15789" s="20"/>
      <c r="C15789" s="2" t="s">
        <v>48324</v>
      </c>
      <c r="D15789" s="14" t="s">
        <v>48325</v>
      </c>
      <c r="E15789" s="2" t="s">
        <v>48326</v>
      </c>
      <c r="F15789" s="2" t="s">
        <v>7396</v>
      </c>
      <c r="G15789" s="8">
        <v>298</v>
      </c>
      <c r="H15789" s="5">
        <v>6</v>
      </c>
      <c r="I15789" s="5" t="s">
        <v>1518</v>
      </c>
      <c r="J15789" s="5" t="s">
        <v>40939</v>
      </c>
      <c r="K15789" s="2" t="s">
        <v>40940</v>
      </c>
      <c r="L15789" s="5" t="s">
        <v>40939</v>
      </c>
      <c r="M15789" s="2" t="s">
        <v>40940</v>
      </c>
      <c r="N15789" s="5" t="s">
        <v>36266</v>
      </c>
      <c r="O15789" s="5" t="s">
        <v>38</v>
      </c>
      <c r="P15789" s="5" t="s">
        <v>39</v>
      </c>
      <c r="Q15789" s="5" t="s">
        <v>40</v>
      </c>
      <c r="R15789" s="5" t="s">
        <v>1522</v>
      </c>
      <c r="S15789" s="5" t="s">
        <v>1523</v>
      </c>
      <c r="T15789" s="5" t="s">
        <v>42</v>
      </c>
      <c r="U15789" s="2">
        <v>3.3090000000000002</v>
      </c>
      <c r="V15789" s="2">
        <v>2.722</v>
      </c>
      <c r="W15789" s="2">
        <v>1.7999999999999999E-2</v>
      </c>
      <c r="X15789" s="2">
        <v>139.1</v>
      </c>
      <c r="Y15789" s="2">
        <v>7.6</v>
      </c>
      <c r="Z15789" s="2">
        <v>16.7</v>
      </c>
      <c r="AA15789" s="5"/>
      <c r="AB15789" s="5" t="s">
        <v>43</v>
      </c>
      <c r="AC15789" s="5" t="s">
        <v>44</v>
      </c>
      <c r="AD15789" s="2"/>
      <c r="AE15789" s="1"/>
    </row>
    <row r="15790" spans="1:31" ht="14.45">
      <c r="A15790" s="11"/>
      <c r="B15790" s="20"/>
      <c r="C15790" s="2" t="s">
        <v>48327</v>
      </c>
      <c r="D15790" s="14" t="s">
        <v>48328</v>
      </c>
      <c r="E15790" s="2" t="s">
        <v>48329</v>
      </c>
      <c r="F15790" s="2" t="s">
        <v>7507</v>
      </c>
      <c r="G15790" s="8">
        <v>298</v>
      </c>
      <c r="H15790" s="5">
        <v>6</v>
      </c>
      <c r="I15790" s="5" t="s">
        <v>1518</v>
      </c>
      <c r="J15790" s="5" t="s">
        <v>40939</v>
      </c>
      <c r="K15790" s="2" t="s">
        <v>40940</v>
      </c>
      <c r="L15790" s="5" t="s">
        <v>40939</v>
      </c>
      <c r="M15790" s="2" t="s">
        <v>40940</v>
      </c>
      <c r="N15790" s="5" t="s">
        <v>36266</v>
      </c>
      <c r="O15790" s="5" t="s">
        <v>38</v>
      </c>
      <c r="P15790" s="5" t="s">
        <v>39</v>
      </c>
      <c r="Q15790" s="5" t="s">
        <v>40</v>
      </c>
      <c r="R15790" s="5" t="s">
        <v>1522</v>
      </c>
      <c r="S15790" s="5" t="s">
        <v>1523</v>
      </c>
      <c r="T15790" s="5" t="s">
        <v>42</v>
      </c>
      <c r="U15790" s="2">
        <v>3.4089999999999998</v>
      </c>
      <c r="V15790" s="2">
        <v>2.8220000000000001</v>
      </c>
      <c r="W15790" s="2">
        <v>1.7999999999999999E-2</v>
      </c>
      <c r="X15790" s="2">
        <v>139.1</v>
      </c>
      <c r="Y15790" s="2">
        <v>7.6</v>
      </c>
      <c r="Z15790" s="2">
        <v>16.7</v>
      </c>
      <c r="AA15790" s="5"/>
      <c r="AB15790" s="5" t="s">
        <v>43</v>
      </c>
      <c r="AC15790" s="5" t="s">
        <v>44</v>
      </c>
      <c r="AD15790" s="2"/>
      <c r="AE15790" s="1"/>
    </row>
    <row r="15791" spans="1:31" ht="14.45">
      <c r="A15791" s="11"/>
      <c r="B15791" s="20"/>
      <c r="C15791" s="2" t="s">
        <v>48330</v>
      </c>
      <c r="D15791" s="14" t="s">
        <v>48331</v>
      </c>
      <c r="E15791" s="2" t="s">
        <v>48332</v>
      </c>
      <c r="F15791" s="2" t="s">
        <v>41023</v>
      </c>
      <c r="G15791" s="8">
        <v>322</v>
      </c>
      <c r="H15791" s="5">
        <v>6</v>
      </c>
      <c r="I15791" s="5" t="s">
        <v>1518</v>
      </c>
      <c r="J15791" s="5" t="s">
        <v>40939</v>
      </c>
      <c r="K15791" s="2" t="s">
        <v>40940</v>
      </c>
      <c r="L15791" s="5" t="s">
        <v>40939</v>
      </c>
      <c r="M15791" s="2" t="s">
        <v>40940</v>
      </c>
      <c r="N15791" s="5" t="s">
        <v>36266</v>
      </c>
      <c r="O15791" s="5" t="s">
        <v>38</v>
      </c>
      <c r="P15791" s="5" t="s">
        <v>39</v>
      </c>
      <c r="Q15791" s="5" t="s">
        <v>40</v>
      </c>
      <c r="R15791" s="5" t="s">
        <v>1522</v>
      </c>
      <c r="S15791" s="5" t="s">
        <v>1523</v>
      </c>
      <c r="T15791" s="5" t="s">
        <v>42</v>
      </c>
      <c r="U15791" s="2">
        <v>3.2480000000000002</v>
      </c>
      <c r="V15791" s="2">
        <v>2.661</v>
      </c>
      <c r="W15791" s="2">
        <v>1.7999999999999999E-2</v>
      </c>
      <c r="X15791" s="2">
        <v>139.1</v>
      </c>
      <c r="Y15791" s="2">
        <v>7.6</v>
      </c>
      <c r="Z15791" s="2">
        <v>16.7</v>
      </c>
      <c r="AA15791" s="5"/>
      <c r="AB15791" s="5" t="s">
        <v>43</v>
      </c>
      <c r="AC15791" s="5" t="s">
        <v>44</v>
      </c>
      <c r="AD15791" s="2"/>
      <c r="AE15791" s="1"/>
    </row>
    <row r="15792" spans="1:31" ht="14.45">
      <c r="A15792" s="11"/>
      <c r="B15792" s="20"/>
      <c r="C15792" s="2" t="s">
        <v>48333</v>
      </c>
      <c r="D15792" s="14" t="s">
        <v>48334</v>
      </c>
      <c r="E15792" s="2" t="s">
        <v>48335</v>
      </c>
      <c r="F15792" s="2" t="s">
        <v>41027</v>
      </c>
      <c r="G15792" s="8">
        <v>322</v>
      </c>
      <c r="H15792" s="5">
        <v>6</v>
      </c>
      <c r="I15792" s="5" t="s">
        <v>1518</v>
      </c>
      <c r="J15792" s="5" t="s">
        <v>40939</v>
      </c>
      <c r="K15792" s="2" t="s">
        <v>40940</v>
      </c>
      <c r="L15792" s="5" t="s">
        <v>40939</v>
      </c>
      <c r="M15792" s="2" t="s">
        <v>40940</v>
      </c>
      <c r="N15792" s="5" t="s">
        <v>36266</v>
      </c>
      <c r="O15792" s="5" t="s">
        <v>38</v>
      </c>
      <c r="P15792" s="5" t="s">
        <v>39</v>
      </c>
      <c r="Q15792" s="5" t="s">
        <v>40</v>
      </c>
      <c r="R15792" s="5" t="s">
        <v>1522</v>
      </c>
      <c r="S15792" s="5" t="s">
        <v>1523</v>
      </c>
      <c r="T15792" s="5" t="s">
        <v>42</v>
      </c>
      <c r="U15792" s="2">
        <v>3.3479999999999999</v>
      </c>
      <c r="V15792" s="2">
        <v>2.7610000000000001</v>
      </c>
      <c r="W15792" s="2">
        <v>1.7999999999999999E-2</v>
      </c>
      <c r="X15792" s="2">
        <v>139.1</v>
      </c>
      <c r="Y15792" s="2">
        <v>7.6</v>
      </c>
      <c r="Z15792" s="2">
        <v>16.7</v>
      </c>
      <c r="AA15792" s="5"/>
      <c r="AB15792" s="5" t="s">
        <v>43</v>
      </c>
      <c r="AC15792" s="5" t="s">
        <v>44</v>
      </c>
      <c r="AD15792" s="2"/>
      <c r="AE15792" s="1"/>
    </row>
    <row r="15793" spans="1:31" ht="14.45">
      <c r="A15793" s="11"/>
      <c r="B15793" s="20"/>
      <c r="C15793" s="2" t="s">
        <v>48336</v>
      </c>
      <c r="D15793" s="14" t="s">
        <v>48337</v>
      </c>
      <c r="E15793" s="2" t="s">
        <v>48338</v>
      </c>
      <c r="F15793" s="2" t="s">
        <v>41031</v>
      </c>
      <c r="G15793" s="8">
        <v>322</v>
      </c>
      <c r="H15793" s="5">
        <v>6</v>
      </c>
      <c r="I15793" s="5" t="s">
        <v>1518</v>
      </c>
      <c r="J15793" s="5" t="s">
        <v>40939</v>
      </c>
      <c r="K15793" s="2" t="s">
        <v>40940</v>
      </c>
      <c r="L15793" s="5" t="s">
        <v>40939</v>
      </c>
      <c r="M15793" s="2" t="s">
        <v>40940</v>
      </c>
      <c r="N15793" s="5" t="s">
        <v>36266</v>
      </c>
      <c r="O15793" s="5" t="s">
        <v>38</v>
      </c>
      <c r="P15793" s="5" t="s">
        <v>39</v>
      </c>
      <c r="Q15793" s="5" t="s">
        <v>40</v>
      </c>
      <c r="R15793" s="5" t="s">
        <v>1522</v>
      </c>
      <c r="S15793" s="5" t="s">
        <v>1523</v>
      </c>
      <c r="T15793" s="5" t="s">
        <v>42</v>
      </c>
      <c r="U15793" s="2">
        <v>3.2480000000000002</v>
      </c>
      <c r="V15793" s="2">
        <v>2.661</v>
      </c>
      <c r="W15793" s="2">
        <v>1.7999999999999999E-2</v>
      </c>
      <c r="X15793" s="2">
        <v>139.1</v>
      </c>
      <c r="Y15793" s="2">
        <v>7.6</v>
      </c>
      <c r="Z15793" s="2">
        <v>16.7</v>
      </c>
      <c r="AA15793" s="5"/>
      <c r="AB15793" s="5" t="s">
        <v>43</v>
      </c>
      <c r="AC15793" s="5" t="s">
        <v>44</v>
      </c>
      <c r="AD15793" s="2"/>
      <c r="AE15793" s="1"/>
    </row>
    <row r="15794" spans="1:31" ht="14.45">
      <c r="A15794" s="11"/>
      <c r="B15794" s="20"/>
      <c r="C15794" s="2" t="s">
        <v>48339</v>
      </c>
      <c r="D15794" s="14" t="s">
        <v>48340</v>
      </c>
      <c r="E15794" s="2" t="s">
        <v>48341</v>
      </c>
      <c r="F15794" s="2" t="s">
        <v>41035</v>
      </c>
      <c r="G15794" s="8">
        <v>322</v>
      </c>
      <c r="H15794" s="5">
        <v>6</v>
      </c>
      <c r="I15794" s="5" t="s">
        <v>1518</v>
      </c>
      <c r="J15794" s="5" t="s">
        <v>40939</v>
      </c>
      <c r="K15794" s="2" t="s">
        <v>40940</v>
      </c>
      <c r="L15794" s="5" t="s">
        <v>40939</v>
      </c>
      <c r="M15794" s="2" t="s">
        <v>40940</v>
      </c>
      <c r="N15794" s="5" t="s">
        <v>36266</v>
      </c>
      <c r="O15794" s="5" t="s">
        <v>38</v>
      </c>
      <c r="P15794" s="5" t="s">
        <v>39</v>
      </c>
      <c r="Q15794" s="5" t="s">
        <v>40</v>
      </c>
      <c r="R15794" s="5" t="s">
        <v>1522</v>
      </c>
      <c r="S15794" s="5" t="s">
        <v>1523</v>
      </c>
      <c r="T15794" s="5" t="s">
        <v>42</v>
      </c>
      <c r="U15794" s="2">
        <v>3.3479999999999999</v>
      </c>
      <c r="V15794" s="2">
        <v>2.7610000000000001</v>
      </c>
      <c r="W15794" s="2">
        <v>1.7999999999999999E-2</v>
      </c>
      <c r="X15794" s="2">
        <v>139.1</v>
      </c>
      <c r="Y15794" s="2">
        <v>7.6</v>
      </c>
      <c r="Z15794" s="2">
        <v>16.7</v>
      </c>
      <c r="AA15794" s="5"/>
      <c r="AB15794" s="5" t="s">
        <v>43</v>
      </c>
      <c r="AC15794" s="5" t="s">
        <v>44</v>
      </c>
      <c r="AD15794" s="2"/>
      <c r="AE15794" s="1"/>
    </row>
    <row r="15795" spans="1:31" ht="14.45">
      <c r="A15795" s="11"/>
      <c r="B15795" s="20"/>
      <c r="C15795" s="2" t="s">
        <v>48342</v>
      </c>
      <c r="D15795" s="14" t="s">
        <v>48343</v>
      </c>
      <c r="E15795" s="2" t="s">
        <v>48344</v>
      </c>
      <c r="F15795" s="2" t="s">
        <v>7581</v>
      </c>
      <c r="G15795" s="8">
        <v>322</v>
      </c>
      <c r="H15795" s="5">
        <v>6</v>
      </c>
      <c r="I15795" s="5" t="s">
        <v>1518</v>
      </c>
      <c r="J15795" s="5" t="s">
        <v>40939</v>
      </c>
      <c r="K15795" s="2" t="s">
        <v>40940</v>
      </c>
      <c r="L15795" s="5" t="s">
        <v>40939</v>
      </c>
      <c r="M15795" s="2" t="s">
        <v>40940</v>
      </c>
      <c r="N15795" s="5" t="s">
        <v>36266</v>
      </c>
      <c r="O15795" s="5" t="s">
        <v>38</v>
      </c>
      <c r="P15795" s="5" t="s">
        <v>39</v>
      </c>
      <c r="Q15795" s="5" t="s">
        <v>40</v>
      </c>
      <c r="R15795" s="5" t="s">
        <v>1522</v>
      </c>
      <c r="S15795" s="5" t="s">
        <v>1523</v>
      </c>
      <c r="T15795" s="5" t="s">
        <v>42</v>
      </c>
      <c r="U15795" s="2">
        <v>3.3479999999999999</v>
      </c>
      <c r="V15795" s="2">
        <v>2.7610000000000001</v>
      </c>
      <c r="W15795" s="2">
        <v>1.7999999999999999E-2</v>
      </c>
      <c r="X15795" s="2">
        <v>139.1</v>
      </c>
      <c r="Y15795" s="2">
        <v>7.6</v>
      </c>
      <c r="Z15795" s="2">
        <v>16.7</v>
      </c>
      <c r="AA15795" s="5"/>
      <c r="AB15795" s="5" t="s">
        <v>43</v>
      </c>
      <c r="AC15795" s="5" t="s">
        <v>44</v>
      </c>
      <c r="AD15795" s="2"/>
      <c r="AE15795" s="1"/>
    </row>
    <row r="15796" spans="1:31" ht="14.45">
      <c r="A15796" s="11"/>
      <c r="B15796" s="20"/>
      <c r="C15796" s="2" t="s">
        <v>48345</v>
      </c>
      <c r="D15796" s="14" t="s">
        <v>48346</v>
      </c>
      <c r="E15796" s="2" t="s">
        <v>48347</v>
      </c>
      <c r="F15796" s="2" t="s">
        <v>41045</v>
      </c>
      <c r="G15796" s="8">
        <v>322</v>
      </c>
      <c r="H15796" s="5">
        <v>6</v>
      </c>
      <c r="I15796" s="5" t="s">
        <v>1518</v>
      </c>
      <c r="J15796" s="5" t="s">
        <v>40939</v>
      </c>
      <c r="K15796" s="2" t="s">
        <v>40940</v>
      </c>
      <c r="L15796" s="5" t="s">
        <v>40939</v>
      </c>
      <c r="M15796" s="2" t="s">
        <v>40940</v>
      </c>
      <c r="N15796" s="5" t="s">
        <v>36266</v>
      </c>
      <c r="O15796" s="5" t="s">
        <v>38</v>
      </c>
      <c r="P15796" s="5" t="s">
        <v>39</v>
      </c>
      <c r="Q15796" s="5" t="s">
        <v>40</v>
      </c>
      <c r="R15796" s="5" t="s">
        <v>1522</v>
      </c>
      <c r="S15796" s="5" t="s">
        <v>1523</v>
      </c>
      <c r="T15796" s="5" t="s">
        <v>42</v>
      </c>
      <c r="U15796" s="2">
        <v>3.3210000000000002</v>
      </c>
      <c r="V15796" s="2">
        <v>2.734</v>
      </c>
      <c r="W15796" s="2">
        <v>1.7999999999999999E-2</v>
      </c>
      <c r="X15796" s="2">
        <v>139.1</v>
      </c>
      <c r="Y15796" s="2">
        <v>7.6</v>
      </c>
      <c r="Z15796" s="2">
        <v>16.7</v>
      </c>
      <c r="AA15796" s="5"/>
      <c r="AB15796" s="5" t="s">
        <v>43</v>
      </c>
      <c r="AC15796" s="5" t="s">
        <v>44</v>
      </c>
      <c r="AD15796" s="2"/>
      <c r="AE15796" s="1"/>
    </row>
    <row r="15797" spans="1:31" ht="14.45">
      <c r="A15797" s="11"/>
      <c r="B15797" s="20"/>
      <c r="C15797" s="2" t="s">
        <v>48348</v>
      </c>
      <c r="D15797" s="14" t="s">
        <v>48349</v>
      </c>
      <c r="E15797" s="2" t="s">
        <v>48350</v>
      </c>
      <c r="F15797" s="2" t="s">
        <v>41049</v>
      </c>
      <c r="G15797" s="8">
        <v>322</v>
      </c>
      <c r="H15797" s="5">
        <v>6</v>
      </c>
      <c r="I15797" s="5" t="s">
        <v>1518</v>
      </c>
      <c r="J15797" s="5" t="s">
        <v>40939</v>
      </c>
      <c r="K15797" s="2" t="s">
        <v>40940</v>
      </c>
      <c r="L15797" s="5" t="s">
        <v>40939</v>
      </c>
      <c r="M15797" s="2" t="s">
        <v>40940</v>
      </c>
      <c r="N15797" s="5" t="s">
        <v>36266</v>
      </c>
      <c r="O15797" s="5" t="s">
        <v>38</v>
      </c>
      <c r="P15797" s="5" t="s">
        <v>39</v>
      </c>
      <c r="Q15797" s="5" t="s">
        <v>40</v>
      </c>
      <c r="R15797" s="5" t="s">
        <v>1522</v>
      </c>
      <c r="S15797" s="5" t="s">
        <v>1523</v>
      </c>
      <c r="T15797" s="5" t="s">
        <v>42</v>
      </c>
      <c r="U15797" s="2">
        <v>3.4209999999999998</v>
      </c>
      <c r="V15797" s="2">
        <v>2.8340000000000001</v>
      </c>
      <c r="W15797" s="2">
        <v>1.7999999999999999E-2</v>
      </c>
      <c r="X15797" s="2">
        <v>139.1</v>
      </c>
      <c r="Y15797" s="2">
        <v>7.6</v>
      </c>
      <c r="Z15797" s="2">
        <v>16.7</v>
      </c>
      <c r="AA15797" s="5"/>
      <c r="AB15797" s="5" t="s">
        <v>43</v>
      </c>
      <c r="AC15797" s="5" t="s">
        <v>44</v>
      </c>
      <c r="AD15797" s="2"/>
      <c r="AE15797" s="1"/>
    </row>
    <row r="15798" spans="1:31" ht="14.45">
      <c r="A15798" s="11"/>
      <c r="B15798" s="20"/>
      <c r="C15798" s="2" t="s">
        <v>48351</v>
      </c>
      <c r="D15798" s="14" t="s">
        <v>48352</v>
      </c>
      <c r="E15798" s="2" t="s">
        <v>48353</v>
      </c>
      <c r="F15798" s="2" t="s">
        <v>7204</v>
      </c>
      <c r="G15798" s="8">
        <v>307</v>
      </c>
      <c r="H15798" s="5">
        <v>6</v>
      </c>
      <c r="I15798" s="5" t="s">
        <v>1518</v>
      </c>
      <c r="J15798" s="5" t="s">
        <v>40939</v>
      </c>
      <c r="K15798" s="2" t="s">
        <v>40940</v>
      </c>
      <c r="L15798" s="5" t="s">
        <v>40939</v>
      </c>
      <c r="M15798" s="2" t="s">
        <v>40940</v>
      </c>
      <c r="N15798" s="5" t="s">
        <v>36266</v>
      </c>
      <c r="O15798" s="5" t="s">
        <v>38</v>
      </c>
      <c r="P15798" s="5" t="s">
        <v>39</v>
      </c>
      <c r="Q15798" s="5" t="s">
        <v>40</v>
      </c>
      <c r="R15798" s="5" t="s">
        <v>1522</v>
      </c>
      <c r="S15798" s="5" t="s">
        <v>1523</v>
      </c>
      <c r="T15798" s="5" t="s">
        <v>42</v>
      </c>
      <c r="U15798" s="2">
        <v>3.427</v>
      </c>
      <c r="V15798" s="2">
        <v>2.851</v>
      </c>
      <c r="W15798" s="2">
        <v>1.7999999999999999E-2</v>
      </c>
      <c r="X15798" s="2">
        <v>139.1</v>
      </c>
      <c r="Y15798" s="2">
        <v>7.6</v>
      </c>
      <c r="Z15798" s="2">
        <v>16.7</v>
      </c>
      <c r="AA15798" s="5"/>
      <c r="AB15798" s="5" t="s">
        <v>43</v>
      </c>
      <c r="AC15798" s="5" t="s">
        <v>44</v>
      </c>
      <c r="AD15798" s="2"/>
      <c r="AE15798" s="1"/>
    </row>
    <row r="15799" spans="1:31" ht="14.45">
      <c r="A15799" s="11"/>
      <c r="B15799" s="20"/>
      <c r="C15799" s="2" t="s">
        <v>48354</v>
      </c>
      <c r="D15799" s="14" t="s">
        <v>48355</v>
      </c>
      <c r="E15799" s="2" t="s">
        <v>48356</v>
      </c>
      <c r="F15799" s="2" t="s">
        <v>7514</v>
      </c>
      <c r="G15799" s="8">
        <v>307</v>
      </c>
      <c r="H15799" s="5">
        <v>6</v>
      </c>
      <c r="I15799" s="5" t="s">
        <v>1518</v>
      </c>
      <c r="J15799" s="5" t="s">
        <v>40939</v>
      </c>
      <c r="K15799" s="2" t="s">
        <v>40940</v>
      </c>
      <c r="L15799" s="5" t="s">
        <v>40939</v>
      </c>
      <c r="M15799" s="2" t="s">
        <v>40940</v>
      </c>
      <c r="N15799" s="5" t="s">
        <v>36266</v>
      </c>
      <c r="O15799" s="5" t="s">
        <v>38</v>
      </c>
      <c r="P15799" s="5" t="s">
        <v>39</v>
      </c>
      <c r="Q15799" s="5" t="s">
        <v>40</v>
      </c>
      <c r="R15799" s="5" t="s">
        <v>1522</v>
      </c>
      <c r="S15799" s="5" t="s">
        <v>1523</v>
      </c>
      <c r="T15799" s="5" t="s">
        <v>42</v>
      </c>
      <c r="U15799" s="2">
        <v>3.5390000000000001</v>
      </c>
      <c r="V15799" s="2">
        <v>2.9630000000000001</v>
      </c>
      <c r="W15799" s="2">
        <v>1.7999999999999999E-2</v>
      </c>
      <c r="X15799" s="2">
        <v>139.1</v>
      </c>
      <c r="Y15799" s="2">
        <v>7.6</v>
      </c>
      <c r="Z15799" s="2">
        <v>16.7</v>
      </c>
      <c r="AA15799" s="5"/>
      <c r="AB15799" s="5" t="s">
        <v>43</v>
      </c>
      <c r="AC15799" s="5" t="s">
        <v>44</v>
      </c>
      <c r="AD15799" s="2"/>
      <c r="AE15799" s="1"/>
    </row>
    <row r="15800" spans="1:31" ht="14.45">
      <c r="A15800" s="11"/>
      <c r="B15800" s="20"/>
      <c r="C15800" s="2" t="s">
        <v>48357</v>
      </c>
      <c r="D15800" s="14" t="s">
        <v>48358</v>
      </c>
      <c r="E15800" s="2" t="s">
        <v>48359</v>
      </c>
      <c r="F15800" s="2" t="s">
        <v>47266</v>
      </c>
      <c r="G15800" s="8">
        <v>333</v>
      </c>
      <c r="H15800" s="5">
        <v>6</v>
      </c>
      <c r="I15800" s="5" t="s">
        <v>1518</v>
      </c>
      <c r="J15800" s="5" t="s">
        <v>40939</v>
      </c>
      <c r="K15800" s="2" t="s">
        <v>40940</v>
      </c>
      <c r="L15800" s="5" t="s">
        <v>40939</v>
      </c>
      <c r="M15800" s="2" t="s">
        <v>40940</v>
      </c>
      <c r="N15800" s="5" t="s">
        <v>36266</v>
      </c>
      <c r="O15800" s="5" t="s">
        <v>38</v>
      </c>
      <c r="P15800" s="5" t="s">
        <v>39</v>
      </c>
      <c r="Q15800" s="5" t="s">
        <v>40</v>
      </c>
      <c r="R15800" s="5" t="s">
        <v>1522</v>
      </c>
      <c r="S15800" s="5" t="s">
        <v>1523</v>
      </c>
      <c r="T15800" s="5" t="s">
        <v>42</v>
      </c>
      <c r="U15800" s="2">
        <v>3.4550000000000001</v>
      </c>
      <c r="V15800" s="2">
        <v>2.879</v>
      </c>
      <c r="W15800" s="2">
        <v>1.7999999999999999E-2</v>
      </c>
      <c r="X15800" s="2">
        <v>139.1</v>
      </c>
      <c r="Y15800" s="2">
        <v>7.6</v>
      </c>
      <c r="Z15800" s="2">
        <v>16.7</v>
      </c>
      <c r="AA15800" s="5"/>
      <c r="AB15800" s="5" t="s">
        <v>43</v>
      </c>
      <c r="AC15800" s="5" t="s">
        <v>44</v>
      </c>
      <c r="AD15800" s="2"/>
      <c r="AE15800" s="1"/>
    </row>
    <row r="15801" spans="1:31" ht="14.45">
      <c r="A15801" s="11"/>
      <c r="B15801" s="20"/>
      <c r="C15801" s="2" t="s">
        <v>48360</v>
      </c>
      <c r="D15801" s="14" t="s">
        <v>48361</v>
      </c>
      <c r="E15801" s="2" t="s">
        <v>48362</v>
      </c>
      <c r="F15801" s="2" t="s">
        <v>47195</v>
      </c>
      <c r="G15801" s="8">
        <v>333</v>
      </c>
      <c r="H15801" s="5">
        <v>6</v>
      </c>
      <c r="I15801" s="5" t="s">
        <v>1518</v>
      </c>
      <c r="J15801" s="5" t="s">
        <v>40939</v>
      </c>
      <c r="K15801" s="2" t="s">
        <v>40940</v>
      </c>
      <c r="L15801" s="5" t="s">
        <v>40939</v>
      </c>
      <c r="M15801" s="2" t="s">
        <v>40940</v>
      </c>
      <c r="N15801" s="5" t="s">
        <v>36266</v>
      </c>
      <c r="O15801" s="5" t="s">
        <v>38</v>
      </c>
      <c r="P15801" s="5" t="s">
        <v>39</v>
      </c>
      <c r="Q15801" s="5" t="s">
        <v>40</v>
      </c>
      <c r="R15801" s="5" t="s">
        <v>1522</v>
      </c>
      <c r="S15801" s="5" t="s">
        <v>1523</v>
      </c>
      <c r="T15801" s="5" t="s">
        <v>42</v>
      </c>
      <c r="U15801" s="2">
        <v>3.5670000000000002</v>
      </c>
      <c r="V15801" s="2">
        <v>2.9910000000000001</v>
      </c>
      <c r="W15801" s="2">
        <v>1.7999999999999999E-2</v>
      </c>
      <c r="X15801" s="2">
        <v>139.1</v>
      </c>
      <c r="Y15801" s="2">
        <v>7.6</v>
      </c>
      <c r="Z15801" s="2">
        <v>16.7</v>
      </c>
      <c r="AA15801" s="5"/>
      <c r="AB15801" s="5" t="s">
        <v>43</v>
      </c>
      <c r="AC15801" s="5" t="s">
        <v>44</v>
      </c>
      <c r="AD15801" s="2"/>
      <c r="AE15801" s="1"/>
    </row>
    <row r="15802" spans="1:31" ht="14.45">
      <c r="A15802" s="11"/>
      <c r="B15802" s="20"/>
      <c r="C15802" s="2" t="s">
        <v>48363</v>
      </c>
      <c r="D15802" s="14" t="s">
        <v>48364</v>
      </c>
      <c r="E15802" s="2" t="s">
        <v>48365</v>
      </c>
      <c r="F15802" s="2" t="s">
        <v>7208</v>
      </c>
      <c r="G15802" s="8">
        <v>307</v>
      </c>
      <c r="H15802" s="5">
        <v>6</v>
      </c>
      <c r="I15802" s="5" t="s">
        <v>1518</v>
      </c>
      <c r="J15802" s="5" t="s">
        <v>40939</v>
      </c>
      <c r="K15802" s="2" t="s">
        <v>40940</v>
      </c>
      <c r="L15802" s="5" t="s">
        <v>40939</v>
      </c>
      <c r="M15802" s="2" t="s">
        <v>40940</v>
      </c>
      <c r="N15802" s="5" t="s">
        <v>36266</v>
      </c>
      <c r="O15802" s="5" t="s">
        <v>38</v>
      </c>
      <c r="P15802" s="5" t="s">
        <v>39</v>
      </c>
      <c r="Q15802" s="5" t="s">
        <v>40</v>
      </c>
      <c r="R15802" s="5" t="s">
        <v>1522</v>
      </c>
      <c r="S15802" s="5" t="s">
        <v>1523</v>
      </c>
      <c r="T15802" s="5" t="s">
        <v>42</v>
      </c>
      <c r="U15802" s="2">
        <v>3.47</v>
      </c>
      <c r="V15802" s="2">
        <v>2.8940000000000001</v>
      </c>
      <c r="W15802" s="2">
        <v>1.7999999999999999E-2</v>
      </c>
      <c r="X15802" s="2">
        <v>139.1</v>
      </c>
      <c r="Y15802" s="2">
        <v>7.6</v>
      </c>
      <c r="Z15802" s="2">
        <v>16.7</v>
      </c>
      <c r="AA15802" s="5"/>
      <c r="AB15802" s="5" t="s">
        <v>43</v>
      </c>
      <c r="AC15802" s="5" t="s">
        <v>44</v>
      </c>
      <c r="AD15802" s="2"/>
      <c r="AE15802" s="1"/>
    </row>
    <row r="15803" spans="1:31" ht="14.45">
      <c r="A15803" s="11"/>
      <c r="B15803" s="20"/>
      <c r="C15803" s="2" t="s">
        <v>48366</v>
      </c>
      <c r="D15803" s="14" t="s">
        <v>48367</v>
      </c>
      <c r="E15803" s="2" t="s">
        <v>48368</v>
      </c>
      <c r="F15803" s="2" t="s">
        <v>7521</v>
      </c>
      <c r="G15803" s="8">
        <v>307</v>
      </c>
      <c r="H15803" s="5">
        <v>6</v>
      </c>
      <c r="I15803" s="5" t="s">
        <v>1518</v>
      </c>
      <c r="J15803" s="5" t="s">
        <v>40939</v>
      </c>
      <c r="K15803" s="2" t="s">
        <v>40940</v>
      </c>
      <c r="L15803" s="5" t="s">
        <v>40939</v>
      </c>
      <c r="M15803" s="2" t="s">
        <v>40940</v>
      </c>
      <c r="N15803" s="5" t="s">
        <v>36266</v>
      </c>
      <c r="O15803" s="5" t="s">
        <v>38</v>
      </c>
      <c r="P15803" s="5" t="s">
        <v>39</v>
      </c>
      <c r="Q15803" s="5" t="s">
        <v>40</v>
      </c>
      <c r="R15803" s="5" t="s">
        <v>1522</v>
      </c>
      <c r="S15803" s="5" t="s">
        <v>1523</v>
      </c>
      <c r="T15803" s="5" t="s">
        <v>42</v>
      </c>
      <c r="U15803" s="2">
        <v>3.5819999999999999</v>
      </c>
      <c r="V15803" s="2">
        <v>3.0059999999999998</v>
      </c>
      <c r="W15803" s="2">
        <v>1.7999999999999999E-2</v>
      </c>
      <c r="X15803" s="2">
        <v>139.1</v>
      </c>
      <c r="Y15803" s="2">
        <v>7.6</v>
      </c>
      <c r="Z15803" s="2">
        <v>16.7</v>
      </c>
      <c r="AA15803" s="5"/>
      <c r="AB15803" s="5" t="s">
        <v>43</v>
      </c>
      <c r="AC15803" s="5" t="s">
        <v>44</v>
      </c>
      <c r="AD15803" s="2"/>
      <c r="AE15803" s="1"/>
    </row>
    <row r="15804" spans="1:31" ht="14.45">
      <c r="A15804" s="11"/>
      <c r="B15804" s="20"/>
      <c r="C15804" s="2" t="s">
        <v>48369</v>
      </c>
      <c r="D15804" s="14" t="s">
        <v>48370</v>
      </c>
      <c r="E15804" s="2" t="s">
        <v>48371</v>
      </c>
      <c r="F15804" s="2" t="s">
        <v>36273</v>
      </c>
      <c r="G15804" s="8">
        <v>307</v>
      </c>
      <c r="H15804" s="5">
        <v>6</v>
      </c>
      <c r="I15804" s="5" t="s">
        <v>1518</v>
      </c>
      <c r="J15804" s="5" t="s">
        <v>40939</v>
      </c>
      <c r="K15804" s="2" t="s">
        <v>40940</v>
      </c>
      <c r="L15804" s="5" t="s">
        <v>40939</v>
      </c>
      <c r="M15804" s="2" t="s">
        <v>40940</v>
      </c>
      <c r="N15804" s="5" t="s">
        <v>36266</v>
      </c>
      <c r="O15804" s="5" t="s">
        <v>38</v>
      </c>
      <c r="P15804" s="5" t="s">
        <v>39</v>
      </c>
      <c r="Q15804" s="5" t="s">
        <v>40</v>
      </c>
      <c r="R15804" s="5" t="s">
        <v>1522</v>
      </c>
      <c r="S15804" s="5" t="s">
        <v>1523</v>
      </c>
      <c r="T15804" s="5" t="s">
        <v>42</v>
      </c>
      <c r="U15804" s="2">
        <v>3.4990000000000001</v>
      </c>
      <c r="V15804" s="2">
        <v>2.923</v>
      </c>
      <c r="W15804" s="2">
        <v>1.7999999999999999E-2</v>
      </c>
      <c r="X15804" s="2">
        <v>139.1</v>
      </c>
      <c r="Y15804" s="2">
        <v>7.6</v>
      </c>
      <c r="Z15804" s="2">
        <v>16.7</v>
      </c>
      <c r="AA15804" s="5"/>
      <c r="AB15804" s="5" t="s">
        <v>43</v>
      </c>
      <c r="AC15804" s="5" t="s">
        <v>44</v>
      </c>
      <c r="AD15804" s="2"/>
      <c r="AE15804" s="1"/>
    </row>
    <row r="15805" spans="1:31" ht="14.45">
      <c r="A15805" s="11"/>
      <c r="B15805" s="20"/>
      <c r="C15805" s="2" t="s">
        <v>48372</v>
      </c>
      <c r="D15805" s="14" t="s">
        <v>48373</v>
      </c>
      <c r="E15805" s="2" t="s">
        <v>48374</v>
      </c>
      <c r="F15805" s="2" t="s">
        <v>36277</v>
      </c>
      <c r="G15805" s="8">
        <v>307</v>
      </c>
      <c r="H15805" s="5">
        <v>6</v>
      </c>
      <c r="I15805" s="5" t="s">
        <v>1518</v>
      </c>
      <c r="J15805" s="5" t="s">
        <v>40939</v>
      </c>
      <c r="K15805" s="2" t="s">
        <v>40940</v>
      </c>
      <c r="L15805" s="5" t="s">
        <v>40939</v>
      </c>
      <c r="M15805" s="2" t="s">
        <v>40940</v>
      </c>
      <c r="N15805" s="5" t="s">
        <v>36266</v>
      </c>
      <c r="O15805" s="5" t="s">
        <v>38</v>
      </c>
      <c r="P15805" s="5" t="s">
        <v>39</v>
      </c>
      <c r="Q15805" s="5" t="s">
        <v>40</v>
      </c>
      <c r="R15805" s="5" t="s">
        <v>1522</v>
      </c>
      <c r="S15805" s="5" t="s">
        <v>1523</v>
      </c>
      <c r="T15805" s="5" t="s">
        <v>42</v>
      </c>
      <c r="U15805" s="2">
        <v>3.6110000000000002</v>
      </c>
      <c r="V15805" s="2">
        <v>3.0350000000000001</v>
      </c>
      <c r="W15805" s="2">
        <v>1.7999999999999999E-2</v>
      </c>
      <c r="X15805" s="2">
        <v>139.1</v>
      </c>
      <c r="Y15805" s="2">
        <v>7.6</v>
      </c>
      <c r="Z15805" s="2">
        <v>16.7</v>
      </c>
      <c r="AA15805" s="5"/>
      <c r="AB15805" s="5" t="s">
        <v>43</v>
      </c>
      <c r="AC15805" s="5" t="s">
        <v>44</v>
      </c>
      <c r="AD15805" s="2"/>
      <c r="AE15805" s="1"/>
    </row>
    <row r="15806" spans="1:31" ht="14.45">
      <c r="A15806" s="11"/>
      <c r="B15806" s="20"/>
      <c r="C15806" s="2" t="s">
        <v>48375</v>
      </c>
      <c r="D15806" s="14" t="s">
        <v>48376</v>
      </c>
      <c r="E15806" s="2" t="s">
        <v>48377</v>
      </c>
      <c r="F15806" s="2" t="s">
        <v>40967</v>
      </c>
      <c r="G15806" s="8">
        <v>333</v>
      </c>
      <c r="H15806" s="5">
        <v>6</v>
      </c>
      <c r="I15806" s="5" t="s">
        <v>1518</v>
      </c>
      <c r="J15806" s="5" t="s">
        <v>40939</v>
      </c>
      <c r="K15806" s="2" t="s">
        <v>40940</v>
      </c>
      <c r="L15806" s="5" t="s">
        <v>40939</v>
      </c>
      <c r="M15806" s="2" t="s">
        <v>40940</v>
      </c>
      <c r="N15806" s="5" t="s">
        <v>36266</v>
      </c>
      <c r="O15806" s="5" t="s">
        <v>38</v>
      </c>
      <c r="P15806" s="5" t="s">
        <v>39</v>
      </c>
      <c r="Q15806" s="5" t="s">
        <v>40</v>
      </c>
      <c r="R15806" s="5" t="s">
        <v>1522</v>
      </c>
      <c r="S15806" s="5" t="s">
        <v>1523</v>
      </c>
      <c r="T15806" s="5" t="s">
        <v>42</v>
      </c>
      <c r="U15806" s="2">
        <v>3.47</v>
      </c>
      <c r="V15806" s="2">
        <v>2.8940000000000001</v>
      </c>
      <c r="W15806" s="2">
        <v>1.7999999999999999E-2</v>
      </c>
      <c r="X15806" s="2">
        <v>139.1</v>
      </c>
      <c r="Y15806" s="2">
        <v>7.6</v>
      </c>
      <c r="Z15806" s="2">
        <v>16.7</v>
      </c>
      <c r="AA15806" s="5"/>
      <c r="AB15806" s="5" t="s">
        <v>43</v>
      </c>
      <c r="AC15806" s="5" t="s">
        <v>44</v>
      </c>
      <c r="AD15806" s="2"/>
      <c r="AE15806" s="1"/>
    </row>
    <row r="15807" spans="1:31" ht="14.45">
      <c r="A15807" s="11"/>
      <c r="B15807" s="20"/>
      <c r="C15807" s="2" t="s">
        <v>48378</v>
      </c>
      <c r="D15807" s="14" t="s">
        <v>48379</v>
      </c>
      <c r="E15807" s="2" t="s">
        <v>48380</v>
      </c>
      <c r="F15807" s="2" t="s">
        <v>40971</v>
      </c>
      <c r="G15807" s="8">
        <v>333</v>
      </c>
      <c r="H15807" s="5">
        <v>6</v>
      </c>
      <c r="I15807" s="5" t="s">
        <v>1518</v>
      </c>
      <c r="J15807" s="5" t="s">
        <v>40939</v>
      </c>
      <c r="K15807" s="2" t="s">
        <v>40940</v>
      </c>
      <c r="L15807" s="5" t="s">
        <v>40939</v>
      </c>
      <c r="M15807" s="2" t="s">
        <v>40940</v>
      </c>
      <c r="N15807" s="5" t="s">
        <v>36266</v>
      </c>
      <c r="O15807" s="5" t="s">
        <v>38</v>
      </c>
      <c r="P15807" s="5" t="s">
        <v>39</v>
      </c>
      <c r="Q15807" s="5" t="s">
        <v>40</v>
      </c>
      <c r="R15807" s="5" t="s">
        <v>1522</v>
      </c>
      <c r="S15807" s="5" t="s">
        <v>1523</v>
      </c>
      <c r="T15807" s="5" t="s">
        <v>42</v>
      </c>
      <c r="U15807" s="2">
        <v>3.5819999999999999</v>
      </c>
      <c r="V15807" s="2">
        <v>3.0059999999999998</v>
      </c>
      <c r="W15807" s="2">
        <v>1.7999999999999999E-2</v>
      </c>
      <c r="X15807" s="2">
        <v>139.1</v>
      </c>
      <c r="Y15807" s="2">
        <v>7.6</v>
      </c>
      <c r="Z15807" s="2">
        <v>16.7</v>
      </c>
      <c r="AA15807" s="5"/>
      <c r="AB15807" s="5" t="s">
        <v>43</v>
      </c>
      <c r="AC15807" s="5" t="s">
        <v>44</v>
      </c>
      <c r="AD15807" s="2"/>
      <c r="AE15807" s="1"/>
    </row>
    <row r="15808" spans="1:31" ht="14.45">
      <c r="A15808" s="11"/>
      <c r="B15808" s="20"/>
      <c r="C15808" s="2" t="s">
        <v>48381</v>
      </c>
      <c r="D15808" s="14" t="s">
        <v>48382</v>
      </c>
      <c r="E15808" s="2" t="s">
        <v>48383</v>
      </c>
      <c r="F15808" s="2" t="s">
        <v>40989</v>
      </c>
      <c r="G15808" s="8">
        <v>333</v>
      </c>
      <c r="H15808" s="5">
        <v>6</v>
      </c>
      <c r="I15808" s="5" t="s">
        <v>1518</v>
      </c>
      <c r="J15808" s="5" t="s">
        <v>40939</v>
      </c>
      <c r="K15808" s="2" t="s">
        <v>40940</v>
      </c>
      <c r="L15808" s="5" t="s">
        <v>40939</v>
      </c>
      <c r="M15808" s="2" t="s">
        <v>40940</v>
      </c>
      <c r="N15808" s="5" t="s">
        <v>36266</v>
      </c>
      <c r="O15808" s="5" t="s">
        <v>38</v>
      </c>
      <c r="P15808" s="5" t="s">
        <v>39</v>
      </c>
      <c r="Q15808" s="5" t="s">
        <v>40</v>
      </c>
      <c r="R15808" s="5" t="s">
        <v>1522</v>
      </c>
      <c r="S15808" s="5" t="s">
        <v>1523</v>
      </c>
      <c r="T15808" s="5" t="s">
        <v>42</v>
      </c>
      <c r="U15808" s="2">
        <v>3.47</v>
      </c>
      <c r="V15808" s="2">
        <v>2.8940000000000001</v>
      </c>
      <c r="W15808" s="2">
        <v>1.7999999999999999E-2</v>
      </c>
      <c r="X15808" s="2">
        <v>139.1</v>
      </c>
      <c r="Y15808" s="2">
        <v>7.6</v>
      </c>
      <c r="Z15808" s="2">
        <v>16.7</v>
      </c>
      <c r="AA15808" s="5"/>
      <c r="AB15808" s="5" t="s">
        <v>43</v>
      </c>
      <c r="AC15808" s="5" t="s">
        <v>44</v>
      </c>
      <c r="AD15808" s="2"/>
      <c r="AE15808" s="1"/>
    </row>
    <row r="15809" spans="1:31" ht="14.45">
      <c r="A15809" s="11"/>
      <c r="B15809" s="20"/>
      <c r="C15809" s="2" t="s">
        <v>48384</v>
      </c>
      <c r="D15809" s="14" t="s">
        <v>48385</v>
      </c>
      <c r="E15809" s="2" t="s">
        <v>48386</v>
      </c>
      <c r="F15809" s="2" t="s">
        <v>40993</v>
      </c>
      <c r="G15809" s="8">
        <v>333</v>
      </c>
      <c r="H15809" s="5">
        <v>6</v>
      </c>
      <c r="I15809" s="5" t="s">
        <v>1518</v>
      </c>
      <c r="J15809" s="5" t="s">
        <v>40939</v>
      </c>
      <c r="K15809" s="2" t="s">
        <v>40940</v>
      </c>
      <c r="L15809" s="5" t="s">
        <v>40939</v>
      </c>
      <c r="M15809" s="2" t="s">
        <v>40940</v>
      </c>
      <c r="N15809" s="5" t="s">
        <v>36266</v>
      </c>
      <c r="O15809" s="5" t="s">
        <v>38</v>
      </c>
      <c r="P15809" s="5" t="s">
        <v>39</v>
      </c>
      <c r="Q15809" s="5" t="s">
        <v>40</v>
      </c>
      <c r="R15809" s="5" t="s">
        <v>1522</v>
      </c>
      <c r="S15809" s="5" t="s">
        <v>1523</v>
      </c>
      <c r="T15809" s="5" t="s">
        <v>42</v>
      </c>
      <c r="U15809" s="2">
        <v>3.5819999999999999</v>
      </c>
      <c r="V15809" s="2">
        <v>3.0059999999999998</v>
      </c>
      <c r="W15809" s="2">
        <v>1.7999999999999999E-2</v>
      </c>
      <c r="X15809" s="2">
        <v>139.1</v>
      </c>
      <c r="Y15809" s="2">
        <v>7.6</v>
      </c>
      <c r="Z15809" s="2">
        <v>16.7</v>
      </c>
      <c r="AA15809" s="5"/>
      <c r="AB15809" s="5" t="s">
        <v>43</v>
      </c>
      <c r="AC15809" s="5" t="s">
        <v>44</v>
      </c>
      <c r="AD15809" s="2"/>
      <c r="AE15809" s="1"/>
    </row>
    <row r="15810" spans="1:31" ht="14.45">
      <c r="A15810" s="11"/>
      <c r="B15810" s="20"/>
      <c r="C15810" s="2" t="s">
        <v>48387</v>
      </c>
      <c r="D15810" s="14" t="s">
        <v>48388</v>
      </c>
      <c r="E15810" s="2" t="s">
        <v>48389</v>
      </c>
      <c r="F15810" s="2" t="s">
        <v>41005</v>
      </c>
      <c r="G15810" s="8">
        <v>333</v>
      </c>
      <c r="H15810" s="5">
        <v>6</v>
      </c>
      <c r="I15810" s="5" t="s">
        <v>1518</v>
      </c>
      <c r="J15810" s="5" t="s">
        <v>40939</v>
      </c>
      <c r="K15810" s="2" t="s">
        <v>40940</v>
      </c>
      <c r="L15810" s="5" t="s">
        <v>40939</v>
      </c>
      <c r="M15810" s="2" t="s">
        <v>40940</v>
      </c>
      <c r="N15810" s="5" t="s">
        <v>36266</v>
      </c>
      <c r="O15810" s="5" t="s">
        <v>38</v>
      </c>
      <c r="P15810" s="5" t="s">
        <v>39</v>
      </c>
      <c r="Q15810" s="5" t="s">
        <v>40</v>
      </c>
      <c r="R15810" s="5" t="s">
        <v>1522</v>
      </c>
      <c r="S15810" s="5" t="s">
        <v>1523</v>
      </c>
      <c r="T15810" s="5" t="s">
        <v>42</v>
      </c>
      <c r="U15810" s="2">
        <v>3.5819999999999999</v>
      </c>
      <c r="V15810" s="2">
        <v>3.0059999999999998</v>
      </c>
      <c r="W15810" s="2">
        <v>1.7999999999999999E-2</v>
      </c>
      <c r="X15810" s="2">
        <v>139.1</v>
      </c>
      <c r="Y15810" s="2">
        <v>7.6</v>
      </c>
      <c r="Z15810" s="2">
        <v>16.7</v>
      </c>
      <c r="AA15810" s="5"/>
      <c r="AB15810" s="5" t="s">
        <v>43</v>
      </c>
      <c r="AC15810" s="5" t="s">
        <v>44</v>
      </c>
      <c r="AD15810" s="2"/>
      <c r="AE15810" s="1"/>
    </row>
    <row r="15811" spans="1:31" ht="14.45">
      <c r="A15811" s="11"/>
      <c r="B15811" s="20"/>
      <c r="C15811" s="2" t="s">
        <v>48390</v>
      </c>
      <c r="D15811" s="14" t="s">
        <v>48391</v>
      </c>
      <c r="E15811" s="2" t="s">
        <v>48392</v>
      </c>
      <c r="F15811" s="2" t="s">
        <v>41013</v>
      </c>
      <c r="G15811" s="8">
        <v>333</v>
      </c>
      <c r="H15811" s="5">
        <v>6</v>
      </c>
      <c r="I15811" s="5" t="s">
        <v>1518</v>
      </c>
      <c r="J15811" s="5" t="s">
        <v>40939</v>
      </c>
      <c r="K15811" s="2" t="s">
        <v>40940</v>
      </c>
      <c r="L15811" s="5" t="s">
        <v>40939</v>
      </c>
      <c r="M15811" s="2" t="s">
        <v>40940</v>
      </c>
      <c r="N15811" s="5" t="s">
        <v>36266</v>
      </c>
      <c r="O15811" s="5" t="s">
        <v>38</v>
      </c>
      <c r="P15811" s="5" t="s">
        <v>39</v>
      </c>
      <c r="Q15811" s="5" t="s">
        <v>40</v>
      </c>
      <c r="R15811" s="5" t="s">
        <v>1522</v>
      </c>
      <c r="S15811" s="5" t="s">
        <v>1523</v>
      </c>
      <c r="T15811" s="5" t="s">
        <v>42</v>
      </c>
      <c r="U15811" s="2">
        <v>3.5960000000000001</v>
      </c>
      <c r="V15811" s="2">
        <v>3.02</v>
      </c>
      <c r="W15811" s="2">
        <v>1.7999999999999999E-2</v>
      </c>
      <c r="X15811" s="2">
        <v>139.1</v>
      </c>
      <c r="Y15811" s="2">
        <v>7.6</v>
      </c>
      <c r="Z15811" s="2">
        <v>16.7</v>
      </c>
      <c r="AA15811" s="5"/>
      <c r="AB15811" s="5" t="s">
        <v>43</v>
      </c>
      <c r="AC15811" s="5" t="s">
        <v>44</v>
      </c>
      <c r="AD15811" s="2"/>
      <c r="AE15811" s="1"/>
    </row>
    <row r="15812" spans="1:31" ht="14.45">
      <c r="A15812" s="11"/>
      <c r="B15812" s="20"/>
      <c r="C15812" s="2" t="s">
        <v>48393</v>
      </c>
      <c r="D15812" s="14" t="s">
        <v>48394</v>
      </c>
      <c r="E15812" s="2" t="s">
        <v>48395</v>
      </c>
      <c r="F15812" s="2" t="s">
        <v>7396</v>
      </c>
      <c r="G15812" s="8">
        <v>307</v>
      </c>
      <c r="H15812" s="5">
        <v>6</v>
      </c>
      <c r="I15812" s="5" t="s">
        <v>1518</v>
      </c>
      <c r="J15812" s="5" t="s">
        <v>40939</v>
      </c>
      <c r="K15812" s="2" t="s">
        <v>40940</v>
      </c>
      <c r="L15812" s="5" t="s">
        <v>40939</v>
      </c>
      <c r="M15812" s="2" t="s">
        <v>40940</v>
      </c>
      <c r="N15812" s="5" t="s">
        <v>36266</v>
      </c>
      <c r="O15812" s="5" t="s">
        <v>38</v>
      </c>
      <c r="P15812" s="5" t="s">
        <v>39</v>
      </c>
      <c r="Q15812" s="5" t="s">
        <v>40</v>
      </c>
      <c r="R15812" s="5" t="s">
        <v>1522</v>
      </c>
      <c r="S15812" s="5" t="s">
        <v>1523</v>
      </c>
      <c r="T15812" s="5" t="s">
        <v>42</v>
      </c>
      <c r="U15812" s="2">
        <v>3.484</v>
      </c>
      <c r="V15812" s="2">
        <v>2.9079999999999999</v>
      </c>
      <c r="W15812" s="2">
        <v>1.7999999999999999E-2</v>
      </c>
      <c r="X15812" s="2">
        <v>139.1</v>
      </c>
      <c r="Y15812" s="2">
        <v>7.6</v>
      </c>
      <c r="Z15812" s="2">
        <v>16.7</v>
      </c>
      <c r="AA15812" s="5"/>
      <c r="AB15812" s="5" t="s">
        <v>43</v>
      </c>
      <c r="AC15812" s="5" t="s">
        <v>44</v>
      </c>
      <c r="AD15812" s="2"/>
      <c r="AE15812" s="1"/>
    </row>
    <row r="15813" spans="1:31" ht="14.45">
      <c r="A15813" s="11"/>
      <c r="B15813" s="20"/>
      <c r="C15813" s="2" t="s">
        <v>48396</v>
      </c>
      <c r="D15813" s="14" t="s">
        <v>48397</v>
      </c>
      <c r="E15813" s="2" t="s">
        <v>48398</v>
      </c>
      <c r="F15813" s="2" t="s">
        <v>7507</v>
      </c>
      <c r="G15813" s="8">
        <v>307</v>
      </c>
      <c r="H15813" s="5">
        <v>6</v>
      </c>
      <c r="I15813" s="5" t="s">
        <v>1518</v>
      </c>
      <c r="J15813" s="5" t="s">
        <v>40939</v>
      </c>
      <c r="K15813" s="2" t="s">
        <v>40940</v>
      </c>
      <c r="L15813" s="5" t="s">
        <v>40939</v>
      </c>
      <c r="M15813" s="2" t="s">
        <v>40940</v>
      </c>
      <c r="N15813" s="5" t="s">
        <v>36266</v>
      </c>
      <c r="O15813" s="5" t="s">
        <v>38</v>
      </c>
      <c r="P15813" s="5" t="s">
        <v>39</v>
      </c>
      <c r="Q15813" s="5" t="s">
        <v>40</v>
      </c>
      <c r="R15813" s="5" t="s">
        <v>1522</v>
      </c>
      <c r="S15813" s="5" t="s">
        <v>1523</v>
      </c>
      <c r="T15813" s="5" t="s">
        <v>42</v>
      </c>
      <c r="U15813" s="2">
        <v>3.5960000000000001</v>
      </c>
      <c r="V15813" s="2">
        <v>3.02</v>
      </c>
      <c r="W15813" s="2">
        <v>1.7999999999999999E-2</v>
      </c>
      <c r="X15813" s="2">
        <v>139.1</v>
      </c>
      <c r="Y15813" s="2">
        <v>7.6</v>
      </c>
      <c r="Z15813" s="2">
        <v>16.7</v>
      </c>
      <c r="AA15813" s="5"/>
      <c r="AB15813" s="5" t="s">
        <v>43</v>
      </c>
      <c r="AC15813" s="5" t="s">
        <v>44</v>
      </c>
      <c r="AD15813" s="2"/>
      <c r="AE15813" s="1"/>
    </row>
    <row r="15814" spans="1:31" ht="14.45">
      <c r="A15814" s="11"/>
      <c r="B15814" s="20"/>
      <c r="C15814" s="2" t="s">
        <v>48399</v>
      </c>
      <c r="D15814" s="14" t="s">
        <v>48400</v>
      </c>
      <c r="E15814" s="2" t="s">
        <v>48401</v>
      </c>
      <c r="F15814" s="2" t="s">
        <v>41023</v>
      </c>
      <c r="G15814" s="8">
        <v>333</v>
      </c>
      <c r="H15814" s="5">
        <v>6</v>
      </c>
      <c r="I15814" s="5" t="s">
        <v>1518</v>
      </c>
      <c r="J15814" s="5" t="s">
        <v>40939</v>
      </c>
      <c r="K15814" s="2" t="s">
        <v>40940</v>
      </c>
      <c r="L15814" s="5" t="s">
        <v>40939</v>
      </c>
      <c r="M15814" s="2" t="s">
        <v>40940</v>
      </c>
      <c r="N15814" s="5" t="s">
        <v>36266</v>
      </c>
      <c r="O15814" s="5" t="s">
        <v>38</v>
      </c>
      <c r="P15814" s="5" t="s">
        <v>39</v>
      </c>
      <c r="Q15814" s="5" t="s">
        <v>40</v>
      </c>
      <c r="R15814" s="5" t="s">
        <v>1522</v>
      </c>
      <c r="S15814" s="5" t="s">
        <v>1523</v>
      </c>
      <c r="T15814" s="5" t="s">
        <v>42</v>
      </c>
      <c r="U15814" s="2">
        <v>3.4119999999999999</v>
      </c>
      <c r="V15814" s="2">
        <v>2.8359999999999999</v>
      </c>
      <c r="W15814" s="2">
        <v>1.7999999999999999E-2</v>
      </c>
      <c r="X15814" s="2">
        <v>139.1</v>
      </c>
      <c r="Y15814" s="2">
        <v>7.6</v>
      </c>
      <c r="Z15814" s="2">
        <v>16.7</v>
      </c>
      <c r="AA15814" s="5"/>
      <c r="AB15814" s="5" t="s">
        <v>43</v>
      </c>
      <c r="AC15814" s="5" t="s">
        <v>44</v>
      </c>
      <c r="AD15814" s="2"/>
      <c r="AE15814" s="1"/>
    </row>
    <row r="15815" spans="1:31" ht="14.45">
      <c r="A15815" s="11"/>
      <c r="B15815" s="20"/>
      <c r="C15815" s="2" t="s">
        <v>48402</v>
      </c>
      <c r="D15815" s="14" t="s">
        <v>48403</v>
      </c>
      <c r="E15815" s="2" t="s">
        <v>48404</v>
      </c>
      <c r="F15815" s="2" t="s">
        <v>41027</v>
      </c>
      <c r="G15815" s="8">
        <v>333</v>
      </c>
      <c r="H15815" s="5">
        <v>6</v>
      </c>
      <c r="I15815" s="5" t="s">
        <v>1518</v>
      </c>
      <c r="J15815" s="5" t="s">
        <v>40939</v>
      </c>
      <c r="K15815" s="2" t="s">
        <v>40940</v>
      </c>
      <c r="L15815" s="5" t="s">
        <v>40939</v>
      </c>
      <c r="M15815" s="2" t="s">
        <v>40940</v>
      </c>
      <c r="N15815" s="5" t="s">
        <v>36266</v>
      </c>
      <c r="O15815" s="5" t="s">
        <v>38</v>
      </c>
      <c r="P15815" s="5" t="s">
        <v>39</v>
      </c>
      <c r="Q15815" s="5" t="s">
        <v>40</v>
      </c>
      <c r="R15815" s="5" t="s">
        <v>1522</v>
      </c>
      <c r="S15815" s="5" t="s">
        <v>1523</v>
      </c>
      <c r="T15815" s="5" t="s">
        <v>42</v>
      </c>
      <c r="U15815" s="2">
        <v>3.524</v>
      </c>
      <c r="V15815" s="2">
        <v>2.948</v>
      </c>
      <c r="W15815" s="2">
        <v>1.7999999999999999E-2</v>
      </c>
      <c r="X15815" s="2">
        <v>139.1</v>
      </c>
      <c r="Y15815" s="2">
        <v>7.6</v>
      </c>
      <c r="Z15815" s="2">
        <v>16.7</v>
      </c>
      <c r="AA15815" s="5"/>
      <c r="AB15815" s="5" t="s">
        <v>43</v>
      </c>
      <c r="AC15815" s="5" t="s">
        <v>44</v>
      </c>
      <c r="AD15815" s="2"/>
      <c r="AE15815" s="1"/>
    </row>
    <row r="15816" spans="1:31" ht="14.45">
      <c r="A15816" s="11"/>
      <c r="B15816" s="20"/>
      <c r="C15816" s="2" t="s">
        <v>48405</v>
      </c>
      <c r="D15816" s="14" t="s">
        <v>48406</v>
      </c>
      <c r="E15816" s="2" t="s">
        <v>48407</v>
      </c>
      <c r="F15816" s="2" t="s">
        <v>41031</v>
      </c>
      <c r="G15816" s="8">
        <v>333</v>
      </c>
      <c r="H15816" s="5">
        <v>6</v>
      </c>
      <c r="I15816" s="5" t="s">
        <v>1518</v>
      </c>
      <c r="J15816" s="5" t="s">
        <v>40939</v>
      </c>
      <c r="K15816" s="2" t="s">
        <v>40940</v>
      </c>
      <c r="L15816" s="5" t="s">
        <v>40939</v>
      </c>
      <c r="M15816" s="2" t="s">
        <v>40940</v>
      </c>
      <c r="N15816" s="5" t="s">
        <v>36266</v>
      </c>
      <c r="O15816" s="5" t="s">
        <v>38</v>
      </c>
      <c r="P15816" s="5" t="s">
        <v>39</v>
      </c>
      <c r="Q15816" s="5" t="s">
        <v>40</v>
      </c>
      <c r="R15816" s="5" t="s">
        <v>1522</v>
      </c>
      <c r="S15816" s="5" t="s">
        <v>1523</v>
      </c>
      <c r="T15816" s="5" t="s">
        <v>42</v>
      </c>
      <c r="U15816" s="2">
        <v>3.4119999999999999</v>
      </c>
      <c r="V15816" s="2">
        <v>2.8359999999999999</v>
      </c>
      <c r="W15816" s="2">
        <v>1.7999999999999999E-2</v>
      </c>
      <c r="X15816" s="2">
        <v>139.1</v>
      </c>
      <c r="Y15816" s="2">
        <v>7.6</v>
      </c>
      <c r="Z15816" s="2">
        <v>16.7</v>
      </c>
      <c r="AA15816" s="5"/>
      <c r="AB15816" s="5" t="s">
        <v>43</v>
      </c>
      <c r="AC15816" s="5" t="s">
        <v>44</v>
      </c>
      <c r="AD15816" s="2"/>
      <c r="AE15816" s="1"/>
    </row>
    <row r="15817" spans="1:31" ht="14.45">
      <c r="A15817" s="11"/>
      <c r="B15817" s="20"/>
      <c r="C15817" s="2" t="s">
        <v>48408</v>
      </c>
      <c r="D15817" s="14" t="s">
        <v>48409</v>
      </c>
      <c r="E15817" s="2" t="s">
        <v>48410</v>
      </c>
      <c r="F15817" s="2" t="s">
        <v>41035</v>
      </c>
      <c r="G15817" s="8">
        <v>333</v>
      </c>
      <c r="H15817" s="5">
        <v>6</v>
      </c>
      <c r="I15817" s="5" t="s">
        <v>1518</v>
      </c>
      <c r="J15817" s="5" t="s">
        <v>40939</v>
      </c>
      <c r="K15817" s="2" t="s">
        <v>40940</v>
      </c>
      <c r="L15817" s="5" t="s">
        <v>40939</v>
      </c>
      <c r="M15817" s="2" t="s">
        <v>40940</v>
      </c>
      <c r="N15817" s="5" t="s">
        <v>36266</v>
      </c>
      <c r="O15817" s="5" t="s">
        <v>38</v>
      </c>
      <c r="P15817" s="5" t="s">
        <v>39</v>
      </c>
      <c r="Q15817" s="5" t="s">
        <v>40</v>
      </c>
      <c r="R15817" s="5" t="s">
        <v>1522</v>
      </c>
      <c r="S15817" s="5" t="s">
        <v>1523</v>
      </c>
      <c r="T15817" s="5" t="s">
        <v>42</v>
      </c>
      <c r="U15817" s="2">
        <v>3.524</v>
      </c>
      <c r="V15817" s="2">
        <v>2.948</v>
      </c>
      <c r="W15817" s="2">
        <v>1.7999999999999999E-2</v>
      </c>
      <c r="X15817" s="2">
        <v>139.1</v>
      </c>
      <c r="Y15817" s="2">
        <v>7.6</v>
      </c>
      <c r="Z15817" s="2">
        <v>16.7</v>
      </c>
      <c r="AA15817" s="5"/>
      <c r="AB15817" s="5" t="s">
        <v>43</v>
      </c>
      <c r="AC15817" s="5" t="s">
        <v>44</v>
      </c>
      <c r="AD15817" s="2"/>
      <c r="AE15817" s="1"/>
    </row>
    <row r="15818" spans="1:31" ht="14.45">
      <c r="A15818" s="11"/>
      <c r="B15818" s="20"/>
      <c r="C15818" s="2" t="s">
        <v>48411</v>
      </c>
      <c r="D15818" s="14" t="s">
        <v>48412</v>
      </c>
      <c r="E15818" s="2" t="s">
        <v>48413</v>
      </c>
      <c r="F15818" s="2" t="s">
        <v>7581</v>
      </c>
      <c r="G15818" s="8">
        <v>333</v>
      </c>
      <c r="H15818" s="5">
        <v>6</v>
      </c>
      <c r="I15818" s="5" t="s">
        <v>1518</v>
      </c>
      <c r="J15818" s="5" t="s">
        <v>40939</v>
      </c>
      <c r="K15818" s="2" t="s">
        <v>40940</v>
      </c>
      <c r="L15818" s="5" t="s">
        <v>40939</v>
      </c>
      <c r="M15818" s="2" t="s">
        <v>40940</v>
      </c>
      <c r="N15818" s="5" t="s">
        <v>36266</v>
      </c>
      <c r="O15818" s="5" t="s">
        <v>38</v>
      </c>
      <c r="P15818" s="5" t="s">
        <v>39</v>
      </c>
      <c r="Q15818" s="5" t="s">
        <v>40</v>
      </c>
      <c r="R15818" s="5" t="s">
        <v>1522</v>
      </c>
      <c r="S15818" s="5" t="s">
        <v>1523</v>
      </c>
      <c r="T15818" s="5" t="s">
        <v>42</v>
      </c>
      <c r="U15818" s="2">
        <v>3.524</v>
      </c>
      <c r="V15818" s="2">
        <v>2.948</v>
      </c>
      <c r="W15818" s="2">
        <v>1.7999999999999999E-2</v>
      </c>
      <c r="X15818" s="2">
        <v>139.1</v>
      </c>
      <c r="Y15818" s="2">
        <v>7.6</v>
      </c>
      <c r="Z15818" s="2">
        <v>16.7</v>
      </c>
      <c r="AA15818" s="5"/>
      <c r="AB15818" s="5" t="s">
        <v>43</v>
      </c>
      <c r="AC15818" s="5" t="s">
        <v>44</v>
      </c>
      <c r="AD15818" s="2"/>
      <c r="AE15818" s="1"/>
    </row>
    <row r="15819" spans="1:31" ht="14.45">
      <c r="A15819" s="11"/>
      <c r="B15819" s="20"/>
      <c r="C15819" s="2" t="s">
        <v>48414</v>
      </c>
      <c r="D15819" s="14" t="s">
        <v>48415</v>
      </c>
      <c r="E15819" s="2" t="s">
        <v>48416</v>
      </c>
      <c r="F15819" s="2" t="s">
        <v>41045</v>
      </c>
      <c r="G15819" s="8">
        <v>333</v>
      </c>
      <c r="H15819" s="5">
        <v>6</v>
      </c>
      <c r="I15819" s="5" t="s">
        <v>1518</v>
      </c>
      <c r="J15819" s="5" t="s">
        <v>40939</v>
      </c>
      <c r="K15819" s="2" t="s">
        <v>40940</v>
      </c>
      <c r="L15819" s="5" t="s">
        <v>40939</v>
      </c>
      <c r="M15819" s="2" t="s">
        <v>40940</v>
      </c>
      <c r="N15819" s="5" t="s">
        <v>36266</v>
      </c>
      <c r="O15819" s="5" t="s">
        <v>38</v>
      </c>
      <c r="P15819" s="5" t="s">
        <v>39</v>
      </c>
      <c r="Q15819" s="5" t="s">
        <v>40</v>
      </c>
      <c r="R15819" s="5" t="s">
        <v>1522</v>
      </c>
      <c r="S15819" s="5" t="s">
        <v>1523</v>
      </c>
      <c r="T15819" s="5" t="s">
        <v>42</v>
      </c>
      <c r="U15819" s="2">
        <v>3.4990000000000001</v>
      </c>
      <c r="V15819" s="2">
        <v>2.923</v>
      </c>
      <c r="W15819" s="2">
        <v>1.7999999999999999E-2</v>
      </c>
      <c r="X15819" s="2">
        <v>139.1</v>
      </c>
      <c r="Y15819" s="2">
        <v>7.6</v>
      </c>
      <c r="Z15819" s="2">
        <v>16.7</v>
      </c>
      <c r="AA15819" s="5"/>
      <c r="AB15819" s="5" t="s">
        <v>43</v>
      </c>
      <c r="AC15819" s="5" t="s">
        <v>44</v>
      </c>
      <c r="AD15819" s="2"/>
      <c r="AE15819" s="1"/>
    </row>
    <row r="15820" spans="1:31" ht="14.45">
      <c r="A15820" s="11"/>
      <c r="B15820" s="20"/>
      <c r="C15820" s="2" t="s">
        <v>48417</v>
      </c>
      <c r="D15820" s="14" t="s">
        <v>48418</v>
      </c>
      <c r="E15820" s="2" t="s">
        <v>48419</v>
      </c>
      <c r="F15820" s="2" t="s">
        <v>41049</v>
      </c>
      <c r="G15820" s="8">
        <v>333</v>
      </c>
      <c r="H15820" s="5">
        <v>6</v>
      </c>
      <c r="I15820" s="5" t="s">
        <v>1518</v>
      </c>
      <c r="J15820" s="5" t="s">
        <v>40939</v>
      </c>
      <c r="K15820" s="2" t="s">
        <v>40940</v>
      </c>
      <c r="L15820" s="5" t="s">
        <v>40939</v>
      </c>
      <c r="M15820" s="2" t="s">
        <v>40940</v>
      </c>
      <c r="N15820" s="5" t="s">
        <v>36266</v>
      </c>
      <c r="O15820" s="5" t="s">
        <v>38</v>
      </c>
      <c r="P15820" s="5" t="s">
        <v>39</v>
      </c>
      <c r="Q15820" s="5" t="s">
        <v>40</v>
      </c>
      <c r="R15820" s="5" t="s">
        <v>1522</v>
      </c>
      <c r="S15820" s="5" t="s">
        <v>1523</v>
      </c>
      <c r="T15820" s="5" t="s">
        <v>42</v>
      </c>
      <c r="U15820" s="2">
        <v>3.6110000000000002</v>
      </c>
      <c r="V15820" s="2">
        <v>3.0350000000000001</v>
      </c>
      <c r="W15820" s="2">
        <v>1.7999999999999999E-2</v>
      </c>
      <c r="X15820" s="2">
        <v>139.1</v>
      </c>
      <c r="Y15820" s="2">
        <v>7.6</v>
      </c>
      <c r="Z15820" s="2">
        <v>16.7</v>
      </c>
      <c r="AA15820" s="5"/>
      <c r="AB15820" s="5" t="s">
        <v>43</v>
      </c>
      <c r="AC15820" s="5" t="s">
        <v>44</v>
      </c>
      <c r="AD15820" s="2"/>
      <c r="AE15820" s="1"/>
    </row>
    <row r="15821" spans="1:31" ht="14.45">
      <c r="A15821" s="11"/>
      <c r="B15821" s="20"/>
      <c r="C15821" s="2" t="s">
        <v>48420</v>
      </c>
      <c r="D15821" s="14" t="s">
        <v>48421</v>
      </c>
      <c r="E15821" s="2" t="s">
        <v>48422</v>
      </c>
      <c r="F15821" s="2" t="s">
        <v>7204</v>
      </c>
      <c r="G15821" s="8">
        <v>329</v>
      </c>
      <c r="H15821" s="5">
        <v>6</v>
      </c>
      <c r="I15821" s="5" t="s">
        <v>1518</v>
      </c>
      <c r="J15821" s="5" t="s">
        <v>40939</v>
      </c>
      <c r="K15821" s="2" t="s">
        <v>40940</v>
      </c>
      <c r="L15821" s="5" t="s">
        <v>40939</v>
      </c>
      <c r="M15821" s="2" t="s">
        <v>40940</v>
      </c>
      <c r="N15821" s="5" t="s">
        <v>36266</v>
      </c>
      <c r="O15821" s="5" t="s">
        <v>38</v>
      </c>
      <c r="P15821" s="5" t="s">
        <v>39</v>
      </c>
      <c r="Q15821" s="5" t="s">
        <v>40</v>
      </c>
      <c r="R15821" s="5" t="s">
        <v>1522</v>
      </c>
      <c r="S15821" s="5" t="s">
        <v>1523</v>
      </c>
      <c r="T15821" s="5" t="s">
        <v>42</v>
      </c>
      <c r="U15821" s="2">
        <v>3.6760000000000002</v>
      </c>
      <c r="V15821" s="2">
        <v>3.0169999999999999</v>
      </c>
      <c r="W15821" s="2">
        <v>0.02</v>
      </c>
      <c r="X15821" s="2">
        <v>159.1</v>
      </c>
      <c r="Y15821" s="2">
        <v>7.6</v>
      </c>
      <c r="Z15821" s="2">
        <v>16.7</v>
      </c>
      <c r="AA15821" s="5"/>
      <c r="AB15821" s="5" t="s">
        <v>43</v>
      </c>
      <c r="AC15821" s="5" t="s">
        <v>44</v>
      </c>
      <c r="AD15821" s="2"/>
      <c r="AE15821" s="1"/>
    </row>
    <row r="15822" spans="1:31" ht="14.45">
      <c r="A15822" s="11"/>
      <c r="B15822" s="20"/>
      <c r="C15822" s="2" t="s">
        <v>48423</v>
      </c>
      <c r="D15822" s="14" t="s">
        <v>48424</v>
      </c>
      <c r="E15822" s="2" t="s">
        <v>48425</v>
      </c>
      <c r="F15822" s="2" t="s">
        <v>7514</v>
      </c>
      <c r="G15822" s="8">
        <v>329</v>
      </c>
      <c r="H15822" s="5">
        <v>6</v>
      </c>
      <c r="I15822" s="5" t="s">
        <v>1518</v>
      </c>
      <c r="J15822" s="5" t="s">
        <v>40939</v>
      </c>
      <c r="K15822" s="2" t="s">
        <v>40940</v>
      </c>
      <c r="L15822" s="5" t="s">
        <v>40939</v>
      </c>
      <c r="M15822" s="2" t="s">
        <v>40940</v>
      </c>
      <c r="N15822" s="5" t="s">
        <v>36266</v>
      </c>
      <c r="O15822" s="5" t="s">
        <v>38</v>
      </c>
      <c r="P15822" s="5" t="s">
        <v>39</v>
      </c>
      <c r="Q15822" s="5" t="s">
        <v>40</v>
      </c>
      <c r="R15822" s="5" t="s">
        <v>1522</v>
      </c>
      <c r="S15822" s="5" t="s">
        <v>1523</v>
      </c>
      <c r="T15822" s="5" t="s">
        <v>42</v>
      </c>
      <c r="U15822" s="2">
        <v>3.8</v>
      </c>
      <c r="V15822" s="2">
        <v>3.141</v>
      </c>
      <c r="W15822" s="2">
        <v>0.02</v>
      </c>
      <c r="X15822" s="2">
        <v>159.1</v>
      </c>
      <c r="Y15822" s="2">
        <v>7.6</v>
      </c>
      <c r="Z15822" s="2">
        <v>16.7</v>
      </c>
      <c r="AA15822" s="5"/>
      <c r="AB15822" s="5" t="s">
        <v>43</v>
      </c>
      <c r="AC15822" s="5" t="s">
        <v>44</v>
      </c>
      <c r="AD15822" s="2"/>
      <c r="AE15822" s="1"/>
    </row>
    <row r="15823" spans="1:31" ht="14.45">
      <c r="A15823" s="11"/>
      <c r="B15823" s="20"/>
      <c r="C15823" s="2" t="s">
        <v>48426</v>
      </c>
      <c r="D15823" s="14" t="s">
        <v>48427</v>
      </c>
      <c r="E15823" s="2" t="s">
        <v>48428</v>
      </c>
      <c r="F15823" s="2" t="s">
        <v>47266</v>
      </c>
      <c r="G15823" s="8">
        <v>359</v>
      </c>
      <c r="H15823" s="5">
        <v>6</v>
      </c>
      <c r="I15823" s="5" t="s">
        <v>1518</v>
      </c>
      <c r="J15823" s="5" t="s">
        <v>40939</v>
      </c>
      <c r="K15823" s="2" t="s">
        <v>40940</v>
      </c>
      <c r="L15823" s="5" t="s">
        <v>40939</v>
      </c>
      <c r="M15823" s="2" t="s">
        <v>40940</v>
      </c>
      <c r="N15823" s="5" t="s">
        <v>36266</v>
      </c>
      <c r="O15823" s="5" t="s">
        <v>38</v>
      </c>
      <c r="P15823" s="5" t="s">
        <v>39</v>
      </c>
      <c r="Q15823" s="5" t="s">
        <v>40</v>
      </c>
      <c r="R15823" s="5" t="s">
        <v>1522</v>
      </c>
      <c r="S15823" s="5" t="s">
        <v>1523</v>
      </c>
      <c r="T15823" s="5" t="s">
        <v>42</v>
      </c>
      <c r="U15823" s="2">
        <v>3.7090000000000001</v>
      </c>
      <c r="V15823" s="2">
        <v>3.05</v>
      </c>
      <c r="W15823" s="2">
        <v>0.02</v>
      </c>
      <c r="X15823" s="2">
        <v>159.1</v>
      </c>
      <c r="Y15823" s="2">
        <v>7.6</v>
      </c>
      <c r="Z15823" s="2">
        <v>16.7</v>
      </c>
      <c r="AA15823" s="5"/>
      <c r="AB15823" s="5" t="s">
        <v>43</v>
      </c>
      <c r="AC15823" s="5" t="s">
        <v>44</v>
      </c>
      <c r="AD15823" s="2"/>
      <c r="AE15823" s="1"/>
    </row>
    <row r="15824" spans="1:31" ht="14.45">
      <c r="A15824" s="11"/>
      <c r="B15824" s="20"/>
      <c r="C15824" s="2" t="s">
        <v>48429</v>
      </c>
      <c r="D15824" s="14" t="s">
        <v>48430</v>
      </c>
      <c r="E15824" s="2" t="s">
        <v>48431</v>
      </c>
      <c r="F15824" s="2" t="s">
        <v>47195</v>
      </c>
      <c r="G15824" s="8">
        <v>359</v>
      </c>
      <c r="H15824" s="5">
        <v>6</v>
      </c>
      <c r="I15824" s="5" t="s">
        <v>1518</v>
      </c>
      <c r="J15824" s="5" t="s">
        <v>40939</v>
      </c>
      <c r="K15824" s="2" t="s">
        <v>40940</v>
      </c>
      <c r="L15824" s="5" t="s">
        <v>40939</v>
      </c>
      <c r="M15824" s="2" t="s">
        <v>40940</v>
      </c>
      <c r="N15824" s="5" t="s">
        <v>36266</v>
      </c>
      <c r="O15824" s="5" t="s">
        <v>38</v>
      </c>
      <c r="P15824" s="5" t="s">
        <v>39</v>
      </c>
      <c r="Q15824" s="5" t="s">
        <v>40</v>
      </c>
      <c r="R15824" s="5" t="s">
        <v>1522</v>
      </c>
      <c r="S15824" s="5" t="s">
        <v>1523</v>
      </c>
      <c r="T15824" s="5" t="s">
        <v>42</v>
      </c>
      <c r="U15824" s="2">
        <v>3.8330000000000002</v>
      </c>
      <c r="V15824" s="2">
        <v>3.1739999999999999</v>
      </c>
      <c r="W15824" s="2">
        <v>0.02</v>
      </c>
      <c r="X15824" s="2">
        <v>159.1</v>
      </c>
      <c r="Y15824" s="2">
        <v>7.6</v>
      </c>
      <c r="Z15824" s="2">
        <v>16.7</v>
      </c>
      <c r="AA15824" s="5"/>
      <c r="AB15824" s="5" t="s">
        <v>43</v>
      </c>
      <c r="AC15824" s="5" t="s">
        <v>44</v>
      </c>
      <c r="AD15824" s="2"/>
      <c r="AE15824" s="1"/>
    </row>
    <row r="15825" spans="1:31" ht="14.45">
      <c r="A15825" s="11"/>
      <c r="B15825" s="20"/>
      <c r="C15825" s="2" t="s">
        <v>48432</v>
      </c>
      <c r="D15825" s="14" t="s">
        <v>48433</v>
      </c>
      <c r="E15825" s="2" t="s">
        <v>48434</v>
      </c>
      <c r="F15825" s="2" t="s">
        <v>7208</v>
      </c>
      <c r="G15825" s="8">
        <v>329</v>
      </c>
      <c r="H15825" s="5">
        <v>6</v>
      </c>
      <c r="I15825" s="5" t="s">
        <v>1518</v>
      </c>
      <c r="J15825" s="5" t="s">
        <v>40939</v>
      </c>
      <c r="K15825" s="2" t="s">
        <v>40940</v>
      </c>
      <c r="L15825" s="5" t="s">
        <v>40939</v>
      </c>
      <c r="M15825" s="2" t="s">
        <v>40940</v>
      </c>
      <c r="N15825" s="5" t="s">
        <v>36266</v>
      </c>
      <c r="O15825" s="5" t="s">
        <v>38</v>
      </c>
      <c r="P15825" s="5" t="s">
        <v>39</v>
      </c>
      <c r="Q15825" s="5" t="s">
        <v>40</v>
      </c>
      <c r="R15825" s="5" t="s">
        <v>1522</v>
      </c>
      <c r="S15825" s="5" t="s">
        <v>1523</v>
      </c>
      <c r="T15825" s="5" t="s">
        <v>42</v>
      </c>
      <c r="U15825" s="2">
        <v>3.726</v>
      </c>
      <c r="V15825" s="2">
        <v>3.0670000000000002</v>
      </c>
      <c r="W15825" s="2">
        <v>0.02</v>
      </c>
      <c r="X15825" s="2">
        <v>159.1</v>
      </c>
      <c r="Y15825" s="2">
        <v>7.6</v>
      </c>
      <c r="Z15825" s="2">
        <v>16.7</v>
      </c>
      <c r="AA15825" s="5"/>
      <c r="AB15825" s="5" t="s">
        <v>43</v>
      </c>
      <c r="AC15825" s="5" t="s">
        <v>44</v>
      </c>
      <c r="AD15825" s="2"/>
      <c r="AE15825" s="1"/>
    </row>
    <row r="15826" spans="1:31" ht="14.45">
      <c r="A15826" s="11"/>
      <c r="B15826" s="20"/>
      <c r="C15826" s="2" t="s">
        <v>48435</v>
      </c>
      <c r="D15826" s="14" t="s">
        <v>48436</v>
      </c>
      <c r="E15826" s="2" t="s">
        <v>48437</v>
      </c>
      <c r="F15826" s="2" t="s">
        <v>7521</v>
      </c>
      <c r="G15826" s="8">
        <v>329</v>
      </c>
      <c r="H15826" s="5">
        <v>6</v>
      </c>
      <c r="I15826" s="5" t="s">
        <v>1518</v>
      </c>
      <c r="J15826" s="5" t="s">
        <v>40939</v>
      </c>
      <c r="K15826" s="2" t="s">
        <v>40940</v>
      </c>
      <c r="L15826" s="5" t="s">
        <v>40939</v>
      </c>
      <c r="M15826" s="2" t="s">
        <v>40940</v>
      </c>
      <c r="N15826" s="5" t="s">
        <v>36266</v>
      </c>
      <c r="O15826" s="5" t="s">
        <v>38</v>
      </c>
      <c r="P15826" s="5" t="s">
        <v>39</v>
      </c>
      <c r="Q15826" s="5" t="s">
        <v>40</v>
      </c>
      <c r="R15826" s="5" t="s">
        <v>1522</v>
      </c>
      <c r="S15826" s="5" t="s">
        <v>1523</v>
      </c>
      <c r="T15826" s="5" t="s">
        <v>42</v>
      </c>
      <c r="U15826" s="2">
        <v>3.85</v>
      </c>
      <c r="V15826" s="2">
        <v>3.1909999999999998</v>
      </c>
      <c r="W15826" s="2">
        <v>0.02</v>
      </c>
      <c r="X15826" s="2">
        <v>159.1</v>
      </c>
      <c r="Y15826" s="2">
        <v>7.6</v>
      </c>
      <c r="Z15826" s="2">
        <v>16.7</v>
      </c>
      <c r="AA15826" s="5"/>
      <c r="AB15826" s="5" t="s">
        <v>43</v>
      </c>
      <c r="AC15826" s="5" t="s">
        <v>44</v>
      </c>
      <c r="AD15826" s="2"/>
      <c r="AE15826" s="1"/>
    </row>
    <row r="15827" spans="1:31" ht="14.45">
      <c r="A15827" s="11"/>
      <c r="B15827" s="20"/>
      <c r="C15827" s="2" t="s">
        <v>48438</v>
      </c>
      <c r="D15827" s="14" t="s">
        <v>48439</v>
      </c>
      <c r="E15827" s="2" t="s">
        <v>48440</v>
      </c>
      <c r="F15827" s="2" t="s">
        <v>36273</v>
      </c>
      <c r="G15827" s="8">
        <v>329</v>
      </c>
      <c r="H15827" s="5">
        <v>6</v>
      </c>
      <c r="I15827" s="5" t="s">
        <v>1518</v>
      </c>
      <c r="J15827" s="5" t="s">
        <v>40939</v>
      </c>
      <c r="K15827" s="2" t="s">
        <v>40940</v>
      </c>
      <c r="L15827" s="5" t="s">
        <v>40939</v>
      </c>
      <c r="M15827" s="2" t="s">
        <v>40940</v>
      </c>
      <c r="N15827" s="5" t="s">
        <v>36266</v>
      </c>
      <c r="O15827" s="5" t="s">
        <v>38</v>
      </c>
      <c r="P15827" s="5" t="s">
        <v>39</v>
      </c>
      <c r="Q15827" s="5" t="s">
        <v>40</v>
      </c>
      <c r="R15827" s="5" t="s">
        <v>1522</v>
      </c>
      <c r="S15827" s="5" t="s">
        <v>1523</v>
      </c>
      <c r="T15827" s="5" t="s">
        <v>42</v>
      </c>
      <c r="U15827" s="2">
        <v>3.7589999999999999</v>
      </c>
      <c r="V15827" s="2">
        <v>3.1</v>
      </c>
      <c r="W15827" s="2">
        <v>0.02</v>
      </c>
      <c r="X15827" s="2">
        <v>159.1</v>
      </c>
      <c r="Y15827" s="2">
        <v>7.6</v>
      </c>
      <c r="Z15827" s="2">
        <v>16.7</v>
      </c>
      <c r="AA15827" s="5"/>
      <c r="AB15827" s="5" t="s">
        <v>43</v>
      </c>
      <c r="AC15827" s="5" t="s">
        <v>44</v>
      </c>
      <c r="AD15827" s="2"/>
      <c r="AE15827" s="1"/>
    </row>
    <row r="15828" spans="1:31" ht="14.45">
      <c r="A15828" s="11"/>
      <c r="B15828" s="20"/>
      <c r="C15828" s="2" t="s">
        <v>48441</v>
      </c>
      <c r="D15828" s="14" t="s">
        <v>48442</v>
      </c>
      <c r="E15828" s="2" t="s">
        <v>48443</v>
      </c>
      <c r="F15828" s="2" t="s">
        <v>36277</v>
      </c>
      <c r="G15828" s="8">
        <v>329</v>
      </c>
      <c r="H15828" s="5">
        <v>6</v>
      </c>
      <c r="I15828" s="5" t="s">
        <v>1518</v>
      </c>
      <c r="J15828" s="5" t="s">
        <v>40939</v>
      </c>
      <c r="K15828" s="2" t="s">
        <v>40940</v>
      </c>
      <c r="L15828" s="5" t="s">
        <v>40939</v>
      </c>
      <c r="M15828" s="2" t="s">
        <v>40940</v>
      </c>
      <c r="N15828" s="5" t="s">
        <v>36266</v>
      </c>
      <c r="O15828" s="5" t="s">
        <v>38</v>
      </c>
      <c r="P15828" s="5" t="s">
        <v>39</v>
      </c>
      <c r="Q15828" s="5" t="s">
        <v>40</v>
      </c>
      <c r="R15828" s="5" t="s">
        <v>1522</v>
      </c>
      <c r="S15828" s="5" t="s">
        <v>1523</v>
      </c>
      <c r="T15828" s="5" t="s">
        <v>42</v>
      </c>
      <c r="U15828" s="2">
        <v>3.883</v>
      </c>
      <c r="V15828" s="2">
        <v>3.2240000000000002</v>
      </c>
      <c r="W15828" s="2">
        <v>0.02</v>
      </c>
      <c r="X15828" s="2">
        <v>159.1</v>
      </c>
      <c r="Y15828" s="2">
        <v>7.6</v>
      </c>
      <c r="Z15828" s="2">
        <v>16.7</v>
      </c>
      <c r="AA15828" s="5"/>
      <c r="AB15828" s="5" t="s">
        <v>43</v>
      </c>
      <c r="AC15828" s="5" t="s">
        <v>44</v>
      </c>
      <c r="AD15828" s="2"/>
      <c r="AE15828" s="1"/>
    </row>
    <row r="15829" spans="1:31" ht="14.45">
      <c r="A15829" s="11"/>
      <c r="B15829" s="20"/>
      <c r="C15829" s="2" t="s">
        <v>48444</v>
      </c>
      <c r="D15829" s="14" t="s">
        <v>48445</v>
      </c>
      <c r="E15829" s="2" t="s">
        <v>48446</v>
      </c>
      <c r="F15829" s="2" t="s">
        <v>40967</v>
      </c>
      <c r="G15829" s="8">
        <v>359</v>
      </c>
      <c r="H15829" s="5">
        <v>6</v>
      </c>
      <c r="I15829" s="5" t="s">
        <v>1518</v>
      </c>
      <c r="J15829" s="5" t="s">
        <v>40939</v>
      </c>
      <c r="K15829" s="2" t="s">
        <v>40940</v>
      </c>
      <c r="L15829" s="5" t="s">
        <v>40939</v>
      </c>
      <c r="M15829" s="2" t="s">
        <v>40940</v>
      </c>
      <c r="N15829" s="5" t="s">
        <v>36266</v>
      </c>
      <c r="O15829" s="5" t="s">
        <v>38</v>
      </c>
      <c r="P15829" s="5" t="s">
        <v>39</v>
      </c>
      <c r="Q15829" s="5" t="s">
        <v>40</v>
      </c>
      <c r="R15829" s="5" t="s">
        <v>1522</v>
      </c>
      <c r="S15829" s="5" t="s">
        <v>1523</v>
      </c>
      <c r="T15829" s="5" t="s">
        <v>42</v>
      </c>
      <c r="U15829" s="2">
        <v>3.726</v>
      </c>
      <c r="V15829" s="2">
        <v>3.0670000000000002</v>
      </c>
      <c r="W15829" s="2">
        <v>0.02</v>
      </c>
      <c r="X15829" s="2">
        <v>159.1</v>
      </c>
      <c r="Y15829" s="2">
        <v>7.6</v>
      </c>
      <c r="Z15829" s="2">
        <v>16.7</v>
      </c>
      <c r="AA15829" s="5"/>
      <c r="AB15829" s="5" t="s">
        <v>43</v>
      </c>
      <c r="AC15829" s="5" t="s">
        <v>44</v>
      </c>
      <c r="AD15829" s="2"/>
      <c r="AE15829" s="1"/>
    </row>
    <row r="15830" spans="1:31" ht="14.45">
      <c r="A15830" s="11"/>
      <c r="B15830" s="20"/>
      <c r="C15830" s="2" t="s">
        <v>48447</v>
      </c>
      <c r="D15830" s="14" t="s">
        <v>48448</v>
      </c>
      <c r="E15830" s="2" t="s">
        <v>48449</v>
      </c>
      <c r="F15830" s="2" t="s">
        <v>40971</v>
      </c>
      <c r="G15830" s="8">
        <v>359</v>
      </c>
      <c r="H15830" s="5">
        <v>6</v>
      </c>
      <c r="I15830" s="5" t="s">
        <v>1518</v>
      </c>
      <c r="J15830" s="5" t="s">
        <v>40939</v>
      </c>
      <c r="K15830" s="2" t="s">
        <v>40940</v>
      </c>
      <c r="L15830" s="5" t="s">
        <v>40939</v>
      </c>
      <c r="M15830" s="2" t="s">
        <v>40940</v>
      </c>
      <c r="N15830" s="5" t="s">
        <v>36266</v>
      </c>
      <c r="O15830" s="5" t="s">
        <v>38</v>
      </c>
      <c r="P15830" s="5" t="s">
        <v>39</v>
      </c>
      <c r="Q15830" s="5" t="s">
        <v>40</v>
      </c>
      <c r="R15830" s="5" t="s">
        <v>1522</v>
      </c>
      <c r="S15830" s="5" t="s">
        <v>1523</v>
      </c>
      <c r="T15830" s="5" t="s">
        <v>42</v>
      </c>
      <c r="U15830" s="2">
        <v>3.85</v>
      </c>
      <c r="V15830" s="2">
        <v>3.1909999999999998</v>
      </c>
      <c r="W15830" s="2">
        <v>0.02</v>
      </c>
      <c r="X15830" s="2">
        <v>159.1</v>
      </c>
      <c r="Y15830" s="2">
        <v>7.6</v>
      </c>
      <c r="Z15830" s="2">
        <v>16.7</v>
      </c>
      <c r="AA15830" s="5"/>
      <c r="AB15830" s="5" t="s">
        <v>43</v>
      </c>
      <c r="AC15830" s="5" t="s">
        <v>44</v>
      </c>
      <c r="AD15830" s="2"/>
      <c r="AE15830" s="1"/>
    </row>
    <row r="15831" spans="1:31" ht="14.45">
      <c r="A15831" s="11"/>
      <c r="B15831" s="20"/>
      <c r="C15831" s="2" t="s">
        <v>48450</v>
      </c>
      <c r="D15831" s="14" t="s">
        <v>48451</v>
      </c>
      <c r="E15831" s="2" t="s">
        <v>48452</v>
      </c>
      <c r="F15831" s="2" t="s">
        <v>40993</v>
      </c>
      <c r="G15831" s="8">
        <v>359</v>
      </c>
      <c r="H15831" s="5">
        <v>6</v>
      </c>
      <c r="I15831" s="5" t="s">
        <v>1518</v>
      </c>
      <c r="J15831" s="5" t="s">
        <v>40939</v>
      </c>
      <c r="K15831" s="2" t="s">
        <v>40940</v>
      </c>
      <c r="L15831" s="5" t="s">
        <v>40939</v>
      </c>
      <c r="M15831" s="2" t="s">
        <v>40940</v>
      </c>
      <c r="N15831" s="5" t="s">
        <v>36266</v>
      </c>
      <c r="O15831" s="5" t="s">
        <v>38</v>
      </c>
      <c r="P15831" s="5" t="s">
        <v>39</v>
      </c>
      <c r="Q15831" s="5" t="s">
        <v>40</v>
      </c>
      <c r="R15831" s="5" t="s">
        <v>1522</v>
      </c>
      <c r="S15831" s="5" t="s">
        <v>1523</v>
      </c>
      <c r="T15831" s="5" t="s">
        <v>42</v>
      </c>
      <c r="U15831" s="2">
        <v>3.85</v>
      </c>
      <c r="V15831" s="2">
        <v>3.1909999999999998</v>
      </c>
      <c r="W15831" s="2">
        <v>0.02</v>
      </c>
      <c r="X15831" s="2">
        <v>159.1</v>
      </c>
      <c r="Y15831" s="2">
        <v>7.6</v>
      </c>
      <c r="Z15831" s="2">
        <v>16.7</v>
      </c>
      <c r="AA15831" s="5"/>
      <c r="AB15831" s="5" t="s">
        <v>43</v>
      </c>
      <c r="AC15831" s="5" t="s">
        <v>44</v>
      </c>
      <c r="AD15831" s="2"/>
      <c r="AE15831" s="1"/>
    </row>
    <row r="15832" spans="1:31" ht="14.45">
      <c r="A15832" s="11"/>
      <c r="B15832" s="20"/>
      <c r="C15832" s="2" t="s">
        <v>48453</v>
      </c>
      <c r="D15832" s="14" t="s">
        <v>48454</v>
      </c>
      <c r="E15832" s="2" t="s">
        <v>48455</v>
      </c>
      <c r="F15832" s="2" t="s">
        <v>7396</v>
      </c>
      <c r="G15832" s="8">
        <v>329</v>
      </c>
      <c r="H15832" s="5">
        <v>6</v>
      </c>
      <c r="I15832" s="5" t="s">
        <v>1518</v>
      </c>
      <c r="J15832" s="5" t="s">
        <v>40939</v>
      </c>
      <c r="K15832" s="2" t="s">
        <v>40940</v>
      </c>
      <c r="L15832" s="5" t="s">
        <v>40939</v>
      </c>
      <c r="M15832" s="2" t="s">
        <v>40940</v>
      </c>
      <c r="N15832" s="5" t="s">
        <v>36266</v>
      </c>
      <c r="O15832" s="5" t="s">
        <v>38</v>
      </c>
      <c r="P15832" s="5" t="s">
        <v>39</v>
      </c>
      <c r="Q15832" s="5" t="s">
        <v>40</v>
      </c>
      <c r="R15832" s="5" t="s">
        <v>1522</v>
      </c>
      <c r="S15832" s="5" t="s">
        <v>1523</v>
      </c>
      <c r="T15832" s="5" t="s">
        <v>42</v>
      </c>
      <c r="U15832" s="2">
        <v>3.7429999999999999</v>
      </c>
      <c r="V15832" s="2">
        <v>3.0840000000000001</v>
      </c>
      <c r="W15832" s="2">
        <v>0.02</v>
      </c>
      <c r="X15832" s="2">
        <v>159.1</v>
      </c>
      <c r="Y15832" s="2">
        <v>7.6</v>
      </c>
      <c r="Z15832" s="2">
        <v>16.7</v>
      </c>
      <c r="AA15832" s="5"/>
      <c r="AB15832" s="5" t="s">
        <v>43</v>
      </c>
      <c r="AC15832" s="5" t="s">
        <v>44</v>
      </c>
      <c r="AD15832" s="2"/>
      <c r="AE15832" s="1"/>
    </row>
    <row r="15833" spans="1:31" ht="14.45">
      <c r="A15833" s="11"/>
      <c r="B15833" s="20"/>
      <c r="C15833" s="2" t="s">
        <v>48456</v>
      </c>
      <c r="D15833" s="14" t="s">
        <v>48457</v>
      </c>
      <c r="E15833" s="2" t="s">
        <v>48458</v>
      </c>
      <c r="F15833" s="2" t="s">
        <v>7507</v>
      </c>
      <c r="G15833" s="8">
        <v>329</v>
      </c>
      <c r="H15833" s="5">
        <v>6</v>
      </c>
      <c r="I15833" s="5" t="s">
        <v>1518</v>
      </c>
      <c r="J15833" s="5" t="s">
        <v>40939</v>
      </c>
      <c r="K15833" s="2" t="s">
        <v>40940</v>
      </c>
      <c r="L15833" s="5" t="s">
        <v>40939</v>
      </c>
      <c r="M15833" s="2" t="s">
        <v>40940</v>
      </c>
      <c r="N15833" s="5" t="s">
        <v>36266</v>
      </c>
      <c r="O15833" s="5" t="s">
        <v>38</v>
      </c>
      <c r="P15833" s="5" t="s">
        <v>39</v>
      </c>
      <c r="Q15833" s="5" t="s">
        <v>40</v>
      </c>
      <c r="R15833" s="5" t="s">
        <v>1522</v>
      </c>
      <c r="S15833" s="5" t="s">
        <v>1523</v>
      </c>
      <c r="T15833" s="5" t="s">
        <v>42</v>
      </c>
      <c r="U15833" s="2">
        <v>3.867</v>
      </c>
      <c r="V15833" s="2">
        <v>3.2080000000000002</v>
      </c>
      <c r="W15833" s="2">
        <v>0.02</v>
      </c>
      <c r="X15833" s="2">
        <v>159.1</v>
      </c>
      <c r="Y15833" s="2">
        <v>7.6</v>
      </c>
      <c r="Z15833" s="2">
        <v>16.7</v>
      </c>
      <c r="AA15833" s="5"/>
      <c r="AB15833" s="5" t="s">
        <v>43</v>
      </c>
      <c r="AC15833" s="5" t="s">
        <v>44</v>
      </c>
      <c r="AD15833" s="2"/>
      <c r="AE15833" s="1"/>
    </row>
    <row r="15834" spans="1:31" ht="14.45">
      <c r="A15834" s="11"/>
      <c r="B15834" s="20"/>
      <c r="C15834" s="2" t="s">
        <v>48459</v>
      </c>
      <c r="D15834" s="14" t="s">
        <v>48460</v>
      </c>
      <c r="E15834" s="2" t="s">
        <v>48461</v>
      </c>
      <c r="F15834" s="2" t="s">
        <v>41023</v>
      </c>
      <c r="G15834" s="8">
        <v>359</v>
      </c>
      <c r="H15834" s="5">
        <v>6</v>
      </c>
      <c r="I15834" s="5" t="s">
        <v>1518</v>
      </c>
      <c r="J15834" s="5" t="s">
        <v>40939</v>
      </c>
      <c r="K15834" s="2" t="s">
        <v>40940</v>
      </c>
      <c r="L15834" s="5" t="s">
        <v>40939</v>
      </c>
      <c r="M15834" s="2" t="s">
        <v>40940</v>
      </c>
      <c r="N15834" s="5" t="s">
        <v>36266</v>
      </c>
      <c r="O15834" s="5" t="s">
        <v>38</v>
      </c>
      <c r="P15834" s="5" t="s">
        <v>39</v>
      </c>
      <c r="Q15834" s="5" t="s">
        <v>40</v>
      </c>
      <c r="R15834" s="5" t="s">
        <v>1522</v>
      </c>
      <c r="S15834" s="5" t="s">
        <v>1523</v>
      </c>
      <c r="T15834" s="5" t="s">
        <v>42</v>
      </c>
      <c r="U15834" s="2">
        <v>3.6589999999999998</v>
      </c>
      <c r="V15834" s="2">
        <v>3</v>
      </c>
      <c r="W15834" s="2">
        <v>0.02</v>
      </c>
      <c r="X15834" s="2">
        <v>159.1</v>
      </c>
      <c r="Y15834" s="2">
        <v>7.6</v>
      </c>
      <c r="Z15834" s="2">
        <v>16.7</v>
      </c>
      <c r="AA15834" s="5"/>
      <c r="AB15834" s="5" t="s">
        <v>43</v>
      </c>
      <c r="AC15834" s="5" t="s">
        <v>44</v>
      </c>
      <c r="AD15834" s="2"/>
      <c r="AE15834" s="1"/>
    </row>
    <row r="15835" spans="1:31" ht="14.45">
      <c r="A15835" s="11"/>
      <c r="B15835" s="20"/>
      <c r="C15835" s="2" t="s">
        <v>48462</v>
      </c>
      <c r="D15835" s="14" t="s">
        <v>48463</v>
      </c>
      <c r="E15835" s="2" t="s">
        <v>48464</v>
      </c>
      <c r="F15835" s="2" t="s">
        <v>41027</v>
      </c>
      <c r="G15835" s="8">
        <v>359</v>
      </c>
      <c r="H15835" s="5">
        <v>6</v>
      </c>
      <c r="I15835" s="5" t="s">
        <v>1518</v>
      </c>
      <c r="J15835" s="5" t="s">
        <v>40939</v>
      </c>
      <c r="K15835" s="2" t="s">
        <v>40940</v>
      </c>
      <c r="L15835" s="5" t="s">
        <v>40939</v>
      </c>
      <c r="M15835" s="2" t="s">
        <v>40940</v>
      </c>
      <c r="N15835" s="5" t="s">
        <v>36266</v>
      </c>
      <c r="O15835" s="5" t="s">
        <v>38</v>
      </c>
      <c r="P15835" s="5" t="s">
        <v>39</v>
      </c>
      <c r="Q15835" s="5" t="s">
        <v>40</v>
      </c>
      <c r="R15835" s="5" t="s">
        <v>1522</v>
      </c>
      <c r="S15835" s="5" t="s">
        <v>1523</v>
      </c>
      <c r="T15835" s="5" t="s">
        <v>42</v>
      </c>
      <c r="U15835" s="2">
        <v>3.7829999999999999</v>
      </c>
      <c r="V15835" s="2">
        <v>3.1240000000000001</v>
      </c>
      <c r="W15835" s="2">
        <v>0.02</v>
      </c>
      <c r="X15835" s="2">
        <v>159.1</v>
      </c>
      <c r="Y15835" s="2">
        <v>7.6</v>
      </c>
      <c r="Z15835" s="2">
        <v>16.7</v>
      </c>
      <c r="AA15835" s="5"/>
      <c r="AB15835" s="5" t="s">
        <v>43</v>
      </c>
      <c r="AC15835" s="5" t="s">
        <v>44</v>
      </c>
      <c r="AD15835" s="2"/>
      <c r="AE15835" s="1"/>
    </row>
    <row r="15836" spans="1:31" ht="14.45">
      <c r="A15836" s="11"/>
      <c r="B15836" s="20"/>
      <c r="C15836" s="2" t="s">
        <v>48465</v>
      </c>
      <c r="D15836" s="14" t="s">
        <v>48466</v>
      </c>
      <c r="E15836" s="2" t="s">
        <v>48467</v>
      </c>
      <c r="F15836" s="2" t="s">
        <v>41031</v>
      </c>
      <c r="G15836" s="8">
        <v>359</v>
      </c>
      <c r="H15836" s="5">
        <v>6</v>
      </c>
      <c r="I15836" s="5" t="s">
        <v>1518</v>
      </c>
      <c r="J15836" s="5" t="s">
        <v>40939</v>
      </c>
      <c r="K15836" s="2" t="s">
        <v>40940</v>
      </c>
      <c r="L15836" s="5" t="s">
        <v>40939</v>
      </c>
      <c r="M15836" s="2" t="s">
        <v>40940</v>
      </c>
      <c r="N15836" s="5" t="s">
        <v>36266</v>
      </c>
      <c r="O15836" s="5" t="s">
        <v>38</v>
      </c>
      <c r="P15836" s="5" t="s">
        <v>39</v>
      </c>
      <c r="Q15836" s="5" t="s">
        <v>40</v>
      </c>
      <c r="R15836" s="5" t="s">
        <v>1522</v>
      </c>
      <c r="S15836" s="5" t="s">
        <v>1523</v>
      </c>
      <c r="T15836" s="5" t="s">
        <v>42</v>
      </c>
      <c r="U15836" s="2">
        <v>3.6589999999999998</v>
      </c>
      <c r="V15836" s="2">
        <v>3</v>
      </c>
      <c r="W15836" s="2">
        <v>0.02</v>
      </c>
      <c r="X15836" s="2">
        <v>159.1</v>
      </c>
      <c r="Y15836" s="2">
        <v>7.6</v>
      </c>
      <c r="Z15836" s="2">
        <v>16.7</v>
      </c>
      <c r="AA15836" s="5"/>
      <c r="AB15836" s="5" t="s">
        <v>43</v>
      </c>
      <c r="AC15836" s="5" t="s">
        <v>44</v>
      </c>
      <c r="AD15836" s="2"/>
      <c r="AE15836" s="1"/>
    </row>
    <row r="15837" spans="1:31" ht="14.45">
      <c r="A15837" s="11"/>
      <c r="B15837" s="20"/>
      <c r="C15837" s="2" t="s">
        <v>48468</v>
      </c>
      <c r="D15837" s="14" t="s">
        <v>48469</v>
      </c>
      <c r="E15837" s="2" t="s">
        <v>48470</v>
      </c>
      <c r="F15837" s="2" t="s">
        <v>7204</v>
      </c>
      <c r="G15837" s="8">
        <v>307</v>
      </c>
      <c r="H15837" s="5">
        <v>6</v>
      </c>
      <c r="I15837" s="5" t="s">
        <v>1518</v>
      </c>
      <c r="J15837" s="5" t="s">
        <v>40939</v>
      </c>
      <c r="K15837" s="2" t="s">
        <v>40940</v>
      </c>
      <c r="L15837" s="5" t="s">
        <v>40939</v>
      </c>
      <c r="M15837" s="2" t="s">
        <v>40940</v>
      </c>
      <c r="N15837" s="5" t="s">
        <v>36266</v>
      </c>
      <c r="O15837" s="5" t="s">
        <v>38</v>
      </c>
      <c r="P15837" s="5" t="s">
        <v>39</v>
      </c>
      <c r="Q15837" s="5" t="s">
        <v>40</v>
      </c>
      <c r="R15837" s="5" t="s">
        <v>1522</v>
      </c>
      <c r="S15837" s="5" t="s">
        <v>1523</v>
      </c>
      <c r="T15837" s="5" t="s">
        <v>42</v>
      </c>
      <c r="U15837" s="2">
        <v>3.4470000000000001</v>
      </c>
      <c r="V15837" s="2">
        <v>2.7810000000000001</v>
      </c>
      <c r="W15837" s="2">
        <v>0.02</v>
      </c>
      <c r="X15837" s="2">
        <v>159.1</v>
      </c>
      <c r="Y15837" s="2">
        <v>7.6</v>
      </c>
      <c r="Z15837" s="2">
        <v>16.7</v>
      </c>
      <c r="AA15837" s="5"/>
      <c r="AB15837" s="5" t="s">
        <v>43</v>
      </c>
      <c r="AC15837" s="5" t="s">
        <v>44</v>
      </c>
      <c r="AD15837" s="2"/>
      <c r="AE15837" s="1"/>
    </row>
    <row r="15838" spans="1:31" ht="14.45">
      <c r="A15838" s="11"/>
      <c r="B15838" s="20"/>
      <c r="C15838" s="2" t="s">
        <v>48471</v>
      </c>
      <c r="D15838" s="14" t="s">
        <v>48472</v>
      </c>
      <c r="E15838" s="2" t="s">
        <v>48473</v>
      </c>
      <c r="F15838" s="2" t="s">
        <v>7514</v>
      </c>
      <c r="G15838" s="8">
        <v>307</v>
      </c>
      <c r="H15838" s="5">
        <v>6</v>
      </c>
      <c r="I15838" s="5" t="s">
        <v>1518</v>
      </c>
      <c r="J15838" s="5" t="s">
        <v>40939</v>
      </c>
      <c r="K15838" s="2" t="s">
        <v>40940</v>
      </c>
      <c r="L15838" s="5" t="s">
        <v>40939</v>
      </c>
      <c r="M15838" s="2" t="s">
        <v>40940</v>
      </c>
      <c r="N15838" s="5" t="s">
        <v>36266</v>
      </c>
      <c r="O15838" s="5" t="s">
        <v>38</v>
      </c>
      <c r="P15838" s="5" t="s">
        <v>39</v>
      </c>
      <c r="Q15838" s="5" t="s">
        <v>40</v>
      </c>
      <c r="R15838" s="5" t="s">
        <v>1522</v>
      </c>
      <c r="S15838" s="5" t="s">
        <v>1523</v>
      </c>
      <c r="T15838" s="5" t="s">
        <v>42</v>
      </c>
      <c r="U15838" s="2">
        <v>3.5419999999999998</v>
      </c>
      <c r="V15838" s="2">
        <v>2.8759999999999999</v>
      </c>
      <c r="W15838" s="2">
        <v>0.02</v>
      </c>
      <c r="X15838" s="2">
        <v>159.1</v>
      </c>
      <c r="Y15838" s="2">
        <v>7.6</v>
      </c>
      <c r="Z15838" s="2">
        <v>16.7</v>
      </c>
      <c r="AA15838" s="5"/>
      <c r="AB15838" s="5" t="s">
        <v>43</v>
      </c>
      <c r="AC15838" s="5" t="s">
        <v>44</v>
      </c>
      <c r="AD15838" s="2"/>
      <c r="AE15838" s="1"/>
    </row>
    <row r="15839" spans="1:31" ht="14.45">
      <c r="A15839" s="11"/>
      <c r="B15839" s="20"/>
      <c r="C15839" s="2" t="s">
        <v>48474</v>
      </c>
      <c r="D15839" s="14" t="s">
        <v>48475</v>
      </c>
      <c r="E15839" s="2" t="s">
        <v>48476</v>
      </c>
      <c r="F15839" s="2" t="s">
        <v>7208</v>
      </c>
      <c r="G15839" s="8">
        <v>307</v>
      </c>
      <c r="H15839" s="5">
        <v>6</v>
      </c>
      <c r="I15839" s="5" t="s">
        <v>1518</v>
      </c>
      <c r="J15839" s="5" t="s">
        <v>40939</v>
      </c>
      <c r="K15839" s="2" t="s">
        <v>40940</v>
      </c>
      <c r="L15839" s="5" t="s">
        <v>40939</v>
      </c>
      <c r="M15839" s="2" t="s">
        <v>40940</v>
      </c>
      <c r="N15839" s="5" t="s">
        <v>36266</v>
      </c>
      <c r="O15839" s="5" t="s">
        <v>38</v>
      </c>
      <c r="P15839" s="5" t="s">
        <v>39</v>
      </c>
      <c r="Q15839" s="5" t="s">
        <v>40</v>
      </c>
      <c r="R15839" s="5" t="s">
        <v>1522</v>
      </c>
      <c r="S15839" s="5" t="s">
        <v>1523</v>
      </c>
      <c r="T15839" s="5" t="s">
        <v>42</v>
      </c>
      <c r="U15839" s="2">
        <v>3.4830000000000001</v>
      </c>
      <c r="V15839" s="2">
        <v>2.8170000000000002</v>
      </c>
      <c r="W15839" s="2">
        <v>0.02</v>
      </c>
      <c r="X15839" s="2">
        <v>159.1</v>
      </c>
      <c r="Y15839" s="2">
        <v>7.6</v>
      </c>
      <c r="Z15839" s="2">
        <v>16.7</v>
      </c>
      <c r="AA15839" s="5"/>
      <c r="AB15839" s="5" t="s">
        <v>43</v>
      </c>
      <c r="AC15839" s="5" t="s">
        <v>44</v>
      </c>
      <c r="AD15839" s="2"/>
      <c r="AE15839" s="1"/>
    </row>
    <row r="15840" spans="1:31" ht="14.45">
      <c r="A15840" s="11"/>
      <c r="B15840" s="20"/>
      <c r="C15840" s="2" t="s">
        <v>48477</v>
      </c>
      <c r="D15840" s="14" t="s">
        <v>48478</v>
      </c>
      <c r="E15840" s="2" t="s">
        <v>48479</v>
      </c>
      <c r="F15840" s="2" t="s">
        <v>40967</v>
      </c>
      <c r="G15840" s="8">
        <v>333</v>
      </c>
      <c r="H15840" s="5">
        <v>6</v>
      </c>
      <c r="I15840" s="5" t="s">
        <v>1518</v>
      </c>
      <c r="J15840" s="5" t="s">
        <v>40939</v>
      </c>
      <c r="K15840" s="2" t="s">
        <v>40940</v>
      </c>
      <c r="L15840" s="5" t="s">
        <v>40939</v>
      </c>
      <c r="M15840" s="2" t="s">
        <v>40940</v>
      </c>
      <c r="N15840" s="5" t="s">
        <v>36266</v>
      </c>
      <c r="O15840" s="5" t="s">
        <v>38</v>
      </c>
      <c r="P15840" s="5" t="s">
        <v>39</v>
      </c>
      <c r="Q15840" s="5" t="s">
        <v>40</v>
      </c>
      <c r="R15840" s="5" t="s">
        <v>1522</v>
      </c>
      <c r="S15840" s="5" t="s">
        <v>1523</v>
      </c>
      <c r="T15840" s="5" t="s">
        <v>42</v>
      </c>
      <c r="U15840" s="2">
        <v>3.4830000000000001</v>
      </c>
      <c r="V15840" s="2">
        <v>2.8170000000000002</v>
      </c>
      <c r="W15840" s="2">
        <v>0.02</v>
      </c>
      <c r="X15840" s="2">
        <v>159.1</v>
      </c>
      <c r="Y15840" s="2">
        <v>7.6</v>
      </c>
      <c r="Z15840" s="2">
        <v>16.7</v>
      </c>
      <c r="AA15840" s="5"/>
      <c r="AB15840" s="5" t="s">
        <v>43</v>
      </c>
      <c r="AC15840" s="5" t="s">
        <v>44</v>
      </c>
      <c r="AD15840" s="2"/>
      <c r="AE15840" s="1"/>
    </row>
    <row r="15841" spans="1:31" ht="14.45">
      <c r="A15841" s="11"/>
      <c r="B15841" s="20"/>
      <c r="C15841" s="2" t="s">
        <v>48480</v>
      </c>
      <c r="D15841" s="14" t="s">
        <v>48481</v>
      </c>
      <c r="E15841" s="2" t="s">
        <v>48482</v>
      </c>
      <c r="F15841" s="2" t="s">
        <v>40971</v>
      </c>
      <c r="G15841" s="8">
        <v>333</v>
      </c>
      <c r="H15841" s="5">
        <v>6</v>
      </c>
      <c r="I15841" s="5" t="s">
        <v>1518</v>
      </c>
      <c r="J15841" s="5" t="s">
        <v>40939</v>
      </c>
      <c r="K15841" s="2" t="s">
        <v>40940</v>
      </c>
      <c r="L15841" s="5" t="s">
        <v>40939</v>
      </c>
      <c r="M15841" s="2" t="s">
        <v>40940</v>
      </c>
      <c r="N15841" s="5" t="s">
        <v>36266</v>
      </c>
      <c r="O15841" s="5" t="s">
        <v>38</v>
      </c>
      <c r="P15841" s="5" t="s">
        <v>39</v>
      </c>
      <c r="Q15841" s="5" t="s">
        <v>40</v>
      </c>
      <c r="R15841" s="5" t="s">
        <v>1522</v>
      </c>
      <c r="S15841" s="5" t="s">
        <v>1523</v>
      </c>
      <c r="T15841" s="5" t="s">
        <v>42</v>
      </c>
      <c r="U15841" s="2">
        <v>3.5779999999999998</v>
      </c>
      <c r="V15841" s="2">
        <v>2.9119999999999999</v>
      </c>
      <c r="W15841" s="2">
        <v>0.02</v>
      </c>
      <c r="X15841" s="2">
        <v>159.1</v>
      </c>
      <c r="Y15841" s="2">
        <v>7.6</v>
      </c>
      <c r="Z15841" s="2">
        <v>16.7</v>
      </c>
      <c r="AA15841" s="5"/>
      <c r="AB15841" s="5" t="s">
        <v>43</v>
      </c>
      <c r="AC15841" s="5" t="s">
        <v>44</v>
      </c>
      <c r="AD15841" s="2"/>
      <c r="AE15841" s="1"/>
    </row>
    <row r="15842" spans="1:31" ht="14.45">
      <c r="A15842" s="11"/>
      <c r="B15842" s="20"/>
      <c r="C15842" s="2" t="s">
        <v>48483</v>
      </c>
      <c r="D15842" s="14" t="s">
        <v>48484</v>
      </c>
      <c r="E15842" s="2" t="s">
        <v>48485</v>
      </c>
      <c r="F15842" s="2" t="s">
        <v>41045</v>
      </c>
      <c r="G15842" s="8">
        <v>333</v>
      </c>
      <c r="H15842" s="5">
        <v>6</v>
      </c>
      <c r="I15842" s="5" t="s">
        <v>1518</v>
      </c>
      <c r="J15842" s="5" t="s">
        <v>40939</v>
      </c>
      <c r="K15842" s="2" t="s">
        <v>40940</v>
      </c>
      <c r="L15842" s="5" t="s">
        <v>40939</v>
      </c>
      <c r="M15842" s="2" t="s">
        <v>40940</v>
      </c>
      <c r="N15842" s="5" t="s">
        <v>36266</v>
      </c>
      <c r="O15842" s="5" t="s">
        <v>38</v>
      </c>
      <c r="P15842" s="5" t="s">
        <v>39</v>
      </c>
      <c r="Q15842" s="5" t="s">
        <v>40</v>
      </c>
      <c r="R15842" s="5" t="s">
        <v>1522</v>
      </c>
      <c r="S15842" s="5" t="s">
        <v>1523</v>
      </c>
      <c r="T15842" s="5" t="s">
        <v>42</v>
      </c>
      <c r="U15842" s="2">
        <v>3.5070000000000001</v>
      </c>
      <c r="V15842" s="2">
        <v>2.8410000000000002</v>
      </c>
      <c r="W15842" s="2">
        <v>0.02</v>
      </c>
      <c r="X15842" s="2">
        <v>159.1</v>
      </c>
      <c r="Y15842" s="2">
        <v>7.6</v>
      </c>
      <c r="Z15842" s="2">
        <v>16.7</v>
      </c>
      <c r="AA15842" s="5"/>
      <c r="AB15842" s="5" t="s">
        <v>43</v>
      </c>
      <c r="AC15842" s="5" t="s">
        <v>44</v>
      </c>
      <c r="AD15842" s="2"/>
      <c r="AE15842" s="1"/>
    </row>
    <row r="15843" spans="1:31" ht="14.45">
      <c r="A15843" s="11"/>
      <c r="B15843" s="20"/>
      <c r="C15843" s="2" t="s">
        <v>48486</v>
      </c>
      <c r="D15843" s="14" t="s">
        <v>48487</v>
      </c>
      <c r="E15843" s="2" t="s">
        <v>48488</v>
      </c>
      <c r="F15843" s="2" t="s">
        <v>7204</v>
      </c>
      <c r="G15843" s="8">
        <v>322</v>
      </c>
      <c r="H15843" s="5">
        <v>6</v>
      </c>
      <c r="I15843" s="5" t="s">
        <v>1518</v>
      </c>
      <c r="J15843" s="5" t="s">
        <v>40939</v>
      </c>
      <c r="K15843" s="2" t="s">
        <v>40940</v>
      </c>
      <c r="L15843" s="5" t="s">
        <v>40939</v>
      </c>
      <c r="M15843" s="2" t="s">
        <v>40940</v>
      </c>
      <c r="N15843" s="5" t="s">
        <v>36266</v>
      </c>
      <c r="O15843" s="5" t="s">
        <v>38</v>
      </c>
      <c r="P15843" s="5" t="s">
        <v>39</v>
      </c>
      <c r="Q15843" s="5" t="s">
        <v>40</v>
      </c>
      <c r="R15843" s="5" t="s">
        <v>1522</v>
      </c>
      <c r="S15843" s="5" t="s">
        <v>1523</v>
      </c>
      <c r="T15843" s="5" t="s">
        <v>42</v>
      </c>
      <c r="U15843" s="2">
        <v>3.7639999999999998</v>
      </c>
      <c r="V15843" s="2">
        <v>3.117</v>
      </c>
      <c r="W15843" s="2">
        <v>0.02</v>
      </c>
      <c r="X15843" s="2">
        <v>159.1</v>
      </c>
      <c r="Y15843" s="2">
        <v>7.6</v>
      </c>
      <c r="Z15843" s="2">
        <v>16.7</v>
      </c>
      <c r="AA15843" s="5"/>
      <c r="AB15843" s="5" t="s">
        <v>43</v>
      </c>
      <c r="AC15843" s="5" t="s">
        <v>44</v>
      </c>
      <c r="AD15843" s="2"/>
      <c r="AE15843" s="1"/>
    </row>
    <row r="15844" spans="1:31" ht="14.45">
      <c r="A15844" s="11"/>
      <c r="B15844" s="20"/>
      <c r="C15844" s="2" t="s">
        <v>48489</v>
      </c>
      <c r="D15844" s="14" t="s">
        <v>48490</v>
      </c>
      <c r="E15844" s="2" t="s">
        <v>48491</v>
      </c>
      <c r="F15844" s="2" t="s">
        <v>7514</v>
      </c>
      <c r="G15844" s="8">
        <v>322</v>
      </c>
      <c r="H15844" s="5">
        <v>6</v>
      </c>
      <c r="I15844" s="5" t="s">
        <v>1518</v>
      </c>
      <c r="J15844" s="5" t="s">
        <v>40939</v>
      </c>
      <c r="K15844" s="2" t="s">
        <v>40940</v>
      </c>
      <c r="L15844" s="5" t="s">
        <v>40939</v>
      </c>
      <c r="M15844" s="2" t="s">
        <v>40940</v>
      </c>
      <c r="N15844" s="5" t="s">
        <v>36266</v>
      </c>
      <c r="O15844" s="5" t="s">
        <v>38</v>
      </c>
      <c r="P15844" s="5" t="s">
        <v>39</v>
      </c>
      <c r="Q15844" s="5" t="s">
        <v>40</v>
      </c>
      <c r="R15844" s="5" t="s">
        <v>1522</v>
      </c>
      <c r="S15844" s="5" t="s">
        <v>1523</v>
      </c>
      <c r="T15844" s="5" t="s">
        <v>42</v>
      </c>
      <c r="U15844" s="2">
        <v>3.8839999999999999</v>
      </c>
      <c r="V15844" s="2">
        <v>3.2370000000000001</v>
      </c>
      <c r="W15844" s="2">
        <v>0.02</v>
      </c>
      <c r="X15844" s="2">
        <v>159.1</v>
      </c>
      <c r="Y15844" s="2">
        <v>7.6</v>
      </c>
      <c r="Z15844" s="2">
        <v>16.7</v>
      </c>
      <c r="AA15844" s="5"/>
      <c r="AB15844" s="5" t="s">
        <v>43</v>
      </c>
      <c r="AC15844" s="5" t="s">
        <v>44</v>
      </c>
      <c r="AD15844" s="2"/>
      <c r="AE15844" s="1"/>
    </row>
    <row r="15845" spans="1:31" ht="14.45">
      <c r="A15845" s="11"/>
      <c r="B15845" s="20"/>
      <c r="C15845" s="2" t="s">
        <v>48492</v>
      </c>
      <c r="D15845" s="14" t="s">
        <v>48493</v>
      </c>
      <c r="E15845" s="2" t="s">
        <v>48494</v>
      </c>
      <c r="F15845" s="2" t="s">
        <v>7208</v>
      </c>
      <c r="G15845" s="8">
        <v>322</v>
      </c>
      <c r="H15845" s="5">
        <v>6</v>
      </c>
      <c r="I15845" s="5" t="s">
        <v>1518</v>
      </c>
      <c r="J15845" s="5" t="s">
        <v>40939</v>
      </c>
      <c r="K15845" s="2" t="s">
        <v>40940</v>
      </c>
      <c r="L15845" s="5" t="s">
        <v>40939</v>
      </c>
      <c r="M15845" s="2" t="s">
        <v>40940</v>
      </c>
      <c r="N15845" s="5" t="s">
        <v>36266</v>
      </c>
      <c r="O15845" s="5" t="s">
        <v>38</v>
      </c>
      <c r="P15845" s="5" t="s">
        <v>39</v>
      </c>
      <c r="Q15845" s="5" t="s">
        <v>40</v>
      </c>
      <c r="R15845" s="5" t="s">
        <v>1522</v>
      </c>
      <c r="S15845" s="5" t="s">
        <v>1523</v>
      </c>
      <c r="T15845" s="5" t="s">
        <v>42</v>
      </c>
      <c r="U15845" s="2">
        <v>3.8149999999999999</v>
      </c>
      <c r="V15845" s="2">
        <v>3.1680000000000001</v>
      </c>
      <c r="W15845" s="2">
        <v>0.02</v>
      </c>
      <c r="X15845" s="2">
        <v>159.1</v>
      </c>
      <c r="Y15845" s="2">
        <v>7.6</v>
      </c>
      <c r="Z15845" s="2">
        <v>16.7</v>
      </c>
      <c r="AA15845" s="5"/>
      <c r="AB15845" s="5" t="s">
        <v>43</v>
      </c>
      <c r="AC15845" s="5" t="s">
        <v>44</v>
      </c>
      <c r="AD15845" s="2"/>
      <c r="AE15845" s="1"/>
    </row>
    <row r="15846" spans="1:31" ht="14.45">
      <c r="A15846" s="11"/>
      <c r="B15846" s="20"/>
      <c r="C15846" s="2" t="s">
        <v>48495</v>
      </c>
      <c r="D15846" s="14" t="s">
        <v>48496</v>
      </c>
      <c r="E15846" s="2" t="s">
        <v>48497</v>
      </c>
      <c r="F15846" s="2" t="s">
        <v>36277</v>
      </c>
      <c r="G15846" s="8">
        <v>322</v>
      </c>
      <c r="H15846" s="5">
        <v>6</v>
      </c>
      <c r="I15846" s="5" t="s">
        <v>1518</v>
      </c>
      <c r="J15846" s="5" t="s">
        <v>40939</v>
      </c>
      <c r="K15846" s="2" t="s">
        <v>40940</v>
      </c>
      <c r="L15846" s="5" t="s">
        <v>40939</v>
      </c>
      <c r="M15846" s="2" t="s">
        <v>40940</v>
      </c>
      <c r="N15846" s="5" t="s">
        <v>36266</v>
      </c>
      <c r="O15846" s="5" t="s">
        <v>38</v>
      </c>
      <c r="P15846" s="5" t="s">
        <v>39</v>
      </c>
      <c r="Q15846" s="5" t="s">
        <v>40</v>
      </c>
      <c r="R15846" s="5" t="s">
        <v>1522</v>
      </c>
      <c r="S15846" s="5" t="s">
        <v>1523</v>
      </c>
      <c r="T15846" s="5" t="s">
        <v>42</v>
      </c>
      <c r="U15846" s="2">
        <v>3.9689999999999999</v>
      </c>
      <c r="V15846" s="2">
        <v>3.3220000000000001</v>
      </c>
      <c r="W15846" s="2">
        <v>0.02</v>
      </c>
      <c r="X15846" s="2">
        <v>159.1</v>
      </c>
      <c r="Y15846" s="2">
        <v>7.6</v>
      </c>
      <c r="Z15846" s="2">
        <v>16.7</v>
      </c>
      <c r="AA15846" s="5"/>
      <c r="AB15846" s="5" t="s">
        <v>43</v>
      </c>
      <c r="AC15846" s="5" t="s">
        <v>44</v>
      </c>
      <c r="AD15846" s="2"/>
      <c r="AE15846" s="1"/>
    </row>
    <row r="15847" spans="1:31" ht="14.45">
      <c r="A15847" s="11"/>
      <c r="B15847" s="20"/>
      <c r="C15847" s="2" t="s">
        <v>48498</v>
      </c>
      <c r="D15847" s="14" t="s">
        <v>48499</v>
      </c>
      <c r="E15847" s="2" t="s">
        <v>48500</v>
      </c>
      <c r="F15847" s="2" t="s">
        <v>40967</v>
      </c>
      <c r="G15847" s="8">
        <v>351</v>
      </c>
      <c r="H15847" s="5">
        <v>6</v>
      </c>
      <c r="I15847" s="5" t="s">
        <v>1518</v>
      </c>
      <c r="J15847" s="5" t="s">
        <v>40939</v>
      </c>
      <c r="K15847" s="2" t="s">
        <v>40940</v>
      </c>
      <c r="L15847" s="5" t="s">
        <v>40939</v>
      </c>
      <c r="M15847" s="2" t="s">
        <v>40940</v>
      </c>
      <c r="N15847" s="5" t="s">
        <v>36266</v>
      </c>
      <c r="O15847" s="5" t="s">
        <v>38</v>
      </c>
      <c r="P15847" s="5" t="s">
        <v>39</v>
      </c>
      <c r="Q15847" s="5" t="s">
        <v>40</v>
      </c>
      <c r="R15847" s="5" t="s">
        <v>1522</v>
      </c>
      <c r="S15847" s="5" t="s">
        <v>1523</v>
      </c>
      <c r="T15847" s="5" t="s">
        <v>42</v>
      </c>
      <c r="U15847" s="2">
        <v>3.8149999999999999</v>
      </c>
      <c r="V15847" s="2">
        <v>3.1680000000000001</v>
      </c>
      <c r="W15847" s="2">
        <v>0.02</v>
      </c>
      <c r="X15847" s="2">
        <v>159.1</v>
      </c>
      <c r="Y15847" s="2">
        <v>7.6</v>
      </c>
      <c r="Z15847" s="2">
        <v>16.7</v>
      </c>
      <c r="AA15847" s="5"/>
      <c r="AB15847" s="5" t="s">
        <v>43</v>
      </c>
      <c r="AC15847" s="5" t="s">
        <v>44</v>
      </c>
      <c r="AD15847" s="2"/>
      <c r="AE15847" s="1"/>
    </row>
    <row r="15848" spans="1:31" ht="14.45">
      <c r="A15848" s="11"/>
      <c r="B15848" s="20"/>
      <c r="C15848" s="2" t="s">
        <v>48501</v>
      </c>
      <c r="D15848" s="14" t="s">
        <v>48502</v>
      </c>
      <c r="E15848" s="2" t="s">
        <v>48503</v>
      </c>
      <c r="F15848" s="2" t="s">
        <v>40989</v>
      </c>
      <c r="G15848" s="8">
        <v>351</v>
      </c>
      <c r="H15848" s="5">
        <v>6</v>
      </c>
      <c r="I15848" s="5" t="s">
        <v>1518</v>
      </c>
      <c r="J15848" s="5" t="s">
        <v>40939</v>
      </c>
      <c r="K15848" s="2" t="s">
        <v>40940</v>
      </c>
      <c r="L15848" s="5" t="s">
        <v>40939</v>
      </c>
      <c r="M15848" s="2" t="s">
        <v>40940</v>
      </c>
      <c r="N15848" s="5" t="s">
        <v>36266</v>
      </c>
      <c r="O15848" s="5" t="s">
        <v>38</v>
      </c>
      <c r="P15848" s="5" t="s">
        <v>39</v>
      </c>
      <c r="Q15848" s="5" t="s">
        <v>40</v>
      </c>
      <c r="R15848" s="5" t="s">
        <v>1522</v>
      </c>
      <c r="S15848" s="5" t="s">
        <v>1523</v>
      </c>
      <c r="T15848" s="5" t="s">
        <v>42</v>
      </c>
      <c r="U15848" s="2">
        <v>3.8149999999999999</v>
      </c>
      <c r="V15848" s="2">
        <v>3.1680000000000001</v>
      </c>
      <c r="W15848" s="2">
        <v>0.02</v>
      </c>
      <c r="X15848" s="2">
        <v>159.1</v>
      </c>
      <c r="Y15848" s="2">
        <v>7.6</v>
      </c>
      <c r="Z15848" s="2">
        <v>16.7</v>
      </c>
      <c r="AA15848" s="5"/>
      <c r="AB15848" s="5" t="s">
        <v>43</v>
      </c>
      <c r="AC15848" s="5" t="s">
        <v>44</v>
      </c>
      <c r="AD15848" s="2"/>
      <c r="AE15848" s="1"/>
    </row>
    <row r="15849" spans="1:31" ht="14.45">
      <c r="A15849" s="11"/>
      <c r="B15849" s="20"/>
      <c r="C15849" s="2" t="s">
        <v>48504</v>
      </c>
      <c r="D15849" s="14" t="s">
        <v>48505</v>
      </c>
      <c r="E15849" s="2" t="s">
        <v>48506</v>
      </c>
      <c r="F15849" s="2" t="s">
        <v>41009</v>
      </c>
      <c r="G15849" s="8">
        <v>351</v>
      </c>
      <c r="H15849" s="5">
        <v>6</v>
      </c>
      <c r="I15849" s="5" t="s">
        <v>1518</v>
      </c>
      <c r="J15849" s="5" t="s">
        <v>40939</v>
      </c>
      <c r="K15849" s="2" t="s">
        <v>40940</v>
      </c>
      <c r="L15849" s="5" t="s">
        <v>40939</v>
      </c>
      <c r="M15849" s="2" t="s">
        <v>40940</v>
      </c>
      <c r="N15849" s="5" t="s">
        <v>36266</v>
      </c>
      <c r="O15849" s="5" t="s">
        <v>38</v>
      </c>
      <c r="P15849" s="5" t="s">
        <v>39</v>
      </c>
      <c r="Q15849" s="5" t="s">
        <v>40</v>
      </c>
      <c r="R15849" s="5" t="s">
        <v>1522</v>
      </c>
      <c r="S15849" s="5" t="s">
        <v>1523</v>
      </c>
      <c r="T15849" s="5" t="s">
        <v>42</v>
      </c>
      <c r="U15849" s="2">
        <v>3.8319999999999999</v>
      </c>
      <c r="V15849" s="2">
        <v>3.1850000000000001</v>
      </c>
      <c r="W15849" s="2">
        <v>0.02</v>
      </c>
      <c r="X15849" s="2">
        <v>159.1</v>
      </c>
      <c r="Y15849" s="2">
        <v>7.6</v>
      </c>
      <c r="Z15849" s="2">
        <v>16.7</v>
      </c>
      <c r="AA15849" s="5"/>
      <c r="AB15849" s="5" t="s">
        <v>43</v>
      </c>
      <c r="AC15849" s="5" t="s">
        <v>44</v>
      </c>
      <c r="AD15849" s="2"/>
      <c r="AE15849" s="1"/>
    </row>
    <row r="15850" spans="1:31" ht="14.45">
      <c r="A15850" s="11"/>
      <c r="B15850" s="20"/>
      <c r="C15850" s="2" t="s">
        <v>48507</v>
      </c>
      <c r="D15850" s="14" t="s">
        <v>48508</v>
      </c>
      <c r="E15850" s="2" t="s">
        <v>48509</v>
      </c>
      <c r="F15850" s="2" t="s">
        <v>41023</v>
      </c>
      <c r="G15850" s="8">
        <v>351</v>
      </c>
      <c r="H15850" s="5">
        <v>6</v>
      </c>
      <c r="I15850" s="5" t="s">
        <v>1518</v>
      </c>
      <c r="J15850" s="5" t="s">
        <v>40939</v>
      </c>
      <c r="K15850" s="2" t="s">
        <v>40940</v>
      </c>
      <c r="L15850" s="5" t="s">
        <v>40939</v>
      </c>
      <c r="M15850" s="2" t="s">
        <v>40940</v>
      </c>
      <c r="N15850" s="5" t="s">
        <v>36266</v>
      </c>
      <c r="O15850" s="5" t="s">
        <v>38</v>
      </c>
      <c r="P15850" s="5" t="s">
        <v>39</v>
      </c>
      <c r="Q15850" s="5" t="s">
        <v>40</v>
      </c>
      <c r="R15850" s="5" t="s">
        <v>1522</v>
      </c>
      <c r="S15850" s="5" t="s">
        <v>1523</v>
      </c>
      <c r="T15850" s="5" t="s">
        <v>42</v>
      </c>
      <c r="U15850" s="2">
        <v>3.7469999999999999</v>
      </c>
      <c r="V15850" s="2">
        <v>3.1</v>
      </c>
      <c r="W15850" s="2">
        <v>0.02</v>
      </c>
      <c r="X15850" s="2">
        <v>159.1</v>
      </c>
      <c r="Y15850" s="2">
        <v>7.6</v>
      </c>
      <c r="Z15850" s="2">
        <v>16.7</v>
      </c>
      <c r="AA15850" s="5"/>
      <c r="AB15850" s="5" t="s">
        <v>43</v>
      </c>
      <c r="AC15850" s="5" t="s">
        <v>44</v>
      </c>
      <c r="AD15850" s="2"/>
      <c r="AE15850" s="1"/>
    </row>
    <row r="15851" spans="1:31" ht="14.45">
      <c r="A15851" s="11"/>
      <c r="B15851" s="20"/>
      <c r="C15851" s="2" t="s">
        <v>48510</v>
      </c>
      <c r="D15851" s="14" t="s">
        <v>48511</v>
      </c>
      <c r="E15851" s="2" t="s">
        <v>48512</v>
      </c>
      <c r="F15851" s="2" t="s">
        <v>41031</v>
      </c>
      <c r="G15851" s="8">
        <v>351</v>
      </c>
      <c r="H15851" s="5">
        <v>6</v>
      </c>
      <c r="I15851" s="5" t="s">
        <v>1518</v>
      </c>
      <c r="J15851" s="5" t="s">
        <v>40939</v>
      </c>
      <c r="K15851" s="2" t="s">
        <v>40940</v>
      </c>
      <c r="L15851" s="5" t="s">
        <v>40939</v>
      </c>
      <c r="M15851" s="2" t="s">
        <v>40940</v>
      </c>
      <c r="N15851" s="5" t="s">
        <v>36266</v>
      </c>
      <c r="O15851" s="5" t="s">
        <v>38</v>
      </c>
      <c r="P15851" s="5" t="s">
        <v>39</v>
      </c>
      <c r="Q15851" s="5" t="s">
        <v>40</v>
      </c>
      <c r="R15851" s="5" t="s">
        <v>1522</v>
      </c>
      <c r="S15851" s="5" t="s">
        <v>1523</v>
      </c>
      <c r="T15851" s="5" t="s">
        <v>42</v>
      </c>
      <c r="U15851" s="2">
        <v>3.7469999999999999</v>
      </c>
      <c r="V15851" s="2">
        <v>3.1</v>
      </c>
      <c r="W15851" s="2">
        <v>0.02</v>
      </c>
      <c r="X15851" s="2">
        <v>159.1</v>
      </c>
      <c r="Y15851" s="2">
        <v>7.6</v>
      </c>
      <c r="Z15851" s="2">
        <v>16.7</v>
      </c>
      <c r="AA15851" s="5"/>
      <c r="AB15851" s="5" t="s">
        <v>43</v>
      </c>
      <c r="AC15851" s="5" t="s">
        <v>44</v>
      </c>
      <c r="AD15851" s="2"/>
      <c r="AE15851" s="1"/>
    </row>
    <row r="15852" spans="1:31" ht="14.45">
      <c r="A15852" s="11"/>
      <c r="B15852" s="20"/>
      <c r="C15852" s="2" t="s">
        <v>48513</v>
      </c>
      <c r="D15852" s="14" t="s">
        <v>48514</v>
      </c>
      <c r="E15852" s="2" t="s">
        <v>48515</v>
      </c>
      <c r="F15852" s="2" t="s">
        <v>41035</v>
      </c>
      <c r="G15852" s="8">
        <v>351</v>
      </c>
      <c r="H15852" s="5">
        <v>6</v>
      </c>
      <c r="I15852" s="5" t="s">
        <v>1518</v>
      </c>
      <c r="J15852" s="5" t="s">
        <v>40939</v>
      </c>
      <c r="K15852" s="2" t="s">
        <v>40940</v>
      </c>
      <c r="L15852" s="5" t="s">
        <v>40939</v>
      </c>
      <c r="M15852" s="2" t="s">
        <v>40940</v>
      </c>
      <c r="N15852" s="5" t="s">
        <v>36266</v>
      </c>
      <c r="O15852" s="5" t="s">
        <v>38</v>
      </c>
      <c r="P15852" s="5" t="s">
        <v>39</v>
      </c>
      <c r="Q15852" s="5" t="s">
        <v>40</v>
      </c>
      <c r="R15852" s="5" t="s">
        <v>1522</v>
      </c>
      <c r="S15852" s="5" t="s">
        <v>1523</v>
      </c>
      <c r="T15852" s="5" t="s">
        <v>42</v>
      </c>
      <c r="U15852" s="2">
        <v>3.867</v>
      </c>
      <c r="V15852" s="2">
        <v>3.22</v>
      </c>
      <c r="W15852" s="2">
        <v>0.02</v>
      </c>
      <c r="X15852" s="2">
        <v>159.1</v>
      </c>
      <c r="Y15852" s="2">
        <v>7.6</v>
      </c>
      <c r="Z15852" s="2">
        <v>16.7</v>
      </c>
      <c r="AA15852" s="5"/>
      <c r="AB15852" s="5" t="s">
        <v>43</v>
      </c>
      <c r="AC15852" s="5" t="s">
        <v>44</v>
      </c>
      <c r="AD15852" s="2"/>
      <c r="AE15852" s="1"/>
    </row>
    <row r="15853" spans="1:31" ht="14.45">
      <c r="A15853" s="11"/>
      <c r="B15853" s="20"/>
      <c r="C15853" s="2" t="s">
        <v>48516</v>
      </c>
      <c r="D15853" s="14" t="s">
        <v>48517</v>
      </c>
      <c r="E15853" s="2" t="s">
        <v>48518</v>
      </c>
      <c r="F15853" s="2" t="s">
        <v>41045</v>
      </c>
      <c r="G15853" s="8">
        <v>351</v>
      </c>
      <c r="H15853" s="5">
        <v>6</v>
      </c>
      <c r="I15853" s="5" t="s">
        <v>1518</v>
      </c>
      <c r="J15853" s="5" t="s">
        <v>40939</v>
      </c>
      <c r="K15853" s="2" t="s">
        <v>40940</v>
      </c>
      <c r="L15853" s="5" t="s">
        <v>40939</v>
      </c>
      <c r="M15853" s="2" t="s">
        <v>40940</v>
      </c>
      <c r="N15853" s="5" t="s">
        <v>36266</v>
      </c>
      <c r="O15853" s="5" t="s">
        <v>38</v>
      </c>
      <c r="P15853" s="5" t="s">
        <v>39</v>
      </c>
      <c r="Q15853" s="5" t="s">
        <v>40</v>
      </c>
      <c r="R15853" s="5" t="s">
        <v>1522</v>
      </c>
      <c r="S15853" s="5" t="s">
        <v>1523</v>
      </c>
      <c r="T15853" s="5" t="s">
        <v>42</v>
      </c>
      <c r="U15853" s="2">
        <v>3.8490000000000002</v>
      </c>
      <c r="V15853" s="2">
        <v>3.202</v>
      </c>
      <c r="W15853" s="2">
        <v>0.02</v>
      </c>
      <c r="X15853" s="2">
        <v>159.1</v>
      </c>
      <c r="Y15853" s="2">
        <v>7.6</v>
      </c>
      <c r="Z15853" s="2">
        <v>16.7</v>
      </c>
      <c r="AA15853" s="5"/>
      <c r="AB15853" s="5" t="s">
        <v>43</v>
      </c>
      <c r="AC15853" s="5" t="s">
        <v>44</v>
      </c>
      <c r="AD15853" s="2"/>
      <c r="AE15853" s="1"/>
    </row>
    <row r="15854" spans="1:31" ht="14.45">
      <c r="A15854" s="11"/>
      <c r="B15854" s="20"/>
      <c r="C15854" s="2" t="s">
        <v>48519</v>
      </c>
      <c r="D15854" s="14" t="s">
        <v>48520</v>
      </c>
      <c r="E15854" s="2" t="s">
        <v>48521</v>
      </c>
      <c r="F15854" s="2" t="s">
        <v>7204</v>
      </c>
      <c r="G15854" s="8">
        <v>343</v>
      </c>
      <c r="H15854" s="5">
        <v>6</v>
      </c>
      <c r="I15854" s="5" t="s">
        <v>1518</v>
      </c>
      <c r="J15854" s="5" t="s">
        <v>40939</v>
      </c>
      <c r="K15854" s="2" t="s">
        <v>40940</v>
      </c>
      <c r="L15854" s="5" t="s">
        <v>40939</v>
      </c>
      <c r="M15854" s="2" t="s">
        <v>40940</v>
      </c>
      <c r="N15854" s="5" t="s">
        <v>36266</v>
      </c>
      <c r="O15854" s="5" t="s">
        <v>38</v>
      </c>
      <c r="P15854" s="5" t="s">
        <v>39</v>
      </c>
      <c r="Q15854" s="5" t="s">
        <v>40</v>
      </c>
      <c r="R15854" s="5" t="s">
        <v>1522</v>
      </c>
      <c r="S15854" s="5" t="s">
        <v>1523</v>
      </c>
      <c r="T15854" s="5" t="s">
        <v>42</v>
      </c>
      <c r="U15854" s="2">
        <v>3.9220000000000002</v>
      </c>
      <c r="V15854" s="2">
        <v>3.2839999999999998</v>
      </c>
      <c r="W15854" s="2">
        <v>0.02</v>
      </c>
      <c r="X15854" s="2">
        <v>159.1</v>
      </c>
      <c r="Y15854" s="2">
        <v>7.6</v>
      </c>
      <c r="Z15854" s="2">
        <v>16.7</v>
      </c>
      <c r="AA15854" s="5"/>
      <c r="AB15854" s="5" t="s">
        <v>43</v>
      </c>
      <c r="AC15854" s="5" t="s">
        <v>44</v>
      </c>
      <c r="AD15854" s="2"/>
      <c r="AE15854" s="1"/>
    </row>
    <row r="15855" spans="1:31" ht="14.45">
      <c r="A15855" s="11"/>
      <c r="B15855" s="20"/>
      <c r="C15855" s="2" t="s">
        <v>48522</v>
      </c>
      <c r="D15855" s="14" t="s">
        <v>48523</v>
      </c>
      <c r="E15855" s="2" t="s">
        <v>48524</v>
      </c>
      <c r="F15855" s="2" t="s">
        <v>40989</v>
      </c>
      <c r="G15855" s="8">
        <v>374</v>
      </c>
      <c r="H15855" s="5">
        <v>6</v>
      </c>
      <c r="I15855" s="5" t="s">
        <v>1518</v>
      </c>
      <c r="J15855" s="5" t="s">
        <v>40939</v>
      </c>
      <c r="K15855" s="2" t="s">
        <v>40940</v>
      </c>
      <c r="L15855" s="5" t="s">
        <v>40939</v>
      </c>
      <c r="M15855" s="2" t="s">
        <v>40940</v>
      </c>
      <c r="N15855" s="5" t="s">
        <v>36266</v>
      </c>
      <c r="O15855" s="5" t="s">
        <v>38</v>
      </c>
      <c r="P15855" s="5" t="s">
        <v>39</v>
      </c>
      <c r="Q15855" s="5" t="s">
        <v>40</v>
      </c>
      <c r="R15855" s="5" t="s">
        <v>1522</v>
      </c>
      <c r="S15855" s="5" t="s">
        <v>1523</v>
      </c>
      <c r="T15855" s="5" t="s">
        <v>42</v>
      </c>
      <c r="U15855" s="2">
        <v>3.98</v>
      </c>
      <c r="V15855" s="2">
        <v>3.3420000000000001</v>
      </c>
      <c r="W15855" s="2">
        <v>0.02</v>
      </c>
      <c r="X15855" s="2">
        <v>159.1</v>
      </c>
      <c r="Y15855" s="2">
        <v>7.6</v>
      </c>
      <c r="Z15855" s="2">
        <v>16.7</v>
      </c>
      <c r="AA15855" s="5"/>
      <c r="AB15855" s="5" t="s">
        <v>43</v>
      </c>
      <c r="AC15855" s="5" t="s">
        <v>44</v>
      </c>
      <c r="AD15855" s="2"/>
      <c r="AE15855" s="1"/>
    </row>
    <row r="15856" spans="1:31" ht="14.45">
      <c r="A15856" s="11"/>
      <c r="B15856" s="20"/>
      <c r="C15856" s="2" t="s">
        <v>48525</v>
      </c>
      <c r="D15856" s="14" t="s">
        <v>48526</v>
      </c>
      <c r="E15856" s="2" t="s">
        <v>48527</v>
      </c>
      <c r="F15856" s="2" t="s">
        <v>7396</v>
      </c>
      <c r="G15856" s="8">
        <v>343</v>
      </c>
      <c r="H15856" s="5">
        <v>6</v>
      </c>
      <c r="I15856" s="5" t="s">
        <v>1518</v>
      </c>
      <c r="J15856" s="5" t="s">
        <v>40939</v>
      </c>
      <c r="K15856" s="2" t="s">
        <v>40940</v>
      </c>
      <c r="L15856" s="5" t="s">
        <v>40939</v>
      </c>
      <c r="M15856" s="2" t="s">
        <v>40940</v>
      </c>
      <c r="N15856" s="5" t="s">
        <v>36266</v>
      </c>
      <c r="O15856" s="5" t="s">
        <v>38</v>
      </c>
      <c r="P15856" s="5" t="s">
        <v>39</v>
      </c>
      <c r="Q15856" s="5" t="s">
        <v>40</v>
      </c>
      <c r="R15856" s="5" t="s">
        <v>1522</v>
      </c>
      <c r="S15856" s="5" t="s">
        <v>1523</v>
      </c>
      <c r="T15856" s="5" t="s">
        <v>42</v>
      </c>
      <c r="U15856" s="2">
        <v>3.9990000000000001</v>
      </c>
      <c r="V15856" s="2">
        <v>3.3610000000000002</v>
      </c>
      <c r="W15856" s="2">
        <v>0.02</v>
      </c>
      <c r="X15856" s="2">
        <v>159.1</v>
      </c>
      <c r="Y15856" s="2">
        <v>7.6</v>
      </c>
      <c r="Z15856" s="2">
        <v>16.7</v>
      </c>
      <c r="AA15856" s="5"/>
      <c r="AB15856" s="5" t="s">
        <v>43</v>
      </c>
      <c r="AC15856" s="5" t="s">
        <v>44</v>
      </c>
      <c r="AD15856" s="2"/>
      <c r="AE15856" s="1"/>
    </row>
    <row r="15857" spans="1:31" ht="14.45">
      <c r="A15857" s="11"/>
      <c r="B15857" s="20"/>
      <c r="C15857" s="2" t="s">
        <v>48528</v>
      </c>
      <c r="D15857" s="14" t="s">
        <v>48529</v>
      </c>
      <c r="E15857" s="2" t="s">
        <v>48530</v>
      </c>
      <c r="F15857" s="2" t="s">
        <v>41023</v>
      </c>
      <c r="G15857" s="8">
        <v>374</v>
      </c>
      <c r="H15857" s="5">
        <v>6</v>
      </c>
      <c r="I15857" s="5" t="s">
        <v>1518</v>
      </c>
      <c r="J15857" s="5" t="s">
        <v>40939</v>
      </c>
      <c r="K15857" s="2" t="s">
        <v>40940</v>
      </c>
      <c r="L15857" s="5" t="s">
        <v>40939</v>
      </c>
      <c r="M15857" s="2" t="s">
        <v>40940</v>
      </c>
      <c r="N15857" s="5" t="s">
        <v>36266</v>
      </c>
      <c r="O15857" s="5" t="s">
        <v>38</v>
      </c>
      <c r="P15857" s="5" t="s">
        <v>39</v>
      </c>
      <c r="Q15857" s="5" t="s">
        <v>40</v>
      </c>
      <c r="R15857" s="5" t="s">
        <v>1522</v>
      </c>
      <c r="S15857" s="5" t="s">
        <v>1523</v>
      </c>
      <c r="T15857" s="5" t="s">
        <v>42</v>
      </c>
      <c r="U15857" s="2">
        <v>3.903</v>
      </c>
      <c r="V15857" s="2">
        <v>3.2650000000000001</v>
      </c>
      <c r="W15857" s="2">
        <v>0.02</v>
      </c>
      <c r="X15857" s="2">
        <v>159.1</v>
      </c>
      <c r="Y15857" s="2">
        <v>7.6</v>
      </c>
      <c r="Z15857" s="2">
        <v>16.7</v>
      </c>
      <c r="AA15857" s="5"/>
      <c r="AB15857" s="5" t="s">
        <v>43</v>
      </c>
      <c r="AC15857" s="5" t="s">
        <v>44</v>
      </c>
      <c r="AD15857" s="2"/>
      <c r="AE15857" s="1"/>
    </row>
    <row r="15858" spans="1:31" ht="14.45">
      <c r="A15858" s="11"/>
      <c r="B15858" s="20"/>
      <c r="C15858" s="2" t="s">
        <v>48531</v>
      </c>
      <c r="D15858" s="14" t="s">
        <v>48532</v>
      </c>
      <c r="E15858" s="2" t="s">
        <v>48533</v>
      </c>
      <c r="F15858" s="2" t="s">
        <v>7204</v>
      </c>
      <c r="G15858" s="8">
        <v>307</v>
      </c>
      <c r="H15858" s="5">
        <v>6</v>
      </c>
      <c r="I15858" s="5" t="s">
        <v>1518</v>
      </c>
      <c r="J15858" s="5" t="s">
        <v>40939</v>
      </c>
      <c r="K15858" s="2" t="s">
        <v>40940</v>
      </c>
      <c r="L15858" s="5" t="s">
        <v>40939</v>
      </c>
      <c r="M15858" s="2" t="s">
        <v>40940</v>
      </c>
      <c r="N15858" s="5" t="s">
        <v>36266</v>
      </c>
      <c r="O15858" s="5" t="s">
        <v>38</v>
      </c>
      <c r="P15858" s="5" t="s">
        <v>39</v>
      </c>
      <c r="Q15858" s="5" t="s">
        <v>40</v>
      </c>
      <c r="R15858" s="5" t="s">
        <v>1522</v>
      </c>
      <c r="S15858" s="5" t="s">
        <v>1523</v>
      </c>
      <c r="T15858" s="5" t="s">
        <v>42</v>
      </c>
      <c r="U15858" s="2">
        <v>3.4740000000000002</v>
      </c>
      <c r="V15858" s="2">
        <v>2.81</v>
      </c>
      <c r="W15858" s="2">
        <v>0.02</v>
      </c>
      <c r="X15858" s="2">
        <v>159.1</v>
      </c>
      <c r="Y15858" s="2">
        <v>7.6</v>
      </c>
      <c r="Z15858" s="2">
        <v>16.7</v>
      </c>
      <c r="AA15858" s="5"/>
      <c r="AB15858" s="5" t="s">
        <v>43</v>
      </c>
      <c r="AC15858" s="5" t="s">
        <v>44</v>
      </c>
      <c r="AD15858" s="2"/>
      <c r="AE15858" s="1"/>
    </row>
    <row r="15859" spans="1:31" ht="14.45">
      <c r="A15859" s="11"/>
      <c r="B15859" s="20"/>
      <c r="C15859" s="2" t="s">
        <v>48534</v>
      </c>
      <c r="D15859" s="14" t="s">
        <v>48535</v>
      </c>
      <c r="E15859" s="2" t="s">
        <v>48536</v>
      </c>
      <c r="F15859" s="2" t="s">
        <v>7514</v>
      </c>
      <c r="G15859" s="8">
        <v>307</v>
      </c>
      <c r="H15859" s="5">
        <v>6</v>
      </c>
      <c r="I15859" s="5" t="s">
        <v>1518</v>
      </c>
      <c r="J15859" s="5" t="s">
        <v>40939</v>
      </c>
      <c r="K15859" s="2" t="s">
        <v>40940</v>
      </c>
      <c r="L15859" s="5" t="s">
        <v>40939</v>
      </c>
      <c r="M15859" s="2" t="s">
        <v>40940</v>
      </c>
      <c r="N15859" s="5" t="s">
        <v>36266</v>
      </c>
      <c r="O15859" s="5" t="s">
        <v>38</v>
      </c>
      <c r="P15859" s="5" t="s">
        <v>39</v>
      </c>
      <c r="Q15859" s="5" t="s">
        <v>40</v>
      </c>
      <c r="R15859" s="5" t="s">
        <v>1522</v>
      </c>
      <c r="S15859" s="5" t="s">
        <v>1523</v>
      </c>
      <c r="T15859" s="5" t="s">
        <v>42</v>
      </c>
      <c r="U15859" s="2">
        <v>3.573</v>
      </c>
      <c r="V15859" s="2">
        <v>2.9089999999999998</v>
      </c>
      <c r="W15859" s="2">
        <v>0.02</v>
      </c>
      <c r="X15859" s="2">
        <v>159.1</v>
      </c>
      <c r="Y15859" s="2">
        <v>7.6</v>
      </c>
      <c r="Z15859" s="2">
        <v>16.7</v>
      </c>
      <c r="AA15859" s="5"/>
      <c r="AB15859" s="5" t="s">
        <v>43</v>
      </c>
      <c r="AC15859" s="5" t="s">
        <v>44</v>
      </c>
      <c r="AD15859" s="2"/>
      <c r="AE15859" s="1"/>
    </row>
    <row r="15860" spans="1:31" ht="14.45">
      <c r="A15860" s="11"/>
      <c r="B15860" s="20"/>
      <c r="C15860" s="2" t="s">
        <v>48537</v>
      </c>
      <c r="D15860" s="14" t="s">
        <v>48538</v>
      </c>
      <c r="E15860" s="2" t="s">
        <v>48539</v>
      </c>
      <c r="F15860" s="2" t="s">
        <v>47266</v>
      </c>
      <c r="G15860" s="8">
        <v>333</v>
      </c>
      <c r="H15860" s="5">
        <v>6</v>
      </c>
      <c r="I15860" s="5" t="s">
        <v>1518</v>
      </c>
      <c r="J15860" s="5" t="s">
        <v>40939</v>
      </c>
      <c r="K15860" s="2" t="s">
        <v>40940</v>
      </c>
      <c r="L15860" s="5" t="s">
        <v>40939</v>
      </c>
      <c r="M15860" s="2" t="s">
        <v>40940</v>
      </c>
      <c r="N15860" s="5" t="s">
        <v>36266</v>
      </c>
      <c r="O15860" s="5" t="s">
        <v>38</v>
      </c>
      <c r="P15860" s="5" t="s">
        <v>39</v>
      </c>
      <c r="Q15860" s="5" t="s">
        <v>40</v>
      </c>
      <c r="R15860" s="5" t="s">
        <v>1522</v>
      </c>
      <c r="S15860" s="5" t="s">
        <v>1523</v>
      </c>
      <c r="T15860" s="5" t="s">
        <v>42</v>
      </c>
      <c r="U15860" s="2">
        <v>3.4980000000000002</v>
      </c>
      <c r="V15860" s="2">
        <v>2.8340000000000001</v>
      </c>
      <c r="W15860" s="2">
        <v>0.02</v>
      </c>
      <c r="X15860" s="2">
        <v>159.1</v>
      </c>
      <c r="Y15860" s="2">
        <v>7.6</v>
      </c>
      <c r="Z15860" s="2">
        <v>16.7</v>
      </c>
      <c r="AA15860" s="5"/>
      <c r="AB15860" s="5" t="s">
        <v>43</v>
      </c>
      <c r="AC15860" s="5" t="s">
        <v>44</v>
      </c>
      <c r="AD15860" s="2"/>
      <c r="AE15860" s="1"/>
    </row>
    <row r="15861" spans="1:31" ht="14.45">
      <c r="A15861" s="11"/>
      <c r="B15861" s="20"/>
      <c r="C15861" s="2" t="s">
        <v>48540</v>
      </c>
      <c r="D15861" s="14" t="s">
        <v>48541</v>
      </c>
      <c r="E15861" s="2" t="s">
        <v>48542</v>
      </c>
      <c r="F15861" s="2" t="s">
        <v>47195</v>
      </c>
      <c r="G15861" s="8">
        <v>333</v>
      </c>
      <c r="H15861" s="5">
        <v>6</v>
      </c>
      <c r="I15861" s="5" t="s">
        <v>1518</v>
      </c>
      <c r="J15861" s="5" t="s">
        <v>40939</v>
      </c>
      <c r="K15861" s="2" t="s">
        <v>40940</v>
      </c>
      <c r="L15861" s="5" t="s">
        <v>40939</v>
      </c>
      <c r="M15861" s="2" t="s">
        <v>40940</v>
      </c>
      <c r="N15861" s="5" t="s">
        <v>36266</v>
      </c>
      <c r="O15861" s="5" t="s">
        <v>38</v>
      </c>
      <c r="P15861" s="5" t="s">
        <v>39</v>
      </c>
      <c r="Q15861" s="5" t="s">
        <v>40</v>
      </c>
      <c r="R15861" s="5" t="s">
        <v>1522</v>
      </c>
      <c r="S15861" s="5" t="s">
        <v>1523</v>
      </c>
      <c r="T15861" s="5" t="s">
        <v>42</v>
      </c>
      <c r="U15861" s="2">
        <v>3.597</v>
      </c>
      <c r="V15861" s="2">
        <v>2.9329999999999998</v>
      </c>
      <c r="W15861" s="2">
        <v>0.02</v>
      </c>
      <c r="X15861" s="2">
        <v>159.1</v>
      </c>
      <c r="Y15861" s="2">
        <v>7.6</v>
      </c>
      <c r="Z15861" s="2">
        <v>16.7</v>
      </c>
      <c r="AA15861" s="5"/>
      <c r="AB15861" s="5" t="s">
        <v>43</v>
      </c>
      <c r="AC15861" s="5" t="s">
        <v>44</v>
      </c>
      <c r="AD15861" s="2"/>
      <c r="AE15861" s="1"/>
    </row>
    <row r="15862" spans="1:31" ht="14.45">
      <c r="A15862" s="11"/>
      <c r="B15862" s="20"/>
      <c r="C15862" s="2" t="s">
        <v>48543</v>
      </c>
      <c r="D15862" s="14" t="s">
        <v>48544</v>
      </c>
      <c r="E15862" s="2" t="s">
        <v>48545</v>
      </c>
      <c r="F15862" s="2" t="s">
        <v>7208</v>
      </c>
      <c r="G15862" s="8">
        <v>307</v>
      </c>
      <c r="H15862" s="5">
        <v>6</v>
      </c>
      <c r="I15862" s="5" t="s">
        <v>1518</v>
      </c>
      <c r="J15862" s="5" t="s">
        <v>40939</v>
      </c>
      <c r="K15862" s="2" t="s">
        <v>40940</v>
      </c>
      <c r="L15862" s="5" t="s">
        <v>40939</v>
      </c>
      <c r="M15862" s="2" t="s">
        <v>40940</v>
      </c>
      <c r="N15862" s="5" t="s">
        <v>36266</v>
      </c>
      <c r="O15862" s="5" t="s">
        <v>38</v>
      </c>
      <c r="P15862" s="5" t="s">
        <v>39</v>
      </c>
      <c r="Q15862" s="5" t="s">
        <v>40</v>
      </c>
      <c r="R15862" s="5" t="s">
        <v>1522</v>
      </c>
      <c r="S15862" s="5" t="s">
        <v>1523</v>
      </c>
      <c r="T15862" s="5" t="s">
        <v>42</v>
      </c>
      <c r="U15862" s="2">
        <v>3.5110000000000001</v>
      </c>
      <c r="V15862" s="2">
        <v>2.847</v>
      </c>
      <c r="W15862" s="2">
        <v>0.02</v>
      </c>
      <c r="X15862" s="2">
        <v>159.1</v>
      </c>
      <c r="Y15862" s="2">
        <v>7.6</v>
      </c>
      <c r="Z15862" s="2">
        <v>16.7</v>
      </c>
      <c r="AA15862" s="5"/>
      <c r="AB15862" s="5" t="s">
        <v>43</v>
      </c>
      <c r="AC15862" s="5" t="s">
        <v>44</v>
      </c>
      <c r="AD15862" s="2"/>
      <c r="AE15862" s="1"/>
    </row>
    <row r="15863" spans="1:31" ht="14.45">
      <c r="A15863" s="11"/>
      <c r="B15863" s="20"/>
      <c r="C15863" s="2" t="s">
        <v>48546</v>
      </c>
      <c r="D15863" s="14" t="s">
        <v>48547</v>
      </c>
      <c r="E15863" s="2" t="s">
        <v>48548</v>
      </c>
      <c r="F15863" s="2" t="s">
        <v>7521</v>
      </c>
      <c r="G15863" s="8">
        <v>307</v>
      </c>
      <c r="H15863" s="5">
        <v>6</v>
      </c>
      <c r="I15863" s="5" t="s">
        <v>1518</v>
      </c>
      <c r="J15863" s="5" t="s">
        <v>40939</v>
      </c>
      <c r="K15863" s="2" t="s">
        <v>40940</v>
      </c>
      <c r="L15863" s="5" t="s">
        <v>40939</v>
      </c>
      <c r="M15863" s="2" t="s">
        <v>40940</v>
      </c>
      <c r="N15863" s="5" t="s">
        <v>36266</v>
      </c>
      <c r="O15863" s="5" t="s">
        <v>38</v>
      </c>
      <c r="P15863" s="5" t="s">
        <v>39</v>
      </c>
      <c r="Q15863" s="5" t="s">
        <v>40</v>
      </c>
      <c r="R15863" s="5" t="s">
        <v>1522</v>
      </c>
      <c r="S15863" s="5" t="s">
        <v>1523</v>
      </c>
      <c r="T15863" s="5" t="s">
        <v>42</v>
      </c>
      <c r="U15863" s="2">
        <v>3.61</v>
      </c>
      <c r="V15863" s="2">
        <v>2.9460000000000002</v>
      </c>
      <c r="W15863" s="2">
        <v>0.02</v>
      </c>
      <c r="X15863" s="2">
        <v>159.1</v>
      </c>
      <c r="Y15863" s="2">
        <v>7.6</v>
      </c>
      <c r="Z15863" s="2">
        <v>16.7</v>
      </c>
      <c r="AA15863" s="5"/>
      <c r="AB15863" s="5" t="s">
        <v>43</v>
      </c>
      <c r="AC15863" s="5" t="s">
        <v>44</v>
      </c>
      <c r="AD15863" s="2"/>
      <c r="AE15863" s="1"/>
    </row>
    <row r="15864" spans="1:31" ht="14.45">
      <c r="A15864" s="11"/>
      <c r="B15864" s="20"/>
      <c r="C15864" s="2" t="s">
        <v>48549</v>
      </c>
      <c r="D15864" s="14" t="s">
        <v>48550</v>
      </c>
      <c r="E15864" s="2" t="s">
        <v>48551</v>
      </c>
      <c r="F15864" s="2" t="s">
        <v>36273</v>
      </c>
      <c r="G15864" s="8">
        <v>307</v>
      </c>
      <c r="H15864" s="5">
        <v>6</v>
      </c>
      <c r="I15864" s="5" t="s">
        <v>1518</v>
      </c>
      <c r="J15864" s="5" t="s">
        <v>40939</v>
      </c>
      <c r="K15864" s="2" t="s">
        <v>40940</v>
      </c>
      <c r="L15864" s="5" t="s">
        <v>40939</v>
      </c>
      <c r="M15864" s="2" t="s">
        <v>40940</v>
      </c>
      <c r="N15864" s="5" t="s">
        <v>36266</v>
      </c>
      <c r="O15864" s="5" t="s">
        <v>38</v>
      </c>
      <c r="P15864" s="5" t="s">
        <v>39</v>
      </c>
      <c r="Q15864" s="5" t="s">
        <v>40</v>
      </c>
      <c r="R15864" s="5" t="s">
        <v>1522</v>
      </c>
      <c r="S15864" s="5" t="s">
        <v>1523</v>
      </c>
      <c r="T15864" s="5" t="s">
        <v>42</v>
      </c>
      <c r="U15864" s="2">
        <v>3.536</v>
      </c>
      <c r="V15864" s="2">
        <v>2.8719999999999999</v>
      </c>
      <c r="W15864" s="2">
        <v>0.02</v>
      </c>
      <c r="X15864" s="2">
        <v>159.1</v>
      </c>
      <c r="Y15864" s="2">
        <v>7.6</v>
      </c>
      <c r="Z15864" s="2">
        <v>16.7</v>
      </c>
      <c r="AA15864" s="5"/>
      <c r="AB15864" s="5" t="s">
        <v>43</v>
      </c>
      <c r="AC15864" s="5" t="s">
        <v>44</v>
      </c>
      <c r="AD15864" s="2"/>
      <c r="AE15864" s="1"/>
    </row>
    <row r="15865" spans="1:31" ht="14.45">
      <c r="A15865" s="11"/>
      <c r="B15865" s="20"/>
      <c r="C15865" s="2" t="s">
        <v>48552</v>
      </c>
      <c r="D15865" s="14" t="s">
        <v>48553</v>
      </c>
      <c r="E15865" s="2" t="s">
        <v>48554</v>
      </c>
      <c r="F15865" s="2" t="s">
        <v>36277</v>
      </c>
      <c r="G15865" s="8">
        <v>307</v>
      </c>
      <c r="H15865" s="5">
        <v>6</v>
      </c>
      <c r="I15865" s="5" t="s">
        <v>1518</v>
      </c>
      <c r="J15865" s="5" t="s">
        <v>40939</v>
      </c>
      <c r="K15865" s="2" t="s">
        <v>40940</v>
      </c>
      <c r="L15865" s="5" t="s">
        <v>40939</v>
      </c>
      <c r="M15865" s="2" t="s">
        <v>40940</v>
      </c>
      <c r="N15865" s="5" t="s">
        <v>36266</v>
      </c>
      <c r="O15865" s="5" t="s">
        <v>38</v>
      </c>
      <c r="P15865" s="5" t="s">
        <v>39</v>
      </c>
      <c r="Q15865" s="5" t="s">
        <v>40</v>
      </c>
      <c r="R15865" s="5" t="s">
        <v>1522</v>
      </c>
      <c r="S15865" s="5" t="s">
        <v>1523</v>
      </c>
      <c r="T15865" s="5" t="s">
        <v>42</v>
      </c>
      <c r="U15865" s="2">
        <v>3.6349999999999998</v>
      </c>
      <c r="V15865" s="2">
        <v>2.9710000000000001</v>
      </c>
      <c r="W15865" s="2">
        <v>0.02</v>
      </c>
      <c r="X15865" s="2">
        <v>159.1</v>
      </c>
      <c r="Y15865" s="2">
        <v>7.6</v>
      </c>
      <c r="Z15865" s="2">
        <v>16.7</v>
      </c>
      <c r="AA15865" s="5"/>
      <c r="AB15865" s="5" t="s">
        <v>43</v>
      </c>
      <c r="AC15865" s="5" t="s">
        <v>44</v>
      </c>
      <c r="AD15865" s="2"/>
      <c r="AE15865" s="1"/>
    </row>
    <row r="15866" spans="1:31" ht="14.45">
      <c r="A15866" s="11"/>
      <c r="B15866" s="20"/>
      <c r="C15866" s="2" t="s">
        <v>48555</v>
      </c>
      <c r="D15866" s="14" t="s">
        <v>48556</v>
      </c>
      <c r="E15866" s="2" t="s">
        <v>48557</v>
      </c>
      <c r="F15866" s="2" t="s">
        <v>40967</v>
      </c>
      <c r="G15866" s="8">
        <v>333</v>
      </c>
      <c r="H15866" s="5">
        <v>6</v>
      </c>
      <c r="I15866" s="5" t="s">
        <v>1518</v>
      </c>
      <c r="J15866" s="5" t="s">
        <v>40939</v>
      </c>
      <c r="K15866" s="2" t="s">
        <v>40940</v>
      </c>
      <c r="L15866" s="5" t="s">
        <v>40939</v>
      </c>
      <c r="M15866" s="2" t="s">
        <v>40940</v>
      </c>
      <c r="N15866" s="5" t="s">
        <v>36266</v>
      </c>
      <c r="O15866" s="5" t="s">
        <v>38</v>
      </c>
      <c r="P15866" s="5" t="s">
        <v>39</v>
      </c>
      <c r="Q15866" s="5" t="s">
        <v>40</v>
      </c>
      <c r="R15866" s="5" t="s">
        <v>1522</v>
      </c>
      <c r="S15866" s="5" t="s">
        <v>1523</v>
      </c>
      <c r="T15866" s="5" t="s">
        <v>42</v>
      </c>
      <c r="U15866" s="2">
        <v>3.5110000000000001</v>
      </c>
      <c r="V15866" s="2">
        <v>2.847</v>
      </c>
      <c r="W15866" s="2">
        <v>0.02</v>
      </c>
      <c r="X15866" s="2">
        <v>159.1</v>
      </c>
      <c r="Y15866" s="2">
        <v>7.6</v>
      </c>
      <c r="Z15866" s="2">
        <v>16.7</v>
      </c>
      <c r="AA15866" s="5"/>
      <c r="AB15866" s="5" t="s">
        <v>43</v>
      </c>
      <c r="AC15866" s="5" t="s">
        <v>44</v>
      </c>
      <c r="AD15866" s="2"/>
      <c r="AE15866" s="1"/>
    </row>
    <row r="15867" spans="1:31" ht="14.45">
      <c r="A15867" s="11"/>
      <c r="B15867" s="20"/>
      <c r="C15867" s="2" t="s">
        <v>48558</v>
      </c>
      <c r="D15867" s="14" t="s">
        <v>48559</v>
      </c>
      <c r="E15867" s="2" t="s">
        <v>48560</v>
      </c>
      <c r="F15867" s="2" t="s">
        <v>40971</v>
      </c>
      <c r="G15867" s="8">
        <v>333</v>
      </c>
      <c r="H15867" s="5">
        <v>6</v>
      </c>
      <c r="I15867" s="5" t="s">
        <v>1518</v>
      </c>
      <c r="J15867" s="5" t="s">
        <v>40939</v>
      </c>
      <c r="K15867" s="2" t="s">
        <v>40940</v>
      </c>
      <c r="L15867" s="5" t="s">
        <v>40939</v>
      </c>
      <c r="M15867" s="2" t="s">
        <v>40940</v>
      </c>
      <c r="N15867" s="5" t="s">
        <v>36266</v>
      </c>
      <c r="O15867" s="5" t="s">
        <v>38</v>
      </c>
      <c r="P15867" s="5" t="s">
        <v>39</v>
      </c>
      <c r="Q15867" s="5" t="s">
        <v>40</v>
      </c>
      <c r="R15867" s="5" t="s">
        <v>1522</v>
      </c>
      <c r="S15867" s="5" t="s">
        <v>1523</v>
      </c>
      <c r="T15867" s="5" t="s">
        <v>42</v>
      </c>
      <c r="U15867" s="2">
        <v>3.61</v>
      </c>
      <c r="V15867" s="2">
        <v>2.9460000000000002</v>
      </c>
      <c r="W15867" s="2">
        <v>0.02</v>
      </c>
      <c r="X15867" s="2">
        <v>159.1</v>
      </c>
      <c r="Y15867" s="2">
        <v>7.6</v>
      </c>
      <c r="Z15867" s="2">
        <v>16.7</v>
      </c>
      <c r="AA15867" s="5"/>
      <c r="AB15867" s="5" t="s">
        <v>43</v>
      </c>
      <c r="AC15867" s="5" t="s">
        <v>44</v>
      </c>
      <c r="AD15867" s="2"/>
      <c r="AE15867" s="1"/>
    </row>
    <row r="15868" spans="1:31" ht="14.45">
      <c r="A15868" s="11"/>
      <c r="B15868" s="20"/>
      <c r="C15868" s="2" t="s">
        <v>48561</v>
      </c>
      <c r="D15868" s="14" t="s">
        <v>48562</v>
      </c>
      <c r="E15868" s="2" t="s">
        <v>48563</v>
      </c>
      <c r="F15868" s="2" t="s">
        <v>7539</v>
      </c>
      <c r="G15868" s="8">
        <v>333</v>
      </c>
      <c r="H15868" s="5">
        <v>6</v>
      </c>
      <c r="I15868" s="5" t="s">
        <v>1518</v>
      </c>
      <c r="J15868" s="5" t="s">
        <v>40939</v>
      </c>
      <c r="K15868" s="2" t="s">
        <v>40940</v>
      </c>
      <c r="L15868" s="5" t="s">
        <v>40939</v>
      </c>
      <c r="M15868" s="2" t="s">
        <v>40940</v>
      </c>
      <c r="N15868" s="5" t="s">
        <v>36266</v>
      </c>
      <c r="O15868" s="5" t="s">
        <v>38</v>
      </c>
      <c r="P15868" s="5" t="s">
        <v>39</v>
      </c>
      <c r="Q15868" s="5" t="s">
        <v>40</v>
      </c>
      <c r="R15868" s="5" t="s">
        <v>1522</v>
      </c>
      <c r="S15868" s="5" t="s">
        <v>1523</v>
      </c>
      <c r="T15868" s="5" t="s">
        <v>42</v>
      </c>
      <c r="U15868" s="2">
        <v>3.4489999999999998</v>
      </c>
      <c r="V15868" s="2">
        <v>2.7850000000000001</v>
      </c>
      <c r="W15868" s="2">
        <v>0.02</v>
      </c>
      <c r="X15868" s="2">
        <v>159.1</v>
      </c>
      <c r="Y15868" s="2">
        <v>7.6</v>
      </c>
      <c r="Z15868" s="2">
        <v>16.7</v>
      </c>
      <c r="AA15868" s="5"/>
      <c r="AB15868" s="5" t="s">
        <v>43</v>
      </c>
      <c r="AC15868" s="5" t="s">
        <v>44</v>
      </c>
      <c r="AD15868" s="2"/>
      <c r="AE15868" s="1"/>
    </row>
    <row r="15869" spans="1:31" ht="14.45">
      <c r="A15869" s="11"/>
      <c r="B15869" s="20"/>
      <c r="C15869" s="2" t="s">
        <v>48564</v>
      </c>
      <c r="D15869" s="14" t="s">
        <v>48565</v>
      </c>
      <c r="E15869" s="2" t="s">
        <v>48566</v>
      </c>
      <c r="F15869" s="2" t="s">
        <v>40989</v>
      </c>
      <c r="G15869" s="8">
        <v>333</v>
      </c>
      <c r="H15869" s="5">
        <v>6</v>
      </c>
      <c r="I15869" s="5" t="s">
        <v>1518</v>
      </c>
      <c r="J15869" s="5" t="s">
        <v>40939</v>
      </c>
      <c r="K15869" s="2" t="s">
        <v>40940</v>
      </c>
      <c r="L15869" s="5" t="s">
        <v>40939</v>
      </c>
      <c r="M15869" s="2" t="s">
        <v>40940</v>
      </c>
      <c r="N15869" s="5" t="s">
        <v>36266</v>
      </c>
      <c r="O15869" s="5" t="s">
        <v>38</v>
      </c>
      <c r="P15869" s="5" t="s">
        <v>39</v>
      </c>
      <c r="Q15869" s="5" t="s">
        <v>40</v>
      </c>
      <c r="R15869" s="5" t="s">
        <v>1522</v>
      </c>
      <c r="S15869" s="5" t="s">
        <v>1523</v>
      </c>
      <c r="T15869" s="5" t="s">
        <v>42</v>
      </c>
      <c r="U15869" s="2">
        <v>3.5110000000000001</v>
      </c>
      <c r="V15869" s="2">
        <v>2.847</v>
      </c>
      <c r="W15869" s="2">
        <v>0.02</v>
      </c>
      <c r="X15869" s="2">
        <v>159.1</v>
      </c>
      <c r="Y15869" s="2">
        <v>7.6</v>
      </c>
      <c r="Z15869" s="2">
        <v>16.7</v>
      </c>
      <c r="AA15869" s="5"/>
      <c r="AB15869" s="5" t="s">
        <v>43</v>
      </c>
      <c r="AC15869" s="5" t="s">
        <v>44</v>
      </c>
      <c r="AD15869" s="2"/>
      <c r="AE15869" s="1"/>
    </row>
    <row r="15870" spans="1:31" ht="14.45">
      <c r="A15870" s="11"/>
      <c r="B15870" s="20"/>
      <c r="C15870" s="2" t="s">
        <v>48567</v>
      </c>
      <c r="D15870" s="14" t="s">
        <v>48568</v>
      </c>
      <c r="E15870" s="2" t="s">
        <v>48569</v>
      </c>
      <c r="F15870" s="2" t="s">
        <v>40993</v>
      </c>
      <c r="G15870" s="8">
        <v>333</v>
      </c>
      <c r="H15870" s="5">
        <v>6</v>
      </c>
      <c r="I15870" s="5" t="s">
        <v>1518</v>
      </c>
      <c r="J15870" s="5" t="s">
        <v>40939</v>
      </c>
      <c r="K15870" s="2" t="s">
        <v>40940</v>
      </c>
      <c r="L15870" s="5" t="s">
        <v>40939</v>
      </c>
      <c r="M15870" s="2" t="s">
        <v>40940</v>
      </c>
      <c r="N15870" s="5" t="s">
        <v>36266</v>
      </c>
      <c r="O15870" s="5" t="s">
        <v>38</v>
      </c>
      <c r="P15870" s="5" t="s">
        <v>39</v>
      </c>
      <c r="Q15870" s="5" t="s">
        <v>40</v>
      </c>
      <c r="R15870" s="5" t="s">
        <v>1522</v>
      </c>
      <c r="S15870" s="5" t="s">
        <v>1523</v>
      </c>
      <c r="T15870" s="5" t="s">
        <v>42</v>
      </c>
      <c r="U15870" s="2">
        <v>3.61</v>
      </c>
      <c r="V15870" s="2">
        <v>2.9460000000000002</v>
      </c>
      <c r="W15870" s="2">
        <v>0.02</v>
      </c>
      <c r="X15870" s="2">
        <v>159.1</v>
      </c>
      <c r="Y15870" s="2">
        <v>7.6</v>
      </c>
      <c r="Z15870" s="2">
        <v>16.7</v>
      </c>
      <c r="AA15870" s="5"/>
      <c r="AB15870" s="5" t="s">
        <v>43</v>
      </c>
      <c r="AC15870" s="5" t="s">
        <v>44</v>
      </c>
      <c r="AD15870" s="2"/>
      <c r="AE15870" s="1"/>
    </row>
    <row r="15871" spans="1:31" ht="14.45">
      <c r="A15871" s="11"/>
      <c r="B15871" s="20"/>
      <c r="C15871" s="2" t="s">
        <v>48570</v>
      </c>
      <c r="D15871" s="14" t="s">
        <v>48571</v>
      </c>
      <c r="E15871" s="2" t="s">
        <v>48572</v>
      </c>
      <c r="F15871" s="2" t="s">
        <v>40997</v>
      </c>
      <c r="G15871" s="8">
        <v>333</v>
      </c>
      <c r="H15871" s="5">
        <v>6</v>
      </c>
      <c r="I15871" s="5" t="s">
        <v>1518</v>
      </c>
      <c r="J15871" s="5" t="s">
        <v>40939</v>
      </c>
      <c r="K15871" s="2" t="s">
        <v>40940</v>
      </c>
      <c r="L15871" s="5" t="s">
        <v>40939</v>
      </c>
      <c r="M15871" s="2" t="s">
        <v>40940</v>
      </c>
      <c r="N15871" s="5" t="s">
        <v>36266</v>
      </c>
      <c r="O15871" s="5" t="s">
        <v>38</v>
      </c>
      <c r="P15871" s="5" t="s">
        <v>39</v>
      </c>
      <c r="Q15871" s="5" t="s">
        <v>40</v>
      </c>
      <c r="R15871" s="5" t="s">
        <v>1522</v>
      </c>
      <c r="S15871" s="5" t="s">
        <v>1523</v>
      </c>
      <c r="T15871" s="5" t="s">
        <v>42</v>
      </c>
      <c r="U15871" s="2">
        <v>3.4609999999999999</v>
      </c>
      <c r="V15871" s="2">
        <v>2.7970000000000002</v>
      </c>
      <c r="W15871" s="2">
        <v>0.02</v>
      </c>
      <c r="X15871" s="2">
        <v>159.1</v>
      </c>
      <c r="Y15871" s="2">
        <v>7.6</v>
      </c>
      <c r="Z15871" s="2">
        <v>16.7</v>
      </c>
      <c r="AA15871" s="5"/>
      <c r="AB15871" s="5" t="s">
        <v>43</v>
      </c>
      <c r="AC15871" s="5" t="s">
        <v>44</v>
      </c>
      <c r="AD15871" s="2"/>
      <c r="AE15871" s="1"/>
    </row>
    <row r="15872" spans="1:31" ht="14.45">
      <c r="A15872" s="11"/>
      <c r="B15872" s="20"/>
      <c r="C15872" s="2" t="s">
        <v>48573</v>
      </c>
      <c r="D15872" s="14" t="s">
        <v>48574</v>
      </c>
      <c r="E15872" s="2" t="s">
        <v>48575</v>
      </c>
      <c r="F15872" s="2" t="s">
        <v>41267</v>
      </c>
      <c r="G15872" s="8">
        <v>333</v>
      </c>
      <c r="H15872" s="5">
        <v>6</v>
      </c>
      <c r="I15872" s="5" t="s">
        <v>1518</v>
      </c>
      <c r="J15872" s="5" t="s">
        <v>40939</v>
      </c>
      <c r="K15872" s="2" t="s">
        <v>40940</v>
      </c>
      <c r="L15872" s="5" t="s">
        <v>40939</v>
      </c>
      <c r="M15872" s="2" t="s">
        <v>40940</v>
      </c>
      <c r="N15872" s="5" t="s">
        <v>36266</v>
      </c>
      <c r="O15872" s="5" t="s">
        <v>38</v>
      </c>
      <c r="P15872" s="5" t="s">
        <v>39</v>
      </c>
      <c r="Q15872" s="5" t="s">
        <v>40</v>
      </c>
      <c r="R15872" s="5" t="s">
        <v>1522</v>
      </c>
      <c r="S15872" s="5" t="s">
        <v>1523</v>
      </c>
      <c r="T15872" s="5" t="s">
        <v>42</v>
      </c>
      <c r="U15872" s="2">
        <v>3.56</v>
      </c>
      <c r="V15872" s="2">
        <v>2.8959999999999999</v>
      </c>
      <c r="W15872" s="2">
        <v>0.02</v>
      </c>
      <c r="X15872" s="2">
        <v>159.1</v>
      </c>
      <c r="Y15872" s="2">
        <v>7.6</v>
      </c>
      <c r="Z15872" s="2">
        <v>16.7</v>
      </c>
      <c r="AA15872" s="5"/>
      <c r="AB15872" s="5" t="s">
        <v>43</v>
      </c>
      <c r="AC15872" s="5" t="s">
        <v>44</v>
      </c>
      <c r="AD15872" s="2"/>
      <c r="AE15872" s="1"/>
    </row>
    <row r="15873" spans="1:31" ht="14.45">
      <c r="A15873" s="11"/>
      <c r="B15873" s="20"/>
      <c r="C15873" s="2" t="s">
        <v>48576</v>
      </c>
      <c r="D15873" s="14" t="s">
        <v>48577</v>
      </c>
      <c r="E15873" s="2" t="s">
        <v>48578</v>
      </c>
      <c r="F15873" s="2" t="s">
        <v>41013</v>
      </c>
      <c r="G15873" s="8">
        <v>333</v>
      </c>
      <c r="H15873" s="5">
        <v>6</v>
      </c>
      <c r="I15873" s="5" t="s">
        <v>1518</v>
      </c>
      <c r="J15873" s="5" t="s">
        <v>40939</v>
      </c>
      <c r="K15873" s="2" t="s">
        <v>40940</v>
      </c>
      <c r="L15873" s="5" t="s">
        <v>40939</v>
      </c>
      <c r="M15873" s="2" t="s">
        <v>40940</v>
      </c>
      <c r="N15873" s="5" t="s">
        <v>36266</v>
      </c>
      <c r="O15873" s="5" t="s">
        <v>38</v>
      </c>
      <c r="P15873" s="5" t="s">
        <v>39</v>
      </c>
      <c r="Q15873" s="5" t="s">
        <v>40</v>
      </c>
      <c r="R15873" s="5" t="s">
        <v>1522</v>
      </c>
      <c r="S15873" s="5" t="s">
        <v>1523</v>
      </c>
      <c r="T15873" s="5" t="s">
        <v>42</v>
      </c>
      <c r="U15873" s="2">
        <v>3.6219999999999999</v>
      </c>
      <c r="V15873" s="2">
        <v>2.9580000000000002</v>
      </c>
      <c r="W15873" s="2">
        <v>0.02</v>
      </c>
      <c r="X15873" s="2">
        <v>159.1</v>
      </c>
      <c r="Y15873" s="2">
        <v>7.6</v>
      </c>
      <c r="Z15873" s="2">
        <v>16.7</v>
      </c>
      <c r="AA15873" s="5"/>
      <c r="AB15873" s="5" t="s">
        <v>43</v>
      </c>
      <c r="AC15873" s="5" t="s">
        <v>44</v>
      </c>
      <c r="AD15873" s="2"/>
      <c r="AE15873" s="1"/>
    </row>
    <row r="15874" spans="1:31" ht="14.45">
      <c r="A15874" s="11"/>
      <c r="B15874" s="20"/>
      <c r="C15874" s="2" t="s">
        <v>48579</v>
      </c>
      <c r="D15874" s="14" t="s">
        <v>48580</v>
      </c>
      <c r="E15874" s="2" t="s">
        <v>48581</v>
      </c>
      <c r="F15874" s="2" t="s">
        <v>7396</v>
      </c>
      <c r="G15874" s="8">
        <v>307</v>
      </c>
      <c r="H15874" s="5">
        <v>6</v>
      </c>
      <c r="I15874" s="5" t="s">
        <v>1518</v>
      </c>
      <c r="J15874" s="5" t="s">
        <v>40939</v>
      </c>
      <c r="K15874" s="2" t="s">
        <v>40940</v>
      </c>
      <c r="L15874" s="5" t="s">
        <v>40939</v>
      </c>
      <c r="M15874" s="2" t="s">
        <v>40940</v>
      </c>
      <c r="N15874" s="5" t="s">
        <v>36266</v>
      </c>
      <c r="O15874" s="5" t="s">
        <v>38</v>
      </c>
      <c r="P15874" s="5" t="s">
        <v>39</v>
      </c>
      <c r="Q15874" s="5" t="s">
        <v>40</v>
      </c>
      <c r="R15874" s="5" t="s">
        <v>1522</v>
      </c>
      <c r="S15874" s="5" t="s">
        <v>1523</v>
      </c>
      <c r="T15874" s="5" t="s">
        <v>42</v>
      </c>
      <c r="U15874" s="2">
        <v>3.5230000000000001</v>
      </c>
      <c r="V15874" s="2">
        <v>2.859</v>
      </c>
      <c r="W15874" s="2">
        <v>0.02</v>
      </c>
      <c r="X15874" s="2">
        <v>159.1</v>
      </c>
      <c r="Y15874" s="2">
        <v>7.6</v>
      </c>
      <c r="Z15874" s="2">
        <v>16.7</v>
      </c>
      <c r="AA15874" s="5"/>
      <c r="AB15874" s="5" t="s">
        <v>43</v>
      </c>
      <c r="AC15874" s="5" t="s">
        <v>44</v>
      </c>
      <c r="AD15874" s="2"/>
      <c r="AE15874" s="1"/>
    </row>
    <row r="15875" spans="1:31" ht="14.45">
      <c r="A15875" s="11"/>
      <c r="B15875" s="20"/>
      <c r="C15875" s="2" t="s">
        <v>48582</v>
      </c>
      <c r="D15875" s="14" t="s">
        <v>48583</v>
      </c>
      <c r="E15875" s="2" t="s">
        <v>48584</v>
      </c>
      <c r="F15875" s="2" t="s">
        <v>7507</v>
      </c>
      <c r="G15875" s="8">
        <v>307</v>
      </c>
      <c r="H15875" s="5">
        <v>6</v>
      </c>
      <c r="I15875" s="5" t="s">
        <v>1518</v>
      </c>
      <c r="J15875" s="5" t="s">
        <v>40939</v>
      </c>
      <c r="K15875" s="2" t="s">
        <v>40940</v>
      </c>
      <c r="L15875" s="5" t="s">
        <v>40939</v>
      </c>
      <c r="M15875" s="2" t="s">
        <v>40940</v>
      </c>
      <c r="N15875" s="5" t="s">
        <v>36266</v>
      </c>
      <c r="O15875" s="5" t="s">
        <v>38</v>
      </c>
      <c r="P15875" s="5" t="s">
        <v>39</v>
      </c>
      <c r="Q15875" s="5" t="s">
        <v>40</v>
      </c>
      <c r="R15875" s="5" t="s">
        <v>1522</v>
      </c>
      <c r="S15875" s="5" t="s">
        <v>1523</v>
      </c>
      <c r="T15875" s="5" t="s">
        <v>42</v>
      </c>
      <c r="U15875" s="2">
        <v>3.6219999999999999</v>
      </c>
      <c r="V15875" s="2">
        <v>2.9580000000000002</v>
      </c>
      <c r="W15875" s="2">
        <v>0.02</v>
      </c>
      <c r="X15875" s="2">
        <v>159.1</v>
      </c>
      <c r="Y15875" s="2">
        <v>7.6</v>
      </c>
      <c r="Z15875" s="2">
        <v>16.7</v>
      </c>
      <c r="AA15875" s="5"/>
      <c r="AB15875" s="5" t="s">
        <v>43</v>
      </c>
      <c r="AC15875" s="5" t="s">
        <v>44</v>
      </c>
      <c r="AD15875" s="2"/>
      <c r="AE15875" s="1"/>
    </row>
    <row r="15876" spans="1:31" ht="14.45">
      <c r="A15876" s="11"/>
      <c r="B15876" s="20"/>
      <c r="C15876" s="2" t="s">
        <v>48585</v>
      </c>
      <c r="D15876" s="14" t="s">
        <v>48586</v>
      </c>
      <c r="E15876" s="2" t="s">
        <v>48587</v>
      </c>
      <c r="F15876" s="2" t="s">
        <v>41023</v>
      </c>
      <c r="G15876" s="8">
        <v>333</v>
      </c>
      <c r="H15876" s="5">
        <v>6</v>
      </c>
      <c r="I15876" s="5" t="s">
        <v>1518</v>
      </c>
      <c r="J15876" s="5" t="s">
        <v>40939</v>
      </c>
      <c r="K15876" s="2" t="s">
        <v>40940</v>
      </c>
      <c r="L15876" s="5" t="s">
        <v>40939</v>
      </c>
      <c r="M15876" s="2" t="s">
        <v>40940</v>
      </c>
      <c r="N15876" s="5" t="s">
        <v>36266</v>
      </c>
      <c r="O15876" s="5" t="s">
        <v>38</v>
      </c>
      <c r="P15876" s="5" t="s">
        <v>39</v>
      </c>
      <c r="Q15876" s="5" t="s">
        <v>40</v>
      </c>
      <c r="R15876" s="5" t="s">
        <v>1522</v>
      </c>
      <c r="S15876" s="5" t="s">
        <v>1523</v>
      </c>
      <c r="T15876" s="5" t="s">
        <v>42</v>
      </c>
      <c r="U15876" s="2">
        <v>3.4609999999999999</v>
      </c>
      <c r="V15876" s="2">
        <v>2.7970000000000002</v>
      </c>
      <c r="W15876" s="2">
        <v>0.02</v>
      </c>
      <c r="X15876" s="2">
        <v>159.1</v>
      </c>
      <c r="Y15876" s="2">
        <v>7.6</v>
      </c>
      <c r="Z15876" s="2">
        <v>16.7</v>
      </c>
      <c r="AA15876" s="5"/>
      <c r="AB15876" s="5" t="s">
        <v>43</v>
      </c>
      <c r="AC15876" s="5" t="s">
        <v>44</v>
      </c>
      <c r="AD15876" s="2"/>
      <c r="AE15876" s="1"/>
    </row>
    <row r="15877" spans="1:31" ht="14.45">
      <c r="A15877" s="11"/>
      <c r="B15877" s="20"/>
      <c r="C15877" s="2" t="s">
        <v>48588</v>
      </c>
      <c r="D15877" s="14" t="s">
        <v>48589</v>
      </c>
      <c r="E15877" s="2" t="s">
        <v>48590</v>
      </c>
      <c r="F15877" s="2" t="s">
        <v>41027</v>
      </c>
      <c r="G15877" s="8">
        <v>333</v>
      </c>
      <c r="H15877" s="5">
        <v>6</v>
      </c>
      <c r="I15877" s="5" t="s">
        <v>1518</v>
      </c>
      <c r="J15877" s="5" t="s">
        <v>40939</v>
      </c>
      <c r="K15877" s="2" t="s">
        <v>40940</v>
      </c>
      <c r="L15877" s="5" t="s">
        <v>40939</v>
      </c>
      <c r="M15877" s="2" t="s">
        <v>40940</v>
      </c>
      <c r="N15877" s="5" t="s">
        <v>36266</v>
      </c>
      <c r="O15877" s="5" t="s">
        <v>38</v>
      </c>
      <c r="P15877" s="5" t="s">
        <v>39</v>
      </c>
      <c r="Q15877" s="5" t="s">
        <v>40</v>
      </c>
      <c r="R15877" s="5" t="s">
        <v>1522</v>
      </c>
      <c r="S15877" s="5" t="s">
        <v>1523</v>
      </c>
      <c r="T15877" s="5" t="s">
        <v>42</v>
      </c>
      <c r="U15877" s="2">
        <v>3.56</v>
      </c>
      <c r="V15877" s="2">
        <v>2.8959999999999999</v>
      </c>
      <c r="W15877" s="2">
        <v>0.02</v>
      </c>
      <c r="X15877" s="2">
        <v>159.1</v>
      </c>
      <c r="Y15877" s="2">
        <v>7.6</v>
      </c>
      <c r="Z15877" s="2">
        <v>16.7</v>
      </c>
      <c r="AA15877" s="5"/>
      <c r="AB15877" s="5" t="s">
        <v>43</v>
      </c>
      <c r="AC15877" s="5" t="s">
        <v>44</v>
      </c>
      <c r="AD15877" s="2"/>
      <c r="AE15877" s="1"/>
    </row>
    <row r="15878" spans="1:31" ht="14.45">
      <c r="A15878" s="11"/>
      <c r="B15878" s="20"/>
      <c r="C15878" s="2" t="s">
        <v>48591</v>
      </c>
      <c r="D15878" s="14" t="s">
        <v>48592</v>
      </c>
      <c r="E15878" s="2" t="s">
        <v>48593</v>
      </c>
      <c r="F15878" s="2" t="s">
        <v>41031</v>
      </c>
      <c r="G15878" s="8">
        <v>333</v>
      </c>
      <c r="H15878" s="5">
        <v>6</v>
      </c>
      <c r="I15878" s="5" t="s">
        <v>1518</v>
      </c>
      <c r="J15878" s="5" t="s">
        <v>40939</v>
      </c>
      <c r="K15878" s="2" t="s">
        <v>40940</v>
      </c>
      <c r="L15878" s="5" t="s">
        <v>40939</v>
      </c>
      <c r="M15878" s="2" t="s">
        <v>40940</v>
      </c>
      <c r="N15878" s="5" t="s">
        <v>36266</v>
      </c>
      <c r="O15878" s="5" t="s">
        <v>38</v>
      </c>
      <c r="P15878" s="5" t="s">
        <v>39</v>
      </c>
      <c r="Q15878" s="5" t="s">
        <v>40</v>
      </c>
      <c r="R15878" s="5" t="s">
        <v>1522</v>
      </c>
      <c r="S15878" s="5" t="s">
        <v>1523</v>
      </c>
      <c r="T15878" s="5" t="s">
        <v>42</v>
      </c>
      <c r="U15878" s="2">
        <v>3.4609999999999999</v>
      </c>
      <c r="V15878" s="2">
        <v>2.7970000000000002</v>
      </c>
      <c r="W15878" s="2">
        <v>0.02</v>
      </c>
      <c r="X15878" s="2">
        <v>159.1</v>
      </c>
      <c r="Y15878" s="2">
        <v>7.6</v>
      </c>
      <c r="Z15878" s="2">
        <v>16.7</v>
      </c>
      <c r="AA15878" s="5"/>
      <c r="AB15878" s="5" t="s">
        <v>43</v>
      </c>
      <c r="AC15878" s="5" t="s">
        <v>44</v>
      </c>
      <c r="AD15878" s="2"/>
      <c r="AE15878" s="1"/>
    </row>
    <row r="15879" spans="1:31" ht="14.45">
      <c r="A15879" s="11"/>
      <c r="B15879" s="20"/>
      <c r="C15879" s="2" t="s">
        <v>48594</v>
      </c>
      <c r="D15879" s="14" t="s">
        <v>48595</v>
      </c>
      <c r="E15879" s="2" t="s">
        <v>48596</v>
      </c>
      <c r="F15879" s="2" t="s">
        <v>41035</v>
      </c>
      <c r="G15879" s="8">
        <v>333</v>
      </c>
      <c r="H15879" s="5">
        <v>6</v>
      </c>
      <c r="I15879" s="5" t="s">
        <v>1518</v>
      </c>
      <c r="J15879" s="5" t="s">
        <v>40939</v>
      </c>
      <c r="K15879" s="2" t="s">
        <v>40940</v>
      </c>
      <c r="L15879" s="5" t="s">
        <v>40939</v>
      </c>
      <c r="M15879" s="2" t="s">
        <v>40940</v>
      </c>
      <c r="N15879" s="5" t="s">
        <v>36266</v>
      </c>
      <c r="O15879" s="5" t="s">
        <v>38</v>
      </c>
      <c r="P15879" s="5" t="s">
        <v>39</v>
      </c>
      <c r="Q15879" s="5" t="s">
        <v>40</v>
      </c>
      <c r="R15879" s="5" t="s">
        <v>1522</v>
      </c>
      <c r="S15879" s="5" t="s">
        <v>1523</v>
      </c>
      <c r="T15879" s="5" t="s">
        <v>42</v>
      </c>
      <c r="U15879" s="2">
        <v>3.56</v>
      </c>
      <c r="V15879" s="2">
        <v>2.8959999999999999</v>
      </c>
      <c r="W15879" s="2">
        <v>0.02</v>
      </c>
      <c r="X15879" s="2">
        <v>159.1</v>
      </c>
      <c r="Y15879" s="2">
        <v>7.6</v>
      </c>
      <c r="Z15879" s="2">
        <v>16.7</v>
      </c>
      <c r="AA15879" s="5"/>
      <c r="AB15879" s="5" t="s">
        <v>43</v>
      </c>
      <c r="AC15879" s="5" t="s">
        <v>44</v>
      </c>
      <c r="AD15879" s="2"/>
      <c r="AE15879" s="1"/>
    </row>
    <row r="15880" spans="1:31" ht="14.45">
      <c r="A15880" s="11"/>
      <c r="B15880" s="20"/>
      <c r="C15880" s="2" t="s">
        <v>48597</v>
      </c>
      <c r="D15880" s="14" t="s">
        <v>48598</v>
      </c>
      <c r="E15880" s="2" t="s">
        <v>48599</v>
      </c>
      <c r="F15880" s="2" t="s">
        <v>7581</v>
      </c>
      <c r="G15880" s="8">
        <v>333</v>
      </c>
      <c r="H15880" s="5">
        <v>6</v>
      </c>
      <c r="I15880" s="5" t="s">
        <v>1518</v>
      </c>
      <c r="J15880" s="5" t="s">
        <v>40939</v>
      </c>
      <c r="K15880" s="2" t="s">
        <v>40940</v>
      </c>
      <c r="L15880" s="5" t="s">
        <v>40939</v>
      </c>
      <c r="M15880" s="2" t="s">
        <v>40940</v>
      </c>
      <c r="N15880" s="5" t="s">
        <v>36266</v>
      </c>
      <c r="O15880" s="5" t="s">
        <v>38</v>
      </c>
      <c r="P15880" s="5" t="s">
        <v>39</v>
      </c>
      <c r="Q15880" s="5" t="s">
        <v>40</v>
      </c>
      <c r="R15880" s="5" t="s">
        <v>1522</v>
      </c>
      <c r="S15880" s="5" t="s">
        <v>1523</v>
      </c>
      <c r="T15880" s="5" t="s">
        <v>42</v>
      </c>
      <c r="U15880" s="2">
        <v>3.56</v>
      </c>
      <c r="V15880" s="2">
        <v>2.8959999999999999</v>
      </c>
      <c r="W15880" s="2">
        <v>0.02</v>
      </c>
      <c r="X15880" s="2">
        <v>159.1</v>
      </c>
      <c r="Y15880" s="2">
        <v>7.6</v>
      </c>
      <c r="Z15880" s="2">
        <v>16.7</v>
      </c>
      <c r="AA15880" s="5"/>
      <c r="AB15880" s="5" t="s">
        <v>43</v>
      </c>
      <c r="AC15880" s="5" t="s">
        <v>44</v>
      </c>
      <c r="AD15880" s="2"/>
      <c r="AE15880" s="1"/>
    </row>
    <row r="15881" spans="1:31" ht="14.45">
      <c r="A15881" s="11"/>
      <c r="B15881" s="20"/>
      <c r="C15881" s="2" t="s">
        <v>48600</v>
      </c>
      <c r="D15881" s="14" t="s">
        <v>48601</v>
      </c>
      <c r="E15881" s="2" t="s">
        <v>48602</v>
      </c>
      <c r="F15881" s="2" t="s">
        <v>41045</v>
      </c>
      <c r="G15881" s="8">
        <v>333</v>
      </c>
      <c r="H15881" s="5">
        <v>6</v>
      </c>
      <c r="I15881" s="5" t="s">
        <v>1518</v>
      </c>
      <c r="J15881" s="5" t="s">
        <v>40939</v>
      </c>
      <c r="K15881" s="2" t="s">
        <v>40940</v>
      </c>
      <c r="L15881" s="5" t="s">
        <v>40939</v>
      </c>
      <c r="M15881" s="2" t="s">
        <v>40940</v>
      </c>
      <c r="N15881" s="5" t="s">
        <v>36266</v>
      </c>
      <c r="O15881" s="5" t="s">
        <v>38</v>
      </c>
      <c r="P15881" s="5" t="s">
        <v>39</v>
      </c>
      <c r="Q15881" s="5" t="s">
        <v>40</v>
      </c>
      <c r="R15881" s="5" t="s">
        <v>1522</v>
      </c>
      <c r="S15881" s="5" t="s">
        <v>1523</v>
      </c>
      <c r="T15881" s="5" t="s">
        <v>42</v>
      </c>
      <c r="U15881" s="2">
        <v>3.536</v>
      </c>
      <c r="V15881" s="2">
        <v>2.8719999999999999</v>
      </c>
      <c r="W15881" s="2">
        <v>0.02</v>
      </c>
      <c r="X15881" s="2">
        <v>159.1</v>
      </c>
      <c r="Y15881" s="2">
        <v>7.6</v>
      </c>
      <c r="Z15881" s="2">
        <v>16.7</v>
      </c>
      <c r="AA15881" s="5"/>
      <c r="AB15881" s="5" t="s">
        <v>43</v>
      </c>
      <c r="AC15881" s="5" t="s">
        <v>44</v>
      </c>
      <c r="AD15881" s="2"/>
      <c r="AE15881" s="1"/>
    </row>
    <row r="15882" spans="1:31" ht="14.45">
      <c r="A15882" s="11"/>
      <c r="B15882" s="20"/>
      <c r="C15882" s="2" t="s">
        <v>48603</v>
      </c>
      <c r="D15882" s="14" t="s">
        <v>48604</v>
      </c>
      <c r="E15882" s="2" t="s">
        <v>48605</v>
      </c>
      <c r="F15882" s="2" t="s">
        <v>41049</v>
      </c>
      <c r="G15882" s="8">
        <v>333</v>
      </c>
      <c r="H15882" s="5">
        <v>6</v>
      </c>
      <c r="I15882" s="5" t="s">
        <v>1518</v>
      </c>
      <c r="J15882" s="5" t="s">
        <v>40939</v>
      </c>
      <c r="K15882" s="2" t="s">
        <v>40940</v>
      </c>
      <c r="L15882" s="5" t="s">
        <v>40939</v>
      </c>
      <c r="M15882" s="2" t="s">
        <v>40940</v>
      </c>
      <c r="N15882" s="5" t="s">
        <v>36266</v>
      </c>
      <c r="O15882" s="5" t="s">
        <v>38</v>
      </c>
      <c r="P15882" s="5" t="s">
        <v>39</v>
      </c>
      <c r="Q15882" s="5" t="s">
        <v>40</v>
      </c>
      <c r="R15882" s="5" t="s">
        <v>1522</v>
      </c>
      <c r="S15882" s="5" t="s">
        <v>1523</v>
      </c>
      <c r="T15882" s="5" t="s">
        <v>42</v>
      </c>
      <c r="U15882" s="2">
        <v>3.6349999999999998</v>
      </c>
      <c r="V15882" s="2">
        <v>2.9710000000000001</v>
      </c>
      <c r="W15882" s="2">
        <v>0.02</v>
      </c>
      <c r="X15882" s="2">
        <v>159.1</v>
      </c>
      <c r="Y15882" s="2">
        <v>7.6</v>
      </c>
      <c r="Z15882" s="2">
        <v>16.7</v>
      </c>
      <c r="AA15882" s="5"/>
      <c r="AB15882" s="5" t="s">
        <v>43</v>
      </c>
      <c r="AC15882" s="5" t="s">
        <v>44</v>
      </c>
      <c r="AD15882" s="2"/>
      <c r="AE15882" s="1"/>
    </row>
    <row r="15883" spans="1:31" ht="14.45">
      <c r="A15883" s="11"/>
      <c r="B15883" s="20"/>
      <c r="C15883" s="2" t="s">
        <v>48606</v>
      </c>
      <c r="D15883" s="14" t="s">
        <v>48607</v>
      </c>
      <c r="E15883" s="2" t="s">
        <v>48608</v>
      </c>
      <c r="F15883" s="2" t="s">
        <v>7204</v>
      </c>
      <c r="G15883" s="8">
        <v>322</v>
      </c>
      <c r="H15883" s="5">
        <v>6</v>
      </c>
      <c r="I15883" s="5" t="s">
        <v>1518</v>
      </c>
      <c r="J15883" s="5" t="s">
        <v>40939</v>
      </c>
      <c r="K15883" s="2" t="s">
        <v>40940</v>
      </c>
      <c r="L15883" s="5" t="s">
        <v>40939</v>
      </c>
      <c r="M15883" s="2" t="s">
        <v>40940</v>
      </c>
      <c r="N15883" s="5" t="s">
        <v>36266</v>
      </c>
      <c r="O15883" s="5" t="s">
        <v>38</v>
      </c>
      <c r="P15883" s="5" t="s">
        <v>39</v>
      </c>
      <c r="Q15883" s="5" t="s">
        <v>40</v>
      </c>
      <c r="R15883" s="5" t="s">
        <v>1522</v>
      </c>
      <c r="S15883" s="5" t="s">
        <v>1523</v>
      </c>
      <c r="T15883" s="5" t="s">
        <v>42</v>
      </c>
      <c r="U15883" s="2">
        <v>3.8029999999999999</v>
      </c>
      <c r="V15883" s="2">
        <v>3.1579999999999999</v>
      </c>
      <c r="W15883" s="2">
        <v>0.02</v>
      </c>
      <c r="X15883" s="2">
        <v>159.1</v>
      </c>
      <c r="Y15883" s="2">
        <v>7.6</v>
      </c>
      <c r="Z15883" s="2">
        <v>16.7</v>
      </c>
      <c r="AA15883" s="5"/>
      <c r="AB15883" s="5" t="s">
        <v>43</v>
      </c>
      <c r="AC15883" s="5" t="s">
        <v>44</v>
      </c>
      <c r="AD15883" s="2"/>
      <c r="AE15883" s="1"/>
    </row>
    <row r="15884" spans="1:31" ht="14.45">
      <c r="A15884" s="11"/>
      <c r="B15884" s="20"/>
      <c r="C15884" s="2" t="s">
        <v>48609</v>
      </c>
      <c r="D15884" s="14" t="s">
        <v>48610</v>
      </c>
      <c r="E15884" s="2" t="s">
        <v>48611</v>
      </c>
      <c r="F15884" s="2" t="s">
        <v>7514</v>
      </c>
      <c r="G15884" s="8">
        <v>322</v>
      </c>
      <c r="H15884" s="5">
        <v>6</v>
      </c>
      <c r="I15884" s="5" t="s">
        <v>1518</v>
      </c>
      <c r="J15884" s="5" t="s">
        <v>40939</v>
      </c>
      <c r="K15884" s="2" t="s">
        <v>40940</v>
      </c>
      <c r="L15884" s="5" t="s">
        <v>40939</v>
      </c>
      <c r="M15884" s="2" t="s">
        <v>40940</v>
      </c>
      <c r="N15884" s="5" t="s">
        <v>36266</v>
      </c>
      <c r="O15884" s="5" t="s">
        <v>38</v>
      </c>
      <c r="P15884" s="5" t="s">
        <v>39</v>
      </c>
      <c r="Q15884" s="5" t="s">
        <v>40</v>
      </c>
      <c r="R15884" s="5" t="s">
        <v>1522</v>
      </c>
      <c r="S15884" s="5" t="s">
        <v>1523</v>
      </c>
      <c r="T15884" s="5" t="s">
        <v>42</v>
      </c>
      <c r="U15884" s="2">
        <v>3.9249999999999998</v>
      </c>
      <c r="V15884" s="2">
        <v>3.28</v>
      </c>
      <c r="W15884" s="2">
        <v>0.02</v>
      </c>
      <c r="X15884" s="2">
        <v>159.1</v>
      </c>
      <c r="Y15884" s="2">
        <v>7.6</v>
      </c>
      <c r="Z15884" s="2">
        <v>16.7</v>
      </c>
      <c r="AA15884" s="5"/>
      <c r="AB15884" s="5" t="s">
        <v>43</v>
      </c>
      <c r="AC15884" s="5" t="s">
        <v>44</v>
      </c>
      <c r="AD15884" s="2"/>
      <c r="AE15884" s="1"/>
    </row>
    <row r="15885" spans="1:31" ht="14.45">
      <c r="A15885" s="11"/>
      <c r="B15885" s="20"/>
      <c r="C15885" s="2" t="s">
        <v>48612</v>
      </c>
      <c r="D15885" s="14" t="s">
        <v>48613</v>
      </c>
      <c r="E15885" s="2" t="s">
        <v>48614</v>
      </c>
      <c r="F15885" s="2" t="s">
        <v>47266</v>
      </c>
      <c r="G15885" s="8">
        <v>351</v>
      </c>
      <c r="H15885" s="5">
        <v>6</v>
      </c>
      <c r="I15885" s="5" t="s">
        <v>1518</v>
      </c>
      <c r="J15885" s="5" t="s">
        <v>40939</v>
      </c>
      <c r="K15885" s="2" t="s">
        <v>40940</v>
      </c>
      <c r="L15885" s="5" t="s">
        <v>40939</v>
      </c>
      <c r="M15885" s="2" t="s">
        <v>40940</v>
      </c>
      <c r="N15885" s="5" t="s">
        <v>36266</v>
      </c>
      <c r="O15885" s="5" t="s">
        <v>38</v>
      </c>
      <c r="P15885" s="5" t="s">
        <v>39</v>
      </c>
      <c r="Q15885" s="5" t="s">
        <v>40</v>
      </c>
      <c r="R15885" s="5" t="s">
        <v>1522</v>
      </c>
      <c r="S15885" s="5" t="s">
        <v>1523</v>
      </c>
      <c r="T15885" s="5" t="s">
        <v>42</v>
      </c>
      <c r="U15885" s="2">
        <v>3.8380000000000001</v>
      </c>
      <c r="V15885" s="2">
        <v>3.1930000000000001</v>
      </c>
      <c r="W15885" s="2">
        <v>0.02</v>
      </c>
      <c r="X15885" s="2">
        <v>159.1</v>
      </c>
      <c r="Y15885" s="2">
        <v>7.6</v>
      </c>
      <c r="Z15885" s="2">
        <v>16.7</v>
      </c>
      <c r="AA15885" s="5"/>
      <c r="AB15885" s="5" t="s">
        <v>43</v>
      </c>
      <c r="AC15885" s="5" t="s">
        <v>44</v>
      </c>
      <c r="AD15885" s="2"/>
      <c r="AE15885" s="1"/>
    </row>
    <row r="15886" spans="1:31" ht="14.45">
      <c r="A15886" s="11"/>
      <c r="B15886" s="20"/>
      <c r="C15886" s="2" t="s">
        <v>48615</v>
      </c>
      <c r="D15886" s="14" t="s">
        <v>48616</v>
      </c>
      <c r="E15886" s="2" t="s">
        <v>48617</v>
      </c>
      <c r="F15886" s="2" t="s">
        <v>47195</v>
      </c>
      <c r="G15886" s="8">
        <v>351</v>
      </c>
      <c r="H15886" s="5">
        <v>6</v>
      </c>
      <c r="I15886" s="5" t="s">
        <v>1518</v>
      </c>
      <c r="J15886" s="5" t="s">
        <v>40939</v>
      </c>
      <c r="K15886" s="2" t="s">
        <v>40940</v>
      </c>
      <c r="L15886" s="5" t="s">
        <v>40939</v>
      </c>
      <c r="M15886" s="2" t="s">
        <v>40940</v>
      </c>
      <c r="N15886" s="5" t="s">
        <v>36266</v>
      </c>
      <c r="O15886" s="5" t="s">
        <v>38</v>
      </c>
      <c r="P15886" s="5" t="s">
        <v>39</v>
      </c>
      <c r="Q15886" s="5" t="s">
        <v>40</v>
      </c>
      <c r="R15886" s="5" t="s">
        <v>1522</v>
      </c>
      <c r="S15886" s="5" t="s">
        <v>1523</v>
      </c>
      <c r="T15886" s="5" t="s">
        <v>42</v>
      </c>
      <c r="U15886" s="2">
        <v>3.96</v>
      </c>
      <c r="V15886" s="2">
        <v>3.3149999999999999</v>
      </c>
      <c r="W15886" s="2">
        <v>0.02</v>
      </c>
      <c r="X15886" s="2">
        <v>159.1</v>
      </c>
      <c r="Y15886" s="2">
        <v>7.6</v>
      </c>
      <c r="Z15886" s="2">
        <v>16.7</v>
      </c>
      <c r="AA15886" s="5"/>
      <c r="AB15886" s="5" t="s">
        <v>43</v>
      </c>
      <c r="AC15886" s="5" t="s">
        <v>44</v>
      </c>
      <c r="AD15886" s="2"/>
      <c r="AE15886" s="1"/>
    </row>
    <row r="15887" spans="1:31" ht="14.45">
      <c r="A15887" s="11"/>
      <c r="B15887" s="20"/>
      <c r="C15887" s="2" t="s">
        <v>48618</v>
      </c>
      <c r="D15887" s="14" t="s">
        <v>48619</v>
      </c>
      <c r="E15887" s="2" t="s">
        <v>48620</v>
      </c>
      <c r="F15887" s="2" t="s">
        <v>7208</v>
      </c>
      <c r="G15887" s="8">
        <v>322</v>
      </c>
      <c r="H15887" s="5">
        <v>6</v>
      </c>
      <c r="I15887" s="5" t="s">
        <v>1518</v>
      </c>
      <c r="J15887" s="5" t="s">
        <v>40939</v>
      </c>
      <c r="K15887" s="2" t="s">
        <v>40940</v>
      </c>
      <c r="L15887" s="5" t="s">
        <v>40939</v>
      </c>
      <c r="M15887" s="2" t="s">
        <v>40940</v>
      </c>
      <c r="N15887" s="5" t="s">
        <v>36266</v>
      </c>
      <c r="O15887" s="5" t="s">
        <v>38</v>
      </c>
      <c r="P15887" s="5" t="s">
        <v>39</v>
      </c>
      <c r="Q15887" s="5" t="s">
        <v>40</v>
      </c>
      <c r="R15887" s="5" t="s">
        <v>1522</v>
      </c>
      <c r="S15887" s="5" t="s">
        <v>1523</v>
      </c>
      <c r="T15887" s="5" t="s">
        <v>42</v>
      </c>
      <c r="U15887" s="2">
        <v>3.855</v>
      </c>
      <c r="V15887" s="2">
        <v>3.21</v>
      </c>
      <c r="W15887" s="2">
        <v>0.02</v>
      </c>
      <c r="X15887" s="2">
        <v>159.1</v>
      </c>
      <c r="Y15887" s="2">
        <v>7.6</v>
      </c>
      <c r="Z15887" s="2">
        <v>16.7</v>
      </c>
      <c r="AA15887" s="5"/>
      <c r="AB15887" s="5" t="s">
        <v>43</v>
      </c>
      <c r="AC15887" s="5" t="s">
        <v>44</v>
      </c>
      <c r="AD15887" s="2"/>
      <c r="AE15887" s="1"/>
    </row>
    <row r="15888" spans="1:31" ht="14.45">
      <c r="A15888" s="11"/>
      <c r="B15888" s="20"/>
      <c r="C15888" s="2" t="s">
        <v>48621</v>
      </c>
      <c r="D15888" s="14" t="s">
        <v>48622</v>
      </c>
      <c r="E15888" s="2" t="s">
        <v>48623</v>
      </c>
      <c r="F15888" s="2" t="s">
        <v>7521</v>
      </c>
      <c r="G15888" s="8">
        <v>322</v>
      </c>
      <c r="H15888" s="5">
        <v>6</v>
      </c>
      <c r="I15888" s="5" t="s">
        <v>1518</v>
      </c>
      <c r="J15888" s="5" t="s">
        <v>40939</v>
      </c>
      <c r="K15888" s="2" t="s">
        <v>40940</v>
      </c>
      <c r="L15888" s="5" t="s">
        <v>40939</v>
      </c>
      <c r="M15888" s="2" t="s">
        <v>40940</v>
      </c>
      <c r="N15888" s="5" t="s">
        <v>36266</v>
      </c>
      <c r="O15888" s="5" t="s">
        <v>38</v>
      </c>
      <c r="P15888" s="5" t="s">
        <v>39</v>
      </c>
      <c r="Q15888" s="5" t="s">
        <v>40</v>
      </c>
      <c r="R15888" s="5" t="s">
        <v>1522</v>
      </c>
      <c r="S15888" s="5" t="s">
        <v>1523</v>
      </c>
      <c r="T15888" s="5" t="s">
        <v>42</v>
      </c>
      <c r="U15888" s="2">
        <v>3.9769999999999999</v>
      </c>
      <c r="V15888" s="2">
        <v>3.3319999999999999</v>
      </c>
      <c r="W15888" s="2">
        <v>0.02</v>
      </c>
      <c r="X15888" s="2">
        <v>159.1</v>
      </c>
      <c r="Y15888" s="2">
        <v>7.6</v>
      </c>
      <c r="Z15888" s="2">
        <v>16.7</v>
      </c>
      <c r="AA15888" s="5"/>
      <c r="AB15888" s="5" t="s">
        <v>43</v>
      </c>
      <c r="AC15888" s="5" t="s">
        <v>44</v>
      </c>
      <c r="AD15888" s="2"/>
      <c r="AE15888" s="1"/>
    </row>
    <row r="15889" spans="1:31" ht="14.45">
      <c r="A15889" s="11"/>
      <c r="B15889" s="20"/>
      <c r="C15889" s="2" t="s">
        <v>48624</v>
      </c>
      <c r="D15889" s="14" t="s">
        <v>48625</v>
      </c>
      <c r="E15889" s="2" t="s">
        <v>48626</v>
      </c>
      <c r="F15889" s="2" t="s">
        <v>36273</v>
      </c>
      <c r="G15889" s="8">
        <v>322</v>
      </c>
      <c r="H15889" s="5">
        <v>6</v>
      </c>
      <c r="I15889" s="5" t="s">
        <v>1518</v>
      </c>
      <c r="J15889" s="5" t="s">
        <v>40939</v>
      </c>
      <c r="K15889" s="2" t="s">
        <v>40940</v>
      </c>
      <c r="L15889" s="5" t="s">
        <v>40939</v>
      </c>
      <c r="M15889" s="2" t="s">
        <v>40940</v>
      </c>
      <c r="N15889" s="5" t="s">
        <v>36266</v>
      </c>
      <c r="O15889" s="5" t="s">
        <v>38</v>
      </c>
      <c r="P15889" s="5" t="s">
        <v>39</v>
      </c>
      <c r="Q15889" s="5" t="s">
        <v>40</v>
      </c>
      <c r="R15889" s="5" t="s">
        <v>1522</v>
      </c>
      <c r="S15889" s="5" t="s">
        <v>1523</v>
      </c>
      <c r="T15889" s="5" t="s">
        <v>42</v>
      </c>
      <c r="U15889" s="2">
        <v>3.89</v>
      </c>
      <c r="V15889" s="2">
        <v>3.2450000000000001</v>
      </c>
      <c r="W15889" s="2">
        <v>0.02</v>
      </c>
      <c r="X15889" s="2">
        <v>159.1</v>
      </c>
      <c r="Y15889" s="2">
        <v>7.6</v>
      </c>
      <c r="Z15889" s="2">
        <v>16.7</v>
      </c>
      <c r="AA15889" s="5"/>
      <c r="AB15889" s="5" t="s">
        <v>43</v>
      </c>
      <c r="AC15889" s="5" t="s">
        <v>44</v>
      </c>
      <c r="AD15889" s="2"/>
      <c r="AE15889" s="1"/>
    </row>
    <row r="15890" spans="1:31" ht="14.45">
      <c r="A15890" s="11"/>
      <c r="B15890" s="20"/>
      <c r="C15890" s="2" t="s">
        <v>48627</v>
      </c>
      <c r="D15890" s="14" t="s">
        <v>48628</v>
      </c>
      <c r="E15890" s="2" t="s">
        <v>48629</v>
      </c>
      <c r="F15890" s="2" t="s">
        <v>36277</v>
      </c>
      <c r="G15890" s="8">
        <v>322</v>
      </c>
      <c r="H15890" s="5">
        <v>6</v>
      </c>
      <c r="I15890" s="5" t="s">
        <v>1518</v>
      </c>
      <c r="J15890" s="5" t="s">
        <v>40939</v>
      </c>
      <c r="K15890" s="2" t="s">
        <v>40940</v>
      </c>
      <c r="L15890" s="5" t="s">
        <v>40939</v>
      </c>
      <c r="M15890" s="2" t="s">
        <v>40940</v>
      </c>
      <c r="N15890" s="5" t="s">
        <v>36266</v>
      </c>
      <c r="O15890" s="5" t="s">
        <v>38</v>
      </c>
      <c r="P15890" s="5" t="s">
        <v>39</v>
      </c>
      <c r="Q15890" s="5" t="s">
        <v>40</v>
      </c>
      <c r="R15890" s="5" t="s">
        <v>1522</v>
      </c>
      <c r="S15890" s="5" t="s">
        <v>1523</v>
      </c>
      <c r="T15890" s="5" t="s">
        <v>42</v>
      </c>
      <c r="U15890" s="2">
        <v>4.0119999999999996</v>
      </c>
      <c r="V15890" s="2">
        <v>3.367</v>
      </c>
      <c r="W15890" s="2">
        <v>0.02</v>
      </c>
      <c r="X15890" s="2">
        <v>159.1</v>
      </c>
      <c r="Y15890" s="2">
        <v>7.6</v>
      </c>
      <c r="Z15890" s="2">
        <v>16.7</v>
      </c>
      <c r="AA15890" s="5"/>
      <c r="AB15890" s="5" t="s">
        <v>43</v>
      </c>
      <c r="AC15890" s="5" t="s">
        <v>44</v>
      </c>
      <c r="AD15890" s="2"/>
      <c r="AE15890" s="1"/>
    </row>
    <row r="15891" spans="1:31" ht="14.45">
      <c r="A15891" s="11"/>
      <c r="B15891" s="20"/>
      <c r="C15891" s="2" t="s">
        <v>48630</v>
      </c>
      <c r="D15891" s="14" t="s">
        <v>48631</v>
      </c>
      <c r="E15891" s="2" t="s">
        <v>48632</v>
      </c>
      <c r="F15891" s="2" t="s">
        <v>40967</v>
      </c>
      <c r="G15891" s="8">
        <v>351</v>
      </c>
      <c r="H15891" s="5">
        <v>6</v>
      </c>
      <c r="I15891" s="5" t="s">
        <v>1518</v>
      </c>
      <c r="J15891" s="5" t="s">
        <v>40939</v>
      </c>
      <c r="K15891" s="2" t="s">
        <v>40940</v>
      </c>
      <c r="L15891" s="5" t="s">
        <v>40939</v>
      </c>
      <c r="M15891" s="2" t="s">
        <v>40940</v>
      </c>
      <c r="N15891" s="5" t="s">
        <v>36266</v>
      </c>
      <c r="O15891" s="5" t="s">
        <v>38</v>
      </c>
      <c r="P15891" s="5" t="s">
        <v>39</v>
      </c>
      <c r="Q15891" s="5" t="s">
        <v>40</v>
      </c>
      <c r="R15891" s="5" t="s">
        <v>1522</v>
      </c>
      <c r="S15891" s="5" t="s">
        <v>1523</v>
      </c>
      <c r="T15891" s="5" t="s">
        <v>42</v>
      </c>
      <c r="U15891" s="2">
        <v>3.855</v>
      </c>
      <c r="V15891" s="2">
        <v>3.21</v>
      </c>
      <c r="W15891" s="2">
        <v>0.02</v>
      </c>
      <c r="X15891" s="2">
        <v>159.1</v>
      </c>
      <c r="Y15891" s="2">
        <v>7.6</v>
      </c>
      <c r="Z15891" s="2">
        <v>16.7</v>
      </c>
      <c r="AA15891" s="5"/>
      <c r="AB15891" s="5" t="s">
        <v>43</v>
      </c>
      <c r="AC15891" s="5" t="s">
        <v>44</v>
      </c>
      <c r="AD15891" s="2"/>
      <c r="AE15891" s="1"/>
    </row>
    <row r="15892" spans="1:31" ht="14.45">
      <c r="A15892" s="11"/>
      <c r="B15892" s="20"/>
      <c r="C15892" s="2" t="s">
        <v>48633</v>
      </c>
      <c r="D15892" s="14" t="s">
        <v>48634</v>
      </c>
      <c r="E15892" s="2" t="s">
        <v>48635</v>
      </c>
      <c r="F15892" s="2" t="s">
        <v>40971</v>
      </c>
      <c r="G15892" s="8">
        <v>351</v>
      </c>
      <c r="H15892" s="5">
        <v>6</v>
      </c>
      <c r="I15892" s="5" t="s">
        <v>1518</v>
      </c>
      <c r="J15892" s="5" t="s">
        <v>40939</v>
      </c>
      <c r="K15892" s="2" t="s">
        <v>40940</v>
      </c>
      <c r="L15892" s="5" t="s">
        <v>40939</v>
      </c>
      <c r="M15892" s="2" t="s">
        <v>40940</v>
      </c>
      <c r="N15892" s="5" t="s">
        <v>36266</v>
      </c>
      <c r="O15892" s="5" t="s">
        <v>38</v>
      </c>
      <c r="P15892" s="5" t="s">
        <v>39</v>
      </c>
      <c r="Q15892" s="5" t="s">
        <v>40</v>
      </c>
      <c r="R15892" s="5" t="s">
        <v>1522</v>
      </c>
      <c r="S15892" s="5" t="s">
        <v>1523</v>
      </c>
      <c r="T15892" s="5" t="s">
        <v>42</v>
      </c>
      <c r="U15892" s="2">
        <v>3.9769999999999999</v>
      </c>
      <c r="V15892" s="2">
        <v>3.3319999999999999</v>
      </c>
      <c r="W15892" s="2">
        <v>0.02</v>
      </c>
      <c r="X15892" s="2">
        <v>159.1</v>
      </c>
      <c r="Y15892" s="2">
        <v>7.6</v>
      </c>
      <c r="Z15892" s="2">
        <v>16.7</v>
      </c>
      <c r="AA15892" s="5"/>
      <c r="AB15892" s="5" t="s">
        <v>43</v>
      </c>
      <c r="AC15892" s="5" t="s">
        <v>44</v>
      </c>
      <c r="AD15892" s="2"/>
      <c r="AE15892" s="1"/>
    </row>
    <row r="15893" spans="1:31" ht="14.45">
      <c r="A15893" s="11"/>
      <c r="B15893" s="20"/>
      <c r="C15893" s="2" t="s">
        <v>48636</v>
      </c>
      <c r="D15893" s="14" t="s">
        <v>48637</v>
      </c>
      <c r="E15893" s="2" t="s">
        <v>48638</v>
      </c>
      <c r="F15893" s="2" t="s">
        <v>47735</v>
      </c>
      <c r="G15893" s="8">
        <v>351</v>
      </c>
      <c r="H15893" s="5">
        <v>6</v>
      </c>
      <c r="I15893" s="5" t="s">
        <v>1518</v>
      </c>
      <c r="J15893" s="5" t="s">
        <v>40939</v>
      </c>
      <c r="K15893" s="2" t="s">
        <v>40940</v>
      </c>
      <c r="L15893" s="5" t="s">
        <v>40939</v>
      </c>
      <c r="M15893" s="2" t="s">
        <v>40940</v>
      </c>
      <c r="N15893" s="5" t="s">
        <v>36266</v>
      </c>
      <c r="O15893" s="5" t="s">
        <v>38</v>
      </c>
      <c r="P15893" s="5" t="s">
        <v>39</v>
      </c>
      <c r="Q15893" s="5" t="s">
        <v>40</v>
      </c>
      <c r="R15893" s="5" t="s">
        <v>1522</v>
      </c>
      <c r="S15893" s="5" t="s">
        <v>1523</v>
      </c>
      <c r="T15893" s="5" t="s">
        <v>42</v>
      </c>
      <c r="U15893" s="2">
        <v>3.9769999999999999</v>
      </c>
      <c r="V15893" s="2">
        <v>3.3319999999999999</v>
      </c>
      <c r="W15893" s="2">
        <v>0.02</v>
      </c>
      <c r="X15893" s="2">
        <v>159.1</v>
      </c>
      <c r="Y15893" s="2">
        <v>7.6</v>
      </c>
      <c r="Z15893" s="2">
        <v>16.7</v>
      </c>
      <c r="AA15893" s="5"/>
      <c r="AB15893" s="5" t="s">
        <v>43</v>
      </c>
      <c r="AC15893" s="5" t="s">
        <v>44</v>
      </c>
      <c r="AD15893" s="2"/>
      <c r="AE15893" s="1"/>
    </row>
    <row r="15894" spans="1:31" ht="14.45">
      <c r="A15894" s="11"/>
      <c r="B15894" s="20"/>
      <c r="C15894" s="2" t="s">
        <v>48639</v>
      </c>
      <c r="D15894" s="14" t="s">
        <v>48640</v>
      </c>
      <c r="E15894" s="2" t="s">
        <v>48641</v>
      </c>
      <c r="F15894" s="2" t="s">
        <v>7539</v>
      </c>
      <c r="G15894" s="8">
        <v>351</v>
      </c>
      <c r="H15894" s="5">
        <v>6</v>
      </c>
      <c r="I15894" s="5" t="s">
        <v>1518</v>
      </c>
      <c r="J15894" s="5" t="s">
        <v>40939</v>
      </c>
      <c r="K15894" s="2" t="s">
        <v>40940</v>
      </c>
      <c r="L15894" s="5" t="s">
        <v>40939</v>
      </c>
      <c r="M15894" s="2" t="s">
        <v>40940</v>
      </c>
      <c r="N15894" s="5" t="s">
        <v>36266</v>
      </c>
      <c r="O15894" s="5" t="s">
        <v>38</v>
      </c>
      <c r="P15894" s="5" t="s">
        <v>39</v>
      </c>
      <c r="Q15894" s="5" t="s">
        <v>40</v>
      </c>
      <c r="R15894" s="5" t="s">
        <v>1522</v>
      </c>
      <c r="S15894" s="5" t="s">
        <v>1523</v>
      </c>
      <c r="T15894" s="5" t="s">
        <v>42</v>
      </c>
      <c r="U15894" s="2">
        <v>3.7679999999999998</v>
      </c>
      <c r="V15894" s="2">
        <v>3.1230000000000002</v>
      </c>
      <c r="W15894" s="2">
        <v>0.02</v>
      </c>
      <c r="X15894" s="2">
        <v>159.1</v>
      </c>
      <c r="Y15894" s="2">
        <v>7.6</v>
      </c>
      <c r="Z15894" s="2">
        <v>16.7</v>
      </c>
      <c r="AA15894" s="5"/>
      <c r="AB15894" s="5" t="s">
        <v>43</v>
      </c>
      <c r="AC15894" s="5" t="s">
        <v>44</v>
      </c>
      <c r="AD15894" s="2"/>
      <c r="AE15894" s="1"/>
    </row>
    <row r="15895" spans="1:31" ht="14.45">
      <c r="A15895" s="11"/>
      <c r="B15895" s="20"/>
      <c r="C15895" s="2" t="s">
        <v>48642</v>
      </c>
      <c r="D15895" s="14" t="s">
        <v>48643</v>
      </c>
      <c r="E15895" s="2" t="s">
        <v>48644</v>
      </c>
      <c r="F15895" s="2" t="s">
        <v>7543</v>
      </c>
      <c r="G15895" s="8">
        <v>351</v>
      </c>
      <c r="H15895" s="5">
        <v>6</v>
      </c>
      <c r="I15895" s="5" t="s">
        <v>1518</v>
      </c>
      <c r="J15895" s="5" t="s">
        <v>40939</v>
      </c>
      <c r="K15895" s="2" t="s">
        <v>40940</v>
      </c>
      <c r="L15895" s="5" t="s">
        <v>40939</v>
      </c>
      <c r="M15895" s="2" t="s">
        <v>40940</v>
      </c>
      <c r="N15895" s="5" t="s">
        <v>36266</v>
      </c>
      <c r="O15895" s="5" t="s">
        <v>38</v>
      </c>
      <c r="P15895" s="5" t="s">
        <v>39</v>
      </c>
      <c r="Q15895" s="5" t="s">
        <v>40</v>
      </c>
      <c r="R15895" s="5" t="s">
        <v>1522</v>
      </c>
      <c r="S15895" s="5" t="s">
        <v>1523</v>
      </c>
      <c r="T15895" s="5" t="s">
        <v>42</v>
      </c>
      <c r="U15895" s="2">
        <v>3.89</v>
      </c>
      <c r="V15895" s="2">
        <v>3.2450000000000001</v>
      </c>
      <c r="W15895" s="2">
        <v>0.02</v>
      </c>
      <c r="X15895" s="2">
        <v>159.1</v>
      </c>
      <c r="Y15895" s="2">
        <v>7.6</v>
      </c>
      <c r="Z15895" s="2">
        <v>16.7</v>
      </c>
      <c r="AA15895" s="5"/>
      <c r="AB15895" s="5" t="s">
        <v>43</v>
      </c>
      <c r="AC15895" s="5" t="s">
        <v>44</v>
      </c>
      <c r="AD15895" s="2"/>
      <c r="AE15895" s="1"/>
    </row>
    <row r="15896" spans="1:31" ht="14.45">
      <c r="A15896" s="11"/>
      <c r="B15896" s="20"/>
      <c r="C15896" s="2" t="s">
        <v>48645</v>
      </c>
      <c r="D15896" s="14" t="s">
        <v>48646</v>
      </c>
      <c r="E15896" s="2" t="s">
        <v>48647</v>
      </c>
      <c r="F15896" s="2" t="s">
        <v>40989</v>
      </c>
      <c r="G15896" s="8">
        <v>351</v>
      </c>
      <c r="H15896" s="5">
        <v>6</v>
      </c>
      <c r="I15896" s="5" t="s">
        <v>1518</v>
      </c>
      <c r="J15896" s="5" t="s">
        <v>40939</v>
      </c>
      <c r="K15896" s="2" t="s">
        <v>40940</v>
      </c>
      <c r="L15896" s="5" t="s">
        <v>40939</v>
      </c>
      <c r="M15896" s="2" t="s">
        <v>40940</v>
      </c>
      <c r="N15896" s="5" t="s">
        <v>36266</v>
      </c>
      <c r="O15896" s="5" t="s">
        <v>38</v>
      </c>
      <c r="P15896" s="5" t="s">
        <v>39</v>
      </c>
      <c r="Q15896" s="5" t="s">
        <v>40</v>
      </c>
      <c r="R15896" s="5" t="s">
        <v>1522</v>
      </c>
      <c r="S15896" s="5" t="s">
        <v>1523</v>
      </c>
      <c r="T15896" s="5" t="s">
        <v>42</v>
      </c>
      <c r="U15896" s="2">
        <v>3.855</v>
      </c>
      <c r="V15896" s="2">
        <v>3.21</v>
      </c>
      <c r="W15896" s="2">
        <v>0.02</v>
      </c>
      <c r="X15896" s="2">
        <v>159.1</v>
      </c>
      <c r="Y15896" s="2">
        <v>7.6</v>
      </c>
      <c r="Z15896" s="2">
        <v>16.7</v>
      </c>
      <c r="AA15896" s="5"/>
      <c r="AB15896" s="5" t="s">
        <v>43</v>
      </c>
      <c r="AC15896" s="5" t="s">
        <v>44</v>
      </c>
      <c r="AD15896" s="2"/>
      <c r="AE15896" s="1"/>
    </row>
    <row r="15897" spans="1:31" ht="14.45">
      <c r="A15897" s="11"/>
      <c r="B15897" s="20"/>
      <c r="C15897" s="2" t="s">
        <v>48648</v>
      </c>
      <c r="D15897" s="14" t="s">
        <v>48649</v>
      </c>
      <c r="E15897" s="2" t="s">
        <v>48650</v>
      </c>
      <c r="F15897" s="2" t="s">
        <v>40993</v>
      </c>
      <c r="G15897" s="8">
        <v>351</v>
      </c>
      <c r="H15897" s="5">
        <v>6</v>
      </c>
      <c r="I15897" s="5" t="s">
        <v>1518</v>
      </c>
      <c r="J15897" s="5" t="s">
        <v>40939</v>
      </c>
      <c r="K15897" s="2" t="s">
        <v>40940</v>
      </c>
      <c r="L15897" s="5" t="s">
        <v>40939</v>
      </c>
      <c r="M15897" s="2" t="s">
        <v>40940</v>
      </c>
      <c r="N15897" s="5" t="s">
        <v>36266</v>
      </c>
      <c r="O15897" s="5" t="s">
        <v>38</v>
      </c>
      <c r="P15897" s="5" t="s">
        <v>39</v>
      </c>
      <c r="Q15897" s="5" t="s">
        <v>40</v>
      </c>
      <c r="R15897" s="5" t="s">
        <v>1522</v>
      </c>
      <c r="S15897" s="5" t="s">
        <v>1523</v>
      </c>
      <c r="T15897" s="5" t="s">
        <v>42</v>
      </c>
      <c r="U15897" s="2">
        <v>3.9769999999999999</v>
      </c>
      <c r="V15897" s="2">
        <v>3.3319999999999999</v>
      </c>
      <c r="W15897" s="2">
        <v>0.02</v>
      </c>
      <c r="X15897" s="2">
        <v>159.1</v>
      </c>
      <c r="Y15897" s="2">
        <v>7.6</v>
      </c>
      <c r="Z15897" s="2">
        <v>16.7</v>
      </c>
      <c r="AA15897" s="5"/>
      <c r="AB15897" s="5" t="s">
        <v>43</v>
      </c>
      <c r="AC15897" s="5" t="s">
        <v>44</v>
      </c>
      <c r="AD15897" s="2"/>
      <c r="AE15897" s="1"/>
    </row>
    <row r="15898" spans="1:31" ht="14.45">
      <c r="A15898" s="11"/>
      <c r="B15898" s="20"/>
      <c r="C15898" s="2" t="s">
        <v>48651</v>
      </c>
      <c r="D15898" s="14" t="s">
        <v>48652</v>
      </c>
      <c r="E15898" s="2" t="s">
        <v>48653</v>
      </c>
      <c r="F15898" s="2" t="s">
        <v>41013</v>
      </c>
      <c r="G15898" s="8">
        <v>351</v>
      </c>
      <c r="H15898" s="5">
        <v>6</v>
      </c>
      <c r="I15898" s="5" t="s">
        <v>1518</v>
      </c>
      <c r="J15898" s="5" t="s">
        <v>40939</v>
      </c>
      <c r="K15898" s="2" t="s">
        <v>40940</v>
      </c>
      <c r="L15898" s="5" t="s">
        <v>40939</v>
      </c>
      <c r="M15898" s="2" t="s">
        <v>40940</v>
      </c>
      <c r="N15898" s="5" t="s">
        <v>36266</v>
      </c>
      <c r="O15898" s="5" t="s">
        <v>38</v>
      </c>
      <c r="P15898" s="5" t="s">
        <v>39</v>
      </c>
      <c r="Q15898" s="5" t="s">
        <v>40</v>
      </c>
      <c r="R15898" s="5" t="s">
        <v>1522</v>
      </c>
      <c r="S15898" s="5" t="s">
        <v>1523</v>
      </c>
      <c r="T15898" s="5" t="s">
        <v>42</v>
      </c>
      <c r="U15898" s="2">
        <v>3.9950000000000001</v>
      </c>
      <c r="V15898" s="2">
        <v>3.35</v>
      </c>
      <c r="W15898" s="2">
        <v>0.02</v>
      </c>
      <c r="X15898" s="2">
        <v>159.1</v>
      </c>
      <c r="Y15898" s="2">
        <v>7.6</v>
      </c>
      <c r="Z15898" s="2">
        <v>16.7</v>
      </c>
      <c r="AA15898" s="5"/>
      <c r="AB15898" s="5" t="s">
        <v>43</v>
      </c>
      <c r="AC15898" s="5" t="s">
        <v>44</v>
      </c>
      <c r="AD15898" s="2"/>
      <c r="AE15898" s="1"/>
    </row>
    <row r="15899" spans="1:31" ht="14.45">
      <c r="A15899" s="11"/>
      <c r="B15899" s="20"/>
      <c r="C15899" s="2" t="s">
        <v>48654</v>
      </c>
      <c r="D15899" s="14" t="s">
        <v>48655</v>
      </c>
      <c r="E15899" s="2" t="s">
        <v>48656</v>
      </c>
      <c r="F15899" s="2" t="s">
        <v>7396</v>
      </c>
      <c r="G15899" s="8">
        <v>322</v>
      </c>
      <c r="H15899" s="5">
        <v>6</v>
      </c>
      <c r="I15899" s="5" t="s">
        <v>1518</v>
      </c>
      <c r="J15899" s="5" t="s">
        <v>40939</v>
      </c>
      <c r="K15899" s="2" t="s">
        <v>40940</v>
      </c>
      <c r="L15899" s="5" t="s">
        <v>40939</v>
      </c>
      <c r="M15899" s="2" t="s">
        <v>40940</v>
      </c>
      <c r="N15899" s="5" t="s">
        <v>36266</v>
      </c>
      <c r="O15899" s="5" t="s">
        <v>38</v>
      </c>
      <c r="P15899" s="5" t="s">
        <v>39</v>
      </c>
      <c r="Q15899" s="5" t="s">
        <v>40</v>
      </c>
      <c r="R15899" s="5" t="s">
        <v>1522</v>
      </c>
      <c r="S15899" s="5" t="s">
        <v>1523</v>
      </c>
      <c r="T15899" s="5" t="s">
        <v>42</v>
      </c>
      <c r="U15899" s="2">
        <v>3.8730000000000002</v>
      </c>
      <c r="V15899" s="2">
        <v>3.2280000000000002</v>
      </c>
      <c r="W15899" s="2">
        <v>0.02</v>
      </c>
      <c r="X15899" s="2">
        <v>159.1</v>
      </c>
      <c r="Y15899" s="2">
        <v>7.6</v>
      </c>
      <c r="Z15899" s="2">
        <v>16.7</v>
      </c>
      <c r="AA15899" s="5"/>
      <c r="AB15899" s="5" t="s">
        <v>43</v>
      </c>
      <c r="AC15899" s="5" t="s">
        <v>44</v>
      </c>
      <c r="AD15899" s="2"/>
      <c r="AE15899" s="1"/>
    </row>
    <row r="15900" spans="1:31" ht="14.45">
      <c r="A15900" s="11"/>
      <c r="B15900" s="20"/>
      <c r="C15900" s="2" t="s">
        <v>48657</v>
      </c>
      <c r="D15900" s="14" t="s">
        <v>48658</v>
      </c>
      <c r="E15900" s="2" t="s">
        <v>48659</v>
      </c>
      <c r="F15900" s="2" t="s">
        <v>7507</v>
      </c>
      <c r="G15900" s="8">
        <v>322</v>
      </c>
      <c r="H15900" s="5">
        <v>6</v>
      </c>
      <c r="I15900" s="5" t="s">
        <v>1518</v>
      </c>
      <c r="J15900" s="5" t="s">
        <v>40939</v>
      </c>
      <c r="K15900" s="2" t="s">
        <v>40940</v>
      </c>
      <c r="L15900" s="5" t="s">
        <v>40939</v>
      </c>
      <c r="M15900" s="2" t="s">
        <v>40940</v>
      </c>
      <c r="N15900" s="5" t="s">
        <v>36266</v>
      </c>
      <c r="O15900" s="5" t="s">
        <v>38</v>
      </c>
      <c r="P15900" s="5" t="s">
        <v>39</v>
      </c>
      <c r="Q15900" s="5" t="s">
        <v>40</v>
      </c>
      <c r="R15900" s="5" t="s">
        <v>1522</v>
      </c>
      <c r="S15900" s="5" t="s">
        <v>1523</v>
      </c>
      <c r="T15900" s="5" t="s">
        <v>42</v>
      </c>
      <c r="U15900" s="2">
        <v>3.9950000000000001</v>
      </c>
      <c r="V15900" s="2">
        <v>3.35</v>
      </c>
      <c r="W15900" s="2">
        <v>0.02</v>
      </c>
      <c r="X15900" s="2">
        <v>159.1</v>
      </c>
      <c r="Y15900" s="2">
        <v>7.6</v>
      </c>
      <c r="Z15900" s="2">
        <v>16.7</v>
      </c>
      <c r="AA15900" s="5"/>
      <c r="AB15900" s="5" t="s">
        <v>43</v>
      </c>
      <c r="AC15900" s="5" t="s">
        <v>44</v>
      </c>
      <c r="AD15900" s="2"/>
      <c r="AE15900" s="1"/>
    </row>
    <row r="15901" spans="1:31" ht="14.45">
      <c r="A15901" s="11"/>
      <c r="B15901" s="20"/>
      <c r="C15901" s="2" t="s">
        <v>48660</v>
      </c>
      <c r="D15901" s="14" t="s">
        <v>48661</v>
      </c>
      <c r="E15901" s="2" t="s">
        <v>48662</v>
      </c>
      <c r="F15901" s="2" t="s">
        <v>41023</v>
      </c>
      <c r="G15901" s="8">
        <v>351</v>
      </c>
      <c r="H15901" s="5">
        <v>6</v>
      </c>
      <c r="I15901" s="5" t="s">
        <v>1518</v>
      </c>
      <c r="J15901" s="5" t="s">
        <v>40939</v>
      </c>
      <c r="K15901" s="2" t="s">
        <v>40940</v>
      </c>
      <c r="L15901" s="5" t="s">
        <v>40939</v>
      </c>
      <c r="M15901" s="2" t="s">
        <v>40940</v>
      </c>
      <c r="N15901" s="5" t="s">
        <v>36266</v>
      </c>
      <c r="O15901" s="5" t="s">
        <v>38</v>
      </c>
      <c r="P15901" s="5" t="s">
        <v>39</v>
      </c>
      <c r="Q15901" s="5" t="s">
        <v>40</v>
      </c>
      <c r="R15901" s="5" t="s">
        <v>1522</v>
      </c>
      <c r="S15901" s="5" t="s">
        <v>1523</v>
      </c>
      <c r="T15901" s="5" t="s">
        <v>42</v>
      </c>
      <c r="U15901" s="2">
        <v>3.786</v>
      </c>
      <c r="V15901" s="2">
        <v>3.141</v>
      </c>
      <c r="W15901" s="2">
        <v>0.02</v>
      </c>
      <c r="X15901" s="2">
        <v>159.1</v>
      </c>
      <c r="Y15901" s="2">
        <v>7.6</v>
      </c>
      <c r="Z15901" s="2">
        <v>16.7</v>
      </c>
      <c r="AA15901" s="5"/>
      <c r="AB15901" s="5" t="s">
        <v>43</v>
      </c>
      <c r="AC15901" s="5" t="s">
        <v>44</v>
      </c>
      <c r="AD15901" s="2"/>
      <c r="AE15901" s="1"/>
    </row>
    <row r="15902" spans="1:31" ht="14.45">
      <c r="A15902" s="11"/>
      <c r="B15902" s="20"/>
      <c r="C15902" s="2" t="s">
        <v>48663</v>
      </c>
      <c r="D15902" s="14" t="s">
        <v>48664</v>
      </c>
      <c r="E15902" s="2" t="s">
        <v>48665</v>
      </c>
      <c r="F15902" s="2" t="s">
        <v>41027</v>
      </c>
      <c r="G15902" s="8">
        <v>351</v>
      </c>
      <c r="H15902" s="5">
        <v>6</v>
      </c>
      <c r="I15902" s="5" t="s">
        <v>1518</v>
      </c>
      <c r="J15902" s="5" t="s">
        <v>40939</v>
      </c>
      <c r="K15902" s="2" t="s">
        <v>40940</v>
      </c>
      <c r="L15902" s="5" t="s">
        <v>40939</v>
      </c>
      <c r="M15902" s="2" t="s">
        <v>40940</v>
      </c>
      <c r="N15902" s="5" t="s">
        <v>36266</v>
      </c>
      <c r="O15902" s="5" t="s">
        <v>38</v>
      </c>
      <c r="P15902" s="5" t="s">
        <v>39</v>
      </c>
      <c r="Q15902" s="5" t="s">
        <v>40</v>
      </c>
      <c r="R15902" s="5" t="s">
        <v>1522</v>
      </c>
      <c r="S15902" s="5" t="s">
        <v>1523</v>
      </c>
      <c r="T15902" s="5" t="s">
        <v>42</v>
      </c>
      <c r="U15902" s="2">
        <v>3.9079999999999999</v>
      </c>
      <c r="V15902" s="2">
        <v>3.2629999999999999</v>
      </c>
      <c r="W15902" s="2">
        <v>0.02</v>
      </c>
      <c r="X15902" s="2">
        <v>159.1</v>
      </c>
      <c r="Y15902" s="2">
        <v>7.6</v>
      </c>
      <c r="Z15902" s="2">
        <v>16.7</v>
      </c>
      <c r="AA15902" s="5"/>
      <c r="AB15902" s="5" t="s">
        <v>43</v>
      </c>
      <c r="AC15902" s="5" t="s">
        <v>44</v>
      </c>
      <c r="AD15902" s="2"/>
      <c r="AE15902" s="1"/>
    </row>
    <row r="15903" spans="1:31" ht="14.45">
      <c r="A15903" s="11"/>
      <c r="B15903" s="20"/>
      <c r="C15903" s="2" t="s">
        <v>48666</v>
      </c>
      <c r="D15903" s="14" t="s">
        <v>48667</v>
      </c>
      <c r="E15903" s="2" t="s">
        <v>48668</v>
      </c>
      <c r="F15903" s="2" t="s">
        <v>41031</v>
      </c>
      <c r="G15903" s="8">
        <v>351</v>
      </c>
      <c r="H15903" s="5">
        <v>6</v>
      </c>
      <c r="I15903" s="5" t="s">
        <v>1518</v>
      </c>
      <c r="J15903" s="5" t="s">
        <v>40939</v>
      </c>
      <c r="K15903" s="2" t="s">
        <v>40940</v>
      </c>
      <c r="L15903" s="5" t="s">
        <v>40939</v>
      </c>
      <c r="M15903" s="2" t="s">
        <v>40940</v>
      </c>
      <c r="N15903" s="5" t="s">
        <v>36266</v>
      </c>
      <c r="O15903" s="5" t="s">
        <v>38</v>
      </c>
      <c r="P15903" s="5" t="s">
        <v>39</v>
      </c>
      <c r="Q15903" s="5" t="s">
        <v>40</v>
      </c>
      <c r="R15903" s="5" t="s">
        <v>1522</v>
      </c>
      <c r="S15903" s="5" t="s">
        <v>1523</v>
      </c>
      <c r="T15903" s="5" t="s">
        <v>42</v>
      </c>
      <c r="U15903" s="2">
        <v>3.786</v>
      </c>
      <c r="V15903" s="2">
        <v>3.141</v>
      </c>
      <c r="W15903" s="2">
        <v>0.02</v>
      </c>
      <c r="X15903" s="2">
        <v>159.1</v>
      </c>
      <c r="Y15903" s="2">
        <v>7.6</v>
      </c>
      <c r="Z15903" s="2">
        <v>16.7</v>
      </c>
      <c r="AA15903" s="5"/>
      <c r="AB15903" s="5" t="s">
        <v>43</v>
      </c>
      <c r="AC15903" s="5" t="s">
        <v>44</v>
      </c>
      <c r="AD15903" s="2"/>
      <c r="AE15903" s="1"/>
    </row>
    <row r="15904" spans="1:31" ht="14.45">
      <c r="A15904" s="11"/>
      <c r="B15904" s="20"/>
      <c r="C15904" s="2" t="s">
        <v>48669</v>
      </c>
      <c r="D15904" s="14" t="s">
        <v>48670</v>
      </c>
      <c r="E15904" s="2" t="s">
        <v>48671</v>
      </c>
      <c r="F15904" s="2" t="s">
        <v>41035</v>
      </c>
      <c r="G15904" s="8">
        <v>351</v>
      </c>
      <c r="H15904" s="5">
        <v>6</v>
      </c>
      <c r="I15904" s="5" t="s">
        <v>1518</v>
      </c>
      <c r="J15904" s="5" t="s">
        <v>40939</v>
      </c>
      <c r="K15904" s="2" t="s">
        <v>40940</v>
      </c>
      <c r="L15904" s="5" t="s">
        <v>40939</v>
      </c>
      <c r="M15904" s="2" t="s">
        <v>40940</v>
      </c>
      <c r="N15904" s="5" t="s">
        <v>36266</v>
      </c>
      <c r="O15904" s="5" t="s">
        <v>38</v>
      </c>
      <c r="P15904" s="5" t="s">
        <v>39</v>
      </c>
      <c r="Q15904" s="5" t="s">
        <v>40</v>
      </c>
      <c r="R15904" s="5" t="s">
        <v>1522</v>
      </c>
      <c r="S15904" s="5" t="s">
        <v>1523</v>
      </c>
      <c r="T15904" s="5" t="s">
        <v>42</v>
      </c>
      <c r="U15904" s="2">
        <v>3.9079999999999999</v>
      </c>
      <c r="V15904" s="2">
        <v>3.2629999999999999</v>
      </c>
      <c r="W15904" s="2">
        <v>0.02</v>
      </c>
      <c r="X15904" s="2">
        <v>159.1</v>
      </c>
      <c r="Y15904" s="2">
        <v>7.6</v>
      </c>
      <c r="Z15904" s="2">
        <v>16.7</v>
      </c>
      <c r="AA15904" s="5"/>
      <c r="AB15904" s="5" t="s">
        <v>43</v>
      </c>
      <c r="AC15904" s="5" t="s">
        <v>44</v>
      </c>
      <c r="AD15904" s="2"/>
      <c r="AE15904" s="1"/>
    </row>
    <row r="15905" spans="1:31" ht="14.45">
      <c r="A15905" s="11"/>
      <c r="B15905" s="20"/>
      <c r="C15905" s="2" t="s">
        <v>48672</v>
      </c>
      <c r="D15905" s="14" t="s">
        <v>48673</v>
      </c>
      <c r="E15905" s="2" t="s">
        <v>48674</v>
      </c>
      <c r="F15905" s="2" t="s">
        <v>41045</v>
      </c>
      <c r="G15905" s="8">
        <v>351</v>
      </c>
      <c r="H15905" s="5">
        <v>6</v>
      </c>
      <c r="I15905" s="5" t="s">
        <v>1518</v>
      </c>
      <c r="J15905" s="5" t="s">
        <v>40939</v>
      </c>
      <c r="K15905" s="2" t="s">
        <v>40940</v>
      </c>
      <c r="L15905" s="5" t="s">
        <v>40939</v>
      </c>
      <c r="M15905" s="2" t="s">
        <v>40940</v>
      </c>
      <c r="N15905" s="5" t="s">
        <v>36266</v>
      </c>
      <c r="O15905" s="5" t="s">
        <v>38</v>
      </c>
      <c r="P15905" s="5" t="s">
        <v>39</v>
      </c>
      <c r="Q15905" s="5" t="s">
        <v>40</v>
      </c>
      <c r="R15905" s="5" t="s">
        <v>1522</v>
      </c>
      <c r="S15905" s="5" t="s">
        <v>1523</v>
      </c>
      <c r="T15905" s="5" t="s">
        <v>42</v>
      </c>
      <c r="U15905" s="2">
        <v>3.89</v>
      </c>
      <c r="V15905" s="2">
        <v>3.2450000000000001</v>
      </c>
      <c r="W15905" s="2">
        <v>0.02</v>
      </c>
      <c r="X15905" s="2">
        <v>159.1</v>
      </c>
      <c r="Y15905" s="2">
        <v>7.6</v>
      </c>
      <c r="Z15905" s="2">
        <v>16.7</v>
      </c>
      <c r="AA15905" s="5"/>
      <c r="AB15905" s="5" t="s">
        <v>43</v>
      </c>
      <c r="AC15905" s="5" t="s">
        <v>44</v>
      </c>
      <c r="AD15905" s="2"/>
      <c r="AE15905" s="1"/>
    </row>
    <row r="15906" spans="1:31" ht="14.45">
      <c r="A15906" s="11"/>
      <c r="B15906" s="20"/>
      <c r="C15906" s="2" t="s">
        <v>48675</v>
      </c>
      <c r="D15906" s="14" t="s">
        <v>48676</v>
      </c>
      <c r="E15906" s="2" t="s">
        <v>48677</v>
      </c>
      <c r="F15906" s="2" t="s">
        <v>41049</v>
      </c>
      <c r="G15906" s="8">
        <v>351</v>
      </c>
      <c r="H15906" s="5">
        <v>6</v>
      </c>
      <c r="I15906" s="5" t="s">
        <v>1518</v>
      </c>
      <c r="J15906" s="5" t="s">
        <v>40939</v>
      </c>
      <c r="K15906" s="2" t="s">
        <v>40940</v>
      </c>
      <c r="L15906" s="5" t="s">
        <v>40939</v>
      </c>
      <c r="M15906" s="2" t="s">
        <v>40940</v>
      </c>
      <c r="N15906" s="5" t="s">
        <v>36266</v>
      </c>
      <c r="O15906" s="5" t="s">
        <v>38</v>
      </c>
      <c r="P15906" s="5" t="s">
        <v>39</v>
      </c>
      <c r="Q15906" s="5" t="s">
        <v>40</v>
      </c>
      <c r="R15906" s="5" t="s">
        <v>1522</v>
      </c>
      <c r="S15906" s="5" t="s">
        <v>1523</v>
      </c>
      <c r="T15906" s="5" t="s">
        <v>42</v>
      </c>
      <c r="U15906" s="2">
        <v>4.0119999999999996</v>
      </c>
      <c r="V15906" s="2">
        <v>3.367</v>
      </c>
      <c r="W15906" s="2">
        <v>0.02</v>
      </c>
      <c r="X15906" s="2">
        <v>159.1</v>
      </c>
      <c r="Y15906" s="2">
        <v>7.6</v>
      </c>
      <c r="Z15906" s="2">
        <v>16.7</v>
      </c>
      <c r="AA15906" s="5"/>
      <c r="AB15906" s="5" t="s">
        <v>43</v>
      </c>
      <c r="AC15906" s="5" t="s">
        <v>44</v>
      </c>
      <c r="AD15906" s="2"/>
      <c r="AE15906" s="1"/>
    </row>
    <row r="15907" spans="1:31" ht="14.45">
      <c r="A15907" s="11"/>
      <c r="B15907" s="20"/>
      <c r="C15907" s="2" t="s">
        <v>48678</v>
      </c>
      <c r="D15907" s="14" t="s">
        <v>48679</v>
      </c>
      <c r="E15907" s="2" t="s">
        <v>48680</v>
      </c>
      <c r="F15907" s="2" t="s">
        <v>7204</v>
      </c>
      <c r="G15907" s="8">
        <v>343</v>
      </c>
      <c r="H15907" s="5">
        <v>6</v>
      </c>
      <c r="I15907" s="5" t="s">
        <v>1518</v>
      </c>
      <c r="J15907" s="5" t="s">
        <v>40939</v>
      </c>
      <c r="K15907" s="2" t="s">
        <v>40940</v>
      </c>
      <c r="L15907" s="5" t="s">
        <v>40939</v>
      </c>
      <c r="M15907" s="2" t="s">
        <v>40940</v>
      </c>
      <c r="N15907" s="5" t="s">
        <v>36266</v>
      </c>
      <c r="O15907" s="5" t="s">
        <v>38</v>
      </c>
      <c r="P15907" s="5" t="s">
        <v>39</v>
      </c>
      <c r="Q15907" s="5" t="s">
        <v>40</v>
      </c>
      <c r="R15907" s="5" t="s">
        <v>1522</v>
      </c>
      <c r="S15907" s="5" t="s">
        <v>1523</v>
      </c>
      <c r="T15907" s="5" t="s">
        <v>42</v>
      </c>
      <c r="U15907" s="2">
        <v>3.9649999999999999</v>
      </c>
      <c r="V15907" s="2">
        <v>3.3290000000000002</v>
      </c>
      <c r="W15907" s="2">
        <v>0.02</v>
      </c>
      <c r="X15907" s="2">
        <v>159.1</v>
      </c>
      <c r="Y15907" s="2">
        <v>7.6</v>
      </c>
      <c r="Z15907" s="2">
        <v>16.7</v>
      </c>
      <c r="AA15907" s="5"/>
      <c r="AB15907" s="5" t="s">
        <v>43</v>
      </c>
      <c r="AC15907" s="5" t="s">
        <v>44</v>
      </c>
      <c r="AD15907" s="2"/>
      <c r="AE15907" s="1"/>
    </row>
    <row r="15908" spans="1:31" ht="14.45">
      <c r="A15908" s="11"/>
      <c r="B15908" s="20"/>
      <c r="C15908" s="2" t="s">
        <v>48681</v>
      </c>
      <c r="D15908" s="14" t="s">
        <v>48682</v>
      </c>
      <c r="E15908" s="2" t="s">
        <v>48683</v>
      </c>
      <c r="F15908" s="2" t="s">
        <v>7514</v>
      </c>
      <c r="G15908" s="8">
        <v>343</v>
      </c>
      <c r="H15908" s="5">
        <v>6</v>
      </c>
      <c r="I15908" s="5" t="s">
        <v>1518</v>
      </c>
      <c r="J15908" s="5" t="s">
        <v>40939</v>
      </c>
      <c r="K15908" s="2" t="s">
        <v>40940</v>
      </c>
      <c r="L15908" s="5" t="s">
        <v>40939</v>
      </c>
      <c r="M15908" s="2" t="s">
        <v>40940</v>
      </c>
      <c r="N15908" s="5" t="s">
        <v>36266</v>
      </c>
      <c r="O15908" s="5" t="s">
        <v>38</v>
      </c>
      <c r="P15908" s="5" t="s">
        <v>39</v>
      </c>
      <c r="Q15908" s="5" t="s">
        <v>40</v>
      </c>
      <c r="R15908" s="5" t="s">
        <v>1522</v>
      </c>
      <c r="S15908" s="5" t="s">
        <v>1523</v>
      </c>
      <c r="T15908" s="5" t="s">
        <v>42</v>
      </c>
      <c r="U15908" s="2">
        <v>4.0990000000000002</v>
      </c>
      <c r="V15908" s="2">
        <v>3.4630000000000001</v>
      </c>
      <c r="W15908" s="2">
        <v>0.02</v>
      </c>
      <c r="X15908" s="2">
        <v>159.1</v>
      </c>
      <c r="Y15908" s="2">
        <v>7.6</v>
      </c>
      <c r="Z15908" s="2">
        <v>16.7</v>
      </c>
      <c r="AA15908" s="5"/>
      <c r="AB15908" s="5" t="s">
        <v>43</v>
      </c>
      <c r="AC15908" s="5" t="s">
        <v>44</v>
      </c>
      <c r="AD15908" s="2"/>
      <c r="AE15908" s="1"/>
    </row>
    <row r="15909" spans="1:31" ht="14.45">
      <c r="A15909" s="11"/>
      <c r="B15909" s="20"/>
      <c r="C15909" s="2" t="s">
        <v>48684</v>
      </c>
      <c r="D15909" s="14" t="s">
        <v>48685</v>
      </c>
      <c r="E15909" s="2" t="s">
        <v>48686</v>
      </c>
      <c r="F15909" s="2" t="s">
        <v>47195</v>
      </c>
      <c r="G15909" s="8">
        <v>374</v>
      </c>
      <c r="H15909" s="5">
        <v>6</v>
      </c>
      <c r="I15909" s="5" t="s">
        <v>1518</v>
      </c>
      <c r="J15909" s="5" t="s">
        <v>40939</v>
      </c>
      <c r="K15909" s="2" t="s">
        <v>40940</v>
      </c>
      <c r="L15909" s="5" t="s">
        <v>40939</v>
      </c>
      <c r="M15909" s="2" t="s">
        <v>40940</v>
      </c>
      <c r="N15909" s="5" t="s">
        <v>36266</v>
      </c>
      <c r="O15909" s="5" t="s">
        <v>38</v>
      </c>
      <c r="P15909" s="5" t="s">
        <v>39</v>
      </c>
      <c r="Q15909" s="5" t="s">
        <v>40</v>
      </c>
      <c r="R15909" s="5" t="s">
        <v>1522</v>
      </c>
      <c r="S15909" s="5" t="s">
        <v>1523</v>
      </c>
      <c r="T15909" s="5" t="s">
        <v>42</v>
      </c>
      <c r="U15909" s="2">
        <v>4.1399999999999997</v>
      </c>
      <c r="V15909" s="2">
        <v>3.504</v>
      </c>
      <c r="W15909" s="2">
        <v>0.02</v>
      </c>
      <c r="X15909" s="2">
        <v>159.1</v>
      </c>
      <c r="Y15909" s="2">
        <v>7.6</v>
      </c>
      <c r="Z15909" s="2">
        <v>16.7</v>
      </c>
      <c r="AA15909" s="5"/>
      <c r="AB15909" s="5" t="s">
        <v>43</v>
      </c>
      <c r="AC15909" s="5" t="s">
        <v>44</v>
      </c>
      <c r="AD15909" s="2"/>
      <c r="AE15909" s="1"/>
    </row>
    <row r="15910" spans="1:31" ht="14.45">
      <c r="A15910" s="11"/>
      <c r="B15910" s="20"/>
      <c r="C15910" s="2" t="s">
        <v>48687</v>
      </c>
      <c r="D15910" s="14" t="s">
        <v>48688</v>
      </c>
      <c r="E15910" s="2" t="s">
        <v>48689</v>
      </c>
      <c r="F15910" s="2" t="s">
        <v>7208</v>
      </c>
      <c r="G15910" s="8">
        <v>343</v>
      </c>
      <c r="H15910" s="5">
        <v>6</v>
      </c>
      <c r="I15910" s="5" t="s">
        <v>1518</v>
      </c>
      <c r="J15910" s="5" t="s">
        <v>40939</v>
      </c>
      <c r="K15910" s="2" t="s">
        <v>40940</v>
      </c>
      <c r="L15910" s="5" t="s">
        <v>40939</v>
      </c>
      <c r="M15910" s="2" t="s">
        <v>40940</v>
      </c>
      <c r="N15910" s="5" t="s">
        <v>36266</v>
      </c>
      <c r="O15910" s="5" t="s">
        <v>38</v>
      </c>
      <c r="P15910" s="5" t="s">
        <v>39</v>
      </c>
      <c r="Q15910" s="5" t="s">
        <v>40</v>
      </c>
      <c r="R15910" s="5" t="s">
        <v>1522</v>
      </c>
      <c r="S15910" s="5" t="s">
        <v>1523</v>
      </c>
      <c r="T15910" s="5" t="s">
        <v>42</v>
      </c>
      <c r="U15910" s="2">
        <v>4.0259999999999998</v>
      </c>
      <c r="V15910" s="2">
        <v>3.39</v>
      </c>
      <c r="W15910" s="2">
        <v>0.02</v>
      </c>
      <c r="X15910" s="2">
        <v>159.1</v>
      </c>
      <c r="Y15910" s="2">
        <v>7.6</v>
      </c>
      <c r="Z15910" s="2">
        <v>16.7</v>
      </c>
      <c r="AA15910" s="5"/>
      <c r="AB15910" s="5" t="s">
        <v>43</v>
      </c>
      <c r="AC15910" s="5" t="s">
        <v>44</v>
      </c>
      <c r="AD15910" s="2"/>
      <c r="AE15910" s="1"/>
    </row>
    <row r="15911" spans="1:31" ht="14.45">
      <c r="A15911" s="11"/>
      <c r="B15911" s="20"/>
      <c r="C15911" s="2" t="s">
        <v>48690</v>
      </c>
      <c r="D15911" s="14" t="s">
        <v>48691</v>
      </c>
      <c r="E15911" s="2" t="s">
        <v>48692</v>
      </c>
      <c r="F15911" s="2" t="s">
        <v>7521</v>
      </c>
      <c r="G15911" s="8">
        <v>343</v>
      </c>
      <c r="H15911" s="5">
        <v>6</v>
      </c>
      <c r="I15911" s="5" t="s">
        <v>1518</v>
      </c>
      <c r="J15911" s="5" t="s">
        <v>40939</v>
      </c>
      <c r="K15911" s="2" t="s">
        <v>40940</v>
      </c>
      <c r="L15911" s="5" t="s">
        <v>40939</v>
      </c>
      <c r="M15911" s="2" t="s">
        <v>40940</v>
      </c>
      <c r="N15911" s="5" t="s">
        <v>36266</v>
      </c>
      <c r="O15911" s="5" t="s">
        <v>38</v>
      </c>
      <c r="P15911" s="5" t="s">
        <v>39</v>
      </c>
      <c r="Q15911" s="5" t="s">
        <v>40</v>
      </c>
      <c r="R15911" s="5" t="s">
        <v>1522</v>
      </c>
      <c r="S15911" s="5" t="s">
        <v>1523</v>
      </c>
      <c r="T15911" s="5" t="s">
        <v>42</v>
      </c>
      <c r="U15911" s="2">
        <v>4.16</v>
      </c>
      <c r="V15911" s="2">
        <v>3.524</v>
      </c>
      <c r="W15911" s="2">
        <v>0.02</v>
      </c>
      <c r="X15911" s="2">
        <v>159.1</v>
      </c>
      <c r="Y15911" s="2">
        <v>7.6</v>
      </c>
      <c r="Z15911" s="2">
        <v>16.7</v>
      </c>
      <c r="AA15911" s="5"/>
      <c r="AB15911" s="5" t="s">
        <v>43</v>
      </c>
      <c r="AC15911" s="5" t="s">
        <v>44</v>
      </c>
      <c r="AD15911" s="2"/>
      <c r="AE15911" s="1"/>
    </row>
    <row r="15912" spans="1:31" ht="14.45">
      <c r="A15912" s="11"/>
      <c r="B15912" s="20"/>
      <c r="C15912" s="2" t="s">
        <v>48693</v>
      </c>
      <c r="D15912" s="14" t="s">
        <v>48694</v>
      </c>
      <c r="E15912" s="2" t="s">
        <v>48695</v>
      </c>
      <c r="F15912" s="2" t="s">
        <v>36273</v>
      </c>
      <c r="G15912" s="8">
        <v>343</v>
      </c>
      <c r="H15912" s="5">
        <v>6</v>
      </c>
      <c r="I15912" s="5" t="s">
        <v>1518</v>
      </c>
      <c r="J15912" s="5" t="s">
        <v>40939</v>
      </c>
      <c r="K15912" s="2" t="s">
        <v>40940</v>
      </c>
      <c r="L15912" s="5" t="s">
        <v>40939</v>
      </c>
      <c r="M15912" s="2" t="s">
        <v>40940</v>
      </c>
      <c r="N15912" s="5" t="s">
        <v>36266</v>
      </c>
      <c r="O15912" s="5" t="s">
        <v>38</v>
      </c>
      <c r="P15912" s="5" t="s">
        <v>39</v>
      </c>
      <c r="Q15912" s="5" t="s">
        <v>40</v>
      </c>
      <c r="R15912" s="5" t="s">
        <v>1522</v>
      </c>
      <c r="S15912" s="5" t="s">
        <v>1523</v>
      </c>
      <c r="T15912" s="5" t="s">
        <v>42</v>
      </c>
      <c r="U15912" s="2">
        <v>4.0659999999999998</v>
      </c>
      <c r="V15912" s="2">
        <v>3.43</v>
      </c>
      <c r="W15912" s="2">
        <v>0.02</v>
      </c>
      <c r="X15912" s="2">
        <v>159.1</v>
      </c>
      <c r="Y15912" s="2">
        <v>7.6</v>
      </c>
      <c r="Z15912" s="2">
        <v>16.7</v>
      </c>
      <c r="AA15912" s="5"/>
      <c r="AB15912" s="5" t="s">
        <v>43</v>
      </c>
      <c r="AC15912" s="5" t="s">
        <v>44</v>
      </c>
      <c r="AD15912" s="2"/>
      <c r="AE15912" s="1"/>
    </row>
    <row r="15913" spans="1:31" ht="14.45">
      <c r="A15913" s="11"/>
      <c r="B15913" s="20"/>
      <c r="C15913" s="2" t="s">
        <v>48696</v>
      </c>
      <c r="D15913" s="14" t="s">
        <v>48697</v>
      </c>
      <c r="E15913" s="2" t="s">
        <v>48698</v>
      </c>
      <c r="F15913" s="2" t="s">
        <v>36277</v>
      </c>
      <c r="G15913" s="8">
        <v>343</v>
      </c>
      <c r="H15913" s="5">
        <v>6</v>
      </c>
      <c r="I15913" s="5" t="s">
        <v>1518</v>
      </c>
      <c r="J15913" s="5" t="s">
        <v>40939</v>
      </c>
      <c r="K15913" s="2" t="s">
        <v>40940</v>
      </c>
      <c r="L15913" s="5" t="s">
        <v>40939</v>
      </c>
      <c r="M15913" s="2" t="s">
        <v>40940</v>
      </c>
      <c r="N15913" s="5" t="s">
        <v>36266</v>
      </c>
      <c r="O15913" s="5" t="s">
        <v>38</v>
      </c>
      <c r="P15913" s="5" t="s">
        <v>39</v>
      </c>
      <c r="Q15913" s="5" t="s">
        <v>40</v>
      </c>
      <c r="R15913" s="5" t="s">
        <v>1522</v>
      </c>
      <c r="S15913" s="5" t="s">
        <v>1523</v>
      </c>
      <c r="T15913" s="5" t="s">
        <v>42</v>
      </c>
      <c r="U15913" s="2">
        <v>4.2</v>
      </c>
      <c r="V15913" s="2">
        <v>3.5640000000000001</v>
      </c>
      <c r="W15913" s="2">
        <v>0.02</v>
      </c>
      <c r="X15913" s="2">
        <v>159.1</v>
      </c>
      <c r="Y15913" s="2">
        <v>7.6</v>
      </c>
      <c r="Z15913" s="2">
        <v>16.7</v>
      </c>
      <c r="AA15913" s="5"/>
      <c r="AB15913" s="5" t="s">
        <v>43</v>
      </c>
      <c r="AC15913" s="5" t="s">
        <v>44</v>
      </c>
      <c r="AD15913" s="2"/>
      <c r="AE15913" s="1"/>
    </row>
    <row r="15914" spans="1:31" ht="14.45">
      <c r="A15914" s="11"/>
      <c r="B15914" s="20"/>
      <c r="C15914" s="2" t="s">
        <v>48699</v>
      </c>
      <c r="D15914" s="14" t="s">
        <v>48700</v>
      </c>
      <c r="E15914" s="2" t="s">
        <v>48701</v>
      </c>
      <c r="F15914" s="2" t="s">
        <v>40971</v>
      </c>
      <c r="G15914" s="8">
        <v>374</v>
      </c>
      <c r="H15914" s="5">
        <v>6</v>
      </c>
      <c r="I15914" s="5" t="s">
        <v>1518</v>
      </c>
      <c r="J15914" s="5" t="s">
        <v>40939</v>
      </c>
      <c r="K15914" s="2" t="s">
        <v>40940</v>
      </c>
      <c r="L15914" s="5" t="s">
        <v>40939</v>
      </c>
      <c r="M15914" s="2" t="s">
        <v>40940</v>
      </c>
      <c r="N15914" s="5" t="s">
        <v>36266</v>
      </c>
      <c r="O15914" s="5" t="s">
        <v>38</v>
      </c>
      <c r="P15914" s="5" t="s">
        <v>39</v>
      </c>
      <c r="Q15914" s="5" t="s">
        <v>40</v>
      </c>
      <c r="R15914" s="5" t="s">
        <v>1522</v>
      </c>
      <c r="S15914" s="5" t="s">
        <v>1523</v>
      </c>
      <c r="T15914" s="5" t="s">
        <v>42</v>
      </c>
      <c r="U15914" s="2">
        <v>4.16</v>
      </c>
      <c r="V15914" s="2">
        <v>3.524</v>
      </c>
      <c r="W15914" s="2">
        <v>0.02</v>
      </c>
      <c r="X15914" s="2">
        <v>159.1</v>
      </c>
      <c r="Y15914" s="2">
        <v>7.6</v>
      </c>
      <c r="Z15914" s="2">
        <v>16.7</v>
      </c>
      <c r="AA15914" s="5"/>
      <c r="AB15914" s="5" t="s">
        <v>43</v>
      </c>
      <c r="AC15914" s="5" t="s">
        <v>44</v>
      </c>
      <c r="AD15914" s="2"/>
      <c r="AE15914" s="1"/>
    </row>
    <row r="15915" spans="1:31" ht="14.45">
      <c r="A15915" s="11"/>
      <c r="B15915" s="20"/>
      <c r="C15915" s="2" t="s">
        <v>48702</v>
      </c>
      <c r="D15915" s="14" t="s">
        <v>48703</v>
      </c>
      <c r="E15915" s="2" t="s">
        <v>48704</v>
      </c>
      <c r="F15915" s="2" t="s">
        <v>7543</v>
      </c>
      <c r="G15915" s="8">
        <v>374</v>
      </c>
      <c r="H15915" s="5">
        <v>6</v>
      </c>
      <c r="I15915" s="5" t="s">
        <v>1518</v>
      </c>
      <c r="J15915" s="5" t="s">
        <v>40939</v>
      </c>
      <c r="K15915" s="2" t="s">
        <v>40940</v>
      </c>
      <c r="L15915" s="5" t="s">
        <v>40939</v>
      </c>
      <c r="M15915" s="2" t="s">
        <v>40940</v>
      </c>
      <c r="N15915" s="5" t="s">
        <v>36266</v>
      </c>
      <c r="O15915" s="5" t="s">
        <v>38</v>
      </c>
      <c r="P15915" s="5" t="s">
        <v>39</v>
      </c>
      <c r="Q15915" s="5" t="s">
        <v>40</v>
      </c>
      <c r="R15915" s="5" t="s">
        <v>1522</v>
      </c>
      <c r="S15915" s="5" t="s">
        <v>1523</v>
      </c>
      <c r="T15915" s="5" t="s">
        <v>42</v>
      </c>
      <c r="U15915" s="2">
        <v>4.0590000000000002</v>
      </c>
      <c r="V15915" s="2">
        <v>3.423</v>
      </c>
      <c r="W15915" s="2">
        <v>0.02</v>
      </c>
      <c r="X15915" s="2">
        <v>159.1</v>
      </c>
      <c r="Y15915" s="2">
        <v>7.6</v>
      </c>
      <c r="Z15915" s="2">
        <v>16.7</v>
      </c>
      <c r="AA15915" s="5"/>
      <c r="AB15915" s="5" t="s">
        <v>43</v>
      </c>
      <c r="AC15915" s="5" t="s">
        <v>44</v>
      </c>
      <c r="AD15915" s="2"/>
      <c r="AE15915" s="1"/>
    </row>
    <row r="15916" spans="1:31" ht="14.45">
      <c r="A15916" s="11"/>
      <c r="B15916" s="20"/>
      <c r="C15916" s="2" t="s">
        <v>48705</v>
      </c>
      <c r="D15916" s="14" t="s">
        <v>48706</v>
      </c>
      <c r="E15916" s="2" t="s">
        <v>48707</v>
      </c>
      <c r="F15916" s="2" t="s">
        <v>40993</v>
      </c>
      <c r="G15916" s="8">
        <v>374</v>
      </c>
      <c r="H15916" s="5">
        <v>6</v>
      </c>
      <c r="I15916" s="5" t="s">
        <v>1518</v>
      </c>
      <c r="J15916" s="5" t="s">
        <v>40939</v>
      </c>
      <c r="K15916" s="2" t="s">
        <v>40940</v>
      </c>
      <c r="L15916" s="5" t="s">
        <v>40939</v>
      </c>
      <c r="M15916" s="2" t="s">
        <v>40940</v>
      </c>
      <c r="N15916" s="5" t="s">
        <v>36266</v>
      </c>
      <c r="O15916" s="5" t="s">
        <v>38</v>
      </c>
      <c r="P15916" s="5" t="s">
        <v>39</v>
      </c>
      <c r="Q15916" s="5" t="s">
        <v>40</v>
      </c>
      <c r="R15916" s="5" t="s">
        <v>1522</v>
      </c>
      <c r="S15916" s="5" t="s">
        <v>1523</v>
      </c>
      <c r="T15916" s="5" t="s">
        <v>42</v>
      </c>
      <c r="U15916" s="2">
        <v>4.16</v>
      </c>
      <c r="V15916" s="2">
        <v>3.524</v>
      </c>
      <c r="W15916" s="2">
        <v>0.02</v>
      </c>
      <c r="X15916" s="2">
        <v>159.1</v>
      </c>
      <c r="Y15916" s="2">
        <v>7.6</v>
      </c>
      <c r="Z15916" s="2">
        <v>16.7</v>
      </c>
      <c r="AA15916" s="5"/>
      <c r="AB15916" s="5" t="s">
        <v>43</v>
      </c>
      <c r="AC15916" s="5" t="s">
        <v>44</v>
      </c>
      <c r="AD15916" s="2"/>
      <c r="AE15916" s="1"/>
    </row>
    <row r="15917" spans="1:31" ht="14.45">
      <c r="A15917" s="11"/>
      <c r="B15917" s="20"/>
      <c r="C15917" s="2" t="s">
        <v>48708</v>
      </c>
      <c r="D15917" s="14" t="s">
        <v>48709</v>
      </c>
      <c r="E15917" s="2" t="s">
        <v>48710</v>
      </c>
      <c r="F15917" s="2" t="s">
        <v>41013</v>
      </c>
      <c r="G15917" s="8">
        <v>374</v>
      </c>
      <c r="H15917" s="5">
        <v>6</v>
      </c>
      <c r="I15917" s="5" t="s">
        <v>1518</v>
      </c>
      <c r="J15917" s="5" t="s">
        <v>40939</v>
      </c>
      <c r="K15917" s="2" t="s">
        <v>40940</v>
      </c>
      <c r="L15917" s="5" t="s">
        <v>40939</v>
      </c>
      <c r="M15917" s="2" t="s">
        <v>40940</v>
      </c>
      <c r="N15917" s="5" t="s">
        <v>36266</v>
      </c>
      <c r="O15917" s="5" t="s">
        <v>38</v>
      </c>
      <c r="P15917" s="5" t="s">
        <v>39</v>
      </c>
      <c r="Q15917" s="5" t="s">
        <v>40</v>
      </c>
      <c r="R15917" s="5" t="s">
        <v>1522</v>
      </c>
      <c r="S15917" s="5" t="s">
        <v>1523</v>
      </c>
      <c r="T15917" s="5" t="s">
        <v>42</v>
      </c>
      <c r="U15917" s="2">
        <v>4.18</v>
      </c>
      <c r="V15917" s="2">
        <v>3.544</v>
      </c>
      <c r="W15917" s="2">
        <v>0.02</v>
      </c>
      <c r="X15917" s="2">
        <v>159.1</v>
      </c>
      <c r="Y15917" s="2">
        <v>7.6</v>
      </c>
      <c r="Z15917" s="2">
        <v>16.7</v>
      </c>
      <c r="AA15917" s="5"/>
      <c r="AB15917" s="5" t="s">
        <v>43</v>
      </c>
      <c r="AC15917" s="5" t="s">
        <v>44</v>
      </c>
      <c r="AD15917" s="2"/>
      <c r="AE15917" s="1"/>
    </row>
    <row r="15918" spans="1:31" ht="14.45">
      <c r="A15918" s="11"/>
      <c r="B15918" s="20"/>
      <c r="C15918" s="2" t="s">
        <v>48711</v>
      </c>
      <c r="D15918" s="14" t="s">
        <v>48712</v>
      </c>
      <c r="E15918" s="2" t="s">
        <v>48713</v>
      </c>
      <c r="F15918" s="2" t="s">
        <v>7396</v>
      </c>
      <c r="G15918" s="8">
        <v>343</v>
      </c>
      <c r="H15918" s="5">
        <v>6</v>
      </c>
      <c r="I15918" s="5" t="s">
        <v>1518</v>
      </c>
      <c r="J15918" s="5" t="s">
        <v>40939</v>
      </c>
      <c r="K15918" s="2" t="s">
        <v>40940</v>
      </c>
      <c r="L15918" s="5" t="s">
        <v>40939</v>
      </c>
      <c r="M15918" s="2" t="s">
        <v>40940</v>
      </c>
      <c r="N15918" s="5" t="s">
        <v>36266</v>
      </c>
      <c r="O15918" s="5" t="s">
        <v>38</v>
      </c>
      <c r="P15918" s="5" t="s">
        <v>39</v>
      </c>
      <c r="Q15918" s="5" t="s">
        <v>40</v>
      </c>
      <c r="R15918" s="5" t="s">
        <v>1522</v>
      </c>
      <c r="S15918" s="5" t="s">
        <v>1523</v>
      </c>
      <c r="T15918" s="5" t="s">
        <v>42</v>
      </c>
      <c r="U15918" s="2">
        <v>4.0460000000000003</v>
      </c>
      <c r="V15918" s="2">
        <v>3.41</v>
      </c>
      <c r="W15918" s="2">
        <v>0.02</v>
      </c>
      <c r="X15918" s="2">
        <v>159.1</v>
      </c>
      <c r="Y15918" s="2">
        <v>7.6</v>
      </c>
      <c r="Z15918" s="2">
        <v>16.7</v>
      </c>
      <c r="AA15918" s="5"/>
      <c r="AB15918" s="5" t="s">
        <v>43</v>
      </c>
      <c r="AC15918" s="5" t="s">
        <v>44</v>
      </c>
      <c r="AD15918" s="2"/>
      <c r="AE15918" s="1"/>
    </row>
    <row r="15919" spans="1:31" ht="14.45">
      <c r="A15919" s="11"/>
      <c r="B15919" s="20"/>
      <c r="C15919" s="2" t="s">
        <v>48714</v>
      </c>
      <c r="D15919" s="14" t="s">
        <v>48715</v>
      </c>
      <c r="E15919" s="2" t="s">
        <v>48716</v>
      </c>
      <c r="F15919" s="2" t="s">
        <v>7507</v>
      </c>
      <c r="G15919" s="8">
        <v>343</v>
      </c>
      <c r="H15919" s="5">
        <v>6</v>
      </c>
      <c r="I15919" s="5" t="s">
        <v>1518</v>
      </c>
      <c r="J15919" s="5" t="s">
        <v>40939</v>
      </c>
      <c r="K15919" s="2" t="s">
        <v>40940</v>
      </c>
      <c r="L15919" s="5" t="s">
        <v>40939</v>
      </c>
      <c r="M15919" s="2" t="s">
        <v>40940</v>
      </c>
      <c r="N15919" s="5" t="s">
        <v>36266</v>
      </c>
      <c r="O15919" s="5" t="s">
        <v>38</v>
      </c>
      <c r="P15919" s="5" t="s">
        <v>39</v>
      </c>
      <c r="Q15919" s="5" t="s">
        <v>40</v>
      </c>
      <c r="R15919" s="5" t="s">
        <v>1522</v>
      </c>
      <c r="S15919" s="5" t="s">
        <v>1523</v>
      </c>
      <c r="T15919" s="5" t="s">
        <v>42</v>
      </c>
      <c r="U15919" s="2">
        <v>4.18</v>
      </c>
      <c r="V15919" s="2">
        <v>3.544</v>
      </c>
      <c r="W15919" s="2">
        <v>0.02</v>
      </c>
      <c r="X15919" s="2">
        <v>159.1</v>
      </c>
      <c r="Y15919" s="2">
        <v>7.6</v>
      </c>
      <c r="Z15919" s="2">
        <v>16.7</v>
      </c>
      <c r="AA15919" s="5"/>
      <c r="AB15919" s="5" t="s">
        <v>43</v>
      </c>
      <c r="AC15919" s="5" t="s">
        <v>44</v>
      </c>
      <c r="AD15919" s="2"/>
      <c r="AE15919" s="1"/>
    </row>
    <row r="15920" spans="1:31" ht="14.45">
      <c r="A15920" s="11"/>
      <c r="B15920" s="20"/>
      <c r="C15920" s="2" t="s">
        <v>48717</v>
      </c>
      <c r="D15920" s="14" t="s">
        <v>48718</v>
      </c>
      <c r="E15920" s="2" t="s">
        <v>48719</v>
      </c>
      <c r="F15920" s="2" t="s">
        <v>41023</v>
      </c>
      <c r="G15920" s="8">
        <v>374</v>
      </c>
      <c r="H15920" s="5">
        <v>6</v>
      </c>
      <c r="I15920" s="5" t="s">
        <v>1518</v>
      </c>
      <c r="J15920" s="5" t="s">
        <v>40939</v>
      </c>
      <c r="K15920" s="2" t="s">
        <v>40940</v>
      </c>
      <c r="L15920" s="5" t="s">
        <v>40939</v>
      </c>
      <c r="M15920" s="2" t="s">
        <v>40940</v>
      </c>
      <c r="N15920" s="5" t="s">
        <v>36266</v>
      </c>
      <c r="O15920" s="5" t="s">
        <v>38</v>
      </c>
      <c r="P15920" s="5" t="s">
        <v>39</v>
      </c>
      <c r="Q15920" s="5" t="s">
        <v>40</v>
      </c>
      <c r="R15920" s="5" t="s">
        <v>1522</v>
      </c>
      <c r="S15920" s="5" t="s">
        <v>1523</v>
      </c>
      <c r="T15920" s="5" t="s">
        <v>42</v>
      </c>
      <c r="U15920" s="2">
        <v>3.9449999999999998</v>
      </c>
      <c r="V15920" s="2">
        <v>3.3090000000000002</v>
      </c>
      <c r="W15920" s="2">
        <v>0.02</v>
      </c>
      <c r="X15920" s="2">
        <v>159.1</v>
      </c>
      <c r="Y15920" s="2">
        <v>7.6</v>
      </c>
      <c r="Z15920" s="2">
        <v>16.7</v>
      </c>
      <c r="AA15920" s="5"/>
      <c r="AB15920" s="5" t="s">
        <v>43</v>
      </c>
      <c r="AC15920" s="5" t="s">
        <v>44</v>
      </c>
      <c r="AD15920" s="2"/>
      <c r="AE15920" s="1"/>
    </row>
    <row r="15921" spans="1:31" ht="14.45">
      <c r="A15921" s="11"/>
      <c r="B15921" s="20"/>
      <c r="C15921" s="2" t="s">
        <v>48720</v>
      </c>
      <c r="D15921" s="14" t="s">
        <v>48721</v>
      </c>
      <c r="E15921" s="2" t="s">
        <v>48722</v>
      </c>
      <c r="F15921" s="2" t="s">
        <v>41027</v>
      </c>
      <c r="G15921" s="8">
        <v>374</v>
      </c>
      <c r="H15921" s="5">
        <v>6</v>
      </c>
      <c r="I15921" s="5" t="s">
        <v>1518</v>
      </c>
      <c r="J15921" s="5" t="s">
        <v>40939</v>
      </c>
      <c r="K15921" s="2" t="s">
        <v>40940</v>
      </c>
      <c r="L15921" s="5" t="s">
        <v>40939</v>
      </c>
      <c r="M15921" s="2" t="s">
        <v>40940</v>
      </c>
      <c r="N15921" s="5" t="s">
        <v>36266</v>
      </c>
      <c r="O15921" s="5" t="s">
        <v>38</v>
      </c>
      <c r="P15921" s="5" t="s">
        <v>39</v>
      </c>
      <c r="Q15921" s="5" t="s">
        <v>40</v>
      </c>
      <c r="R15921" s="5" t="s">
        <v>1522</v>
      </c>
      <c r="S15921" s="5" t="s">
        <v>1523</v>
      </c>
      <c r="T15921" s="5" t="s">
        <v>42</v>
      </c>
      <c r="U15921" s="2">
        <v>4.0789999999999997</v>
      </c>
      <c r="V15921" s="2">
        <v>3.4430000000000001</v>
      </c>
      <c r="W15921" s="2">
        <v>0.02</v>
      </c>
      <c r="X15921" s="2">
        <v>159.1</v>
      </c>
      <c r="Y15921" s="2">
        <v>7.6</v>
      </c>
      <c r="Z15921" s="2">
        <v>16.7</v>
      </c>
      <c r="AA15921" s="5"/>
      <c r="AB15921" s="5" t="s">
        <v>43</v>
      </c>
      <c r="AC15921" s="5" t="s">
        <v>44</v>
      </c>
      <c r="AD15921" s="2"/>
      <c r="AE15921" s="1"/>
    </row>
    <row r="15922" spans="1:31" ht="14.45">
      <c r="A15922" s="11"/>
      <c r="B15922" s="20"/>
      <c r="C15922" s="2" t="s">
        <v>48723</v>
      </c>
      <c r="D15922" s="14" t="s">
        <v>48724</v>
      </c>
      <c r="E15922" s="2" t="s">
        <v>48725</v>
      </c>
      <c r="F15922" s="2" t="s">
        <v>41035</v>
      </c>
      <c r="G15922" s="8">
        <v>374</v>
      </c>
      <c r="H15922" s="5">
        <v>6</v>
      </c>
      <c r="I15922" s="5" t="s">
        <v>1518</v>
      </c>
      <c r="J15922" s="5" t="s">
        <v>40939</v>
      </c>
      <c r="K15922" s="2" t="s">
        <v>40940</v>
      </c>
      <c r="L15922" s="5" t="s">
        <v>40939</v>
      </c>
      <c r="M15922" s="2" t="s">
        <v>40940</v>
      </c>
      <c r="N15922" s="5" t="s">
        <v>36266</v>
      </c>
      <c r="O15922" s="5" t="s">
        <v>38</v>
      </c>
      <c r="P15922" s="5" t="s">
        <v>39</v>
      </c>
      <c r="Q15922" s="5" t="s">
        <v>40</v>
      </c>
      <c r="R15922" s="5" t="s">
        <v>1522</v>
      </c>
      <c r="S15922" s="5" t="s">
        <v>1523</v>
      </c>
      <c r="T15922" s="5" t="s">
        <v>42</v>
      </c>
      <c r="U15922" s="2">
        <v>4.0789999999999997</v>
      </c>
      <c r="V15922" s="2">
        <v>3.4430000000000001</v>
      </c>
      <c r="W15922" s="2">
        <v>0.02</v>
      </c>
      <c r="X15922" s="2">
        <v>159.1</v>
      </c>
      <c r="Y15922" s="2">
        <v>7.6</v>
      </c>
      <c r="Z15922" s="2">
        <v>16.7</v>
      </c>
      <c r="AA15922" s="5"/>
      <c r="AB15922" s="5" t="s">
        <v>43</v>
      </c>
      <c r="AC15922" s="5" t="s">
        <v>44</v>
      </c>
      <c r="AD15922" s="2"/>
      <c r="AE15922" s="1"/>
    </row>
    <row r="15923" spans="1:31" ht="14.45">
      <c r="A15923" s="11"/>
      <c r="B15923" s="20"/>
      <c r="C15923" s="2" t="s">
        <v>48726</v>
      </c>
      <c r="D15923" s="14" t="s">
        <v>48727</v>
      </c>
      <c r="E15923" s="2" t="s">
        <v>48728</v>
      </c>
      <c r="F15923" s="2" t="s">
        <v>41045</v>
      </c>
      <c r="G15923" s="8">
        <v>374</v>
      </c>
      <c r="H15923" s="5">
        <v>6</v>
      </c>
      <c r="I15923" s="5" t="s">
        <v>1518</v>
      </c>
      <c r="J15923" s="5" t="s">
        <v>40939</v>
      </c>
      <c r="K15923" s="2" t="s">
        <v>40940</v>
      </c>
      <c r="L15923" s="5" t="s">
        <v>40939</v>
      </c>
      <c r="M15923" s="2" t="s">
        <v>40940</v>
      </c>
      <c r="N15923" s="5" t="s">
        <v>36266</v>
      </c>
      <c r="O15923" s="5" t="s">
        <v>38</v>
      </c>
      <c r="P15923" s="5" t="s">
        <v>39</v>
      </c>
      <c r="Q15923" s="5" t="s">
        <v>40</v>
      </c>
      <c r="R15923" s="5" t="s">
        <v>1522</v>
      </c>
      <c r="S15923" s="5" t="s">
        <v>1523</v>
      </c>
      <c r="T15923" s="5" t="s">
        <v>42</v>
      </c>
      <c r="U15923" s="2">
        <v>4.0659999999999998</v>
      </c>
      <c r="V15923" s="2">
        <v>3.43</v>
      </c>
      <c r="W15923" s="2">
        <v>0.02</v>
      </c>
      <c r="X15923" s="2">
        <v>159.1</v>
      </c>
      <c r="Y15923" s="2">
        <v>7.6</v>
      </c>
      <c r="Z15923" s="2">
        <v>16.7</v>
      </c>
      <c r="AA15923" s="5"/>
      <c r="AB15923" s="5" t="s">
        <v>43</v>
      </c>
      <c r="AC15923" s="5" t="s">
        <v>44</v>
      </c>
      <c r="AD15923" s="2"/>
      <c r="AE15923" s="1"/>
    </row>
    <row r="15924" spans="1:31" ht="14.45">
      <c r="A15924" s="11"/>
      <c r="B15924" s="20"/>
      <c r="C15924" s="2" t="s">
        <v>48729</v>
      </c>
      <c r="D15924" s="14" t="s">
        <v>48730</v>
      </c>
      <c r="E15924" s="2" t="s">
        <v>48731</v>
      </c>
      <c r="F15924" s="2" t="s">
        <v>7204</v>
      </c>
      <c r="G15924" s="8">
        <v>164</v>
      </c>
      <c r="H15924" s="5">
        <v>6</v>
      </c>
      <c r="I15924" s="5" t="s">
        <v>1518</v>
      </c>
      <c r="J15924" s="5" t="s">
        <v>40939</v>
      </c>
      <c r="K15924" s="2" t="s">
        <v>40940</v>
      </c>
      <c r="L15924" s="5" t="s">
        <v>40939</v>
      </c>
      <c r="M15924" s="2" t="s">
        <v>40940</v>
      </c>
      <c r="N15924" s="5" t="s">
        <v>19227</v>
      </c>
      <c r="O15924" s="5" t="s">
        <v>38</v>
      </c>
      <c r="P15924" s="5" t="s">
        <v>39</v>
      </c>
      <c r="Q15924" s="5" t="s">
        <v>40</v>
      </c>
      <c r="R15924" s="5" t="s">
        <v>1487</v>
      </c>
      <c r="S15924" s="5"/>
      <c r="T15924" s="5" t="s">
        <v>42</v>
      </c>
      <c r="U15924" s="2">
        <v>0</v>
      </c>
      <c r="V15924" s="2">
        <v>0</v>
      </c>
      <c r="W15924" s="2">
        <v>0</v>
      </c>
      <c r="X15924" s="2">
        <v>0</v>
      </c>
      <c r="Y15924" s="2">
        <v>0</v>
      </c>
      <c r="Z15924" s="2">
        <v>0</v>
      </c>
      <c r="AA15924" s="5"/>
      <c r="AB15924" s="5" t="s">
        <v>43</v>
      </c>
      <c r="AC15924" s="5" t="s">
        <v>44</v>
      </c>
      <c r="AD15924" s="2"/>
      <c r="AE15924" s="1"/>
    </row>
    <row r="15925" spans="1:31" ht="14.45">
      <c r="A15925" s="11"/>
      <c r="B15925" s="20"/>
      <c r="C15925" s="2" t="s">
        <v>48732</v>
      </c>
      <c r="D15925" s="14" t="s">
        <v>48733</v>
      </c>
      <c r="E15925" s="2" t="s">
        <v>48734</v>
      </c>
      <c r="F15925" s="2" t="s">
        <v>7514</v>
      </c>
      <c r="G15925" s="8">
        <v>164</v>
      </c>
      <c r="H15925" s="5">
        <v>6</v>
      </c>
      <c r="I15925" s="5" t="s">
        <v>1518</v>
      </c>
      <c r="J15925" s="5" t="s">
        <v>40939</v>
      </c>
      <c r="K15925" s="2" t="s">
        <v>40940</v>
      </c>
      <c r="L15925" s="5" t="s">
        <v>40939</v>
      </c>
      <c r="M15925" s="2" t="s">
        <v>40940</v>
      </c>
      <c r="N15925" s="5" t="s">
        <v>19227</v>
      </c>
      <c r="O15925" s="5" t="s">
        <v>38</v>
      </c>
      <c r="P15925" s="5" t="s">
        <v>39</v>
      </c>
      <c r="Q15925" s="5" t="s">
        <v>40</v>
      </c>
      <c r="R15925" s="5" t="s">
        <v>1487</v>
      </c>
      <c r="S15925" s="5"/>
      <c r="T15925" s="5" t="s">
        <v>42</v>
      </c>
      <c r="U15925" s="2">
        <v>0</v>
      </c>
      <c r="V15925" s="2">
        <v>0</v>
      </c>
      <c r="W15925" s="2">
        <v>0</v>
      </c>
      <c r="X15925" s="2">
        <v>0</v>
      </c>
      <c r="Y15925" s="2">
        <v>0</v>
      </c>
      <c r="Z15925" s="2">
        <v>0</v>
      </c>
      <c r="AA15925" s="5"/>
      <c r="AB15925" s="5" t="s">
        <v>43</v>
      </c>
      <c r="AC15925" s="5" t="s">
        <v>44</v>
      </c>
      <c r="AD15925" s="2"/>
      <c r="AE15925" s="1"/>
    </row>
    <row r="15926" spans="1:31" ht="14.45">
      <c r="A15926" s="11"/>
      <c r="B15926" s="20"/>
      <c r="C15926" s="2" t="s">
        <v>48735</v>
      </c>
      <c r="D15926" s="14" t="s">
        <v>48736</v>
      </c>
      <c r="E15926" s="2" t="s">
        <v>48737</v>
      </c>
      <c r="F15926" s="2" t="s">
        <v>7208</v>
      </c>
      <c r="G15926" s="8">
        <v>164</v>
      </c>
      <c r="H15926" s="5">
        <v>6</v>
      </c>
      <c r="I15926" s="5" t="s">
        <v>1518</v>
      </c>
      <c r="J15926" s="5" t="s">
        <v>40939</v>
      </c>
      <c r="K15926" s="2" t="s">
        <v>40940</v>
      </c>
      <c r="L15926" s="5" t="s">
        <v>40939</v>
      </c>
      <c r="M15926" s="2" t="s">
        <v>40940</v>
      </c>
      <c r="N15926" s="5" t="s">
        <v>19227</v>
      </c>
      <c r="O15926" s="5" t="s">
        <v>38</v>
      </c>
      <c r="P15926" s="5" t="s">
        <v>39</v>
      </c>
      <c r="Q15926" s="5" t="s">
        <v>40</v>
      </c>
      <c r="R15926" s="5" t="s">
        <v>1487</v>
      </c>
      <c r="S15926" s="5"/>
      <c r="T15926" s="5" t="s">
        <v>42</v>
      </c>
      <c r="U15926" s="2">
        <v>0</v>
      </c>
      <c r="V15926" s="2">
        <v>0</v>
      </c>
      <c r="W15926" s="2">
        <v>0</v>
      </c>
      <c r="X15926" s="2">
        <v>0</v>
      </c>
      <c r="Y15926" s="2">
        <v>0</v>
      </c>
      <c r="Z15926" s="2">
        <v>0</v>
      </c>
      <c r="AA15926" s="5"/>
      <c r="AB15926" s="5" t="s">
        <v>43</v>
      </c>
      <c r="AC15926" s="5" t="s">
        <v>44</v>
      </c>
      <c r="AD15926" s="2"/>
      <c r="AE15926" s="1"/>
    </row>
    <row r="15927" spans="1:31" ht="14.45">
      <c r="A15927" s="11"/>
      <c r="B15927" s="20"/>
      <c r="C15927" s="2" t="s">
        <v>48738</v>
      </c>
      <c r="D15927" s="14" t="s">
        <v>48739</v>
      </c>
      <c r="E15927" s="2" t="s">
        <v>48740</v>
      </c>
      <c r="F15927" s="2" t="s">
        <v>7521</v>
      </c>
      <c r="G15927" s="8">
        <v>164</v>
      </c>
      <c r="H15927" s="5">
        <v>6</v>
      </c>
      <c r="I15927" s="5" t="s">
        <v>1518</v>
      </c>
      <c r="J15927" s="5" t="s">
        <v>40939</v>
      </c>
      <c r="K15927" s="2" t="s">
        <v>40940</v>
      </c>
      <c r="L15927" s="5" t="s">
        <v>40939</v>
      </c>
      <c r="M15927" s="2" t="s">
        <v>40940</v>
      </c>
      <c r="N15927" s="5" t="s">
        <v>19227</v>
      </c>
      <c r="O15927" s="5" t="s">
        <v>38</v>
      </c>
      <c r="P15927" s="5" t="s">
        <v>39</v>
      </c>
      <c r="Q15927" s="5" t="s">
        <v>40</v>
      </c>
      <c r="R15927" s="5" t="s">
        <v>1487</v>
      </c>
      <c r="S15927" s="5"/>
      <c r="T15927" s="5" t="s">
        <v>42</v>
      </c>
      <c r="U15927" s="2">
        <v>0</v>
      </c>
      <c r="V15927" s="2">
        <v>0</v>
      </c>
      <c r="W15927" s="2">
        <v>0</v>
      </c>
      <c r="X15927" s="2">
        <v>0</v>
      </c>
      <c r="Y15927" s="2">
        <v>0</v>
      </c>
      <c r="Z15927" s="2">
        <v>0</v>
      </c>
      <c r="AA15927" s="5"/>
      <c r="AB15927" s="5" t="s">
        <v>43</v>
      </c>
      <c r="AC15927" s="5" t="s">
        <v>44</v>
      </c>
      <c r="AD15927" s="2"/>
      <c r="AE15927" s="1"/>
    </row>
    <row r="15928" spans="1:31" ht="14.45">
      <c r="A15928" s="11"/>
      <c r="B15928" s="20"/>
      <c r="C15928" s="2" t="s">
        <v>48741</v>
      </c>
      <c r="D15928" s="14" t="s">
        <v>48742</v>
      </c>
      <c r="E15928" s="2" t="s">
        <v>48743</v>
      </c>
      <c r="F15928" s="2" t="s">
        <v>36273</v>
      </c>
      <c r="G15928" s="8">
        <v>164</v>
      </c>
      <c r="H15928" s="5">
        <v>6</v>
      </c>
      <c r="I15928" s="5" t="s">
        <v>1518</v>
      </c>
      <c r="J15928" s="5" t="s">
        <v>40939</v>
      </c>
      <c r="K15928" s="2" t="s">
        <v>40940</v>
      </c>
      <c r="L15928" s="5" t="s">
        <v>40939</v>
      </c>
      <c r="M15928" s="2" t="s">
        <v>40940</v>
      </c>
      <c r="N15928" s="5" t="s">
        <v>19227</v>
      </c>
      <c r="O15928" s="5" t="s">
        <v>38</v>
      </c>
      <c r="P15928" s="5" t="s">
        <v>39</v>
      </c>
      <c r="Q15928" s="5" t="s">
        <v>40</v>
      </c>
      <c r="R15928" s="5" t="s">
        <v>1487</v>
      </c>
      <c r="S15928" s="5"/>
      <c r="T15928" s="5" t="s">
        <v>42</v>
      </c>
      <c r="U15928" s="2">
        <v>0</v>
      </c>
      <c r="V15928" s="2">
        <v>0</v>
      </c>
      <c r="W15928" s="2">
        <v>0</v>
      </c>
      <c r="X15928" s="2">
        <v>0</v>
      </c>
      <c r="Y15928" s="2">
        <v>0</v>
      </c>
      <c r="Z15928" s="2">
        <v>0</v>
      </c>
      <c r="AA15928" s="5"/>
      <c r="AB15928" s="5" t="s">
        <v>43</v>
      </c>
      <c r="AC15928" s="5" t="s">
        <v>44</v>
      </c>
      <c r="AD15928" s="2"/>
      <c r="AE15928" s="1"/>
    </row>
    <row r="15929" spans="1:31" ht="14.45">
      <c r="A15929" s="11"/>
      <c r="B15929" s="20"/>
      <c r="C15929" s="2" t="s">
        <v>48744</v>
      </c>
      <c r="D15929" s="14" t="s">
        <v>48745</v>
      </c>
      <c r="E15929" s="2" t="s">
        <v>48746</v>
      </c>
      <c r="F15929" s="2" t="s">
        <v>36277</v>
      </c>
      <c r="G15929" s="8">
        <v>164</v>
      </c>
      <c r="H15929" s="5">
        <v>6</v>
      </c>
      <c r="I15929" s="5" t="s">
        <v>1518</v>
      </c>
      <c r="J15929" s="5" t="s">
        <v>40939</v>
      </c>
      <c r="K15929" s="2" t="s">
        <v>40940</v>
      </c>
      <c r="L15929" s="5" t="s">
        <v>40939</v>
      </c>
      <c r="M15929" s="2" t="s">
        <v>40940</v>
      </c>
      <c r="N15929" s="5" t="s">
        <v>19227</v>
      </c>
      <c r="O15929" s="5" t="s">
        <v>38</v>
      </c>
      <c r="P15929" s="5" t="s">
        <v>39</v>
      </c>
      <c r="Q15929" s="5" t="s">
        <v>40</v>
      </c>
      <c r="R15929" s="5" t="s">
        <v>1487</v>
      </c>
      <c r="S15929" s="5"/>
      <c r="T15929" s="5" t="s">
        <v>42</v>
      </c>
      <c r="U15929" s="2">
        <v>0</v>
      </c>
      <c r="V15929" s="2">
        <v>0</v>
      </c>
      <c r="W15929" s="2">
        <v>0</v>
      </c>
      <c r="X15929" s="2">
        <v>0</v>
      </c>
      <c r="Y15929" s="2">
        <v>0</v>
      </c>
      <c r="Z15929" s="2">
        <v>0</v>
      </c>
      <c r="AA15929" s="5"/>
      <c r="AB15929" s="5" t="s">
        <v>43</v>
      </c>
      <c r="AC15929" s="5" t="s">
        <v>44</v>
      </c>
      <c r="AD15929" s="2"/>
      <c r="AE15929" s="1"/>
    </row>
    <row r="15930" spans="1:31" ht="14.45">
      <c r="A15930" s="11"/>
      <c r="B15930" s="20"/>
      <c r="C15930" s="2" t="s">
        <v>48747</v>
      </c>
      <c r="D15930" s="14" t="s">
        <v>48748</v>
      </c>
      <c r="E15930" s="2" t="s">
        <v>48749</v>
      </c>
      <c r="F15930" s="2" t="s">
        <v>7396</v>
      </c>
      <c r="G15930" s="8">
        <v>164</v>
      </c>
      <c r="H15930" s="5">
        <v>6</v>
      </c>
      <c r="I15930" s="5" t="s">
        <v>1518</v>
      </c>
      <c r="J15930" s="5" t="s">
        <v>40939</v>
      </c>
      <c r="K15930" s="2" t="s">
        <v>40940</v>
      </c>
      <c r="L15930" s="5" t="s">
        <v>40939</v>
      </c>
      <c r="M15930" s="2" t="s">
        <v>40940</v>
      </c>
      <c r="N15930" s="5" t="s">
        <v>19227</v>
      </c>
      <c r="O15930" s="5" t="s">
        <v>38</v>
      </c>
      <c r="P15930" s="5" t="s">
        <v>39</v>
      </c>
      <c r="Q15930" s="5" t="s">
        <v>40</v>
      </c>
      <c r="R15930" s="5" t="s">
        <v>1487</v>
      </c>
      <c r="S15930" s="5"/>
      <c r="T15930" s="5" t="s">
        <v>42</v>
      </c>
      <c r="U15930" s="2">
        <v>0</v>
      </c>
      <c r="V15930" s="2">
        <v>0</v>
      </c>
      <c r="W15930" s="2">
        <v>0</v>
      </c>
      <c r="X15930" s="2">
        <v>0</v>
      </c>
      <c r="Y15930" s="2">
        <v>0</v>
      </c>
      <c r="Z15930" s="2">
        <v>0</v>
      </c>
      <c r="AA15930" s="5"/>
      <c r="AB15930" s="5" t="s">
        <v>43</v>
      </c>
      <c r="AC15930" s="5" t="s">
        <v>44</v>
      </c>
      <c r="AD15930" s="2"/>
      <c r="AE15930" s="1"/>
    </row>
    <row r="15931" spans="1:31" ht="14.45">
      <c r="A15931" s="11"/>
      <c r="B15931" s="20"/>
      <c r="C15931" s="2" t="s">
        <v>48750</v>
      </c>
      <c r="D15931" s="14" t="s">
        <v>48751</v>
      </c>
      <c r="E15931" s="2" t="s">
        <v>48752</v>
      </c>
      <c r="F15931" s="2" t="s">
        <v>7507</v>
      </c>
      <c r="G15931" s="8">
        <v>164</v>
      </c>
      <c r="H15931" s="5">
        <v>6</v>
      </c>
      <c r="I15931" s="5" t="s">
        <v>1518</v>
      </c>
      <c r="J15931" s="5" t="s">
        <v>40939</v>
      </c>
      <c r="K15931" s="2" t="s">
        <v>40940</v>
      </c>
      <c r="L15931" s="5" t="s">
        <v>40939</v>
      </c>
      <c r="M15931" s="2" t="s">
        <v>40940</v>
      </c>
      <c r="N15931" s="5" t="s">
        <v>19227</v>
      </c>
      <c r="O15931" s="5" t="s">
        <v>38</v>
      </c>
      <c r="P15931" s="5" t="s">
        <v>39</v>
      </c>
      <c r="Q15931" s="5" t="s">
        <v>40</v>
      </c>
      <c r="R15931" s="5" t="s">
        <v>1487</v>
      </c>
      <c r="S15931" s="5"/>
      <c r="T15931" s="5" t="s">
        <v>42</v>
      </c>
      <c r="U15931" s="2">
        <v>0</v>
      </c>
      <c r="V15931" s="2">
        <v>0</v>
      </c>
      <c r="W15931" s="2">
        <v>0</v>
      </c>
      <c r="X15931" s="2">
        <v>0</v>
      </c>
      <c r="Y15931" s="2">
        <v>0</v>
      </c>
      <c r="Z15931" s="2">
        <v>0</v>
      </c>
      <c r="AA15931" s="5"/>
      <c r="AB15931" s="5" t="s">
        <v>43</v>
      </c>
      <c r="AC15931" s="5" t="s">
        <v>44</v>
      </c>
      <c r="AD15931" s="2"/>
      <c r="AE15931" s="1"/>
    </row>
    <row r="15932" spans="1:31" ht="14.45">
      <c r="A15932" s="11"/>
      <c r="B15932" s="20"/>
      <c r="C15932" s="2" t="s">
        <v>48753</v>
      </c>
      <c r="D15932" s="14" t="s">
        <v>48754</v>
      </c>
      <c r="E15932" s="2" t="s">
        <v>48755</v>
      </c>
      <c r="F15932" s="2" t="s">
        <v>7204</v>
      </c>
      <c r="G15932" s="8">
        <v>176</v>
      </c>
      <c r="H15932" s="5">
        <v>6</v>
      </c>
      <c r="I15932" s="5" t="s">
        <v>1518</v>
      </c>
      <c r="J15932" s="5" t="s">
        <v>40939</v>
      </c>
      <c r="K15932" s="2" t="s">
        <v>40940</v>
      </c>
      <c r="L15932" s="5" t="s">
        <v>40939</v>
      </c>
      <c r="M15932" s="2" t="s">
        <v>40940</v>
      </c>
      <c r="N15932" s="5" t="s">
        <v>19227</v>
      </c>
      <c r="O15932" s="5" t="s">
        <v>38</v>
      </c>
      <c r="P15932" s="5" t="s">
        <v>39</v>
      </c>
      <c r="Q15932" s="5" t="s">
        <v>40</v>
      </c>
      <c r="R15932" s="5" t="s">
        <v>1487</v>
      </c>
      <c r="S15932" s="5"/>
      <c r="T15932" s="5" t="s">
        <v>42</v>
      </c>
      <c r="U15932" s="2">
        <v>0</v>
      </c>
      <c r="V15932" s="2">
        <v>0</v>
      </c>
      <c r="W15932" s="2">
        <v>0</v>
      </c>
      <c r="X15932" s="2">
        <v>0</v>
      </c>
      <c r="Y15932" s="2">
        <v>0</v>
      </c>
      <c r="Z15932" s="2">
        <v>0</v>
      </c>
      <c r="AA15932" s="5"/>
      <c r="AB15932" s="5" t="s">
        <v>43</v>
      </c>
      <c r="AC15932" s="5" t="s">
        <v>44</v>
      </c>
      <c r="AD15932" s="2"/>
      <c r="AE15932" s="1"/>
    </row>
    <row r="15933" spans="1:31" ht="14.45">
      <c r="A15933" s="11"/>
      <c r="B15933" s="20"/>
      <c r="C15933" s="2" t="s">
        <v>48756</v>
      </c>
      <c r="D15933" s="14" t="s">
        <v>48757</v>
      </c>
      <c r="E15933" s="2" t="s">
        <v>48758</v>
      </c>
      <c r="F15933" s="2" t="s">
        <v>7514</v>
      </c>
      <c r="G15933" s="8">
        <v>176</v>
      </c>
      <c r="H15933" s="5">
        <v>6</v>
      </c>
      <c r="I15933" s="5" t="s">
        <v>1518</v>
      </c>
      <c r="J15933" s="5" t="s">
        <v>40939</v>
      </c>
      <c r="K15933" s="2" t="s">
        <v>40940</v>
      </c>
      <c r="L15933" s="5" t="s">
        <v>40939</v>
      </c>
      <c r="M15933" s="2" t="s">
        <v>40940</v>
      </c>
      <c r="N15933" s="5" t="s">
        <v>19227</v>
      </c>
      <c r="O15933" s="5" t="s">
        <v>38</v>
      </c>
      <c r="P15933" s="5" t="s">
        <v>39</v>
      </c>
      <c r="Q15933" s="5" t="s">
        <v>40</v>
      </c>
      <c r="R15933" s="5" t="s">
        <v>1487</v>
      </c>
      <c r="S15933" s="5"/>
      <c r="T15933" s="5" t="s">
        <v>42</v>
      </c>
      <c r="U15933" s="2">
        <v>0</v>
      </c>
      <c r="V15933" s="2">
        <v>0</v>
      </c>
      <c r="W15933" s="2">
        <v>0</v>
      </c>
      <c r="X15933" s="2">
        <v>0</v>
      </c>
      <c r="Y15933" s="2">
        <v>0</v>
      </c>
      <c r="Z15933" s="2">
        <v>0</v>
      </c>
      <c r="AA15933" s="5"/>
      <c r="AB15933" s="5" t="s">
        <v>43</v>
      </c>
      <c r="AC15933" s="5" t="s">
        <v>44</v>
      </c>
      <c r="AD15933" s="2"/>
      <c r="AE15933" s="1"/>
    </row>
    <row r="15934" spans="1:31" ht="14.45">
      <c r="A15934" s="11"/>
      <c r="B15934" s="20"/>
      <c r="C15934" s="2" t="s">
        <v>48759</v>
      </c>
      <c r="D15934" s="14" t="s">
        <v>48760</v>
      </c>
      <c r="E15934" s="2" t="s">
        <v>48761</v>
      </c>
      <c r="F15934" s="2" t="s">
        <v>7208</v>
      </c>
      <c r="G15934" s="8">
        <v>176</v>
      </c>
      <c r="H15934" s="5">
        <v>6</v>
      </c>
      <c r="I15934" s="5" t="s">
        <v>1518</v>
      </c>
      <c r="J15934" s="5" t="s">
        <v>40939</v>
      </c>
      <c r="K15934" s="2" t="s">
        <v>40940</v>
      </c>
      <c r="L15934" s="5" t="s">
        <v>40939</v>
      </c>
      <c r="M15934" s="2" t="s">
        <v>40940</v>
      </c>
      <c r="N15934" s="5" t="s">
        <v>19227</v>
      </c>
      <c r="O15934" s="5" t="s">
        <v>38</v>
      </c>
      <c r="P15934" s="5" t="s">
        <v>39</v>
      </c>
      <c r="Q15934" s="5" t="s">
        <v>40</v>
      </c>
      <c r="R15934" s="5" t="s">
        <v>1487</v>
      </c>
      <c r="S15934" s="5"/>
      <c r="T15934" s="5" t="s">
        <v>42</v>
      </c>
      <c r="U15934" s="2">
        <v>0</v>
      </c>
      <c r="V15934" s="2">
        <v>0</v>
      </c>
      <c r="W15934" s="2">
        <v>0</v>
      </c>
      <c r="X15934" s="2">
        <v>0</v>
      </c>
      <c r="Y15934" s="2">
        <v>0</v>
      </c>
      <c r="Z15934" s="2">
        <v>0</v>
      </c>
      <c r="AA15934" s="5"/>
      <c r="AB15934" s="5" t="s">
        <v>43</v>
      </c>
      <c r="AC15934" s="5" t="s">
        <v>44</v>
      </c>
      <c r="AD15934" s="2"/>
      <c r="AE15934" s="1"/>
    </row>
    <row r="15935" spans="1:31" ht="14.45">
      <c r="A15935" s="11"/>
      <c r="B15935" s="20"/>
      <c r="C15935" s="2" t="s">
        <v>48762</v>
      </c>
      <c r="D15935" s="14" t="s">
        <v>48763</v>
      </c>
      <c r="E15935" s="2" t="s">
        <v>48764</v>
      </c>
      <c r="F15935" s="2" t="s">
        <v>7521</v>
      </c>
      <c r="G15935" s="8">
        <v>176</v>
      </c>
      <c r="H15935" s="5">
        <v>6</v>
      </c>
      <c r="I15935" s="5" t="s">
        <v>1518</v>
      </c>
      <c r="J15935" s="5" t="s">
        <v>40939</v>
      </c>
      <c r="K15935" s="2" t="s">
        <v>40940</v>
      </c>
      <c r="L15935" s="5" t="s">
        <v>40939</v>
      </c>
      <c r="M15935" s="2" t="s">
        <v>40940</v>
      </c>
      <c r="N15935" s="5" t="s">
        <v>19227</v>
      </c>
      <c r="O15935" s="5" t="s">
        <v>38</v>
      </c>
      <c r="P15935" s="5" t="s">
        <v>39</v>
      </c>
      <c r="Q15935" s="5" t="s">
        <v>40</v>
      </c>
      <c r="R15935" s="5" t="s">
        <v>1487</v>
      </c>
      <c r="S15935" s="5"/>
      <c r="T15935" s="5" t="s">
        <v>42</v>
      </c>
      <c r="U15935" s="2">
        <v>0</v>
      </c>
      <c r="V15935" s="2">
        <v>0</v>
      </c>
      <c r="W15935" s="2">
        <v>0</v>
      </c>
      <c r="X15935" s="2">
        <v>0</v>
      </c>
      <c r="Y15935" s="2">
        <v>0</v>
      </c>
      <c r="Z15935" s="2">
        <v>0</v>
      </c>
      <c r="AA15935" s="5"/>
      <c r="AB15935" s="5" t="s">
        <v>43</v>
      </c>
      <c r="AC15935" s="5" t="s">
        <v>44</v>
      </c>
      <c r="AD15935" s="2"/>
      <c r="AE15935" s="1"/>
    </row>
    <row r="15936" spans="1:31" ht="14.45">
      <c r="A15936" s="11"/>
      <c r="B15936" s="20"/>
      <c r="C15936" s="2" t="s">
        <v>48765</v>
      </c>
      <c r="D15936" s="14" t="s">
        <v>48766</v>
      </c>
      <c r="E15936" s="2" t="s">
        <v>48767</v>
      </c>
      <c r="F15936" s="2" t="s">
        <v>36273</v>
      </c>
      <c r="G15936" s="8">
        <v>176</v>
      </c>
      <c r="H15936" s="5">
        <v>6</v>
      </c>
      <c r="I15936" s="5" t="s">
        <v>1518</v>
      </c>
      <c r="J15936" s="5" t="s">
        <v>40939</v>
      </c>
      <c r="K15936" s="2" t="s">
        <v>40940</v>
      </c>
      <c r="L15936" s="5" t="s">
        <v>40939</v>
      </c>
      <c r="M15936" s="2" t="s">
        <v>40940</v>
      </c>
      <c r="N15936" s="5" t="s">
        <v>19227</v>
      </c>
      <c r="O15936" s="5" t="s">
        <v>38</v>
      </c>
      <c r="P15936" s="5" t="s">
        <v>39</v>
      </c>
      <c r="Q15936" s="5" t="s">
        <v>40</v>
      </c>
      <c r="R15936" s="5" t="s">
        <v>1487</v>
      </c>
      <c r="S15936" s="5"/>
      <c r="T15936" s="5" t="s">
        <v>42</v>
      </c>
      <c r="U15936" s="2">
        <v>0</v>
      </c>
      <c r="V15936" s="2">
        <v>0</v>
      </c>
      <c r="W15936" s="2">
        <v>0</v>
      </c>
      <c r="X15936" s="2">
        <v>0</v>
      </c>
      <c r="Y15936" s="2">
        <v>0</v>
      </c>
      <c r="Z15936" s="2">
        <v>0</v>
      </c>
      <c r="AA15936" s="5"/>
      <c r="AB15936" s="5" t="s">
        <v>43</v>
      </c>
      <c r="AC15936" s="5" t="s">
        <v>44</v>
      </c>
      <c r="AD15936" s="2"/>
      <c r="AE15936" s="1"/>
    </row>
    <row r="15937" spans="1:31" ht="14.45">
      <c r="A15937" s="11"/>
      <c r="B15937" s="20"/>
      <c r="C15937" s="2" t="s">
        <v>48768</v>
      </c>
      <c r="D15937" s="14" t="s">
        <v>48769</v>
      </c>
      <c r="E15937" s="2" t="s">
        <v>48770</v>
      </c>
      <c r="F15937" s="2" t="s">
        <v>36277</v>
      </c>
      <c r="G15937" s="8">
        <v>176</v>
      </c>
      <c r="H15937" s="5">
        <v>6</v>
      </c>
      <c r="I15937" s="5" t="s">
        <v>1518</v>
      </c>
      <c r="J15937" s="5" t="s">
        <v>40939</v>
      </c>
      <c r="K15937" s="2" t="s">
        <v>40940</v>
      </c>
      <c r="L15937" s="5" t="s">
        <v>40939</v>
      </c>
      <c r="M15937" s="2" t="s">
        <v>40940</v>
      </c>
      <c r="N15937" s="5" t="s">
        <v>19227</v>
      </c>
      <c r="O15937" s="5" t="s">
        <v>38</v>
      </c>
      <c r="P15937" s="5" t="s">
        <v>39</v>
      </c>
      <c r="Q15937" s="5" t="s">
        <v>40</v>
      </c>
      <c r="R15937" s="5" t="s">
        <v>1487</v>
      </c>
      <c r="S15937" s="5"/>
      <c r="T15937" s="5" t="s">
        <v>42</v>
      </c>
      <c r="U15937" s="2">
        <v>0</v>
      </c>
      <c r="V15937" s="2">
        <v>0</v>
      </c>
      <c r="W15937" s="2">
        <v>0</v>
      </c>
      <c r="X15937" s="2">
        <v>0</v>
      </c>
      <c r="Y15937" s="2">
        <v>0</v>
      </c>
      <c r="Z15937" s="2">
        <v>0</v>
      </c>
      <c r="AA15937" s="5"/>
      <c r="AB15937" s="5" t="s">
        <v>43</v>
      </c>
      <c r="AC15937" s="5" t="s">
        <v>44</v>
      </c>
      <c r="AD15937" s="2"/>
      <c r="AE15937" s="1"/>
    </row>
    <row r="15938" spans="1:31" ht="14.45">
      <c r="A15938" s="11"/>
      <c r="B15938" s="20"/>
      <c r="C15938" s="2" t="s">
        <v>48771</v>
      </c>
      <c r="D15938" s="14" t="s">
        <v>48772</v>
      </c>
      <c r="E15938" s="2" t="s">
        <v>48773</v>
      </c>
      <c r="F15938" s="2" t="s">
        <v>7396</v>
      </c>
      <c r="G15938" s="8">
        <v>176</v>
      </c>
      <c r="H15938" s="5">
        <v>6</v>
      </c>
      <c r="I15938" s="5" t="s">
        <v>1518</v>
      </c>
      <c r="J15938" s="5" t="s">
        <v>40939</v>
      </c>
      <c r="K15938" s="2" t="s">
        <v>40940</v>
      </c>
      <c r="L15938" s="5" t="s">
        <v>40939</v>
      </c>
      <c r="M15938" s="2" t="s">
        <v>40940</v>
      </c>
      <c r="N15938" s="5" t="s">
        <v>19227</v>
      </c>
      <c r="O15938" s="5" t="s">
        <v>38</v>
      </c>
      <c r="P15938" s="5" t="s">
        <v>39</v>
      </c>
      <c r="Q15938" s="5" t="s">
        <v>40</v>
      </c>
      <c r="R15938" s="5" t="s">
        <v>1487</v>
      </c>
      <c r="S15938" s="5"/>
      <c r="T15938" s="5" t="s">
        <v>42</v>
      </c>
      <c r="U15938" s="2">
        <v>0</v>
      </c>
      <c r="V15938" s="2">
        <v>0</v>
      </c>
      <c r="W15938" s="2">
        <v>0</v>
      </c>
      <c r="X15938" s="2">
        <v>0</v>
      </c>
      <c r="Y15938" s="2">
        <v>0</v>
      </c>
      <c r="Z15938" s="2">
        <v>0</v>
      </c>
      <c r="AA15938" s="5"/>
      <c r="AB15938" s="5" t="s">
        <v>43</v>
      </c>
      <c r="AC15938" s="5" t="s">
        <v>44</v>
      </c>
      <c r="AD15938" s="2"/>
      <c r="AE15938" s="1"/>
    </row>
    <row r="15939" spans="1:31" ht="14.45">
      <c r="A15939" s="11"/>
      <c r="B15939" s="20"/>
      <c r="C15939" s="2" t="s">
        <v>48774</v>
      </c>
      <c r="D15939" s="14" t="s">
        <v>48775</v>
      </c>
      <c r="E15939" s="2" t="s">
        <v>48776</v>
      </c>
      <c r="F15939" s="2" t="s">
        <v>7507</v>
      </c>
      <c r="G15939" s="8">
        <v>176</v>
      </c>
      <c r="H15939" s="5">
        <v>6</v>
      </c>
      <c r="I15939" s="5" t="s">
        <v>1518</v>
      </c>
      <c r="J15939" s="5" t="s">
        <v>40939</v>
      </c>
      <c r="K15939" s="2" t="s">
        <v>40940</v>
      </c>
      <c r="L15939" s="5" t="s">
        <v>40939</v>
      </c>
      <c r="M15939" s="2" t="s">
        <v>40940</v>
      </c>
      <c r="N15939" s="5" t="s">
        <v>19227</v>
      </c>
      <c r="O15939" s="5" t="s">
        <v>38</v>
      </c>
      <c r="P15939" s="5" t="s">
        <v>39</v>
      </c>
      <c r="Q15939" s="5" t="s">
        <v>40</v>
      </c>
      <c r="R15939" s="5" t="s">
        <v>1487</v>
      </c>
      <c r="S15939" s="5"/>
      <c r="T15939" s="5" t="s">
        <v>42</v>
      </c>
      <c r="U15939" s="2">
        <v>0</v>
      </c>
      <c r="V15939" s="2">
        <v>0</v>
      </c>
      <c r="W15939" s="2">
        <v>0</v>
      </c>
      <c r="X15939" s="2">
        <v>0</v>
      </c>
      <c r="Y15939" s="2">
        <v>0</v>
      </c>
      <c r="Z15939" s="2">
        <v>0</v>
      </c>
      <c r="AA15939" s="5"/>
      <c r="AB15939" s="5" t="s">
        <v>43</v>
      </c>
      <c r="AC15939" s="5" t="s">
        <v>44</v>
      </c>
      <c r="AD15939" s="2"/>
      <c r="AE15939" s="1"/>
    </row>
    <row r="15940" spans="1:31" ht="14.45">
      <c r="A15940" s="11"/>
      <c r="B15940" s="20"/>
      <c r="C15940" s="2" t="s">
        <v>48777</v>
      </c>
      <c r="D15940" s="14" t="s">
        <v>48778</v>
      </c>
      <c r="E15940" s="2" t="s">
        <v>48779</v>
      </c>
      <c r="F15940" s="2" t="s">
        <v>7204</v>
      </c>
      <c r="G15940" s="8">
        <v>188</v>
      </c>
      <c r="H15940" s="5">
        <v>6</v>
      </c>
      <c r="I15940" s="5" t="s">
        <v>1518</v>
      </c>
      <c r="J15940" s="5" t="s">
        <v>40939</v>
      </c>
      <c r="K15940" s="2" t="s">
        <v>40940</v>
      </c>
      <c r="L15940" s="5" t="s">
        <v>40939</v>
      </c>
      <c r="M15940" s="2" t="s">
        <v>40940</v>
      </c>
      <c r="N15940" s="5" t="s">
        <v>19227</v>
      </c>
      <c r="O15940" s="5" t="s">
        <v>38</v>
      </c>
      <c r="P15940" s="5" t="s">
        <v>39</v>
      </c>
      <c r="Q15940" s="5" t="s">
        <v>40</v>
      </c>
      <c r="R15940" s="5" t="s">
        <v>1487</v>
      </c>
      <c r="S15940" s="5"/>
      <c r="T15940" s="5" t="s">
        <v>42</v>
      </c>
      <c r="U15940" s="2">
        <v>0</v>
      </c>
      <c r="V15940" s="2">
        <v>0</v>
      </c>
      <c r="W15940" s="2">
        <v>0</v>
      </c>
      <c r="X15940" s="2">
        <v>0</v>
      </c>
      <c r="Y15940" s="2">
        <v>0</v>
      </c>
      <c r="Z15940" s="2">
        <v>0</v>
      </c>
      <c r="AA15940" s="5"/>
      <c r="AB15940" s="5" t="s">
        <v>43</v>
      </c>
      <c r="AC15940" s="5" t="s">
        <v>44</v>
      </c>
      <c r="AD15940" s="2"/>
      <c r="AE15940" s="1"/>
    </row>
    <row r="15941" spans="1:31" ht="14.45">
      <c r="A15941" s="11"/>
      <c r="B15941" s="20"/>
      <c r="C15941" s="2" t="s">
        <v>48780</v>
      </c>
      <c r="D15941" s="14" t="s">
        <v>48781</v>
      </c>
      <c r="E15941" s="2" t="s">
        <v>48782</v>
      </c>
      <c r="F15941" s="2" t="s">
        <v>7514</v>
      </c>
      <c r="G15941" s="8">
        <v>188</v>
      </c>
      <c r="H15941" s="5">
        <v>6</v>
      </c>
      <c r="I15941" s="5" t="s">
        <v>1518</v>
      </c>
      <c r="J15941" s="5" t="s">
        <v>40939</v>
      </c>
      <c r="K15941" s="2" t="s">
        <v>40940</v>
      </c>
      <c r="L15941" s="5" t="s">
        <v>40939</v>
      </c>
      <c r="M15941" s="2" t="s">
        <v>40940</v>
      </c>
      <c r="N15941" s="5" t="s">
        <v>19227</v>
      </c>
      <c r="O15941" s="5" t="s">
        <v>38</v>
      </c>
      <c r="P15941" s="5" t="s">
        <v>39</v>
      </c>
      <c r="Q15941" s="5" t="s">
        <v>40</v>
      </c>
      <c r="R15941" s="5" t="s">
        <v>1487</v>
      </c>
      <c r="S15941" s="5"/>
      <c r="T15941" s="5" t="s">
        <v>42</v>
      </c>
      <c r="U15941" s="2">
        <v>0</v>
      </c>
      <c r="V15941" s="2">
        <v>0</v>
      </c>
      <c r="W15941" s="2">
        <v>0</v>
      </c>
      <c r="X15941" s="2">
        <v>0</v>
      </c>
      <c r="Y15941" s="2">
        <v>0</v>
      </c>
      <c r="Z15941" s="2">
        <v>0</v>
      </c>
      <c r="AA15941" s="5"/>
      <c r="AB15941" s="5" t="s">
        <v>43</v>
      </c>
      <c r="AC15941" s="5" t="s">
        <v>44</v>
      </c>
      <c r="AD15941" s="2"/>
      <c r="AE15941" s="1"/>
    </row>
    <row r="15942" spans="1:31" ht="14.45">
      <c r="A15942" s="11"/>
      <c r="B15942" s="20"/>
      <c r="C15942" s="2" t="s">
        <v>48783</v>
      </c>
      <c r="D15942" s="14" t="s">
        <v>48784</v>
      </c>
      <c r="E15942" s="2" t="s">
        <v>48785</v>
      </c>
      <c r="F15942" s="2" t="s">
        <v>7208</v>
      </c>
      <c r="G15942" s="8">
        <v>188</v>
      </c>
      <c r="H15942" s="5">
        <v>6</v>
      </c>
      <c r="I15942" s="5" t="s">
        <v>1518</v>
      </c>
      <c r="J15942" s="5" t="s">
        <v>40939</v>
      </c>
      <c r="K15942" s="2" t="s">
        <v>40940</v>
      </c>
      <c r="L15942" s="5" t="s">
        <v>40939</v>
      </c>
      <c r="M15942" s="2" t="s">
        <v>40940</v>
      </c>
      <c r="N15942" s="5" t="s">
        <v>19227</v>
      </c>
      <c r="O15942" s="5" t="s">
        <v>38</v>
      </c>
      <c r="P15942" s="5" t="s">
        <v>39</v>
      </c>
      <c r="Q15942" s="5" t="s">
        <v>40</v>
      </c>
      <c r="R15942" s="5" t="s">
        <v>1487</v>
      </c>
      <c r="S15942" s="5"/>
      <c r="T15942" s="5" t="s">
        <v>42</v>
      </c>
      <c r="U15942" s="2">
        <v>0</v>
      </c>
      <c r="V15942" s="2">
        <v>0</v>
      </c>
      <c r="W15942" s="2">
        <v>0</v>
      </c>
      <c r="X15942" s="2">
        <v>0</v>
      </c>
      <c r="Y15942" s="2">
        <v>0</v>
      </c>
      <c r="Z15942" s="2">
        <v>0</v>
      </c>
      <c r="AA15942" s="5"/>
      <c r="AB15942" s="5" t="s">
        <v>43</v>
      </c>
      <c r="AC15942" s="5" t="s">
        <v>44</v>
      </c>
      <c r="AD15942" s="2"/>
      <c r="AE15942" s="1"/>
    </row>
    <row r="15943" spans="1:31" ht="14.45">
      <c r="A15943" s="11"/>
      <c r="B15943" s="20"/>
      <c r="C15943" s="2" t="s">
        <v>48786</v>
      </c>
      <c r="D15943" s="14" t="s">
        <v>48787</v>
      </c>
      <c r="E15943" s="2" t="s">
        <v>48788</v>
      </c>
      <c r="F15943" s="2" t="s">
        <v>7521</v>
      </c>
      <c r="G15943" s="8">
        <v>188</v>
      </c>
      <c r="H15943" s="5">
        <v>6</v>
      </c>
      <c r="I15943" s="5" t="s">
        <v>1518</v>
      </c>
      <c r="J15943" s="5" t="s">
        <v>40939</v>
      </c>
      <c r="K15943" s="2" t="s">
        <v>40940</v>
      </c>
      <c r="L15943" s="5" t="s">
        <v>40939</v>
      </c>
      <c r="M15943" s="2" t="s">
        <v>40940</v>
      </c>
      <c r="N15943" s="5" t="s">
        <v>19227</v>
      </c>
      <c r="O15943" s="5" t="s">
        <v>38</v>
      </c>
      <c r="P15943" s="5" t="s">
        <v>39</v>
      </c>
      <c r="Q15943" s="5" t="s">
        <v>40</v>
      </c>
      <c r="R15943" s="5" t="s">
        <v>1487</v>
      </c>
      <c r="S15943" s="5"/>
      <c r="T15943" s="5" t="s">
        <v>42</v>
      </c>
      <c r="U15943" s="2">
        <v>0</v>
      </c>
      <c r="V15943" s="2">
        <v>0</v>
      </c>
      <c r="W15943" s="2">
        <v>0</v>
      </c>
      <c r="X15943" s="2">
        <v>0</v>
      </c>
      <c r="Y15943" s="2">
        <v>0</v>
      </c>
      <c r="Z15943" s="2">
        <v>0</v>
      </c>
      <c r="AA15943" s="5"/>
      <c r="AB15943" s="5" t="s">
        <v>43</v>
      </c>
      <c r="AC15943" s="5" t="s">
        <v>44</v>
      </c>
      <c r="AD15943" s="2"/>
      <c r="AE15943" s="1"/>
    </row>
    <row r="15944" spans="1:31" ht="14.45">
      <c r="A15944" s="11"/>
      <c r="B15944" s="20"/>
      <c r="C15944" s="2" t="s">
        <v>48789</v>
      </c>
      <c r="D15944" s="14" t="s">
        <v>48790</v>
      </c>
      <c r="E15944" s="2" t="s">
        <v>48791</v>
      </c>
      <c r="F15944" s="2" t="s">
        <v>36273</v>
      </c>
      <c r="G15944" s="8">
        <v>188</v>
      </c>
      <c r="H15944" s="5">
        <v>6</v>
      </c>
      <c r="I15944" s="5" t="s">
        <v>1518</v>
      </c>
      <c r="J15944" s="5" t="s">
        <v>40939</v>
      </c>
      <c r="K15944" s="2" t="s">
        <v>40940</v>
      </c>
      <c r="L15944" s="5" t="s">
        <v>40939</v>
      </c>
      <c r="M15944" s="2" t="s">
        <v>40940</v>
      </c>
      <c r="N15944" s="5" t="s">
        <v>19227</v>
      </c>
      <c r="O15944" s="5" t="s">
        <v>38</v>
      </c>
      <c r="P15944" s="5" t="s">
        <v>39</v>
      </c>
      <c r="Q15944" s="5" t="s">
        <v>40</v>
      </c>
      <c r="R15944" s="5" t="s">
        <v>1487</v>
      </c>
      <c r="S15944" s="5"/>
      <c r="T15944" s="5" t="s">
        <v>42</v>
      </c>
      <c r="U15944" s="2">
        <v>0</v>
      </c>
      <c r="V15944" s="2">
        <v>0</v>
      </c>
      <c r="W15944" s="2">
        <v>0</v>
      </c>
      <c r="X15944" s="2">
        <v>0</v>
      </c>
      <c r="Y15944" s="2">
        <v>0</v>
      </c>
      <c r="Z15944" s="2">
        <v>0</v>
      </c>
      <c r="AA15944" s="5"/>
      <c r="AB15944" s="5" t="s">
        <v>43</v>
      </c>
      <c r="AC15944" s="5" t="s">
        <v>44</v>
      </c>
      <c r="AD15944" s="2"/>
      <c r="AE15944" s="1"/>
    </row>
    <row r="15945" spans="1:31" ht="14.45">
      <c r="A15945" s="11"/>
      <c r="B15945" s="20"/>
      <c r="C15945" s="2" t="s">
        <v>48792</v>
      </c>
      <c r="D15945" s="14" t="s">
        <v>48793</v>
      </c>
      <c r="E15945" s="2" t="s">
        <v>48794</v>
      </c>
      <c r="F15945" s="2" t="s">
        <v>36277</v>
      </c>
      <c r="G15945" s="8">
        <v>188</v>
      </c>
      <c r="H15945" s="5">
        <v>6</v>
      </c>
      <c r="I15945" s="5" t="s">
        <v>1518</v>
      </c>
      <c r="J15945" s="5" t="s">
        <v>40939</v>
      </c>
      <c r="K15945" s="2" t="s">
        <v>40940</v>
      </c>
      <c r="L15945" s="5" t="s">
        <v>40939</v>
      </c>
      <c r="M15945" s="2" t="s">
        <v>40940</v>
      </c>
      <c r="N15945" s="5" t="s">
        <v>19227</v>
      </c>
      <c r="O15945" s="5" t="s">
        <v>38</v>
      </c>
      <c r="P15945" s="5" t="s">
        <v>39</v>
      </c>
      <c r="Q15945" s="5" t="s">
        <v>40</v>
      </c>
      <c r="R15945" s="5" t="s">
        <v>1487</v>
      </c>
      <c r="S15945" s="5"/>
      <c r="T15945" s="5" t="s">
        <v>42</v>
      </c>
      <c r="U15945" s="2">
        <v>0</v>
      </c>
      <c r="V15945" s="2">
        <v>0</v>
      </c>
      <c r="W15945" s="2">
        <v>0</v>
      </c>
      <c r="X15945" s="2">
        <v>0</v>
      </c>
      <c r="Y15945" s="2">
        <v>0</v>
      </c>
      <c r="Z15945" s="2">
        <v>0</v>
      </c>
      <c r="AA15945" s="5"/>
      <c r="AB15945" s="5" t="s">
        <v>43</v>
      </c>
      <c r="AC15945" s="5" t="s">
        <v>44</v>
      </c>
      <c r="AD15945" s="2"/>
      <c r="AE15945" s="1"/>
    </row>
    <row r="15946" spans="1:31" ht="14.45">
      <c r="A15946" s="11"/>
      <c r="B15946" s="20"/>
      <c r="C15946" s="2" t="s">
        <v>48795</v>
      </c>
      <c r="D15946" s="14" t="s">
        <v>48796</v>
      </c>
      <c r="E15946" s="2" t="s">
        <v>48797</v>
      </c>
      <c r="F15946" s="2" t="s">
        <v>7396</v>
      </c>
      <c r="G15946" s="8">
        <v>188</v>
      </c>
      <c r="H15946" s="5">
        <v>6</v>
      </c>
      <c r="I15946" s="5" t="s">
        <v>1518</v>
      </c>
      <c r="J15946" s="5" t="s">
        <v>40939</v>
      </c>
      <c r="K15946" s="2" t="s">
        <v>40940</v>
      </c>
      <c r="L15946" s="5" t="s">
        <v>40939</v>
      </c>
      <c r="M15946" s="2" t="s">
        <v>40940</v>
      </c>
      <c r="N15946" s="5" t="s">
        <v>19227</v>
      </c>
      <c r="O15946" s="5" t="s">
        <v>38</v>
      </c>
      <c r="P15946" s="5" t="s">
        <v>39</v>
      </c>
      <c r="Q15946" s="5" t="s">
        <v>40</v>
      </c>
      <c r="R15946" s="5" t="s">
        <v>1487</v>
      </c>
      <c r="S15946" s="5"/>
      <c r="T15946" s="5" t="s">
        <v>42</v>
      </c>
      <c r="U15946" s="2">
        <v>0</v>
      </c>
      <c r="V15946" s="2">
        <v>0</v>
      </c>
      <c r="W15946" s="2">
        <v>0</v>
      </c>
      <c r="X15946" s="2">
        <v>0</v>
      </c>
      <c r="Y15946" s="2">
        <v>0</v>
      </c>
      <c r="Z15946" s="2">
        <v>0</v>
      </c>
      <c r="AA15946" s="5"/>
      <c r="AB15946" s="5" t="s">
        <v>43</v>
      </c>
      <c r="AC15946" s="5" t="s">
        <v>44</v>
      </c>
      <c r="AD15946" s="2"/>
      <c r="AE15946" s="1"/>
    </row>
    <row r="15947" spans="1:31" ht="14.45">
      <c r="A15947" s="11"/>
      <c r="B15947" s="20"/>
      <c r="C15947" s="2" t="s">
        <v>48798</v>
      </c>
      <c r="D15947" s="14" t="s">
        <v>48799</v>
      </c>
      <c r="E15947" s="2" t="s">
        <v>48800</v>
      </c>
      <c r="F15947" s="2" t="s">
        <v>7507</v>
      </c>
      <c r="G15947" s="8">
        <v>188</v>
      </c>
      <c r="H15947" s="5">
        <v>6</v>
      </c>
      <c r="I15947" s="5" t="s">
        <v>1518</v>
      </c>
      <c r="J15947" s="5" t="s">
        <v>40939</v>
      </c>
      <c r="K15947" s="2" t="s">
        <v>40940</v>
      </c>
      <c r="L15947" s="5" t="s">
        <v>40939</v>
      </c>
      <c r="M15947" s="2" t="s">
        <v>40940</v>
      </c>
      <c r="N15947" s="5" t="s">
        <v>19227</v>
      </c>
      <c r="O15947" s="5" t="s">
        <v>38</v>
      </c>
      <c r="P15947" s="5" t="s">
        <v>39</v>
      </c>
      <c r="Q15947" s="5" t="s">
        <v>40</v>
      </c>
      <c r="R15947" s="5" t="s">
        <v>1487</v>
      </c>
      <c r="S15947" s="5"/>
      <c r="T15947" s="5" t="s">
        <v>42</v>
      </c>
      <c r="U15947" s="2">
        <v>0</v>
      </c>
      <c r="V15947" s="2">
        <v>0</v>
      </c>
      <c r="W15947" s="2">
        <v>0</v>
      </c>
      <c r="X15947" s="2">
        <v>0</v>
      </c>
      <c r="Y15947" s="2">
        <v>0</v>
      </c>
      <c r="Z15947" s="2">
        <v>0</v>
      </c>
      <c r="AA15947" s="5"/>
      <c r="AB15947" s="5" t="s">
        <v>43</v>
      </c>
      <c r="AC15947" s="5" t="s">
        <v>44</v>
      </c>
      <c r="AD15947" s="2"/>
      <c r="AE15947" s="1"/>
    </row>
    <row r="15948" spans="1:31" ht="14.45">
      <c r="A15948" s="11"/>
      <c r="B15948" s="20"/>
      <c r="C15948" s="2" t="s">
        <v>48801</v>
      </c>
      <c r="D15948" s="14" t="s">
        <v>48802</v>
      </c>
      <c r="E15948" s="2" t="s">
        <v>48803</v>
      </c>
      <c r="F15948" s="2" t="s">
        <v>7204</v>
      </c>
      <c r="G15948" s="8">
        <v>164</v>
      </c>
      <c r="H15948" s="5">
        <v>6</v>
      </c>
      <c r="I15948" s="5" t="s">
        <v>1518</v>
      </c>
      <c r="J15948" s="5" t="s">
        <v>40939</v>
      </c>
      <c r="K15948" s="2" t="s">
        <v>40940</v>
      </c>
      <c r="L15948" s="5" t="s">
        <v>40939</v>
      </c>
      <c r="M15948" s="2" t="s">
        <v>40940</v>
      </c>
      <c r="N15948" s="5" t="s">
        <v>19227</v>
      </c>
      <c r="O15948" s="5" t="s">
        <v>38</v>
      </c>
      <c r="P15948" s="5" t="s">
        <v>39</v>
      </c>
      <c r="Q15948" s="5" t="s">
        <v>40</v>
      </c>
      <c r="R15948" s="5" t="s">
        <v>1487</v>
      </c>
      <c r="S15948" s="5"/>
      <c r="T15948" s="5" t="s">
        <v>42</v>
      </c>
      <c r="U15948" s="2">
        <v>0</v>
      </c>
      <c r="V15948" s="2">
        <v>0</v>
      </c>
      <c r="W15948" s="2">
        <v>0</v>
      </c>
      <c r="X15948" s="2">
        <v>0</v>
      </c>
      <c r="Y15948" s="2">
        <v>0</v>
      </c>
      <c r="Z15948" s="2">
        <v>0</v>
      </c>
      <c r="AA15948" s="5"/>
      <c r="AB15948" s="5" t="s">
        <v>43</v>
      </c>
      <c r="AC15948" s="5" t="s">
        <v>44</v>
      </c>
      <c r="AD15948" s="2"/>
      <c r="AE15948" s="1"/>
    </row>
    <row r="15949" spans="1:31" ht="14.45">
      <c r="A15949" s="11"/>
      <c r="B15949" s="20"/>
      <c r="C15949" s="2" t="s">
        <v>48804</v>
      </c>
      <c r="D15949" s="14" t="s">
        <v>48805</v>
      </c>
      <c r="E15949" s="2" t="s">
        <v>48806</v>
      </c>
      <c r="F15949" s="2" t="s">
        <v>7514</v>
      </c>
      <c r="G15949" s="8">
        <v>164</v>
      </c>
      <c r="H15949" s="5">
        <v>6</v>
      </c>
      <c r="I15949" s="5" t="s">
        <v>1518</v>
      </c>
      <c r="J15949" s="5" t="s">
        <v>40939</v>
      </c>
      <c r="K15949" s="2" t="s">
        <v>40940</v>
      </c>
      <c r="L15949" s="5" t="s">
        <v>40939</v>
      </c>
      <c r="M15949" s="2" t="s">
        <v>40940</v>
      </c>
      <c r="N15949" s="5" t="s">
        <v>19227</v>
      </c>
      <c r="O15949" s="5" t="s">
        <v>38</v>
      </c>
      <c r="P15949" s="5" t="s">
        <v>39</v>
      </c>
      <c r="Q15949" s="5" t="s">
        <v>40</v>
      </c>
      <c r="R15949" s="5" t="s">
        <v>1487</v>
      </c>
      <c r="S15949" s="5"/>
      <c r="T15949" s="5" t="s">
        <v>42</v>
      </c>
      <c r="U15949" s="2">
        <v>0</v>
      </c>
      <c r="V15949" s="2">
        <v>0</v>
      </c>
      <c r="W15949" s="2">
        <v>0</v>
      </c>
      <c r="X15949" s="2">
        <v>0</v>
      </c>
      <c r="Y15949" s="2">
        <v>0</v>
      </c>
      <c r="Z15949" s="2">
        <v>0</v>
      </c>
      <c r="AA15949" s="5"/>
      <c r="AB15949" s="5" t="s">
        <v>43</v>
      </c>
      <c r="AC15949" s="5" t="s">
        <v>44</v>
      </c>
      <c r="AD15949" s="2"/>
      <c r="AE15949" s="1"/>
    </row>
    <row r="15950" spans="1:31" ht="14.45">
      <c r="A15950" s="11"/>
      <c r="B15950" s="20"/>
      <c r="C15950" s="2" t="s">
        <v>48807</v>
      </c>
      <c r="D15950" s="14" t="s">
        <v>48808</v>
      </c>
      <c r="E15950" s="2" t="s">
        <v>48809</v>
      </c>
      <c r="F15950" s="2" t="s">
        <v>7208</v>
      </c>
      <c r="G15950" s="8">
        <v>164</v>
      </c>
      <c r="H15950" s="5">
        <v>6</v>
      </c>
      <c r="I15950" s="5" t="s">
        <v>1518</v>
      </c>
      <c r="J15950" s="5" t="s">
        <v>40939</v>
      </c>
      <c r="K15950" s="2" t="s">
        <v>40940</v>
      </c>
      <c r="L15950" s="5" t="s">
        <v>40939</v>
      </c>
      <c r="M15950" s="2" t="s">
        <v>40940</v>
      </c>
      <c r="N15950" s="5" t="s">
        <v>19227</v>
      </c>
      <c r="O15950" s="5" t="s">
        <v>38</v>
      </c>
      <c r="P15950" s="5" t="s">
        <v>39</v>
      </c>
      <c r="Q15950" s="5" t="s">
        <v>40</v>
      </c>
      <c r="R15950" s="5" t="s">
        <v>1487</v>
      </c>
      <c r="S15950" s="5"/>
      <c r="T15950" s="5" t="s">
        <v>42</v>
      </c>
      <c r="U15950" s="2">
        <v>0</v>
      </c>
      <c r="V15950" s="2">
        <v>0</v>
      </c>
      <c r="W15950" s="2">
        <v>0</v>
      </c>
      <c r="X15950" s="2">
        <v>0</v>
      </c>
      <c r="Y15950" s="2">
        <v>0</v>
      </c>
      <c r="Z15950" s="2">
        <v>0</v>
      </c>
      <c r="AA15950" s="5"/>
      <c r="AB15950" s="5" t="s">
        <v>43</v>
      </c>
      <c r="AC15950" s="5" t="s">
        <v>44</v>
      </c>
      <c r="AD15950" s="2"/>
      <c r="AE15950" s="1"/>
    </row>
    <row r="15951" spans="1:31" ht="14.45">
      <c r="A15951" s="11"/>
      <c r="B15951" s="20"/>
      <c r="C15951" s="2" t="s">
        <v>48810</v>
      </c>
      <c r="D15951" s="14" t="s">
        <v>48811</v>
      </c>
      <c r="E15951" s="2" t="s">
        <v>48812</v>
      </c>
      <c r="F15951" s="2" t="s">
        <v>7521</v>
      </c>
      <c r="G15951" s="8">
        <v>164</v>
      </c>
      <c r="H15951" s="5">
        <v>6</v>
      </c>
      <c r="I15951" s="5" t="s">
        <v>1518</v>
      </c>
      <c r="J15951" s="5" t="s">
        <v>40939</v>
      </c>
      <c r="K15951" s="2" t="s">
        <v>40940</v>
      </c>
      <c r="L15951" s="5" t="s">
        <v>40939</v>
      </c>
      <c r="M15951" s="2" t="s">
        <v>40940</v>
      </c>
      <c r="N15951" s="5" t="s">
        <v>19227</v>
      </c>
      <c r="O15951" s="5" t="s">
        <v>38</v>
      </c>
      <c r="P15951" s="5" t="s">
        <v>39</v>
      </c>
      <c r="Q15951" s="5" t="s">
        <v>40</v>
      </c>
      <c r="R15951" s="5" t="s">
        <v>1487</v>
      </c>
      <c r="S15951" s="5"/>
      <c r="T15951" s="5" t="s">
        <v>42</v>
      </c>
      <c r="U15951" s="2">
        <v>0</v>
      </c>
      <c r="V15951" s="2">
        <v>0</v>
      </c>
      <c r="W15951" s="2">
        <v>0</v>
      </c>
      <c r="X15951" s="2">
        <v>0</v>
      </c>
      <c r="Y15951" s="2">
        <v>0</v>
      </c>
      <c r="Z15951" s="2">
        <v>0</v>
      </c>
      <c r="AA15951" s="5"/>
      <c r="AB15951" s="5" t="s">
        <v>43</v>
      </c>
      <c r="AC15951" s="5" t="s">
        <v>44</v>
      </c>
      <c r="AD15951" s="2"/>
      <c r="AE15951" s="1"/>
    </row>
    <row r="15952" spans="1:31" ht="14.45">
      <c r="A15952" s="11"/>
      <c r="B15952" s="20"/>
      <c r="C15952" s="2" t="s">
        <v>48813</v>
      </c>
      <c r="D15952" s="14" t="s">
        <v>48814</v>
      </c>
      <c r="E15952" s="2" t="s">
        <v>48815</v>
      </c>
      <c r="F15952" s="2" t="s">
        <v>36273</v>
      </c>
      <c r="G15952" s="8">
        <v>164</v>
      </c>
      <c r="H15952" s="5">
        <v>6</v>
      </c>
      <c r="I15952" s="5" t="s">
        <v>1518</v>
      </c>
      <c r="J15952" s="5" t="s">
        <v>40939</v>
      </c>
      <c r="K15952" s="2" t="s">
        <v>40940</v>
      </c>
      <c r="L15952" s="5" t="s">
        <v>40939</v>
      </c>
      <c r="M15952" s="2" t="s">
        <v>40940</v>
      </c>
      <c r="N15952" s="5" t="s">
        <v>19227</v>
      </c>
      <c r="O15952" s="5" t="s">
        <v>38</v>
      </c>
      <c r="P15952" s="5" t="s">
        <v>39</v>
      </c>
      <c r="Q15952" s="5" t="s">
        <v>40</v>
      </c>
      <c r="R15952" s="5" t="s">
        <v>1487</v>
      </c>
      <c r="S15952" s="5"/>
      <c r="T15952" s="5" t="s">
        <v>42</v>
      </c>
      <c r="U15952" s="2">
        <v>0</v>
      </c>
      <c r="V15952" s="2">
        <v>0</v>
      </c>
      <c r="W15952" s="2">
        <v>0</v>
      </c>
      <c r="X15952" s="2">
        <v>0</v>
      </c>
      <c r="Y15952" s="2">
        <v>0</v>
      </c>
      <c r="Z15952" s="2">
        <v>0</v>
      </c>
      <c r="AA15952" s="5"/>
      <c r="AB15952" s="5" t="s">
        <v>43</v>
      </c>
      <c r="AC15952" s="5" t="s">
        <v>44</v>
      </c>
      <c r="AD15952" s="2"/>
      <c r="AE15952" s="1"/>
    </row>
    <row r="15953" spans="1:31" ht="14.45">
      <c r="A15953" s="11"/>
      <c r="B15953" s="20"/>
      <c r="C15953" s="2" t="s">
        <v>48816</v>
      </c>
      <c r="D15953" s="14" t="s">
        <v>48817</v>
      </c>
      <c r="E15953" s="2" t="s">
        <v>48818</v>
      </c>
      <c r="F15953" s="2" t="s">
        <v>36277</v>
      </c>
      <c r="G15953" s="8">
        <v>164</v>
      </c>
      <c r="H15953" s="5">
        <v>6</v>
      </c>
      <c r="I15953" s="5" t="s">
        <v>1518</v>
      </c>
      <c r="J15953" s="5" t="s">
        <v>40939</v>
      </c>
      <c r="K15953" s="2" t="s">
        <v>40940</v>
      </c>
      <c r="L15953" s="5" t="s">
        <v>40939</v>
      </c>
      <c r="M15953" s="2" t="s">
        <v>40940</v>
      </c>
      <c r="N15953" s="5" t="s">
        <v>19227</v>
      </c>
      <c r="O15953" s="5" t="s">
        <v>38</v>
      </c>
      <c r="P15953" s="5" t="s">
        <v>39</v>
      </c>
      <c r="Q15953" s="5" t="s">
        <v>40</v>
      </c>
      <c r="R15953" s="5" t="s">
        <v>1487</v>
      </c>
      <c r="S15953" s="5"/>
      <c r="T15953" s="5" t="s">
        <v>42</v>
      </c>
      <c r="U15953" s="2">
        <v>0</v>
      </c>
      <c r="V15953" s="2">
        <v>0</v>
      </c>
      <c r="W15953" s="2">
        <v>0</v>
      </c>
      <c r="X15953" s="2">
        <v>0</v>
      </c>
      <c r="Y15953" s="2">
        <v>0</v>
      </c>
      <c r="Z15953" s="2">
        <v>0</v>
      </c>
      <c r="AA15953" s="5"/>
      <c r="AB15953" s="5" t="s">
        <v>43</v>
      </c>
      <c r="AC15953" s="5" t="s">
        <v>44</v>
      </c>
      <c r="AD15953" s="2"/>
      <c r="AE15953" s="1"/>
    </row>
    <row r="15954" spans="1:31" ht="14.45">
      <c r="A15954" s="11"/>
      <c r="B15954" s="20"/>
      <c r="C15954" s="2" t="s">
        <v>48819</v>
      </c>
      <c r="D15954" s="14" t="s">
        <v>48820</v>
      </c>
      <c r="E15954" s="2" t="s">
        <v>48821</v>
      </c>
      <c r="F15954" s="2" t="s">
        <v>7396</v>
      </c>
      <c r="G15954" s="8">
        <v>164</v>
      </c>
      <c r="H15954" s="5">
        <v>6</v>
      </c>
      <c r="I15954" s="5" t="s">
        <v>1518</v>
      </c>
      <c r="J15954" s="5" t="s">
        <v>40939</v>
      </c>
      <c r="K15954" s="2" t="s">
        <v>40940</v>
      </c>
      <c r="L15954" s="5" t="s">
        <v>40939</v>
      </c>
      <c r="M15954" s="2" t="s">
        <v>40940</v>
      </c>
      <c r="N15954" s="5" t="s">
        <v>19227</v>
      </c>
      <c r="O15954" s="5" t="s">
        <v>38</v>
      </c>
      <c r="P15954" s="5" t="s">
        <v>39</v>
      </c>
      <c r="Q15954" s="5" t="s">
        <v>40</v>
      </c>
      <c r="R15954" s="5" t="s">
        <v>1487</v>
      </c>
      <c r="S15954" s="5"/>
      <c r="T15954" s="5" t="s">
        <v>42</v>
      </c>
      <c r="U15954" s="2">
        <v>0</v>
      </c>
      <c r="V15954" s="2">
        <v>0</v>
      </c>
      <c r="W15954" s="2">
        <v>0</v>
      </c>
      <c r="X15954" s="2">
        <v>0</v>
      </c>
      <c r="Y15954" s="2">
        <v>0</v>
      </c>
      <c r="Z15954" s="2">
        <v>0</v>
      </c>
      <c r="AA15954" s="5"/>
      <c r="AB15954" s="5" t="s">
        <v>43</v>
      </c>
      <c r="AC15954" s="5" t="s">
        <v>44</v>
      </c>
      <c r="AD15954" s="2"/>
      <c r="AE15954" s="1"/>
    </row>
    <row r="15955" spans="1:31" ht="14.45">
      <c r="A15955" s="11"/>
      <c r="B15955" s="20"/>
      <c r="C15955" s="2" t="s">
        <v>48822</v>
      </c>
      <c r="D15955" s="14" t="s">
        <v>48823</v>
      </c>
      <c r="E15955" s="2" t="s">
        <v>48824</v>
      </c>
      <c r="F15955" s="2" t="s">
        <v>7507</v>
      </c>
      <c r="G15955" s="8">
        <v>164</v>
      </c>
      <c r="H15955" s="5">
        <v>6</v>
      </c>
      <c r="I15955" s="5" t="s">
        <v>1518</v>
      </c>
      <c r="J15955" s="5" t="s">
        <v>40939</v>
      </c>
      <c r="K15955" s="2" t="s">
        <v>40940</v>
      </c>
      <c r="L15955" s="5" t="s">
        <v>40939</v>
      </c>
      <c r="M15955" s="2" t="s">
        <v>40940</v>
      </c>
      <c r="N15955" s="5" t="s">
        <v>19227</v>
      </c>
      <c r="O15955" s="5" t="s">
        <v>38</v>
      </c>
      <c r="P15955" s="5" t="s">
        <v>39</v>
      </c>
      <c r="Q15955" s="5" t="s">
        <v>40</v>
      </c>
      <c r="R15955" s="5" t="s">
        <v>1487</v>
      </c>
      <c r="S15955" s="5"/>
      <c r="T15955" s="5" t="s">
        <v>42</v>
      </c>
      <c r="U15955" s="2">
        <v>0</v>
      </c>
      <c r="V15955" s="2">
        <v>0</v>
      </c>
      <c r="W15955" s="2">
        <v>0</v>
      </c>
      <c r="X15955" s="2">
        <v>0</v>
      </c>
      <c r="Y15955" s="2">
        <v>0</v>
      </c>
      <c r="Z15955" s="2">
        <v>0</v>
      </c>
      <c r="AA15955" s="5"/>
      <c r="AB15955" s="5" t="s">
        <v>43</v>
      </c>
      <c r="AC15955" s="5" t="s">
        <v>44</v>
      </c>
      <c r="AD15955" s="2"/>
      <c r="AE15955" s="1"/>
    </row>
    <row r="15956" spans="1:31" ht="14.45">
      <c r="A15956" s="11"/>
      <c r="B15956" s="20"/>
      <c r="C15956" s="2" t="s">
        <v>48825</v>
      </c>
      <c r="D15956" s="14" t="s">
        <v>48826</v>
      </c>
      <c r="E15956" s="2" t="s">
        <v>48827</v>
      </c>
      <c r="F15956" s="2" t="s">
        <v>7204</v>
      </c>
      <c r="G15956" s="8">
        <v>176</v>
      </c>
      <c r="H15956" s="5">
        <v>6</v>
      </c>
      <c r="I15956" s="5" t="s">
        <v>1518</v>
      </c>
      <c r="J15956" s="5" t="s">
        <v>40939</v>
      </c>
      <c r="K15956" s="2" t="s">
        <v>40940</v>
      </c>
      <c r="L15956" s="5" t="s">
        <v>40939</v>
      </c>
      <c r="M15956" s="2" t="s">
        <v>40940</v>
      </c>
      <c r="N15956" s="5" t="s">
        <v>19227</v>
      </c>
      <c r="O15956" s="5" t="s">
        <v>38</v>
      </c>
      <c r="P15956" s="5" t="s">
        <v>39</v>
      </c>
      <c r="Q15956" s="5" t="s">
        <v>40</v>
      </c>
      <c r="R15956" s="5" t="s">
        <v>1487</v>
      </c>
      <c r="S15956" s="5"/>
      <c r="T15956" s="5" t="s">
        <v>42</v>
      </c>
      <c r="U15956" s="2">
        <v>0</v>
      </c>
      <c r="V15956" s="2">
        <v>0</v>
      </c>
      <c r="W15956" s="2">
        <v>0</v>
      </c>
      <c r="X15956" s="2">
        <v>0</v>
      </c>
      <c r="Y15956" s="2">
        <v>0</v>
      </c>
      <c r="Z15956" s="2">
        <v>0</v>
      </c>
      <c r="AA15956" s="5"/>
      <c r="AB15956" s="5" t="s">
        <v>43</v>
      </c>
      <c r="AC15956" s="5" t="s">
        <v>44</v>
      </c>
      <c r="AD15956" s="2"/>
      <c r="AE15956" s="1"/>
    </row>
    <row r="15957" spans="1:31" ht="14.45">
      <c r="A15957" s="11"/>
      <c r="B15957" s="20"/>
      <c r="C15957" s="2" t="s">
        <v>48828</v>
      </c>
      <c r="D15957" s="14" t="s">
        <v>48829</v>
      </c>
      <c r="E15957" s="2" t="s">
        <v>48830</v>
      </c>
      <c r="F15957" s="2" t="s">
        <v>7514</v>
      </c>
      <c r="G15957" s="8">
        <v>176</v>
      </c>
      <c r="H15957" s="5">
        <v>6</v>
      </c>
      <c r="I15957" s="5" t="s">
        <v>1518</v>
      </c>
      <c r="J15957" s="5" t="s">
        <v>40939</v>
      </c>
      <c r="K15957" s="2" t="s">
        <v>40940</v>
      </c>
      <c r="L15957" s="5" t="s">
        <v>40939</v>
      </c>
      <c r="M15957" s="2" t="s">
        <v>40940</v>
      </c>
      <c r="N15957" s="5" t="s">
        <v>19227</v>
      </c>
      <c r="O15957" s="5" t="s">
        <v>38</v>
      </c>
      <c r="P15957" s="5" t="s">
        <v>39</v>
      </c>
      <c r="Q15957" s="5" t="s">
        <v>40</v>
      </c>
      <c r="R15957" s="5" t="s">
        <v>1487</v>
      </c>
      <c r="S15957" s="5"/>
      <c r="T15957" s="5" t="s">
        <v>42</v>
      </c>
      <c r="U15957" s="2">
        <v>0</v>
      </c>
      <c r="V15957" s="2">
        <v>0</v>
      </c>
      <c r="W15957" s="2">
        <v>0</v>
      </c>
      <c r="X15957" s="2">
        <v>0</v>
      </c>
      <c r="Y15957" s="2">
        <v>0</v>
      </c>
      <c r="Z15957" s="2">
        <v>0</v>
      </c>
      <c r="AA15957" s="5"/>
      <c r="AB15957" s="5" t="s">
        <v>43</v>
      </c>
      <c r="AC15957" s="5" t="s">
        <v>44</v>
      </c>
      <c r="AD15957" s="2"/>
      <c r="AE15957" s="1"/>
    </row>
    <row r="15958" spans="1:31" ht="14.45">
      <c r="A15958" s="11"/>
      <c r="B15958" s="20"/>
      <c r="C15958" s="2" t="s">
        <v>48831</v>
      </c>
      <c r="D15958" s="14" t="s">
        <v>48832</v>
      </c>
      <c r="E15958" s="2" t="s">
        <v>48833</v>
      </c>
      <c r="F15958" s="2" t="s">
        <v>7208</v>
      </c>
      <c r="G15958" s="8">
        <v>176</v>
      </c>
      <c r="H15958" s="5">
        <v>6</v>
      </c>
      <c r="I15958" s="5" t="s">
        <v>1518</v>
      </c>
      <c r="J15958" s="5" t="s">
        <v>40939</v>
      </c>
      <c r="K15958" s="2" t="s">
        <v>40940</v>
      </c>
      <c r="L15958" s="5" t="s">
        <v>40939</v>
      </c>
      <c r="M15958" s="2" t="s">
        <v>40940</v>
      </c>
      <c r="N15958" s="5" t="s">
        <v>19227</v>
      </c>
      <c r="O15958" s="5" t="s">
        <v>38</v>
      </c>
      <c r="P15958" s="5" t="s">
        <v>39</v>
      </c>
      <c r="Q15958" s="5" t="s">
        <v>40</v>
      </c>
      <c r="R15958" s="5" t="s">
        <v>1487</v>
      </c>
      <c r="S15958" s="5"/>
      <c r="T15958" s="5" t="s">
        <v>42</v>
      </c>
      <c r="U15958" s="2">
        <v>0</v>
      </c>
      <c r="V15958" s="2">
        <v>0</v>
      </c>
      <c r="W15958" s="2">
        <v>0</v>
      </c>
      <c r="X15958" s="2">
        <v>0</v>
      </c>
      <c r="Y15958" s="2">
        <v>0</v>
      </c>
      <c r="Z15958" s="2">
        <v>0</v>
      </c>
      <c r="AA15958" s="5"/>
      <c r="AB15958" s="5" t="s">
        <v>43</v>
      </c>
      <c r="AC15958" s="5" t="s">
        <v>44</v>
      </c>
      <c r="AD15958" s="2"/>
      <c r="AE15958" s="1"/>
    </row>
    <row r="15959" spans="1:31" ht="14.45">
      <c r="A15959" s="11"/>
      <c r="B15959" s="20"/>
      <c r="C15959" s="2" t="s">
        <v>48834</v>
      </c>
      <c r="D15959" s="14" t="s">
        <v>48835</v>
      </c>
      <c r="E15959" s="2" t="s">
        <v>48836</v>
      </c>
      <c r="F15959" s="2" t="s">
        <v>7521</v>
      </c>
      <c r="G15959" s="8">
        <v>176</v>
      </c>
      <c r="H15959" s="5">
        <v>6</v>
      </c>
      <c r="I15959" s="5" t="s">
        <v>1518</v>
      </c>
      <c r="J15959" s="5" t="s">
        <v>40939</v>
      </c>
      <c r="K15959" s="2" t="s">
        <v>40940</v>
      </c>
      <c r="L15959" s="5" t="s">
        <v>40939</v>
      </c>
      <c r="M15959" s="2" t="s">
        <v>40940</v>
      </c>
      <c r="N15959" s="5" t="s">
        <v>19227</v>
      </c>
      <c r="O15959" s="5" t="s">
        <v>38</v>
      </c>
      <c r="P15959" s="5" t="s">
        <v>39</v>
      </c>
      <c r="Q15959" s="5" t="s">
        <v>40</v>
      </c>
      <c r="R15959" s="5" t="s">
        <v>1487</v>
      </c>
      <c r="S15959" s="5"/>
      <c r="T15959" s="5" t="s">
        <v>42</v>
      </c>
      <c r="U15959" s="2">
        <v>0</v>
      </c>
      <c r="V15959" s="2">
        <v>0</v>
      </c>
      <c r="W15959" s="2">
        <v>0</v>
      </c>
      <c r="X15959" s="2">
        <v>0</v>
      </c>
      <c r="Y15959" s="2">
        <v>0</v>
      </c>
      <c r="Z15959" s="2">
        <v>0</v>
      </c>
      <c r="AA15959" s="5"/>
      <c r="AB15959" s="5" t="s">
        <v>43</v>
      </c>
      <c r="AC15959" s="5" t="s">
        <v>44</v>
      </c>
      <c r="AD15959" s="2"/>
      <c r="AE15959" s="1"/>
    </row>
    <row r="15960" spans="1:31" ht="14.45">
      <c r="A15960" s="11"/>
      <c r="B15960" s="20"/>
      <c r="C15960" s="2" t="s">
        <v>48837</v>
      </c>
      <c r="D15960" s="14" t="s">
        <v>48838</v>
      </c>
      <c r="E15960" s="2" t="s">
        <v>48839</v>
      </c>
      <c r="F15960" s="2" t="s">
        <v>36273</v>
      </c>
      <c r="G15960" s="8">
        <v>176</v>
      </c>
      <c r="H15960" s="5">
        <v>6</v>
      </c>
      <c r="I15960" s="5" t="s">
        <v>1518</v>
      </c>
      <c r="J15960" s="5" t="s">
        <v>40939</v>
      </c>
      <c r="K15960" s="2" t="s">
        <v>40940</v>
      </c>
      <c r="L15960" s="5" t="s">
        <v>40939</v>
      </c>
      <c r="M15960" s="2" t="s">
        <v>40940</v>
      </c>
      <c r="N15960" s="5" t="s">
        <v>19227</v>
      </c>
      <c r="O15960" s="5" t="s">
        <v>38</v>
      </c>
      <c r="P15960" s="5" t="s">
        <v>39</v>
      </c>
      <c r="Q15960" s="5" t="s">
        <v>40</v>
      </c>
      <c r="R15960" s="5" t="s">
        <v>1487</v>
      </c>
      <c r="S15960" s="5"/>
      <c r="T15960" s="5" t="s">
        <v>42</v>
      </c>
      <c r="U15960" s="2">
        <v>0</v>
      </c>
      <c r="V15960" s="2">
        <v>0</v>
      </c>
      <c r="W15960" s="2">
        <v>0</v>
      </c>
      <c r="X15960" s="2">
        <v>0</v>
      </c>
      <c r="Y15960" s="2">
        <v>0</v>
      </c>
      <c r="Z15960" s="2">
        <v>0</v>
      </c>
      <c r="AA15960" s="5"/>
      <c r="AB15960" s="5" t="s">
        <v>43</v>
      </c>
      <c r="AC15960" s="5" t="s">
        <v>44</v>
      </c>
      <c r="AD15960" s="2"/>
      <c r="AE15960" s="1"/>
    </row>
    <row r="15961" spans="1:31" ht="14.45">
      <c r="A15961" s="11"/>
      <c r="B15961" s="20"/>
      <c r="C15961" s="2" t="s">
        <v>48840</v>
      </c>
      <c r="D15961" s="14" t="s">
        <v>48841</v>
      </c>
      <c r="E15961" s="2" t="s">
        <v>48842</v>
      </c>
      <c r="F15961" s="2" t="s">
        <v>36277</v>
      </c>
      <c r="G15961" s="8">
        <v>176</v>
      </c>
      <c r="H15961" s="5">
        <v>6</v>
      </c>
      <c r="I15961" s="5" t="s">
        <v>1518</v>
      </c>
      <c r="J15961" s="5" t="s">
        <v>40939</v>
      </c>
      <c r="K15961" s="2" t="s">
        <v>40940</v>
      </c>
      <c r="L15961" s="5" t="s">
        <v>40939</v>
      </c>
      <c r="M15961" s="2" t="s">
        <v>40940</v>
      </c>
      <c r="N15961" s="5" t="s">
        <v>19227</v>
      </c>
      <c r="O15961" s="5" t="s">
        <v>38</v>
      </c>
      <c r="P15961" s="5" t="s">
        <v>39</v>
      </c>
      <c r="Q15961" s="5" t="s">
        <v>40</v>
      </c>
      <c r="R15961" s="5" t="s">
        <v>1487</v>
      </c>
      <c r="S15961" s="5"/>
      <c r="T15961" s="5" t="s">
        <v>42</v>
      </c>
      <c r="U15961" s="2">
        <v>0</v>
      </c>
      <c r="V15961" s="2">
        <v>0</v>
      </c>
      <c r="W15961" s="2">
        <v>0</v>
      </c>
      <c r="X15961" s="2">
        <v>0</v>
      </c>
      <c r="Y15961" s="2">
        <v>0</v>
      </c>
      <c r="Z15961" s="2">
        <v>0</v>
      </c>
      <c r="AA15961" s="5"/>
      <c r="AB15961" s="5" t="s">
        <v>43</v>
      </c>
      <c r="AC15961" s="5" t="s">
        <v>44</v>
      </c>
      <c r="AD15961" s="2"/>
      <c r="AE15961" s="1"/>
    </row>
    <row r="15962" spans="1:31" ht="14.45">
      <c r="A15962" s="11"/>
      <c r="B15962" s="20"/>
      <c r="C15962" s="2" t="s">
        <v>48843</v>
      </c>
      <c r="D15962" s="14" t="s">
        <v>48844</v>
      </c>
      <c r="E15962" s="2" t="s">
        <v>48845</v>
      </c>
      <c r="F15962" s="2" t="s">
        <v>7396</v>
      </c>
      <c r="G15962" s="8">
        <v>176</v>
      </c>
      <c r="H15962" s="5">
        <v>6</v>
      </c>
      <c r="I15962" s="5" t="s">
        <v>1518</v>
      </c>
      <c r="J15962" s="5" t="s">
        <v>40939</v>
      </c>
      <c r="K15962" s="2" t="s">
        <v>40940</v>
      </c>
      <c r="L15962" s="5" t="s">
        <v>40939</v>
      </c>
      <c r="M15962" s="2" t="s">
        <v>40940</v>
      </c>
      <c r="N15962" s="5" t="s">
        <v>19227</v>
      </c>
      <c r="O15962" s="5" t="s">
        <v>38</v>
      </c>
      <c r="P15962" s="5" t="s">
        <v>39</v>
      </c>
      <c r="Q15962" s="5" t="s">
        <v>40</v>
      </c>
      <c r="R15962" s="5" t="s">
        <v>1487</v>
      </c>
      <c r="S15962" s="5"/>
      <c r="T15962" s="5" t="s">
        <v>42</v>
      </c>
      <c r="U15962" s="2">
        <v>0</v>
      </c>
      <c r="V15962" s="2">
        <v>0</v>
      </c>
      <c r="W15962" s="2">
        <v>0</v>
      </c>
      <c r="X15962" s="2">
        <v>0</v>
      </c>
      <c r="Y15962" s="2">
        <v>0</v>
      </c>
      <c r="Z15962" s="2">
        <v>0</v>
      </c>
      <c r="AA15962" s="5"/>
      <c r="AB15962" s="5" t="s">
        <v>43</v>
      </c>
      <c r="AC15962" s="5" t="s">
        <v>44</v>
      </c>
      <c r="AD15962" s="2"/>
      <c r="AE15962" s="1"/>
    </row>
    <row r="15963" spans="1:31" ht="14.45">
      <c r="A15963" s="11"/>
      <c r="B15963" s="20"/>
      <c r="C15963" s="2" t="s">
        <v>48846</v>
      </c>
      <c r="D15963" s="14" t="s">
        <v>48847</v>
      </c>
      <c r="E15963" s="2" t="s">
        <v>48848</v>
      </c>
      <c r="F15963" s="2" t="s">
        <v>7507</v>
      </c>
      <c r="G15963" s="8">
        <v>176</v>
      </c>
      <c r="H15963" s="5">
        <v>6</v>
      </c>
      <c r="I15963" s="5" t="s">
        <v>1518</v>
      </c>
      <c r="J15963" s="5" t="s">
        <v>40939</v>
      </c>
      <c r="K15963" s="2" t="s">
        <v>40940</v>
      </c>
      <c r="L15963" s="5" t="s">
        <v>40939</v>
      </c>
      <c r="M15963" s="2" t="s">
        <v>40940</v>
      </c>
      <c r="N15963" s="5" t="s">
        <v>19227</v>
      </c>
      <c r="O15963" s="5" t="s">
        <v>38</v>
      </c>
      <c r="P15963" s="5" t="s">
        <v>39</v>
      </c>
      <c r="Q15963" s="5" t="s">
        <v>40</v>
      </c>
      <c r="R15963" s="5" t="s">
        <v>1487</v>
      </c>
      <c r="S15963" s="5"/>
      <c r="T15963" s="5" t="s">
        <v>42</v>
      </c>
      <c r="U15963" s="2">
        <v>0</v>
      </c>
      <c r="V15963" s="2">
        <v>0</v>
      </c>
      <c r="W15963" s="2">
        <v>0</v>
      </c>
      <c r="X15963" s="2">
        <v>0</v>
      </c>
      <c r="Y15963" s="2">
        <v>0</v>
      </c>
      <c r="Z15963" s="2">
        <v>0</v>
      </c>
      <c r="AA15963" s="5"/>
      <c r="AB15963" s="5" t="s">
        <v>43</v>
      </c>
      <c r="AC15963" s="5" t="s">
        <v>44</v>
      </c>
      <c r="AD15963" s="2"/>
      <c r="AE15963" s="1"/>
    </row>
    <row r="15964" spans="1:31" ht="14.45">
      <c r="A15964" s="11"/>
      <c r="B15964" s="20"/>
      <c r="C15964" s="2" t="s">
        <v>48849</v>
      </c>
      <c r="D15964" s="14" t="s">
        <v>48850</v>
      </c>
      <c r="E15964" s="2" t="s">
        <v>48851</v>
      </c>
      <c r="F15964" s="2" t="s">
        <v>7204</v>
      </c>
      <c r="G15964" s="8">
        <v>188</v>
      </c>
      <c r="H15964" s="5">
        <v>6</v>
      </c>
      <c r="I15964" s="5" t="s">
        <v>1518</v>
      </c>
      <c r="J15964" s="5" t="s">
        <v>40939</v>
      </c>
      <c r="K15964" s="2" t="s">
        <v>40940</v>
      </c>
      <c r="L15964" s="5" t="s">
        <v>40939</v>
      </c>
      <c r="M15964" s="2" t="s">
        <v>40940</v>
      </c>
      <c r="N15964" s="5" t="s">
        <v>19227</v>
      </c>
      <c r="O15964" s="5" t="s">
        <v>38</v>
      </c>
      <c r="P15964" s="5" t="s">
        <v>39</v>
      </c>
      <c r="Q15964" s="5" t="s">
        <v>40</v>
      </c>
      <c r="R15964" s="5" t="s">
        <v>1487</v>
      </c>
      <c r="S15964" s="5"/>
      <c r="T15964" s="5" t="s">
        <v>42</v>
      </c>
      <c r="U15964" s="2">
        <v>0</v>
      </c>
      <c r="V15964" s="2">
        <v>0</v>
      </c>
      <c r="W15964" s="2">
        <v>0</v>
      </c>
      <c r="X15964" s="2">
        <v>0</v>
      </c>
      <c r="Y15964" s="2">
        <v>0</v>
      </c>
      <c r="Z15964" s="2">
        <v>0</v>
      </c>
      <c r="AA15964" s="5"/>
      <c r="AB15964" s="5" t="s">
        <v>43</v>
      </c>
      <c r="AC15964" s="5" t="s">
        <v>44</v>
      </c>
      <c r="AD15964" s="2"/>
      <c r="AE15964" s="1"/>
    </row>
    <row r="15965" spans="1:31" ht="14.45">
      <c r="A15965" s="11"/>
      <c r="B15965" s="20"/>
      <c r="C15965" s="2" t="s">
        <v>48852</v>
      </c>
      <c r="D15965" s="14" t="s">
        <v>48853</v>
      </c>
      <c r="E15965" s="2" t="s">
        <v>48854</v>
      </c>
      <c r="F15965" s="2" t="s">
        <v>7514</v>
      </c>
      <c r="G15965" s="8">
        <v>188</v>
      </c>
      <c r="H15965" s="5">
        <v>6</v>
      </c>
      <c r="I15965" s="5" t="s">
        <v>1518</v>
      </c>
      <c r="J15965" s="5" t="s">
        <v>40939</v>
      </c>
      <c r="K15965" s="2" t="s">
        <v>40940</v>
      </c>
      <c r="L15965" s="5" t="s">
        <v>40939</v>
      </c>
      <c r="M15965" s="2" t="s">
        <v>40940</v>
      </c>
      <c r="N15965" s="5" t="s">
        <v>19227</v>
      </c>
      <c r="O15965" s="5" t="s">
        <v>38</v>
      </c>
      <c r="P15965" s="5" t="s">
        <v>39</v>
      </c>
      <c r="Q15965" s="5" t="s">
        <v>40</v>
      </c>
      <c r="R15965" s="5" t="s">
        <v>1487</v>
      </c>
      <c r="S15965" s="5"/>
      <c r="T15965" s="5" t="s">
        <v>42</v>
      </c>
      <c r="U15965" s="2">
        <v>0</v>
      </c>
      <c r="V15965" s="2">
        <v>0</v>
      </c>
      <c r="W15965" s="2">
        <v>0</v>
      </c>
      <c r="X15965" s="2">
        <v>0</v>
      </c>
      <c r="Y15965" s="2">
        <v>0</v>
      </c>
      <c r="Z15965" s="2">
        <v>0</v>
      </c>
      <c r="AA15965" s="5"/>
      <c r="AB15965" s="5" t="s">
        <v>43</v>
      </c>
      <c r="AC15965" s="5" t="s">
        <v>44</v>
      </c>
      <c r="AD15965" s="2"/>
      <c r="AE15965" s="1"/>
    </row>
    <row r="15966" spans="1:31" ht="14.45">
      <c r="A15966" s="11"/>
      <c r="B15966" s="20"/>
      <c r="C15966" s="2" t="s">
        <v>48855</v>
      </c>
      <c r="D15966" s="14" t="s">
        <v>48856</v>
      </c>
      <c r="E15966" s="2" t="s">
        <v>48857</v>
      </c>
      <c r="F15966" s="2" t="s">
        <v>7208</v>
      </c>
      <c r="G15966" s="8">
        <v>188</v>
      </c>
      <c r="H15966" s="5">
        <v>6</v>
      </c>
      <c r="I15966" s="5" t="s">
        <v>1518</v>
      </c>
      <c r="J15966" s="5" t="s">
        <v>40939</v>
      </c>
      <c r="K15966" s="2" t="s">
        <v>40940</v>
      </c>
      <c r="L15966" s="5" t="s">
        <v>40939</v>
      </c>
      <c r="M15966" s="2" t="s">
        <v>40940</v>
      </c>
      <c r="N15966" s="5" t="s">
        <v>19227</v>
      </c>
      <c r="O15966" s="5" t="s">
        <v>38</v>
      </c>
      <c r="P15966" s="5" t="s">
        <v>39</v>
      </c>
      <c r="Q15966" s="5" t="s">
        <v>40</v>
      </c>
      <c r="R15966" s="5" t="s">
        <v>1487</v>
      </c>
      <c r="S15966" s="5"/>
      <c r="T15966" s="5" t="s">
        <v>42</v>
      </c>
      <c r="U15966" s="2">
        <v>0</v>
      </c>
      <c r="V15966" s="2">
        <v>0</v>
      </c>
      <c r="W15966" s="2">
        <v>0</v>
      </c>
      <c r="X15966" s="2">
        <v>0</v>
      </c>
      <c r="Y15966" s="2">
        <v>0</v>
      </c>
      <c r="Z15966" s="2">
        <v>0</v>
      </c>
      <c r="AA15966" s="5"/>
      <c r="AB15966" s="5" t="s">
        <v>43</v>
      </c>
      <c r="AC15966" s="5" t="s">
        <v>44</v>
      </c>
      <c r="AD15966" s="2"/>
      <c r="AE15966" s="1"/>
    </row>
    <row r="15967" spans="1:31" ht="14.45">
      <c r="A15967" s="11"/>
      <c r="B15967" s="20"/>
      <c r="C15967" s="2" t="s">
        <v>48858</v>
      </c>
      <c r="D15967" s="14" t="s">
        <v>48859</v>
      </c>
      <c r="E15967" s="2" t="s">
        <v>48860</v>
      </c>
      <c r="F15967" s="2" t="s">
        <v>7521</v>
      </c>
      <c r="G15967" s="8">
        <v>188</v>
      </c>
      <c r="H15967" s="5">
        <v>6</v>
      </c>
      <c r="I15967" s="5" t="s">
        <v>1518</v>
      </c>
      <c r="J15967" s="5" t="s">
        <v>40939</v>
      </c>
      <c r="K15967" s="2" t="s">
        <v>40940</v>
      </c>
      <c r="L15967" s="5" t="s">
        <v>40939</v>
      </c>
      <c r="M15967" s="2" t="s">
        <v>40940</v>
      </c>
      <c r="N15967" s="5" t="s">
        <v>19227</v>
      </c>
      <c r="O15967" s="5" t="s">
        <v>38</v>
      </c>
      <c r="P15967" s="5" t="s">
        <v>39</v>
      </c>
      <c r="Q15967" s="5" t="s">
        <v>40</v>
      </c>
      <c r="R15967" s="5" t="s">
        <v>1487</v>
      </c>
      <c r="S15967" s="5"/>
      <c r="T15967" s="5" t="s">
        <v>42</v>
      </c>
      <c r="U15967" s="2">
        <v>0</v>
      </c>
      <c r="V15967" s="2">
        <v>0</v>
      </c>
      <c r="W15967" s="2">
        <v>0</v>
      </c>
      <c r="X15967" s="2">
        <v>0</v>
      </c>
      <c r="Y15967" s="2">
        <v>0</v>
      </c>
      <c r="Z15967" s="2">
        <v>0</v>
      </c>
      <c r="AA15967" s="5"/>
      <c r="AB15967" s="5" t="s">
        <v>43</v>
      </c>
      <c r="AC15967" s="5" t="s">
        <v>44</v>
      </c>
      <c r="AD15967" s="2"/>
      <c r="AE15967" s="1"/>
    </row>
    <row r="15968" spans="1:31" ht="14.45">
      <c r="A15968" s="11"/>
      <c r="B15968" s="20"/>
      <c r="C15968" s="2" t="s">
        <v>48861</v>
      </c>
      <c r="D15968" s="14" t="s">
        <v>48862</v>
      </c>
      <c r="E15968" s="2" t="s">
        <v>48863</v>
      </c>
      <c r="F15968" s="2" t="s">
        <v>36273</v>
      </c>
      <c r="G15968" s="8">
        <v>188</v>
      </c>
      <c r="H15968" s="5">
        <v>6</v>
      </c>
      <c r="I15968" s="5" t="s">
        <v>1518</v>
      </c>
      <c r="J15968" s="5" t="s">
        <v>40939</v>
      </c>
      <c r="K15968" s="2" t="s">
        <v>40940</v>
      </c>
      <c r="L15968" s="5" t="s">
        <v>40939</v>
      </c>
      <c r="M15968" s="2" t="s">
        <v>40940</v>
      </c>
      <c r="N15968" s="5" t="s">
        <v>19227</v>
      </c>
      <c r="O15968" s="5" t="s">
        <v>38</v>
      </c>
      <c r="P15968" s="5" t="s">
        <v>39</v>
      </c>
      <c r="Q15968" s="5" t="s">
        <v>40</v>
      </c>
      <c r="R15968" s="5" t="s">
        <v>1487</v>
      </c>
      <c r="S15968" s="5"/>
      <c r="T15968" s="5" t="s">
        <v>42</v>
      </c>
      <c r="U15968" s="2">
        <v>0</v>
      </c>
      <c r="V15968" s="2">
        <v>0</v>
      </c>
      <c r="W15968" s="2">
        <v>0</v>
      </c>
      <c r="X15968" s="2">
        <v>0</v>
      </c>
      <c r="Y15968" s="2">
        <v>0</v>
      </c>
      <c r="Z15968" s="2">
        <v>0</v>
      </c>
      <c r="AA15968" s="5"/>
      <c r="AB15968" s="5" t="s">
        <v>43</v>
      </c>
      <c r="AC15968" s="5" t="s">
        <v>44</v>
      </c>
      <c r="AD15968" s="2"/>
      <c r="AE15968" s="1"/>
    </row>
    <row r="15969" spans="1:31" ht="14.45">
      <c r="A15969" s="11"/>
      <c r="B15969" s="20"/>
      <c r="C15969" s="2" t="s">
        <v>48864</v>
      </c>
      <c r="D15969" s="14" t="s">
        <v>48865</v>
      </c>
      <c r="E15969" s="2" t="s">
        <v>48866</v>
      </c>
      <c r="F15969" s="2" t="s">
        <v>36277</v>
      </c>
      <c r="G15969" s="8">
        <v>188</v>
      </c>
      <c r="H15969" s="5">
        <v>6</v>
      </c>
      <c r="I15969" s="5" t="s">
        <v>1518</v>
      </c>
      <c r="J15969" s="5" t="s">
        <v>40939</v>
      </c>
      <c r="K15969" s="2" t="s">
        <v>40940</v>
      </c>
      <c r="L15969" s="5" t="s">
        <v>40939</v>
      </c>
      <c r="M15969" s="2" t="s">
        <v>40940</v>
      </c>
      <c r="N15969" s="5" t="s">
        <v>19227</v>
      </c>
      <c r="O15969" s="5" t="s">
        <v>38</v>
      </c>
      <c r="P15969" s="5" t="s">
        <v>39</v>
      </c>
      <c r="Q15969" s="5" t="s">
        <v>40</v>
      </c>
      <c r="R15969" s="5" t="s">
        <v>1487</v>
      </c>
      <c r="S15969" s="5"/>
      <c r="T15969" s="5" t="s">
        <v>42</v>
      </c>
      <c r="U15969" s="2">
        <v>0</v>
      </c>
      <c r="V15969" s="2">
        <v>0</v>
      </c>
      <c r="W15969" s="2">
        <v>0</v>
      </c>
      <c r="X15969" s="2">
        <v>0</v>
      </c>
      <c r="Y15969" s="2">
        <v>0</v>
      </c>
      <c r="Z15969" s="2">
        <v>0</v>
      </c>
      <c r="AA15969" s="5"/>
      <c r="AB15969" s="5" t="s">
        <v>43</v>
      </c>
      <c r="AC15969" s="5" t="s">
        <v>44</v>
      </c>
      <c r="AD15969" s="2"/>
      <c r="AE15969" s="1"/>
    </row>
    <row r="15970" spans="1:31" ht="14.45">
      <c r="A15970" s="11"/>
      <c r="B15970" s="20"/>
      <c r="C15970" s="2" t="s">
        <v>48867</v>
      </c>
      <c r="D15970" s="14" t="s">
        <v>48868</v>
      </c>
      <c r="E15970" s="2" t="s">
        <v>48869</v>
      </c>
      <c r="F15970" s="2" t="s">
        <v>7396</v>
      </c>
      <c r="G15970" s="8">
        <v>188</v>
      </c>
      <c r="H15970" s="5">
        <v>6</v>
      </c>
      <c r="I15970" s="5" t="s">
        <v>1518</v>
      </c>
      <c r="J15970" s="5" t="s">
        <v>40939</v>
      </c>
      <c r="K15970" s="2" t="s">
        <v>40940</v>
      </c>
      <c r="L15970" s="5" t="s">
        <v>40939</v>
      </c>
      <c r="M15970" s="2" t="s">
        <v>40940</v>
      </c>
      <c r="N15970" s="5" t="s">
        <v>19227</v>
      </c>
      <c r="O15970" s="5" t="s">
        <v>38</v>
      </c>
      <c r="P15970" s="5" t="s">
        <v>39</v>
      </c>
      <c r="Q15970" s="5" t="s">
        <v>40</v>
      </c>
      <c r="R15970" s="5" t="s">
        <v>1487</v>
      </c>
      <c r="S15970" s="5"/>
      <c r="T15970" s="5" t="s">
        <v>42</v>
      </c>
      <c r="U15970" s="2">
        <v>0</v>
      </c>
      <c r="V15970" s="2">
        <v>0</v>
      </c>
      <c r="W15970" s="2">
        <v>0</v>
      </c>
      <c r="X15970" s="2">
        <v>0</v>
      </c>
      <c r="Y15970" s="2">
        <v>0</v>
      </c>
      <c r="Z15970" s="2">
        <v>0</v>
      </c>
      <c r="AA15970" s="5"/>
      <c r="AB15970" s="5" t="s">
        <v>43</v>
      </c>
      <c r="AC15970" s="5" t="s">
        <v>44</v>
      </c>
      <c r="AD15970" s="2"/>
      <c r="AE15970" s="1"/>
    </row>
    <row r="15971" spans="1:31" ht="14.45">
      <c r="A15971" s="11"/>
      <c r="B15971" s="20"/>
      <c r="C15971" s="2" t="s">
        <v>48870</v>
      </c>
      <c r="D15971" s="14" t="s">
        <v>48871</v>
      </c>
      <c r="E15971" s="2" t="s">
        <v>48872</v>
      </c>
      <c r="F15971" s="2" t="s">
        <v>7507</v>
      </c>
      <c r="G15971" s="8">
        <v>188</v>
      </c>
      <c r="H15971" s="5">
        <v>6</v>
      </c>
      <c r="I15971" s="5" t="s">
        <v>1518</v>
      </c>
      <c r="J15971" s="5" t="s">
        <v>40939</v>
      </c>
      <c r="K15971" s="2" t="s">
        <v>40940</v>
      </c>
      <c r="L15971" s="5" t="s">
        <v>40939</v>
      </c>
      <c r="M15971" s="2" t="s">
        <v>40940</v>
      </c>
      <c r="N15971" s="5" t="s">
        <v>19227</v>
      </c>
      <c r="O15971" s="5" t="s">
        <v>38</v>
      </c>
      <c r="P15971" s="5" t="s">
        <v>39</v>
      </c>
      <c r="Q15971" s="5" t="s">
        <v>40</v>
      </c>
      <c r="R15971" s="5" t="s">
        <v>1487</v>
      </c>
      <c r="S15971" s="5"/>
      <c r="T15971" s="5" t="s">
        <v>42</v>
      </c>
      <c r="U15971" s="2">
        <v>0</v>
      </c>
      <c r="V15971" s="2">
        <v>0</v>
      </c>
      <c r="W15971" s="2">
        <v>0</v>
      </c>
      <c r="X15971" s="2">
        <v>0</v>
      </c>
      <c r="Y15971" s="2">
        <v>0</v>
      </c>
      <c r="Z15971" s="2">
        <v>0</v>
      </c>
      <c r="AA15971" s="5"/>
      <c r="AB15971" s="5" t="s">
        <v>43</v>
      </c>
      <c r="AC15971" s="5" t="s">
        <v>44</v>
      </c>
      <c r="AD15971" s="2"/>
      <c r="AE15971" s="1"/>
    </row>
    <row r="15972" spans="1:31" ht="14.45">
      <c r="A15972" s="11"/>
      <c r="B15972" s="20"/>
      <c r="C15972" s="2" t="s">
        <v>48873</v>
      </c>
      <c r="D15972" s="14" t="s">
        <v>48874</v>
      </c>
      <c r="E15972" s="2" t="s">
        <v>48875</v>
      </c>
      <c r="F15972" s="2" t="s">
        <v>7204</v>
      </c>
      <c r="G15972" s="8">
        <v>196</v>
      </c>
      <c r="H15972" s="5">
        <v>6</v>
      </c>
      <c r="I15972" s="5" t="s">
        <v>1518</v>
      </c>
      <c r="J15972" s="5" t="s">
        <v>40939</v>
      </c>
      <c r="K15972" s="2" t="s">
        <v>40940</v>
      </c>
      <c r="L15972" s="5" t="s">
        <v>40939</v>
      </c>
      <c r="M15972" s="2" t="s">
        <v>40940</v>
      </c>
      <c r="N15972" s="5" t="s">
        <v>19227</v>
      </c>
      <c r="O15972" s="5" t="s">
        <v>38</v>
      </c>
      <c r="P15972" s="5" t="s">
        <v>39</v>
      </c>
      <c r="Q15972" s="5" t="s">
        <v>40</v>
      </c>
      <c r="R15972" s="5" t="s">
        <v>1487</v>
      </c>
      <c r="S15972" s="5"/>
      <c r="T15972" s="5" t="s">
        <v>42</v>
      </c>
      <c r="U15972" s="2">
        <v>0</v>
      </c>
      <c r="V15972" s="2">
        <v>0</v>
      </c>
      <c r="W15972" s="2">
        <v>0</v>
      </c>
      <c r="X15972" s="2">
        <v>0</v>
      </c>
      <c r="Y15972" s="2">
        <v>0</v>
      </c>
      <c r="Z15972" s="2">
        <v>0</v>
      </c>
      <c r="AA15972" s="5"/>
      <c r="AB15972" s="5" t="s">
        <v>43</v>
      </c>
      <c r="AC15972" s="5" t="s">
        <v>44</v>
      </c>
      <c r="AD15972" s="2"/>
      <c r="AE15972" s="1"/>
    </row>
    <row r="15973" spans="1:31" ht="14.45">
      <c r="A15973" s="11"/>
      <c r="B15973" s="20"/>
      <c r="C15973" s="2" t="s">
        <v>48876</v>
      </c>
      <c r="D15973" s="14" t="s">
        <v>48877</v>
      </c>
      <c r="E15973" s="2" t="s">
        <v>48878</v>
      </c>
      <c r="F15973" s="2" t="s">
        <v>7514</v>
      </c>
      <c r="G15973" s="8">
        <v>196</v>
      </c>
      <c r="H15973" s="5">
        <v>6</v>
      </c>
      <c r="I15973" s="5" t="s">
        <v>1518</v>
      </c>
      <c r="J15973" s="5" t="s">
        <v>40939</v>
      </c>
      <c r="K15973" s="2" t="s">
        <v>40940</v>
      </c>
      <c r="L15973" s="5" t="s">
        <v>40939</v>
      </c>
      <c r="M15973" s="2" t="s">
        <v>40940</v>
      </c>
      <c r="N15973" s="5" t="s">
        <v>19227</v>
      </c>
      <c r="O15973" s="5" t="s">
        <v>38</v>
      </c>
      <c r="P15973" s="5" t="s">
        <v>39</v>
      </c>
      <c r="Q15973" s="5" t="s">
        <v>40</v>
      </c>
      <c r="R15973" s="5" t="s">
        <v>1487</v>
      </c>
      <c r="S15973" s="5"/>
      <c r="T15973" s="5" t="s">
        <v>42</v>
      </c>
      <c r="U15973" s="2">
        <v>0</v>
      </c>
      <c r="V15973" s="2">
        <v>0</v>
      </c>
      <c r="W15973" s="2">
        <v>0</v>
      </c>
      <c r="X15973" s="2">
        <v>0</v>
      </c>
      <c r="Y15973" s="2">
        <v>0</v>
      </c>
      <c r="Z15973" s="2">
        <v>0</v>
      </c>
      <c r="AA15973" s="5"/>
      <c r="AB15973" s="5" t="s">
        <v>43</v>
      </c>
      <c r="AC15973" s="5" t="s">
        <v>44</v>
      </c>
      <c r="AD15973" s="2"/>
      <c r="AE15973" s="1"/>
    </row>
    <row r="15974" spans="1:31" ht="14.45">
      <c r="A15974" s="11"/>
      <c r="B15974" s="20"/>
      <c r="C15974" s="2" t="s">
        <v>48879</v>
      </c>
      <c r="D15974" s="14" t="s">
        <v>48880</v>
      </c>
      <c r="E15974" s="2" t="s">
        <v>48881</v>
      </c>
      <c r="F15974" s="2" t="s">
        <v>7208</v>
      </c>
      <c r="G15974" s="8">
        <v>196</v>
      </c>
      <c r="H15974" s="5">
        <v>6</v>
      </c>
      <c r="I15974" s="5" t="s">
        <v>1518</v>
      </c>
      <c r="J15974" s="5" t="s">
        <v>40939</v>
      </c>
      <c r="K15974" s="2" t="s">
        <v>40940</v>
      </c>
      <c r="L15974" s="5" t="s">
        <v>40939</v>
      </c>
      <c r="M15974" s="2" t="s">
        <v>40940</v>
      </c>
      <c r="N15974" s="5" t="s">
        <v>19227</v>
      </c>
      <c r="O15974" s="5" t="s">
        <v>38</v>
      </c>
      <c r="P15974" s="5" t="s">
        <v>39</v>
      </c>
      <c r="Q15974" s="5" t="s">
        <v>40</v>
      </c>
      <c r="R15974" s="5" t="s">
        <v>1487</v>
      </c>
      <c r="S15974" s="5"/>
      <c r="T15974" s="5" t="s">
        <v>42</v>
      </c>
      <c r="U15974" s="2">
        <v>0</v>
      </c>
      <c r="V15974" s="2">
        <v>0</v>
      </c>
      <c r="W15974" s="2">
        <v>0</v>
      </c>
      <c r="X15974" s="2">
        <v>0</v>
      </c>
      <c r="Y15974" s="2">
        <v>0</v>
      </c>
      <c r="Z15974" s="2">
        <v>0</v>
      </c>
      <c r="AA15974" s="5"/>
      <c r="AB15974" s="5" t="s">
        <v>43</v>
      </c>
      <c r="AC15974" s="5" t="s">
        <v>44</v>
      </c>
      <c r="AD15974" s="2"/>
      <c r="AE15974" s="1"/>
    </row>
    <row r="15975" spans="1:31" ht="14.45">
      <c r="A15975" s="11"/>
      <c r="B15975" s="20"/>
      <c r="C15975" s="2" t="s">
        <v>48882</v>
      </c>
      <c r="D15975" s="14" t="s">
        <v>48883</v>
      </c>
      <c r="E15975" s="2" t="s">
        <v>48884</v>
      </c>
      <c r="F15975" s="2" t="s">
        <v>7521</v>
      </c>
      <c r="G15975" s="8">
        <v>196</v>
      </c>
      <c r="H15975" s="5">
        <v>6</v>
      </c>
      <c r="I15975" s="5" t="s">
        <v>1518</v>
      </c>
      <c r="J15975" s="5" t="s">
        <v>40939</v>
      </c>
      <c r="K15975" s="2" t="s">
        <v>40940</v>
      </c>
      <c r="L15975" s="5" t="s">
        <v>40939</v>
      </c>
      <c r="M15975" s="2" t="s">
        <v>40940</v>
      </c>
      <c r="N15975" s="5" t="s">
        <v>19227</v>
      </c>
      <c r="O15975" s="5" t="s">
        <v>38</v>
      </c>
      <c r="P15975" s="5" t="s">
        <v>39</v>
      </c>
      <c r="Q15975" s="5" t="s">
        <v>40</v>
      </c>
      <c r="R15975" s="5" t="s">
        <v>1487</v>
      </c>
      <c r="S15975" s="5"/>
      <c r="T15975" s="5" t="s">
        <v>42</v>
      </c>
      <c r="U15975" s="2">
        <v>0</v>
      </c>
      <c r="V15975" s="2">
        <v>0</v>
      </c>
      <c r="W15975" s="2">
        <v>0</v>
      </c>
      <c r="X15975" s="2">
        <v>0</v>
      </c>
      <c r="Y15975" s="2">
        <v>0</v>
      </c>
      <c r="Z15975" s="2">
        <v>0</v>
      </c>
      <c r="AA15975" s="5"/>
      <c r="AB15975" s="5" t="s">
        <v>43</v>
      </c>
      <c r="AC15975" s="5" t="s">
        <v>44</v>
      </c>
      <c r="AD15975" s="2"/>
      <c r="AE15975" s="1"/>
    </row>
    <row r="15976" spans="1:31" ht="14.45">
      <c r="A15976" s="11"/>
      <c r="B15976" s="20"/>
      <c r="C15976" s="2" t="s">
        <v>48885</v>
      </c>
      <c r="D15976" s="14" t="s">
        <v>48886</v>
      </c>
      <c r="E15976" s="2" t="s">
        <v>48887</v>
      </c>
      <c r="F15976" s="2" t="s">
        <v>36273</v>
      </c>
      <c r="G15976" s="8">
        <v>196</v>
      </c>
      <c r="H15976" s="5">
        <v>6</v>
      </c>
      <c r="I15976" s="5" t="s">
        <v>1518</v>
      </c>
      <c r="J15976" s="5" t="s">
        <v>40939</v>
      </c>
      <c r="K15976" s="2" t="s">
        <v>40940</v>
      </c>
      <c r="L15976" s="5" t="s">
        <v>40939</v>
      </c>
      <c r="M15976" s="2" t="s">
        <v>40940</v>
      </c>
      <c r="N15976" s="5" t="s">
        <v>19227</v>
      </c>
      <c r="O15976" s="5" t="s">
        <v>38</v>
      </c>
      <c r="P15976" s="5" t="s">
        <v>39</v>
      </c>
      <c r="Q15976" s="5" t="s">
        <v>40</v>
      </c>
      <c r="R15976" s="5" t="s">
        <v>1487</v>
      </c>
      <c r="S15976" s="5"/>
      <c r="T15976" s="5" t="s">
        <v>42</v>
      </c>
      <c r="U15976" s="2">
        <v>0</v>
      </c>
      <c r="V15976" s="2">
        <v>0</v>
      </c>
      <c r="W15976" s="2">
        <v>0</v>
      </c>
      <c r="X15976" s="2">
        <v>0</v>
      </c>
      <c r="Y15976" s="2">
        <v>0</v>
      </c>
      <c r="Z15976" s="2">
        <v>0</v>
      </c>
      <c r="AA15976" s="5"/>
      <c r="AB15976" s="5" t="s">
        <v>43</v>
      </c>
      <c r="AC15976" s="5" t="s">
        <v>44</v>
      </c>
      <c r="AD15976" s="2"/>
      <c r="AE15976" s="1"/>
    </row>
    <row r="15977" spans="1:31" ht="14.45">
      <c r="A15977" s="11"/>
      <c r="B15977" s="20"/>
      <c r="C15977" s="2" t="s">
        <v>48888</v>
      </c>
      <c r="D15977" s="14" t="s">
        <v>48889</v>
      </c>
      <c r="E15977" s="2" t="s">
        <v>48890</v>
      </c>
      <c r="F15977" s="2" t="s">
        <v>36277</v>
      </c>
      <c r="G15977" s="8">
        <v>196</v>
      </c>
      <c r="H15977" s="5">
        <v>6</v>
      </c>
      <c r="I15977" s="5" t="s">
        <v>1518</v>
      </c>
      <c r="J15977" s="5" t="s">
        <v>40939</v>
      </c>
      <c r="K15977" s="2" t="s">
        <v>40940</v>
      </c>
      <c r="L15977" s="5" t="s">
        <v>40939</v>
      </c>
      <c r="M15977" s="2" t="s">
        <v>40940</v>
      </c>
      <c r="N15977" s="5" t="s">
        <v>19227</v>
      </c>
      <c r="O15977" s="5" t="s">
        <v>38</v>
      </c>
      <c r="P15977" s="5" t="s">
        <v>39</v>
      </c>
      <c r="Q15977" s="5" t="s">
        <v>40</v>
      </c>
      <c r="R15977" s="5" t="s">
        <v>1487</v>
      </c>
      <c r="S15977" s="5"/>
      <c r="T15977" s="5" t="s">
        <v>42</v>
      </c>
      <c r="U15977" s="2">
        <v>0</v>
      </c>
      <c r="V15977" s="2">
        <v>0</v>
      </c>
      <c r="W15977" s="2">
        <v>0</v>
      </c>
      <c r="X15977" s="2">
        <v>0</v>
      </c>
      <c r="Y15977" s="2">
        <v>0</v>
      </c>
      <c r="Z15977" s="2">
        <v>0</v>
      </c>
      <c r="AA15977" s="5"/>
      <c r="AB15977" s="5" t="s">
        <v>43</v>
      </c>
      <c r="AC15977" s="5" t="s">
        <v>44</v>
      </c>
      <c r="AD15977" s="2"/>
      <c r="AE15977" s="1"/>
    </row>
    <row r="15978" spans="1:31" ht="14.45">
      <c r="A15978" s="11"/>
      <c r="B15978" s="20"/>
      <c r="C15978" s="2" t="s">
        <v>48891</v>
      </c>
      <c r="D15978" s="14" t="s">
        <v>48892</v>
      </c>
      <c r="E15978" s="2" t="s">
        <v>48893</v>
      </c>
      <c r="F15978" s="2" t="s">
        <v>7396</v>
      </c>
      <c r="G15978" s="8">
        <v>196</v>
      </c>
      <c r="H15978" s="5">
        <v>6</v>
      </c>
      <c r="I15978" s="5" t="s">
        <v>1518</v>
      </c>
      <c r="J15978" s="5" t="s">
        <v>40939</v>
      </c>
      <c r="K15978" s="2" t="s">
        <v>40940</v>
      </c>
      <c r="L15978" s="5" t="s">
        <v>40939</v>
      </c>
      <c r="M15978" s="2" t="s">
        <v>40940</v>
      </c>
      <c r="N15978" s="5" t="s">
        <v>19227</v>
      </c>
      <c r="O15978" s="5" t="s">
        <v>38</v>
      </c>
      <c r="P15978" s="5" t="s">
        <v>39</v>
      </c>
      <c r="Q15978" s="5" t="s">
        <v>40</v>
      </c>
      <c r="R15978" s="5" t="s">
        <v>1487</v>
      </c>
      <c r="S15978" s="5"/>
      <c r="T15978" s="5" t="s">
        <v>42</v>
      </c>
      <c r="U15978" s="2">
        <v>0</v>
      </c>
      <c r="V15978" s="2">
        <v>0</v>
      </c>
      <c r="W15978" s="2">
        <v>0</v>
      </c>
      <c r="X15978" s="2">
        <v>0</v>
      </c>
      <c r="Y15978" s="2">
        <v>0</v>
      </c>
      <c r="Z15978" s="2">
        <v>0</v>
      </c>
      <c r="AA15978" s="5"/>
      <c r="AB15978" s="5" t="s">
        <v>43</v>
      </c>
      <c r="AC15978" s="5" t="s">
        <v>44</v>
      </c>
      <c r="AD15978" s="2"/>
      <c r="AE15978" s="1"/>
    </row>
    <row r="15979" spans="1:31" ht="14.45">
      <c r="A15979" s="11"/>
      <c r="B15979" s="20"/>
      <c r="C15979" s="2" t="s">
        <v>48894</v>
      </c>
      <c r="D15979" s="14" t="s">
        <v>48895</v>
      </c>
      <c r="E15979" s="2" t="s">
        <v>48896</v>
      </c>
      <c r="F15979" s="2" t="s">
        <v>7507</v>
      </c>
      <c r="G15979" s="8">
        <v>196</v>
      </c>
      <c r="H15979" s="5">
        <v>6</v>
      </c>
      <c r="I15979" s="5" t="s">
        <v>1518</v>
      </c>
      <c r="J15979" s="5" t="s">
        <v>40939</v>
      </c>
      <c r="K15979" s="2" t="s">
        <v>40940</v>
      </c>
      <c r="L15979" s="5" t="s">
        <v>40939</v>
      </c>
      <c r="M15979" s="2" t="s">
        <v>40940</v>
      </c>
      <c r="N15979" s="5" t="s">
        <v>19227</v>
      </c>
      <c r="O15979" s="5" t="s">
        <v>38</v>
      </c>
      <c r="P15979" s="5" t="s">
        <v>39</v>
      </c>
      <c r="Q15979" s="5" t="s">
        <v>40</v>
      </c>
      <c r="R15979" s="5" t="s">
        <v>1487</v>
      </c>
      <c r="S15979" s="5"/>
      <c r="T15979" s="5" t="s">
        <v>42</v>
      </c>
      <c r="U15979" s="2">
        <v>0</v>
      </c>
      <c r="V15979" s="2">
        <v>0</v>
      </c>
      <c r="W15979" s="2">
        <v>0</v>
      </c>
      <c r="X15979" s="2">
        <v>0</v>
      </c>
      <c r="Y15979" s="2">
        <v>0</v>
      </c>
      <c r="Z15979" s="2">
        <v>0</v>
      </c>
      <c r="AA15979" s="5"/>
      <c r="AB15979" s="5" t="s">
        <v>43</v>
      </c>
      <c r="AC15979" s="5" t="s">
        <v>44</v>
      </c>
      <c r="AD15979" s="2"/>
      <c r="AE15979" s="1"/>
    </row>
    <row r="15980" spans="1:31" ht="14.45">
      <c r="A15980" s="11"/>
      <c r="B15980" s="20"/>
      <c r="C15980" s="2" t="s">
        <v>48897</v>
      </c>
      <c r="D15980" s="14" t="s">
        <v>48898</v>
      </c>
      <c r="E15980" s="2" t="s">
        <v>48899</v>
      </c>
      <c r="F15980" s="2" t="s">
        <v>7204</v>
      </c>
      <c r="G15980" s="8">
        <v>208</v>
      </c>
      <c r="H15980" s="5">
        <v>6</v>
      </c>
      <c r="I15980" s="5" t="s">
        <v>1518</v>
      </c>
      <c r="J15980" s="5" t="s">
        <v>40939</v>
      </c>
      <c r="K15980" s="2" t="s">
        <v>40940</v>
      </c>
      <c r="L15980" s="5" t="s">
        <v>40939</v>
      </c>
      <c r="M15980" s="2" t="s">
        <v>40940</v>
      </c>
      <c r="N15980" s="5" t="s">
        <v>19227</v>
      </c>
      <c r="O15980" s="5" t="s">
        <v>38</v>
      </c>
      <c r="P15980" s="5" t="s">
        <v>39</v>
      </c>
      <c r="Q15980" s="5" t="s">
        <v>40</v>
      </c>
      <c r="R15980" s="5" t="s">
        <v>1487</v>
      </c>
      <c r="S15980" s="5"/>
      <c r="T15980" s="5" t="s">
        <v>42</v>
      </c>
      <c r="U15980" s="2">
        <v>0</v>
      </c>
      <c r="V15980" s="2">
        <v>0</v>
      </c>
      <c r="W15980" s="2">
        <v>0</v>
      </c>
      <c r="X15980" s="2">
        <v>0</v>
      </c>
      <c r="Y15980" s="2">
        <v>0</v>
      </c>
      <c r="Z15980" s="2">
        <v>0</v>
      </c>
      <c r="AA15980" s="5"/>
      <c r="AB15980" s="5" t="s">
        <v>43</v>
      </c>
      <c r="AC15980" s="5" t="s">
        <v>44</v>
      </c>
      <c r="AD15980" s="2"/>
      <c r="AE15980" s="1"/>
    </row>
    <row r="15981" spans="1:31" ht="14.45">
      <c r="A15981" s="11"/>
      <c r="B15981" s="20"/>
      <c r="C15981" s="2" t="s">
        <v>48900</v>
      </c>
      <c r="D15981" s="14" t="s">
        <v>48901</v>
      </c>
      <c r="E15981" s="2" t="s">
        <v>48902</v>
      </c>
      <c r="F15981" s="2" t="s">
        <v>7514</v>
      </c>
      <c r="G15981" s="8">
        <v>208</v>
      </c>
      <c r="H15981" s="5">
        <v>6</v>
      </c>
      <c r="I15981" s="5" t="s">
        <v>1518</v>
      </c>
      <c r="J15981" s="5" t="s">
        <v>40939</v>
      </c>
      <c r="K15981" s="2" t="s">
        <v>40940</v>
      </c>
      <c r="L15981" s="5" t="s">
        <v>40939</v>
      </c>
      <c r="M15981" s="2" t="s">
        <v>40940</v>
      </c>
      <c r="N15981" s="5" t="s">
        <v>19227</v>
      </c>
      <c r="O15981" s="5" t="s">
        <v>38</v>
      </c>
      <c r="P15981" s="5" t="s">
        <v>39</v>
      </c>
      <c r="Q15981" s="5" t="s">
        <v>40</v>
      </c>
      <c r="R15981" s="5" t="s">
        <v>1487</v>
      </c>
      <c r="S15981" s="5"/>
      <c r="T15981" s="5" t="s">
        <v>42</v>
      </c>
      <c r="U15981" s="2">
        <v>0</v>
      </c>
      <c r="V15981" s="2">
        <v>0</v>
      </c>
      <c r="W15981" s="2">
        <v>0</v>
      </c>
      <c r="X15981" s="2">
        <v>0</v>
      </c>
      <c r="Y15981" s="2">
        <v>0</v>
      </c>
      <c r="Z15981" s="2">
        <v>0</v>
      </c>
      <c r="AA15981" s="5"/>
      <c r="AB15981" s="5" t="s">
        <v>43</v>
      </c>
      <c r="AC15981" s="5" t="s">
        <v>44</v>
      </c>
      <c r="AD15981" s="2"/>
      <c r="AE15981" s="1"/>
    </row>
    <row r="15982" spans="1:31" ht="14.45">
      <c r="A15982" s="11"/>
      <c r="B15982" s="20"/>
      <c r="C15982" s="2" t="s">
        <v>48903</v>
      </c>
      <c r="D15982" s="14" t="s">
        <v>48904</v>
      </c>
      <c r="E15982" s="2" t="s">
        <v>48905</v>
      </c>
      <c r="F15982" s="2" t="s">
        <v>7208</v>
      </c>
      <c r="G15982" s="8">
        <v>208</v>
      </c>
      <c r="H15982" s="5">
        <v>6</v>
      </c>
      <c r="I15982" s="5" t="s">
        <v>1518</v>
      </c>
      <c r="J15982" s="5" t="s">
        <v>40939</v>
      </c>
      <c r="K15982" s="2" t="s">
        <v>40940</v>
      </c>
      <c r="L15982" s="5" t="s">
        <v>40939</v>
      </c>
      <c r="M15982" s="2" t="s">
        <v>40940</v>
      </c>
      <c r="N15982" s="5" t="s">
        <v>19227</v>
      </c>
      <c r="O15982" s="5" t="s">
        <v>38</v>
      </c>
      <c r="P15982" s="5" t="s">
        <v>39</v>
      </c>
      <c r="Q15982" s="5" t="s">
        <v>40</v>
      </c>
      <c r="R15982" s="5" t="s">
        <v>1487</v>
      </c>
      <c r="S15982" s="5"/>
      <c r="T15982" s="5" t="s">
        <v>42</v>
      </c>
      <c r="U15982" s="2">
        <v>0</v>
      </c>
      <c r="V15982" s="2">
        <v>0</v>
      </c>
      <c r="W15982" s="2">
        <v>0</v>
      </c>
      <c r="X15982" s="2">
        <v>0</v>
      </c>
      <c r="Y15982" s="2">
        <v>0</v>
      </c>
      <c r="Z15982" s="2">
        <v>0</v>
      </c>
      <c r="AA15982" s="5"/>
      <c r="AB15982" s="5" t="s">
        <v>43</v>
      </c>
      <c r="AC15982" s="5" t="s">
        <v>44</v>
      </c>
      <c r="AD15982" s="2"/>
      <c r="AE15982" s="1"/>
    </row>
    <row r="15983" spans="1:31" ht="14.45">
      <c r="A15983" s="11"/>
      <c r="B15983" s="20"/>
      <c r="C15983" s="2" t="s">
        <v>48906</v>
      </c>
      <c r="D15983" s="14" t="s">
        <v>48907</v>
      </c>
      <c r="E15983" s="2" t="s">
        <v>48908</v>
      </c>
      <c r="F15983" s="2" t="s">
        <v>7521</v>
      </c>
      <c r="G15983" s="8">
        <v>208</v>
      </c>
      <c r="H15983" s="5">
        <v>6</v>
      </c>
      <c r="I15983" s="5" t="s">
        <v>1518</v>
      </c>
      <c r="J15983" s="5" t="s">
        <v>40939</v>
      </c>
      <c r="K15983" s="2" t="s">
        <v>40940</v>
      </c>
      <c r="L15983" s="5" t="s">
        <v>40939</v>
      </c>
      <c r="M15983" s="2" t="s">
        <v>40940</v>
      </c>
      <c r="N15983" s="5" t="s">
        <v>19227</v>
      </c>
      <c r="O15983" s="5" t="s">
        <v>38</v>
      </c>
      <c r="P15983" s="5" t="s">
        <v>39</v>
      </c>
      <c r="Q15983" s="5" t="s">
        <v>40</v>
      </c>
      <c r="R15983" s="5" t="s">
        <v>1487</v>
      </c>
      <c r="S15983" s="5"/>
      <c r="T15983" s="5" t="s">
        <v>42</v>
      </c>
      <c r="U15983" s="2">
        <v>0</v>
      </c>
      <c r="V15983" s="2">
        <v>0</v>
      </c>
      <c r="W15983" s="2">
        <v>0</v>
      </c>
      <c r="X15983" s="2">
        <v>0</v>
      </c>
      <c r="Y15983" s="2">
        <v>0</v>
      </c>
      <c r="Z15983" s="2">
        <v>0</v>
      </c>
      <c r="AA15983" s="5"/>
      <c r="AB15983" s="5" t="s">
        <v>43</v>
      </c>
      <c r="AC15983" s="5" t="s">
        <v>44</v>
      </c>
      <c r="AD15983" s="2"/>
      <c r="AE15983" s="1"/>
    </row>
    <row r="15984" spans="1:31" ht="14.45">
      <c r="A15984" s="11"/>
      <c r="B15984" s="20"/>
      <c r="C15984" s="2" t="s">
        <v>48909</v>
      </c>
      <c r="D15984" s="14" t="s">
        <v>48910</v>
      </c>
      <c r="E15984" s="2" t="s">
        <v>48911</v>
      </c>
      <c r="F15984" s="2" t="s">
        <v>36273</v>
      </c>
      <c r="G15984" s="8">
        <v>208</v>
      </c>
      <c r="H15984" s="5">
        <v>6</v>
      </c>
      <c r="I15984" s="5" t="s">
        <v>1518</v>
      </c>
      <c r="J15984" s="5" t="s">
        <v>40939</v>
      </c>
      <c r="K15984" s="2" t="s">
        <v>40940</v>
      </c>
      <c r="L15984" s="5" t="s">
        <v>40939</v>
      </c>
      <c r="M15984" s="2" t="s">
        <v>40940</v>
      </c>
      <c r="N15984" s="5" t="s">
        <v>19227</v>
      </c>
      <c r="O15984" s="5" t="s">
        <v>38</v>
      </c>
      <c r="P15984" s="5" t="s">
        <v>39</v>
      </c>
      <c r="Q15984" s="5" t="s">
        <v>40</v>
      </c>
      <c r="R15984" s="5" t="s">
        <v>1487</v>
      </c>
      <c r="S15984" s="5"/>
      <c r="T15984" s="5" t="s">
        <v>42</v>
      </c>
      <c r="U15984" s="2">
        <v>0</v>
      </c>
      <c r="V15984" s="2">
        <v>0</v>
      </c>
      <c r="W15984" s="2">
        <v>0</v>
      </c>
      <c r="X15984" s="2">
        <v>0</v>
      </c>
      <c r="Y15984" s="2">
        <v>0</v>
      </c>
      <c r="Z15984" s="2">
        <v>0</v>
      </c>
      <c r="AA15984" s="5"/>
      <c r="AB15984" s="5" t="s">
        <v>43</v>
      </c>
      <c r="AC15984" s="5" t="s">
        <v>44</v>
      </c>
      <c r="AD15984" s="2"/>
      <c r="AE15984" s="1"/>
    </row>
    <row r="15985" spans="1:31" ht="14.45">
      <c r="A15985" s="11"/>
      <c r="B15985" s="20"/>
      <c r="C15985" s="2" t="s">
        <v>48912</v>
      </c>
      <c r="D15985" s="14" t="s">
        <v>48913</v>
      </c>
      <c r="E15985" s="2" t="s">
        <v>48914</v>
      </c>
      <c r="F15985" s="2" t="s">
        <v>36277</v>
      </c>
      <c r="G15985" s="8">
        <v>208</v>
      </c>
      <c r="H15985" s="5">
        <v>6</v>
      </c>
      <c r="I15985" s="5" t="s">
        <v>1518</v>
      </c>
      <c r="J15985" s="5" t="s">
        <v>40939</v>
      </c>
      <c r="K15985" s="2" t="s">
        <v>40940</v>
      </c>
      <c r="L15985" s="5" t="s">
        <v>40939</v>
      </c>
      <c r="M15985" s="2" t="s">
        <v>40940</v>
      </c>
      <c r="N15985" s="5" t="s">
        <v>19227</v>
      </c>
      <c r="O15985" s="5" t="s">
        <v>38</v>
      </c>
      <c r="P15985" s="5" t="s">
        <v>39</v>
      </c>
      <c r="Q15985" s="5" t="s">
        <v>40</v>
      </c>
      <c r="R15985" s="5" t="s">
        <v>1487</v>
      </c>
      <c r="S15985" s="5"/>
      <c r="T15985" s="5" t="s">
        <v>42</v>
      </c>
      <c r="U15985" s="2">
        <v>0</v>
      </c>
      <c r="V15985" s="2">
        <v>0</v>
      </c>
      <c r="W15985" s="2">
        <v>0</v>
      </c>
      <c r="X15985" s="2">
        <v>0</v>
      </c>
      <c r="Y15985" s="2">
        <v>0</v>
      </c>
      <c r="Z15985" s="2">
        <v>0</v>
      </c>
      <c r="AA15985" s="5"/>
      <c r="AB15985" s="5" t="s">
        <v>43</v>
      </c>
      <c r="AC15985" s="5" t="s">
        <v>44</v>
      </c>
      <c r="AD15985" s="2"/>
      <c r="AE15985" s="1"/>
    </row>
    <row r="15986" spans="1:31" ht="14.45">
      <c r="A15986" s="11"/>
      <c r="B15986" s="20"/>
      <c r="C15986" s="2" t="s">
        <v>48915</v>
      </c>
      <c r="D15986" s="14" t="s">
        <v>48916</v>
      </c>
      <c r="E15986" s="2" t="s">
        <v>48917</v>
      </c>
      <c r="F15986" s="2" t="s">
        <v>7396</v>
      </c>
      <c r="G15986" s="8">
        <v>208</v>
      </c>
      <c r="H15986" s="5">
        <v>6</v>
      </c>
      <c r="I15986" s="5" t="s">
        <v>1518</v>
      </c>
      <c r="J15986" s="5" t="s">
        <v>40939</v>
      </c>
      <c r="K15986" s="2" t="s">
        <v>40940</v>
      </c>
      <c r="L15986" s="5" t="s">
        <v>40939</v>
      </c>
      <c r="M15986" s="2" t="s">
        <v>40940</v>
      </c>
      <c r="N15986" s="5" t="s">
        <v>19227</v>
      </c>
      <c r="O15986" s="5" t="s">
        <v>38</v>
      </c>
      <c r="P15986" s="5" t="s">
        <v>39</v>
      </c>
      <c r="Q15986" s="5" t="s">
        <v>40</v>
      </c>
      <c r="R15986" s="5" t="s">
        <v>1487</v>
      </c>
      <c r="S15986" s="5"/>
      <c r="T15986" s="5" t="s">
        <v>42</v>
      </c>
      <c r="U15986" s="2">
        <v>0</v>
      </c>
      <c r="V15986" s="2">
        <v>0</v>
      </c>
      <c r="W15986" s="2">
        <v>0</v>
      </c>
      <c r="X15986" s="2">
        <v>0</v>
      </c>
      <c r="Y15986" s="2">
        <v>0</v>
      </c>
      <c r="Z15986" s="2">
        <v>0</v>
      </c>
      <c r="AA15986" s="5"/>
      <c r="AB15986" s="5" t="s">
        <v>43</v>
      </c>
      <c r="AC15986" s="5" t="s">
        <v>44</v>
      </c>
      <c r="AD15986" s="2"/>
      <c r="AE15986" s="1"/>
    </row>
    <row r="15987" spans="1:31" ht="14.45">
      <c r="A15987" s="11"/>
      <c r="B15987" s="20"/>
      <c r="C15987" s="2" t="s">
        <v>48918</v>
      </c>
      <c r="D15987" s="14" t="s">
        <v>48919</v>
      </c>
      <c r="E15987" s="2" t="s">
        <v>48920</v>
      </c>
      <c r="F15987" s="2" t="s">
        <v>7507</v>
      </c>
      <c r="G15987" s="8">
        <v>208</v>
      </c>
      <c r="H15987" s="5">
        <v>6</v>
      </c>
      <c r="I15987" s="5" t="s">
        <v>1518</v>
      </c>
      <c r="J15987" s="5" t="s">
        <v>40939</v>
      </c>
      <c r="K15987" s="2" t="s">
        <v>40940</v>
      </c>
      <c r="L15987" s="5" t="s">
        <v>40939</v>
      </c>
      <c r="M15987" s="2" t="s">
        <v>40940</v>
      </c>
      <c r="N15987" s="5" t="s">
        <v>19227</v>
      </c>
      <c r="O15987" s="5" t="s">
        <v>38</v>
      </c>
      <c r="P15987" s="5" t="s">
        <v>39</v>
      </c>
      <c r="Q15987" s="5" t="s">
        <v>40</v>
      </c>
      <c r="R15987" s="5" t="s">
        <v>1487</v>
      </c>
      <c r="S15987" s="5"/>
      <c r="T15987" s="5" t="s">
        <v>42</v>
      </c>
      <c r="U15987" s="2">
        <v>0</v>
      </c>
      <c r="V15987" s="2">
        <v>0</v>
      </c>
      <c r="W15987" s="2">
        <v>0</v>
      </c>
      <c r="X15987" s="2">
        <v>0</v>
      </c>
      <c r="Y15987" s="2">
        <v>0</v>
      </c>
      <c r="Z15987" s="2">
        <v>0</v>
      </c>
      <c r="AA15987" s="5"/>
      <c r="AB15987" s="5" t="s">
        <v>43</v>
      </c>
      <c r="AC15987" s="5" t="s">
        <v>44</v>
      </c>
      <c r="AD15987" s="2"/>
      <c r="AE15987" s="1"/>
    </row>
    <row r="15988" spans="1:31" ht="14.45">
      <c r="A15988" s="11"/>
      <c r="B15988" s="20"/>
      <c r="C15988" s="2" t="s">
        <v>48921</v>
      </c>
      <c r="D15988" s="14" t="s">
        <v>48922</v>
      </c>
      <c r="E15988" s="2" t="s">
        <v>48923</v>
      </c>
      <c r="F15988" s="2" t="s">
        <v>7204</v>
      </c>
      <c r="G15988" s="8">
        <v>211</v>
      </c>
      <c r="H15988" s="5">
        <v>6</v>
      </c>
      <c r="I15988" s="5" t="s">
        <v>1518</v>
      </c>
      <c r="J15988" s="5" t="s">
        <v>40939</v>
      </c>
      <c r="K15988" s="2" t="s">
        <v>40940</v>
      </c>
      <c r="L15988" s="5" t="s">
        <v>40939</v>
      </c>
      <c r="M15988" s="2" t="s">
        <v>40940</v>
      </c>
      <c r="N15988" s="5" t="s">
        <v>19227</v>
      </c>
      <c r="O15988" s="5" t="s">
        <v>38</v>
      </c>
      <c r="P15988" s="5" t="s">
        <v>39</v>
      </c>
      <c r="Q15988" s="5" t="s">
        <v>40</v>
      </c>
      <c r="R15988" s="5" t="s">
        <v>1487</v>
      </c>
      <c r="S15988" s="5"/>
      <c r="T15988" s="5" t="s">
        <v>42</v>
      </c>
      <c r="U15988" s="2">
        <v>0</v>
      </c>
      <c r="V15988" s="2">
        <v>0</v>
      </c>
      <c r="W15988" s="2">
        <v>0</v>
      </c>
      <c r="X15988" s="2">
        <v>0</v>
      </c>
      <c r="Y15988" s="2">
        <v>0</v>
      </c>
      <c r="Z15988" s="2">
        <v>0</v>
      </c>
      <c r="AA15988" s="5"/>
      <c r="AB15988" s="5" t="s">
        <v>43</v>
      </c>
      <c r="AC15988" s="5" t="s">
        <v>44</v>
      </c>
      <c r="AD15988" s="2"/>
      <c r="AE15988" s="1"/>
    </row>
    <row r="15989" spans="1:31" ht="14.45">
      <c r="A15989" s="11"/>
      <c r="B15989" s="20"/>
      <c r="C15989" s="2" t="s">
        <v>48924</v>
      </c>
      <c r="D15989" s="14" t="s">
        <v>48925</v>
      </c>
      <c r="E15989" s="2" t="s">
        <v>48926</v>
      </c>
      <c r="F15989" s="2" t="s">
        <v>7514</v>
      </c>
      <c r="G15989" s="8">
        <v>211</v>
      </c>
      <c r="H15989" s="5">
        <v>6</v>
      </c>
      <c r="I15989" s="5" t="s">
        <v>1518</v>
      </c>
      <c r="J15989" s="5" t="s">
        <v>40939</v>
      </c>
      <c r="K15989" s="2" t="s">
        <v>40940</v>
      </c>
      <c r="L15989" s="5" t="s">
        <v>40939</v>
      </c>
      <c r="M15989" s="2" t="s">
        <v>40940</v>
      </c>
      <c r="N15989" s="5" t="s">
        <v>19227</v>
      </c>
      <c r="O15989" s="5" t="s">
        <v>38</v>
      </c>
      <c r="P15989" s="5" t="s">
        <v>39</v>
      </c>
      <c r="Q15989" s="5" t="s">
        <v>40</v>
      </c>
      <c r="R15989" s="5" t="s">
        <v>1487</v>
      </c>
      <c r="S15989" s="5"/>
      <c r="T15989" s="5" t="s">
        <v>42</v>
      </c>
      <c r="U15989" s="2">
        <v>0</v>
      </c>
      <c r="V15989" s="2">
        <v>0</v>
      </c>
      <c r="W15989" s="2">
        <v>0</v>
      </c>
      <c r="X15989" s="2">
        <v>0</v>
      </c>
      <c r="Y15989" s="2">
        <v>0</v>
      </c>
      <c r="Z15989" s="2">
        <v>0</v>
      </c>
      <c r="AA15989" s="5"/>
      <c r="AB15989" s="5" t="s">
        <v>43</v>
      </c>
      <c r="AC15989" s="5" t="s">
        <v>44</v>
      </c>
      <c r="AD15989" s="2"/>
      <c r="AE15989" s="1"/>
    </row>
    <row r="15990" spans="1:31" ht="14.45">
      <c r="A15990" s="11"/>
      <c r="B15990" s="20"/>
      <c r="C15990" s="2" t="s">
        <v>48927</v>
      </c>
      <c r="D15990" s="14" t="s">
        <v>48928</v>
      </c>
      <c r="E15990" s="2" t="s">
        <v>48929</v>
      </c>
      <c r="F15990" s="2" t="s">
        <v>7208</v>
      </c>
      <c r="G15990" s="8">
        <v>211</v>
      </c>
      <c r="H15990" s="5">
        <v>6</v>
      </c>
      <c r="I15990" s="5" t="s">
        <v>1518</v>
      </c>
      <c r="J15990" s="5" t="s">
        <v>40939</v>
      </c>
      <c r="K15990" s="2" t="s">
        <v>40940</v>
      </c>
      <c r="L15990" s="5" t="s">
        <v>40939</v>
      </c>
      <c r="M15990" s="2" t="s">
        <v>40940</v>
      </c>
      <c r="N15990" s="5" t="s">
        <v>19227</v>
      </c>
      <c r="O15990" s="5" t="s">
        <v>38</v>
      </c>
      <c r="P15990" s="5" t="s">
        <v>39</v>
      </c>
      <c r="Q15990" s="5" t="s">
        <v>40</v>
      </c>
      <c r="R15990" s="5" t="s">
        <v>1487</v>
      </c>
      <c r="S15990" s="5"/>
      <c r="T15990" s="5" t="s">
        <v>42</v>
      </c>
      <c r="U15990" s="2">
        <v>0</v>
      </c>
      <c r="V15990" s="2">
        <v>0</v>
      </c>
      <c r="W15990" s="2">
        <v>0</v>
      </c>
      <c r="X15990" s="2">
        <v>0</v>
      </c>
      <c r="Y15990" s="2">
        <v>0</v>
      </c>
      <c r="Z15990" s="2">
        <v>0</v>
      </c>
      <c r="AA15990" s="5"/>
      <c r="AB15990" s="5" t="s">
        <v>43</v>
      </c>
      <c r="AC15990" s="5" t="s">
        <v>44</v>
      </c>
      <c r="AD15990" s="2"/>
      <c r="AE15990" s="1"/>
    </row>
    <row r="15991" spans="1:31" ht="14.45">
      <c r="A15991" s="11"/>
      <c r="B15991" s="20"/>
      <c r="C15991" s="2" t="s">
        <v>48930</v>
      </c>
      <c r="D15991" s="14" t="s">
        <v>48931</v>
      </c>
      <c r="E15991" s="2" t="s">
        <v>48932</v>
      </c>
      <c r="F15991" s="2" t="s">
        <v>7521</v>
      </c>
      <c r="G15991" s="8">
        <v>211</v>
      </c>
      <c r="H15991" s="5">
        <v>6</v>
      </c>
      <c r="I15991" s="5" t="s">
        <v>1518</v>
      </c>
      <c r="J15991" s="5" t="s">
        <v>40939</v>
      </c>
      <c r="K15991" s="2" t="s">
        <v>40940</v>
      </c>
      <c r="L15991" s="5" t="s">
        <v>40939</v>
      </c>
      <c r="M15991" s="2" t="s">
        <v>40940</v>
      </c>
      <c r="N15991" s="5" t="s">
        <v>19227</v>
      </c>
      <c r="O15991" s="5" t="s">
        <v>38</v>
      </c>
      <c r="P15991" s="5" t="s">
        <v>39</v>
      </c>
      <c r="Q15991" s="5" t="s">
        <v>40</v>
      </c>
      <c r="R15991" s="5" t="s">
        <v>1487</v>
      </c>
      <c r="S15991" s="5"/>
      <c r="T15991" s="5" t="s">
        <v>42</v>
      </c>
      <c r="U15991" s="2">
        <v>0</v>
      </c>
      <c r="V15991" s="2">
        <v>0</v>
      </c>
      <c r="W15991" s="2">
        <v>0</v>
      </c>
      <c r="X15991" s="2">
        <v>0</v>
      </c>
      <c r="Y15991" s="2">
        <v>0</v>
      </c>
      <c r="Z15991" s="2">
        <v>0</v>
      </c>
      <c r="AA15991" s="5"/>
      <c r="AB15991" s="5" t="s">
        <v>43</v>
      </c>
      <c r="AC15991" s="5" t="s">
        <v>44</v>
      </c>
      <c r="AD15991" s="2"/>
      <c r="AE15991" s="1"/>
    </row>
    <row r="15992" spans="1:31" ht="14.45">
      <c r="A15992" s="11"/>
      <c r="B15992" s="20"/>
      <c r="C15992" s="2" t="s">
        <v>48933</v>
      </c>
      <c r="D15992" s="14" t="s">
        <v>48934</v>
      </c>
      <c r="E15992" s="2" t="s">
        <v>48935</v>
      </c>
      <c r="F15992" s="2" t="s">
        <v>36273</v>
      </c>
      <c r="G15992" s="8">
        <v>211</v>
      </c>
      <c r="H15992" s="5">
        <v>6</v>
      </c>
      <c r="I15992" s="5" t="s">
        <v>1518</v>
      </c>
      <c r="J15992" s="5" t="s">
        <v>40939</v>
      </c>
      <c r="K15992" s="2" t="s">
        <v>40940</v>
      </c>
      <c r="L15992" s="5" t="s">
        <v>40939</v>
      </c>
      <c r="M15992" s="2" t="s">
        <v>40940</v>
      </c>
      <c r="N15992" s="5" t="s">
        <v>19227</v>
      </c>
      <c r="O15992" s="5" t="s">
        <v>38</v>
      </c>
      <c r="P15992" s="5" t="s">
        <v>39</v>
      </c>
      <c r="Q15992" s="5" t="s">
        <v>40</v>
      </c>
      <c r="R15992" s="5" t="s">
        <v>1487</v>
      </c>
      <c r="S15992" s="5"/>
      <c r="T15992" s="5" t="s">
        <v>42</v>
      </c>
      <c r="U15992" s="2">
        <v>0</v>
      </c>
      <c r="V15992" s="2">
        <v>0</v>
      </c>
      <c r="W15992" s="2">
        <v>0</v>
      </c>
      <c r="X15992" s="2">
        <v>0</v>
      </c>
      <c r="Y15992" s="2">
        <v>0</v>
      </c>
      <c r="Z15992" s="2">
        <v>0</v>
      </c>
      <c r="AA15992" s="5"/>
      <c r="AB15992" s="5" t="s">
        <v>43</v>
      </c>
      <c r="AC15992" s="5" t="s">
        <v>44</v>
      </c>
      <c r="AD15992" s="2"/>
      <c r="AE15992" s="1"/>
    </row>
    <row r="15993" spans="1:31" ht="14.45">
      <c r="A15993" s="11"/>
      <c r="B15993" s="20"/>
      <c r="C15993" s="2" t="s">
        <v>48936</v>
      </c>
      <c r="D15993" s="14" t="s">
        <v>48937</v>
      </c>
      <c r="E15993" s="2" t="s">
        <v>48938</v>
      </c>
      <c r="F15993" s="2" t="s">
        <v>36277</v>
      </c>
      <c r="G15993" s="8">
        <v>211</v>
      </c>
      <c r="H15993" s="5">
        <v>6</v>
      </c>
      <c r="I15993" s="5" t="s">
        <v>1518</v>
      </c>
      <c r="J15993" s="5" t="s">
        <v>40939</v>
      </c>
      <c r="K15993" s="2" t="s">
        <v>40940</v>
      </c>
      <c r="L15993" s="5" t="s">
        <v>40939</v>
      </c>
      <c r="M15993" s="2" t="s">
        <v>40940</v>
      </c>
      <c r="N15993" s="5" t="s">
        <v>19227</v>
      </c>
      <c r="O15993" s="5" t="s">
        <v>38</v>
      </c>
      <c r="P15993" s="5" t="s">
        <v>39</v>
      </c>
      <c r="Q15993" s="5" t="s">
        <v>40</v>
      </c>
      <c r="R15993" s="5" t="s">
        <v>1487</v>
      </c>
      <c r="S15993" s="5"/>
      <c r="T15993" s="5" t="s">
        <v>42</v>
      </c>
      <c r="U15993" s="2">
        <v>0</v>
      </c>
      <c r="V15993" s="2">
        <v>0</v>
      </c>
      <c r="W15993" s="2">
        <v>0</v>
      </c>
      <c r="X15993" s="2">
        <v>0</v>
      </c>
      <c r="Y15993" s="2">
        <v>0</v>
      </c>
      <c r="Z15993" s="2">
        <v>0</v>
      </c>
      <c r="AA15993" s="5"/>
      <c r="AB15993" s="5" t="s">
        <v>43</v>
      </c>
      <c r="AC15993" s="5" t="s">
        <v>44</v>
      </c>
      <c r="AD15993" s="2"/>
      <c r="AE15993" s="1"/>
    </row>
    <row r="15994" spans="1:31" ht="14.45">
      <c r="A15994" s="11"/>
      <c r="B15994" s="20"/>
      <c r="C15994" s="2" t="s">
        <v>48939</v>
      </c>
      <c r="D15994" s="14" t="s">
        <v>48940</v>
      </c>
      <c r="E15994" s="2" t="s">
        <v>48941</v>
      </c>
      <c r="F15994" s="2" t="s">
        <v>7396</v>
      </c>
      <c r="G15994" s="8">
        <v>211</v>
      </c>
      <c r="H15994" s="5">
        <v>6</v>
      </c>
      <c r="I15994" s="5" t="s">
        <v>1518</v>
      </c>
      <c r="J15994" s="5" t="s">
        <v>40939</v>
      </c>
      <c r="K15994" s="2" t="s">
        <v>40940</v>
      </c>
      <c r="L15994" s="5" t="s">
        <v>40939</v>
      </c>
      <c r="M15994" s="2" t="s">
        <v>40940</v>
      </c>
      <c r="N15994" s="5" t="s">
        <v>19227</v>
      </c>
      <c r="O15994" s="5" t="s">
        <v>38</v>
      </c>
      <c r="P15994" s="5" t="s">
        <v>39</v>
      </c>
      <c r="Q15994" s="5" t="s">
        <v>40</v>
      </c>
      <c r="R15994" s="5" t="s">
        <v>1487</v>
      </c>
      <c r="S15994" s="5"/>
      <c r="T15994" s="5" t="s">
        <v>42</v>
      </c>
      <c r="U15994" s="2">
        <v>0</v>
      </c>
      <c r="V15994" s="2">
        <v>0</v>
      </c>
      <c r="W15994" s="2">
        <v>0</v>
      </c>
      <c r="X15994" s="2">
        <v>0</v>
      </c>
      <c r="Y15994" s="2">
        <v>0</v>
      </c>
      <c r="Z15994" s="2">
        <v>0</v>
      </c>
      <c r="AA15994" s="5"/>
      <c r="AB15994" s="5" t="s">
        <v>43</v>
      </c>
      <c r="AC15994" s="5" t="s">
        <v>44</v>
      </c>
      <c r="AD15994" s="2"/>
      <c r="AE15994" s="1"/>
    </row>
    <row r="15995" spans="1:31" ht="14.45">
      <c r="A15995" s="11"/>
      <c r="B15995" s="20"/>
      <c r="C15995" s="2" t="s">
        <v>48942</v>
      </c>
      <c r="D15995" s="14" t="s">
        <v>48943</v>
      </c>
      <c r="E15995" s="2" t="s">
        <v>48944</v>
      </c>
      <c r="F15995" s="2" t="s">
        <v>7507</v>
      </c>
      <c r="G15995" s="8">
        <v>211</v>
      </c>
      <c r="H15995" s="5">
        <v>6</v>
      </c>
      <c r="I15995" s="5" t="s">
        <v>1518</v>
      </c>
      <c r="J15995" s="5" t="s">
        <v>40939</v>
      </c>
      <c r="K15995" s="2" t="s">
        <v>40940</v>
      </c>
      <c r="L15995" s="5" t="s">
        <v>40939</v>
      </c>
      <c r="M15995" s="2" t="s">
        <v>40940</v>
      </c>
      <c r="N15995" s="5" t="s">
        <v>19227</v>
      </c>
      <c r="O15995" s="5" t="s">
        <v>38</v>
      </c>
      <c r="P15995" s="5" t="s">
        <v>39</v>
      </c>
      <c r="Q15995" s="5" t="s">
        <v>40</v>
      </c>
      <c r="R15995" s="5" t="s">
        <v>1487</v>
      </c>
      <c r="S15995" s="5"/>
      <c r="T15995" s="5" t="s">
        <v>42</v>
      </c>
      <c r="U15995" s="2">
        <v>0</v>
      </c>
      <c r="V15995" s="2">
        <v>0</v>
      </c>
      <c r="W15995" s="2">
        <v>0</v>
      </c>
      <c r="X15995" s="2">
        <v>0</v>
      </c>
      <c r="Y15995" s="2">
        <v>0</v>
      </c>
      <c r="Z15995" s="2">
        <v>0</v>
      </c>
      <c r="AA15995" s="5"/>
      <c r="AB15995" s="5" t="s">
        <v>43</v>
      </c>
      <c r="AC15995" s="5" t="s">
        <v>44</v>
      </c>
      <c r="AD15995" s="2"/>
      <c r="AE15995" s="1"/>
    </row>
    <row r="15996" spans="1:31" ht="14.45">
      <c r="A15996" s="11"/>
      <c r="B15996" s="20"/>
      <c r="C15996" s="2" t="s">
        <v>48945</v>
      </c>
      <c r="D15996" s="14" t="s">
        <v>48946</v>
      </c>
      <c r="E15996" s="2" t="s">
        <v>48947</v>
      </c>
      <c r="F15996" s="2" t="s">
        <v>7204</v>
      </c>
      <c r="G15996" s="8">
        <v>196</v>
      </c>
      <c r="H15996" s="5">
        <v>6</v>
      </c>
      <c r="I15996" s="5" t="s">
        <v>1518</v>
      </c>
      <c r="J15996" s="5" t="s">
        <v>40939</v>
      </c>
      <c r="K15996" s="2" t="s">
        <v>40940</v>
      </c>
      <c r="L15996" s="5" t="s">
        <v>40939</v>
      </c>
      <c r="M15996" s="2" t="s">
        <v>40940</v>
      </c>
      <c r="N15996" s="5" t="s">
        <v>19227</v>
      </c>
      <c r="O15996" s="5" t="s">
        <v>38</v>
      </c>
      <c r="P15996" s="5" t="s">
        <v>39</v>
      </c>
      <c r="Q15996" s="5" t="s">
        <v>40</v>
      </c>
      <c r="R15996" s="5" t="s">
        <v>1487</v>
      </c>
      <c r="S15996" s="5"/>
      <c r="T15996" s="5" t="s">
        <v>42</v>
      </c>
      <c r="U15996" s="2">
        <v>0</v>
      </c>
      <c r="V15996" s="2">
        <v>0</v>
      </c>
      <c r="W15996" s="2">
        <v>0</v>
      </c>
      <c r="X15996" s="2">
        <v>0</v>
      </c>
      <c r="Y15996" s="2">
        <v>0</v>
      </c>
      <c r="Z15996" s="2">
        <v>0</v>
      </c>
      <c r="AA15996" s="5"/>
      <c r="AB15996" s="5" t="s">
        <v>43</v>
      </c>
      <c r="AC15996" s="5" t="s">
        <v>44</v>
      </c>
      <c r="AD15996" s="2"/>
      <c r="AE15996" s="1"/>
    </row>
    <row r="15997" spans="1:31" ht="14.45">
      <c r="A15997" s="11"/>
      <c r="B15997" s="20"/>
      <c r="C15997" s="2" t="s">
        <v>48948</v>
      </c>
      <c r="D15997" s="14" t="s">
        <v>48949</v>
      </c>
      <c r="E15997" s="2" t="s">
        <v>48950</v>
      </c>
      <c r="F15997" s="2" t="s">
        <v>7514</v>
      </c>
      <c r="G15997" s="8">
        <v>196</v>
      </c>
      <c r="H15997" s="5">
        <v>6</v>
      </c>
      <c r="I15997" s="5" t="s">
        <v>1518</v>
      </c>
      <c r="J15997" s="5" t="s">
        <v>40939</v>
      </c>
      <c r="K15997" s="2" t="s">
        <v>40940</v>
      </c>
      <c r="L15997" s="5" t="s">
        <v>40939</v>
      </c>
      <c r="M15997" s="2" t="s">
        <v>40940</v>
      </c>
      <c r="N15997" s="5" t="s">
        <v>19227</v>
      </c>
      <c r="O15997" s="5" t="s">
        <v>38</v>
      </c>
      <c r="P15997" s="5" t="s">
        <v>39</v>
      </c>
      <c r="Q15997" s="5" t="s">
        <v>40</v>
      </c>
      <c r="R15997" s="5" t="s">
        <v>1487</v>
      </c>
      <c r="S15997" s="5"/>
      <c r="T15997" s="5" t="s">
        <v>42</v>
      </c>
      <c r="U15997" s="2">
        <v>0</v>
      </c>
      <c r="V15997" s="2">
        <v>0</v>
      </c>
      <c r="W15997" s="2">
        <v>0</v>
      </c>
      <c r="X15997" s="2">
        <v>0</v>
      </c>
      <c r="Y15997" s="2">
        <v>0</v>
      </c>
      <c r="Z15997" s="2">
        <v>0</v>
      </c>
      <c r="AA15997" s="5"/>
      <c r="AB15997" s="5" t="s">
        <v>43</v>
      </c>
      <c r="AC15997" s="5" t="s">
        <v>44</v>
      </c>
      <c r="AD15997" s="2"/>
      <c r="AE15997" s="1"/>
    </row>
    <row r="15998" spans="1:31" ht="14.45">
      <c r="A15998" s="11"/>
      <c r="B15998" s="20"/>
      <c r="C15998" s="2" t="s">
        <v>48951</v>
      </c>
      <c r="D15998" s="14" t="s">
        <v>48952</v>
      </c>
      <c r="E15998" s="2" t="s">
        <v>48953</v>
      </c>
      <c r="F15998" s="2" t="s">
        <v>7208</v>
      </c>
      <c r="G15998" s="8">
        <v>196</v>
      </c>
      <c r="H15998" s="5">
        <v>6</v>
      </c>
      <c r="I15998" s="5" t="s">
        <v>1518</v>
      </c>
      <c r="J15998" s="5" t="s">
        <v>40939</v>
      </c>
      <c r="K15998" s="2" t="s">
        <v>40940</v>
      </c>
      <c r="L15998" s="5" t="s">
        <v>40939</v>
      </c>
      <c r="M15998" s="2" t="s">
        <v>40940</v>
      </c>
      <c r="N15998" s="5" t="s">
        <v>19227</v>
      </c>
      <c r="O15998" s="5" t="s">
        <v>38</v>
      </c>
      <c r="P15998" s="5" t="s">
        <v>39</v>
      </c>
      <c r="Q15998" s="5" t="s">
        <v>40</v>
      </c>
      <c r="R15998" s="5" t="s">
        <v>1487</v>
      </c>
      <c r="S15998" s="5"/>
      <c r="T15998" s="5" t="s">
        <v>42</v>
      </c>
      <c r="U15998" s="2">
        <v>0</v>
      </c>
      <c r="V15998" s="2">
        <v>0</v>
      </c>
      <c r="W15998" s="2">
        <v>0</v>
      </c>
      <c r="X15998" s="2">
        <v>0</v>
      </c>
      <c r="Y15998" s="2">
        <v>0</v>
      </c>
      <c r="Z15998" s="2">
        <v>0</v>
      </c>
      <c r="AA15998" s="5"/>
      <c r="AB15998" s="5" t="s">
        <v>43</v>
      </c>
      <c r="AC15998" s="5" t="s">
        <v>44</v>
      </c>
      <c r="AD15998" s="2"/>
      <c r="AE15998" s="1"/>
    </row>
    <row r="15999" spans="1:31" ht="14.45">
      <c r="A15999" s="11"/>
      <c r="B15999" s="20"/>
      <c r="C15999" s="2" t="s">
        <v>48954</v>
      </c>
      <c r="D15999" s="14" t="s">
        <v>48955</v>
      </c>
      <c r="E15999" s="2" t="s">
        <v>48956</v>
      </c>
      <c r="F15999" s="2" t="s">
        <v>7521</v>
      </c>
      <c r="G15999" s="8">
        <v>196</v>
      </c>
      <c r="H15999" s="5">
        <v>6</v>
      </c>
      <c r="I15999" s="5" t="s">
        <v>1518</v>
      </c>
      <c r="J15999" s="5" t="s">
        <v>40939</v>
      </c>
      <c r="K15999" s="2" t="s">
        <v>40940</v>
      </c>
      <c r="L15999" s="5" t="s">
        <v>40939</v>
      </c>
      <c r="M15999" s="2" t="s">
        <v>40940</v>
      </c>
      <c r="N15999" s="5" t="s">
        <v>19227</v>
      </c>
      <c r="O15999" s="5" t="s">
        <v>38</v>
      </c>
      <c r="P15999" s="5" t="s">
        <v>39</v>
      </c>
      <c r="Q15999" s="5" t="s">
        <v>40</v>
      </c>
      <c r="R15999" s="5" t="s">
        <v>1487</v>
      </c>
      <c r="S15999" s="5"/>
      <c r="T15999" s="5" t="s">
        <v>42</v>
      </c>
      <c r="U15999" s="2">
        <v>0</v>
      </c>
      <c r="V15999" s="2">
        <v>0</v>
      </c>
      <c r="W15999" s="2">
        <v>0</v>
      </c>
      <c r="X15999" s="2">
        <v>0</v>
      </c>
      <c r="Y15999" s="2">
        <v>0</v>
      </c>
      <c r="Z15999" s="2">
        <v>0</v>
      </c>
      <c r="AA15999" s="5"/>
      <c r="AB15999" s="5" t="s">
        <v>43</v>
      </c>
      <c r="AC15999" s="5" t="s">
        <v>44</v>
      </c>
      <c r="AD15999" s="2"/>
      <c r="AE15999" s="1"/>
    </row>
    <row r="16000" spans="1:31" ht="14.45">
      <c r="A16000" s="11"/>
      <c r="B16000" s="20"/>
      <c r="C16000" s="2" t="s">
        <v>48957</v>
      </c>
      <c r="D16000" s="14" t="s">
        <v>48958</v>
      </c>
      <c r="E16000" s="2" t="s">
        <v>48959</v>
      </c>
      <c r="F16000" s="2" t="s">
        <v>36273</v>
      </c>
      <c r="G16000" s="8">
        <v>196</v>
      </c>
      <c r="H16000" s="5">
        <v>6</v>
      </c>
      <c r="I16000" s="5" t="s">
        <v>1518</v>
      </c>
      <c r="J16000" s="5" t="s">
        <v>40939</v>
      </c>
      <c r="K16000" s="2" t="s">
        <v>40940</v>
      </c>
      <c r="L16000" s="5" t="s">
        <v>40939</v>
      </c>
      <c r="M16000" s="2" t="s">
        <v>40940</v>
      </c>
      <c r="N16000" s="5" t="s">
        <v>19227</v>
      </c>
      <c r="O16000" s="5" t="s">
        <v>38</v>
      </c>
      <c r="P16000" s="5" t="s">
        <v>39</v>
      </c>
      <c r="Q16000" s="5" t="s">
        <v>40</v>
      </c>
      <c r="R16000" s="5" t="s">
        <v>1487</v>
      </c>
      <c r="S16000" s="5"/>
      <c r="T16000" s="5" t="s">
        <v>42</v>
      </c>
      <c r="U16000" s="2">
        <v>0</v>
      </c>
      <c r="V16000" s="2">
        <v>0</v>
      </c>
      <c r="W16000" s="2">
        <v>0</v>
      </c>
      <c r="X16000" s="2">
        <v>0</v>
      </c>
      <c r="Y16000" s="2">
        <v>0</v>
      </c>
      <c r="Z16000" s="2">
        <v>0</v>
      </c>
      <c r="AA16000" s="5"/>
      <c r="AB16000" s="5" t="s">
        <v>43</v>
      </c>
      <c r="AC16000" s="5" t="s">
        <v>44</v>
      </c>
      <c r="AD16000" s="2"/>
      <c r="AE16000" s="1"/>
    </row>
    <row r="16001" spans="1:31" ht="14.45">
      <c r="A16001" s="11"/>
      <c r="B16001" s="20"/>
      <c r="C16001" s="2" t="s">
        <v>48960</v>
      </c>
      <c r="D16001" s="14" t="s">
        <v>48961</v>
      </c>
      <c r="E16001" s="2" t="s">
        <v>48962</v>
      </c>
      <c r="F16001" s="2" t="s">
        <v>36277</v>
      </c>
      <c r="G16001" s="8">
        <v>196</v>
      </c>
      <c r="H16001" s="5">
        <v>6</v>
      </c>
      <c r="I16001" s="5" t="s">
        <v>1518</v>
      </c>
      <c r="J16001" s="5" t="s">
        <v>40939</v>
      </c>
      <c r="K16001" s="2" t="s">
        <v>40940</v>
      </c>
      <c r="L16001" s="5" t="s">
        <v>40939</v>
      </c>
      <c r="M16001" s="2" t="s">
        <v>40940</v>
      </c>
      <c r="N16001" s="5" t="s">
        <v>19227</v>
      </c>
      <c r="O16001" s="5" t="s">
        <v>38</v>
      </c>
      <c r="P16001" s="5" t="s">
        <v>39</v>
      </c>
      <c r="Q16001" s="5" t="s">
        <v>40</v>
      </c>
      <c r="R16001" s="5" t="s">
        <v>1487</v>
      </c>
      <c r="S16001" s="5"/>
      <c r="T16001" s="5" t="s">
        <v>42</v>
      </c>
      <c r="U16001" s="2">
        <v>0</v>
      </c>
      <c r="V16001" s="2">
        <v>0</v>
      </c>
      <c r="W16001" s="2">
        <v>0</v>
      </c>
      <c r="X16001" s="2">
        <v>0</v>
      </c>
      <c r="Y16001" s="2">
        <v>0</v>
      </c>
      <c r="Z16001" s="2">
        <v>0</v>
      </c>
      <c r="AA16001" s="5"/>
      <c r="AB16001" s="5" t="s">
        <v>43</v>
      </c>
      <c r="AC16001" s="5" t="s">
        <v>44</v>
      </c>
      <c r="AD16001" s="2"/>
      <c r="AE16001" s="1"/>
    </row>
    <row r="16002" spans="1:31" ht="14.45">
      <c r="A16002" s="11"/>
      <c r="B16002" s="20"/>
      <c r="C16002" s="2" t="s">
        <v>48963</v>
      </c>
      <c r="D16002" s="14" t="s">
        <v>48964</v>
      </c>
      <c r="E16002" s="2" t="s">
        <v>48965</v>
      </c>
      <c r="F16002" s="2" t="s">
        <v>7396</v>
      </c>
      <c r="G16002" s="8">
        <v>196</v>
      </c>
      <c r="H16002" s="5">
        <v>6</v>
      </c>
      <c r="I16002" s="5" t="s">
        <v>1518</v>
      </c>
      <c r="J16002" s="5" t="s">
        <v>40939</v>
      </c>
      <c r="K16002" s="2" t="s">
        <v>40940</v>
      </c>
      <c r="L16002" s="5" t="s">
        <v>40939</v>
      </c>
      <c r="M16002" s="2" t="s">
        <v>40940</v>
      </c>
      <c r="N16002" s="5" t="s">
        <v>19227</v>
      </c>
      <c r="O16002" s="5" t="s">
        <v>38</v>
      </c>
      <c r="P16002" s="5" t="s">
        <v>39</v>
      </c>
      <c r="Q16002" s="5" t="s">
        <v>40</v>
      </c>
      <c r="R16002" s="5" t="s">
        <v>1487</v>
      </c>
      <c r="S16002" s="5"/>
      <c r="T16002" s="5" t="s">
        <v>42</v>
      </c>
      <c r="U16002" s="2">
        <v>0</v>
      </c>
      <c r="V16002" s="2">
        <v>0</v>
      </c>
      <c r="W16002" s="2">
        <v>0</v>
      </c>
      <c r="X16002" s="2">
        <v>0</v>
      </c>
      <c r="Y16002" s="2">
        <v>0</v>
      </c>
      <c r="Z16002" s="2">
        <v>0</v>
      </c>
      <c r="AA16002" s="5"/>
      <c r="AB16002" s="5" t="s">
        <v>43</v>
      </c>
      <c r="AC16002" s="5" t="s">
        <v>44</v>
      </c>
      <c r="AD16002" s="2"/>
      <c r="AE16002" s="1"/>
    </row>
    <row r="16003" spans="1:31" ht="14.45">
      <c r="A16003" s="11"/>
      <c r="B16003" s="20"/>
      <c r="C16003" s="2" t="s">
        <v>48966</v>
      </c>
      <c r="D16003" s="14" t="s">
        <v>48967</v>
      </c>
      <c r="E16003" s="2" t="s">
        <v>48968</v>
      </c>
      <c r="F16003" s="2" t="s">
        <v>7507</v>
      </c>
      <c r="G16003" s="8">
        <v>196</v>
      </c>
      <c r="H16003" s="5">
        <v>6</v>
      </c>
      <c r="I16003" s="5" t="s">
        <v>1518</v>
      </c>
      <c r="J16003" s="5" t="s">
        <v>40939</v>
      </c>
      <c r="K16003" s="2" t="s">
        <v>40940</v>
      </c>
      <c r="L16003" s="5" t="s">
        <v>40939</v>
      </c>
      <c r="M16003" s="2" t="s">
        <v>40940</v>
      </c>
      <c r="N16003" s="5" t="s">
        <v>19227</v>
      </c>
      <c r="O16003" s="5" t="s">
        <v>38</v>
      </c>
      <c r="P16003" s="5" t="s">
        <v>39</v>
      </c>
      <c r="Q16003" s="5" t="s">
        <v>40</v>
      </c>
      <c r="R16003" s="5" t="s">
        <v>1487</v>
      </c>
      <c r="S16003" s="5"/>
      <c r="T16003" s="5" t="s">
        <v>42</v>
      </c>
      <c r="U16003" s="2">
        <v>0</v>
      </c>
      <c r="V16003" s="2">
        <v>0</v>
      </c>
      <c r="W16003" s="2">
        <v>0</v>
      </c>
      <c r="X16003" s="2">
        <v>0</v>
      </c>
      <c r="Y16003" s="2">
        <v>0</v>
      </c>
      <c r="Z16003" s="2">
        <v>0</v>
      </c>
      <c r="AA16003" s="5"/>
      <c r="AB16003" s="5" t="s">
        <v>43</v>
      </c>
      <c r="AC16003" s="5" t="s">
        <v>44</v>
      </c>
      <c r="AD16003" s="2"/>
      <c r="AE16003" s="1"/>
    </row>
    <row r="16004" spans="1:31" ht="14.45">
      <c r="A16004" s="11"/>
      <c r="B16004" s="20"/>
      <c r="C16004" s="2" t="s">
        <v>48969</v>
      </c>
      <c r="D16004" s="14" t="s">
        <v>48970</v>
      </c>
      <c r="E16004" s="2" t="s">
        <v>48971</v>
      </c>
      <c r="F16004" s="2" t="s">
        <v>7204</v>
      </c>
      <c r="G16004" s="8">
        <v>208</v>
      </c>
      <c r="H16004" s="5">
        <v>6</v>
      </c>
      <c r="I16004" s="5" t="s">
        <v>1518</v>
      </c>
      <c r="J16004" s="5" t="s">
        <v>40939</v>
      </c>
      <c r="K16004" s="2" t="s">
        <v>40940</v>
      </c>
      <c r="L16004" s="5" t="s">
        <v>40939</v>
      </c>
      <c r="M16004" s="2" t="s">
        <v>40940</v>
      </c>
      <c r="N16004" s="5" t="s">
        <v>19227</v>
      </c>
      <c r="O16004" s="5" t="s">
        <v>38</v>
      </c>
      <c r="P16004" s="5" t="s">
        <v>39</v>
      </c>
      <c r="Q16004" s="5" t="s">
        <v>40</v>
      </c>
      <c r="R16004" s="5" t="s">
        <v>1487</v>
      </c>
      <c r="S16004" s="5"/>
      <c r="T16004" s="5" t="s">
        <v>42</v>
      </c>
      <c r="U16004" s="2">
        <v>0</v>
      </c>
      <c r="V16004" s="2">
        <v>0</v>
      </c>
      <c r="W16004" s="2">
        <v>0</v>
      </c>
      <c r="X16004" s="2">
        <v>0</v>
      </c>
      <c r="Y16004" s="2">
        <v>0</v>
      </c>
      <c r="Z16004" s="2">
        <v>0</v>
      </c>
      <c r="AA16004" s="5"/>
      <c r="AB16004" s="5" t="s">
        <v>43</v>
      </c>
      <c r="AC16004" s="5" t="s">
        <v>44</v>
      </c>
      <c r="AD16004" s="2"/>
      <c r="AE16004" s="1"/>
    </row>
    <row r="16005" spans="1:31" ht="14.45">
      <c r="A16005" s="11"/>
      <c r="B16005" s="20"/>
      <c r="C16005" s="2" t="s">
        <v>48972</v>
      </c>
      <c r="D16005" s="14" t="s">
        <v>48973</v>
      </c>
      <c r="E16005" s="2" t="s">
        <v>48974</v>
      </c>
      <c r="F16005" s="2" t="s">
        <v>7514</v>
      </c>
      <c r="G16005" s="8">
        <v>208</v>
      </c>
      <c r="H16005" s="5">
        <v>6</v>
      </c>
      <c r="I16005" s="5" t="s">
        <v>1518</v>
      </c>
      <c r="J16005" s="5" t="s">
        <v>40939</v>
      </c>
      <c r="K16005" s="2" t="s">
        <v>40940</v>
      </c>
      <c r="L16005" s="5" t="s">
        <v>40939</v>
      </c>
      <c r="M16005" s="2" t="s">
        <v>40940</v>
      </c>
      <c r="N16005" s="5" t="s">
        <v>19227</v>
      </c>
      <c r="O16005" s="5" t="s">
        <v>38</v>
      </c>
      <c r="P16005" s="5" t="s">
        <v>39</v>
      </c>
      <c r="Q16005" s="5" t="s">
        <v>40</v>
      </c>
      <c r="R16005" s="5" t="s">
        <v>1487</v>
      </c>
      <c r="S16005" s="5"/>
      <c r="T16005" s="5" t="s">
        <v>42</v>
      </c>
      <c r="U16005" s="2">
        <v>0</v>
      </c>
      <c r="V16005" s="2">
        <v>0</v>
      </c>
      <c r="W16005" s="2">
        <v>0</v>
      </c>
      <c r="X16005" s="2">
        <v>0</v>
      </c>
      <c r="Y16005" s="2">
        <v>0</v>
      </c>
      <c r="Z16005" s="2">
        <v>0</v>
      </c>
      <c r="AA16005" s="5"/>
      <c r="AB16005" s="5" t="s">
        <v>43</v>
      </c>
      <c r="AC16005" s="5" t="s">
        <v>44</v>
      </c>
      <c r="AD16005" s="2"/>
      <c r="AE16005" s="1"/>
    </row>
    <row r="16006" spans="1:31" ht="14.45">
      <c r="A16006" s="11"/>
      <c r="B16006" s="20"/>
      <c r="C16006" s="2" t="s">
        <v>48975</v>
      </c>
      <c r="D16006" s="14" t="s">
        <v>48976</v>
      </c>
      <c r="E16006" s="2" t="s">
        <v>48977</v>
      </c>
      <c r="F16006" s="2" t="s">
        <v>7208</v>
      </c>
      <c r="G16006" s="8">
        <v>208</v>
      </c>
      <c r="H16006" s="5">
        <v>6</v>
      </c>
      <c r="I16006" s="5" t="s">
        <v>1518</v>
      </c>
      <c r="J16006" s="5" t="s">
        <v>40939</v>
      </c>
      <c r="K16006" s="2" t="s">
        <v>40940</v>
      </c>
      <c r="L16006" s="5" t="s">
        <v>40939</v>
      </c>
      <c r="M16006" s="2" t="s">
        <v>40940</v>
      </c>
      <c r="N16006" s="5" t="s">
        <v>19227</v>
      </c>
      <c r="O16006" s="5" t="s">
        <v>38</v>
      </c>
      <c r="P16006" s="5" t="s">
        <v>39</v>
      </c>
      <c r="Q16006" s="5" t="s">
        <v>40</v>
      </c>
      <c r="R16006" s="5" t="s">
        <v>1487</v>
      </c>
      <c r="S16006" s="5"/>
      <c r="T16006" s="5" t="s">
        <v>42</v>
      </c>
      <c r="U16006" s="2">
        <v>0</v>
      </c>
      <c r="V16006" s="2">
        <v>0</v>
      </c>
      <c r="W16006" s="2">
        <v>0</v>
      </c>
      <c r="X16006" s="2">
        <v>0</v>
      </c>
      <c r="Y16006" s="2">
        <v>0</v>
      </c>
      <c r="Z16006" s="2">
        <v>0</v>
      </c>
      <c r="AA16006" s="5"/>
      <c r="AB16006" s="5" t="s">
        <v>43</v>
      </c>
      <c r="AC16006" s="5" t="s">
        <v>44</v>
      </c>
      <c r="AD16006" s="2"/>
      <c r="AE16006" s="1"/>
    </row>
    <row r="16007" spans="1:31" ht="14.45">
      <c r="A16007" s="11"/>
      <c r="B16007" s="20"/>
      <c r="C16007" s="2" t="s">
        <v>48978</v>
      </c>
      <c r="D16007" s="14" t="s">
        <v>48979</v>
      </c>
      <c r="E16007" s="2" t="s">
        <v>48980</v>
      </c>
      <c r="F16007" s="2" t="s">
        <v>7521</v>
      </c>
      <c r="G16007" s="8">
        <v>208</v>
      </c>
      <c r="H16007" s="5">
        <v>6</v>
      </c>
      <c r="I16007" s="5" t="s">
        <v>1518</v>
      </c>
      <c r="J16007" s="5" t="s">
        <v>40939</v>
      </c>
      <c r="K16007" s="2" t="s">
        <v>40940</v>
      </c>
      <c r="L16007" s="5" t="s">
        <v>40939</v>
      </c>
      <c r="M16007" s="2" t="s">
        <v>40940</v>
      </c>
      <c r="N16007" s="5" t="s">
        <v>19227</v>
      </c>
      <c r="O16007" s="5" t="s">
        <v>38</v>
      </c>
      <c r="P16007" s="5" t="s">
        <v>39</v>
      </c>
      <c r="Q16007" s="5" t="s">
        <v>40</v>
      </c>
      <c r="R16007" s="5" t="s">
        <v>1487</v>
      </c>
      <c r="S16007" s="5"/>
      <c r="T16007" s="5" t="s">
        <v>42</v>
      </c>
      <c r="U16007" s="2">
        <v>0</v>
      </c>
      <c r="V16007" s="2">
        <v>0</v>
      </c>
      <c r="W16007" s="2">
        <v>0</v>
      </c>
      <c r="X16007" s="2">
        <v>0</v>
      </c>
      <c r="Y16007" s="2">
        <v>0</v>
      </c>
      <c r="Z16007" s="2">
        <v>0</v>
      </c>
      <c r="AA16007" s="5"/>
      <c r="AB16007" s="5" t="s">
        <v>43</v>
      </c>
      <c r="AC16007" s="5" t="s">
        <v>44</v>
      </c>
      <c r="AD16007" s="2"/>
      <c r="AE16007" s="1"/>
    </row>
    <row r="16008" spans="1:31" ht="14.45">
      <c r="A16008" s="11"/>
      <c r="B16008" s="20"/>
      <c r="C16008" s="2" t="s">
        <v>48981</v>
      </c>
      <c r="D16008" s="14" t="s">
        <v>48982</v>
      </c>
      <c r="E16008" s="2" t="s">
        <v>48983</v>
      </c>
      <c r="F16008" s="2" t="s">
        <v>36273</v>
      </c>
      <c r="G16008" s="8">
        <v>208</v>
      </c>
      <c r="H16008" s="5">
        <v>6</v>
      </c>
      <c r="I16008" s="5" t="s">
        <v>1518</v>
      </c>
      <c r="J16008" s="5" t="s">
        <v>40939</v>
      </c>
      <c r="K16008" s="2" t="s">
        <v>40940</v>
      </c>
      <c r="L16008" s="5" t="s">
        <v>40939</v>
      </c>
      <c r="M16008" s="2" t="s">
        <v>40940</v>
      </c>
      <c r="N16008" s="5" t="s">
        <v>19227</v>
      </c>
      <c r="O16008" s="5" t="s">
        <v>38</v>
      </c>
      <c r="P16008" s="5" t="s">
        <v>39</v>
      </c>
      <c r="Q16008" s="5" t="s">
        <v>40</v>
      </c>
      <c r="R16008" s="5" t="s">
        <v>1487</v>
      </c>
      <c r="S16008" s="5"/>
      <c r="T16008" s="5" t="s">
        <v>42</v>
      </c>
      <c r="U16008" s="2">
        <v>0</v>
      </c>
      <c r="V16008" s="2">
        <v>0</v>
      </c>
      <c r="W16008" s="2">
        <v>0</v>
      </c>
      <c r="X16008" s="2">
        <v>0</v>
      </c>
      <c r="Y16008" s="2">
        <v>0</v>
      </c>
      <c r="Z16008" s="2">
        <v>0</v>
      </c>
      <c r="AA16008" s="5"/>
      <c r="AB16008" s="5" t="s">
        <v>43</v>
      </c>
      <c r="AC16008" s="5" t="s">
        <v>44</v>
      </c>
      <c r="AD16008" s="2"/>
      <c r="AE16008" s="1"/>
    </row>
    <row r="16009" spans="1:31" ht="14.45">
      <c r="A16009" s="11"/>
      <c r="B16009" s="20"/>
      <c r="C16009" s="2" t="s">
        <v>48984</v>
      </c>
      <c r="D16009" s="14" t="s">
        <v>48985</v>
      </c>
      <c r="E16009" s="2" t="s">
        <v>48986</v>
      </c>
      <c r="F16009" s="2" t="s">
        <v>36277</v>
      </c>
      <c r="G16009" s="8">
        <v>208</v>
      </c>
      <c r="H16009" s="5">
        <v>6</v>
      </c>
      <c r="I16009" s="5" t="s">
        <v>1518</v>
      </c>
      <c r="J16009" s="5" t="s">
        <v>40939</v>
      </c>
      <c r="K16009" s="2" t="s">
        <v>40940</v>
      </c>
      <c r="L16009" s="5" t="s">
        <v>40939</v>
      </c>
      <c r="M16009" s="2" t="s">
        <v>40940</v>
      </c>
      <c r="N16009" s="5" t="s">
        <v>19227</v>
      </c>
      <c r="O16009" s="5" t="s">
        <v>38</v>
      </c>
      <c r="P16009" s="5" t="s">
        <v>39</v>
      </c>
      <c r="Q16009" s="5" t="s">
        <v>40</v>
      </c>
      <c r="R16009" s="5" t="s">
        <v>1487</v>
      </c>
      <c r="S16009" s="5"/>
      <c r="T16009" s="5" t="s">
        <v>42</v>
      </c>
      <c r="U16009" s="2">
        <v>0</v>
      </c>
      <c r="V16009" s="2">
        <v>0</v>
      </c>
      <c r="W16009" s="2">
        <v>0</v>
      </c>
      <c r="X16009" s="2">
        <v>0</v>
      </c>
      <c r="Y16009" s="2">
        <v>0</v>
      </c>
      <c r="Z16009" s="2">
        <v>0</v>
      </c>
      <c r="AA16009" s="5"/>
      <c r="AB16009" s="5" t="s">
        <v>43</v>
      </c>
      <c r="AC16009" s="5" t="s">
        <v>44</v>
      </c>
      <c r="AD16009" s="2"/>
      <c r="AE16009" s="1"/>
    </row>
    <row r="16010" spans="1:31" ht="14.45">
      <c r="A16010" s="11"/>
      <c r="B16010" s="20"/>
      <c r="C16010" s="2" t="s">
        <v>48987</v>
      </c>
      <c r="D16010" s="14" t="s">
        <v>48988</v>
      </c>
      <c r="E16010" s="2" t="s">
        <v>48989</v>
      </c>
      <c r="F16010" s="2" t="s">
        <v>7396</v>
      </c>
      <c r="G16010" s="8">
        <v>208</v>
      </c>
      <c r="H16010" s="5">
        <v>6</v>
      </c>
      <c r="I16010" s="5" t="s">
        <v>1518</v>
      </c>
      <c r="J16010" s="5" t="s">
        <v>40939</v>
      </c>
      <c r="K16010" s="2" t="s">
        <v>40940</v>
      </c>
      <c r="L16010" s="5" t="s">
        <v>40939</v>
      </c>
      <c r="M16010" s="2" t="s">
        <v>40940</v>
      </c>
      <c r="N16010" s="5" t="s">
        <v>19227</v>
      </c>
      <c r="O16010" s="5" t="s">
        <v>38</v>
      </c>
      <c r="P16010" s="5" t="s">
        <v>39</v>
      </c>
      <c r="Q16010" s="5" t="s">
        <v>40</v>
      </c>
      <c r="R16010" s="5" t="s">
        <v>1487</v>
      </c>
      <c r="S16010" s="5"/>
      <c r="T16010" s="5" t="s">
        <v>42</v>
      </c>
      <c r="U16010" s="2">
        <v>0</v>
      </c>
      <c r="V16010" s="2">
        <v>0</v>
      </c>
      <c r="W16010" s="2">
        <v>0</v>
      </c>
      <c r="X16010" s="2">
        <v>0</v>
      </c>
      <c r="Y16010" s="2">
        <v>0</v>
      </c>
      <c r="Z16010" s="2">
        <v>0</v>
      </c>
      <c r="AA16010" s="5"/>
      <c r="AB16010" s="5" t="s">
        <v>43</v>
      </c>
      <c r="AC16010" s="5" t="s">
        <v>44</v>
      </c>
      <c r="AD16010" s="2"/>
      <c r="AE16010" s="1"/>
    </row>
    <row r="16011" spans="1:31" ht="14.45">
      <c r="A16011" s="11"/>
      <c r="B16011" s="20"/>
      <c r="C16011" s="2" t="s">
        <v>48990</v>
      </c>
      <c r="D16011" s="14" t="s">
        <v>48991</v>
      </c>
      <c r="E16011" s="2" t="s">
        <v>48992</v>
      </c>
      <c r="F16011" s="2" t="s">
        <v>7507</v>
      </c>
      <c r="G16011" s="8">
        <v>208</v>
      </c>
      <c r="H16011" s="5">
        <v>6</v>
      </c>
      <c r="I16011" s="5" t="s">
        <v>1518</v>
      </c>
      <c r="J16011" s="5" t="s">
        <v>40939</v>
      </c>
      <c r="K16011" s="2" t="s">
        <v>40940</v>
      </c>
      <c r="L16011" s="5" t="s">
        <v>40939</v>
      </c>
      <c r="M16011" s="2" t="s">
        <v>40940</v>
      </c>
      <c r="N16011" s="5" t="s">
        <v>19227</v>
      </c>
      <c r="O16011" s="5" t="s">
        <v>38</v>
      </c>
      <c r="P16011" s="5" t="s">
        <v>39</v>
      </c>
      <c r="Q16011" s="5" t="s">
        <v>40</v>
      </c>
      <c r="R16011" s="5" t="s">
        <v>1487</v>
      </c>
      <c r="S16011" s="5"/>
      <c r="T16011" s="5" t="s">
        <v>42</v>
      </c>
      <c r="U16011" s="2">
        <v>0</v>
      </c>
      <c r="V16011" s="2">
        <v>0</v>
      </c>
      <c r="W16011" s="2">
        <v>0</v>
      </c>
      <c r="X16011" s="2">
        <v>0</v>
      </c>
      <c r="Y16011" s="2">
        <v>0</v>
      </c>
      <c r="Z16011" s="2">
        <v>0</v>
      </c>
      <c r="AA16011" s="5"/>
      <c r="AB16011" s="5" t="s">
        <v>43</v>
      </c>
      <c r="AC16011" s="5" t="s">
        <v>44</v>
      </c>
      <c r="AD16011" s="2"/>
      <c r="AE16011" s="1"/>
    </row>
    <row r="16012" spans="1:31" ht="14.45">
      <c r="A16012" s="11"/>
      <c r="B16012" s="20"/>
      <c r="C16012" s="2" t="s">
        <v>48993</v>
      </c>
      <c r="D16012" s="14" t="s">
        <v>48994</v>
      </c>
      <c r="E16012" s="2" t="s">
        <v>48995</v>
      </c>
      <c r="F16012" s="2" t="s">
        <v>7204</v>
      </c>
      <c r="G16012" s="8">
        <v>211</v>
      </c>
      <c r="H16012" s="5">
        <v>6</v>
      </c>
      <c r="I16012" s="5" t="s">
        <v>1518</v>
      </c>
      <c r="J16012" s="5" t="s">
        <v>40939</v>
      </c>
      <c r="K16012" s="2" t="s">
        <v>40940</v>
      </c>
      <c r="L16012" s="5" t="s">
        <v>40939</v>
      </c>
      <c r="M16012" s="2" t="s">
        <v>40940</v>
      </c>
      <c r="N16012" s="5" t="s">
        <v>19227</v>
      </c>
      <c r="O16012" s="5" t="s">
        <v>38</v>
      </c>
      <c r="P16012" s="5" t="s">
        <v>39</v>
      </c>
      <c r="Q16012" s="5" t="s">
        <v>40</v>
      </c>
      <c r="R16012" s="5" t="s">
        <v>1487</v>
      </c>
      <c r="S16012" s="5"/>
      <c r="T16012" s="5" t="s">
        <v>42</v>
      </c>
      <c r="U16012" s="2">
        <v>0</v>
      </c>
      <c r="V16012" s="2">
        <v>0</v>
      </c>
      <c r="W16012" s="2">
        <v>0</v>
      </c>
      <c r="X16012" s="2">
        <v>0</v>
      </c>
      <c r="Y16012" s="2">
        <v>0</v>
      </c>
      <c r="Z16012" s="2">
        <v>0</v>
      </c>
      <c r="AA16012" s="5"/>
      <c r="AB16012" s="5" t="s">
        <v>43</v>
      </c>
      <c r="AC16012" s="5" t="s">
        <v>44</v>
      </c>
      <c r="AD16012" s="2"/>
      <c r="AE16012" s="1"/>
    </row>
    <row r="16013" spans="1:31" ht="14.45">
      <c r="A16013" s="11"/>
      <c r="B16013" s="20"/>
      <c r="C16013" s="2" t="s">
        <v>48996</v>
      </c>
      <c r="D16013" s="14" t="s">
        <v>48997</v>
      </c>
      <c r="E16013" s="2" t="s">
        <v>48998</v>
      </c>
      <c r="F16013" s="2" t="s">
        <v>7514</v>
      </c>
      <c r="G16013" s="8">
        <v>211</v>
      </c>
      <c r="H16013" s="5">
        <v>6</v>
      </c>
      <c r="I16013" s="5" t="s">
        <v>1518</v>
      </c>
      <c r="J16013" s="5" t="s">
        <v>40939</v>
      </c>
      <c r="K16013" s="2" t="s">
        <v>40940</v>
      </c>
      <c r="L16013" s="5" t="s">
        <v>40939</v>
      </c>
      <c r="M16013" s="2" t="s">
        <v>40940</v>
      </c>
      <c r="N16013" s="5" t="s">
        <v>19227</v>
      </c>
      <c r="O16013" s="5" t="s">
        <v>38</v>
      </c>
      <c r="P16013" s="5" t="s">
        <v>39</v>
      </c>
      <c r="Q16013" s="5" t="s">
        <v>40</v>
      </c>
      <c r="R16013" s="5" t="s">
        <v>1487</v>
      </c>
      <c r="S16013" s="5"/>
      <c r="T16013" s="5" t="s">
        <v>42</v>
      </c>
      <c r="U16013" s="2">
        <v>0</v>
      </c>
      <c r="V16013" s="2">
        <v>0</v>
      </c>
      <c r="W16013" s="2">
        <v>0</v>
      </c>
      <c r="X16013" s="2">
        <v>0</v>
      </c>
      <c r="Y16013" s="2">
        <v>0</v>
      </c>
      <c r="Z16013" s="2">
        <v>0</v>
      </c>
      <c r="AA16013" s="5"/>
      <c r="AB16013" s="5" t="s">
        <v>43</v>
      </c>
      <c r="AC16013" s="5" t="s">
        <v>44</v>
      </c>
      <c r="AD16013" s="2"/>
      <c r="AE16013" s="1"/>
    </row>
    <row r="16014" spans="1:31" ht="14.45">
      <c r="A16014" s="11"/>
      <c r="B16014" s="20"/>
      <c r="C16014" s="2" t="s">
        <v>48999</v>
      </c>
      <c r="D16014" s="14" t="s">
        <v>49000</v>
      </c>
      <c r="E16014" s="2" t="s">
        <v>49001</v>
      </c>
      <c r="F16014" s="2" t="s">
        <v>7208</v>
      </c>
      <c r="G16014" s="8">
        <v>211</v>
      </c>
      <c r="H16014" s="5">
        <v>6</v>
      </c>
      <c r="I16014" s="5" t="s">
        <v>1518</v>
      </c>
      <c r="J16014" s="5" t="s">
        <v>40939</v>
      </c>
      <c r="K16014" s="2" t="s">
        <v>40940</v>
      </c>
      <c r="L16014" s="5" t="s">
        <v>40939</v>
      </c>
      <c r="M16014" s="2" t="s">
        <v>40940</v>
      </c>
      <c r="N16014" s="5" t="s">
        <v>19227</v>
      </c>
      <c r="O16014" s="5" t="s">
        <v>38</v>
      </c>
      <c r="P16014" s="5" t="s">
        <v>39</v>
      </c>
      <c r="Q16014" s="5" t="s">
        <v>40</v>
      </c>
      <c r="R16014" s="5" t="s">
        <v>1487</v>
      </c>
      <c r="S16014" s="5"/>
      <c r="T16014" s="5" t="s">
        <v>42</v>
      </c>
      <c r="U16014" s="2">
        <v>0</v>
      </c>
      <c r="V16014" s="2">
        <v>0</v>
      </c>
      <c r="W16014" s="2">
        <v>0</v>
      </c>
      <c r="X16014" s="2">
        <v>0</v>
      </c>
      <c r="Y16014" s="2">
        <v>0</v>
      </c>
      <c r="Z16014" s="2">
        <v>0</v>
      </c>
      <c r="AA16014" s="5"/>
      <c r="AB16014" s="5" t="s">
        <v>43</v>
      </c>
      <c r="AC16014" s="5" t="s">
        <v>44</v>
      </c>
      <c r="AD16014" s="2"/>
      <c r="AE16014" s="1"/>
    </row>
    <row r="16015" spans="1:31" ht="14.45">
      <c r="A16015" s="11"/>
      <c r="B16015" s="20"/>
      <c r="C16015" s="2" t="s">
        <v>49002</v>
      </c>
      <c r="D16015" s="14" t="s">
        <v>49003</v>
      </c>
      <c r="E16015" s="2" t="s">
        <v>49004</v>
      </c>
      <c r="F16015" s="2" t="s">
        <v>7521</v>
      </c>
      <c r="G16015" s="8">
        <v>211</v>
      </c>
      <c r="H16015" s="5">
        <v>6</v>
      </c>
      <c r="I16015" s="5" t="s">
        <v>1518</v>
      </c>
      <c r="J16015" s="5" t="s">
        <v>40939</v>
      </c>
      <c r="K16015" s="2" t="s">
        <v>40940</v>
      </c>
      <c r="L16015" s="5" t="s">
        <v>40939</v>
      </c>
      <c r="M16015" s="2" t="s">
        <v>40940</v>
      </c>
      <c r="N16015" s="5" t="s">
        <v>19227</v>
      </c>
      <c r="O16015" s="5" t="s">
        <v>38</v>
      </c>
      <c r="P16015" s="5" t="s">
        <v>39</v>
      </c>
      <c r="Q16015" s="5" t="s">
        <v>40</v>
      </c>
      <c r="R16015" s="5" t="s">
        <v>1487</v>
      </c>
      <c r="S16015" s="5"/>
      <c r="T16015" s="5" t="s">
        <v>42</v>
      </c>
      <c r="U16015" s="2">
        <v>0</v>
      </c>
      <c r="V16015" s="2">
        <v>0</v>
      </c>
      <c r="W16015" s="2">
        <v>0</v>
      </c>
      <c r="X16015" s="2">
        <v>0</v>
      </c>
      <c r="Y16015" s="2">
        <v>0</v>
      </c>
      <c r="Z16015" s="2">
        <v>0</v>
      </c>
      <c r="AA16015" s="5"/>
      <c r="AB16015" s="5" t="s">
        <v>43</v>
      </c>
      <c r="AC16015" s="5" t="s">
        <v>44</v>
      </c>
      <c r="AD16015" s="2"/>
      <c r="AE16015" s="1"/>
    </row>
    <row r="16016" spans="1:31" ht="14.45">
      <c r="A16016" s="11"/>
      <c r="B16016" s="20"/>
      <c r="C16016" s="2" t="s">
        <v>49005</v>
      </c>
      <c r="D16016" s="14" t="s">
        <v>49006</v>
      </c>
      <c r="E16016" s="2" t="s">
        <v>49007</v>
      </c>
      <c r="F16016" s="2" t="s">
        <v>36273</v>
      </c>
      <c r="G16016" s="8">
        <v>211</v>
      </c>
      <c r="H16016" s="5">
        <v>6</v>
      </c>
      <c r="I16016" s="5" t="s">
        <v>1518</v>
      </c>
      <c r="J16016" s="5" t="s">
        <v>40939</v>
      </c>
      <c r="K16016" s="2" t="s">
        <v>40940</v>
      </c>
      <c r="L16016" s="5" t="s">
        <v>40939</v>
      </c>
      <c r="M16016" s="2" t="s">
        <v>40940</v>
      </c>
      <c r="N16016" s="5" t="s">
        <v>19227</v>
      </c>
      <c r="O16016" s="5" t="s">
        <v>38</v>
      </c>
      <c r="P16016" s="5" t="s">
        <v>39</v>
      </c>
      <c r="Q16016" s="5" t="s">
        <v>40</v>
      </c>
      <c r="R16016" s="5" t="s">
        <v>1487</v>
      </c>
      <c r="S16016" s="5"/>
      <c r="T16016" s="5" t="s">
        <v>42</v>
      </c>
      <c r="U16016" s="2">
        <v>0</v>
      </c>
      <c r="V16016" s="2">
        <v>0</v>
      </c>
      <c r="W16016" s="2">
        <v>0</v>
      </c>
      <c r="X16016" s="2">
        <v>0</v>
      </c>
      <c r="Y16016" s="2">
        <v>0</v>
      </c>
      <c r="Z16016" s="2">
        <v>0</v>
      </c>
      <c r="AA16016" s="5"/>
      <c r="AB16016" s="5" t="s">
        <v>43</v>
      </c>
      <c r="AC16016" s="5" t="s">
        <v>44</v>
      </c>
      <c r="AD16016" s="2"/>
      <c r="AE16016" s="1"/>
    </row>
    <row r="16017" spans="1:31" ht="14.45">
      <c r="A16017" s="11"/>
      <c r="B16017" s="20"/>
      <c r="C16017" s="2" t="s">
        <v>49008</v>
      </c>
      <c r="D16017" s="14" t="s">
        <v>49009</v>
      </c>
      <c r="E16017" s="2" t="s">
        <v>49010</v>
      </c>
      <c r="F16017" s="2" t="s">
        <v>36277</v>
      </c>
      <c r="G16017" s="8">
        <v>211</v>
      </c>
      <c r="H16017" s="5">
        <v>6</v>
      </c>
      <c r="I16017" s="5" t="s">
        <v>1518</v>
      </c>
      <c r="J16017" s="5" t="s">
        <v>40939</v>
      </c>
      <c r="K16017" s="2" t="s">
        <v>40940</v>
      </c>
      <c r="L16017" s="5" t="s">
        <v>40939</v>
      </c>
      <c r="M16017" s="2" t="s">
        <v>40940</v>
      </c>
      <c r="N16017" s="5" t="s">
        <v>19227</v>
      </c>
      <c r="O16017" s="5" t="s">
        <v>38</v>
      </c>
      <c r="P16017" s="5" t="s">
        <v>39</v>
      </c>
      <c r="Q16017" s="5" t="s">
        <v>40</v>
      </c>
      <c r="R16017" s="5" t="s">
        <v>1487</v>
      </c>
      <c r="S16017" s="5"/>
      <c r="T16017" s="5" t="s">
        <v>42</v>
      </c>
      <c r="U16017" s="2">
        <v>0</v>
      </c>
      <c r="V16017" s="2">
        <v>0</v>
      </c>
      <c r="W16017" s="2">
        <v>0</v>
      </c>
      <c r="X16017" s="2">
        <v>0</v>
      </c>
      <c r="Y16017" s="2">
        <v>0</v>
      </c>
      <c r="Z16017" s="2">
        <v>0</v>
      </c>
      <c r="AA16017" s="5"/>
      <c r="AB16017" s="5" t="s">
        <v>43</v>
      </c>
      <c r="AC16017" s="5" t="s">
        <v>44</v>
      </c>
      <c r="AD16017" s="2"/>
      <c r="AE16017" s="1"/>
    </row>
    <row r="16018" spans="1:31" ht="14.45">
      <c r="A16018" s="11"/>
      <c r="B16018" s="20"/>
      <c r="C16018" s="2" t="s">
        <v>49011</v>
      </c>
      <c r="D16018" s="14" t="s">
        <v>49012</v>
      </c>
      <c r="E16018" s="2" t="s">
        <v>49013</v>
      </c>
      <c r="F16018" s="2" t="s">
        <v>7396</v>
      </c>
      <c r="G16018" s="8">
        <v>211</v>
      </c>
      <c r="H16018" s="5">
        <v>6</v>
      </c>
      <c r="I16018" s="5" t="s">
        <v>1518</v>
      </c>
      <c r="J16018" s="5" t="s">
        <v>40939</v>
      </c>
      <c r="K16018" s="2" t="s">
        <v>40940</v>
      </c>
      <c r="L16018" s="5" t="s">
        <v>40939</v>
      </c>
      <c r="M16018" s="2" t="s">
        <v>40940</v>
      </c>
      <c r="N16018" s="5" t="s">
        <v>19227</v>
      </c>
      <c r="O16018" s="5" t="s">
        <v>38</v>
      </c>
      <c r="P16018" s="5" t="s">
        <v>39</v>
      </c>
      <c r="Q16018" s="5" t="s">
        <v>40</v>
      </c>
      <c r="R16018" s="5" t="s">
        <v>1487</v>
      </c>
      <c r="S16018" s="5"/>
      <c r="T16018" s="5" t="s">
        <v>42</v>
      </c>
      <c r="U16018" s="2">
        <v>0</v>
      </c>
      <c r="V16018" s="2">
        <v>0</v>
      </c>
      <c r="W16018" s="2">
        <v>0</v>
      </c>
      <c r="X16018" s="2">
        <v>0</v>
      </c>
      <c r="Y16018" s="2">
        <v>0</v>
      </c>
      <c r="Z16018" s="2">
        <v>0</v>
      </c>
      <c r="AA16018" s="5"/>
      <c r="AB16018" s="5" t="s">
        <v>43</v>
      </c>
      <c r="AC16018" s="5" t="s">
        <v>44</v>
      </c>
      <c r="AD16018" s="2"/>
      <c r="AE16018" s="1"/>
    </row>
    <row r="16019" spans="1:31" ht="14.45">
      <c r="A16019" s="11"/>
      <c r="B16019" s="20"/>
      <c r="C16019" s="2" t="s">
        <v>49014</v>
      </c>
      <c r="D16019" s="14" t="s">
        <v>49015</v>
      </c>
      <c r="E16019" s="2" t="s">
        <v>49016</v>
      </c>
      <c r="F16019" s="2" t="s">
        <v>7507</v>
      </c>
      <c r="G16019" s="8">
        <v>211</v>
      </c>
      <c r="H16019" s="5">
        <v>6</v>
      </c>
      <c r="I16019" s="5" t="s">
        <v>1518</v>
      </c>
      <c r="J16019" s="5" t="s">
        <v>40939</v>
      </c>
      <c r="K16019" s="2" t="s">
        <v>40940</v>
      </c>
      <c r="L16019" s="5" t="s">
        <v>40939</v>
      </c>
      <c r="M16019" s="2" t="s">
        <v>40940</v>
      </c>
      <c r="N16019" s="5" t="s">
        <v>19227</v>
      </c>
      <c r="O16019" s="5" t="s">
        <v>38</v>
      </c>
      <c r="P16019" s="5" t="s">
        <v>39</v>
      </c>
      <c r="Q16019" s="5" t="s">
        <v>40</v>
      </c>
      <c r="R16019" s="5" t="s">
        <v>1487</v>
      </c>
      <c r="S16019" s="5"/>
      <c r="T16019" s="5" t="s">
        <v>42</v>
      </c>
      <c r="U16019" s="2">
        <v>0</v>
      </c>
      <c r="V16019" s="2">
        <v>0</v>
      </c>
      <c r="W16019" s="2">
        <v>0</v>
      </c>
      <c r="X16019" s="2">
        <v>0</v>
      </c>
      <c r="Y16019" s="2">
        <v>0</v>
      </c>
      <c r="Z16019" s="2">
        <v>0</v>
      </c>
      <c r="AA16019" s="5"/>
      <c r="AB16019" s="5" t="s">
        <v>43</v>
      </c>
      <c r="AC16019" s="5" t="s">
        <v>44</v>
      </c>
      <c r="AD16019" s="2"/>
      <c r="AE16019" s="1"/>
    </row>
    <row r="16020" spans="1:31" ht="14.45">
      <c r="A16020" s="11"/>
      <c r="B16020" s="20"/>
      <c r="C16020" s="2" t="s">
        <v>49017</v>
      </c>
      <c r="D16020" s="14" t="s">
        <v>49018</v>
      </c>
      <c r="E16020" s="2" t="s">
        <v>49019</v>
      </c>
      <c r="F16020" s="2" t="s">
        <v>7204</v>
      </c>
      <c r="G16020" s="8">
        <v>207</v>
      </c>
      <c r="H16020" s="5">
        <v>6</v>
      </c>
      <c r="I16020" s="5" t="s">
        <v>1518</v>
      </c>
      <c r="J16020" s="5" t="s">
        <v>40939</v>
      </c>
      <c r="K16020" s="2" t="s">
        <v>40940</v>
      </c>
      <c r="L16020" s="5" t="s">
        <v>40939</v>
      </c>
      <c r="M16020" s="2" t="s">
        <v>40940</v>
      </c>
      <c r="N16020" s="5" t="s">
        <v>19227</v>
      </c>
      <c r="O16020" s="5" t="s">
        <v>38</v>
      </c>
      <c r="P16020" s="5" t="s">
        <v>39</v>
      </c>
      <c r="Q16020" s="5" t="s">
        <v>40</v>
      </c>
      <c r="R16020" s="5" t="s">
        <v>1487</v>
      </c>
      <c r="S16020" s="5"/>
      <c r="T16020" s="5" t="s">
        <v>42</v>
      </c>
      <c r="U16020" s="2">
        <v>0</v>
      </c>
      <c r="V16020" s="2">
        <v>0</v>
      </c>
      <c r="W16020" s="2">
        <v>0</v>
      </c>
      <c r="X16020" s="2">
        <v>0</v>
      </c>
      <c r="Y16020" s="2">
        <v>0</v>
      </c>
      <c r="Z16020" s="2">
        <v>0</v>
      </c>
      <c r="AA16020" s="5"/>
      <c r="AB16020" s="5" t="s">
        <v>43</v>
      </c>
      <c r="AC16020" s="5" t="s">
        <v>44</v>
      </c>
      <c r="AD16020" s="2"/>
      <c r="AE16020" s="1"/>
    </row>
    <row r="16021" spans="1:31" ht="14.45">
      <c r="A16021" s="11"/>
      <c r="B16021" s="20"/>
      <c r="C16021" s="2" t="s">
        <v>49020</v>
      </c>
      <c r="D16021" s="14" t="s">
        <v>49021</v>
      </c>
      <c r="E16021" s="2" t="s">
        <v>49022</v>
      </c>
      <c r="F16021" s="2" t="s">
        <v>7514</v>
      </c>
      <c r="G16021" s="8">
        <v>207</v>
      </c>
      <c r="H16021" s="5">
        <v>6</v>
      </c>
      <c r="I16021" s="5" t="s">
        <v>1518</v>
      </c>
      <c r="J16021" s="5" t="s">
        <v>40939</v>
      </c>
      <c r="K16021" s="2" t="s">
        <v>40940</v>
      </c>
      <c r="L16021" s="5" t="s">
        <v>40939</v>
      </c>
      <c r="M16021" s="2" t="s">
        <v>40940</v>
      </c>
      <c r="N16021" s="5" t="s">
        <v>19227</v>
      </c>
      <c r="O16021" s="5" t="s">
        <v>38</v>
      </c>
      <c r="P16021" s="5" t="s">
        <v>39</v>
      </c>
      <c r="Q16021" s="5" t="s">
        <v>40</v>
      </c>
      <c r="R16021" s="5" t="s">
        <v>1487</v>
      </c>
      <c r="S16021" s="5"/>
      <c r="T16021" s="5" t="s">
        <v>42</v>
      </c>
      <c r="U16021" s="2">
        <v>0</v>
      </c>
      <c r="V16021" s="2">
        <v>0</v>
      </c>
      <c r="W16021" s="2">
        <v>0</v>
      </c>
      <c r="X16021" s="2">
        <v>0</v>
      </c>
      <c r="Y16021" s="2">
        <v>0</v>
      </c>
      <c r="Z16021" s="2">
        <v>0</v>
      </c>
      <c r="AA16021" s="5"/>
      <c r="AB16021" s="5" t="s">
        <v>43</v>
      </c>
      <c r="AC16021" s="5" t="s">
        <v>44</v>
      </c>
      <c r="AD16021" s="2"/>
      <c r="AE16021" s="1"/>
    </row>
    <row r="16022" spans="1:31" ht="14.45">
      <c r="A16022" s="11"/>
      <c r="B16022" s="20"/>
      <c r="C16022" s="2" t="s">
        <v>49023</v>
      </c>
      <c r="D16022" s="14" t="s">
        <v>49024</v>
      </c>
      <c r="E16022" s="2" t="s">
        <v>49025</v>
      </c>
      <c r="F16022" s="2" t="s">
        <v>7208</v>
      </c>
      <c r="G16022" s="8">
        <v>207</v>
      </c>
      <c r="H16022" s="5">
        <v>6</v>
      </c>
      <c r="I16022" s="5" t="s">
        <v>1518</v>
      </c>
      <c r="J16022" s="5" t="s">
        <v>40939</v>
      </c>
      <c r="K16022" s="2" t="s">
        <v>40940</v>
      </c>
      <c r="L16022" s="5" t="s">
        <v>40939</v>
      </c>
      <c r="M16022" s="2" t="s">
        <v>40940</v>
      </c>
      <c r="N16022" s="5" t="s">
        <v>19227</v>
      </c>
      <c r="O16022" s="5" t="s">
        <v>38</v>
      </c>
      <c r="P16022" s="5" t="s">
        <v>39</v>
      </c>
      <c r="Q16022" s="5" t="s">
        <v>40</v>
      </c>
      <c r="R16022" s="5" t="s">
        <v>1487</v>
      </c>
      <c r="S16022" s="5"/>
      <c r="T16022" s="5" t="s">
        <v>42</v>
      </c>
      <c r="U16022" s="2">
        <v>0</v>
      </c>
      <c r="V16022" s="2">
        <v>0</v>
      </c>
      <c r="W16022" s="2">
        <v>0</v>
      </c>
      <c r="X16022" s="2">
        <v>0</v>
      </c>
      <c r="Y16022" s="2">
        <v>0</v>
      </c>
      <c r="Z16022" s="2">
        <v>0</v>
      </c>
      <c r="AA16022" s="5"/>
      <c r="AB16022" s="5" t="s">
        <v>43</v>
      </c>
      <c r="AC16022" s="5" t="s">
        <v>44</v>
      </c>
      <c r="AD16022" s="2"/>
      <c r="AE16022" s="1"/>
    </row>
    <row r="16023" spans="1:31" ht="14.45">
      <c r="A16023" s="11"/>
      <c r="B16023" s="20"/>
      <c r="C16023" s="2" t="s">
        <v>49026</v>
      </c>
      <c r="D16023" s="14" t="s">
        <v>49027</v>
      </c>
      <c r="E16023" s="2" t="s">
        <v>49028</v>
      </c>
      <c r="F16023" s="2" t="s">
        <v>7521</v>
      </c>
      <c r="G16023" s="8">
        <v>207</v>
      </c>
      <c r="H16023" s="5">
        <v>6</v>
      </c>
      <c r="I16023" s="5" t="s">
        <v>1518</v>
      </c>
      <c r="J16023" s="5" t="s">
        <v>40939</v>
      </c>
      <c r="K16023" s="2" t="s">
        <v>40940</v>
      </c>
      <c r="L16023" s="5" t="s">
        <v>40939</v>
      </c>
      <c r="M16023" s="2" t="s">
        <v>40940</v>
      </c>
      <c r="N16023" s="5" t="s">
        <v>19227</v>
      </c>
      <c r="O16023" s="5" t="s">
        <v>38</v>
      </c>
      <c r="P16023" s="5" t="s">
        <v>39</v>
      </c>
      <c r="Q16023" s="5" t="s">
        <v>40</v>
      </c>
      <c r="R16023" s="5" t="s">
        <v>1487</v>
      </c>
      <c r="S16023" s="5"/>
      <c r="T16023" s="5" t="s">
        <v>42</v>
      </c>
      <c r="U16023" s="2">
        <v>0</v>
      </c>
      <c r="V16023" s="2">
        <v>0</v>
      </c>
      <c r="W16023" s="2">
        <v>0</v>
      </c>
      <c r="X16023" s="2">
        <v>0</v>
      </c>
      <c r="Y16023" s="2">
        <v>0</v>
      </c>
      <c r="Z16023" s="2">
        <v>0</v>
      </c>
      <c r="AA16023" s="5"/>
      <c r="AB16023" s="5" t="s">
        <v>43</v>
      </c>
      <c r="AC16023" s="5" t="s">
        <v>44</v>
      </c>
      <c r="AD16023" s="2"/>
      <c r="AE16023" s="1"/>
    </row>
    <row r="16024" spans="1:31" ht="14.45">
      <c r="A16024" s="11"/>
      <c r="B16024" s="20"/>
      <c r="C16024" s="2" t="s">
        <v>49029</v>
      </c>
      <c r="D16024" s="14" t="s">
        <v>49030</v>
      </c>
      <c r="E16024" s="2" t="s">
        <v>49031</v>
      </c>
      <c r="F16024" s="2" t="s">
        <v>36273</v>
      </c>
      <c r="G16024" s="8">
        <v>207</v>
      </c>
      <c r="H16024" s="5">
        <v>6</v>
      </c>
      <c r="I16024" s="5" t="s">
        <v>1518</v>
      </c>
      <c r="J16024" s="5" t="s">
        <v>40939</v>
      </c>
      <c r="K16024" s="2" t="s">
        <v>40940</v>
      </c>
      <c r="L16024" s="5" t="s">
        <v>40939</v>
      </c>
      <c r="M16024" s="2" t="s">
        <v>40940</v>
      </c>
      <c r="N16024" s="5" t="s">
        <v>19227</v>
      </c>
      <c r="O16024" s="5" t="s">
        <v>38</v>
      </c>
      <c r="P16024" s="5" t="s">
        <v>39</v>
      </c>
      <c r="Q16024" s="5" t="s">
        <v>40</v>
      </c>
      <c r="R16024" s="5" t="s">
        <v>1487</v>
      </c>
      <c r="S16024" s="5"/>
      <c r="T16024" s="5" t="s">
        <v>42</v>
      </c>
      <c r="U16024" s="2">
        <v>0</v>
      </c>
      <c r="V16024" s="2">
        <v>0</v>
      </c>
      <c r="W16024" s="2">
        <v>0</v>
      </c>
      <c r="X16024" s="2">
        <v>0</v>
      </c>
      <c r="Y16024" s="2">
        <v>0</v>
      </c>
      <c r="Z16024" s="2">
        <v>0</v>
      </c>
      <c r="AA16024" s="5"/>
      <c r="AB16024" s="5" t="s">
        <v>43</v>
      </c>
      <c r="AC16024" s="5" t="s">
        <v>44</v>
      </c>
      <c r="AD16024" s="2"/>
      <c r="AE16024" s="1"/>
    </row>
    <row r="16025" spans="1:31" ht="14.45">
      <c r="A16025" s="11"/>
      <c r="B16025" s="20"/>
      <c r="C16025" s="2" t="s">
        <v>49032</v>
      </c>
      <c r="D16025" s="14" t="s">
        <v>49033</v>
      </c>
      <c r="E16025" s="2" t="s">
        <v>49034</v>
      </c>
      <c r="F16025" s="2" t="s">
        <v>36277</v>
      </c>
      <c r="G16025" s="8">
        <v>207</v>
      </c>
      <c r="H16025" s="5">
        <v>6</v>
      </c>
      <c r="I16025" s="5" t="s">
        <v>1518</v>
      </c>
      <c r="J16025" s="5" t="s">
        <v>40939</v>
      </c>
      <c r="K16025" s="2" t="s">
        <v>40940</v>
      </c>
      <c r="L16025" s="5" t="s">
        <v>40939</v>
      </c>
      <c r="M16025" s="2" t="s">
        <v>40940</v>
      </c>
      <c r="N16025" s="5" t="s">
        <v>19227</v>
      </c>
      <c r="O16025" s="5" t="s">
        <v>38</v>
      </c>
      <c r="P16025" s="5" t="s">
        <v>39</v>
      </c>
      <c r="Q16025" s="5" t="s">
        <v>40</v>
      </c>
      <c r="R16025" s="5" t="s">
        <v>1487</v>
      </c>
      <c r="S16025" s="5"/>
      <c r="T16025" s="5" t="s">
        <v>42</v>
      </c>
      <c r="U16025" s="2">
        <v>0</v>
      </c>
      <c r="V16025" s="2">
        <v>0</v>
      </c>
      <c r="W16025" s="2">
        <v>0</v>
      </c>
      <c r="X16025" s="2">
        <v>0</v>
      </c>
      <c r="Y16025" s="2">
        <v>0</v>
      </c>
      <c r="Z16025" s="2">
        <v>0</v>
      </c>
      <c r="AA16025" s="5"/>
      <c r="AB16025" s="5" t="s">
        <v>43</v>
      </c>
      <c r="AC16025" s="5" t="s">
        <v>44</v>
      </c>
      <c r="AD16025" s="2"/>
      <c r="AE16025" s="1"/>
    </row>
    <row r="16026" spans="1:31" ht="14.45">
      <c r="A16026" s="11"/>
      <c r="B16026" s="20"/>
      <c r="C16026" s="2" t="s">
        <v>49035</v>
      </c>
      <c r="D16026" s="14" t="s">
        <v>49036</v>
      </c>
      <c r="E16026" s="2" t="s">
        <v>49037</v>
      </c>
      <c r="F16026" s="2" t="s">
        <v>7396</v>
      </c>
      <c r="G16026" s="8">
        <v>207</v>
      </c>
      <c r="H16026" s="5">
        <v>6</v>
      </c>
      <c r="I16026" s="5" t="s">
        <v>1518</v>
      </c>
      <c r="J16026" s="5" t="s">
        <v>40939</v>
      </c>
      <c r="K16026" s="2" t="s">
        <v>40940</v>
      </c>
      <c r="L16026" s="5" t="s">
        <v>40939</v>
      </c>
      <c r="M16026" s="2" t="s">
        <v>40940</v>
      </c>
      <c r="N16026" s="5" t="s">
        <v>19227</v>
      </c>
      <c r="O16026" s="5" t="s">
        <v>38</v>
      </c>
      <c r="P16026" s="5" t="s">
        <v>39</v>
      </c>
      <c r="Q16026" s="5" t="s">
        <v>40</v>
      </c>
      <c r="R16026" s="5" t="s">
        <v>1487</v>
      </c>
      <c r="S16026" s="5"/>
      <c r="T16026" s="5" t="s">
        <v>42</v>
      </c>
      <c r="U16026" s="2">
        <v>0</v>
      </c>
      <c r="V16026" s="2">
        <v>0</v>
      </c>
      <c r="W16026" s="2">
        <v>0</v>
      </c>
      <c r="X16026" s="2">
        <v>0</v>
      </c>
      <c r="Y16026" s="2">
        <v>0</v>
      </c>
      <c r="Z16026" s="2">
        <v>0</v>
      </c>
      <c r="AA16026" s="5"/>
      <c r="AB16026" s="5" t="s">
        <v>43</v>
      </c>
      <c r="AC16026" s="5" t="s">
        <v>44</v>
      </c>
      <c r="AD16026" s="2"/>
      <c r="AE16026" s="1"/>
    </row>
    <row r="16027" spans="1:31" ht="14.45">
      <c r="A16027" s="11"/>
      <c r="B16027" s="20"/>
      <c r="C16027" s="2" t="s">
        <v>49038</v>
      </c>
      <c r="D16027" s="14" t="s">
        <v>49039</v>
      </c>
      <c r="E16027" s="2" t="s">
        <v>49040</v>
      </c>
      <c r="F16027" s="2" t="s">
        <v>7507</v>
      </c>
      <c r="G16027" s="8">
        <v>207</v>
      </c>
      <c r="H16027" s="5">
        <v>6</v>
      </c>
      <c r="I16027" s="5" t="s">
        <v>1518</v>
      </c>
      <c r="J16027" s="5" t="s">
        <v>40939</v>
      </c>
      <c r="K16027" s="2" t="s">
        <v>40940</v>
      </c>
      <c r="L16027" s="5" t="s">
        <v>40939</v>
      </c>
      <c r="M16027" s="2" t="s">
        <v>40940</v>
      </c>
      <c r="N16027" s="5" t="s">
        <v>19227</v>
      </c>
      <c r="O16027" s="5" t="s">
        <v>38</v>
      </c>
      <c r="P16027" s="5" t="s">
        <v>39</v>
      </c>
      <c r="Q16027" s="5" t="s">
        <v>40</v>
      </c>
      <c r="R16027" s="5" t="s">
        <v>1487</v>
      </c>
      <c r="S16027" s="5"/>
      <c r="T16027" s="5" t="s">
        <v>42</v>
      </c>
      <c r="U16027" s="2">
        <v>0</v>
      </c>
      <c r="V16027" s="2">
        <v>0</v>
      </c>
      <c r="W16027" s="2">
        <v>0</v>
      </c>
      <c r="X16027" s="2">
        <v>0</v>
      </c>
      <c r="Y16027" s="2">
        <v>0</v>
      </c>
      <c r="Z16027" s="2">
        <v>0</v>
      </c>
      <c r="AA16027" s="5"/>
      <c r="AB16027" s="5" t="s">
        <v>43</v>
      </c>
      <c r="AC16027" s="5" t="s">
        <v>44</v>
      </c>
      <c r="AD16027" s="2"/>
      <c r="AE16027" s="1"/>
    </row>
    <row r="16028" spans="1:31" ht="14.45">
      <c r="A16028" s="11"/>
      <c r="B16028" s="20"/>
      <c r="C16028" s="2" t="s">
        <v>49041</v>
      </c>
      <c r="D16028" s="14" t="s">
        <v>49042</v>
      </c>
      <c r="E16028" s="2" t="s">
        <v>49043</v>
      </c>
      <c r="F16028" s="2" t="s">
        <v>7204</v>
      </c>
      <c r="G16028" s="8">
        <v>217</v>
      </c>
      <c r="H16028" s="5">
        <v>6</v>
      </c>
      <c r="I16028" s="5" t="s">
        <v>1518</v>
      </c>
      <c r="J16028" s="5" t="s">
        <v>40939</v>
      </c>
      <c r="K16028" s="2" t="s">
        <v>40940</v>
      </c>
      <c r="L16028" s="5" t="s">
        <v>40939</v>
      </c>
      <c r="M16028" s="2" t="s">
        <v>40940</v>
      </c>
      <c r="N16028" s="5" t="s">
        <v>19227</v>
      </c>
      <c r="O16028" s="5" t="s">
        <v>38</v>
      </c>
      <c r="P16028" s="5" t="s">
        <v>39</v>
      </c>
      <c r="Q16028" s="5" t="s">
        <v>40</v>
      </c>
      <c r="R16028" s="5" t="s">
        <v>1487</v>
      </c>
      <c r="S16028" s="5"/>
      <c r="T16028" s="5" t="s">
        <v>42</v>
      </c>
      <c r="U16028" s="2">
        <v>0</v>
      </c>
      <c r="V16028" s="2">
        <v>0</v>
      </c>
      <c r="W16028" s="2">
        <v>0</v>
      </c>
      <c r="X16028" s="2">
        <v>0</v>
      </c>
      <c r="Y16028" s="2">
        <v>0</v>
      </c>
      <c r="Z16028" s="2">
        <v>0</v>
      </c>
      <c r="AA16028" s="5"/>
      <c r="AB16028" s="5" t="s">
        <v>43</v>
      </c>
      <c r="AC16028" s="5" t="s">
        <v>44</v>
      </c>
      <c r="AD16028" s="2"/>
      <c r="AE16028" s="1"/>
    </row>
    <row r="16029" spans="1:31" ht="14.45">
      <c r="A16029" s="11"/>
      <c r="B16029" s="20"/>
      <c r="C16029" s="2" t="s">
        <v>49044</v>
      </c>
      <c r="D16029" s="14" t="s">
        <v>49045</v>
      </c>
      <c r="E16029" s="2" t="s">
        <v>49046</v>
      </c>
      <c r="F16029" s="2" t="s">
        <v>7514</v>
      </c>
      <c r="G16029" s="8">
        <v>217</v>
      </c>
      <c r="H16029" s="5">
        <v>6</v>
      </c>
      <c r="I16029" s="5" t="s">
        <v>1518</v>
      </c>
      <c r="J16029" s="5" t="s">
        <v>40939</v>
      </c>
      <c r="K16029" s="2" t="s">
        <v>40940</v>
      </c>
      <c r="L16029" s="5" t="s">
        <v>40939</v>
      </c>
      <c r="M16029" s="2" t="s">
        <v>40940</v>
      </c>
      <c r="N16029" s="5" t="s">
        <v>19227</v>
      </c>
      <c r="O16029" s="5" t="s">
        <v>38</v>
      </c>
      <c r="P16029" s="5" t="s">
        <v>39</v>
      </c>
      <c r="Q16029" s="5" t="s">
        <v>40</v>
      </c>
      <c r="R16029" s="5" t="s">
        <v>1487</v>
      </c>
      <c r="S16029" s="5"/>
      <c r="T16029" s="5" t="s">
        <v>42</v>
      </c>
      <c r="U16029" s="2">
        <v>0</v>
      </c>
      <c r="V16029" s="2">
        <v>0</v>
      </c>
      <c r="W16029" s="2">
        <v>0</v>
      </c>
      <c r="X16029" s="2">
        <v>0</v>
      </c>
      <c r="Y16029" s="2">
        <v>0</v>
      </c>
      <c r="Z16029" s="2">
        <v>0</v>
      </c>
      <c r="AA16029" s="5"/>
      <c r="AB16029" s="5" t="s">
        <v>43</v>
      </c>
      <c r="AC16029" s="5" t="s">
        <v>44</v>
      </c>
      <c r="AD16029" s="2"/>
      <c r="AE16029" s="1"/>
    </row>
    <row r="16030" spans="1:31" ht="14.45">
      <c r="A16030" s="11"/>
      <c r="B16030" s="20"/>
      <c r="C16030" s="2" t="s">
        <v>49047</v>
      </c>
      <c r="D16030" s="14" t="s">
        <v>49048</v>
      </c>
      <c r="E16030" s="2" t="s">
        <v>49049</v>
      </c>
      <c r="F16030" s="2" t="s">
        <v>7208</v>
      </c>
      <c r="G16030" s="8">
        <v>217</v>
      </c>
      <c r="H16030" s="5">
        <v>6</v>
      </c>
      <c r="I16030" s="5" t="s">
        <v>1518</v>
      </c>
      <c r="J16030" s="5" t="s">
        <v>40939</v>
      </c>
      <c r="K16030" s="2" t="s">
        <v>40940</v>
      </c>
      <c r="L16030" s="5" t="s">
        <v>40939</v>
      </c>
      <c r="M16030" s="2" t="s">
        <v>40940</v>
      </c>
      <c r="N16030" s="5" t="s">
        <v>19227</v>
      </c>
      <c r="O16030" s="5" t="s">
        <v>38</v>
      </c>
      <c r="P16030" s="5" t="s">
        <v>39</v>
      </c>
      <c r="Q16030" s="5" t="s">
        <v>40</v>
      </c>
      <c r="R16030" s="5" t="s">
        <v>1487</v>
      </c>
      <c r="S16030" s="5"/>
      <c r="T16030" s="5" t="s">
        <v>42</v>
      </c>
      <c r="U16030" s="2">
        <v>0</v>
      </c>
      <c r="V16030" s="2">
        <v>0</v>
      </c>
      <c r="W16030" s="2">
        <v>0</v>
      </c>
      <c r="X16030" s="2">
        <v>0</v>
      </c>
      <c r="Y16030" s="2">
        <v>0</v>
      </c>
      <c r="Z16030" s="2">
        <v>0</v>
      </c>
      <c r="AA16030" s="5"/>
      <c r="AB16030" s="5" t="s">
        <v>43</v>
      </c>
      <c r="AC16030" s="5" t="s">
        <v>44</v>
      </c>
      <c r="AD16030" s="2"/>
      <c r="AE16030" s="1"/>
    </row>
    <row r="16031" spans="1:31" ht="14.45">
      <c r="A16031" s="11"/>
      <c r="B16031" s="20"/>
      <c r="C16031" s="2" t="s">
        <v>49050</v>
      </c>
      <c r="D16031" s="14" t="s">
        <v>49051</v>
      </c>
      <c r="E16031" s="2" t="s">
        <v>49052</v>
      </c>
      <c r="F16031" s="2" t="s">
        <v>7521</v>
      </c>
      <c r="G16031" s="8">
        <v>217</v>
      </c>
      <c r="H16031" s="5">
        <v>6</v>
      </c>
      <c r="I16031" s="5" t="s">
        <v>1518</v>
      </c>
      <c r="J16031" s="5" t="s">
        <v>40939</v>
      </c>
      <c r="K16031" s="2" t="s">
        <v>40940</v>
      </c>
      <c r="L16031" s="5" t="s">
        <v>40939</v>
      </c>
      <c r="M16031" s="2" t="s">
        <v>40940</v>
      </c>
      <c r="N16031" s="5" t="s">
        <v>19227</v>
      </c>
      <c r="O16031" s="5" t="s">
        <v>38</v>
      </c>
      <c r="P16031" s="5" t="s">
        <v>39</v>
      </c>
      <c r="Q16031" s="5" t="s">
        <v>40</v>
      </c>
      <c r="R16031" s="5" t="s">
        <v>1487</v>
      </c>
      <c r="S16031" s="5"/>
      <c r="T16031" s="5" t="s">
        <v>42</v>
      </c>
      <c r="U16031" s="2">
        <v>0</v>
      </c>
      <c r="V16031" s="2">
        <v>0</v>
      </c>
      <c r="W16031" s="2">
        <v>0</v>
      </c>
      <c r="X16031" s="2">
        <v>0</v>
      </c>
      <c r="Y16031" s="2">
        <v>0</v>
      </c>
      <c r="Z16031" s="2">
        <v>0</v>
      </c>
      <c r="AA16031" s="5"/>
      <c r="AB16031" s="5" t="s">
        <v>43</v>
      </c>
      <c r="AC16031" s="5" t="s">
        <v>44</v>
      </c>
      <c r="AD16031" s="2"/>
      <c r="AE16031" s="1"/>
    </row>
    <row r="16032" spans="1:31" ht="14.45">
      <c r="A16032" s="11"/>
      <c r="B16032" s="20"/>
      <c r="C16032" s="2" t="s">
        <v>49053</v>
      </c>
      <c r="D16032" s="14" t="s">
        <v>49054</v>
      </c>
      <c r="E16032" s="2" t="s">
        <v>49055</v>
      </c>
      <c r="F16032" s="2" t="s">
        <v>36273</v>
      </c>
      <c r="G16032" s="8">
        <v>217</v>
      </c>
      <c r="H16032" s="5">
        <v>6</v>
      </c>
      <c r="I16032" s="5" t="s">
        <v>1518</v>
      </c>
      <c r="J16032" s="5" t="s">
        <v>40939</v>
      </c>
      <c r="K16032" s="2" t="s">
        <v>40940</v>
      </c>
      <c r="L16032" s="5" t="s">
        <v>40939</v>
      </c>
      <c r="M16032" s="2" t="s">
        <v>40940</v>
      </c>
      <c r="N16032" s="5" t="s">
        <v>19227</v>
      </c>
      <c r="O16032" s="5" t="s">
        <v>38</v>
      </c>
      <c r="P16032" s="5" t="s">
        <v>39</v>
      </c>
      <c r="Q16032" s="5" t="s">
        <v>40</v>
      </c>
      <c r="R16032" s="5" t="s">
        <v>1487</v>
      </c>
      <c r="S16032" s="5"/>
      <c r="T16032" s="5" t="s">
        <v>42</v>
      </c>
      <c r="U16032" s="2">
        <v>0</v>
      </c>
      <c r="V16032" s="2">
        <v>0</v>
      </c>
      <c r="W16032" s="2">
        <v>0</v>
      </c>
      <c r="X16032" s="2">
        <v>0</v>
      </c>
      <c r="Y16032" s="2">
        <v>0</v>
      </c>
      <c r="Z16032" s="2">
        <v>0</v>
      </c>
      <c r="AA16032" s="5"/>
      <c r="AB16032" s="5" t="s">
        <v>43</v>
      </c>
      <c r="AC16032" s="5" t="s">
        <v>44</v>
      </c>
      <c r="AD16032" s="2"/>
      <c r="AE16032" s="1"/>
    </row>
    <row r="16033" spans="1:31" ht="14.45">
      <c r="A16033" s="11"/>
      <c r="B16033" s="20"/>
      <c r="C16033" s="2" t="s">
        <v>49056</v>
      </c>
      <c r="D16033" s="14" t="s">
        <v>49057</v>
      </c>
      <c r="E16033" s="2" t="s">
        <v>49058</v>
      </c>
      <c r="F16033" s="2" t="s">
        <v>36277</v>
      </c>
      <c r="G16033" s="8">
        <v>217</v>
      </c>
      <c r="H16033" s="5">
        <v>6</v>
      </c>
      <c r="I16033" s="5" t="s">
        <v>1518</v>
      </c>
      <c r="J16033" s="5" t="s">
        <v>40939</v>
      </c>
      <c r="K16033" s="2" t="s">
        <v>40940</v>
      </c>
      <c r="L16033" s="5" t="s">
        <v>40939</v>
      </c>
      <c r="M16033" s="2" t="s">
        <v>40940</v>
      </c>
      <c r="N16033" s="5" t="s">
        <v>19227</v>
      </c>
      <c r="O16033" s="5" t="s">
        <v>38</v>
      </c>
      <c r="P16033" s="5" t="s">
        <v>39</v>
      </c>
      <c r="Q16033" s="5" t="s">
        <v>40</v>
      </c>
      <c r="R16033" s="5" t="s">
        <v>1487</v>
      </c>
      <c r="S16033" s="5"/>
      <c r="T16033" s="5" t="s">
        <v>42</v>
      </c>
      <c r="U16033" s="2">
        <v>0</v>
      </c>
      <c r="V16033" s="2">
        <v>0</v>
      </c>
      <c r="W16033" s="2">
        <v>0</v>
      </c>
      <c r="X16033" s="2">
        <v>0</v>
      </c>
      <c r="Y16033" s="2">
        <v>0</v>
      </c>
      <c r="Z16033" s="2">
        <v>0</v>
      </c>
      <c r="AA16033" s="5"/>
      <c r="AB16033" s="5" t="s">
        <v>43</v>
      </c>
      <c r="AC16033" s="5" t="s">
        <v>44</v>
      </c>
      <c r="AD16033" s="2"/>
      <c r="AE16033" s="1"/>
    </row>
    <row r="16034" spans="1:31" ht="14.45">
      <c r="A16034" s="11"/>
      <c r="B16034" s="20"/>
      <c r="C16034" s="2" t="s">
        <v>49059</v>
      </c>
      <c r="D16034" s="14" t="s">
        <v>49060</v>
      </c>
      <c r="E16034" s="2" t="s">
        <v>49061</v>
      </c>
      <c r="F16034" s="2" t="s">
        <v>7396</v>
      </c>
      <c r="G16034" s="8">
        <v>217</v>
      </c>
      <c r="H16034" s="5">
        <v>6</v>
      </c>
      <c r="I16034" s="5" t="s">
        <v>1518</v>
      </c>
      <c r="J16034" s="5" t="s">
        <v>40939</v>
      </c>
      <c r="K16034" s="2" t="s">
        <v>40940</v>
      </c>
      <c r="L16034" s="5" t="s">
        <v>40939</v>
      </c>
      <c r="M16034" s="2" t="s">
        <v>40940</v>
      </c>
      <c r="N16034" s="5" t="s">
        <v>19227</v>
      </c>
      <c r="O16034" s="5" t="s">
        <v>38</v>
      </c>
      <c r="P16034" s="5" t="s">
        <v>39</v>
      </c>
      <c r="Q16034" s="5" t="s">
        <v>40</v>
      </c>
      <c r="R16034" s="5" t="s">
        <v>1487</v>
      </c>
      <c r="S16034" s="5"/>
      <c r="T16034" s="5" t="s">
        <v>42</v>
      </c>
      <c r="U16034" s="2">
        <v>0</v>
      </c>
      <c r="V16034" s="2">
        <v>0</v>
      </c>
      <c r="W16034" s="2">
        <v>0</v>
      </c>
      <c r="X16034" s="2">
        <v>0</v>
      </c>
      <c r="Y16034" s="2">
        <v>0</v>
      </c>
      <c r="Z16034" s="2">
        <v>0</v>
      </c>
      <c r="AA16034" s="5"/>
      <c r="AB16034" s="5" t="s">
        <v>43</v>
      </c>
      <c r="AC16034" s="5" t="s">
        <v>44</v>
      </c>
      <c r="AD16034" s="2"/>
      <c r="AE16034" s="1"/>
    </row>
    <row r="16035" spans="1:31" ht="14.45">
      <c r="A16035" s="11"/>
      <c r="B16035" s="20"/>
      <c r="C16035" s="2" t="s">
        <v>49062</v>
      </c>
      <c r="D16035" s="14" t="s">
        <v>49063</v>
      </c>
      <c r="E16035" s="2" t="s">
        <v>49064</v>
      </c>
      <c r="F16035" s="2" t="s">
        <v>7507</v>
      </c>
      <c r="G16035" s="8">
        <v>217</v>
      </c>
      <c r="H16035" s="5">
        <v>6</v>
      </c>
      <c r="I16035" s="5" t="s">
        <v>1518</v>
      </c>
      <c r="J16035" s="5" t="s">
        <v>40939</v>
      </c>
      <c r="K16035" s="2" t="s">
        <v>40940</v>
      </c>
      <c r="L16035" s="5" t="s">
        <v>40939</v>
      </c>
      <c r="M16035" s="2" t="s">
        <v>40940</v>
      </c>
      <c r="N16035" s="5" t="s">
        <v>19227</v>
      </c>
      <c r="O16035" s="5" t="s">
        <v>38</v>
      </c>
      <c r="P16035" s="5" t="s">
        <v>39</v>
      </c>
      <c r="Q16035" s="5" t="s">
        <v>40</v>
      </c>
      <c r="R16035" s="5" t="s">
        <v>1487</v>
      </c>
      <c r="S16035" s="5"/>
      <c r="T16035" s="5" t="s">
        <v>42</v>
      </c>
      <c r="U16035" s="2">
        <v>0</v>
      </c>
      <c r="V16035" s="2">
        <v>0</v>
      </c>
      <c r="W16035" s="2">
        <v>0</v>
      </c>
      <c r="X16035" s="2">
        <v>0</v>
      </c>
      <c r="Y16035" s="2">
        <v>0</v>
      </c>
      <c r="Z16035" s="2">
        <v>0</v>
      </c>
      <c r="AA16035" s="5"/>
      <c r="AB16035" s="5" t="s">
        <v>43</v>
      </c>
      <c r="AC16035" s="5" t="s">
        <v>44</v>
      </c>
      <c r="AD16035" s="2"/>
      <c r="AE16035" s="1"/>
    </row>
    <row r="16036" spans="1:31" ht="14.45">
      <c r="A16036" s="11"/>
      <c r="B16036" s="20"/>
      <c r="C16036" s="2" t="s">
        <v>49065</v>
      </c>
      <c r="D16036" s="14" t="s">
        <v>49066</v>
      </c>
      <c r="E16036" s="2" t="s">
        <v>49067</v>
      </c>
      <c r="F16036" s="2" t="s">
        <v>7204</v>
      </c>
      <c r="G16036" s="8">
        <v>221</v>
      </c>
      <c r="H16036" s="5">
        <v>6</v>
      </c>
      <c r="I16036" s="5" t="s">
        <v>1518</v>
      </c>
      <c r="J16036" s="5" t="s">
        <v>40939</v>
      </c>
      <c r="K16036" s="2" t="s">
        <v>40940</v>
      </c>
      <c r="L16036" s="5" t="s">
        <v>40939</v>
      </c>
      <c r="M16036" s="2" t="s">
        <v>40940</v>
      </c>
      <c r="N16036" s="5" t="s">
        <v>19227</v>
      </c>
      <c r="O16036" s="5" t="s">
        <v>38</v>
      </c>
      <c r="P16036" s="5" t="s">
        <v>39</v>
      </c>
      <c r="Q16036" s="5" t="s">
        <v>40</v>
      </c>
      <c r="R16036" s="5" t="s">
        <v>1487</v>
      </c>
      <c r="S16036" s="5"/>
      <c r="T16036" s="5" t="s">
        <v>42</v>
      </c>
      <c r="U16036" s="2">
        <v>0</v>
      </c>
      <c r="V16036" s="2">
        <v>0</v>
      </c>
      <c r="W16036" s="2">
        <v>0</v>
      </c>
      <c r="X16036" s="2">
        <v>0</v>
      </c>
      <c r="Y16036" s="2">
        <v>0</v>
      </c>
      <c r="Z16036" s="2">
        <v>0</v>
      </c>
      <c r="AA16036" s="5"/>
      <c r="AB16036" s="5" t="s">
        <v>43</v>
      </c>
      <c r="AC16036" s="5" t="s">
        <v>44</v>
      </c>
      <c r="AD16036" s="2"/>
      <c r="AE16036" s="1"/>
    </row>
    <row r="16037" spans="1:31" ht="14.45">
      <c r="A16037" s="11"/>
      <c r="B16037" s="20"/>
      <c r="C16037" s="2" t="s">
        <v>49068</v>
      </c>
      <c r="D16037" s="14" t="s">
        <v>49069</v>
      </c>
      <c r="E16037" s="2" t="s">
        <v>49070</v>
      </c>
      <c r="F16037" s="2" t="s">
        <v>7514</v>
      </c>
      <c r="G16037" s="8">
        <v>221</v>
      </c>
      <c r="H16037" s="5">
        <v>6</v>
      </c>
      <c r="I16037" s="5" t="s">
        <v>1518</v>
      </c>
      <c r="J16037" s="5" t="s">
        <v>40939</v>
      </c>
      <c r="K16037" s="2" t="s">
        <v>40940</v>
      </c>
      <c r="L16037" s="5" t="s">
        <v>40939</v>
      </c>
      <c r="M16037" s="2" t="s">
        <v>40940</v>
      </c>
      <c r="N16037" s="5" t="s">
        <v>19227</v>
      </c>
      <c r="O16037" s="5" t="s">
        <v>38</v>
      </c>
      <c r="P16037" s="5" t="s">
        <v>39</v>
      </c>
      <c r="Q16037" s="5" t="s">
        <v>40</v>
      </c>
      <c r="R16037" s="5" t="s">
        <v>1487</v>
      </c>
      <c r="S16037" s="5"/>
      <c r="T16037" s="5" t="s">
        <v>42</v>
      </c>
      <c r="U16037" s="2">
        <v>0</v>
      </c>
      <c r="V16037" s="2">
        <v>0</v>
      </c>
      <c r="W16037" s="2">
        <v>0</v>
      </c>
      <c r="X16037" s="2">
        <v>0</v>
      </c>
      <c r="Y16037" s="2">
        <v>0</v>
      </c>
      <c r="Z16037" s="2">
        <v>0</v>
      </c>
      <c r="AA16037" s="5"/>
      <c r="AB16037" s="5" t="s">
        <v>43</v>
      </c>
      <c r="AC16037" s="5" t="s">
        <v>44</v>
      </c>
      <c r="AD16037" s="2"/>
      <c r="AE16037" s="1"/>
    </row>
    <row r="16038" spans="1:31" ht="14.45">
      <c r="A16038" s="11"/>
      <c r="B16038" s="20"/>
      <c r="C16038" s="2" t="s">
        <v>49071</v>
      </c>
      <c r="D16038" s="14" t="s">
        <v>49072</v>
      </c>
      <c r="E16038" s="2" t="s">
        <v>49073</v>
      </c>
      <c r="F16038" s="2" t="s">
        <v>7208</v>
      </c>
      <c r="G16038" s="8">
        <v>221</v>
      </c>
      <c r="H16038" s="5">
        <v>6</v>
      </c>
      <c r="I16038" s="5" t="s">
        <v>1518</v>
      </c>
      <c r="J16038" s="5" t="s">
        <v>40939</v>
      </c>
      <c r="K16038" s="2" t="s">
        <v>40940</v>
      </c>
      <c r="L16038" s="5" t="s">
        <v>40939</v>
      </c>
      <c r="M16038" s="2" t="s">
        <v>40940</v>
      </c>
      <c r="N16038" s="5" t="s">
        <v>19227</v>
      </c>
      <c r="O16038" s="5" t="s">
        <v>38</v>
      </c>
      <c r="P16038" s="5" t="s">
        <v>39</v>
      </c>
      <c r="Q16038" s="5" t="s">
        <v>40</v>
      </c>
      <c r="R16038" s="5" t="s">
        <v>1487</v>
      </c>
      <c r="S16038" s="5"/>
      <c r="T16038" s="5" t="s">
        <v>42</v>
      </c>
      <c r="U16038" s="2">
        <v>0</v>
      </c>
      <c r="V16038" s="2">
        <v>0</v>
      </c>
      <c r="W16038" s="2">
        <v>0</v>
      </c>
      <c r="X16038" s="2">
        <v>0</v>
      </c>
      <c r="Y16038" s="2">
        <v>0</v>
      </c>
      <c r="Z16038" s="2">
        <v>0</v>
      </c>
      <c r="AA16038" s="5"/>
      <c r="AB16038" s="5" t="s">
        <v>43</v>
      </c>
      <c r="AC16038" s="5" t="s">
        <v>44</v>
      </c>
      <c r="AD16038" s="2"/>
      <c r="AE16038" s="1"/>
    </row>
    <row r="16039" spans="1:31" ht="14.45">
      <c r="A16039" s="11"/>
      <c r="B16039" s="20"/>
      <c r="C16039" s="2" t="s">
        <v>49074</v>
      </c>
      <c r="D16039" s="14" t="s">
        <v>49075</v>
      </c>
      <c r="E16039" s="2" t="s">
        <v>49076</v>
      </c>
      <c r="F16039" s="2" t="s">
        <v>7521</v>
      </c>
      <c r="G16039" s="8">
        <v>221</v>
      </c>
      <c r="H16039" s="5">
        <v>6</v>
      </c>
      <c r="I16039" s="5" t="s">
        <v>1518</v>
      </c>
      <c r="J16039" s="5" t="s">
        <v>40939</v>
      </c>
      <c r="K16039" s="2" t="s">
        <v>40940</v>
      </c>
      <c r="L16039" s="5" t="s">
        <v>40939</v>
      </c>
      <c r="M16039" s="2" t="s">
        <v>40940</v>
      </c>
      <c r="N16039" s="5" t="s">
        <v>19227</v>
      </c>
      <c r="O16039" s="5" t="s">
        <v>38</v>
      </c>
      <c r="P16039" s="5" t="s">
        <v>39</v>
      </c>
      <c r="Q16039" s="5" t="s">
        <v>40</v>
      </c>
      <c r="R16039" s="5" t="s">
        <v>1487</v>
      </c>
      <c r="S16039" s="5"/>
      <c r="T16039" s="5" t="s">
        <v>42</v>
      </c>
      <c r="U16039" s="2">
        <v>0</v>
      </c>
      <c r="V16039" s="2">
        <v>0</v>
      </c>
      <c r="W16039" s="2">
        <v>0</v>
      </c>
      <c r="X16039" s="2">
        <v>0</v>
      </c>
      <c r="Y16039" s="2">
        <v>0</v>
      </c>
      <c r="Z16039" s="2">
        <v>0</v>
      </c>
      <c r="AA16039" s="5"/>
      <c r="AB16039" s="5" t="s">
        <v>43</v>
      </c>
      <c r="AC16039" s="5" t="s">
        <v>44</v>
      </c>
      <c r="AD16039" s="2"/>
      <c r="AE16039" s="1"/>
    </row>
    <row r="16040" spans="1:31" ht="14.45">
      <c r="A16040" s="11"/>
      <c r="B16040" s="20"/>
      <c r="C16040" s="2" t="s">
        <v>49077</v>
      </c>
      <c r="D16040" s="14" t="s">
        <v>49078</v>
      </c>
      <c r="E16040" s="2" t="s">
        <v>49079</v>
      </c>
      <c r="F16040" s="2" t="s">
        <v>36273</v>
      </c>
      <c r="G16040" s="8">
        <v>221</v>
      </c>
      <c r="H16040" s="5">
        <v>6</v>
      </c>
      <c r="I16040" s="5" t="s">
        <v>1518</v>
      </c>
      <c r="J16040" s="5" t="s">
        <v>40939</v>
      </c>
      <c r="K16040" s="2" t="s">
        <v>40940</v>
      </c>
      <c r="L16040" s="5" t="s">
        <v>40939</v>
      </c>
      <c r="M16040" s="2" t="s">
        <v>40940</v>
      </c>
      <c r="N16040" s="5" t="s">
        <v>19227</v>
      </c>
      <c r="O16040" s="5" t="s">
        <v>38</v>
      </c>
      <c r="P16040" s="5" t="s">
        <v>39</v>
      </c>
      <c r="Q16040" s="5" t="s">
        <v>40</v>
      </c>
      <c r="R16040" s="5" t="s">
        <v>1487</v>
      </c>
      <c r="S16040" s="5"/>
      <c r="T16040" s="5" t="s">
        <v>42</v>
      </c>
      <c r="U16040" s="2">
        <v>0</v>
      </c>
      <c r="V16040" s="2">
        <v>0</v>
      </c>
      <c r="W16040" s="2">
        <v>0</v>
      </c>
      <c r="X16040" s="2">
        <v>0</v>
      </c>
      <c r="Y16040" s="2">
        <v>0</v>
      </c>
      <c r="Z16040" s="2">
        <v>0</v>
      </c>
      <c r="AA16040" s="5"/>
      <c r="AB16040" s="5" t="s">
        <v>43</v>
      </c>
      <c r="AC16040" s="5" t="s">
        <v>44</v>
      </c>
      <c r="AD16040" s="2"/>
      <c r="AE16040" s="1"/>
    </row>
    <row r="16041" spans="1:31" ht="14.45">
      <c r="A16041" s="11"/>
      <c r="B16041" s="20"/>
      <c r="C16041" s="2" t="s">
        <v>49080</v>
      </c>
      <c r="D16041" s="14" t="s">
        <v>49081</v>
      </c>
      <c r="E16041" s="2" t="s">
        <v>49082</v>
      </c>
      <c r="F16041" s="2" t="s">
        <v>36277</v>
      </c>
      <c r="G16041" s="8">
        <v>221</v>
      </c>
      <c r="H16041" s="5">
        <v>6</v>
      </c>
      <c r="I16041" s="5" t="s">
        <v>1518</v>
      </c>
      <c r="J16041" s="5" t="s">
        <v>40939</v>
      </c>
      <c r="K16041" s="2" t="s">
        <v>40940</v>
      </c>
      <c r="L16041" s="5" t="s">
        <v>40939</v>
      </c>
      <c r="M16041" s="2" t="s">
        <v>40940</v>
      </c>
      <c r="N16041" s="5" t="s">
        <v>19227</v>
      </c>
      <c r="O16041" s="5" t="s">
        <v>38</v>
      </c>
      <c r="P16041" s="5" t="s">
        <v>39</v>
      </c>
      <c r="Q16041" s="5" t="s">
        <v>40</v>
      </c>
      <c r="R16041" s="5" t="s">
        <v>1487</v>
      </c>
      <c r="S16041" s="5"/>
      <c r="T16041" s="5" t="s">
        <v>42</v>
      </c>
      <c r="U16041" s="2">
        <v>0</v>
      </c>
      <c r="V16041" s="2">
        <v>0</v>
      </c>
      <c r="W16041" s="2">
        <v>0</v>
      </c>
      <c r="X16041" s="2">
        <v>0</v>
      </c>
      <c r="Y16041" s="2">
        <v>0</v>
      </c>
      <c r="Z16041" s="2">
        <v>0</v>
      </c>
      <c r="AA16041" s="5"/>
      <c r="AB16041" s="5" t="s">
        <v>43</v>
      </c>
      <c r="AC16041" s="5" t="s">
        <v>44</v>
      </c>
      <c r="AD16041" s="2"/>
      <c r="AE16041" s="1"/>
    </row>
    <row r="16042" spans="1:31" ht="14.45">
      <c r="A16042" s="11"/>
      <c r="B16042" s="20"/>
      <c r="C16042" s="2" t="s">
        <v>49083</v>
      </c>
      <c r="D16042" s="14" t="s">
        <v>49084</v>
      </c>
      <c r="E16042" s="2" t="s">
        <v>49085</v>
      </c>
      <c r="F16042" s="2" t="s">
        <v>7396</v>
      </c>
      <c r="G16042" s="8">
        <v>221</v>
      </c>
      <c r="H16042" s="5">
        <v>6</v>
      </c>
      <c r="I16042" s="5" t="s">
        <v>1518</v>
      </c>
      <c r="J16042" s="5" t="s">
        <v>40939</v>
      </c>
      <c r="K16042" s="2" t="s">
        <v>40940</v>
      </c>
      <c r="L16042" s="5" t="s">
        <v>40939</v>
      </c>
      <c r="M16042" s="2" t="s">
        <v>40940</v>
      </c>
      <c r="N16042" s="5" t="s">
        <v>19227</v>
      </c>
      <c r="O16042" s="5" t="s">
        <v>38</v>
      </c>
      <c r="P16042" s="5" t="s">
        <v>39</v>
      </c>
      <c r="Q16042" s="5" t="s">
        <v>40</v>
      </c>
      <c r="R16042" s="5" t="s">
        <v>1487</v>
      </c>
      <c r="S16042" s="5"/>
      <c r="T16042" s="5" t="s">
        <v>42</v>
      </c>
      <c r="U16042" s="2">
        <v>0</v>
      </c>
      <c r="V16042" s="2">
        <v>0</v>
      </c>
      <c r="W16042" s="2">
        <v>0</v>
      </c>
      <c r="X16042" s="2">
        <v>0</v>
      </c>
      <c r="Y16042" s="2">
        <v>0</v>
      </c>
      <c r="Z16042" s="2">
        <v>0</v>
      </c>
      <c r="AA16042" s="5"/>
      <c r="AB16042" s="5" t="s">
        <v>43</v>
      </c>
      <c r="AC16042" s="5" t="s">
        <v>44</v>
      </c>
      <c r="AD16042" s="2"/>
      <c r="AE16042" s="1"/>
    </row>
    <row r="16043" spans="1:31" ht="14.45">
      <c r="A16043" s="11"/>
      <c r="B16043" s="20"/>
      <c r="C16043" s="2" t="s">
        <v>49086</v>
      </c>
      <c r="D16043" s="14" t="s">
        <v>49087</v>
      </c>
      <c r="E16043" s="2" t="s">
        <v>49088</v>
      </c>
      <c r="F16043" s="2" t="s">
        <v>7507</v>
      </c>
      <c r="G16043" s="8">
        <v>221</v>
      </c>
      <c r="H16043" s="5">
        <v>6</v>
      </c>
      <c r="I16043" s="5" t="s">
        <v>1518</v>
      </c>
      <c r="J16043" s="5" t="s">
        <v>40939</v>
      </c>
      <c r="K16043" s="2" t="s">
        <v>40940</v>
      </c>
      <c r="L16043" s="5" t="s">
        <v>40939</v>
      </c>
      <c r="M16043" s="2" t="s">
        <v>40940</v>
      </c>
      <c r="N16043" s="5" t="s">
        <v>19227</v>
      </c>
      <c r="O16043" s="5" t="s">
        <v>38</v>
      </c>
      <c r="P16043" s="5" t="s">
        <v>39</v>
      </c>
      <c r="Q16043" s="5" t="s">
        <v>40</v>
      </c>
      <c r="R16043" s="5" t="s">
        <v>1487</v>
      </c>
      <c r="S16043" s="5"/>
      <c r="T16043" s="5" t="s">
        <v>42</v>
      </c>
      <c r="U16043" s="2">
        <v>0</v>
      </c>
      <c r="V16043" s="2">
        <v>0</v>
      </c>
      <c r="W16043" s="2">
        <v>0</v>
      </c>
      <c r="X16043" s="2">
        <v>0</v>
      </c>
      <c r="Y16043" s="2">
        <v>0</v>
      </c>
      <c r="Z16043" s="2">
        <v>0</v>
      </c>
      <c r="AA16043" s="5"/>
      <c r="AB16043" s="5" t="s">
        <v>43</v>
      </c>
      <c r="AC16043" s="5" t="s">
        <v>44</v>
      </c>
      <c r="AD16043" s="2"/>
      <c r="AE16043" s="1"/>
    </row>
    <row r="16044" spans="1:31" ht="14.45">
      <c r="A16044" s="11"/>
      <c r="B16044" s="20"/>
      <c r="C16044" s="2" t="s">
        <v>49089</v>
      </c>
      <c r="D16044" s="14" t="s">
        <v>49090</v>
      </c>
      <c r="E16044" s="2" t="s">
        <v>49091</v>
      </c>
      <c r="F16044" s="2" t="s">
        <v>7204</v>
      </c>
      <c r="G16044" s="8">
        <v>228</v>
      </c>
      <c r="H16044" s="5">
        <v>6</v>
      </c>
      <c r="I16044" s="5" t="s">
        <v>1518</v>
      </c>
      <c r="J16044" s="5" t="s">
        <v>40939</v>
      </c>
      <c r="K16044" s="2" t="s">
        <v>40940</v>
      </c>
      <c r="L16044" s="5" t="s">
        <v>40939</v>
      </c>
      <c r="M16044" s="2" t="s">
        <v>40940</v>
      </c>
      <c r="N16044" s="5" t="s">
        <v>19227</v>
      </c>
      <c r="O16044" s="5" t="s">
        <v>38</v>
      </c>
      <c r="P16044" s="5" t="s">
        <v>39</v>
      </c>
      <c r="Q16044" s="5" t="s">
        <v>40</v>
      </c>
      <c r="R16044" s="5" t="s">
        <v>1487</v>
      </c>
      <c r="S16044" s="5"/>
      <c r="T16044" s="5" t="s">
        <v>42</v>
      </c>
      <c r="U16044" s="2">
        <v>0</v>
      </c>
      <c r="V16044" s="2">
        <v>0</v>
      </c>
      <c r="W16044" s="2">
        <v>0</v>
      </c>
      <c r="X16044" s="2">
        <v>0</v>
      </c>
      <c r="Y16044" s="2">
        <v>0</v>
      </c>
      <c r="Z16044" s="2">
        <v>0</v>
      </c>
      <c r="AA16044" s="5"/>
      <c r="AB16044" s="5" t="s">
        <v>43</v>
      </c>
      <c r="AC16044" s="5" t="s">
        <v>44</v>
      </c>
      <c r="AD16044" s="2"/>
      <c r="AE16044" s="1"/>
    </row>
    <row r="16045" spans="1:31" ht="14.45">
      <c r="A16045" s="11"/>
      <c r="B16045" s="20"/>
      <c r="C16045" s="2" t="s">
        <v>49092</v>
      </c>
      <c r="D16045" s="14" t="s">
        <v>49093</v>
      </c>
      <c r="E16045" s="2" t="s">
        <v>49094</v>
      </c>
      <c r="F16045" s="2" t="s">
        <v>7514</v>
      </c>
      <c r="G16045" s="8">
        <v>228</v>
      </c>
      <c r="H16045" s="5">
        <v>6</v>
      </c>
      <c r="I16045" s="5" t="s">
        <v>1518</v>
      </c>
      <c r="J16045" s="5" t="s">
        <v>40939</v>
      </c>
      <c r="K16045" s="2" t="s">
        <v>40940</v>
      </c>
      <c r="L16045" s="5" t="s">
        <v>40939</v>
      </c>
      <c r="M16045" s="2" t="s">
        <v>40940</v>
      </c>
      <c r="N16045" s="5" t="s">
        <v>19227</v>
      </c>
      <c r="O16045" s="5" t="s">
        <v>38</v>
      </c>
      <c r="P16045" s="5" t="s">
        <v>39</v>
      </c>
      <c r="Q16045" s="5" t="s">
        <v>40</v>
      </c>
      <c r="R16045" s="5" t="s">
        <v>1487</v>
      </c>
      <c r="S16045" s="5"/>
      <c r="T16045" s="5" t="s">
        <v>42</v>
      </c>
      <c r="U16045" s="2">
        <v>0</v>
      </c>
      <c r="V16045" s="2">
        <v>0</v>
      </c>
      <c r="W16045" s="2">
        <v>0</v>
      </c>
      <c r="X16045" s="2">
        <v>0</v>
      </c>
      <c r="Y16045" s="2">
        <v>0</v>
      </c>
      <c r="Z16045" s="2">
        <v>0</v>
      </c>
      <c r="AA16045" s="5"/>
      <c r="AB16045" s="5" t="s">
        <v>43</v>
      </c>
      <c r="AC16045" s="5" t="s">
        <v>44</v>
      </c>
      <c r="AD16045" s="2"/>
      <c r="AE16045" s="1"/>
    </row>
    <row r="16046" spans="1:31" ht="14.45">
      <c r="A16046" s="11"/>
      <c r="B16046" s="20"/>
      <c r="C16046" s="2" t="s">
        <v>49095</v>
      </c>
      <c r="D16046" s="14" t="s">
        <v>49096</v>
      </c>
      <c r="E16046" s="2" t="s">
        <v>49097</v>
      </c>
      <c r="F16046" s="2" t="s">
        <v>7208</v>
      </c>
      <c r="G16046" s="8">
        <v>228</v>
      </c>
      <c r="H16046" s="5">
        <v>6</v>
      </c>
      <c r="I16046" s="5" t="s">
        <v>1518</v>
      </c>
      <c r="J16046" s="5" t="s">
        <v>40939</v>
      </c>
      <c r="K16046" s="2" t="s">
        <v>40940</v>
      </c>
      <c r="L16046" s="5" t="s">
        <v>40939</v>
      </c>
      <c r="M16046" s="2" t="s">
        <v>40940</v>
      </c>
      <c r="N16046" s="5" t="s">
        <v>19227</v>
      </c>
      <c r="O16046" s="5" t="s">
        <v>38</v>
      </c>
      <c r="P16046" s="5" t="s">
        <v>39</v>
      </c>
      <c r="Q16046" s="5" t="s">
        <v>40</v>
      </c>
      <c r="R16046" s="5" t="s">
        <v>1487</v>
      </c>
      <c r="S16046" s="5"/>
      <c r="T16046" s="5" t="s">
        <v>42</v>
      </c>
      <c r="U16046" s="2">
        <v>0</v>
      </c>
      <c r="V16046" s="2">
        <v>0</v>
      </c>
      <c r="W16046" s="2">
        <v>0</v>
      </c>
      <c r="X16046" s="2">
        <v>0</v>
      </c>
      <c r="Y16046" s="2">
        <v>0</v>
      </c>
      <c r="Z16046" s="2">
        <v>0</v>
      </c>
      <c r="AA16046" s="5"/>
      <c r="AB16046" s="5" t="s">
        <v>43</v>
      </c>
      <c r="AC16046" s="5" t="s">
        <v>44</v>
      </c>
      <c r="AD16046" s="2"/>
      <c r="AE16046" s="1"/>
    </row>
    <row r="16047" spans="1:31" ht="14.45">
      <c r="A16047" s="11"/>
      <c r="B16047" s="20"/>
      <c r="C16047" s="2" t="s">
        <v>49098</v>
      </c>
      <c r="D16047" s="14" t="s">
        <v>49099</v>
      </c>
      <c r="E16047" s="2" t="s">
        <v>49100</v>
      </c>
      <c r="F16047" s="2" t="s">
        <v>7521</v>
      </c>
      <c r="G16047" s="8">
        <v>228</v>
      </c>
      <c r="H16047" s="5">
        <v>6</v>
      </c>
      <c r="I16047" s="5" t="s">
        <v>1518</v>
      </c>
      <c r="J16047" s="5" t="s">
        <v>40939</v>
      </c>
      <c r="K16047" s="2" t="s">
        <v>40940</v>
      </c>
      <c r="L16047" s="5" t="s">
        <v>40939</v>
      </c>
      <c r="M16047" s="2" t="s">
        <v>40940</v>
      </c>
      <c r="N16047" s="5" t="s">
        <v>19227</v>
      </c>
      <c r="O16047" s="5" t="s">
        <v>38</v>
      </c>
      <c r="P16047" s="5" t="s">
        <v>39</v>
      </c>
      <c r="Q16047" s="5" t="s">
        <v>40</v>
      </c>
      <c r="R16047" s="5" t="s">
        <v>1487</v>
      </c>
      <c r="S16047" s="5"/>
      <c r="T16047" s="5" t="s">
        <v>42</v>
      </c>
      <c r="U16047" s="2">
        <v>0</v>
      </c>
      <c r="V16047" s="2">
        <v>0</v>
      </c>
      <c r="W16047" s="2">
        <v>0</v>
      </c>
      <c r="X16047" s="2">
        <v>0</v>
      </c>
      <c r="Y16047" s="2">
        <v>0</v>
      </c>
      <c r="Z16047" s="2">
        <v>0</v>
      </c>
      <c r="AA16047" s="5"/>
      <c r="AB16047" s="5" t="s">
        <v>43</v>
      </c>
      <c r="AC16047" s="5" t="s">
        <v>44</v>
      </c>
      <c r="AD16047" s="2"/>
      <c r="AE16047" s="1"/>
    </row>
    <row r="16048" spans="1:31" ht="14.45">
      <c r="A16048" s="11"/>
      <c r="B16048" s="20"/>
      <c r="C16048" s="2" t="s">
        <v>49101</v>
      </c>
      <c r="D16048" s="14" t="s">
        <v>49102</v>
      </c>
      <c r="E16048" s="2" t="s">
        <v>49103</v>
      </c>
      <c r="F16048" s="2" t="s">
        <v>36273</v>
      </c>
      <c r="G16048" s="8">
        <v>228</v>
      </c>
      <c r="H16048" s="5">
        <v>6</v>
      </c>
      <c r="I16048" s="5" t="s">
        <v>1518</v>
      </c>
      <c r="J16048" s="5" t="s">
        <v>40939</v>
      </c>
      <c r="K16048" s="2" t="s">
        <v>40940</v>
      </c>
      <c r="L16048" s="5" t="s">
        <v>40939</v>
      </c>
      <c r="M16048" s="2" t="s">
        <v>40940</v>
      </c>
      <c r="N16048" s="5" t="s">
        <v>19227</v>
      </c>
      <c r="O16048" s="5" t="s">
        <v>38</v>
      </c>
      <c r="P16048" s="5" t="s">
        <v>39</v>
      </c>
      <c r="Q16048" s="5" t="s">
        <v>40</v>
      </c>
      <c r="R16048" s="5" t="s">
        <v>1487</v>
      </c>
      <c r="S16048" s="5"/>
      <c r="T16048" s="5" t="s">
        <v>42</v>
      </c>
      <c r="U16048" s="2">
        <v>0</v>
      </c>
      <c r="V16048" s="2">
        <v>0</v>
      </c>
      <c r="W16048" s="2">
        <v>0</v>
      </c>
      <c r="X16048" s="2">
        <v>0</v>
      </c>
      <c r="Y16048" s="2">
        <v>0</v>
      </c>
      <c r="Z16048" s="2">
        <v>0</v>
      </c>
      <c r="AA16048" s="5"/>
      <c r="AB16048" s="5" t="s">
        <v>43</v>
      </c>
      <c r="AC16048" s="5" t="s">
        <v>44</v>
      </c>
      <c r="AD16048" s="2"/>
      <c r="AE16048" s="1"/>
    </row>
    <row r="16049" spans="1:31" ht="14.45">
      <c r="A16049" s="11"/>
      <c r="B16049" s="20"/>
      <c r="C16049" s="2" t="s">
        <v>49104</v>
      </c>
      <c r="D16049" s="14" t="s">
        <v>49105</v>
      </c>
      <c r="E16049" s="2" t="s">
        <v>49106</v>
      </c>
      <c r="F16049" s="2" t="s">
        <v>36277</v>
      </c>
      <c r="G16049" s="8">
        <v>228</v>
      </c>
      <c r="H16049" s="5">
        <v>6</v>
      </c>
      <c r="I16049" s="5" t="s">
        <v>1518</v>
      </c>
      <c r="J16049" s="5" t="s">
        <v>40939</v>
      </c>
      <c r="K16049" s="2" t="s">
        <v>40940</v>
      </c>
      <c r="L16049" s="5" t="s">
        <v>40939</v>
      </c>
      <c r="M16049" s="2" t="s">
        <v>40940</v>
      </c>
      <c r="N16049" s="5" t="s">
        <v>19227</v>
      </c>
      <c r="O16049" s="5" t="s">
        <v>38</v>
      </c>
      <c r="P16049" s="5" t="s">
        <v>39</v>
      </c>
      <c r="Q16049" s="5" t="s">
        <v>40</v>
      </c>
      <c r="R16049" s="5" t="s">
        <v>1487</v>
      </c>
      <c r="S16049" s="5"/>
      <c r="T16049" s="5" t="s">
        <v>42</v>
      </c>
      <c r="U16049" s="2">
        <v>0</v>
      </c>
      <c r="V16049" s="2">
        <v>0</v>
      </c>
      <c r="W16049" s="2">
        <v>0</v>
      </c>
      <c r="X16049" s="2">
        <v>0</v>
      </c>
      <c r="Y16049" s="2">
        <v>0</v>
      </c>
      <c r="Z16049" s="2">
        <v>0</v>
      </c>
      <c r="AA16049" s="5"/>
      <c r="AB16049" s="5" t="s">
        <v>43</v>
      </c>
      <c r="AC16049" s="5" t="s">
        <v>44</v>
      </c>
      <c r="AD16049" s="2"/>
      <c r="AE16049" s="1"/>
    </row>
    <row r="16050" spans="1:31" ht="14.45">
      <c r="A16050" s="11"/>
      <c r="B16050" s="20"/>
      <c r="C16050" s="2" t="s">
        <v>49107</v>
      </c>
      <c r="D16050" s="14" t="s">
        <v>49108</v>
      </c>
      <c r="E16050" s="2" t="s">
        <v>49109</v>
      </c>
      <c r="F16050" s="2" t="s">
        <v>7396</v>
      </c>
      <c r="G16050" s="8">
        <v>228</v>
      </c>
      <c r="H16050" s="5">
        <v>6</v>
      </c>
      <c r="I16050" s="5" t="s">
        <v>1518</v>
      </c>
      <c r="J16050" s="5" t="s">
        <v>40939</v>
      </c>
      <c r="K16050" s="2" t="s">
        <v>40940</v>
      </c>
      <c r="L16050" s="5" t="s">
        <v>40939</v>
      </c>
      <c r="M16050" s="2" t="s">
        <v>40940</v>
      </c>
      <c r="N16050" s="5" t="s">
        <v>19227</v>
      </c>
      <c r="O16050" s="5" t="s">
        <v>38</v>
      </c>
      <c r="P16050" s="5" t="s">
        <v>39</v>
      </c>
      <c r="Q16050" s="5" t="s">
        <v>40</v>
      </c>
      <c r="R16050" s="5" t="s">
        <v>1487</v>
      </c>
      <c r="S16050" s="5"/>
      <c r="T16050" s="5" t="s">
        <v>42</v>
      </c>
      <c r="U16050" s="2">
        <v>0</v>
      </c>
      <c r="V16050" s="2">
        <v>0</v>
      </c>
      <c r="W16050" s="2">
        <v>0</v>
      </c>
      <c r="X16050" s="2">
        <v>0</v>
      </c>
      <c r="Y16050" s="2">
        <v>0</v>
      </c>
      <c r="Z16050" s="2">
        <v>0</v>
      </c>
      <c r="AA16050" s="5"/>
      <c r="AB16050" s="5" t="s">
        <v>43</v>
      </c>
      <c r="AC16050" s="5" t="s">
        <v>44</v>
      </c>
      <c r="AD16050" s="2"/>
      <c r="AE16050" s="1"/>
    </row>
    <row r="16051" spans="1:31" ht="14.45">
      <c r="A16051" s="11"/>
      <c r="B16051" s="20"/>
      <c r="C16051" s="2" t="s">
        <v>49110</v>
      </c>
      <c r="D16051" s="14" t="s">
        <v>49111</v>
      </c>
      <c r="E16051" s="2" t="s">
        <v>49112</v>
      </c>
      <c r="F16051" s="2" t="s">
        <v>7507</v>
      </c>
      <c r="G16051" s="8">
        <v>228</v>
      </c>
      <c r="H16051" s="5">
        <v>6</v>
      </c>
      <c r="I16051" s="5" t="s">
        <v>1518</v>
      </c>
      <c r="J16051" s="5" t="s">
        <v>40939</v>
      </c>
      <c r="K16051" s="2" t="s">
        <v>40940</v>
      </c>
      <c r="L16051" s="5" t="s">
        <v>40939</v>
      </c>
      <c r="M16051" s="2" t="s">
        <v>40940</v>
      </c>
      <c r="N16051" s="5" t="s">
        <v>19227</v>
      </c>
      <c r="O16051" s="5" t="s">
        <v>38</v>
      </c>
      <c r="P16051" s="5" t="s">
        <v>39</v>
      </c>
      <c r="Q16051" s="5" t="s">
        <v>40</v>
      </c>
      <c r="R16051" s="5" t="s">
        <v>1487</v>
      </c>
      <c r="S16051" s="5"/>
      <c r="T16051" s="5" t="s">
        <v>42</v>
      </c>
      <c r="U16051" s="2">
        <v>0</v>
      </c>
      <c r="V16051" s="2">
        <v>0</v>
      </c>
      <c r="W16051" s="2">
        <v>0</v>
      </c>
      <c r="X16051" s="2">
        <v>0</v>
      </c>
      <c r="Y16051" s="2">
        <v>0</v>
      </c>
      <c r="Z16051" s="2">
        <v>0</v>
      </c>
      <c r="AA16051" s="5"/>
      <c r="AB16051" s="5" t="s">
        <v>43</v>
      </c>
      <c r="AC16051" s="5" t="s">
        <v>44</v>
      </c>
      <c r="AD16051" s="2"/>
      <c r="AE16051" s="1"/>
    </row>
    <row r="16052" spans="1:31" ht="14.45">
      <c r="A16052" s="11"/>
      <c r="B16052" s="20"/>
      <c r="C16052" s="2" t="s">
        <v>49113</v>
      </c>
      <c r="D16052" s="14" t="s">
        <v>49114</v>
      </c>
      <c r="E16052" s="2" t="s">
        <v>49115</v>
      </c>
      <c r="F16052" s="2" t="s">
        <v>7204</v>
      </c>
      <c r="G16052" s="8">
        <v>207</v>
      </c>
      <c r="H16052" s="5">
        <v>6</v>
      </c>
      <c r="I16052" s="5" t="s">
        <v>1518</v>
      </c>
      <c r="J16052" s="5" t="s">
        <v>40939</v>
      </c>
      <c r="K16052" s="2" t="s">
        <v>40940</v>
      </c>
      <c r="L16052" s="5" t="s">
        <v>40939</v>
      </c>
      <c r="M16052" s="2" t="s">
        <v>40940</v>
      </c>
      <c r="N16052" s="5" t="s">
        <v>19227</v>
      </c>
      <c r="O16052" s="5" t="s">
        <v>38</v>
      </c>
      <c r="P16052" s="5" t="s">
        <v>39</v>
      </c>
      <c r="Q16052" s="5" t="s">
        <v>40</v>
      </c>
      <c r="R16052" s="5" t="s">
        <v>1487</v>
      </c>
      <c r="S16052" s="5"/>
      <c r="T16052" s="5" t="s">
        <v>42</v>
      </c>
      <c r="U16052" s="2">
        <v>0</v>
      </c>
      <c r="V16052" s="2">
        <v>0</v>
      </c>
      <c r="W16052" s="2">
        <v>0</v>
      </c>
      <c r="X16052" s="2">
        <v>0</v>
      </c>
      <c r="Y16052" s="2">
        <v>0</v>
      </c>
      <c r="Z16052" s="2">
        <v>0</v>
      </c>
      <c r="AA16052" s="5"/>
      <c r="AB16052" s="5" t="s">
        <v>43</v>
      </c>
      <c r="AC16052" s="5" t="s">
        <v>44</v>
      </c>
      <c r="AD16052" s="2"/>
      <c r="AE16052" s="1"/>
    </row>
    <row r="16053" spans="1:31" ht="14.45">
      <c r="A16053" s="11"/>
      <c r="B16053" s="20"/>
      <c r="C16053" s="2" t="s">
        <v>49116</v>
      </c>
      <c r="D16053" s="14" t="s">
        <v>49117</v>
      </c>
      <c r="E16053" s="2" t="s">
        <v>49118</v>
      </c>
      <c r="F16053" s="2" t="s">
        <v>7514</v>
      </c>
      <c r="G16053" s="8">
        <v>207</v>
      </c>
      <c r="H16053" s="5">
        <v>6</v>
      </c>
      <c r="I16053" s="5" t="s">
        <v>1518</v>
      </c>
      <c r="J16053" s="5" t="s">
        <v>40939</v>
      </c>
      <c r="K16053" s="2" t="s">
        <v>40940</v>
      </c>
      <c r="L16053" s="5" t="s">
        <v>40939</v>
      </c>
      <c r="M16053" s="2" t="s">
        <v>40940</v>
      </c>
      <c r="N16053" s="5" t="s">
        <v>19227</v>
      </c>
      <c r="O16053" s="5" t="s">
        <v>38</v>
      </c>
      <c r="P16053" s="5" t="s">
        <v>39</v>
      </c>
      <c r="Q16053" s="5" t="s">
        <v>40</v>
      </c>
      <c r="R16053" s="5" t="s">
        <v>1487</v>
      </c>
      <c r="S16053" s="5"/>
      <c r="T16053" s="5" t="s">
        <v>42</v>
      </c>
      <c r="U16053" s="2">
        <v>0</v>
      </c>
      <c r="V16053" s="2">
        <v>0</v>
      </c>
      <c r="W16053" s="2">
        <v>0</v>
      </c>
      <c r="X16053" s="2">
        <v>0</v>
      </c>
      <c r="Y16053" s="2">
        <v>0</v>
      </c>
      <c r="Z16053" s="2">
        <v>0</v>
      </c>
      <c r="AA16053" s="5"/>
      <c r="AB16053" s="5" t="s">
        <v>43</v>
      </c>
      <c r="AC16053" s="5" t="s">
        <v>44</v>
      </c>
      <c r="AD16053" s="2"/>
      <c r="AE16053" s="1"/>
    </row>
    <row r="16054" spans="1:31" ht="14.45">
      <c r="A16054" s="11"/>
      <c r="B16054" s="20"/>
      <c r="C16054" s="2" t="s">
        <v>49119</v>
      </c>
      <c r="D16054" s="14" t="s">
        <v>49120</v>
      </c>
      <c r="E16054" s="2" t="s">
        <v>49121</v>
      </c>
      <c r="F16054" s="2" t="s">
        <v>7208</v>
      </c>
      <c r="G16054" s="8">
        <v>207</v>
      </c>
      <c r="H16054" s="5">
        <v>6</v>
      </c>
      <c r="I16054" s="5" t="s">
        <v>1518</v>
      </c>
      <c r="J16054" s="5" t="s">
        <v>40939</v>
      </c>
      <c r="K16054" s="2" t="s">
        <v>40940</v>
      </c>
      <c r="L16054" s="5" t="s">
        <v>40939</v>
      </c>
      <c r="M16054" s="2" t="s">
        <v>40940</v>
      </c>
      <c r="N16054" s="5" t="s">
        <v>19227</v>
      </c>
      <c r="O16054" s="5" t="s">
        <v>38</v>
      </c>
      <c r="P16054" s="5" t="s">
        <v>39</v>
      </c>
      <c r="Q16054" s="5" t="s">
        <v>40</v>
      </c>
      <c r="R16054" s="5" t="s">
        <v>1487</v>
      </c>
      <c r="S16054" s="5"/>
      <c r="T16054" s="5" t="s">
        <v>42</v>
      </c>
      <c r="U16054" s="2">
        <v>0</v>
      </c>
      <c r="V16054" s="2">
        <v>0</v>
      </c>
      <c r="W16054" s="2">
        <v>0</v>
      </c>
      <c r="X16054" s="2">
        <v>0</v>
      </c>
      <c r="Y16054" s="2">
        <v>0</v>
      </c>
      <c r="Z16054" s="2">
        <v>0</v>
      </c>
      <c r="AA16054" s="5"/>
      <c r="AB16054" s="5" t="s">
        <v>43</v>
      </c>
      <c r="AC16054" s="5" t="s">
        <v>44</v>
      </c>
      <c r="AD16054" s="2"/>
      <c r="AE16054" s="1"/>
    </row>
    <row r="16055" spans="1:31" ht="14.45">
      <c r="A16055" s="11"/>
      <c r="B16055" s="20"/>
      <c r="C16055" s="2" t="s">
        <v>49122</v>
      </c>
      <c r="D16055" s="14" t="s">
        <v>49123</v>
      </c>
      <c r="E16055" s="2" t="s">
        <v>49124</v>
      </c>
      <c r="F16055" s="2" t="s">
        <v>7521</v>
      </c>
      <c r="G16055" s="8">
        <v>207</v>
      </c>
      <c r="H16055" s="5">
        <v>6</v>
      </c>
      <c r="I16055" s="5" t="s">
        <v>1518</v>
      </c>
      <c r="J16055" s="5" t="s">
        <v>40939</v>
      </c>
      <c r="K16055" s="2" t="s">
        <v>40940</v>
      </c>
      <c r="L16055" s="5" t="s">
        <v>40939</v>
      </c>
      <c r="M16055" s="2" t="s">
        <v>40940</v>
      </c>
      <c r="N16055" s="5" t="s">
        <v>19227</v>
      </c>
      <c r="O16055" s="5" t="s">
        <v>38</v>
      </c>
      <c r="P16055" s="5" t="s">
        <v>39</v>
      </c>
      <c r="Q16055" s="5" t="s">
        <v>40</v>
      </c>
      <c r="R16055" s="5" t="s">
        <v>1487</v>
      </c>
      <c r="S16055" s="5"/>
      <c r="T16055" s="5" t="s">
        <v>42</v>
      </c>
      <c r="U16055" s="2">
        <v>0</v>
      </c>
      <c r="V16055" s="2">
        <v>0</v>
      </c>
      <c r="W16055" s="2">
        <v>0</v>
      </c>
      <c r="X16055" s="2">
        <v>0</v>
      </c>
      <c r="Y16055" s="2">
        <v>0</v>
      </c>
      <c r="Z16055" s="2">
        <v>0</v>
      </c>
      <c r="AA16055" s="5"/>
      <c r="AB16055" s="5" t="s">
        <v>43</v>
      </c>
      <c r="AC16055" s="5" t="s">
        <v>44</v>
      </c>
      <c r="AD16055" s="2"/>
      <c r="AE16055" s="1"/>
    </row>
    <row r="16056" spans="1:31" ht="14.45">
      <c r="A16056" s="11"/>
      <c r="B16056" s="20"/>
      <c r="C16056" s="2" t="s">
        <v>49125</v>
      </c>
      <c r="D16056" s="14" t="s">
        <v>49126</v>
      </c>
      <c r="E16056" s="2" t="s">
        <v>49127</v>
      </c>
      <c r="F16056" s="2" t="s">
        <v>36273</v>
      </c>
      <c r="G16056" s="8">
        <v>207</v>
      </c>
      <c r="H16056" s="5">
        <v>6</v>
      </c>
      <c r="I16056" s="5" t="s">
        <v>1518</v>
      </c>
      <c r="J16056" s="5" t="s">
        <v>40939</v>
      </c>
      <c r="K16056" s="2" t="s">
        <v>40940</v>
      </c>
      <c r="L16056" s="5" t="s">
        <v>40939</v>
      </c>
      <c r="M16056" s="2" t="s">
        <v>40940</v>
      </c>
      <c r="N16056" s="5" t="s">
        <v>19227</v>
      </c>
      <c r="O16056" s="5" t="s">
        <v>38</v>
      </c>
      <c r="P16056" s="5" t="s">
        <v>39</v>
      </c>
      <c r="Q16056" s="5" t="s">
        <v>40</v>
      </c>
      <c r="R16056" s="5" t="s">
        <v>1487</v>
      </c>
      <c r="S16056" s="5"/>
      <c r="T16056" s="5" t="s">
        <v>42</v>
      </c>
      <c r="U16056" s="2">
        <v>0</v>
      </c>
      <c r="V16056" s="2">
        <v>0</v>
      </c>
      <c r="W16056" s="2">
        <v>0</v>
      </c>
      <c r="X16056" s="2">
        <v>0</v>
      </c>
      <c r="Y16056" s="2">
        <v>0</v>
      </c>
      <c r="Z16056" s="2">
        <v>0</v>
      </c>
      <c r="AA16056" s="5"/>
      <c r="AB16056" s="5" t="s">
        <v>43</v>
      </c>
      <c r="AC16056" s="5" t="s">
        <v>44</v>
      </c>
      <c r="AD16056" s="2"/>
      <c r="AE16056" s="1"/>
    </row>
    <row r="16057" spans="1:31" ht="14.45">
      <c r="A16057" s="11"/>
      <c r="B16057" s="20"/>
      <c r="C16057" s="2" t="s">
        <v>49128</v>
      </c>
      <c r="D16057" s="14" t="s">
        <v>49129</v>
      </c>
      <c r="E16057" s="2" t="s">
        <v>49130</v>
      </c>
      <c r="F16057" s="2" t="s">
        <v>36277</v>
      </c>
      <c r="G16057" s="8">
        <v>207</v>
      </c>
      <c r="H16057" s="5">
        <v>6</v>
      </c>
      <c r="I16057" s="5" t="s">
        <v>1518</v>
      </c>
      <c r="J16057" s="5" t="s">
        <v>40939</v>
      </c>
      <c r="K16057" s="2" t="s">
        <v>40940</v>
      </c>
      <c r="L16057" s="5" t="s">
        <v>40939</v>
      </c>
      <c r="M16057" s="2" t="s">
        <v>40940</v>
      </c>
      <c r="N16057" s="5" t="s">
        <v>19227</v>
      </c>
      <c r="O16057" s="5" t="s">
        <v>38</v>
      </c>
      <c r="P16057" s="5" t="s">
        <v>39</v>
      </c>
      <c r="Q16057" s="5" t="s">
        <v>40</v>
      </c>
      <c r="R16057" s="5" t="s">
        <v>1487</v>
      </c>
      <c r="S16057" s="5"/>
      <c r="T16057" s="5" t="s">
        <v>42</v>
      </c>
      <c r="U16057" s="2">
        <v>0</v>
      </c>
      <c r="V16057" s="2">
        <v>0</v>
      </c>
      <c r="W16057" s="2">
        <v>0</v>
      </c>
      <c r="X16057" s="2">
        <v>0</v>
      </c>
      <c r="Y16057" s="2">
        <v>0</v>
      </c>
      <c r="Z16057" s="2">
        <v>0</v>
      </c>
      <c r="AA16057" s="5"/>
      <c r="AB16057" s="5" t="s">
        <v>43</v>
      </c>
      <c r="AC16057" s="5" t="s">
        <v>44</v>
      </c>
      <c r="AD16057" s="2"/>
      <c r="AE16057" s="1"/>
    </row>
    <row r="16058" spans="1:31" ht="14.45">
      <c r="A16058" s="11"/>
      <c r="B16058" s="20"/>
      <c r="C16058" s="2" t="s">
        <v>49131</v>
      </c>
      <c r="D16058" s="14" t="s">
        <v>49132</v>
      </c>
      <c r="E16058" s="2" t="s">
        <v>49133</v>
      </c>
      <c r="F16058" s="2" t="s">
        <v>7396</v>
      </c>
      <c r="G16058" s="8">
        <v>207</v>
      </c>
      <c r="H16058" s="5">
        <v>6</v>
      </c>
      <c r="I16058" s="5" t="s">
        <v>1518</v>
      </c>
      <c r="J16058" s="5" t="s">
        <v>40939</v>
      </c>
      <c r="K16058" s="2" t="s">
        <v>40940</v>
      </c>
      <c r="L16058" s="5" t="s">
        <v>40939</v>
      </c>
      <c r="M16058" s="2" t="s">
        <v>40940</v>
      </c>
      <c r="N16058" s="5" t="s">
        <v>19227</v>
      </c>
      <c r="O16058" s="5" t="s">
        <v>38</v>
      </c>
      <c r="P16058" s="5" t="s">
        <v>39</v>
      </c>
      <c r="Q16058" s="5" t="s">
        <v>40</v>
      </c>
      <c r="R16058" s="5" t="s">
        <v>1487</v>
      </c>
      <c r="S16058" s="5"/>
      <c r="T16058" s="5" t="s">
        <v>42</v>
      </c>
      <c r="U16058" s="2">
        <v>0</v>
      </c>
      <c r="V16058" s="2">
        <v>0</v>
      </c>
      <c r="W16058" s="2">
        <v>0</v>
      </c>
      <c r="X16058" s="2">
        <v>0</v>
      </c>
      <c r="Y16058" s="2">
        <v>0</v>
      </c>
      <c r="Z16058" s="2">
        <v>0</v>
      </c>
      <c r="AA16058" s="5"/>
      <c r="AB16058" s="5" t="s">
        <v>43</v>
      </c>
      <c r="AC16058" s="5" t="s">
        <v>44</v>
      </c>
      <c r="AD16058" s="2"/>
      <c r="AE16058" s="1"/>
    </row>
    <row r="16059" spans="1:31" ht="14.45">
      <c r="A16059" s="11"/>
      <c r="B16059" s="20"/>
      <c r="C16059" s="2" t="s">
        <v>49134</v>
      </c>
      <c r="D16059" s="14" t="s">
        <v>49135</v>
      </c>
      <c r="E16059" s="2" t="s">
        <v>49136</v>
      </c>
      <c r="F16059" s="2" t="s">
        <v>7507</v>
      </c>
      <c r="G16059" s="8">
        <v>207</v>
      </c>
      <c r="H16059" s="5">
        <v>6</v>
      </c>
      <c r="I16059" s="5" t="s">
        <v>1518</v>
      </c>
      <c r="J16059" s="5" t="s">
        <v>40939</v>
      </c>
      <c r="K16059" s="2" t="s">
        <v>40940</v>
      </c>
      <c r="L16059" s="5" t="s">
        <v>40939</v>
      </c>
      <c r="M16059" s="2" t="s">
        <v>40940</v>
      </c>
      <c r="N16059" s="5" t="s">
        <v>19227</v>
      </c>
      <c r="O16059" s="5" t="s">
        <v>38</v>
      </c>
      <c r="P16059" s="5" t="s">
        <v>39</v>
      </c>
      <c r="Q16059" s="5" t="s">
        <v>40</v>
      </c>
      <c r="R16059" s="5" t="s">
        <v>1487</v>
      </c>
      <c r="S16059" s="5"/>
      <c r="T16059" s="5" t="s">
        <v>42</v>
      </c>
      <c r="U16059" s="2">
        <v>0</v>
      </c>
      <c r="V16059" s="2">
        <v>0</v>
      </c>
      <c r="W16059" s="2">
        <v>0</v>
      </c>
      <c r="X16059" s="2">
        <v>0</v>
      </c>
      <c r="Y16059" s="2">
        <v>0</v>
      </c>
      <c r="Z16059" s="2">
        <v>0</v>
      </c>
      <c r="AA16059" s="5"/>
      <c r="AB16059" s="5" t="s">
        <v>43</v>
      </c>
      <c r="AC16059" s="5" t="s">
        <v>44</v>
      </c>
      <c r="AD16059" s="2"/>
      <c r="AE16059" s="1"/>
    </row>
    <row r="16060" spans="1:31" ht="14.45">
      <c r="A16060" s="11"/>
      <c r="B16060" s="20"/>
      <c r="C16060" s="2" t="s">
        <v>49137</v>
      </c>
      <c r="D16060" s="14" t="s">
        <v>49138</v>
      </c>
      <c r="E16060" s="2" t="s">
        <v>49139</v>
      </c>
      <c r="F16060" s="2" t="s">
        <v>7204</v>
      </c>
      <c r="G16060" s="8">
        <v>217</v>
      </c>
      <c r="H16060" s="5">
        <v>6</v>
      </c>
      <c r="I16060" s="5" t="s">
        <v>1518</v>
      </c>
      <c r="J16060" s="5" t="s">
        <v>40939</v>
      </c>
      <c r="K16060" s="2" t="s">
        <v>40940</v>
      </c>
      <c r="L16060" s="5" t="s">
        <v>40939</v>
      </c>
      <c r="M16060" s="2" t="s">
        <v>40940</v>
      </c>
      <c r="N16060" s="5" t="s">
        <v>19227</v>
      </c>
      <c r="O16060" s="5" t="s">
        <v>38</v>
      </c>
      <c r="P16060" s="5" t="s">
        <v>39</v>
      </c>
      <c r="Q16060" s="5" t="s">
        <v>40</v>
      </c>
      <c r="R16060" s="5" t="s">
        <v>1487</v>
      </c>
      <c r="S16060" s="5"/>
      <c r="T16060" s="5" t="s">
        <v>42</v>
      </c>
      <c r="U16060" s="2">
        <v>0</v>
      </c>
      <c r="V16060" s="2">
        <v>0</v>
      </c>
      <c r="W16060" s="2">
        <v>0</v>
      </c>
      <c r="X16060" s="2">
        <v>0</v>
      </c>
      <c r="Y16060" s="2">
        <v>0</v>
      </c>
      <c r="Z16060" s="2">
        <v>0</v>
      </c>
      <c r="AA16060" s="5"/>
      <c r="AB16060" s="5" t="s">
        <v>43</v>
      </c>
      <c r="AC16060" s="5" t="s">
        <v>44</v>
      </c>
      <c r="AD16060" s="2"/>
      <c r="AE16060" s="1"/>
    </row>
    <row r="16061" spans="1:31" ht="14.45">
      <c r="A16061" s="11"/>
      <c r="B16061" s="20"/>
      <c r="C16061" s="2" t="s">
        <v>49140</v>
      </c>
      <c r="D16061" s="14" t="s">
        <v>49141</v>
      </c>
      <c r="E16061" s="2" t="s">
        <v>49142</v>
      </c>
      <c r="F16061" s="2" t="s">
        <v>7514</v>
      </c>
      <c r="G16061" s="8">
        <v>217</v>
      </c>
      <c r="H16061" s="5">
        <v>6</v>
      </c>
      <c r="I16061" s="5" t="s">
        <v>1518</v>
      </c>
      <c r="J16061" s="5" t="s">
        <v>40939</v>
      </c>
      <c r="K16061" s="2" t="s">
        <v>40940</v>
      </c>
      <c r="L16061" s="5" t="s">
        <v>40939</v>
      </c>
      <c r="M16061" s="2" t="s">
        <v>40940</v>
      </c>
      <c r="N16061" s="5" t="s">
        <v>19227</v>
      </c>
      <c r="O16061" s="5" t="s">
        <v>38</v>
      </c>
      <c r="P16061" s="5" t="s">
        <v>39</v>
      </c>
      <c r="Q16061" s="5" t="s">
        <v>40</v>
      </c>
      <c r="R16061" s="5" t="s">
        <v>1487</v>
      </c>
      <c r="S16061" s="5"/>
      <c r="T16061" s="5" t="s">
        <v>42</v>
      </c>
      <c r="U16061" s="2">
        <v>0</v>
      </c>
      <c r="V16061" s="2">
        <v>0</v>
      </c>
      <c r="W16061" s="2">
        <v>0</v>
      </c>
      <c r="X16061" s="2">
        <v>0</v>
      </c>
      <c r="Y16061" s="2">
        <v>0</v>
      </c>
      <c r="Z16061" s="2">
        <v>0</v>
      </c>
      <c r="AA16061" s="5"/>
      <c r="AB16061" s="5" t="s">
        <v>43</v>
      </c>
      <c r="AC16061" s="5" t="s">
        <v>44</v>
      </c>
      <c r="AD16061" s="2"/>
      <c r="AE16061" s="1"/>
    </row>
    <row r="16062" spans="1:31" ht="14.45">
      <c r="A16062" s="11"/>
      <c r="B16062" s="20"/>
      <c r="C16062" s="2" t="s">
        <v>49143</v>
      </c>
      <c r="D16062" s="14" t="s">
        <v>49144</v>
      </c>
      <c r="E16062" s="2" t="s">
        <v>49145</v>
      </c>
      <c r="F16062" s="2" t="s">
        <v>7208</v>
      </c>
      <c r="G16062" s="8">
        <v>217</v>
      </c>
      <c r="H16062" s="5">
        <v>6</v>
      </c>
      <c r="I16062" s="5" t="s">
        <v>1518</v>
      </c>
      <c r="J16062" s="5" t="s">
        <v>40939</v>
      </c>
      <c r="K16062" s="2" t="s">
        <v>40940</v>
      </c>
      <c r="L16062" s="5" t="s">
        <v>40939</v>
      </c>
      <c r="M16062" s="2" t="s">
        <v>40940</v>
      </c>
      <c r="N16062" s="5" t="s">
        <v>19227</v>
      </c>
      <c r="O16062" s="5" t="s">
        <v>38</v>
      </c>
      <c r="P16062" s="5" t="s">
        <v>39</v>
      </c>
      <c r="Q16062" s="5" t="s">
        <v>40</v>
      </c>
      <c r="R16062" s="5" t="s">
        <v>1487</v>
      </c>
      <c r="S16062" s="5"/>
      <c r="T16062" s="5" t="s">
        <v>42</v>
      </c>
      <c r="U16062" s="2">
        <v>0</v>
      </c>
      <c r="V16062" s="2">
        <v>0</v>
      </c>
      <c r="W16062" s="2">
        <v>0</v>
      </c>
      <c r="X16062" s="2">
        <v>0</v>
      </c>
      <c r="Y16062" s="2">
        <v>0</v>
      </c>
      <c r="Z16062" s="2">
        <v>0</v>
      </c>
      <c r="AA16062" s="5"/>
      <c r="AB16062" s="5" t="s">
        <v>43</v>
      </c>
      <c r="AC16062" s="5" t="s">
        <v>44</v>
      </c>
      <c r="AD16062" s="2"/>
      <c r="AE16062" s="1"/>
    </row>
    <row r="16063" spans="1:31" ht="14.45">
      <c r="A16063" s="11"/>
      <c r="B16063" s="20"/>
      <c r="C16063" s="2" t="s">
        <v>49146</v>
      </c>
      <c r="D16063" s="14" t="s">
        <v>49147</v>
      </c>
      <c r="E16063" s="2" t="s">
        <v>49148</v>
      </c>
      <c r="F16063" s="2" t="s">
        <v>7521</v>
      </c>
      <c r="G16063" s="8">
        <v>217</v>
      </c>
      <c r="H16063" s="5">
        <v>6</v>
      </c>
      <c r="I16063" s="5" t="s">
        <v>1518</v>
      </c>
      <c r="J16063" s="5" t="s">
        <v>40939</v>
      </c>
      <c r="K16063" s="2" t="s">
        <v>40940</v>
      </c>
      <c r="L16063" s="5" t="s">
        <v>40939</v>
      </c>
      <c r="M16063" s="2" t="s">
        <v>40940</v>
      </c>
      <c r="N16063" s="5" t="s">
        <v>19227</v>
      </c>
      <c r="O16063" s="5" t="s">
        <v>38</v>
      </c>
      <c r="P16063" s="5" t="s">
        <v>39</v>
      </c>
      <c r="Q16063" s="5" t="s">
        <v>40</v>
      </c>
      <c r="R16063" s="5" t="s">
        <v>1487</v>
      </c>
      <c r="S16063" s="5"/>
      <c r="T16063" s="5" t="s">
        <v>42</v>
      </c>
      <c r="U16063" s="2">
        <v>0</v>
      </c>
      <c r="V16063" s="2">
        <v>0</v>
      </c>
      <c r="W16063" s="2">
        <v>0</v>
      </c>
      <c r="X16063" s="2">
        <v>0</v>
      </c>
      <c r="Y16063" s="2">
        <v>0</v>
      </c>
      <c r="Z16063" s="2">
        <v>0</v>
      </c>
      <c r="AA16063" s="5"/>
      <c r="AB16063" s="5" t="s">
        <v>43</v>
      </c>
      <c r="AC16063" s="5" t="s">
        <v>44</v>
      </c>
      <c r="AD16063" s="2"/>
      <c r="AE16063" s="1"/>
    </row>
    <row r="16064" spans="1:31" ht="14.45">
      <c r="A16064" s="11"/>
      <c r="B16064" s="20"/>
      <c r="C16064" s="2" t="s">
        <v>49149</v>
      </c>
      <c r="D16064" s="14" t="s">
        <v>49150</v>
      </c>
      <c r="E16064" s="2" t="s">
        <v>49151</v>
      </c>
      <c r="F16064" s="2" t="s">
        <v>36273</v>
      </c>
      <c r="G16064" s="8">
        <v>217</v>
      </c>
      <c r="H16064" s="5">
        <v>6</v>
      </c>
      <c r="I16064" s="5" t="s">
        <v>1518</v>
      </c>
      <c r="J16064" s="5" t="s">
        <v>40939</v>
      </c>
      <c r="K16064" s="2" t="s">
        <v>40940</v>
      </c>
      <c r="L16064" s="5" t="s">
        <v>40939</v>
      </c>
      <c r="M16064" s="2" t="s">
        <v>40940</v>
      </c>
      <c r="N16064" s="5" t="s">
        <v>19227</v>
      </c>
      <c r="O16064" s="5" t="s">
        <v>38</v>
      </c>
      <c r="P16064" s="5" t="s">
        <v>39</v>
      </c>
      <c r="Q16064" s="5" t="s">
        <v>40</v>
      </c>
      <c r="R16064" s="5" t="s">
        <v>1487</v>
      </c>
      <c r="S16064" s="5"/>
      <c r="T16064" s="5" t="s">
        <v>42</v>
      </c>
      <c r="U16064" s="2">
        <v>0</v>
      </c>
      <c r="V16064" s="2">
        <v>0</v>
      </c>
      <c r="W16064" s="2">
        <v>0</v>
      </c>
      <c r="X16064" s="2">
        <v>0</v>
      </c>
      <c r="Y16064" s="2">
        <v>0</v>
      </c>
      <c r="Z16064" s="2">
        <v>0</v>
      </c>
      <c r="AA16064" s="5"/>
      <c r="AB16064" s="5" t="s">
        <v>43</v>
      </c>
      <c r="AC16064" s="5" t="s">
        <v>44</v>
      </c>
      <c r="AD16064" s="2"/>
      <c r="AE16064" s="1"/>
    </row>
    <row r="16065" spans="1:31" ht="14.45">
      <c r="A16065" s="11"/>
      <c r="B16065" s="20"/>
      <c r="C16065" s="2" t="s">
        <v>49152</v>
      </c>
      <c r="D16065" s="14" t="s">
        <v>49153</v>
      </c>
      <c r="E16065" s="2" t="s">
        <v>49154</v>
      </c>
      <c r="F16065" s="2" t="s">
        <v>36277</v>
      </c>
      <c r="G16065" s="8">
        <v>217</v>
      </c>
      <c r="H16065" s="5">
        <v>6</v>
      </c>
      <c r="I16065" s="5" t="s">
        <v>1518</v>
      </c>
      <c r="J16065" s="5" t="s">
        <v>40939</v>
      </c>
      <c r="K16065" s="2" t="s">
        <v>40940</v>
      </c>
      <c r="L16065" s="5" t="s">
        <v>40939</v>
      </c>
      <c r="M16065" s="2" t="s">
        <v>40940</v>
      </c>
      <c r="N16065" s="5" t="s">
        <v>19227</v>
      </c>
      <c r="O16065" s="5" t="s">
        <v>38</v>
      </c>
      <c r="P16065" s="5" t="s">
        <v>39</v>
      </c>
      <c r="Q16065" s="5" t="s">
        <v>40</v>
      </c>
      <c r="R16065" s="5" t="s">
        <v>1487</v>
      </c>
      <c r="S16065" s="5"/>
      <c r="T16065" s="5" t="s">
        <v>42</v>
      </c>
      <c r="U16065" s="2">
        <v>0</v>
      </c>
      <c r="V16065" s="2">
        <v>0</v>
      </c>
      <c r="W16065" s="2">
        <v>0</v>
      </c>
      <c r="X16065" s="2">
        <v>0</v>
      </c>
      <c r="Y16065" s="2">
        <v>0</v>
      </c>
      <c r="Z16065" s="2">
        <v>0</v>
      </c>
      <c r="AA16065" s="5"/>
      <c r="AB16065" s="5" t="s">
        <v>43</v>
      </c>
      <c r="AC16065" s="5" t="s">
        <v>44</v>
      </c>
      <c r="AD16065" s="2"/>
      <c r="AE16065" s="1"/>
    </row>
    <row r="16066" spans="1:31" ht="14.45">
      <c r="A16066" s="11"/>
      <c r="B16066" s="20"/>
      <c r="C16066" s="2" t="s">
        <v>49155</v>
      </c>
      <c r="D16066" s="14" t="s">
        <v>49156</v>
      </c>
      <c r="E16066" s="2" t="s">
        <v>49157</v>
      </c>
      <c r="F16066" s="2" t="s">
        <v>7396</v>
      </c>
      <c r="G16066" s="8">
        <v>217</v>
      </c>
      <c r="H16066" s="5">
        <v>6</v>
      </c>
      <c r="I16066" s="5" t="s">
        <v>1518</v>
      </c>
      <c r="J16066" s="5" t="s">
        <v>40939</v>
      </c>
      <c r="K16066" s="2" t="s">
        <v>40940</v>
      </c>
      <c r="L16066" s="5" t="s">
        <v>40939</v>
      </c>
      <c r="M16066" s="2" t="s">
        <v>40940</v>
      </c>
      <c r="N16066" s="5" t="s">
        <v>19227</v>
      </c>
      <c r="O16066" s="5" t="s">
        <v>38</v>
      </c>
      <c r="P16066" s="5" t="s">
        <v>39</v>
      </c>
      <c r="Q16066" s="5" t="s">
        <v>40</v>
      </c>
      <c r="R16066" s="5" t="s">
        <v>1487</v>
      </c>
      <c r="S16066" s="5"/>
      <c r="T16066" s="5" t="s">
        <v>42</v>
      </c>
      <c r="U16066" s="2">
        <v>0</v>
      </c>
      <c r="V16066" s="2">
        <v>0</v>
      </c>
      <c r="W16066" s="2">
        <v>0</v>
      </c>
      <c r="X16066" s="2">
        <v>0</v>
      </c>
      <c r="Y16066" s="2">
        <v>0</v>
      </c>
      <c r="Z16066" s="2">
        <v>0</v>
      </c>
      <c r="AA16066" s="5"/>
      <c r="AB16066" s="5" t="s">
        <v>43</v>
      </c>
      <c r="AC16066" s="5" t="s">
        <v>44</v>
      </c>
      <c r="AD16066" s="2"/>
      <c r="AE16066" s="1"/>
    </row>
    <row r="16067" spans="1:31" ht="14.45">
      <c r="A16067" s="11"/>
      <c r="B16067" s="20"/>
      <c r="C16067" s="2" t="s">
        <v>49158</v>
      </c>
      <c r="D16067" s="14" t="s">
        <v>49159</v>
      </c>
      <c r="E16067" s="2" t="s">
        <v>49160</v>
      </c>
      <c r="F16067" s="2" t="s">
        <v>7507</v>
      </c>
      <c r="G16067" s="8">
        <v>217</v>
      </c>
      <c r="H16067" s="5">
        <v>6</v>
      </c>
      <c r="I16067" s="5" t="s">
        <v>1518</v>
      </c>
      <c r="J16067" s="5" t="s">
        <v>40939</v>
      </c>
      <c r="K16067" s="2" t="s">
        <v>40940</v>
      </c>
      <c r="L16067" s="5" t="s">
        <v>40939</v>
      </c>
      <c r="M16067" s="2" t="s">
        <v>40940</v>
      </c>
      <c r="N16067" s="5" t="s">
        <v>19227</v>
      </c>
      <c r="O16067" s="5" t="s">
        <v>38</v>
      </c>
      <c r="P16067" s="5" t="s">
        <v>39</v>
      </c>
      <c r="Q16067" s="5" t="s">
        <v>40</v>
      </c>
      <c r="R16067" s="5" t="s">
        <v>1487</v>
      </c>
      <c r="S16067" s="5"/>
      <c r="T16067" s="5" t="s">
        <v>42</v>
      </c>
      <c r="U16067" s="2">
        <v>0</v>
      </c>
      <c r="V16067" s="2">
        <v>0</v>
      </c>
      <c r="W16067" s="2">
        <v>0</v>
      </c>
      <c r="X16067" s="2">
        <v>0</v>
      </c>
      <c r="Y16067" s="2">
        <v>0</v>
      </c>
      <c r="Z16067" s="2">
        <v>0</v>
      </c>
      <c r="AA16067" s="5"/>
      <c r="AB16067" s="5" t="s">
        <v>43</v>
      </c>
      <c r="AC16067" s="5" t="s">
        <v>44</v>
      </c>
      <c r="AD16067" s="2"/>
      <c r="AE16067" s="1"/>
    </row>
    <row r="16068" spans="1:31" ht="14.45">
      <c r="A16068" s="11"/>
      <c r="B16068" s="20"/>
      <c r="C16068" s="2" t="s">
        <v>49161</v>
      </c>
      <c r="D16068" s="14" t="s">
        <v>49162</v>
      </c>
      <c r="E16068" s="2" t="s">
        <v>49163</v>
      </c>
      <c r="F16068" s="2" t="s">
        <v>7204</v>
      </c>
      <c r="G16068" s="8">
        <v>221</v>
      </c>
      <c r="H16068" s="5">
        <v>6</v>
      </c>
      <c r="I16068" s="5" t="s">
        <v>1518</v>
      </c>
      <c r="J16068" s="5" t="s">
        <v>40939</v>
      </c>
      <c r="K16068" s="2" t="s">
        <v>40940</v>
      </c>
      <c r="L16068" s="5" t="s">
        <v>40939</v>
      </c>
      <c r="M16068" s="2" t="s">
        <v>40940</v>
      </c>
      <c r="N16068" s="5" t="s">
        <v>19227</v>
      </c>
      <c r="O16068" s="5" t="s">
        <v>38</v>
      </c>
      <c r="P16068" s="5" t="s">
        <v>39</v>
      </c>
      <c r="Q16068" s="5" t="s">
        <v>40</v>
      </c>
      <c r="R16068" s="5" t="s">
        <v>1487</v>
      </c>
      <c r="S16068" s="5"/>
      <c r="T16068" s="5" t="s">
        <v>42</v>
      </c>
      <c r="U16068" s="2">
        <v>0</v>
      </c>
      <c r="V16068" s="2">
        <v>0</v>
      </c>
      <c r="W16068" s="2">
        <v>0</v>
      </c>
      <c r="X16068" s="2">
        <v>0</v>
      </c>
      <c r="Y16068" s="2">
        <v>0</v>
      </c>
      <c r="Z16068" s="2">
        <v>0</v>
      </c>
      <c r="AA16068" s="5"/>
      <c r="AB16068" s="5" t="s">
        <v>43</v>
      </c>
      <c r="AC16068" s="5" t="s">
        <v>44</v>
      </c>
      <c r="AD16068" s="2"/>
      <c r="AE16068" s="1"/>
    </row>
    <row r="16069" spans="1:31" ht="14.45">
      <c r="A16069" s="11"/>
      <c r="B16069" s="20"/>
      <c r="C16069" s="2" t="s">
        <v>49164</v>
      </c>
      <c r="D16069" s="14" t="s">
        <v>49165</v>
      </c>
      <c r="E16069" s="2" t="s">
        <v>49166</v>
      </c>
      <c r="F16069" s="2" t="s">
        <v>7514</v>
      </c>
      <c r="G16069" s="8">
        <v>221</v>
      </c>
      <c r="H16069" s="5">
        <v>6</v>
      </c>
      <c r="I16069" s="5" t="s">
        <v>1518</v>
      </c>
      <c r="J16069" s="5" t="s">
        <v>40939</v>
      </c>
      <c r="K16069" s="2" t="s">
        <v>40940</v>
      </c>
      <c r="L16069" s="5" t="s">
        <v>40939</v>
      </c>
      <c r="M16069" s="2" t="s">
        <v>40940</v>
      </c>
      <c r="N16069" s="5" t="s">
        <v>19227</v>
      </c>
      <c r="O16069" s="5" t="s">
        <v>38</v>
      </c>
      <c r="P16069" s="5" t="s">
        <v>39</v>
      </c>
      <c r="Q16069" s="5" t="s">
        <v>40</v>
      </c>
      <c r="R16069" s="5" t="s">
        <v>1487</v>
      </c>
      <c r="S16069" s="5"/>
      <c r="T16069" s="5" t="s">
        <v>42</v>
      </c>
      <c r="U16069" s="2">
        <v>0</v>
      </c>
      <c r="V16069" s="2">
        <v>0</v>
      </c>
      <c r="W16069" s="2">
        <v>0</v>
      </c>
      <c r="X16069" s="2">
        <v>0</v>
      </c>
      <c r="Y16069" s="2">
        <v>0</v>
      </c>
      <c r="Z16069" s="2">
        <v>0</v>
      </c>
      <c r="AA16069" s="5"/>
      <c r="AB16069" s="5" t="s">
        <v>43</v>
      </c>
      <c r="AC16069" s="5" t="s">
        <v>44</v>
      </c>
      <c r="AD16069" s="2"/>
      <c r="AE16069" s="1"/>
    </row>
    <row r="16070" spans="1:31" ht="14.45">
      <c r="A16070" s="11"/>
      <c r="B16070" s="20"/>
      <c r="C16070" s="2" t="s">
        <v>49167</v>
      </c>
      <c r="D16070" s="14" t="s">
        <v>49168</v>
      </c>
      <c r="E16070" s="2" t="s">
        <v>49169</v>
      </c>
      <c r="F16070" s="2" t="s">
        <v>7208</v>
      </c>
      <c r="G16070" s="8">
        <v>221</v>
      </c>
      <c r="H16070" s="5">
        <v>6</v>
      </c>
      <c r="I16070" s="5" t="s">
        <v>1518</v>
      </c>
      <c r="J16070" s="5" t="s">
        <v>40939</v>
      </c>
      <c r="K16070" s="2" t="s">
        <v>40940</v>
      </c>
      <c r="L16070" s="5" t="s">
        <v>40939</v>
      </c>
      <c r="M16070" s="2" t="s">
        <v>40940</v>
      </c>
      <c r="N16070" s="5" t="s">
        <v>19227</v>
      </c>
      <c r="O16070" s="5" t="s">
        <v>38</v>
      </c>
      <c r="P16070" s="5" t="s">
        <v>39</v>
      </c>
      <c r="Q16070" s="5" t="s">
        <v>40</v>
      </c>
      <c r="R16070" s="5" t="s">
        <v>1487</v>
      </c>
      <c r="S16070" s="5"/>
      <c r="T16070" s="5" t="s">
        <v>42</v>
      </c>
      <c r="U16070" s="2">
        <v>0</v>
      </c>
      <c r="V16070" s="2">
        <v>0</v>
      </c>
      <c r="W16070" s="2">
        <v>0</v>
      </c>
      <c r="X16070" s="2">
        <v>0</v>
      </c>
      <c r="Y16070" s="2">
        <v>0</v>
      </c>
      <c r="Z16070" s="2">
        <v>0</v>
      </c>
      <c r="AA16070" s="5"/>
      <c r="AB16070" s="5" t="s">
        <v>43</v>
      </c>
      <c r="AC16070" s="5" t="s">
        <v>44</v>
      </c>
      <c r="AD16070" s="2"/>
      <c r="AE16070" s="1"/>
    </row>
    <row r="16071" spans="1:31" ht="14.45">
      <c r="A16071" s="11"/>
      <c r="B16071" s="20"/>
      <c r="C16071" s="2" t="s">
        <v>49170</v>
      </c>
      <c r="D16071" s="14" t="s">
        <v>49171</v>
      </c>
      <c r="E16071" s="2" t="s">
        <v>49172</v>
      </c>
      <c r="F16071" s="2" t="s">
        <v>7521</v>
      </c>
      <c r="G16071" s="8">
        <v>221</v>
      </c>
      <c r="H16071" s="5">
        <v>6</v>
      </c>
      <c r="I16071" s="5" t="s">
        <v>1518</v>
      </c>
      <c r="J16071" s="5" t="s">
        <v>40939</v>
      </c>
      <c r="K16071" s="2" t="s">
        <v>40940</v>
      </c>
      <c r="L16071" s="5" t="s">
        <v>40939</v>
      </c>
      <c r="M16071" s="2" t="s">
        <v>40940</v>
      </c>
      <c r="N16071" s="5" t="s">
        <v>19227</v>
      </c>
      <c r="O16071" s="5" t="s">
        <v>38</v>
      </c>
      <c r="P16071" s="5" t="s">
        <v>39</v>
      </c>
      <c r="Q16071" s="5" t="s">
        <v>40</v>
      </c>
      <c r="R16071" s="5" t="s">
        <v>1487</v>
      </c>
      <c r="S16071" s="5"/>
      <c r="T16071" s="5" t="s">
        <v>42</v>
      </c>
      <c r="U16071" s="2">
        <v>0</v>
      </c>
      <c r="V16071" s="2">
        <v>0</v>
      </c>
      <c r="W16071" s="2">
        <v>0</v>
      </c>
      <c r="X16071" s="2">
        <v>0</v>
      </c>
      <c r="Y16071" s="2">
        <v>0</v>
      </c>
      <c r="Z16071" s="2">
        <v>0</v>
      </c>
      <c r="AA16071" s="5"/>
      <c r="AB16071" s="5" t="s">
        <v>43</v>
      </c>
      <c r="AC16071" s="5" t="s">
        <v>44</v>
      </c>
      <c r="AD16071" s="2"/>
      <c r="AE16071" s="1"/>
    </row>
    <row r="16072" spans="1:31" ht="14.45">
      <c r="A16072" s="11"/>
      <c r="B16072" s="20"/>
      <c r="C16072" s="2" t="s">
        <v>49173</v>
      </c>
      <c r="D16072" s="14" t="s">
        <v>49174</v>
      </c>
      <c r="E16072" s="2" t="s">
        <v>49175</v>
      </c>
      <c r="F16072" s="2" t="s">
        <v>36273</v>
      </c>
      <c r="G16072" s="8">
        <v>221</v>
      </c>
      <c r="H16072" s="5">
        <v>6</v>
      </c>
      <c r="I16072" s="5" t="s">
        <v>1518</v>
      </c>
      <c r="J16072" s="5" t="s">
        <v>40939</v>
      </c>
      <c r="K16072" s="2" t="s">
        <v>40940</v>
      </c>
      <c r="L16072" s="5" t="s">
        <v>40939</v>
      </c>
      <c r="M16072" s="2" t="s">
        <v>40940</v>
      </c>
      <c r="N16072" s="5" t="s">
        <v>19227</v>
      </c>
      <c r="O16072" s="5" t="s">
        <v>38</v>
      </c>
      <c r="P16072" s="5" t="s">
        <v>39</v>
      </c>
      <c r="Q16072" s="5" t="s">
        <v>40</v>
      </c>
      <c r="R16072" s="5" t="s">
        <v>1487</v>
      </c>
      <c r="S16072" s="5"/>
      <c r="T16072" s="5" t="s">
        <v>42</v>
      </c>
      <c r="U16072" s="2">
        <v>0</v>
      </c>
      <c r="V16072" s="2">
        <v>0</v>
      </c>
      <c r="W16072" s="2">
        <v>0</v>
      </c>
      <c r="X16072" s="2">
        <v>0</v>
      </c>
      <c r="Y16072" s="2">
        <v>0</v>
      </c>
      <c r="Z16072" s="2">
        <v>0</v>
      </c>
      <c r="AA16072" s="5"/>
      <c r="AB16072" s="5" t="s">
        <v>43</v>
      </c>
      <c r="AC16072" s="5" t="s">
        <v>44</v>
      </c>
      <c r="AD16072" s="2"/>
      <c r="AE16072" s="1"/>
    </row>
    <row r="16073" spans="1:31" ht="14.45">
      <c r="A16073" s="11"/>
      <c r="B16073" s="20"/>
      <c r="C16073" s="2" t="s">
        <v>49176</v>
      </c>
      <c r="D16073" s="14" t="s">
        <v>49177</v>
      </c>
      <c r="E16073" s="2" t="s">
        <v>49178</v>
      </c>
      <c r="F16073" s="2" t="s">
        <v>36277</v>
      </c>
      <c r="G16073" s="8">
        <v>221</v>
      </c>
      <c r="H16073" s="5">
        <v>6</v>
      </c>
      <c r="I16073" s="5" t="s">
        <v>1518</v>
      </c>
      <c r="J16073" s="5" t="s">
        <v>40939</v>
      </c>
      <c r="K16073" s="2" t="s">
        <v>40940</v>
      </c>
      <c r="L16073" s="5" t="s">
        <v>40939</v>
      </c>
      <c r="M16073" s="2" t="s">
        <v>40940</v>
      </c>
      <c r="N16073" s="5" t="s">
        <v>19227</v>
      </c>
      <c r="O16073" s="5" t="s">
        <v>38</v>
      </c>
      <c r="P16073" s="5" t="s">
        <v>39</v>
      </c>
      <c r="Q16073" s="5" t="s">
        <v>40</v>
      </c>
      <c r="R16073" s="5" t="s">
        <v>1487</v>
      </c>
      <c r="S16073" s="5"/>
      <c r="T16073" s="5" t="s">
        <v>42</v>
      </c>
      <c r="U16073" s="2">
        <v>0</v>
      </c>
      <c r="V16073" s="2">
        <v>0</v>
      </c>
      <c r="W16073" s="2">
        <v>0</v>
      </c>
      <c r="X16073" s="2">
        <v>0</v>
      </c>
      <c r="Y16073" s="2">
        <v>0</v>
      </c>
      <c r="Z16073" s="2">
        <v>0</v>
      </c>
      <c r="AA16073" s="5"/>
      <c r="AB16073" s="5" t="s">
        <v>43</v>
      </c>
      <c r="AC16073" s="5" t="s">
        <v>44</v>
      </c>
      <c r="AD16073" s="2"/>
      <c r="AE16073" s="1"/>
    </row>
    <row r="16074" spans="1:31" ht="14.45">
      <c r="A16074" s="11"/>
      <c r="B16074" s="20"/>
      <c r="C16074" s="2" t="s">
        <v>49179</v>
      </c>
      <c r="D16074" s="14" t="s">
        <v>49180</v>
      </c>
      <c r="E16074" s="2" t="s">
        <v>49181</v>
      </c>
      <c r="F16074" s="2" t="s">
        <v>7396</v>
      </c>
      <c r="G16074" s="8">
        <v>221</v>
      </c>
      <c r="H16074" s="5">
        <v>6</v>
      </c>
      <c r="I16074" s="5" t="s">
        <v>1518</v>
      </c>
      <c r="J16074" s="5" t="s">
        <v>40939</v>
      </c>
      <c r="K16074" s="2" t="s">
        <v>40940</v>
      </c>
      <c r="L16074" s="5" t="s">
        <v>40939</v>
      </c>
      <c r="M16074" s="2" t="s">
        <v>40940</v>
      </c>
      <c r="N16074" s="5" t="s">
        <v>19227</v>
      </c>
      <c r="O16074" s="5" t="s">
        <v>38</v>
      </c>
      <c r="P16074" s="5" t="s">
        <v>39</v>
      </c>
      <c r="Q16074" s="5" t="s">
        <v>40</v>
      </c>
      <c r="R16074" s="5" t="s">
        <v>1487</v>
      </c>
      <c r="S16074" s="5"/>
      <c r="T16074" s="5" t="s">
        <v>42</v>
      </c>
      <c r="U16074" s="2">
        <v>0</v>
      </c>
      <c r="V16074" s="2">
        <v>0</v>
      </c>
      <c r="W16074" s="2">
        <v>0</v>
      </c>
      <c r="X16074" s="2">
        <v>0</v>
      </c>
      <c r="Y16074" s="2">
        <v>0</v>
      </c>
      <c r="Z16074" s="2">
        <v>0</v>
      </c>
      <c r="AA16074" s="5"/>
      <c r="AB16074" s="5" t="s">
        <v>43</v>
      </c>
      <c r="AC16074" s="5" t="s">
        <v>44</v>
      </c>
      <c r="AD16074" s="2"/>
      <c r="AE16074" s="1"/>
    </row>
    <row r="16075" spans="1:31" ht="14.45">
      <c r="A16075" s="11"/>
      <c r="B16075" s="20"/>
      <c r="C16075" s="2" t="s">
        <v>49182</v>
      </c>
      <c r="D16075" s="14" t="s">
        <v>49183</v>
      </c>
      <c r="E16075" s="2" t="s">
        <v>49184</v>
      </c>
      <c r="F16075" s="2" t="s">
        <v>7507</v>
      </c>
      <c r="G16075" s="8">
        <v>221</v>
      </c>
      <c r="H16075" s="5">
        <v>6</v>
      </c>
      <c r="I16075" s="5" t="s">
        <v>1518</v>
      </c>
      <c r="J16075" s="5" t="s">
        <v>40939</v>
      </c>
      <c r="K16075" s="2" t="s">
        <v>40940</v>
      </c>
      <c r="L16075" s="5" t="s">
        <v>40939</v>
      </c>
      <c r="M16075" s="2" t="s">
        <v>40940</v>
      </c>
      <c r="N16075" s="5" t="s">
        <v>19227</v>
      </c>
      <c r="O16075" s="5" t="s">
        <v>38</v>
      </c>
      <c r="P16075" s="5" t="s">
        <v>39</v>
      </c>
      <c r="Q16075" s="5" t="s">
        <v>40</v>
      </c>
      <c r="R16075" s="5" t="s">
        <v>1487</v>
      </c>
      <c r="S16075" s="5"/>
      <c r="T16075" s="5" t="s">
        <v>42</v>
      </c>
      <c r="U16075" s="2">
        <v>0</v>
      </c>
      <c r="V16075" s="2">
        <v>0</v>
      </c>
      <c r="W16075" s="2">
        <v>0</v>
      </c>
      <c r="X16075" s="2">
        <v>0</v>
      </c>
      <c r="Y16075" s="2">
        <v>0</v>
      </c>
      <c r="Z16075" s="2">
        <v>0</v>
      </c>
      <c r="AA16075" s="5"/>
      <c r="AB16075" s="5" t="s">
        <v>43</v>
      </c>
      <c r="AC16075" s="5" t="s">
        <v>44</v>
      </c>
      <c r="AD16075" s="2"/>
      <c r="AE16075" s="1"/>
    </row>
    <row r="16076" spans="1:31" ht="14.45">
      <c r="A16076" s="11"/>
      <c r="B16076" s="20"/>
      <c r="C16076" s="2" t="s">
        <v>49185</v>
      </c>
      <c r="D16076" s="14" t="s">
        <v>49186</v>
      </c>
      <c r="E16076" s="2" t="s">
        <v>49187</v>
      </c>
      <c r="F16076" s="2" t="s">
        <v>7204</v>
      </c>
      <c r="G16076" s="8">
        <v>228</v>
      </c>
      <c r="H16076" s="5">
        <v>6</v>
      </c>
      <c r="I16076" s="5" t="s">
        <v>1518</v>
      </c>
      <c r="J16076" s="5" t="s">
        <v>40939</v>
      </c>
      <c r="K16076" s="2" t="s">
        <v>40940</v>
      </c>
      <c r="L16076" s="5" t="s">
        <v>40939</v>
      </c>
      <c r="M16076" s="2" t="s">
        <v>40940</v>
      </c>
      <c r="N16076" s="5" t="s">
        <v>19227</v>
      </c>
      <c r="O16076" s="5" t="s">
        <v>38</v>
      </c>
      <c r="P16076" s="5" t="s">
        <v>39</v>
      </c>
      <c r="Q16076" s="5" t="s">
        <v>40</v>
      </c>
      <c r="R16076" s="5" t="s">
        <v>1487</v>
      </c>
      <c r="S16076" s="5"/>
      <c r="T16076" s="5" t="s">
        <v>42</v>
      </c>
      <c r="U16076" s="2">
        <v>0</v>
      </c>
      <c r="V16076" s="2">
        <v>0</v>
      </c>
      <c r="W16076" s="2">
        <v>0</v>
      </c>
      <c r="X16076" s="2">
        <v>0</v>
      </c>
      <c r="Y16076" s="2">
        <v>0</v>
      </c>
      <c r="Z16076" s="2">
        <v>0</v>
      </c>
      <c r="AA16076" s="5"/>
      <c r="AB16076" s="5" t="s">
        <v>43</v>
      </c>
      <c r="AC16076" s="5" t="s">
        <v>44</v>
      </c>
      <c r="AD16076" s="2"/>
      <c r="AE16076" s="1"/>
    </row>
    <row r="16077" spans="1:31" ht="14.45">
      <c r="A16077" s="11"/>
      <c r="B16077" s="20"/>
      <c r="C16077" s="2" t="s">
        <v>49188</v>
      </c>
      <c r="D16077" s="14" t="s">
        <v>49189</v>
      </c>
      <c r="E16077" s="2" t="s">
        <v>49190</v>
      </c>
      <c r="F16077" s="2" t="s">
        <v>7514</v>
      </c>
      <c r="G16077" s="8">
        <v>228</v>
      </c>
      <c r="H16077" s="5">
        <v>6</v>
      </c>
      <c r="I16077" s="5" t="s">
        <v>1518</v>
      </c>
      <c r="J16077" s="5" t="s">
        <v>40939</v>
      </c>
      <c r="K16077" s="2" t="s">
        <v>40940</v>
      </c>
      <c r="L16077" s="5" t="s">
        <v>40939</v>
      </c>
      <c r="M16077" s="2" t="s">
        <v>40940</v>
      </c>
      <c r="N16077" s="5" t="s">
        <v>19227</v>
      </c>
      <c r="O16077" s="5" t="s">
        <v>38</v>
      </c>
      <c r="P16077" s="5" t="s">
        <v>39</v>
      </c>
      <c r="Q16077" s="5" t="s">
        <v>40</v>
      </c>
      <c r="R16077" s="5" t="s">
        <v>1487</v>
      </c>
      <c r="S16077" s="5"/>
      <c r="T16077" s="5" t="s">
        <v>42</v>
      </c>
      <c r="U16077" s="2">
        <v>0</v>
      </c>
      <c r="V16077" s="2">
        <v>0</v>
      </c>
      <c r="W16077" s="2">
        <v>0</v>
      </c>
      <c r="X16077" s="2">
        <v>0</v>
      </c>
      <c r="Y16077" s="2">
        <v>0</v>
      </c>
      <c r="Z16077" s="2">
        <v>0</v>
      </c>
      <c r="AA16077" s="5"/>
      <c r="AB16077" s="5" t="s">
        <v>43</v>
      </c>
      <c r="AC16077" s="5" t="s">
        <v>44</v>
      </c>
      <c r="AD16077" s="2"/>
      <c r="AE16077" s="1"/>
    </row>
    <row r="16078" spans="1:31" ht="14.45">
      <c r="A16078" s="11"/>
      <c r="B16078" s="20"/>
      <c r="C16078" s="2" t="s">
        <v>49191</v>
      </c>
      <c r="D16078" s="14" t="s">
        <v>49192</v>
      </c>
      <c r="E16078" s="2" t="s">
        <v>49193</v>
      </c>
      <c r="F16078" s="2" t="s">
        <v>7208</v>
      </c>
      <c r="G16078" s="8">
        <v>228</v>
      </c>
      <c r="H16078" s="5">
        <v>6</v>
      </c>
      <c r="I16078" s="5" t="s">
        <v>1518</v>
      </c>
      <c r="J16078" s="5" t="s">
        <v>40939</v>
      </c>
      <c r="K16078" s="2" t="s">
        <v>40940</v>
      </c>
      <c r="L16078" s="5" t="s">
        <v>40939</v>
      </c>
      <c r="M16078" s="2" t="s">
        <v>40940</v>
      </c>
      <c r="N16078" s="5" t="s">
        <v>19227</v>
      </c>
      <c r="O16078" s="5" t="s">
        <v>38</v>
      </c>
      <c r="P16078" s="5" t="s">
        <v>39</v>
      </c>
      <c r="Q16078" s="5" t="s">
        <v>40</v>
      </c>
      <c r="R16078" s="5" t="s">
        <v>1487</v>
      </c>
      <c r="S16078" s="5"/>
      <c r="T16078" s="5" t="s">
        <v>42</v>
      </c>
      <c r="U16078" s="2">
        <v>0</v>
      </c>
      <c r="V16078" s="2">
        <v>0</v>
      </c>
      <c r="W16078" s="2">
        <v>0</v>
      </c>
      <c r="X16078" s="2">
        <v>0</v>
      </c>
      <c r="Y16078" s="2">
        <v>0</v>
      </c>
      <c r="Z16078" s="2">
        <v>0</v>
      </c>
      <c r="AA16078" s="5"/>
      <c r="AB16078" s="5" t="s">
        <v>43</v>
      </c>
      <c r="AC16078" s="5" t="s">
        <v>44</v>
      </c>
      <c r="AD16078" s="2"/>
      <c r="AE16078" s="1"/>
    </row>
    <row r="16079" spans="1:31" ht="14.45">
      <c r="A16079" s="11"/>
      <c r="B16079" s="20"/>
      <c r="C16079" s="2" t="s">
        <v>49194</v>
      </c>
      <c r="D16079" s="14" t="s">
        <v>49195</v>
      </c>
      <c r="E16079" s="2" t="s">
        <v>49196</v>
      </c>
      <c r="F16079" s="2" t="s">
        <v>7521</v>
      </c>
      <c r="G16079" s="8">
        <v>228</v>
      </c>
      <c r="H16079" s="5">
        <v>6</v>
      </c>
      <c r="I16079" s="5" t="s">
        <v>1518</v>
      </c>
      <c r="J16079" s="5" t="s">
        <v>40939</v>
      </c>
      <c r="K16079" s="2" t="s">
        <v>40940</v>
      </c>
      <c r="L16079" s="5" t="s">
        <v>40939</v>
      </c>
      <c r="M16079" s="2" t="s">
        <v>40940</v>
      </c>
      <c r="N16079" s="5" t="s">
        <v>19227</v>
      </c>
      <c r="O16079" s="5" t="s">
        <v>38</v>
      </c>
      <c r="P16079" s="5" t="s">
        <v>39</v>
      </c>
      <c r="Q16079" s="5" t="s">
        <v>40</v>
      </c>
      <c r="R16079" s="5" t="s">
        <v>1487</v>
      </c>
      <c r="S16079" s="5"/>
      <c r="T16079" s="5" t="s">
        <v>42</v>
      </c>
      <c r="U16079" s="2">
        <v>0</v>
      </c>
      <c r="V16079" s="2">
        <v>0</v>
      </c>
      <c r="W16079" s="2">
        <v>0</v>
      </c>
      <c r="X16079" s="2">
        <v>0</v>
      </c>
      <c r="Y16079" s="2">
        <v>0</v>
      </c>
      <c r="Z16079" s="2">
        <v>0</v>
      </c>
      <c r="AA16079" s="5"/>
      <c r="AB16079" s="5" t="s">
        <v>43</v>
      </c>
      <c r="AC16079" s="5" t="s">
        <v>44</v>
      </c>
      <c r="AD16079" s="2"/>
      <c r="AE16079" s="1"/>
    </row>
    <row r="16080" spans="1:31" ht="14.45">
      <c r="A16080" s="11"/>
      <c r="B16080" s="20"/>
      <c r="C16080" s="2" t="s">
        <v>49197</v>
      </c>
      <c r="D16080" s="14" t="s">
        <v>49198</v>
      </c>
      <c r="E16080" s="2" t="s">
        <v>49199</v>
      </c>
      <c r="F16080" s="2" t="s">
        <v>36273</v>
      </c>
      <c r="G16080" s="8">
        <v>228</v>
      </c>
      <c r="H16080" s="5">
        <v>6</v>
      </c>
      <c r="I16080" s="5" t="s">
        <v>1518</v>
      </c>
      <c r="J16080" s="5" t="s">
        <v>40939</v>
      </c>
      <c r="K16080" s="2" t="s">
        <v>40940</v>
      </c>
      <c r="L16080" s="5" t="s">
        <v>40939</v>
      </c>
      <c r="M16080" s="2" t="s">
        <v>40940</v>
      </c>
      <c r="N16080" s="5" t="s">
        <v>19227</v>
      </c>
      <c r="O16080" s="5" t="s">
        <v>38</v>
      </c>
      <c r="P16080" s="5" t="s">
        <v>39</v>
      </c>
      <c r="Q16080" s="5" t="s">
        <v>40</v>
      </c>
      <c r="R16080" s="5" t="s">
        <v>1487</v>
      </c>
      <c r="S16080" s="5"/>
      <c r="T16080" s="5" t="s">
        <v>42</v>
      </c>
      <c r="U16080" s="2">
        <v>0</v>
      </c>
      <c r="V16080" s="2">
        <v>0</v>
      </c>
      <c r="W16080" s="2">
        <v>0</v>
      </c>
      <c r="X16080" s="2">
        <v>0</v>
      </c>
      <c r="Y16080" s="2">
        <v>0</v>
      </c>
      <c r="Z16080" s="2">
        <v>0</v>
      </c>
      <c r="AA16080" s="5"/>
      <c r="AB16080" s="5" t="s">
        <v>43</v>
      </c>
      <c r="AC16080" s="5" t="s">
        <v>44</v>
      </c>
      <c r="AD16080" s="2"/>
      <c r="AE16080" s="1"/>
    </row>
    <row r="16081" spans="1:31" ht="14.45">
      <c r="A16081" s="11"/>
      <c r="B16081" s="20"/>
      <c r="C16081" s="2" t="s">
        <v>49200</v>
      </c>
      <c r="D16081" s="14" t="s">
        <v>49201</v>
      </c>
      <c r="E16081" s="2" t="s">
        <v>49202</v>
      </c>
      <c r="F16081" s="2" t="s">
        <v>36277</v>
      </c>
      <c r="G16081" s="8">
        <v>228</v>
      </c>
      <c r="H16081" s="5">
        <v>6</v>
      </c>
      <c r="I16081" s="5" t="s">
        <v>1518</v>
      </c>
      <c r="J16081" s="5" t="s">
        <v>40939</v>
      </c>
      <c r="K16081" s="2" t="s">
        <v>40940</v>
      </c>
      <c r="L16081" s="5" t="s">
        <v>40939</v>
      </c>
      <c r="M16081" s="2" t="s">
        <v>40940</v>
      </c>
      <c r="N16081" s="5" t="s">
        <v>19227</v>
      </c>
      <c r="O16081" s="5" t="s">
        <v>38</v>
      </c>
      <c r="P16081" s="5" t="s">
        <v>39</v>
      </c>
      <c r="Q16081" s="5" t="s">
        <v>40</v>
      </c>
      <c r="R16081" s="5" t="s">
        <v>1487</v>
      </c>
      <c r="S16081" s="5"/>
      <c r="T16081" s="5" t="s">
        <v>42</v>
      </c>
      <c r="U16081" s="2">
        <v>0</v>
      </c>
      <c r="V16081" s="2">
        <v>0</v>
      </c>
      <c r="W16081" s="2">
        <v>0</v>
      </c>
      <c r="X16081" s="2">
        <v>0</v>
      </c>
      <c r="Y16081" s="2">
        <v>0</v>
      </c>
      <c r="Z16081" s="2">
        <v>0</v>
      </c>
      <c r="AA16081" s="5"/>
      <c r="AB16081" s="5" t="s">
        <v>43</v>
      </c>
      <c r="AC16081" s="5" t="s">
        <v>44</v>
      </c>
      <c r="AD16081" s="2"/>
      <c r="AE16081" s="1"/>
    </row>
    <row r="16082" spans="1:31" ht="14.45">
      <c r="A16082" s="11"/>
      <c r="B16082" s="20"/>
      <c r="C16082" s="2" t="s">
        <v>49203</v>
      </c>
      <c r="D16082" s="14" t="s">
        <v>49204</v>
      </c>
      <c r="E16082" s="2" t="s">
        <v>49205</v>
      </c>
      <c r="F16082" s="2" t="s">
        <v>7396</v>
      </c>
      <c r="G16082" s="8">
        <v>228</v>
      </c>
      <c r="H16082" s="5">
        <v>6</v>
      </c>
      <c r="I16082" s="5" t="s">
        <v>1518</v>
      </c>
      <c r="J16082" s="5" t="s">
        <v>40939</v>
      </c>
      <c r="K16082" s="2" t="s">
        <v>40940</v>
      </c>
      <c r="L16082" s="5" t="s">
        <v>40939</v>
      </c>
      <c r="M16082" s="2" t="s">
        <v>40940</v>
      </c>
      <c r="N16082" s="5" t="s">
        <v>19227</v>
      </c>
      <c r="O16082" s="5" t="s">
        <v>38</v>
      </c>
      <c r="P16082" s="5" t="s">
        <v>39</v>
      </c>
      <c r="Q16082" s="5" t="s">
        <v>40</v>
      </c>
      <c r="R16082" s="5" t="s">
        <v>1487</v>
      </c>
      <c r="S16082" s="5"/>
      <c r="T16082" s="5" t="s">
        <v>42</v>
      </c>
      <c r="U16082" s="2">
        <v>0</v>
      </c>
      <c r="V16082" s="2">
        <v>0</v>
      </c>
      <c r="W16082" s="2">
        <v>0</v>
      </c>
      <c r="X16082" s="2">
        <v>0</v>
      </c>
      <c r="Y16082" s="2">
        <v>0</v>
      </c>
      <c r="Z16082" s="2">
        <v>0</v>
      </c>
      <c r="AA16082" s="5"/>
      <c r="AB16082" s="5" t="s">
        <v>43</v>
      </c>
      <c r="AC16082" s="5" t="s">
        <v>44</v>
      </c>
      <c r="AD16082" s="2"/>
      <c r="AE16082" s="1"/>
    </row>
    <row r="16083" spans="1:31" ht="14.45">
      <c r="A16083" s="11"/>
      <c r="B16083" s="20"/>
      <c r="C16083" s="2" t="s">
        <v>49206</v>
      </c>
      <c r="D16083" s="14" t="s">
        <v>49207</v>
      </c>
      <c r="E16083" s="2" t="s">
        <v>49208</v>
      </c>
      <c r="F16083" s="2" t="s">
        <v>7507</v>
      </c>
      <c r="G16083" s="8">
        <v>228</v>
      </c>
      <c r="H16083" s="5">
        <v>6</v>
      </c>
      <c r="I16083" s="5" t="s">
        <v>1518</v>
      </c>
      <c r="J16083" s="5" t="s">
        <v>40939</v>
      </c>
      <c r="K16083" s="2" t="s">
        <v>40940</v>
      </c>
      <c r="L16083" s="5" t="s">
        <v>40939</v>
      </c>
      <c r="M16083" s="2" t="s">
        <v>40940</v>
      </c>
      <c r="N16083" s="5" t="s">
        <v>19227</v>
      </c>
      <c r="O16083" s="5" t="s">
        <v>38</v>
      </c>
      <c r="P16083" s="5" t="s">
        <v>39</v>
      </c>
      <c r="Q16083" s="5" t="s">
        <v>40</v>
      </c>
      <c r="R16083" s="5" t="s">
        <v>1487</v>
      </c>
      <c r="S16083" s="5"/>
      <c r="T16083" s="5" t="s">
        <v>42</v>
      </c>
      <c r="U16083" s="2">
        <v>0</v>
      </c>
      <c r="V16083" s="2">
        <v>0</v>
      </c>
      <c r="W16083" s="2">
        <v>0</v>
      </c>
      <c r="X16083" s="2">
        <v>0</v>
      </c>
      <c r="Y16083" s="2">
        <v>0</v>
      </c>
      <c r="Z16083" s="2">
        <v>0</v>
      </c>
      <c r="AA16083" s="5"/>
      <c r="AB16083" s="5" t="s">
        <v>43</v>
      </c>
      <c r="AC16083" s="5" t="s">
        <v>44</v>
      </c>
      <c r="AD16083" s="2"/>
      <c r="AE16083" s="1"/>
    </row>
    <row r="16084" spans="1:31" ht="14.45">
      <c r="A16084" s="11"/>
      <c r="B16084" s="20"/>
      <c r="C16084" s="2" t="s">
        <v>49209</v>
      </c>
      <c r="D16084" s="14" t="s">
        <v>49210</v>
      </c>
      <c r="E16084" s="2" t="s">
        <v>49211</v>
      </c>
      <c r="F16084" s="2" t="s">
        <v>7204</v>
      </c>
      <c r="G16084" s="8">
        <v>265</v>
      </c>
      <c r="H16084" s="5">
        <v>6</v>
      </c>
      <c r="I16084" s="5" t="s">
        <v>1518</v>
      </c>
      <c r="J16084" s="5" t="s">
        <v>40939</v>
      </c>
      <c r="K16084" s="2" t="s">
        <v>40940</v>
      </c>
      <c r="L16084" s="5" t="s">
        <v>40939</v>
      </c>
      <c r="M16084" s="2" t="s">
        <v>40940</v>
      </c>
      <c r="N16084" s="5" t="s">
        <v>19227</v>
      </c>
      <c r="O16084" s="5" t="s">
        <v>38</v>
      </c>
      <c r="P16084" s="5" t="s">
        <v>39</v>
      </c>
      <c r="Q16084" s="5" t="s">
        <v>40</v>
      </c>
      <c r="R16084" s="5" t="s">
        <v>1487</v>
      </c>
      <c r="S16084" s="5"/>
      <c r="T16084" s="5" t="s">
        <v>42</v>
      </c>
      <c r="U16084" s="2">
        <v>0</v>
      </c>
      <c r="V16084" s="2">
        <v>0</v>
      </c>
      <c r="W16084" s="2">
        <v>0</v>
      </c>
      <c r="X16084" s="2">
        <v>0</v>
      </c>
      <c r="Y16084" s="2">
        <v>0</v>
      </c>
      <c r="Z16084" s="2">
        <v>0</v>
      </c>
      <c r="AA16084" s="5"/>
      <c r="AB16084" s="5" t="s">
        <v>43</v>
      </c>
      <c r="AC16084" s="5" t="s">
        <v>44</v>
      </c>
      <c r="AD16084" s="2"/>
      <c r="AE16084" s="1"/>
    </row>
    <row r="16085" spans="1:31" ht="14.45">
      <c r="A16085" s="11"/>
      <c r="B16085" s="20"/>
      <c r="C16085" s="2" t="s">
        <v>49212</v>
      </c>
      <c r="D16085" s="14" t="s">
        <v>49213</v>
      </c>
      <c r="E16085" s="2" t="s">
        <v>49214</v>
      </c>
      <c r="F16085" s="2" t="s">
        <v>7514</v>
      </c>
      <c r="G16085" s="8">
        <v>265</v>
      </c>
      <c r="H16085" s="5">
        <v>6</v>
      </c>
      <c r="I16085" s="5" t="s">
        <v>1518</v>
      </c>
      <c r="J16085" s="5" t="s">
        <v>40939</v>
      </c>
      <c r="K16085" s="2" t="s">
        <v>40940</v>
      </c>
      <c r="L16085" s="5" t="s">
        <v>40939</v>
      </c>
      <c r="M16085" s="2" t="s">
        <v>40940</v>
      </c>
      <c r="N16085" s="5" t="s">
        <v>19227</v>
      </c>
      <c r="O16085" s="5" t="s">
        <v>38</v>
      </c>
      <c r="P16085" s="5" t="s">
        <v>39</v>
      </c>
      <c r="Q16085" s="5" t="s">
        <v>40</v>
      </c>
      <c r="R16085" s="5" t="s">
        <v>1487</v>
      </c>
      <c r="S16085" s="5"/>
      <c r="T16085" s="5" t="s">
        <v>42</v>
      </c>
      <c r="U16085" s="2">
        <v>0</v>
      </c>
      <c r="V16085" s="2">
        <v>0</v>
      </c>
      <c r="W16085" s="2">
        <v>0</v>
      </c>
      <c r="X16085" s="2">
        <v>0</v>
      </c>
      <c r="Y16085" s="2">
        <v>0</v>
      </c>
      <c r="Z16085" s="2">
        <v>0</v>
      </c>
      <c r="AA16085" s="5"/>
      <c r="AB16085" s="5" t="s">
        <v>43</v>
      </c>
      <c r="AC16085" s="5" t="s">
        <v>44</v>
      </c>
      <c r="AD16085" s="2"/>
      <c r="AE16085" s="1"/>
    </row>
    <row r="16086" spans="1:31" ht="14.45">
      <c r="A16086" s="11"/>
      <c r="B16086" s="20"/>
      <c r="C16086" s="2" t="s">
        <v>49215</v>
      </c>
      <c r="D16086" s="14" t="s">
        <v>49216</v>
      </c>
      <c r="E16086" s="2" t="s">
        <v>49217</v>
      </c>
      <c r="F16086" s="2" t="s">
        <v>7208</v>
      </c>
      <c r="G16086" s="8">
        <v>265</v>
      </c>
      <c r="H16086" s="5">
        <v>6</v>
      </c>
      <c r="I16086" s="5" t="s">
        <v>1518</v>
      </c>
      <c r="J16086" s="5" t="s">
        <v>40939</v>
      </c>
      <c r="K16086" s="2" t="s">
        <v>40940</v>
      </c>
      <c r="L16086" s="5" t="s">
        <v>40939</v>
      </c>
      <c r="M16086" s="2" t="s">
        <v>40940</v>
      </c>
      <c r="N16086" s="5" t="s">
        <v>19227</v>
      </c>
      <c r="O16086" s="5" t="s">
        <v>38</v>
      </c>
      <c r="P16086" s="5" t="s">
        <v>39</v>
      </c>
      <c r="Q16086" s="5" t="s">
        <v>40</v>
      </c>
      <c r="R16086" s="5" t="s">
        <v>1487</v>
      </c>
      <c r="S16086" s="5"/>
      <c r="T16086" s="5" t="s">
        <v>42</v>
      </c>
      <c r="U16086" s="2">
        <v>0</v>
      </c>
      <c r="V16086" s="2">
        <v>0</v>
      </c>
      <c r="W16086" s="2">
        <v>0</v>
      </c>
      <c r="X16086" s="2">
        <v>0</v>
      </c>
      <c r="Y16086" s="2">
        <v>0</v>
      </c>
      <c r="Z16086" s="2">
        <v>0</v>
      </c>
      <c r="AA16086" s="5"/>
      <c r="AB16086" s="5" t="s">
        <v>43</v>
      </c>
      <c r="AC16086" s="5" t="s">
        <v>44</v>
      </c>
      <c r="AD16086" s="2"/>
      <c r="AE16086" s="1"/>
    </row>
    <row r="16087" spans="1:31" ht="14.45">
      <c r="A16087" s="11"/>
      <c r="B16087" s="20"/>
      <c r="C16087" s="2" t="s">
        <v>49218</v>
      </c>
      <c r="D16087" s="14" t="s">
        <v>49219</v>
      </c>
      <c r="E16087" s="2" t="s">
        <v>49220</v>
      </c>
      <c r="F16087" s="2" t="s">
        <v>7521</v>
      </c>
      <c r="G16087" s="8">
        <v>265</v>
      </c>
      <c r="H16087" s="5">
        <v>6</v>
      </c>
      <c r="I16087" s="5" t="s">
        <v>1518</v>
      </c>
      <c r="J16087" s="5" t="s">
        <v>40939</v>
      </c>
      <c r="K16087" s="2" t="s">
        <v>40940</v>
      </c>
      <c r="L16087" s="5" t="s">
        <v>40939</v>
      </c>
      <c r="M16087" s="2" t="s">
        <v>40940</v>
      </c>
      <c r="N16087" s="5" t="s">
        <v>19227</v>
      </c>
      <c r="O16087" s="5" t="s">
        <v>38</v>
      </c>
      <c r="P16087" s="5" t="s">
        <v>39</v>
      </c>
      <c r="Q16087" s="5" t="s">
        <v>40</v>
      </c>
      <c r="R16087" s="5" t="s">
        <v>1487</v>
      </c>
      <c r="S16087" s="5"/>
      <c r="T16087" s="5" t="s">
        <v>42</v>
      </c>
      <c r="U16087" s="2">
        <v>0</v>
      </c>
      <c r="V16087" s="2">
        <v>0</v>
      </c>
      <c r="W16087" s="2">
        <v>0</v>
      </c>
      <c r="X16087" s="2">
        <v>0</v>
      </c>
      <c r="Y16087" s="2">
        <v>0</v>
      </c>
      <c r="Z16087" s="2">
        <v>0</v>
      </c>
      <c r="AA16087" s="5"/>
      <c r="AB16087" s="5" t="s">
        <v>43</v>
      </c>
      <c r="AC16087" s="5" t="s">
        <v>44</v>
      </c>
      <c r="AD16087" s="2"/>
      <c r="AE16087" s="1"/>
    </row>
    <row r="16088" spans="1:31" ht="14.45">
      <c r="A16088" s="11"/>
      <c r="B16088" s="20"/>
      <c r="C16088" s="2" t="s">
        <v>49221</v>
      </c>
      <c r="D16088" s="14" t="s">
        <v>49222</v>
      </c>
      <c r="E16088" s="2" t="s">
        <v>49223</v>
      </c>
      <c r="F16088" s="2" t="s">
        <v>36273</v>
      </c>
      <c r="G16088" s="8">
        <v>265</v>
      </c>
      <c r="H16088" s="5">
        <v>6</v>
      </c>
      <c r="I16088" s="5" t="s">
        <v>1518</v>
      </c>
      <c r="J16088" s="5" t="s">
        <v>40939</v>
      </c>
      <c r="K16088" s="2" t="s">
        <v>40940</v>
      </c>
      <c r="L16088" s="5" t="s">
        <v>40939</v>
      </c>
      <c r="M16088" s="2" t="s">
        <v>40940</v>
      </c>
      <c r="N16088" s="5" t="s">
        <v>19227</v>
      </c>
      <c r="O16088" s="5" t="s">
        <v>38</v>
      </c>
      <c r="P16088" s="5" t="s">
        <v>39</v>
      </c>
      <c r="Q16088" s="5" t="s">
        <v>40</v>
      </c>
      <c r="R16088" s="5" t="s">
        <v>1487</v>
      </c>
      <c r="S16088" s="5"/>
      <c r="T16088" s="5" t="s">
        <v>42</v>
      </c>
      <c r="U16088" s="2">
        <v>0</v>
      </c>
      <c r="V16088" s="2">
        <v>0</v>
      </c>
      <c r="W16088" s="2">
        <v>0</v>
      </c>
      <c r="X16088" s="2">
        <v>0</v>
      </c>
      <c r="Y16088" s="2">
        <v>0</v>
      </c>
      <c r="Z16088" s="2">
        <v>0</v>
      </c>
      <c r="AA16088" s="5"/>
      <c r="AB16088" s="5" t="s">
        <v>43</v>
      </c>
      <c r="AC16088" s="5" t="s">
        <v>44</v>
      </c>
      <c r="AD16088" s="2"/>
      <c r="AE16088" s="1"/>
    </row>
    <row r="16089" spans="1:31" ht="14.45">
      <c r="A16089" s="11"/>
      <c r="B16089" s="20"/>
      <c r="C16089" s="2" t="s">
        <v>49224</v>
      </c>
      <c r="D16089" s="14" t="s">
        <v>49225</v>
      </c>
      <c r="E16089" s="2" t="s">
        <v>49226</v>
      </c>
      <c r="F16089" s="2" t="s">
        <v>36277</v>
      </c>
      <c r="G16089" s="8">
        <v>265</v>
      </c>
      <c r="H16089" s="5">
        <v>6</v>
      </c>
      <c r="I16089" s="5" t="s">
        <v>1518</v>
      </c>
      <c r="J16089" s="5" t="s">
        <v>40939</v>
      </c>
      <c r="K16089" s="2" t="s">
        <v>40940</v>
      </c>
      <c r="L16089" s="5" t="s">
        <v>40939</v>
      </c>
      <c r="M16089" s="2" t="s">
        <v>40940</v>
      </c>
      <c r="N16089" s="5" t="s">
        <v>19227</v>
      </c>
      <c r="O16089" s="5" t="s">
        <v>38</v>
      </c>
      <c r="P16089" s="5" t="s">
        <v>39</v>
      </c>
      <c r="Q16089" s="5" t="s">
        <v>40</v>
      </c>
      <c r="R16089" s="5" t="s">
        <v>1487</v>
      </c>
      <c r="S16089" s="5"/>
      <c r="T16089" s="5" t="s">
        <v>42</v>
      </c>
      <c r="U16089" s="2">
        <v>0</v>
      </c>
      <c r="V16089" s="2">
        <v>0</v>
      </c>
      <c r="W16089" s="2">
        <v>0</v>
      </c>
      <c r="X16089" s="2">
        <v>0</v>
      </c>
      <c r="Y16089" s="2">
        <v>0</v>
      </c>
      <c r="Z16089" s="2">
        <v>0</v>
      </c>
      <c r="AA16089" s="5"/>
      <c r="AB16089" s="5" t="s">
        <v>43</v>
      </c>
      <c r="AC16089" s="5" t="s">
        <v>44</v>
      </c>
      <c r="AD16089" s="2"/>
      <c r="AE16089" s="1"/>
    </row>
    <row r="16090" spans="1:31" ht="14.45">
      <c r="A16090" s="11"/>
      <c r="B16090" s="20"/>
      <c r="C16090" s="2" t="s">
        <v>49227</v>
      </c>
      <c r="D16090" s="14" t="s">
        <v>49228</v>
      </c>
      <c r="E16090" s="2" t="s">
        <v>49229</v>
      </c>
      <c r="F16090" s="2" t="s">
        <v>7396</v>
      </c>
      <c r="G16090" s="8">
        <v>265</v>
      </c>
      <c r="H16090" s="5">
        <v>6</v>
      </c>
      <c r="I16090" s="5" t="s">
        <v>1518</v>
      </c>
      <c r="J16090" s="5" t="s">
        <v>40939</v>
      </c>
      <c r="K16090" s="2" t="s">
        <v>40940</v>
      </c>
      <c r="L16090" s="5" t="s">
        <v>40939</v>
      </c>
      <c r="M16090" s="2" t="s">
        <v>40940</v>
      </c>
      <c r="N16090" s="5" t="s">
        <v>19227</v>
      </c>
      <c r="O16090" s="5" t="s">
        <v>38</v>
      </c>
      <c r="P16090" s="5" t="s">
        <v>39</v>
      </c>
      <c r="Q16090" s="5" t="s">
        <v>40</v>
      </c>
      <c r="R16090" s="5" t="s">
        <v>1487</v>
      </c>
      <c r="S16090" s="5"/>
      <c r="T16090" s="5" t="s">
        <v>42</v>
      </c>
      <c r="U16090" s="2">
        <v>0</v>
      </c>
      <c r="V16090" s="2">
        <v>0</v>
      </c>
      <c r="W16090" s="2">
        <v>0</v>
      </c>
      <c r="X16090" s="2">
        <v>0</v>
      </c>
      <c r="Y16090" s="2">
        <v>0</v>
      </c>
      <c r="Z16090" s="2">
        <v>0</v>
      </c>
      <c r="AA16090" s="5"/>
      <c r="AB16090" s="5" t="s">
        <v>43</v>
      </c>
      <c r="AC16090" s="5" t="s">
        <v>44</v>
      </c>
      <c r="AD16090" s="2"/>
      <c r="AE16090" s="1"/>
    </row>
    <row r="16091" spans="1:31" ht="14.45">
      <c r="A16091" s="11"/>
      <c r="B16091" s="20"/>
      <c r="C16091" s="2" t="s">
        <v>49230</v>
      </c>
      <c r="D16091" s="14" t="s">
        <v>49231</v>
      </c>
      <c r="E16091" s="2" t="s">
        <v>49232</v>
      </c>
      <c r="F16091" s="2" t="s">
        <v>7507</v>
      </c>
      <c r="G16091" s="8">
        <v>265</v>
      </c>
      <c r="H16091" s="5">
        <v>6</v>
      </c>
      <c r="I16091" s="5" t="s">
        <v>1518</v>
      </c>
      <c r="J16091" s="5" t="s">
        <v>40939</v>
      </c>
      <c r="K16091" s="2" t="s">
        <v>40940</v>
      </c>
      <c r="L16091" s="5" t="s">
        <v>40939</v>
      </c>
      <c r="M16091" s="2" t="s">
        <v>40940</v>
      </c>
      <c r="N16091" s="5" t="s">
        <v>19227</v>
      </c>
      <c r="O16091" s="5" t="s">
        <v>38</v>
      </c>
      <c r="P16091" s="5" t="s">
        <v>39</v>
      </c>
      <c r="Q16091" s="5" t="s">
        <v>40</v>
      </c>
      <c r="R16091" s="5" t="s">
        <v>1487</v>
      </c>
      <c r="S16091" s="5"/>
      <c r="T16091" s="5" t="s">
        <v>42</v>
      </c>
      <c r="U16091" s="2">
        <v>0</v>
      </c>
      <c r="V16091" s="2">
        <v>0</v>
      </c>
      <c r="W16091" s="2">
        <v>0</v>
      </c>
      <c r="X16091" s="2">
        <v>0</v>
      </c>
      <c r="Y16091" s="2">
        <v>0</v>
      </c>
      <c r="Z16091" s="2">
        <v>0</v>
      </c>
      <c r="AA16091" s="5"/>
      <c r="AB16091" s="5" t="s">
        <v>43</v>
      </c>
      <c r="AC16091" s="5" t="s">
        <v>44</v>
      </c>
      <c r="AD16091" s="2"/>
      <c r="AE16091" s="1"/>
    </row>
    <row r="16092" spans="1:31" ht="14.45">
      <c r="A16092" s="11"/>
      <c r="B16092" s="20"/>
      <c r="C16092" s="2" t="s">
        <v>49233</v>
      </c>
      <c r="D16092" s="14" t="s">
        <v>49234</v>
      </c>
      <c r="E16092" s="2" t="s">
        <v>49235</v>
      </c>
      <c r="F16092" s="2" t="s">
        <v>7204</v>
      </c>
      <c r="G16092" s="8">
        <v>241</v>
      </c>
      <c r="H16092" s="5">
        <v>6</v>
      </c>
      <c r="I16092" s="5" t="s">
        <v>1518</v>
      </c>
      <c r="J16092" s="5" t="s">
        <v>40939</v>
      </c>
      <c r="K16092" s="2" t="s">
        <v>40940</v>
      </c>
      <c r="L16092" s="5" t="s">
        <v>40939</v>
      </c>
      <c r="M16092" s="2" t="s">
        <v>40940</v>
      </c>
      <c r="N16092" s="5" t="s">
        <v>19227</v>
      </c>
      <c r="O16092" s="5" t="s">
        <v>38</v>
      </c>
      <c r="P16092" s="5" t="s">
        <v>39</v>
      </c>
      <c r="Q16092" s="5" t="s">
        <v>40</v>
      </c>
      <c r="R16092" s="5" t="s">
        <v>1487</v>
      </c>
      <c r="S16092" s="5"/>
      <c r="T16092" s="5" t="s">
        <v>42</v>
      </c>
      <c r="U16092" s="2">
        <v>0</v>
      </c>
      <c r="V16092" s="2">
        <v>0</v>
      </c>
      <c r="W16092" s="2">
        <v>0</v>
      </c>
      <c r="X16092" s="2">
        <v>0</v>
      </c>
      <c r="Y16092" s="2">
        <v>0</v>
      </c>
      <c r="Z16092" s="2">
        <v>0</v>
      </c>
      <c r="AA16092" s="5"/>
      <c r="AB16092" s="5" t="s">
        <v>43</v>
      </c>
      <c r="AC16092" s="5" t="s">
        <v>44</v>
      </c>
      <c r="AD16092" s="2"/>
      <c r="AE16092" s="1"/>
    </row>
    <row r="16093" spans="1:31" ht="14.45">
      <c r="A16093" s="11"/>
      <c r="B16093" s="20"/>
      <c r="C16093" s="2" t="s">
        <v>49236</v>
      </c>
      <c r="D16093" s="14" t="s">
        <v>49237</v>
      </c>
      <c r="E16093" s="2" t="s">
        <v>49238</v>
      </c>
      <c r="F16093" s="2" t="s">
        <v>7514</v>
      </c>
      <c r="G16093" s="8">
        <v>241</v>
      </c>
      <c r="H16093" s="5">
        <v>6</v>
      </c>
      <c r="I16093" s="5" t="s">
        <v>1518</v>
      </c>
      <c r="J16093" s="5" t="s">
        <v>40939</v>
      </c>
      <c r="K16093" s="2" t="s">
        <v>40940</v>
      </c>
      <c r="L16093" s="5" t="s">
        <v>40939</v>
      </c>
      <c r="M16093" s="2" t="s">
        <v>40940</v>
      </c>
      <c r="N16093" s="5" t="s">
        <v>19227</v>
      </c>
      <c r="O16093" s="5" t="s">
        <v>38</v>
      </c>
      <c r="P16093" s="5" t="s">
        <v>39</v>
      </c>
      <c r="Q16093" s="5" t="s">
        <v>40</v>
      </c>
      <c r="R16093" s="5" t="s">
        <v>1487</v>
      </c>
      <c r="S16093" s="5"/>
      <c r="T16093" s="5" t="s">
        <v>42</v>
      </c>
      <c r="U16093" s="2">
        <v>0</v>
      </c>
      <c r="V16093" s="2">
        <v>0</v>
      </c>
      <c r="W16093" s="2">
        <v>0</v>
      </c>
      <c r="X16093" s="2">
        <v>0</v>
      </c>
      <c r="Y16093" s="2">
        <v>0</v>
      </c>
      <c r="Z16093" s="2">
        <v>0</v>
      </c>
      <c r="AA16093" s="5"/>
      <c r="AB16093" s="5" t="s">
        <v>43</v>
      </c>
      <c r="AC16093" s="5" t="s">
        <v>44</v>
      </c>
      <c r="AD16093" s="2"/>
      <c r="AE16093" s="1"/>
    </row>
    <row r="16094" spans="1:31" ht="14.45">
      <c r="A16094" s="11"/>
      <c r="B16094" s="20"/>
      <c r="C16094" s="2" t="s">
        <v>49239</v>
      </c>
      <c r="D16094" s="14" t="s">
        <v>49240</v>
      </c>
      <c r="E16094" s="2" t="s">
        <v>49241</v>
      </c>
      <c r="F16094" s="2" t="s">
        <v>7208</v>
      </c>
      <c r="G16094" s="8">
        <v>241</v>
      </c>
      <c r="H16094" s="5">
        <v>6</v>
      </c>
      <c r="I16094" s="5" t="s">
        <v>1518</v>
      </c>
      <c r="J16094" s="5" t="s">
        <v>40939</v>
      </c>
      <c r="K16094" s="2" t="s">
        <v>40940</v>
      </c>
      <c r="L16094" s="5" t="s">
        <v>40939</v>
      </c>
      <c r="M16094" s="2" t="s">
        <v>40940</v>
      </c>
      <c r="N16094" s="5" t="s">
        <v>19227</v>
      </c>
      <c r="O16094" s="5" t="s">
        <v>38</v>
      </c>
      <c r="P16094" s="5" t="s">
        <v>39</v>
      </c>
      <c r="Q16094" s="5" t="s">
        <v>40</v>
      </c>
      <c r="R16094" s="5" t="s">
        <v>1487</v>
      </c>
      <c r="S16094" s="5"/>
      <c r="T16094" s="5" t="s">
        <v>42</v>
      </c>
      <c r="U16094" s="2">
        <v>0</v>
      </c>
      <c r="V16094" s="2">
        <v>0</v>
      </c>
      <c r="W16094" s="2">
        <v>0</v>
      </c>
      <c r="X16094" s="2">
        <v>0</v>
      </c>
      <c r="Y16094" s="2">
        <v>0</v>
      </c>
      <c r="Z16094" s="2">
        <v>0</v>
      </c>
      <c r="AA16094" s="5"/>
      <c r="AB16094" s="5" t="s">
        <v>43</v>
      </c>
      <c r="AC16094" s="5" t="s">
        <v>44</v>
      </c>
      <c r="AD16094" s="2"/>
      <c r="AE16094" s="1"/>
    </row>
    <row r="16095" spans="1:31" ht="14.45">
      <c r="A16095" s="11"/>
      <c r="B16095" s="20"/>
      <c r="C16095" s="2" t="s">
        <v>49242</v>
      </c>
      <c r="D16095" s="14" t="s">
        <v>49243</v>
      </c>
      <c r="E16095" s="2" t="s">
        <v>49244</v>
      </c>
      <c r="F16095" s="2" t="s">
        <v>7521</v>
      </c>
      <c r="G16095" s="8">
        <v>241</v>
      </c>
      <c r="H16095" s="5">
        <v>6</v>
      </c>
      <c r="I16095" s="5" t="s">
        <v>1518</v>
      </c>
      <c r="J16095" s="5" t="s">
        <v>40939</v>
      </c>
      <c r="K16095" s="2" t="s">
        <v>40940</v>
      </c>
      <c r="L16095" s="5" t="s">
        <v>40939</v>
      </c>
      <c r="M16095" s="2" t="s">
        <v>40940</v>
      </c>
      <c r="N16095" s="5" t="s">
        <v>19227</v>
      </c>
      <c r="O16095" s="5" t="s">
        <v>38</v>
      </c>
      <c r="P16095" s="5" t="s">
        <v>39</v>
      </c>
      <c r="Q16095" s="5" t="s">
        <v>40</v>
      </c>
      <c r="R16095" s="5" t="s">
        <v>1487</v>
      </c>
      <c r="S16095" s="5"/>
      <c r="T16095" s="5" t="s">
        <v>42</v>
      </c>
      <c r="U16095" s="2">
        <v>0</v>
      </c>
      <c r="V16095" s="2">
        <v>0</v>
      </c>
      <c r="W16095" s="2">
        <v>0</v>
      </c>
      <c r="X16095" s="2">
        <v>0</v>
      </c>
      <c r="Y16095" s="2">
        <v>0</v>
      </c>
      <c r="Z16095" s="2">
        <v>0</v>
      </c>
      <c r="AA16095" s="5"/>
      <c r="AB16095" s="5" t="s">
        <v>43</v>
      </c>
      <c r="AC16095" s="5" t="s">
        <v>44</v>
      </c>
      <c r="AD16095" s="2"/>
      <c r="AE16095" s="1"/>
    </row>
    <row r="16096" spans="1:31" ht="14.45">
      <c r="A16096" s="11"/>
      <c r="B16096" s="20"/>
      <c r="C16096" s="2" t="s">
        <v>49245</v>
      </c>
      <c r="D16096" s="14" t="s">
        <v>49246</v>
      </c>
      <c r="E16096" s="2" t="s">
        <v>49247</v>
      </c>
      <c r="F16096" s="2" t="s">
        <v>36273</v>
      </c>
      <c r="G16096" s="8">
        <v>241</v>
      </c>
      <c r="H16096" s="5">
        <v>6</v>
      </c>
      <c r="I16096" s="5" t="s">
        <v>1518</v>
      </c>
      <c r="J16096" s="5" t="s">
        <v>40939</v>
      </c>
      <c r="K16096" s="2" t="s">
        <v>40940</v>
      </c>
      <c r="L16096" s="5" t="s">
        <v>40939</v>
      </c>
      <c r="M16096" s="2" t="s">
        <v>40940</v>
      </c>
      <c r="N16096" s="5" t="s">
        <v>19227</v>
      </c>
      <c r="O16096" s="5" t="s">
        <v>38</v>
      </c>
      <c r="P16096" s="5" t="s">
        <v>39</v>
      </c>
      <c r="Q16096" s="5" t="s">
        <v>40</v>
      </c>
      <c r="R16096" s="5" t="s">
        <v>1487</v>
      </c>
      <c r="S16096" s="5"/>
      <c r="T16096" s="5" t="s">
        <v>42</v>
      </c>
      <c r="U16096" s="2">
        <v>0</v>
      </c>
      <c r="V16096" s="2">
        <v>0</v>
      </c>
      <c r="W16096" s="2">
        <v>0</v>
      </c>
      <c r="X16096" s="2">
        <v>0</v>
      </c>
      <c r="Y16096" s="2">
        <v>0</v>
      </c>
      <c r="Z16096" s="2">
        <v>0</v>
      </c>
      <c r="AA16096" s="5"/>
      <c r="AB16096" s="5" t="s">
        <v>43</v>
      </c>
      <c r="AC16096" s="5" t="s">
        <v>44</v>
      </c>
      <c r="AD16096" s="2"/>
      <c r="AE16096" s="1"/>
    </row>
    <row r="16097" spans="1:31" ht="14.45">
      <c r="A16097" s="11"/>
      <c r="B16097" s="20"/>
      <c r="C16097" s="2" t="s">
        <v>49248</v>
      </c>
      <c r="D16097" s="14" t="s">
        <v>49249</v>
      </c>
      <c r="E16097" s="2" t="s">
        <v>49250</v>
      </c>
      <c r="F16097" s="2" t="s">
        <v>36277</v>
      </c>
      <c r="G16097" s="8">
        <v>241</v>
      </c>
      <c r="H16097" s="5">
        <v>6</v>
      </c>
      <c r="I16097" s="5" t="s">
        <v>1518</v>
      </c>
      <c r="J16097" s="5" t="s">
        <v>40939</v>
      </c>
      <c r="K16097" s="2" t="s">
        <v>40940</v>
      </c>
      <c r="L16097" s="5" t="s">
        <v>40939</v>
      </c>
      <c r="M16097" s="2" t="s">
        <v>40940</v>
      </c>
      <c r="N16097" s="5" t="s">
        <v>19227</v>
      </c>
      <c r="O16097" s="5" t="s">
        <v>38</v>
      </c>
      <c r="P16097" s="5" t="s">
        <v>39</v>
      </c>
      <c r="Q16097" s="5" t="s">
        <v>40</v>
      </c>
      <c r="R16097" s="5" t="s">
        <v>1487</v>
      </c>
      <c r="S16097" s="5"/>
      <c r="T16097" s="5" t="s">
        <v>42</v>
      </c>
      <c r="U16097" s="2">
        <v>0</v>
      </c>
      <c r="V16097" s="2">
        <v>0</v>
      </c>
      <c r="W16097" s="2">
        <v>0</v>
      </c>
      <c r="X16097" s="2">
        <v>0</v>
      </c>
      <c r="Y16097" s="2">
        <v>0</v>
      </c>
      <c r="Z16097" s="2">
        <v>0</v>
      </c>
      <c r="AA16097" s="5"/>
      <c r="AB16097" s="5" t="s">
        <v>43</v>
      </c>
      <c r="AC16097" s="5" t="s">
        <v>44</v>
      </c>
      <c r="AD16097" s="2"/>
      <c r="AE16097" s="1"/>
    </row>
    <row r="16098" spans="1:31" ht="14.45">
      <c r="A16098" s="11"/>
      <c r="B16098" s="20"/>
      <c r="C16098" s="2" t="s">
        <v>49251</v>
      </c>
      <c r="D16098" s="14" t="s">
        <v>49252</v>
      </c>
      <c r="E16098" s="2" t="s">
        <v>49253</v>
      </c>
      <c r="F16098" s="2" t="s">
        <v>7396</v>
      </c>
      <c r="G16098" s="8">
        <v>241</v>
      </c>
      <c r="H16098" s="5">
        <v>6</v>
      </c>
      <c r="I16098" s="5" t="s">
        <v>1518</v>
      </c>
      <c r="J16098" s="5" t="s">
        <v>40939</v>
      </c>
      <c r="K16098" s="2" t="s">
        <v>40940</v>
      </c>
      <c r="L16098" s="5" t="s">
        <v>40939</v>
      </c>
      <c r="M16098" s="2" t="s">
        <v>40940</v>
      </c>
      <c r="N16098" s="5" t="s">
        <v>19227</v>
      </c>
      <c r="O16098" s="5" t="s">
        <v>38</v>
      </c>
      <c r="P16098" s="5" t="s">
        <v>39</v>
      </c>
      <c r="Q16098" s="5" t="s">
        <v>40</v>
      </c>
      <c r="R16098" s="5" t="s">
        <v>1487</v>
      </c>
      <c r="S16098" s="5"/>
      <c r="T16098" s="5" t="s">
        <v>42</v>
      </c>
      <c r="U16098" s="2">
        <v>0</v>
      </c>
      <c r="V16098" s="2">
        <v>0</v>
      </c>
      <c r="W16098" s="2">
        <v>0</v>
      </c>
      <c r="X16098" s="2">
        <v>0</v>
      </c>
      <c r="Y16098" s="2">
        <v>0</v>
      </c>
      <c r="Z16098" s="2">
        <v>0</v>
      </c>
      <c r="AA16098" s="5"/>
      <c r="AB16098" s="5" t="s">
        <v>43</v>
      </c>
      <c r="AC16098" s="5" t="s">
        <v>44</v>
      </c>
      <c r="AD16098" s="2"/>
      <c r="AE16098" s="1"/>
    </row>
    <row r="16099" spans="1:31" ht="14.45">
      <c r="A16099" s="11"/>
      <c r="B16099" s="20"/>
      <c r="C16099" s="2" t="s">
        <v>49254</v>
      </c>
      <c r="D16099" s="14" t="s">
        <v>49255</v>
      </c>
      <c r="E16099" s="2" t="s">
        <v>49256</v>
      </c>
      <c r="F16099" s="2" t="s">
        <v>7507</v>
      </c>
      <c r="G16099" s="8">
        <v>241</v>
      </c>
      <c r="H16099" s="5">
        <v>6</v>
      </c>
      <c r="I16099" s="5" t="s">
        <v>1518</v>
      </c>
      <c r="J16099" s="5" t="s">
        <v>40939</v>
      </c>
      <c r="K16099" s="2" t="s">
        <v>40940</v>
      </c>
      <c r="L16099" s="5" t="s">
        <v>40939</v>
      </c>
      <c r="M16099" s="2" t="s">
        <v>40940</v>
      </c>
      <c r="N16099" s="5" t="s">
        <v>19227</v>
      </c>
      <c r="O16099" s="5" t="s">
        <v>38</v>
      </c>
      <c r="P16099" s="5" t="s">
        <v>39</v>
      </c>
      <c r="Q16099" s="5" t="s">
        <v>40</v>
      </c>
      <c r="R16099" s="5" t="s">
        <v>1487</v>
      </c>
      <c r="S16099" s="5"/>
      <c r="T16099" s="5" t="s">
        <v>42</v>
      </c>
      <c r="U16099" s="2">
        <v>0</v>
      </c>
      <c r="V16099" s="2">
        <v>0</v>
      </c>
      <c r="W16099" s="2">
        <v>0</v>
      </c>
      <c r="X16099" s="2">
        <v>0</v>
      </c>
      <c r="Y16099" s="2">
        <v>0</v>
      </c>
      <c r="Z16099" s="2">
        <v>0</v>
      </c>
      <c r="AA16099" s="5"/>
      <c r="AB16099" s="5" t="s">
        <v>43</v>
      </c>
      <c r="AC16099" s="5" t="s">
        <v>44</v>
      </c>
      <c r="AD16099" s="2"/>
      <c r="AE16099" s="1"/>
    </row>
    <row r="16100" spans="1:31" ht="14.45">
      <c r="A16100" s="11"/>
      <c r="B16100" s="20"/>
      <c r="C16100" s="2" t="s">
        <v>49257</v>
      </c>
      <c r="D16100" s="14" t="s">
        <v>49258</v>
      </c>
      <c r="E16100" s="2" t="s">
        <v>49259</v>
      </c>
      <c r="F16100" s="2" t="s">
        <v>7204</v>
      </c>
      <c r="G16100" s="8">
        <v>251</v>
      </c>
      <c r="H16100" s="5">
        <v>6</v>
      </c>
      <c r="I16100" s="5" t="s">
        <v>1518</v>
      </c>
      <c r="J16100" s="5" t="s">
        <v>40939</v>
      </c>
      <c r="K16100" s="2" t="s">
        <v>40940</v>
      </c>
      <c r="L16100" s="5" t="s">
        <v>40939</v>
      </c>
      <c r="M16100" s="2" t="s">
        <v>40940</v>
      </c>
      <c r="N16100" s="5" t="s">
        <v>19227</v>
      </c>
      <c r="O16100" s="5" t="s">
        <v>38</v>
      </c>
      <c r="P16100" s="5" t="s">
        <v>39</v>
      </c>
      <c r="Q16100" s="5" t="s">
        <v>40</v>
      </c>
      <c r="R16100" s="5" t="s">
        <v>1487</v>
      </c>
      <c r="S16100" s="5"/>
      <c r="T16100" s="5" t="s">
        <v>42</v>
      </c>
      <c r="U16100" s="2">
        <v>0</v>
      </c>
      <c r="V16100" s="2">
        <v>0</v>
      </c>
      <c r="W16100" s="2">
        <v>0</v>
      </c>
      <c r="X16100" s="2">
        <v>0</v>
      </c>
      <c r="Y16100" s="2">
        <v>0</v>
      </c>
      <c r="Z16100" s="2">
        <v>0</v>
      </c>
      <c r="AA16100" s="5"/>
      <c r="AB16100" s="5" t="s">
        <v>43</v>
      </c>
      <c r="AC16100" s="5" t="s">
        <v>44</v>
      </c>
      <c r="AD16100" s="2"/>
      <c r="AE16100" s="1"/>
    </row>
    <row r="16101" spans="1:31" ht="14.45">
      <c r="A16101" s="11"/>
      <c r="B16101" s="20"/>
      <c r="C16101" s="2" t="s">
        <v>49260</v>
      </c>
      <c r="D16101" s="14" t="s">
        <v>49261</v>
      </c>
      <c r="E16101" s="2" t="s">
        <v>49262</v>
      </c>
      <c r="F16101" s="2" t="s">
        <v>7514</v>
      </c>
      <c r="G16101" s="8">
        <v>251</v>
      </c>
      <c r="H16101" s="5">
        <v>6</v>
      </c>
      <c r="I16101" s="5" t="s">
        <v>1518</v>
      </c>
      <c r="J16101" s="5" t="s">
        <v>40939</v>
      </c>
      <c r="K16101" s="2" t="s">
        <v>40940</v>
      </c>
      <c r="L16101" s="5" t="s">
        <v>40939</v>
      </c>
      <c r="M16101" s="2" t="s">
        <v>40940</v>
      </c>
      <c r="N16101" s="5" t="s">
        <v>19227</v>
      </c>
      <c r="O16101" s="5" t="s">
        <v>38</v>
      </c>
      <c r="P16101" s="5" t="s">
        <v>39</v>
      </c>
      <c r="Q16101" s="5" t="s">
        <v>40</v>
      </c>
      <c r="R16101" s="5" t="s">
        <v>1487</v>
      </c>
      <c r="S16101" s="5"/>
      <c r="T16101" s="5" t="s">
        <v>42</v>
      </c>
      <c r="U16101" s="2">
        <v>0</v>
      </c>
      <c r="V16101" s="2">
        <v>0</v>
      </c>
      <c r="W16101" s="2">
        <v>0</v>
      </c>
      <c r="X16101" s="2">
        <v>0</v>
      </c>
      <c r="Y16101" s="2">
        <v>0</v>
      </c>
      <c r="Z16101" s="2">
        <v>0</v>
      </c>
      <c r="AA16101" s="5"/>
      <c r="AB16101" s="5" t="s">
        <v>43</v>
      </c>
      <c r="AC16101" s="5" t="s">
        <v>44</v>
      </c>
      <c r="AD16101" s="2"/>
      <c r="AE16101" s="1"/>
    </row>
    <row r="16102" spans="1:31" ht="14.45">
      <c r="A16102" s="11"/>
      <c r="B16102" s="20"/>
      <c r="C16102" s="2" t="s">
        <v>49263</v>
      </c>
      <c r="D16102" s="14" t="s">
        <v>49264</v>
      </c>
      <c r="E16102" s="2" t="s">
        <v>49265</v>
      </c>
      <c r="F16102" s="2" t="s">
        <v>7208</v>
      </c>
      <c r="G16102" s="8">
        <v>251</v>
      </c>
      <c r="H16102" s="5">
        <v>6</v>
      </c>
      <c r="I16102" s="5" t="s">
        <v>1518</v>
      </c>
      <c r="J16102" s="5" t="s">
        <v>40939</v>
      </c>
      <c r="K16102" s="2" t="s">
        <v>40940</v>
      </c>
      <c r="L16102" s="5" t="s">
        <v>40939</v>
      </c>
      <c r="M16102" s="2" t="s">
        <v>40940</v>
      </c>
      <c r="N16102" s="5" t="s">
        <v>19227</v>
      </c>
      <c r="O16102" s="5" t="s">
        <v>38</v>
      </c>
      <c r="P16102" s="5" t="s">
        <v>39</v>
      </c>
      <c r="Q16102" s="5" t="s">
        <v>40</v>
      </c>
      <c r="R16102" s="5" t="s">
        <v>1487</v>
      </c>
      <c r="S16102" s="5"/>
      <c r="T16102" s="5" t="s">
        <v>42</v>
      </c>
      <c r="U16102" s="2">
        <v>0</v>
      </c>
      <c r="V16102" s="2">
        <v>0</v>
      </c>
      <c r="W16102" s="2">
        <v>0</v>
      </c>
      <c r="X16102" s="2">
        <v>0</v>
      </c>
      <c r="Y16102" s="2">
        <v>0</v>
      </c>
      <c r="Z16102" s="2">
        <v>0</v>
      </c>
      <c r="AA16102" s="5"/>
      <c r="AB16102" s="5" t="s">
        <v>43</v>
      </c>
      <c r="AC16102" s="5" t="s">
        <v>44</v>
      </c>
      <c r="AD16102" s="2"/>
      <c r="AE16102" s="1"/>
    </row>
    <row r="16103" spans="1:31" ht="14.45">
      <c r="A16103" s="11"/>
      <c r="B16103" s="20"/>
      <c r="C16103" s="2" t="s">
        <v>49266</v>
      </c>
      <c r="D16103" s="14" t="s">
        <v>49267</v>
      </c>
      <c r="E16103" s="2" t="s">
        <v>49268</v>
      </c>
      <c r="F16103" s="2" t="s">
        <v>7521</v>
      </c>
      <c r="G16103" s="8">
        <v>251</v>
      </c>
      <c r="H16103" s="5">
        <v>6</v>
      </c>
      <c r="I16103" s="5" t="s">
        <v>1518</v>
      </c>
      <c r="J16103" s="5" t="s">
        <v>40939</v>
      </c>
      <c r="K16103" s="2" t="s">
        <v>40940</v>
      </c>
      <c r="L16103" s="5" t="s">
        <v>40939</v>
      </c>
      <c r="M16103" s="2" t="s">
        <v>40940</v>
      </c>
      <c r="N16103" s="5" t="s">
        <v>19227</v>
      </c>
      <c r="O16103" s="5" t="s">
        <v>38</v>
      </c>
      <c r="P16103" s="5" t="s">
        <v>39</v>
      </c>
      <c r="Q16103" s="5" t="s">
        <v>40</v>
      </c>
      <c r="R16103" s="5" t="s">
        <v>1487</v>
      </c>
      <c r="S16103" s="5"/>
      <c r="T16103" s="5" t="s">
        <v>42</v>
      </c>
      <c r="U16103" s="2">
        <v>0</v>
      </c>
      <c r="V16103" s="2">
        <v>0</v>
      </c>
      <c r="W16103" s="2">
        <v>0</v>
      </c>
      <c r="X16103" s="2">
        <v>0</v>
      </c>
      <c r="Y16103" s="2">
        <v>0</v>
      </c>
      <c r="Z16103" s="2">
        <v>0</v>
      </c>
      <c r="AA16103" s="5"/>
      <c r="AB16103" s="5" t="s">
        <v>43</v>
      </c>
      <c r="AC16103" s="5" t="s">
        <v>44</v>
      </c>
      <c r="AD16103" s="2"/>
      <c r="AE16103" s="1"/>
    </row>
    <row r="16104" spans="1:31" ht="14.45">
      <c r="A16104" s="11"/>
      <c r="B16104" s="20"/>
      <c r="C16104" s="2" t="s">
        <v>49269</v>
      </c>
      <c r="D16104" s="14" t="s">
        <v>49270</v>
      </c>
      <c r="E16104" s="2" t="s">
        <v>49271</v>
      </c>
      <c r="F16104" s="2" t="s">
        <v>36273</v>
      </c>
      <c r="G16104" s="8">
        <v>251</v>
      </c>
      <c r="H16104" s="5">
        <v>6</v>
      </c>
      <c r="I16104" s="5" t="s">
        <v>1518</v>
      </c>
      <c r="J16104" s="5" t="s">
        <v>40939</v>
      </c>
      <c r="K16104" s="2" t="s">
        <v>40940</v>
      </c>
      <c r="L16104" s="5" t="s">
        <v>40939</v>
      </c>
      <c r="M16104" s="2" t="s">
        <v>40940</v>
      </c>
      <c r="N16104" s="5" t="s">
        <v>19227</v>
      </c>
      <c r="O16104" s="5" t="s">
        <v>38</v>
      </c>
      <c r="P16104" s="5" t="s">
        <v>39</v>
      </c>
      <c r="Q16104" s="5" t="s">
        <v>40</v>
      </c>
      <c r="R16104" s="5" t="s">
        <v>1487</v>
      </c>
      <c r="S16104" s="5"/>
      <c r="T16104" s="5" t="s">
        <v>42</v>
      </c>
      <c r="U16104" s="2">
        <v>0</v>
      </c>
      <c r="V16104" s="2">
        <v>0</v>
      </c>
      <c r="W16104" s="2">
        <v>0</v>
      </c>
      <c r="X16104" s="2">
        <v>0</v>
      </c>
      <c r="Y16104" s="2">
        <v>0</v>
      </c>
      <c r="Z16104" s="2">
        <v>0</v>
      </c>
      <c r="AA16104" s="5"/>
      <c r="AB16104" s="5" t="s">
        <v>43</v>
      </c>
      <c r="AC16104" s="5" t="s">
        <v>44</v>
      </c>
      <c r="AD16104" s="2"/>
      <c r="AE16104" s="1"/>
    </row>
    <row r="16105" spans="1:31" ht="14.45">
      <c r="A16105" s="11"/>
      <c r="B16105" s="20"/>
      <c r="C16105" s="2" t="s">
        <v>49272</v>
      </c>
      <c r="D16105" s="14" t="s">
        <v>49273</v>
      </c>
      <c r="E16105" s="2" t="s">
        <v>49274</v>
      </c>
      <c r="F16105" s="2" t="s">
        <v>36277</v>
      </c>
      <c r="G16105" s="8">
        <v>251</v>
      </c>
      <c r="H16105" s="5">
        <v>6</v>
      </c>
      <c r="I16105" s="5" t="s">
        <v>1518</v>
      </c>
      <c r="J16105" s="5" t="s">
        <v>40939</v>
      </c>
      <c r="K16105" s="2" t="s">
        <v>40940</v>
      </c>
      <c r="L16105" s="5" t="s">
        <v>40939</v>
      </c>
      <c r="M16105" s="2" t="s">
        <v>40940</v>
      </c>
      <c r="N16105" s="5" t="s">
        <v>19227</v>
      </c>
      <c r="O16105" s="5" t="s">
        <v>38</v>
      </c>
      <c r="P16105" s="5" t="s">
        <v>39</v>
      </c>
      <c r="Q16105" s="5" t="s">
        <v>40</v>
      </c>
      <c r="R16105" s="5" t="s">
        <v>1487</v>
      </c>
      <c r="S16105" s="5"/>
      <c r="T16105" s="5" t="s">
        <v>42</v>
      </c>
      <c r="U16105" s="2">
        <v>0</v>
      </c>
      <c r="V16105" s="2">
        <v>0</v>
      </c>
      <c r="W16105" s="2">
        <v>0</v>
      </c>
      <c r="X16105" s="2">
        <v>0</v>
      </c>
      <c r="Y16105" s="2">
        <v>0</v>
      </c>
      <c r="Z16105" s="2">
        <v>0</v>
      </c>
      <c r="AA16105" s="5"/>
      <c r="AB16105" s="5" t="s">
        <v>43</v>
      </c>
      <c r="AC16105" s="5" t="s">
        <v>44</v>
      </c>
      <c r="AD16105" s="2"/>
      <c r="AE16105" s="1"/>
    </row>
    <row r="16106" spans="1:31" ht="14.45">
      <c r="A16106" s="11"/>
      <c r="B16106" s="20"/>
      <c r="C16106" s="2" t="s">
        <v>49275</v>
      </c>
      <c r="D16106" s="14" t="s">
        <v>49276</v>
      </c>
      <c r="E16106" s="2" t="s">
        <v>49277</v>
      </c>
      <c r="F16106" s="2" t="s">
        <v>7396</v>
      </c>
      <c r="G16106" s="8">
        <v>251</v>
      </c>
      <c r="H16106" s="5">
        <v>6</v>
      </c>
      <c r="I16106" s="5" t="s">
        <v>1518</v>
      </c>
      <c r="J16106" s="5" t="s">
        <v>40939</v>
      </c>
      <c r="K16106" s="2" t="s">
        <v>40940</v>
      </c>
      <c r="L16106" s="5" t="s">
        <v>40939</v>
      </c>
      <c r="M16106" s="2" t="s">
        <v>40940</v>
      </c>
      <c r="N16106" s="5" t="s">
        <v>19227</v>
      </c>
      <c r="O16106" s="5" t="s">
        <v>38</v>
      </c>
      <c r="P16106" s="5" t="s">
        <v>39</v>
      </c>
      <c r="Q16106" s="5" t="s">
        <v>40</v>
      </c>
      <c r="R16106" s="5" t="s">
        <v>1487</v>
      </c>
      <c r="S16106" s="5"/>
      <c r="T16106" s="5" t="s">
        <v>42</v>
      </c>
      <c r="U16106" s="2">
        <v>0</v>
      </c>
      <c r="V16106" s="2">
        <v>0</v>
      </c>
      <c r="W16106" s="2">
        <v>0</v>
      </c>
      <c r="X16106" s="2">
        <v>0</v>
      </c>
      <c r="Y16106" s="2">
        <v>0</v>
      </c>
      <c r="Z16106" s="2">
        <v>0</v>
      </c>
      <c r="AA16106" s="5"/>
      <c r="AB16106" s="5" t="s">
        <v>43</v>
      </c>
      <c r="AC16106" s="5" t="s">
        <v>44</v>
      </c>
      <c r="AD16106" s="2"/>
      <c r="AE16106" s="1"/>
    </row>
    <row r="16107" spans="1:31" ht="14.45">
      <c r="A16107" s="11"/>
      <c r="B16107" s="20"/>
      <c r="C16107" s="2" t="s">
        <v>49278</v>
      </c>
      <c r="D16107" s="14" t="s">
        <v>49279</v>
      </c>
      <c r="E16107" s="2" t="s">
        <v>49280</v>
      </c>
      <c r="F16107" s="2" t="s">
        <v>7507</v>
      </c>
      <c r="G16107" s="8">
        <v>251</v>
      </c>
      <c r="H16107" s="5">
        <v>6</v>
      </c>
      <c r="I16107" s="5" t="s">
        <v>1518</v>
      </c>
      <c r="J16107" s="5" t="s">
        <v>40939</v>
      </c>
      <c r="K16107" s="2" t="s">
        <v>40940</v>
      </c>
      <c r="L16107" s="5" t="s">
        <v>40939</v>
      </c>
      <c r="M16107" s="2" t="s">
        <v>40940</v>
      </c>
      <c r="N16107" s="5" t="s">
        <v>19227</v>
      </c>
      <c r="O16107" s="5" t="s">
        <v>38</v>
      </c>
      <c r="P16107" s="5" t="s">
        <v>39</v>
      </c>
      <c r="Q16107" s="5" t="s">
        <v>40</v>
      </c>
      <c r="R16107" s="5" t="s">
        <v>1487</v>
      </c>
      <c r="S16107" s="5"/>
      <c r="T16107" s="5" t="s">
        <v>42</v>
      </c>
      <c r="U16107" s="2">
        <v>0</v>
      </c>
      <c r="V16107" s="2">
        <v>0</v>
      </c>
      <c r="W16107" s="2">
        <v>0</v>
      </c>
      <c r="X16107" s="2">
        <v>0</v>
      </c>
      <c r="Y16107" s="2">
        <v>0</v>
      </c>
      <c r="Z16107" s="2">
        <v>0</v>
      </c>
      <c r="AA16107" s="5"/>
      <c r="AB16107" s="5" t="s">
        <v>43</v>
      </c>
      <c r="AC16107" s="5" t="s">
        <v>44</v>
      </c>
      <c r="AD16107" s="2"/>
      <c r="AE16107" s="1"/>
    </row>
    <row r="16108" spans="1:31" ht="14.45">
      <c r="A16108" s="11"/>
      <c r="B16108" s="20"/>
      <c r="C16108" s="2" t="s">
        <v>49281</v>
      </c>
      <c r="D16108" s="14" t="s">
        <v>49282</v>
      </c>
      <c r="E16108" s="2" t="s">
        <v>49283</v>
      </c>
      <c r="F16108" s="2" t="s">
        <v>7204</v>
      </c>
      <c r="G16108" s="8">
        <v>264</v>
      </c>
      <c r="H16108" s="5">
        <v>6</v>
      </c>
      <c r="I16108" s="5" t="s">
        <v>1518</v>
      </c>
      <c r="J16108" s="5" t="s">
        <v>40939</v>
      </c>
      <c r="K16108" s="2" t="s">
        <v>40940</v>
      </c>
      <c r="L16108" s="5" t="s">
        <v>40939</v>
      </c>
      <c r="M16108" s="2" t="s">
        <v>40940</v>
      </c>
      <c r="N16108" s="5" t="s">
        <v>19227</v>
      </c>
      <c r="O16108" s="5" t="s">
        <v>38</v>
      </c>
      <c r="P16108" s="5" t="s">
        <v>39</v>
      </c>
      <c r="Q16108" s="5" t="s">
        <v>40</v>
      </c>
      <c r="R16108" s="5" t="s">
        <v>1487</v>
      </c>
      <c r="S16108" s="5"/>
      <c r="T16108" s="5" t="s">
        <v>42</v>
      </c>
      <c r="U16108" s="2">
        <v>0</v>
      </c>
      <c r="V16108" s="2">
        <v>0</v>
      </c>
      <c r="W16108" s="2">
        <v>0</v>
      </c>
      <c r="X16108" s="2">
        <v>0</v>
      </c>
      <c r="Y16108" s="2">
        <v>0</v>
      </c>
      <c r="Z16108" s="2">
        <v>0</v>
      </c>
      <c r="AA16108" s="5"/>
      <c r="AB16108" s="5" t="s">
        <v>43</v>
      </c>
      <c r="AC16108" s="5" t="s">
        <v>44</v>
      </c>
      <c r="AD16108" s="2"/>
      <c r="AE16108" s="1"/>
    </row>
    <row r="16109" spans="1:31" ht="14.45">
      <c r="A16109" s="11"/>
      <c r="B16109" s="20"/>
      <c r="C16109" s="2" t="s">
        <v>49284</v>
      </c>
      <c r="D16109" s="14" t="s">
        <v>49285</v>
      </c>
      <c r="E16109" s="2" t="s">
        <v>49286</v>
      </c>
      <c r="F16109" s="2" t="s">
        <v>7514</v>
      </c>
      <c r="G16109" s="8">
        <v>264</v>
      </c>
      <c r="H16109" s="5">
        <v>6</v>
      </c>
      <c r="I16109" s="5" t="s">
        <v>1518</v>
      </c>
      <c r="J16109" s="5" t="s">
        <v>40939</v>
      </c>
      <c r="K16109" s="2" t="s">
        <v>40940</v>
      </c>
      <c r="L16109" s="5" t="s">
        <v>40939</v>
      </c>
      <c r="M16109" s="2" t="s">
        <v>40940</v>
      </c>
      <c r="N16109" s="5" t="s">
        <v>19227</v>
      </c>
      <c r="O16109" s="5" t="s">
        <v>38</v>
      </c>
      <c r="P16109" s="5" t="s">
        <v>39</v>
      </c>
      <c r="Q16109" s="5" t="s">
        <v>40</v>
      </c>
      <c r="R16109" s="5" t="s">
        <v>1487</v>
      </c>
      <c r="S16109" s="5"/>
      <c r="T16109" s="5" t="s">
        <v>42</v>
      </c>
      <c r="U16109" s="2">
        <v>0</v>
      </c>
      <c r="V16109" s="2">
        <v>0</v>
      </c>
      <c r="W16109" s="2">
        <v>0</v>
      </c>
      <c r="X16109" s="2">
        <v>0</v>
      </c>
      <c r="Y16109" s="2">
        <v>0</v>
      </c>
      <c r="Z16109" s="2">
        <v>0</v>
      </c>
      <c r="AA16109" s="5"/>
      <c r="AB16109" s="5" t="s">
        <v>43</v>
      </c>
      <c r="AC16109" s="5" t="s">
        <v>44</v>
      </c>
      <c r="AD16109" s="2"/>
      <c r="AE16109" s="1"/>
    </row>
    <row r="16110" spans="1:31" ht="14.45">
      <c r="A16110" s="11"/>
      <c r="B16110" s="20"/>
      <c r="C16110" s="2" t="s">
        <v>49287</v>
      </c>
      <c r="D16110" s="14" t="s">
        <v>49288</v>
      </c>
      <c r="E16110" s="2" t="s">
        <v>49289</v>
      </c>
      <c r="F16110" s="2" t="s">
        <v>7208</v>
      </c>
      <c r="G16110" s="8">
        <v>264</v>
      </c>
      <c r="H16110" s="5">
        <v>6</v>
      </c>
      <c r="I16110" s="5" t="s">
        <v>1518</v>
      </c>
      <c r="J16110" s="5" t="s">
        <v>40939</v>
      </c>
      <c r="K16110" s="2" t="s">
        <v>40940</v>
      </c>
      <c r="L16110" s="5" t="s">
        <v>40939</v>
      </c>
      <c r="M16110" s="2" t="s">
        <v>40940</v>
      </c>
      <c r="N16110" s="5" t="s">
        <v>19227</v>
      </c>
      <c r="O16110" s="5" t="s">
        <v>38</v>
      </c>
      <c r="P16110" s="5" t="s">
        <v>39</v>
      </c>
      <c r="Q16110" s="5" t="s">
        <v>40</v>
      </c>
      <c r="R16110" s="5" t="s">
        <v>1487</v>
      </c>
      <c r="S16110" s="5"/>
      <c r="T16110" s="5" t="s">
        <v>42</v>
      </c>
      <c r="U16110" s="2">
        <v>0</v>
      </c>
      <c r="V16110" s="2">
        <v>0</v>
      </c>
      <c r="W16110" s="2">
        <v>0</v>
      </c>
      <c r="X16110" s="2">
        <v>0</v>
      </c>
      <c r="Y16110" s="2">
        <v>0</v>
      </c>
      <c r="Z16110" s="2">
        <v>0</v>
      </c>
      <c r="AA16110" s="5"/>
      <c r="AB16110" s="5" t="s">
        <v>43</v>
      </c>
      <c r="AC16110" s="5" t="s">
        <v>44</v>
      </c>
      <c r="AD16110" s="2"/>
      <c r="AE16110" s="1"/>
    </row>
    <row r="16111" spans="1:31" ht="14.45">
      <c r="A16111" s="11"/>
      <c r="B16111" s="20"/>
      <c r="C16111" s="2" t="s">
        <v>49290</v>
      </c>
      <c r="D16111" s="14" t="s">
        <v>49291</v>
      </c>
      <c r="E16111" s="2" t="s">
        <v>49292</v>
      </c>
      <c r="F16111" s="2" t="s">
        <v>7521</v>
      </c>
      <c r="G16111" s="8">
        <v>264</v>
      </c>
      <c r="H16111" s="5">
        <v>6</v>
      </c>
      <c r="I16111" s="5" t="s">
        <v>1518</v>
      </c>
      <c r="J16111" s="5" t="s">
        <v>40939</v>
      </c>
      <c r="K16111" s="2" t="s">
        <v>40940</v>
      </c>
      <c r="L16111" s="5" t="s">
        <v>40939</v>
      </c>
      <c r="M16111" s="2" t="s">
        <v>40940</v>
      </c>
      <c r="N16111" s="5" t="s">
        <v>19227</v>
      </c>
      <c r="O16111" s="5" t="s">
        <v>38</v>
      </c>
      <c r="P16111" s="5" t="s">
        <v>39</v>
      </c>
      <c r="Q16111" s="5" t="s">
        <v>40</v>
      </c>
      <c r="R16111" s="5" t="s">
        <v>1487</v>
      </c>
      <c r="S16111" s="5"/>
      <c r="T16111" s="5" t="s">
        <v>42</v>
      </c>
      <c r="U16111" s="2">
        <v>0</v>
      </c>
      <c r="V16111" s="2">
        <v>0</v>
      </c>
      <c r="W16111" s="2">
        <v>0</v>
      </c>
      <c r="X16111" s="2">
        <v>0</v>
      </c>
      <c r="Y16111" s="2">
        <v>0</v>
      </c>
      <c r="Z16111" s="2">
        <v>0</v>
      </c>
      <c r="AA16111" s="5"/>
      <c r="AB16111" s="5" t="s">
        <v>43</v>
      </c>
      <c r="AC16111" s="5" t="s">
        <v>44</v>
      </c>
      <c r="AD16111" s="2"/>
      <c r="AE16111" s="1"/>
    </row>
    <row r="16112" spans="1:31" ht="14.45">
      <c r="A16112" s="11"/>
      <c r="B16112" s="20"/>
      <c r="C16112" s="2" t="s">
        <v>49293</v>
      </c>
      <c r="D16112" s="14" t="s">
        <v>49294</v>
      </c>
      <c r="E16112" s="2" t="s">
        <v>49295</v>
      </c>
      <c r="F16112" s="2" t="s">
        <v>36273</v>
      </c>
      <c r="G16112" s="8">
        <v>264</v>
      </c>
      <c r="H16112" s="5">
        <v>6</v>
      </c>
      <c r="I16112" s="5" t="s">
        <v>1518</v>
      </c>
      <c r="J16112" s="5" t="s">
        <v>40939</v>
      </c>
      <c r="K16112" s="2" t="s">
        <v>40940</v>
      </c>
      <c r="L16112" s="5" t="s">
        <v>40939</v>
      </c>
      <c r="M16112" s="2" t="s">
        <v>40940</v>
      </c>
      <c r="N16112" s="5" t="s">
        <v>19227</v>
      </c>
      <c r="O16112" s="5" t="s">
        <v>38</v>
      </c>
      <c r="P16112" s="5" t="s">
        <v>39</v>
      </c>
      <c r="Q16112" s="5" t="s">
        <v>40</v>
      </c>
      <c r="R16112" s="5" t="s">
        <v>1487</v>
      </c>
      <c r="S16112" s="5"/>
      <c r="T16112" s="5" t="s">
        <v>42</v>
      </c>
      <c r="U16112" s="2">
        <v>0</v>
      </c>
      <c r="V16112" s="2">
        <v>0</v>
      </c>
      <c r="W16112" s="2">
        <v>0</v>
      </c>
      <c r="X16112" s="2">
        <v>0</v>
      </c>
      <c r="Y16112" s="2">
        <v>0</v>
      </c>
      <c r="Z16112" s="2">
        <v>0</v>
      </c>
      <c r="AA16112" s="5"/>
      <c r="AB16112" s="5" t="s">
        <v>43</v>
      </c>
      <c r="AC16112" s="5" t="s">
        <v>44</v>
      </c>
      <c r="AD16112" s="2"/>
      <c r="AE16112" s="1"/>
    </row>
    <row r="16113" spans="1:31" ht="14.45">
      <c r="A16113" s="11"/>
      <c r="B16113" s="20"/>
      <c r="C16113" s="2" t="s">
        <v>49296</v>
      </c>
      <c r="D16113" s="14" t="s">
        <v>49297</v>
      </c>
      <c r="E16113" s="2" t="s">
        <v>49298</v>
      </c>
      <c r="F16113" s="2" t="s">
        <v>36277</v>
      </c>
      <c r="G16113" s="8">
        <v>264</v>
      </c>
      <c r="H16113" s="5">
        <v>6</v>
      </c>
      <c r="I16113" s="5" t="s">
        <v>1518</v>
      </c>
      <c r="J16113" s="5" t="s">
        <v>40939</v>
      </c>
      <c r="K16113" s="2" t="s">
        <v>40940</v>
      </c>
      <c r="L16113" s="5" t="s">
        <v>40939</v>
      </c>
      <c r="M16113" s="2" t="s">
        <v>40940</v>
      </c>
      <c r="N16113" s="5" t="s">
        <v>19227</v>
      </c>
      <c r="O16113" s="5" t="s">
        <v>38</v>
      </c>
      <c r="P16113" s="5" t="s">
        <v>39</v>
      </c>
      <c r="Q16113" s="5" t="s">
        <v>40</v>
      </c>
      <c r="R16113" s="5" t="s">
        <v>1487</v>
      </c>
      <c r="S16113" s="5"/>
      <c r="T16113" s="5" t="s">
        <v>42</v>
      </c>
      <c r="U16113" s="2">
        <v>0</v>
      </c>
      <c r="V16113" s="2">
        <v>0</v>
      </c>
      <c r="W16113" s="2">
        <v>0</v>
      </c>
      <c r="X16113" s="2">
        <v>0</v>
      </c>
      <c r="Y16113" s="2">
        <v>0</v>
      </c>
      <c r="Z16113" s="2">
        <v>0</v>
      </c>
      <c r="AA16113" s="5"/>
      <c r="AB16113" s="5" t="s">
        <v>43</v>
      </c>
      <c r="AC16113" s="5" t="s">
        <v>44</v>
      </c>
      <c r="AD16113" s="2"/>
      <c r="AE16113" s="1"/>
    </row>
    <row r="16114" spans="1:31" ht="14.45">
      <c r="A16114" s="11"/>
      <c r="B16114" s="20"/>
      <c r="C16114" s="2" t="s">
        <v>49299</v>
      </c>
      <c r="D16114" s="14" t="s">
        <v>49300</v>
      </c>
      <c r="E16114" s="2" t="s">
        <v>49301</v>
      </c>
      <c r="F16114" s="2" t="s">
        <v>7396</v>
      </c>
      <c r="G16114" s="8">
        <v>264</v>
      </c>
      <c r="H16114" s="5">
        <v>6</v>
      </c>
      <c r="I16114" s="5" t="s">
        <v>1518</v>
      </c>
      <c r="J16114" s="5" t="s">
        <v>40939</v>
      </c>
      <c r="K16114" s="2" t="s">
        <v>40940</v>
      </c>
      <c r="L16114" s="5" t="s">
        <v>40939</v>
      </c>
      <c r="M16114" s="2" t="s">
        <v>40940</v>
      </c>
      <c r="N16114" s="5" t="s">
        <v>19227</v>
      </c>
      <c r="O16114" s="5" t="s">
        <v>38</v>
      </c>
      <c r="P16114" s="5" t="s">
        <v>39</v>
      </c>
      <c r="Q16114" s="5" t="s">
        <v>40</v>
      </c>
      <c r="R16114" s="5" t="s">
        <v>1487</v>
      </c>
      <c r="S16114" s="5"/>
      <c r="T16114" s="5" t="s">
        <v>42</v>
      </c>
      <c r="U16114" s="2">
        <v>0</v>
      </c>
      <c r="V16114" s="2">
        <v>0</v>
      </c>
      <c r="W16114" s="2">
        <v>0</v>
      </c>
      <c r="X16114" s="2">
        <v>0</v>
      </c>
      <c r="Y16114" s="2">
        <v>0</v>
      </c>
      <c r="Z16114" s="2">
        <v>0</v>
      </c>
      <c r="AA16114" s="5"/>
      <c r="AB16114" s="5" t="s">
        <v>43</v>
      </c>
      <c r="AC16114" s="5" t="s">
        <v>44</v>
      </c>
      <c r="AD16114" s="2"/>
      <c r="AE16114" s="1"/>
    </row>
    <row r="16115" spans="1:31" ht="14.45">
      <c r="A16115" s="11"/>
      <c r="B16115" s="20"/>
      <c r="C16115" s="2" t="s">
        <v>49302</v>
      </c>
      <c r="D16115" s="14" t="s">
        <v>49303</v>
      </c>
      <c r="E16115" s="2" t="s">
        <v>49304</v>
      </c>
      <c r="F16115" s="2" t="s">
        <v>7507</v>
      </c>
      <c r="G16115" s="8">
        <v>264</v>
      </c>
      <c r="H16115" s="5">
        <v>6</v>
      </c>
      <c r="I16115" s="5" t="s">
        <v>1518</v>
      </c>
      <c r="J16115" s="5" t="s">
        <v>40939</v>
      </c>
      <c r="K16115" s="2" t="s">
        <v>40940</v>
      </c>
      <c r="L16115" s="5" t="s">
        <v>40939</v>
      </c>
      <c r="M16115" s="2" t="s">
        <v>40940</v>
      </c>
      <c r="N16115" s="5" t="s">
        <v>19227</v>
      </c>
      <c r="O16115" s="5" t="s">
        <v>38</v>
      </c>
      <c r="P16115" s="5" t="s">
        <v>39</v>
      </c>
      <c r="Q16115" s="5" t="s">
        <v>40</v>
      </c>
      <c r="R16115" s="5" t="s">
        <v>1487</v>
      </c>
      <c r="S16115" s="5"/>
      <c r="T16115" s="5" t="s">
        <v>42</v>
      </c>
      <c r="U16115" s="2">
        <v>0</v>
      </c>
      <c r="V16115" s="2">
        <v>0</v>
      </c>
      <c r="W16115" s="2">
        <v>0</v>
      </c>
      <c r="X16115" s="2">
        <v>0</v>
      </c>
      <c r="Y16115" s="2">
        <v>0</v>
      </c>
      <c r="Z16115" s="2">
        <v>0</v>
      </c>
      <c r="AA16115" s="5"/>
      <c r="AB16115" s="5" t="s">
        <v>43</v>
      </c>
      <c r="AC16115" s="5" t="s">
        <v>44</v>
      </c>
      <c r="AD16115" s="2"/>
      <c r="AE16115" s="1"/>
    </row>
    <row r="16116" spans="1:31" ht="14.45">
      <c r="A16116" s="11"/>
      <c r="B16116" s="20"/>
      <c r="C16116" s="2" t="s">
        <v>49305</v>
      </c>
      <c r="D16116" s="14" t="s">
        <v>49306</v>
      </c>
      <c r="E16116" s="2" t="s">
        <v>49307</v>
      </c>
      <c r="F16116" s="2" t="s">
        <v>7204</v>
      </c>
      <c r="G16116" s="8">
        <v>241</v>
      </c>
      <c r="H16116" s="5">
        <v>6</v>
      </c>
      <c r="I16116" s="5" t="s">
        <v>1518</v>
      </c>
      <c r="J16116" s="5" t="s">
        <v>40939</v>
      </c>
      <c r="K16116" s="2" t="s">
        <v>40940</v>
      </c>
      <c r="L16116" s="5" t="s">
        <v>40939</v>
      </c>
      <c r="M16116" s="2" t="s">
        <v>40940</v>
      </c>
      <c r="N16116" s="5" t="s">
        <v>19227</v>
      </c>
      <c r="O16116" s="5" t="s">
        <v>38</v>
      </c>
      <c r="P16116" s="5" t="s">
        <v>39</v>
      </c>
      <c r="Q16116" s="5" t="s">
        <v>40</v>
      </c>
      <c r="R16116" s="5" t="s">
        <v>1487</v>
      </c>
      <c r="S16116" s="5"/>
      <c r="T16116" s="5" t="s">
        <v>42</v>
      </c>
      <c r="U16116" s="2">
        <v>0</v>
      </c>
      <c r="V16116" s="2">
        <v>0</v>
      </c>
      <c r="W16116" s="2">
        <v>0</v>
      </c>
      <c r="X16116" s="2">
        <v>0</v>
      </c>
      <c r="Y16116" s="2">
        <v>0</v>
      </c>
      <c r="Z16116" s="2">
        <v>0</v>
      </c>
      <c r="AA16116" s="5"/>
      <c r="AB16116" s="5" t="s">
        <v>43</v>
      </c>
      <c r="AC16116" s="5" t="s">
        <v>44</v>
      </c>
      <c r="AD16116" s="2"/>
      <c r="AE16116" s="1"/>
    </row>
    <row r="16117" spans="1:31" ht="14.45">
      <c r="A16117" s="11"/>
      <c r="B16117" s="20"/>
      <c r="C16117" s="2" t="s">
        <v>49308</v>
      </c>
      <c r="D16117" s="14" t="s">
        <v>49309</v>
      </c>
      <c r="E16117" s="2" t="s">
        <v>49310</v>
      </c>
      <c r="F16117" s="2" t="s">
        <v>7514</v>
      </c>
      <c r="G16117" s="8">
        <v>241</v>
      </c>
      <c r="H16117" s="5">
        <v>6</v>
      </c>
      <c r="I16117" s="5" t="s">
        <v>1518</v>
      </c>
      <c r="J16117" s="5" t="s">
        <v>40939</v>
      </c>
      <c r="K16117" s="2" t="s">
        <v>40940</v>
      </c>
      <c r="L16117" s="5" t="s">
        <v>40939</v>
      </c>
      <c r="M16117" s="2" t="s">
        <v>40940</v>
      </c>
      <c r="N16117" s="5" t="s">
        <v>19227</v>
      </c>
      <c r="O16117" s="5" t="s">
        <v>38</v>
      </c>
      <c r="P16117" s="5" t="s">
        <v>39</v>
      </c>
      <c r="Q16117" s="5" t="s">
        <v>40</v>
      </c>
      <c r="R16117" s="5" t="s">
        <v>1487</v>
      </c>
      <c r="S16117" s="5"/>
      <c r="T16117" s="5" t="s">
        <v>42</v>
      </c>
      <c r="U16117" s="2">
        <v>0</v>
      </c>
      <c r="V16117" s="2">
        <v>0</v>
      </c>
      <c r="W16117" s="2">
        <v>0</v>
      </c>
      <c r="X16117" s="2">
        <v>0</v>
      </c>
      <c r="Y16117" s="2">
        <v>0</v>
      </c>
      <c r="Z16117" s="2">
        <v>0</v>
      </c>
      <c r="AA16117" s="5"/>
      <c r="AB16117" s="5" t="s">
        <v>43</v>
      </c>
      <c r="AC16117" s="5" t="s">
        <v>44</v>
      </c>
      <c r="AD16117" s="2"/>
      <c r="AE16117" s="1"/>
    </row>
    <row r="16118" spans="1:31" ht="14.45">
      <c r="A16118" s="11"/>
      <c r="B16118" s="20"/>
      <c r="C16118" s="2" t="s">
        <v>49311</v>
      </c>
      <c r="D16118" s="14" t="s">
        <v>49312</v>
      </c>
      <c r="E16118" s="2" t="s">
        <v>49313</v>
      </c>
      <c r="F16118" s="2" t="s">
        <v>7208</v>
      </c>
      <c r="G16118" s="8">
        <v>241</v>
      </c>
      <c r="H16118" s="5">
        <v>6</v>
      </c>
      <c r="I16118" s="5" t="s">
        <v>1518</v>
      </c>
      <c r="J16118" s="5" t="s">
        <v>40939</v>
      </c>
      <c r="K16118" s="2" t="s">
        <v>40940</v>
      </c>
      <c r="L16118" s="5" t="s">
        <v>40939</v>
      </c>
      <c r="M16118" s="2" t="s">
        <v>40940</v>
      </c>
      <c r="N16118" s="5" t="s">
        <v>19227</v>
      </c>
      <c r="O16118" s="5" t="s">
        <v>38</v>
      </c>
      <c r="P16118" s="5" t="s">
        <v>39</v>
      </c>
      <c r="Q16118" s="5" t="s">
        <v>40</v>
      </c>
      <c r="R16118" s="5" t="s">
        <v>1487</v>
      </c>
      <c r="S16118" s="5"/>
      <c r="T16118" s="5" t="s">
        <v>42</v>
      </c>
      <c r="U16118" s="2">
        <v>0</v>
      </c>
      <c r="V16118" s="2">
        <v>0</v>
      </c>
      <c r="W16118" s="2">
        <v>0</v>
      </c>
      <c r="X16118" s="2">
        <v>0</v>
      </c>
      <c r="Y16118" s="2">
        <v>0</v>
      </c>
      <c r="Z16118" s="2">
        <v>0</v>
      </c>
      <c r="AA16118" s="5"/>
      <c r="AB16118" s="5" t="s">
        <v>43</v>
      </c>
      <c r="AC16118" s="5" t="s">
        <v>44</v>
      </c>
      <c r="AD16118" s="2"/>
      <c r="AE16118" s="1"/>
    </row>
    <row r="16119" spans="1:31" ht="14.45">
      <c r="A16119" s="11"/>
      <c r="B16119" s="20"/>
      <c r="C16119" s="2" t="s">
        <v>49314</v>
      </c>
      <c r="D16119" s="14" t="s">
        <v>49315</v>
      </c>
      <c r="E16119" s="2" t="s">
        <v>49316</v>
      </c>
      <c r="F16119" s="2" t="s">
        <v>7521</v>
      </c>
      <c r="G16119" s="8">
        <v>241</v>
      </c>
      <c r="H16119" s="5">
        <v>6</v>
      </c>
      <c r="I16119" s="5" t="s">
        <v>1518</v>
      </c>
      <c r="J16119" s="5" t="s">
        <v>40939</v>
      </c>
      <c r="K16119" s="2" t="s">
        <v>40940</v>
      </c>
      <c r="L16119" s="5" t="s">
        <v>40939</v>
      </c>
      <c r="M16119" s="2" t="s">
        <v>40940</v>
      </c>
      <c r="N16119" s="5" t="s">
        <v>19227</v>
      </c>
      <c r="O16119" s="5" t="s">
        <v>38</v>
      </c>
      <c r="P16119" s="5" t="s">
        <v>39</v>
      </c>
      <c r="Q16119" s="5" t="s">
        <v>40</v>
      </c>
      <c r="R16119" s="5" t="s">
        <v>1487</v>
      </c>
      <c r="S16119" s="5"/>
      <c r="T16119" s="5" t="s">
        <v>42</v>
      </c>
      <c r="U16119" s="2">
        <v>0</v>
      </c>
      <c r="V16119" s="2">
        <v>0</v>
      </c>
      <c r="W16119" s="2">
        <v>0</v>
      </c>
      <c r="X16119" s="2">
        <v>0</v>
      </c>
      <c r="Y16119" s="2">
        <v>0</v>
      </c>
      <c r="Z16119" s="2">
        <v>0</v>
      </c>
      <c r="AA16119" s="5"/>
      <c r="AB16119" s="5" t="s">
        <v>43</v>
      </c>
      <c r="AC16119" s="5" t="s">
        <v>44</v>
      </c>
      <c r="AD16119" s="2"/>
      <c r="AE16119" s="1"/>
    </row>
    <row r="16120" spans="1:31" ht="14.45">
      <c r="A16120" s="11"/>
      <c r="B16120" s="20"/>
      <c r="C16120" s="2" t="s">
        <v>49317</v>
      </c>
      <c r="D16120" s="14" t="s">
        <v>49318</v>
      </c>
      <c r="E16120" s="2" t="s">
        <v>49319</v>
      </c>
      <c r="F16120" s="2" t="s">
        <v>36273</v>
      </c>
      <c r="G16120" s="8">
        <v>241</v>
      </c>
      <c r="H16120" s="5">
        <v>6</v>
      </c>
      <c r="I16120" s="5" t="s">
        <v>1518</v>
      </c>
      <c r="J16120" s="5" t="s">
        <v>40939</v>
      </c>
      <c r="K16120" s="2" t="s">
        <v>40940</v>
      </c>
      <c r="L16120" s="5" t="s">
        <v>40939</v>
      </c>
      <c r="M16120" s="2" t="s">
        <v>40940</v>
      </c>
      <c r="N16120" s="5" t="s">
        <v>19227</v>
      </c>
      <c r="O16120" s="5" t="s">
        <v>38</v>
      </c>
      <c r="P16120" s="5" t="s">
        <v>39</v>
      </c>
      <c r="Q16120" s="5" t="s">
        <v>40</v>
      </c>
      <c r="R16120" s="5" t="s">
        <v>1487</v>
      </c>
      <c r="S16120" s="5"/>
      <c r="T16120" s="5" t="s">
        <v>42</v>
      </c>
      <c r="U16120" s="2">
        <v>0</v>
      </c>
      <c r="V16120" s="2">
        <v>0</v>
      </c>
      <c r="W16120" s="2">
        <v>0</v>
      </c>
      <c r="X16120" s="2">
        <v>0</v>
      </c>
      <c r="Y16120" s="2">
        <v>0</v>
      </c>
      <c r="Z16120" s="2">
        <v>0</v>
      </c>
      <c r="AA16120" s="5"/>
      <c r="AB16120" s="5" t="s">
        <v>43</v>
      </c>
      <c r="AC16120" s="5" t="s">
        <v>44</v>
      </c>
      <c r="AD16120" s="2"/>
      <c r="AE16120" s="1"/>
    </row>
    <row r="16121" spans="1:31" ht="14.45">
      <c r="A16121" s="11"/>
      <c r="B16121" s="20"/>
      <c r="C16121" s="2" t="s">
        <v>49320</v>
      </c>
      <c r="D16121" s="14" t="s">
        <v>49321</v>
      </c>
      <c r="E16121" s="2" t="s">
        <v>49322</v>
      </c>
      <c r="F16121" s="2" t="s">
        <v>36277</v>
      </c>
      <c r="G16121" s="8">
        <v>241</v>
      </c>
      <c r="H16121" s="5">
        <v>6</v>
      </c>
      <c r="I16121" s="5" t="s">
        <v>1518</v>
      </c>
      <c r="J16121" s="5" t="s">
        <v>40939</v>
      </c>
      <c r="K16121" s="2" t="s">
        <v>40940</v>
      </c>
      <c r="L16121" s="5" t="s">
        <v>40939</v>
      </c>
      <c r="M16121" s="2" t="s">
        <v>40940</v>
      </c>
      <c r="N16121" s="5" t="s">
        <v>19227</v>
      </c>
      <c r="O16121" s="5" t="s">
        <v>38</v>
      </c>
      <c r="P16121" s="5" t="s">
        <v>39</v>
      </c>
      <c r="Q16121" s="5" t="s">
        <v>40</v>
      </c>
      <c r="R16121" s="5" t="s">
        <v>1487</v>
      </c>
      <c r="S16121" s="5"/>
      <c r="T16121" s="5" t="s">
        <v>42</v>
      </c>
      <c r="U16121" s="2">
        <v>0</v>
      </c>
      <c r="V16121" s="2">
        <v>0</v>
      </c>
      <c r="W16121" s="2">
        <v>0</v>
      </c>
      <c r="X16121" s="2">
        <v>0</v>
      </c>
      <c r="Y16121" s="2">
        <v>0</v>
      </c>
      <c r="Z16121" s="2">
        <v>0</v>
      </c>
      <c r="AA16121" s="5"/>
      <c r="AB16121" s="5" t="s">
        <v>43</v>
      </c>
      <c r="AC16121" s="5" t="s">
        <v>44</v>
      </c>
      <c r="AD16121" s="2"/>
      <c r="AE16121" s="1"/>
    </row>
    <row r="16122" spans="1:31" ht="14.45">
      <c r="A16122" s="11"/>
      <c r="B16122" s="20"/>
      <c r="C16122" s="2" t="s">
        <v>49323</v>
      </c>
      <c r="D16122" s="14" t="s">
        <v>49324</v>
      </c>
      <c r="E16122" s="2" t="s">
        <v>49325</v>
      </c>
      <c r="F16122" s="2" t="s">
        <v>7396</v>
      </c>
      <c r="G16122" s="8">
        <v>241</v>
      </c>
      <c r="H16122" s="5">
        <v>6</v>
      </c>
      <c r="I16122" s="5" t="s">
        <v>1518</v>
      </c>
      <c r="J16122" s="5" t="s">
        <v>40939</v>
      </c>
      <c r="K16122" s="2" t="s">
        <v>40940</v>
      </c>
      <c r="L16122" s="5" t="s">
        <v>40939</v>
      </c>
      <c r="M16122" s="2" t="s">
        <v>40940</v>
      </c>
      <c r="N16122" s="5" t="s">
        <v>19227</v>
      </c>
      <c r="O16122" s="5" t="s">
        <v>38</v>
      </c>
      <c r="P16122" s="5" t="s">
        <v>39</v>
      </c>
      <c r="Q16122" s="5" t="s">
        <v>40</v>
      </c>
      <c r="R16122" s="5" t="s">
        <v>1487</v>
      </c>
      <c r="S16122" s="5"/>
      <c r="T16122" s="5" t="s">
        <v>42</v>
      </c>
      <c r="U16122" s="2">
        <v>0</v>
      </c>
      <c r="V16122" s="2">
        <v>0</v>
      </c>
      <c r="W16122" s="2">
        <v>0</v>
      </c>
      <c r="X16122" s="2">
        <v>0</v>
      </c>
      <c r="Y16122" s="2">
        <v>0</v>
      </c>
      <c r="Z16122" s="2">
        <v>0</v>
      </c>
      <c r="AA16122" s="5"/>
      <c r="AB16122" s="5" t="s">
        <v>43</v>
      </c>
      <c r="AC16122" s="5" t="s">
        <v>44</v>
      </c>
      <c r="AD16122" s="2"/>
      <c r="AE16122" s="1"/>
    </row>
    <row r="16123" spans="1:31" ht="14.45">
      <c r="A16123" s="11"/>
      <c r="B16123" s="20"/>
      <c r="C16123" s="2" t="s">
        <v>49326</v>
      </c>
      <c r="D16123" s="14" t="s">
        <v>49327</v>
      </c>
      <c r="E16123" s="2" t="s">
        <v>49328</v>
      </c>
      <c r="F16123" s="2" t="s">
        <v>7507</v>
      </c>
      <c r="G16123" s="8">
        <v>241</v>
      </c>
      <c r="H16123" s="5">
        <v>6</v>
      </c>
      <c r="I16123" s="5" t="s">
        <v>1518</v>
      </c>
      <c r="J16123" s="5" t="s">
        <v>40939</v>
      </c>
      <c r="K16123" s="2" t="s">
        <v>40940</v>
      </c>
      <c r="L16123" s="5" t="s">
        <v>40939</v>
      </c>
      <c r="M16123" s="2" t="s">
        <v>40940</v>
      </c>
      <c r="N16123" s="5" t="s">
        <v>19227</v>
      </c>
      <c r="O16123" s="5" t="s">
        <v>38</v>
      </c>
      <c r="P16123" s="5" t="s">
        <v>39</v>
      </c>
      <c r="Q16123" s="5" t="s">
        <v>40</v>
      </c>
      <c r="R16123" s="5" t="s">
        <v>1487</v>
      </c>
      <c r="S16123" s="5"/>
      <c r="T16123" s="5" t="s">
        <v>42</v>
      </c>
      <c r="U16123" s="2">
        <v>0</v>
      </c>
      <c r="V16123" s="2">
        <v>0</v>
      </c>
      <c r="W16123" s="2">
        <v>0</v>
      </c>
      <c r="X16123" s="2">
        <v>0</v>
      </c>
      <c r="Y16123" s="2">
        <v>0</v>
      </c>
      <c r="Z16123" s="2">
        <v>0</v>
      </c>
      <c r="AA16123" s="5"/>
      <c r="AB16123" s="5" t="s">
        <v>43</v>
      </c>
      <c r="AC16123" s="5" t="s">
        <v>44</v>
      </c>
      <c r="AD16123" s="2"/>
      <c r="AE16123" s="1"/>
    </row>
    <row r="16124" spans="1:31" ht="14.45">
      <c r="A16124" s="11"/>
      <c r="B16124" s="20"/>
      <c r="C16124" s="2" t="s">
        <v>49329</v>
      </c>
      <c r="D16124" s="14" t="s">
        <v>49330</v>
      </c>
      <c r="E16124" s="2" t="s">
        <v>49331</v>
      </c>
      <c r="F16124" s="2" t="s">
        <v>7204</v>
      </c>
      <c r="G16124" s="8">
        <v>251</v>
      </c>
      <c r="H16124" s="5">
        <v>6</v>
      </c>
      <c r="I16124" s="5" t="s">
        <v>1518</v>
      </c>
      <c r="J16124" s="5" t="s">
        <v>40939</v>
      </c>
      <c r="K16124" s="2" t="s">
        <v>40940</v>
      </c>
      <c r="L16124" s="5" t="s">
        <v>40939</v>
      </c>
      <c r="M16124" s="2" t="s">
        <v>40940</v>
      </c>
      <c r="N16124" s="5" t="s">
        <v>19227</v>
      </c>
      <c r="O16124" s="5" t="s">
        <v>38</v>
      </c>
      <c r="P16124" s="5" t="s">
        <v>39</v>
      </c>
      <c r="Q16124" s="5" t="s">
        <v>40</v>
      </c>
      <c r="R16124" s="5" t="s">
        <v>1487</v>
      </c>
      <c r="S16124" s="5"/>
      <c r="T16124" s="5" t="s">
        <v>42</v>
      </c>
      <c r="U16124" s="2">
        <v>0</v>
      </c>
      <c r="V16124" s="2">
        <v>0</v>
      </c>
      <c r="W16124" s="2">
        <v>0</v>
      </c>
      <c r="X16124" s="2">
        <v>0</v>
      </c>
      <c r="Y16124" s="2">
        <v>0</v>
      </c>
      <c r="Z16124" s="2">
        <v>0</v>
      </c>
      <c r="AA16124" s="5"/>
      <c r="AB16124" s="5" t="s">
        <v>43</v>
      </c>
      <c r="AC16124" s="5" t="s">
        <v>44</v>
      </c>
      <c r="AD16124" s="2"/>
      <c r="AE16124" s="1"/>
    </row>
    <row r="16125" spans="1:31" ht="14.45">
      <c r="A16125" s="11"/>
      <c r="B16125" s="20"/>
      <c r="C16125" s="2" t="s">
        <v>49332</v>
      </c>
      <c r="D16125" s="14" t="s">
        <v>49333</v>
      </c>
      <c r="E16125" s="2" t="s">
        <v>49334</v>
      </c>
      <c r="F16125" s="2" t="s">
        <v>7514</v>
      </c>
      <c r="G16125" s="8">
        <v>251</v>
      </c>
      <c r="H16125" s="5">
        <v>6</v>
      </c>
      <c r="I16125" s="5" t="s">
        <v>1518</v>
      </c>
      <c r="J16125" s="5" t="s">
        <v>40939</v>
      </c>
      <c r="K16125" s="2" t="s">
        <v>40940</v>
      </c>
      <c r="L16125" s="5" t="s">
        <v>40939</v>
      </c>
      <c r="M16125" s="2" t="s">
        <v>40940</v>
      </c>
      <c r="N16125" s="5" t="s">
        <v>19227</v>
      </c>
      <c r="O16125" s="5" t="s">
        <v>38</v>
      </c>
      <c r="P16125" s="5" t="s">
        <v>39</v>
      </c>
      <c r="Q16125" s="5" t="s">
        <v>40</v>
      </c>
      <c r="R16125" s="5" t="s">
        <v>1487</v>
      </c>
      <c r="S16125" s="5"/>
      <c r="T16125" s="5" t="s">
        <v>42</v>
      </c>
      <c r="U16125" s="2">
        <v>0</v>
      </c>
      <c r="V16125" s="2">
        <v>0</v>
      </c>
      <c r="W16125" s="2">
        <v>0</v>
      </c>
      <c r="X16125" s="2">
        <v>0</v>
      </c>
      <c r="Y16125" s="2">
        <v>0</v>
      </c>
      <c r="Z16125" s="2">
        <v>0</v>
      </c>
      <c r="AA16125" s="5"/>
      <c r="AB16125" s="5" t="s">
        <v>43</v>
      </c>
      <c r="AC16125" s="5" t="s">
        <v>44</v>
      </c>
      <c r="AD16125" s="2"/>
      <c r="AE16125" s="1"/>
    </row>
    <row r="16126" spans="1:31" ht="14.45">
      <c r="A16126" s="11"/>
      <c r="B16126" s="20"/>
      <c r="C16126" s="2" t="s">
        <v>49335</v>
      </c>
      <c r="D16126" s="14" t="s">
        <v>49336</v>
      </c>
      <c r="E16126" s="2" t="s">
        <v>49337</v>
      </c>
      <c r="F16126" s="2" t="s">
        <v>7208</v>
      </c>
      <c r="G16126" s="8">
        <v>251</v>
      </c>
      <c r="H16126" s="5">
        <v>6</v>
      </c>
      <c r="I16126" s="5" t="s">
        <v>1518</v>
      </c>
      <c r="J16126" s="5" t="s">
        <v>40939</v>
      </c>
      <c r="K16126" s="2" t="s">
        <v>40940</v>
      </c>
      <c r="L16126" s="5" t="s">
        <v>40939</v>
      </c>
      <c r="M16126" s="2" t="s">
        <v>40940</v>
      </c>
      <c r="N16126" s="5" t="s">
        <v>19227</v>
      </c>
      <c r="O16126" s="5" t="s">
        <v>38</v>
      </c>
      <c r="P16126" s="5" t="s">
        <v>39</v>
      </c>
      <c r="Q16126" s="5" t="s">
        <v>40</v>
      </c>
      <c r="R16126" s="5" t="s">
        <v>1487</v>
      </c>
      <c r="S16126" s="5"/>
      <c r="T16126" s="5" t="s">
        <v>42</v>
      </c>
      <c r="U16126" s="2">
        <v>0</v>
      </c>
      <c r="V16126" s="2">
        <v>0</v>
      </c>
      <c r="W16126" s="2">
        <v>0</v>
      </c>
      <c r="X16126" s="2">
        <v>0</v>
      </c>
      <c r="Y16126" s="2">
        <v>0</v>
      </c>
      <c r="Z16126" s="2">
        <v>0</v>
      </c>
      <c r="AA16126" s="5"/>
      <c r="AB16126" s="5" t="s">
        <v>43</v>
      </c>
      <c r="AC16126" s="5" t="s">
        <v>44</v>
      </c>
      <c r="AD16126" s="2"/>
      <c r="AE16126" s="1"/>
    </row>
    <row r="16127" spans="1:31" ht="14.45">
      <c r="A16127" s="11"/>
      <c r="B16127" s="20"/>
      <c r="C16127" s="2" t="s">
        <v>49338</v>
      </c>
      <c r="D16127" s="14" t="s">
        <v>49339</v>
      </c>
      <c r="E16127" s="2" t="s">
        <v>49340</v>
      </c>
      <c r="F16127" s="2" t="s">
        <v>7521</v>
      </c>
      <c r="G16127" s="8">
        <v>251</v>
      </c>
      <c r="H16127" s="5">
        <v>6</v>
      </c>
      <c r="I16127" s="5" t="s">
        <v>1518</v>
      </c>
      <c r="J16127" s="5" t="s">
        <v>40939</v>
      </c>
      <c r="K16127" s="2" t="s">
        <v>40940</v>
      </c>
      <c r="L16127" s="5" t="s">
        <v>40939</v>
      </c>
      <c r="M16127" s="2" t="s">
        <v>40940</v>
      </c>
      <c r="N16127" s="5" t="s">
        <v>19227</v>
      </c>
      <c r="O16127" s="5" t="s">
        <v>38</v>
      </c>
      <c r="P16127" s="5" t="s">
        <v>39</v>
      </c>
      <c r="Q16127" s="5" t="s">
        <v>40</v>
      </c>
      <c r="R16127" s="5" t="s">
        <v>1487</v>
      </c>
      <c r="S16127" s="5"/>
      <c r="T16127" s="5" t="s">
        <v>42</v>
      </c>
      <c r="U16127" s="2">
        <v>0</v>
      </c>
      <c r="V16127" s="2">
        <v>0</v>
      </c>
      <c r="W16127" s="2">
        <v>0</v>
      </c>
      <c r="X16127" s="2">
        <v>0</v>
      </c>
      <c r="Y16127" s="2">
        <v>0</v>
      </c>
      <c r="Z16127" s="2">
        <v>0</v>
      </c>
      <c r="AA16127" s="5"/>
      <c r="AB16127" s="5" t="s">
        <v>43</v>
      </c>
      <c r="AC16127" s="5" t="s">
        <v>44</v>
      </c>
      <c r="AD16127" s="2"/>
      <c r="AE16127" s="1"/>
    </row>
    <row r="16128" spans="1:31" ht="14.45">
      <c r="A16128" s="11"/>
      <c r="B16128" s="20"/>
      <c r="C16128" s="2" t="s">
        <v>49341</v>
      </c>
      <c r="D16128" s="14" t="s">
        <v>49342</v>
      </c>
      <c r="E16128" s="2" t="s">
        <v>49343</v>
      </c>
      <c r="F16128" s="2" t="s">
        <v>36273</v>
      </c>
      <c r="G16128" s="8">
        <v>251</v>
      </c>
      <c r="H16128" s="5">
        <v>6</v>
      </c>
      <c r="I16128" s="5" t="s">
        <v>1518</v>
      </c>
      <c r="J16128" s="5" t="s">
        <v>40939</v>
      </c>
      <c r="K16128" s="2" t="s">
        <v>40940</v>
      </c>
      <c r="L16128" s="5" t="s">
        <v>40939</v>
      </c>
      <c r="M16128" s="2" t="s">
        <v>40940</v>
      </c>
      <c r="N16128" s="5" t="s">
        <v>19227</v>
      </c>
      <c r="O16128" s="5" t="s">
        <v>38</v>
      </c>
      <c r="P16128" s="5" t="s">
        <v>39</v>
      </c>
      <c r="Q16128" s="5" t="s">
        <v>40</v>
      </c>
      <c r="R16128" s="5" t="s">
        <v>1487</v>
      </c>
      <c r="S16128" s="5"/>
      <c r="T16128" s="5" t="s">
        <v>42</v>
      </c>
      <c r="U16128" s="2">
        <v>0</v>
      </c>
      <c r="V16128" s="2">
        <v>0</v>
      </c>
      <c r="W16128" s="2">
        <v>0</v>
      </c>
      <c r="X16128" s="2">
        <v>0</v>
      </c>
      <c r="Y16128" s="2">
        <v>0</v>
      </c>
      <c r="Z16128" s="2">
        <v>0</v>
      </c>
      <c r="AA16128" s="5"/>
      <c r="AB16128" s="5" t="s">
        <v>43</v>
      </c>
      <c r="AC16128" s="5" t="s">
        <v>44</v>
      </c>
      <c r="AD16128" s="2"/>
      <c r="AE16128" s="1"/>
    </row>
    <row r="16129" spans="1:31" ht="14.45">
      <c r="A16129" s="11"/>
      <c r="B16129" s="20"/>
      <c r="C16129" s="2" t="s">
        <v>49344</v>
      </c>
      <c r="D16129" s="14" t="s">
        <v>49345</v>
      </c>
      <c r="E16129" s="2" t="s">
        <v>49346</v>
      </c>
      <c r="F16129" s="2" t="s">
        <v>36277</v>
      </c>
      <c r="G16129" s="8">
        <v>251</v>
      </c>
      <c r="H16129" s="5">
        <v>6</v>
      </c>
      <c r="I16129" s="5" t="s">
        <v>1518</v>
      </c>
      <c r="J16129" s="5" t="s">
        <v>40939</v>
      </c>
      <c r="K16129" s="2" t="s">
        <v>40940</v>
      </c>
      <c r="L16129" s="5" t="s">
        <v>40939</v>
      </c>
      <c r="M16129" s="2" t="s">
        <v>40940</v>
      </c>
      <c r="N16129" s="5" t="s">
        <v>19227</v>
      </c>
      <c r="O16129" s="5" t="s">
        <v>38</v>
      </c>
      <c r="P16129" s="5" t="s">
        <v>39</v>
      </c>
      <c r="Q16129" s="5" t="s">
        <v>40</v>
      </c>
      <c r="R16129" s="5" t="s">
        <v>1487</v>
      </c>
      <c r="S16129" s="5"/>
      <c r="T16129" s="5" t="s">
        <v>42</v>
      </c>
      <c r="U16129" s="2">
        <v>0</v>
      </c>
      <c r="V16129" s="2">
        <v>0</v>
      </c>
      <c r="W16129" s="2">
        <v>0</v>
      </c>
      <c r="X16129" s="2">
        <v>0</v>
      </c>
      <c r="Y16129" s="2">
        <v>0</v>
      </c>
      <c r="Z16129" s="2">
        <v>0</v>
      </c>
      <c r="AA16129" s="5"/>
      <c r="AB16129" s="5" t="s">
        <v>43</v>
      </c>
      <c r="AC16129" s="5" t="s">
        <v>44</v>
      </c>
      <c r="AD16129" s="2"/>
      <c r="AE16129" s="1"/>
    </row>
    <row r="16130" spans="1:31" ht="14.45">
      <c r="A16130" s="11"/>
      <c r="B16130" s="20"/>
      <c r="C16130" s="2" t="s">
        <v>49347</v>
      </c>
      <c r="D16130" s="14" t="s">
        <v>49348</v>
      </c>
      <c r="E16130" s="2" t="s">
        <v>49349</v>
      </c>
      <c r="F16130" s="2" t="s">
        <v>7396</v>
      </c>
      <c r="G16130" s="8">
        <v>251</v>
      </c>
      <c r="H16130" s="5">
        <v>6</v>
      </c>
      <c r="I16130" s="5" t="s">
        <v>1518</v>
      </c>
      <c r="J16130" s="5" t="s">
        <v>40939</v>
      </c>
      <c r="K16130" s="2" t="s">
        <v>40940</v>
      </c>
      <c r="L16130" s="5" t="s">
        <v>40939</v>
      </c>
      <c r="M16130" s="2" t="s">
        <v>40940</v>
      </c>
      <c r="N16130" s="5" t="s">
        <v>19227</v>
      </c>
      <c r="O16130" s="5" t="s">
        <v>38</v>
      </c>
      <c r="P16130" s="5" t="s">
        <v>39</v>
      </c>
      <c r="Q16130" s="5" t="s">
        <v>40</v>
      </c>
      <c r="R16130" s="5" t="s">
        <v>1487</v>
      </c>
      <c r="S16130" s="5"/>
      <c r="T16130" s="5" t="s">
        <v>42</v>
      </c>
      <c r="U16130" s="2">
        <v>0</v>
      </c>
      <c r="V16130" s="2">
        <v>0</v>
      </c>
      <c r="W16130" s="2">
        <v>0</v>
      </c>
      <c r="X16130" s="2">
        <v>0</v>
      </c>
      <c r="Y16130" s="2">
        <v>0</v>
      </c>
      <c r="Z16130" s="2">
        <v>0</v>
      </c>
      <c r="AA16130" s="5"/>
      <c r="AB16130" s="5" t="s">
        <v>43</v>
      </c>
      <c r="AC16130" s="5" t="s">
        <v>44</v>
      </c>
      <c r="AD16130" s="2"/>
      <c r="AE16130" s="1"/>
    </row>
    <row r="16131" spans="1:31" ht="14.45">
      <c r="A16131" s="11"/>
      <c r="B16131" s="20"/>
      <c r="C16131" s="2" t="s">
        <v>49350</v>
      </c>
      <c r="D16131" s="14" t="s">
        <v>49351</v>
      </c>
      <c r="E16131" s="2" t="s">
        <v>49352</v>
      </c>
      <c r="F16131" s="2" t="s">
        <v>7507</v>
      </c>
      <c r="G16131" s="8">
        <v>251</v>
      </c>
      <c r="H16131" s="5">
        <v>6</v>
      </c>
      <c r="I16131" s="5" t="s">
        <v>1518</v>
      </c>
      <c r="J16131" s="5" t="s">
        <v>40939</v>
      </c>
      <c r="K16131" s="2" t="s">
        <v>40940</v>
      </c>
      <c r="L16131" s="5" t="s">
        <v>40939</v>
      </c>
      <c r="M16131" s="2" t="s">
        <v>40940</v>
      </c>
      <c r="N16131" s="5" t="s">
        <v>19227</v>
      </c>
      <c r="O16131" s="5" t="s">
        <v>38</v>
      </c>
      <c r="P16131" s="5" t="s">
        <v>39</v>
      </c>
      <c r="Q16131" s="5" t="s">
        <v>40</v>
      </c>
      <c r="R16131" s="5" t="s">
        <v>1487</v>
      </c>
      <c r="S16131" s="5"/>
      <c r="T16131" s="5" t="s">
        <v>42</v>
      </c>
      <c r="U16131" s="2">
        <v>0</v>
      </c>
      <c r="V16131" s="2">
        <v>0</v>
      </c>
      <c r="W16131" s="2">
        <v>0</v>
      </c>
      <c r="X16131" s="2">
        <v>0</v>
      </c>
      <c r="Y16131" s="2">
        <v>0</v>
      </c>
      <c r="Z16131" s="2">
        <v>0</v>
      </c>
      <c r="AA16131" s="5"/>
      <c r="AB16131" s="5" t="s">
        <v>43</v>
      </c>
      <c r="AC16131" s="5" t="s">
        <v>44</v>
      </c>
      <c r="AD16131" s="2"/>
      <c r="AE16131" s="1"/>
    </row>
    <row r="16132" spans="1:31" ht="14.45">
      <c r="A16132" s="11"/>
      <c r="B16132" s="20"/>
      <c r="C16132" s="2" t="s">
        <v>49353</v>
      </c>
      <c r="D16132" s="14" t="s">
        <v>49354</v>
      </c>
      <c r="E16132" s="2" t="s">
        <v>49355</v>
      </c>
      <c r="F16132" s="2" t="s">
        <v>7204</v>
      </c>
      <c r="G16132" s="8">
        <v>264</v>
      </c>
      <c r="H16132" s="5">
        <v>6</v>
      </c>
      <c r="I16132" s="5" t="s">
        <v>1518</v>
      </c>
      <c r="J16132" s="5" t="s">
        <v>40939</v>
      </c>
      <c r="K16132" s="2" t="s">
        <v>40940</v>
      </c>
      <c r="L16132" s="5" t="s">
        <v>40939</v>
      </c>
      <c r="M16132" s="2" t="s">
        <v>40940</v>
      </c>
      <c r="N16132" s="5" t="s">
        <v>19227</v>
      </c>
      <c r="O16132" s="5" t="s">
        <v>38</v>
      </c>
      <c r="P16132" s="5" t="s">
        <v>39</v>
      </c>
      <c r="Q16132" s="5" t="s">
        <v>40</v>
      </c>
      <c r="R16132" s="5" t="s">
        <v>1487</v>
      </c>
      <c r="S16132" s="5"/>
      <c r="T16132" s="5" t="s">
        <v>42</v>
      </c>
      <c r="U16132" s="2">
        <v>0</v>
      </c>
      <c r="V16132" s="2">
        <v>0</v>
      </c>
      <c r="W16132" s="2">
        <v>0</v>
      </c>
      <c r="X16132" s="2">
        <v>0</v>
      </c>
      <c r="Y16132" s="2">
        <v>0</v>
      </c>
      <c r="Z16132" s="2">
        <v>0</v>
      </c>
      <c r="AA16132" s="5"/>
      <c r="AB16132" s="5" t="s">
        <v>43</v>
      </c>
      <c r="AC16132" s="5" t="s">
        <v>44</v>
      </c>
      <c r="AD16132" s="2"/>
      <c r="AE16132" s="1"/>
    </row>
    <row r="16133" spans="1:31" ht="14.45">
      <c r="A16133" s="11"/>
      <c r="B16133" s="20"/>
      <c r="C16133" s="2" t="s">
        <v>49356</v>
      </c>
      <c r="D16133" s="14" t="s">
        <v>49357</v>
      </c>
      <c r="E16133" s="2" t="s">
        <v>49358</v>
      </c>
      <c r="F16133" s="2" t="s">
        <v>7514</v>
      </c>
      <c r="G16133" s="8">
        <v>264</v>
      </c>
      <c r="H16133" s="5">
        <v>6</v>
      </c>
      <c r="I16133" s="5" t="s">
        <v>1518</v>
      </c>
      <c r="J16133" s="5" t="s">
        <v>40939</v>
      </c>
      <c r="K16133" s="2" t="s">
        <v>40940</v>
      </c>
      <c r="L16133" s="5" t="s">
        <v>40939</v>
      </c>
      <c r="M16133" s="2" t="s">
        <v>40940</v>
      </c>
      <c r="N16133" s="5" t="s">
        <v>19227</v>
      </c>
      <c r="O16133" s="5" t="s">
        <v>38</v>
      </c>
      <c r="P16133" s="5" t="s">
        <v>39</v>
      </c>
      <c r="Q16133" s="5" t="s">
        <v>40</v>
      </c>
      <c r="R16133" s="5" t="s">
        <v>1487</v>
      </c>
      <c r="S16133" s="5"/>
      <c r="T16133" s="5" t="s">
        <v>42</v>
      </c>
      <c r="U16133" s="2">
        <v>0</v>
      </c>
      <c r="V16133" s="2">
        <v>0</v>
      </c>
      <c r="W16133" s="2">
        <v>0</v>
      </c>
      <c r="X16133" s="2">
        <v>0</v>
      </c>
      <c r="Y16133" s="2">
        <v>0</v>
      </c>
      <c r="Z16133" s="2">
        <v>0</v>
      </c>
      <c r="AA16133" s="5"/>
      <c r="AB16133" s="5" t="s">
        <v>43</v>
      </c>
      <c r="AC16133" s="5" t="s">
        <v>44</v>
      </c>
      <c r="AD16133" s="2"/>
      <c r="AE16133" s="1"/>
    </row>
    <row r="16134" spans="1:31" ht="14.45">
      <c r="A16134" s="11"/>
      <c r="B16134" s="20"/>
      <c r="C16134" s="2" t="s">
        <v>49359</v>
      </c>
      <c r="D16134" s="14" t="s">
        <v>49360</v>
      </c>
      <c r="E16134" s="2" t="s">
        <v>49361</v>
      </c>
      <c r="F16134" s="2" t="s">
        <v>7208</v>
      </c>
      <c r="G16134" s="8">
        <v>264</v>
      </c>
      <c r="H16134" s="5">
        <v>6</v>
      </c>
      <c r="I16134" s="5" t="s">
        <v>1518</v>
      </c>
      <c r="J16134" s="5" t="s">
        <v>40939</v>
      </c>
      <c r="K16134" s="2" t="s">
        <v>40940</v>
      </c>
      <c r="L16134" s="5" t="s">
        <v>40939</v>
      </c>
      <c r="M16134" s="2" t="s">
        <v>40940</v>
      </c>
      <c r="N16134" s="5" t="s">
        <v>19227</v>
      </c>
      <c r="O16134" s="5" t="s">
        <v>38</v>
      </c>
      <c r="P16134" s="5" t="s">
        <v>39</v>
      </c>
      <c r="Q16134" s="5" t="s">
        <v>40</v>
      </c>
      <c r="R16134" s="5" t="s">
        <v>1487</v>
      </c>
      <c r="S16134" s="5"/>
      <c r="T16134" s="5" t="s">
        <v>42</v>
      </c>
      <c r="U16134" s="2">
        <v>0</v>
      </c>
      <c r="V16134" s="2">
        <v>0</v>
      </c>
      <c r="W16134" s="2">
        <v>0</v>
      </c>
      <c r="X16134" s="2">
        <v>0</v>
      </c>
      <c r="Y16134" s="2">
        <v>0</v>
      </c>
      <c r="Z16134" s="2">
        <v>0</v>
      </c>
      <c r="AA16134" s="5"/>
      <c r="AB16134" s="5" t="s">
        <v>43</v>
      </c>
      <c r="AC16134" s="5" t="s">
        <v>44</v>
      </c>
      <c r="AD16134" s="2"/>
      <c r="AE16134" s="1"/>
    </row>
    <row r="16135" spans="1:31" ht="14.45">
      <c r="A16135" s="11"/>
      <c r="B16135" s="20"/>
      <c r="C16135" s="2" t="s">
        <v>49362</v>
      </c>
      <c r="D16135" s="14" t="s">
        <v>49363</v>
      </c>
      <c r="E16135" s="2" t="s">
        <v>49364</v>
      </c>
      <c r="F16135" s="2" t="s">
        <v>7521</v>
      </c>
      <c r="G16135" s="8">
        <v>264</v>
      </c>
      <c r="H16135" s="5">
        <v>6</v>
      </c>
      <c r="I16135" s="5" t="s">
        <v>1518</v>
      </c>
      <c r="J16135" s="5" t="s">
        <v>40939</v>
      </c>
      <c r="K16135" s="2" t="s">
        <v>40940</v>
      </c>
      <c r="L16135" s="5" t="s">
        <v>40939</v>
      </c>
      <c r="M16135" s="2" t="s">
        <v>40940</v>
      </c>
      <c r="N16135" s="5" t="s">
        <v>19227</v>
      </c>
      <c r="O16135" s="5" t="s">
        <v>38</v>
      </c>
      <c r="P16135" s="5" t="s">
        <v>39</v>
      </c>
      <c r="Q16135" s="5" t="s">
        <v>40</v>
      </c>
      <c r="R16135" s="5" t="s">
        <v>1487</v>
      </c>
      <c r="S16135" s="5"/>
      <c r="T16135" s="5" t="s">
        <v>42</v>
      </c>
      <c r="U16135" s="2">
        <v>0</v>
      </c>
      <c r="V16135" s="2">
        <v>0</v>
      </c>
      <c r="W16135" s="2">
        <v>0</v>
      </c>
      <c r="X16135" s="2">
        <v>0</v>
      </c>
      <c r="Y16135" s="2">
        <v>0</v>
      </c>
      <c r="Z16135" s="2">
        <v>0</v>
      </c>
      <c r="AA16135" s="5"/>
      <c r="AB16135" s="5" t="s">
        <v>43</v>
      </c>
      <c r="AC16135" s="5" t="s">
        <v>44</v>
      </c>
      <c r="AD16135" s="2"/>
      <c r="AE16135" s="1"/>
    </row>
    <row r="16136" spans="1:31" ht="14.45">
      <c r="A16136" s="11"/>
      <c r="B16136" s="20"/>
      <c r="C16136" s="2" t="s">
        <v>49365</v>
      </c>
      <c r="D16136" s="14" t="s">
        <v>49366</v>
      </c>
      <c r="E16136" s="2" t="s">
        <v>49367</v>
      </c>
      <c r="F16136" s="2" t="s">
        <v>36273</v>
      </c>
      <c r="G16136" s="8">
        <v>264</v>
      </c>
      <c r="H16136" s="5">
        <v>6</v>
      </c>
      <c r="I16136" s="5" t="s">
        <v>1518</v>
      </c>
      <c r="J16136" s="5" t="s">
        <v>40939</v>
      </c>
      <c r="K16136" s="2" t="s">
        <v>40940</v>
      </c>
      <c r="L16136" s="5" t="s">
        <v>40939</v>
      </c>
      <c r="M16136" s="2" t="s">
        <v>40940</v>
      </c>
      <c r="N16136" s="5" t="s">
        <v>19227</v>
      </c>
      <c r="O16136" s="5" t="s">
        <v>38</v>
      </c>
      <c r="P16136" s="5" t="s">
        <v>39</v>
      </c>
      <c r="Q16136" s="5" t="s">
        <v>40</v>
      </c>
      <c r="R16136" s="5" t="s">
        <v>1487</v>
      </c>
      <c r="S16136" s="5"/>
      <c r="T16136" s="5" t="s">
        <v>42</v>
      </c>
      <c r="U16136" s="2">
        <v>0</v>
      </c>
      <c r="V16136" s="2">
        <v>0</v>
      </c>
      <c r="W16136" s="2">
        <v>0</v>
      </c>
      <c r="X16136" s="2">
        <v>0</v>
      </c>
      <c r="Y16136" s="2">
        <v>0</v>
      </c>
      <c r="Z16136" s="2">
        <v>0</v>
      </c>
      <c r="AA16136" s="5"/>
      <c r="AB16136" s="5" t="s">
        <v>43</v>
      </c>
      <c r="AC16136" s="5" t="s">
        <v>44</v>
      </c>
      <c r="AD16136" s="2"/>
      <c r="AE16136" s="1"/>
    </row>
    <row r="16137" spans="1:31" ht="14.45">
      <c r="A16137" s="11"/>
      <c r="B16137" s="20"/>
      <c r="C16137" s="2" t="s">
        <v>49368</v>
      </c>
      <c r="D16137" s="14" t="s">
        <v>49369</v>
      </c>
      <c r="E16137" s="2" t="s">
        <v>49370</v>
      </c>
      <c r="F16137" s="2" t="s">
        <v>36277</v>
      </c>
      <c r="G16137" s="8">
        <v>264</v>
      </c>
      <c r="H16137" s="5">
        <v>6</v>
      </c>
      <c r="I16137" s="5" t="s">
        <v>1518</v>
      </c>
      <c r="J16137" s="5" t="s">
        <v>40939</v>
      </c>
      <c r="K16137" s="2" t="s">
        <v>40940</v>
      </c>
      <c r="L16137" s="5" t="s">
        <v>40939</v>
      </c>
      <c r="M16137" s="2" t="s">
        <v>40940</v>
      </c>
      <c r="N16137" s="5" t="s">
        <v>19227</v>
      </c>
      <c r="O16137" s="5" t="s">
        <v>38</v>
      </c>
      <c r="P16137" s="5" t="s">
        <v>39</v>
      </c>
      <c r="Q16137" s="5" t="s">
        <v>40</v>
      </c>
      <c r="R16137" s="5" t="s">
        <v>1487</v>
      </c>
      <c r="S16137" s="5"/>
      <c r="T16137" s="5" t="s">
        <v>42</v>
      </c>
      <c r="U16137" s="2">
        <v>0</v>
      </c>
      <c r="V16137" s="2">
        <v>0</v>
      </c>
      <c r="W16137" s="2">
        <v>0</v>
      </c>
      <c r="X16137" s="2">
        <v>0</v>
      </c>
      <c r="Y16137" s="2">
        <v>0</v>
      </c>
      <c r="Z16137" s="2">
        <v>0</v>
      </c>
      <c r="AA16137" s="5"/>
      <c r="AB16137" s="5" t="s">
        <v>43</v>
      </c>
      <c r="AC16137" s="5" t="s">
        <v>44</v>
      </c>
      <c r="AD16137" s="2"/>
      <c r="AE16137" s="1"/>
    </row>
    <row r="16138" spans="1:31" ht="14.45">
      <c r="A16138" s="11"/>
      <c r="B16138" s="20"/>
      <c r="C16138" s="2" t="s">
        <v>49371</v>
      </c>
      <c r="D16138" s="14" t="s">
        <v>49372</v>
      </c>
      <c r="E16138" s="2" t="s">
        <v>49373</v>
      </c>
      <c r="F16138" s="2" t="s">
        <v>7396</v>
      </c>
      <c r="G16138" s="8">
        <v>264</v>
      </c>
      <c r="H16138" s="5">
        <v>6</v>
      </c>
      <c r="I16138" s="5" t="s">
        <v>1518</v>
      </c>
      <c r="J16138" s="5" t="s">
        <v>40939</v>
      </c>
      <c r="K16138" s="2" t="s">
        <v>40940</v>
      </c>
      <c r="L16138" s="5" t="s">
        <v>40939</v>
      </c>
      <c r="M16138" s="2" t="s">
        <v>40940</v>
      </c>
      <c r="N16138" s="5" t="s">
        <v>19227</v>
      </c>
      <c r="O16138" s="5" t="s">
        <v>38</v>
      </c>
      <c r="P16138" s="5" t="s">
        <v>39</v>
      </c>
      <c r="Q16138" s="5" t="s">
        <v>40</v>
      </c>
      <c r="R16138" s="5" t="s">
        <v>1487</v>
      </c>
      <c r="S16138" s="5"/>
      <c r="T16138" s="5" t="s">
        <v>42</v>
      </c>
      <c r="U16138" s="2">
        <v>0</v>
      </c>
      <c r="V16138" s="2">
        <v>0</v>
      </c>
      <c r="W16138" s="2">
        <v>0</v>
      </c>
      <c r="X16138" s="2">
        <v>0</v>
      </c>
      <c r="Y16138" s="2">
        <v>0</v>
      </c>
      <c r="Z16138" s="2">
        <v>0</v>
      </c>
      <c r="AA16138" s="5"/>
      <c r="AB16138" s="5" t="s">
        <v>43</v>
      </c>
      <c r="AC16138" s="5" t="s">
        <v>44</v>
      </c>
      <c r="AD16138" s="2"/>
      <c r="AE16138" s="1"/>
    </row>
    <row r="16139" spans="1:31" ht="14.45">
      <c r="A16139" s="11"/>
      <c r="B16139" s="20"/>
      <c r="C16139" s="2" t="s">
        <v>49374</v>
      </c>
      <c r="D16139" s="14" t="s">
        <v>49375</v>
      </c>
      <c r="E16139" s="2" t="s">
        <v>49376</v>
      </c>
      <c r="F16139" s="2" t="s">
        <v>7507</v>
      </c>
      <c r="G16139" s="8">
        <v>264</v>
      </c>
      <c r="H16139" s="5">
        <v>6</v>
      </c>
      <c r="I16139" s="5" t="s">
        <v>1518</v>
      </c>
      <c r="J16139" s="5" t="s">
        <v>40939</v>
      </c>
      <c r="K16139" s="2" t="s">
        <v>40940</v>
      </c>
      <c r="L16139" s="5" t="s">
        <v>40939</v>
      </c>
      <c r="M16139" s="2" t="s">
        <v>40940</v>
      </c>
      <c r="N16139" s="5" t="s">
        <v>19227</v>
      </c>
      <c r="O16139" s="5" t="s">
        <v>38</v>
      </c>
      <c r="P16139" s="5" t="s">
        <v>39</v>
      </c>
      <c r="Q16139" s="5" t="s">
        <v>40</v>
      </c>
      <c r="R16139" s="5" t="s">
        <v>1487</v>
      </c>
      <c r="S16139" s="5"/>
      <c r="T16139" s="5" t="s">
        <v>42</v>
      </c>
      <c r="U16139" s="2">
        <v>0</v>
      </c>
      <c r="V16139" s="2">
        <v>0</v>
      </c>
      <c r="W16139" s="2">
        <v>0</v>
      </c>
      <c r="X16139" s="2">
        <v>0</v>
      </c>
      <c r="Y16139" s="2">
        <v>0</v>
      </c>
      <c r="Z16139" s="2">
        <v>0</v>
      </c>
      <c r="AA16139" s="5"/>
      <c r="AB16139" s="5" t="s">
        <v>43</v>
      </c>
      <c r="AC16139" s="5" t="s">
        <v>44</v>
      </c>
      <c r="AD16139" s="2"/>
      <c r="AE16139" s="1"/>
    </row>
    <row r="16140" spans="1:31" ht="14.45">
      <c r="A16140" s="11"/>
      <c r="B16140" s="20"/>
      <c r="C16140" s="2" t="s">
        <v>49377</v>
      </c>
      <c r="D16140" s="14" t="s">
        <v>49378</v>
      </c>
      <c r="E16140" s="2" t="s">
        <v>49379</v>
      </c>
      <c r="F16140" s="2" t="s">
        <v>7204</v>
      </c>
      <c r="G16140" s="8">
        <v>270</v>
      </c>
      <c r="H16140" s="5">
        <v>6</v>
      </c>
      <c r="I16140" s="5" t="s">
        <v>1518</v>
      </c>
      <c r="J16140" s="5" t="s">
        <v>40939</v>
      </c>
      <c r="K16140" s="2" t="s">
        <v>40940</v>
      </c>
      <c r="L16140" s="5" t="s">
        <v>40939</v>
      </c>
      <c r="M16140" s="2" t="s">
        <v>40940</v>
      </c>
      <c r="N16140" s="5" t="s">
        <v>19227</v>
      </c>
      <c r="O16140" s="5" t="s">
        <v>38</v>
      </c>
      <c r="P16140" s="5" t="s">
        <v>39</v>
      </c>
      <c r="Q16140" s="5" t="s">
        <v>40</v>
      </c>
      <c r="R16140" s="5" t="s">
        <v>1487</v>
      </c>
      <c r="S16140" s="5"/>
      <c r="T16140" s="5" t="s">
        <v>42</v>
      </c>
      <c r="U16140" s="2">
        <v>0</v>
      </c>
      <c r="V16140" s="2">
        <v>0</v>
      </c>
      <c r="W16140" s="2">
        <v>0</v>
      </c>
      <c r="X16140" s="2">
        <v>0</v>
      </c>
      <c r="Y16140" s="2">
        <v>0</v>
      </c>
      <c r="Z16140" s="2">
        <v>0</v>
      </c>
      <c r="AA16140" s="5"/>
      <c r="AB16140" s="5" t="s">
        <v>43</v>
      </c>
      <c r="AC16140" s="5" t="s">
        <v>44</v>
      </c>
      <c r="AD16140" s="2"/>
      <c r="AE16140" s="1"/>
    </row>
    <row r="16141" spans="1:31" ht="14.45">
      <c r="A16141" s="11"/>
      <c r="B16141" s="20"/>
      <c r="C16141" s="2" t="s">
        <v>49380</v>
      </c>
      <c r="D16141" s="14" t="s">
        <v>49381</v>
      </c>
      <c r="E16141" s="2" t="s">
        <v>49382</v>
      </c>
      <c r="F16141" s="2" t="s">
        <v>7514</v>
      </c>
      <c r="G16141" s="8">
        <v>270</v>
      </c>
      <c r="H16141" s="5">
        <v>6</v>
      </c>
      <c r="I16141" s="5" t="s">
        <v>1518</v>
      </c>
      <c r="J16141" s="5" t="s">
        <v>40939</v>
      </c>
      <c r="K16141" s="2" t="s">
        <v>40940</v>
      </c>
      <c r="L16141" s="5" t="s">
        <v>40939</v>
      </c>
      <c r="M16141" s="2" t="s">
        <v>40940</v>
      </c>
      <c r="N16141" s="5" t="s">
        <v>19227</v>
      </c>
      <c r="O16141" s="5" t="s">
        <v>38</v>
      </c>
      <c r="P16141" s="5" t="s">
        <v>39</v>
      </c>
      <c r="Q16141" s="5" t="s">
        <v>40</v>
      </c>
      <c r="R16141" s="5" t="s">
        <v>1487</v>
      </c>
      <c r="S16141" s="5"/>
      <c r="T16141" s="5" t="s">
        <v>42</v>
      </c>
      <c r="U16141" s="2">
        <v>0</v>
      </c>
      <c r="V16141" s="2">
        <v>0</v>
      </c>
      <c r="W16141" s="2">
        <v>0</v>
      </c>
      <c r="X16141" s="2">
        <v>0</v>
      </c>
      <c r="Y16141" s="2">
        <v>0</v>
      </c>
      <c r="Z16141" s="2">
        <v>0</v>
      </c>
      <c r="AA16141" s="5"/>
      <c r="AB16141" s="5" t="s">
        <v>43</v>
      </c>
      <c r="AC16141" s="5" t="s">
        <v>44</v>
      </c>
      <c r="AD16141" s="2"/>
      <c r="AE16141" s="1"/>
    </row>
    <row r="16142" spans="1:31" ht="14.45">
      <c r="A16142" s="11"/>
      <c r="B16142" s="20"/>
      <c r="C16142" s="2" t="s">
        <v>49383</v>
      </c>
      <c r="D16142" s="14" t="s">
        <v>49384</v>
      </c>
      <c r="E16142" s="2" t="s">
        <v>49385</v>
      </c>
      <c r="F16142" s="2" t="s">
        <v>7208</v>
      </c>
      <c r="G16142" s="8">
        <v>270</v>
      </c>
      <c r="H16142" s="5">
        <v>6</v>
      </c>
      <c r="I16142" s="5" t="s">
        <v>1518</v>
      </c>
      <c r="J16142" s="5" t="s">
        <v>40939</v>
      </c>
      <c r="K16142" s="2" t="s">
        <v>40940</v>
      </c>
      <c r="L16142" s="5" t="s">
        <v>40939</v>
      </c>
      <c r="M16142" s="2" t="s">
        <v>40940</v>
      </c>
      <c r="N16142" s="5" t="s">
        <v>19227</v>
      </c>
      <c r="O16142" s="5" t="s">
        <v>38</v>
      </c>
      <c r="P16142" s="5" t="s">
        <v>39</v>
      </c>
      <c r="Q16142" s="5" t="s">
        <v>40</v>
      </c>
      <c r="R16142" s="5" t="s">
        <v>1487</v>
      </c>
      <c r="S16142" s="5"/>
      <c r="T16142" s="5" t="s">
        <v>42</v>
      </c>
      <c r="U16142" s="2">
        <v>0</v>
      </c>
      <c r="V16142" s="2">
        <v>0</v>
      </c>
      <c r="W16142" s="2">
        <v>0</v>
      </c>
      <c r="X16142" s="2">
        <v>0</v>
      </c>
      <c r="Y16142" s="2">
        <v>0</v>
      </c>
      <c r="Z16142" s="2">
        <v>0</v>
      </c>
      <c r="AA16142" s="5"/>
      <c r="AB16142" s="5" t="s">
        <v>43</v>
      </c>
      <c r="AC16142" s="5" t="s">
        <v>44</v>
      </c>
      <c r="AD16142" s="2"/>
      <c r="AE16142" s="1"/>
    </row>
    <row r="16143" spans="1:31" ht="14.45">
      <c r="A16143" s="11"/>
      <c r="B16143" s="20"/>
      <c r="C16143" s="2" t="s">
        <v>49386</v>
      </c>
      <c r="D16143" s="14" t="s">
        <v>49387</v>
      </c>
      <c r="E16143" s="2" t="s">
        <v>49388</v>
      </c>
      <c r="F16143" s="2" t="s">
        <v>7521</v>
      </c>
      <c r="G16143" s="8">
        <v>270</v>
      </c>
      <c r="H16143" s="5">
        <v>6</v>
      </c>
      <c r="I16143" s="5" t="s">
        <v>1518</v>
      </c>
      <c r="J16143" s="5" t="s">
        <v>40939</v>
      </c>
      <c r="K16143" s="2" t="s">
        <v>40940</v>
      </c>
      <c r="L16143" s="5" t="s">
        <v>40939</v>
      </c>
      <c r="M16143" s="2" t="s">
        <v>40940</v>
      </c>
      <c r="N16143" s="5" t="s">
        <v>19227</v>
      </c>
      <c r="O16143" s="5" t="s">
        <v>38</v>
      </c>
      <c r="P16143" s="5" t="s">
        <v>39</v>
      </c>
      <c r="Q16143" s="5" t="s">
        <v>40</v>
      </c>
      <c r="R16143" s="5" t="s">
        <v>1487</v>
      </c>
      <c r="S16143" s="5"/>
      <c r="T16143" s="5" t="s">
        <v>42</v>
      </c>
      <c r="U16143" s="2">
        <v>0</v>
      </c>
      <c r="V16143" s="2">
        <v>0</v>
      </c>
      <c r="W16143" s="2">
        <v>0</v>
      </c>
      <c r="X16143" s="2">
        <v>0</v>
      </c>
      <c r="Y16143" s="2">
        <v>0</v>
      </c>
      <c r="Z16143" s="2">
        <v>0</v>
      </c>
      <c r="AA16143" s="5"/>
      <c r="AB16143" s="5" t="s">
        <v>43</v>
      </c>
      <c r="AC16143" s="5" t="s">
        <v>44</v>
      </c>
      <c r="AD16143" s="2"/>
      <c r="AE16143" s="1"/>
    </row>
    <row r="16144" spans="1:31" ht="14.45">
      <c r="A16144" s="11"/>
      <c r="B16144" s="20"/>
      <c r="C16144" s="2" t="s">
        <v>49389</v>
      </c>
      <c r="D16144" s="14" t="s">
        <v>49390</v>
      </c>
      <c r="E16144" s="2" t="s">
        <v>49391</v>
      </c>
      <c r="F16144" s="2" t="s">
        <v>36273</v>
      </c>
      <c r="G16144" s="8">
        <v>270</v>
      </c>
      <c r="H16144" s="5">
        <v>6</v>
      </c>
      <c r="I16144" s="5" t="s">
        <v>1518</v>
      </c>
      <c r="J16144" s="5" t="s">
        <v>40939</v>
      </c>
      <c r="K16144" s="2" t="s">
        <v>40940</v>
      </c>
      <c r="L16144" s="5" t="s">
        <v>40939</v>
      </c>
      <c r="M16144" s="2" t="s">
        <v>40940</v>
      </c>
      <c r="N16144" s="5" t="s">
        <v>19227</v>
      </c>
      <c r="O16144" s="5" t="s">
        <v>38</v>
      </c>
      <c r="P16144" s="5" t="s">
        <v>39</v>
      </c>
      <c r="Q16144" s="5" t="s">
        <v>40</v>
      </c>
      <c r="R16144" s="5" t="s">
        <v>1487</v>
      </c>
      <c r="S16144" s="5"/>
      <c r="T16144" s="5" t="s">
        <v>42</v>
      </c>
      <c r="U16144" s="2">
        <v>0</v>
      </c>
      <c r="V16144" s="2">
        <v>0</v>
      </c>
      <c r="W16144" s="2">
        <v>0</v>
      </c>
      <c r="X16144" s="2">
        <v>0</v>
      </c>
      <c r="Y16144" s="2">
        <v>0</v>
      </c>
      <c r="Z16144" s="2">
        <v>0</v>
      </c>
      <c r="AA16144" s="5"/>
      <c r="AB16144" s="5" t="s">
        <v>43</v>
      </c>
      <c r="AC16144" s="5" t="s">
        <v>44</v>
      </c>
      <c r="AD16144" s="2"/>
      <c r="AE16144" s="1"/>
    </row>
    <row r="16145" spans="1:31" ht="14.45">
      <c r="A16145" s="11"/>
      <c r="B16145" s="20"/>
      <c r="C16145" s="2" t="s">
        <v>49392</v>
      </c>
      <c r="D16145" s="14" t="s">
        <v>49393</v>
      </c>
      <c r="E16145" s="2" t="s">
        <v>49394</v>
      </c>
      <c r="F16145" s="2" t="s">
        <v>36277</v>
      </c>
      <c r="G16145" s="8">
        <v>270</v>
      </c>
      <c r="H16145" s="5">
        <v>6</v>
      </c>
      <c r="I16145" s="5" t="s">
        <v>1518</v>
      </c>
      <c r="J16145" s="5" t="s">
        <v>40939</v>
      </c>
      <c r="K16145" s="2" t="s">
        <v>40940</v>
      </c>
      <c r="L16145" s="5" t="s">
        <v>40939</v>
      </c>
      <c r="M16145" s="2" t="s">
        <v>40940</v>
      </c>
      <c r="N16145" s="5" t="s">
        <v>19227</v>
      </c>
      <c r="O16145" s="5" t="s">
        <v>38</v>
      </c>
      <c r="P16145" s="5" t="s">
        <v>39</v>
      </c>
      <c r="Q16145" s="5" t="s">
        <v>40</v>
      </c>
      <c r="R16145" s="5" t="s">
        <v>1487</v>
      </c>
      <c r="S16145" s="5"/>
      <c r="T16145" s="5" t="s">
        <v>42</v>
      </c>
      <c r="U16145" s="2">
        <v>0</v>
      </c>
      <c r="V16145" s="2">
        <v>0</v>
      </c>
      <c r="W16145" s="2">
        <v>0</v>
      </c>
      <c r="X16145" s="2">
        <v>0</v>
      </c>
      <c r="Y16145" s="2">
        <v>0</v>
      </c>
      <c r="Z16145" s="2">
        <v>0</v>
      </c>
      <c r="AA16145" s="5"/>
      <c r="AB16145" s="5" t="s">
        <v>43</v>
      </c>
      <c r="AC16145" s="5" t="s">
        <v>44</v>
      </c>
      <c r="AD16145" s="2"/>
      <c r="AE16145" s="1"/>
    </row>
    <row r="16146" spans="1:31" ht="14.45">
      <c r="A16146" s="11"/>
      <c r="B16146" s="20"/>
      <c r="C16146" s="2" t="s">
        <v>49395</v>
      </c>
      <c r="D16146" s="14" t="s">
        <v>49396</v>
      </c>
      <c r="E16146" s="2" t="s">
        <v>49397</v>
      </c>
      <c r="F16146" s="2" t="s">
        <v>7396</v>
      </c>
      <c r="G16146" s="8">
        <v>270</v>
      </c>
      <c r="H16146" s="5">
        <v>6</v>
      </c>
      <c r="I16146" s="5" t="s">
        <v>1518</v>
      </c>
      <c r="J16146" s="5" t="s">
        <v>40939</v>
      </c>
      <c r="K16146" s="2" t="s">
        <v>40940</v>
      </c>
      <c r="L16146" s="5" t="s">
        <v>40939</v>
      </c>
      <c r="M16146" s="2" t="s">
        <v>40940</v>
      </c>
      <c r="N16146" s="5" t="s">
        <v>19227</v>
      </c>
      <c r="O16146" s="5" t="s">
        <v>38</v>
      </c>
      <c r="P16146" s="5" t="s">
        <v>39</v>
      </c>
      <c r="Q16146" s="5" t="s">
        <v>40</v>
      </c>
      <c r="R16146" s="5" t="s">
        <v>1487</v>
      </c>
      <c r="S16146" s="5"/>
      <c r="T16146" s="5" t="s">
        <v>42</v>
      </c>
      <c r="U16146" s="2">
        <v>0</v>
      </c>
      <c r="V16146" s="2">
        <v>0</v>
      </c>
      <c r="W16146" s="2">
        <v>0</v>
      </c>
      <c r="X16146" s="2">
        <v>0</v>
      </c>
      <c r="Y16146" s="2">
        <v>0</v>
      </c>
      <c r="Z16146" s="2">
        <v>0</v>
      </c>
      <c r="AA16146" s="5"/>
      <c r="AB16146" s="5" t="s">
        <v>43</v>
      </c>
      <c r="AC16146" s="5" t="s">
        <v>44</v>
      </c>
      <c r="AD16146" s="2"/>
      <c r="AE16146" s="1"/>
    </row>
    <row r="16147" spans="1:31" ht="14.45">
      <c r="A16147" s="11"/>
      <c r="B16147" s="20"/>
      <c r="C16147" s="2" t="s">
        <v>49398</v>
      </c>
      <c r="D16147" s="14" t="s">
        <v>49399</v>
      </c>
      <c r="E16147" s="2" t="s">
        <v>49400</v>
      </c>
      <c r="F16147" s="2" t="s">
        <v>7507</v>
      </c>
      <c r="G16147" s="8">
        <v>270</v>
      </c>
      <c r="H16147" s="5">
        <v>6</v>
      </c>
      <c r="I16147" s="5" t="s">
        <v>1518</v>
      </c>
      <c r="J16147" s="5" t="s">
        <v>40939</v>
      </c>
      <c r="K16147" s="2" t="s">
        <v>40940</v>
      </c>
      <c r="L16147" s="5" t="s">
        <v>40939</v>
      </c>
      <c r="M16147" s="2" t="s">
        <v>40940</v>
      </c>
      <c r="N16147" s="5" t="s">
        <v>19227</v>
      </c>
      <c r="O16147" s="5" t="s">
        <v>38</v>
      </c>
      <c r="P16147" s="5" t="s">
        <v>39</v>
      </c>
      <c r="Q16147" s="5" t="s">
        <v>40</v>
      </c>
      <c r="R16147" s="5" t="s">
        <v>1487</v>
      </c>
      <c r="S16147" s="5"/>
      <c r="T16147" s="5" t="s">
        <v>42</v>
      </c>
      <c r="U16147" s="2">
        <v>0</v>
      </c>
      <c r="V16147" s="2">
        <v>0</v>
      </c>
      <c r="W16147" s="2">
        <v>0</v>
      </c>
      <c r="X16147" s="2">
        <v>0</v>
      </c>
      <c r="Y16147" s="2">
        <v>0</v>
      </c>
      <c r="Z16147" s="2">
        <v>0</v>
      </c>
      <c r="AA16147" s="5"/>
      <c r="AB16147" s="5" t="s">
        <v>43</v>
      </c>
      <c r="AC16147" s="5" t="s">
        <v>44</v>
      </c>
      <c r="AD16147" s="2"/>
      <c r="AE16147" s="1"/>
    </row>
    <row r="16148" spans="1:31" ht="14.45">
      <c r="A16148" s="11"/>
      <c r="B16148" s="20"/>
      <c r="C16148" s="2" t="s">
        <v>49401</v>
      </c>
      <c r="D16148" s="14" t="s">
        <v>49402</v>
      </c>
      <c r="E16148" s="2" t="s">
        <v>49403</v>
      </c>
      <c r="F16148" s="2" t="s">
        <v>7204</v>
      </c>
      <c r="G16148" s="8">
        <v>278</v>
      </c>
      <c r="H16148" s="5">
        <v>6</v>
      </c>
      <c r="I16148" s="5" t="s">
        <v>1518</v>
      </c>
      <c r="J16148" s="5" t="s">
        <v>40939</v>
      </c>
      <c r="K16148" s="2" t="s">
        <v>40940</v>
      </c>
      <c r="L16148" s="5" t="s">
        <v>40939</v>
      </c>
      <c r="M16148" s="2" t="s">
        <v>40940</v>
      </c>
      <c r="N16148" s="5" t="s">
        <v>19227</v>
      </c>
      <c r="O16148" s="5" t="s">
        <v>38</v>
      </c>
      <c r="P16148" s="5" t="s">
        <v>39</v>
      </c>
      <c r="Q16148" s="5" t="s">
        <v>40</v>
      </c>
      <c r="R16148" s="5" t="s">
        <v>1487</v>
      </c>
      <c r="S16148" s="5"/>
      <c r="T16148" s="5" t="s">
        <v>42</v>
      </c>
      <c r="U16148" s="2">
        <v>0</v>
      </c>
      <c r="V16148" s="2">
        <v>0</v>
      </c>
      <c r="W16148" s="2">
        <v>0</v>
      </c>
      <c r="X16148" s="2">
        <v>0</v>
      </c>
      <c r="Y16148" s="2">
        <v>0</v>
      </c>
      <c r="Z16148" s="2">
        <v>0</v>
      </c>
      <c r="AA16148" s="5"/>
      <c r="AB16148" s="5" t="s">
        <v>43</v>
      </c>
      <c r="AC16148" s="5" t="s">
        <v>44</v>
      </c>
      <c r="AD16148" s="2"/>
      <c r="AE16148" s="1"/>
    </row>
    <row r="16149" spans="1:31" ht="14.45">
      <c r="A16149" s="11"/>
      <c r="B16149" s="20"/>
      <c r="C16149" s="2" t="s">
        <v>49404</v>
      </c>
      <c r="D16149" s="14" t="s">
        <v>49405</v>
      </c>
      <c r="E16149" s="2" t="s">
        <v>49406</v>
      </c>
      <c r="F16149" s="2" t="s">
        <v>7514</v>
      </c>
      <c r="G16149" s="8">
        <v>278</v>
      </c>
      <c r="H16149" s="5">
        <v>6</v>
      </c>
      <c r="I16149" s="5" t="s">
        <v>1518</v>
      </c>
      <c r="J16149" s="5" t="s">
        <v>40939</v>
      </c>
      <c r="K16149" s="2" t="s">
        <v>40940</v>
      </c>
      <c r="L16149" s="5" t="s">
        <v>40939</v>
      </c>
      <c r="M16149" s="2" t="s">
        <v>40940</v>
      </c>
      <c r="N16149" s="5" t="s">
        <v>19227</v>
      </c>
      <c r="O16149" s="5" t="s">
        <v>38</v>
      </c>
      <c r="P16149" s="5" t="s">
        <v>39</v>
      </c>
      <c r="Q16149" s="5" t="s">
        <v>40</v>
      </c>
      <c r="R16149" s="5" t="s">
        <v>1487</v>
      </c>
      <c r="S16149" s="5"/>
      <c r="T16149" s="5" t="s">
        <v>42</v>
      </c>
      <c r="U16149" s="2">
        <v>0</v>
      </c>
      <c r="V16149" s="2">
        <v>0</v>
      </c>
      <c r="W16149" s="2">
        <v>0</v>
      </c>
      <c r="X16149" s="2">
        <v>0</v>
      </c>
      <c r="Y16149" s="2">
        <v>0</v>
      </c>
      <c r="Z16149" s="2">
        <v>0</v>
      </c>
      <c r="AA16149" s="5"/>
      <c r="AB16149" s="5" t="s">
        <v>43</v>
      </c>
      <c r="AC16149" s="5" t="s">
        <v>44</v>
      </c>
      <c r="AD16149" s="2"/>
      <c r="AE16149" s="1"/>
    </row>
    <row r="16150" spans="1:31" ht="14.45">
      <c r="A16150" s="11"/>
      <c r="B16150" s="20"/>
      <c r="C16150" s="2" t="s">
        <v>49407</v>
      </c>
      <c r="D16150" s="14" t="s">
        <v>49408</v>
      </c>
      <c r="E16150" s="2" t="s">
        <v>49409</v>
      </c>
      <c r="F16150" s="2" t="s">
        <v>7208</v>
      </c>
      <c r="G16150" s="8">
        <v>278</v>
      </c>
      <c r="H16150" s="5">
        <v>6</v>
      </c>
      <c r="I16150" s="5" t="s">
        <v>1518</v>
      </c>
      <c r="J16150" s="5" t="s">
        <v>40939</v>
      </c>
      <c r="K16150" s="2" t="s">
        <v>40940</v>
      </c>
      <c r="L16150" s="5" t="s">
        <v>40939</v>
      </c>
      <c r="M16150" s="2" t="s">
        <v>40940</v>
      </c>
      <c r="N16150" s="5" t="s">
        <v>19227</v>
      </c>
      <c r="O16150" s="5" t="s">
        <v>38</v>
      </c>
      <c r="P16150" s="5" t="s">
        <v>39</v>
      </c>
      <c r="Q16150" s="5" t="s">
        <v>40</v>
      </c>
      <c r="R16150" s="5" t="s">
        <v>1487</v>
      </c>
      <c r="S16150" s="5"/>
      <c r="T16150" s="5" t="s">
        <v>42</v>
      </c>
      <c r="U16150" s="2">
        <v>0</v>
      </c>
      <c r="V16150" s="2">
        <v>0</v>
      </c>
      <c r="W16150" s="2">
        <v>0</v>
      </c>
      <c r="X16150" s="2">
        <v>0</v>
      </c>
      <c r="Y16150" s="2">
        <v>0</v>
      </c>
      <c r="Z16150" s="2">
        <v>0</v>
      </c>
      <c r="AA16150" s="5"/>
      <c r="AB16150" s="5" t="s">
        <v>43</v>
      </c>
      <c r="AC16150" s="5" t="s">
        <v>44</v>
      </c>
      <c r="AD16150" s="2"/>
      <c r="AE16150" s="1"/>
    </row>
    <row r="16151" spans="1:31" ht="14.45">
      <c r="A16151" s="11"/>
      <c r="B16151" s="20"/>
      <c r="C16151" s="2" t="s">
        <v>49410</v>
      </c>
      <c r="D16151" s="14" t="s">
        <v>49411</v>
      </c>
      <c r="E16151" s="2" t="s">
        <v>49412</v>
      </c>
      <c r="F16151" s="2" t="s">
        <v>7521</v>
      </c>
      <c r="G16151" s="8">
        <v>278</v>
      </c>
      <c r="H16151" s="5">
        <v>6</v>
      </c>
      <c r="I16151" s="5" t="s">
        <v>1518</v>
      </c>
      <c r="J16151" s="5" t="s">
        <v>40939</v>
      </c>
      <c r="K16151" s="2" t="s">
        <v>40940</v>
      </c>
      <c r="L16151" s="5" t="s">
        <v>40939</v>
      </c>
      <c r="M16151" s="2" t="s">
        <v>40940</v>
      </c>
      <c r="N16151" s="5" t="s">
        <v>19227</v>
      </c>
      <c r="O16151" s="5" t="s">
        <v>38</v>
      </c>
      <c r="P16151" s="5" t="s">
        <v>39</v>
      </c>
      <c r="Q16151" s="5" t="s">
        <v>40</v>
      </c>
      <c r="R16151" s="5" t="s">
        <v>1487</v>
      </c>
      <c r="S16151" s="5"/>
      <c r="T16151" s="5" t="s">
        <v>42</v>
      </c>
      <c r="U16151" s="2">
        <v>0</v>
      </c>
      <c r="V16151" s="2">
        <v>0</v>
      </c>
      <c r="W16151" s="2">
        <v>0</v>
      </c>
      <c r="X16151" s="2">
        <v>0</v>
      </c>
      <c r="Y16151" s="2">
        <v>0</v>
      </c>
      <c r="Z16151" s="2">
        <v>0</v>
      </c>
      <c r="AA16151" s="5"/>
      <c r="AB16151" s="5" t="s">
        <v>43</v>
      </c>
      <c r="AC16151" s="5" t="s">
        <v>44</v>
      </c>
      <c r="AD16151" s="2"/>
      <c r="AE16151" s="1"/>
    </row>
    <row r="16152" spans="1:31" ht="14.45">
      <c r="A16152" s="11"/>
      <c r="B16152" s="20"/>
      <c r="C16152" s="2" t="s">
        <v>49413</v>
      </c>
      <c r="D16152" s="14" t="s">
        <v>49414</v>
      </c>
      <c r="E16152" s="2" t="s">
        <v>49415</v>
      </c>
      <c r="F16152" s="2" t="s">
        <v>36273</v>
      </c>
      <c r="G16152" s="8">
        <v>278</v>
      </c>
      <c r="H16152" s="5">
        <v>6</v>
      </c>
      <c r="I16152" s="5" t="s">
        <v>1518</v>
      </c>
      <c r="J16152" s="5" t="s">
        <v>40939</v>
      </c>
      <c r="K16152" s="2" t="s">
        <v>40940</v>
      </c>
      <c r="L16152" s="5" t="s">
        <v>40939</v>
      </c>
      <c r="M16152" s="2" t="s">
        <v>40940</v>
      </c>
      <c r="N16152" s="5" t="s">
        <v>19227</v>
      </c>
      <c r="O16152" s="5" t="s">
        <v>38</v>
      </c>
      <c r="P16152" s="5" t="s">
        <v>39</v>
      </c>
      <c r="Q16152" s="5" t="s">
        <v>40</v>
      </c>
      <c r="R16152" s="5" t="s">
        <v>1487</v>
      </c>
      <c r="S16152" s="5"/>
      <c r="T16152" s="5" t="s">
        <v>42</v>
      </c>
      <c r="U16152" s="2">
        <v>0</v>
      </c>
      <c r="V16152" s="2">
        <v>0</v>
      </c>
      <c r="W16152" s="2">
        <v>0</v>
      </c>
      <c r="X16152" s="2">
        <v>0</v>
      </c>
      <c r="Y16152" s="2">
        <v>0</v>
      </c>
      <c r="Z16152" s="2">
        <v>0</v>
      </c>
      <c r="AA16152" s="5"/>
      <c r="AB16152" s="5" t="s">
        <v>43</v>
      </c>
      <c r="AC16152" s="5" t="s">
        <v>44</v>
      </c>
      <c r="AD16152" s="2"/>
      <c r="AE16152" s="1"/>
    </row>
    <row r="16153" spans="1:31" ht="14.45">
      <c r="A16153" s="11"/>
      <c r="B16153" s="20"/>
      <c r="C16153" s="2" t="s">
        <v>49416</v>
      </c>
      <c r="D16153" s="14" t="s">
        <v>49417</v>
      </c>
      <c r="E16153" s="2" t="s">
        <v>49418</v>
      </c>
      <c r="F16153" s="2" t="s">
        <v>36277</v>
      </c>
      <c r="G16153" s="8">
        <v>278</v>
      </c>
      <c r="H16153" s="5">
        <v>6</v>
      </c>
      <c r="I16153" s="5" t="s">
        <v>1518</v>
      </c>
      <c r="J16153" s="5" t="s">
        <v>40939</v>
      </c>
      <c r="K16153" s="2" t="s">
        <v>40940</v>
      </c>
      <c r="L16153" s="5" t="s">
        <v>40939</v>
      </c>
      <c r="M16153" s="2" t="s">
        <v>40940</v>
      </c>
      <c r="N16153" s="5" t="s">
        <v>19227</v>
      </c>
      <c r="O16153" s="5" t="s">
        <v>38</v>
      </c>
      <c r="P16153" s="5" t="s">
        <v>39</v>
      </c>
      <c r="Q16153" s="5" t="s">
        <v>40</v>
      </c>
      <c r="R16153" s="5" t="s">
        <v>1487</v>
      </c>
      <c r="S16153" s="5"/>
      <c r="T16153" s="5" t="s">
        <v>42</v>
      </c>
      <c r="U16153" s="2">
        <v>0</v>
      </c>
      <c r="V16153" s="2">
        <v>0</v>
      </c>
      <c r="W16153" s="2">
        <v>0</v>
      </c>
      <c r="X16153" s="2">
        <v>0</v>
      </c>
      <c r="Y16153" s="2">
        <v>0</v>
      </c>
      <c r="Z16153" s="2">
        <v>0</v>
      </c>
      <c r="AA16153" s="5"/>
      <c r="AB16153" s="5" t="s">
        <v>43</v>
      </c>
      <c r="AC16153" s="5" t="s">
        <v>44</v>
      </c>
      <c r="AD16153" s="2"/>
      <c r="AE16153" s="1"/>
    </row>
    <row r="16154" spans="1:31" ht="14.45">
      <c r="A16154" s="11"/>
      <c r="B16154" s="20"/>
      <c r="C16154" s="2" t="s">
        <v>49419</v>
      </c>
      <c r="D16154" s="14" t="s">
        <v>49420</v>
      </c>
      <c r="E16154" s="2" t="s">
        <v>49421</v>
      </c>
      <c r="F16154" s="2" t="s">
        <v>7396</v>
      </c>
      <c r="G16154" s="8">
        <v>278</v>
      </c>
      <c r="H16154" s="5">
        <v>6</v>
      </c>
      <c r="I16154" s="5" t="s">
        <v>1518</v>
      </c>
      <c r="J16154" s="5" t="s">
        <v>40939</v>
      </c>
      <c r="K16154" s="2" t="s">
        <v>40940</v>
      </c>
      <c r="L16154" s="5" t="s">
        <v>40939</v>
      </c>
      <c r="M16154" s="2" t="s">
        <v>40940</v>
      </c>
      <c r="N16154" s="5" t="s">
        <v>19227</v>
      </c>
      <c r="O16154" s="5" t="s">
        <v>38</v>
      </c>
      <c r="P16154" s="5" t="s">
        <v>39</v>
      </c>
      <c r="Q16154" s="5" t="s">
        <v>40</v>
      </c>
      <c r="R16154" s="5" t="s">
        <v>1487</v>
      </c>
      <c r="S16154" s="5"/>
      <c r="T16154" s="5" t="s">
        <v>42</v>
      </c>
      <c r="U16154" s="2">
        <v>0</v>
      </c>
      <c r="V16154" s="2">
        <v>0</v>
      </c>
      <c r="W16154" s="2">
        <v>0</v>
      </c>
      <c r="X16154" s="2">
        <v>0</v>
      </c>
      <c r="Y16154" s="2">
        <v>0</v>
      </c>
      <c r="Z16154" s="2">
        <v>0</v>
      </c>
      <c r="AA16154" s="5"/>
      <c r="AB16154" s="5" t="s">
        <v>43</v>
      </c>
      <c r="AC16154" s="5" t="s">
        <v>44</v>
      </c>
      <c r="AD16154" s="2"/>
      <c r="AE16154" s="1"/>
    </row>
    <row r="16155" spans="1:31" ht="14.45">
      <c r="A16155" s="11"/>
      <c r="B16155" s="20"/>
      <c r="C16155" s="2" t="s">
        <v>49422</v>
      </c>
      <c r="D16155" s="14" t="s">
        <v>49423</v>
      </c>
      <c r="E16155" s="2" t="s">
        <v>49424</v>
      </c>
      <c r="F16155" s="2" t="s">
        <v>7507</v>
      </c>
      <c r="G16155" s="8">
        <v>278</v>
      </c>
      <c r="H16155" s="5">
        <v>6</v>
      </c>
      <c r="I16155" s="5" t="s">
        <v>1518</v>
      </c>
      <c r="J16155" s="5" t="s">
        <v>40939</v>
      </c>
      <c r="K16155" s="2" t="s">
        <v>40940</v>
      </c>
      <c r="L16155" s="5" t="s">
        <v>40939</v>
      </c>
      <c r="M16155" s="2" t="s">
        <v>40940</v>
      </c>
      <c r="N16155" s="5" t="s">
        <v>19227</v>
      </c>
      <c r="O16155" s="5" t="s">
        <v>38</v>
      </c>
      <c r="P16155" s="5" t="s">
        <v>39</v>
      </c>
      <c r="Q16155" s="5" t="s">
        <v>40</v>
      </c>
      <c r="R16155" s="5" t="s">
        <v>1487</v>
      </c>
      <c r="S16155" s="5"/>
      <c r="T16155" s="5" t="s">
        <v>42</v>
      </c>
      <c r="U16155" s="2">
        <v>0</v>
      </c>
      <c r="V16155" s="2">
        <v>0</v>
      </c>
      <c r="W16155" s="2">
        <v>0</v>
      </c>
      <c r="X16155" s="2">
        <v>0</v>
      </c>
      <c r="Y16155" s="2">
        <v>0</v>
      </c>
      <c r="Z16155" s="2">
        <v>0</v>
      </c>
      <c r="AA16155" s="5"/>
      <c r="AB16155" s="5" t="s">
        <v>43</v>
      </c>
      <c r="AC16155" s="5" t="s">
        <v>44</v>
      </c>
      <c r="AD16155" s="2"/>
      <c r="AE16155" s="1"/>
    </row>
    <row r="16156" spans="1:31" ht="14.45">
      <c r="A16156" s="11"/>
      <c r="B16156" s="20"/>
      <c r="C16156" s="2" t="s">
        <v>49425</v>
      </c>
      <c r="D16156" s="14" t="s">
        <v>49426</v>
      </c>
      <c r="E16156" s="2" t="s">
        <v>49427</v>
      </c>
      <c r="F16156" s="2" t="s">
        <v>7204</v>
      </c>
      <c r="G16156" s="8">
        <v>298</v>
      </c>
      <c r="H16156" s="5">
        <v>6</v>
      </c>
      <c r="I16156" s="5" t="s">
        <v>1518</v>
      </c>
      <c r="J16156" s="5" t="s">
        <v>40939</v>
      </c>
      <c r="K16156" s="2" t="s">
        <v>40940</v>
      </c>
      <c r="L16156" s="5" t="s">
        <v>40939</v>
      </c>
      <c r="M16156" s="2" t="s">
        <v>40940</v>
      </c>
      <c r="N16156" s="5" t="s">
        <v>19227</v>
      </c>
      <c r="O16156" s="5" t="s">
        <v>38</v>
      </c>
      <c r="P16156" s="5" t="s">
        <v>39</v>
      </c>
      <c r="Q16156" s="5" t="s">
        <v>40</v>
      </c>
      <c r="R16156" s="5" t="s">
        <v>1487</v>
      </c>
      <c r="S16156" s="5"/>
      <c r="T16156" s="5" t="s">
        <v>42</v>
      </c>
      <c r="U16156" s="2">
        <v>0</v>
      </c>
      <c r="V16156" s="2">
        <v>0</v>
      </c>
      <c r="W16156" s="2">
        <v>0</v>
      </c>
      <c r="X16156" s="2">
        <v>0</v>
      </c>
      <c r="Y16156" s="2">
        <v>0</v>
      </c>
      <c r="Z16156" s="2">
        <v>0</v>
      </c>
      <c r="AA16156" s="5"/>
      <c r="AB16156" s="5" t="s">
        <v>43</v>
      </c>
      <c r="AC16156" s="5" t="s">
        <v>44</v>
      </c>
      <c r="AD16156" s="2"/>
      <c r="AE16156" s="1"/>
    </row>
    <row r="16157" spans="1:31" ht="14.45">
      <c r="A16157" s="11"/>
      <c r="B16157" s="20"/>
      <c r="C16157" s="2" t="s">
        <v>49428</v>
      </c>
      <c r="D16157" s="14" t="s">
        <v>49429</v>
      </c>
      <c r="E16157" s="2" t="s">
        <v>49430</v>
      </c>
      <c r="F16157" s="2" t="s">
        <v>7514</v>
      </c>
      <c r="G16157" s="8">
        <v>298</v>
      </c>
      <c r="H16157" s="5">
        <v>6</v>
      </c>
      <c r="I16157" s="5" t="s">
        <v>1518</v>
      </c>
      <c r="J16157" s="5" t="s">
        <v>40939</v>
      </c>
      <c r="K16157" s="2" t="s">
        <v>40940</v>
      </c>
      <c r="L16157" s="5" t="s">
        <v>40939</v>
      </c>
      <c r="M16157" s="2" t="s">
        <v>40940</v>
      </c>
      <c r="N16157" s="5" t="s">
        <v>19227</v>
      </c>
      <c r="O16157" s="5" t="s">
        <v>38</v>
      </c>
      <c r="P16157" s="5" t="s">
        <v>39</v>
      </c>
      <c r="Q16157" s="5" t="s">
        <v>40</v>
      </c>
      <c r="R16157" s="5" t="s">
        <v>1487</v>
      </c>
      <c r="S16157" s="5"/>
      <c r="T16157" s="5" t="s">
        <v>42</v>
      </c>
      <c r="U16157" s="2">
        <v>0</v>
      </c>
      <c r="V16157" s="2">
        <v>0</v>
      </c>
      <c r="W16157" s="2">
        <v>0</v>
      </c>
      <c r="X16157" s="2">
        <v>0</v>
      </c>
      <c r="Y16157" s="2">
        <v>0</v>
      </c>
      <c r="Z16157" s="2">
        <v>0</v>
      </c>
      <c r="AA16157" s="5"/>
      <c r="AB16157" s="5" t="s">
        <v>43</v>
      </c>
      <c r="AC16157" s="5" t="s">
        <v>44</v>
      </c>
      <c r="AD16157" s="2"/>
      <c r="AE16157" s="1"/>
    </row>
    <row r="16158" spans="1:31" ht="14.45">
      <c r="A16158" s="11"/>
      <c r="B16158" s="20"/>
      <c r="C16158" s="2" t="s">
        <v>49431</v>
      </c>
      <c r="D16158" s="14" t="s">
        <v>49432</v>
      </c>
      <c r="E16158" s="2" t="s">
        <v>49433</v>
      </c>
      <c r="F16158" s="2" t="s">
        <v>7208</v>
      </c>
      <c r="G16158" s="8">
        <v>298</v>
      </c>
      <c r="H16158" s="5">
        <v>6</v>
      </c>
      <c r="I16158" s="5" t="s">
        <v>1518</v>
      </c>
      <c r="J16158" s="5" t="s">
        <v>40939</v>
      </c>
      <c r="K16158" s="2" t="s">
        <v>40940</v>
      </c>
      <c r="L16158" s="5" t="s">
        <v>40939</v>
      </c>
      <c r="M16158" s="2" t="s">
        <v>40940</v>
      </c>
      <c r="N16158" s="5" t="s">
        <v>19227</v>
      </c>
      <c r="O16158" s="5" t="s">
        <v>38</v>
      </c>
      <c r="P16158" s="5" t="s">
        <v>39</v>
      </c>
      <c r="Q16158" s="5" t="s">
        <v>40</v>
      </c>
      <c r="R16158" s="5" t="s">
        <v>1487</v>
      </c>
      <c r="S16158" s="5"/>
      <c r="T16158" s="5" t="s">
        <v>42</v>
      </c>
      <c r="U16158" s="2">
        <v>0</v>
      </c>
      <c r="V16158" s="2">
        <v>0</v>
      </c>
      <c r="W16158" s="2">
        <v>0</v>
      </c>
      <c r="X16158" s="2">
        <v>0</v>
      </c>
      <c r="Y16158" s="2">
        <v>0</v>
      </c>
      <c r="Z16158" s="2">
        <v>0</v>
      </c>
      <c r="AA16158" s="5"/>
      <c r="AB16158" s="5" t="s">
        <v>43</v>
      </c>
      <c r="AC16158" s="5" t="s">
        <v>44</v>
      </c>
      <c r="AD16158" s="2"/>
      <c r="AE16158" s="1"/>
    </row>
    <row r="16159" spans="1:31" ht="14.45">
      <c r="A16159" s="11"/>
      <c r="B16159" s="20"/>
      <c r="C16159" s="2" t="s">
        <v>49434</v>
      </c>
      <c r="D16159" s="14" t="s">
        <v>49435</v>
      </c>
      <c r="E16159" s="2" t="s">
        <v>49436</v>
      </c>
      <c r="F16159" s="2" t="s">
        <v>7521</v>
      </c>
      <c r="G16159" s="8">
        <v>298</v>
      </c>
      <c r="H16159" s="5">
        <v>6</v>
      </c>
      <c r="I16159" s="5" t="s">
        <v>1518</v>
      </c>
      <c r="J16159" s="5" t="s">
        <v>40939</v>
      </c>
      <c r="K16159" s="2" t="s">
        <v>40940</v>
      </c>
      <c r="L16159" s="5" t="s">
        <v>40939</v>
      </c>
      <c r="M16159" s="2" t="s">
        <v>40940</v>
      </c>
      <c r="N16159" s="5" t="s">
        <v>19227</v>
      </c>
      <c r="O16159" s="5" t="s">
        <v>38</v>
      </c>
      <c r="P16159" s="5" t="s">
        <v>39</v>
      </c>
      <c r="Q16159" s="5" t="s">
        <v>40</v>
      </c>
      <c r="R16159" s="5" t="s">
        <v>1487</v>
      </c>
      <c r="S16159" s="5"/>
      <c r="T16159" s="5" t="s">
        <v>42</v>
      </c>
      <c r="U16159" s="2">
        <v>0</v>
      </c>
      <c r="V16159" s="2">
        <v>0</v>
      </c>
      <c r="W16159" s="2">
        <v>0</v>
      </c>
      <c r="X16159" s="2">
        <v>0</v>
      </c>
      <c r="Y16159" s="2">
        <v>0</v>
      </c>
      <c r="Z16159" s="2">
        <v>0</v>
      </c>
      <c r="AA16159" s="5"/>
      <c r="AB16159" s="5" t="s">
        <v>43</v>
      </c>
      <c r="AC16159" s="5" t="s">
        <v>44</v>
      </c>
      <c r="AD16159" s="2"/>
      <c r="AE16159" s="1"/>
    </row>
    <row r="16160" spans="1:31" ht="14.45">
      <c r="A16160" s="11"/>
      <c r="B16160" s="20"/>
      <c r="C16160" s="2" t="s">
        <v>49437</v>
      </c>
      <c r="D16160" s="14" t="s">
        <v>49438</v>
      </c>
      <c r="E16160" s="2" t="s">
        <v>49439</v>
      </c>
      <c r="F16160" s="2" t="s">
        <v>36273</v>
      </c>
      <c r="G16160" s="8">
        <v>298</v>
      </c>
      <c r="H16160" s="5">
        <v>6</v>
      </c>
      <c r="I16160" s="5" t="s">
        <v>1518</v>
      </c>
      <c r="J16160" s="5" t="s">
        <v>40939</v>
      </c>
      <c r="K16160" s="2" t="s">
        <v>40940</v>
      </c>
      <c r="L16160" s="5" t="s">
        <v>40939</v>
      </c>
      <c r="M16160" s="2" t="s">
        <v>40940</v>
      </c>
      <c r="N16160" s="5" t="s">
        <v>19227</v>
      </c>
      <c r="O16160" s="5" t="s">
        <v>38</v>
      </c>
      <c r="P16160" s="5" t="s">
        <v>39</v>
      </c>
      <c r="Q16160" s="5" t="s">
        <v>40</v>
      </c>
      <c r="R16160" s="5" t="s">
        <v>1487</v>
      </c>
      <c r="S16160" s="5"/>
      <c r="T16160" s="5" t="s">
        <v>42</v>
      </c>
      <c r="U16160" s="2">
        <v>0</v>
      </c>
      <c r="V16160" s="2">
        <v>0</v>
      </c>
      <c r="W16160" s="2">
        <v>0</v>
      </c>
      <c r="X16160" s="2">
        <v>0</v>
      </c>
      <c r="Y16160" s="2">
        <v>0</v>
      </c>
      <c r="Z16160" s="2">
        <v>0</v>
      </c>
      <c r="AA16160" s="5"/>
      <c r="AB16160" s="5" t="s">
        <v>43</v>
      </c>
      <c r="AC16160" s="5" t="s">
        <v>44</v>
      </c>
      <c r="AD16160" s="2"/>
      <c r="AE16160" s="1"/>
    </row>
    <row r="16161" spans="1:31" ht="14.45">
      <c r="A16161" s="11"/>
      <c r="B16161" s="20"/>
      <c r="C16161" s="2" t="s">
        <v>49440</v>
      </c>
      <c r="D16161" s="14" t="s">
        <v>49441</v>
      </c>
      <c r="E16161" s="2" t="s">
        <v>49442</v>
      </c>
      <c r="F16161" s="2" t="s">
        <v>36277</v>
      </c>
      <c r="G16161" s="8">
        <v>298</v>
      </c>
      <c r="H16161" s="5">
        <v>6</v>
      </c>
      <c r="I16161" s="5" t="s">
        <v>1518</v>
      </c>
      <c r="J16161" s="5" t="s">
        <v>40939</v>
      </c>
      <c r="K16161" s="2" t="s">
        <v>40940</v>
      </c>
      <c r="L16161" s="5" t="s">
        <v>40939</v>
      </c>
      <c r="M16161" s="2" t="s">
        <v>40940</v>
      </c>
      <c r="N16161" s="5" t="s">
        <v>19227</v>
      </c>
      <c r="O16161" s="5" t="s">
        <v>38</v>
      </c>
      <c r="P16161" s="5" t="s">
        <v>39</v>
      </c>
      <c r="Q16161" s="5" t="s">
        <v>40</v>
      </c>
      <c r="R16161" s="5" t="s">
        <v>1487</v>
      </c>
      <c r="S16161" s="5"/>
      <c r="T16161" s="5" t="s">
        <v>42</v>
      </c>
      <c r="U16161" s="2">
        <v>0</v>
      </c>
      <c r="V16161" s="2">
        <v>0</v>
      </c>
      <c r="W16161" s="2">
        <v>0</v>
      </c>
      <c r="X16161" s="2">
        <v>0</v>
      </c>
      <c r="Y16161" s="2">
        <v>0</v>
      </c>
      <c r="Z16161" s="2">
        <v>0</v>
      </c>
      <c r="AA16161" s="5"/>
      <c r="AB16161" s="5" t="s">
        <v>43</v>
      </c>
      <c r="AC16161" s="5" t="s">
        <v>44</v>
      </c>
      <c r="AD16161" s="2"/>
      <c r="AE16161" s="1"/>
    </row>
    <row r="16162" spans="1:31" ht="14.45">
      <c r="A16162" s="11"/>
      <c r="B16162" s="20"/>
      <c r="C16162" s="2" t="s">
        <v>49443</v>
      </c>
      <c r="D16162" s="14" t="s">
        <v>49444</v>
      </c>
      <c r="E16162" s="2" t="s">
        <v>49445</v>
      </c>
      <c r="F16162" s="2" t="s">
        <v>7396</v>
      </c>
      <c r="G16162" s="8">
        <v>298</v>
      </c>
      <c r="H16162" s="5">
        <v>6</v>
      </c>
      <c r="I16162" s="5" t="s">
        <v>1518</v>
      </c>
      <c r="J16162" s="5" t="s">
        <v>40939</v>
      </c>
      <c r="K16162" s="2" t="s">
        <v>40940</v>
      </c>
      <c r="L16162" s="5" t="s">
        <v>40939</v>
      </c>
      <c r="M16162" s="2" t="s">
        <v>40940</v>
      </c>
      <c r="N16162" s="5" t="s">
        <v>19227</v>
      </c>
      <c r="O16162" s="5" t="s">
        <v>38</v>
      </c>
      <c r="P16162" s="5" t="s">
        <v>39</v>
      </c>
      <c r="Q16162" s="5" t="s">
        <v>40</v>
      </c>
      <c r="R16162" s="5" t="s">
        <v>1487</v>
      </c>
      <c r="S16162" s="5"/>
      <c r="T16162" s="5" t="s">
        <v>42</v>
      </c>
      <c r="U16162" s="2">
        <v>0</v>
      </c>
      <c r="V16162" s="2">
        <v>0</v>
      </c>
      <c r="W16162" s="2">
        <v>0</v>
      </c>
      <c r="X16162" s="2">
        <v>0</v>
      </c>
      <c r="Y16162" s="2">
        <v>0</v>
      </c>
      <c r="Z16162" s="2">
        <v>0</v>
      </c>
      <c r="AA16162" s="5"/>
      <c r="AB16162" s="5" t="s">
        <v>43</v>
      </c>
      <c r="AC16162" s="5" t="s">
        <v>44</v>
      </c>
      <c r="AD16162" s="2"/>
      <c r="AE16162" s="1"/>
    </row>
    <row r="16163" spans="1:31" ht="14.45">
      <c r="A16163" s="11"/>
      <c r="B16163" s="20"/>
      <c r="C16163" s="2" t="s">
        <v>49446</v>
      </c>
      <c r="D16163" s="14" t="s">
        <v>49447</v>
      </c>
      <c r="E16163" s="2" t="s">
        <v>49448</v>
      </c>
      <c r="F16163" s="2" t="s">
        <v>7507</v>
      </c>
      <c r="G16163" s="8">
        <v>298</v>
      </c>
      <c r="H16163" s="5">
        <v>6</v>
      </c>
      <c r="I16163" s="5" t="s">
        <v>1518</v>
      </c>
      <c r="J16163" s="5" t="s">
        <v>40939</v>
      </c>
      <c r="K16163" s="2" t="s">
        <v>40940</v>
      </c>
      <c r="L16163" s="5" t="s">
        <v>40939</v>
      </c>
      <c r="M16163" s="2" t="s">
        <v>40940</v>
      </c>
      <c r="N16163" s="5" t="s">
        <v>19227</v>
      </c>
      <c r="O16163" s="5" t="s">
        <v>38</v>
      </c>
      <c r="P16163" s="5" t="s">
        <v>39</v>
      </c>
      <c r="Q16163" s="5" t="s">
        <v>40</v>
      </c>
      <c r="R16163" s="5" t="s">
        <v>1487</v>
      </c>
      <c r="S16163" s="5"/>
      <c r="T16163" s="5" t="s">
        <v>42</v>
      </c>
      <c r="U16163" s="2">
        <v>0</v>
      </c>
      <c r="V16163" s="2">
        <v>0</v>
      </c>
      <c r="W16163" s="2">
        <v>0</v>
      </c>
      <c r="X16163" s="2">
        <v>0</v>
      </c>
      <c r="Y16163" s="2">
        <v>0</v>
      </c>
      <c r="Z16163" s="2">
        <v>0</v>
      </c>
      <c r="AA16163" s="5"/>
      <c r="AB16163" s="5" t="s">
        <v>43</v>
      </c>
      <c r="AC16163" s="5" t="s">
        <v>44</v>
      </c>
      <c r="AD16163" s="2"/>
      <c r="AE16163" s="1"/>
    </row>
    <row r="16164" spans="1:31" ht="14.45">
      <c r="A16164" s="11"/>
      <c r="B16164" s="20"/>
      <c r="C16164" s="2" t="s">
        <v>49449</v>
      </c>
      <c r="D16164" s="14" t="s">
        <v>49450</v>
      </c>
      <c r="E16164" s="2" t="s">
        <v>49451</v>
      </c>
      <c r="F16164" s="2" t="s">
        <v>7204</v>
      </c>
      <c r="G16164" s="8">
        <v>270</v>
      </c>
      <c r="H16164" s="5">
        <v>6</v>
      </c>
      <c r="I16164" s="5" t="s">
        <v>1518</v>
      </c>
      <c r="J16164" s="5" t="s">
        <v>40939</v>
      </c>
      <c r="K16164" s="2" t="s">
        <v>40940</v>
      </c>
      <c r="L16164" s="5" t="s">
        <v>40939</v>
      </c>
      <c r="M16164" s="2" t="s">
        <v>40940</v>
      </c>
      <c r="N16164" s="5" t="s">
        <v>19227</v>
      </c>
      <c r="O16164" s="5" t="s">
        <v>38</v>
      </c>
      <c r="P16164" s="5" t="s">
        <v>39</v>
      </c>
      <c r="Q16164" s="5" t="s">
        <v>40</v>
      </c>
      <c r="R16164" s="5" t="s">
        <v>1487</v>
      </c>
      <c r="S16164" s="5"/>
      <c r="T16164" s="5" t="s">
        <v>42</v>
      </c>
      <c r="U16164" s="2">
        <v>0</v>
      </c>
      <c r="V16164" s="2">
        <v>0</v>
      </c>
      <c r="W16164" s="2">
        <v>0</v>
      </c>
      <c r="X16164" s="2">
        <v>0</v>
      </c>
      <c r="Y16164" s="2">
        <v>0</v>
      </c>
      <c r="Z16164" s="2">
        <v>0</v>
      </c>
      <c r="AA16164" s="5"/>
      <c r="AB16164" s="5" t="s">
        <v>43</v>
      </c>
      <c r="AC16164" s="5" t="s">
        <v>44</v>
      </c>
      <c r="AD16164" s="2"/>
      <c r="AE16164" s="1"/>
    </row>
    <row r="16165" spans="1:31" ht="14.45">
      <c r="A16165" s="11"/>
      <c r="B16165" s="20"/>
      <c r="C16165" s="2" t="s">
        <v>49452</v>
      </c>
      <c r="D16165" s="14" t="s">
        <v>49453</v>
      </c>
      <c r="E16165" s="2" t="s">
        <v>49454</v>
      </c>
      <c r="F16165" s="2" t="s">
        <v>7514</v>
      </c>
      <c r="G16165" s="8">
        <v>270</v>
      </c>
      <c r="H16165" s="5">
        <v>6</v>
      </c>
      <c r="I16165" s="5" t="s">
        <v>1518</v>
      </c>
      <c r="J16165" s="5" t="s">
        <v>40939</v>
      </c>
      <c r="K16165" s="2" t="s">
        <v>40940</v>
      </c>
      <c r="L16165" s="5" t="s">
        <v>40939</v>
      </c>
      <c r="M16165" s="2" t="s">
        <v>40940</v>
      </c>
      <c r="N16165" s="5" t="s">
        <v>19227</v>
      </c>
      <c r="O16165" s="5" t="s">
        <v>38</v>
      </c>
      <c r="P16165" s="5" t="s">
        <v>39</v>
      </c>
      <c r="Q16165" s="5" t="s">
        <v>40</v>
      </c>
      <c r="R16165" s="5" t="s">
        <v>1487</v>
      </c>
      <c r="S16165" s="5"/>
      <c r="T16165" s="5" t="s">
        <v>42</v>
      </c>
      <c r="U16165" s="2">
        <v>0</v>
      </c>
      <c r="V16165" s="2">
        <v>0</v>
      </c>
      <c r="W16165" s="2">
        <v>0</v>
      </c>
      <c r="X16165" s="2">
        <v>0</v>
      </c>
      <c r="Y16165" s="2">
        <v>0</v>
      </c>
      <c r="Z16165" s="2">
        <v>0</v>
      </c>
      <c r="AA16165" s="5"/>
      <c r="AB16165" s="5" t="s">
        <v>43</v>
      </c>
      <c r="AC16165" s="5" t="s">
        <v>44</v>
      </c>
      <c r="AD16165" s="2"/>
      <c r="AE16165" s="1"/>
    </row>
    <row r="16166" spans="1:31" ht="14.45">
      <c r="A16166" s="11"/>
      <c r="B16166" s="20"/>
      <c r="C16166" s="2" t="s">
        <v>49455</v>
      </c>
      <c r="D16166" s="14" t="s">
        <v>49456</v>
      </c>
      <c r="E16166" s="2" t="s">
        <v>49457</v>
      </c>
      <c r="F16166" s="2" t="s">
        <v>7208</v>
      </c>
      <c r="G16166" s="8">
        <v>270</v>
      </c>
      <c r="H16166" s="5">
        <v>6</v>
      </c>
      <c r="I16166" s="5" t="s">
        <v>1518</v>
      </c>
      <c r="J16166" s="5" t="s">
        <v>40939</v>
      </c>
      <c r="K16166" s="2" t="s">
        <v>40940</v>
      </c>
      <c r="L16166" s="5" t="s">
        <v>40939</v>
      </c>
      <c r="M16166" s="2" t="s">
        <v>40940</v>
      </c>
      <c r="N16166" s="5" t="s">
        <v>19227</v>
      </c>
      <c r="O16166" s="5" t="s">
        <v>38</v>
      </c>
      <c r="P16166" s="5" t="s">
        <v>39</v>
      </c>
      <c r="Q16166" s="5" t="s">
        <v>40</v>
      </c>
      <c r="R16166" s="5" t="s">
        <v>1487</v>
      </c>
      <c r="S16166" s="5"/>
      <c r="T16166" s="5" t="s">
        <v>42</v>
      </c>
      <c r="U16166" s="2">
        <v>0</v>
      </c>
      <c r="V16166" s="2">
        <v>0</v>
      </c>
      <c r="W16166" s="2">
        <v>0</v>
      </c>
      <c r="X16166" s="2">
        <v>0</v>
      </c>
      <c r="Y16166" s="2">
        <v>0</v>
      </c>
      <c r="Z16166" s="2">
        <v>0</v>
      </c>
      <c r="AA16166" s="5"/>
      <c r="AB16166" s="5" t="s">
        <v>43</v>
      </c>
      <c r="AC16166" s="5" t="s">
        <v>44</v>
      </c>
      <c r="AD16166" s="2"/>
      <c r="AE16166" s="1"/>
    </row>
    <row r="16167" spans="1:31" ht="14.45">
      <c r="A16167" s="11"/>
      <c r="B16167" s="20"/>
      <c r="C16167" s="2" t="s">
        <v>49458</v>
      </c>
      <c r="D16167" s="14" t="s">
        <v>49459</v>
      </c>
      <c r="E16167" s="2" t="s">
        <v>49460</v>
      </c>
      <c r="F16167" s="2" t="s">
        <v>7521</v>
      </c>
      <c r="G16167" s="8">
        <v>270</v>
      </c>
      <c r="H16167" s="5">
        <v>6</v>
      </c>
      <c r="I16167" s="5" t="s">
        <v>1518</v>
      </c>
      <c r="J16167" s="5" t="s">
        <v>40939</v>
      </c>
      <c r="K16167" s="2" t="s">
        <v>40940</v>
      </c>
      <c r="L16167" s="5" t="s">
        <v>40939</v>
      </c>
      <c r="M16167" s="2" t="s">
        <v>40940</v>
      </c>
      <c r="N16167" s="5" t="s">
        <v>19227</v>
      </c>
      <c r="O16167" s="5" t="s">
        <v>38</v>
      </c>
      <c r="P16167" s="5" t="s">
        <v>39</v>
      </c>
      <c r="Q16167" s="5" t="s">
        <v>40</v>
      </c>
      <c r="R16167" s="5" t="s">
        <v>1487</v>
      </c>
      <c r="S16167" s="5"/>
      <c r="T16167" s="5" t="s">
        <v>42</v>
      </c>
      <c r="U16167" s="2">
        <v>0</v>
      </c>
      <c r="V16167" s="2">
        <v>0</v>
      </c>
      <c r="W16167" s="2">
        <v>0</v>
      </c>
      <c r="X16167" s="2">
        <v>0</v>
      </c>
      <c r="Y16167" s="2">
        <v>0</v>
      </c>
      <c r="Z16167" s="2">
        <v>0</v>
      </c>
      <c r="AA16167" s="5"/>
      <c r="AB16167" s="5" t="s">
        <v>43</v>
      </c>
      <c r="AC16167" s="5" t="s">
        <v>44</v>
      </c>
      <c r="AD16167" s="2"/>
      <c r="AE16167" s="1"/>
    </row>
    <row r="16168" spans="1:31" ht="14.45">
      <c r="A16168" s="11"/>
      <c r="B16168" s="20"/>
      <c r="C16168" s="2" t="s">
        <v>49461</v>
      </c>
      <c r="D16168" s="14" t="s">
        <v>49462</v>
      </c>
      <c r="E16168" s="2" t="s">
        <v>49463</v>
      </c>
      <c r="F16168" s="2" t="s">
        <v>36273</v>
      </c>
      <c r="G16168" s="8">
        <v>270</v>
      </c>
      <c r="H16168" s="5">
        <v>6</v>
      </c>
      <c r="I16168" s="5" t="s">
        <v>1518</v>
      </c>
      <c r="J16168" s="5" t="s">
        <v>40939</v>
      </c>
      <c r="K16168" s="2" t="s">
        <v>40940</v>
      </c>
      <c r="L16168" s="5" t="s">
        <v>40939</v>
      </c>
      <c r="M16168" s="2" t="s">
        <v>40940</v>
      </c>
      <c r="N16168" s="5" t="s">
        <v>19227</v>
      </c>
      <c r="O16168" s="5" t="s">
        <v>38</v>
      </c>
      <c r="P16168" s="5" t="s">
        <v>39</v>
      </c>
      <c r="Q16168" s="5" t="s">
        <v>40</v>
      </c>
      <c r="R16168" s="5" t="s">
        <v>1487</v>
      </c>
      <c r="S16168" s="5"/>
      <c r="T16168" s="5" t="s">
        <v>42</v>
      </c>
      <c r="U16168" s="2">
        <v>0</v>
      </c>
      <c r="V16168" s="2">
        <v>0</v>
      </c>
      <c r="W16168" s="2">
        <v>0</v>
      </c>
      <c r="X16168" s="2">
        <v>0</v>
      </c>
      <c r="Y16168" s="2">
        <v>0</v>
      </c>
      <c r="Z16168" s="2">
        <v>0</v>
      </c>
      <c r="AA16168" s="5"/>
      <c r="AB16168" s="5" t="s">
        <v>43</v>
      </c>
      <c r="AC16168" s="5" t="s">
        <v>44</v>
      </c>
      <c r="AD16168" s="2"/>
      <c r="AE16168" s="1"/>
    </row>
    <row r="16169" spans="1:31" ht="14.45">
      <c r="A16169" s="11"/>
      <c r="B16169" s="20"/>
      <c r="C16169" s="2" t="s">
        <v>49464</v>
      </c>
      <c r="D16169" s="14" t="s">
        <v>49465</v>
      </c>
      <c r="E16169" s="2" t="s">
        <v>49466</v>
      </c>
      <c r="F16169" s="2" t="s">
        <v>36277</v>
      </c>
      <c r="G16169" s="8">
        <v>270</v>
      </c>
      <c r="H16169" s="5">
        <v>6</v>
      </c>
      <c r="I16169" s="5" t="s">
        <v>1518</v>
      </c>
      <c r="J16169" s="5" t="s">
        <v>40939</v>
      </c>
      <c r="K16169" s="2" t="s">
        <v>40940</v>
      </c>
      <c r="L16169" s="5" t="s">
        <v>40939</v>
      </c>
      <c r="M16169" s="2" t="s">
        <v>40940</v>
      </c>
      <c r="N16169" s="5" t="s">
        <v>19227</v>
      </c>
      <c r="O16169" s="5" t="s">
        <v>38</v>
      </c>
      <c r="P16169" s="5" t="s">
        <v>39</v>
      </c>
      <c r="Q16169" s="5" t="s">
        <v>40</v>
      </c>
      <c r="R16169" s="5" t="s">
        <v>1487</v>
      </c>
      <c r="S16169" s="5"/>
      <c r="T16169" s="5" t="s">
        <v>42</v>
      </c>
      <c r="U16169" s="2">
        <v>0</v>
      </c>
      <c r="V16169" s="2">
        <v>0</v>
      </c>
      <c r="W16169" s="2">
        <v>0</v>
      </c>
      <c r="X16169" s="2">
        <v>0</v>
      </c>
      <c r="Y16169" s="2">
        <v>0</v>
      </c>
      <c r="Z16169" s="2">
        <v>0</v>
      </c>
      <c r="AA16169" s="5"/>
      <c r="AB16169" s="5" t="s">
        <v>43</v>
      </c>
      <c r="AC16169" s="5" t="s">
        <v>44</v>
      </c>
      <c r="AD16169" s="2"/>
      <c r="AE16169" s="1"/>
    </row>
    <row r="16170" spans="1:31" ht="14.45">
      <c r="A16170" s="11"/>
      <c r="B16170" s="20"/>
      <c r="C16170" s="2" t="s">
        <v>49467</v>
      </c>
      <c r="D16170" s="14" t="s">
        <v>49468</v>
      </c>
      <c r="E16170" s="2" t="s">
        <v>49469</v>
      </c>
      <c r="F16170" s="2" t="s">
        <v>7396</v>
      </c>
      <c r="G16170" s="8">
        <v>270</v>
      </c>
      <c r="H16170" s="5">
        <v>6</v>
      </c>
      <c r="I16170" s="5" t="s">
        <v>1518</v>
      </c>
      <c r="J16170" s="5" t="s">
        <v>40939</v>
      </c>
      <c r="K16170" s="2" t="s">
        <v>40940</v>
      </c>
      <c r="L16170" s="5" t="s">
        <v>40939</v>
      </c>
      <c r="M16170" s="2" t="s">
        <v>40940</v>
      </c>
      <c r="N16170" s="5" t="s">
        <v>19227</v>
      </c>
      <c r="O16170" s="5" t="s">
        <v>38</v>
      </c>
      <c r="P16170" s="5" t="s">
        <v>39</v>
      </c>
      <c r="Q16170" s="5" t="s">
        <v>40</v>
      </c>
      <c r="R16170" s="5" t="s">
        <v>1487</v>
      </c>
      <c r="S16170" s="5"/>
      <c r="T16170" s="5" t="s">
        <v>42</v>
      </c>
      <c r="U16170" s="2">
        <v>0</v>
      </c>
      <c r="V16170" s="2">
        <v>0</v>
      </c>
      <c r="W16170" s="2">
        <v>0</v>
      </c>
      <c r="X16170" s="2">
        <v>0</v>
      </c>
      <c r="Y16170" s="2">
        <v>0</v>
      </c>
      <c r="Z16170" s="2">
        <v>0</v>
      </c>
      <c r="AA16170" s="5"/>
      <c r="AB16170" s="5" t="s">
        <v>43</v>
      </c>
      <c r="AC16170" s="5" t="s">
        <v>44</v>
      </c>
      <c r="AD16170" s="2"/>
      <c r="AE16170" s="1"/>
    </row>
    <row r="16171" spans="1:31" ht="14.45">
      <c r="A16171" s="11"/>
      <c r="B16171" s="20"/>
      <c r="C16171" s="2" t="s">
        <v>49470</v>
      </c>
      <c r="D16171" s="14" t="s">
        <v>49471</v>
      </c>
      <c r="E16171" s="2" t="s">
        <v>49472</v>
      </c>
      <c r="F16171" s="2" t="s">
        <v>7507</v>
      </c>
      <c r="G16171" s="8">
        <v>270</v>
      </c>
      <c r="H16171" s="5">
        <v>6</v>
      </c>
      <c r="I16171" s="5" t="s">
        <v>1518</v>
      </c>
      <c r="J16171" s="5" t="s">
        <v>40939</v>
      </c>
      <c r="K16171" s="2" t="s">
        <v>40940</v>
      </c>
      <c r="L16171" s="5" t="s">
        <v>40939</v>
      </c>
      <c r="M16171" s="2" t="s">
        <v>40940</v>
      </c>
      <c r="N16171" s="5" t="s">
        <v>19227</v>
      </c>
      <c r="O16171" s="5" t="s">
        <v>38</v>
      </c>
      <c r="P16171" s="5" t="s">
        <v>39</v>
      </c>
      <c r="Q16171" s="5" t="s">
        <v>40</v>
      </c>
      <c r="R16171" s="5" t="s">
        <v>1487</v>
      </c>
      <c r="S16171" s="5"/>
      <c r="T16171" s="5" t="s">
        <v>42</v>
      </c>
      <c r="U16171" s="2">
        <v>0</v>
      </c>
      <c r="V16171" s="2">
        <v>0</v>
      </c>
      <c r="W16171" s="2">
        <v>0</v>
      </c>
      <c r="X16171" s="2">
        <v>0</v>
      </c>
      <c r="Y16171" s="2">
        <v>0</v>
      </c>
      <c r="Z16171" s="2">
        <v>0</v>
      </c>
      <c r="AA16171" s="5"/>
      <c r="AB16171" s="5" t="s">
        <v>43</v>
      </c>
      <c r="AC16171" s="5" t="s">
        <v>44</v>
      </c>
      <c r="AD16171" s="2"/>
      <c r="AE16171" s="1"/>
    </row>
    <row r="16172" spans="1:31" ht="14.45">
      <c r="A16172" s="11"/>
      <c r="B16172" s="20"/>
      <c r="C16172" s="2" t="s">
        <v>49473</v>
      </c>
      <c r="D16172" s="14" t="s">
        <v>49474</v>
      </c>
      <c r="E16172" s="2" t="s">
        <v>49475</v>
      </c>
      <c r="F16172" s="2" t="s">
        <v>7204</v>
      </c>
      <c r="G16172" s="8">
        <v>278</v>
      </c>
      <c r="H16172" s="5">
        <v>6</v>
      </c>
      <c r="I16172" s="5" t="s">
        <v>1518</v>
      </c>
      <c r="J16172" s="5" t="s">
        <v>40939</v>
      </c>
      <c r="K16172" s="2" t="s">
        <v>40940</v>
      </c>
      <c r="L16172" s="5" t="s">
        <v>40939</v>
      </c>
      <c r="M16172" s="2" t="s">
        <v>40940</v>
      </c>
      <c r="N16172" s="5" t="s">
        <v>19227</v>
      </c>
      <c r="O16172" s="5" t="s">
        <v>38</v>
      </c>
      <c r="P16172" s="5" t="s">
        <v>39</v>
      </c>
      <c r="Q16172" s="5" t="s">
        <v>40</v>
      </c>
      <c r="R16172" s="5" t="s">
        <v>1487</v>
      </c>
      <c r="S16172" s="5"/>
      <c r="T16172" s="5" t="s">
        <v>42</v>
      </c>
      <c r="U16172" s="2">
        <v>0</v>
      </c>
      <c r="V16172" s="2">
        <v>0</v>
      </c>
      <c r="W16172" s="2">
        <v>0</v>
      </c>
      <c r="X16172" s="2">
        <v>0</v>
      </c>
      <c r="Y16172" s="2">
        <v>0</v>
      </c>
      <c r="Z16172" s="2">
        <v>0</v>
      </c>
      <c r="AA16172" s="5"/>
      <c r="AB16172" s="5" t="s">
        <v>43</v>
      </c>
      <c r="AC16172" s="5" t="s">
        <v>44</v>
      </c>
      <c r="AD16172" s="2"/>
      <c r="AE16172" s="1"/>
    </row>
    <row r="16173" spans="1:31" ht="14.45">
      <c r="A16173" s="11"/>
      <c r="B16173" s="20"/>
      <c r="C16173" s="2" t="s">
        <v>49476</v>
      </c>
      <c r="D16173" s="14" t="s">
        <v>49477</v>
      </c>
      <c r="E16173" s="2" t="s">
        <v>49478</v>
      </c>
      <c r="F16173" s="2" t="s">
        <v>7514</v>
      </c>
      <c r="G16173" s="8">
        <v>278</v>
      </c>
      <c r="H16173" s="5">
        <v>6</v>
      </c>
      <c r="I16173" s="5" t="s">
        <v>1518</v>
      </c>
      <c r="J16173" s="5" t="s">
        <v>40939</v>
      </c>
      <c r="K16173" s="2" t="s">
        <v>40940</v>
      </c>
      <c r="L16173" s="5" t="s">
        <v>40939</v>
      </c>
      <c r="M16173" s="2" t="s">
        <v>40940</v>
      </c>
      <c r="N16173" s="5" t="s">
        <v>19227</v>
      </c>
      <c r="O16173" s="5" t="s">
        <v>38</v>
      </c>
      <c r="P16173" s="5" t="s">
        <v>39</v>
      </c>
      <c r="Q16173" s="5" t="s">
        <v>40</v>
      </c>
      <c r="R16173" s="5" t="s">
        <v>1487</v>
      </c>
      <c r="S16173" s="5"/>
      <c r="T16173" s="5" t="s">
        <v>42</v>
      </c>
      <c r="U16173" s="2">
        <v>0</v>
      </c>
      <c r="V16173" s="2">
        <v>0</v>
      </c>
      <c r="W16173" s="2">
        <v>0</v>
      </c>
      <c r="X16173" s="2">
        <v>0</v>
      </c>
      <c r="Y16173" s="2">
        <v>0</v>
      </c>
      <c r="Z16173" s="2">
        <v>0</v>
      </c>
      <c r="AA16173" s="5"/>
      <c r="AB16173" s="5" t="s">
        <v>43</v>
      </c>
      <c r="AC16173" s="5" t="s">
        <v>44</v>
      </c>
      <c r="AD16173" s="2"/>
      <c r="AE16173" s="1"/>
    </row>
    <row r="16174" spans="1:31" ht="14.45">
      <c r="A16174" s="11"/>
      <c r="B16174" s="20"/>
      <c r="C16174" s="2" t="s">
        <v>49479</v>
      </c>
      <c r="D16174" s="14" t="s">
        <v>49480</v>
      </c>
      <c r="E16174" s="2" t="s">
        <v>49481</v>
      </c>
      <c r="F16174" s="2" t="s">
        <v>7208</v>
      </c>
      <c r="G16174" s="8">
        <v>278</v>
      </c>
      <c r="H16174" s="5">
        <v>6</v>
      </c>
      <c r="I16174" s="5" t="s">
        <v>1518</v>
      </c>
      <c r="J16174" s="5" t="s">
        <v>40939</v>
      </c>
      <c r="K16174" s="2" t="s">
        <v>40940</v>
      </c>
      <c r="L16174" s="5" t="s">
        <v>40939</v>
      </c>
      <c r="M16174" s="2" t="s">
        <v>40940</v>
      </c>
      <c r="N16174" s="5" t="s">
        <v>19227</v>
      </c>
      <c r="O16174" s="5" t="s">
        <v>38</v>
      </c>
      <c r="P16174" s="5" t="s">
        <v>39</v>
      </c>
      <c r="Q16174" s="5" t="s">
        <v>40</v>
      </c>
      <c r="R16174" s="5" t="s">
        <v>1487</v>
      </c>
      <c r="S16174" s="5"/>
      <c r="T16174" s="5" t="s">
        <v>42</v>
      </c>
      <c r="U16174" s="2">
        <v>0</v>
      </c>
      <c r="V16174" s="2">
        <v>0</v>
      </c>
      <c r="W16174" s="2">
        <v>0</v>
      </c>
      <c r="X16174" s="2">
        <v>0</v>
      </c>
      <c r="Y16174" s="2">
        <v>0</v>
      </c>
      <c r="Z16174" s="2">
        <v>0</v>
      </c>
      <c r="AA16174" s="5"/>
      <c r="AB16174" s="5" t="s">
        <v>43</v>
      </c>
      <c r="AC16174" s="5" t="s">
        <v>44</v>
      </c>
      <c r="AD16174" s="2"/>
      <c r="AE16174" s="1"/>
    </row>
    <row r="16175" spans="1:31" ht="14.45">
      <c r="A16175" s="11"/>
      <c r="B16175" s="20"/>
      <c r="C16175" s="2" t="s">
        <v>49482</v>
      </c>
      <c r="D16175" s="14" t="s">
        <v>49483</v>
      </c>
      <c r="E16175" s="2" t="s">
        <v>49484</v>
      </c>
      <c r="F16175" s="2" t="s">
        <v>7521</v>
      </c>
      <c r="G16175" s="8">
        <v>278</v>
      </c>
      <c r="H16175" s="5">
        <v>6</v>
      </c>
      <c r="I16175" s="5" t="s">
        <v>1518</v>
      </c>
      <c r="J16175" s="5" t="s">
        <v>40939</v>
      </c>
      <c r="K16175" s="2" t="s">
        <v>40940</v>
      </c>
      <c r="L16175" s="5" t="s">
        <v>40939</v>
      </c>
      <c r="M16175" s="2" t="s">
        <v>40940</v>
      </c>
      <c r="N16175" s="5" t="s">
        <v>19227</v>
      </c>
      <c r="O16175" s="5" t="s">
        <v>38</v>
      </c>
      <c r="P16175" s="5" t="s">
        <v>39</v>
      </c>
      <c r="Q16175" s="5" t="s">
        <v>40</v>
      </c>
      <c r="R16175" s="5" t="s">
        <v>1487</v>
      </c>
      <c r="S16175" s="5"/>
      <c r="T16175" s="5" t="s">
        <v>42</v>
      </c>
      <c r="U16175" s="2">
        <v>0</v>
      </c>
      <c r="V16175" s="2">
        <v>0</v>
      </c>
      <c r="W16175" s="2">
        <v>0</v>
      </c>
      <c r="X16175" s="2">
        <v>0</v>
      </c>
      <c r="Y16175" s="2">
        <v>0</v>
      </c>
      <c r="Z16175" s="2">
        <v>0</v>
      </c>
      <c r="AA16175" s="5"/>
      <c r="AB16175" s="5" t="s">
        <v>43</v>
      </c>
      <c r="AC16175" s="5" t="s">
        <v>44</v>
      </c>
      <c r="AD16175" s="2"/>
      <c r="AE16175" s="1"/>
    </row>
    <row r="16176" spans="1:31" ht="14.45">
      <c r="A16176" s="11"/>
      <c r="B16176" s="20"/>
      <c r="C16176" s="2" t="s">
        <v>49485</v>
      </c>
      <c r="D16176" s="14" t="s">
        <v>49486</v>
      </c>
      <c r="E16176" s="2" t="s">
        <v>49487</v>
      </c>
      <c r="F16176" s="2" t="s">
        <v>36273</v>
      </c>
      <c r="G16176" s="8">
        <v>278</v>
      </c>
      <c r="H16176" s="5">
        <v>6</v>
      </c>
      <c r="I16176" s="5" t="s">
        <v>1518</v>
      </c>
      <c r="J16176" s="5" t="s">
        <v>40939</v>
      </c>
      <c r="K16176" s="2" t="s">
        <v>40940</v>
      </c>
      <c r="L16176" s="5" t="s">
        <v>40939</v>
      </c>
      <c r="M16176" s="2" t="s">
        <v>40940</v>
      </c>
      <c r="N16176" s="5" t="s">
        <v>19227</v>
      </c>
      <c r="O16176" s="5" t="s">
        <v>38</v>
      </c>
      <c r="P16176" s="5" t="s">
        <v>39</v>
      </c>
      <c r="Q16176" s="5" t="s">
        <v>40</v>
      </c>
      <c r="R16176" s="5" t="s">
        <v>1487</v>
      </c>
      <c r="S16176" s="5"/>
      <c r="T16176" s="5" t="s">
        <v>42</v>
      </c>
      <c r="U16176" s="2">
        <v>0</v>
      </c>
      <c r="V16176" s="2">
        <v>0</v>
      </c>
      <c r="W16176" s="2">
        <v>0</v>
      </c>
      <c r="X16176" s="2">
        <v>0</v>
      </c>
      <c r="Y16176" s="2">
        <v>0</v>
      </c>
      <c r="Z16176" s="2">
        <v>0</v>
      </c>
      <c r="AA16176" s="5"/>
      <c r="AB16176" s="5" t="s">
        <v>43</v>
      </c>
      <c r="AC16176" s="5" t="s">
        <v>44</v>
      </c>
      <c r="AD16176" s="2"/>
      <c r="AE16176" s="1"/>
    </row>
    <row r="16177" spans="1:31" ht="14.45">
      <c r="A16177" s="11"/>
      <c r="B16177" s="20"/>
      <c r="C16177" s="2" t="s">
        <v>49488</v>
      </c>
      <c r="D16177" s="14" t="s">
        <v>49489</v>
      </c>
      <c r="E16177" s="2" t="s">
        <v>49490</v>
      </c>
      <c r="F16177" s="2" t="s">
        <v>36277</v>
      </c>
      <c r="G16177" s="8">
        <v>278</v>
      </c>
      <c r="H16177" s="5">
        <v>6</v>
      </c>
      <c r="I16177" s="5" t="s">
        <v>1518</v>
      </c>
      <c r="J16177" s="5" t="s">
        <v>40939</v>
      </c>
      <c r="K16177" s="2" t="s">
        <v>40940</v>
      </c>
      <c r="L16177" s="5" t="s">
        <v>40939</v>
      </c>
      <c r="M16177" s="2" t="s">
        <v>40940</v>
      </c>
      <c r="N16177" s="5" t="s">
        <v>19227</v>
      </c>
      <c r="O16177" s="5" t="s">
        <v>38</v>
      </c>
      <c r="P16177" s="5" t="s">
        <v>39</v>
      </c>
      <c r="Q16177" s="5" t="s">
        <v>40</v>
      </c>
      <c r="R16177" s="5" t="s">
        <v>1487</v>
      </c>
      <c r="S16177" s="5"/>
      <c r="T16177" s="5" t="s">
        <v>42</v>
      </c>
      <c r="U16177" s="2">
        <v>0</v>
      </c>
      <c r="V16177" s="2">
        <v>0</v>
      </c>
      <c r="W16177" s="2">
        <v>0</v>
      </c>
      <c r="X16177" s="2">
        <v>0</v>
      </c>
      <c r="Y16177" s="2">
        <v>0</v>
      </c>
      <c r="Z16177" s="2">
        <v>0</v>
      </c>
      <c r="AA16177" s="5"/>
      <c r="AB16177" s="5" t="s">
        <v>43</v>
      </c>
      <c r="AC16177" s="5" t="s">
        <v>44</v>
      </c>
      <c r="AD16177" s="2"/>
      <c r="AE16177" s="1"/>
    </row>
    <row r="16178" spans="1:31" ht="14.45">
      <c r="A16178" s="11"/>
      <c r="B16178" s="20"/>
      <c r="C16178" s="2" t="s">
        <v>49491</v>
      </c>
      <c r="D16178" s="14" t="s">
        <v>49492</v>
      </c>
      <c r="E16178" s="2" t="s">
        <v>49493</v>
      </c>
      <c r="F16178" s="2" t="s">
        <v>7396</v>
      </c>
      <c r="G16178" s="8">
        <v>278</v>
      </c>
      <c r="H16178" s="5">
        <v>6</v>
      </c>
      <c r="I16178" s="5" t="s">
        <v>1518</v>
      </c>
      <c r="J16178" s="5" t="s">
        <v>40939</v>
      </c>
      <c r="K16178" s="2" t="s">
        <v>40940</v>
      </c>
      <c r="L16178" s="5" t="s">
        <v>40939</v>
      </c>
      <c r="M16178" s="2" t="s">
        <v>40940</v>
      </c>
      <c r="N16178" s="5" t="s">
        <v>19227</v>
      </c>
      <c r="O16178" s="5" t="s">
        <v>38</v>
      </c>
      <c r="P16178" s="5" t="s">
        <v>39</v>
      </c>
      <c r="Q16178" s="5" t="s">
        <v>40</v>
      </c>
      <c r="R16178" s="5" t="s">
        <v>1487</v>
      </c>
      <c r="S16178" s="5"/>
      <c r="T16178" s="5" t="s">
        <v>42</v>
      </c>
      <c r="U16178" s="2">
        <v>0</v>
      </c>
      <c r="V16178" s="2">
        <v>0</v>
      </c>
      <c r="W16178" s="2">
        <v>0</v>
      </c>
      <c r="X16178" s="2">
        <v>0</v>
      </c>
      <c r="Y16178" s="2">
        <v>0</v>
      </c>
      <c r="Z16178" s="2">
        <v>0</v>
      </c>
      <c r="AA16178" s="5"/>
      <c r="AB16178" s="5" t="s">
        <v>43</v>
      </c>
      <c r="AC16178" s="5" t="s">
        <v>44</v>
      </c>
      <c r="AD16178" s="2"/>
      <c r="AE16178" s="1"/>
    </row>
    <row r="16179" spans="1:31" ht="14.45">
      <c r="A16179" s="11"/>
      <c r="B16179" s="20"/>
      <c r="C16179" s="2" t="s">
        <v>49494</v>
      </c>
      <c r="D16179" s="14" t="s">
        <v>49495</v>
      </c>
      <c r="E16179" s="2" t="s">
        <v>49496</v>
      </c>
      <c r="F16179" s="2" t="s">
        <v>7507</v>
      </c>
      <c r="G16179" s="8">
        <v>278</v>
      </c>
      <c r="H16179" s="5">
        <v>6</v>
      </c>
      <c r="I16179" s="5" t="s">
        <v>1518</v>
      </c>
      <c r="J16179" s="5" t="s">
        <v>40939</v>
      </c>
      <c r="K16179" s="2" t="s">
        <v>40940</v>
      </c>
      <c r="L16179" s="5" t="s">
        <v>40939</v>
      </c>
      <c r="M16179" s="2" t="s">
        <v>40940</v>
      </c>
      <c r="N16179" s="5" t="s">
        <v>19227</v>
      </c>
      <c r="O16179" s="5" t="s">
        <v>38</v>
      </c>
      <c r="P16179" s="5" t="s">
        <v>39</v>
      </c>
      <c r="Q16179" s="5" t="s">
        <v>40</v>
      </c>
      <c r="R16179" s="5" t="s">
        <v>1487</v>
      </c>
      <c r="S16179" s="5"/>
      <c r="T16179" s="5" t="s">
        <v>42</v>
      </c>
      <c r="U16179" s="2">
        <v>0</v>
      </c>
      <c r="V16179" s="2">
        <v>0</v>
      </c>
      <c r="W16179" s="2">
        <v>0</v>
      </c>
      <c r="X16179" s="2">
        <v>0</v>
      </c>
      <c r="Y16179" s="2">
        <v>0</v>
      </c>
      <c r="Z16179" s="2">
        <v>0</v>
      </c>
      <c r="AA16179" s="5"/>
      <c r="AB16179" s="5" t="s">
        <v>43</v>
      </c>
      <c r="AC16179" s="5" t="s">
        <v>44</v>
      </c>
      <c r="AD16179" s="2"/>
      <c r="AE16179" s="1"/>
    </row>
    <row r="16180" spans="1:31" ht="14.45">
      <c r="A16180" s="11"/>
      <c r="B16180" s="20"/>
      <c r="C16180" s="2" t="s">
        <v>49497</v>
      </c>
      <c r="D16180" s="14" t="s">
        <v>49498</v>
      </c>
      <c r="E16180" s="2" t="s">
        <v>49499</v>
      </c>
      <c r="F16180" s="2" t="s">
        <v>7204</v>
      </c>
      <c r="G16180" s="8">
        <v>298</v>
      </c>
      <c r="H16180" s="5">
        <v>6</v>
      </c>
      <c r="I16180" s="5" t="s">
        <v>1518</v>
      </c>
      <c r="J16180" s="5" t="s">
        <v>40939</v>
      </c>
      <c r="K16180" s="2" t="s">
        <v>40940</v>
      </c>
      <c r="L16180" s="5" t="s">
        <v>40939</v>
      </c>
      <c r="M16180" s="2" t="s">
        <v>40940</v>
      </c>
      <c r="N16180" s="5" t="s">
        <v>19227</v>
      </c>
      <c r="O16180" s="5" t="s">
        <v>38</v>
      </c>
      <c r="P16180" s="5" t="s">
        <v>39</v>
      </c>
      <c r="Q16180" s="5" t="s">
        <v>40</v>
      </c>
      <c r="R16180" s="5" t="s">
        <v>1487</v>
      </c>
      <c r="S16180" s="5"/>
      <c r="T16180" s="5" t="s">
        <v>42</v>
      </c>
      <c r="U16180" s="2">
        <v>0</v>
      </c>
      <c r="V16180" s="2">
        <v>0</v>
      </c>
      <c r="W16180" s="2">
        <v>0</v>
      </c>
      <c r="X16180" s="2">
        <v>0</v>
      </c>
      <c r="Y16180" s="2">
        <v>0</v>
      </c>
      <c r="Z16180" s="2">
        <v>0</v>
      </c>
      <c r="AA16180" s="5"/>
      <c r="AB16180" s="5" t="s">
        <v>43</v>
      </c>
      <c r="AC16180" s="5" t="s">
        <v>44</v>
      </c>
      <c r="AD16180" s="2"/>
      <c r="AE16180" s="1"/>
    </row>
    <row r="16181" spans="1:31" ht="14.45">
      <c r="A16181" s="11"/>
      <c r="B16181" s="20"/>
      <c r="C16181" s="2" t="s">
        <v>49500</v>
      </c>
      <c r="D16181" s="14" t="s">
        <v>49501</v>
      </c>
      <c r="E16181" s="2" t="s">
        <v>49502</v>
      </c>
      <c r="F16181" s="2" t="s">
        <v>7514</v>
      </c>
      <c r="G16181" s="8">
        <v>298</v>
      </c>
      <c r="H16181" s="5">
        <v>6</v>
      </c>
      <c r="I16181" s="5" t="s">
        <v>1518</v>
      </c>
      <c r="J16181" s="5" t="s">
        <v>40939</v>
      </c>
      <c r="K16181" s="2" t="s">
        <v>40940</v>
      </c>
      <c r="L16181" s="5" t="s">
        <v>40939</v>
      </c>
      <c r="M16181" s="2" t="s">
        <v>40940</v>
      </c>
      <c r="N16181" s="5" t="s">
        <v>19227</v>
      </c>
      <c r="O16181" s="5" t="s">
        <v>38</v>
      </c>
      <c r="P16181" s="5" t="s">
        <v>39</v>
      </c>
      <c r="Q16181" s="5" t="s">
        <v>40</v>
      </c>
      <c r="R16181" s="5" t="s">
        <v>1487</v>
      </c>
      <c r="S16181" s="5"/>
      <c r="T16181" s="5" t="s">
        <v>42</v>
      </c>
      <c r="U16181" s="2">
        <v>0</v>
      </c>
      <c r="V16181" s="2">
        <v>0</v>
      </c>
      <c r="W16181" s="2">
        <v>0</v>
      </c>
      <c r="X16181" s="2">
        <v>0</v>
      </c>
      <c r="Y16181" s="2">
        <v>0</v>
      </c>
      <c r="Z16181" s="2">
        <v>0</v>
      </c>
      <c r="AA16181" s="5"/>
      <c r="AB16181" s="5" t="s">
        <v>43</v>
      </c>
      <c r="AC16181" s="5" t="s">
        <v>44</v>
      </c>
      <c r="AD16181" s="2"/>
      <c r="AE16181" s="1"/>
    </row>
    <row r="16182" spans="1:31" ht="14.45">
      <c r="A16182" s="11"/>
      <c r="B16182" s="20"/>
      <c r="C16182" s="2" t="s">
        <v>49503</v>
      </c>
      <c r="D16182" s="14" t="s">
        <v>49504</v>
      </c>
      <c r="E16182" s="2" t="s">
        <v>49505</v>
      </c>
      <c r="F16182" s="2" t="s">
        <v>7208</v>
      </c>
      <c r="G16182" s="8">
        <v>298</v>
      </c>
      <c r="H16182" s="5">
        <v>6</v>
      </c>
      <c r="I16182" s="5" t="s">
        <v>1518</v>
      </c>
      <c r="J16182" s="5" t="s">
        <v>40939</v>
      </c>
      <c r="K16182" s="2" t="s">
        <v>40940</v>
      </c>
      <c r="L16182" s="5" t="s">
        <v>40939</v>
      </c>
      <c r="M16182" s="2" t="s">
        <v>40940</v>
      </c>
      <c r="N16182" s="5" t="s">
        <v>19227</v>
      </c>
      <c r="O16182" s="5" t="s">
        <v>38</v>
      </c>
      <c r="P16182" s="5" t="s">
        <v>39</v>
      </c>
      <c r="Q16182" s="5" t="s">
        <v>40</v>
      </c>
      <c r="R16182" s="5" t="s">
        <v>1487</v>
      </c>
      <c r="S16182" s="5"/>
      <c r="T16182" s="5" t="s">
        <v>42</v>
      </c>
      <c r="U16182" s="2">
        <v>0</v>
      </c>
      <c r="V16182" s="2">
        <v>0</v>
      </c>
      <c r="W16182" s="2">
        <v>0</v>
      </c>
      <c r="X16182" s="2">
        <v>0</v>
      </c>
      <c r="Y16182" s="2">
        <v>0</v>
      </c>
      <c r="Z16182" s="2">
        <v>0</v>
      </c>
      <c r="AA16182" s="5"/>
      <c r="AB16182" s="5" t="s">
        <v>43</v>
      </c>
      <c r="AC16182" s="5" t="s">
        <v>44</v>
      </c>
      <c r="AD16182" s="2"/>
      <c r="AE16182" s="1"/>
    </row>
    <row r="16183" spans="1:31" ht="14.45">
      <c r="A16183" s="11"/>
      <c r="B16183" s="20"/>
      <c r="C16183" s="2" t="s">
        <v>49506</v>
      </c>
      <c r="D16183" s="14" t="s">
        <v>49507</v>
      </c>
      <c r="E16183" s="2" t="s">
        <v>49508</v>
      </c>
      <c r="F16183" s="2" t="s">
        <v>7521</v>
      </c>
      <c r="G16183" s="8">
        <v>298</v>
      </c>
      <c r="H16183" s="5">
        <v>6</v>
      </c>
      <c r="I16183" s="5" t="s">
        <v>1518</v>
      </c>
      <c r="J16183" s="5" t="s">
        <v>40939</v>
      </c>
      <c r="K16183" s="2" t="s">
        <v>40940</v>
      </c>
      <c r="L16183" s="5" t="s">
        <v>40939</v>
      </c>
      <c r="M16183" s="2" t="s">
        <v>40940</v>
      </c>
      <c r="N16183" s="5" t="s">
        <v>19227</v>
      </c>
      <c r="O16183" s="5" t="s">
        <v>38</v>
      </c>
      <c r="P16183" s="5" t="s">
        <v>39</v>
      </c>
      <c r="Q16183" s="5" t="s">
        <v>40</v>
      </c>
      <c r="R16183" s="5" t="s">
        <v>1487</v>
      </c>
      <c r="S16183" s="5"/>
      <c r="T16183" s="5" t="s">
        <v>42</v>
      </c>
      <c r="U16183" s="2">
        <v>0</v>
      </c>
      <c r="V16183" s="2">
        <v>0</v>
      </c>
      <c r="W16183" s="2">
        <v>0</v>
      </c>
      <c r="X16183" s="2">
        <v>0</v>
      </c>
      <c r="Y16183" s="2">
        <v>0</v>
      </c>
      <c r="Z16183" s="2">
        <v>0</v>
      </c>
      <c r="AA16183" s="5"/>
      <c r="AB16183" s="5" t="s">
        <v>43</v>
      </c>
      <c r="AC16183" s="5" t="s">
        <v>44</v>
      </c>
      <c r="AD16183" s="2"/>
      <c r="AE16183" s="1"/>
    </row>
    <row r="16184" spans="1:31" ht="14.45">
      <c r="A16184" s="11"/>
      <c r="B16184" s="20"/>
      <c r="C16184" s="2" t="s">
        <v>49509</v>
      </c>
      <c r="D16184" s="14" t="s">
        <v>49510</v>
      </c>
      <c r="E16184" s="2" t="s">
        <v>49511</v>
      </c>
      <c r="F16184" s="2" t="s">
        <v>36273</v>
      </c>
      <c r="G16184" s="8">
        <v>298</v>
      </c>
      <c r="H16184" s="5">
        <v>6</v>
      </c>
      <c r="I16184" s="5" t="s">
        <v>1518</v>
      </c>
      <c r="J16184" s="5" t="s">
        <v>40939</v>
      </c>
      <c r="K16184" s="2" t="s">
        <v>40940</v>
      </c>
      <c r="L16184" s="5" t="s">
        <v>40939</v>
      </c>
      <c r="M16184" s="2" t="s">
        <v>40940</v>
      </c>
      <c r="N16184" s="5" t="s">
        <v>19227</v>
      </c>
      <c r="O16184" s="5" t="s">
        <v>38</v>
      </c>
      <c r="P16184" s="5" t="s">
        <v>39</v>
      </c>
      <c r="Q16184" s="5" t="s">
        <v>40</v>
      </c>
      <c r="R16184" s="5" t="s">
        <v>1487</v>
      </c>
      <c r="S16184" s="5"/>
      <c r="T16184" s="5" t="s">
        <v>42</v>
      </c>
      <c r="U16184" s="2">
        <v>0</v>
      </c>
      <c r="V16184" s="2">
        <v>0</v>
      </c>
      <c r="W16184" s="2">
        <v>0</v>
      </c>
      <c r="X16184" s="2">
        <v>0</v>
      </c>
      <c r="Y16184" s="2">
        <v>0</v>
      </c>
      <c r="Z16184" s="2">
        <v>0</v>
      </c>
      <c r="AA16184" s="5"/>
      <c r="AB16184" s="5" t="s">
        <v>43</v>
      </c>
      <c r="AC16184" s="5" t="s">
        <v>44</v>
      </c>
      <c r="AD16184" s="2"/>
      <c r="AE16184" s="1"/>
    </row>
    <row r="16185" spans="1:31" ht="14.45">
      <c r="A16185" s="11"/>
      <c r="B16185" s="20"/>
      <c r="C16185" s="2" t="s">
        <v>49512</v>
      </c>
      <c r="D16185" s="14" t="s">
        <v>49513</v>
      </c>
      <c r="E16185" s="2" t="s">
        <v>49514</v>
      </c>
      <c r="F16185" s="2" t="s">
        <v>36277</v>
      </c>
      <c r="G16185" s="8">
        <v>298</v>
      </c>
      <c r="H16185" s="5">
        <v>6</v>
      </c>
      <c r="I16185" s="5" t="s">
        <v>1518</v>
      </c>
      <c r="J16185" s="5" t="s">
        <v>40939</v>
      </c>
      <c r="K16185" s="2" t="s">
        <v>40940</v>
      </c>
      <c r="L16185" s="5" t="s">
        <v>40939</v>
      </c>
      <c r="M16185" s="2" t="s">
        <v>40940</v>
      </c>
      <c r="N16185" s="5" t="s">
        <v>19227</v>
      </c>
      <c r="O16185" s="5" t="s">
        <v>38</v>
      </c>
      <c r="P16185" s="5" t="s">
        <v>39</v>
      </c>
      <c r="Q16185" s="5" t="s">
        <v>40</v>
      </c>
      <c r="R16185" s="5" t="s">
        <v>1487</v>
      </c>
      <c r="S16185" s="5"/>
      <c r="T16185" s="5" t="s">
        <v>42</v>
      </c>
      <c r="U16185" s="2">
        <v>0</v>
      </c>
      <c r="V16185" s="2">
        <v>0</v>
      </c>
      <c r="W16185" s="2">
        <v>0</v>
      </c>
      <c r="X16185" s="2">
        <v>0</v>
      </c>
      <c r="Y16185" s="2">
        <v>0</v>
      </c>
      <c r="Z16185" s="2">
        <v>0</v>
      </c>
      <c r="AA16185" s="5"/>
      <c r="AB16185" s="5" t="s">
        <v>43</v>
      </c>
      <c r="AC16185" s="5" t="s">
        <v>44</v>
      </c>
      <c r="AD16185" s="2"/>
      <c r="AE16185" s="1"/>
    </row>
    <row r="16186" spans="1:31" ht="14.45">
      <c r="A16186" s="11"/>
      <c r="B16186" s="20"/>
      <c r="C16186" s="2" t="s">
        <v>49515</v>
      </c>
      <c r="D16186" s="14" t="s">
        <v>49516</v>
      </c>
      <c r="E16186" s="2" t="s">
        <v>49517</v>
      </c>
      <c r="F16186" s="2" t="s">
        <v>7396</v>
      </c>
      <c r="G16186" s="8">
        <v>298</v>
      </c>
      <c r="H16186" s="5">
        <v>6</v>
      </c>
      <c r="I16186" s="5" t="s">
        <v>1518</v>
      </c>
      <c r="J16186" s="5" t="s">
        <v>40939</v>
      </c>
      <c r="K16186" s="2" t="s">
        <v>40940</v>
      </c>
      <c r="L16186" s="5" t="s">
        <v>40939</v>
      </c>
      <c r="M16186" s="2" t="s">
        <v>40940</v>
      </c>
      <c r="N16186" s="5" t="s">
        <v>19227</v>
      </c>
      <c r="O16186" s="5" t="s">
        <v>38</v>
      </c>
      <c r="P16186" s="5" t="s">
        <v>39</v>
      </c>
      <c r="Q16186" s="5" t="s">
        <v>40</v>
      </c>
      <c r="R16186" s="5" t="s">
        <v>1487</v>
      </c>
      <c r="S16186" s="5"/>
      <c r="T16186" s="5" t="s">
        <v>42</v>
      </c>
      <c r="U16186" s="2">
        <v>0</v>
      </c>
      <c r="V16186" s="2">
        <v>0</v>
      </c>
      <c r="W16186" s="2">
        <v>0</v>
      </c>
      <c r="X16186" s="2">
        <v>0</v>
      </c>
      <c r="Y16186" s="2">
        <v>0</v>
      </c>
      <c r="Z16186" s="2">
        <v>0</v>
      </c>
      <c r="AA16186" s="5"/>
      <c r="AB16186" s="5" t="s">
        <v>43</v>
      </c>
      <c r="AC16186" s="5" t="s">
        <v>44</v>
      </c>
      <c r="AD16186" s="2"/>
      <c r="AE16186" s="1"/>
    </row>
    <row r="16187" spans="1:31" ht="14.45">
      <c r="A16187" s="11"/>
      <c r="B16187" s="20"/>
      <c r="C16187" s="2" t="s">
        <v>49518</v>
      </c>
      <c r="D16187" s="14" t="s">
        <v>49519</v>
      </c>
      <c r="E16187" s="2" t="s">
        <v>49520</v>
      </c>
      <c r="F16187" s="2" t="s">
        <v>7507</v>
      </c>
      <c r="G16187" s="8">
        <v>298</v>
      </c>
      <c r="H16187" s="5">
        <v>6</v>
      </c>
      <c r="I16187" s="5" t="s">
        <v>1518</v>
      </c>
      <c r="J16187" s="5" t="s">
        <v>40939</v>
      </c>
      <c r="K16187" s="2" t="s">
        <v>40940</v>
      </c>
      <c r="L16187" s="5" t="s">
        <v>40939</v>
      </c>
      <c r="M16187" s="2" t="s">
        <v>40940</v>
      </c>
      <c r="N16187" s="5" t="s">
        <v>19227</v>
      </c>
      <c r="O16187" s="5" t="s">
        <v>38</v>
      </c>
      <c r="P16187" s="5" t="s">
        <v>39</v>
      </c>
      <c r="Q16187" s="5" t="s">
        <v>40</v>
      </c>
      <c r="R16187" s="5" t="s">
        <v>1487</v>
      </c>
      <c r="S16187" s="5"/>
      <c r="T16187" s="5" t="s">
        <v>42</v>
      </c>
      <c r="U16187" s="2">
        <v>0</v>
      </c>
      <c r="V16187" s="2">
        <v>0</v>
      </c>
      <c r="W16187" s="2">
        <v>0</v>
      </c>
      <c r="X16187" s="2">
        <v>0</v>
      </c>
      <c r="Y16187" s="2">
        <v>0</v>
      </c>
      <c r="Z16187" s="2">
        <v>0</v>
      </c>
      <c r="AA16187" s="5"/>
      <c r="AB16187" s="5" t="s">
        <v>43</v>
      </c>
      <c r="AC16187" s="5" t="s">
        <v>44</v>
      </c>
      <c r="AD16187" s="2"/>
      <c r="AE16187" s="1"/>
    </row>
    <row r="16188" spans="1:31" ht="14.45">
      <c r="A16188" s="11"/>
      <c r="B16188" s="20"/>
      <c r="C16188" s="2" t="s">
        <v>49521</v>
      </c>
      <c r="D16188" s="14" t="s">
        <v>49522</v>
      </c>
      <c r="E16188" s="2" t="s">
        <v>49523</v>
      </c>
      <c r="F16188" s="2" t="s">
        <v>7204</v>
      </c>
      <c r="G16188" s="8">
        <v>282</v>
      </c>
      <c r="H16188" s="5">
        <v>6</v>
      </c>
      <c r="I16188" s="5" t="s">
        <v>1518</v>
      </c>
      <c r="J16188" s="5" t="s">
        <v>40939</v>
      </c>
      <c r="K16188" s="2" t="s">
        <v>40940</v>
      </c>
      <c r="L16188" s="5" t="s">
        <v>40939</v>
      </c>
      <c r="M16188" s="2" t="s">
        <v>40940</v>
      </c>
      <c r="N16188" s="5" t="s">
        <v>19227</v>
      </c>
      <c r="O16188" s="5" t="s">
        <v>38</v>
      </c>
      <c r="P16188" s="5" t="s">
        <v>39</v>
      </c>
      <c r="Q16188" s="5" t="s">
        <v>40</v>
      </c>
      <c r="R16188" s="5" t="s">
        <v>1487</v>
      </c>
      <c r="S16188" s="5"/>
      <c r="T16188" s="5" t="s">
        <v>42</v>
      </c>
      <c r="U16188" s="2">
        <v>0</v>
      </c>
      <c r="V16188" s="2">
        <v>0</v>
      </c>
      <c r="W16188" s="2">
        <v>0</v>
      </c>
      <c r="X16188" s="2">
        <v>0</v>
      </c>
      <c r="Y16188" s="2">
        <v>0</v>
      </c>
      <c r="Z16188" s="2">
        <v>0</v>
      </c>
      <c r="AA16188" s="5"/>
      <c r="AB16188" s="5" t="s">
        <v>43</v>
      </c>
      <c r="AC16188" s="5" t="s">
        <v>44</v>
      </c>
      <c r="AD16188" s="2"/>
      <c r="AE16188" s="1"/>
    </row>
    <row r="16189" spans="1:31" ht="14.45">
      <c r="A16189" s="11"/>
      <c r="B16189" s="20"/>
      <c r="C16189" s="2" t="s">
        <v>49524</v>
      </c>
      <c r="D16189" s="14" t="s">
        <v>49525</v>
      </c>
      <c r="E16189" s="2" t="s">
        <v>49526</v>
      </c>
      <c r="F16189" s="2" t="s">
        <v>7514</v>
      </c>
      <c r="G16189" s="8">
        <v>282</v>
      </c>
      <c r="H16189" s="5">
        <v>6</v>
      </c>
      <c r="I16189" s="5" t="s">
        <v>1518</v>
      </c>
      <c r="J16189" s="5" t="s">
        <v>40939</v>
      </c>
      <c r="K16189" s="2" t="s">
        <v>40940</v>
      </c>
      <c r="L16189" s="5" t="s">
        <v>40939</v>
      </c>
      <c r="M16189" s="2" t="s">
        <v>40940</v>
      </c>
      <c r="N16189" s="5" t="s">
        <v>19227</v>
      </c>
      <c r="O16189" s="5" t="s">
        <v>38</v>
      </c>
      <c r="P16189" s="5" t="s">
        <v>39</v>
      </c>
      <c r="Q16189" s="5" t="s">
        <v>40</v>
      </c>
      <c r="R16189" s="5" t="s">
        <v>1487</v>
      </c>
      <c r="S16189" s="5"/>
      <c r="T16189" s="5" t="s">
        <v>42</v>
      </c>
      <c r="U16189" s="2">
        <v>0</v>
      </c>
      <c r="V16189" s="2">
        <v>0</v>
      </c>
      <c r="W16189" s="2">
        <v>0</v>
      </c>
      <c r="X16189" s="2">
        <v>0</v>
      </c>
      <c r="Y16189" s="2">
        <v>0</v>
      </c>
      <c r="Z16189" s="2">
        <v>0</v>
      </c>
      <c r="AA16189" s="5"/>
      <c r="AB16189" s="5" t="s">
        <v>43</v>
      </c>
      <c r="AC16189" s="5" t="s">
        <v>44</v>
      </c>
      <c r="AD16189" s="2"/>
      <c r="AE16189" s="1"/>
    </row>
    <row r="16190" spans="1:31" ht="14.45">
      <c r="A16190" s="11"/>
      <c r="B16190" s="20"/>
      <c r="C16190" s="2" t="s">
        <v>49527</v>
      </c>
      <c r="D16190" s="14" t="s">
        <v>49528</v>
      </c>
      <c r="E16190" s="2" t="s">
        <v>49529</v>
      </c>
      <c r="F16190" s="2" t="s">
        <v>7208</v>
      </c>
      <c r="G16190" s="8">
        <v>282</v>
      </c>
      <c r="H16190" s="5">
        <v>6</v>
      </c>
      <c r="I16190" s="5" t="s">
        <v>1518</v>
      </c>
      <c r="J16190" s="5" t="s">
        <v>40939</v>
      </c>
      <c r="K16190" s="2" t="s">
        <v>40940</v>
      </c>
      <c r="L16190" s="5" t="s">
        <v>40939</v>
      </c>
      <c r="M16190" s="2" t="s">
        <v>40940</v>
      </c>
      <c r="N16190" s="5" t="s">
        <v>19227</v>
      </c>
      <c r="O16190" s="5" t="s">
        <v>38</v>
      </c>
      <c r="P16190" s="5" t="s">
        <v>39</v>
      </c>
      <c r="Q16190" s="5" t="s">
        <v>40</v>
      </c>
      <c r="R16190" s="5" t="s">
        <v>1487</v>
      </c>
      <c r="S16190" s="5"/>
      <c r="T16190" s="5" t="s">
        <v>42</v>
      </c>
      <c r="U16190" s="2">
        <v>0</v>
      </c>
      <c r="V16190" s="2">
        <v>0</v>
      </c>
      <c r="W16190" s="2">
        <v>0</v>
      </c>
      <c r="X16190" s="2">
        <v>0</v>
      </c>
      <c r="Y16190" s="2">
        <v>0</v>
      </c>
      <c r="Z16190" s="2">
        <v>0</v>
      </c>
      <c r="AA16190" s="5"/>
      <c r="AB16190" s="5" t="s">
        <v>43</v>
      </c>
      <c r="AC16190" s="5" t="s">
        <v>44</v>
      </c>
      <c r="AD16190" s="2"/>
      <c r="AE16190" s="1"/>
    </row>
    <row r="16191" spans="1:31" ht="14.45">
      <c r="A16191" s="11"/>
      <c r="B16191" s="20"/>
      <c r="C16191" s="2" t="s">
        <v>49530</v>
      </c>
      <c r="D16191" s="14" t="s">
        <v>49531</v>
      </c>
      <c r="E16191" s="2" t="s">
        <v>49532</v>
      </c>
      <c r="F16191" s="2" t="s">
        <v>7521</v>
      </c>
      <c r="G16191" s="8">
        <v>282</v>
      </c>
      <c r="H16191" s="5">
        <v>6</v>
      </c>
      <c r="I16191" s="5" t="s">
        <v>1518</v>
      </c>
      <c r="J16191" s="5" t="s">
        <v>40939</v>
      </c>
      <c r="K16191" s="2" t="s">
        <v>40940</v>
      </c>
      <c r="L16191" s="5" t="s">
        <v>40939</v>
      </c>
      <c r="M16191" s="2" t="s">
        <v>40940</v>
      </c>
      <c r="N16191" s="5" t="s">
        <v>19227</v>
      </c>
      <c r="O16191" s="5" t="s">
        <v>38</v>
      </c>
      <c r="P16191" s="5" t="s">
        <v>39</v>
      </c>
      <c r="Q16191" s="5" t="s">
        <v>40</v>
      </c>
      <c r="R16191" s="5" t="s">
        <v>1487</v>
      </c>
      <c r="S16191" s="5"/>
      <c r="T16191" s="5" t="s">
        <v>42</v>
      </c>
      <c r="U16191" s="2">
        <v>0</v>
      </c>
      <c r="V16191" s="2">
        <v>0</v>
      </c>
      <c r="W16191" s="2">
        <v>0</v>
      </c>
      <c r="X16191" s="2">
        <v>0</v>
      </c>
      <c r="Y16191" s="2">
        <v>0</v>
      </c>
      <c r="Z16191" s="2">
        <v>0</v>
      </c>
      <c r="AA16191" s="5"/>
      <c r="AB16191" s="5" t="s">
        <v>43</v>
      </c>
      <c r="AC16191" s="5" t="s">
        <v>44</v>
      </c>
      <c r="AD16191" s="2"/>
      <c r="AE16191" s="1"/>
    </row>
    <row r="16192" spans="1:31" ht="14.45">
      <c r="A16192" s="11"/>
      <c r="B16192" s="20"/>
      <c r="C16192" s="2" t="s">
        <v>49533</v>
      </c>
      <c r="D16192" s="14" t="s">
        <v>49534</v>
      </c>
      <c r="E16192" s="2" t="s">
        <v>49535</v>
      </c>
      <c r="F16192" s="2" t="s">
        <v>36273</v>
      </c>
      <c r="G16192" s="8">
        <v>282</v>
      </c>
      <c r="H16192" s="5">
        <v>6</v>
      </c>
      <c r="I16192" s="5" t="s">
        <v>1518</v>
      </c>
      <c r="J16192" s="5" t="s">
        <v>40939</v>
      </c>
      <c r="K16192" s="2" t="s">
        <v>40940</v>
      </c>
      <c r="L16192" s="5" t="s">
        <v>40939</v>
      </c>
      <c r="M16192" s="2" t="s">
        <v>40940</v>
      </c>
      <c r="N16192" s="5" t="s">
        <v>19227</v>
      </c>
      <c r="O16192" s="5" t="s">
        <v>38</v>
      </c>
      <c r="P16192" s="5" t="s">
        <v>39</v>
      </c>
      <c r="Q16192" s="5" t="s">
        <v>40</v>
      </c>
      <c r="R16192" s="5" t="s">
        <v>1487</v>
      </c>
      <c r="S16192" s="5"/>
      <c r="T16192" s="5" t="s">
        <v>42</v>
      </c>
      <c r="U16192" s="2">
        <v>0</v>
      </c>
      <c r="V16192" s="2">
        <v>0</v>
      </c>
      <c r="W16192" s="2">
        <v>0</v>
      </c>
      <c r="X16192" s="2">
        <v>0</v>
      </c>
      <c r="Y16192" s="2">
        <v>0</v>
      </c>
      <c r="Z16192" s="2">
        <v>0</v>
      </c>
      <c r="AA16192" s="5"/>
      <c r="AB16192" s="5" t="s">
        <v>43</v>
      </c>
      <c r="AC16192" s="5" t="s">
        <v>44</v>
      </c>
      <c r="AD16192" s="2"/>
      <c r="AE16192" s="1"/>
    </row>
    <row r="16193" spans="1:31" ht="14.45">
      <c r="A16193" s="11"/>
      <c r="B16193" s="20"/>
      <c r="C16193" s="2" t="s">
        <v>49536</v>
      </c>
      <c r="D16193" s="14" t="s">
        <v>49537</v>
      </c>
      <c r="E16193" s="2" t="s">
        <v>49538</v>
      </c>
      <c r="F16193" s="2" t="s">
        <v>36277</v>
      </c>
      <c r="G16193" s="8">
        <v>282</v>
      </c>
      <c r="H16193" s="5">
        <v>6</v>
      </c>
      <c r="I16193" s="5" t="s">
        <v>1518</v>
      </c>
      <c r="J16193" s="5" t="s">
        <v>40939</v>
      </c>
      <c r="K16193" s="2" t="s">
        <v>40940</v>
      </c>
      <c r="L16193" s="5" t="s">
        <v>40939</v>
      </c>
      <c r="M16193" s="2" t="s">
        <v>40940</v>
      </c>
      <c r="N16193" s="5" t="s">
        <v>19227</v>
      </c>
      <c r="O16193" s="5" t="s">
        <v>38</v>
      </c>
      <c r="P16193" s="5" t="s">
        <v>39</v>
      </c>
      <c r="Q16193" s="5" t="s">
        <v>40</v>
      </c>
      <c r="R16193" s="5" t="s">
        <v>1487</v>
      </c>
      <c r="S16193" s="5"/>
      <c r="T16193" s="5" t="s">
        <v>42</v>
      </c>
      <c r="U16193" s="2">
        <v>0</v>
      </c>
      <c r="V16193" s="2">
        <v>0</v>
      </c>
      <c r="W16193" s="2">
        <v>0</v>
      </c>
      <c r="X16193" s="2">
        <v>0</v>
      </c>
      <c r="Y16193" s="2">
        <v>0</v>
      </c>
      <c r="Z16193" s="2">
        <v>0</v>
      </c>
      <c r="AA16193" s="5"/>
      <c r="AB16193" s="5" t="s">
        <v>43</v>
      </c>
      <c r="AC16193" s="5" t="s">
        <v>44</v>
      </c>
      <c r="AD16193" s="2"/>
      <c r="AE16193" s="1"/>
    </row>
    <row r="16194" spans="1:31" ht="14.45">
      <c r="A16194" s="11"/>
      <c r="B16194" s="20"/>
      <c r="C16194" s="2" t="s">
        <v>49539</v>
      </c>
      <c r="D16194" s="14" t="s">
        <v>49540</v>
      </c>
      <c r="E16194" s="2" t="s">
        <v>49541</v>
      </c>
      <c r="F16194" s="2" t="s">
        <v>7396</v>
      </c>
      <c r="G16194" s="8">
        <v>282</v>
      </c>
      <c r="H16194" s="5">
        <v>6</v>
      </c>
      <c r="I16194" s="5" t="s">
        <v>1518</v>
      </c>
      <c r="J16194" s="5" t="s">
        <v>40939</v>
      </c>
      <c r="K16194" s="2" t="s">
        <v>40940</v>
      </c>
      <c r="L16194" s="5" t="s">
        <v>40939</v>
      </c>
      <c r="M16194" s="2" t="s">
        <v>40940</v>
      </c>
      <c r="N16194" s="5" t="s">
        <v>19227</v>
      </c>
      <c r="O16194" s="5" t="s">
        <v>38</v>
      </c>
      <c r="P16194" s="5" t="s">
        <v>39</v>
      </c>
      <c r="Q16194" s="5" t="s">
        <v>40</v>
      </c>
      <c r="R16194" s="5" t="s">
        <v>1487</v>
      </c>
      <c r="S16194" s="5"/>
      <c r="T16194" s="5" t="s">
        <v>42</v>
      </c>
      <c r="U16194" s="2">
        <v>0</v>
      </c>
      <c r="V16194" s="2">
        <v>0</v>
      </c>
      <c r="W16194" s="2">
        <v>0</v>
      </c>
      <c r="X16194" s="2">
        <v>0</v>
      </c>
      <c r="Y16194" s="2">
        <v>0</v>
      </c>
      <c r="Z16194" s="2">
        <v>0</v>
      </c>
      <c r="AA16194" s="5"/>
      <c r="AB16194" s="5" t="s">
        <v>43</v>
      </c>
      <c r="AC16194" s="5" t="s">
        <v>44</v>
      </c>
      <c r="AD16194" s="2"/>
      <c r="AE16194" s="1"/>
    </row>
    <row r="16195" spans="1:31" ht="14.45">
      <c r="A16195" s="11"/>
      <c r="B16195" s="20"/>
      <c r="C16195" s="2" t="s">
        <v>49542</v>
      </c>
      <c r="D16195" s="14" t="s">
        <v>49543</v>
      </c>
      <c r="E16195" s="2" t="s">
        <v>49544</v>
      </c>
      <c r="F16195" s="2" t="s">
        <v>7507</v>
      </c>
      <c r="G16195" s="8">
        <v>282</v>
      </c>
      <c r="H16195" s="5">
        <v>6</v>
      </c>
      <c r="I16195" s="5" t="s">
        <v>1518</v>
      </c>
      <c r="J16195" s="5" t="s">
        <v>40939</v>
      </c>
      <c r="K16195" s="2" t="s">
        <v>40940</v>
      </c>
      <c r="L16195" s="5" t="s">
        <v>40939</v>
      </c>
      <c r="M16195" s="2" t="s">
        <v>40940</v>
      </c>
      <c r="N16195" s="5" t="s">
        <v>19227</v>
      </c>
      <c r="O16195" s="5" t="s">
        <v>38</v>
      </c>
      <c r="P16195" s="5" t="s">
        <v>39</v>
      </c>
      <c r="Q16195" s="5" t="s">
        <v>40</v>
      </c>
      <c r="R16195" s="5" t="s">
        <v>1487</v>
      </c>
      <c r="S16195" s="5"/>
      <c r="T16195" s="5" t="s">
        <v>42</v>
      </c>
      <c r="U16195" s="2">
        <v>0</v>
      </c>
      <c r="V16195" s="2">
        <v>0</v>
      </c>
      <c r="W16195" s="2">
        <v>0</v>
      </c>
      <c r="X16195" s="2">
        <v>0</v>
      </c>
      <c r="Y16195" s="2">
        <v>0</v>
      </c>
      <c r="Z16195" s="2">
        <v>0</v>
      </c>
      <c r="AA16195" s="5"/>
      <c r="AB16195" s="5" t="s">
        <v>43</v>
      </c>
      <c r="AC16195" s="5" t="s">
        <v>44</v>
      </c>
      <c r="AD16195" s="2"/>
      <c r="AE16195" s="1"/>
    </row>
    <row r="16196" spans="1:31" ht="14.45">
      <c r="A16196" s="11"/>
      <c r="B16196" s="20"/>
      <c r="C16196" s="2" t="s">
        <v>49545</v>
      </c>
      <c r="D16196" s="14" t="s">
        <v>49546</v>
      </c>
      <c r="E16196" s="2" t="s">
        <v>49547</v>
      </c>
      <c r="F16196" s="2" t="s">
        <v>7204</v>
      </c>
      <c r="G16196" s="8">
        <v>296</v>
      </c>
      <c r="H16196" s="5">
        <v>6</v>
      </c>
      <c r="I16196" s="5" t="s">
        <v>1518</v>
      </c>
      <c r="J16196" s="5" t="s">
        <v>40939</v>
      </c>
      <c r="K16196" s="2" t="s">
        <v>40940</v>
      </c>
      <c r="L16196" s="5" t="s">
        <v>40939</v>
      </c>
      <c r="M16196" s="2" t="s">
        <v>40940</v>
      </c>
      <c r="N16196" s="5" t="s">
        <v>19227</v>
      </c>
      <c r="O16196" s="5" t="s">
        <v>38</v>
      </c>
      <c r="P16196" s="5" t="s">
        <v>39</v>
      </c>
      <c r="Q16196" s="5" t="s">
        <v>40</v>
      </c>
      <c r="R16196" s="5" t="s">
        <v>1487</v>
      </c>
      <c r="S16196" s="5"/>
      <c r="T16196" s="5" t="s">
        <v>42</v>
      </c>
      <c r="U16196" s="2">
        <v>0</v>
      </c>
      <c r="V16196" s="2">
        <v>0</v>
      </c>
      <c r="W16196" s="2">
        <v>0</v>
      </c>
      <c r="X16196" s="2">
        <v>0</v>
      </c>
      <c r="Y16196" s="2">
        <v>0</v>
      </c>
      <c r="Z16196" s="2">
        <v>0</v>
      </c>
      <c r="AA16196" s="5"/>
      <c r="AB16196" s="5" t="s">
        <v>43</v>
      </c>
      <c r="AC16196" s="5" t="s">
        <v>44</v>
      </c>
      <c r="AD16196" s="2"/>
      <c r="AE16196" s="1"/>
    </row>
    <row r="16197" spans="1:31" ht="14.45">
      <c r="A16197" s="11"/>
      <c r="B16197" s="20"/>
      <c r="C16197" s="2" t="s">
        <v>49548</v>
      </c>
      <c r="D16197" s="14" t="s">
        <v>49549</v>
      </c>
      <c r="E16197" s="2" t="s">
        <v>49550</v>
      </c>
      <c r="F16197" s="2" t="s">
        <v>7514</v>
      </c>
      <c r="G16197" s="8">
        <v>296</v>
      </c>
      <c r="H16197" s="5">
        <v>6</v>
      </c>
      <c r="I16197" s="5" t="s">
        <v>1518</v>
      </c>
      <c r="J16197" s="5" t="s">
        <v>40939</v>
      </c>
      <c r="K16197" s="2" t="s">
        <v>40940</v>
      </c>
      <c r="L16197" s="5" t="s">
        <v>40939</v>
      </c>
      <c r="M16197" s="2" t="s">
        <v>40940</v>
      </c>
      <c r="N16197" s="5" t="s">
        <v>19227</v>
      </c>
      <c r="O16197" s="5" t="s">
        <v>38</v>
      </c>
      <c r="P16197" s="5" t="s">
        <v>39</v>
      </c>
      <c r="Q16197" s="5" t="s">
        <v>40</v>
      </c>
      <c r="R16197" s="5" t="s">
        <v>1487</v>
      </c>
      <c r="S16197" s="5"/>
      <c r="T16197" s="5" t="s">
        <v>42</v>
      </c>
      <c r="U16197" s="2">
        <v>0</v>
      </c>
      <c r="V16197" s="2">
        <v>0</v>
      </c>
      <c r="W16197" s="2">
        <v>0</v>
      </c>
      <c r="X16197" s="2">
        <v>0</v>
      </c>
      <c r="Y16197" s="2">
        <v>0</v>
      </c>
      <c r="Z16197" s="2">
        <v>0</v>
      </c>
      <c r="AA16197" s="5"/>
      <c r="AB16197" s="5" t="s">
        <v>43</v>
      </c>
      <c r="AC16197" s="5" t="s">
        <v>44</v>
      </c>
      <c r="AD16197" s="2"/>
      <c r="AE16197" s="1"/>
    </row>
    <row r="16198" spans="1:31" ht="14.45">
      <c r="A16198" s="11"/>
      <c r="B16198" s="20"/>
      <c r="C16198" s="2" t="s">
        <v>49551</v>
      </c>
      <c r="D16198" s="14" t="s">
        <v>49552</v>
      </c>
      <c r="E16198" s="2" t="s">
        <v>49553</v>
      </c>
      <c r="F16198" s="2" t="s">
        <v>7208</v>
      </c>
      <c r="G16198" s="8">
        <v>296</v>
      </c>
      <c r="H16198" s="5">
        <v>6</v>
      </c>
      <c r="I16198" s="5" t="s">
        <v>1518</v>
      </c>
      <c r="J16198" s="5" t="s">
        <v>40939</v>
      </c>
      <c r="K16198" s="2" t="s">
        <v>40940</v>
      </c>
      <c r="L16198" s="5" t="s">
        <v>40939</v>
      </c>
      <c r="M16198" s="2" t="s">
        <v>40940</v>
      </c>
      <c r="N16198" s="5" t="s">
        <v>19227</v>
      </c>
      <c r="O16198" s="5" t="s">
        <v>38</v>
      </c>
      <c r="P16198" s="5" t="s">
        <v>39</v>
      </c>
      <c r="Q16198" s="5" t="s">
        <v>40</v>
      </c>
      <c r="R16198" s="5" t="s">
        <v>1487</v>
      </c>
      <c r="S16198" s="5"/>
      <c r="T16198" s="5" t="s">
        <v>42</v>
      </c>
      <c r="U16198" s="2">
        <v>0</v>
      </c>
      <c r="V16198" s="2">
        <v>0</v>
      </c>
      <c r="W16198" s="2">
        <v>0</v>
      </c>
      <c r="X16198" s="2">
        <v>0</v>
      </c>
      <c r="Y16198" s="2">
        <v>0</v>
      </c>
      <c r="Z16198" s="2">
        <v>0</v>
      </c>
      <c r="AA16198" s="5"/>
      <c r="AB16198" s="5" t="s">
        <v>43</v>
      </c>
      <c r="AC16198" s="5" t="s">
        <v>44</v>
      </c>
      <c r="AD16198" s="2"/>
      <c r="AE16198" s="1"/>
    </row>
    <row r="16199" spans="1:31" ht="14.45">
      <c r="A16199" s="11"/>
      <c r="B16199" s="20"/>
      <c r="C16199" s="2" t="s">
        <v>49554</v>
      </c>
      <c r="D16199" s="14" t="s">
        <v>49555</v>
      </c>
      <c r="E16199" s="2" t="s">
        <v>49556</v>
      </c>
      <c r="F16199" s="2" t="s">
        <v>7521</v>
      </c>
      <c r="G16199" s="8">
        <v>296</v>
      </c>
      <c r="H16199" s="5">
        <v>6</v>
      </c>
      <c r="I16199" s="5" t="s">
        <v>1518</v>
      </c>
      <c r="J16199" s="5" t="s">
        <v>40939</v>
      </c>
      <c r="K16199" s="2" t="s">
        <v>40940</v>
      </c>
      <c r="L16199" s="5" t="s">
        <v>40939</v>
      </c>
      <c r="M16199" s="2" t="s">
        <v>40940</v>
      </c>
      <c r="N16199" s="5" t="s">
        <v>19227</v>
      </c>
      <c r="O16199" s="5" t="s">
        <v>38</v>
      </c>
      <c r="P16199" s="5" t="s">
        <v>39</v>
      </c>
      <c r="Q16199" s="5" t="s">
        <v>40</v>
      </c>
      <c r="R16199" s="5" t="s">
        <v>1487</v>
      </c>
      <c r="S16199" s="5"/>
      <c r="T16199" s="5" t="s">
        <v>42</v>
      </c>
      <c r="U16199" s="2">
        <v>0</v>
      </c>
      <c r="V16199" s="2">
        <v>0</v>
      </c>
      <c r="W16199" s="2">
        <v>0</v>
      </c>
      <c r="X16199" s="2">
        <v>0</v>
      </c>
      <c r="Y16199" s="2">
        <v>0</v>
      </c>
      <c r="Z16199" s="2">
        <v>0</v>
      </c>
      <c r="AA16199" s="5"/>
      <c r="AB16199" s="5" t="s">
        <v>43</v>
      </c>
      <c r="AC16199" s="5" t="s">
        <v>44</v>
      </c>
      <c r="AD16199" s="2"/>
      <c r="AE16199" s="1"/>
    </row>
    <row r="16200" spans="1:31" ht="14.45">
      <c r="A16200" s="11"/>
      <c r="B16200" s="20"/>
      <c r="C16200" s="2" t="s">
        <v>49557</v>
      </c>
      <c r="D16200" s="14" t="s">
        <v>49558</v>
      </c>
      <c r="E16200" s="2" t="s">
        <v>49559</v>
      </c>
      <c r="F16200" s="2" t="s">
        <v>36273</v>
      </c>
      <c r="G16200" s="8">
        <v>296</v>
      </c>
      <c r="H16200" s="5">
        <v>6</v>
      </c>
      <c r="I16200" s="5" t="s">
        <v>1518</v>
      </c>
      <c r="J16200" s="5" t="s">
        <v>40939</v>
      </c>
      <c r="K16200" s="2" t="s">
        <v>40940</v>
      </c>
      <c r="L16200" s="5" t="s">
        <v>40939</v>
      </c>
      <c r="M16200" s="2" t="s">
        <v>40940</v>
      </c>
      <c r="N16200" s="5" t="s">
        <v>19227</v>
      </c>
      <c r="O16200" s="5" t="s">
        <v>38</v>
      </c>
      <c r="P16200" s="5" t="s">
        <v>39</v>
      </c>
      <c r="Q16200" s="5" t="s">
        <v>40</v>
      </c>
      <c r="R16200" s="5" t="s">
        <v>1487</v>
      </c>
      <c r="S16200" s="5"/>
      <c r="T16200" s="5" t="s">
        <v>42</v>
      </c>
      <c r="U16200" s="2">
        <v>0</v>
      </c>
      <c r="V16200" s="2">
        <v>0</v>
      </c>
      <c r="W16200" s="2">
        <v>0</v>
      </c>
      <c r="X16200" s="2">
        <v>0</v>
      </c>
      <c r="Y16200" s="2">
        <v>0</v>
      </c>
      <c r="Z16200" s="2">
        <v>0</v>
      </c>
      <c r="AA16200" s="5"/>
      <c r="AB16200" s="5" t="s">
        <v>43</v>
      </c>
      <c r="AC16200" s="5" t="s">
        <v>44</v>
      </c>
      <c r="AD16200" s="2"/>
      <c r="AE16200" s="1"/>
    </row>
    <row r="16201" spans="1:31" ht="14.45">
      <c r="A16201" s="11"/>
      <c r="B16201" s="20"/>
      <c r="C16201" s="2" t="s">
        <v>49560</v>
      </c>
      <c r="D16201" s="14" t="s">
        <v>49561</v>
      </c>
      <c r="E16201" s="2" t="s">
        <v>49562</v>
      </c>
      <c r="F16201" s="2" t="s">
        <v>36277</v>
      </c>
      <c r="G16201" s="8">
        <v>296</v>
      </c>
      <c r="H16201" s="5">
        <v>6</v>
      </c>
      <c r="I16201" s="5" t="s">
        <v>1518</v>
      </c>
      <c r="J16201" s="5" t="s">
        <v>40939</v>
      </c>
      <c r="K16201" s="2" t="s">
        <v>40940</v>
      </c>
      <c r="L16201" s="5" t="s">
        <v>40939</v>
      </c>
      <c r="M16201" s="2" t="s">
        <v>40940</v>
      </c>
      <c r="N16201" s="5" t="s">
        <v>19227</v>
      </c>
      <c r="O16201" s="5" t="s">
        <v>38</v>
      </c>
      <c r="P16201" s="5" t="s">
        <v>39</v>
      </c>
      <c r="Q16201" s="5" t="s">
        <v>40</v>
      </c>
      <c r="R16201" s="5" t="s">
        <v>1487</v>
      </c>
      <c r="S16201" s="5"/>
      <c r="T16201" s="5" t="s">
        <v>42</v>
      </c>
      <c r="U16201" s="2">
        <v>0</v>
      </c>
      <c r="V16201" s="2">
        <v>0</v>
      </c>
      <c r="W16201" s="2">
        <v>0</v>
      </c>
      <c r="X16201" s="2">
        <v>0</v>
      </c>
      <c r="Y16201" s="2">
        <v>0</v>
      </c>
      <c r="Z16201" s="2">
        <v>0</v>
      </c>
      <c r="AA16201" s="5"/>
      <c r="AB16201" s="5" t="s">
        <v>43</v>
      </c>
      <c r="AC16201" s="5" t="s">
        <v>44</v>
      </c>
      <c r="AD16201" s="2"/>
      <c r="AE16201" s="1"/>
    </row>
    <row r="16202" spans="1:31" ht="14.45">
      <c r="A16202" s="11"/>
      <c r="B16202" s="20"/>
      <c r="C16202" s="2" t="s">
        <v>49563</v>
      </c>
      <c r="D16202" s="14" t="s">
        <v>49564</v>
      </c>
      <c r="E16202" s="2" t="s">
        <v>49565</v>
      </c>
      <c r="F16202" s="2" t="s">
        <v>7396</v>
      </c>
      <c r="G16202" s="8">
        <v>296</v>
      </c>
      <c r="H16202" s="5">
        <v>6</v>
      </c>
      <c r="I16202" s="5" t="s">
        <v>1518</v>
      </c>
      <c r="J16202" s="5" t="s">
        <v>40939</v>
      </c>
      <c r="K16202" s="2" t="s">
        <v>40940</v>
      </c>
      <c r="L16202" s="5" t="s">
        <v>40939</v>
      </c>
      <c r="M16202" s="2" t="s">
        <v>40940</v>
      </c>
      <c r="N16202" s="5" t="s">
        <v>19227</v>
      </c>
      <c r="O16202" s="5" t="s">
        <v>38</v>
      </c>
      <c r="P16202" s="5" t="s">
        <v>39</v>
      </c>
      <c r="Q16202" s="5" t="s">
        <v>40</v>
      </c>
      <c r="R16202" s="5" t="s">
        <v>1487</v>
      </c>
      <c r="S16202" s="5"/>
      <c r="T16202" s="5" t="s">
        <v>42</v>
      </c>
      <c r="U16202" s="2">
        <v>0</v>
      </c>
      <c r="V16202" s="2">
        <v>0</v>
      </c>
      <c r="W16202" s="2">
        <v>0</v>
      </c>
      <c r="X16202" s="2">
        <v>0</v>
      </c>
      <c r="Y16202" s="2">
        <v>0</v>
      </c>
      <c r="Z16202" s="2">
        <v>0</v>
      </c>
      <c r="AA16202" s="5"/>
      <c r="AB16202" s="5" t="s">
        <v>43</v>
      </c>
      <c r="AC16202" s="5" t="s">
        <v>44</v>
      </c>
      <c r="AD16202" s="2"/>
      <c r="AE16202" s="1"/>
    </row>
    <row r="16203" spans="1:31" ht="14.45">
      <c r="A16203" s="11"/>
      <c r="B16203" s="20"/>
      <c r="C16203" s="2" t="s">
        <v>49566</v>
      </c>
      <c r="D16203" s="14" t="s">
        <v>49567</v>
      </c>
      <c r="E16203" s="2" t="s">
        <v>49568</v>
      </c>
      <c r="F16203" s="2" t="s">
        <v>7507</v>
      </c>
      <c r="G16203" s="8">
        <v>296</v>
      </c>
      <c r="H16203" s="5">
        <v>6</v>
      </c>
      <c r="I16203" s="5" t="s">
        <v>1518</v>
      </c>
      <c r="J16203" s="5" t="s">
        <v>40939</v>
      </c>
      <c r="K16203" s="2" t="s">
        <v>40940</v>
      </c>
      <c r="L16203" s="5" t="s">
        <v>40939</v>
      </c>
      <c r="M16203" s="2" t="s">
        <v>40940</v>
      </c>
      <c r="N16203" s="5" t="s">
        <v>19227</v>
      </c>
      <c r="O16203" s="5" t="s">
        <v>38</v>
      </c>
      <c r="P16203" s="5" t="s">
        <v>39</v>
      </c>
      <c r="Q16203" s="5" t="s">
        <v>40</v>
      </c>
      <c r="R16203" s="5" t="s">
        <v>1487</v>
      </c>
      <c r="S16203" s="5"/>
      <c r="T16203" s="5" t="s">
        <v>42</v>
      </c>
      <c r="U16203" s="2">
        <v>0</v>
      </c>
      <c r="V16203" s="2">
        <v>0</v>
      </c>
      <c r="W16203" s="2">
        <v>0</v>
      </c>
      <c r="X16203" s="2">
        <v>0</v>
      </c>
      <c r="Y16203" s="2">
        <v>0</v>
      </c>
      <c r="Z16203" s="2">
        <v>0</v>
      </c>
      <c r="AA16203" s="5"/>
      <c r="AB16203" s="5" t="s">
        <v>43</v>
      </c>
      <c r="AC16203" s="5" t="s">
        <v>44</v>
      </c>
      <c r="AD16203" s="2"/>
      <c r="AE16203" s="1"/>
    </row>
    <row r="16204" spans="1:31" ht="14.45">
      <c r="A16204" s="11"/>
      <c r="B16204" s="20"/>
      <c r="C16204" s="2" t="s">
        <v>49569</v>
      </c>
      <c r="D16204" s="14" t="s">
        <v>49570</v>
      </c>
      <c r="E16204" s="2" t="s">
        <v>49571</v>
      </c>
      <c r="F16204" s="2" t="s">
        <v>7204</v>
      </c>
      <c r="G16204" s="8">
        <v>315</v>
      </c>
      <c r="H16204" s="5">
        <v>6</v>
      </c>
      <c r="I16204" s="5" t="s">
        <v>1518</v>
      </c>
      <c r="J16204" s="5" t="s">
        <v>40939</v>
      </c>
      <c r="K16204" s="2" t="s">
        <v>40940</v>
      </c>
      <c r="L16204" s="5" t="s">
        <v>40939</v>
      </c>
      <c r="M16204" s="2" t="s">
        <v>40940</v>
      </c>
      <c r="N16204" s="5" t="s">
        <v>19227</v>
      </c>
      <c r="O16204" s="5" t="s">
        <v>38</v>
      </c>
      <c r="P16204" s="5" t="s">
        <v>39</v>
      </c>
      <c r="Q16204" s="5" t="s">
        <v>40</v>
      </c>
      <c r="R16204" s="5" t="s">
        <v>1487</v>
      </c>
      <c r="S16204" s="5"/>
      <c r="T16204" s="5" t="s">
        <v>42</v>
      </c>
      <c r="U16204" s="2">
        <v>0</v>
      </c>
      <c r="V16204" s="2">
        <v>0</v>
      </c>
      <c r="W16204" s="2">
        <v>0</v>
      </c>
      <c r="X16204" s="2">
        <v>0</v>
      </c>
      <c r="Y16204" s="2">
        <v>0</v>
      </c>
      <c r="Z16204" s="2">
        <v>0</v>
      </c>
      <c r="AA16204" s="5"/>
      <c r="AB16204" s="5" t="s">
        <v>43</v>
      </c>
      <c r="AC16204" s="5" t="s">
        <v>44</v>
      </c>
      <c r="AD16204" s="2"/>
      <c r="AE16204" s="1"/>
    </row>
    <row r="16205" spans="1:31" ht="14.45">
      <c r="A16205" s="11"/>
      <c r="B16205" s="20"/>
      <c r="C16205" s="2" t="s">
        <v>49572</v>
      </c>
      <c r="D16205" s="14" t="s">
        <v>49573</v>
      </c>
      <c r="E16205" s="2" t="s">
        <v>49574</v>
      </c>
      <c r="F16205" s="2" t="s">
        <v>7514</v>
      </c>
      <c r="G16205" s="8">
        <v>315</v>
      </c>
      <c r="H16205" s="5">
        <v>6</v>
      </c>
      <c r="I16205" s="5" t="s">
        <v>1518</v>
      </c>
      <c r="J16205" s="5" t="s">
        <v>40939</v>
      </c>
      <c r="K16205" s="2" t="s">
        <v>40940</v>
      </c>
      <c r="L16205" s="5" t="s">
        <v>40939</v>
      </c>
      <c r="M16205" s="2" t="s">
        <v>40940</v>
      </c>
      <c r="N16205" s="5" t="s">
        <v>19227</v>
      </c>
      <c r="O16205" s="5" t="s">
        <v>38</v>
      </c>
      <c r="P16205" s="5" t="s">
        <v>39</v>
      </c>
      <c r="Q16205" s="5" t="s">
        <v>40</v>
      </c>
      <c r="R16205" s="5" t="s">
        <v>1487</v>
      </c>
      <c r="S16205" s="5"/>
      <c r="T16205" s="5" t="s">
        <v>42</v>
      </c>
      <c r="U16205" s="2">
        <v>0</v>
      </c>
      <c r="V16205" s="2">
        <v>0</v>
      </c>
      <c r="W16205" s="2">
        <v>0</v>
      </c>
      <c r="X16205" s="2">
        <v>0</v>
      </c>
      <c r="Y16205" s="2">
        <v>0</v>
      </c>
      <c r="Z16205" s="2">
        <v>0</v>
      </c>
      <c r="AA16205" s="5"/>
      <c r="AB16205" s="5" t="s">
        <v>43</v>
      </c>
      <c r="AC16205" s="5" t="s">
        <v>44</v>
      </c>
      <c r="AD16205" s="2"/>
      <c r="AE16205" s="1"/>
    </row>
    <row r="16206" spans="1:31" ht="14.45">
      <c r="A16206" s="11"/>
      <c r="B16206" s="20"/>
      <c r="C16206" s="2" t="s">
        <v>49575</v>
      </c>
      <c r="D16206" s="14" t="s">
        <v>49576</v>
      </c>
      <c r="E16206" s="2" t="s">
        <v>49577</v>
      </c>
      <c r="F16206" s="2" t="s">
        <v>7208</v>
      </c>
      <c r="G16206" s="8">
        <v>315</v>
      </c>
      <c r="H16206" s="5">
        <v>6</v>
      </c>
      <c r="I16206" s="5" t="s">
        <v>1518</v>
      </c>
      <c r="J16206" s="5" t="s">
        <v>40939</v>
      </c>
      <c r="K16206" s="2" t="s">
        <v>40940</v>
      </c>
      <c r="L16206" s="5" t="s">
        <v>40939</v>
      </c>
      <c r="M16206" s="2" t="s">
        <v>40940</v>
      </c>
      <c r="N16206" s="5" t="s">
        <v>19227</v>
      </c>
      <c r="O16206" s="5" t="s">
        <v>38</v>
      </c>
      <c r="P16206" s="5" t="s">
        <v>39</v>
      </c>
      <c r="Q16206" s="5" t="s">
        <v>40</v>
      </c>
      <c r="R16206" s="5" t="s">
        <v>1487</v>
      </c>
      <c r="S16206" s="5"/>
      <c r="T16206" s="5" t="s">
        <v>42</v>
      </c>
      <c r="U16206" s="2">
        <v>0</v>
      </c>
      <c r="V16206" s="2">
        <v>0</v>
      </c>
      <c r="W16206" s="2">
        <v>0</v>
      </c>
      <c r="X16206" s="2">
        <v>0</v>
      </c>
      <c r="Y16206" s="2">
        <v>0</v>
      </c>
      <c r="Z16206" s="2">
        <v>0</v>
      </c>
      <c r="AA16206" s="5"/>
      <c r="AB16206" s="5" t="s">
        <v>43</v>
      </c>
      <c r="AC16206" s="5" t="s">
        <v>44</v>
      </c>
      <c r="AD16206" s="2"/>
      <c r="AE16206" s="1"/>
    </row>
    <row r="16207" spans="1:31" ht="14.45">
      <c r="A16207" s="11"/>
      <c r="B16207" s="20"/>
      <c r="C16207" s="2" t="s">
        <v>49578</v>
      </c>
      <c r="D16207" s="14" t="s">
        <v>49579</v>
      </c>
      <c r="E16207" s="2" t="s">
        <v>49580</v>
      </c>
      <c r="F16207" s="2" t="s">
        <v>7521</v>
      </c>
      <c r="G16207" s="8">
        <v>315</v>
      </c>
      <c r="H16207" s="5">
        <v>6</v>
      </c>
      <c r="I16207" s="5" t="s">
        <v>1518</v>
      </c>
      <c r="J16207" s="5" t="s">
        <v>40939</v>
      </c>
      <c r="K16207" s="2" t="s">
        <v>40940</v>
      </c>
      <c r="L16207" s="5" t="s">
        <v>40939</v>
      </c>
      <c r="M16207" s="2" t="s">
        <v>40940</v>
      </c>
      <c r="N16207" s="5" t="s">
        <v>19227</v>
      </c>
      <c r="O16207" s="5" t="s">
        <v>38</v>
      </c>
      <c r="P16207" s="5" t="s">
        <v>39</v>
      </c>
      <c r="Q16207" s="5" t="s">
        <v>40</v>
      </c>
      <c r="R16207" s="5" t="s">
        <v>1487</v>
      </c>
      <c r="S16207" s="5"/>
      <c r="T16207" s="5" t="s">
        <v>42</v>
      </c>
      <c r="U16207" s="2">
        <v>0</v>
      </c>
      <c r="V16207" s="2">
        <v>0</v>
      </c>
      <c r="W16207" s="2">
        <v>0</v>
      </c>
      <c r="X16207" s="2">
        <v>0</v>
      </c>
      <c r="Y16207" s="2">
        <v>0</v>
      </c>
      <c r="Z16207" s="2">
        <v>0</v>
      </c>
      <c r="AA16207" s="5"/>
      <c r="AB16207" s="5" t="s">
        <v>43</v>
      </c>
      <c r="AC16207" s="5" t="s">
        <v>44</v>
      </c>
      <c r="AD16207" s="2"/>
      <c r="AE16207" s="1"/>
    </row>
    <row r="16208" spans="1:31" ht="14.45">
      <c r="A16208" s="11"/>
      <c r="B16208" s="20"/>
      <c r="C16208" s="2" t="s">
        <v>49581</v>
      </c>
      <c r="D16208" s="14" t="s">
        <v>49582</v>
      </c>
      <c r="E16208" s="2" t="s">
        <v>49583</v>
      </c>
      <c r="F16208" s="2" t="s">
        <v>36273</v>
      </c>
      <c r="G16208" s="8">
        <v>315</v>
      </c>
      <c r="H16208" s="5">
        <v>6</v>
      </c>
      <c r="I16208" s="5" t="s">
        <v>1518</v>
      </c>
      <c r="J16208" s="5" t="s">
        <v>40939</v>
      </c>
      <c r="K16208" s="2" t="s">
        <v>40940</v>
      </c>
      <c r="L16208" s="5" t="s">
        <v>40939</v>
      </c>
      <c r="M16208" s="2" t="s">
        <v>40940</v>
      </c>
      <c r="N16208" s="5" t="s">
        <v>19227</v>
      </c>
      <c r="O16208" s="5" t="s">
        <v>38</v>
      </c>
      <c r="P16208" s="5" t="s">
        <v>39</v>
      </c>
      <c r="Q16208" s="5" t="s">
        <v>40</v>
      </c>
      <c r="R16208" s="5" t="s">
        <v>1487</v>
      </c>
      <c r="S16208" s="5"/>
      <c r="T16208" s="5" t="s">
        <v>42</v>
      </c>
      <c r="U16208" s="2">
        <v>0</v>
      </c>
      <c r="V16208" s="2">
        <v>0</v>
      </c>
      <c r="W16208" s="2">
        <v>0</v>
      </c>
      <c r="X16208" s="2">
        <v>0</v>
      </c>
      <c r="Y16208" s="2">
        <v>0</v>
      </c>
      <c r="Z16208" s="2">
        <v>0</v>
      </c>
      <c r="AA16208" s="5"/>
      <c r="AB16208" s="5" t="s">
        <v>43</v>
      </c>
      <c r="AC16208" s="5" t="s">
        <v>44</v>
      </c>
      <c r="AD16208" s="2"/>
      <c r="AE16208" s="1"/>
    </row>
    <row r="16209" spans="1:31" ht="14.45">
      <c r="A16209" s="11"/>
      <c r="B16209" s="20"/>
      <c r="C16209" s="2" t="s">
        <v>49584</v>
      </c>
      <c r="D16209" s="14" t="s">
        <v>49585</v>
      </c>
      <c r="E16209" s="2" t="s">
        <v>49586</v>
      </c>
      <c r="F16209" s="2" t="s">
        <v>36277</v>
      </c>
      <c r="G16209" s="8">
        <v>315</v>
      </c>
      <c r="H16209" s="5">
        <v>6</v>
      </c>
      <c r="I16209" s="5" t="s">
        <v>1518</v>
      </c>
      <c r="J16209" s="5" t="s">
        <v>40939</v>
      </c>
      <c r="K16209" s="2" t="s">
        <v>40940</v>
      </c>
      <c r="L16209" s="5" t="s">
        <v>40939</v>
      </c>
      <c r="M16209" s="2" t="s">
        <v>40940</v>
      </c>
      <c r="N16209" s="5" t="s">
        <v>19227</v>
      </c>
      <c r="O16209" s="5" t="s">
        <v>38</v>
      </c>
      <c r="P16209" s="5" t="s">
        <v>39</v>
      </c>
      <c r="Q16209" s="5" t="s">
        <v>40</v>
      </c>
      <c r="R16209" s="5" t="s">
        <v>1487</v>
      </c>
      <c r="S16209" s="5"/>
      <c r="T16209" s="5" t="s">
        <v>42</v>
      </c>
      <c r="U16209" s="2">
        <v>0</v>
      </c>
      <c r="V16209" s="2">
        <v>0</v>
      </c>
      <c r="W16209" s="2">
        <v>0</v>
      </c>
      <c r="X16209" s="2">
        <v>0</v>
      </c>
      <c r="Y16209" s="2">
        <v>0</v>
      </c>
      <c r="Z16209" s="2">
        <v>0</v>
      </c>
      <c r="AA16209" s="5"/>
      <c r="AB16209" s="5" t="s">
        <v>43</v>
      </c>
      <c r="AC16209" s="5" t="s">
        <v>44</v>
      </c>
      <c r="AD16209" s="2"/>
      <c r="AE16209" s="1"/>
    </row>
    <row r="16210" spans="1:31" ht="14.45">
      <c r="A16210" s="11"/>
      <c r="B16210" s="20"/>
      <c r="C16210" s="2" t="s">
        <v>49587</v>
      </c>
      <c r="D16210" s="14" t="s">
        <v>49588</v>
      </c>
      <c r="E16210" s="2" t="s">
        <v>49589</v>
      </c>
      <c r="F16210" s="2" t="s">
        <v>7396</v>
      </c>
      <c r="G16210" s="8">
        <v>315</v>
      </c>
      <c r="H16210" s="5">
        <v>6</v>
      </c>
      <c r="I16210" s="5" t="s">
        <v>1518</v>
      </c>
      <c r="J16210" s="5" t="s">
        <v>40939</v>
      </c>
      <c r="K16210" s="2" t="s">
        <v>40940</v>
      </c>
      <c r="L16210" s="5" t="s">
        <v>40939</v>
      </c>
      <c r="M16210" s="2" t="s">
        <v>40940</v>
      </c>
      <c r="N16210" s="5" t="s">
        <v>19227</v>
      </c>
      <c r="O16210" s="5" t="s">
        <v>38</v>
      </c>
      <c r="P16210" s="5" t="s">
        <v>39</v>
      </c>
      <c r="Q16210" s="5" t="s">
        <v>40</v>
      </c>
      <c r="R16210" s="5" t="s">
        <v>1487</v>
      </c>
      <c r="S16210" s="5"/>
      <c r="T16210" s="5" t="s">
        <v>42</v>
      </c>
      <c r="U16210" s="2">
        <v>0</v>
      </c>
      <c r="V16210" s="2">
        <v>0</v>
      </c>
      <c r="W16210" s="2">
        <v>0</v>
      </c>
      <c r="X16210" s="2">
        <v>0</v>
      </c>
      <c r="Y16210" s="2">
        <v>0</v>
      </c>
      <c r="Z16210" s="2">
        <v>0</v>
      </c>
      <c r="AA16210" s="5"/>
      <c r="AB16210" s="5" t="s">
        <v>43</v>
      </c>
      <c r="AC16210" s="5" t="s">
        <v>44</v>
      </c>
      <c r="AD16210" s="2"/>
      <c r="AE16210" s="1"/>
    </row>
    <row r="16211" spans="1:31" ht="14.45">
      <c r="A16211" s="11"/>
      <c r="B16211" s="20"/>
      <c r="C16211" s="2" t="s">
        <v>49590</v>
      </c>
      <c r="D16211" s="14" t="s">
        <v>49591</v>
      </c>
      <c r="E16211" s="2" t="s">
        <v>49592</v>
      </c>
      <c r="F16211" s="2" t="s">
        <v>7507</v>
      </c>
      <c r="G16211" s="8">
        <v>315</v>
      </c>
      <c r="H16211" s="5">
        <v>6</v>
      </c>
      <c r="I16211" s="5" t="s">
        <v>1518</v>
      </c>
      <c r="J16211" s="5" t="s">
        <v>40939</v>
      </c>
      <c r="K16211" s="2" t="s">
        <v>40940</v>
      </c>
      <c r="L16211" s="5" t="s">
        <v>40939</v>
      </c>
      <c r="M16211" s="2" t="s">
        <v>40940</v>
      </c>
      <c r="N16211" s="5" t="s">
        <v>19227</v>
      </c>
      <c r="O16211" s="5" t="s">
        <v>38</v>
      </c>
      <c r="P16211" s="5" t="s">
        <v>39</v>
      </c>
      <c r="Q16211" s="5" t="s">
        <v>40</v>
      </c>
      <c r="R16211" s="5" t="s">
        <v>1487</v>
      </c>
      <c r="S16211" s="5"/>
      <c r="T16211" s="5" t="s">
        <v>42</v>
      </c>
      <c r="U16211" s="2">
        <v>0</v>
      </c>
      <c r="V16211" s="2">
        <v>0</v>
      </c>
      <c r="W16211" s="2">
        <v>0</v>
      </c>
      <c r="X16211" s="2">
        <v>0</v>
      </c>
      <c r="Y16211" s="2">
        <v>0</v>
      </c>
      <c r="Z16211" s="2">
        <v>0</v>
      </c>
      <c r="AA16211" s="5"/>
      <c r="AB16211" s="5" t="s">
        <v>43</v>
      </c>
      <c r="AC16211" s="5" t="s">
        <v>44</v>
      </c>
      <c r="AD16211" s="2"/>
      <c r="AE16211" s="1"/>
    </row>
    <row r="16212" spans="1:31" ht="14.45">
      <c r="A16212" s="11"/>
      <c r="B16212" s="20"/>
      <c r="C16212" s="2" t="s">
        <v>49593</v>
      </c>
      <c r="D16212" s="14" t="s">
        <v>49594</v>
      </c>
      <c r="E16212" s="2" t="s">
        <v>49595</v>
      </c>
      <c r="F16212" s="2" t="s">
        <v>7204</v>
      </c>
      <c r="G16212" s="8">
        <v>282</v>
      </c>
      <c r="H16212" s="5">
        <v>6</v>
      </c>
      <c r="I16212" s="5" t="s">
        <v>1518</v>
      </c>
      <c r="J16212" s="5" t="s">
        <v>40939</v>
      </c>
      <c r="K16212" s="2" t="s">
        <v>40940</v>
      </c>
      <c r="L16212" s="5" t="s">
        <v>40939</v>
      </c>
      <c r="M16212" s="2" t="s">
        <v>40940</v>
      </c>
      <c r="N16212" s="5" t="s">
        <v>19227</v>
      </c>
      <c r="O16212" s="5" t="s">
        <v>38</v>
      </c>
      <c r="P16212" s="5" t="s">
        <v>39</v>
      </c>
      <c r="Q16212" s="5" t="s">
        <v>40</v>
      </c>
      <c r="R16212" s="5" t="s">
        <v>1487</v>
      </c>
      <c r="S16212" s="5"/>
      <c r="T16212" s="5" t="s">
        <v>42</v>
      </c>
      <c r="U16212" s="2">
        <v>0</v>
      </c>
      <c r="V16212" s="2">
        <v>0</v>
      </c>
      <c r="W16212" s="2">
        <v>0</v>
      </c>
      <c r="X16212" s="2">
        <v>0</v>
      </c>
      <c r="Y16212" s="2">
        <v>0</v>
      </c>
      <c r="Z16212" s="2">
        <v>0</v>
      </c>
      <c r="AA16212" s="5"/>
      <c r="AB16212" s="5" t="s">
        <v>43</v>
      </c>
      <c r="AC16212" s="5" t="s">
        <v>44</v>
      </c>
      <c r="AD16212" s="2"/>
      <c r="AE16212" s="1"/>
    </row>
    <row r="16213" spans="1:31" ht="14.45">
      <c r="A16213" s="11"/>
      <c r="B16213" s="20"/>
      <c r="C16213" s="2" t="s">
        <v>49596</v>
      </c>
      <c r="D16213" s="14" t="s">
        <v>49597</v>
      </c>
      <c r="E16213" s="2" t="s">
        <v>49598</v>
      </c>
      <c r="F16213" s="2" t="s">
        <v>7514</v>
      </c>
      <c r="G16213" s="8">
        <v>282</v>
      </c>
      <c r="H16213" s="5">
        <v>6</v>
      </c>
      <c r="I16213" s="5" t="s">
        <v>1518</v>
      </c>
      <c r="J16213" s="5" t="s">
        <v>40939</v>
      </c>
      <c r="K16213" s="2" t="s">
        <v>40940</v>
      </c>
      <c r="L16213" s="5" t="s">
        <v>40939</v>
      </c>
      <c r="M16213" s="2" t="s">
        <v>40940</v>
      </c>
      <c r="N16213" s="5" t="s">
        <v>19227</v>
      </c>
      <c r="O16213" s="5" t="s">
        <v>38</v>
      </c>
      <c r="P16213" s="5" t="s">
        <v>39</v>
      </c>
      <c r="Q16213" s="5" t="s">
        <v>40</v>
      </c>
      <c r="R16213" s="5" t="s">
        <v>1487</v>
      </c>
      <c r="S16213" s="5"/>
      <c r="T16213" s="5" t="s">
        <v>42</v>
      </c>
      <c r="U16213" s="2">
        <v>0</v>
      </c>
      <c r="V16213" s="2">
        <v>0</v>
      </c>
      <c r="W16213" s="2">
        <v>0</v>
      </c>
      <c r="X16213" s="2">
        <v>0</v>
      </c>
      <c r="Y16213" s="2">
        <v>0</v>
      </c>
      <c r="Z16213" s="2">
        <v>0</v>
      </c>
      <c r="AA16213" s="5"/>
      <c r="AB16213" s="5" t="s">
        <v>43</v>
      </c>
      <c r="AC16213" s="5" t="s">
        <v>44</v>
      </c>
      <c r="AD16213" s="2"/>
      <c r="AE16213" s="1"/>
    </row>
    <row r="16214" spans="1:31" ht="14.45">
      <c r="A16214" s="11"/>
      <c r="B16214" s="20"/>
      <c r="C16214" s="2" t="s">
        <v>49599</v>
      </c>
      <c r="D16214" s="14" t="s">
        <v>49600</v>
      </c>
      <c r="E16214" s="2" t="s">
        <v>49601</v>
      </c>
      <c r="F16214" s="2" t="s">
        <v>7208</v>
      </c>
      <c r="G16214" s="8">
        <v>282</v>
      </c>
      <c r="H16214" s="5">
        <v>6</v>
      </c>
      <c r="I16214" s="5" t="s">
        <v>1518</v>
      </c>
      <c r="J16214" s="5" t="s">
        <v>40939</v>
      </c>
      <c r="K16214" s="2" t="s">
        <v>40940</v>
      </c>
      <c r="L16214" s="5" t="s">
        <v>40939</v>
      </c>
      <c r="M16214" s="2" t="s">
        <v>40940</v>
      </c>
      <c r="N16214" s="5" t="s">
        <v>19227</v>
      </c>
      <c r="O16214" s="5" t="s">
        <v>38</v>
      </c>
      <c r="P16214" s="5" t="s">
        <v>39</v>
      </c>
      <c r="Q16214" s="5" t="s">
        <v>40</v>
      </c>
      <c r="R16214" s="5" t="s">
        <v>1487</v>
      </c>
      <c r="S16214" s="5"/>
      <c r="T16214" s="5" t="s">
        <v>42</v>
      </c>
      <c r="U16214" s="2">
        <v>0</v>
      </c>
      <c r="V16214" s="2">
        <v>0</v>
      </c>
      <c r="W16214" s="2">
        <v>0</v>
      </c>
      <c r="X16214" s="2">
        <v>0</v>
      </c>
      <c r="Y16214" s="2">
        <v>0</v>
      </c>
      <c r="Z16214" s="2">
        <v>0</v>
      </c>
      <c r="AA16214" s="5"/>
      <c r="AB16214" s="5" t="s">
        <v>43</v>
      </c>
      <c r="AC16214" s="5" t="s">
        <v>44</v>
      </c>
      <c r="AD16214" s="2"/>
      <c r="AE16214" s="1"/>
    </row>
    <row r="16215" spans="1:31" ht="14.45">
      <c r="A16215" s="11"/>
      <c r="B16215" s="20"/>
      <c r="C16215" s="2" t="s">
        <v>49602</v>
      </c>
      <c r="D16215" s="14" t="s">
        <v>49603</v>
      </c>
      <c r="E16215" s="2" t="s">
        <v>49604</v>
      </c>
      <c r="F16215" s="2" t="s">
        <v>7521</v>
      </c>
      <c r="G16215" s="8">
        <v>282</v>
      </c>
      <c r="H16215" s="5">
        <v>6</v>
      </c>
      <c r="I16215" s="5" t="s">
        <v>1518</v>
      </c>
      <c r="J16215" s="5" t="s">
        <v>40939</v>
      </c>
      <c r="K16215" s="2" t="s">
        <v>40940</v>
      </c>
      <c r="L16215" s="5" t="s">
        <v>40939</v>
      </c>
      <c r="M16215" s="2" t="s">
        <v>40940</v>
      </c>
      <c r="N16215" s="5" t="s">
        <v>19227</v>
      </c>
      <c r="O16215" s="5" t="s">
        <v>38</v>
      </c>
      <c r="P16215" s="5" t="s">
        <v>39</v>
      </c>
      <c r="Q16215" s="5" t="s">
        <v>40</v>
      </c>
      <c r="R16215" s="5" t="s">
        <v>1487</v>
      </c>
      <c r="S16215" s="5"/>
      <c r="T16215" s="5" t="s">
        <v>42</v>
      </c>
      <c r="U16215" s="2">
        <v>0</v>
      </c>
      <c r="V16215" s="2">
        <v>0</v>
      </c>
      <c r="W16215" s="2">
        <v>0</v>
      </c>
      <c r="X16215" s="2">
        <v>0</v>
      </c>
      <c r="Y16215" s="2">
        <v>0</v>
      </c>
      <c r="Z16215" s="2">
        <v>0</v>
      </c>
      <c r="AA16215" s="5"/>
      <c r="AB16215" s="5" t="s">
        <v>43</v>
      </c>
      <c r="AC16215" s="5" t="s">
        <v>44</v>
      </c>
      <c r="AD16215" s="2"/>
      <c r="AE16215" s="1"/>
    </row>
    <row r="16216" spans="1:31" ht="14.45">
      <c r="A16216" s="11"/>
      <c r="B16216" s="20"/>
      <c r="C16216" s="2" t="s">
        <v>49605</v>
      </c>
      <c r="D16216" s="14" t="s">
        <v>49606</v>
      </c>
      <c r="E16216" s="2" t="s">
        <v>49607</v>
      </c>
      <c r="F16216" s="2" t="s">
        <v>36273</v>
      </c>
      <c r="G16216" s="8">
        <v>282</v>
      </c>
      <c r="H16216" s="5">
        <v>6</v>
      </c>
      <c r="I16216" s="5" t="s">
        <v>1518</v>
      </c>
      <c r="J16216" s="5" t="s">
        <v>40939</v>
      </c>
      <c r="K16216" s="2" t="s">
        <v>40940</v>
      </c>
      <c r="L16216" s="5" t="s">
        <v>40939</v>
      </c>
      <c r="M16216" s="2" t="s">
        <v>40940</v>
      </c>
      <c r="N16216" s="5" t="s">
        <v>19227</v>
      </c>
      <c r="O16216" s="5" t="s">
        <v>38</v>
      </c>
      <c r="P16216" s="5" t="s">
        <v>39</v>
      </c>
      <c r="Q16216" s="5" t="s">
        <v>40</v>
      </c>
      <c r="R16216" s="5" t="s">
        <v>1487</v>
      </c>
      <c r="S16216" s="5"/>
      <c r="T16216" s="5" t="s">
        <v>42</v>
      </c>
      <c r="U16216" s="2">
        <v>0</v>
      </c>
      <c r="V16216" s="2">
        <v>0</v>
      </c>
      <c r="W16216" s="2">
        <v>0</v>
      </c>
      <c r="X16216" s="2">
        <v>0</v>
      </c>
      <c r="Y16216" s="2">
        <v>0</v>
      </c>
      <c r="Z16216" s="2">
        <v>0</v>
      </c>
      <c r="AA16216" s="5"/>
      <c r="AB16216" s="5" t="s">
        <v>43</v>
      </c>
      <c r="AC16216" s="5" t="s">
        <v>44</v>
      </c>
      <c r="AD16216" s="2"/>
      <c r="AE16216" s="1"/>
    </row>
    <row r="16217" spans="1:31" ht="14.45">
      <c r="A16217" s="11"/>
      <c r="B16217" s="20"/>
      <c r="C16217" s="2" t="s">
        <v>49608</v>
      </c>
      <c r="D16217" s="14" t="s">
        <v>49609</v>
      </c>
      <c r="E16217" s="2" t="s">
        <v>49610</v>
      </c>
      <c r="F16217" s="2" t="s">
        <v>36277</v>
      </c>
      <c r="G16217" s="8">
        <v>282</v>
      </c>
      <c r="H16217" s="5">
        <v>6</v>
      </c>
      <c r="I16217" s="5" t="s">
        <v>1518</v>
      </c>
      <c r="J16217" s="5" t="s">
        <v>40939</v>
      </c>
      <c r="K16217" s="2" t="s">
        <v>40940</v>
      </c>
      <c r="L16217" s="5" t="s">
        <v>40939</v>
      </c>
      <c r="M16217" s="2" t="s">
        <v>40940</v>
      </c>
      <c r="N16217" s="5" t="s">
        <v>19227</v>
      </c>
      <c r="O16217" s="5" t="s">
        <v>38</v>
      </c>
      <c r="P16217" s="5" t="s">
        <v>39</v>
      </c>
      <c r="Q16217" s="5" t="s">
        <v>40</v>
      </c>
      <c r="R16217" s="5" t="s">
        <v>1487</v>
      </c>
      <c r="S16217" s="5"/>
      <c r="T16217" s="5" t="s">
        <v>42</v>
      </c>
      <c r="U16217" s="2">
        <v>0</v>
      </c>
      <c r="V16217" s="2">
        <v>0</v>
      </c>
      <c r="W16217" s="2">
        <v>0</v>
      </c>
      <c r="X16217" s="2">
        <v>0</v>
      </c>
      <c r="Y16217" s="2">
        <v>0</v>
      </c>
      <c r="Z16217" s="2">
        <v>0</v>
      </c>
      <c r="AA16217" s="5"/>
      <c r="AB16217" s="5" t="s">
        <v>43</v>
      </c>
      <c r="AC16217" s="5" t="s">
        <v>44</v>
      </c>
      <c r="AD16217" s="2"/>
      <c r="AE16217" s="1"/>
    </row>
    <row r="16218" spans="1:31" ht="14.45">
      <c r="A16218" s="11"/>
      <c r="B16218" s="20"/>
      <c r="C16218" s="2" t="s">
        <v>49611</v>
      </c>
      <c r="D16218" s="14" t="s">
        <v>49612</v>
      </c>
      <c r="E16218" s="2" t="s">
        <v>49613</v>
      </c>
      <c r="F16218" s="2" t="s">
        <v>7396</v>
      </c>
      <c r="G16218" s="8">
        <v>282</v>
      </c>
      <c r="H16218" s="5">
        <v>6</v>
      </c>
      <c r="I16218" s="5" t="s">
        <v>1518</v>
      </c>
      <c r="J16218" s="5" t="s">
        <v>40939</v>
      </c>
      <c r="K16218" s="2" t="s">
        <v>40940</v>
      </c>
      <c r="L16218" s="5" t="s">
        <v>40939</v>
      </c>
      <c r="M16218" s="2" t="s">
        <v>40940</v>
      </c>
      <c r="N16218" s="5" t="s">
        <v>19227</v>
      </c>
      <c r="O16218" s="5" t="s">
        <v>38</v>
      </c>
      <c r="P16218" s="5" t="s">
        <v>39</v>
      </c>
      <c r="Q16218" s="5" t="s">
        <v>40</v>
      </c>
      <c r="R16218" s="5" t="s">
        <v>1487</v>
      </c>
      <c r="S16218" s="5"/>
      <c r="T16218" s="5" t="s">
        <v>42</v>
      </c>
      <c r="U16218" s="2">
        <v>0</v>
      </c>
      <c r="V16218" s="2">
        <v>0</v>
      </c>
      <c r="W16218" s="2">
        <v>0</v>
      </c>
      <c r="X16218" s="2">
        <v>0</v>
      </c>
      <c r="Y16218" s="2">
        <v>0</v>
      </c>
      <c r="Z16218" s="2">
        <v>0</v>
      </c>
      <c r="AA16218" s="5"/>
      <c r="AB16218" s="5" t="s">
        <v>43</v>
      </c>
      <c r="AC16218" s="5" t="s">
        <v>44</v>
      </c>
      <c r="AD16218" s="2"/>
      <c r="AE16218" s="1"/>
    </row>
    <row r="16219" spans="1:31" ht="14.45">
      <c r="A16219" s="11"/>
      <c r="B16219" s="20"/>
      <c r="C16219" s="2" t="s">
        <v>49614</v>
      </c>
      <c r="D16219" s="14" t="s">
        <v>49615</v>
      </c>
      <c r="E16219" s="2" t="s">
        <v>49616</v>
      </c>
      <c r="F16219" s="2" t="s">
        <v>7507</v>
      </c>
      <c r="G16219" s="8">
        <v>282</v>
      </c>
      <c r="H16219" s="5">
        <v>6</v>
      </c>
      <c r="I16219" s="5" t="s">
        <v>1518</v>
      </c>
      <c r="J16219" s="5" t="s">
        <v>40939</v>
      </c>
      <c r="K16219" s="2" t="s">
        <v>40940</v>
      </c>
      <c r="L16219" s="5" t="s">
        <v>40939</v>
      </c>
      <c r="M16219" s="2" t="s">
        <v>40940</v>
      </c>
      <c r="N16219" s="5" t="s">
        <v>19227</v>
      </c>
      <c r="O16219" s="5" t="s">
        <v>38</v>
      </c>
      <c r="P16219" s="5" t="s">
        <v>39</v>
      </c>
      <c r="Q16219" s="5" t="s">
        <v>40</v>
      </c>
      <c r="R16219" s="5" t="s">
        <v>1487</v>
      </c>
      <c r="S16219" s="5"/>
      <c r="T16219" s="5" t="s">
        <v>42</v>
      </c>
      <c r="U16219" s="2">
        <v>0</v>
      </c>
      <c r="V16219" s="2">
        <v>0</v>
      </c>
      <c r="W16219" s="2">
        <v>0</v>
      </c>
      <c r="X16219" s="2">
        <v>0</v>
      </c>
      <c r="Y16219" s="2">
        <v>0</v>
      </c>
      <c r="Z16219" s="2">
        <v>0</v>
      </c>
      <c r="AA16219" s="5"/>
      <c r="AB16219" s="5" t="s">
        <v>43</v>
      </c>
      <c r="AC16219" s="5" t="s">
        <v>44</v>
      </c>
      <c r="AD16219" s="2"/>
      <c r="AE16219" s="1"/>
    </row>
    <row r="16220" spans="1:31" ht="14.45">
      <c r="A16220" s="11"/>
      <c r="B16220" s="20"/>
      <c r="C16220" s="2" t="s">
        <v>49617</v>
      </c>
      <c r="D16220" s="14" t="s">
        <v>49618</v>
      </c>
      <c r="E16220" s="2" t="s">
        <v>49619</v>
      </c>
      <c r="F16220" s="2" t="s">
        <v>7204</v>
      </c>
      <c r="G16220" s="8">
        <v>296</v>
      </c>
      <c r="H16220" s="5">
        <v>6</v>
      </c>
      <c r="I16220" s="5" t="s">
        <v>1518</v>
      </c>
      <c r="J16220" s="5" t="s">
        <v>40939</v>
      </c>
      <c r="K16220" s="2" t="s">
        <v>40940</v>
      </c>
      <c r="L16220" s="5" t="s">
        <v>40939</v>
      </c>
      <c r="M16220" s="2" t="s">
        <v>40940</v>
      </c>
      <c r="N16220" s="5" t="s">
        <v>19227</v>
      </c>
      <c r="O16220" s="5" t="s">
        <v>38</v>
      </c>
      <c r="P16220" s="5" t="s">
        <v>39</v>
      </c>
      <c r="Q16220" s="5" t="s">
        <v>40</v>
      </c>
      <c r="R16220" s="5" t="s">
        <v>1487</v>
      </c>
      <c r="S16220" s="5"/>
      <c r="T16220" s="5" t="s">
        <v>42</v>
      </c>
      <c r="U16220" s="2">
        <v>0</v>
      </c>
      <c r="V16220" s="2">
        <v>0</v>
      </c>
      <c r="W16220" s="2">
        <v>0</v>
      </c>
      <c r="X16220" s="2">
        <v>0</v>
      </c>
      <c r="Y16220" s="2">
        <v>0</v>
      </c>
      <c r="Z16220" s="2">
        <v>0</v>
      </c>
      <c r="AA16220" s="5"/>
      <c r="AB16220" s="5" t="s">
        <v>43</v>
      </c>
      <c r="AC16220" s="5" t="s">
        <v>44</v>
      </c>
      <c r="AD16220" s="2"/>
      <c r="AE16220" s="1"/>
    </row>
    <row r="16221" spans="1:31" ht="14.45">
      <c r="A16221" s="11"/>
      <c r="B16221" s="20"/>
      <c r="C16221" s="2" t="s">
        <v>49620</v>
      </c>
      <c r="D16221" s="14" t="s">
        <v>49621</v>
      </c>
      <c r="E16221" s="2" t="s">
        <v>49622</v>
      </c>
      <c r="F16221" s="2" t="s">
        <v>7514</v>
      </c>
      <c r="G16221" s="8">
        <v>296</v>
      </c>
      <c r="H16221" s="5">
        <v>6</v>
      </c>
      <c r="I16221" s="5" t="s">
        <v>1518</v>
      </c>
      <c r="J16221" s="5" t="s">
        <v>40939</v>
      </c>
      <c r="K16221" s="2" t="s">
        <v>40940</v>
      </c>
      <c r="L16221" s="5" t="s">
        <v>40939</v>
      </c>
      <c r="M16221" s="2" t="s">
        <v>40940</v>
      </c>
      <c r="N16221" s="5" t="s">
        <v>19227</v>
      </c>
      <c r="O16221" s="5" t="s">
        <v>38</v>
      </c>
      <c r="P16221" s="5" t="s">
        <v>39</v>
      </c>
      <c r="Q16221" s="5" t="s">
        <v>40</v>
      </c>
      <c r="R16221" s="5" t="s">
        <v>1487</v>
      </c>
      <c r="S16221" s="5"/>
      <c r="T16221" s="5" t="s">
        <v>42</v>
      </c>
      <c r="U16221" s="2">
        <v>0</v>
      </c>
      <c r="V16221" s="2">
        <v>0</v>
      </c>
      <c r="W16221" s="2">
        <v>0</v>
      </c>
      <c r="X16221" s="2">
        <v>0</v>
      </c>
      <c r="Y16221" s="2">
        <v>0</v>
      </c>
      <c r="Z16221" s="2">
        <v>0</v>
      </c>
      <c r="AA16221" s="5"/>
      <c r="AB16221" s="5" t="s">
        <v>43</v>
      </c>
      <c r="AC16221" s="5" t="s">
        <v>44</v>
      </c>
      <c r="AD16221" s="2"/>
      <c r="AE16221" s="1"/>
    </row>
    <row r="16222" spans="1:31" ht="14.45">
      <c r="A16222" s="11"/>
      <c r="B16222" s="20"/>
      <c r="C16222" s="2" t="s">
        <v>49623</v>
      </c>
      <c r="D16222" s="14" t="s">
        <v>49624</v>
      </c>
      <c r="E16222" s="2" t="s">
        <v>49625</v>
      </c>
      <c r="F16222" s="2" t="s">
        <v>7208</v>
      </c>
      <c r="G16222" s="8">
        <v>296</v>
      </c>
      <c r="H16222" s="5">
        <v>6</v>
      </c>
      <c r="I16222" s="5" t="s">
        <v>1518</v>
      </c>
      <c r="J16222" s="5" t="s">
        <v>40939</v>
      </c>
      <c r="K16222" s="2" t="s">
        <v>40940</v>
      </c>
      <c r="L16222" s="5" t="s">
        <v>40939</v>
      </c>
      <c r="M16222" s="2" t="s">
        <v>40940</v>
      </c>
      <c r="N16222" s="5" t="s">
        <v>19227</v>
      </c>
      <c r="O16222" s="5" t="s">
        <v>38</v>
      </c>
      <c r="P16222" s="5" t="s">
        <v>39</v>
      </c>
      <c r="Q16222" s="5" t="s">
        <v>40</v>
      </c>
      <c r="R16222" s="5" t="s">
        <v>1487</v>
      </c>
      <c r="S16222" s="5"/>
      <c r="T16222" s="5" t="s">
        <v>42</v>
      </c>
      <c r="U16222" s="2">
        <v>0</v>
      </c>
      <c r="V16222" s="2">
        <v>0</v>
      </c>
      <c r="W16222" s="2">
        <v>0</v>
      </c>
      <c r="X16222" s="2">
        <v>0</v>
      </c>
      <c r="Y16222" s="2">
        <v>0</v>
      </c>
      <c r="Z16222" s="2">
        <v>0</v>
      </c>
      <c r="AA16222" s="5"/>
      <c r="AB16222" s="5" t="s">
        <v>43</v>
      </c>
      <c r="AC16222" s="5" t="s">
        <v>44</v>
      </c>
      <c r="AD16222" s="2"/>
      <c r="AE16222" s="1"/>
    </row>
    <row r="16223" spans="1:31" ht="14.45">
      <c r="A16223" s="11"/>
      <c r="B16223" s="20"/>
      <c r="C16223" s="2" t="s">
        <v>49626</v>
      </c>
      <c r="D16223" s="14" t="s">
        <v>49627</v>
      </c>
      <c r="E16223" s="2" t="s">
        <v>49628</v>
      </c>
      <c r="F16223" s="2" t="s">
        <v>7521</v>
      </c>
      <c r="G16223" s="8">
        <v>296</v>
      </c>
      <c r="H16223" s="5">
        <v>6</v>
      </c>
      <c r="I16223" s="5" t="s">
        <v>1518</v>
      </c>
      <c r="J16223" s="5" t="s">
        <v>40939</v>
      </c>
      <c r="K16223" s="2" t="s">
        <v>40940</v>
      </c>
      <c r="L16223" s="5" t="s">
        <v>40939</v>
      </c>
      <c r="M16223" s="2" t="s">
        <v>40940</v>
      </c>
      <c r="N16223" s="5" t="s">
        <v>19227</v>
      </c>
      <c r="O16223" s="5" t="s">
        <v>38</v>
      </c>
      <c r="P16223" s="5" t="s">
        <v>39</v>
      </c>
      <c r="Q16223" s="5" t="s">
        <v>40</v>
      </c>
      <c r="R16223" s="5" t="s">
        <v>1487</v>
      </c>
      <c r="S16223" s="5"/>
      <c r="T16223" s="5" t="s">
        <v>42</v>
      </c>
      <c r="U16223" s="2">
        <v>0</v>
      </c>
      <c r="V16223" s="2">
        <v>0</v>
      </c>
      <c r="W16223" s="2">
        <v>0</v>
      </c>
      <c r="X16223" s="2">
        <v>0</v>
      </c>
      <c r="Y16223" s="2">
        <v>0</v>
      </c>
      <c r="Z16223" s="2">
        <v>0</v>
      </c>
      <c r="AA16223" s="5"/>
      <c r="AB16223" s="5" t="s">
        <v>43</v>
      </c>
      <c r="AC16223" s="5" t="s">
        <v>44</v>
      </c>
      <c r="AD16223" s="2"/>
      <c r="AE16223" s="1"/>
    </row>
    <row r="16224" spans="1:31" ht="14.45">
      <c r="A16224" s="11"/>
      <c r="B16224" s="20"/>
      <c r="C16224" s="2" t="s">
        <v>49629</v>
      </c>
      <c r="D16224" s="14" t="s">
        <v>49630</v>
      </c>
      <c r="E16224" s="2" t="s">
        <v>49631</v>
      </c>
      <c r="F16224" s="2" t="s">
        <v>36273</v>
      </c>
      <c r="G16224" s="8">
        <v>296</v>
      </c>
      <c r="H16224" s="5">
        <v>6</v>
      </c>
      <c r="I16224" s="5" t="s">
        <v>1518</v>
      </c>
      <c r="J16224" s="5" t="s">
        <v>40939</v>
      </c>
      <c r="K16224" s="2" t="s">
        <v>40940</v>
      </c>
      <c r="L16224" s="5" t="s">
        <v>40939</v>
      </c>
      <c r="M16224" s="2" t="s">
        <v>40940</v>
      </c>
      <c r="N16224" s="5" t="s">
        <v>19227</v>
      </c>
      <c r="O16224" s="5" t="s">
        <v>38</v>
      </c>
      <c r="P16224" s="5" t="s">
        <v>39</v>
      </c>
      <c r="Q16224" s="5" t="s">
        <v>40</v>
      </c>
      <c r="R16224" s="5" t="s">
        <v>1487</v>
      </c>
      <c r="S16224" s="5"/>
      <c r="T16224" s="5" t="s">
        <v>42</v>
      </c>
      <c r="U16224" s="2">
        <v>0</v>
      </c>
      <c r="V16224" s="2">
        <v>0</v>
      </c>
      <c r="W16224" s="2">
        <v>0</v>
      </c>
      <c r="X16224" s="2">
        <v>0</v>
      </c>
      <c r="Y16224" s="2">
        <v>0</v>
      </c>
      <c r="Z16224" s="2">
        <v>0</v>
      </c>
      <c r="AA16224" s="5"/>
      <c r="AB16224" s="5" t="s">
        <v>43</v>
      </c>
      <c r="AC16224" s="5" t="s">
        <v>44</v>
      </c>
      <c r="AD16224" s="2"/>
      <c r="AE16224" s="1"/>
    </row>
    <row r="16225" spans="1:31" ht="14.45">
      <c r="A16225" s="11"/>
      <c r="B16225" s="20"/>
      <c r="C16225" s="2" t="s">
        <v>49632</v>
      </c>
      <c r="D16225" s="14" t="s">
        <v>49633</v>
      </c>
      <c r="E16225" s="2" t="s">
        <v>49634</v>
      </c>
      <c r="F16225" s="2" t="s">
        <v>36277</v>
      </c>
      <c r="G16225" s="8">
        <v>296</v>
      </c>
      <c r="H16225" s="5">
        <v>6</v>
      </c>
      <c r="I16225" s="5" t="s">
        <v>1518</v>
      </c>
      <c r="J16225" s="5" t="s">
        <v>40939</v>
      </c>
      <c r="K16225" s="2" t="s">
        <v>40940</v>
      </c>
      <c r="L16225" s="5" t="s">
        <v>40939</v>
      </c>
      <c r="M16225" s="2" t="s">
        <v>40940</v>
      </c>
      <c r="N16225" s="5" t="s">
        <v>19227</v>
      </c>
      <c r="O16225" s="5" t="s">
        <v>38</v>
      </c>
      <c r="P16225" s="5" t="s">
        <v>39</v>
      </c>
      <c r="Q16225" s="5" t="s">
        <v>40</v>
      </c>
      <c r="R16225" s="5" t="s">
        <v>1487</v>
      </c>
      <c r="S16225" s="5"/>
      <c r="T16225" s="5" t="s">
        <v>42</v>
      </c>
      <c r="U16225" s="2">
        <v>0</v>
      </c>
      <c r="V16225" s="2">
        <v>0</v>
      </c>
      <c r="W16225" s="2">
        <v>0</v>
      </c>
      <c r="X16225" s="2">
        <v>0</v>
      </c>
      <c r="Y16225" s="2">
        <v>0</v>
      </c>
      <c r="Z16225" s="2">
        <v>0</v>
      </c>
      <c r="AA16225" s="5"/>
      <c r="AB16225" s="5" t="s">
        <v>43</v>
      </c>
      <c r="AC16225" s="5" t="s">
        <v>44</v>
      </c>
      <c r="AD16225" s="2"/>
      <c r="AE16225" s="1"/>
    </row>
    <row r="16226" spans="1:31" ht="14.45">
      <c r="A16226" s="11"/>
      <c r="B16226" s="20"/>
      <c r="C16226" s="2" t="s">
        <v>49635</v>
      </c>
      <c r="D16226" s="14" t="s">
        <v>49636</v>
      </c>
      <c r="E16226" s="2" t="s">
        <v>49637</v>
      </c>
      <c r="F16226" s="2" t="s">
        <v>7396</v>
      </c>
      <c r="G16226" s="8">
        <v>296</v>
      </c>
      <c r="H16226" s="5">
        <v>6</v>
      </c>
      <c r="I16226" s="5" t="s">
        <v>1518</v>
      </c>
      <c r="J16226" s="5" t="s">
        <v>40939</v>
      </c>
      <c r="K16226" s="2" t="s">
        <v>40940</v>
      </c>
      <c r="L16226" s="5" t="s">
        <v>40939</v>
      </c>
      <c r="M16226" s="2" t="s">
        <v>40940</v>
      </c>
      <c r="N16226" s="5" t="s">
        <v>19227</v>
      </c>
      <c r="O16226" s="5" t="s">
        <v>38</v>
      </c>
      <c r="P16226" s="5" t="s">
        <v>39</v>
      </c>
      <c r="Q16226" s="5" t="s">
        <v>40</v>
      </c>
      <c r="R16226" s="5" t="s">
        <v>1487</v>
      </c>
      <c r="S16226" s="5"/>
      <c r="T16226" s="5" t="s">
        <v>42</v>
      </c>
      <c r="U16226" s="2">
        <v>0</v>
      </c>
      <c r="V16226" s="2">
        <v>0</v>
      </c>
      <c r="W16226" s="2">
        <v>0</v>
      </c>
      <c r="X16226" s="2">
        <v>0</v>
      </c>
      <c r="Y16226" s="2">
        <v>0</v>
      </c>
      <c r="Z16226" s="2">
        <v>0</v>
      </c>
      <c r="AA16226" s="5"/>
      <c r="AB16226" s="5" t="s">
        <v>43</v>
      </c>
      <c r="AC16226" s="5" t="s">
        <v>44</v>
      </c>
      <c r="AD16226" s="2"/>
      <c r="AE16226" s="1"/>
    </row>
    <row r="16227" spans="1:31" ht="14.45">
      <c r="A16227" s="11"/>
      <c r="B16227" s="20"/>
      <c r="C16227" s="2" t="s">
        <v>49638</v>
      </c>
      <c r="D16227" s="14" t="s">
        <v>49639</v>
      </c>
      <c r="E16227" s="2" t="s">
        <v>49640</v>
      </c>
      <c r="F16227" s="2" t="s">
        <v>7507</v>
      </c>
      <c r="G16227" s="8">
        <v>296</v>
      </c>
      <c r="H16227" s="5">
        <v>6</v>
      </c>
      <c r="I16227" s="5" t="s">
        <v>1518</v>
      </c>
      <c r="J16227" s="5" t="s">
        <v>40939</v>
      </c>
      <c r="K16227" s="2" t="s">
        <v>40940</v>
      </c>
      <c r="L16227" s="5" t="s">
        <v>40939</v>
      </c>
      <c r="M16227" s="2" t="s">
        <v>40940</v>
      </c>
      <c r="N16227" s="5" t="s">
        <v>19227</v>
      </c>
      <c r="O16227" s="5" t="s">
        <v>38</v>
      </c>
      <c r="P16227" s="5" t="s">
        <v>39</v>
      </c>
      <c r="Q16227" s="5" t="s">
        <v>40</v>
      </c>
      <c r="R16227" s="5" t="s">
        <v>1487</v>
      </c>
      <c r="S16227" s="5"/>
      <c r="T16227" s="5" t="s">
        <v>42</v>
      </c>
      <c r="U16227" s="2">
        <v>0</v>
      </c>
      <c r="V16227" s="2">
        <v>0</v>
      </c>
      <c r="W16227" s="2">
        <v>0</v>
      </c>
      <c r="X16227" s="2">
        <v>0</v>
      </c>
      <c r="Y16227" s="2">
        <v>0</v>
      </c>
      <c r="Z16227" s="2">
        <v>0</v>
      </c>
      <c r="AA16227" s="5"/>
      <c r="AB16227" s="5" t="s">
        <v>43</v>
      </c>
      <c r="AC16227" s="5" t="s">
        <v>44</v>
      </c>
      <c r="AD16227" s="2"/>
      <c r="AE16227" s="1"/>
    </row>
    <row r="16228" spans="1:31" ht="14.45">
      <c r="A16228" s="11"/>
      <c r="B16228" s="20"/>
      <c r="C16228" s="2" t="s">
        <v>49641</v>
      </c>
      <c r="D16228" s="14" t="s">
        <v>49642</v>
      </c>
      <c r="E16228" s="2" t="s">
        <v>49643</v>
      </c>
      <c r="F16228" s="2" t="s">
        <v>7204</v>
      </c>
      <c r="G16228" s="8">
        <v>315</v>
      </c>
      <c r="H16228" s="5">
        <v>6</v>
      </c>
      <c r="I16228" s="5" t="s">
        <v>1518</v>
      </c>
      <c r="J16228" s="5" t="s">
        <v>40939</v>
      </c>
      <c r="K16228" s="2" t="s">
        <v>40940</v>
      </c>
      <c r="L16228" s="5" t="s">
        <v>40939</v>
      </c>
      <c r="M16228" s="2" t="s">
        <v>40940</v>
      </c>
      <c r="N16228" s="5" t="s">
        <v>19227</v>
      </c>
      <c r="O16228" s="5" t="s">
        <v>38</v>
      </c>
      <c r="P16228" s="5" t="s">
        <v>39</v>
      </c>
      <c r="Q16228" s="5" t="s">
        <v>40</v>
      </c>
      <c r="R16228" s="5" t="s">
        <v>1487</v>
      </c>
      <c r="S16228" s="5"/>
      <c r="T16228" s="5" t="s">
        <v>42</v>
      </c>
      <c r="U16228" s="2">
        <v>0</v>
      </c>
      <c r="V16228" s="2">
        <v>0</v>
      </c>
      <c r="W16228" s="2">
        <v>0</v>
      </c>
      <c r="X16228" s="2">
        <v>0</v>
      </c>
      <c r="Y16228" s="2">
        <v>0</v>
      </c>
      <c r="Z16228" s="2">
        <v>0</v>
      </c>
      <c r="AA16228" s="5"/>
      <c r="AB16228" s="5" t="s">
        <v>43</v>
      </c>
      <c r="AC16228" s="5" t="s">
        <v>44</v>
      </c>
      <c r="AD16228" s="2"/>
      <c r="AE16228" s="1"/>
    </row>
    <row r="16229" spans="1:31" ht="14.45">
      <c r="A16229" s="11"/>
      <c r="B16229" s="20"/>
      <c r="C16229" s="2" t="s">
        <v>49644</v>
      </c>
      <c r="D16229" s="14" t="s">
        <v>49645</v>
      </c>
      <c r="E16229" s="2" t="s">
        <v>49646</v>
      </c>
      <c r="F16229" s="2" t="s">
        <v>7514</v>
      </c>
      <c r="G16229" s="8">
        <v>315</v>
      </c>
      <c r="H16229" s="5">
        <v>6</v>
      </c>
      <c r="I16229" s="5" t="s">
        <v>1518</v>
      </c>
      <c r="J16229" s="5" t="s">
        <v>40939</v>
      </c>
      <c r="K16229" s="2" t="s">
        <v>40940</v>
      </c>
      <c r="L16229" s="5" t="s">
        <v>40939</v>
      </c>
      <c r="M16229" s="2" t="s">
        <v>40940</v>
      </c>
      <c r="N16229" s="5" t="s">
        <v>19227</v>
      </c>
      <c r="O16229" s="5" t="s">
        <v>38</v>
      </c>
      <c r="P16229" s="5" t="s">
        <v>39</v>
      </c>
      <c r="Q16229" s="5" t="s">
        <v>40</v>
      </c>
      <c r="R16229" s="5" t="s">
        <v>1487</v>
      </c>
      <c r="S16229" s="5"/>
      <c r="T16229" s="5" t="s">
        <v>42</v>
      </c>
      <c r="U16229" s="2">
        <v>0</v>
      </c>
      <c r="V16229" s="2">
        <v>0</v>
      </c>
      <c r="W16229" s="2">
        <v>0</v>
      </c>
      <c r="X16229" s="2">
        <v>0</v>
      </c>
      <c r="Y16229" s="2">
        <v>0</v>
      </c>
      <c r="Z16229" s="2">
        <v>0</v>
      </c>
      <c r="AA16229" s="5"/>
      <c r="AB16229" s="5" t="s">
        <v>43</v>
      </c>
      <c r="AC16229" s="5" t="s">
        <v>44</v>
      </c>
      <c r="AD16229" s="2"/>
      <c r="AE16229" s="1"/>
    </row>
    <row r="16230" spans="1:31" ht="14.45">
      <c r="A16230" s="11"/>
      <c r="B16230" s="20"/>
      <c r="C16230" s="2" t="s">
        <v>49647</v>
      </c>
      <c r="D16230" s="14" t="s">
        <v>49648</v>
      </c>
      <c r="E16230" s="2" t="s">
        <v>49649</v>
      </c>
      <c r="F16230" s="2" t="s">
        <v>7208</v>
      </c>
      <c r="G16230" s="8">
        <v>315</v>
      </c>
      <c r="H16230" s="5">
        <v>6</v>
      </c>
      <c r="I16230" s="5" t="s">
        <v>1518</v>
      </c>
      <c r="J16230" s="5" t="s">
        <v>40939</v>
      </c>
      <c r="K16230" s="2" t="s">
        <v>40940</v>
      </c>
      <c r="L16230" s="5" t="s">
        <v>40939</v>
      </c>
      <c r="M16230" s="2" t="s">
        <v>40940</v>
      </c>
      <c r="N16230" s="5" t="s">
        <v>19227</v>
      </c>
      <c r="O16230" s="5" t="s">
        <v>38</v>
      </c>
      <c r="P16230" s="5" t="s">
        <v>39</v>
      </c>
      <c r="Q16230" s="5" t="s">
        <v>40</v>
      </c>
      <c r="R16230" s="5" t="s">
        <v>1487</v>
      </c>
      <c r="S16230" s="5"/>
      <c r="T16230" s="5" t="s">
        <v>42</v>
      </c>
      <c r="U16230" s="2">
        <v>0</v>
      </c>
      <c r="V16230" s="2">
        <v>0</v>
      </c>
      <c r="W16230" s="2">
        <v>0</v>
      </c>
      <c r="X16230" s="2">
        <v>0</v>
      </c>
      <c r="Y16230" s="2">
        <v>0</v>
      </c>
      <c r="Z16230" s="2">
        <v>0</v>
      </c>
      <c r="AA16230" s="5"/>
      <c r="AB16230" s="5" t="s">
        <v>43</v>
      </c>
      <c r="AC16230" s="5" t="s">
        <v>44</v>
      </c>
      <c r="AD16230" s="2"/>
      <c r="AE16230" s="1"/>
    </row>
    <row r="16231" spans="1:31" ht="14.45">
      <c r="A16231" s="11"/>
      <c r="B16231" s="20"/>
      <c r="C16231" s="2" t="s">
        <v>49650</v>
      </c>
      <c r="D16231" s="14" t="s">
        <v>49651</v>
      </c>
      <c r="E16231" s="2" t="s">
        <v>49652</v>
      </c>
      <c r="F16231" s="2" t="s">
        <v>7521</v>
      </c>
      <c r="G16231" s="8">
        <v>315</v>
      </c>
      <c r="H16231" s="5">
        <v>6</v>
      </c>
      <c r="I16231" s="5" t="s">
        <v>1518</v>
      </c>
      <c r="J16231" s="5" t="s">
        <v>40939</v>
      </c>
      <c r="K16231" s="2" t="s">
        <v>40940</v>
      </c>
      <c r="L16231" s="5" t="s">
        <v>40939</v>
      </c>
      <c r="M16231" s="2" t="s">
        <v>40940</v>
      </c>
      <c r="N16231" s="5" t="s">
        <v>19227</v>
      </c>
      <c r="O16231" s="5" t="s">
        <v>38</v>
      </c>
      <c r="P16231" s="5" t="s">
        <v>39</v>
      </c>
      <c r="Q16231" s="5" t="s">
        <v>40</v>
      </c>
      <c r="R16231" s="5" t="s">
        <v>1487</v>
      </c>
      <c r="S16231" s="5"/>
      <c r="T16231" s="5" t="s">
        <v>42</v>
      </c>
      <c r="U16231" s="2">
        <v>0</v>
      </c>
      <c r="V16231" s="2">
        <v>0</v>
      </c>
      <c r="W16231" s="2">
        <v>0</v>
      </c>
      <c r="X16231" s="2">
        <v>0</v>
      </c>
      <c r="Y16231" s="2">
        <v>0</v>
      </c>
      <c r="Z16231" s="2">
        <v>0</v>
      </c>
      <c r="AA16231" s="5"/>
      <c r="AB16231" s="5" t="s">
        <v>43</v>
      </c>
      <c r="AC16231" s="5" t="s">
        <v>44</v>
      </c>
      <c r="AD16231" s="2"/>
      <c r="AE16231" s="1"/>
    </row>
    <row r="16232" spans="1:31" ht="14.45">
      <c r="A16232" s="11"/>
      <c r="B16232" s="20"/>
      <c r="C16232" s="2" t="s">
        <v>49653</v>
      </c>
      <c r="D16232" s="14" t="s">
        <v>49654</v>
      </c>
      <c r="E16232" s="2" t="s">
        <v>49655</v>
      </c>
      <c r="F16232" s="2" t="s">
        <v>36273</v>
      </c>
      <c r="G16232" s="8">
        <v>315</v>
      </c>
      <c r="H16232" s="5">
        <v>6</v>
      </c>
      <c r="I16232" s="5" t="s">
        <v>1518</v>
      </c>
      <c r="J16232" s="5" t="s">
        <v>40939</v>
      </c>
      <c r="K16232" s="2" t="s">
        <v>40940</v>
      </c>
      <c r="L16232" s="5" t="s">
        <v>40939</v>
      </c>
      <c r="M16232" s="2" t="s">
        <v>40940</v>
      </c>
      <c r="N16232" s="5" t="s">
        <v>19227</v>
      </c>
      <c r="O16232" s="5" t="s">
        <v>38</v>
      </c>
      <c r="P16232" s="5" t="s">
        <v>39</v>
      </c>
      <c r="Q16232" s="5" t="s">
        <v>40</v>
      </c>
      <c r="R16232" s="5" t="s">
        <v>1487</v>
      </c>
      <c r="S16232" s="5"/>
      <c r="T16232" s="5" t="s">
        <v>42</v>
      </c>
      <c r="U16232" s="2">
        <v>0</v>
      </c>
      <c r="V16232" s="2">
        <v>0</v>
      </c>
      <c r="W16232" s="2">
        <v>0</v>
      </c>
      <c r="X16232" s="2">
        <v>0</v>
      </c>
      <c r="Y16232" s="2">
        <v>0</v>
      </c>
      <c r="Z16232" s="2">
        <v>0</v>
      </c>
      <c r="AA16232" s="5"/>
      <c r="AB16232" s="5" t="s">
        <v>43</v>
      </c>
      <c r="AC16232" s="5" t="s">
        <v>44</v>
      </c>
      <c r="AD16232" s="2"/>
      <c r="AE16232" s="1"/>
    </row>
    <row r="16233" spans="1:31" ht="14.45">
      <c r="A16233" s="11"/>
      <c r="B16233" s="20"/>
      <c r="C16233" s="2" t="s">
        <v>49656</v>
      </c>
      <c r="D16233" s="14" t="s">
        <v>49657</v>
      </c>
      <c r="E16233" s="2" t="s">
        <v>49658</v>
      </c>
      <c r="F16233" s="2" t="s">
        <v>36277</v>
      </c>
      <c r="G16233" s="8">
        <v>315</v>
      </c>
      <c r="H16233" s="5">
        <v>6</v>
      </c>
      <c r="I16233" s="5" t="s">
        <v>1518</v>
      </c>
      <c r="J16233" s="5" t="s">
        <v>40939</v>
      </c>
      <c r="K16233" s="2" t="s">
        <v>40940</v>
      </c>
      <c r="L16233" s="5" t="s">
        <v>40939</v>
      </c>
      <c r="M16233" s="2" t="s">
        <v>40940</v>
      </c>
      <c r="N16233" s="5" t="s">
        <v>19227</v>
      </c>
      <c r="O16233" s="5" t="s">
        <v>38</v>
      </c>
      <c r="P16233" s="5" t="s">
        <v>39</v>
      </c>
      <c r="Q16233" s="5" t="s">
        <v>40</v>
      </c>
      <c r="R16233" s="5" t="s">
        <v>1487</v>
      </c>
      <c r="S16233" s="5"/>
      <c r="T16233" s="5" t="s">
        <v>42</v>
      </c>
      <c r="U16233" s="2">
        <v>0</v>
      </c>
      <c r="V16233" s="2">
        <v>0</v>
      </c>
      <c r="W16233" s="2">
        <v>0</v>
      </c>
      <c r="X16233" s="2">
        <v>0</v>
      </c>
      <c r="Y16233" s="2">
        <v>0</v>
      </c>
      <c r="Z16233" s="2">
        <v>0</v>
      </c>
      <c r="AA16233" s="5"/>
      <c r="AB16233" s="5" t="s">
        <v>43</v>
      </c>
      <c r="AC16233" s="5" t="s">
        <v>44</v>
      </c>
      <c r="AD16233" s="2"/>
      <c r="AE16233" s="1"/>
    </row>
    <row r="16234" spans="1:31" ht="14.45">
      <c r="A16234" s="11"/>
      <c r="B16234" s="20"/>
      <c r="C16234" s="2" t="s">
        <v>49659</v>
      </c>
      <c r="D16234" s="14" t="s">
        <v>49660</v>
      </c>
      <c r="E16234" s="2" t="s">
        <v>49661</v>
      </c>
      <c r="F16234" s="2" t="s">
        <v>7396</v>
      </c>
      <c r="G16234" s="8">
        <v>315</v>
      </c>
      <c r="H16234" s="5">
        <v>6</v>
      </c>
      <c r="I16234" s="5" t="s">
        <v>1518</v>
      </c>
      <c r="J16234" s="5" t="s">
        <v>40939</v>
      </c>
      <c r="K16234" s="2" t="s">
        <v>40940</v>
      </c>
      <c r="L16234" s="5" t="s">
        <v>40939</v>
      </c>
      <c r="M16234" s="2" t="s">
        <v>40940</v>
      </c>
      <c r="N16234" s="5" t="s">
        <v>19227</v>
      </c>
      <c r="O16234" s="5" t="s">
        <v>38</v>
      </c>
      <c r="P16234" s="5" t="s">
        <v>39</v>
      </c>
      <c r="Q16234" s="5" t="s">
        <v>40</v>
      </c>
      <c r="R16234" s="5" t="s">
        <v>1487</v>
      </c>
      <c r="S16234" s="5"/>
      <c r="T16234" s="5" t="s">
        <v>42</v>
      </c>
      <c r="U16234" s="2">
        <v>0</v>
      </c>
      <c r="V16234" s="2">
        <v>0</v>
      </c>
      <c r="W16234" s="2">
        <v>0</v>
      </c>
      <c r="X16234" s="2">
        <v>0</v>
      </c>
      <c r="Y16234" s="2">
        <v>0</v>
      </c>
      <c r="Z16234" s="2">
        <v>0</v>
      </c>
      <c r="AA16234" s="5"/>
      <c r="AB16234" s="5" t="s">
        <v>43</v>
      </c>
      <c r="AC16234" s="5" t="s">
        <v>44</v>
      </c>
      <c r="AD16234" s="2"/>
      <c r="AE16234" s="1"/>
    </row>
    <row r="16235" spans="1:31" ht="14.45">
      <c r="A16235" s="11"/>
      <c r="B16235" s="20"/>
      <c r="C16235" s="2" t="s">
        <v>49662</v>
      </c>
      <c r="D16235" s="14" t="s">
        <v>49663</v>
      </c>
      <c r="E16235" s="2" t="s">
        <v>49664</v>
      </c>
      <c r="F16235" s="2" t="s">
        <v>7507</v>
      </c>
      <c r="G16235" s="8">
        <v>315</v>
      </c>
      <c r="H16235" s="5">
        <v>6</v>
      </c>
      <c r="I16235" s="5" t="s">
        <v>1518</v>
      </c>
      <c r="J16235" s="5" t="s">
        <v>40939</v>
      </c>
      <c r="K16235" s="2" t="s">
        <v>40940</v>
      </c>
      <c r="L16235" s="5" t="s">
        <v>40939</v>
      </c>
      <c r="M16235" s="2" t="s">
        <v>40940</v>
      </c>
      <c r="N16235" s="5" t="s">
        <v>19227</v>
      </c>
      <c r="O16235" s="5" t="s">
        <v>38</v>
      </c>
      <c r="P16235" s="5" t="s">
        <v>39</v>
      </c>
      <c r="Q16235" s="5" t="s">
        <v>40</v>
      </c>
      <c r="R16235" s="5" t="s">
        <v>1487</v>
      </c>
      <c r="S16235" s="5"/>
      <c r="T16235" s="5" t="s">
        <v>42</v>
      </c>
      <c r="U16235" s="2">
        <v>0</v>
      </c>
      <c r="V16235" s="2">
        <v>0</v>
      </c>
      <c r="W16235" s="2">
        <v>0</v>
      </c>
      <c r="X16235" s="2">
        <v>0</v>
      </c>
      <c r="Y16235" s="2">
        <v>0</v>
      </c>
      <c r="Z16235" s="2">
        <v>0</v>
      </c>
      <c r="AA16235" s="5"/>
      <c r="AB16235" s="5" t="s">
        <v>43</v>
      </c>
      <c r="AC16235" s="5" t="s">
        <v>44</v>
      </c>
      <c r="AD16235" s="2"/>
      <c r="AE16235" s="1"/>
    </row>
    <row r="16236" spans="1:31" ht="14.45">
      <c r="A16236" s="11"/>
      <c r="B16236" s="20"/>
      <c r="C16236" s="2" t="s">
        <v>49665</v>
      </c>
      <c r="D16236" s="14" t="s">
        <v>49666</v>
      </c>
      <c r="E16236" s="2" t="s">
        <v>49667</v>
      </c>
      <c r="F16236" s="2" t="s">
        <v>7204</v>
      </c>
      <c r="G16236" s="8">
        <v>172</v>
      </c>
      <c r="H16236" s="5">
        <v>6</v>
      </c>
      <c r="I16236" s="5" t="s">
        <v>1518</v>
      </c>
      <c r="J16236" s="5" t="s">
        <v>36264</v>
      </c>
      <c r="K16236" s="2" t="s">
        <v>49668</v>
      </c>
      <c r="L16236" s="5" t="s">
        <v>36264</v>
      </c>
      <c r="M16236" s="2" t="s">
        <v>49668</v>
      </c>
      <c r="N16236" s="5" t="s">
        <v>19227</v>
      </c>
      <c r="O16236" s="5" t="s">
        <v>38</v>
      </c>
      <c r="P16236" s="5" t="s">
        <v>39</v>
      </c>
      <c r="Q16236" s="5" t="s">
        <v>40</v>
      </c>
      <c r="R16236" s="5" t="s">
        <v>1487</v>
      </c>
      <c r="S16236" s="5"/>
      <c r="T16236" s="5" t="s">
        <v>42</v>
      </c>
      <c r="U16236" s="2">
        <v>0</v>
      </c>
      <c r="V16236" s="2">
        <v>0</v>
      </c>
      <c r="W16236" s="2">
        <v>0</v>
      </c>
      <c r="X16236" s="2">
        <v>0</v>
      </c>
      <c r="Y16236" s="2">
        <v>0</v>
      </c>
      <c r="Z16236" s="2">
        <v>0</v>
      </c>
      <c r="AA16236" s="5"/>
      <c r="AB16236" s="5" t="s">
        <v>43</v>
      </c>
      <c r="AC16236" s="5" t="s">
        <v>44</v>
      </c>
      <c r="AD16236" s="2"/>
      <c r="AE16236" s="1"/>
    </row>
    <row r="16237" spans="1:31" ht="14.45">
      <c r="A16237" s="11"/>
      <c r="B16237" s="20"/>
      <c r="C16237" s="2" t="s">
        <v>49669</v>
      </c>
      <c r="D16237" s="14" t="s">
        <v>49670</v>
      </c>
      <c r="E16237" s="2" t="s">
        <v>49671</v>
      </c>
      <c r="F16237" s="2" t="s">
        <v>7514</v>
      </c>
      <c r="G16237" s="8">
        <v>172</v>
      </c>
      <c r="H16237" s="5">
        <v>6</v>
      </c>
      <c r="I16237" s="5" t="s">
        <v>1518</v>
      </c>
      <c r="J16237" s="5" t="s">
        <v>36264</v>
      </c>
      <c r="K16237" s="2" t="s">
        <v>49668</v>
      </c>
      <c r="L16237" s="5" t="s">
        <v>36264</v>
      </c>
      <c r="M16237" s="2" t="s">
        <v>49668</v>
      </c>
      <c r="N16237" s="5" t="s">
        <v>19227</v>
      </c>
      <c r="O16237" s="5" t="s">
        <v>38</v>
      </c>
      <c r="P16237" s="5" t="s">
        <v>39</v>
      </c>
      <c r="Q16237" s="5" t="s">
        <v>40</v>
      </c>
      <c r="R16237" s="5" t="s">
        <v>1487</v>
      </c>
      <c r="S16237" s="5"/>
      <c r="T16237" s="5" t="s">
        <v>42</v>
      </c>
      <c r="U16237" s="2">
        <v>0</v>
      </c>
      <c r="V16237" s="2">
        <v>0</v>
      </c>
      <c r="W16237" s="2">
        <v>0</v>
      </c>
      <c r="X16237" s="2">
        <v>0</v>
      </c>
      <c r="Y16237" s="2">
        <v>0</v>
      </c>
      <c r="Z16237" s="2">
        <v>0</v>
      </c>
      <c r="AA16237" s="5"/>
      <c r="AB16237" s="5" t="s">
        <v>43</v>
      </c>
      <c r="AC16237" s="5" t="s">
        <v>44</v>
      </c>
      <c r="AD16237" s="2"/>
      <c r="AE16237" s="1"/>
    </row>
    <row r="16238" spans="1:31" ht="14.45">
      <c r="A16238" s="11"/>
      <c r="B16238" s="20"/>
      <c r="C16238" s="2" t="s">
        <v>49672</v>
      </c>
      <c r="D16238" s="14" t="s">
        <v>49673</v>
      </c>
      <c r="E16238" s="2" t="s">
        <v>49674</v>
      </c>
      <c r="F16238" s="2" t="s">
        <v>36273</v>
      </c>
      <c r="G16238" s="8">
        <v>172</v>
      </c>
      <c r="H16238" s="5">
        <v>6</v>
      </c>
      <c r="I16238" s="5" t="s">
        <v>1518</v>
      </c>
      <c r="J16238" s="5" t="s">
        <v>36264</v>
      </c>
      <c r="K16238" s="2" t="s">
        <v>49668</v>
      </c>
      <c r="L16238" s="5" t="s">
        <v>36264</v>
      </c>
      <c r="M16238" s="2" t="s">
        <v>49668</v>
      </c>
      <c r="N16238" s="5" t="s">
        <v>19227</v>
      </c>
      <c r="O16238" s="5" t="s">
        <v>38</v>
      </c>
      <c r="P16238" s="5" t="s">
        <v>39</v>
      </c>
      <c r="Q16238" s="5" t="s">
        <v>40</v>
      </c>
      <c r="R16238" s="5" t="s">
        <v>1487</v>
      </c>
      <c r="S16238" s="5"/>
      <c r="T16238" s="5" t="s">
        <v>42</v>
      </c>
      <c r="U16238" s="2">
        <v>0</v>
      </c>
      <c r="V16238" s="2">
        <v>0</v>
      </c>
      <c r="W16238" s="2">
        <v>0</v>
      </c>
      <c r="X16238" s="2">
        <v>0</v>
      </c>
      <c r="Y16238" s="2">
        <v>0</v>
      </c>
      <c r="Z16238" s="2">
        <v>0</v>
      </c>
      <c r="AA16238" s="5"/>
      <c r="AB16238" s="5" t="s">
        <v>43</v>
      </c>
      <c r="AC16238" s="5" t="s">
        <v>44</v>
      </c>
      <c r="AD16238" s="2"/>
      <c r="AE16238" s="1"/>
    </row>
    <row r="16239" spans="1:31" ht="14.45">
      <c r="A16239" s="11"/>
      <c r="B16239" s="20"/>
      <c r="C16239" s="2" t="s">
        <v>49675</v>
      </c>
      <c r="D16239" s="14" t="s">
        <v>49676</v>
      </c>
      <c r="E16239" s="2" t="s">
        <v>49677</v>
      </c>
      <c r="F16239" s="2" t="s">
        <v>36277</v>
      </c>
      <c r="G16239" s="8">
        <v>172</v>
      </c>
      <c r="H16239" s="5">
        <v>6</v>
      </c>
      <c r="I16239" s="5" t="s">
        <v>1518</v>
      </c>
      <c r="J16239" s="5" t="s">
        <v>36264</v>
      </c>
      <c r="K16239" s="2" t="s">
        <v>49668</v>
      </c>
      <c r="L16239" s="5" t="s">
        <v>36264</v>
      </c>
      <c r="M16239" s="2" t="s">
        <v>49668</v>
      </c>
      <c r="N16239" s="5" t="s">
        <v>19227</v>
      </c>
      <c r="O16239" s="5" t="s">
        <v>38</v>
      </c>
      <c r="P16239" s="5" t="s">
        <v>39</v>
      </c>
      <c r="Q16239" s="5" t="s">
        <v>40</v>
      </c>
      <c r="R16239" s="5" t="s">
        <v>1487</v>
      </c>
      <c r="S16239" s="5"/>
      <c r="T16239" s="5" t="s">
        <v>42</v>
      </c>
      <c r="U16239" s="2">
        <v>0</v>
      </c>
      <c r="V16239" s="2">
        <v>0</v>
      </c>
      <c r="W16239" s="2">
        <v>0</v>
      </c>
      <c r="X16239" s="2">
        <v>0</v>
      </c>
      <c r="Y16239" s="2">
        <v>0</v>
      </c>
      <c r="Z16239" s="2">
        <v>0</v>
      </c>
      <c r="AA16239" s="5"/>
      <c r="AB16239" s="5" t="s">
        <v>43</v>
      </c>
      <c r="AC16239" s="5" t="s">
        <v>44</v>
      </c>
      <c r="AD16239" s="2"/>
      <c r="AE16239" s="1"/>
    </row>
    <row r="16240" spans="1:31" ht="14.45">
      <c r="A16240" s="11"/>
      <c r="B16240" s="20"/>
      <c r="C16240" s="2" t="s">
        <v>49678</v>
      </c>
      <c r="D16240" s="14" t="s">
        <v>49679</v>
      </c>
      <c r="E16240" s="2" t="s">
        <v>49680</v>
      </c>
      <c r="F16240" s="2" t="s">
        <v>36297</v>
      </c>
      <c r="G16240" s="8">
        <v>172</v>
      </c>
      <c r="H16240" s="5">
        <v>6</v>
      </c>
      <c r="I16240" s="5" t="s">
        <v>1518</v>
      </c>
      <c r="J16240" s="5" t="s">
        <v>36264</v>
      </c>
      <c r="K16240" s="2" t="s">
        <v>49668</v>
      </c>
      <c r="L16240" s="5" t="s">
        <v>36264</v>
      </c>
      <c r="M16240" s="2" t="s">
        <v>49668</v>
      </c>
      <c r="N16240" s="5" t="s">
        <v>19227</v>
      </c>
      <c r="O16240" s="5" t="s">
        <v>38</v>
      </c>
      <c r="P16240" s="5" t="s">
        <v>39</v>
      </c>
      <c r="Q16240" s="5" t="s">
        <v>40</v>
      </c>
      <c r="R16240" s="5" t="s">
        <v>1487</v>
      </c>
      <c r="S16240" s="5"/>
      <c r="T16240" s="5" t="s">
        <v>42</v>
      </c>
      <c r="U16240" s="2">
        <v>0</v>
      </c>
      <c r="V16240" s="2">
        <v>0</v>
      </c>
      <c r="W16240" s="2">
        <v>0</v>
      </c>
      <c r="X16240" s="2">
        <v>0</v>
      </c>
      <c r="Y16240" s="2">
        <v>0</v>
      </c>
      <c r="Z16240" s="2">
        <v>0</v>
      </c>
      <c r="AA16240" s="5"/>
      <c r="AB16240" s="5" t="s">
        <v>43</v>
      </c>
      <c r="AC16240" s="5" t="s">
        <v>44</v>
      </c>
      <c r="AD16240" s="2"/>
      <c r="AE16240" s="1"/>
    </row>
    <row r="16241" spans="1:31" ht="14.45">
      <c r="A16241" s="11"/>
      <c r="B16241" s="20"/>
      <c r="C16241" s="2" t="s">
        <v>49681</v>
      </c>
      <c r="D16241" s="14" t="s">
        <v>49682</v>
      </c>
      <c r="E16241" s="2" t="s">
        <v>49683</v>
      </c>
      <c r="F16241" s="2" t="s">
        <v>36301</v>
      </c>
      <c r="G16241" s="8">
        <v>172</v>
      </c>
      <c r="H16241" s="5">
        <v>6</v>
      </c>
      <c r="I16241" s="5" t="s">
        <v>1518</v>
      </c>
      <c r="J16241" s="5" t="s">
        <v>36264</v>
      </c>
      <c r="K16241" s="2" t="s">
        <v>49668</v>
      </c>
      <c r="L16241" s="5" t="s">
        <v>36264</v>
      </c>
      <c r="M16241" s="2" t="s">
        <v>49668</v>
      </c>
      <c r="N16241" s="5" t="s">
        <v>19227</v>
      </c>
      <c r="O16241" s="5" t="s">
        <v>38</v>
      </c>
      <c r="P16241" s="5" t="s">
        <v>39</v>
      </c>
      <c r="Q16241" s="5" t="s">
        <v>40</v>
      </c>
      <c r="R16241" s="5" t="s">
        <v>1487</v>
      </c>
      <c r="S16241" s="5"/>
      <c r="T16241" s="5" t="s">
        <v>42</v>
      </c>
      <c r="U16241" s="2">
        <v>0</v>
      </c>
      <c r="V16241" s="2">
        <v>0</v>
      </c>
      <c r="W16241" s="2">
        <v>0</v>
      </c>
      <c r="X16241" s="2">
        <v>0</v>
      </c>
      <c r="Y16241" s="2">
        <v>0</v>
      </c>
      <c r="Z16241" s="2">
        <v>0</v>
      </c>
      <c r="AA16241" s="5"/>
      <c r="AB16241" s="5" t="s">
        <v>43</v>
      </c>
      <c r="AC16241" s="5" t="s">
        <v>44</v>
      </c>
      <c r="AD16241" s="2"/>
      <c r="AE16241" s="1"/>
    </row>
    <row r="16242" spans="1:31" ht="14.45">
      <c r="A16242" s="11"/>
      <c r="B16242" s="20"/>
      <c r="C16242" s="2" t="s">
        <v>49684</v>
      </c>
      <c r="D16242" s="14" t="s">
        <v>49685</v>
      </c>
      <c r="E16242" s="2" t="s">
        <v>49686</v>
      </c>
      <c r="F16242" s="2" t="s">
        <v>36305</v>
      </c>
      <c r="G16242" s="8">
        <v>172</v>
      </c>
      <c r="H16242" s="5">
        <v>6</v>
      </c>
      <c r="I16242" s="5" t="s">
        <v>1518</v>
      </c>
      <c r="J16242" s="5" t="s">
        <v>36264</v>
      </c>
      <c r="K16242" s="2" t="s">
        <v>49668</v>
      </c>
      <c r="L16242" s="5" t="s">
        <v>36264</v>
      </c>
      <c r="M16242" s="2" t="s">
        <v>49668</v>
      </c>
      <c r="N16242" s="5" t="s">
        <v>19227</v>
      </c>
      <c r="O16242" s="5" t="s">
        <v>38</v>
      </c>
      <c r="P16242" s="5" t="s">
        <v>39</v>
      </c>
      <c r="Q16242" s="5" t="s">
        <v>40</v>
      </c>
      <c r="R16242" s="5" t="s">
        <v>1487</v>
      </c>
      <c r="S16242" s="5"/>
      <c r="T16242" s="5" t="s">
        <v>42</v>
      </c>
      <c r="U16242" s="2">
        <v>0</v>
      </c>
      <c r="V16242" s="2">
        <v>0</v>
      </c>
      <c r="W16242" s="2">
        <v>0</v>
      </c>
      <c r="X16242" s="2">
        <v>0</v>
      </c>
      <c r="Y16242" s="2">
        <v>0</v>
      </c>
      <c r="Z16242" s="2">
        <v>0</v>
      </c>
      <c r="AA16242" s="5"/>
      <c r="AB16242" s="5" t="s">
        <v>43</v>
      </c>
      <c r="AC16242" s="5" t="s">
        <v>44</v>
      </c>
      <c r="AD16242" s="2"/>
      <c r="AE16242" s="1"/>
    </row>
    <row r="16243" spans="1:31" ht="14.45">
      <c r="A16243" s="11"/>
      <c r="B16243" s="20"/>
      <c r="C16243" s="2" t="s">
        <v>49687</v>
      </c>
      <c r="D16243" s="14" t="s">
        <v>49688</v>
      </c>
      <c r="E16243" s="2" t="s">
        <v>49689</v>
      </c>
      <c r="F16243" s="2" t="s">
        <v>36309</v>
      </c>
      <c r="G16243" s="8">
        <v>172</v>
      </c>
      <c r="H16243" s="5">
        <v>6</v>
      </c>
      <c r="I16243" s="5" t="s">
        <v>1518</v>
      </c>
      <c r="J16243" s="5" t="s">
        <v>36264</v>
      </c>
      <c r="K16243" s="2" t="s">
        <v>49668</v>
      </c>
      <c r="L16243" s="5" t="s">
        <v>36264</v>
      </c>
      <c r="M16243" s="2" t="s">
        <v>49668</v>
      </c>
      <c r="N16243" s="5" t="s">
        <v>19227</v>
      </c>
      <c r="O16243" s="5" t="s">
        <v>38</v>
      </c>
      <c r="P16243" s="5" t="s">
        <v>39</v>
      </c>
      <c r="Q16243" s="5" t="s">
        <v>40</v>
      </c>
      <c r="R16243" s="5" t="s">
        <v>1487</v>
      </c>
      <c r="S16243" s="5"/>
      <c r="T16243" s="5" t="s">
        <v>42</v>
      </c>
      <c r="U16243" s="2">
        <v>0</v>
      </c>
      <c r="V16243" s="2">
        <v>0</v>
      </c>
      <c r="W16243" s="2">
        <v>0</v>
      </c>
      <c r="X16243" s="2">
        <v>0</v>
      </c>
      <c r="Y16243" s="2">
        <v>0</v>
      </c>
      <c r="Z16243" s="2">
        <v>0</v>
      </c>
      <c r="AA16243" s="5"/>
      <c r="AB16243" s="5" t="s">
        <v>43</v>
      </c>
      <c r="AC16243" s="5" t="s">
        <v>44</v>
      </c>
      <c r="AD16243" s="2"/>
      <c r="AE16243" s="1"/>
    </row>
    <row r="16244" spans="1:31" ht="14.45">
      <c r="A16244" s="11"/>
      <c r="B16244" s="20"/>
      <c r="C16244" s="2" t="s">
        <v>49690</v>
      </c>
      <c r="D16244" s="14" t="s">
        <v>49691</v>
      </c>
      <c r="E16244" s="2" t="s">
        <v>49692</v>
      </c>
      <c r="F16244" s="2" t="s">
        <v>7204</v>
      </c>
      <c r="G16244" s="8">
        <v>185</v>
      </c>
      <c r="H16244" s="5">
        <v>6</v>
      </c>
      <c r="I16244" s="5" t="s">
        <v>1518</v>
      </c>
      <c r="J16244" s="5" t="s">
        <v>36264</v>
      </c>
      <c r="K16244" s="2" t="s">
        <v>49668</v>
      </c>
      <c r="L16244" s="5" t="s">
        <v>36264</v>
      </c>
      <c r="M16244" s="2" t="s">
        <v>49668</v>
      </c>
      <c r="N16244" s="5" t="s">
        <v>19227</v>
      </c>
      <c r="O16244" s="5" t="s">
        <v>38</v>
      </c>
      <c r="P16244" s="5" t="s">
        <v>39</v>
      </c>
      <c r="Q16244" s="5" t="s">
        <v>40</v>
      </c>
      <c r="R16244" s="5" t="s">
        <v>1487</v>
      </c>
      <c r="S16244" s="5"/>
      <c r="T16244" s="5" t="s">
        <v>42</v>
      </c>
      <c r="U16244" s="2">
        <v>0</v>
      </c>
      <c r="V16244" s="2">
        <v>0</v>
      </c>
      <c r="W16244" s="2">
        <v>0</v>
      </c>
      <c r="X16244" s="2">
        <v>0</v>
      </c>
      <c r="Y16244" s="2">
        <v>0</v>
      </c>
      <c r="Z16244" s="2">
        <v>0</v>
      </c>
      <c r="AA16244" s="5"/>
      <c r="AB16244" s="5" t="s">
        <v>43</v>
      </c>
      <c r="AC16244" s="5" t="s">
        <v>44</v>
      </c>
      <c r="AD16244" s="2"/>
      <c r="AE16244" s="1"/>
    </row>
    <row r="16245" spans="1:31" ht="14.45">
      <c r="A16245" s="11"/>
      <c r="B16245" s="20"/>
      <c r="C16245" s="2" t="s">
        <v>49693</v>
      </c>
      <c r="D16245" s="14" t="s">
        <v>49694</v>
      </c>
      <c r="E16245" s="2" t="s">
        <v>49695</v>
      </c>
      <c r="F16245" s="2" t="s">
        <v>7514</v>
      </c>
      <c r="G16245" s="8">
        <v>185</v>
      </c>
      <c r="H16245" s="5">
        <v>6</v>
      </c>
      <c r="I16245" s="5" t="s">
        <v>1518</v>
      </c>
      <c r="J16245" s="5" t="s">
        <v>36264</v>
      </c>
      <c r="K16245" s="2" t="s">
        <v>49668</v>
      </c>
      <c r="L16245" s="5" t="s">
        <v>36264</v>
      </c>
      <c r="M16245" s="2" t="s">
        <v>49668</v>
      </c>
      <c r="N16245" s="5" t="s">
        <v>19227</v>
      </c>
      <c r="O16245" s="5" t="s">
        <v>38</v>
      </c>
      <c r="P16245" s="5" t="s">
        <v>39</v>
      </c>
      <c r="Q16245" s="5" t="s">
        <v>40</v>
      </c>
      <c r="R16245" s="5" t="s">
        <v>1487</v>
      </c>
      <c r="S16245" s="5"/>
      <c r="T16245" s="5" t="s">
        <v>42</v>
      </c>
      <c r="U16245" s="2">
        <v>0</v>
      </c>
      <c r="V16245" s="2">
        <v>0</v>
      </c>
      <c r="W16245" s="2">
        <v>0</v>
      </c>
      <c r="X16245" s="2">
        <v>0</v>
      </c>
      <c r="Y16245" s="2">
        <v>0</v>
      </c>
      <c r="Z16245" s="2">
        <v>0</v>
      </c>
      <c r="AA16245" s="5"/>
      <c r="AB16245" s="5" t="s">
        <v>43</v>
      </c>
      <c r="AC16245" s="5" t="s">
        <v>44</v>
      </c>
      <c r="AD16245" s="2"/>
      <c r="AE16245" s="1"/>
    </row>
    <row r="16246" spans="1:31" ht="14.45">
      <c r="A16246" s="11"/>
      <c r="B16246" s="20"/>
      <c r="C16246" s="2" t="s">
        <v>49696</v>
      </c>
      <c r="D16246" s="14" t="s">
        <v>49697</v>
      </c>
      <c r="E16246" s="2" t="s">
        <v>49698</v>
      </c>
      <c r="F16246" s="2" t="s">
        <v>36273</v>
      </c>
      <c r="G16246" s="8">
        <v>185</v>
      </c>
      <c r="H16246" s="5">
        <v>6</v>
      </c>
      <c r="I16246" s="5" t="s">
        <v>1518</v>
      </c>
      <c r="J16246" s="5" t="s">
        <v>36264</v>
      </c>
      <c r="K16246" s="2" t="s">
        <v>49668</v>
      </c>
      <c r="L16246" s="5" t="s">
        <v>36264</v>
      </c>
      <c r="M16246" s="2" t="s">
        <v>49668</v>
      </c>
      <c r="N16246" s="5" t="s">
        <v>19227</v>
      </c>
      <c r="O16246" s="5" t="s">
        <v>38</v>
      </c>
      <c r="P16246" s="5" t="s">
        <v>39</v>
      </c>
      <c r="Q16246" s="5" t="s">
        <v>40</v>
      </c>
      <c r="R16246" s="5" t="s">
        <v>1487</v>
      </c>
      <c r="S16246" s="5"/>
      <c r="T16246" s="5" t="s">
        <v>42</v>
      </c>
      <c r="U16246" s="2">
        <v>0</v>
      </c>
      <c r="V16246" s="2">
        <v>0</v>
      </c>
      <c r="W16246" s="2">
        <v>0</v>
      </c>
      <c r="X16246" s="2">
        <v>0</v>
      </c>
      <c r="Y16246" s="2">
        <v>0</v>
      </c>
      <c r="Z16246" s="2">
        <v>0</v>
      </c>
      <c r="AA16246" s="5"/>
      <c r="AB16246" s="5" t="s">
        <v>43</v>
      </c>
      <c r="AC16246" s="5" t="s">
        <v>44</v>
      </c>
      <c r="AD16246" s="2"/>
      <c r="AE16246" s="1"/>
    </row>
    <row r="16247" spans="1:31" ht="14.45">
      <c r="A16247" s="11"/>
      <c r="B16247" s="20"/>
      <c r="C16247" s="2" t="s">
        <v>49699</v>
      </c>
      <c r="D16247" s="14" t="s">
        <v>49700</v>
      </c>
      <c r="E16247" s="2" t="s">
        <v>49701</v>
      </c>
      <c r="F16247" s="2" t="s">
        <v>36277</v>
      </c>
      <c r="G16247" s="8">
        <v>185</v>
      </c>
      <c r="H16247" s="5">
        <v>6</v>
      </c>
      <c r="I16247" s="5" t="s">
        <v>1518</v>
      </c>
      <c r="J16247" s="5" t="s">
        <v>36264</v>
      </c>
      <c r="K16247" s="2" t="s">
        <v>49668</v>
      </c>
      <c r="L16247" s="5" t="s">
        <v>36264</v>
      </c>
      <c r="M16247" s="2" t="s">
        <v>49668</v>
      </c>
      <c r="N16247" s="5" t="s">
        <v>19227</v>
      </c>
      <c r="O16247" s="5" t="s">
        <v>38</v>
      </c>
      <c r="P16247" s="5" t="s">
        <v>39</v>
      </c>
      <c r="Q16247" s="5" t="s">
        <v>40</v>
      </c>
      <c r="R16247" s="5" t="s">
        <v>1487</v>
      </c>
      <c r="S16247" s="5"/>
      <c r="T16247" s="5" t="s">
        <v>42</v>
      </c>
      <c r="U16247" s="2">
        <v>0</v>
      </c>
      <c r="V16247" s="2">
        <v>0</v>
      </c>
      <c r="W16247" s="2">
        <v>0</v>
      </c>
      <c r="X16247" s="2">
        <v>0</v>
      </c>
      <c r="Y16247" s="2">
        <v>0</v>
      </c>
      <c r="Z16247" s="2">
        <v>0</v>
      </c>
      <c r="AA16247" s="5"/>
      <c r="AB16247" s="5" t="s">
        <v>43</v>
      </c>
      <c r="AC16247" s="5" t="s">
        <v>44</v>
      </c>
      <c r="AD16247" s="2"/>
      <c r="AE16247" s="1"/>
    </row>
    <row r="16248" spans="1:31" ht="14.45">
      <c r="A16248" s="11"/>
      <c r="B16248" s="20"/>
      <c r="C16248" s="2" t="s">
        <v>49702</v>
      </c>
      <c r="D16248" s="14" t="s">
        <v>49703</v>
      </c>
      <c r="E16248" s="2" t="s">
        <v>49704</v>
      </c>
      <c r="F16248" s="2" t="s">
        <v>36297</v>
      </c>
      <c r="G16248" s="8">
        <v>185</v>
      </c>
      <c r="H16248" s="5">
        <v>6</v>
      </c>
      <c r="I16248" s="5" t="s">
        <v>1518</v>
      </c>
      <c r="J16248" s="5" t="s">
        <v>36264</v>
      </c>
      <c r="K16248" s="2" t="s">
        <v>49668</v>
      </c>
      <c r="L16248" s="5" t="s">
        <v>36264</v>
      </c>
      <c r="M16248" s="2" t="s">
        <v>49668</v>
      </c>
      <c r="N16248" s="5" t="s">
        <v>19227</v>
      </c>
      <c r="O16248" s="5" t="s">
        <v>38</v>
      </c>
      <c r="P16248" s="5" t="s">
        <v>39</v>
      </c>
      <c r="Q16248" s="5" t="s">
        <v>40</v>
      </c>
      <c r="R16248" s="5" t="s">
        <v>1487</v>
      </c>
      <c r="S16248" s="5"/>
      <c r="T16248" s="5" t="s">
        <v>42</v>
      </c>
      <c r="U16248" s="2">
        <v>0</v>
      </c>
      <c r="V16248" s="2">
        <v>0</v>
      </c>
      <c r="W16248" s="2">
        <v>0</v>
      </c>
      <c r="X16248" s="2">
        <v>0</v>
      </c>
      <c r="Y16248" s="2">
        <v>0</v>
      </c>
      <c r="Z16248" s="2">
        <v>0</v>
      </c>
      <c r="AA16248" s="5"/>
      <c r="AB16248" s="5" t="s">
        <v>43</v>
      </c>
      <c r="AC16248" s="5" t="s">
        <v>44</v>
      </c>
      <c r="AD16248" s="2"/>
      <c r="AE16248" s="1"/>
    </row>
    <row r="16249" spans="1:31" ht="14.45">
      <c r="A16249" s="11"/>
      <c r="B16249" s="20"/>
      <c r="C16249" s="2" t="s">
        <v>49705</v>
      </c>
      <c r="D16249" s="14" t="s">
        <v>49706</v>
      </c>
      <c r="E16249" s="2" t="s">
        <v>49707</v>
      </c>
      <c r="F16249" s="2" t="s">
        <v>36301</v>
      </c>
      <c r="G16249" s="8">
        <v>185</v>
      </c>
      <c r="H16249" s="5">
        <v>6</v>
      </c>
      <c r="I16249" s="5" t="s">
        <v>1518</v>
      </c>
      <c r="J16249" s="5" t="s">
        <v>36264</v>
      </c>
      <c r="K16249" s="2" t="s">
        <v>49668</v>
      </c>
      <c r="L16249" s="5" t="s">
        <v>36264</v>
      </c>
      <c r="M16249" s="2" t="s">
        <v>49668</v>
      </c>
      <c r="N16249" s="5" t="s">
        <v>19227</v>
      </c>
      <c r="O16249" s="5" t="s">
        <v>38</v>
      </c>
      <c r="P16249" s="5" t="s">
        <v>39</v>
      </c>
      <c r="Q16249" s="5" t="s">
        <v>40</v>
      </c>
      <c r="R16249" s="5" t="s">
        <v>1487</v>
      </c>
      <c r="S16249" s="5"/>
      <c r="T16249" s="5" t="s">
        <v>42</v>
      </c>
      <c r="U16249" s="2">
        <v>0</v>
      </c>
      <c r="V16249" s="2">
        <v>0</v>
      </c>
      <c r="W16249" s="2">
        <v>0</v>
      </c>
      <c r="X16249" s="2">
        <v>0</v>
      </c>
      <c r="Y16249" s="2">
        <v>0</v>
      </c>
      <c r="Z16249" s="2">
        <v>0</v>
      </c>
      <c r="AA16249" s="5"/>
      <c r="AB16249" s="5" t="s">
        <v>43</v>
      </c>
      <c r="AC16249" s="5" t="s">
        <v>44</v>
      </c>
      <c r="AD16249" s="2"/>
      <c r="AE16249" s="1"/>
    </row>
    <row r="16250" spans="1:31" ht="14.45">
      <c r="A16250" s="11"/>
      <c r="B16250" s="20"/>
      <c r="C16250" s="2" t="s">
        <v>49708</v>
      </c>
      <c r="D16250" s="14" t="s">
        <v>49709</v>
      </c>
      <c r="E16250" s="2" t="s">
        <v>49710</v>
      </c>
      <c r="F16250" s="2" t="s">
        <v>36305</v>
      </c>
      <c r="G16250" s="8">
        <v>185</v>
      </c>
      <c r="H16250" s="5">
        <v>6</v>
      </c>
      <c r="I16250" s="5" t="s">
        <v>1518</v>
      </c>
      <c r="J16250" s="5" t="s">
        <v>36264</v>
      </c>
      <c r="K16250" s="2" t="s">
        <v>49668</v>
      </c>
      <c r="L16250" s="5" t="s">
        <v>36264</v>
      </c>
      <c r="M16250" s="2" t="s">
        <v>49668</v>
      </c>
      <c r="N16250" s="5" t="s">
        <v>19227</v>
      </c>
      <c r="O16250" s="5" t="s">
        <v>38</v>
      </c>
      <c r="P16250" s="5" t="s">
        <v>39</v>
      </c>
      <c r="Q16250" s="5" t="s">
        <v>40</v>
      </c>
      <c r="R16250" s="5" t="s">
        <v>1487</v>
      </c>
      <c r="S16250" s="5"/>
      <c r="T16250" s="5" t="s">
        <v>42</v>
      </c>
      <c r="U16250" s="2">
        <v>0</v>
      </c>
      <c r="V16250" s="2">
        <v>0</v>
      </c>
      <c r="W16250" s="2">
        <v>0</v>
      </c>
      <c r="X16250" s="2">
        <v>0</v>
      </c>
      <c r="Y16250" s="2">
        <v>0</v>
      </c>
      <c r="Z16250" s="2">
        <v>0</v>
      </c>
      <c r="AA16250" s="5"/>
      <c r="AB16250" s="5" t="s">
        <v>43</v>
      </c>
      <c r="AC16250" s="5" t="s">
        <v>44</v>
      </c>
      <c r="AD16250" s="2"/>
      <c r="AE16250" s="1"/>
    </row>
    <row r="16251" spans="1:31" ht="14.45">
      <c r="A16251" s="11"/>
      <c r="B16251" s="20"/>
      <c r="C16251" s="2" t="s">
        <v>49711</v>
      </c>
      <c r="D16251" s="14" t="s">
        <v>49712</v>
      </c>
      <c r="E16251" s="2" t="s">
        <v>49713</v>
      </c>
      <c r="F16251" s="2" t="s">
        <v>36309</v>
      </c>
      <c r="G16251" s="8">
        <v>185</v>
      </c>
      <c r="H16251" s="5">
        <v>6</v>
      </c>
      <c r="I16251" s="5" t="s">
        <v>1518</v>
      </c>
      <c r="J16251" s="5" t="s">
        <v>36264</v>
      </c>
      <c r="K16251" s="2" t="s">
        <v>49668</v>
      </c>
      <c r="L16251" s="5" t="s">
        <v>36264</v>
      </c>
      <c r="M16251" s="2" t="s">
        <v>49668</v>
      </c>
      <c r="N16251" s="5" t="s">
        <v>19227</v>
      </c>
      <c r="O16251" s="5" t="s">
        <v>38</v>
      </c>
      <c r="P16251" s="5" t="s">
        <v>39</v>
      </c>
      <c r="Q16251" s="5" t="s">
        <v>40</v>
      </c>
      <c r="R16251" s="5" t="s">
        <v>1487</v>
      </c>
      <c r="S16251" s="5"/>
      <c r="T16251" s="5" t="s">
        <v>42</v>
      </c>
      <c r="U16251" s="2">
        <v>0</v>
      </c>
      <c r="V16251" s="2">
        <v>0</v>
      </c>
      <c r="W16251" s="2">
        <v>0</v>
      </c>
      <c r="X16251" s="2">
        <v>0</v>
      </c>
      <c r="Y16251" s="2">
        <v>0</v>
      </c>
      <c r="Z16251" s="2">
        <v>0</v>
      </c>
      <c r="AA16251" s="5"/>
      <c r="AB16251" s="5" t="s">
        <v>43</v>
      </c>
      <c r="AC16251" s="5" t="s">
        <v>44</v>
      </c>
      <c r="AD16251" s="2"/>
      <c r="AE16251" s="1"/>
    </row>
    <row r="16252" spans="1:31" ht="14.45">
      <c r="A16252" s="11"/>
      <c r="B16252" s="20"/>
      <c r="C16252" s="2" t="s">
        <v>49714</v>
      </c>
      <c r="D16252" s="14" t="s">
        <v>49715</v>
      </c>
      <c r="E16252" s="2" t="s">
        <v>49716</v>
      </c>
      <c r="F16252" s="2" t="s">
        <v>7204</v>
      </c>
      <c r="G16252" s="8">
        <v>197</v>
      </c>
      <c r="H16252" s="5">
        <v>6</v>
      </c>
      <c r="I16252" s="5" t="s">
        <v>1518</v>
      </c>
      <c r="J16252" s="5" t="s">
        <v>36264</v>
      </c>
      <c r="K16252" s="2" t="s">
        <v>49668</v>
      </c>
      <c r="L16252" s="5" t="s">
        <v>36264</v>
      </c>
      <c r="M16252" s="2" t="s">
        <v>49668</v>
      </c>
      <c r="N16252" s="5" t="s">
        <v>19227</v>
      </c>
      <c r="O16252" s="5" t="s">
        <v>38</v>
      </c>
      <c r="P16252" s="5" t="s">
        <v>39</v>
      </c>
      <c r="Q16252" s="5" t="s">
        <v>40</v>
      </c>
      <c r="R16252" s="5" t="s">
        <v>1487</v>
      </c>
      <c r="S16252" s="5"/>
      <c r="T16252" s="5" t="s">
        <v>42</v>
      </c>
      <c r="U16252" s="2">
        <v>0</v>
      </c>
      <c r="V16252" s="2">
        <v>0</v>
      </c>
      <c r="W16252" s="2">
        <v>0</v>
      </c>
      <c r="X16252" s="2">
        <v>0</v>
      </c>
      <c r="Y16252" s="2">
        <v>0</v>
      </c>
      <c r="Z16252" s="2">
        <v>0</v>
      </c>
      <c r="AA16252" s="5"/>
      <c r="AB16252" s="5" t="s">
        <v>43</v>
      </c>
      <c r="AC16252" s="5" t="s">
        <v>44</v>
      </c>
      <c r="AD16252" s="2"/>
      <c r="AE16252" s="1"/>
    </row>
    <row r="16253" spans="1:31" ht="14.45">
      <c r="A16253" s="11"/>
      <c r="B16253" s="20"/>
      <c r="C16253" s="2" t="s">
        <v>49717</v>
      </c>
      <c r="D16253" s="14" t="s">
        <v>49718</v>
      </c>
      <c r="E16253" s="2" t="s">
        <v>49719</v>
      </c>
      <c r="F16253" s="2" t="s">
        <v>7514</v>
      </c>
      <c r="G16253" s="8">
        <v>197</v>
      </c>
      <c r="H16253" s="5">
        <v>6</v>
      </c>
      <c r="I16253" s="5" t="s">
        <v>1518</v>
      </c>
      <c r="J16253" s="5" t="s">
        <v>36264</v>
      </c>
      <c r="K16253" s="2" t="s">
        <v>49668</v>
      </c>
      <c r="L16253" s="5" t="s">
        <v>36264</v>
      </c>
      <c r="M16253" s="2" t="s">
        <v>49668</v>
      </c>
      <c r="N16253" s="5" t="s">
        <v>19227</v>
      </c>
      <c r="O16253" s="5" t="s">
        <v>38</v>
      </c>
      <c r="P16253" s="5" t="s">
        <v>39</v>
      </c>
      <c r="Q16253" s="5" t="s">
        <v>40</v>
      </c>
      <c r="R16253" s="5" t="s">
        <v>1487</v>
      </c>
      <c r="S16253" s="5"/>
      <c r="T16253" s="5" t="s">
        <v>42</v>
      </c>
      <c r="U16253" s="2">
        <v>0</v>
      </c>
      <c r="V16253" s="2">
        <v>0</v>
      </c>
      <c r="W16253" s="2">
        <v>0</v>
      </c>
      <c r="X16253" s="2">
        <v>0</v>
      </c>
      <c r="Y16253" s="2">
        <v>0</v>
      </c>
      <c r="Z16253" s="2">
        <v>0</v>
      </c>
      <c r="AA16253" s="5"/>
      <c r="AB16253" s="5" t="s">
        <v>43</v>
      </c>
      <c r="AC16253" s="5" t="s">
        <v>44</v>
      </c>
      <c r="AD16253" s="2"/>
      <c r="AE16253" s="1"/>
    </row>
    <row r="16254" spans="1:31" ht="14.45">
      <c r="A16254" s="11"/>
      <c r="B16254" s="20"/>
      <c r="C16254" s="2" t="s">
        <v>49720</v>
      </c>
      <c r="D16254" s="14" t="s">
        <v>49721</v>
      </c>
      <c r="E16254" s="2" t="s">
        <v>49722</v>
      </c>
      <c r="F16254" s="2" t="s">
        <v>36273</v>
      </c>
      <c r="G16254" s="8">
        <v>197</v>
      </c>
      <c r="H16254" s="5">
        <v>6</v>
      </c>
      <c r="I16254" s="5" t="s">
        <v>1518</v>
      </c>
      <c r="J16254" s="5" t="s">
        <v>36264</v>
      </c>
      <c r="K16254" s="2" t="s">
        <v>49668</v>
      </c>
      <c r="L16254" s="5" t="s">
        <v>36264</v>
      </c>
      <c r="M16254" s="2" t="s">
        <v>49668</v>
      </c>
      <c r="N16254" s="5" t="s">
        <v>19227</v>
      </c>
      <c r="O16254" s="5" t="s">
        <v>38</v>
      </c>
      <c r="P16254" s="5" t="s">
        <v>39</v>
      </c>
      <c r="Q16254" s="5" t="s">
        <v>40</v>
      </c>
      <c r="R16254" s="5" t="s">
        <v>1487</v>
      </c>
      <c r="S16254" s="5"/>
      <c r="T16254" s="5" t="s">
        <v>42</v>
      </c>
      <c r="U16254" s="2">
        <v>0</v>
      </c>
      <c r="V16254" s="2">
        <v>0</v>
      </c>
      <c r="W16254" s="2">
        <v>0</v>
      </c>
      <c r="X16254" s="2">
        <v>0</v>
      </c>
      <c r="Y16254" s="2">
        <v>0</v>
      </c>
      <c r="Z16254" s="2">
        <v>0</v>
      </c>
      <c r="AA16254" s="5"/>
      <c r="AB16254" s="5" t="s">
        <v>43</v>
      </c>
      <c r="AC16254" s="5" t="s">
        <v>44</v>
      </c>
      <c r="AD16254" s="2"/>
      <c r="AE16254" s="1"/>
    </row>
    <row r="16255" spans="1:31" ht="14.45">
      <c r="A16255" s="11"/>
      <c r="B16255" s="20"/>
      <c r="C16255" s="2" t="s">
        <v>49723</v>
      </c>
      <c r="D16255" s="14" t="s">
        <v>49724</v>
      </c>
      <c r="E16255" s="2" t="s">
        <v>49725</v>
      </c>
      <c r="F16255" s="2" t="s">
        <v>36277</v>
      </c>
      <c r="G16255" s="8">
        <v>197</v>
      </c>
      <c r="H16255" s="5">
        <v>6</v>
      </c>
      <c r="I16255" s="5" t="s">
        <v>1518</v>
      </c>
      <c r="J16255" s="5" t="s">
        <v>36264</v>
      </c>
      <c r="K16255" s="2" t="s">
        <v>49668</v>
      </c>
      <c r="L16255" s="5" t="s">
        <v>36264</v>
      </c>
      <c r="M16255" s="2" t="s">
        <v>49668</v>
      </c>
      <c r="N16255" s="5" t="s">
        <v>19227</v>
      </c>
      <c r="O16255" s="5" t="s">
        <v>38</v>
      </c>
      <c r="P16255" s="5" t="s">
        <v>39</v>
      </c>
      <c r="Q16255" s="5" t="s">
        <v>40</v>
      </c>
      <c r="R16255" s="5" t="s">
        <v>1487</v>
      </c>
      <c r="S16255" s="5"/>
      <c r="T16255" s="5" t="s">
        <v>42</v>
      </c>
      <c r="U16255" s="2">
        <v>0</v>
      </c>
      <c r="V16255" s="2">
        <v>0</v>
      </c>
      <c r="W16255" s="2">
        <v>0</v>
      </c>
      <c r="X16255" s="2">
        <v>0</v>
      </c>
      <c r="Y16255" s="2">
        <v>0</v>
      </c>
      <c r="Z16255" s="2">
        <v>0</v>
      </c>
      <c r="AA16255" s="5"/>
      <c r="AB16255" s="5" t="s">
        <v>43</v>
      </c>
      <c r="AC16255" s="5" t="s">
        <v>44</v>
      </c>
      <c r="AD16255" s="2"/>
      <c r="AE16255" s="1"/>
    </row>
    <row r="16256" spans="1:31" ht="14.45">
      <c r="A16256" s="11"/>
      <c r="B16256" s="20"/>
      <c r="C16256" s="2" t="s">
        <v>49726</v>
      </c>
      <c r="D16256" s="14" t="s">
        <v>49727</v>
      </c>
      <c r="E16256" s="2" t="s">
        <v>49728</v>
      </c>
      <c r="F16256" s="2" t="s">
        <v>36297</v>
      </c>
      <c r="G16256" s="8">
        <v>197</v>
      </c>
      <c r="H16256" s="5">
        <v>6</v>
      </c>
      <c r="I16256" s="5" t="s">
        <v>1518</v>
      </c>
      <c r="J16256" s="5" t="s">
        <v>36264</v>
      </c>
      <c r="K16256" s="2" t="s">
        <v>49668</v>
      </c>
      <c r="L16256" s="5" t="s">
        <v>36264</v>
      </c>
      <c r="M16256" s="2" t="s">
        <v>49668</v>
      </c>
      <c r="N16256" s="5" t="s">
        <v>19227</v>
      </c>
      <c r="O16256" s="5" t="s">
        <v>38</v>
      </c>
      <c r="P16256" s="5" t="s">
        <v>39</v>
      </c>
      <c r="Q16256" s="5" t="s">
        <v>40</v>
      </c>
      <c r="R16256" s="5" t="s">
        <v>1487</v>
      </c>
      <c r="S16256" s="5"/>
      <c r="T16256" s="5" t="s">
        <v>42</v>
      </c>
      <c r="U16256" s="2">
        <v>0</v>
      </c>
      <c r="V16256" s="2">
        <v>0</v>
      </c>
      <c r="W16256" s="2">
        <v>0</v>
      </c>
      <c r="X16256" s="2">
        <v>0</v>
      </c>
      <c r="Y16256" s="2">
        <v>0</v>
      </c>
      <c r="Z16256" s="2">
        <v>0</v>
      </c>
      <c r="AA16256" s="5"/>
      <c r="AB16256" s="5" t="s">
        <v>43</v>
      </c>
      <c r="AC16256" s="5" t="s">
        <v>44</v>
      </c>
      <c r="AD16256" s="2"/>
      <c r="AE16256" s="1"/>
    </row>
    <row r="16257" spans="1:31" ht="14.45">
      <c r="A16257" s="11"/>
      <c r="B16257" s="20"/>
      <c r="C16257" s="2" t="s">
        <v>49729</v>
      </c>
      <c r="D16257" s="14" t="s">
        <v>49730</v>
      </c>
      <c r="E16257" s="2" t="s">
        <v>49731</v>
      </c>
      <c r="F16257" s="2" t="s">
        <v>36301</v>
      </c>
      <c r="G16257" s="8">
        <v>197</v>
      </c>
      <c r="H16257" s="5">
        <v>6</v>
      </c>
      <c r="I16257" s="5" t="s">
        <v>1518</v>
      </c>
      <c r="J16257" s="5" t="s">
        <v>36264</v>
      </c>
      <c r="K16257" s="2" t="s">
        <v>49668</v>
      </c>
      <c r="L16257" s="5" t="s">
        <v>36264</v>
      </c>
      <c r="M16257" s="2" t="s">
        <v>49668</v>
      </c>
      <c r="N16257" s="5" t="s">
        <v>19227</v>
      </c>
      <c r="O16257" s="5" t="s">
        <v>38</v>
      </c>
      <c r="P16257" s="5" t="s">
        <v>39</v>
      </c>
      <c r="Q16257" s="5" t="s">
        <v>40</v>
      </c>
      <c r="R16257" s="5" t="s">
        <v>1487</v>
      </c>
      <c r="S16257" s="5"/>
      <c r="T16257" s="5" t="s">
        <v>42</v>
      </c>
      <c r="U16257" s="2">
        <v>0</v>
      </c>
      <c r="V16257" s="2">
        <v>0</v>
      </c>
      <c r="W16257" s="2">
        <v>0</v>
      </c>
      <c r="X16257" s="2">
        <v>0</v>
      </c>
      <c r="Y16257" s="2">
        <v>0</v>
      </c>
      <c r="Z16257" s="2">
        <v>0</v>
      </c>
      <c r="AA16257" s="5"/>
      <c r="AB16257" s="5" t="s">
        <v>43</v>
      </c>
      <c r="AC16257" s="5" t="s">
        <v>44</v>
      </c>
      <c r="AD16257" s="2"/>
      <c r="AE16257" s="1"/>
    </row>
    <row r="16258" spans="1:31" ht="14.45">
      <c r="A16258" s="11"/>
      <c r="B16258" s="20"/>
      <c r="C16258" s="2" t="s">
        <v>49732</v>
      </c>
      <c r="D16258" s="14" t="s">
        <v>49733</v>
      </c>
      <c r="E16258" s="2" t="s">
        <v>49734</v>
      </c>
      <c r="F16258" s="2" t="s">
        <v>36305</v>
      </c>
      <c r="G16258" s="8">
        <v>197</v>
      </c>
      <c r="H16258" s="5">
        <v>6</v>
      </c>
      <c r="I16258" s="5" t="s">
        <v>1518</v>
      </c>
      <c r="J16258" s="5" t="s">
        <v>36264</v>
      </c>
      <c r="K16258" s="2" t="s">
        <v>49668</v>
      </c>
      <c r="L16258" s="5" t="s">
        <v>36264</v>
      </c>
      <c r="M16258" s="2" t="s">
        <v>49668</v>
      </c>
      <c r="N16258" s="5" t="s">
        <v>19227</v>
      </c>
      <c r="O16258" s="5" t="s">
        <v>38</v>
      </c>
      <c r="P16258" s="5" t="s">
        <v>39</v>
      </c>
      <c r="Q16258" s="5" t="s">
        <v>40</v>
      </c>
      <c r="R16258" s="5" t="s">
        <v>1487</v>
      </c>
      <c r="S16258" s="5"/>
      <c r="T16258" s="5" t="s">
        <v>42</v>
      </c>
      <c r="U16258" s="2">
        <v>0</v>
      </c>
      <c r="V16258" s="2">
        <v>0</v>
      </c>
      <c r="W16258" s="2">
        <v>0</v>
      </c>
      <c r="X16258" s="2">
        <v>0</v>
      </c>
      <c r="Y16258" s="2">
        <v>0</v>
      </c>
      <c r="Z16258" s="2">
        <v>0</v>
      </c>
      <c r="AA16258" s="5"/>
      <c r="AB16258" s="5" t="s">
        <v>43</v>
      </c>
      <c r="AC16258" s="5" t="s">
        <v>44</v>
      </c>
      <c r="AD16258" s="2"/>
      <c r="AE16258" s="1"/>
    </row>
    <row r="16259" spans="1:31" ht="14.45">
      <c r="A16259" s="11"/>
      <c r="B16259" s="20"/>
      <c r="C16259" s="2" t="s">
        <v>49735</v>
      </c>
      <c r="D16259" s="14" t="s">
        <v>49736</v>
      </c>
      <c r="E16259" s="2" t="s">
        <v>49737</v>
      </c>
      <c r="F16259" s="2" t="s">
        <v>36309</v>
      </c>
      <c r="G16259" s="8">
        <v>197</v>
      </c>
      <c r="H16259" s="5">
        <v>6</v>
      </c>
      <c r="I16259" s="5" t="s">
        <v>1518</v>
      </c>
      <c r="J16259" s="5" t="s">
        <v>36264</v>
      </c>
      <c r="K16259" s="2" t="s">
        <v>49668</v>
      </c>
      <c r="L16259" s="5" t="s">
        <v>36264</v>
      </c>
      <c r="M16259" s="2" t="s">
        <v>49668</v>
      </c>
      <c r="N16259" s="5" t="s">
        <v>19227</v>
      </c>
      <c r="O16259" s="5" t="s">
        <v>38</v>
      </c>
      <c r="P16259" s="5" t="s">
        <v>39</v>
      </c>
      <c r="Q16259" s="5" t="s">
        <v>40</v>
      </c>
      <c r="R16259" s="5" t="s">
        <v>1487</v>
      </c>
      <c r="S16259" s="5"/>
      <c r="T16259" s="5" t="s">
        <v>42</v>
      </c>
      <c r="U16259" s="2">
        <v>0</v>
      </c>
      <c r="V16259" s="2">
        <v>0</v>
      </c>
      <c r="W16259" s="2">
        <v>0</v>
      </c>
      <c r="X16259" s="2">
        <v>0</v>
      </c>
      <c r="Y16259" s="2">
        <v>0</v>
      </c>
      <c r="Z16259" s="2">
        <v>0</v>
      </c>
      <c r="AA16259" s="5"/>
      <c r="AB16259" s="5" t="s">
        <v>43</v>
      </c>
      <c r="AC16259" s="5" t="s">
        <v>44</v>
      </c>
      <c r="AD16259" s="2"/>
      <c r="AE16259" s="1"/>
    </row>
    <row r="16260" spans="1:31" ht="14.45">
      <c r="A16260" s="11"/>
      <c r="B16260" s="20"/>
      <c r="C16260" s="2" t="s">
        <v>49738</v>
      </c>
      <c r="D16260" s="14" t="s">
        <v>49739</v>
      </c>
      <c r="E16260" s="2" t="s">
        <v>49740</v>
      </c>
      <c r="F16260" s="2" t="s">
        <v>7204</v>
      </c>
      <c r="G16260" s="8">
        <v>172</v>
      </c>
      <c r="H16260" s="5">
        <v>6</v>
      </c>
      <c r="I16260" s="5" t="s">
        <v>1518</v>
      </c>
      <c r="J16260" s="5" t="s">
        <v>36264</v>
      </c>
      <c r="K16260" s="2" t="s">
        <v>49668</v>
      </c>
      <c r="L16260" s="5" t="s">
        <v>36264</v>
      </c>
      <c r="M16260" s="2" t="s">
        <v>49668</v>
      </c>
      <c r="N16260" s="5" t="s">
        <v>19227</v>
      </c>
      <c r="O16260" s="5" t="s">
        <v>38</v>
      </c>
      <c r="P16260" s="5" t="s">
        <v>39</v>
      </c>
      <c r="Q16260" s="5" t="s">
        <v>40</v>
      </c>
      <c r="R16260" s="5" t="s">
        <v>1487</v>
      </c>
      <c r="S16260" s="5"/>
      <c r="T16260" s="5" t="s">
        <v>42</v>
      </c>
      <c r="U16260" s="2">
        <v>0</v>
      </c>
      <c r="V16260" s="2">
        <v>0</v>
      </c>
      <c r="W16260" s="2">
        <v>0</v>
      </c>
      <c r="X16260" s="2">
        <v>0</v>
      </c>
      <c r="Y16260" s="2">
        <v>0</v>
      </c>
      <c r="Z16260" s="2">
        <v>0</v>
      </c>
      <c r="AA16260" s="5"/>
      <c r="AB16260" s="5" t="s">
        <v>43</v>
      </c>
      <c r="AC16260" s="5" t="s">
        <v>44</v>
      </c>
      <c r="AD16260" s="2"/>
      <c r="AE16260" s="1"/>
    </row>
    <row r="16261" spans="1:31" ht="14.45">
      <c r="A16261" s="11"/>
      <c r="B16261" s="20"/>
      <c r="C16261" s="2" t="s">
        <v>49741</v>
      </c>
      <c r="D16261" s="14" t="s">
        <v>49742</v>
      </c>
      <c r="E16261" s="2" t="s">
        <v>49743</v>
      </c>
      <c r="F16261" s="2" t="s">
        <v>7514</v>
      </c>
      <c r="G16261" s="8">
        <v>172</v>
      </c>
      <c r="H16261" s="5">
        <v>6</v>
      </c>
      <c r="I16261" s="5" t="s">
        <v>1518</v>
      </c>
      <c r="J16261" s="5" t="s">
        <v>36264</v>
      </c>
      <c r="K16261" s="2" t="s">
        <v>49668</v>
      </c>
      <c r="L16261" s="5" t="s">
        <v>36264</v>
      </c>
      <c r="M16261" s="2" t="s">
        <v>49668</v>
      </c>
      <c r="N16261" s="5" t="s">
        <v>19227</v>
      </c>
      <c r="O16261" s="5" t="s">
        <v>38</v>
      </c>
      <c r="P16261" s="5" t="s">
        <v>39</v>
      </c>
      <c r="Q16261" s="5" t="s">
        <v>40</v>
      </c>
      <c r="R16261" s="5" t="s">
        <v>1487</v>
      </c>
      <c r="S16261" s="5"/>
      <c r="T16261" s="5" t="s">
        <v>42</v>
      </c>
      <c r="U16261" s="2">
        <v>0</v>
      </c>
      <c r="V16261" s="2">
        <v>0</v>
      </c>
      <c r="W16261" s="2">
        <v>0</v>
      </c>
      <c r="X16261" s="2">
        <v>0</v>
      </c>
      <c r="Y16261" s="2">
        <v>0</v>
      </c>
      <c r="Z16261" s="2">
        <v>0</v>
      </c>
      <c r="AA16261" s="5"/>
      <c r="AB16261" s="5" t="s">
        <v>43</v>
      </c>
      <c r="AC16261" s="5" t="s">
        <v>44</v>
      </c>
      <c r="AD16261" s="2"/>
      <c r="AE16261" s="1"/>
    </row>
    <row r="16262" spans="1:31" ht="14.45">
      <c r="A16262" s="11"/>
      <c r="B16262" s="20"/>
      <c r="C16262" s="2" t="s">
        <v>49744</v>
      </c>
      <c r="D16262" s="14" t="s">
        <v>49745</v>
      </c>
      <c r="E16262" s="2" t="s">
        <v>49746</v>
      </c>
      <c r="F16262" s="2" t="s">
        <v>36273</v>
      </c>
      <c r="G16262" s="8">
        <v>172</v>
      </c>
      <c r="H16262" s="5">
        <v>6</v>
      </c>
      <c r="I16262" s="5" t="s">
        <v>1518</v>
      </c>
      <c r="J16262" s="5" t="s">
        <v>36264</v>
      </c>
      <c r="K16262" s="2" t="s">
        <v>49668</v>
      </c>
      <c r="L16262" s="5" t="s">
        <v>36264</v>
      </c>
      <c r="M16262" s="2" t="s">
        <v>49668</v>
      </c>
      <c r="N16262" s="5" t="s">
        <v>19227</v>
      </c>
      <c r="O16262" s="5" t="s">
        <v>38</v>
      </c>
      <c r="P16262" s="5" t="s">
        <v>39</v>
      </c>
      <c r="Q16262" s="5" t="s">
        <v>40</v>
      </c>
      <c r="R16262" s="5" t="s">
        <v>1487</v>
      </c>
      <c r="S16262" s="5"/>
      <c r="T16262" s="5" t="s">
        <v>42</v>
      </c>
      <c r="U16262" s="2">
        <v>0</v>
      </c>
      <c r="V16262" s="2">
        <v>0</v>
      </c>
      <c r="W16262" s="2">
        <v>0</v>
      </c>
      <c r="X16262" s="2">
        <v>0</v>
      </c>
      <c r="Y16262" s="2">
        <v>0</v>
      </c>
      <c r="Z16262" s="2">
        <v>0</v>
      </c>
      <c r="AA16262" s="5"/>
      <c r="AB16262" s="5" t="s">
        <v>43</v>
      </c>
      <c r="AC16262" s="5" t="s">
        <v>44</v>
      </c>
      <c r="AD16262" s="2"/>
      <c r="AE16262" s="1"/>
    </row>
    <row r="16263" spans="1:31" ht="14.45">
      <c r="A16263" s="11"/>
      <c r="B16263" s="20"/>
      <c r="C16263" s="2" t="s">
        <v>49747</v>
      </c>
      <c r="D16263" s="14" t="s">
        <v>49748</v>
      </c>
      <c r="E16263" s="2" t="s">
        <v>49749</v>
      </c>
      <c r="F16263" s="2" t="s">
        <v>36277</v>
      </c>
      <c r="G16263" s="8">
        <v>172</v>
      </c>
      <c r="H16263" s="5">
        <v>6</v>
      </c>
      <c r="I16263" s="5" t="s">
        <v>1518</v>
      </c>
      <c r="J16263" s="5" t="s">
        <v>36264</v>
      </c>
      <c r="K16263" s="2" t="s">
        <v>49668</v>
      </c>
      <c r="L16263" s="5" t="s">
        <v>36264</v>
      </c>
      <c r="M16263" s="2" t="s">
        <v>49668</v>
      </c>
      <c r="N16263" s="5" t="s">
        <v>19227</v>
      </c>
      <c r="O16263" s="5" t="s">
        <v>38</v>
      </c>
      <c r="P16263" s="5" t="s">
        <v>39</v>
      </c>
      <c r="Q16263" s="5" t="s">
        <v>40</v>
      </c>
      <c r="R16263" s="5" t="s">
        <v>1487</v>
      </c>
      <c r="S16263" s="5"/>
      <c r="T16263" s="5" t="s">
        <v>42</v>
      </c>
      <c r="U16263" s="2">
        <v>0</v>
      </c>
      <c r="V16263" s="2">
        <v>0</v>
      </c>
      <c r="W16263" s="2">
        <v>0</v>
      </c>
      <c r="X16263" s="2">
        <v>0</v>
      </c>
      <c r="Y16263" s="2">
        <v>0</v>
      </c>
      <c r="Z16263" s="2">
        <v>0</v>
      </c>
      <c r="AA16263" s="5"/>
      <c r="AB16263" s="5" t="s">
        <v>43</v>
      </c>
      <c r="AC16263" s="5" t="s">
        <v>44</v>
      </c>
      <c r="AD16263" s="2"/>
      <c r="AE16263" s="1"/>
    </row>
    <row r="16264" spans="1:31" ht="14.45">
      <c r="A16264" s="11"/>
      <c r="B16264" s="20"/>
      <c r="C16264" s="2" t="s">
        <v>49750</v>
      </c>
      <c r="D16264" s="14" t="s">
        <v>49751</v>
      </c>
      <c r="E16264" s="2" t="s">
        <v>49752</v>
      </c>
      <c r="F16264" s="2" t="s">
        <v>36297</v>
      </c>
      <c r="G16264" s="8">
        <v>172</v>
      </c>
      <c r="H16264" s="5">
        <v>6</v>
      </c>
      <c r="I16264" s="5" t="s">
        <v>1518</v>
      </c>
      <c r="J16264" s="5" t="s">
        <v>36264</v>
      </c>
      <c r="K16264" s="2" t="s">
        <v>49668</v>
      </c>
      <c r="L16264" s="5" t="s">
        <v>36264</v>
      </c>
      <c r="M16264" s="2" t="s">
        <v>49668</v>
      </c>
      <c r="N16264" s="5" t="s">
        <v>19227</v>
      </c>
      <c r="O16264" s="5" t="s">
        <v>38</v>
      </c>
      <c r="P16264" s="5" t="s">
        <v>39</v>
      </c>
      <c r="Q16264" s="5" t="s">
        <v>40</v>
      </c>
      <c r="R16264" s="5" t="s">
        <v>1487</v>
      </c>
      <c r="S16264" s="5"/>
      <c r="T16264" s="5" t="s">
        <v>42</v>
      </c>
      <c r="U16264" s="2">
        <v>0</v>
      </c>
      <c r="V16264" s="2">
        <v>0</v>
      </c>
      <c r="W16264" s="2">
        <v>0</v>
      </c>
      <c r="X16264" s="2">
        <v>0</v>
      </c>
      <c r="Y16264" s="2">
        <v>0</v>
      </c>
      <c r="Z16264" s="2">
        <v>0</v>
      </c>
      <c r="AA16264" s="5"/>
      <c r="AB16264" s="5" t="s">
        <v>43</v>
      </c>
      <c r="AC16264" s="5" t="s">
        <v>44</v>
      </c>
      <c r="AD16264" s="2"/>
      <c r="AE16264" s="1"/>
    </row>
    <row r="16265" spans="1:31" ht="14.45">
      <c r="A16265" s="11"/>
      <c r="B16265" s="20"/>
      <c r="C16265" s="2" t="s">
        <v>49753</v>
      </c>
      <c r="D16265" s="14" t="s">
        <v>49754</v>
      </c>
      <c r="E16265" s="2" t="s">
        <v>49755</v>
      </c>
      <c r="F16265" s="2" t="s">
        <v>36301</v>
      </c>
      <c r="G16265" s="8">
        <v>172</v>
      </c>
      <c r="H16265" s="5">
        <v>6</v>
      </c>
      <c r="I16265" s="5" t="s">
        <v>1518</v>
      </c>
      <c r="J16265" s="5" t="s">
        <v>36264</v>
      </c>
      <c r="K16265" s="2" t="s">
        <v>49668</v>
      </c>
      <c r="L16265" s="5" t="s">
        <v>36264</v>
      </c>
      <c r="M16265" s="2" t="s">
        <v>49668</v>
      </c>
      <c r="N16265" s="5" t="s">
        <v>19227</v>
      </c>
      <c r="O16265" s="5" t="s">
        <v>38</v>
      </c>
      <c r="P16265" s="5" t="s">
        <v>39</v>
      </c>
      <c r="Q16265" s="5" t="s">
        <v>40</v>
      </c>
      <c r="R16265" s="5" t="s">
        <v>1487</v>
      </c>
      <c r="S16265" s="5"/>
      <c r="T16265" s="5" t="s">
        <v>42</v>
      </c>
      <c r="U16265" s="2">
        <v>0</v>
      </c>
      <c r="V16265" s="2">
        <v>0</v>
      </c>
      <c r="W16265" s="2">
        <v>0</v>
      </c>
      <c r="X16265" s="2">
        <v>0</v>
      </c>
      <c r="Y16265" s="2">
        <v>0</v>
      </c>
      <c r="Z16265" s="2">
        <v>0</v>
      </c>
      <c r="AA16265" s="5"/>
      <c r="AB16265" s="5" t="s">
        <v>43</v>
      </c>
      <c r="AC16265" s="5" t="s">
        <v>44</v>
      </c>
      <c r="AD16265" s="2"/>
      <c r="AE16265" s="1"/>
    </row>
    <row r="16266" spans="1:31" ht="14.45">
      <c r="A16266" s="11"/>
      <c r="B16266" s="20"/>
      <c r="C16266" s="2" t="s">
        <v>49756</v>
      </c>
      <c r="D16266" s="14" t="s">
        <v>49757</v>
      </c>
      <c r="E16266" s="2" t="s">
        <v>49758</v>
      </c>
      <c r="F16266" s="2" t="s">
        <v>36305</v>
      </c>
      <c r="G16266" s="8">
        <v>172</v>
      </c>
      <c r="H16266" s="5">
        <v>6</v>
      </c>
      <c r="I16266" s="5" t="s">
        <v>1518</v>
      </c>
      <c r="J16266" s="5" t="s">
        <v>36264</v>
      </c>
      <c r="K16266" s="2" t="s">
        <v>49668</v>
      </c>
      <c r="L16266" s="5" t="s">
        <v>36264</v>
      </c>
      <c r="M16266" s="2" t="s">
        <v>49668</v>
      </c>
      <c r="N16266" s="5" t="s">
        <v>19227</v>
      </c>
      <c r="O16266" s="5" t="s">
        <v>38</v>
      </c>
      <c r="P16266" s="5" t="s">
        <v>39</v>
      </c>
      <c r="Q16266" s="5" t="s">
        <v>40</v>
      </c>
      <c r="R16266" s="5" t="s">
        <v>1487</v>
      </c>
      <c r="S16266" s="5"/>
      <c r="T16266" s="5" t="s">
        <v>42</v>
      </c>
      <c r="U16266" s="2">
        <v>0</v>
      </c>
      <c r="V16266" s="2">
        <v>0</v>
      </c>
      <c r="W16266" s="2">
        <v>0</v>
      </c>
      <c r="X16266" s="2">
        <v>0</v>
      </c>
      <c r="Y16266" s="2">
        <v>0</v>
      </c>
      <c r="Z16266" s="2">
        <v>0</v>
      </c>
      <c r="AA16266" s="5"/>
      <c r="AB16266" s="5" t="s">
        <v>43</v>
      </c>
      <c r="AC16266" s="5" t="s">
        <v>44</v>
      </c>
      <c r="AD16266" s="2"/>
      <c r="AE16266" s="1"/>
    </row>
    <row r="16267" spans="1:31" ht="14.45">
      <c r="A16267" s="11"/>
      <c r="B16267" s="20"/>
      <c r="C16267" s="2" t="s">
        <v>49759</v>
      </c>
      <c r="D16267" s="14" t="s">
        <v>49760</v>
      </c>
      <c r="E16267" s="2" t="s">
        <v>49761</v>
      </c>
      <c r="F16267" s="2" t="s">
        <v>36309</v>
      </c>
      <c r="G16267" s="8">
        <v>172</v>
      </c>
      <c r="H16267" s="5">
        <v>6</v>
      </c>
      <c r="I16267" s="5" t="s">
        <v>1518</v>
      </c>
      <c r="J16267" s="5" t="s">
        <v>36264</v>
      </c>
      <c r="K16267" s="2" t="s">
        <v>49668</v>
      </c>
      <c r="L16267" s="5" t="s">
        <v>36264</v>
      </c>
      <c r="M16267" s="2" t="s">
        <v>49668</v>
      </c>
      <c r="N16267" s="5" t="s">
        <v>19227</v>
      </c>
      <c r="O16267" s="5" t="s">
        <v>38</v>
      </c>
      <c r="P16267" s="5" t="s">
        <v>39</v>
      </c>
      <c r="Q16267" s="5" t="s">
        <v>40</v>
      </c>
      <c r="R16267" s="5" t="s">
        <v>1487</v>
      </c>
      <c r="S16267" s="5"/>
      <c r="T16267" s="5" t="s">
        <v>42</v>
      </c>
      <c r="U16267" s="2">
        <v>0</v>
      </c>
      <c r="V16267" s="2">
        <v>0</v>
      </c>
      <c r="W16267" s="2">
        <v>0</v>
      </c>
      <c r="X16267" s="2">
        <v>0</v>
      </c>
      <c r="Y16267" s="2">
        <v>0</v>
      </c>
      <c r="Z16267" s="2">
        <v>0</v>
      </c>
      <c r="AA16267" s="5"/>
      <c r="AB16267" s="5" t="s">
        <v>43</v>
      </c>
      <c r="AC16267" s="5" t="s">
        <v>44</v>
      </c>
      <c r="AD16267" s="2"/>
      <c r="AE16267" s="1"/>
    </row>
    <row r="16268" spans="1:31" ht="14.45">
      <c r="A16268" s="11"/>
      <c r="B16268" s="20"/>
      <c r="C16268" s="2" t="s">
        <v>49762</v>
      </c>
      <c r="D16268" s="14" t="s">
        <v>49763</v>
      </c>
      <c r="E16268" s="2" t="s">
        <v>49764</v>
      </c>
      <c r="F16268" s="2" t="s">
        <v>7204</v>
      </c>
      <c r="G16268" s="8">
        <v>185</v>
      </c>
      <c r="H16268" s="5">
        <v>6</v>
      </c>
      <c r="I16268" s="5" t="s">
        <v>1518</v>
      </c>
      <c r="J16268" s="5" t="s">
        <v>36264</v>
      </c>
      <c r="K16268" s="2" t="s">
        <v>49668</v>
      </c>
      <c r="L16268" s="5" t="s">
        <v>36264</v>
      </c>
      <c r="M16268" s="2" t="s">
        <v>49668</v>
      </c>
      <c r="N16268" s="5" t="s">
        <v>19227</v>
      </c>
      <c r="O16268" s="5" t="s">
        <v>38</v>
      </c>
      <c r="P16268" s="5" t="s">
        <v>39</v>
      </c>
      <c r="Q16268" s="5" t="s">
        <v>40</v>
      </c>
      <c r="R16268" s="5" t="s">
        <v>1487</v>
      </c>
      <c r="S16268" s="5"/>
      <c r="T16268" s="5" t="s">
        <v>42</v>
      </c>
      <c r="U16268" s="2">
        <v>0</v>
      </c>
      <c r="V16268" s="2">
        <v>0</v>
      </c>
      <c r="W16268" s="2">
        <v>0</v>
      </c>
      <c r="X16268" s="2">
        <v>0</v>
      </c>
      <c r="Y16268" s="2">
        <v>0</v>
      </c>
      <c r="Z16268" s="2">
        <v>0</v>
      </c>
      <c r="AA16268" s="5"/>
      <c r="AB16268" s="5" t="s">
        <v>43</v>
      </c>
      <c r="AC16268" s="5" t="s">
        <v>44</v>
      </c>
      <c r="AD16268" s="2"/>
      <c r="AE16268" s="1"/>
    </row>
    <row r="16269" spans="1:31" ht="14.45">
      <c r="A16269" s="11"/>
      <c r="B16269" s="20"/>
      <c r="C16269" s="2" t="s">
        <v>49765</v>
      </c>
      <c r="D16269" s="14" t="s">
        <v>49766</v>
      </c>
      <c r="E16269" s="2" t="s">
        <v>49767</v>
      </c>
      <c r="F16269" s="2" t="s">
        <v>7514</v>
      </c>
      <c r="G16269" s="8">
        <v>185</v>
      </c>
      <c r="H16269" s="5">
        <v>6</v>
      </c>
      <c r="I16269" s="5" t="s">
        <v>1518</v>
      </c>
      <c r="J16269" s="5" t="s">
        <v>36264</v>
      </c>
      <c r="K16269" s="2" t="s">
        <v>49668</v>
      </c>
      <c r="L16269" s="5" t="s">
        <v>36264</v>
      </c>
      <c r="M16269" s="2" t="s">
        <v>49668</v>
      </c>
      <c r="N16269" s="5" t="s">
        <v>19227</v>
      </c>
      <c r="O16269" s="5" t="s">
        <v>38</v>
      </c>
      <c r="P16269" s="5" t="s">
        <v>39</v>
      </c>
      <c r="Q16269" s="5" t="s">
        <v>40</v>
      </c>
      <c r="R16269" s="5" t="s">
        <v>1487</v>
      </c>
      <c r="S16269" s="5"/>
      <c r="T16269" s="5" t="s">
        <v>42</v>
      </c>
      <c r="U16269" s="2">
        <v>0</v>
      </c>
      <c r="V16269" s="2">
        <v>0</v>
      </c>
      <c r="W16269" s="2">
        <v>0</v>
      </c>
      <c r="X16269" s="2">
        <v>0</v>
      </c>
      <c r="Y16269" s="2">
        <v>0</v>
      </c>
      <c r="Z16269" s="2">
        <v>0</v>
      </c>
      <c r="AA16269" s="5"/>
      <c r="AB16269" s="5" t="s">
        <v>43</v>
      </c>
      <c r="AC16269" s="5" t="s">
        <v>44</v>
      </c>
      <c r="AD16269" s="2"/>
      <c r="AE16269" s="1"/>
    </row>
    <row r="16270" spans="1:31" ht="14.45">
      <c r="A16270" s="11"/>
      <c r="B16270" s="20"/>
      <c r="C16270" s="2" t="s">
        <v>49768</v>
      </c>
      <c r="D16270" s="14" t="s">
        <v>49769</v>
      </c>
      <c r="E16270" s="2" t="s">
        <v>49770</v>
      </c>
      <c r="F16270" s="2" t="s">
        <v>36273</v>
      </c>
      <c r="G16270" s="8">
        <v>185</v>
      </c>
      <c r="H16270" s="5">
        <v>6</v>
      </c>
      <c r="I16270" s="5" t="s">
        <v>1518</v>
      </c>
      <c r="J16270" s="5" t="s">
        <v>36264</v>
      </c>
      <c r="K16270" s="2" t="s">
        <v>49668</v>
      </c>
      <c r="L16270" s="5" t="s">
        <v>36264</v>
      </c>
      <c r="M16270" s="2" t="s">
        <v>49668</v>
      </c>
      <c r="N16270" s="5" t="s">
        <v>19227</v>
      </c>
      <c r="O16270" s="5" t="s">
        <v>38</v>
      </c>
      <c r="P16270" s="5" t="s">
        <v>39</v>
      </c>
      <c r="Q16270" s="5" t="s">
        <v>40</v>
      </c>
      <c r="R16270" s="5" t="s">
        <v>1487</v>
      </c>
      <c r="S16270" s="5"/>
      <c r="T16270" s="5" t="s">
        <v>42</v>
      </c>
      <c r="U16270" s="2">
        <v>0</v>
      </c>
      <c r="V16270" s="2">
        <v>0</v>
      </c>
      <c r="W16270" s="2">
        <v>0</v>
      </c>
      <c r="X16270" s="2">
        <v>0</v>
      </c>
      <c r="Y16270" s="2">
        <v>0</v>
      </c>
      <c r="Z16270" s="2">
        <v>0</v>
      </c>
      <c r="AA16270" s="5"/>
      <c r="AB16270" s="5" t="s">
        <v>43</v>
      </c>
      <c r="AC16270" s="5" t="s">
        <v>44</v>
      </c>
      <c r="AD16270" s="2"/>
      <c r="AE16270" s="1"/>
    </row>
    <row r="16271" spans="1:31" ht="14.45">
      <c r="A16271" s="11"/>
      <c r="B16271" s="20"/>
      <c r="C16271" s="2" t="s">
        <v>49771</v>
      </c>
      <c r="D16271" s="14" t="s">
        <v>49772</v>
      </c>
      <c r="E16271" s="2" t="s">
        <v>49773</v>
      </c>
      <c r="F16271" s="2" t="s">
        <v>36277</v>
      </c>
      <c r="G16271" s="8">
        <v>185</v>
      </c>
      <c r="H16271" s="5">
        <v>6</v>
      </c>
      <c r="I16271" s="5" t="s">
        <v>1518</v>
      </c>
      <c r="J16271" s="5" t="s">
        <v>36264</v>
      </c>
      <c r="K16271" s="2" t="s">
        <v>49668</v>
      </c>
      <c r="L16271" s="5" t="s">
        <v>36264</v>
      </c>
      <c r="M16271" s="2" t="s">
        <v>49668</v>
      </c>
      <c r="N16271" s="5" t="s">
        <v>19227</v>
      </c>
      <c r="O16271" s="5" t="s">
        <v>38</v>
      </c>
      <c r="P16271" s="5" t="s">
        <v>39</v>
      </c>
      <c r="Q16271" s="5" t="s">
        <v>40</v>
      </c>
      <c r="R16271" s="5" t="s">
        <v>1487</v>
      </c>
      <c r="S16271" s="5"/>
      <c r="T16271" s="5" t="s">
        <v>42</v>
      </c>
      <c r="U16271" s="2">
        <v>0</v>
      </c>
      <c r="V16271" s="2">
        <v>0</v>
      </c>
      <c r="W16271" s="2">
        <v>0</v>
      </c>
      <c r="X16271" s="2">
        <v>0</v>
      </c>
      <c r="Y16271" s="2">
        <v>0</v>
      </c>
      <c r="Z16271" s="2">
        <v>0</v>
      </c>
      <c r="AA16271" s="5"/>
      <c r="AB16271" s="5" t="s">
        <v>43</v>
      </c>
      <c r="AC16271" s="5" t="s">
        <v>44</v>
      </c>
      <c r="AD16271" s="2"/>
      <c r="AE16271" s="1"/>
    </row>
    <row r="16272" spans="1:31" ht="14.45">
      <c r="A16272" s="11"/>
      <c r="B16272" s="20"/>
      <c r="C16272" s="2" t="s">
        <v>49774</v>
      </c>
      <c r="D16272" s="14" t="s">
        <v>49775</v>
      </c>
      <c r="E16272" s="2" t="s">
        <v>49776</v>
      </c>
      <c r="F16272" s="2" t="s">
        <v>36297</v>
      </c>
      <c r="G16272" s="8">
        <v>185</v>
      </c>
      <c r="H16272" s="5">
        <v>6</v>
      </c>
      <c r="I16272" s="5" t="s">
        <v>1518</v>
      </c>
      <c r="J16272" s="5" t="s">
        <v>36264</v>
      </c>
      <c r="K16272" s="2" t="s">
        <v>49668</v>
      </c>
      <c r="L16272" s="5" t="s">
        <v>36264</v>
      </c>
      <c r="M16272" s="2" t="s">
        <v>49668</v>
      </c>
      <c r="N16272" s="5" t="s">
        <v>19227</v>
      </c>
      <c r="O16272" s="5" t="s">
        <v>38</v>
      </c>
      <c r="P16272" s="5" t="s">
        <v>39</v>
      </c>
      <c r="Q16272" s="5" t="s">
        <v>40</v>
      </c>
      <c r="R16272" s="5" t="s">
        <v>1487</v>
      </c>
      <c r="S16272" s="5"/>
      <c r="T16272" s="5" t="s">
        <v>42</v>
      </c>
      <c r="U16272" s="2">
        <v>0</v>
      </c>
      <c r="V16272" s="2">
        <v>0</v>
      </c>
      <c r="W16272" s="2">
        <v>0</v>
      </c>
      <c r="X16272" s="2">
        <v>0</v>
      </c>
      <c r="Y16272" s="2">
        <v>0</v>
      </c>
      <c r="Z16272" s="2">
        <v>0</v>
      </c>
      <c r="AA16272" s="5"/>
      <c r="AB16272" s="5" t="s">
        <v>43</v>
      </c>
      <c r="AC16272" s="5" t="s">
        <v>44</v>
      </c>
      <c r="AD16272" s="2"/>
      <c r="AE16272" s="1"/>
    </row>
    <row r="16273" spans="1:31" ht="14.45">
      <c r="A16273" s="11"/>
      <c r="B16273" s="20"/>
      <c r="C16273" s="2" t="s">
        <v>49777</v>
      </c>
      <c r="D16273" s="14" t="s">
        <v>49778</v>
      </c>
      <c r="E16273" s="2" t="s">
        <v>49779</v>
      </c>
      <c r="F16273" s="2" t="s">
        <v>36301</v>
      </c>
      <c r="G16273" s="8">
        <v>185</v>
      </c>
      <c r="H16273" s="5">
        <v>6</v>
      </c>
      <c r="I16273" s="5" t="s">
        <v>1518</v>
      </c>
      <c r="J16273" s="5" t="s">
        <v>36264</v>
      </c>
      <c r="K16273" s="2" t="s">
        <v>49668</v>
      </c>
      <c r="L16273" s="5" t="s">
        <v>36264</v>
      </c>
      <c r="M16273" s="2" t="s">
        <v>49668</v>
      </c>
      <c r="N16273" s="5" t="s">
        <v>19227</v>
      </c>
      <c r="O16273" s="5" t="s">
        <v>38</v>
      </c>
      <c r="P16273" s="5" t="s">
        <v>39</v>
      </c>
      <c r="Q16273" s="5" t="s">
        <v>40</v>
      </c>
      <c r="R16273" s="5" t="s">
        <v>1487</v>
      </c>
      <c r="S16273" s="5"/>
      <c r="T16273" s="5" t="s">
        <v>42</v>
      </c>
      <c r="U16273" s="2">
        <v>0</v>
      </c>
      <c r="V16273" s="2">
        <v>0</v>
      </c>
      <c r="W16273" s="2">
        <v>0</v>
      </c>
      <c r="X16273" s="2">
        <v>0</v>
      </c>
      <c r="Y16273" s="2">
        <v>0</v>
      </c>
      <c r="Z16273" s="2">
        <v>0</v>
      </c>
      <c r="AA16273" s="5"/>
      <c r="AB16273" s="5" t="s">
        <v>43</v>
      </c>
      <c r="AC16273" s="5" t="s">
        <v>44</v>
      </c>
      <c r="AD16273" s="2"/>
      <c r="AE16273" s="1"/>
    </row>
    <row r="16274" spans="1:31" ht="14.45">
      <c r="A16274" s="11"/>
      <c r="B16274" s="20"/>
      <c r="C16274" s="2" t="s">
        <v>49780</v>
      </c>
      <c r="D16274" s="14" t="s">
        <v>49781</v>
      </c>
      <c r="E16274" s="2" t="s">
        <v>49782</v>
      </c>
      <c r="F16274" s="2" t="s">
        <v>36305</v>
      </c>
      <c r="G16274" s="8">
        <v>185</v>
      </c>
      <c r="H16274" s="5">
        <v>6</v>
      </c>
      <c r="I16274" s="5" t="s">
        <v>1518</v>
      </c>
      <c r="J16274" s="5" t="s">
        <v>36264</v>
      </c>
      <c r="K16274" s="2" t="s">
        <v>49668</v>
      </c>
      <c r="L16274" s="5" t="s">
        <v>36264</v>
      </c>
      <c r="M16274" s="2" t="s">
        <v>49668</v>
      </c>
      <c r="N16274" s="5" t="s">
        <v>19227</v>
      </c>
      <c r="O16274" s="5" t="s">
        <v>38</v>
      </c>
      <c r="P16274" s="5" t="s">
        <v>39</v>
      </c>
      <c r="Q16274" s="5" t="s">
        <v>40</v>
      </c>
      <c r="R16274" s="5" t="s">
        <v>1487</v>
      </c>
      <c r="S16274" s="5"/>
      <c r="T16274" s="5" t="s">
        <v>42</v>
      </c>
      <c r="U16274" s="2">
        <v>0</v>
      </c>
      <c r="V16274" s="2">
        <v>0</v>
      </c>
      <c r="W16274" s="2">
        <v>0</v>
      </c>
      <c r="X16274" s="2">
        <v>0</v>
      </c>
      <c r="Y16274" s="2">
        <v>0</v>
      </c>
      <c r="Z16274" s="2">
        <v>0</v>
      </c>
      <c r="AA16274" s="5"/>
      <c r="AB16274" s="5" t="s">
        <v>43</v>
      </c>
      <c r="AC16274" s="5" t="s">
        <v>44</v>
      </c>
      <c r="AD16274" s="2"/>
      <c r="AE16274" s="1"/>
    </row>
    <row r="16275" spans="1:31" ht="14.45">
      <c r="A16275" s="11"/>
      <c r="B16275" s="20"/>
      <c r="C16275" s="2" t="s">
        <v>49783</v>
      </c>
      <c r="D16275" s="14" t="s">
        <v>49784</v>
      </c>
      <c r="E16275" s="2" t="s">
        <v>49785</v>
      </c>
      <c r="F16275" s="2" t="s">
        <v>36309</v>
      </c>
      <c r="G16275" s="8">
        <v>185</v>
      </c>
      <c r="H16275" s="5">
        <v>6</v>
      </c>
      <c r="I16275" s="5" t="s">
        <v>1518</v>
      </c>
      <c r="J16275" s="5" t="s">
        <v>36264</v>
      </c>
      <c r="K16275" s="2" t="s">
        <v>49668</v>
      </c>
      <c r="L16275" s="5" t="s">
        <v>36264</v>
      </c>
      <c r="M16275" s="2" t="s">
        <v>49668</v>
      </c>
      <c r="N16275" s="5" t="s">
        <v>19227</v>
      </c>
      <c r="O16275" s="5" t="s">
        <v>38</v>
      </c>
      <c r="P16275" s="5" t="s">
        <v>39</v>
      </c>
      <c r="Q16275" s="5" t="s">
        <v>40</v>
      </c>
      <c r="R16275" s="5" t="s">
        <v>1487</v>
      </c>
      <c r="S16275" s="5"/>
      <c r="T16275" s="5" t="s">
        <v>42</v>
      </c>
      <c r="U16275" s="2">
        <v>0</v>
      </c>
      <c r="V16275" s="2">
        <v>0</v>
      </c>
      <c r="W16275" s="2">
        <v>0</v>
      </c>
      <c r="X16275" s="2">
        <v>0</v>
      </c>
      <c r="Y16275" s="2">
        <v>0</v>
      </c>
      <c r="Z16275" s="2">
        <v>0</v>
      </c>
      <c r="AA16275" s="5"/>
      <c r="AB16275" s="5" t="s">
        <v>43</v>
      </c>
      <c r="AC16275" s="5" t="s">
        <v>44</v>
      </c>
      <c r="AD16275" s="2"/>
      <c r="AE16275" s="1"/>
    </row>
    <row r="16276" spans="1:31" ht="14.45">
      <c r="A16276" s="11"/>
      <c r="B16276" s="20"/>
      <c r="C16276" s="2" t="s">
        <v>49786</v>
      </c>
      <c r="D16276" s="14" t="s">
        <v>49787</v>
      </c>
      <c r="E16276" s="2" t="s">
        <v>49788</v>
      </c>
      <c r="F16276" s="2" t="s">
        <v>7204</v>
      </c>
      <c r="G16276" s="8">
        <v>197</v>
      </c>
      <c r="H16276" s="5">
        <v>6</v>
      </c>
      <c r="I16276" s="5" t="s">
        <v>1518</v>
      </c>
      <c r="J16276" s="5" t="s">
        <v>36264</v>
      </c>
      <c r="K16276" s="2" t="s">
        <v>49668</v>
      </c>
      <c r="L16276" s="5" t="s">
        <v>36264</v>
      </c>
      <c r="M16276" s="2" t="s">
        <v>49668</v>
      </c>
      <c r="N16276" s="5" t="s">
        <v>19227</v>
      </c>
      <c r="O16276" s="5" t="s">
        <v>38</v>
      </c>
      <c r="P16276" s="5" t="s">
        <v>39</v>
      </c>
      <c r="Q16276" s="5" t="s">
        <v>40</v>
      </c>
      <c r="R16276" s="5" t="s">
        <v>1487</v>
      </c>
      <c r="S16276" s="5"/>
      <c r="T16276" s="5" t="s">
        <v>42</v>
      </c>
      <c r="U16276" s="2">
        <v>0</v>
      </c>
      <c r="V16276" s="2">
        <v>0</v>
      </c>
      <c r="W16276" s="2">
        <v>0</v>
      </c>
      <c r="X16276" s="2">
        <v>0</v>
      </c>
      <c r="Y16276" s="2">
        <v>0</v>
      </c>
      <c r="Z16276" s="2">
        <v>0</v>
      </c>
      <c r="AA16276" s="5"/>
      <c r="AB16276" s="5" t="s">
        <v>43</v>
      </c>
      <c r="AC16276" s="5" t="s">
        <v>44</v>
      </c>
      <c r="AD16276" s="2"/>
      <c r="AE16276" s="1"/>
    </row>
    <row r="16277" spans="1:31" ht="14.45">
      <c r="A16277" s="11"/>
      <c r="B16277" s="20"/>
      <c r="C16277" s="2" t="s">
        <v>49789</v>
      </c>
      <c r="D16277" s="14" t="s">
        <v>49790</v>
      </c>
      <c r="E16277" s="2" t="s">
        <v>49791</v>
      </c>
      <c r="F16277" s="2" t="s">
        <v>7514</v>
      </c>
      <c r="G16277" s="8">
        <v>197</v>
      </c>
      <c r="H16277" s="5">
        <v>6</v>
      </c>
      <c r="I16277" s="5" t="s">
        <v>1518</v>
      </c>
      <c r="J16277" s="5" t="s">
        <v>36264</v>
      </c>
      <c r="K16277" s="2" t="s">
        <v>49668</v>
      </c>
      <c r="L16277" s="5" t="s">
        <v>36264</v>
      </c>
      <c r="M16277" s="2" t="s">
        <v>49668</v>
      </c>
      <c r="N16277" s="5" t="s">
        <v>19227</v>
      </c>
      <c r="O16277" s="5" t="s">
        <v>38</v>
      </c>
      <c r="P16277" s="5" t="s">
        <v>39</v>
      </c>
      <c r="Q16277" s="5" t="s">
        <v>40</v>
      </c>
      <c r="R16277" s="5" t="s">
        <v>1487</v>
      </c>
      <c r="S16277" s="5"/>
      <c r="T16277" s="5" t="s">
        <v>42</v>
      </c>
      <c r="U16277" s="2">
        <v>0</v>
      </c>
      <c r="V16277" s="2">
        <v>0</v>
      </c>
      <c r="W16277" s="2">
        <v>0</v>
      </c>
      <c r="X16277" s="2">
        <v>0</v>
      </c>
      <c r="Y16277" s="2">
        <v>0</v>
      </c>
      <c r="Z16277" s="2">
        <v>0</v>
      </c>
      <c r="AA16277" s="5"/>
      <c r="AB16277" s="5" t="s">
        <v>43</v>
      </c>
      <c r="AC16277" s="5" t="s">
        <v>44</v>
      </c>
      <c r="AD16277" s="2"/>
      <c r="AE16277" s="1"/>
    </row>
    <row r="16278" spans="1:31" ht="14.45">
      <c r="A16278" s="11"/>
      <c r="B16278" s="20"/>
      <c r="C16278" s="2" t="s">
        <v>49792</v>
      </c>
      <c r="D16278" s="14" t="s">
        <v>49793</v>
      </c>
      <c r="E16278" s="2" t="s">
        <v>49794</v>
      </c>
      <c r="F16278" s="2" t="s">
        <v>36273</v>
      </c>
      <c r="G16278" s="8">
        <v>197</v>
      </c>
      <c r="H16278" s="5">
        <v>6</v>
      </c>
      <c r="I16278" s="5" t="s">
        <v>1518</v>
      </c>
      <c r="J16278" s="5" t="s">
        <v>36264</v>
      </c>
      <c r="K16278" s="2" t="s">
        <v>49668</v>
      </c>
      <c r="L16278" s="5" t="s">
        <v>36264</v>
      </c>
      <c r="M16278" s="2" t="s">
        <v>49668</v>
      </c>
      <c r="N16278" s="5" t="s">
        <v>19227</v>
      </c>
      <c r="O16278" s="5" t="s">
        <v>38</v>
      </c>
      <c r="P16278" s="5" t="s">
        <v>39</v>
      </c>
      <c r="Q16278" s="5" t="s">
        <v>40</v>
      </c>
      <c r="R16278" s="5" t="s">
        <v>1487</v>
      </c>
      <c r="S16278" s="5"/>
      <c r="T16278" s="5" t="s">
        <v>42</v>
      </c>
      <c r="U16278" s="2">
        <v>0</v>
      </c>
      <c r="V16278" s="2">
        <v>0</v>
      </c>
      <c r="W16278" s="2">
        <v>0</v>
      </c>
      <c r="X16278" s="2">
        <v>0</v>
      </c>
      <c r="Y16278" s="2">
        <v>0</v>
      </c>
      <c r="Z16278" s="2">
        <v>0</v>
      </c>
      <c r="AA16278" s="5"/>
      <c r="AB16278" s="5" t="s">
        <v>43</v>
      </c>
      <c r="AC16278" s="5" t="s">
        <v>44</v>
      </c>
      <c r="AD16278" s="2"/>
      <c r="AE16278" s="1"/>
    </row>
    <row r="16279" spans="1:31" ht="14.45">
      <c r="A16279" s="11"/>
      <c r="B16279" s="20"/>
      <c r="C16279" s="2" t="s">
        <v>49795</v>
      </c>
      <c r="D16279" s="14" t="s">
        <v>49796</v>
      </c>
      <c r="E16279" s="2" t="s">
        <v>49797</v>
      </c>
      <c r="F16279" s="2" t="s">
        <v>36277</v>
      </c>
      <c r="G16279" s="8">
        <v>197</v>
      </c>
      <c r="H16279" s="5">
        <v>6</v>
      </c>
      <c r="I16279" s="5" t="s">
        <v>1518</v>
      </c>
      <c r="J16279" s="5" t="s">
        <v>36264</v>
      </c>
      <c r="K16279" s="2" t="s">
        <v>49668</v>
      </c>
      <c r="L16279" s="5" t="s">
        <v>36264</v>
      </c>
      <c r="M16279" s="2" t="s">
        <v>49668</v>
      </c>
      <c r="N16279" s="5" t="s">
        <v>19227</v>
      </c>
      <c r="O16279" s="5" t="s">
        <v>38</v>
      </c>
      <c r="P16279" s="5" t="s">
        <v>39</v>
      </c>
      <c r="Q16279" s="5" t="s">
        <v>40</v>
      </c>
      <c r="R16279" s="5" t="s">
        <v>1487</v>
      </c>
      <c r="S16279" s="5"/>
      <c r="T16279" s="5" t="s">
        <v>42</v>
      </c>
      <c r="U16279" s="2">
        <v>0</v>
      </c>
      <c r="V16279" s="2">
        <v>0</v>
      </c>
      <c r="W16279" s="2">
        <v>0</v>
      </c>
      <c r="X16279" s="2">
        <v>0</v>
      </c>
      <c r="Y16279" s="2">
        <v>0</v>
      </c>
      <c r="Z16279" s="2">
        <v>0</v>
      </c>
      <c r="AA16279" s="5"/>
      <c r="AB16279" s="5" t="s">
        <v>43</v>
      </c>
      <c r="AC16279" s="5" t="s">
        <v>44</v>
      </c>
      <c r="AD16279" s="2"/>
      <c r="AE16279" s="1"/>
    </row>
    <row r="16280" spans="1:31" ht="14.45">
      <c r="A16280" s="11"/>
      <c r="B16280" s="20"/>
      <c r="C16280" s="2" t="s">
        <v>49798</v>
      </c>
      <c r="D16280" s="14" t="s">
        <v>49799</v>
      </c>
      <c r="E16280" s="2" t="s">
        <v>49800</v>
      </c>
      <c r="F16280" s="2" t="s">
        <v>36297</v>
      </c>
      <c r="G16280" s="8">
        <v>197</v>
      </c>
      <c r="H16280" s="5">
        <v>6</v>
      </c>
      <c r="I16280" s="5" t="s">
        <v>1518</v>
      </c>
      <c r="J16280" s="5" t="s">
        <v>36264</v>
      </c>
      <c r="K16280" s="2" t="s">
        <v>49668</v>
      </c>
      <c r="L16280" s="5" t="s">
        <v>36264</v>
      </c>
      <c r="M16280" s="2" t="s">
        <v>49668</v>
      </c>
      <c r="N16280" s="5" t="s">
        <v>19227</v>
      </c>
      <c r="O16280" s="5" t="s">
        <v>38</v>
      </c>
      <c r="P16280" s="5" t="s">
        <v>39</v>
      </c>
      <c r="Q16280" s="5" t="s">
        <v>40</v>
      </c>
      <c r="R16280" s="5" t="s">
        <v>1487</v>
      </c>
      <c r="S16280" s="5"/>
      <c r="T16280" s="5" t="s">
        <v>42</v>
      </c>
      <c r="U16280" s="2">
        <v>0</v>
      </c>
      <c r="V16280" s="2">
        <v>0</v>
      </c>
      <c r="W16280" s="2">
        <v>0</v>
      </c>
      <c r="X16280" s="2">
        <v>0</v>
      </c>
      <c r="Y16280" s="2">
        <v>0</v>
      </c>
      <c r="Z16280" s="2">
        <v>0</v>
      </c>
      <c r="AA16280" s="5"/>
      <c r="AB16280" s="5" t="s">
        <v>43</v>
      </c>
      <c r="AC16280" s="5" t="s">
        <v>44</v>
      </c>
      <c r="AD16280" s="2"/>
      <c r="AE16280" s="1"/>
    </row>
    <row r="16281" spans="1:31" ht="14.45">
      <c r="A16281" s="11"/>
      <c r="B16281" s="20"/>
      <c r="C16281" s="2" t="s">
        <v>49801</v>
      </c>
      <c r="D16281" s="14" t="s">
        <v>49802</v>
      </c>
      <c r="E16281" s="2" t="s">
        <v>49803</v>
      </c>
      <c r="F16281" s="2" t="s">
        <v>36301</v>
      </c>
      <c r="G16281" s="8">
        <v>197</v>
      </c>
      <c r="H16281" s="5">
        <v>6</v>
      </c>
      <c r="I16281" s="5" t="s">
        <v>1518</v>
      </c>
      <c r="J16281" s="5" t="s">
        <v>36264</v>
      </c>
      <c r="K16281" s="2" t="s">
        <v>49668</v>
      </c>
      <c r="L16281" s="5" t="s">
        <v>36264</v>
      </c>
      <c r="M16281" s="2" t="s">
        <v>49668</v>
      </c>
      <c r="N16281" s="5" t="s">
        <v>19227</v>
      </c>
      <c r="O16281" s="5" t="s">
        <v>38</v>
      </c>
      <c r="P16281" s="5" t="s">
        <v>39</v>
      </c>
      <c r="Q16281" s="5" t="s">
        <v>40</v>
      </c>
      <c r="R16281" s="5" t="s">
        <v>1487</v>
      </c>
      <c r="S16281" s="5"/>
      <c r="T16281" s="5" t="s">
        <v>42</v>
      </c>
      <c r="U16281" s="2">
        <v>0</v>
      </c>
      <c r="V16281" s="2">
        <v>0</v>
      </c>
      <c r="W16281" s="2">
        <v>0</v>
      </c>
      <c r="X16281" s="2">
        <v>0</v>
      </c>
      <c r="Y16281" s="2">
        <v>0</v>
      </c>
      <c r="Z16281" s="2">
        <v>0</v>
      </c>
      <c r="AA16281" s="5"/>
      <c r="AB16281" s="5" t="s">
        <v>43</v>
      </c>
      <c r="AC16281" s="5" t="s">
        <v>44</v>
      </c>
      <c r="AD16281" s="2"/>
      <c r="AE16281" s="1"/>
    </row>
    <row r="16282" spans="1:31" ht="14.45">
      <c r="A16282" s="11"/>
      <c r="B16282" s="20"/>
      <c r="C16282" s="2" t="s">
        <v>49804</v>
      </c>
      <c r="D16282" s="14" t="s">
        <v>49805</v>
      </c>
      <c r="E16282" s="2" t="s">
        <v>49806</v>
      </c>
      <c r="F16282" s="2" t="s">
        <v>36305</v>
      </c>
      <c r="G16282" s="8">
        <v>197</v>
      </c>
      <c r="H16282" s="5">
        <v>6</v>
      </c>
      <c r="I16282" s="5" t="s">
        <v>1518</v>
      </c>
      <c r="J16282" s="5" t="s">
        <v>36264</v>
      </c>
      <c r="K16282" s="2" t="s">
        <v>49668</v>
      </c>
      <c r="L16282" s="5" t="s">
        <v>36264</v>
      </c>
      <c r="M16282" s="2" t="s">
        <v>49668</v>
      </c>
      <c r="N16282" s="5" t="s">
        <v>19227</v>
      </c>
      <c r="O16282" s="5" t="s">
        <v>38</v>
      </c>
      <c r="P16282" s="5" t="s">
        <v>39</v>
      </c>
      <c r="Q16282" s="5" t="s">
        <v>40</v>
      </c>
      <c r="R16282" s="5" t="s">
        <v>1487</v>
      </c>
      <c r="S16282" s="5"/>
      <c r="T16282" s="5" t="s">
        <v>42</v>
      </c>
      <c r="U16282" s="2">
        <v>0</v>
      </c>
      <c r="V16282" s="2">
        <v>0</v>
      </c>
      <c r="W16282" s="2">
        <v>0</v>
      </c>
      <c r="X16282" s="2">
        <v>0</v>
      </c>
      <c r="Y16282" s="2">
        <v>0</v>
      </c>
      <c r="Z16282" s="2">
        <v>0</v>
      </c>
      <c r="AA16282" s="5"/>
      <c r="AB16282" s="5" t="s">
        <v>43</v>
      </c>
      <c r="AC16282" s="5" t="s">
        <v>44</v>
      </c>
      <c r="AD16282" s="2"/>
      <c r="AE16282" s="1"/>
    </row>
    <row r="16283" spans="1:31" ht="14.45">
      <c r="A16283" s="11"/>
      <c r="B16283" s="20"/>
      <c r="C16283" s="2" t="s">
        <v>49807</v>
      </c>
      <c r="D16283" s="14" t="s">
        <v>49808</v>
      </c>
      <c r="E16283" s="2" t="s">
        <v>49809</v>
      </c>
      <c r="F16283" s="2" t="s">
        <v>36309</v>
      </c>
      <c r="G16283" s="8">
        <v>197</v>
      </c>
      <c r="H16283" s="5">
        <v>6</v>
      </c>
      <c r="I16283" s="5" t="s">
        <v>1518</v>
      </c>
      <c r="J16283" s="5" t="s">
        <v>36264</v>
      </c>
      <c r="K16283" s="2" t="s">
        <v>49668</v>
      </c>
      <c r="L16283" s="5" t="s">
        <v>36264</v>
      </c>
      <c r="M16283" s="2" t="s">
        <v>49668</v>
      </c>
      <c r="N16283" s="5" t="s">
        <v>19227</v>
      </c>
      <c r="O16283" s="5" t="s">
        <v>38</v>
      </c>
      <c r="P16283" s="5" t="s">
        <v>39</v>
      </c>
      <c r="Q16283" s="5" t="s">
        <v>40</v>
      </c>
      <c r="R16283" s="5" t="s">
        <v>1487</v>
      </c>
      <c r="S16283" s="5"/>
      <c r="T16283" s="5" t="s">
        <v>42</v>
      </c>
      <c r="U16283" s="2">
        <v>0</v>
      </c>
      <c r="V16283" s="2">
        <v>0</v>
      </c>
      <c r="W16283" s="2">
        <v>0</v>
      </c>
      <c r="X16283" s="2">
        <v>0</v>
      </c>
      <c r="Y16283" s="2">
        <v>0</v>
      </c>
      <c r="Z16283" s="2">
        <v>0</v>
      </c>
      <c r="AA16283" s="5"/>
      <c r="AB16283" s="5" t="s">
        <v>43</v>
      </c>
      <c r="AC16283" s="5" t="s">
        <v>44</v>
      </c>
      <c r="AD16283" s="2"/>
      <c r="AE16283" s="1"/>
    </row>
    <row r="16284" spans="1:31" ht="14.45">
      <c r="A16284" s="11"/>
      <c r="B16284" s="20"/>
      <c r="C16284" s="2" t="s">
        <v>49810</v>
      </c>
      <c r="D16284" s="14" t="s">
        <v>49811</v>
      </c>
      <c r="E16284" s="2" t="s">
        <v>49812</v>
      </c>
      <c r="F16284" s="2" t="s">
        <v>7204</v>
      </c>
      <c r="G16284" s="8">
        <v>205</v>
      </c>
      <c r="H16284" s="5">
        <v>6</v>
      </c>
      <c r="I16284" s="5" t="s">
        <v>1518</v>
      </c>
      <c r="J16284" s="5" t="s">
        <v>36264</v>
      </c>
      <c r="K16284" s="2" t="s">
        <v>49668</v>
      </c>
      <c r="L16284" s="5" t="s">
        <v>36264</v>
      </c>
      <c r="M16284" s="2" t="s">
        <v>49668</v>
      </c>
      <c r="N16284" s="5" t="s">
        <v>19227</v>
      </c>
      <c r="O16284" s="5" t="s">
        <v>38</v>
      </c>
      <c r="P16284" s="5" t="s">
        <v>39</v>
      </c>
      <c r="Q16284" s="5" t="s">
        <v>40</v>
      </c>
      <c r="R16284" s="5" t="s">
        <v>1487</v>
      </c>
      <c r="S16284" s="5"/>
      <c r="T16284" s="5" t="s">
        <v>42</v>
      </c>
      <c r="U16284" s="2">
        <v>0</v>
      </c>
      <c r="V16284" s="2">
        <v>0</v>
      </c>
      <c r="W16284" s="2">
        <v>0</v>
      </c>
      <c r="X16284" s="2">
        <v>0</v>
      </c>
      <c r="Y16284" s="2">
        <v>0</v>
      </c>
      <c r="Z16284" s="2">
        <v>0</v>
      </c>
      <c r="AA16284" s="5"/>
      <c r="AB16284" s="5" t="s">
        <v>43</v>
      </c>
      <c r="AC16284" s="5" t="s">
        <v>44</v>
      </c>
      <c r="AD16284" s="2"/>
      <c r="AE16284" s="1"/>
    </row>
    <row r="16285" spans="1:31" ht="14.45">
      <c r="A16285" s="11"/>
      <c r="B16285" s="20"/>
      <c r="C16285" s="2" t="s">
        <v>49813</v>
      </c>
      <c r="D16285" s="14" t="s">
        <v>49814</v>
      </c>
      <c r="E16285" s="2" t="s">
        <v>49815</v>
      </c>
      <c r="F16285" s="2" t="s">
        <v>7514</v>
      </c>
      <c r="G16285" s="8">
        <v>205</v>
      </c>
      <c r="H16285" s="5">
        <v>6</v>
      </c>
      <c r="I16285" s="5" t="s">
        <v>1518</v>
      </c>
      <c r="J16285" s="5" t="s">
        <v>36264</v>
      </c>
      <c r="K16285" s="2" t="s">
        <v>49668</v>
      </c>
      <c r="L16285" s="5" t="s">
        <v>36264</v>
      </c>
      <c r="M16285" s="2" t="s">
        <v>49668</v>
      </c>
      <c r="N16285" s="5" t="s">
        <v>19227</v>
      </c>
      <c r="O16285" s="5" t="s">
        <v>38</v>
      </c>
      <c r="P16285" s="5" t="s">
        <v>39</v>
      </c>
      <c r="Q16285" s="5" t="s">
        <v>40</v>
      </c>
      <c r="R16285" s="5" t="s">
        <v>1487</v>
      </c>
      <c r="S16285" s="5"/>
      <c r="T16285" s="5" t="s">
        <v>42</v>
      </c>
      <c r="U16285" s="2">
        <v>0</v>
      </c>
      <c r="V16285" s="2">
        <v>0</v>
      </c>
      <c r="W16285" s="2">
        <v>0</v>
      </c>
      <c r="X16285" s="2">
        <v>0</v>
      </c>
      <c r="Y16285" s="2">
        <v>0</v>
      </c>
      <c r="Z16285" s="2">
        <v>0</v>
      </c>
      <c r="AA16285" s="5"/>
      <c r="AB16285" s="5" t="s">
        <v>43</v>
      </c>
      <c r="AC16285" s="5" t="s">
        <v>44</v>
      </c>
      <c r="AD16285" s="2"/>
      <c r="AE16285" s="1"/>
    </row>
    <row r="16286" spans="1:31" ht="14.45">
      <c r="A16286" s="11"/>
      <c r="B16286" s="20"/>
      <c r="C16286" s="2" t="s">
        <v>49816</v>
      </c>
      <c r="D16286" s="14" t="s">
        <v>49817</v>
      </c>
      <c r="E16286" s="2" t="s">
        <v>49818</v>
      </c>
      <c r="F16286" s="2" t="s">
        <v>36273</v>
      </c>
      <c r="G16286" s="8">
        <v>205</v>
      </c>
      <c r="H16286" s="5">
        <v>6</v>
      </c>
      <c r="I16286" s="5" t="s">
        <v>1518</v>
      </c>
      <c r="J16286" s="5" t="s">
        <v>36264</v>
      </c>
      <c r="K16286" s="2" t="s">
        <v>49668</v>
      </c>
      <c r="L16286" s="5" t="s">
        <v>36264</v>
      </c>
      <c r="M16286" s="2" t="s">
        <v>49668</v>
      </c>
      <c r="N16286" s="5" t="s">
        <v>19227</v>
      </c>
      <c r="O16286" s="5" t="s">
        <v>38</v>
      </c>
      <c r="P16286" s="5" t="s">
        <v>39</v>
      </c>
      <c r="Q16286" s="5" t="s">
        <v>40</v>
      </c>
      <c r="R16286" s="5" t="s">
        <v>1487</v>
      </c>
      <c r="S16286" s="5"/>
      <c r="T16286" s="5" t="s">
        <v>42</v>
      </c>
      <c r="U16286" s="2">
        <v>0</v>
      </c>
      <c r="V16286" s="2">
        <v>0</v>
      </c>
      <c r="W16286" s="2">
        <v>0</v>
      </c>
      <c r="X16286" s="2">
        <v>0</v>
      </c>
      <c r="Y16286" s="2">
        <v>0</v>
      </c>
      <c r="Z16286" s="2">
        <v>0</v>
      </c>
      <c r="AA16286" s="5"/>
      <c r="AB16286" s="5" t="s">
        <v>43</v>
      </c>
      <c r="AC16286" s="5" t="s">
        <v>44</v>
      </c>
      <c r="AD16286" s="2"/>
      <c r="AE16286" s="1"/>
    </row>
    <row r="16287" spans="1:31" ht="14.45">
      <c r="A16287" s="11"/>
      <c r="B16287" s="20"/>
      <c r="C16287" s="2" t="s">
        <v>49819</v>
      </c>
      <c r="D16287" s="14" t="s">
        <v>49820</v>
      </c>
      <c r="E16287" s="2" t="s">
        <v>49821</v>
      </c>
      <c r="F16287" s="2" t="s">
        <v>36277</v>
      </c>
      <c r="G16287" s="8">
        <v>205</v>
      </c>
      <c r="H16287" s="5">
        <v>6</v>
      </c>
      <c r="I16287" s="5" t="s">
        <v>1518</v>
      </c>
      <c r="J16287" s="5" t="s">
        <v>36264</v>
      </c>
      <c r="K16287" s="2" t="s">
        <v>49668</v>
      </c>
      <c r="L16287" s="5" t="s">
        <v>36264</v>
      </c>
      <c r="M16287" s="2" t="s">
        <v>49668</v>
      </c>
      <c r="N16287" s="5" t="s">
        <v>19227</v>
      </c>
      <c r="O16287" s="5" t="s">
        <v>38</v>
      </c>
      <c r="P16287" s="5" t="s">
        <v>39</v>
      </c>
      <c r="Q16287" s="5" t="s">
        <v>40</v>
      </c>
      <c r="R16287" s="5" t="s">
        <v>1487</v>
      </c>
      <c r="S16287" s="5"/>
      <c r="T16287" s="5" t="s">
        <v>42</v>
      </c>
      <c r="U16287" s="2">
        <v>0</v>
      </c>
      <c r="V16287" s="2">
        <v>0</v>
      </c>
      <c r="W16287" s="2">
        <v>0</v>
      </c>
      <c r="X16287" s="2">
        <v>0</v>
      </c>
      <c r="Y16287" s="2">
        <v>0</v>
      </c>
      <c r="Z16287" s="2">
        <v>0</v>
      </c>
      <c r="AA16287" s="5"/>
      <c r="AB16287" s="5" t="s">
        <v>43</v>
      </c>
      <c r="AC16287" s="5" t="s">
        <v>44</v>
      </c>
      <c r="AD16287" s="2"/>
      <c r="AE16287" s="1"/>
    </row>
    <row r="16288" spans="1:31" ht="14.45">
      <c r="A16288" s="11"/>
      <c r="B16288" s="20"/>
      <c r="C16288" s="2" t="s">
        <v>49822</v>
      </c>
      <c r="D16288" s="14" t="s">
        <v>49823</v>
      </c>
      <c r="E16288" s="2" t="s">
        <v>49824</v>
      </c>
      <c r="F16288" s="2" t="s">
        <v>36297</v>
      </c>
      <c r="G16288" s="8">
        <v>205</v>
      </c>
      <c r="H16288" s="5">
        <v>6</v>
      </c>
      <c r="I16288" s="5" t="s">
        <v>1518</v>
      </c>
      <c r="J16288" s="5" t="s">
        <v>36264</v>
      </c>
      <c r="K16288" s="2" t="s">
        <v>49668</v>
      </c>
      <c r="L16288" s="5" t="s">
        <v>36264</v>
      </c>
      <c r="M16288" s="2" t="s">
        <v>49668</v>
      </c>
      <c r="N16288" s="5" t="s">
        <v>19227</v>
      </c>
      <c r="O16288" s="5" t="s">
        <v>38</v>
      </c>
      <c r="P16288" s="5" t="s">
        <v>39</v>
      </c>
      <c r="Q16288" s="5" t="s">
        <v>40</v>
      </c>
      <c r="R16288" s="5" t="s">
        <v>1487</v>
      </c>
      <c r="S16288" s="5"/>
      <c r="T16288" s="5" t="s">
        <v>42</v>
      </c>
      <c r="U16288" s="2">
        <v>0</v>
      </c>
      <c r="V16288" s="2">
        <v>0</v>
      </c>
      <c r="W16288" s="2">
        <v>0</v>
      </c>
      <c r="X16288" s="2">
        <v>0</v>
      </c>
      <c r="Y16288" s="2">
        <v>0</v>
      </c>
      <c r="Z16288" s="2">
        <v>0</v>
      </c>
      <c r="AA16288" s="5"/>
      <c r="AB16288" s="5" t="s">
        <v>43</v>
      </c>
      <c r="AC16288" s="5" t="s">
        <v>44</v>
      </c>
      <c r="AD16288" s="2"/>
      <c r="AE16288" s="1"/>
    </row>
    <row r="16289" spans="1:31" ht="14.45">
      <c r="A16289" s="11"/>
      <c r="B16289" s="20"/>
      <c r="C16289" s="2" t="s">
        <v>49825</v>
      </c>
      <c r="D16289" s="14" t="s">
        <v>49826</v>
      </c>
      <c r="E16289" s="2" t="s">
        <v>49827</v>
      </c>
      <c r="F16289" s="2" t="s">
        <v>36301</v>
      </c>
      <c r="G16289" s="8">
        <v>205</v>
      </c>
      <c r="H16289" s="5">
        <v>6</v>
      </c>
      <c r="I16289" s="5" t="s">
        <v>1518</v>
      </c>
      <c r="J16289" s="5" t="s">
        <v>36264</v>
      </c>
      <c r="K16289" s="2" t="s">
        <v>49668</v>
      </c>
      <c r="L16289" s="5" t="s">
        <v>36264</v>
      </c>
      <c r="M16289" s="2" t="s">
        <v>49668</v>
      </c>
      <c r="N16289" s="5" t="s">
        <v>19227</v>
      </c>
      <c r="O16289" s="5" t="s">
        <v>38</v>
      </c>
      <c r="P16289" s="5" t="s">
        <v>39</v>
      </c>
      <c r="Q16289" s="5" t="s">
        <v>40</v>
      </c>
      <c r="R16289" s="5" t="s">
        <v>1487</v>
      </c>
      <c r="S16289" s="5"/>
      <c r="T16289" s="5" t="s">
        <v>42</v>
      </c>
      <c r="U16289" s="2">
        <v>0</v>
      </c>
      <c r="V16289" s="2">
        <v>0</v>
      </c>
      <c r="W16289" s="2">
        <v>0</v>
      </c>
      <c r="X16289" s="2">
        <v>0</v>
      </c>
      <c r="Y16289" s="2">
        <v>0</v>
      </c>
      <c r="Z16289" s="2">
        <v>0</v>
      </c>
      <c r="AA16289" s="5"/>
      <c r="AB16289" s="5" t="s">
        <v>43</v>
      </c>
      <c r="AC16289" s="5" t="s">
        <v>44</v>
      </c>
      <c r="AD16289" s="2"/>
      <c r="AE16289" s="1"/>
    </row>
    <row r="16290" spans="1:31" ht="14.45">
      <c r="A16290" s="11"/>
      <c r="B16290" s="20"/>
      <c r="C16290" s="2" t="s">
        <v>49828</v>
      </c>
      <c r="D16290" s="14" t="s">
        <v>49829</v>
      </c>
      <c r="E16290" s="2" t="s">
        <v>49830</v>
      </c>
      <c r="F16290" s="2" t="s">
        <v>36305</v>
      </c>
      <c r="G16290" s="8">
        <v>205</v>
      </c>
      <c r="H16290" s="5">
        <v>6</v>
      </c>
      <c r="I16290" s="5" t="s">
        <v>1518</v>
      </c>
      <c r="J16290" s="5" t="s">
        <v>36264</v>
      </c>
      <c r="K16290" s="2" t="s">
        <v>49668</v>
      </c>
      <c r="L16290" s="5" t="s">
        <v>36264</v>
      </c>
      <c r="M16290" s="2" t="s">
        <v>49668</v>
      </c>
      <c r="N16290" s="5" t="s">
        <v>19227</v>
      </c>
      <c r="O16290" s="5" t="s">
        <v>38</v>
      </c>
      <c r="P16290" s="5" t="s">
        <v>39</v>
      </c>
      <c r="Q16290" s="5" t="s">
        <v>40</v>
      </c>
      <c r="R16290" s="5" t="s">
        <v>1487</v>
      </c>
      <c r="S16290" s="5"/>
      <c r="T16290" s="5" t="s">
        <v>42</v>
      </c>
      <c r="U16290" s="2">
        <v>0</v>
      </c>
      <c r="V16290" s="2">
        <v>0</v>
      </c>
      <c r="W16290" s="2">
        <v>0</v>
      </c>
      <c r="X16290" s="2">
        <v>0</v>
      </c>
      <c r="Y16290" s="2">
        <v>0</v>
      </c>
      <c r="Z16290" s="2">
        <v>0</v>
      </c>
      <c r="AA16290" s="5"/>
      <c r="AB16290" s="5" t="s">
        <v>43</v>
      </c>
      <c r="AC16290" s="5" t="s">
        <v>44</v>
      </c>
      <c r="AD16290" s="2"/>
      <c r="AE16290" s="1"/>
    </row>
    <row r="16291" spans="1:31" ht="14.45">
      <c r="A16291" s="11"/>
      <c r="B16291" s="20"/>
      <c r="C16291" s="2" t="s">
        <v>49831</v>
      </c>
      <c r="D16291" s="14" t="s">
        <v>49832</v>
      </c>
      <c r="E16291" s="2" t="s">
        <v>49833</v>
      </c>
      <c r="F16291" s="2" t="s">
        <v>36309</v>
      </c>
      <c r="G16291" s="8">
        <v>205</v>
      </c>
      <c r="H16291" s="5">
        <v>6</v>
      </c>
      <c r="I16291" s="5" t="s">
        <v>1518</v>
      </c>
      <c r="J16291" s="5" t="s">
        <v>36264</v>
      </c>
      <c r="K16291" s="2" t="s">
        <v>49668</v>
      </c>
      <c r="L16291" s="5" t="s">
        <v>36264</v>
      </c>
      <c r="M16291" s="2" t="s">
        <v>49668</v>
      </c>
      <c r="N16291" s="5" t="s">
        <v>19227</v>
      </c>
      <c r="O16291" s="5" t="s">
        <v>38</v>
      </c>
      <c r="P16291" s="5" t="s">
        <v>39</v>
      </c>
      <c r="Q16291" s="5" t="s">
        <v>40</v>
      </c>
      <c r="R16291" s="5" t="s">
        <v>1487</v>
      </c>
      <c r="S16291" s="5"/>
      <c r="T16291" s="5" t="s">
        <v>42</v>
      </c>
      <c r="U16291" s="2">
        <v>0</v>
      </c>
      <c r="V16291" s="2">
        <v>0</v>
      </c>
      <c r="W16291" s="2">
        <v>0</v>
      </c>
      <c r="X16291" s="2">
        <v>0</v>
      </c>
      <c r="Y16291" s="2">
        <v>0</v>
      </c>
      <c r="Z16291" s="2">
        <v>0</v>
      </c>
      <c r="AA16291" s="5"/>
      <c r="AB16291" s="5" t="s">
        <v>43</v>
      </c>
      <c r="AC16291" s="5" t="s">
        <v>44</v>
      </c>
      <c r="AD16291" s="2"/>
      <c r="AE16291" s="1"/>
    </row>
    <row r="16292" spans="1:31" ht="14.45">
      <c r="A16292" s="11"/>
      <c r="B16292" s="20"/>
      <c r="C16292" s="2" t="s">
        <v>49834</v>
      </c>
      <c r="D16292" s="14" t="s">
        <v>49835</v>
      </c>
      <c r="E16292" s="2" t="s">
        <v>49836</v>
      </c>
      <c r="F16292" s="2" t="s">
        <v>7204</v>
      </c>
      <c r="G16292" s="8">
        <v>218</v>
      </c>
      <c r="H16292" s="5">
        <v>6</v>
      </c>
      <c r="I16292" s="5" t="s">
        <v>1518</v>
      </c>
      <c r="J16292" s="5" t="s">
        <v>36264</v>
      </c>
      <c r="K16292" s="2" t="s">
        <v>49668</v>
      </c>
      <c r="L16292" s="5" t="s">
        <v>36264</v>
      </c>
      <c r="M16292" s="2" t="s">
        <v>49668</v>
      </c>
      <c r="N16292" s="5" t="s">
        <v>19227</v>
      </c>
      <c r="O16292" s="5" t="s">
        <v>38</v>
      </c>
      <c r="P16292" s="5" t="s">
        <v>39</v>
      </c>
      <c r="Q16292" s="5" t="s">
        <v>40</v>
      </c>
      <c r="R16292" s="5" t="s">
        <v>1487</v>
      </c>
      <c r="S16292" s="5"/>
      <c r="T16292" s="5" t="s">
        <v>42</v>
      </c>
      <c r="U16292" s="2">
        <v>0</v>
      </c>
      <c r="V16292" s="2">
        <v>0</v>
      </c>
      <c r="W16292" s="2">
        <v>0</v>
      </c>
      <c r="X16292" s="2">
        <v>0</v>
      </c>
      <c r="Y16292" s="2">
        <v>0</v>
      </c>
      <c r="Z16292" s="2">
        <v>0</v>
      </c>
      <c r="AA16292" s="5"/>
      <c r="AB16292" s="5" t="s">
        <v>43</v>
      </c>
      <c r="AC16292" s="5" t="s">
        <v>44</v>
      </c>
      <c r="AD16292" s="2"/>
      <c r="AE16292" s="1"/>
    </row>
    <row r="16293" spans="1:31" ht="14.45">
      <c r="A16293" s="11"/>
      <c r="B16293" s="20"/>
      <c r="C16293" s="2" t="s">
        <v>49837</v>
      </c>
      <c r="D16293" s="14" t="s">
        <v>49838</v>
      </c>
      <c r="E16293" s="2" t="s">
        <v>49839</v>
      </c>
      <c r="F16293" s="2" t="s">
        <v>7514</v>
      </c>
      <c r="G16293" s="8">
        <v>218</v>
      </c>
      <c r="H16293" s="5">
        <v>6</v>
      </c>
      <c r="I16293" s="5" t="s">
        <v>1518</v>
      </c>
      <c r="J16293" s="5" t="s">
        <v>36264</v>
      </c>
      <c r="K16293" s="2" t="s">
        <v>49668</v>
      </c>
      <c r="L16293" s="5" t="s">
        <v>36264</v>
      </c>
      <c r="M16293" s="2" t="s">
        <v>49668</v>
      </c>
      <c r="N16293" s="5" t="s">
        <v>19227</v>
      </c>
      <c r="O16293" s="5" t="s">
        <v>38</v>
      </c>
      <c r="P16293" s="5" t="s">
        <v>39</v>
      </c>
      <c r="Q16293" s="5" t="s">
        <v>40</v>
      </c>
      <c r="R16293" s="5" t="s">
        <v>1487</v>
      </c>
      <c r="S16293" s="5"/>
      <c r="T16293" s="5" t="s">
        <v>42</v>
      </c>
      <c r="U16293" s="2">
        <v>0</v>
      </c>
      <c r="V16293" s="2">
        <v>0</v>
      </c>
      <c r="W16293" s="2">
        <v>0</v>
      </c>
      <c r="X16293" s="2">
        <v>0</v>
      </c>
      <c r="Y16293" s="2">
        <v>0</v>
      </c>
      <c r="Z16293" s="2">
        <v>0</v>
      </c>
      <c r="AA16293" s="5"/>
      <c r="AB16293" s="5" t="s">
        <v>43</v>
      </c>
      <c r="AC16293" s="5" t="s">
        <v>44</v>
      </c>
      <c r="AD16293" s="2"/>
      <c r="AE16293" s="1"/>
    </row>
    <row r="16294" spans="1:31" ht="14.45">
      <c r="A16294" s="11"/>
      <c r="B16294" s="20"/>
      <c r="C16294" s="2" t="s">
        <v>49840</v>
      </c>
      <c r="D16294" s="14" t="s">
        <v>49841</v>
      </c>
      <c r="E16294" s="2" t="s">
        <v>49842</v>
      </c>
      <c r="F16294" s="2" t="s">
        <v>36273</v>
      </c>
      <c r="G16294" s="8">
        <v>218</v>
      </c>
      <c r="H16294" s="5">
        <v>6</v>
      </c>
      <c r="I16294" s="5" t="s">
        <v>1518</v>
      </c>
      <c r="J16294" s="5" t="s">
        <v>36264</v>
      </c>
      <c r="K16294" s="2" t="s">
        <v>49668</v>
      </c>
      <c r="L16294" s="5" t="s">
        <v>36264</v>
      </c>
      <c r="M16294" s="2" t="s">
        <v>49668</v>
      </c>
      <c r="N16294" s="5" t="s">
        <v>19227</v>
      </c>
      <c r="O16294" s="5" t="s">
        <v>38</v>
      </c>
      <c r="P16294" s="5" t="s">
        <v>39</v>
      </c>
      <c r="Q16294" s="5" t="s">
        <v>40</v>
      </c>
      <c r="R16294" s="5" t="s">
        <v>1487</v>
      </c>
      <c r="S16294" s="5"/>
      <c r="T16294" s="5" t="s">
        <v>42</v>
      </c>
      <c r="U16294" s="2">
        <v>0</v>
      </c>
      <c r="V16294" s="2">
        <v>0</v>
      </c>
      <c r="W16294" s="2">
        <v>0</v>
      </c>
      <c r="X16294" s="2">
        <v>0</v>
      </c>
      <c r="Y16294" s="2">
        <v>0</v>
      </c>
      <c r="Z16294" s="2">
        <v>0</v>
      </c>
      <c r="AA16294" s="5"/>
      <c r="AB16294" s="5" t="s">
        <v>43</v>
      </c>
      <c r="AC16294" s="5" t="s">
        <v>44</v>
      </c>
      <c r="AD16294" s="2"/>
      <c r="AE16294" s="1"/>
    </row>
    <row r="16295" spans="1:31" ht="14.45">
      <c r="A16295" s="11"/>
      <c r="B16295" s="20"/>
      <c r="C16295" s="2" t="s">
        <v>49843</v>
      </c>
      <c r="D16295" s="14" t="s">
        <v>49844</v>
      </c>
      <c r="E16295" s="2" t="s">
        <v>49845</v>
      </c>
      <c r="F16295" s="2" t="s">
        <v>36277</v>
      </c>
      <c r="G16295" s="8">
        <v>218</v>
      </c>
      <c r="H16295" s="5">
        <v>6</v>
      </c>
      <c r="I16295" s="5" t="s">
        <v>1518</v>
      </c>
      <c r="J16295" s="5" t="s">
        <v>36264</v>
      </c>
      <c r="K16295" s="2" t="s">
        <v>49668</v>
      </c>
      <c r="L16295" s="5" t="s">
        <v>36264</v>
      </c>
      <c r="M16295" s="2" t="s">
        <v>49668</v>
      </c>
      <c r="N16295" s="5" t="s">
        <v>19227</v>
      </c>
      <c r="O16295" s="5" t="s">
        <v>38</v>
      </c>
      <c r="P16295" s="5" t="s">
        <v>39</v>
      </c>
      <c r="Q16295" s="5" t="s">
        <v>40</v>
      </c>
      <c r="R16295" s="5" t="s">
        <v>1487</v>
      </c>
      <c r="S16295" s="5"/>
      <c r="T16295" s="5" t="s">
        <v>42</v>
      </c>
      <c r="U16295" s="2">
        <v>0</v>
      </c>
      <c r="V16295" s="2">
        <v>0</v>
      </c>
      <c r="W16295" s="2">
        <v>0</v>
      </c>
      <c r="X16295" s="2">
        <v>0</v>
      </c>
      <c r="Y16295" s="2">
        <v>0</v>
      </c>
      <c r="Z16295" s="2">
        <v>0</v>
      </c>
      <c r="AA16295" s="5"/>
      <c r="AB16295" s="5" t="s">
        <v>43</v>
      </c>
      <c r="AC16295" s="5" t="s">
        <v>44</v>
      </c>
      <c r="AD16295" s="2"/>
      <c r="AE16295" s="1"/>
    </row>
    <row r="16296" spans="1:31" ht="14.45">
      <c r="A16296" s="11"/>
      <c r="B16296" s="20"/>
      <c r="C16296" s="2" t="s">
        <v>49846</v>
      </c>
      <c r="D16296" s="14" t="s">
        <v>49847</v>
      </c>
      <c r="E16296" s="2" t="s">
        <v>49848</v>
      </c>
      <c r="F16296" s="2" t="s">
        <v>36297</v>
      </c>
      <c r="G16296" s="8">
        <v>218</v>
      </c>
      <c r="H16296" s="5">
        <v>6</v>
      </c>
      <c r="I16296" s="5" t="s">
        <v>1518</v>
      </c>
      <c r="J16296" s="5" t="s">
        <v>36264</v>
      </c>
      <c r="K16296" s="2" t="s">
        <v>49668</v>
      </c>
      <c r="L16296" s="5" t="s">
        <v>36264</v>
      </c>
      <c r="M16296" s="2" t="s">
        <v>49668</v>
      </c>
      <c r="N16296" s="5" t="s">
        <v>19227</v>
      </c>
      <c r="O16296" s="5" t="s">
        <v>38</v>
      </c>
      <c r="P16296" s="5" t="s">
        <v>39</v>
      </c>
      <c r="Q16296" s="5" t="s">
        <v>40</v>
      </c>
      <c r="R16296" s="5" t="s">
        <v>1487</v>
      </c>
      <c r="S16296" s="5"/>
      <c r="T16296" s="5" t="s">
        <v>42</v>
      </c>
      <c r="U16296" s="2">
        <v>0</v>
      </c>
      <c r="V16296" s="2">
        <v>0</v>
      </c>
      <c r="W16296" s="2">
        <v>0</v>
      </c>
      <c r="X16296" s="2">
        <v>0</v>
      </c>
      <c r="Y16296" s="2">
        <v>0</v>
      </c>
      <c r="Z16296" s="2">
        <v>0</v>
      </c>
      <c r="AA16296" s="5"/>
      <c r="AB16296" s="5" t="s">
        <v>43</v>
      </c>
      <c r="AC16296" s="5" t="s">
        <v>44</v>
      </c>
      <c r="AD16296" s="2"/>
      <c r="AE16296" s="1"/>
    </row>
    <row r="16297" spans="1:31" ht="14.45">
      <c r="A16297" s="11"/>
      <c r="B16297" s="20"/>
      <c r="C16297" s="2" t="s">
        <v>49849</v>
      </c>
      <c r="D16297" s="14" t="s">
        <v>49850</v>
      </c>
      <c r="E16297" s="2" t="s">
        <v>49851</v>
      </c>
      <c r="F16297" s="2" t="s">
        <v>36301</v>
      </c>
      <c r="G16297" s="8">
        <v>218</v>
      </c>
      <c r="H16297" s="5">
        <v>6</v>
      </c>
      <c r="I16297" s="5" t="s">
        <v>1518</v>
      </c>
      <c r="J16297" s="5" t="s">
        <v>36264</v>
      </c>
      <c r="K16297" s="2" t="s">
        <v>49668</v>
      </c>
      <c r="L16297" s="5" t="s">
        <v>36264</v>
      </c>
      <c r="M16297" s="2" t="s">
        <v>49668</v>
      </c>
      <c r="N16297" s="5" t="s">
        <v>19227</v>
      </c>
      <c r="O16297" s="5" t="s">
        <v>38</v>
      </c>
      <c r="P16297" s="5" t="s">
        <v>39</v>
      </c>
      <c r="Q16297" s="5" t="s">
        <v>40</v>
      </c>
      <c r="R16297" s="5" t="s">
        <v>1487</v>
      </c>
      <c r="S16297" s="5"/>
      <c r="T16297" s="5" t="s">
        <v>42</v>
      </c>
      <c r="U16297" s="2">
        <v>0</v>
      </c>
      <c r="V16297" s="2">
        <v>0</v>
      </c>
      <c r="W16297" s="2">
        <v>0</v>
      </c>
      <c r="X16297" s="2">
        <v>0</v>
      </c>
      <c r="Y16297" s="2">
        <v>0</v>
      </c>
      <c r="Z16297" s="2">
        <v>0</v>
      </c>
      <c r="AA16297" s="5"/>
      <c r="AB16297" s="5" t="s">
        <v>43</v>
      </c>
      <c r="AC16297" s="5" t="s">
        <v>44</v>
      </c>
      <c r="AD16297" s="2"/>
      <c r="AE16297" s="1"/>
    </row>
    <row r="16298" spans="1:31" ht="14.45">
      <c r="A16298" s="11"/>
      <c r="B16298" s="20"/>
      <c r="C16298" s="2" t="s">
        <v>49852</v>
      </c>
      <c r="D16298" s="14" t="s">
        <v>49853</v>
      </c>
      <c r="E16298" s="2" t="s">
        <v>49854</v>
      </c>
      <c r="F16298" s="2" t="s">
        <v>36305</v>
      </c>
      <c r="G16298" s="8">
        <v>218</v>
      </c>
      <c r="H16298" s="5">
        <v>6</v>
      </c>
      <c r="I16298" s="5" t="s">
        <v>1518</v>
      </c>
      <c r="J16298" s="5" t="s">
        <v>36264</v>
      </c>
      <c r="K16298" s="2" t="s">
        <v>49668</v>
      </c>
      <c r="L16298" s="5" t="s">
        <v>36264</v>
      </c>
      <c r="M16298" s="2" t="s">
        <v>49668</v>
      </c>
      <c r="N16298" s="5" t="s">
        <v>19227</v>
      </c>
      <c r="O16298" s="5" t="s">
        <v>38</v>
      </c>
      <c r="P16298" s="5" t="s">
        <v>39</v>
      </c>
      <c r="Q16298" s="5" t="s">
        <v>40</v>
      </c>
      <c r="R16298" s="5" t="s">
        <v>1487</v>
      </c>
      <c r="S16298" s="5"/>
      <c r="T16298" s="5" t="s">
        <v>42</v>
      </c>
      <c r="U16298" s="2">
        <v>0</v>
      </c>
      <c r="V16298" s="2">
        <v>0</v>
      </c>
      <c r="W16298" s="2">
        <v>0</v>
      </c>
      <c r="X16298" s="2">
        <v>0</v>
      </c>
      <c r="Y16298" s="2">
        <v>0</v>
      </c>
      <c r="Z16298" s="2">
        <v>0</v>
      </c>
      <c r="AA16298" s="5"/>
      <c r="AB16298" s="5" t="s">
        <v>43</v>
      </c>
      <c r="AC16298" s="5" t="s">
        <v>44</v>
      </c>
      <c r="AD16298" s="2"/>
      <c r="AE16298" s="1"/>
    </row>
    <row r="16299" spans="1:31" ht="14.45">
      <c r="A16299" s="11"/>
      <c r="B16299" s="20"/>
      <c r="C16299" s="2" t="s">
        <v>49855</v>
      </c>
      <c r="D16299" s="14" t="s">
        <v>49856</v>
      </c>
      <c r="E16299" s="2" t="s">
        <v>49857</v>
      </c>
      <c r="F16299" s="2" t="s">
        <v>36309</v>
      </c>
      <c r="G16299" s="8">
        <v>218</v>
      </c>
      <c r="H16299" s="5">
        <v>6</v>
      </c>
      <c r="I16299" s="5" t="s">
        <v>1518</v>
      </c>
      <c r="J16299" s="5" t="s">
        <v>36264</v>
      </c>
      <c r="K16299" s="2" t="s">
        <v>49668</v>
      </c>
      <c r="L16299" s="5" t="s">
        <v>36264</v>
      </c>
      <c r="M16299" s="2" t="s">
        <v>49668</v>
      </c>
      <c r="N16299" s="5" t="s">
        <v>19227</v>
      </c>
      <c r="O16299" s="5" t="s">
        <v>38</v>
      </c>
      <c r="P16299" s="5" t="s">
        <v>39</v>
      </c>
      <c r="Q16299" s="5" t="s">
        <v>40</v>
      </c>
      <c r="R16299" s="5" t="s">
        <v>1487</v>
      </c>
      <c r="S16299" s="5"/>
      <c r="T16299" s="5" t="s">
        <v>42</v>
      </c>
      <c r="U16299" s="2">
        <v>0</v>
      </c>
      <c r="V16299" s="2">
        <v>0</v>
      </c>
      <c r="W16299" s="2">
        <v>0</v>
      </c>
      <c r="X16299" s="2">
        <v>0</v>
      </c>
      <c r="Y16299" s="2">
        <v>0</v>
      </c>
      <c r="Z16299" s="2">
        <v>0</v>
      </c>
      <c r="AA16299" s="5"/>
      <c r="AB16299" s="5" t="s">
        <v>43</v>
      </c>
      <c r="AC16299" s="5" t="s">
        <v>44</v>
      </c>
      <c r="AD16299" s="2"/>
      <c r="AE16299" s="1"/>
    </row>
    <row r="16300" spans="1:31" ht="14.45">
      <c r="A16300" s="11"/>
      <c r="B16300" s="20"/>
      <c r="C16300" s="2" t="s">
        <v>49858</v>
      </c>
      <c r="D16300" s="14" t="s">
        <v>49859</v>
      </c>
      <c r="E16300" s="2" t="s">
        <v>49860</v>
      </c>
      <c r="F16300" s="2" t="s">
        <v>7204</v>
      </c>
      <c r="G16300" s="8">
        <v>221</v>
      </c>
      <c r="H16300" s="5">
        <v>6</v>
      </c>
      <c r="I16300" s="5" t="s">
        <v>1518</v>
      </c>
      <c r="J16300" s="5" t="s">
        <v>36264</v>
      </c>
      <c r="K16300" s="2" t="s">
        <v>49668</v>
      </c>
      <c r="L16300" s="5" t="s">
        <v>36264</v>
      </c>
      <c r="M16300" s="2" t="s">
        <v>49668</v>
      </c>
      <c r="N16300" s="5" t="s">
        <v>19227</v>
      </c>
      <c r="O16300" s="5" t="s">
        <v>38</v>
      </c>
      <c r="P16300" s="5" t="s">
        <v>39</v>
      </c>
      <c r="Q16300" s="5" t="s">
        <v>40</v>
      </c>
      <c r="R16300" s="5" t="s">
        <v>1487</v>
      </c>
      <c r="S16300" s="5"/>
      <c r="T16300" s="5" t="s">
        <v>42</v>
      </c>
      <c r="U16300" s="2">
        <v>0</v>
      </c>
      <c r="V16300" s="2">
        <v>0</v>
      </c>
      <c r="W16300" s="2">
        <v>0</v>
      </c>
      <c r="X16300" s="2">
        <v>0</v>
      </c>
      <c r="Y16300" s="2">
        <v>0</v>
      </c>
      <c r="Z16300" s="2">
        <v>0</v>
      </c>
      <c r="AA16300" s="5"/>
      <c r="AB16300" s="5" t="s">
        <v>43</v>
      </c>
      <c r="AC16300" s="5" t="s">
        <v>44</v>
      </c>
      <c r="AD16300" s="2"/>
      <c r="AE16300" s="1"/>
    </row>
    <row r="16301" spans="1:31" ht="14.45">
      <c r="A16301" s="11"/>
      <c r="B16301" s="20"/>
      <c r="C16301" s="2" t="s">
        <v>49861</v>
      </c>
      <c r="D16301" s="14" t="s">
        <v>49862</v>
      </c>
      <c r="E16301" s="2" t="s">
        <v>49863</v>
      </c>
      <c r="F16301" s="2" t="s">
        <v>7514</v>
      </c>
      <c r="G16301" s="8">
        <v>221</v>
      </c>
      <c r="H16301" s="5">
        <v>6</v>
      </c>
      <c r="I16301" s="5" t="s">
        <v>1518</v>
      </c>
      <c r="J16301" s="5" t="s">
        <v>36264</v>
      </c>
      <c r="K16301" s="2" t="s">
        <v>49668</v>
      </c>
      <c r="L16301" s="5" t="s">
        <v>36264</v>
      </c>
      <c r="M16301" s="2" t="s">
        <v>49668</v>
      </c>
      <c r="N16301" s="5" t="s">
        <v>19227</v>
      </c>
      <c r="O16301" s="5" t="s">
        <v>38</v>
      </c>
      <c r="P16301" s="5" t="s">
        <v>39</v>
      </c>
      <c r="Q16301" s="5" t="s">
        <v>40</v>
      </c>
      <c r="R16301" s="5" t="s">
        <v>1487</v>
      </c>
      <c r="S16301" s="5"/>
      <c r="T16301" s="5" t="s">
        <v>42</v>
      </c>
      <c r="U16301" s="2">
        <v>0</v>
      </c>
      <c r="V16301" s="2">
        <v>0</v>
      </c>
      <c r="W16301" s="2">
        <v>0</v>
      </c>
      <c r="X16301" s="2">
        <v>0</v>
      </c>
      <c r="Y16301" s="2">
        <v>0</v>
      </c>
      <c r="Z16301" s="2">
        <v>0</v>
      </c>
      <c r="AA16301" s="5"/>
      <c r="AB16301" s="5" t="s">
        <v>43</v>
      </c>
      <c r="AC16301" s="5" t="s">
        <v>44</v>
      </c>
      <c r="AD16301" s="2"/>
      <c r="AE16301" s="1"/>
    </row>
    <row r="16302" spans="1:31" ht="14.45">
      <c r="A16302" s="11"/>
      <c r="B16302" s="20"/>
      <c r="C16302" s="2" t="s">
        <v>49864</v>
      </c>
      <c r="D16302" s="14" t="s">
        <v>49865</v>
      </c>
      <c r="E16302" s="2" t="s">
        <v>49866</v>
      </c>
      <c r="F16302" s="2" t="s">
        <v>36273</v>
      </c>
      <c r="G16302" s="8">
        <v>221</v>
      </c>
      <c r="H16302" s="5">
        <v>6</v>
      </c>
      <c r="I16302" s="5" t="s">
        <v>1518</v>
      </c>
      <c r="J16302" s="5" t="s">
        <v>36264</v>
      </c>
      <c r="K16302" s="2" t="s">
        <v>49668</v>
      </c>
      <c r="L16302" s="5" t="s">
        <v>36264</v>
      </c>
      <c r="M16302" s="2" t="s">
        <v>49668</v>
      </c>
      <c r="N16302" s="5" t="s">
        <v>19227</v>
      </c>
      <c r="O16302" s="5" t="s">
        <v>38</v>
      </c>
      <c r="P16302" s="5" t="s">
        <v>39</v>
      </c>
      <c r="Q16302" s="5" t="s">
        <v>40</v>
      </c>
      <c r="R16302" s="5" t="s">
        <v>1487</v>
      </c>
      <c r="S16302" s="5"/>
      <c r="T16302" s="5" t="s">
        <v>42</v>
      </c>
      <c r="U16302" s="2">
        <v>0</v>
      </c>
      <c r="V16302" s="2">
        <v>0</v>
      </c>
      <c r="W16302" s="2">
        <v>0</v>
      </c>
      <c r="X16302" s="2">
        <v>0</v>
      </c>
      <c r="Y16302" s="2">
        <v>0</v>
      </c>
      <c r="Z16302" s="2">
        <v>0</v>
      </c>
      <c r="AA16302" s="5"/>
      <c r="AB16302" s="5" t="s">
        <v>43</v>
      </c>
      <c r="AC16302" s="5" t="s">
        <v>44</v>
      </c>
      <c r="AD16302" s="2"/>
      <c r="AE16302" s="1"/>
    </row>
    <row r="16303" spans="1:31" ht="14.45">
      <c r="A16303" s="11"/>
      <c r="B16303" s="20"/>
      <c r="C16303" s="2" t="s">
        <v>49867</v>
      </c>
      <c r="D16303" s="14" t="s">
        <v>49868</v>
      </c>
      <c r="E16303" s="2" t="s">
        <v>49869</v>
      </c>
      <c r="F16303" s="2" t="s">
        <v>36277</v>
      </c>
      <c r="G16303" s="8">
        <v>221</v>
      </c>
      <c r="H16303" s="5">
        <v>6</v>
      </c>
      <c r="I16303" s="5" t="s">
        <v>1518</v>
      </c>
      <c r="J16303" s="5" t="s">
        <v>36264</v>
      </c>
      <c r="K16303" s="2" t="s">
        <v>49668</v>
      </c>
      <c r="L16303" s="5" t="s">
        <v>36264</v>
      </c>
      <c r="M16303" s="2" t="s">
        <v>49668</v>
      </c>
      <c r="N16303" s="5" t="s">
        <v>19227</v>
      </c>
      <c r="O16303" s="5" t="s">
        <v>38</v>
      </c>
      <c r="P16303" s="5" t="s">
        <v>39</v>
      </c>
      <c r="Q16303" s="5" t="s">
        <v>40</v>
      </c>
      <c r="R16303" s="5" t="s">
        <v>1487</v>
      </c>
      <c r="S16303" s="5"/>
      <c r="T16303" s="5" t="s">
        <v>42</v>
      </c>
      <c r="U16303" s="2">
        <v>0</v>
      </c>
      <c r="V16303" s="2">
        <v>0</v>
      </c>
      <c r="W16303" s="2">
        <v>0</v>
      </c>
      <c r="X16303" s="2">
        <v>0</v>
      </c>
      <c r="Y16303" s="2">
        <v>0</v>
      </c>
      <c r="Z16303" s="2">
        <v>0</v>
      </c>
      <c r="AA16303" s="5"/>
      <c r="AB16303" s="5" t="s">
        <v>43</v>
      </c>
      <c r="AC16303" s="5" t="s">
        <v>44</v>
      </c>
      <c r="AD16303" s="2"/>
      <c r="AE16303" s="1"/>
    </row>
    <row r="16304" spans="1:31" ht="14.45">
      <c r="A16304" s="11"/>
      <c r="B16304" s="20"/>
      <c r="C16304" s="2" t="s">
        <v>49870</v>
      </c>
      <c r="D16304" s="14" t="s">
        <v>49871</v>
      </c>
      <c r="E16304" s="2" t="s">
        <v>49872</v>
      </c>
      <c r="F16304" s="2" t="s">
        <v>36297</v>
      </c>
      <c r="G16304" s="8">
        <v>221</v>
      </c>
      <c r="H16304" s="5">
        <v>6</v>
      </c>
      <c r="I16304" s="5" t="s">
        <v>1518</v>
      </c>
      <c r="J16304" s="5" t="s">
        <v>36264</v>
      </c>
      <c r="K16304" s="2" t="s">
        <v>49668</v>
      </c>
      <c r="L16304" s="5" t="s">
        <v>36264</v>
      </c>
      <c r="M16304" s="2" t="s">
        <v>49668</v>
      </c>
      <c r="N16304" s="5" t="s">
        <v>19227</v>
      </c>
      <c r="O16304" s="5" t="s">
        <v>38</v>
      </c>
      <c r="P16304" s="5" t="s">
        <v>39</v>
      </c>
      <c r="Q16304" s="5" t="s">
        <v>40</v>
      </c>
      <c r="R16304" s="5" t="s">
        <v>1487</v>
      </c>
      <c r="S16304" s="5"/>
      <c r="T16304" s="5" t="s">
        <v>42</v>
      </c>
      <c r="U16304" s="2">
        <v>0</v>
      </c>
      <c r="V16304" s="2">
        <v>0</v>
      </c>
      <c r="W16304" s="2">
        <v>0</v>
      </c>
      <c r="X16304" s="2">
        <v>0</v>
      </c>
      <c r="Y16304" s="2">
        <v>0</v>
      </c>
      <c r="Z16304" s="2">
        <v>0</v>
      </c>
      <c r="AA16304" s="5"/>
      <c r="AB16304" s="5" t="s">
        <v>43</v>
      </c>
      <c r="AC16304" s="5" t="s">
        <v>44</v>
      </c>
      <c r="AD16304" s="2"/>
      <c r="AE16304" s="1"/>
    </row>
    <row r="16305" spans="1:31" ht="14.45">
      <c r="A16305" s="11"/>
      <c r="B16305" s="20"/>
      <c r="C16305" s="2" t="s">
        <v>49873</v>
      </c>
      <c r="D16305" s="14" t="s">
        <v>49874</v>
      </c>
      <c r="E16305" s="2" t="s">
        <v>49875</v>
      </c>
      <c r="F16305" s="2" t="s">
        <v>36301</v>
      </c>
      <c r="G16305" s="8">
        <v>221</v>
      </c>
      <c r="H16305" s="5">
        <v>6</v>
      </c>
      <c r="I16305" s="5" t="s">
        <v>1518</v>
      </c>
      <c r="J16305" s="5" t="s">
        <v>36264</v>
      </c>
      <c r="K16305" s="2" t="s">
        <v>49668</v>
      </c>
      <c r="L16305" s="5" t="s">
        <v>36264</v>
      </c>
      <c r="M16305" s="2" t="s">
        <v>49668</v>
      </c>
      <c r="N16305" s="5" t="s">
        <v>19227</v>
      </c>
      <c r="O16305" s="5" t="s">
        <v>38</v>
      </c>
      <c r="P16305" s="5" t="s">
        <v>39</v>
      </c>
      <c r="Q16305" s="5" t="s">
        <v>40</v>
      </c>
      <c r="R16305" s="5" t="s">
        <v>1487</v>
      </c>
      <c r="S16305" s="5"/>
      <c r="T16305" s="5" t="s">
        <v>42</v>
      </c>
      <c r="U16305" s="2">
        <v>0</v>
      </c>
      <c r="V16305" s="2">
        <v>0</v>
      </c>
      <c r="W16305" s="2">
        <v>0</v>
      </c>
      <c r="X16305" s="2">
        <v>0</v>
      </c>
      <c r="Y16305" s="2">
        <v>0</v>
      </c>
      <c r="Z16305" s="2">
        <v>0</v>
      </c>
      <c r="AA16305" s="5"/>
      <c r="AB16305" s="5" t="s">
        <v>43</v>
      </c>
      <c r="AC16305" s="5" t="s">
        <v>44</v>
      </c>
      <c r="AD16305" s="2"/>
      <c r="AE16305" s="1"/>
    </row>
    <row r="16306" spans="1:31" ht="14.45">
      <c r="A16306" s="11"/>
      <c r="B16306" s="20"/>
      <c r="C16306" s="2" t="s">
        <v>49876</v>
      </c>
      <c r="D16306" s="14" t="s">
        <v>49877</v>
      </c>
      <c r="E16306" s="2" t="s">
        <v>49878</v>
      </c>
      <c r="F16306" s="2" t="s">
        <v>36305</v>
      </c>
      <c r="G16306" s="8">
        <v>221</v>
      </c>
      <c r="H16306" s="5">
        <v>6</v>
      </c>
      <c r="I16306" s="5" t="s">
        <v>1518</v>
      </c>
      <c r="J16306" s="5" t="s">
        <v>36264</v>
      </c>
      <c r="K16306" s="2" t="s">
        <v>49668</v>
      </c>
      <c r="L16306" s="5" t="s">
        <v>36264</v>
      </c>
      <c r="M16306" s="2" t="s">
        <v>49668</v>
      </c>
      <c r="N16306" s="5" t="s">
        <v>19227</v>
      </c>
      <c r="O16306" s="5" t="s">
        <v>38</v>
      </c>
      <c r="P16306" s="5" t="s">
        <v>39</v>
      </c>
      <c r="Q16306" s="5" t="s">
        <v>40</v>
      </c>
      <c r="R16306" s="5" t="s">
        <v>1487</v>
      </c>
      <c r="S16306" s="5"/>
      <c r="T16306" s="5" t="s">
        <v>42</v>
      </c>
      <c r="U16306" s="2">
        <v>0</v>
      </c>
      <c r="V16306" s="2">
        <v>0</v>
      </c>
      <c r="W16306" s="2">
        <v>0</v>
      </c>
      <c r="X16306" s="2">
        <v>0</v>
      </c>
      <c r="Y16306" s="2">
        <v>0</v>
      </c>
      <c r="Z16306" s="2">
        <v>0</v>
      </c>
      <c r="AA16306" s="5"/>
      <c r="AB16306" s="5" t="s">
        <v>43</v>
      </c>
      <c r="AC16306" s="5" t="s">
        <v>44</v>
      </c>
      <c r="AD16306" s="2"/>
      <c r="AE16306" s="1"/>
    </row>
    <row r="16307" spans="1:31" ht="14.45">
      <c r="A16307" s="11"/>
      <c r="B16307" s="20"/>
      <c r="C16307" s="2" t="s">
        <v>49879</v>
      </c>
      <c r="D16307" s="14" t="s">
        <v>49880</v>
      </c>
      <c r="E16307" s="2" t="s">
        <v>49881</v>
      </c>
      <c r="F16307" s="2" t="s">
        <v>36309</v>
      </c>
      <c r="G16307" s="8">
        <v>221</v>
      </c>
      <c r="H16307" s="5">
        <v>6</v>
      </c>
      <c r="I16307" s="5" t="s">
        <v>1518</v>
      </c>
      <c r="J16307" s="5" t="s">
        <v>36264</v>
      </c>
      <c r="K16307" s="2" t="s">
        <v>49668</v>
      </c>
      <c r="L16307" s="5" t="s">
        <v>36264</v>
      </c>
      <c r="M16307" s="2" t="s">
        <v>49668</v>
      </c>
      <c r="N16307" s="5" t="s">
        <v>19227</v>
      </c>
      <c r="O16307" s="5" t="s">
        <v>38</v>
      </c>
      <c r="P16307" s="5" t="s">
        <v>39</v>
      </c>
      <c r="Q16307" s="5" t="s">
        <v>40</v>
      </c>
      <c r="R16307" s="5" t="s">
        <v>1487</v>
      </c>
      <c r="S16307" s="5"/>
      <c r="T16307" s="5" t="s">
        <v>42</v>
      </c>
      <c r="U16307" s="2">
        <v>0</v>
      </c>
      <c r="V16307" s="2">
        <v>0</v>
      </c>
      <c r="W16307" s="2">
        <v>0</v>
      </c>
      <c r="X16307" s="2">
        <v>0</v>
      </c>
      <c r="Y16307" s="2">
        <v>0</v>
      </c>
      <c r="Z16307" s="2">
        <v>0</v>
      </c>
      <c r="AA16307" s="5"/>
      <c r="AB16307" s="5" t="s">
        <v>43</v>
      </c>
      <c r="AC16307" s="5" t="s">
        <v>44</v>
      </c>
      <c r="AD16307" s="2"/>
      <c r="AE16307" s="1"/>
    </row>
    <row r="16308" spans="1:31" ht="14.45">
      <c r="A16308" s="11"/>
      <c r="B16308" s="20"/>
      <c r="C16308" s="2" t="s">
        <v>49882</v>
      </c>
      <c r="D16308" s="14" t="s">
        <v>49883</v>
      </c>
      <c r="E16308" s="2" t="s">
        <v>49884</v>
      </c>
      <c r="F16308" s="2" t="s">
        <v>7204</v>
      </c>
      <c r="G16308" s="8">
        <v>205</v>
      </c>
      <c r="H16308" s="5">
        <v>6</v>
      </c>
      <c r="I16308" s="5" t="s">
        <v>1518</v>
      </c>
      <c r="J16308" s="5" t="s">
        <v>36264</v>
      </c>
      <c r="K16308" s="2" t="s">
        <v>49668</v>
      </c>
      <c r="L16308" s="5" t="s">
        <v>36264</v>
      </c>
      <c r="M16308" s="2" t="s">
        <v>49668</v>
      </c>
      <c r="N16308" s="5" t="s">
        <v>19227</v>
      </c>
      <c r="O16308" s="5" t="s">
        <v>38</v>
      </c>
      <c r="P16308" s="5" t="s">
        <v>39</v>
      </c>
      <c r="Q16308" s="5" t="s">
        <v>40</v>
      </c>
      <c r="R16308" s="5" t="s">
        <v>1487</v>
      </c>
      <c r="S16308" s="5"/>
      <c r="T16308" s="5" t="s">
        <v>42</v>
      </c>
      <c r="U16308" s="2">
        <v>0</v>
      </c>
      <c r="V16308" s="2">
        <v>0</v>
      </c>
      <c r="W16308" s="2">
        <v>0</v>
      </c>
      <c r="X16308" s="2">
        <v>0</v>
      </c>
      <c r="Y16308" s="2">
        <v>0</v>
      </c>
      <c r="Z16308" s="2">
        <v>0</v>
      </c>
      <c r="AA16308" s="5"/>
      <c r="AB16308" s="5" t="s">
        <v>43</v>
      </c>
      <c r="AC16308" s="5" t="s">
        <v>44</v>
      </c>
      <c r="AD16308" s="2"/>
      <c r="AE16308" s="1"/>
    </row>
    <row r="16309" spans="1:31" ht="14.45">
      <c r="A16309" s="11"/>
      <c r="B16309" s="20"/>
      <c r="C16309" s="2" t="s">
        <v>49885</v>
      </c>
      <c r="D16309" s="14" t="s">
        <v>49886</v>
      </c>
      <c r="E16309" s="2" t="s">
        <v>49887</v>
      </c>
      <c r="F16309" s="2" t="s">
        <v>7514</v>
      </c>
      <c r="G16309" s="8">
        <v>205</v>
      </c>
      <c r="H16309" s="5">
        <v>6</v>
      </c>
      <c r="I16309" s="5" t="s">
        <v>1518</v>
      </c>
      <c r="J16309" s="5" t="s">
        <v>36264</v>
      </c>
      <c r="K16309" s="2" t="s">
        <v>49668</v>
      </c>
      <c r="L16309" s="5" t="s">
        <v>36264</v>
      </c>
      <c r="M16309" s="2" t="s">
        <v>49668</v>
      </c>
      <c r="N16309" s="5" t="s">
        <v>19227</v>
      </c>
      <c r="O16309" s="5" t="s">
        <v>38</v>
      </c>
      <c r="P16309" s="5" t="s">
        <v>39</v>
      </c>
      <c r="Q16309" s="5" t="s">
        <v>40</v>
      </c>
      <c r="R16309" s="5" t="s">
        <v>1487</v>
      </c>
      <c r="S16309" s="5"/>
      <c r="T16309" s="5" t="s">
        <v>42</v>
      </c>
      <c r="U16309" s="2">
        <v>0</v>
      </c>
      <c r="V16309" s="2">
        <v>0</v>
      </c>
      <c r="W16309" s="2">
        <v>0</v>
      </c>
      <c r="X16309" s="2">
        <v>0</v>
      </c>
      <c r="Y16309" s="2">
        <v>0</v>
      </c>
      <c r="Z16309" s="2">
        <v>0</v>
      </c>
      <c r="AA16309" s="5"/>
      <c r="AB16309" s="5" t="s">
        <v>43</v>
      </c>
      <c r="AC16309" s="5" t="s">
        <v>44</v>
      </c>
      <c r="AD16309" s="2"/>
      <c r="AE16309" s="1"/>
    </row>
    <row r="16310" spans="1:31" ht="14.45">
      <c r="A16310" s="11"/>
      <c r="B16310" s="20"/>
      <c r="C16310" s="2" t="s">
        <v>49888</v>
      </c>
      <c r="D16310" s="14" t="s">
        <v>49889</v>
      </c>
      <c r="E16310" s="2" t="s">
        <v>49890</v>
      </c>
      <c r="F16310" s="2" t="s">
        <v>36273</v>
      </c>
      <c r="G16310" s="8">
        <v>205</v>
      </c>
      <c r="H16310" s="5">
        <v>6</v>
      </c>
      <c r="I16310" s="5" t="s">
        <v>1518</v>
      </c>
      <c r="J16310" s="5" t="s">
        <v>36264</v>
      </c>
      <c r="K16310" s="2" t="s">
        <v>49668</v>
      </c>
      <c r="L16310" s="5" t="s">
        <v>36264</v>
      </c>
      <c r="M16310" s="2" t="s">
        <v>49668</v>
      </c>
      <c r="N16310" s="5" t="s">
        <v>19227</v>
      </c>
      <c r="O16310" s="5" t="s">
        <v>38</v>
      </c>
      <c r="P16310" s="5" t="s">
        <v>39</v>
      </c>
      <c r="Q16310" s="5" t="s">
        <v>40</v>
      </c>
      <c r="R16310" s="5" t="s">
        <v>1487</v>
      </c>
      <c r="S16310" s="5"/>
      <c r="T16310" s="5" t="s">
        <v>42</v>
      </c>
      <c r="U16310" s="2">
        <v>0</v>
      </c>
      <c r="V16310" s="2">
        <v>0</v>
      </c>
      <c r="W16310" s="2">
        <v>0</v>
      </c>
      <c r="X16310" s="2">
        <v>0</v>
      </c>
      <c r="Y16310" s="2">
        <v>0</v>
      </c>
      <c r="Z16310" s="2">
        <v>0</v>
      </c>
      <c r="AA16310" s="5"/>
      <c r="AB16310" s="5" t="s">
        <v>43</v>
      </c>
      <c r="AC16310" s="5" t="s">
        <v>44</v>
      </c>
      <c r="AD16310" s="2"/>
      <c r="AE16310" s="1"/>
    </row>
    <row r="16311" spans="1:31" ht="14.45">
      <c r="A16311" s="11"/>
      <c r="B16311" s="20"/>
      <c r="C16311" s="2" t="s">
        <v>49891</v>
      </c>
      <c r="D16311" s="14" t="s">
        <v>49892</v>
      </c>
      <c r="E16311" s="2" t="s">
        <v>49893</v>
      </c>
      <c r="F16311" s="2" t="s">
        <v>36277</v>
      </c>
      <c r="G16311" s="8">
        <v>205</v>
      </c>
      <c r="H16311" s="5">
        <v>6</v>
      </c>
      <c r="I16311" s="5" t="s">
        <v>1518</v>
      </c>
      <c r="J16311" s="5" t="s">
        <v>36264</v>
      </c>
      <c r="K16311" s="2" t="s">
        <v>49668</v>
      </c>
      <c r="L16311" s="5" t="s">
        <v>36264</v>
      </c>
      <c r="M16311" s="2" t="s">
        <v>49668</v>
      </c>
      <c r="N16311" s="5" t="s">
        <v>19227</v>
      </c>
      <c r="O16311" s="5" t="s">
        <v>38</v>
      </c>
      <c r="P16311" s="5" t="s">
        <v>39</v>
      </c>
      <c r="Q16311" s="5" t="s">
        <v>40</v>
      </c>
      <c r="R16311" s="5" t="s">
        <v>1487</v>
      </c>
      <c r="S16311" s="5"/>
      <c r="T16311" s="5" t="s">
        <v>42</v>
      </c>
      <c r="U16311" s="2">
        <v>0</v>
      </c>
      <c r="V16311" s="2">
        <v>0</v>
      </c>
      <c r="W16311" s="2">
        <v>0</v>
      </c>
      <c r="X16311" s="2">
        <v>0</v>
      </c>
      <c r="Y16311" s="2">
        <v>0</v>
      </c>
      <c r="Z16311" s="2">
        <v>0</v>
      </c>
      <c r="AA16311" s="5"/>
      <c r="AB16311" s="5" t="s">
        <v>43</v>
      </c>
      <c r="AC16311" s="5" t="s">
        <v>44</v>
      </c>
      <c r="AD16311" s="2"/>
      <c r="AE16311" s="1"/>
    </row>
    <row r="16312" spans="1:31" ht="14.45">
      <c r="A16312" s="11"/>
      <c r="B16312" s="20"/>
      <c r="C16312" s="2" t="s">
        <v>49894</v>
      </c>
      <c r="D16312" s="14" t="s">
        <v>49895</v>
      </c>
      <c r="E16312" s="2" t="s">
        <v>49896</v>
      </c>
      <c r="F16312" s="2" t="s">
        <v>36297</v>
      </c>
      <c r="G16312" s="8">
        <v>205</v>
      </c>
      <c r="H16312" s="5">
        <v>6</v>
      </c>
      <c r="I16312" s="5" t="s">
        <v>1518</v>
      </c>
      <c r="J16312" s="5" t="s">
        <v>36264</v>
      </c>
      <c r="K16312" s="2" t="s">
        <v>49668</v>
      </c>
      <c r="L16312" s="5" t="s">
        <v>36264</v>
      </c>
      <c r="M16312" s="2" t="s">
        <v>49668</v>
      </c>
      <c r="N16312" s="5" t="s">
        <v>19227</v>
      </c>
      <c r="O16312" s="5" t="s">
        <v>38</v>
      </c>
      <c r="P16312" s="5" t="s">
        <v>39</v>
      </c>
      <c r="Q16312" s="5" t="s">
        <v>40</v>
      </c>
      <c r="R16312" s="5" t="s">
        <v>1487</v>
      </c>
      <c r="S16312" s="5"/>
      <c r="T16312" s="5" t="s">
        <v>42</v>
      </c>
      <c r="U16312" s="2">
        <v>0</v>
      </c>
      <c r="V16312" s="2">
        <v>0</v>
      </c>
      <c r="W16312" s="2">
        <v>0</v>
      </c>
      <c r="X16312" s="2">
        <v>0</v>
      </c>
      <c r="Y16312" s="2">
        <v>0</v>
      </c>
      <c r="Z16312" s="2">
        <v>0</v>
      </c>
      <c r="AA16312" s="5"/>
      <c r="AB16312" s="5" t="s">
        <v>43</v>
      </c>
      <c r="AC16312" s="5" t="s">
        <v>44</v>
      </c>
      <c r="AD16312" s="2"/>
      <c r="AE16312" s="1"/>
    </row>
    <row r="16313" spans="1:31" ht="14.45">
      <c r="A16313" s="11"/>
      <c r="B16313" s="20"/>
      <c r="C16313" s="2" t="s">
        <v>49897</v>
      </c>
      <c r="D16313" s="14" t="s">
        <v>49898</v>
      </c>
      <c r="E16313" s="2" t="s">
        <v>49899</v>
      </c>
      <c r="F16313" s="2" t="s">
        <v>36301</v>
      </c>
      <c r="G16313" s="8">
        <v>205</v>
      </c>
      <c r="H16313" s="5">
        <v>6</v>
      </c>
      <c r="I16313" s="5" t="s">
        <v>1518</v>
      </c>
      <c r="J16313" s="5" t="s">
        <v>36264</v>
      </c>
      <c r="K16313" s="2" t="s">
        <v>49668</v>
      </c>
      <c r="L16313" s="5" t="s">
        <v>36264</v>
      </c>
      <c r="M16313" s="2" t="s">
        <v>49668</v>
      </c>
      <c r="N16313" s="5" t="s">
        <v>19227</v>
      </c>
      <c r="O16313" s="5" t="s">
        <v>38</v>
      </c>
      <c r="P16313" s="5" t="s">
        <v>39</v>
      </c>
      <c r="Q16313" s="5" t="s">
        <v>40</v>
      </c>
      <c r="R16313" s="5" t="s">
        <v>1487</v>
      </c>
      <c r="S16313" s="5"/>
      <c r="T16313" s="5" t="s">
        <v>42</v>
      </c>
      <c r="U16313" s="2">
        <v>0</v>
      </c>
      <c r="V16313" s="2">
        <v>0</v>
      </c>
      <c r="W16313" s="2">
        <v>0</v>
      </c>
      <c r="X16313" s="2">
        <v>0</v>
      </c>
      <c r="Y16313" s="2">
        <v>0</v>
      </c>
      <c r="Z16313" s="2">
        <v>0</v>
      </c>
      <c r="AA16313" s="5"/>
      <c r="AB16313" s="5" t="s">
        <v>43</v>
      </c>
      <c r="AC16313" s="5" t="s">
        <v>44</v>
      </c>
      <c r="AD16313" s="2"/>
      <c r="AE16313" s="1"/>
    </row>
    <row r="16314" spans="1:31" ht="14.45">
      <c r="A16314" s="11"/>
      <c r="B16314" s="20"/>
      <c r="C16314" s="2" t="s">
        <v>49900</v>
      </c>
      <c r="D16314" s="14" t="s">
        <v>49901</v>
      </c>
      <c r="E16314" s="2" t="s">
        <v>49902</v>
      </c>
      <c r="F16314" s="2" t="s">
        <v>36305</v>
      </c>
      <c r="G16314" s="8">
        <v>205</v>
      </c>
      <c r="H16314" s="5">
        <v>6</v>
      </c>
      <c r="I16314" s="5" t="s">
        <v>1518</v>
      </c>
      <c r="J16314" s="5" t="s">
        <v>36264</v>
      </c>
      <c r="K16314" s="2" t="s">
        <v>49668</v>
      </c>
      <c r="L16314" s="5" t="s">
        <v>36264</v>
      </c>
      <c r="M16314" s="2" t="s">
        <v>49668</v>
      </c>
      <c r="N16314" s="5" t="s">
        <v>19227</v>
      </c>
      <c r="O16314" s="5" t="s">
        <v>38</v>
      </c>
      <c r="P16314" s="5" t="s">
        <v>39</v>
      </c>
      <c r="Q16314" s="5" t="s">
        <v>40</v>
      </c>
      <c r="R16314" s="5" t="s">
        <v>1487</v>
      </c>
      <c r="S16314" s="5"/>
      <c r="T16314" s="5" t="s">
        <v>42</v>
      </c>
      <c r="U16314" s="2">
        <v>0</v>
      </c>
      <c r="V16314" s="2">
        <v>0</v>
      </c>
      <c r="W16314" s="2">
        <v>0</v>
      </c>
      <c r="X16314" s="2">
        <v>0</v>
      </c>
      <c r="Y16314" s="2">
        <v>0</v>
      </c>
      <c r="Z16314" s="2">
        <v>0</v>
      </c>
      <c r="AA16314" s="5"/>
      <c r="AB16314" s="5" t="s">
        <v>43</v>
      </c>
      <c r="AC16314" s="5" t="s">
        <v>44</v>
      </c>
      <c r="AD16314" s="2"/>
      <c r="AE16314" s="1"/>
    </row>
    <row r="16315" spans="1:31" ht="14.45">
      <c r="A16315" s="11"/>
      <c r="B16315" s="20"/>
      <c r="C16315" s="2" t="s">
        <v>49903</v>
      </c>
      <c r="D16315" s="14" t="s">
        <v>49904</v>
      </c>
      <c r="E16315" s="2" t="s">
        <v>49905</v>
      </c>
      <c r="F16315" s="2" t="s">
        <v>36309</v>
      </c>
      <c r="G16315" s="8">
        <v>205</v>
      </c>
      <c r="H16315" s="5">
        <v>6</v>
      </c>
      <c r="I16315" s="5" t="s">
        <v>1518</v>
      </c>
      <c r="J16315" s="5" t="s">
        <v>36264</v>
      </c>
      <c r="K16315" s="2" t="s">
        <v>49668</v>
      </c>
      <c r="L16315" s="5" t="s">
        <v>36264</v>
      </c>
      <c r="M16315" s="2" t="s">
        <v>49668</v>
      </c>
      <c r="N16315" s="5" t="s">
        <v>19227</v>
      </c>
      <c r="O16315" s="5" t="s">
        <v>38</v>
      </c>
      <c r="P16315" s="5" t="s">
        <v>39</v>
      </c>
      <c r="Q16315" s="5" t="s">
        <v>40</v>
      </c>
      <c r="R16315" s="5" t="s">
        <v>1487</v>
      </c>
      <c r="S16315" s="5"/>
      <c r="T16315" s="5" t="s">
        <v>42</v>
      </c>
      <c r="U16315" s="2">
        <v>0</v>
      </c>
      <c r="V16315" s="2">
        <v>0</v>
      </c>
      <c r="W16315" s="2">
        <v>0</v>
      </c>
      <c r="X16315" s="2">
        <v>0</v>
      </c>
      <c r="Y16315" s="2">
        <v>0</v>
      </c>
      <c r="Z16315" s="2">
        <v>0</v>
      </c>
      <c r="AA16315" s="5"/>
      <c r="AB16315" s="5" t="s">
        <v>43</v>
      </c>
      <c r="AC16315" s="5" t="s">
        <v>44</v>
      </c>
      <c r="AD16315" s="2"/>
      <c r="AE16315" s="1"/>
    </row>
    <row r="16316" spans="1:31" ht="14.45">
      <c r="A16316" s="11"/>
      <c r="B16316" s="20"/>
      <c r="C16316" s="2" t="s">
        <v>49906</v>
      </c>
      <c r="D16316" s="14" t="s">
        <v>49907</v>
      </c>
      <c r="E16316" s="2" t="s">
        <v>49908</v>
      </c>
      <c r="F16316" s="2" t="s">
        <v>7204</v>
      </c>
      <c r="G16316" s="8">
        <v>218</v>
      </c>
      <c r="H16316" s="5">
        <v>6</v>
      </c>
      <c r="I16316" s="5" t="s">
        <v>1518</v>
      </c>
      <c r="J16316" s="5" t="s">
        <v>36264</v>
      </c>
      <c r="K16316" s="2" t="s">
        <v>49668</v>
      </c>
      <c r="L16316" s="5" t="s">
        <v>36264</v>
      </c>
      <c r="M16316" s="2" t="s">
        <v>49668</v>
      </c>
      <c r="N16316" s="5" t="s">
        <v>19227</v>
      </c>
      <c r="O16316" s="5" t="s">
        <v>38</v>
      </c>
      <c r="P16316" s="5" t="s">
        <v>39</v>
      </c>
      <c r="Q16316" s="5" t="s">
        <v>40</v>
      </c>
      <c r="R16316" s="5" t="s">
        <v>1487</v>
      </c>
      <c r="S16316" s="5"/>
      <c r="T16316" s="5" t="s">
        <v>42</v>
      </c>
      <c r="U16316" s="2">
        <v>0</v>
      </c>
      <c r="V16316" s="2">
        <v>0</v>
      </c>
      <c r="W16316" s="2">
        <v>0</v>
      </c>
      <c r="X16316" s="2">
        <v>0</v>
      </c>
      <c r="Y16316" s="2">
        <v>0</v>
      </c>
      <c r="Z16316" s="2">
        <v>0</v>
      </c>
      <c r="AA16316" s="5"/>
      <c r="AB16316" s="5" t="s">
        <v>43</v>
      </c>
      <c r="AC16316" s="5" t="s">
        <v>44</v>
      </c>
      <c r="AD16316" s="2"/>
      <c r="AE16316" s="1"/>
    </row>
    <row r="16317" spans="1:31" ht="14.45">
      <c r="A16317" s="11"/>
      <c r="B16317" s="20"/>
      <c r="C16317" s="2" t="s">
        <v>49909</v>
      </c>
      <c r="D16317" s="14" t="s">
        <v>49910</v>
      </c>
      <c r="E16317" s="2" t="s">
        <v>49911</v>
      </c>
      <c r="F16317" s="2" t="s">
        <v>7514</v>
      </c>
      <c r="G16317" s="8">
        <v>218</v>
      </c>
      <c r="H16317" s="5">
        <v>6</v>
      </c>
      <c r="I16317" s="5" t="s">
        <v>1518</v>
      </c>
      <c r="J16317" s="5" t="s">
        <v>36264</v>
      </c>
      <c r="K16317" s="2" t="s">
        <v>49668</v>
      </c>
      <c r="L16317" s="5" t="s">
        <v>36264</v>
      </c>
      <c r="M16317" s="2" t="s">
        <v>49668</v>
      </c>
      <c r="N16317" s="5" t="s">
        <v>19227</v>
      </c>
      <c r="O16317" s="5" t="s">
        <v>38</v>
      </c>
      <c r="P16317" s="5" t="s">
        <v>39</v>
      </c>
      <c r="Q16317" s="5" t="s">
        <v>40</v>
      </c>
      <c r="R16317" s="5" t="s">
        <v>1487</v>
      </c>
      <c r="S16317" s="5"/>
      <c r="T16317" s="5" t="s">
        <v>42</v>
      </c>
      <c r="U16317" s="2">
        <v>0</v>
      </c>
      <c r="V16317" s="2">
        <v>0</v>
      </c>
      <c r="W16317" s="2">
        <v>0</v>
      </c>
      <c r="X16317" s="2">
        <v>0</v>
      </c>
      <c r="Y16317" s="2">
        <v>0</v>
      </c>
      <c r="Z16317" s="2">
        <v>0</v>
      </c>
      <c r="AA16317" s="5"/>
      <c r="AB16317" s="5" t="s">
        <v>43</v>
      </c>
      <c r="AC16317" s="5" t="s">
        <v>44</v>
      </c>
      <c r="AD16317" s="2"/>
      <c r="AE16317" s="1"/>
    </row>
    <row r="16318" spans="1:31" ht="14.45">
      <c r="A16318" s="11"/>
      <c r="B16318" s="20"/>
      <c r="C16318" s="2" t="s">
        <v>49912</v>
      </c>
      <c r="D16318" s="14" t="s">
        <v>49913</v>
      </c>
      <c r="E16318" s="2" t="s">
        <v>49914</v>
      </c>
      <c r="F16318" s="2" t="s">
        <v>36273</v>
      </c>
      <c r="G16318" s="8">
        <v>218</v>
      </c>
      <c r="H16318" s="5">
        <v>6</v>
      </c>
      <c r="I16318" s="5" t="s">
        <v>1518</v>
      </c>
      <c r="J16318" s="5" t="s">
        <v>36264</v>
      </c>
      <c r="K16318" s="2" t="s">
        <v>49668</v>
      </c>
      <c r="L16318" s="5" t="s">
        <v>36264</v>
      </c>
      <c r="M16318" s="2" t="s">
        <v>49668</v>
      </c>
      <c r="N16318" s="5" t="s">
        <v>19227</v>
      </c>
      <c r="O16318" s="5" t="s">
        <v>38</v>
      </c>
      <c r="P16318" s="5" t="s">
        <v>39</v>
      </c>
      <c r="Q16318" s="5" t="s">
        <v>40</v>
      </c>
      <c r="R16318" s="5" t="s">
        <v>1487</v>
      </c>
      <c r="S16318" s="5"/>
      <c r="T16318" s="5" t="s">
        <v>42</v>
      </c>
      <c r="U16318" s="2">
        <v>0</v>
      </c>
      <c r="V16318" s="2">
        <v>0</v>
      </c>
      <c r="W16318" s="2">
        <v>0</v>
      </c>
      <c r="X16318" s="2">
        <v>0</v>
      </c>
      <c r="Y16318" s="2">
        <v>0</v>
      </c>
      <c r="Z16318" s="2">
        <v>0</v>
      </c>
      <c r="AA16318" s="5"/>
      <c r="AB16318" s="5" t="s">
        <v>43</v>
      </c>
      <c r="AC16318" s="5" t="s">
        <v>44</v>
      </c>
      <c r="AD16318" s="2"/>
      <c r="AE16318" s="1"/>
    </row>
    <row r="16319" spans="1:31" ht="14.45">
      <c r="A16319" s="11"/>
      <c r="B16319" s="20"/>
      <c r="C16319" s="2" t="s">
        <v>49915</v>
      </c>
      <c r="D16319" s="14" t="s">
        <v>49916</v>
      </c>
      <c r="E16319" s="2" t="s">
        <v>49917</v>
      </c>
      <c r="F16319" s="2" t="s">
        <v>36277</v>
      </c>
      <c r="G16319" s="8">
        <v>218</v>
      </c>
      <c r="H16319" s="5">
        <v>6</v>
      </c>
      <c r="I16319" s="5" t="s">
        <v>1518</v>
      </c>
      <c r="J16319" s="5" t="s">
        <v>36264</v>
      </c>
      <c r="K16319" s="2" t="s">
        <v>49668</v>
      </c>
      <c r="L16319" s="5" t="s">
        <v>36264</v>
      </c>
      <c r="M16319" s="2" t="s">
        <v>49668</v>
      </c>
      <c r="N16319" s="5" t="s">
        <v>19227</v>
      </c>
      <c r="O16319" s="5" t="s">
        <v>38</v>
      </c>
      <c r="P16319" s="5" t="s">
        <v>39</v>
      </c>
      <c r="Q16319" s="5" t="s">
        <v>40</v>
      </c>
      <c r="R16319" s="5" t="s">
        <v>1487</v>
      </c>
      <c r="S16319" s="5"/>
      <c r="T16319" s="5" t="s">
        <v>42</v>
      </c>
      <c r="U16319" s="2">
        <v>0</v>
      </c>
      <c r="V16319" s="2">
        <v>0</v>
      </c>
      <c r="W16319" s="2">
        <v>0</v>
      </c>
      <c r="X16319" s="2">
        <v>0</v>
      </c>
      <c r="Y16319" s="2">
        <v>0</v>
      </c>
      <c r="Z16319" s="2">
        <v>0</v>
      </c>
      <c r="AA16319" s="5"/>
      <c r="AB16319" s="5" t="s">
        <v>43</v>
      </c>
      <c r="AC16319" s="5" t="s">
        <v>44</v>
      </c>
      <c r="AD16319" s="2"/>
      <c r="AE16319" s="1"/>
    </row>
    <row r="16320" spans="1:31" ht="14.45">
      <c r="A16320" s="11"/>
      <c r="B16320" s="20"/>
      <c r="C16320" s="2" t="s">
        <v>49918</v>
      </c>
      <c r="D16320" s="14" t="s">
        <v>49919</v>
      </c>
      <c r="E16320" s="2" t="s">
        <v>49920</v>
      </c>
      <c r="F16320" s="2" t="s">
        <v>36297</v>
      </c>
      <c r="G16320" s="8">
        <v>218</v>
      </c>
      <c r="H16320" s="5">
        <v>6</v>
      </c>
      <c r="I16320" s="5" t="s">
        <v>1518</v>
      </c>
      <c r="J16320" s="5" t="s">
        <v>36264</v>
      </c>
      <c r="K16320" s="2" t="s">
        <v>49668</v>
      </c>
      <c r="L16320" s="5" t="s">
        <v>36264</v>
      </c>
      <c r="M16320" s="2" t="s">
        <v>49668</v>
      </c>
      <c r="N16320" s="5" t="s">
        <v>19227</v>
      </c>
      <c r="O16320" s="5" t="s">
        <v>38</v>
      </c>
      <c r="P16320" s="5" t="s">
        <v>39</v>
      </c>
      <c r="Q16320" s="5" t="s">
        <v>40</v>
      </c>
      <c r="R16320" s="5" t="s">
        <v>1487</v>
      </c>
      <c r="S16320" s="5"/>
      <c r="T16320" s="5" t="s">
        <v>42</v>
      </c>
      <c r="U16320" s="2">
        <v>0</v>
      </c>
      <c r="V16320" s="2">
        <v>0</v>
      </c>
      <c r="W16320" s="2">
        <v>0</v>
      </c>
      <c r="X16320" s="2">
        <v>0</v>
      </c>
      <c r="Y16320" s="2">
        <v>0</v>
      </c>
      <c r="Z16320" s="2">
        <v>0</v>
      </c>
      <c r="AA16320" s="5"/>
      <c r="AB16320" s="5" t="s">
        <v>43</v>
      </c>
      <c r="AC16320" s="5" t="s">
        <v>44</v>
      </c>
      <c r="AD16320" s="2"/>
      <c r="AE16320" s="1"/>
    </row>
    <row r="16321" spans="1:31" ht="14.45">
      <c r="A16321" s="11"/>
      <c r="B16321" s="20"/>
      <c r="C16321" s="2" t="s">
        <v>49921</v>
      </c>
      <c r="D16321" s="14" t="s">
        <v>49922</v>
      </c>
      <c r="E16321" s="2" t="s">
        <v>49923</v>
      </c>
      <c r="F16321" s="2" t="s">
        <v>36301</v>
      </c>
      <c r="G16321" s="8">
        <v>218</v>
      </c>
      <c r="H16321" s="5">
        <v>6</v>
      </c>
      <c r="I16321" s="5" t="s">
        <v>1518</v>
      </c>
      <c r="J16321" s="5" t="s">
        <v>36264</v>
      </c>
      <c r="K16321" s="2" t="s">
        <v>49668</v>
      </c>
      <c r="L16321" s="5" t="s">
        <v>36264</v>
      </c>
      <c r="M16321" s="2" t="s">
        <v>49668</v>
      </c>
      <c r="N16321" s="5" t="s">
        <v>19227</v>
      </c>
      <c r="O16321" s="5" t="s">
        <v>38</v>
      </c>
      <c r="P16321" s="5" t="s">
        <v>39</v>
      </c>
      <c r="Q16321" s="5" t="s">
        <v>40</v>
      </c>
      <c r="R16321" s="5" t="s">
        <v>1487</v>
      </c>
      <c r="S16321" s="5"/>
      <c r="T16321" s="5" t="s">
        <v>42</v>
      </c>
      <c r="U16321" s="2">
        <v>0</v>
      </c>
      <c r="V16321" s="2">
        <v>0</v>
      </c>
      <c r="W16321" s="2">
        <v>0</v>
      </c>
      <c r="X16321" s="2">
        <v>0</v>
      </c>
      <c r="Y16321" s="2">
        <v>0</v>
      </c>
      <c r="Z16321" s="2">
        <v>0</v>
      </c>
      <c r="AA16321" s="5"/>
      <c r="AB16321" s="5" t="s">
        <v>43</v>
      </c>
      <c r="AC16321" s="5" t="s">
        <v>44</v>
      </c>
      <c r="AD16321" s="2"/>
      <c r="AE16321" s="1"/>
    </row>
    <row r="16322" spans="1:31" ht="14.45">
      <c r="A16322" s="11"/>
      <c r="B16322" s="20"/>
      <c r="C16322" s="2" t="s">
        <v>49924</v>
      </c>
      <c r="D16322" s="14" t="s">
        <v>49925</v>
      </c>
      <c r="E16322" s="2" t="s">
        <v>49926</v>
      </c>
      <c r="F16322" s="2" t="s">
        <v>36305</v>
      </c>
      <c r="G16322" s="8">
        <v>218</v>
      </c>
      <c r="H16322" s="5">
        <v>6</v>
      </c>
      <c r="I16322" s="5" t="s">
        <v>1518</v>
      </c>
      <c r="J16322" s="5" t="s">
        <v>36264</v>
      </c>
      <c r="K16322" s="2" t="s">
        <v>49668</v>
      </c>
      <c r="L16322" s="5" t="s">
        <v>36264</v>
      </c>
      <c r="M16322" s="2" t="s">
        <v>49668</v>
      </c>
      <c r="N16322" s="5" t="s">
        <v>19227</v>
      </c>
      <c r="O16322" s="5" t="s">
        <v>38</v>
      </c>
      <c r="P16322" s="5" t="s">
        <v>39</v>
      </c>
      <c r="Q16322" s="5" t="s">
        <v>40</v>
      </c>
      <c r="R16322" s="5" t="s">
        <v>1487</v>
      </c>
      <c r="S16322" s="5"/>
      <c r="T16322" s="5" t="s">
        <v>42</v>
      </c>
      <c r="U16322" s="2">
        <v>0</v>
      </c>
      <c r="V16322" s="2">
        <v>0</v>
      </c>
      <c r="W16322" s="2">
        <v>0</v>
      </c>
      <c r="X16322" s="2">
        <v>0</v>
      </c>
      <c r="Y16322" s="2">
        <v>0</v>
      </c>
      <c r="Z16322" s="2">
        <v>0</v>
      </c>
      <c r="AA16322" s="5"/>
      <c r="AB16322" s="5" t="s">
        <v>43</v>
      </c>
      <c r="AC16322" s="5" t="s">
        <v>44</v>
      </c>
      <c r="AD16322" s="2"/>
      <c r="AE16322" s="1"/>
    </row>
    <row r="16323" spans="1:31" ht="14.45">
      <c r="A16323" s="11"/>
      <c r="B16323" s="20"/>
      <c r="C16323" s="2" t="s">
        <v>49927</v>
      </c>
      <c r="D16323" s="14" t="s">
        <v>49928</v>
      </c>
      <c r="E16323" s="2" t="s">
        <v>49929</v>
      </c>
      <c r="F16323" s="2" t="s">
        <v>36309</v>
      </c>
      <c r="G16323" s="8">
        <v>218</v>
      </c>
      <c r="H16323" s="5">
        <v>6</v>
      </c>
      <c r="I16323" s="5" t="s">
        <v>1518</v>
      </c>
      <c r="J16323" s="5" t="s">
        <v>36264</v>
      </c>
      <c r="K16323" s="2" t="s">
        <v>49668</v>
      </c>
      <c r="L16323" s="5" t="s">
        <v>36264</v>
      </c>
      <c r="M16323" s="2" t="s">
        <v>49668</v>
      </c>
      <c r="N16323" s="5" t="s">
        <v>19227</v>
      </c>
      <c r="O16323" s="5" t="s">
        <v>38</v>
      </c>
      <c r="P16323" s="5" t="s">
        <v>39</v>
      </c>
      <c r="Q16323" s="5" t="s">
        <v>40</v>
      </c>
      <c r="R16323" s="5" t="s">
        <v>1487</v>
      </c>
      <c r="S16323" s="5"/>
      <c r="T16323" s="5" t="s">
        <v>42</v>
      </c>
      <c r="U16323" s="2">
        <v>0</v>
      </c>
      <c r="V16323" s="2">
        <v>0</v>
      </c>
      <c r="W16323" s="2">
        <v>0</v>
      </c>
      <c r="X16323" s="2">
        <v>0</v>
      </c>
      <c r="Y16323" s="2">
        <v>0</v>
      </c>
      <c r="Z16323" s="2">
        <v>0</v>
      </c>
      <c r="AA16323" s="5"/>
      <c r="AB16323" s="5" t="s">
        <v>43</v>
      </c>
      <c r="AC16323" s="5" t="s">
        <v>44</v>
      </c>
      <c r="AD16323" s="2"/>
      <c r="AE16323" s="1"/>
    </row>
    <row r="16324" spans="1:31" ht="14.45">
      <c r="A16324" s="11"/>
      <c r="B16324" s="20"/>
      <c r="C16324" s="2" t="s">
        <v>49930</v>
      </c>
      <c r="D16324" s="14" t="s">
        <v>49931</v>
      </c>
      <c r="E16324" s="2" t="s">
        <v>49932</v>
      </c>
      <c r="F16324" s="2" t="s">
        <v>7204</v>
      </c>
      <c r="G16324" s="8">
        <v>221</v>
      </c>
      <c r="H16324" s="5">
        <v>6</v>
      </c>
      <c r="I16324" s="5" t="s">
        <v>1518</v>
      </c>
      <c r="J16324" s="5" t="s">
        <v>36264</v>
      </c>
      <c r="K16324" s="2" t="s">
        <v>49668</v>
      </c>
      <c r="L16324" s="5" t="s">
        <v>36264</v>
      </c>
      <c r="M16324" s="2" t="s">
        <v>49668</v>
      </c>
      <c r="N16324" s="5" t="s">
        <v>19227</v>
      </c>
      <c r="O16324" s="5" t="s">
        <v>38</v>
      </c>
      <c r="P16324" s="5" t="s">
        <v>39</v>
      </c>
      <c r="Q16324" s="5" t="s">
        <v>40</v>
      </c>
      <c r="R16324" s="5" t="s">
        <v>1487</v>
      </c>
      <c r="S16324" s="5"/>
      <c r="T16324" s="5" t="s">
        <v>42</v>
      </c>
      <c r="U16324" s="2">
        <v>0</v>
      </c>
      <c r="V16324" s="2">
        <v>0</v>
      </c>
      <c r="W16324" s="2">
        <v>0</v>
      </c>
      <c r="X16324" s="2">
        <v>0</v>
      </c>
      <c r="Y16324" s="2">
        <v>0</v>
      </c>
      <c r="Z16324" s="2">
        <v>0</v>
      </c>
      <c r="AA16324" s="5"/>
      <c r="AB16324" s="5" t="s">
        <v>43</v>
      </c>
      <c r="AC16324" s="5" t="s">
        <v>44</v>
      </c>
      <c r="AD16324" s="2"/>
      <c r="AE16324" s="1"/>
    </row>
    <row r="16325" spans="1:31" ht="14.45">
      <c r="A16325" s="11"/>
      <c r="B16325" s="20"/>
      <c r="C16325" s="2" t="s">
        <v>49933</v>
      </c>
      <c r="D16325" s="14" t="s">
        <v>49934</v>
      </c>
      <c r="E16325" s="2" t="s">
        <v>49935</v>
      </c>
      <c r="F16325" s="2" t="s">
        <v>7514</v>
      </c>
      <c r="G16325" s="8">
        <v>221</v>
      </c>
      <c r="H16325" s="5">
        <v>6</v>
      </c>
      <c r="I16325" s="5" t="s">
        <v>1518</v>
      </c>
      <c r="J16325" s="5" t="s">
        <v>36264</v>
      </c>
      <c r="K16325" s="2" t="s">
        <v>49668</v>
      </c>
      <c r="L16325" s="5" t="s">
        <v>36264</v>
      </c>
      <c r="M16325" s="2" t="s">
        <v>49668</v>
      </c>
      <c r="N16325" s="5" t="s">
        <v>19227</v>
      </c>
      <c r="O16325" s="5" t="s">
        <v>38</v>
      </c>
      <c r="P16325" s="5" t="s">
        <v>39</v>
      </c>
      <c r="Q16325" s="5" t="s">
        <v>40</v>
      </c>
      <c r="R16325" s="5" t="s">
        <v>1487</v>
      </c>
      <c r="S16325" s="5"/>
      <c r="T16325" s="5" t="s">
        <v>42</v>
      </c>
      <c r="U16325" s="2">
        <v>0</v>
      </c>
      <c r="V16325" s="2">
        <v>0</v>
      </c>
      <c r="W16325" s="2">
        <v>0</v>
      </c>
      <c r="X16325" s="2">
        <v>0</v>
      </c>
      <c r="Y16325" s="2">
        <v>0</v>
      </c>
      <c r="Z16325" s="2">
        <v>0</v>
      </c>
      <c r="AA16325" s="5"/>
      <c r="AB16325" s="5" t="s">
        <v>43</v>
      </c>
      <c r="AC16325" s="5" t="s">
        <v>44</v>
      </c>
      <c r="AD16325" s="2"/>
      <c r="AE16325" s="1"/>
    </row>
    <row r="16326" spans="1:31" ht="14.45">
      <c r="A16326" s="11"/>
      <c r="B16326" s="20"/>
      <c r="C16326" s="2" t="s">
        <v>49936</v>
      </c>
      <c r="D16326" s="14" t="s">
        <v>49937</v>
      </c>
      <c r="E16326" s="2" t="s">
        <v>49938</v>
      </c>
      <c r="F16326" s="2" t="s">
        <v>36273</v>
      </c>
      <c r="G16326" s="8">
        <v>221</v>
      </c>
      <c r="H16326" s="5">
        <v>6</v>
      </c>
      <c r="I16326" s="5" t="s">
        <v>1518</v>
      </c>
      <c r="J16326" s="5" t="s">
        <v>36264</v>
      </c>
      <c r="K16326" s="2" t="s">
        <v>49668</v>
      </c>
      <c r="L16326" s="5" t="s">
        <v>36264</v>
      </c>
      <c r="M16326" s="2" t="s">
        <v>49668</v>
      </c>
      <c r="N16326" s="5" t="s">
        <v>19227</v>
      </c>
      <c r="O16326" s="5" t="s">
        <v>38</v>
      </c>
      <c r="P16326" s="5" t="s">
        <v>39</v>
      </c>
      <c r="Q16326" s="5" t="s">
        <v>40</v>
      </c>
      <c r="R16326" s="5" t="s">
        <v>1487</v>
      </c>
      <c r="S16326" s="5"/>
      <c r="T16326" s="5" t="s">
        <v>42</v>
      </c>
      <c r="U16326" s="2">
        <v>0</v>
      </c>
      <c r="V16326" s="2">
        <v>0</v>
      </c>
      <c r="W16326" s="2">
        <v>0</v>
      </c>
      <c r="X16326" s="2">
        <v>0</v>
      </c>
      <c r="Y16326" s="2">
        <v>0</v>
      </c>
      <c r="Z16326" s="2">
        <v>0</v>
      </c>
      <c r="AA16326" s="5"/>
      <c r="AB16326" s="5" t="s">
        <v>43</v>
      </c>
      <c r="AC16326" s="5" t="s">
        <v>44</v>
      </c>
      <c r="AD16326" s="2"/>
      <c r="AE16326" s="1"/>
    </row>
    <row r="16327" spans="1:31" ht="14.45">
      <c r="A16327" s="11"/>
      <c r="B16327" s="20"/>
      <c r="C16327" s="2" t="s">
        <v>49939</v>
      </c>
      <c r="D16327" s="14" t="s">
        <v>49940</v>
      </c>
      <c r="E16327" s="2" t="s">
        <v>49941</v>
      </c>
      <c r="F16327" s="2" t="s">
        <v>36277</v>
      </c>
      <c r="G16327" s="8">
        <v>221</v>
      </c>
      <c r="H16327" s="5">
        <v>6</v>
      </c>
      <c r="I16327" s="5" t="s">
        <v>1518</v>
      </c>
      <c r="J16327" s="5" t="s">
        <v>36264</v>
      </c>
      <c r="K16327" s="2" t="s">
        <v>49668</v>
      </c>
      <c r="L16327" s="5" t="s">
        <v>36264</v>
      </c>
      <c r="M16327" s="2" t="s">
        <v>49668</v>
      </c>
      <c r="N16327" s="5" t="s">
        <v>19227</v>
      </c>
      <c r="O16327" s="5" t="s">
        <v>38</v>
      </c>
      <c r="P16327" s="5" t="s">
        <v>39</v>
      </c>
      <c r="Q16327" s="5" t="s">
        <v>40</v>
      </c>
      <c r="R16327" s="5" t="s">
        <v>1487</v>
      </c>
      <c r="S16327" s="5"/>
      <c r="T16327" s="5" t="s">
        <v>42</v>
      </c>
      <c r="U16327" s="2">
        <v>0</v>
      </c>
      <c r="V16327" s="2">
        <v>0</v>
      </c>
      <c r="W16327" s="2">
        <v>0</v>
      </c>
      <c r="X16327" s="2">
        <v>0</v>
      </c>
      <c r="Y16327" s="2">
        <v>0</v>
      </c>
      <c r="Z16327" s="2">
        <v>0</v>
      </c>
      <c r="AA16327" s="5"/>
      <c r="AB16327" s="5" t="s">
        <v>43</v>
      </c>
      <c r="AC16327" s="5" t="s">
        <v>44</v>
      </c>
      <c r="AD16327" s="2"/>
      <c r="AE16327" s="1"/>
    </row>
    <row r="16328" spans="1:31" ht="14.45">
      <c r="A16328" s="11"/>
      <c r="B16328" s="20"/>
      <c r="C16328" s="2" t="s">
        <v>49942</v>
      </c>
      <c r="D16328" s="14" t="s">
        <v>49943</v>
      </c>
      <c r="E16328" s="2" t="s">
        <v>49944</v>
      </c>
      <c r="F16328" s="2" t="s">
        <v>36297</v>
      </c>
      <c r="G16328" s="8">
        <v>221</v>
      </c>
      <c r="H16328" s="5">
        <v>6</v>
      </c>
      <c r="I16328" s="5" t="s">
        <v>1518</v>
      </c>
      <c r="J16328" s="5" t="s">
        <v>36264</v>
      </c>
      <c r="K16328" s="2" t="s">
        <v>49668</v>
      </c>
      <c r="L16328" s="5" t="s">
        <v>36264</v>
      </c>
      <c r="M16328" s="2" t="s">
        <v>49668</v>
      </c>
      <c r="N16328" s="5" t="s">
        <v>19227</v>
      </c>
      <c r="O16328" s="5" t="s">
        <v>38</v>
      </c>
      <c r="P16328" s="5" t="s">
        <v>39</v>
      </c>
      <c r="Q16328" s="5" t="s">
        <v>40</v>
      </c>
      <c r="R16328" s="5" t="s">
        <v>1487</v>
      </c>
      <c r="S16328" s="5"/>
      <c r="T16328" s="5" t="s">
        <v>42</v>
      </c>
      <c r="U16328" s="2">
        <v>0</v>
      </c>
      <c r="V16328" s="2">
        <v>0</v>
      </c>
      <c r="W16328" s="2">
        <v>0</v>
      </c>
      <c r="X16328" s="2">
        <v>0</v>
      </c>
      <c r="Y16328" s="2">
        <v>0</v>
      </c>
      <c r="Z16328" s="2">
        <v>0</v>
      </c>
      <c r="AA16328" s="5"/>
      <c r="AB16328" s="5" t="s">
        <v>43</v>
      </c>
      <c r="AC16328" s="5" t="s">
        <v>44</v>
      </c>
      <c r="AD16328" s="2"/>
      <c r="AE16328" s="1"/>
    </row>
    <row r="16329" spans="1:31" ht="14.45">
      <c r="A16329" s="11"/>
      <c r="B16329" s="20"/>
      <c r="C16329" s="2" t="s">
        <v>49945</v>
      </c>
      <c r="D16329" s="14" t="s">
        <v>49946</v>
      </c>
      <c r="E16329" s="2" t="s">
        <v>49947</v>
      </c>
      <c r="F16329" s="2" t="s">
        <v>36301</v>
      </c>
      <c r="G16329" s="8">
        <v>221</v>
      </c>
      <c r="H16329" s="5">
        <v>6</v>
      </c>
      <c r="I16329" s="5" t="s">
        <v>1518</v>
      </c>
      <c r="J16329" s="5" t="s">
        <v>36264</v>
      </c>
      <c r="K16329" s="2" t="s">
        <v>49668</v>
      </c>
      <c r="L16329" s="5" t="s">
        <v>36264</v>
      </c>
      <c r="M16329" s="2" t="s">
        <v>49668</v>
      </c>
      <c r="N16329" s="5" t="s">
        <v>19227</v>
      </c>
      <c r="O16329" s="5" t="s">
        <v>38</v>
      </c>
      <c r="P16329" s="5" t="s">
        <v>39</v>
      </c>
      <c r="Q16329" s="5" t="s">
        <v>40</v>
      </c>
      <c r="R16329" s="5" t="s">
        <v>1487</v>
      </c>
      <c r="S16329" s="5"/>
      <c r="T16329" s="5" t="s">
        <v>42</v>
      </c>
      <c r="U16329" s="2">
        <v>0</v>
      </c>
      <c r="V16329" s="2">
        <v>0</v>
      </c>
      <c r="W16329" s="2">
        <v>0</v>
      </c>
      <c r="X16329" s="2">
        <v>0</v>
      </c>
      <c r="Y16329" s="2">
        <v>0</v>
      </c>
      <c r="Z16329" s="2">
        <v>0</v>
      </c>
      <c r="AA16329" s="5"/>
      <c r="AB16329" s="5" t="s">
        <v>43</v>
      </c>
      <c r="AC16329" s="5" t="s">
        <v>44</v>
      </c>
      <c r="AD16329" s="2"/>
      <c r="AE16329" s="1"/>
    </row>
    <row r="16330" spans="1:31" ht="14.45">
      <c r="A16330" s="11"/>
      <c r="B16330" s="20"/>
      <c r="C16330" s="2" t="s">
        <v>49948</v>
      </c>
      <c r="D16330" s="14" t="s">
        <v>49949</v>
      </c>
      <c r="E16330" s="2" t="s">
        <v>49950</v>
      </c>
      <c r="F16330" s="2" t="s">
        <v>36305</v>
      </c>
      <c r="G16330" s="8">
        <v>221</v>
      </c>
      <c r="H16330" s="5">
        <v>6</v>
      </c>
      <c r="I16330" s="5" t="s">
        <v>1518</v>
      </c>
      <c r="J16330" s="5" t="s">
        <v>36264</v>
      </c>
      <c r="K16330" s="2" t="s">
        <v>49668</v>
      </c>
      <c r="L16330" s="5" t="s">
        <v>36264</v>
      </c>
      <c r="M16330" s="2" t="s">
        <v>49668</v>
      </c>
      <c r="N16330" s="5" t="s">
        <v>19227</v>
      </c>
      <c r="O16330" s="5" t="s">
        <v>38</v>
      </c>
      <c r="P16330" s="5" t="s">
        <v>39</v>
      </c>
      <c r="Q16330" s="5" t="s">
        <v>40</v>
      </c>
      <c r="R16330" s="5" t="s">
        <v>1487</v>
      </c>
      <c r="S16330" s="5"/>
      <c r="T16330" s="5" t="s">
        <v>42</v>
      </c>
      <c r="U16330" s="2">
        <v>0</v>
      </c>
      <c r="V16330" s="2">
        <v>0</v>
      </c>
      <c r="W16330" s="2">
        <v>0</v>
      </c>
      <c r="X16330" s="2">
        <v>0</v>
      </c>
      <c r="Y16330" s="2">
        <v>0</v>
      </c>
      <c r="Z16330" s="2">
        <v>0</v>
      </c>
      <c r="AA16330" s="5"/>
      <c r="AB16330" s="5" t="s">
        <v>43</v>
      </c>
      <c r="AC16330" s="5" t="s">
        <v>44</v>
      </c>
      <c r="AD16330" s="2"/>
      <c r="AE16330" s="1"/>
    </row>
    <row r="16331" spans="1:31" ht="14.45">
      <c r="A16331" s="11"/>
      <c r="B16331" s="20"/>
      <c r="C16331" s="2" t="s">
        <v>49951</v>
      </c>
      <c r="D16331" s="14" t="s">
        <v>49952</v>
      </c>
      <c r="E16331" s="2" t="s">
        <v>49953</v>
      </c>
      <c r="F16331" s="2" t="s">
        <v>36309</v>
      </c>
      <c r="G16331" s="8">
        <v>221</v>
      </c>
      <c r="H16331" s="5">
        <v>6</v>
      </c>
      <c r="I16331" s="5" t="s">
        <v>1518</v>
      </c>
      <c r="J16331" s="5" t="s">
        <v>36264</v>
      </c>
      <c r="K16331" s="2" t="s">
        <v>49668</v>
      </c>
      <c r="L16331" s="5" t="s">
        <v>36264</v>
      </c>
      <c r="M16331" s="2" t="s">
        <v>49668</v>
      </c>
      <c r="N16331" s="5" t="s">
        <v>19227</v>
      </c>
      <c r="O16331" s="5" t="s">
        <v>38</v>
      </c>
      <c r="P16331" s="5" t="s">
        <v>39</v>
      </c>
      <c r="Q16331" s="5" t="s">
        <v>40</v>
      </c>
      <c r="R16331" s="5" t="s">
        <v>1487</v>
      </c>
      <c r="S16331" s="5"/>
      <c r="T16331" s="5" t="s">
        <v>42</v>
      </c>
      <c r="U16331" s="2">
        <v>0</v>
      </c>
      <c r="V16331" s="2">
        <v>0</v>
      </c>
      <c r="W16331" s="2">
        <v>0</v>
      </c>
      <c r="X16331" s="2">
        <v>0</v>
      </c>
      <c r="Y16331" s="2">
        <v>0</v>
      </c>
      <c r="Z16331" s="2">
        <v>0</v>
      </c>
      <c r="AA16331" s="5"/>
      <c r="AB16331" s="5" t="s">
        <v>43</v>
      </c>
      <c r="AC16331" s="5" t="s">
        <v>44</v>
      </c>
      <c r="AD16331" s="2"/>
      <c r="AE16331" s="1"/>
    </row>
    <row r="16332" spans="1:31" ht="14.45">
      <c r="A16332" s="11"/>
      <c r="B16332" s="20"/>
      <c r="C16332" s="2" t="s">
        <v>49954</v>
      </c>
      <c r="D16332" s="14" t="s">
        <v>49955</v>
      </c>
      <c r="E16332" s="2" t="s">
        <v>49956</v>
      </c>
      <c r="F16332" s="2" t="s">
        <v>7204</v>
      </c>
      <c r="G16332" s="8">
        <v>216</v>
      </c>
      <c r="H16332" s="5">
        <v>6</v>
      </c>
      <c r="I16332" s="5" t="s">
        <v>1518</v>
      </c>
      <c r="J16332" s="5" t="s">
        <v>36264</v>
      </c>
      <c r="K16332" s="2" t="s">
        <v>49668</v>
      </c>
      <c r="L16332" s="5" t="s">
        <v>36264</v>
      </c>
      <c r="M16332" s="2" t="s">
        <v>49668</v>
      </c>
      <c r="N16332" s="5" t="s">
        <v>19227</v>
      </c>
      <c r="O16332" s="5" t="s">
        <v>38</v>
      </c>
      <c r="P16332" s="5" t="s">
        <v>39</v>
      </c>
      <c r="Q16332" s="5" t="s">
        <v>40</v>
      </c>
      <c r="R16332" s="5" t="s">
        <v>1487</v>
      </c>
      <c r="S16332" s="5"/>
      <c r="T16332" s="5" t="s">
        <v>42</v>
      </c>
      <c r="U16332" s="2">
        <v>0</v>
      </c>
      <c r="V16332" s="2">
        <v>0</v>
      </c>
      <c r="W16332" s="2">
        <v>0</v>
      </c>
      <c r="X16332" s="2">
        <v>0</v>
      </c>
      <c r="Y16332" s="2">
        <v>0</v>
      </c>
      <c r="Z16332" s="2">
        <v>0</v>
      </c>
      <c r="AA16332" s="5"/>
      <c r="AB16332" s="5" t="s">
        <v>43</v>
      </c>
      <c r="AC16332" s="5" t="s">
        <v>44</v>
      </c>
      <c r="AD16332" s="2"/>
      <c r="AE16332" s="1"/>
    </row>
    <row r="16333" spans="1:31" ht="14.45">
      <c r="A16333" s="11"/>
      <c r="B16333" s="20"/>
      <c r="C16333" s="2" t="s">
        <v>49957</v>
      </c>
      <c r="D16333" s="14" t="s">
        <v>49958</v>
      </c>
      <c r="E16333" s="2" t="s">
        <v>49959</v>
      </c>
      <c r="F16333" s="2" t="s">
        <v>7514</v>
      </c>
      <c r="G16333" s="8">
        <v>216</v>
      </c>
      <c r="H16333" s="5">
        <v>6</v>
      </c>
      <c r="I16333" s="5" t="s">
        <v>1518</v>
      </c>
      <c r="J16333" s="5" t="s">
        <v>36264</v>
      </c>
      <c r="K16333" s="2" t="s">
        <v>49668</v>
      </c>
      <c r="L16333" s="5" t="s">
        <v>36264</v>
      </c>
      <c r="M16333" s="2" t="s">
        <v>49668</v>
      </c>
      <c r="N16333" s="5" t="s">
        <v>19227</v>
      </c>
      <c r="O16333" s="5" t="s">
        <v>38</v>
      </c>
      <c r="P16333" s="5" t="s">
        <v>39</v>
      </c>
      <c r="Q16333" s="5" t="s">
        <v>40</v>
      </c>
      <c r="R16333" s="5" t="s">
        <v>1487</v>
      </c>
      <c r="S16333" s="5"/>
      <c r="T16333" s="5" t="s">
        <v>42</v>
      </c>
      <c r="U16333" s="2">
        <v>0</v>
      </c>
      <c r="V16333" s="2">
        <v>0</v>
      </c>
      <c r="W16333" s="2">
        <v>0</v>
      </c>
      <c r="X16333" s="2">
        <v>0</v>
      </c>
      <c r="Y16333" s="2">
        <v>0</v>
      </c>
      <c r="Z16333" s="2">
        <v>0</v>
      </c>
      <c r="AA16333" s="5"/>
      <c r="AB16333" s="5" t="s">
        <v>43</v>
      </c>
      <c r="AC16333" s="5" t="s">
        <v>44</v>
      </c>
      <c r="AD16333" s="2"/>
      <c r="AE16333" s="1"/>
    </row>
    <row r="16334" spans="1:31" ht="14.45">
      <c r="A16334" s="11"/>
      <c r="B16334" s="20"/>
      <c r="C16334" s="2" t="s">
        <v>49960</v>
      </c>
      <c r="D16334" s="14" t="s">
        <v>49961</v>
      </c>
      <c r="E16334" s="2" t="s">
        <v>49962</v>
      </c>
      <c r="F16334" s="2" t="s">
        <v>36273</v>
      </c>
      <c r="G16334" s="8">
        <v>216</v>
      </c>
      <c r="H16334" s="5">
        <v>6</v>
      </c>
      <c r="I16334" s="5" t="s">
        <v>1518</v>
      </c>
      <c r="J16334" s="5" t="s">
        <v>36264</v>
      </c>
      <c r="K16334" s="2" t="s">
        <v>49668</v>
      </c>
      <c r="L16334" s="5" t="s">
        <v>36264</v>
      </c>
      <c r="M16334" s="2" t="s">
        <v>49668</v>
      </c>
      <c r="N16334" s="5" t="s">
        <v>19227</v>
      </c>
      <c r="O16334" s="5" t="s">
        <v>38</v>
      </c>
      <c r="P16334" s="5" t="s">
        <v>39</v>
      </c>
      <c r="Q16334" s="5" t="s">
        <v>40</v>
      </c>
      <c r="R16334" s="5" t="s">
        <v>1487</v>
      </c>
      <c r="S16334" s="5"/>
      <c r="T16334" s="5" t="s">
        <v>42</v>
      </c>
      <c r="U16334" s="2">
        <v>0</v>
      </c>
      <c r="V16334" s="2">
        <v>0</v>
      </c>
      <c r="W16334" s="2">
        <v>0</v>
      </c>
      <c r="X16334" s="2">
        <v>0</v>
      </c>
      <c r="Y16334" s="2">
        <v>0</v>
      </c>
      <c r="Z16334" s="2">
        <v>0</v>
      </c>
      <c r="AA16334" s="5"/>
      <c r="AB16334" s="5" t="s">
        <v>43</v>
      </c>
      <c r="AC16334" s="5" t="s">
        <v>44</v>
      </c>
      <c r="AD16334" s="2"/>
      <c r="AE16334" s="1"/>
    </row>
    <row r="16335" spans="1:31" ht="14.45">
      <c r="A16335" s="11"/>
      <c r="B16335" s="20"/>
      <c r="C16335" s="2" t="s">
        <v>49963</v>
      </c>
      <c r="D16335" s="14" t="s">
        <v>49964</v>
      </c>
      <c r="E16335" s="2" t="s">
        <v>49965</v>
      </c>
      <c r="F16335" s="2" t="s">
        <v>36277</v>
      </c>
      <c r="G16335" s="8">
        <v>216</v>
      </c>
      <c r="H16335" s="5">
        <v>6</v>
      </c>
      <c r="I16335" s="5" t="s">
        <v>1518</v>
      </c>
      <c r="J16335" s="5" t="s">
        <v>36264</v>
      </c>
      <c r="K16335" s="2" t="s">
        <v>49668</v>
      </c>
      <c r="L16335" s="5" t="s">
        <v>36264</v>
      </c>
      <c r="M16335" s="2" t="s">
        <v>49668</v>
      </c>
      <c r="N16335" s="5" t="s">
        <v>19227</v>
      </c>
      <c r="O16335" s="5" t="s">
        <v>38</v>
      </c>
      <c r="P16335" s="5" t="s">
        <v>39</v>
      </c>
      <c r="Q16335" s="5" t="s">
        <v>40</v>
      </c>
      <c r="R16335" s="5" t="s">
        <v>1487</v>
      </c>
      <c r="S16335" s="5"/>
      <c r="T16335" s="5" t="s">
        <v>42</v>
      </c>
      <c r="U16335" s="2">
        <v>0</v>
      </c>
      <c r="V16335" s="2">
        <v>0</v>
      </c>
      <c r="W16335" s="2">
        <v>0</v>
      </c>
      <c r="X16335" s="2">
        <v>0</v>
      </c>
      <c r="Y16335" s="2">
        <v>0</v>
      </c>
      <c r="Z16335" s="2">
        <v>0</v>
      </c>
      <c r="AA16335" s="5"/>
      <c r="AB16335" s="5" t="s">
        <v>43</v>
      </c>
      <c r="AC16335" s="5" t="s">
        <v>44</v>
      </c>
      <c r="AD16335" s="2"/>
      <c r="AE16335" s="1"/>
    </row>
    <row r="16336" spans="1:31" ht="14.45">
      <c r="A16336" s="11"/>
      <c r="B16336" s="20"/>
      <c r="C16336" s="2" t="s">
        <v>49966</v>
      </c>
      <c r="D16336" s="14" t="s">
        <v>49967</v>
      </c>
      <c r="E16336" s="2" t="s">
        <v>49968</v>
      </c>
      <c r="F16336" s="2" t="s">
        <v>36297</v>
      </c>
      <c r="G16336" s="8">
        <v>216</v>
      </c>
      <c r="H16336" s="5">
        <v>6</v>
      </c>
      <c r="I16336" s="5" t="s">
        <v>1518</v>
      </c>
      <c r="J16336" s="5" t="s">
        <v>36264</v>
      </c>
      <c r="K16336" s="2" t="s">
        <v>49668</v>
      </c>
      <c r="L16336" s="5" t="s">
        <v>36264</v>
      </c>
      <c r="M16336" s="2" t="s">
        <v>49668</v>
      </c>
      <c r="N16336" s="5" t="s">
        <v>19227</v>
      </c>
      <c r="O16336" s="5" t="s">
        <v>38</v>
      </c>
      <c r="P16336" s="5" t="s">
        <v>39</v>
      </c>
      <c r="Q16336" s="5" t="s">
        <v>40</v>
      </c>
      <c r="R16336" s="5" t="s">
        <v>1487</v>
      </c>
      <c r="S16336" s="5"/>
      <c r="T16336" s="5" t="s">
        <v>42</v>
      </c>
      <c r="U16336" s="2">
        <v>0</v>
      </c>
      <c r="V16336" s="2">
        <v>0</v>
      </c>
      <c r="W16336" s="2">
        <v>0</v>
      </c>
      <c r="X16336" s="2">
        <v>0</v>
      </c>
      <c r="Y16336" s="2">
        <v>0</v>
      </c>
      <c r="Z16336" s="2">
        <v>0</v>
      </c>
      <c r="AA16336" s="5"/>
      <c r="AB16336" s="5" t="s">
        <v>43</v>
      </c>
      <c r="AC16336" s="5" t="s">
        <v>44</v>
      </c>
      <c r="AD16336" s="2"/>
      <c r="AE16336" s="1"/>
    </row>
    <row r="16337" spans="1:31" ht="14.45">
      <c r="A16337" s="11"/>
      <c r="B16337" s="20"/>
      <c r="C16337" s="2" t="s">
        <v>49969</v>
      </c>
      <c r="D16337" s="14" t="s">
        <v>49970</v>
      </c>
      <c r="E16337" s="2" t="s">
        <v>49971</v>
      </c>
      <c r="F16337" s="2" t="s">
        <v>36301</v>
      </c>
      <c r="G16337" s="8">
        <v>216</v>
      </c>
      <c r="H16337" s="5">
        <v>6</v>
      </c>
      <c r="I16337" s="5" t="s">
        <v>1518</v>
      </c>
      <c r="J16337" s="5" t="s">
        <v>36264</v>
      </c>
      <c r="K16337" s="2" t="s">
        <v>49668</v>
      </c>
      <c r="L16337" s="5" t="s">
        <v>36264</v>
      </c>
      <c r="M16337" s="2" t="s">
        <v>49668</v>
      </c>
      <c r="N16337" s="5" t="s">
        <v>19227</v>
      </c>
      <c r="O16337" s="5" t="s">
        <v>38</v>
      </c>
      <c r="P16337" s="5" t="s">
        <v>39</v>
      </c>
      <c r="Q16337" s="5" t="s">
        <v>40</v>
      </c>
      <c r="R16337" s="5" t="s">
        <v>1487</v>
      </c>
      <c r="S16337" s="5"/>
      <c r="T16337" s="5" t="s">
        <v>42</v>
      </c>
      <c r="U16337" s="2">
        <v>0</v>
      </c>
      <c r="V16337" s="2">
        <v>0</v>
      </c>
      <c r="W16337" s="2">
        <v>0</v>
      </c>
      <c r="X16337" s="2">
        <v>0</v>
      </c>
      <c r="Y16337" s="2">
        <v>0</v>
      </c>
      <c r="Z16337" s="2">
        <v>0</v>
      </c>
      <c r="AA16337" s="5"/>
      <c r="AB16337" s="5" t="s">
        <v>43</v>
      </c>
      <c r="AC16337" s="5" t="s">
        <v>44</v>
      </c>
      <c r="AD16337" s="2"/>
      <c r="AE16337" s="1"/>
    </row>
    <row r="16338" spans="1:31" ht="14.45">
      <c r="A16338" s="11"/>
      <c r="B16338" s="20"/>
      <c r="C16338" s="2" t="s">
        <v>49972</v>
      </c>
      <c r="D16338" s="14" t="s">
        <v>49973</v>
      </c>
      <c r="E16338" s="2" t="s">
        <v>49974</v>
      </c>
      <c r="F16338" s="2" t="s">
        <v>36305</v>
      </c>
      <c r="G16338" s="8">
        <v>216</v>
      </c>
      <c r="H16338" s="5">
        <v>6</v>
      </c>
      <c r="I16338" s="5" t="s">
        <v>1518</v>
      </c>
      <c r="J16338" s="5" t="s">
        <v>36264</v>
      </c>
      <c r="K16338" s="2" t="s">
        <v>49668</v>
      </c>
      <c r="L16338" s="5" t="s">
        <v>36264</v>
      </c>
      <c r="M16338" s="2" t="s">
        <v>49668</v>
      </c>
      <c r="N16338" s="5" t="s">
        <v>19227</v>
      </c>
      <c r="O16338" s="5" t="s">
        <v>38</v>
      </c>
      <c r="P16338" s="5" t="s">
        <v>39</v>
      </c>
      <c r="Q16338" s="5" t="s">
        <v>40</v>
      </c>
      <c r="R16338" s="5" t="s">
        <v>1487</v>
      </c>
      <c r="S16338" s="5"/>
      <c r="T16338" s="5" t="s">
        <v>42</v>
      </c>
      <c r="U16338" s="2">
        <v>0</v>
      </c>
      <c r="V16338" s="2">
        <v>0</v>
      </c>
      <c r="W16338" s="2">
        <v>0</v>
      </c>
      <c r="X16338" s="2">
        <v>0</v>
      </c>
      <c r="Y16338" s="2">
        <v>0</v>
      </c>
      <c r="Z16338" s="2">
        <v>0</v>
      </c>
      <c r="AA16338" s="5"/>
      <c r="AB16338" s="5" t="s">
        <v>43</v>
      </c>
      <c r="AC16338" s="5" t="s">
        <v>44</v>
      </c>
      <c r="AD16338" s="2"/>
      <c r="AE16338" s="1"/>
    </row>
    <row r="16339" spans="1:31" ht="14.45">
      <c r="A16339" s="11"/>
      <c r="B16339" s="20"/>
      <c r="C16339" s="2" t="s">
        <v>49975</v>
      </c>
      <c r="D16339" s="14" t="s">
        <v>49976</v>
      </c>
      <c r="E16339" s="2" t="s">
        <v>49977</v>
      </c>
      <c r="F16339" s="2" t="s">
        <v>36309</v>
      </c>
      <c r="G16339" s="8">
        <v>216</v>
      </c>
      <c r="H16339" s="5">
        <v>6</v>
      </c>
      <c r="I16339" s="5" t="s">
        <v>1518</v>
      </c>
      <c r="J16339" s="5" t="s">
        <v>36264</v>
      </c>
      <c r="K16339" s="2" t="s">
        <v>49668</v>
      </c>
      <c r="L16339" s="5" t="s">
        <v>36264</v>
      </c>
      <c r="M16339" s="2" t="s">
        <v>49668</v>
      </c>
      <c r="N16339" s="5" t="s">
        <v>19227</v>
      </c>
      <c r="O16339" s="5" t="s">
        <v>38</v>
      </c>
      <c r="P16339" s="5" t="s">
        <v>39</v>
      </c>
      <c r="Q16339" s="5" t="s">
        <v>40</v>
      </c>
      <c r="R16339" s="5" t="s">
        <v>1487</v>
      </c>
      <c r="S16339" s="5"/>
      <c r="T16339" s="5" t="s">
        <v>42</v>
      </c>
      <c r="U16339" s="2">
        <v>0</v>
      </c>
      <c r="V16339" s="2">
        <v>0</v>
      </c>
      <c r="W16339" s="2">
        <v>0</v>
      </c>
      <c r="X16339" s="2">
        <v>0</v>
      </c>
      <c r="Y16339" s="2">
        <v>0</v>
      </c>
      <c r="Z16339" s="2">
        <v>0</v>
      </c>
      <c r="AA16339" s="5"/>
      <c r="AB16339" s="5" t="s">
        <v>43</v>
      </c>
      <c r="AC16339" s="5" t="s">
        <v>44</v>
      </c>
      <c r="AD16339" s="2"/>
      <c r="AE16339" s="1"/>
    </row>
    <row r="16340" spans="1:31" ht="14.45">
      <c r="A16340" s="11"/>
      <c r="B16340" s="20"/>
      <c r="C16340" s="2" t="s">
        <v>49978</v>
      </c>
      <c r="D16340" s="14" t="s">
        <v>49979</v>
      </c>
      <c r="E16340" s="2" t="s">
        <v>49980</v>
      </c>
      <c r="F16340" s="2" t="s">
        <v>7204</v>
      </c>
      <c r="G16340" s="8">
        <v>227</v>
      </c>
      <c r="H16340" s="5">
        <v>6</v>
      </c>
      <c r="I16340" s="5" t="s">
        <v>1518</v>
      </c>
      <c r="J16340" s="5" t="s">
        <v>36264</v>
      </c>
      <c r="K16340" s="2" t="s">
        <v>49668</v>
      </c>
      <c r="L16340" s="5" t="s">
        <v>36264</v>
      </c>
      <c r="M16340" s="2" t="s">
        <v>49668</v>
      </c>
      <c r="N16340" s="5" t="s">
        <v>19227</v>
      </c>
      <c r="O16340" s="5" t="s">
        <v>38</v>
      </c>
      <c r="P16340" s="5" t="s">
        <v>39</v>
      </c>
      <c r="Q16340" s="5" t="s">
        <v>40</v>
      </c>
      <c r="R16340" s="5" t="s">
        <v>1487</v>
      </c>
      <c r="S16340" s="5"/>
      <c r="T16340" s="5" t="s">
        <v>42</v>
      </c>
      <c r="U16340" s="2">
        <v>0</v>
      </c>
      <c r="V16340" s="2">
        <v>0</v>
      </c>
      <c r="W16340" s="2">
        <v>0</v>
      </c>
      <c r="X16340" s="2">
        <v>0</v>
      </c>
      <c r="Y16340" s="2">
        <v>0</v>
      </c>
      <c r="Z16340" s="2">
        <v>0</v>
      </c>
      <c r="AA16340" s="5"/>
      <c r="AB16340" s="5" t="s">
        <v>43</v>
      </c>
      <c r="AC16340" s="5" t="s">
        <v>44</v>
      </c>
      <c r="AD16340" s="2"/>
      <c r="AE16340" s="1"/>
    </row>
    <row r="16341" spans="1:31" ht="14.45">
      <c r="A16341" s="11"/>
      <c r="B16341" s="20"/>
      <c r="C16341" s="2" t="s">
        <v>49981</v>
      </c>
      <c r="D16341" s="14" t="s">
        <v>49982</v>
      </c>
      <c r="E16341" s="2" t="s">
        <v>49983</v>
      </c>
      <c r="F16341" s="2" t="s">
        <v>7514</v>
      </c>
      <c r="G16341" s="8">
        <v>227</v>
      </c>
      <c r="H16341" s="5">
        <v>6</v>
      </c>
      <c r="I16341" s="5" t="s">
        <v>1518</v>
      </c>
      <c r="J16341" s="5" t="s">
        <v>36264</v>
      </c>
      <c r="K16341" s="2" t="s">
        <v>49668</v>
      </c>
      <c r="L16341" s="5" t="s">
        <v>36264</v>
      </c>
      <c r="M16341" s="2" t="s">
        <v>49668</v>
      </c>
      <c r="N16341" s="5" t="s">
        <v>19227</v>
      </c>
      <c r="O16341" s="5" t="s">
        <v>38</v>
      </c>
      <c r="P16341" s="5" t="s">
        <v>39</v>
      </c>
      <c r="Q16341" s="5" t="s">
        <v>40</v>
      </c>
      <c r="R16341" s="5" t="s">
        <v>1487</v>
      </c>
      <c r="S16341" s="5"/>
      <c r="T16341" s="5" t="s">
        <v>42</v>
      </c>
      <c r="U16341" s="2">
        <v>0</v>
      </c>
      <c r="V16341" s="2">
        <v>0</v>
      </c>
      <c r="W16341" s="2">
        <v>0</v>
      </c>
      <c r="X16341" s="2">
        <v>0</v>
      </c>
      <c r="Y16341" s="2">
        <v>0</v>
      </c>
      <c r="Z16341" s="2">
        <v>0</v>
      </c>
      <c r="AA16341" s="5"/>
      <c r="AB16341" s="5" t="s">
        <v>43</v>
      </c>
      <c r="AC16341" s="5" t="s">
        <v>44</v>
      </c>
      <c r="AD16341" s="2"/>
      <c r="AE16341" s="1"/>
    </row>
    <row r="16342" spans="1:31" ht="14.45">
      <c r="A16342" s="11"/>
      <c r="B16342" s="20"/>
      <c r="C16342" s="2" t="s">
        <v>49984</v>
      </c>
      <c r="D16342" s="14" t="s">
        <v>49985</v>
      </c>
      <c r="E16342" s="2" t="s">
        <v>49986</v>
      </c>
      <c r="F16342" s="2" t="s">
        <v>36273</v>
      </c>
      <c r="G16342" s="8">
        <v>227</v>
      </c>
      <c r="H16342" s="5">
        <v>6</v>
      </c>
      <c r="I16342" s="5" t="s">
        <v>1518</v>
      </c>
      <c r="J16342" s="5" t="s">
        <v>36264</v>
      </c>
      <c r="K16342" s="2" t="s">
        <v>49668</v>
      </c>
      <c r="L16342" s="5" t="s">
        <v>36264</v>
      </c>
      <c r="M16342" s="2" t="s">
        <v>49668</v>
      </c>
      <c r="N16342" s="5" t="s">
        <v>19227</v>
      </c>
      <c r="O16342" s="5" t="s">
        <v>38</v>
      </c>
      <c r="P16342" s="5" t="s">
        <v>39</v>
      </c>
      <c r="Q16342" s="5" t="s">
        <v>40</v>
      </c>
      <c r="R16342" s="5" t="s">
        <v>1487</v>
      </c>
      <c r="S16342" s="5"/>
      <c r="T16342" s="5" t="s">
        <v>42</v>
      </c>
      <c r="U16342" s="2">
        <v>0</v>
      </c>
      <c r="V16342" s="2">
        <v>0</v>
      </c>
      <c r="W16342" s="2">
        <v>0</v>
      </c>
      <c r="X16342" s="2">
        <v>0</v>
      </c>
      <c r="Y16342" s="2">
        <v>0</v>
      </c>
      <c r="Z16342" s="2">
        <v>0</v>
      </c>
      <c r="AA16342" s="5"/>
      <c r="AB16342" s="5" t="s">
        <v>43</v>
      </c>
      <c r="AC16342" s="5" t="s">
        <v>44</v>
      </c>
      <c r="AD16342" s="2"/>
      <c r="AE16342" s="1"/>
    </row>
    <row r="16343" spans="1:31" ht="14.45">
      <c r="A16343" s="11"/>
      <c r="B16343" s="20"/>
      <c r="C16343" s="2" t="s">
        <v>49987</v>
      </c>
      <c r="D16343" s="14" t="s">
        <v>49988</v>
      </c>
      <c r="E16343" s="2" t="s">
        <v>49989</v>
      </c>
      <c r="F16343" s="2" t="s">
        <v>36277</v>
      </c>
      <c r="G16343" s="8">
        <v>227</v>
      </c>
      <c r="H16343" s="5">
        <v>6</v>
      </c>
      <c r="I16343" s="5" t="s">
        <v>1518</v>
      </c>
      <c r="J16343" s="5" t="s">
        <v>36264</v>
      </c>
      <c r="K16343" s="2" t="s">
        <v>49668</v>
      </c>
      <c r="L16343" s="5" t="s">
        <v>36264</v>
      </c>
      <c r="M16343" s="2" t="s">
        <v>49668</v>
      </c>
      <c r="N16343" s="5" t="s">
        <v>19227</v>
      </c>
      <c r="O16343" s="5" t="s">
        <v>38</v>
      </c>
      <c r="P16343" s="5" t="s">
        <v>39</v>
      </c>
      <c r="Q16343" s="5" t="s">
        <v>40</v>
      </c>
      <c r="R16343" s="5" t="s">
        <v>1487</v>
      </c>
      <c r="S16343" s="5"/>
      <c r="T16343" s="5" t="s">
        <v>42</v>
      </c>
      <c r="U16343" s="2">
        <v>0</v>
      </c>
      <c r="V16343" s="2">
        <v>0</v>
      </c>
      <c r="W16343" s="2">
        <v>0</v>
      </c>
      <c r="X16343" s="2">
        <v>0</v>
      </c>
      <c r="Y16343" s="2">
        <v>0</v>
      </c>
      <c r="Z16343" s="2">
        <v>0</v>
      </c>
      <c r="AA16343" s="5"/>
      <c r="AB16343" s="5" t="s">
        <v>43</v>
      </c>
      <c r="AC16343" s="5" t="s">
        <v>44</v>
      </c>
      <c r="AD16343" s="2"/>
      <c r="AE16343" s="1"/>
    </row>
    <row r="16344" spans="1:31" ht="14.45">
      <c r="A16344" s="11"/>
      <c r="B16344" s="20"/>
      <c r="C16344" s="2" t="s">
        <v>49990</v>
      </c>
      <c r="D16344" s="14" t="s">
        <v>49991</v>
      </c>
      <c r="E16344" s="2" t="s">
        <v>49992</v>
      </c>
      <c r="F16344" s="2" t="s">
        <v>36297</v>
      </c>
      <c r="G16344" s="8">
        <v>227</v>
      </c>
      <c r="H16344" s="5">
        <v>6</v>
      </c>
      <c r="I16344" s="5" t="s">
        <v>1518</v>
      </c>
      <c r="J16344" s="5" t="s">
        <v>36264</v>
      </c>
      <c r="K16344" s="2" t="s">
        <v>49668</v>
      </c>
      <c r="L16344" s="5" t="s">
        <v>36264</v>
      </c>
      <c r="M16344" s="2" t="s">
        <v>49668</v>
      </c>
      <c r="N16344" s="5" t="s">
        <v>19227</v>
      </c>
      <c r="O16344" s="5" t="s">
        <v>38</v>
      </c>
      <c r="P16344" s="5" t="s">
        <v>39</v>
      </c>
      <c r="Q16344" s="5" t="s">
        <v>40</v>
      </c>
      <c r="R16344" s="5" t="s">
        <v>1487</v>
      </c>
      <c r="S16344" s="5"/>
      <c r="T16344" s="5" t="s">
        <v>42</v>
      </c>
      <c r="U16344" s="2">
        <v>0</v>
      </c>
      <c r="V16344" s="2">
        <v>0</v>
      </c>
      <c r="W16344" s="2">
        <v>0</v>
      </c>
      <c r="X16344" s="2">
        <v>0</v>
      </c>
      <c r="Y16344" s="2">
        <v>0</v>
      </c>
      <c r="Z16344" s="2">
        <v>0</v>
      </c>
      <c r="AA16344" s="5"/>
      <c r="AB16344" s="5" t="s">
        <v>43</v>
      </c>
      <c r="AC16344" s="5" t="s">
        <v>44</v>
      </c>
      <c r="AD16344" s="2"/>
      <c r="AE16344" s="1"/>
    </row>
    <row r="16345" spans="1:31" ht="14.45">
      <c r="A16345" s="11"/>
      <c r="B16345" s="20"/>
      <c r="C16345" s="2" t="s">
        <v>49993</v>
      </c>
      <c r="D16345" s="14" t="s">
        <v>49994</v>
      </c>
      <c r="E16345" s="2" t="s">
        <v>49995</v>
      </c>
      <c r="F16345" s="2" t="s">
        <v>36301</v>
      </c>
      <c r="G16345" s="8">
        <v>227</v>
      </c>
      <c r="H16345" s="5">
        <v>6</v>
      </c>
      <c r="I16345" s="5" t="s">
        <v>1518</v>
      </c>
      <c r="J16345" s="5" t="s">
        <v>36264</v>
      </c>
      <c r="K16345" s="2" t="s">
        <v>49668</v>
      </c>
      <c r="L16345" s="5" t="s">
        <v>36264</v>
      </c>
      <c r="M16345" s="2" t="s">
        <v>49668</v>
      </c>
      <c r="N16345" s="5" t="s">
        <v>19227</v>
      </c>
      <c r="O16345" s="5" t="s">
        <v>38</v>
      </c>
      <c r="P16345" s="5" t="s">
        <v>39</v>
      </c>
      <c r="Q16345" s="5" t="s">
        <v>40</v>
      </c>
      <c r="R16345" s="5" t="s">
        <v>1487</v>
      </c>
      <c r="S16345" s="5"/>
      <c r="T16345" s="5" t="s">
        <v>42</v>
      </c>
      <c r="U16345" s="2">
        <v>0</v>
      </c>
      <c r="V16345" s="2">
        <v>0</v>
      </c>
      <c r="W16345" s="2">
        <v>0</v>
      </c>
      <c r="X16345" s="2">
        <v>0</v>
      </c>
      <c r="Y16345" s="2">
        <v>0</v>
      </c>
      <c r="Z16345" s="2">
        <v>0</v>
      </c>
      <c r="AA16345" s="5"/>
      <c r="AB16345" s="5" t="s">
        <v>43</v>
      </c>
      <c r="AC16345" s="5" t="s">
        <v>44</v>
      </c>
      <c r="AD16345" s="2"/>
      <c r="AE16345" s="1"/>
    </row>
    <row r="16346" spans="1:31" ht="14.45">
      <c r="A16346" s="11"/>
      <c r="B16346" s="20"/>
      <c r="C16346" s="2" t="s">
        <v>49996</v>
      </c>
      <c r="D16346" s="14" t="s">
        <v>49997</v>
      </c>
      <c r="E16346" s="2" t="s">
        <v>49998</v>
      </c>
      <c r="F16346" s="2" t="s">
        <v>36305</v>
      </c>
      <c r="G16346" s="8">
        <v>227</v>
      </c>
      <c r="H16346" s="5">
        <v>6</v>
      </c>
      <c r="I16346" s="5" t="s">
        <v>1518</v>
      </c>
      <c r="J16346" s="5" t="s">
        <v>36264</v>
      </c>
      <c r="K16346" s="2" t="s">
        <v>49668</v>
      </c>
      <c r="L16346" s="5" t="s">
        <v>36264</v>
      </c>
      <c r="M16346" s="2" t="s">
        <v>49668</v>
      </c>
      <c r="N16346" s="5" t="s">
        <v>19227</v>
      </c>
      <c r="O16346" s="5" t="s">
        <v>38</v>
      </c>
      <c r="P16346" s="5" t="s">
        <v>39</v>
      </c>
      <c r="Q16346" s="5" t="s">
        <v>40</v>
      </c>
      <c r="R16346" s="5" t="s">
        <v>1487</v>
      </c>
      <c r="S16346" s="5"/>
      <c r="T16346" s="5" t="s">
        <v>42</v>
      </c>
      <c r="U16346" s="2">
        <v>0</v>
      </c>
      <c r="V16346" s="2">
        <v>0</v>
      </c>
      <c r="W16346" s="2">
        <v>0</v>
      </c>
      <c r="X16346" s="2">
        <v>0</v>
      </c>
      <c r="Y16346" s="2">
        <v>0</v>
      </c>
      <c r="Z16346" s="2">
        <v>0</v>
      </c>
      <c r="AA16346" s="5"/>
      <c r="AB16346" s="5" t="s">
        <v>43</v>
      </c>
      <c r="AC16346" s="5" t="s">
        <v>44</v>
      </c>
      <c r="AD16346" s="2"/>
      <c r="AE16346" s="1"/>
    </row>
    <row r="16347" spans="1:31" ht="14.45">
      <c r="A16347" s="11"/>
      <c r="B16347" s="20"/>
      <c r="C16347" s="2" t="s">
        <v>49999</v>
      </c>
      <c r="D16347" s="14" t="s">
        <v>50000</v>
      </c>
      <c r="E16347" s="2" t="s">
        <v>50001</v>
      </c>
      <c r="F16347" s="2" t="s">
        <v>36309</v>
      </c>
      <c r="G16347" s="8">
        <v>227</v>
      </c>
      <c r="H16347" s="5">
        <v>6</v>
      </c>
      <c r="I16347" s="5" t="s">
        <v>1518</v>
      </c>
      <c r="J16347" s="5" t="s">
        <v>36264</v>
      </c>
      <c r="K16347" s="2" t="s">
        <v>49668</v>
      </c>
      <c r="L16347" s="5" t="s">
        <v>36264</v>
      </c>
      <c r="M16347" s="2" t="s">
        <v>49668</v>
      </c>
      <c r="N16347" s="5" t="s">
        <v>19227</v>
      </c>
      <c r="O16347" s="5" t="s">
        <v>38</v>
      </c>
      <c r="P16347" s="5" t="s">
        <v>39</v>
      </c>
      <c r="Q16347" s="5" t="s">
        <v>40</v>
      </c>
      <c r="R16347" s="5" t="s">
        <v>1487</v>
      </c>
      <c r="S16347" s="5"/>
      <c r="T16347" s="5" t="s">
        <v>42</v>
      </c>
      <c r="U16347" s="2">
        <v>0</v>
      </c>
      <c r="V16347" s="2">
        <v>0</v>
      </c>
      <c r="W16347" s="2">
        <v>0</v>
      </c>
      <c r="X16347" s="2">
        <v>0</v>
      </c>
      <c r="Y16347" s="2">
        <v>0</v>
      </c>
      <c r="Z16347" s="2">
        <v>0</v>
      </c>
      <c r="AA16347" s="5"/>
      <c r="AB16347" s="5" t="s">
        <v>43</v>
      </c>
      <c r="AC16347" s="5" t="s">
        <v>44</v>
      </c>
      <c r="AD16347" s="2"/>
      <c r="AE16347" s="1"/>
    </row>
    <row r="16348" spans="1:31" ht="14.45">
      <c r="A16348" s="11"/>
      <c r="B16348" s="20"/>
      <c r="C16348" s="2" t="s">
        <v>50002</v>
      </c>
      <c r="D16348" s="14" t="s">
        <v>50003</v>
      </c>
      <c r="E16348" s="2" t="s">
        <v>50004</v>
      </c>
      <c r="F16348" s="2" t="s">
        <v>7204</v>
      </c>
      <c r="G16348" s="8">
        <v>232</v>
      </c>
      <c r="H16348" s="5">
        <v>6</v>
      </c>
      <c r="I16348" s="5" t="s">
        <v>1518</v>
      </c>
      <c r="J16348" s="5" t="s">
        <v>36264</v>
      </c>
      <c r="K16348" s="2" t="s">
        <v>49668</v>
      </c>
      <c r="L16348" s="5" t="s">
        <v>36264</v>
      </c>
      <c r="M16348" s="2" t="s">
        <v>49668</v>
      </c>
      <c r="N16348" s="5" t="s">
        <v>19227</v>
      </c>
      <c r="O16348" s="5" t="s">
        <v>38</v>
      </c>
      <c r="P16348" s="5" t="s">
        <v>39</v>
      </c>
      <c r="Q16348" s="5" t="s">
        <v>40</v>
      </c>
      <c r="R16348" s="5" t="s">
        <v>1487</v>
      </c>
      <c r="S16348" s="5"/>
      <c r="T16348" s="5" t="s">
        <v>42</v>
      </c>
      <c r="U16348" s="2">
        <v>0</v>
      </c>
      <c r="V16348" s="2">
        <v>0</v>
      </c>
      <c r="W16348" s="2">
        <v>0</v>
      </c>
      <c r="X16348" s="2">
        <v>0</v>
      </c>
      <c r="Y16348" s="2">
        <v>0</v>
      </c>
      <c r="Z16348" s="2">
        <v>0</v>
      </c>
      <c r="AA16348" s="5"/>
      <c r="AB16348" s="5" t="s">
        <v>43</v>
      </c>
      <c r="AC16348" s="5" t="s">
        <v>44</v>
      </c>
      <c r="AD16348" s="2"/>
      <c r="AE16348" s="1"/>
    </row>
    <row r="16349" spans="1:31" ht="14.45">
      <c r="A16349" s="11"/>
      <c r="B16349" s="20"/>
      <c r="C16349" s="2" t="s">
        <v>50005</v>
      </c>
      <c r="D16349" s="14" t="s">
        <v>50006</v>
      </c>
      <c r="E16349" s="2" t="s">
        <v>50007</v>
      </c>
      <c r="F16349" s="2" t="s">
        <v>7514</v>
      </c>
      <c r="G16349" s="8">
        <v>232</v>
      </c>
      <c r="H16349" s="5">
        <v>6</v>
      </c>
      <c r="I16349" s="5" t="s">
        <v>1518</v>
      </c>
      <c r="J16349" s="5" t="s">
        <v>36264</v>
      </c>
      <c r="K16349" s="2" t="s">
        <v>49668</v>
      </c>
      <c r="L16349" s="5" t="s">
        <v>36264</v>
      </c>
      <c r="M16349" s="2" t="s">
        <v>49668</v>
      </c>
      <c r="N16349" s="5" t="s">
        <v>19227</v>
      </c>
      <c r="O16349" s="5" t="s">
        <v>38</v>
      </c>
      <c r="P16349" s="5" t="s">
        <v>39</v>
      </c>
      <c r="Q16349" s="5" t="s">
        <v>40</v>
      </c>
      <c r="R16349" s="5" t="s">
        <v>1487</v>
      </c>
      <c r="S16349" s="5"/>
      <c r="T16349" s="5" t="s">
        <v>42</v>
      </c>
      <c r="U16349" s="2">
        <v>0</v>
      </c>
      <c r="V16349" s="2">
        <v>0</v>
      </c>
      <c r="W16349" s="2">
        <v>0</v>
      </c>
      <c r="X16349" s="2">
        <v>0</v>
      </c>
      <c r="Y16349" s="2">
        <v>0</v>
      </c>
      <c r="Z16349" s="2">
        <v>0</v>
      </c>
      <c r="AA16349" s="5"/>
      <c r="AB16349" s="5" t="s">
        <v>43</v>
      </c>
      <c r="AC16349" s="5" t="s">
        <v>44</v>
      </c>
      <c r="AD16349" s="2"/>
      <c r="AE16349" s="1"/>
    </row>
    <row r="16350" spans="1:31" ht="14.45">
      <c r="A16350" s="11"/>
      <c r="B16350" s="20"/>
      <c r="C16350" s="2" t="s">
        <v>50008</v>
      </c>
      <c r="D16350" s="14" t="s">
        <v>50009</v>
      </c>
      <c r="E16350" s="2" t="s">
        <v>50010</v>
      </c>
      <c r="F16350" s="2" t="s">
        <v>36273</v>
      </c>
      <c r="G16350" s="8">
        <v>232</v>
      </c>
      <c r="H16350" s="5">
        <v>6</v>
      </c>
      <c r="I16350" s="5" t="s">
        <v>1518</v>
      </c>
      <c r="J16350" s="5" t="s">
        <v>36264</v>
      </c>
      <c r="K16350" s="2" t="s">
        <v>49668</v>
      </c>
      <c r="L16350" s="5" t="s">
        <v>36264</v>
      </c>
      <c r="M16350" s="2" t="s">
        <v>49668</v>
      </c>
      <c r="N16350" s="5" t="s">
        <v>19227</v>
      </c>
      <c r="O16350" s="5" t="s">
        <v>38</v>
      </c>
      <c r="P16350" s="5" t="s">
        <v>39</v>
      </c>
      <c r="Q16350" s="5" t="s">
        <v>40</v>
      </c>
      <c r="R16350" s="5" t="s">
        <v>1487</v>
      </c>
      <c r="S16350" s="5"/>
      <c r="T16350" s="5" t="s">
        <v>42</v>
      </c>
      <c r="U16350" s="2">
        <v>0</v>
      </c>
      <c r="V16350" s="2">
        <v>0</v>
      </c>
      <c r="W16350" s="2">
        <v>0</v>
      </c>
      <c r="X16350" s="2">
        <v>0</v>
      </c>
      <c r="Y16350" s="2">
        <v>0</v>
      </c>
      <c r="Z16350" s="2">
        <v>0</v>
      </c>
      <c r="AA16350" s="5"/>
      <c r="AB16350" s="5" t="s">
        <v>43</v>
      </c>
      <c r="AC16350" s="5" t="s">
        <v>44</v>
      </c>
      <c r="AD16350" s="2"/>
      <c r="AE16350" s="1"/>
    </row>
    <row r="16351" spans="1:31" ht="14.45">
      <c r="A16351" s="11"/>
      <c r="B16351" s="20"/>
      <c r="C16351" s="2" t="s">
        <v>50011</v>
      </c>
      <c r="D16351" s="14" t="s">
        <v>50012</v>
      </c>
      <c r="E16351" s="2" t="s">
        <v>50013</v>
      </c>
      <c r="F16351" s="2" t="s">
        <v>36277</v>
      </c>
      <c r="G16351" s="8">
        <v>232</v>
      </c>
      <c r="H16351" s="5">
        <v>6</v>
      </c>
      <c r="I16351" s="5" t="s">
        <v>1518</v>
      </c>
      <c r="J16351" s="5" t="s">
        <v>36264</v>
      </c>
      <c r="K16351" s="2" t="s">
        <v>49668</v>
      </c>
      <c r="L16351" s="5" t="s">
        <v>36264</v>
      </c>
      <c r="M16351" s="2" t="s">
        <v>49668</v>
      </c>
      <c r="N16351" s="5" t="s">
        <v>19227</v>
      </c>
      <c r="O16351" s="5" t="s">
        <v>38</v>
      </c>
      <c r="P16351" s="5" t="s">
        <v>39</v>
      </c>
      <c r="Q16351" s="5" t="s">
        <v>40</v>
      </c>
      <c r="R16351" s="5" t="s">
        <v>1487</v>
      </c>
      <c r="S16351" s="5"/>
      <c r="T16351" s="5" t="s">
        <v>42</v>
      </c>
      <c r="U16351" s="2">
        <v>0</v>
      </c>
      <c r="V16351" s="2">
        <v>0</v>
      </c>
      <c r="W16351" s="2">
        <v>0</v>
      </c>
      <c r="X16351" s="2">
        <v>0</v>
      </c>
      <c r="Y16351" s="2">
        <v>0</v>
      </c>
      <c r="Z16351" s="2">
        <v>0</v>
      </c>
      <c r="AA16351" s="5"/>
      <c r="AB16351" s="5" t="s">
        <v>43</v>
      </c>
      <c r="AC16351" s="5" t="s">
        <v>44</v>
      </c>
      <c r="AD16351" s="2"/>
      <c r="AE16351" s="1"/>
    </row>
    <row r="16352" spans="1:31" ht="14.45">
      <c r="A16352" s="11"/>
      <c r="B16352" s="20"/>
      <c r="C16352" s="2" t="s">
        <v>50014</v>
      </c>
      <c r="D16352" s="14" t="s">
        <v>50015</v>
      </c>
      <c r="E16352" s="2" t="s">
        <v>50016</v>
      </c>
      <c r="F16352" s="2" t="s">
        <v>36297</v>
      </c>
      <c r="G16352" s="8">
        <v>232</v>
      </c>
      <c r="H16352" s="5">
        <v>6</v>
      </c>
      <c r="I16352" s="5" t="s">
        <v>1518</v>
      </c>
      <c r="J16352" s="5" t="s">
        <v>36264</v>
      </c>
      <c r="K16352" s="2" t="s">
        <v>49668</v>
      </c>
      <c r="L16352" s="5" t="s">
        <v>36264</v>
      </c>
      <c r="M16352" s="2" t="s">
        <v>49668</v>
      </c>
      <c r="N16352" s="5" t="s">
        <v>19227</v>
      </c>
      <c r="O16352" s="5" t="s">
        <v>38</v>
      </c>
      <c r="P16352" s="5" t="s">
        <v>39</v>
      </c>
      <c r="Q16352" s="5" t="s">
        <v>40</v>
      </c>
      <c r="R16352" s="5" t="s">
        <v>1487</v>
      </c>
      <c r="S16352" s="5"/>
      <c r="T16352" s="5" t="s">
        <v>42</v>
      </c>
      <c r="U16352" s="2">
        <v>0</v>
      </c>
      <c r="V16352" s="2">
        <v>0</v>
      </c>
      <c r="W16352" s="2">
        <v>0</v>
      </c>
      <c r="X16352" s="2">
        <v>0</v>
      </c>
      <c r="Y16352" s="2">
        <v>0</v>
      </c>
      <c r="Z16352" s="2">
        <v>0</v>
      </c>
      <c r="AA16352" s="5"/>
      <c r="AB16352" s="5" t="s">
        <v>43</v>
      </c>
      <c r="AC16352" s="5" t="s">
        <v>44</v>
      </c>
      <c r="AD16352" s="2"/>
      <c r="AE16352" s="1"/>
    </row>
    <row r="16353" spans="1:31" ht="14.45">
      <c r="A16353" s="11"/>
      <c r="B16353" s="20"/>
      <c r="C16353" s="2" t="s">
        <v>50017</v>
      </c>
      <c r="D16353" s="14" t="s">
        <v>50018</v>
      </c>
      <c r="E16353" s="2" t="s">
        <v>50019</v>
      </c>
      <c r="F16353" s="2" t="s">
        <v>36301</v>
      </c>
      <c r="G16353" s="8">
        <v>232</v>
      </c>
      <c r="H16353" s="5">
        <v>6</v>
      </c>
      <c r="I16353" s="5" t="s">
        <v>1518</v>
      </c>
      <c r="J16353" s="5" t="s">
        <v>36264</v>
      </c>
      <c r="K16353" s="2" t="s">
        <v>49668</v>
      </c>
      <c r="L16353" s="5" t="s">
        <v>36264</v>
      </c>
      <c r="M16353" s="2" t="s">
        <v>49668</v>
      </c>
      <c r="N16353" s="5" t="s">
        <v>19227</v>
      </c>
      <c r="O16353" s="5" t="s">
        <v>38</v>
      </c>
      <c r="P16353" s="5" t="s">
        <v>39</v>
      </c>
      <c r="Q16353" s="5" t="s">
        <v>40</v>
      </c>
      <c r="R16353" s="5" t="s">
        <v>1487</v>
      </c>
      <c r="S16353" s="5"/>
      <c r="T16353" s="5" t="s">
        <v>42</v>
      </c>
      <c r="U16353" s="2">
        <v>0</v>
      </c>
      <c r="V16353" s="2">
        <v>0</v>
      </c>
      <c r="W16353" s="2">
        <v>0</v>
      </c>
      <c r="X16353" s="2">
        <v>0</v>
      </c>
      <c r="Y16353" s="2">
        <v>0</v>
      </c>
      <c r="Z16353" s="2">
        <v>0</v>
      </c>
      <c r="AA16353" s="5"/>
      <c r="AB16353" s="5" t="s">
        <v>43</v>
      </c>
      <c r="AC16353" s="5" t="s">
        <v>44</v>
      </c>
      <c r="AD16353" s="2"/>
      <c r="AE16353" s="1"/>
    </row>
    <row r="16354" spans="1:31" ht="14.45">
      <c r="A16354" s="11"/>
      <c r="B16354" s="20"/>
      <c r="C16354" s="2" t="s">
        <v>50020</v>
      </c>
      <c r="D16354" s="14" t="s">
        <v>50021</v>
      </c>
      <c r="E16354" s="2" t="s">
        <v>50022</v>
      </c>
      <c r="F16354" s="2" t="s">
        <v>36305</v>
      </c>
      <c r="G16354" s="8">
        <v>232</v>
      </c>
      <c r="H16354" s="5">
        <v>6</v>
      </c>
      <c r="I16354" s="5" t="s">
        <v>1518</v>
      </c>
      <c r="J16354" s="5" t="s">
        <v>36264</v>
      </c>
      <c r="K16354" s="2" t="s">
        <v>49668</v>
      </c>
      <c r="L16354" s="5" t="s">
        <v>36264</v>
      </c>
      <c r="M16354" s="2" t="s">
        <v>49668</v>
      </c>
      <c r="N16354" s="5" t="s">
        <v>19227</v>
      </c>
      <c r="O16354" s="5" t="s">
        <v>38</v>
      </c>
      <c r="P16354" s="5" t="s">
        <v>39</v>
      </c>
      <c r="Q16354" s="5" t="s">
        <v>40</v>
      </c>
      <c r="R16354" s="5" t="s">
        <v>1487</v>
      </c>
      <c r="S16354" s="5"/>
      <c r="T16354" s="5" t="s">
        <v>42</v>
      </c>
      <c r="U16354" s="2">
        <v>0</v>
      </c>
      <c r="V16354" s="2">
        <v>0</v>
      </c>
      <c r="W16354" s="2">
        <v>0</v>
      </c>
      <c r="X16354" s="2">
        <v>0</v>
      </c>
      <c r="Y16354" s="2">
        <v>0</v>
      </c>
      <c r="Z16354" s="2">
        <v>0</v>
      </c>
      <c r="AA16354" s="5"/>
      <c r="AB16354" s="5" t="s">
        <v>43</v>
      </c>
      <c r="AC16354" s="5" t="s">
        <v>44</v>
      </c>
      <c r="AD16354" s="2"/>
      <c r="AE16354" s="1"/>
    </row>
    <row r="16355" spans="1:31" ht="14.45">
      <c r="A16355" s="11"/>
      <c r="B16355" s="20"/>
      <c r="C16355" s="2" t="s">
        <v>50023</v>
      </c>
      <c r="D16355" s="14" t="s">
        <v>50024</v>
      </c>
      <c r="E16355" s="2" t="s">
        <v>50025</v>
      </c>
      <c r="F16355" s="2" t="s">
        <v>36309</v>
      </c>
      <c r="G16355" s="8">
        <v>232</v>
      </c>
      <c r="H16355" s="5">
        <v>6</v>
      </c>
      <c r="I16355" s="5" t="s">
        <v>1518</v>
      </c>
      <c r="J16355" s="5" t="s">
        <v>36264</v>
      </c>
      <c r="K16355" s="2" t="s">
        <v>49668</v>
      </c>
      <c r="L16355" s="5" t="s">
        <v>36264</v>
      </c>
      <c r="M16355" s="2" t="s">
        <v>49668</v>
      </c>
      <c r="N16355" s="5" t="s">
        <v>19227</v>
      </c>
      <c r="O16355" s="5" t="s">
        <v>38</v>
      </c>
      <c r="P16355" s="5" t="s">
        <v>39</v>
      </c>
      <c r="Q16355" s="5" t="s">
        <v>40</v>
      </c>
      <c r="R16355" s="5" t="s">
        <v>1487</v>
      </c>
      <c r="S16355" s="5"/>
      <c r="T16355" s="5" t="s">
        <v>42</v>
      </c>
      <c r="U16355" s="2">
        <v>0</v>
      </c>
      <c r="V16355" s="2">
        <v>0</v>
      </c>
      <c r="W16355" s="2">
        <v>0</v>
      </c>
      <c r="X16355" s="2">
        <v>0</v>
      </c>
      <c r="Y16355" s="2">
        <v>0</v>
      </c>
      <c r="Z16355" s="2">
        <v>0</v>
      </c>
      <c r="AA16355" s="5"/>
      <c r="AB16355" s="5" t="s">
        <v>43</v>
      </c>
      <c r="AC16355" s="5" t="s">
        <v>44</v>
      </c>
      <c r="AD16355" s="2"/>
      <c r="AE16355" s="1"/>
    </row>
    <row r="16356" spans="1:31" ht="14.45">
      <c r="A16356" s="11"/>
      <c r="B16356" s="20"/>
      <c r="C16356" s="2" t="s">
        <v>50026</v>
      </c>
      <c r="D16356" s="14" t="s">
        <v>50027</v>
      </c>
      <c r="E16356" s="2" t="s">
        <v>50028</v>
      </c>
      <c r="F16356" s="2" t="s">
        <v>7204</v>
      </c>
      <c r="G16356" s="8">
        <v>240</v>
      </c>
      <c r="H16356" s="5">
        <v>6</v>
      </c>
      <c r="I16356" s="5" t="s">
        <v>1518</v>
      </c>
      <c r="J16356" s="5" t="s">
        <v>36264</v>
      </c>
      <c r="K16356" s="2" t="s">
        <v>49668</v>
      </c>
      <c r="L16356" s="5" t="s">
        <v>36264</v>
      </c>
      <c r="M16356" s="2" t="s">
        <v>49668</v>
      </c>
      <c r="N16356" s="5" t="s">
        <v>19227</v>
      </c>
      <c r="O16356" s="5" t="s">
        <v>38</v>
      </c>
      <c r="P16356" s="5" t="s">
        <v>39</v>
      </c>
      <c r="Q16356" s="5" t="s">
        <v>40</v>
      </c>
      <c r="R16356" s="5" t="s">
        <v>1487</v>
      </c>
      <c r="S16356" s="5"/>
      <c r="T16356" s="5" t="s">
        <v>42</v>
      </c>
      <c r="U16356" s="2">
        <v>0</v>
      </c>
      <c r="V16356" s="2">
        <v>0</v>
      </c>
      <c r="W16356" s="2">
        <v>0</v>
      </c>
      <c r="X16356" s="2">
        <v>0</v>
      </c>
      <c r="Y16356" s="2">
        <v>0</v>
      </c>
      <c r="Z16356" s="2">
        <v>0</v>
      </c>
      <c r="AA16356" s="5"/>
      <c r="AB16356" s="5" t="s">
        <v>43</v>
      </c>
      <c r="AC16356" s="5" t="s">
        <v>44</v>
      </c>
      <c r="AD16356" s="2"/>
      <c r="AE16356" s="1"/>
    </row>
    <row r="16357" spans="1:31" ht="14.45">
      <c r="A16357" s="11"/>
      <c r="B16357" s="20"/>
      <c r="C16357" s="2" t="s">
        <v>50029</v>
      </c>
      <c r="D16357" s="14" t="s">
        <v>50030</v>
      </c>
      <c r="E16357" s="2" t="s">
        <v>50031</v>
      </c>
      <c r="F16357" s="2" t="s">
        <v>7514</v>
      </c>
      <c r="G16357" s="8">
        <v>240</v>
      </c>
      <c r="H16357" s="5">
        <v>6</v>
      </c>
      <c r="I16357" s="5" t="s">
        <v>1518</v>
      </c>
      <c r="J16357" s="5" t="s">
        <v>36264</v>
      </c>
      <c r="K16357" s="2" t="s">
        <v>49668</v>
      </c>
      <c r="L16357" s="5" t="s">
        <v>36264</v>
      </c>
      <c r="M16357" s="2" t="s">
        <v>49668</v>
      </c>
      <c r="N16357" s="5" t="s">
        <v>19227</v>
      </c>
      <c r="O16357" s="5" t="s">
        <v>38</v>
      </c>
      <c r="P16357" s="5" t="s">
        <v>39</v>
      </c>
      <c r="Q16357" s="5" t="s">
        <v>40</v>
      </c>
      <c r="R16357" s="5" t="s">
        <v>1487</v>
      </c>
      <c r="S16357" s="5"/>
      <c r="T16357" s="5" t="s">
        <v>42</v>
      </c>
      <c r="U16357" s="2">
        <v>0</v>
      </c>
      <c r="V16357" s="2">
        <v>0</v>
      </c>
      <c r="W16357" s="2">
        <v>0</v>
      </c>
      <c r="X16357" s="2">
        <v>0</v>
      </c>
      <c r="Y16357" s="2">
        <v>0</v>
      </c>
      <c r="Z16357" s="2">
        <v>0</v>
      </c>
      <c r="AA16357" s="5"/>
      <c r="AB16357" s="5" t="s">
        <v>43</v>
      </c>
      <c r="AC16357" s="5" t="s">
        <v>44</v>
      </c>
      <c r="AD16357" s="2"/>
      <c r="AE16357" s="1"/>
    </row>
    <row r="16358" spans="1:31" ht="14.45">
      <c r="A16358" s="11"/>
      <c r="B16358" s="20"/>
      <c r="C16358" s="2" t="s">
        <v>50032</v>
      </c>
      <c r="D16358" s="14" t="s">
        <v>50033</v>
      </c>
      <c r="E16358" s="2" t="s">
        <v>50034</v>
      </c>
      <c r="F16358" s="2" t="s">
        <v>36273</v>
      </c>
      <c r="G16358" s="8">
        <v>240</v>
      </c>
      <c r="H16358" s="5">
        <v>6</v>
      </c>
      <c r="I16358" s="5" t="s">
        <v>1518</v>
      </c>
      <c r="J16358" s="5" t="s">
        <v>36264</v>
      </c>
      <c r="K16358" s="2" t="s">
        <v>49668</v>
      </c>
      <c r="L16358" s="5" t="s">
        <v>36264</v>
      </c>
      <c r="M16358" s="2" t="s">
        <v>49668</v>
      </c>
      <c r="N16358" s="5" t="s">
        <v>19227</v>
      </c>
      <c r="O16358" s="5" t="s">
        <v>38</v>
      </c>
      <c r="P16358" s="5" t="s">
        <v>39</v>
      </c>
      <c r="Q16358" s="5" t="s">
        <v>40</v>
      </c>
      <c r="R16358" s="5" t="s">
        <v>1487</v>
      </c>
      <c r="S16358" s="5"/>
      <c r="T16358" s="5" t="s">
        <v>42</v>
      </c>
      <c r="U16358" s="2">
        <v>0</v>
      </c>
      <c r="V16358" s="2">
        <v>0</v>
      </c>
      <c r="W16358" s="2">
        <v>0</v>
      </c>
      <c r="X16358" s="2">
        <v>0</v>
      </c>
      <c r="Y16358" s="2">
        <v>0</v>
      </c>
      <c r="Z16358" s="2">
        <v>0</v>
      </c>
      <c r="AA16358" s="5"/>
      <c r="AB16358" s="5" t="s">
        <v>43</v>
      </c>
      <c r="AC16358" s="5" t="s">
        <v>44</v>
      </c>
      <c r="AD16358" s="2"/>
      <c r="AE16358" s="1"/>
    </row>
    <row r="16359" spans="1:31" ht="14.45">
      <c r="A16359" s="11"/>
      <c r="B16359" s="20"/>
      <c r="C16359" s="2" t="s">
        <v>50035</v>
      </c>
      <c r="D16359" s="14" t="s">
        <v>50036</v>
      </c>
      <c r="E16359" s="2" t="s">
        <v>50037</v>
      </c>
      <c r="F16359" s="2" t="s">
        <v>36277</v>
      </c>
      <c r="G16359" s="8">
        <v>240</v>
      </c>
      <c r="H16359" s="5">
        <v>6</v>
      </c>
      <c r="I16359" s="5" t="s">
        <v>1518</v>
      </c>
      <c r="J16359" s="5" t="s">
        <v>36264</v>
      </c>
      <c r="K16359" s="2" t="s">
        <v>49668</v>
      </c>
      <c r="L16359" s="5" t="s">
        <v>36264</v>
      </c>
      <c r="M16359" s="2" t="s">
        <v>49668</v>
      </c>
      <c r="N16359" s="5" t="s">
        <v>19227</v>
      </c>
      <c r="O16359" s="5" t="s">
        <v>38</v>
      </c>
      <c r="P16359" s="5" t="s">
        <v>39</v>
      </c>
      <c r="Q16359" s="5" t="s">
        <v>40</v>
      </c>
      <c r="R16359" s="5" t="s">
        <v>1487</v>
      </c>
      <c r="S16359" s="5"/>
      <c r="T16359" s="5" t="s">
        <v>42</v>
      </c>
      <c r="U16359" s="2">
        <v>0</v>
      </c>
      <c r="V16359" s="2">
        <v>0</v>
      </c>
      <c r="W16359" s="2">
        <v>0</v>
      </c>
      <c r="X16359" s="2">
        <v>0</v>
      </c>
      <c r="Y16359" s="2">
        <v>0</v>
      </c>
      <c r="Z16359" s="2">
        <v>0</v>
      </c>
      <c r="AA16359" s="5"/>
      <c r="AB16359" s="5" t="s">
        <v>43</v>
      </c>
      <c r="AC16359" s="5" t="s">
        <v>44</v>
      </c>
      <c r="AD16359" s="2"/>
      <c r="AE16359" s="1"/>
    </row>
    <row r="16360" spans="1:31" ht="14.45">
      <c r="A16360" s="11"/>
      <c r="B16360" s="20"/>
      <c r="C16360" s="2" t="s">
        <v>50038</v>
      </c>
      <c r="D16360" s="14" t="s">
        <v>50039</v>
      </c>
      <c r="E16360" s="2" t="s">
        <v>50040</v>
      </c>
      <c r="F16360" s="2" t="s">
        <v>36297</v>
      </c>
      <c r="G16360" s="8">
        <v>240</v>
      </c>
      <c r="H16360" s="5">
        <v>6</v>
      </c>
      <c r="I16360" s="5" t="s">
        <v>1518</v>
      </c>
      <c r="J16360" s="5" t="s">
        <v>36264</v>
      </c>
      <c r="K16360" s="2" t="s">
        <v>49668</v>
      </c>
      <c r="L16360" s="5" t="s">
        <v>36264</v>
      </c>
      <c r="M16360" s="2" t="s">
        <v>49668</v>
      </c>
      <c r="N16360" s="5" t="s">
        <v>19227</v>
      </c>
      <c r="O16360" s="5" t="s">
        <v>38</v>
      </c>
      <c r="P16360" s="5" t="s">
        <v>39</v>
      </c>
      <c r="Q16360" s="5" t="s">
        <v>40</v>
      </c>
      <c r="R16360" s="5" t="s">
        <v>1487</v>
      </c>
      <c r="S16360" s="5"/>
      <c r="T16360" s="5" t="s">
        <v>42</v>
      </c>
      <c r="U16360" s="2">
        <v>0</v>
      </c>
      <c r="V16360" s="2">
        <v>0</v>
      </c>
      <c r="W16360" s="2">
        <v>0</v>
      </c>
      <c r="X16360" s="2">
        <v>0</v>
      </c>
      <c r="Y16360" s="2">
        <v>0</v>
      </c>
      <c r="Z16360" s="2">
        <v>0</v>
      </c>
      <c r="AA16360" s="5"/>
      <c r="AB16360" s="5" t="s">
        <v>43</v>
      </c>
      <c r="AC16360" s="5" t="s">
        <v>44</v>
      </c>
      <c r="AD16360" s="2"/>
      <c r="AE16360" s="1"/>
    </row>
    <row r="16361" spans="1:31" ht="14.45">
      <c r="A16361" s="11"/>
      <c r="B16361" s="20"/>
      <c r="C16361" s="2" t="s">
        <v>50041</v>
      </c>
      <c r="D16361" s="14" t="s">
        <v>50042</v>
      </c>
      <c r="E16361" s="2" t="s">
        <v>50043</v>
      </c>
      <c r="F16361" s="2" t="s">
        <v>36301</v>
      </c>
      <c r="G16361" s="8">
        <v>240</v>
      </c>
      <c r="H16361" s="5">
        <v>6</v>
      </c>
      <c r="I16361" s="5" t="s">
        <v>1518</v>
      </c>
      <c r="J16361" s="5" t="s">
        <v>36264</v>
      </c>
      <c r="K16361" s="2" t="s">
        <v>49668</v>
      </c>
      <c r="L16361" s="5" t="s">
        <v>36264</v>
      </c>
      <c r="M16361" s="2" t="s">
        <v>49668</v>
      </c>
      <c r="N16361" s="5" t="s">
        <v>19227</v>
      </c>
      <c r="O16361" s="5" t="s">
        <v>38</v>
      </c>
      <c r="P16361" s="5" t="s">
        <v>39</v>
      </c>
      <c r="Q16361" s="5" t="s">
        <v>40</v>
      </c>
      <c r="R16361" s="5" t="s">
        <v>1487</v>
      </c>
      <c r="S16361" s="5"/>
      <c r="T16361" s="5" t="s">
        <v>42</v>
      </c>
      <c r="U16361" s="2">
        <v>0</v>
      </c>
      <c r="V16361" s="2">
        <v>0</v>
      </c>
      <c r="W16361" s="2">
        <v>0</v>
      </c>
      <c r="X16361" s="2">
        <v>0</v>
      </c>
      <c r="Y16361" s="2">
        <v>0</v>
      </c>
      <c r="Z16361" s="2">
        <v>0</v>
      </c>
      <c r="AA16361" s="5"/>
      <c r="AB16361" s="5" t="s">
        <v>43</v>
      </c>
      <c r="AC16361" s="5" t="s">
        <v>44</v>
      </c>
      <c r="AD16361" s="2"/>
      <c r="AE16361" s="1"/>
    </row>
    <row r="16362" spans="1:31" ht="14.45">
      <c r="A16362" s="11"/>
      <c r="B16362" s="20"/>
      <c r="C16362" s="2" t="s">
        <v>50044</v>
      </c>
      <c r="D16362" s="14" t="s">
        <v>50045</v>
      </c>
      <c r="E16362" s="2" t="s">
        <v>50046</v>
      </c>
      <c r="F16362" s="2" t="s">
        <v>36305</v>
      </c>
      <c r="G16362" s="8">
        <v>240</v>
      </c>
      <c r="H16362" s="5">
        <v>6</v>
      </c>
      <c r="I16362" s="5" t="s">
        <v>1518</v>
      </c>
      <c r="J16362" s="5" t="s">
        <v>36264</v>
      </c>
      <c r="K16362" s="2" t="s">
        <v>49668</v>
      </c>
      <c r="L16362" s="5" t="s">
        <v>36264</v>
      </c>
      <c r="M16362" s="2" t="s">
        <v>49668</v>
      </c>
      <c r="N16362" s="5" t="s">
        <v>19227</v>
      </c>
      <c r="O16362" s="5" t="s">
        <v>38</v>
      </c>
      <c r="P16362" s="5" t="s">
        <v>39</v>
      </c>
      <c r="Q16362" s="5" t="s">
        <v>40</v>
      </c>
      <c r="R16362" s="5" t="s">
        <v>1487</v>
      </c>
      <c r="S16362" s="5"/>
      <c r="T16362" s="5" t="s">
        <v>42</v>
      </c>
      <c r="U16362" s="2">
        <v>0</v>
      </c>
      <c r="V16362" s="2">
        <v>0</v>
      </c>
      <c r="W16362" s="2">
        <v>0</v>
      </c>
      <c r="X16362" s="2">
        <v>0</v>
      </c>
      <c r="Y16362" s="2">
        <v>0</v>
      </c>
      <c r="Z16362" s="2">
        <v>0</v>
      </c>
      <c r="AA16362" s="5"/>
      <c r="AB16362" s="5" t="s">
        <v>43</v>
      </c>
      <c r="AC16362" s="5" t="s">
        <v>44</v>
      </c>
      <c r="AD16362" s="2"/>
      <c r="AE16362" s="1"/>
    </row>
    <row r="16363" spans="1:31" ht="14.45">
      <c r="A16363" s="11"/>
      <c r="B16363" s="20"/>
      <c r="C16363" s="2" t="s">
        <v>50047</v>
      </c>
      <c r="D16363" s="14" t="s">
        <v>50048</v>
      </c>
      <c r="E16363" s="2" t="s">
        <v>50049</v>
      </c>
      <c r="F16363" s="2" t="s">
        <v>36309</v>
      </c>
      <c r="G16363" s="8">
        <v>240</v>
      </c>
      <c r="H16363" s="5">
        <v>6</v>
      </c>
      <c r="I16363" s="5" t="s">
        <v>1518</v>
      </c>
      <c r="J16363" s="5" t="s">
        <v>36264</v>
      </c>
      <c r="K16363" s="2" t="s">
        <v>49668</v>
      </c>
      <c r="L16363" s="5" t="s">
        <v>36264</v>
      </c>
      <c r="M16363" s="2" t="s">
        <v>49668</v>
      </c>
      <c r="N16363" s="5" t="s">
        <v>19227</v>
      </c>
      <c r="O16363" s="5" t="s">
        <v>38</v>
      </c>
      <c r="P16363" s="5" t="s">
        <v>39</v>
      </c>
      <c r="Q16363" s="5" t="s">
        <v>40</v>
      </c>
      <c r="R16363" s="5" t="s">
        <v>1487</v>
      </c>
      <c r="S16363" s="5"/>
      <c r="T16363" s="5" t="s">
        <v>42</v>
      </c>
      <c r="U16363" s="2">
        <v>0</v>
      </c>
      <c r="V16363" s="2">
        <v>0</v>
      </c>
      <c r="W16363" s="2">
        <v>0</v>
      </c>
      <c r="X16363" s="2">
        <v>0</v>
      </c>
      <c r="Y16363" s="2">
        <v>0</v>
      </c>
      <c r="Z16363" s="2">
        <v>0</v>
      </c>
      <c r="AA16363" s="5"/>
      <c r="AB16363" s="5" t="s">
        <v>43</v>
      </c>
      <c r="AC16363" s="5" t="s">
        <v>44</v>
      </c>
      <c r="AD16363" s="2"/>
      <c r="AE16363" s="1"/>
    </row>
    <row r="16364" spans="1:31" ht="14.45">
      <c r="A16364" s="11"/>
      <c r="B16364" s="20"/>
      <c r="C16364" s="2" t="s">
        <v>50050</v>
      </c>
      <c r="D16364" s="14" t="s">
        <v>50051</v>
      </c>
      <c r="E16364" s="2" t="s">
        <v>50052</v>
      </c>
      <c r="F16364" s="2" t="s">
        <v>7204</v>
      </c>
      <c r="G16364" s="8">
        <v>216</v>
      </c>
      <c r="H16364" s="5">
        <v>6</v>
      </c>
      <c r="I16364" s="5" t="s">
        <v>1518</v>
      </c>
      <c r="J16364" s="5" t="s">
        <v>36264</v>
      </c>
      <c r="K16364" s="2" t="s">
        <v>49668</v>
      </c>
      <c r="L16364" s="5" t="s">
        <v>36264</v>
      </c>
      <c r="M16364" s="2" t="s">
        <v>49668</v>
      </c>
      <c r="N16364" s="5" t="s">
        <v>19227</v>
      </c>
      <c r="O16364" s="5" t="s">
        <v>38</v>
      </c>
      <c r="P16364" s="5" t="s">
        <v>39</v>
      </c>
      <c r="Q16364" s="5" t="s">
        <v>40</v>
      </c>
      <c r="R16364" s="5" t="s">
        <v>1487</v>
      </c>
      <c r="S16364" s="5"/>
      <c r="T16364" s="5" t="s">
        <v>42</v>
      </c>
      <c r="U16364" s="2">
        <v>0</v>
      </c>
      <c r="V16364" s="2">
        <v>0</v>
      </c>
      <c r="W16364" s="2">
        <v>0</v>
      </c>
      <c r="X16364" s="2">
        <v>0</v>
      </c>
      <c r="Y16364" s="2">
        <v>0</v>
      </c>
      <c r="Z16364" s="2">
        <v>0</v>
      </c>
      <c r="AA16364" s="5"/>
      <c r="AB16364" s="5" t="s">
        <v>43</v>
      </c>
      <c r="AC16364" s="5" t="s">
        <v>44</v>
      </c>
      <c r="AD16364" s="2"/>
      <c r="AE16364" s="1"/>
    </row>
    <row r="16365" spans="1:31" ht="14.45">
      <c r="A16365" s="11"/>
      <c r="B16365" s="20"/>
      <c r="C16365" s="2" t="s">
        <v>50053</v>
      </c>
      <c r="D16365" s="14" t="s">
        <v>50054</v>
      </c>
      <c r="E16365" s="2" t="s">
        <v>50055</v>
      </c>
      <c r="F16365" s="2" t="s">
        <v>7514</v>
      </c>
      <c r="G16365" s="8">
        <v>216</v>
      </c>
      <c r="H16365" s="5">
        <v>6</v>
      </c>
      <c r="I16365" s="5" t="s">
        <v>1518</v>
      </c>
      <c r="J16365" s="5" t="s">
        <v>36264</v>
      </c>
      <c r="K16365" s="2" t="s">
        <v>49668</v>
      </c>
      <c r="L16365" s="5" t="s">
        <v>36264</v>
      </c>
      <c r="M16365" s="2" t="s">
        <v>49668</v>
      </c>
      <c r="N16365" s="5" t="s">
        <v>19227</v>
      </c>
      <c r="O16365" s="5" t="s">
        <v>38</v>
      </c>
      <c r="P16365" s="5" t="s">
        <v>39</v>
      </c>
      <c r="Q16365" s="5" t="s">
        <v>40</v>
      </c>
      <c r="R16365" s="5" t="s">
        <v>1487</v>
      </c>
      <c r="S16365" s="5"/>
      <c r="T16365" s="5" t="s">
        <v>42</v>
      </c>
      <c r="U16365" s="2">
        <v>0</v>
      </c>
      <c r="V16365" s="2">
        <v>0</v>
      </c>
      <c r="W16365" s="2">
        <v>0</v>
      </c>
      <c r="X16365" s="2">
        <v>0</v>
      </c>
      <c r="Y16365" s="2">
        <v>0</v>
      </c>
      <c r="Z16365" s="2">
        <v>0</v>
      </c>
      <c r="AA16365" s="5"/>
      <c r="AB16365" s="5" t="s">
        <v>43</v>
      </c>
      <c r="AC16365" s="5" t="s">
        <v>44</v>
      </c>
      <c r="AD16365" s="2"/>
      <c r="AE16365" s="1"/>
    </row>
    <row r="16366" spans="1:31" ht="14.45">
      <c r="A16366" s="11"/>
      <c r="B16366" s="20"/>
      <c r="C16366" s="2" t="s">
        <v>50056</v>
      </c>
      <c r="D16366" s="14" t="s">
        <v>50057</v>
      </c>
      <c r="E16366" s="2" t="s">
        <v>50058</v>
      </c>
      <c r="F16366" s="2" t="s">
        <v>36273</v>
      </c>
      <c r="G16366" s="8">
        <v>216</v>
      </c>
      <c r="H16366" s="5">
        <v>6</v>
      </c>
      <c r="I16366" s="5" t="s">
        <v>1518</v>
      </c>
      <c r="J16366" s="5" t="s">
        <v>36264</v>
      </c>
      <c r="K16366" s="2" t="s">
        <v>49668</v>
      </c>
      <c r="L16366" s="5" t="s">
        <v>36264</v>
      </c>
      <c r="M16366" s="2" t="s">
        <v>49668</v>
      </c>
      <c r="N16366" s="5" t="s">
        <v>19227</v>
      </c>
      <c r="O16366" s="5" t="s">
        <v>38</v>
      </c>
      <c r="P16366" s="5" t="s">
        <v>39</v>
      </c>
      <c r="Q16366" s="5" t="s">
        <v>40</v>
      </c>
      <c r="R16366" s="5" t="s">
        <v>1487</v>
      </c>
      <c r="S16366" s="5"/>
      <c r="T16366" s="5" t="s">
        <v>42</v>
      </c>
      <c r="U16366" s="2">
        <v>0</v>
      </c>
      <c r="V16366" s="2">
        <v>0</v>
      </c>
      <c r="W16366" s="2">
        <v>0</v>
      </c>
      <c r="X16366" s="2">
        <v>0</v>
      </c>
      <c r="Y16366" s="2">
        <v>0</v>
      </c>
      <c r="Z16366" s="2">
        <v>0</v>
      </c>
      <c r="AA16366" s="5"/>
      <c r="AB16366" s="5" t="s">
        <v>43</v>
      </c>
      <c r="AC16366" s="5" t="s">
        <v>44</v>
      </c>
      <c r="AD16366" s="2"/>
      <c r="AE16366" s="1"/>
    </row>
    <row r="16367" spans="1:31" ht="14.45">
      <c r="A16367" s="11"/>
      <c r="B16367" s="20"/>
      <c r="C16367" s="2" t="s">
        <v>50059</v>
      </c>
      <c r="D16367" s="14" t="s">
        <v>50060</v>
      </c>
      <c r="E16367" s="2" t="s">
        <v>50061</v>
      </c>
      <c r="F16367" s="2" t="s">
        <v>36277</v>
      </c>
      <c r="G16367" s="8">
        <v>216</v>
      </c>
      <c r="H16367" s="5">
        <v>6</v>
      </c>
      <c r="I16367" s="5" t="s">
        <v>1518</v>
      </c>
      <c r="J16367" s="5" t="s">
        <v>36264</v>
      </c>
      <c r="K16367" s="2" t="s">
        <v>49668</v>
      </c>
      <c r="L16367" s="5" t="s">
        <v>36264</v>
      </c>
      <c r="M16367" s="2" t="s">
        <v>49668</v>
      </c>
      <c r="N16367" s="5" t="s">
        <v>19227</v>
      </c>
      <c r="O16367" s="5" t="s">
        <v>38</v>
      </c>
      <c r="P16367" s="5" t="s">
        <v>39</v>
      </c>
      <c r="Q16367" s="5" t="s">
        <v>40</v>
      </c>
      <c r="R16367" s="5" t="s">
        <v>1487</v>
      </c>
      <c r="S16367" s="5"/>
      <c r="T16367" s="5" t="s">
        <v>42</v>
      </c>
      <c r="U16367" s="2">
        <v>0</v>
      </c>
      <c r="V16367" s="2">
        <v>0</v>
      </c>
      <c r="W16367" s="2">
        <v>0</v>
      </c>
      <c r="X16367" s="2">
        <v>0</v>
      </c>
      <c r="Y16367" s="2">
        <v>0</v>
      </c>
      <c r="Z16367" s="2">
        <v>0</v>
      </c>
      <c r="AA16367" s="5"/>
      <c r="AB16367" s="5" t="s">
        <v>43</v>
      </c>
      <c r="AC16367" s="5" t="s">
        <v>44</v>
      </c>
      <c r="AD16367" s="2"/>
      <c r="AE16367" s="1"/>
    </row>
    <row r="16368" spans="1:31" ht="14.45">
      <c r="A16368" s="11"/>
      <c r="B16368" s="20"/>
      <c r="C16368" s="2" t="s">
        <v>50062</v>
      </c>
      <c r="D16368" s="14" t="s">
        <v>50063</v>
      </c>
      <c r="E16368" s="2" t="s">
        <v>50064</v>
      </c>
      <c r="F16368" s="2" t="s">
        <v>36297</v>
      </c>
      <c r="G16368" s="8">
        <v>216</v>
      </c>
      <c r="H16368" s="5">
        <v>6</v>
      </c>
      <c r="I16368" s="5" t="s">
        <v>1518</v>
      </c>
      <c r="J16368" s="5" t="s">
        <v>36264</v>
      </c>
      <c r="K16368" s="2" t="s">
        <v>49668</v>
      </c>
      <c r="L16368" s="5" t="s">
        <v>36264</v>
      </c>
      <c r="M16368" s="2" t="s">
        <v>49668</v>
      </c>
      <c r="N16368" s="5" t="s">
        <v>19227</v>
      </c>
      <c r="O16368" s="5" t="s">
        <v>38</v>
      </c>
      <c r="P16368" s="5" t="s">
        <v>39</v>
      </c>
      <c r="Q16368" s="5" t="s">
        <v>40</v>
      </c>
      <c r="R16368" s="5" t="s">
        <v>1487</v>
      </c>
      <c r="S16368" s="5"/>
      <c r="T16368" s="5" t="s">
        <v>42</v>
      </c>
      <c r="U16368" s="2">
        <v>0</v>
      </c>
      <c r="V16368" s="2">
        <v>0</v>
      </c>
      <c r="W16368" s="2">
        <v>0</v>
      </c>
      <c r="X16368" s="2">
        <v>0</v>
      </c>
      <c r="Y16368" s="2">
        <v>0</v>
      </c>
      <c r="Z16368" s="2">
        <v>0</v>
      </c>
      <c r="AA16368" s="5"/>
      <c r="AB16368" s="5" t="s">
        <v>43</v>
      </c>
      <c r="AC16368" s="5" t="s">
        <v>44</v>
      </c>
      <c r="AD16368" s="2"/>
      <c r="AE16368" s="1"/>
    </row>
    <row r="16369" spans="1:31" ht="14.45">
      <c r="A16369" s="11"/>
      <c r="B16369" s="20"/>
      <c r="C16369" s="2" t="s">
        <v>50065</v>
      </c>
      <c r="D16369" s="14" t="s">
        <v>50066</v>
      </c>
      <c r="E16369" s="2" t="s">
        <v>50067</v>
      </c>
      <c r="F16369" s="2" t="s">
        <v>36301</v>
      </c>
      <c r="G16369" s="8">
        <v>216</v>
      </c>
      <c r="H16369" s="5">
        <v>6</v>
      </c>
      <c r="I16369" s="5" t="s">
        <v>1518</v>
      </c>
      <c r="J16369" s="5" t="s">
        <v>36264</v>
      </c>
      <c r="K16369" s="2" t="s">
        <v>49668</v>
      </c>
      <c r="L16369" s="5" t="s">
        <v>36264</v>
      </c>
      <c r="M16369" s="2" t="s">
        <v>49668</v>
      </c>
      <c r="N16369" s="5" t="s">
        <v>19227</v>
      </c>
      <c r="O16369" s="5" t="s">
        <v>38</v>
      </c>
      <c r="P16369" s="5" t="s">
        <v>39</v>
      </c>
      <c r="Q16369" s="5" t="s">
        <v>40</v>
      </c>
      <c r="R16369" s="5" t="s">
        <v>1487</v>
      </c>
      <c r="S16369" s="5"/>
      <c r="T16369" s="5" t="s">
        <v>42</v>
      </c>
      <c r="U16369" s="2">
        <v>0</v>
      </c>
      <c r="V16369" s="2">
        <v>0</v>
      </c>
      <c r="W16369" s="2">
        <v>0</v>
      </c>
      <c r="X16369" s="2">
        <v>0</v>
      </c>
      <c r="Y16369" s="2">
        <v>0</v>
      </c>
      <c r="Z16369" s="2">
        <v>0</v>
      </c>
      <c r="AA16369" s="5"/>
      <c r="AB16369" s="5" t="s">
        <v>43</v>
      </c>
      <c r="AC16369" s="5" t="s">
        <v>44</v>
      </c>
      <c r="AD16369" s="2"/>
      <c r="AE16369" s="1"/>
    </row>
    <row r="16370" spans="1:31" ht="14.45">
      <c r="A16370" s="11"/>
      <c r="B16370" s="20"/>
      <c r="C16370" s="2" t="s">
        <v>50068</v>
      </c>
      <c r="D16370" s="14" t="s">
        <v>50069</v>
      </c>
      <c r="E16370" s="2" t="s">
        <v>50070</v>
      </c>
      <c r="F16370" s="2" t="s">
        <v>36305</v>
      </c>
      <c r="G16370" s="8">
        <v>216</v>
      </c>
      <c r="H16370" s="5">
        <v>6</v>
      </c>
      <c r="I16370" s="5" t="s">
        <v>1518</v>
      </c>
      <c r="J16370" s="5" t="s">
        <v>36264</v>
      </c>
      <c r="K16370" s="2" t="s">
        <v>49668</v>
      </c>
      <c r="L16370" s="5" t="s">
        <v>36264</v>
      </c>
      <c r="M16370" s="2" t="s">
        <v>49668</v>
      </c>
      <c r="N16370" s="5" t="s">
        <v>19227</v>
      </c>
      <c r="O16370" s="5" t="s">
        <v>38</v>
      </c>
      <c r="P16370" s="5" t="s">
        <v>39</v>
      </c>
      <c r="Q16370" s="5" t="s">
        <v>40</v>
      </c>
      <c r="R16370" s="5" t="s">
        <v>1487</v>
      </c>
      <c r="S16370" s="5"/>
      <c r="T16370" s="5" t="s">
        <v>42</v>
      </c>
      <c r="U16370" s="2">
        <v>0</v>
      </c>
      <c r="V16370" s="2">
        <v>0</v>
      </c>
      <c r="W16370" s="2">
        <v>0</v>
      </c>
      <c r="X16370" s="2">
        <v>0</v>
      </c>
      <c r="Y16370" s="2">
        <v>0</v>
      </c>
      <c r="Z16370" s="2">
        <v>0</v>
      </c>
      <c r="AA16370" s="5"/>
      <c r="AB16370" s="5" t="s">
        <v>43</v>
      </c>
      <c r="AC16370" s="5" t="s">
        <v>44</v>
      </c>
      <c r="AD16370" s="2"/>
      <c r="AE16370" s="1"/>
    </row>
    <row r="16371" spans="1:31" ht="14.45">
      <c r="A16371" s="11"/>
      <c r="B16371" s="20"/>
      <c r="C16371" s="2" t="s">
        <v>50071</v>
      </c>
      <c r="D16371" s="14" t="s">
        <v>50072</v>
      </c>
      <c r="E16371" s="2" t="s">
        <v>50073</v>
      </c>
      <c r="F16371" s="2" t="s">
        <v>36309</v>
      </c>
      <c r="G16371" s="8">
        <v>216</v>
      </c>
      <c r="H16371" s="5">
        <v>6</v>
      </c>
      <c r="I16371" s="5" t="s">
        <v>1518</v>
      </c>
      <c r="J16371" s="5" t="s">
        <v>36264</v>
      </c>
      <c r="K16371" s="2" t="s">
        <v>49668</v>
      </c>
      <c r="L16371" s="5" t="s">
        <v>36264</v>
      </c>
      <c r="M16371" s="2" t="s">
        <v>49668</v>
      </c>
      <c r="N16371" s="5" t="s">
        <v>19227</v>
      </c>
      <c r="O16371" s="5" t="s">
        <v>38</v>
      </c>
      <c r="P16371" s="5" t="s">
        <v>39</v>
      </c>
      <c r="Q16371" s="5" t="s">
        <v>40</v>
      </c>
      <c r="R16371" s="5" t="s">
        <v>1487</v>
      </c>
      <c r="S16371" s="5"/>
      <c r="T16371" s="5" t="s">
        <v>42</v>
      </c>
      <c r="U16371" s="2">
        <v>0</v>
      </c>
      <c r="V16371" s="2">
        <v>0</v>
      </c>
      <c r="W16371" s="2">
        <v>0</v>
      </c>
      <c r="X16371" s="2">
        <v>0</v>
      </c>
      <c r="Y16371" s="2">
        <v>0</v>
      </c>
      <c r="Z16371" s="2">
        <v>0</v>
      </c>
      <c r="AA16371" s="5"/>
      <c r="AB16371" s="5" t="s">
        <v>43</v>
      </c>
      <c r="AC16371" s="5" t="s">
        <v>44</v>
      </c>
      <c r="AD16371" s="2"/>
      <c r="AE16371" s="1"/>
    </row>
    <row r="16372" spans="1:31" ht="14.45">
      <c r="A16372" s="11"/>
      <c r="B16372" s="20"/>
      <c r="C16372" s="2" t="s">
        <v>50074</v>
      </c>
      <c r="D16372" s="14" t="s">
        <v>50075</v>
      </c>
      <c r="E16372" s="2" t="s">
        <v>50076</v>
      </c>
      <c r="F16372" s="2" t="s">
        <v>7204</v>
      </c>
      <c r="G16372" s="8">
        <v>227</v>
      </c>
      <c r="H16372" s="5">
        <v>6</v>
      </c>
      <c r="I16372" s="5" t="s">
        <v>1518</v>
      </c>
      <c r="J16372" s="5" t="s">
        <v>36264</v>
      </c>
      <c r="K16372" s="2" t="s">
        <v>49668</v>
      </c>
      <c r="L16372" s="5" t="s">
        <v>36264</v>
      </c>
      <c r="M16372" s="2" t="s">
        <v>49668</v>
      </c>
      <c r="N16372" s="5" t="s">
        <v>19227</v>
      </c>
      <c r="O16372" s="5" t="s">
        <v>38</v>
      </c>
      <c r="P16372" s="5" t="s">
        <v>39</v>
      </c>
      <c r="Q16372" s="5" t="s">
        <v>40</v>
      </c>
      <c r="R16372" s="5" t="s">
        <v>1487</v>
      </c>
      <c r="S16372" s="5"/>
      <c r="T16372" s="5" t="s">
        <v>42</v>
      </c>
      <c r="U16372" s="2">
        <v>0</v>
      </c>
      <c r="V16372" s="2">
        <v>0</v>
      </c>
      <c r="W16372" s="2">
        <v>0</v>
      </c>
      <c r="X16372" s="2">
        <v>0</v>
      </c>
      <c r="Y16372" s="2">
        <v>0</v>
      </c>
      <c r="Z16372" s="2">
        <v>0</v>
      </c>
      <c r="AA16372" s="5"/>
      <c r="AB16372" s="5" t="s">
        <v>43</v>
      </c>
      <c r="AC16372" s="5" t="s">
        <v>44</v>
      </c>
      <c r="AD16372" s="2"/>
      <c r="AE16372" s="1"/>
    </row>
    <row r="16373" spans="1:31" ht="14.45">
      <c r="A16373" s="11"/>
      <c r="B16373" s="20"/>
      <c r="C16373" s="2" t="s">
        <v>50077</v>
      </c>
      <c r="D16373" s="14" t="s">
        <v>50078</v>
      </c>
      <c r="E16373" s="2" t="s">
        <v>50079</v>
      </c>
      <c r="F16373" s="2" t="s">
        <v>7514</v>
      </c>
      <c r="G16373" s="8">
        <v>227</v>
      </c>
      <c r="H16373" s="5">
        <v>6</v>
      </c>
      <c r="I16373" s="5" t="s">
        <v>1518</v>
      </c>
      <c r="J16373" s="5" t="s">
        <v>36264</v>
      </c>
      <c r="K16373" s="2" t="s">
        <v>49668</v>
      </c>
      <c r="L16373" s="5" t="s">
        <v>36264</v>
      </c>
      <c r="M16373" s="2" t="s">
        <v>49668</v>
      </c>
      <c r="N16373" s="5" t="s">
        <v>19227</v>
      </c>
      <c r="O16373" s="5" t="s">
        <v>38</v>
      </c>
      <c r="P16373" s="5" t="s">
        <v>39</v>
      </c>
      <c r="Q16373" s="5" t="s">
        <v>40</v>
      </c>
      <c r="R16373" s="5" t="s">
        <v>1487</v>
      </c>
      <c r="S16373" s="5"/>
      <c r="T16373" s="5" t="s">
        <v>42</v>
      </c>
      <c r="U16373" s="2">
        <v>0</v>
      </c>
      <c r="V16373" s="2">
        <v>0</v>
      </c>
      <c r="W16373" s="2">
        <v>0</v>
      </c>
      <c r="X16373" s="2">
        <v>0</v>
      </c>
      <c r="Y16373" s="2">
        <v>0</v>
      </c>
      <c r="Z16373" s="2">
        <v>0</v>
      </c>
      <c r="AA16373" s="5"/>
      <c r="AB16373" s="5" t="s">
        <v>43</v>
      </c>
      <c r="AC16373" s="5" t="s">
        <v>44</v>
      </c>
      <c r="AD16373" s="2"/>
      <c r="AE16373" s="1"/>
    </row>
    <row r="16374" spans="1:31" ht="14.45">
      <c r="A16374" s="11"/>
      <c r="B16374" s="20"/>
      <c r="C16374" s="2" t="s">
        <v>50080</v>
      </c>
      <c r="D16374" s="14" t="s">
        <v>50081</v>
      </c>
      <c r="E16374" s="2" t="s">
        <v>50082</v>
      </c>
      <c r="F16374" s="2" t="s">
        <v>36273</v>
      </c>
      <c r="G16374" s="8">
        <v>227</v>
      </c>
      <c r="H16374" s="5">
        <v>6</v>
      </c>
      <c r="I16374" s="5" t="s">
        <v>1518</v>
      </c>
      <c r="J16374" s="5" t="s">
        <v>36264</v>
      </c>
      <c r="K16374" s="2" t="s">
        <v>49668</v>
      </c>
      <c r="L16374" s="5" t="s">
        <v>36264</v>
      </c>
      <c r="M16374" s="2" t="s">
        <v>49668</v>
      </c>
      <c r="N16374" s="5" t="s">
        <v>19227</v>
      </c>
      <c r="O16374" s="5" t="s">
        <v>38</v>
      </c>
      <c r="P16374" s="5" t="s">
        <v>39</v>
      </c>
      <c r="Q16374" s="5" t="s">
        <v>40</v>
      </c>
      <c r="R16374" s="5" t="s">
        <v>1487</v>
      </c>
      <c r="S16374" s="5"/>
      <c r="T16374" s="5" t="s">
        <v>42</v>
      </c>
      <c r="U16374" s="2">
        <v>0</v>
      </c>
      <c r="V16374" s="2">
        <v>0</v>
      </c>
      <c r="W16374" s="2">
        <v>0</v>
      </c>
      <c r="X16374" s="2">
        <v>0</v>
      </c>
      <c r="Y16374" s="2">
        <v>0</v>
      </c>
      <c r="Z16374" s="2">
        <v>0</v>
      </c>
      <c r="AA16374" s="5"/>
      <c r="AB16374" s="5" t="s">
        <v>43</v>
      </c>
      <c r="AC16374" s="5" t="s">
        <v>44</v>
      </c>
      <c r="AD16374" s="2"/>
      <c r="AE16374" s="1"/>
    </row>
    <row r="16375" spans="1:31" ht="14.45">
      <c r="A16375" s="11"/>
      <c r="B16375" s="20"/>
      <c r="C16375" s="2" t="s">
        <v>50083</v>
      </c>
      <c r="D16375" s="14" t="s">
        <v>50084</v>
      </c>
      <c r="E16375" s="2" t="s">
        <v>50085</v>
      </c>
      <c r="F16375" s="2" t="s">
        <v>36277</v>
      </c>
      <c r="G16375" s="8">
        <v>227</v>
      </c>
      <c r="H16375" s="5">
        <v>6</v>
      </c>
      <c r="I16375" s="5" t="s">
        <v>1518</v>
      </c>
      <c r="J16375" s="5" t="s">
        <v>36264</v>
      </c>
      <c r="K16375" s="2" t="s">
        <v>49668</v>
      </c>
      <c r="L16375" s="5" t="s">
        <v>36264</v>
      </c>
      <c r="M16375" s="2" t="s">
        <v>49668</v>
      </c>
      <c r="N16375" s="5" t="s">
        <v>19227</v>
      </c>
      <c r="O16375" s="5" t="s">
        <v>38</v>
      </c>
      <c r="P16375" s="5" t="s">
        <v>39</v>
      </c>
      <c r="Q16375" s="5" t="s">
        <v>40</v>
      </c>
      <c r="R16375" s="5" t="s">
        <v>1487</v>
      </c>
      <c r="S16375" s="5"/>
      <c r="T16375" s="5" t="s">
        <v>42</v>
      </c>
      <c r="U16375" s="2">
        <v>0</v>
      </c>
      <c r="V16375" s="2">
        <v>0</v>
      </c>
      <c r="W16375" s="2">
        <v>0</v>
      </c>
      <c r="X16375" s="2">
        <v>0</v>
      </c>
      <c r="Y16375" s="2">
        <v>0</v>
      </c>
      <c r="Z16375" s="2">
        <v>0</v>
      </c>
      <c r="AA16375" s="5"/>
      <c r="AB16375" s="5" t="s">
        <v>43</v>
      </c>
      <c r="AC16375" s="5" t="s">
        <v>44</v>
      </c>
      <c r="AD16375" s="2"/>
      <c r="AE16375" s="1"/>
    </row>
    <row r="16376" spans="1:31" ht="14.45">
      <c r="A16376" s="11"/>
      <c r="B16376" s="20"/>
      <c r="C16376" s="2" t="s">
        <v>50086</v>
      </c>
      <c r="D16376" s="14" t="s">
        <v>50087</v>
      </c>
      <c r="E16376" s="2" t="s">
        <v>50088</v>
      </c>
      <c r="F16376" s="2" t="s">
        <v>36297</v>
      </c>
      <c r="G16376" s="8">
        <v>227</v>
      </c>
      <c r="H16376" s="5">
        <v>6</v>
      </c>
      <c r="I16376" s="5" t="s">
        <v>1518</v>
      </c>
      <c r="J16376" s="5" t="s">
        <v>36264</v>
      </c>
      <c r="K16376" s="2" t="s">
        <v>49668</v>
      </c>
      <c r="L16376" s="5" t="s">
        <v>36264</v>
      </c>
      <c r="M16376" s="2" t="s">
        <v>49668</v>
      </c>
      <c r="N16376" s="5" t="s">
        <v>19227</v>
      </c>
      <c r="O16376" s="5" t="s">
        <v>38</v>
      </c>
      <c r="P16376" s="5" t="s">
        <v>39</v>
      </c>
      <c r="Q16376" s="5" t="s">
        <v>40</v>
      </c>
      <c r="R16376" s="5" t="s">
        <v>1487</v>
      </c>
      <c r="S16376" s="5"/>
      <c r="T16376" s="5" t="s">
        <v>42</v>
      </c>
      <c r="U16376" s="2">
        <v>0</v>
      </c>
      <c r="V16376" s="2">
        <v>0</v>
      </c>
      <c r="W16376" s="2">
        <v>0</v>
      </c>
      <c r="X16376" s="2">
        <v>0</v>
      </c>
      <c r="Y16376" s="2">
        <v>0</v>
      </c>
      <c r="Z16376" s="2">
        <v>0</v>
      </c>
      <c r="AA16376" s="5"/>
      <c r="AB16376" s="5" t="s">
        <v>43</v>
      </c>
      <c r="AC16376" s="5" t="s">
        <v>44</v>
      </c>
      <c r="AD16376" s="2"/>
      <c r="AE16376" s="1"/>
    </row>
    <row r="16377" spans="1:31" ht="14.45">
      <c r="A16377" s="11"/>
      <c r="B16377" s="20"/>
      <c r="C16377" s="2" t="s">
        <v>50089</v>
      </c>
      <c r="D16377" s="14" t="s">
        <v>50090</v>
      </c>
      <c r="E16377" s="2" t="s">
        <v>50091</v>
      </c>
      <c r="F16377" s="2" t="s">
        <v>36301</v>
      </c>
      <c r="G16377" s="8">
        <v>227</v>
      </c>
      <c r="H16377" s="5">
        <v>6</v>
      </c>
      <c r="I16377" s="5" t="s">
        <v>1518</v>
      </c>
      <c r="J16377" s="5" t="s">
        <v>36264</v>
      </c>
      <c r="K16377" s="2" t="s">
        <v>49668</v>
      </c>
      <c r="L16377" s="5" t="s">
        <v>36264</v>
      </c>
      <c r="M16377" s="2" t="s">
        <v>49668</v>
      </c>
      <c r="N16377" s="5" t="s">
        <v>19227</v>
      </c>
      <c r="O16377" s="5" t="s">
        <v>38</v>
      </c>
      <c r="P16377" s="5" t="s">
        <v>39</v>
      </c>
      <c r="Q16377" s="5" t="s">
        <v>40</v>
      </c>
      <c r="R16377" s="5" t="s">
        <v>1487</v>
      </c>
      <c r="S16377" s="5"/>
      <c r="T16377" s="5" t="s">
        <v>42</v>
      </c>
      <c r="U16377" s="2">
        <v>0</v>
      </c>
      <c r="V16377" s="2">
        <v>0</v>
      </c>
      <c r="W16377" s="2">
        <v>0</v>
      </c>
      <c r="X16377" s="2">
        <v>0</v>
      </c>
      <c r="Y16377" s="2">
        <v>0</v>
      </c>
      <c r="Z16377" s="2">
        <v>0</v>
      </c>
      <c r="AA16377" s="5"/>
      <c r="AB16377" s="5" t="s">
        <v>43</v>
      </c>
      <c r="AC16377" s="5" t="s">
        <v>44</v>
      </c>
      <c r="AD16377" s="2"/>
      <c r="AE16377" s="1"/>
    </row>
    <row r="16378" spans="1:31" ht="14.45">
      <c r="A16378" s="11"/>
      <c r="B16378" s="20"/>
      <c r="C16378" s="2" t="s">
        <v>50092</v>
      </c>
      <c r="D16378" s="14" t="s">
        <v>50093</v>
      </c>
      <c r="E16378" s="2" t="s">
        <v>50094</v>
      </c>
      <c r="F16378" s="2" t="s">
        <v>36305</v>
      </c>
      <c r="G16378" s="8">
        <v>227</v>
      </c>
      <c r="H16378" s="5">
        <v>6</v>
      </c>
      <c r="I16378" s="5" t="s">
        <v>1518</v>
      </c>
      <c r="J16378" s="5" t="s">
        <v>36264</v>
      </c>
      <c r="K16378" s="2" t="s">
        <v>49668</v>
      </c>
      <c r="L16378" s="5" t="s">
        <v>36264</v>
      </c>
      <c r="M16378" s="2" t="s">
        <v>49668</v>
      </c>
      <c r="N16378" s="5" t="s">
        <v>19227</v>
      </c>
      <c r="O16378" s="5" t="s">
        <v>38</v>
      </c>
      <c r="P16378" s="5" t="s">
        <v>39</v>
      </c>
      <c r="Q16378" s="5" t="s">
        <v>40</v>
      </c>
      <c r="R16378" s="5" t="s">
        <v>1487</v>
      </c>
      <c r="S16378" s="5"/>
      <c r="T16378" s="5" t="s">
        <v>42</v>
      </c>
      <c r="U16378" s="2">
        <v>0</v>
      </c>
      <c r="V16378" s="2">
        <v>0</v>
      </c>
      <c r="W16378" s="2">
        <v>0</v>
      </c>
      <c r="X16378" s="2">
        <v>0</v>
      </c>
      <c r="Y16378" s="2">
        <v>0</v>
      </c>
      <c r="Z16378" s="2">
        <v>0</v>
      </c>
      <c r="AA16378" s="5"/>
      <c r="AB16378" s="5" t="s">
        <v>43</v>
      </c>
      <c r="AC16378" s="5" t="s">
        <v>44</v>
      </c>
      <c r="AD16378" s="2"/>
      <c r="AE16378" s="1"/>
    </row>
    <row r="16379" spans="1:31" ht="14.45">
      <c r="A16379" s="11"/>
      <c r="B16379" s="20"/>
      <c r="C16379" s="2" t="s">
        <v>50095</v>
      </c>
      <c r="D16379" s="14" t="s">
        <v>50096</v>
      </c>
      <c r="E16379" s="2" t="s">
        <v>50097</v>
      </c>
      <c r="F16379" s="2" t="s">
        <v>36309</v>
      </c>
      <c r="G16379" s="8">
        <v>227</v>
      </c>
      <c r="H16379" s="5">
        <v>6</v>
      </c>
      <c r="I16379" s="5" t="s">
        <v>1518</v>
      </c>
      <c r="J16379" s="5" t="s">
        <v>36264</v>
      </c>
      <c r="K16379" s="2" t="s">
        <v>49668</v>
      </c>
      <c r="L16379" s="5" t="s">
        <v>36264</v>
      </c>
      <c r="M16379" s="2" t="s">
        <v>49668</v>
      </c>
      <c r="N16379" s="5" t="s">
        <v>19227</v>
      </c>
      <c r="O16379" s="5" t="s">
        <v>38</v>
      </c>
      <c r="P16379" s="5" t="s">
        <v>39</v>
      </c>
      <c r="Q16379" s="5" t="s">
        <v>40</v>
      </c>
      <c r="R16379" s="5" t="s">
        <v>1487</v>
      </c>
      <c r="S16379" s="5"/>
      <c r="T16379" s="5" t="s">
        <v>42</v>
      </c>
      <c r="U16379" s="2">
        <v>0</v>
      </c>
      <c r="V16379" s="2">
        <v>0</v>
      </c>
      <c r="W16379" s="2">
        <v>0</v>
      </c>
      <c r="X16379" s="2">
        <v>0</v>
      </c>
      <c r="Y16379" s="2">
        <v>0</v>
      </c>
      <c r="Z16379" s="2">
        <v>0</v>
      </c>
      <c r="AA16379" s="5"/>
      <c r="AB16379" s="5" t="s">
        <v>43</v>
      </c>
      <c r="AC16379" s="5" t="s">
        <v>44</v>
      </c>
      <c r="AD16379" s="2"/>
      <c r="AE16379" s="1"/>
    </row>
    <row r="16380" spans="1:31" ht="14.45">
      <c r="A16380" s="11"/>
      <c r="B16380" s="20"/>
      <c r="C16380" s="2" t="s">
        <v>50098</v>
      </c>
      <c r="D16380" s="14" t="s">
        <v>50099</v>
      </c>
      <c r="E16380" s="2" t="s">
        <v>50100</v>
      </c>
      <c r="F16380" s="2" t="s">
        <v>7204</v>
      </c>
      <c r="G16380" s="8">
        <v>232</v>
      </c>
      <c r="H16380" s="5">
        <v>6</v>
      </c>
      <c r="I16380" s="5" t="s">
        <v>1518</v>
      </c>
      <c r="J16380" s="5" t="s">
        <v>36264</v>
      </c>
      <c r="K16380" s="2" t="s">
        <v>49668</v>
      </c>
      <c r="L16380" s="5" t="s">
        <v>36264</v>
      </c>
      <c r="M16380" s="2" t="s">
        <v>49668</v>
      </c>
      <c r="N16380" s="5" t="s">
        <v>19227</v>
      </c>
      <c r="O16380" s="5" t="s">
        <v>38</v>
      </c>
      <c r="P16380" s="5" t="s">
        <v>39</v>
      </c>
      <c r="Q16380" s="5" t="s">
        <v>40</v>
      </c>
      <c r="R16380" s="5" t="s">
        <v>1487</v>
      </c>
      <c r="S16380" s="5"/>
      <c r="T16380" s="5" t="s">
        <v>42</v>
      </c>
      <c r="U16380" s="2">
        <v>0</v>
      </c>
      <c r="V16380" s="2">
        <v>0</v>
      </c>
      <c r="W16380" s="2">
        <v>0</v>
      </c>
      <c r="X16380" s="2">
        <v>0</v>
      </c>
      <c r="Y16380" s="2">
        <v>0</v>
      </c>
      <c r="Z16380" s="2">
        <v>0</v>
      </c>
      <c r="AA16380" s="5"/>
      <c r="AB16380" s="5" t="s">
        <v>43</v>
      </c>
      <c r="AC16380" s="5" t="s">
        <v>44</v>
      </c>
      <c r="AD16380" s="2"/>
      <c r="AE16380" s="1"/>
    </row>
    <row r="16381" spans="1:31" ht="14.45">
      <c r="A16381" s="11"/>
      <c r="B16381" s="20"/>
      <c r="C16381" s="2" t="s">
        <v>50101</v>
      </c>
      <c r="D16381" s="14" t="s">
        <v>50102</v>
      </c>
      <c r="E16381" s="2" t="s">
        <v>50103</v>
      </c>
      <c r="F16381" s="2" t="s">
        <v>7514</v>
      </c>
      <c r="G16381" s="8">
        <v>232</v>
      </c>
      <c r="H16381" s="5">
        <v>6</v>
      </c>
      <c r="I16381" s="5" t="s">
        <v>1518</v>
      </c>
      <c r="J16381" s="5" t="s">
        <v>36264</v>
      </c>
      <c r="K16381" s="2" t="s">
        <v>49668</v>
      </c>
      <c r="L16381" s="5" t="s">
        <v>36264</v>
      </c>
      <c r="M16381" s="2" t="s">
        <v>49668</v>
      </c>
      <c r="N16381" s="5" t="s">
        <v>19227</v>
      </c>
      <c r="O16381" s="5" t="s">
        <v>38</v>
      </c>
      <c r="P16381" s="5" t="s">
        <v>39</v>
      </c>
      <c r="Q16381" s="5" t="s">
        <v>40</v>
      </c>
      <c r="R16381" s="5" t="s">
        <v>1487</v>
      </c>
      <c r="S16381" s="5"/>
      <c r="T16381" s="5" t="s">
        <v>42</v>
      </c>
      <c r="U16381" s="2">
        <v>0</v>
      </c>
      <c r="V16381" s="2">
        <v>0</v>
      </c>
      <c r="W16381" s="2">
        <v>0</v>
      </c>
      <c r="X16381" s="2">
        <v>0</v>
      </c>
      <c r="Y16381" s="2">
        <v>0</v>
      </c>
      <c r="Z16381" s="2">
        <v>0</v>
      </c>
      <c r="AA16381" s="5"/>
      <c r="AB16381" s="5" t="s">
        <v>43</v>
      </c>
      <c r="AC16381" s="5" t="s">
        <v>44</v>
      </c>
      <c r="AD16381" s="2"/>
      <c r="AE16381" s="1"/>
    </row>
    <row r="16382" spans="1:31" ht="14.45">
      <c r="A16382" s="11"/>
      <c r="B16382" s="20"/>
      <c r="C16382" s="2" t="s">
        <v>50104</v>
      </c>
      <c r="D16382" s="14" t="s">
        <v>50105</v>
      </c>
      <c r="E16382" s="2" t="s">
        <v>50106</v>
      </c>
      <c r="F16382" s="2" t="s">
        <v>36273</v>
      </c>
      <c r="G16382" s="8">
        <v>232</v>
      </c>
      <c r="H16382" s="5">
        <v>6</v>
      </c>
      <c r="I16382" s="5" t="s">
        <v>1518</v>
      </c>
      <c r="J16382" s="5" t="s">
        <v>36264</v>
      </c>
      <c r="K16382" s="2" t="s">
        <v>49668</v>
      </c>
      <c r="L16382" s="5" t="s">
        <v>36264</v>
      </c>
      <c r="M16382" s="2" t="s">
        <v>49668</v>
      </c>
      <c r="N16382" s="5" t="s">
        <v>19227</v>
      </c>
      <c r="O16382" s="5" t="s">
        <v>38</v>
      </c>
      <c r="P16382" s="5" t="s">
        <v>39</v>
      </c>
      <c r="Q16382" s="5" t="s">
        <v>40</v>
      </c>
      <c r="R16382" s="5" t="s">
        <v>1487</v>
      </c>
      <c r="S16382" s="5"/>
      <c r="T16382" s="5" t="s">
        <v>42</v>
      </c>
      <c r="U16382" s="2">
        <v>0</v>
      </c>
      <c r="V16382" s="2">
        <v>0</v>
      </c>
      <c r="W16382" s="2">
        <v>0</v>
      </c>
      <c r="X16382" s="2">
        <v>0</v>
      </c>
      <c r="Y16382" s="2">
        <v>0</v>
      </c>
      <c r="Z16382" s="2">
        <v>0</v>
      </c>
      <c r="AA16382" s="5"/>
      <c r="AB16382" s="5" t="s">
        <v>43</v>
      </c>
      <c r="AC16382" s="5" t="s">
        <v>44</v>
      </c>
      <c r="AD16382" s="2"/>
      <c r="AE16382" s="1"/>
    </row>
    <row r="16383" spans="1:31" ht="14.45">
      <c r="A16383" s="11"/>
      <c r="B16383" s="20"/>
      <c r="C16383" s="2" t="s">
        <v>50107</v>
      </c>
      <c r="D16383" s="14" t="s">
        <v>50108</v>
      </c>
      <c r="E16383" s="2" t="s">
        <v>50109</v>
      </c>
      <c r="F16383" s="2" t="s">
        <v>36277</v>
      </c>
      <c r="G16383" s="8">
        <v>232</v>
      </c>
      <c r="H16383" s="5">
        <v>6</v>
      </c>
      <c r="I16383" s="5" t="s">
        <v>1518</v>
      </c>
      <c r="J16383" s="5" t="s">
        <v>36264</v>
      </c>
      <c r="K16383" s="2" t="s">
        <v>49668</v>
      </c>
      <c r="L16383" s="5" t="s">
        <v>36264</v>
      </c>
      <c r="M16383" s="2" t="s">
        <v>49668</v>
      </c>
      <c r="N16383" s="5" t="s">
        <v>19227</v>
      </c>
      <c r="O16383" s="5" t="s">
        <v>38</v>
      </c>
      <c r="P16383" s="5" t="s">
        <v>39</v>
      </c>
      <c r="Q16383" s="5" t="s">
        <v>40</v>
      </c>
      <c r="R16383" s="5" t="s">
        <v>1487</v>
      </c>
      <c r="S16383" s="5"/>
      <c r="T16383" s="5" t="s">
        <v>42</v>
      </c>
      <c r="U16383" s="2">
        <v>0</v>
      </c>
      <c r="V16383" s="2">
        <v>0</v>
      </c>
      <c r="W16383" s="2">
        <v>0</v>
      </c>
      <c r="X16383" s="2">
        <v>0</v>
      </c>
      <c r="Y16383" s="2">
        <v>0</v>
      </c>
      <c r="Z16383" s="2">
        <v>0</v>
      </c>
      <c r="AA16383" s="5"/>
      <c r="AB16383" s="5" t="s">
        <v>43</v>
      </c>
      <c r="AC16383" s="5" t="s">
        <v>44</v>
      </c>
      <c r="AD16383" s="2"/>
      <c r="AE16383" s="1"/>
    </row>
    <row r="16384" spans="1:31" ht="14.45">
      <c r="A16384" s="11"/>
      <c r="B16384" s="20"/>
      <c r="C16384" s="2" t="s">
        <v>50110</v>
      </c>
      <c r="D16384" s="14" t="s">
        <v>50111</v>
      </c>
      <c r="E16384" s="2" t="s">
        <v>50112</v>
      </c>
      <c r="F16384" s="2" t="s">
        <v>36297</v>
      </c>
      <c r="G16384" s="8">
        <v>232</v>
      </c>
      <c r="H16384" s="5">
        <v>6</v>
      </c>
      <c r="I16384" s="5" t="s">
        <v>1518</v>
      </c>
      <c r="J16384" s="5" t="s">
        <v>36264</v>
      </c>
      <c r="K16384" s="2" t="s">
        <v>49668</v>
      </c>
      <c r="L16384" s="5" t="s">
        <v>36264</v>
      </c>
      <c r="M16384" s="2" t="s">
        <v>49668</v>
      </c>
      <c r="N16384" s="5" t="s">
        <v>19227</v>
      </c>
      <c r="O16384" s="5" t="s">
        <v>38</v>
      </c>
      <c r="P16384" s="5" t="s">
        <v>39</v>
      </c>
      <c r="Q16384" s="5" t="s">
        <v>40</v>
      </c>
      <c r="R16384" s="5" t="s">
        <v>1487</v>
      </c>
      <c r="S16384" s="5"/>
      <c r="T16384" s="5" t="s">
        <v>42</v>
      </c>
      <c r="U16384" s="2">
        <v>0</v>
      </c>
      <c r="V16384" s="2">
        <v>0</v>
      </c>
      <c r="W16384" s="2">
        <v>0</v>
      </c>
      <c r="X16384" s="2">
        <v>0</v>
      </c>
      <c r="Y16384" s="2">
        <v>0</v>
      </c>
      <c r="Z16384" s="2">
        <v>0</v>
      </c>
      <c r="AA16384" s="5"/>
      <c r="AB16384" s="5" t="s">
        <v>43</v>
      </c>
      <c r="AC16384" s="5" t="s">
        <v>44</v>
      </c>
      <c r="AD16384" s="2"/>
      <c r="AE16384" s="1"/>
    </row>
    <row r="16385" spans="1:31" ht="14.45">
      <c r="A16385" s="11"/>
      <c r="B16385" s="20"/>
      <c r="C16385" s="2" t="s">
        <v>50113</v>
      </c>
      <c r="D16385" s="14" t="s">
        <v>50114</v>
      </c>
      <c r="E16385" s="2" t="s">
        <v>50115</v>
      </c>
      <c r="F16385" s="2" t="s">
        <v>36301</v>
      </c>
      <c r="G16385" s="8">
        <v>232</v>
      </c>
      <c r="H16385" s="5">
        <v>6</v>
      </c>
      <c r="I16385" s="5" t="s">
        <v>1518</v>
      </c>
      <c r="J16385" s="5" t="s">
        <v>36264</v>
      </c>
      <c r="K16385" s="2" t="s">
        <v>49668</v>
      </c>
      <c r="L16385" s="5" t="s">
        <v>36264</v>
      </c>
      <c r="M16385" s="2" t="s">
        <v>49668</v>
      </c>
      <c r="N16385" s="5" t="s">
        <v>19227</v>
      </c>
      <c r="O16385" s="5" t="s">
        <v>38</v>
      </c>
      <c r="P16385" s="5" t="s">
        <v>39</v>
      </c>
      <c r="Q16385" s="5" t="s">
        <v>40</v>
      </c>
      <c r="R16385" s="5" t="s">
        <v>1487</v>
      </c>
      <c r="S16385" s="5"/>
      <c r="T16385" s="5" t="s">
        <v>42</v>
      </c>
      <c r="U16385" s="2">
        <v>0</v>
      </c>
      <c r="V16385" s="2">
        <v>0</v>
      </c>
      <c r="W16385" s="2">
        <v>0</v>
      </c>
      <c r="X16385" s="2">
        <v>0</v>
      </c>
      <c r="Y16385" s="2">
        <v>0</v>
      </c>
      <c r="Z16385" s="2">
        <v>0</v>
      </c>
      <c r="AA16385" s="5"/>
      <c r="AB16385" s="5" t="s">
        <v>43</v>
      </c>
      <c r="AC16385" s="5" t="s">
        <v>44</v>
      </c>
      <c r="AD16385" s="2"/>
      <c r="AE16385" s="1"/>
    </row>
    <row r="16386" spans="1:31" ht="14.45">
      <c r="A16386" s="11"/>
      <c r="B16386" s="20"/>
      <c r="C16386" s="2" t="s">
        <v>50116</v>
      </c>
      <c r="D16386" s="14" t="s">
        <v>50117</v>
      </c>
      <c r="E16386" s="2" t="s">
        <v>50118</v>
      </c>
      <c r="F16386" s="2" t="s">
        <v>36305</v>
      </c>
      <c r="G16386" s="8">
        <v>232</v>
      </c>
      <c r="H16386" s="5">
        <v>6</v>
      </c>
      <c r="I16386" s="5" t="s">
        <v>1518</v>
      </c>
      <c r="J16386" s="5" t="s">
        <v>36264</v>
      </c>
      <c r="K16386" s="2" t="s">
        <v>49668</v>
      </c>
      <c r="L16386" s="5" t="s">
        <v>36264</v>
      </c>
      <c r="M16386" s="2" t="s">
        <v>49668</v>
      </c>
      <c r="N16386" s="5" t="s">
        <v>19227</v>
      </c>
      <c r="O16386" s="5" t="s">
        <v>38</v>
      </c>
      <c r="P16386" s="5" t="s">
        <v>39</v>
      </c>
      <c r="Q16386" s="5" t="s">
        <v>40</v>
      </c>
      <c r="R16386" s="5" t="s">
        <v>1487</v>
      </c>
      <c r="S16386" s="5"/>
      <c r="T16386" s="5" t="s">
        <v>42</v>
      </c>
      <c r="U16386" s="2">
        <v>0</v>
      </c>
      <c r="V16386" s="2">
        <v>0</v>
      </c>
      <c r="W16386" s="2">
        <v>0</v>
      </c>
      <c r="X16386" s="2">
        <v>0</v>
      </c>
      <c r="Y16386" s="2">
        <v>0</v>
      </c>
      <c r="Z16386" s="2">
        <v>0</v>
      </c>
      <c r="AA16386" s="5"/>
      <c r="AB16386" s="5" t="s">
        <v>43</v>
      </c>
      <c r="AC16386" s="5" t="s">
        <v>44</v>
      </c>
      <c r="AD16386" s="2"/>
      <c r="AE16386" s="1"/>
    </row>
    <row r="16387" spans="1:31" ht="14.45">
      <c r="A16387" s="11"/>
      <c r="B16387" s="20"/>
      <c r="C16387" s="2" t="s">
        <v>50119</v>
      </c>
      <c r="D16387" s="14" t="s">
        <v>50120</v>
      </c>
      <c r="E16387" s="2" t="s">
        <v>50121</v>
      </c>
      <c r="F16387" s="2" t="s">
        <v>36309</v>
      </c>
      <c r="G16387" s="8">
        <v>232</v>
      </c>
      <c r="H16387" s="5">
        <v>6</v>
      </c>
      <c r="I16387" s="5" t="s">
        <v>1518</v>
      </c>
      <c r="J16387" s="5" t="s">
        <v>36264</v>
      </c>
      <c r="K16387" s="2" t="s">
        <v>49668</v>
      </c>
      <c r="L16387" s="5" t="s">
        <v>36264</v>
      </c>
      <c r="M16387" s="2" t="s">
        <v>49668</v>
      </c>
      <c r="N16387" s="5" t="s">
        <v>19227</v>
      </c>
      <c r="O16387" s="5" t="s">
        <v>38</v>
      </c>
      <c r="P16387" s="5" t="s">
        <v>39</v>
      </c>
      <c r="Q16387" s="5" t="s">
        <v>40</v>
      </c>
      <c r="R16387" s="5" t="s">
        <v>1487</v>
      </c>
      <c r="S16387" s="5"/>
      <c r="T16387" s="5" t="s">
        <v>42</v>
      </c>
      <c r="U16387" s="2">
        <v>0</v>
      </c>
      <c r="V16387" s="2">
        <v>0</v>
      </c>
      <c r="W16387" s="2">
        <v>0</v>
      </c>
      <c r="X16387" s="2">
        <v>0</v>
      </c>
      <c r="Y16387" s="2">
        <v>0</v>
      </c>
      <c r="Z16387" s="2">
        <v>0</v>
      </c>
      <c r="AA16387" s="5"/>
      <c r="AB16387" s="5" t="s">
        <v>43</v>
      </c>
      <c r="AC16387" s="5" t="s">
        <v>44</v>
      </c>
      <c r="AD16387" s="2"/>
      <c r="AE16387" s="1"/>
    </row>
    <row r="16388" spans="1:31" ht="14.45">
      <c r="A16388" s="11"/>
      <c r="B16388" s="20"/>
      <c r="C16388" s="2" t="s">
        <v>50122</v>
      </c>
      <c r="D16388" s="14" t="s">
        <v>50123</v>
      </c>
      <c r="E16388" s="2" t="s">
        <v>50124</v>
      </c>
      <c r="F16388" s="2" t="s">
        <v>7204</v>
      </c>
      <c r="G16388" s="8">
        <v>240</v>
      </c>
      <c r="H16388" s="5">
        <v>6</v>
      </c>
      <c r="I16388" s="5" t="s">
        <v>1518</v>
      </c>
      <c r="J16388" s="5" t="s">
        <v>36264</v>
      </c>
      <c r="K16388" s="2" t="s">
        <v>49668</v>
      </c>
      <c r="L16388" s="5" t="s">
        <v>36264</v>
      </c>
      <c r="M16388" s="2" t="s">
        <v>49668</v>
      </c>
      <c r="N16388" s="5" t="s">
        <v>19227</v>
      </c>
      <c r="O16388" s="5" t="s">
        <v>38</v>
      </c>
      <c r="P16388" s="5" t="s">
        <v>39</v>
      </c>
      <c r="Q16388" s="5" t="s">
        <v>40</v>
      </c>
      <c r="R16388" s="5" t="s">
        <v>1487</v>
      </c>
      <c r="S16388" s="5"/>
      <c r="T16388" s="5" t="s">
        <v>42</v>
      </c>
      <c r="U16388" s="2">
        <v>0</v>
      </c>
      <c r="V16388" s="2">
        <v>0</v>
      </c>
      <c r="W16388" s="2">
        <v>0</v>
      </c>
      <c r="X16388" s="2">
        <v>0</v>
      </c>
      <c r="Y16388" s="2">
        <v>0</v>
      </c>
      <c r="Z16388" s="2">
        <v>0</v>
      </c>
      <c r="AA16388" s="5"/>
      <c r="AB16388" s="5" t="s">
        <v>43</v>
      </c>
      <c r="AC16388" s="5" t="s">
        <v>44</v>
      </c>
      <c r="AD16388" s="2"/>
      <c r="AE16388" s="1"/>
    </row>
    <row r="16389" spans="1:31" ht="14.45">
      <c r="A16389" s="11"/>
      <c r="B16389" s="20"/>
      <c r="C16389" s="2" t="s">
        <v>50125</v>
      </c>
      <c r="D16389" s="14" t="s">
        <v>50126</v>
      </c>
      <c r="E16389" s="2" t="s">
        <v>50127</v>
      </c>
      <c r="F16389" s="2" t="s">
        <v>7514</v>
      </c>
      <c r="G16389" s="8">
        <v>240</v>
      </c>
      <c r="H16389" s="5">
        <v>6</v>
      </c>
      <c r="I16389" s="5" t="s">
        <v>1518</v>
      </c>
      <c r="J16389" s="5" t="s">
        <v>36264</v>
      </c>
      <c r="K16389" s="2" t="s">
        <v>49668</v>
      </c>
      <c r="L16389" s="5" t="s">
        <v>36264</v>
      </c>
      <c r="M16389" s="2" t="s">
        <v>49668</v>
      </c>
      <c r="N16389" s="5" t="s">
        <v>19227</v>
      </c>
      <c r="O16389" s="5" t="s">
        <v>38</v>
      </c>
      <c r="P16389" s="5" t="s">
        <v>39</v>
      </c>
      <c r="Q16389" s="5" t="s">
        <v>40</v>
      </c>
      <c r="R16389" s="5" t="s">
        <v>1487</v>
      </c>
      <c r="S16389" s="5"/>
      <c r="T16389" s="5" t="s">
        <v>42</v>
      </c>
      <c r="U16389" s="2">
        <v>0</v>
      </c>
      <c r="V16389" s="2">
        <v>0</v>
      </c>
      <c r="W16389" s="2">
        <v>0</v>
      </c>
      <c r="X16389" s="2">
        <v>0</v>
      </c>
      <c r="Y16389" s="2">
        <v>0</v>
      </c>
      <c r="Z16389" s="2">
        <v>0</v>
      </c>
      <c r="AA16389" s="5"/>
      <c r="AB16389" s="5" t="s">
        <v>43</v>
      </c>
      <c r="AC16389" s="5" t="s">
        <v>44</v>
      </c>
      <c r="AD16389" s="2"/>
      <c r="AE16389" s="1"/>
    </row>
    <row r="16390" spans="1:31" ht="14.45">
      <c r="A16390" s="11"/>
      <c r="B16390" s="20"/>
      <c r="C16390" s="2" t="s">
        <v>50128</v>
      </c>
      <c r="D16390" s="14" t="s">
        <v>50129</v>
      </c>
      <c r="E16390" s="2" t="s">
        <v>50130</v>
      </c>
      <c r="F16390" s="2" t="s">
        <v>36273</v>
      </c>
      <c r="G16390" s="8">
        <v>240</v>
      </c>
      <c r="H16390" s="5">
        <v>6</v>
      </c>
      <c r="I16390" s="5" t="s">
        <v>1518</v>
      </c>
      <c r="J16390" s="5" t="s">
        <v>36264</v>
      </c>
      <c r="K16390" s="2" t="s">
        <v>49668</v>
      </c>
      <c r="L16390" s="5" t="s">
        <v>36264</v>
      </c>
      <c r="M16390" s="2" t="s">
        <v>49668</v>
      </c>
      <c r="N16390" s="5" t="s">
        <v>19227</v>
      </c>
      <c r="O16390" s="5" t="s">
        <v>38</v>
      </c>
      <c r="P16390" s="5" t="s">
        <v>39</v>
      </c>
      <c r="Q16390" s="5" t="s">
        <v>40</v>
      </c>
      <c r="R16390" s="5" t="s">
        <v>1487</v>
      </c>
      <c r="S16390" s="5"/>
      <c r="T16390" s="5" t="s">
        <v>42</v>
      </c>
      <c r="U16390" s="2">
        <v>0</v>
      </c>
      <c r="V16390" s="2">
        <v>0</v>
      </c>
      <c r="W16390" s="2">
        <v>0</v>
      </c>
      <c r="X16390" s="2">
        <v>0</v>
      </c>
      <c r="Y16390" s="2">
        <v>0</v>
      </c>
      <c r="Z16390" s="2">
        <v>0</v>
      </c>
      <c r="AA16390" s="5"/>
      <c r="AB16390" s="5" t="s">
        <v>43</v>
      </c>
      <c r="AC16390" s="5" t="s">
        <v>44</v>
      </c>
      <c r="AD16390" s="2"/>
      <c r="AE16390" s="1"/>
    </row>
    <row r="16391" spans="1:31" ht="14.45">
      <c r="A16391" s="11"/>
      <c r="B16391" s="20"/>
      <c r="C16391" s="2" t="s">
        <v>50131</v>
      </c>
      <c r="D16391" s="14" t="s">
        <v>50132</v>
      </c>
      <c r="E16391" s="2" t="s">
        <v>50133</v>
      </c>
      <c r="F16391" s="2" t="s">
        <v>36277</v>
      </c>
      <c r="G16391" s="8">
        <v>240</v>
      </c>
      <c r="H16391" s="5">
        <v>6</v>
      </c>
      <c r="I16391" s="5" t="s">
        <v>1518</v>
      </c>
      <c r="J16391" s="5" t="s">
        <v>36264</v>
      </c>
      <c r="K16391" s="2" t="s">
        <v>49668</v>
      </c>
      <c r="L16391" s="5" t="s">
        <v>36264</v>
      </c>
      <c r="M16391" s="2" t="s">
        <v>49668</v>
      </c>
      <c r="N16391" s="5" t="s">
        <v>19227</v>
      </c>
      <c r="O16391" s="5" t="s">
        <v>38</v>
      </c>
      <c r="P16391" s="5" t="s">
        <v>39</v>
      </c>
      <c r="Q16391" s="5" t="s">
        <v>40</v>
      </c>
      <c r="R16391" s="5" t="s">
        <v>1487</v>
      </c>
      <c r="S16391" s="5"/>
      <c r="T16391" s="5" t="s">
        <v>42</v>
      </c>
      <c r="U16391" s="2">
        <v>0</v>
      </c>
      <c r="V16391" s="2">
        <v>0</v>
      </c>
      <c r="W16391" s="2">
        <v>0</v>
      </c>
      <c r="X16391" s="2">
        <v>0</v>
      </c>
      <c r="Y16391" s="2">
        <v>0</v>
      </c>
      <c r="Z16391" s="2">
        <v>0</v>
      </c>
      <c r="AA16391" s="5"/>
      <c r="AB16391" s="5" t="s">
        <v>43</v>
      </c>
      <c r="AC16391" s="5" t="s">
        <v>44</v>
      </c>
      <c r="AD16391" s="2"/>
      <c r="AE16391" s="1"/>
    </row>
    <row r="16392" spans="1:31" ht="14.45">
      <c r="A16392" s="11"/>
      <c r="B16392" s="20"/>
      <c r="C16392" s="2" t="s">
        <v>50134</v>
      </c>
      <c r="D16392" s="14" t="s">
        <v>50135</v>
      </c>
      <c r="E16392" s="2" t="s">
        <v>50136</v>
      </c>
      <c r="F16392" s="2" t="s">
        <v>36297</v>
      </c>
      <c r="G16392" s="8">
        <v>240</v>
      </c>
      <c r="H16392" s="5">
        <v>6</v>
      </c>
      <c r="I16392" s="5" t="s">
        <v>1518</v>
      </c>
      <c r="J16392" s="5" t="s">
        <v>36264</v>
      </c>
      <c r="K16392" s="2" t="s">
        <v>49668</v>
      </c>
      <c r="L16392" s="5" t="s">
        <v>36264</v>
      </c>
      <c r="M16392" s="2" t="s">
        <v>49668</v>
      </c>
      <c r="N16392" s="5" t="s">
        <v>19227</v>
      </c>
      <c r="O16392" s="5" t="s">
        <v>38</v>
      </c>
      <c r="P16392" s="5" t="s">
        <v>39</v>
      </c>
      <c r="Q16392" s="5" t="s">
        <v>40</v>
      </c>
      <c r="R16392" s="5" t="s">
        <v>1487</v>
      </c>
      <c r="S16392" s="5"/>
      <c r="T16392" s="5" t="s">
        <v>42</v>
      </c>
      <c r="U16392" s="2">
        <v>0</v>
      </c>
      <c r="V16392" s="2">
        <v>0</v>
      </c>
      <c r="W16392" s="2">
        <v>0</v>
      </c>
      <c r="X16392" s="2">
        <v>0</v>
      </c>
      <c r="Y16392" s="2">
        <v>0</v>
      </c>
      <c r="Z16392" s="2">
        <v>0</v>
      </c>
      <c r="AA16392" s="5"/>
      <c r="AB16392" s="5" t="s">
        <v>43</v>
      </c>
      <c r="AC16392" s="5" t="s">
        <v>44</v>
      </c>
      <c r="AD16392" s="2"/>
      <c r="AE16392" s="1"/>
    </row>
    <row r="16393" spans="1:31" ht="14.45">
      <c r="A16393" s="11"/>
      <c r="B16393" s="20"/>
      <c r="C16393" s="2" t="s">
        <v>50137</v>
      </c>
      <c r="D16393" s="14" t="s">
        <v>50138</v>
      </c>
      <c r="E16393" s="2" t="s">
        <v>50139</v>
      </c>
      <c r="F16393" s="2" t="s">
        <v>36301</v>
      </c>
      <c r="G16393" s="8">
        <v>240</v>
      </c>
      <c r="H16393" s="5">
        <v>6</v>
      </c>
      <c r="I16393" s="5" t="s">
        <v>1518</v>
      </c>
      <c r="J16393" s="5" t="s">
        <v>36264</v>
      </c>
      <c r="K16393" s="2" t="s">
        <v>49668</v>
      </c>
      <c r="L16393" s="5" t="s">
        <v>36264</v>
      </c>
      <c r="M16393" s="2" t="s">
        <v>49668</v>
      </c>
      <c r="N16393" s="5" t="s">
        <v>19227</v>
      </c>
      <c r="O16393" s="5" t="s">
        <v>38</v>
      </c>
      <c r="P16393" s="5" t="s">
        <v>39</v>
      </c>
      <c r="Q16393" s="5" t="s">
        <v>40</v>
      </c>
      <c r="R16393" s="5" t="s">
        <v>1487</v>
      </c>
      <c r="S16393" s="5"/>
      <c r="T16393" s="5" t="s">
        <v>42</v>
      </c>
      <c r="U16393" s="2">
        <v>0</v>
      </c>
      <c r="V16393" s="2">
        <v>0</v>
      </c>
      <c r="W16393" s="2">
        <v>0</v>
      </c>
      <c r="X16393" s="2">
        <v>0</v>
      </c>
      <c r="Y16393" s="2">
        <v>0</v>
      </c>
      <c r="Z16393" s="2">
        <v>0</v>
      </c>
      <c r="AA16393" s="5"/>
      <c r="AB16393" s="5" t="s">
        <v>43</v>
      </c>
      <c r="AC16393" s="5" t="s">
        <v>44</v>
      </c>
      <c r="AD16393" s="2"/>
      <c r="AE16393" s="1"/>
    </row>
    <row r="16394" spans="1:31" ht="14.45">
      <c r="A16394" s="11"/>
      <c r="B16394" s="20"/>
      <c r="C16394" s="2" t="s">
        <v>50140</v>
      </c>
      <c r="D16394" s="14" t="s">
        <v>50141</v>
      </c>
      <c r="E16394" s="2" t="s">
        <v>50142</v>
      </c>
      <c r="F16394" s="2" t="s">
        <v>36305</v>
      </c>
      <c r="G16394" s="8">
        <v>240</v>
      </c>
      <c r="H16394" s="5">
        <v>6</v>
      </c>
      <c r="I16394" s="5" t="s">
        <v>1518</v>
      </c>
      <c r="J16394" s="5" t="s">
        <v>36264</v>
      </c>
      <c r="K16394" s="2" t="s">
        <v>49668</v>
      </c>
      <c r="L16394" s="5" t="s">
        <v>36264</v>
      </c>
      <c r="M16394" s="2" t="s">
        <v>49668</v>
      </c>
      <c r="N16394" s="5" t="s">
        <v>19227</v>
      </c>
      <c r="O16394" s="5" t="s">
        <v>38</v>
      </c>
      <c r="P16394" s="5" t="s">
        <v>39</v>
      </c>
      <c r="Q16394" s="5" t="s">
        <v>40</v>
      </c>
      <c r="R16394" s="5" t="s">
        <v>1487</v>
      </c>
      <c r="S16394" s="5"/>
      <c r="T16394" s="5" t="s">
        <v>42</v>
      </c>
      <c r="U16394" s="2">
        <v>0</v>
      </c>
      <c r="V16394" s="2">
        <v>0</v>
      </c>
      <c r="W16394" s="2">
        <v>0</v>
      </c>
      <c r="X16394" s="2">
        <v>0</v>
      </c>
      <c r="Y16394" s="2">
        <v>0</v>
      </c>
      <c r="Z16394" s="2">
        <v>0</v>
      </c>
      <c r="AA16394" s="5"/>
      <c r="AB16394" s="5" t="s">
        <v>43</v>
      </c>
      <c r="AC16394" s="5" t="s">
        <v>44</v>
      </c>
      <c r="AD16394" s="2"/>
      <c r="AE16394" s="1"/>
    </row>
    <row r="16395" spans="1:31" ht="14.45">
      <c r="A16395" s="11"/>
      <c r="B16395" s="20"/>
      <c r="C16395" s="2" t="s">
        <v>50143</v>
      </c>
      <c r="D16395" s="14" t="s">
        <v>50144</v>
      </c>
      <c r="E16395" s="2" t="s">
        <v>50145</v>
      </c>
      <c r="F16395" s="2" t="s">
        <v>36309</v>
      </c>
      <c r="G16395" s="8">
        <v>240</v>
      </c>
      <c r="H16395" s="5">
        <v>6</v>
      </c>
      <c r="I16395" s="5" t="s">
        <v>1518</v>
      </c>
      <c r="J16395" s="5" t="s">
        <v>36264</v>
      </c>
      <c r="K16395" s="2" t="s">
        <v>49668</v>
      </c>
      <c r="L16395" s="5" t="s">
        <v>36264</v>
      </c>
      <c r="M16395" s="2" t="s">
        <v>49668</v>
      </c>
      <c r="N16395" s="5" t="s">
        <v>19227</v>
      </c>
      <c r="O16395" s="5" t="s">
        <v>38</v>
      </c>
      <c r="P16395" s="5" t="s">
        <v>39</v>
      </c>
      <c r="Q16395" s="5" t="s">
        <v>40</v>
      </c>
      <c r="R16395" s="5" t="s">
        <v>1487</v>
      </c>
      <c r="S16395" s="5"/>
      <c r="T16395" s="5" t="s">
        <v>42</v>
      </c>
      <c r="U16395" s="2">
        <v>0</v>
      </c>
      <c r="V16395" s="2">
        <v>0</v>
      </c>
      <c r="W16395" s="2">
        <v>0</v>
      </c>
      <c r="X16395" s="2">
        <v>0</v>
      </c>
      <c r="Y16395" s="2">
        <v>0</v>
      </c>
      <c r="Z16395" s="2">
        <v>0</v>
      </c>
      <c r="AA16395" s="5"/>
      <c r="AB16395" s="5" t="s">
        <v>43</v>
      </c>
      <c r="AC16395" s="5" t="s">
        <v>44</v>
      </c>
      <c r="AD16395" s="2"/>
      <c r="AE16395" s="1"/>
    </row>
    <row r="16396" spans="1:31" ht="14.45">
      <c r="A16396" s="11"/>
      <c r="B16396" s="20"/>
      <c r="C16396" s="2" t="s">
        <v>50146</v>
      </c>
      <c r="D16396" s="14" t="s">
        <v>50147</v>
      </c>
      <c r="E16396" s="2" t="s">
        <v>50148</v>
      </c>
      <c r="F16396" s="2" t="s">
        <v>7204</v>
      </c>
      <c r="G16396" s="8">
        <v>277</v>
      </c>
      <c r="H16396" s="5">
        <v>6</v>
      </c>
      <c r="I16396" s="5" t="s">
        <v>1518</v>
      </c>
      <c r="J16396" s="5" t="s">
        <v>36264</v>
      </c>
      <c r="K16396" s="2" t="s">
        <v>49668</v>
      </c>
      <c r="L16396" s="5" t="s">
        <v>36264</v>
      </c>
      <c r="M16396" s="2" t="s">
        <v>49668</v>
      </c>
      <c r="N16396" s="5" t="s">
        <v>19227</v>
      </c>
      <c r="O16396" s="5" t="s">
        <v>38</v>
      </c>
      <c r="P16396" s="5" t="s">
        <v>39</v>
      </c>
      <c r="Q16396" s="5" t="s">
        <v>40</v>
      </c>
      <c r="R16396" s="5" t="s">
        <v>1487</v>
      </c>
      <c r="S16396" s="5"/>
      <c r="T16396" s="5" t="s">
        <v>42</v>
      </c>
      <c r="U16396" s="2">
        <v>0</v>
      </c>
      <c r="V16396" s="2">
        <v>0</v>
      </c>
      <c r="W16396" s="2">
        <v>0</v>
      </c>
      <c r="X16396" s="2">
        <v>0</v>
      </c>
      <c r="Y16396" s="2">
        <v>0</v>
      </c>
      <c r="Z16396" s="2">
        <v>0</v>
      </c>
      <c r="AA16396" s="5"/>
      <c r="AB16396" s="5" t="s">
        <v>43</v>
      </c>
      <c r="AC16396" s="5" t="s">
        <v>44</v>
      </c>
      <c r="AD16396" s="2"/>
      <c r="AE16396" s="1"/>
    </row>
    <row r="16397" spans="1:31" ht="14.45">
      <c r="A16397" s="11"/>
      <c r="B16397" s="20"/>
      <c r="C16397" s="2" t="s">
        <v>50149</v>
      </c>
      <c r="D16397" s="14" t="s">
        <v>50150</v>
      </c>
      <c r="E16397" s="2" t="s">
        <v>50151</v>
      </c>
      <c r="F16397" s="2" t="s">
        <v>7514</v>
      </c>
      <c r="G16397" s="8">
        <v>277</v>
      </c>
      <c r="H16397" s="5">
        <v>6</v>
      </c>
      <c r="I16397" s="5" t="s">
        <v>1518</v>
      </c>
      <c r="J16397" s="5" t="s">
        <v>36264</v>
      </c>
      <c r="K16397" s="2" t="s">
        <v>49668</v>
      </c>
      <c r="L16397" s="5" t="s">
        <v>36264</v>
      </c>
      <c r="M16397" s="2" t="s">
        <v>49668</v>
      </c>
      <c r="N16397" s="5" t="s">
        <v>19227</v>
      </c>
      <c r="O16397" s="5" t="s">
        <v>38</v>
      </c>
      <c r="P16397" s="5" t="s">
        <v>39</v>
      </c>
      <c r="Q16397" s="5" t="s">
        <v>40</v>
      </c>
      <c r="R16397" s="5" t="s">
        <v>1487</v>
      </c>
      <c r="S16397" s="5"/>
      <c r="T16397" s="5" t="s">
        <v>42</v>
      </c>
      <c r="U16397" s="2">
        <v>0</v>
      </c>
      <c r="V16397" s="2">
        <v>0</v>
      </c>
      <c r="W16397" s="2">
        <v>0</v>
      </c>
      <c r="X16397" s="2">
        <v>0</v>
      </c>
      <c r="Y16397" s="2">
        <v>0</v>
      </c>
      <c r="Z16397" s="2">
        <v>0</v>
      </c>
      <c r="AA16397" s="5"/>
      <c r="AB16397" s="5" t="s">
        <v>43</v>
      </c>
      <c r="AC16397" s="5" t="s">
        <v>44</v>
      </c>
      <c r="AD16397" s="2"/>
      <c r="AE16397" s="1"/>
    </row>
    <row r="16398" spans="1:31" ht="14.45">
      <c r="A16398" s="11"/>
      <c r="B16398" s="20"/>
      <c r="C16398" s="2" t="s">
        <v>50152</v>
      </c>
      <c r="D16398" s="14" t="s">
        <v>50153</v>
      </c>
      <c r="E16398" s="2" t="s">
        <v>50154</v>
      </c>
      <c r="F16398" s="2" t="s">
        <v>36273</v>
      </c>
      <c r="G16398" s="8">
        <v>277</v>
      </c>
      <c r="H16398" s="5">
        <v>6</v>
      </c>
      <c r="I16398" s="5" t="s">
        <v>1518</v>
      </c>
      <c r="J16398" s="5" t="s">
        <v>36264</v>
      </c>
      <c r="K16398" s="2" t="s">
        <v>49668</v>
      </c>
      <c r="L16398" s="5" t="s">
        <v>36264</v>
      </c>
      <c r="M16398" s="2" t="s">
        <v>49668</v>
      </c>
      <c r="N16398" s="5" t="s">
        <v>19227</v>
      </c>
      <c r="O16398" s="5" t="s">
        <v>38</v>
      </c>
      <c r="P16398" s="5" t="s">
        <v>39</v>
      </c>
      <c r="Q16398" s="5" t="s">
        <v>40</v>
      </c>
      <c r="R16398" s="5" t="s">
        <v>1487</v>
      </c>
      <c r="S16398" s="5"/>
      <c r="T16398" s="5" t="s">
        <v>42</v>
      </c>
      <c r="U16398" s="2">
        <v>0</v>
      </c>
      <c r="V16398" s="2">
        <v>0</v>
      </c>
      <c r="W16398" s="2">
        <v>0</v>
      </c>
      <c r="X16398" s="2">
        <v>0</v>
      </c>
      <c r="Y16398" s="2">
        <v>0</v>
      </c>
      <c r="Z16398" s="2">
        <v>0</v>
      </c>
      <c r="AA16398" s="5"/>
      <c r="AB16398" s="5" t="s">
        <v>43</v>
      </c>
      <c r="AC16398" s="5" t="s">
        <v>44</v>
      </c>
      <c r="AD16398" s="2"/>
      <c r="AE16398" s="1"/>
    </row>
    <row r="16399" spans="1:31" ht="14.45">
      <c r="A16399" s="11"/>
      <c r="B16399" s="20"/>
      <c r="C16399" s="2" t="s">
        <v>50155</v>
      </c>
      <c r="D16399" s="14" t="s">
        <v>50156</v>
      </c>
      <c r="E16399" s="2" t="s">
        <v>50157</v>
      </c>
      <c r="F16399" s="2" t="s">
        <v>36277</v>
      </c>
      <c r="G16399" s="8">
        <v>277</v>
      </c>
      <c r="H16399" s="5">
        <v>6</v>
      </c>
      <c r="I16399" s="5" t="s">
        <v>1518</v>
      </c>
      <c r="J16399" s="5" t="s">
        <v>36264</v>
      </c>
      <c r="K16399" s="2" t="s">
        <v>49668</v>
      </c>
      <c r="L16399" s="5" t="s">
        <v>36264</v>
      </c>
      <c r="M16399" s="2" t="s">
        <v>49668</v>
      </c>
      <c r="N16399" s="5" t="s">
        <v>19227</v>
      </c>
      <c r="O16399" s="5" t="s">
        <v>38</v>
      </c>
      <c r="P16399" s="5" t="s">
        <v>39</v>
      </c>
      <c r="Q16399" s="5" t="s">
        <v>40</v>
      </c>
      <c r="R16399" s="5" t="s">
        <v>1487</v>
      </c>
      <c r="S16399" s="5"/>
      <c r="T16399" s="5" t="s">
        <v>42</v>
      </c>
      <c r="U16399" s="2">
        <v>0</v>
      </c>
      <c r="V16399" s="2">
        <v>0</v>
      </c>
      <c r="W16399" s="2">
        <v>0</v>
      </c>
      <c r="X16399" s="2">
        <v>0</v>
      </c>
      <c r="Y16399" s="2">
        <v>0</v>
      </c>
      <c r="Z16399" s="2">
        <v>0</v>
      </c>
      <c r="AA16399" s="5"/>
      <c r="AB16399" s="5" t="s">
        <v>43</v>
      </c>
      <c r="AC16399" s="5" t="s">
        <v>44</v>
      </c>
      <c r="AD16399" s="2"/>
      <c r="AE16399" s="1"/>
    </row>
    <row r="16400" spans="1:31" ht="14.45">
      <c r="A16400" s="11"/>
      <c r="B16400" s="20"/>
      <c r="C16400" s="2" t="s">
        <v>50158</v>
      </c>
      <c r="D16400" s="14" t="s">
        <v>50159</v>
      </c>
      <c r="E16400" s="2" t="s">
        <v>50160</v>
      </c>
      <c r="F16400" s="2" t="s">
        <v>36297</v>
      </c>
      <c r="G16400" s="8">
        <v>277</v>
      </c>
      <c r="H16400" s="5">
        <v>6</v>
      </c>
      <c r="I16400" s="5" t="s">
        <v>1518</v>
      </c>
      <c r="J16400" s="5" t="s">
        <v>36264</v>
      </c>
      <c r="K16400" s="2" t="s">
        <v>49668</v>
      </c>
      <c r="L16400" s="5" t="s">
        <v>36264</v>
      </c>
      <c r="M16400" s="2" t="s">
        <v>49668</v>
      </c>
      <c r="N16400" s="5" t="s">
        <v>19227</v>
      </c>
      <c r="O16400" s="5" t="s">
        <v>38</v>
      </c>
      <c r="P16400" s="5" t="s">
        <v>39</v>
      </c>
      <c r="Q16400" s="5" t="s">
        <v>40</v>
      </c>
      <c r="R16400" s="5" t="s">
        <v>1487</v>
      </c>
      <c r="S16400" s="5"/>
      <c r="T16400" s="5" t="s">
        <v>42</v>
      </c>
      <c r="U16400" s="2">
        <v>0</v>
      </c>
      <c r="V16400" s="2">
        <v>0</v>
      </c>
      <c r="W16400" s="2">
        <v>0</v>
      </c>
      <c r="X16400" s="2">
        <v>0</v>
      </c>
      <c r="Y16400" s="2">
        <v>0</v>
      </c>
      <c r="Z16400" s="2">
        <v>0</v>
      </c>
      <c r="AA16400" s="5"/>
      <c r="AB16400" s="5" t="s">
        <v>43</v>
      </c>
      <c r="AC16400" s="5" t="s">
        <v>44</v>
      </c>
      <c r="AD16400" s="2"/>
      <c r="AE16400" s="1"/>
    </row>
    <row r="16401" spans="1:31" ht="14.45">
      <c r="A16401" s="11"/>
      <c r="B16401" s="20"/>
      <c r="C16401" s="2" t="s">
        <v>50161</v>
      </c>
      <c r="D16401" s="14" t="s">
        <v>50162</v>
      </c>
      <c r="E16401" s="2" t="s">
        <v>50163</v>
      </c>
      <c r="F16401" s="2" t="s">
        <v>36301</v>
      </c>
      <c r="G16401" s="8">
        <v>277</v>
      </c>
      <c r="H16401" s="5">
        <v>6</v>
      </c>
      <c r="I16401" s="5" t="s">
        <v>1518</v>
      </c>
      <c r="J16401" s="5" t="s">
        <v>36264</v>
      </c>
      <c r="K16401" s="2" t="s">
        <v>49668</v>
      </c>
      <c r="L16401" s="5" t="s">
        <v>36264</v>
      </c>
      <c r="M16401" s="2" t="s">
        <v>49668</v>
      </c>
      <c r="N16401" s="5" t="s">
        <v>19227</v>
      </c>
      <c r="O16401" s="5" t="s">
        <v>38</v>
      </c>
      <c r="P16401" s="5" t="s">
        <v>39</v>
      </c>
      <c r="Q16401" s="5" t="s">
        <v>40</v>
      </c>
      <c r="R16401" s="5" t="s">
        <v>1487</v>
      </c>
      <c r="S16401" s="5"/>
      <c r="T16401" s="5" t="s">
        <v>42</v>
      </c>
      <c r="U16401" s="2">
        <v>0</v>
      </c>
      <c r="V16401" s="2">
        <v>0</v>
      </c>
      <c r="W16401" s="2">
        <v>0</v>
      </c>
      <c r="X16401" s="2">
        <v>0</v>
      </c>
      <c r="Y16401" s="2">
        <v>0</v>
      </c>
      <c r="Z16401" s="2">
        <v>0</v>
      </c>
      <c r="AA16401" s="5"/>
      <c r="AB16401" s="5" t="s">
        <v>43</v>
      </c>
      <c r="AC16401" s="5" t="s">
        <v>44</v>
      </c>
      <c r="AD16401" s="2"/>
      <c r="AE16401" s="1"/>
    </row>
    <row r="16402" spans="1:31" ht="14.45">
      <c r="A16402" s="11"/>
      <c r="B16402" s="20"/>
      <c r="C16402" s="2" t="s">
        <v>50164</v>
      </c>
      <c r="D16402" s="14" t="s">
        <v>50165</v>
      </c>
      <c r="E16402" s="2" t="s">
        <v>50166</v>
      </c>
      <c r="F16402" s="2" t="s">
        <v>36305</v>
      </c>
      <c r="G16402" s="8">
        <v>277</v>
      </c>
      <c r="H16402" s="5">
        <v>6</v>
      </c>
      <c r="I16402" s="5" t="s">
        <v>1518</v>
      </c>
      <c r="J16402" s="5" t="s">
        <v>36264</v>
      </c>
      <c r="K16402" s="2" t="s">
        <v>49668</v>
      </c>
      <c r="L16402" s="5" t="s">
        <v>36264</v>
      </c>
      <c r="M16402" s="2" t="s">
        <v>49668</v>
      </c>
      <c r="N16402" s="5" t="s">
        <v>19227</v>
      </c>
      <c r="O16402" s="5" t="s">
        <v>38</v>
      </c>
      <c r="P16402" s="5" t="s">
        <v>39</v>
      </c>
      <c r="Q16402" s="5" t="s">
        <v>40</v>
      </c>
      <c r="R16402" s="5" t="s">
        <v>1487</v>
      </c>
      <c r="S16402" s="5"/>
      <c r="T16402" s="5" t="s">
        <v>42</v>
      </c>
      <c r="U16402" s="2">
        <v>0</v>
      </c>
      <c r="V16402" s="2">
        <v>0</v>
      </c>
      <c r="W16402" s="2">
        <v>0</v>
      </c>
      <c r="X16402" s="2">
        <v>0</v>
      </c>
      <c r="Y16402" s="2">
        <v>0</v>
      </c>
      <c r="Z16402" s="2">
        <v>0</v>
      </c>
      <c r="AA16402" s="5"/>
      <c r="AB16402" s="5" t="s">
        <v>43</v>
      </c>
      <c r="AC16402" s="5" t="s">
        <v>44</v>
      </c>
      <c r="AD16402" s="2"/>
      <c r="AE16402" s="1"/>
    </row>
    <row r="16403" spans="1:31" ht="14.45">
      <c r="A16403" s="11"/>
      <c r="B16403" s="20"/>
      <c r="C16403" s="2" t="s">
        <v>50167</v>
      </c>
      <c r="D16403" s="14" t="s">
        <v>50168</v>
      </c>
      <c r="E16403" s="2" t="s">
        <v>50169</v>
      </c>
      <c r="F16403" s="2" t="s">
        <v>36309</v>
      </c>
      <c r="G16403" s="8">
        <v>277</v>
      </c>
      <c r="H16403" s="5">
        <v>6</v>
      </c>
      <c r="I16403" s="5" t="s">
        <v>1518</v>
      </c>
      <c r="J16403" s="5" t="s">
        <v>36264</v>
      </c>
      <c r="K16403" s="2" t="s">
        <v>49668</v>
      </c>
      <c r="L16403" s="5" t="s">
        <v>36264</v>
      </c>
      <c r="M16403" s="2" t="s">
        <v>49668</v>
      </c>
      <c r="N16403" s="5" t="s">
        <v>19227</v>
      </c>
      <c r="O16403" s="5" t="s">
        <v>38</v>
      </c>
      <c r="P16403" s="5" t="s">
        <v>39</v>
      </c>
      <c r="Q16403" s="5" t="s">
        <v>40</v>
      </c>
      <c r="R16403" s="5" t="s">
        <v>1487</v>
      </c>
      <c r="S16403" s="5"/>
      <c r="T16403" s="5" t="s">
        <v>42</v>
      </c>
      <c r="U16403" s="2">
        <v>0</v>
      </c>
      <c r="V16403" s="2">
        <v>0</v>
      </c>
      <c r="W16403" s="2">
        <v>0</v>
      </c>
      <c r="X16403" s="2">
        <v>0</v>
      </c>
      <c r="Y16403" s="2">
        <v>0</v>
      </c>
      <c r="Z16403" s="2">
        <v>0</v>
      </c>
      <c r="AA16403" s="5"/>
      <c r="AB16403" s="5" t="s">
        <v>43</v>
      </c>
      <c r="AC16403" s="5" t="s">
        <v>44</v>
      </c>
      <c r="AD16403" s="2"/>
      <c r="AE16403" s="1"/>
    </row>
    <row r="16404" spans="1:31" ht="14.45">
      <c r="A16404" s="11"/>
      <c r="B16404" s="20"/>
      <c r="C16404" s="2" t="s">
        <v>50170</v>
      </c>
      <c r="D16404" s="14" t="s">
        <v>50171</v>
      </c>
      <c r="E16404" s="2" t="s">
        <v>50172</v>
      </c>
      <c r="F16404" s="2" t="s">
        <v>7204</v>
      </c>
      <c r="G16404" s="8">
        <v>253</v>
      </c>
      <c r="H16404" s="5">
        <v>6</v>
      </c>
      <c r="I16404" s="5" t="s">
        <v>1518</v>
      </c>
      <c r="J16404" s="5" t="s">
        <v>36264</v>
      </c>
      <c r="K16404" s="2" t="s">
        <v>49668</v>
      </c>
      <c r="L16404" s="5" t="s">
        <v>36264</v>
      </c>
      <c r="M16404" s="2" t="s">
        <v>49668</v>
      </c>
      <c r="N16404" s="5" t="s">
        <v>19227</v>
      </c>
      <c r="O16404" s="5" t="s">
        <v>38</v>
      </c>
      <c r="P16404" s="5" t="s">
        <v>39</v>
      </c>
      <c r="Q16404" s="5" t="s">
        <v>40</v>
      </c>
      <c r="R16404" s="5" t="s">
        <v>1487</v>
      </c>
      <c r="S16404" s="5"/>
      <c r="T16404" s="5" t="s">
        <v>42</v>
      </c>
      <c r="U16404" s="2">
        <v>0</v>
      </c>
      <c r="V16404" s="2">
        <v>0</v>
      </c>
      <c r="W16404" s="2">
        <v>0</v>
      </c>
      <c r="X16404" s="2">
        <v>0</v>
      </c>
      <c r="Y16404" s="2">
        <v>0</v>
      </c>
      <c r="Z16404" s="2">
        <v>0</v>
      </c>
      <c r="AA16404" s="5"/>
      <c r="AB16404" s="5" t="s">
        <v>43</v>
      </c>
      <c r="AC16404" s="5" t="s">
        <v>44</v>
      </c>
      <c r="AD16404" s="2"/>
      <c r="AE16404" s="1"/>
    </row>
    <row r="16405" spans="1:31" ht="14.45">
      <c r="A16405" s="11"/>
      <c r="B16405" s="20"/>
      <c r="C16405" s="2" t="s">
        <v>50173</v>
      </c>
      <c r="D16405" s="14" t="s">
        <v>50174</v>
      </c>
      <c r="E16405" s="2" t="s">
        <v>50175</v>
      </c>
      <c r="F16405" s="2" t="s">
        <v>7514</v>
      </c>
      <c r="G16405" s="8">
        <v>253</v>
      </c>
      <c r="H16405" s="5">
        <v>6</v>
      </c>
      <c r="I16405" s="5" t="s">
        <v>1518</v>
      </c>
      <c r="J16405" s="5" t="s">
        <v>36264</v>
      </c>
      <c r="K16405" s="2" t="s">
        <v>49668</v>
      </c>
      <c r="L16405" s="5" t="s">
        <v>36264</v>
      </c>
      <c r="M16405" s="2" t="s">
        <v>49668</v>
      </c>
      <c r="N16405" s="5" t="s">
        <v>19227</v>
      </c>
      <c r="O16405" s="5" t="s">
        <v>38</v>
      </c>
      <c r="P16405" s="5" t="s">
        <v>39</v>
      </c>
      <c r="Q16405" s="5" t="s">
        <v>40</v>
      </c>
      <c r="R16405" s="5" t="s">
        <v>1487</v>
      </c>
      <c r="S16405" s="5"/>
      <c r="T16405" s="5" t="s">
        <v>42</v>
      </c>
      <c r="U16405" s="2">
        <v>0</v>
      </c>
      <c r="V16405" s="2">
        <v>0</v>
      </c>
      <c r="W16405" s="2">
        <v>0</v>
      </c>
      <c r="X16405" s="2">
        <v>0</v>
      </c>
      <c r="Y16405" s="2">
        <v>0</v>
      </c>
      <c r="Z16405" s="2">
        <v>0</v>
      </c>
      <c r="AA16405" s="5"/>
      <c r="AB16405" s="5" t="s">
        <v>43</v>
      </c>
      <c r="AC16405" s="5" t="s">
        <v>44</v>
      </c>
      <c r="AD16405" s="2"/>
      <c r="AE16405" s="1"/>
    </row>
    <row r="16406" spans="1:31" ht="14.45">
      <c r="A16406" s="11"/>
      <c r="B16406" s="20"/>
      <c r="C16406" s="2" t="s">
        <v>50176</v>
      </c>
      <c r="D16406" s="14" t="s">
        <v>50177</v>
      </c>
      <c r="E16406" s="2" t="s">
        <v>50178</v>
      </c>
      <c r="F16406" s="2" t="s">
        <v>36273</v>
      </c>
      <c r="G16406" s="8">
        <v>253</v>
      </c>
      <c r="H16406" s="5">
        <v>6</v>
      </c>
      <c r="I16406" s="5" t="s">
        <v>1518</v>
      </c>
      <c r="J16406" s="5" t="s">
        <v>36264</v>
      </c>
      <c r="K16406" s="2" t="s">
        <v>49668</v>
      </c>
      <c r="L16406" s="5" t="s">
        <v>36264</v>
      </c>
      <c r="M16406" s="2" t="s">
        <v>49668</v>
      </c>
      <c r="N16406" s="5" t="s">
        <v>19227</v>
      </c>
      <c r="O16406" s="5" t="s">
        <v>38</v>
      </c>
      <c r="P16406" s="5" t="s">
        <v>39</v>
      </c>
      <c r="Q16406" s="5" t="s">
        <v>40</v>
      </c>
      <c r="R16406" s="5" t="s">
        <v>1487</v>
      </c>
      <c r="S16406" s="5"/>
      <c r="T16406" s="5" t="s">
        <v>42</v>
      </c>
      <c r="U16406" s="2">
        <v>0</v>
      </c>
      <c r="V16406" s="2">
        <v>0</v>
      </c>
      <c r="W16406" s="2">
        <v>0</v>
      </c>
      <c r="X16406" s="2">
        <v>0</v>
      </c>
      <c r="Y16406" s="2">
        <v>0</v>
      </c>
      <c r="Z16406" s="2">
        <v>0</v>
      </c>
      <c r="AA16406" s="5"/>
      <c r="AB16406" s="5" t="s">
        <v>43</v>
      </c>
      <c r="AC16406" s="5" t="s">
        <v>44</v>
      </c>
      <c r="AD16406" s="2"/>
      <c r="AE16406" s="1"/>
    </row>
    <row r="16407" spans="1:31" ht="14.45">
      <c r="A16407" s="11"/>
      <c r="B16407" s="20"/>
      <c r="C16407" s="2" t="s">
        <v>50179</v>
      </c>
      <c r="D16407" s="14" t="s">
        <v>50180</v>
      </c>
      <c r="E16407" s="2" t="s">
        <v>50181</v>
      </c>
      <c r="F16407" s="2" t="s">
        <v>36277</v>
      </c>
      <c r="G16407" s="8">
        <v>253</v>
      </c>
      <c r="H16407" s="5">
        <v>6</v>
      </c>
      <c r="I16407" s="5" t="s">
        <v>1518</v>
      </c>
      <c r="J16407" s="5" t="s">
        <v>36264</v>
      </c>
      <c r="K16407" s="2" t="s">
        <v>49668</v>
      </c>
      <c r="L16407" s="5" t="s">
        <v>36264</v>
      </c>
      <c r="M16407" s="2" t="s">
        <v>49668</v>
      </c>
      <c r="N16407" s="5" t="s">
        <v>19227</v>
      </c>
      <c r="O16407" s="5" t="s">
        <v>38</v>
      </c>
      <c r="P16407" s="5" t="s">
        <v>39</v>
      </c>
      <c r="Q16407" s="5" t="s">
        <v>40</v>
      </c>
      <c r="R16407" s="5" t="s">
        <v>1487</v>
      </c>
      <c r="S16407" s="5"/>
      <c r="T16407" s="5" t="s">
        <v>42</v>
      </c>
      <c r="U16407" s="2">
        <v>0</v>
      </c>
      <c r="V16407" s="2">
        <v>0</v>
      </c>
      <c r="W16407" s="2">
        <v>0</v>
      </c>
      <c r="X16407" s="2">
        <v>0</v>
      </c>
      <c r="Y16407" s="2">
        <v>0</v>
      </c>
      <c r="Z16407" s="2">
        <v>0</v>
      </c>
      <c r="AA16407" s="5"/>
      <c r="AB16407" s="5" t="s">
        <v>43</v>
      </c>
      <c r="AC16407" s="5" t="s">
        <v>44</v>
      </c>
      <c r="AD16407" s="2"/>
      <c r="AE16407" s="1"/>
    </row>
    <row r="16408" spans="1:31" ht="14.45">
      <c r="A16408" s="11"/>
      <c r="B16408" s="20"/>
      <c r="C16408" s="2" t="s">
        <v>50182</v>
      </c>
      <c r="D16408" s="14" t="s">
        <v>50183</v>
      </c>
      <c r="E16408" s="2" t="s">
        <v>50184</v>
      </c>
      <c r="F16408" s="2" t="s">
        <v>36297</v>
      </c>
      <c r="G16408" s="8">
        <v>253</v>
      </c>
      <c r="H16408" s="5">
        <v>6</v>
      </c>
      <c r="I16408" s="5" t="s">
        <v>1518</v>
      </c>
      <c r="J16408" s="5" t="s">
        <v>36264</v>
      </c>
      <c r="K16408" s="2" t="s">
        <v>49668</v>
      </c>
      <c r="L16408" s="5" t="s">
        <v>36264</v>
      </c>
      <c r="M16408" s="2" t="s">
        <v>49668</v>
      </c>
      <c r="N16408" s="5" t="s">
        <v>19227</v>
      </c>
      <c r="O16408" s="5" t="s">
        <v>38</v>
      </c>
      <c r="P16408" s="5" t="s">
        <v>39</v>
      </c>
      <c r="Q16408" s="5" t="s">
        <v>40</v>
      </c>
      <c r="R16408" s="5" t="s">
        <v>1487</v>
      </c>
      <c r="S16408" s="5"/>
      <c r="T16408" s="5" t="s">
        <v>42</v>
      </c>
      <c r="U16408" s="2">
        <v>0</v>
      </c>
      <c r="V16408" s="2">
        <v>0</v>
      </c>
      <c r="W16408" s="2">
        <v>0</v>
      </c>
      <c r="X16408" s="2">
        <v>0</v>
      </c>
      <c r="Y16408" s="2">
        <v>0</v>
      </c>
      <c r="Z16408" s="2">
        <v>0</v>
      </c>
      <c r="AA16408" s="5"/>
      <c r="AB16408" s="5" t="s">
        <v>43</v>
      </c>
      <c r="AC16408" s="5" t="s">
        <v>44</v>
      </c>
      <c r="AD16408" s="2"/>
      <c r="AE16408" s="1"/>
    </row>
    <row r="16409" spans="1:31" ht="14.45">
      <c r="A16409" s="11"/>
      <c r="B16409" s="20"/>
      <c r="C16409" s="2" t="s">
        <v>50185</v>
      </c>
      <c r="D16409" s="14" t="s">
        <v>50186</v>
      </c>
      <c r="E16409" s="2" t="s">
        <v>50187</v>
      </c>
      <c r="F16409" s="2" t="s">
        <v>36301</v>
      </c>
      <c r="G16409" s="8">
        <v>253</v>
      </c>
      <c r="H16409" s="5">
        <v>6</v>
      </c>
      <c r="I16409" s="5" t="s">
        <v>1518</v>
      </c>
      <c r="J16409" s="5" t="s">
        <v>36264</v>
      </c>
      <c r="K16409" s="2" t="s">
        <v>49668</v>
      </c>
      <c r="L16409" s="5" t="s">
        <v>36264</v>
      </c>
      <c r="M16409" s="2" t="s">
        <v>49668</v>
      </c>
      <c r="N16409" s="5" t="s">
        <v>19227</v>
      </c>
      <c r="O16409" s="5" t="s">
        <v>38</v>
      </c>
      <c r="P16409" s="5" t="s">
        <v>39</v>
      </c>
      <c r="Q16409" s="5" t="s">
        <v>40</v>
      </c>
      <c r="R16409" s="5" t="s">
        <v>1487</v>
      </c>
      <c r="S16409" s="5"/>
      <c r="T16409" s="5" t="s">
        <v>42</v>
      </c>
      <c r="U16409" s="2">
        <v>0</v>
      </c>
      <c r="V16409" s="2">
        <v>0</v>
      </c>
      <c r="W16409" s="2">
        <v>0</v>
      </c>
      <c r="X16409" s="2">
        <v>0</v>
      </c>
      <c r="Y16409" s="2">
        <v>0</v>
      </c>
      <c r="Z16409" s="2">
        <v>0</v>
      </c>
      <c r="AA16409" s="5"/>
      <c r="AB16409" s="5" t="s">
        <v>43</v>
      </c>
      <c r="AC16409" s="5" t="s">
        <v>44</v>
      </c>
      <c r="AD16409" s="2"/>
      <c r="AE16409" s="1"/>
    </row>
    <row r="16410" spans="1:31" ht="14.45">
      <c r="A16410" s="11"/>
      <c r="B16410" s="20"/>
      <c r="C16410" s="2" t="s">
        <v>50188</v>
      </c>
      <c r="D16410" s="14" t="s">
        <v>50189</v>
      </c>
      <c r="E16410" s="2" t="s">
        <v>50190</v>
      </c>
      <c r="F16410" s="2" t="s">
        <v>36305</v>
      </c>
      <c r="G16410" s="8">
        <v>253</v>
      </c>
      <c r="H16410" s="5">
        <v>6</v>
      </c>
      <c r="I16410" s="5" t="s">
        <v>1518</v>
      </c>
      <c r="J16410" s="5" t="s">
        <v>36264</v>
      </c>
      <c r="K16410" s="2" t="s">
        <v>49668</v>
      </c>
      <c r="L16410" s="5" t="s">
        <v>36264</v>
      </c>
      <c r="M16410" s="2" t="s">
        <v>49668</v>
      </c>
      <c r="N16410" s="5" t="s">
        <v>19227</v>
      </c>
      <c r="O16410" s="5" t="s">
        <v>38</v>
      </c>
      <c r="P16410" s="5" t="s">
        <v>39</v>
      </c>
      <c r="Q16410" s="5" t="s">
        <v>40</v>
      </c>
      <c r="R16410" s="5" t="s">
        <v>1487</v>
      </c>
      <c r="S16410" s="5"/>
      <c r="T16410" s="5" t="s">
        <v>42</v>
      </c>
      <c r="U16410" s="2">
        <v>0</v>
      </c>
      <c r="V16410" s="2">
        <v>0</v>
      </c>
      <c r="W16410" s="2">
        <v>0</v>
      </c>
      <c r="X16410" s="2">
        <v>0</v>
      </c>
      <c r="Y16410" s="2">
        <v>0</v>
      </c>
      <c r="Z16410" s="2">
        <v>0</v>
      </c>
      <c r="AA16410" s="5"/>
      <c r="AB16410" s="5" t="s">
        <v>43</v>
      </c>
      <c r="AC16410" s="5" t="s">
        <v>44</v>
      </c>
      <c r="AD16410" s="2"/>
      <c r="AE16410" s="1"/>
    </row>
    <row r="16411" spans="1:31" ht="14.45">
      <c r="A16411" s="11"/>
      <c r="B16411" s="20"/>
      <c r="C16411" s="2" t="s">
        <v>50191</v>
      </c>
      <c r="D16411" s="14" t="s">
        <v>50192</v>
      </c>
      <c r="E16411" s="2" t="s">
        <v>50193</v>
      </c>
      <c r="F16411" s="2" t="s">
        <v>36309</v>
      </c>
      <c r="G16411" s="8">
        <v>253</v>
      </c>
      <c r="H16411" s="5">
        <v>6</v>
      </c>
      <c r="I16411" s="5" t="s">
        <v>1518</v>
      </c>
      <c r="J16411" s="5" t="s">
        <v>36264</v>
      </c>
      <c r="K16411" s="2" t="s">
        <v>49668</v>
      </c>
      <c r="L16411" s="5" t="s">
        <v>36264</v>
      </c>
      <c r="M16411" s="2" t="s">
        <v>49668</v>
      </c>
      <c r="N16411" s="5" t="s">
        <v>19227</v>
      </c>
      <c r="O16411" s="5" t="s">
        <v>38</v>
      </c>
      <c r="P16411" s="5" t="s">
        <v>39</v>
      </c>
      <c r="Q16411" s="5" t="s">
        <v>40</v>
      </c>
      <c r="R16411" s="5" t="s">
        <v>1487</v>
      </c>
      <c r="S16411" s="5"/>
      <c r="T16411" s="5" t="s">
        <v>42</v>
      </c>
      <c r="U16411" s="2">
        <v>0</v>
      </c>
      <c r="V16411" s="2">
        <v>0</v>
      </c>
      <c r="W16411" s="2">
        <v>0</v>
      </c>
      <c r="X16411" s="2">
        <v>0</v>
      </c>
      <c r="Y16411" s="2">
        <v>0</v>
      </c>
      <c r="Z16411" s="2">
        <v>0</v>
      </c>
      <c r="AA16411" s="5"/>
      <c r="AB16411" s="5" t="s">
        <v>43</v>
      </c>
      <c r="AC16411" s="5" t="s">
        <v>44</v>
      </c>
      <c r="AD16411" s="2"/>
      <c r="AE16411" s="1"/>
    </row>
    <row r="16412" spans="1:31" ht="14.45">
      <c r="A16412" s="11"/>
      <c r="B16412" s="20"/>
      <c r="C16412" s="2" t="s">
        <v>50194</v>
      </c>
      <c r="D16412" s="14" t="s">
        <v>50195</v>
      </c>
      <c r="E16412" s="2" t="s">
        <v>50196</v>
      </c>
      <c r="F16412" s="2" t="s">
        <v>7204</v>
      </c>
      <c r="G16412" s="8">
        <v>263</v>
      </c>
      <c r="H16412" s="5">
        <v>6</v>
      </c>
      <c r="I16412" s="5" t="s">
        <v>1518</v>
      </c>
      <c r="J16412" s="5" t="s">
        <v>36264</v>
      </c>
      <c r="K16412" s="2" t="s">
        <v>49668</v>
      </c>
      <c r="L16412" s="5" t="s">
        <v>36264</v>
      </c>
      <c r="M16412" s="2" t="s">
        <v>49668</v>
      </c>
      <c r="N16412" s="5" t="s">
        <v>19227</v>
      </c>
      <c r="O16412" s="5" t="s">
        <v>38</v>
      </c>
      <c r="P16412" s="5" t="s">
        <v>39</v>
      </c>
      <c r="Q16412" s="5" t="s">
        <v>40</v>
      </c>
      <c r="R16412" s="5" t="s">
        <v>1487</v>
      </c>
      <c r="S16412" s="5"/>
      <c r="T16412" s="5" t="s">
        <v>42</v>
      </c>
      <c r="U16412" s="2">
        <v>0</v>
      </c>
      <c r="V16412" s="2">
        <v>0</v>
      </c>
      <c r="W16412" s="2">
        <v>0</v>
      </c>
      <c r="X16412" s="2">
        <v>0</v>
      </c>
      <c r="Y16412" s="2">
        <v>0</v>
      </c>
      <c r="Z16412" s="2">
        <v>0</v>
      </c>
      <c r="AA16412" s="5"/>
      <c r="AB16412" s="5" t="s">
        <v>43</v>
      </c>
      <c r="AC16412" s="5" t="s">
        <v>44</v>
      </c>
      <c r="AD16412" s="2"/>
      <c r="AE16412" s="1"/>
    </row>
    <row r="16413" spans="1:31" ht="14.45">
      <c r="A16413" s="11"/>
      <c r="B16413" s="20"/>
      <c r="C16413" s="2" t="s">
        <v>50197</v>
      </c>
      <c r="D16413" s="14" t="s">
        <v>50198</v>
      </c>
      <c r="E16413" s="2" t="s">
        <v>50199</v>
      </c>
      <c r="F16413" s="2" t="s">
        <v>7514</v>
      </c>
      <c r="G16413" s="8">
        <v>263</v>
      </c>
      <c r="H16413" s="5">
        <v>6</v>
      </c>
      <c r="I16413" s="5" t="s">
        <v>1518</v>
      </c>
      <c r="J16413" s="5" t="s">
        <v>36264</v>
      </c>
      <c r="K16413" s="2" t="s">
        <v>49668</v>
      </c>
      <c r="L16413" s="5" t="s">
        <v>36264</v>
      </c>
      <c r="M16413" s="2" t="s">
        <v>49668</v>
      </c>
      <c r="N16413" s="5" t="s">
        <v>19227</v>
      </c>
      <c r="O16413" s="5" t="s">
        <v>38</v>
      </c>
      <c r="P16413" s="5" t="s">
        <v>39</v>
      </c>
      <c r="Q16413" s="5" t="s">
        <v>40</v>
      </c>
      <c r="R16413" s="5" t="s">
        <v>1487</v>
      </c>
      <c r="S16413" s="5"/>
      <c r="T16413" s="5" t="s">
        <v>42</v>
      </c>
      <c r="U16413" s="2">
        <v>0</v>
      </c>
      <c r="V16413" s="2">
        <v>0</v>
      </c>
      <c r="W16413" s="2">
        <v>0</v>
      </c>
      <c r="X16413" s="2">
        <v>0</v>
      </c>
      <c r="Y16413" s="2">
        <v>0</v>
      </c>
      <c r="Z16413" s="2">
        <v>0</v>
      </c>
      <c r="AA16413" s="5"/>
      <c r="AB16413" s="5" t="s">
        <v>43</v>
      </c>
      <c r="AC16413" s="5" t="s">
        <v>44</v>
      </c>
      <c r="AD16413" s="2"/>
      <c r="AE16413" s="1"/>
    </row>
    <row r="16414" spans="1:31" ht="14.45">
      <c r="A16414" s="11"/>
      <c r="B16414" s="20"/>
      <c r="C16414" s="2" t="s">
        <v>50200</v>
      </c>
      <c r="D16414" s="14" t="s">
        <v>50201</v>
      </c>
      <c r="E16414" s="2" t="s">
        <v>50202</v>
      </c>
      <c r="F16414" s="2" t="s">
        <v>36273</v>
      </c>
      <c r="G16414" s="8">
        <v>263</v>
      </c>
      <c r="H16414" s="5">
        <v>6</v>
      </c>
      <c r="I16414" s="5" t="s">
        <v>1518</v>
      </c>
      <c r="J16414" s="5" t="s">
        <v>36264</v>
      </c>
      <c r="K16414" s="2" t="s">
        <v>49668</v>
      </c>
      <c r="L16414" s="5" t="s">
        <v>36264</v>
      </c>
      <c r="M16414" s="2" t="s">
        <v>49668</v>
      </c>
      <c r="N16414" s="5" t="s">
        <v>19227</v>
      </c>
      <c r="O16414" s="5" t="s">
        <v>38</v>
      </c>
      <c r="P16414" s="5" t="s">
        <v>39</v>
      </c>
      <c r="Q16414" s="5" t="s">
        <v>40</v>
      </c>
      <c r="R16414" s="5" t="s">
        <v>1487</v>
      </c>
      <c r="S16414" s="5"/>
      <c r="T16414" s="5" t="s">
        <v>42</v>
      </c>
      <c r="U16414" s="2">
        <v>0</v>
      </c>
      <c r="V16414" s="2">
        <v>0</v>
      </c>
      <c r="W16414" s="2">
        <v>0</v>
      </c>
      <c r="X16414" s="2">
        <v>0</v>
      </c>
      <c r="Y16414" s="2">
        <v>0</v>
      </c>
      <c r="Z16414" s="2">
        <v>0</v>
      </c>
      <c r="AA16414" s="5"/>
      <c r="AB16414" s="5" t="s">
        <v>43</v>
      </c>
      <c r="AC16414" s="5" t="s">
        <v>44</v>
      </c>
      <c r="AD16414" s="2"/>
      <c r="AE16414" s="1"/>
    </row>
    <row r="16415" spans="1:31" ht="14.45">
      <c r="A16415" s="11"/>
      <c r="B16415" s="20"/>
      <c r="C16415" s="2" t="s">
        <v>50203</v>
      </c>
      <c r="D16415" s="14" t="s">
        <v>50204</v>
      </c>
      <c r="E16415" s="2" t="s">
        <v>50205</v>
      </c>
      <c r="F16415" s="2" t="s">
        <v>36277</v>
      </c>
      <c r="G16415" s="8">
        <v>263</v>
      </c>
      <c r="H16415" s="5">
        <v>6</v>
      </c>
      <c r="I16415" s="5" t="s">
        <v>1518</v>
      </c>
      <c r="J16415" s="5" t="s">
        <v>36264</v>
      </c>
      <c r="K16415" s="2" t="s">
        <v>49668</v>
      </c>
      <c r="L16415" s="5" t="s">
        <v>36264</v>
      </c>
      <c r="M16415" s="2" t="s">
        <v>49668</v>
      </c>
      <c r="N16415" s="5" t="s">
        <v>19227</v>
      </c>
      <c r="O16415" s="5" t="s">
        <v>38</v>
      </c>
      <c r="P16415" s="5" t="s">
        <v>39</v>
      </c>
      <c r="Q16415" s="5" t="s">
        <v>40</v>
      </c>
      <c r="R16415" s="5" t="s">
        <v>1487</v>
      </c>
      <c r="S16415" s="5"/>
      <c r="T16415" s="5" t="s">
        <v>42</v>
      </c>
      <c r="U16415" s="2">
        <v>0</v>
      </c>
      <c r="V16415" s="2">
        <v>0</v>
      </c>
      <c r="W16415" s="2">
        <v>0</v>
      </c>
      <c r="X16415" s="2">
        <v>0</v>
      </c>
      <c r="Y16415" s="2">
        <v>0</v>
      </c>
      <c r="Z16415" s="2">
        <v>0</v>
      </c>
      <c r="AA16415" s="5"/>
      <c r="AB16415" s="5" t="s">
        <v>43</v>
      </c>
      <c r="AC16415" s="5" t="s">
        <v>44</v>
      </c>
      <c r="AD16415" s="2"/>
      <c r="AE16415" s="1"/>
    </row>
    <row r="16416" spans="1:31" ht="14.45">
      <c r="A16416" s="11"/>
      <c r="B16416" s="20"/>
      <c r="C16416" s="2" t="s">
        <v>50206</v>
      </c>
      <c r="D16416" s="14" t="s">
        <v>50207</v>
      </c>
      <c r="E16416" s="2" t="s">
        <v>50208</v>
      </c>
      <c r="F16416" s="2" t="s">
        <v>36297</v>
      </c>
      <c r="G16416" s="8">
        <v>263</v>
      </c>
      <c r="H16416" s="5">
        <v>6</v>
      </c>
      <c r="I16416" s="5" t="s">
        <v>1518</v>
      </c>
      <c r="J16416" s="5" t="s">
        <v>36264</v>
      </c>
      <c r="K16416" s="2" t="s">
        <v>49668</v>
      </c>
      <c r="L16416" s="5" t="s">
        <v>36264</v>
      </c>
      <c r="M16416" s="2" t="s">
        <v>49668</v>
      </c>
      <c r="N16416" s="5" t="s">
        <v>19227</v>
      </c>
      <c r="O16416" s="5" t="s">
        <v>38</v>
      </c>
      <c r="P16416" s="5" t="s">
        <v>39</v>
      </c>
      <c r="Q16416" s="5" t="s">
        <v>40</v>
      </c>
      <c r="R16416" s="5" t="s">
        <v>1487</v>
      </c>
      <c r="S16416" s="5"/>
      <c r="T16416" s="5" t="s">
        <v>42</v>
      </c>
      <c r="U16416" s="2">
        <v>0</v>
      </c>
      <c r="V16416" s="2">
        <v>0</v>
      </c>
      <c r="W16416" s="2">
        <v>0</v>
      </c>
      <c r="X16416" s="2">
        <v>0</v>
      </c>
      <c r="Y16416" s="2">
        <v>0</v>
      </c>
      <c r="Z16416" s="2">
        <v>0</v>
      </c>
      <c r="AA16416" s="5"/>
      <c r="AB16416" s="5" t="s">
        <v>43</v>
      </c>
      <c r="AC16416" s="5" t="s">
        <v>44</v>
      </c>
      <c r="AD16416" s="2"/>
      <c r="AE16416" s="1"/>
    </row>
    <row r="16417" spans="1:31" ht="14.45">
      <c r="A16417" s="11"/>
      <c r="B16417" s="20"/>
      <c r="C16417" s="2" t="s">
        <v>50209</v>
      </c>
      <c r="D16417" s="14" t="s">
        <v>50210</v>
      </c>
      <c r="E16417" s="2" t="s">
        <v>50211</v>
      </c>
      <c r="F16417" s="2" t="s">
        <v>36301</v>
      </c>
      <c r="G16417" s="8">
        <v>263</v>
      </c>
      <c r="H16417" s="5">
        <v>6</v>
      </c>
      <c r="I16417" s="5" t="s">
        <v>1518</v>
      </c>
      <c r="J16417" s="5" t="s">
        <v>36264</v>
      </c>
      <c r="K16417" s="2" t="s">
        <v>49668</v>
      </c>
      <c r="L16417" s="5" t="s">
        <v>36264</v>
      </c>
      <c r="M16417" s="2" t="s">
        <v>49668</v>
      </c>
      <c r="N16417" s="5" t="s">
        <v>19227</v>
      </c>
      <c r="O16417" s="5" t="s">
        <v>38</v>
      </c>
      <c r="P16417" s="5" t="s">
        <v>39</v>
      </c>
      <c r="Q16417" s="5" t="s">
        <v>40</v>
      </c>
      <c r="R16417" s="5" t="s">
        <v>1487</v>
      </c>
      <c r="S16417" s="5"/>
      <c r="T16417" s="5" t="s">
        <v>42</v>
      </c>
      <c r="U16417" s="2">
        <v>0</v>
      </c>
      <c r="V16417" s="2">
        <v>0</v>
      </c>
      <c r="W16417" s="2">
        <v>0</v>
      </c>
      <c r="X16417" s="2">
        <v>0</v>
      </c>
      <c r="Y16417" s="2">
        <v>0</v>
      </c>
      <c r="Z16417" s="2">
        <v>0</v>
      </c>
      <c r="AA16417" s="5"/>
      <c r="AB16417" s="5" t="s">
        <v>43</v>
      </c>
      <c r="AC16417" s="5" t="s">
        <v>44</v>
      </c>
      <c r="AD16417" s="2"/>
      <c r="AE16417" s="1"/>
    </row>
    <row r="16418" spans="1:31" ht="14.45">
      <c r="A16418" s="11"/>
      <c r="B16418" s="20"/>
      <c r="C16418" s="2" t="s">
        <v>50212</v>
      </c>
      <c r="D16418" s="14" t="s">
        <v>50213</v>
      </c>
      <c r="E16418" s="2" t="s">
        <v>50214</v>
      </c>
      <c r="F16418" s="2" t="s">
        <v>36305</v>
      </c>
      <c r="G16418" s="8">
        <v>263</v>
      </c>
      <c r="H16418" s="5">
        <v>6</v>
      </c>
      <c r="I16418" s="5" t="s">
        <v>1518</v>
      </c>
      <c r="J16418" s="5" t="s">
        <v>36264</v>
      </c>
      <c r="K16418" s="2" t="s">
        <v>49668</v>
      </c>
      <c r="L16418" s="5" t="s">
        <v>36264</v>
      </c>
      <c r="M16418" s="2" t="s">
        <v>49668</v>
      </c>
      <c r="N16418" s="5" t="s">
        <v>19227</v>
      </c>
      <c r="O16418" s="5" t="s">
        <v>38</v>
      </c>
      <c r="P16418" s="5" t="s">
        <v>39</v>
      </c>
      <c r="Q16418" s="5" t="s">
        <v>40</v>
      </c>
      <c r="R16418" s="5" t="s">
        <v>1487</v>
      </c>
      <c r="S16418" s="5"/>
      <c r="T16418" s="5" t="s">
        <v>42</v>
      </c>
      <c r="U16418" s="2">
        <v>0</v>
      </c>
      <c r="V16418" s="2">
        <v>0</v>
      </c>
      <c r="W16418" s="2">
        <v>0</v>
      </c>
      <c r="X16418" s="2">
        <v>0</v>
      </c>
      <c r="Y16418" s="2">
        <v>0</v>
      </c>
      <c r="Z16418" s="2">
        <v>0</v>
      </c>
      <c r="AA16418" s="5"/>
      <c r="AB16418" s="5" t="s">
        <v>43</v>
      </c>
      <c r="AC16418" s="5" t="s">
        <v>44</v>
      </c>
      <c r="AD16418" s="2"/>
      <c r="AE16418" s="1"/>
    </row>
    <row r="16419" spans="1:31" ht="14.45">
      <c r="A16419" s="11"/>
      <c r="B16419" s="20"/>
      <c r="C16419" s="2" t="s">
        <v>50215</v>
      </c>
      <c r="D16419" s="14" t="s">
        <v>50216</v>
      </c>
      <c r="E16419" s="2" t="s">
        <v>50217</v>
      </c>
      <c r="F16419" s="2" t="s">
        <v>36309</v>
      </c>
      <c r="G16419" s="8">
        <v>263</v>
      </c>
      <c r="H16419" s="5">
        <v>6</v>
      </c>
      <c r="I16419" s="5" t="s">
        <v>1518</v>
      </c>
      <c r="J16419" s="5" t="s">
        <v>36264</v>
      </c>
      <c r="K16419" s="2" t="s">
        <v>49668</v>
      </c>
      <c r="L16419" s="5" t="s">
        <v>36264</v>
      </c>
      <c r="M16419" s="2" t="s">
        <v>49668</v>
      </c>
      <c r="N16419" s="5" t="s">
        <v>19227</v>
      </c>
      <c r="O16419" s="5" t="s">
        <v>38</v>
      </c>
      <c r="P16419" s="5" t="s">
        <v>39</v>
      </c>
      <c r="Q16419" s="5" t="s">
        <v>40</v>
      </c>
      <c r="R16419" s="5" t="s">
        <v>1487</v>
      </c>
      <c r="S16419" s="5"/>
      <c r="T16419" s="5" t="s">
        <v>42</v>
      </c>
      <c r="U16419" s="2">
        <v>0</v>
      </c>
      <c r="V16419" s="2">
        <v>0</v>
      </c>
      <c r="W16419" s="2">
        <v>0</v>
      </c>
      <c r="X16419" s="2">
        <v>0</v>
      </c>
      <c r="Y16419" s="2">
        <v>0</v>
      </c>
      <c r="Z16419" s="2">
        <v>0</v>
      </c>
      <c r="AA16419" s="5"/>
      <c r="AB16419" s="5" t="s">
        <v>43</v>
      </c>
      <c r="AC16419" s="5" t="s">
        <v>44</v>
      </c>
      <c r="AD16419" s="2"/>
      <c r="AE16419" s="1"/>
    </row>
    <row r="16420" spans="1:31" ht="14.45">
      <c r="A16420" s="11"/>
      <c r="B16420" s="20"/>
      <c r="C16420" s="2" t="s">
        <v>50218</v>
      </c>
      <c r="D16420" s="14" t="s">
        <v>50219</v>
      </c>
      <c r="E16420" s="2" t="s">
        <v>50220</v>
      </c>
      <c r="F16420" s="2" t="s">
        <v>7204</v>
      </c>
      <c r="G16420" s="8">
        <v>276</v>
      </c>
      <c r="H16420" s="5">
        <v>6</v>
      </c>
      <c r="I16420" s="5" t="s">
        <v>1518</v>
      </c>
      <c r="J16420" s="5" t="s">
        <v>36264</v>
      </c>
      <c r="K16420" s="2" t="s">
        <v>49668</v>
      </c>
      <c r="L16420" s="5" t="s">
        <v>36264</v>
      </c>
      <c r="M16420" s="2" t="s">
        <v>49668</v>
      </c>
      <c r="N16420" s="5" t="s">
        <v>19227</v>
      </c>
      <c r="O16420" s="5" t="s">
        <v>38</v>
      </c>
      <c r="P16420" s="5" t="s">
        <v>39</v>
      </c>
      <c r="Q16420" s="5" t="s">
        <v>40</v>
      </c>
      <c r="R16420" s="5" t="s">
        <v>1487</v>
      </c>
      <c r="S16420" s="5"/>
      <c r="T16420" s="5" t="s">
        <v>42</v>
      </c>
      <c r="U16420" s="2">
        <v>0</v>
      </c>
      <c r="V16420" s="2">
        <v>0</v>
      </c>
      <c r="W16420" s="2">
        <v>0</v>
      </c>
      <c r="X16420" s="2">
        <v>0</v>
      </c>
      <c r="Y16420" s="2">
        <v>0</v>
      </c>
      <c r="Z16420" s="2">
        <v>0</v>
      </c>
      <c r="AA16420" s="5"/>
      <c r="AB16420" s="5" t="s">
        <v>43</v>
      </c>
      <c r="AC16420" s="5" t="s">
        <v>44</v>
      </c>
      <c r="AD16420" s="2"/>
      <c r="AE16420" s="1"/>
    </row>
    <row r="16421" spans="1:31" ht="14.45">
      <c r="A16421" s="11"/>
      <c r="B16421" s="20"/>
      <c r="C16421" s="2" t="s">
        <v>50221</v>
      </c>
      <c r="D16421" s="14" t="s">
        <v>50222</v>
      </c>
      <c r="E16421" s="2" t="s">
        <v>50223</v>
      </c>
      <c r="F16421" s="2" t="s">
        <v>7514</v>
      </c>
      <c r="G16421" s="8">
        <v>276</v>
      </c>
      <c r="H16421" s="5">
        <v>6</v>
      </c>
      <c r="I16421" s="5" t="s">
        <v>1518</v>
      </c>
      <c r="J16421" s="5" t="s">
        <v>36264</v>
      </c>
      <c r="K16421" s="2" t="s">
        <v>49668</v>
      </c>
      <c r="L16421" s="5" t="s">
        <v>36264</v>
      </c>
      <c r="M16421" s="2" t="s">
        <v>49668</v>
      </c>
      <c r="N16421" s="5" t="s">
        <v>19227</v>
      </c>
      <c r="O16421" s="5" t="s">
        <v>38</v>
      </c>
      <c r="P16421" s="5" t="s">
        <v>39</v>
      </c>
      <c r="Q16421" s="5" t="s">
        <v>40</v>
      </c>
      <c r="R16421" s="5" t="s">
        <v>1487</v>
      </c>
      <c r="S16421" s="5"/>
      <c r="T16421" s="5" t="s">
        <v>42</v>
      </c>
      <c r="U16421" s="2">
        <v>0</v>
      </c>
      <c r="V16421" s="2">
        <v>0</v>
      </c>
      <c r="W16421" s="2">
        <v>0</v>
      </c>
      <c r="X16421" s="2">
        <v>0</v>
      </c>
      <c r="Y16421" s="2">
        <v>0</v>
      </c>
      <c r="Z16421" s="2">
        <v>0</v>
      </c>
      <c r="AA16421" s="5"/>
      <c r="AB16421" s="5" t="s">
        <v>43</v>
      </c>
      <c r="AC16421" s="5" t="s">
        <v>44</v>
      </c>
      <c r="AD16421" s="2"/>
      <c r="AE16421" s="1"/>
    </row>
    <row r="16422" spans="1:31" ht="14.45">
      <c r="A16422" s="11"/>
      <c r="B16422" s="20"/>
      <c r="C16422" s="2" t="s">
        <v>50224</v>
      </c>
      <c r="D16422" s="14" t="s">
        <v>50225</v>
      </c>
      <c r="E16422" s="2" t="s">
        <v>50226</v>
      </c>
      <c r="F16422" s="2" t="s">
        <v>36273</v>
      </c>
      <c r="G16422" s="8">
        <v>276</v>
      </c>
      <c r="H16422" s="5">
        <v>6</v>
      </c>
      <c r="I16422" s="5" t="s">
        <v>1518</v>
      </c>
      <c r="J16422" s="5" t="s">
        <v>36264</v>
      </c>
      <c r="K16422" s="2" t="s">
        <v>49668</v>
      </c>
      <c r="L16422" s="5" t="s">
        <v>36264</v>
      </c>
      <c r="M16422" s="2" t="s">
        <v>49668</v>
      </c>
      <c r="N16422" s="5" t="s">
        <v>19227</v>
      </c>
      <c r="O16422" s="5" t="s">
        <v>38</v>
      </c>
      <c r="P16422" s="5" t="s">
        <v>39</v>
      </c>
      <c r="Q16422" s="5" t="s">
        <v>40</v>
      </c>
      <c r="R16422" s="5" t="s">
        <v>1487</v>
      </c>
      <c r="S16422" s="5"/>
      <c r="T16422" s="5" t="s">
        <v>42</v>
      </c>
      <c r="U16422" s="2">
        <v>0</v>
      </c>
      <c r="V16422" s="2">
        <v>0</v>
      </c>
      <c r="W16422" s="2">
        <v>0</v>
      </c>
      <c r="X16422" s="2">
        <v>0</v>
      </c>
      <c r="Y16422" s="2">
        <v>0</v>
      </c>
      <c r="Z16422" s="2">
        <v>0</v>
      </c>
      <c r="AA16422" s="5"/>
      <c r="AB16422" s="5" t="s">
        <v>43</v>
      </c>
      <c r="AC16422" s="5" t="s">
        <v>44</v>
      </c>
      <c r="AD16422" s="2"/>
      <c r="AE16422" s="1"/>
    </row>
    <row r="16423" spans="1:31" ht="14.45">
      <c r="A16423" s="11"/>
      <c r="B16423" s="20"/>
      <c r="C16423" s="2" t="s">
        <v>50227</v>
      </c>
      <c r="D16423" s="14" t="s">
        <v>50228</v>
      </c>
      <c r="E16423" s="2" t="s">
        <v>50229</v>
      </c>
      <c r="F16423" s="2" t="s">
        <v>36277</v>
      </c>
      <c r="G16423" s="8">
        <v>276</v>
      </c>
      <c r="H16423" s="5">
        <v>6</v>
      </c>
      <c r="I16423" s="5" t="s">
        <v>1518</v>
      </c>
      <c r="J16423" s="5" t="s">
        <v>36264</v>
      </c>
      <c r="K16423" s="2" t="s">
        <v>49668</v>
      </c>
      <c r="L16423" s="5" t="s">
        <v>36264</v>
      </c>
      <c r="M16423" s="2" t="s">
        <v>49668</v>
      </c>
      <c r="N16423" s="5" t="s">
        <v>19227</v>
      </c>
      <c r="O16423" s="5" t="s">
        <v>38</v>
      </c>
      <c r="P16423" s="5" t="s">
        <v>39</v>
      </c>
      <c r="Q16423" s="5" t="s">
        <v>40</v>
      </c>
      <c r="R16423" s="5" t="s">
        <v>1487</v>
      </c>
      <c r="S16423" s="5"/>
      <c r="T16423" s="5" t="s">
        <v>42</v>
      </c>
      <c r="U16423" s="2">
        <v>0</v>
      </c>
      <c r="V16423" s="2">
        <v>0</v>
      </c>
      <c r="W16423" s="2">
        <v>0</v>
      </c>
      <c r="X16423" s="2">
        <v>0</v>
      </c>
      <c r="Y16423" s="2">
        <v>0</v>
      </c>
      <c r="Z16423" s="2">
        <v>0</v>
      </c>
      <c r="AA16423" s="5"/>
      <c r="AB16423" s="5" t="s">
        <v>43</v>
      </c>
      <c r="AC16423" s="5" t="s">
        <v>44</v>
      </c>
      <c r="AD16423" s="2"/>
      <c r="AE16423" s="1"/>
    </row>
    <row r="16424" spans="1:31" ht="14.45">
      <c r="A16424" s="11"/>
      <c r="B16424" s="20"/>
      <c r="C16424" s="2" t="s">
        <v>50230</v>
      </c>
      <c r="D16424" s="14" t="s">
        <v>50231</v>
      </c>
      <c r="E16424" s="2" t="s">
        <v>50232</v>
      </c>
      <c r="F16424" s="2" t="s">
        <v>36297</v>
      </c>
      <c r="G16424" s="8">
        <v>276</v>
      </c>
      <c r="H16424" s="5">
        <v>6</v>
      </c>
      <c r="I16424" s="5" t="s">
        <v>1518</v>
      </c>
      <c r="J16424" s="5" t="s">
        <v>36264</v>
      </c>
      <c r="K16424" s="2" t="s">
        <v>49668</v>
      </c>
      <c r="L16424" s="5" t="s">
        <v>36264</v>
      </c>
      <c r="M16424" s="2" t="s">
        <v>49668</v>
      </c>
      <c r="N16424" s="5" t="s">
        <v>19227</v>
      </c>
      <c r="O16424" s="5" t="s">
        <v>38</v>
      </c>
      <c r="P16424" s="5" t="s">
        <v>39</v>
      </c>
      <c r="Q16424" s="5" t="s">
        <v>40</v>
      </c>
      <c r="R16424" s="5" t="s">
        <v>1487</v>
      </c>
      <c r="S16424" s="5"/>
      <c r="T16424" s="5" t="s">
        <v>42</v>
      </c>
      <c r="U16424" s="2">
        <v>0</v>
      </c>
      <c r="V16424" s="2">
        <v>0</v>
      </c>
      <c r="W16424" s="2">
        <v>0</v>
      </c>
      <c r="X16424" s="2">
        <v>0</v>
      </c>
      <c r="Y16424" s="2">
        <v>0</v>
      </c>
      <c r="Z16424" s="2">
        <v>0</v>
      </c>
      <c r="AA16424" s="5"/>
      <c r="AB16424" s="5" t="s">
        <v>43</v>
      </c>
      <c r="AC16424" s="5" t="s">
        <v>44</v>
      </c>
      <c r="AD16424" s="2"/>
      <c r="AE16424" s="1"/>
    </row>
    <row r="16425" spans="1:31" ht="14.45">
      <c r="A16425" s="11"/>
      <c r="B16425" s="20"/>
      <c r="C16425" s="2" t="s">
        <v>50233</v>
      </c>
      <c r="D16425" s="14" t="s">
        <v>50234</v>
      </c>
      <c r="E16425" s="2" t="s">
        <v>50235</v>
      </c>
      <c r="F16425" s="2" t="s">
        <v>36301</v>
      </c>
      <c r="G16425" s="8">
        <v>276</v>
      </c>
      <c r="H16425" s="5">
        <v>6</v>
      </c>
      <c r="I16425" s="5" t="s">
        <v>1518</v>
      </c>
      <c r="J16425" s="5" t="s">
        <v>36264</v>
      </c>
      <c r="K16425" s="2" t="s">
        <v>49668</v>
      </c>
      <c r="L16425" s="5" t="s">
        <v>36264</v>
      </c>
      <c r="M16425" s="2" t="s">
        <v>49668</v>
      </c>
      <c r="N16425" s="5" t="s">
        <v>19227</v>
      </c>
      <c r="O16425" s="5" t="s">
        <v>38</v>
      </c>
      <c r="P16425" s="5" t="s">
        <v>39</v>
      </c>
      <c r="Q16425" s="5" t="s">
        <v>40</v>
      </c>
      <c r="R16425" s="5" t="s">
        <v>1487</v>
      </c>
      <c r="S16425" s="5"/>
      <c r="T16425" s="5" t="s">
        <v>42</v>
      </c>
      <c r="U16425" s="2">
        <v>0</v>
      </c>
      <c r="V16425" s="2">
        <v>0</v>
      </c>
      <c r="W16425" s="2">
        <v>0</v>
      </c>
      <c r="X16425" s="2">
        <v>0</v>
      </c>
      <c r="Y16425" s="2">
        <v>0</v>
      </c>
      <c r="Z16425" s="2">
        <v>0</v>
      </c>
      <c r="AA16425" s="5"/>
      <c r="AB16425" s="5" t="s">
        <v>43</v>
      </c>
      <c r="AC16425" s="5" t="s">
        <v>44</v>
      </c>
      <c r="AD16425" s="2"/>
      <c r="AE16425" s="1"/>
    </row>
    <row r="16426" spans="1:31" ht="14.45">
      <c r="A16426" s="11"/>
      <c r="B16426" s="20"/>
      <c r="C16426" s="2" t="s">
        <v>50236</v>
      </c>
      <c r="D16426" s="14" t="s">
        <v>50237</v>
      </c>
      <c r="E16426" s="2" t="s">
        <v>50238</v>
      </c>
      <c r="F16426" s="2" t="s">
        <v>36305</v>
      </c>
      <c r="G16426" s="8">
        <v>276</v>
      </c>
      <c r="H16426" s="5">
        <v>6</v>
      </c>
      <c r="I16426" s="5" t="s">
        <v>1518</v>
      </c>
      <c r="J16426" s="5" t="s">
        <v>36264</v>
      </c>
      <c r="K16426" s="2" t="s">
        <v>49668</v>
      </c>
      <c r="L16426" s="5" t="s">
        <v>36264</v>
      </c>
      <c r="M16426" s="2" t="s">
        <v>49668</v>
      </c>
      <c r="N16426" s="5" t="s">
        <v>19227</v>
      </c>
      <c r="O16426" s="5" t="s">
        <v>38</v>
      </c>
      <c r="P16426" s="5" t="s">
        <v>39</v>
      </c>
      <c r="Q16426" s="5" t="s">
        <v>40</v>
      </c>
      <c r="R16426" s="5" t="s">
        <v>1487</v>
      </c>
      <c r="S16426" s="5"/>
      <c r="T16426" s="5" t="s">
        <v>42</v>
      </c>
      <c r="U16426" s="2">
        <v>0</v>
      </c>
      <c r="V16426" s="2">
        <v>0</v>
      </c>
      <c r="W16426" s="2">
        <v>0</v>
      </c>
      <c r="X16426" s="2">
        <v>0</v>
      </c>
      <c r="Y16426" s="2">
        <v>0</v>
      </c>
      <c r="Z16426" s="2">
        <v>0</v>
      </c>
      <c r="AA16426" s="5"/>
      <c r="AB16426" s="5" t="s">
        <v>43</v>
      </c>
      <c r="AC16426" s="5" t="s">
        <v>44</v>
      </c>
      <c r="AD16426" s="2"/>
      <c r="AE16426" s="1"/>
    </row>
    <row r="16427" spans="1:31" ht="14.45">
      <c r="A16427" s="11"/>
      <c r="B16427" s="20"/>
      <c r="C16427" s="2" t="s">
        <v>50239</v>
      </c>
      <c r="D16427" s="14" t="s">
        <v>50240</v>
      </c>
      <c r="E16427" s="2" t="s">
        <v>50241</v>
      </c>
      <c r="F16427" s="2" t="s">
        <v>36309</v>
      </c>
      <c r="G16427" s="8">
        <v>276</v>
      </c>
      <c r="H16427" s="5">
        <v>6</v>
      </c>
      <c r="I16427" s="5" t="s">
        <v>1518</v>
      </c>
      <c r="J16427" s="5" t="s">
        <v>36264</v>
      </c>
      <c r="K16427" s="2" t="s">
        <v>49668</v>
      </c>
      <c r="L16427" s="5" t="s">
        <v>36264</v>
      </c>
      <c r="M16427" s="2" t="s">
        <v>49668</v>
      </c>
      <c r="N16427" s="5" t="s">
        <v>19227</v>
      </c>
      <c r="O16427" s="5" t="s">
        <v>38</v>
      </c>
      <c r="P16427" s="5" t="s">
        <v>39</v>
      </c>
      <c r="Q16427" s="5" t="s">
        <v>40</v>
      </c>
      <c r="R16427" s="5" t="s">
        <v>1487</v>
      </c>
      <c r="S16427" s="5"/>
      <c r="T16427" s="5" t="s">
        <v>42</v>
      </c>
      <c r="U16427" s="2">
        <v>0</v>
      </c>
      <c r="V16427" s="2">
        <v>0</v>
      </c>
      <c r="W16427" s="2">
        <v>0</v>
      </c>
      <c r="X16427" s="2">
        <v>0</v>
      </c>
      <c r="Y16427" s="2">
        <v>0</v>
      </c>
      <c r="Z16427" s="2">
        <v>0</v>
      </c>
      <c r="AA16427" s="5"/>
      <c r="AB16427" s="5" t="s">
        <v>43</v>
      </c>
      <c r="AC16427" s="5" t="s">
        <v>44</v>
      </c>
      <c r="AD16427" s="2"/>
      <c r="AE16427" s="1"/>
    </row>
    <row r="16428" spans="1:31" ht="14.45">
      <c r="A16428" s="11"/>
      <c r="B16428" s="20"/>
      <c r="C16428" s="2" t="s">
        <v>50242</v>
      </c>
      <c r="D16428" s="14" t="s">
        <v>50243</v>
      </c>
      <c r="E16428" s="2" t="s">
        <v>50244</v>
      </c>
      <c r="F16428" s="2" t="s">
        <v>7204</v>
      </c>
      <c r="G16428" s="8">
        <v>253</v>
      </c>
      <c r="H16428" s="5">
        <v>6</v>
      </c>
      <c r="I16428" s="5" t="s">
        <v>1518</v>
      </c>
      <c r="J16428" s="5" t="s">
        <v>36264</v>
      </c>
      <c r="K16428" s="2" t="s">
        <v>49668</v>
      </c>
      <c r="L16428" s="5" t="s">
        <v>36264</v>
      </c>
      <c r="M16428" s="2" t="s">
        <v>49668</v>
      </c>
      <c r="N16428" s="5" t="s">
        <v>19227</v>
      </c>
      <c r="O16428" s="5" t="s">
        <v>38</v>
      </c>
      <c r="P16428" s="5" t="s">
        <v>39</v>
      </c>
      <c r="Q16428" s="5" t="s">
        <v>40</v>
      </c>
      <c r="R16428" s="5" t="s">
        <v>1487</v>
      </c>
      <c r="S16428" s="5"/>
      <c r="T16428" s="5" t="s">
        <v>42</v>
      </c>
      <c r="U16428" s="2">
        <v>0</v>
      </c>
      <c r="V16428" s="2">
        <v>0</v>
      </c>
      <c r="W16428" s="2">
        <v>0</v>
      </c>
      <c r="X16428" s="2">
        <v>0</v>
      </c>
      <c r="Y16428" s="2">
        <v>0</v>
      </c>
      <c r="Z16428" s="2">
        <v>0</v>
      </c>
      <c r="AA16428" s="5"/>
      <c r="AB16428" s="5" t="s">
        <v>43</v>
      </c>
      <c r="AC16428" s="5" t="s">
        <v>44</v>
      </c>
      <c r="AD16428" s="2"/>
      <c r="AE16428" s="1"/>
    </row>
    <row r="16429" spans="1:31" ht="14.45">
      <c r="A16429" s="11"/>
      <c r="B16429" s="20"/>
      <c r="C16429" s="2" t="s">
        <v>50245</v>
      </c>
      <c r="D16429" s="14" t="s">
        <v>50246</v>
      </c>
      <c r="E16429" s="2" t="s">
        <v>50247</v>
      </c>
      <c r="F16429" s="2" t="s">
        <v>7514</v>
      </c>
      <c r="G16429" s="8">
        <v>253</v>
      </c>
      <c r="H16429" s="5">
        <v>6</v>
      </c>
      <c r="I16429" s="5" t="s">
        <v>1518</v>
      </c>
      <c r="J16429" s="5" t="s">
        <v>36264</v>
      </c>
      <c r="K16429" s="2" t="s">
        <v>49668</v>
      </c>
      <c r="L16429" s="5" t="s">
        <v>36264</v>
      </c>
      <c r="M16429" s="2" t="s">
        <v>49668</v>
      </c>
      <c r="N16429" s="5" t="s">
        <v>19227</v>
      </c>
      <c r="O16429" s="5" t="s">
        <v>38</v>
      </c>
      <c r="P16429" s="5" t="s">
        <v>39</v>
      </c>
      <c r="Q16429" s="5" t="s">
        <v>40</v>
      </c>
      <c r="R16429" s="5" t="s">
        <v>1487</v>
      </c>
      <c r="S16429" s="5"/>
      <c r="T16429" s="5" t="s">
        <v>42</v>
      </c>
      <c r="U16429" s="2">
        <v>0</v>
      </c>
      <c r="V16429" s="2">
        <v>0</v>
      </c>
      <c r="W16429" s="2">
        <v>0</v>
      </c>
      <c r="X16429" s="2">
        <v>0</v>
      </c>
      <c r="Y16429" s="2">
        <v>0</v>
      </c>
      <c r="Z16429" s="2">
        <v>0</v>
      </c>
      <c r="AA16429" s="5"/>
      <c r="AB16429" s="5" t="s">
        <v>43</v>
      </c>
      <c r="AC16429" s="5" t="s">
        <v>44</v>
      </c>
      <c r="AD16429" s="2"/>
      <c r="AE16429" s="1"/>
    </row>
    <row r="16430" spans="1:31" ht="14.45">
      <c r="A16430" s="11"/>
      <c r="B16430" s="20"/>
      <c r="C16430" s="2" t="s">
        <v>50248</v>
      </c>
      <c r="D16430" s="14" t="s">
        <v>50249</v>
      </c>
      <c r="E16430" s="2" t="s">
        <v>50250</v>
      </c>
      <c r="F16430" s="2" t="s">
        <v>36273</v>
      </c>
      <c r="G16430" s="8">
        <v>253</v>
      </c>
      <c r="H16430" s="5">
        <v>6</v>
      </c>
      <c r="I16430" s="5" t="s">
        <v>1518</v>
      </c>
      <c r="J16430" s="5" t="s">
        <v>36264</v>
      </c>
      <c r="K16430" s="2" t="s">
        <v>49668</v>
      </c>
      <c r="L16430" s="5" t="s">
        <v>36264</v>
      </c>
      <c r="M16430" s="2" t="s">
        <v>49668</v>
      </c>
      <c r="N16430" s="5" t="s">
        <v>19227</v>
      </c>
      <c r="O16430" s="5" t="s">
        <v>38</v>
      </c>
      <c r="P16430" s="5" t="s">
        <v>39</v>
      </c>
      <c r="Q16430" s="5" t="s">
        <v>40</v>
      </c>
      <c r="R16430" s="5" t="s">
        <v>1487</v>
      </c>
      <c r="S16430" s="5"/>
      <c r="T16430" s="5" t="s">
        <v>42</v>
      </c>
      <c r="U16430" s="2">
        <v>0</v>
      </c>
      <c r="V16430" s="2">
        <v>0</v>
      </c>
      <c r="W16430" s="2">
        <v>0</v>
      </c>
      <c r="X16430" s="2">
        <v>0</v>
      </c>
      <c r="Y16430" s="2">
        <v>0</v>
      </c>
      <c r="Z16430" s="2">
        <v>0</v>
      </c>
      <c r="AA16430" s="5"/>
      <c r="AB16430" s="5" t="s">
        <v>43</v>
      </c>
      <c r="AC16430" s="5" t="s">
        <v>44</v>
      </c>
      <c r="AD16430" s="2"/>
      <c r="AE16430" s="1"/>
    </row>
    <row r="16431" spans="1:31" ht="14.45">
      <c r="A16431" s="11"/>
      <c r="B16431" s="20"/>
      <c r="C16431" s="2" t="s">
        <v>50251</v>
      </c>
      <c r="D16431" s="14" t="s">
        <v>50252</v>
      </c>
      <c r="E16431" s="2" t="s">
        <v>50253</v>
      </c>
      <c r="F16431" s="2" t="s">
        <v>36277</v>
      </c>
      <c r="G16431" s="8">
        <v>253</v>
      </c>
      <c r="H16431" s="5">
        <v>6</v>
      </c>
      <c r="I16431" s="5" t="s">
        <v>1518</v>
      </c>
      <c r="J16431" s="5" t="s">
        <v>36264</v>
      </c>
      <c r="K16431" s="2" t="s">
        <v>49668</v>
      </c>
      <c r="L16431" s="5" t="s">
        <v>36264</v>
      </c>
      <c r="M16431" s="2" t="s">
        <v>49668</v>
      </c>
      <c r="N16431" s="5" t="s">
        <v>19227</v>
      </c>
      <c r="O16431" s="5" t="s">
        <v>38</v>
      </c>
      <c r="P16431" s="5" t="s">
        <v>39</v>
      </c>
      <c r="Q16431" s="5" t="s">
        <v>40</v>
      </c>
      <c r="R16431" s="5" t="s">
        <v>1487</v>
      </c>
      <c r="S16431" s="5"/>
      <c r="T16431" s="5" t="s">
        <v>42</v>
      </c>
      <c r="U16431" s="2">
        <v>0</v>
      </c>
      <c r="V16431" s="2">
        <v>0</v>
      </c>
      <c r="W16431" s="2">
        <v>0</v>
      </c>
      <c r="X16431" s="2">
        <v>0</v>
      </c>
      <c r="Y16431" s="2">
        <v>0</v>
      </c>
      <c r="Z16431" s="2">
        <v>0</v>
      </c>
      <c r="AA16431" s="5"/>
      <c r="AB16431" s="5" t="s">
        <v>43</v>
      </c>
      <c r="AC16431" s="5" t="s">
        <v>44</v>
      </c>
      <c r="AD16431" s="2"/>
      <c r="AE16431" s="1"/>
    </row>
    <row r="16432" spans="1:31" ht="14.45">
      <c r="A16432" s="11"/>
      <c r="B16432" s="20"/>
      <c r="C16432" s="2" t="s">
        <v>50254</v>
      </c>
      <c r="D16432" s="14" t="s">
        <v>50255</v>
      </c>
      <c r="E16432" s="2" t="s">
        <v>50256</v>
      </c>
      <c r="F16432" s="2" t="s">
        <v>36297</v>
      </c>
      <c r="G16432" s="8">
        <v>253</v>
      </c>
      <c r="H16432" s="5">
        <v>6</v>
      </c>
      <c r="I16432" s="5" t="s">
        <v>1518</v>
      </c>
      <c r="J16432" s="5" t="s">
        <v>36264</v>
      </c>
      <c r="K16432" s="2" t="s">
        <v>49668</v>
      </c>
      <c r="L16432" s="5" t="s">
        <v>36264</v>
      </c>
      <c r="M16432" s="2" t="s">
        <v>49668</v>
      </c>
      <c r="N16432" s="5" t="s">
        <v>19227</v>
      </c>
      <c r="O16432" s="5" t="s">
        <v>38</v>
      </c>
      <c r="P16432" s="5" t="s">
        <v>39</v>
      </c>
      <c r="Q16432" s="5" t="s">
        <v>40</v>
      </c>
      <c r="R16432" s="5" t="s">
        <v>1487</v>
      </c>
      <c r="S16432" s="5"/>
      <c r="T16432" s="5" t="s">
        <v>42</v>
      </c>
      <c r="U16432" s="2">
        <v>0</v>
      </c>
      <c r="V16432" s="2">
        <v>0</v>
      </c>
      <c r="W16432" s="2">
        <v>0</v>
      </c>
      <c r="X16432" s="2">
        <v>0</v>
      </c>
      <c r="Y16432" s="2">
        <v>0</v>
      </c>
      <c r="Z16432" s="2">
        <v>0</v>
      </c>
      <c r="AA16432" s="5"/>
      <c r="AB16432" s="5" t="s">
        <v>43</v>
      </c>
      <c r="AC16432" s="5" t="s">
        <v>44</v>
      </c>
      <c r="AD16432" s="2"/>
      <c r="AE16432" s="1"/>
    </row>
    <row r="16433" spans="1:31" ht="14.45">
      <c r="A16433" s="11"/>
      <c r="B16433" s="20"/>
      <c r="C16433" s="2" t="s">
        <v>50257</v>
      </c>
      <c r="D16433" s="14" t="s">
        <v>50258</v>
      </c>
      <c r="E16433" s="2" t="s">
        <v>50259</v>
      </c>
      <c r="F16433" s="2" t="s">
        <v>36301</v>
      </c>
      <c r="G16433" s="8">
        <v>253</v>
      </c>
      <c r="H16433" s="5">
        <v>6</v>
      </c>
      <c r="I16433" s="5" t="s">
        <v>1518</v>
      </c>
      <c r="J16433" s="5" t="s">
        <v>36264</v>
      </c>
      <c r="K16433" s="2" t="s">
        <v>49668</v>
      </c>
      <c r="L16433" s="5" t="s">
        <v>36264</v>
      </c>
      <c r="M16433" s="2" t="s">
        <v>49668</v>
      </c>
      <c r="N16433" s="5" t="s">
        <v>19227</v>
      </c>
      <c r="O16433" s="5" t="s">
        <v>38</v>
      </c>
      <c r="P16433" s="5" t="s">
        <v>39</v>
      </c>
      <c r="Q16433" s="5" t="s">
        <v>40</v>
      </c>
      <c r="R16433" s="5" t="s">
        <v>1487</v>
      </c>
      <c r="S16433" s="5"/>
      <c r="T16433" s="5" t="s">
        <v>42</v>
      </c>
      <c r="U16433" s="2">
        <v>0</v>
      </c>
      <c r="V16433" s="2">
        <v>0</v>
      </c>
      <c r="W16433" s="2">
        <v>0</v>
      </c>
      <c r="X16433" s="2">
        <v>0</v>
      </c>
      <c r="Y16433" s="2">
        <v>0</v>
      </c>
      <c r="Z16433" s="2">
        <v>0</v>
      </c>
      <c r="AA16433" s="5"/>
      <c r="AB16433" s="5" t="s">
        <v>43</v>
      </c>
      <c r="AC16433" s="5" t="s">
        <v>44</v>
      </c>
      <c r="AD16433" s="2"/>
      <c r="AE16433" s="1"/>
    </row>
    <row r="16434" spans="1:31" ht="14.45">
      <c r="A16434" s="11"/>
      <c r="B16434" s="20"/>
      <c r="C16434" s="2" t="s">
        <v>50260</v>
      </c>
      <c r="D16434" s="14" t="s">
        <v>50261</v>
      </c>
      <c r="E16434" s="2" t="s">
        <v>50262</v>
      </c>
      <c r="F16434" s="2" t="s">
        <v>36305</v>
      </c>
      <c r="G16434" s="8">
        <v>253</v>
      </c>
      <c r="H16434" s="5">
        <v>6</v>
      </c>
      <c r="I16434" s="5" t="s">
        <v>1518</v>
      </c>
      <c r="J16434" s="5" t="s">
        <v>36264</v>
      </c>
      <c r="K16434" s="2" t="s">
        <v>49668</v>
      </c>
      <c r="L16434" s="5" t="s">
        <v>36264</v>
      </c>
      <c r="M16434" s="2" t="s">
        <v>49668</v>
      </c>
      <c r="N16434" s="5" t="s">
        <v>19227</v>
      </c>
      <c r="O16434" s="5" t="s">
        <v>38</v>
      </c>
      <c r="P16434" s="5" t="s">
        <v>39</v>
      </c>
      <c r="Q16434" s="5" t="s">
        <v>40</v>
      </c>
      <c r="R16434" s="5" t="s">
        <v>1487</v>
      </c>
      <c r="S16434" s="5"/>
      <c r="T16434" s="5" t="s">
        <v>42</v>
      </c>
      <c r="U16434" s="2">
        <v>0</v>
      </c>
      <c r="V16434" s="2">
        <v>0</v>
      </c>
      <c r="W16434" s="2">
        <v>0</v>
      </c>
      <c r="X16434" s="2">
        <v>0</v>
      </c>
      <c r="Y16434" s="2">
        <v>0</v>
      </c>
      <c r="Z16434" s="2">
        <v>0</v>
      </c>
      <c r="AA16434" s="5"/>
      <c r="AB16434" s="5" t="s">
        <v>43</v>
      </c>
      <c r="AC16434" s="5" t="s">
        <v>44</v>
      </c>
      <c r="AD16434" s="2"/>
      <c r="AE16434" s="1"/>
    </row>
    <row r="16435" spans="1:31" ht="14.45">
      <c r="A16435" s="11"/>
      <c r="B16435" s="20"/>
      <c r="C16435" s="2" t="s">
        <v>50263</v>
      </c>
      <c r="D16435" s="14" t="s">
        <v>50264</v>
      </c>
      <c r="E16435" s="2" t="s">
        <v>50265</v>
      </c>
      <c r="F16435" s="2" t="s">
        <v>36309</v>
      </c>
      <c r="G16435" s="8">
        <v>253</v>
      </c>
      <c r="H16435" s="5">
        <v>6</v>
      </c>
      <c r="I16435" s="5" t="s">
        <v>1518</v>
      </c>
      <c r="J16435" s="5" t="s">
        <v>36264</v>
      </c>
      <c r="K16435" s="2" t="s">
        <v>49668</v>
      </c>
      <c r="L16435" s="5" t="s">
        <v>36264</v>
      </c>
      <c r="M16435" s="2" t="s">
        <v>49668</v>
      </c>
      <c r="N16435" s="5" t="s">
        <v>19227</v>
      </c>
      <c r="O16435" s="5" t="s">
        <v>38</v>
      </c>
      <c r="P16435" s="5" t="s">
        <v>39</v>
      </c>
      <c r="Q16435" s="5" t="s">
        <v>40</v>
      </c>
      <c r="R16435" s="5" t="s">
        <v>1487</v>
      </c>
      <c r="S16435" s="5"/>
      <c r="T16435" s="5" t="s">
        <v>42</v>
      </c>
      <c r="U16435" s="2">
        <v>0</v>
      </c>
      <c r="V16435" s="2">
        <v>0</v>
      </c>
      <c r="W16435" s="2">
        <v>0</v>
      </c>
      <c r="X16435" s="2">
        <v>0</v>
      </c>
      <c r="Y16435" s="2">
        <v>0</v>
      </c>
      <c r="Z16435" s="2">
        <v>0</v>
      </c>
      <c r="AA16435" s="5"/>
      <c r="AB16435" s="5" t="s">
        <v>43</v>
      </c>
      <c r="AC16435" s="5" t="s">
        <v>44</v>
      </c>
      <c r="AD16435" s="2"/>
      <c r="AE16435" s="1"/>
    </row>
    <row r="16436" spans="1:31" ht="14.45">
      <c r="A16436" s="11"/>
      <c r="B16436" s="20"/>
      <c r="C16436" s="2" t="s">
        <v>50266</v>
      </c>
      <c r="D16436" s="14" t="s">
        <v>50267</v>
      </c>
      <c r="E16436" s="2" t="s">
        <v>50268</v>
      </c>
      <c r="F16436" s="2" t="s">
        <v>7204</v>
      </c>
      <c r="G16436" s="8">
        <v>263</v>
      </c>
      <c r="H16436" s="5">
        <v>6</v>
      </c>
      <c r="I16436" s="5" t="s">
        <v>1518</v>
      </c>
      <c r="J16436" s="5" t="s">
        <v>36264</v>
      </c>
      <c r="K16436" s="2" t="s">
        <v>49668</v>
      </c>
      <c r="L16436" s="5" t="s">
        <v>36264</v>
      </c>
      <c r="M16436" s="2" t="s">
        <v>49668</v>
      </c>
      <c r="N16436" s="5" t="s">
        <v>19227</v>
      </c>
      <c r="O16436" s="5" t="s">
        <v>38</v>
      </c>
      <c r="P16436" s="5" t="s">
        <v>39</v>
      </c>
      <c r="Q16436" s="5" t="s">
        <v>40</v>
      </c>
      <c r="R16436" s="5" t="s">
        <v>1487</v>
      </c>
      <c r="S16436" s="5"/>
      <c r="T16436" s="5" t="s">
        <v>42</v>
      </c>
      <c r="U16436" s="2">
        <v>0</v>
      </c>
      <c r="V16436" s="2">
        <v>0</v>
      </c>
      <c r="W16436" s="2">
        <v>0</v>
      </c>
      <c r="X16436" s="2">
        <v>0</v>
      </c>
      <c r="Y16436" s="2">
        <v>0</v>
      </c>
      <c r="Z16436" s="2">
        <v>0</v>
      </c>
      <c r="AA16436" s="5"/>
      <c r="AB16436" s="5" t="s">
        <v>43</v>
      </c>
      <c r="AC16436" s="5" t="s">
        <v>44</v>
      </c>
      <c r="AD16436" s="2"/>
      <c r="AE16436" s="1"/>
    </row>
    <row r="16437" spans="1:31" ht="14.45">
      <c r="A16437" s="11"/>
      <c r="B16437" s="20"/>
      <c r="C16437" s="2" t="s">
        <v>50269</v>
      </c>
      <c r="D16437" s="14" t="s">
        <v>50270</v>
      </c>
      <c r="E16437" s="2" t="s">
        <v>50271</v>
      </c>
      <c r="F16437" s="2" t="s">
        <v>7514</v>
      </c>
      <c r="G16437" s="8">
        <v>263</v>
      </c>
      <c r="H16437" s="5">
        <v>6</v>
      </c>
      <c r="I16437" s="5" t="s">
        <v>1518</v>
      </c>
      <c r="J16437" s="5" t="s">
        <v>36264</v>
      </c>
      <c r="K16437" s="2" t="s">
        <v>49668</v>
      </c>
      <c r="L16437" s="5" t="s">
        <v>36264</v>
      </c>
      <c r="M16437" s="2" t="s">
        <v>49668</v>
      </c>
      <c r="N16437" s="5" t="s">
        <v>19227</v>
      </c>
      <c r="O16437" s="5" t="s">
        <v>38</v>
      </c>
      <c r="P16437" s="5" t="s">
        <v>39</v>
      </c>
      <c r="Q16437" s="5" t="s">
        <v>40</v>
      </c>
      <c r="R16437" s="5" t="s">
        <v>1487</v>
      </c>
      <c r="S16437" s="5"/>
      <c r="T16437" s="5" t="s">
        <v>42</v>
      </c>
      <c r="U16437" s="2">
        <v>0</v>
      </c>
      <c r="V16437" s="2">
        <v>0</v>
      </c>
      <c r="W16437" s="2">
        <v>0</v>
      </c>
      <c r="X16437" s="2">
        <v>0</v>
      </c>
      <c r="Y16437" s="2">
        <v>0</v>
      </c>
      <c r="Z16437" s="2">
        <v>0</v>
      </c>
      <c r="AA16437" s="5"/>
      <c r="AB16437" s="5" t="s">
        <v>43</v>
      </c>
      <c r="AC16437" s="5" t="s">
        <v>44</v>
      </c>
      <c r="AD16437" s="2"/>
      <c r="AE16437" s="1"/>
    </row>
    <row r="16438" spans="1:31" ht="14.45">
      <c r="A16438" s="11"/>
      <c r="B16438" s="20"/>
      <c r="C16438" s="2" t="s">
        <v>50272</v>
      </c>
      <c r="D16438" s="14" t="s">
        <v>50273</v>
      </c>
      <c r="E16438" s="2" t="s">
        <v>50274</v>
      </c>
      <c r="F16438" s="2" t="s">
        <v>36273</v>
      </c>
      <c r="G16438" s="8">
        <v>263</v>
      </c>
      <c r="H16438" s="5">
        <v>6</v>
      </c>
      <c r="I16438" s="5" t="s">
        <v>1518</v>
      </c>
      <c r="J16438" s="5" t="s">
        <v>36264</v>
      </c>
      <c r="K16438" s="2" t="s">
        <v>49668</v>
      </c>
      <c r="L16438" s="5" t="s">
        <v>36264</v>
      </c>
      <c r="M16438" s="2" t="s">
        <v>49668</v>
      </c>
      <c r="N16438" s="5" t="s">
        <v>19227</v>
      </c>
      <c r="O16438" s="5" t="s">
        <v>38</v>
      </c>
      <c r="P16438" s="5" t="s">
        <v>39</v>
      </c>
      <c r="Q16438" s="5" t="s">
        <v>40</v>
      </c>
      <c r="R16438" s="5" t="s">
        <v>1487</v>
      </c>
      <c r="S16438" s="5"/>
      <c r="T16438" s="5" t="s">
        <v>42</v>
      </c>
      <c r="U16438" s="2">
        <v>0</v>
      </c>
      <c r="V16438" s="2">
        <v>0</v>
      </c>
      <c r="W16438" s="2">
        <v>0</v>
      </c>
      <c r="X16438" s="2">
        <v>0</v>
      </c>
      <c r="Y16438" s="2">
        <v>0</v>
      </c>
      <c r="Z16438" s="2">
        <v>0</v>
      </c>
      <c r="AA16438" s="5"/>
      <c r="AB16438" s="5" t="s">
        <v>43</v>
      </c>
      <c r="AC16438" s="5" t="s">
        <v>44</v>
      </c>
      <c r="AD16438" s="2"/>
      <c r="AE16438" s="1"/>
    </row>
    <row r="16439" spans="1:31" ht="14.45">
      <c r="A16439" s="11"/>
      <c r="B16439" s="20"/>
      <c r="C16439" s="2" t="s">
        <v>50275</v>
      </c>
      <c r="D16439" s="14" t="s">
        <v>50276</v>
      </c>
      <c r="E16439" s="2" t="s">
        <v>50277</v>
      </c>
      <c r="F16439" s="2" t="s">
        <v>36277</v>
      </c>
      <c r="G16439" s="8">
        <v>263</v>
      </c>
      <c r="H16439" s="5">
        <v>6</v>
      </c>
      <c r="I16439" s="5" t="s">
        <v>1518</v>
      </c>
      <c r="J16439" s="5" t="s">
        <v>36264</v>
      </c>
      <c r="K16439" s="2" t="s">
        <v>49668</v>
      </c>
      <c r="L16439" s="5" t="s">
        <v>36264</v>
      </c>
      <c r="M16439" s="2" t="s">
        <v>49668</v>
      </c>
      <c r="N16439" s="5" t="s">
        <v>19227</v>
      </c>
      <c r="O16439" s="5" t="s">
        <v>38</v>
      </c>
      <c r="P16439" s="5" t="s">
        <v>39</v>
      </c>
      <c r="Q16439" s="5" t="s">
        <v>40</v>
      </c>
      <c r="R16439" s="5" t="s">
        <v>1487</v>
      </c>
      <c r="S16439" s="5"/>
      <c r="T16439" s="5" t="s">
        <v>42</v>
      </c>
      <c r="U16439" s="2">
        <v>0</v>
      </c>
      <c r="V16439" s="2">
        <v>0</v>
      </c>
      <c r="W16439" s="2">
        <v>0</v>
      </c>
      <c r="X16439" s="2">
        <v>0</v>
      </c>
      <c r="Y16439" s="2">
        <v>0</v>
      </c>
      <c r="Z16439" s="2">
        <v>0</v>
      </c>
      <c r="AA16439" s="5"/>
      <c r="AB16439" s="5" t="s">
        <v>43</v>
      </c>
      <c r="AC16439" s="5" t="s">
        <v>44</v>
      </c>
      <c r="AD16439" s="2"/>
      <c r="AE16439" s="1"/>
    </row>
    <row r="16440" spans="1:31" ht="14.45">
      <c r="A16440" s="11"/>
      <c r="B16440" s="20"/>
      <c r="C16440" s="2" t="s">
        <v>50278</v>
      </c>
      <c r="D16440" s="14" t="s">
        <v>50279</v>
      </c>
      <c r="E16440" s="2" t="s">
        <v>50280</v>
      </c>
      <c r="F16440" s="2" t="s">
        <v>36297</v>
      </c>
      <c r="G16440" s="8">
        <v>263</v>
      </c>
      <c r="H16440" s="5">
        <v>6</v>
      </c>
      <c r="I16440" s="5" t="s">
        <v>1518</v>
      </c>
      <c r="J16440" s="5" t="s">
        <v>36264</v>
      </c>
      <c r="K16440" s="2" t="s">
        <v>49668</v>
      </c>
      <c r="L16440" s="5" t="s">
        <v>36264</v>
      </c>
      <c r="M16440" s="2" t="s">
        <v>49668</v>
      </c>
      <c r="N16440" s="5" t="s">
        <v>19227</v>
      </c>
      <c r="O16440" s="5" t="s">
        <v>38</v>
      </c>
      <c r="P16440" s="5" t="s">
        <v>39</v>
      </c>
      <c r="Q16440" s="5" t="s">
        <v>40</v>
      </c>
      <c r="R16440" s="5" t="s">
        <v>1487</v>
      </c>
      <c r="S16440" s="5"/>
      <c r="T16440" s="5" t="s">
        <v>42</v>
      </c>
      <c r="U16440" s="2">
        <v>0</v>
      </c>
      <c r="V16440" s="2">
        <v>0</v>
      </c>
      <c r="W16440" s="2">
        <v>0</v>
      </c>
      <c r="X16440" s="2">
        <v>0</v>
      </c>
      <c r="Y16440" s="2">
        <v>0</v>
      </c>
      <c r="Z16440" s="2">
        <v>0</v>
      </c>
      <c r="AA16440" s="5"/>
      <c r="AB16440" s="5" t="s">
        <v>43</v>
      </c>
      <c r="AC16440" s="5" t="s">
        <v>44</v>
      </c>
      <c r="AD16440" s="2"/>
      <c r="AE16440" s="1"/>
    </row>
    <row r="16441" spans="1:31" ht="14.45">
      <c r="A16441" s="11"/>
      <c r="B16441" s="20"/>
      <c r="C16441" s="2" t="s">
        <v>50281</v>
      </c>
      <c r="D16441" s="14" t="s">
        <v>50282</v>
      </c>
      <c r="E16441" s="2" t="s">
        <v>50283</v>
      </c>
      <c r="F16441" s="2" t="s">
        <v>36301</v>
      </c>
      <c r="G16441" s="8">
        <v>263</v>
      </c>
      <c r="H16441" s="5">
        <v>6</v>
      </c>
      <c r="I16441" s="5" t="s">
        <v>1518</v>
      </c>
      <c r="J16441" s="5" t="s">
        <v>36264</v>
      </c>
      <c r="K16441" s="2" t="s">
        <v>49668</v>
      </c>
      <c r="L16441" s="5" t="s">
        <v>36264</v>
      </c>
      <c r="M16441" s="2" t="s">
        <v>49668</v>
      </c>
      <c r="N16441" s="5" t="s">
        <v>19227</v>
      </c>
      <c r="O16441" s="5" t="s">
        <v>38</v>
      </c>
      <c r="P16441" s="5" t="s">
        <v>39</v>
      </c>
      <c r="Q16441" s="5" t="s">
        <v>40</v>
      </c>
      <c r="R16441" s="5" t="s">
        <v>1487</v>
      </c>
      <c r="S16441" s="5"/>
      <c r="T16441" s="5" t="s">
        <v>42</v>
      </c>
      <c r="U16441" s="2">
        <v>0</v>
      </c>
      <c r="V16441" s="2">
        <v>0</v>
      </c>
      <c r="W16441" s="2">
        <v>0</v>
      </c>
      <c r="X16441" s="2">
        <v>0</v>
      </c>
      <c r="Y16441" s="2">
        <v>0</v>
      </c>
      <c r="Z16441" s="2">
        <v>0</v>
      </c>
      <c r="AA16441" s="5"/>
      <c r="AB16441" s="5" t="s">
        <v>43</v>
      </c>
      <c r="AC16441" s="5" t="s">
        <v>44</v>
      </c>
      <c r="AD16441" s="2"/>
      <c r="AE16441" s="1"/>
    </row>
    <row r="16442" spans="1:31" ht="14.45">
      <c r="A16442" s="11"/>
      <c r="B16442" s="20"/>
      <c r="C16442" s="2" t="s">
        <v>50284</v>
      </c>
      <c r="D16442" s="14" t="s">
        <v>50285</v>
      </c>
      <c r="E16442" s="2" t="s">
        <v>50286</v>
      </c>
      <c r="F16442" s="2" t="s">
        <v>36305</v>
      </c>
      <c r="G16442" s="8">
        <v>263</v>
      </c>
      <c r="H16442" s="5">
        <v>6</v>
      </c>
      <c r="I16442" s="5" t="s">
        <v>1518</v>
      </c>
      <c r="J16442" s="5" t="s">
        <v>36264</v>
      </c>
      <c r="K16442" s="2" t="s">
        <v>49668</v>
      </c>
      <c r="L16442" s="5" t="s">
        <v>36264</v>
      </c>
      <c r="M16442" s="2" t="s">
        <v>49668</v>
      </c>
      <c r="N16442" s="5" t="s">
        <v>19227</v>
      </c>
      <c r="O16442" s="5" t="s">
        <v>38</v>
      </c>
      <c r="P16442" s="5" t="s">
        <v>39</v>
      </c>
      <c r="Q16442" s="5" t="s">
        <v>40</v>
      </c>
      <c r="R16442" s="5" t="s">
        <v>1487</v>
      </c>
      <c r="S16442" s="5"/>
      <c r="T16442" s="5" t="s">
        <v>42</v>
      </c>
      <c r="U16442" s="2">
        <v>0</v>
      </c>
      <c r="V16442" s="2">
        <v>0</v>
      </c>
      <c r="W16442" s="2">
        <v>0</v>
      </c>
      <c r="X16442" s="2">
        <v>0</v>
      </c>
      <c r="Y16442" s="2">
        <v>0</v>
      </c>
      <c r="Z16442" s="2">
        <v>0</v>
      </c>
      <c r="AA16442" s="5"/>
      <c r="AB16442" s="5" t="s">
        <v>43</v>
      </c>
      <c r="AC16442" s="5" t="s">
        <v>44</v>
      </c>
      <c r="AD16442" s="2"/>
      <c r="AE16442" s="1"/>
    </row>
    <row r="16443" spans="1:31" ht="14.45">
      <c r="A16443" s="11"/>
      <c r="B16443" s="20"/>
      <c r="C16443" s="2" t="s">
        <v>50287</v>
      </c>
      <c r="D16443" s="14" t="s">
        <v>50288</v>
      </c>
      <c r="E16443" s="2" t="s">
        <v>50289</v>
      </c>
      <c r="F16443" s="2" t="s">
        <v>36309</v>
      </c>
      <c r="G16443" s="8">
        <v>263</v>
      </c>
      <c r="H16443" s="5">
        <v>6</v>
      </c>
      <c r="I16443" s="5" t="s">
        <v>1518</v>
      </c>
      <c r="J16443" s="5" t="s">
        <v>36264</v>
      </c>
      <c r="K16443" s="2" t="s">
        <v>49668</v>
      </c>
      <c r="L16443" s="5" t="s">
        <v>36264</v>
      </c>
      <c r="M16443" s="2" t="s">
        <v>49668</v>
      </c>
      <c r="N16443" s="5" t="s">
        <v>19227</v>
      </c>
      <c r="O16443" s="5" t="s">
        <v>38</v>
      </c>
      <c r="P16443" s="5" t="s">
        <v>39</v>
      </c>
      <c r="Q16443" s="5" t="s">
        <v>40</v>
      </c>
      <c r="R16443" s="5" t="s">
        <v>1487</v>
      </c>
      <c r="S16443" s="5"/>
      <c r="T16443" s="5" t="s">
        <v>42</v>
      </c>
      <c r="U16443" s="2">
        <v>0</v>
      </c>
      <c r="V16443" s="2">
        <v>0</v>
      </c>
      <c r="W16443" s="2">
        <v>0</v>
      </c>
      <c r="X16443" s="2">
        <v>0</v>
      </c>
      <c r="Y16443" s="2">
        <v>0</v>
      </c>
      <c r="Z16443" s="2">
        <v>0</v>
      </c>
      <c r="AA16443" s="5"/>
      <c r="AB16443" s="5" t="s">
        <v>43</v>
      </c>
      <c r="AC16443" s="5" t="s">
        <v>44</v>
      </c>
      <c r="AD16443" s="2"/>
      <c r="AE16443" s="1"/>
    </row>
    <row r="16444" spans="1:31" ht="14.45">
      <c r="A16444" s="11"/>
      <c r="B16444" s="20"/>
      <c r="C16444" s="2" t="s">
        <v>50290</v>
      </c>
      <c r="D16444" s="14" t="s">
        <v>50291</v>
      </c>
      <c r="E16444" s="2" t="s">
        <v>50292</v>
      </c>
      <c r="F16444" s="2" t="s">
        <v>7204</v>
      </c>
      <c r="G16444" s="8">
        <v>276</v>
      </c>
      <c r="H16444" s="5">
        <v>6</v>
      </c>
      <c r="I16444" s="5" t="s">
        <v>1518</v>
      </c>
      <c r="J16444" s="5" t="s">
        <v>36264</v>
      </c>
      <c r="K16444" s="2" t="s">
        <v>49668</v>
      </c>
      <c r="L16444" s="5" t="s">
        <v>36264</v>
      </c>
      <c r="M16444" s="2" t="s">
        <v>49668</v>
      </c>
      <c r="N16444" s="5" t="s">
        <v>19227</v>
      </c>
      <c r="O16444" s="5" t="s">
        <v>38</v>
      </c>
      <c r="P16444" s="5" t="s">
        <v>39</v>
      </c>
      <c r="Q16444" s="5" t="s">
        <v>40</v>
      </c>
      <c r="R16444" s="5" t="s">
        <v>1487</v>
      </c>
      <c r="S16444" s="5"/>
      <c r="T16444" s="5" t="s">
        <v>42</v>
      </c>
      <c r="U16444" s="2">
        <v>0</v>
      </c>
      <c r="V16444" s="2">
        <v>0</v>
      </c>
      <c r="W16444" s="2">
        <v>0</v>
      </c>
      <c r="X16444" s="2">
        <v>0</v>
      </c>
      <c r="Y16444" s="2">
        <v>0</v>
      </c>
      <c r="Z16444" s="2">
        <v>0</v>
      </c>
      <c r="AA16444" s="5"/>
      <c r="AB16444" s="5" t="s">
        <v>43</v>
      </c>
      <c r="AC16444" s="5" t="s">
        <v>44</v>
      </c>
      <c r="AD16444" s="2"/>
      <c r="AE16444" s="1"/>
    </row>
    <row r="16445" spans="1:31" ht="14.45">
      <c r="A16445" s="11"/>
      <c r="B16445" s="20"/>
      <c r="C16445" s="2" t="s">
        <v>50293</v>
      </c>
      <c r="D16445" s="14" t="s">
        <v>50294</v>
      </c>
      <c r="E16445" s="2" t="s">
        <v>50295</v>
      </c>
      <c r="F16445" s="2" t="s">
        <v>7514</v>
      </c>
      <c r="G16445" s="8">
        <v>276</v>
      </c>
      <c r="H16445" s="5">
        <v>6</v>
      </c>
      <c r="I16445" s="5" t="s">
        <v>1518</v>
      </c>
      <c r="J16445" s="5" t="s">
        <v>36264</v>
      </c>
      <c r="K16445" s="2" t="s">
        <v>49668</v>
      </c>
      <c r="L16445" s="5" t="s">
        <v>36264</v>
      </c>
      <c r="M16445" s="2" t="s">
        <v>49668</v>
      </c>
      <c r="N16445" s="5" t="s">
        <v>19227</v>
      </c>
      <c r="O16445" s="5" t="s">
        <v>38</v>
      </c>
      <c r="P16445" s="5" t="s">
        <v>39</v>
      </c>
      <c r="Q16445" s="5" t="s">
        <v>40</v>
      </c>
      <c r="R16445" s="5" t="s">
        <v>1487</v>
      </c>
      <c r="S16445" s="5"/>
      <c r="T16445" s="5" t="s">
        <v>42</v>
      </c>
      <c r="U16445" s="2">
        <v>0</v>
      </c>
      <c r="V16445" s="2">
        <v>0</v>
      </c>
      <c r="W16445" s="2">
        <v>0</v>
      </c>
      <c r="X16445" s="2">
        <v>0</v>
      </c>
      <c r="Y16445" s="2">
        <v>0</v>
      </c>
      <c r="Z16445" s="2">
        <v>0</v>
      </c>
      <c r="AA16445" s="5"/>
      <c r="AB16445" s="5" t="s">
        <v>43</v>
      </c>
      <c r="AC16445" s="5" t="s">
        <v>44</v>
      </c>
      <c r="AD16445" s="2"/>
      <c r="AE16445" s="1"/>
    </row>
    <row r="16446" spans="1:31" ht="14.45">
      <c r="A16446" s="11"/>
      <c r="B16446" s="20"/>
      <c r="C16446" s="2" t="s">
        <v>50296</v>
      </c>
      <c r="D16446" s="14" t="s">
        <v>50297</v>
      </c>
      <c r="E16446" s="2" t="s">
        <v>50298</v>
      </c>
      <c r="F16446" s="2" t="s">
        <v>36273</v>
      </c>
      <c r="G16446" s="8">
        <v>276</v>
      </c>
      <c r="H16446" s="5">
        <v>6</v>
      </c>
      <c r="I16446" s="5" t="s">
        <v>1518</v>
      </c>
      <c r="J16446" s="5" t="s">
        <v>36264</v>
      </c>
      <c r="K16446" s="2" t="s">
        <v>49668</v>
      </c>
      <c r="L16446" s="5" t="s">
        <v>36264</v>
      </c>
      <c r="M16446" s="2" t="s">
        <v>49668</v>
      </c>
      <c r="N16446" s="5" t="s">
        <v>19227</v>
      </c>
      <c r="O16446" s="5" t="s">
        <v>38</v>
      </c>
      <c r="P16446" s="5" t="s">
        <v>39</v>
      </c>
      <c r="Q16446" s="5" t="s">
        <v>40</v>
      </c>
      <c r="R16446" s="5" t="s">
        <v>1487</v>
      </c>
      <c r="S16446" s="5"/>
      <c r="T16446" s="5" t="s">
        <v>42</v>
      </c>
      <c r="U16446" s="2">
        <v>0</v>
      </c>
      <c r="V16446" s="2">
        <v>0</v>
      </c>
      <c r="W16446" s="2">
        <v>0</v>
      </c>
      <c r="X16446" s="2">
        <v>0</v>
      </c>
      <c r="Y16446" s="2">
        <v>0</v>
      </c>
      <c r="Z16446" s="2">
        <v>0</v>
      </c>
      <c r="AA16446" s="5"/>
      <c r="AB16446" s="5" t="s">
        <v>43</v>
      </c>
      <c r="AC16446" s="5" t="s">
        <v>44</v>
      </c>
      <c r="AD16446" s="2"/>
      <c r="AE16446" s="1"/>
    </row>
    <row r="16447" spans="1:31" ht="14.45">
      <c r="A16447" s="11"/>
      <c r="B16447" s="20"/>
      <c r="C16447" s="2" t="s">
        <v>50299</v>
      </c>
      <c r="D16447" s="14" t="s">
        <v>50300</v>
      </c>
      <c r="E16447" s="2" t="s">
        <v>50301</v>
      </c>
      <c r="F16447" s="2" t="s">
        <v>36277</v>
      </c>
      <c r="G16447" s="8">
        <v>276</v>
      </c>
      <c r="H16447" s="5">
        <v>6</v>
      </c>
      <c r="I16447" s="5" t="s">
        <v>1518</v>
      </c>
      <c r="J16447" s="5" t="s">
        <v>36264</v>
      </c>
      <c r="K16447" s="2" t="s">
        <v>49668</v>
      </c>
      <c r="L16447" s="5" t="s">
        <v>36264</v>
      </c>
      <c r="M16447" s="2" t="s">
        <v>49668</v>
      </c>
      <c r="N16447" s="5" t="s">
        <v>19227</v>
      </c>
      <c r="O16447" s="5" t="s">
        <v>38</v>
      </c>
      <c r="P16447" s="5" t="s">
        <v>39</v>
      </c>
      <c r="Q16447" s="5" t="s">
        <v>40</v>
      </c>
      <c r="R16447" s="5" t="s">
        <v>1487</v>
      </c>
      <c r="S16447" s="5"/>
      <c r="T16447" s="5" t="s">
        <v>42</v>
      </c>
      <c r="U16447" s="2">
        <v>0</v>
      </c>
      <c r="V16447" s="2">
        <v>0</v>
      </c>
      <c r="W16447" s="2">
        <v>0</v>
      </c>
      <c r="X16447" s="2">
        <v>0</v>
      </c>
      <c r="Y16447" s="2">
        <v>0</v>
      </c>
      <c r="Z16447" s="2">
        <v>0</v>
      </c>
      <c r="AA16447" s="5"/>
      <c r="AB16447" s="5" t="s">
        <v>43</v>
      </c>
      <c r="AC16447" s="5" t="s">
        <v>44</v>
      </c>
      <c r="AD16447" s="2"/>
      <c r="AE16447" s="1"/>
    </row>
    <row r="16448" spans="1:31" ht="14.45">
      <c r="A16448" s="11"/>
      <c r="B16448" s="20"/>
      <c r="C16448" s="2" t="s">
        <v>50302</v>
      </c>
      <c r="D16448" s="14" t="s">
        <v>50303</v>
      </c>
      <c r="E16448" s="2" t="s">
        <v>50304</v>
      </c>
      <c r="F16448" s="2" t="s">
        <v>36297</v>
      </c>
      <c r="G16448" s="8">
        <v>276</v>
      </c>
      <c r="H16448" s="5">
        <v>6</v>
      </c>
      <c r="I16448" s="5" t="s">
        <v>1518</v>
      </c>
      <c r="J16448" s="5" t="s">
        <v>36264</v>
      </c>
      <c r="K16448" s="2" t="s">
        <v>49668</v>
      </c>
      <c r="L16448" s="5" t="s">
        <v>36264</v>
      </c>
      <c r="M16448" s="2" t="s">
        <v>49668</v>
      </c>
      <c r="N16448" s="5" t="s">
        <v>19227</v>
      </c>
      <c r="O16448" s="5" t="s">
        <v>38</v>
      </c>
      <c r="P16448" s="5" t="s">
        <v>39</v>
      </c>
      <c r="Q16448" s="5" t="s">
        <v>40</v>
      </c>
      <c r="R16448" s="5" t="s">
        <v>1487</v>
      </c>
      <c r="S16448" s="5"/>
      <c r="T16448" s="5" t="s">
        <v>42</v>
      </c>
      <c r="U16448" s="2">
        <v>0</v>
      </c>
      <c r="V16448" s="2">
        <v>0</v>
      </c>
      <c r="W16448" s="2">
        <v>0</v>
      </c>
      <c r="X16448" s="2">
        <v>0</v>
      </c>
      <c r="Y16448" s="2">
        <v>0</v>
      </c>
      <c r="Z16448" s="2">
        <v>0</v>
      </c>
      <c r="AA16448" s="5"/>
      <c r="AB16448" s="5" t="s">
        <v>43</v>
      </c>
      <c r="AC16448" s="5" t="s">
        <v>44</v>
      </c>
      <c r="AD16448" s="2"/>
      <c r="AE16448" s="1"/>
    </row>
    <row r="16449" spans="1:31" ht="14.45">
      <c r="A16449" s="11"/>
      <c r="B16449" s="20"/>
      <c r="C16449" s="2" t="s">
        <v>50305</v>
      </c>
      <c r="D16449" s="14" t="s">
        <v>50306</v>
      </c>
      <c r="E16449" s="2" t="s">
        <v>50307</v>
      </c>
      <c r="F16449" s="2" t="s">
        <v>36301</v>
      </c>
      <c r="G16449" s="8">
        <v>276</v>
      </c>
      <c r="H16449" s="5">
        <v>6</v>
      </c>
      <c r="I16449" s="5" t="s">
        <v>1518</v>
      </c>
      <c r="J16449" s="5" t="s">
        <v>36264</v>
      </c>
      <c r="K16449" s="2" t="s">
        <v>49668</v>
      </c>
      <c r="L16449" s="5" t="s">
        <v>36264</v>
      </c>
      <c r="M16449" s="2" t="s">
        <v>49668</v>
      </c>
      <c r="N16449" s="5" t="s">
        <v>19227</v>
      </c>
      <c r="O16449" s="5" t="s">
        <v>38</v>
      </c>
      <c r="P16449" s="5" t="s">
        <v>39</v>
      </c>
      <c r="Q16449" s="5" t="s">
        <v>40</v>
      </c>
      <c r="R16449" s="5" t="s">
        <v>1487</v>
      </c>
      <c r="S16449" s="5"/>
      <c r="T16449" s="5" t="s">
        <v>42</v>
      </c>
      <c r="U16449" s="2">
        <v>0</v>
      </c>
      <c r="V16449" s="2">
        <v>0</v>
      </c>
      <c r="W16449" s="2">
        <v>0</v>
      </c>
      <c r="X16449" s="2">
        <v>0</v>
      </c>
      <c r="Y16449" s="2">
        <v>0</v>
      </c>
      <c r="Z16449" s="2">
        <v>0</v>
      </c>
      <c r="AA16449" s="5"/>
      <c r="AB16449" s="5" t="s">
        <v>43</v>
      </c>
      <c r="AC16449" s="5" t="s">
        <v>44</v>
      </c>
      <c r="AD16449" s="2"/>
      <c r="AE16449" s="1"/>
    </row>
    <row r="16450" spans="1:31" ht="14.45">
      <c r="A16450" s="11"/>
      <c r="B16450" s="20"/>
      <c r="C16450" s="2" t="s">
        <v>50308</v>
      </c>
      <c r="D16450" s="14" t="s">
        <v>50309</v>
      </c>
      <c r="E16450" s="2" t="s">
        <v>50310</v>
      </c>
      <c r="F16450" s="2" t="s">
        <v>36305</v>
      </c>
      <c r="G16450" s="8">
        <v>276</v>
      </c>
      <c r="H16450" s="5">
        <v>6</v>
      </c>
      <c r="I16450" s="5" t="s">
        <v>1518</v>
      </c>
      <c r="J16450" s="5" t="s">
        <v>36264</v>
      </c>
      <c r="K16450" s="2" t="s">
        <v>49668</v>
      </c>
      <c r="L16450" s="5" t="s">
        <v>36264</v>
      </c>
      <c r="M16450" s="2" t="s">
        <v>49668</v>
      </c>
      <c r="N16450" s="5" t="s">
        <v>19227</v>
      </c>
      <c r="O16450" s="5" t="s">
        <v>38</v>
      </c>
      <c r="P16450" s="5" t="s">
        <v>39</v>
      </c>
      <c r="Q16450" s="5" t="s">
        <v>40</v>
      </c>
      <c r="R16450" s="5" t="s">
        <v>1487</v>
      </c>
      <c r="S16450" s="5"/>
      <c r="T16450" s="5" t="s">
        <v>42</v>
      </c>
      <c r="U16450" s="2">
        <v>0</v>
      </c>
      <c r="V16450" s="2">
        <v>0</v>
      </c>
      <c r="W16450" s="2">
        <v>0</v>
      </c>
      <c r="X16450" s="2">
        <v>0</v>
      </c>
      <c r="Y16450" s="2">
        <v>0</v>
      </c>
      <c r="Z16450" s="2">
        <v>0</v>
      </c>
      <c r="AA16450" s="5"/>
      <c r="AB16450" s="5" t="s">
        <v>43</v>
      </c>
      <c r="AC16450" s="5" t="s">
        <v>44</v>
      </c>
      <c r="AD16450" s="2"/>
      <c r="AE16450" s="1"/>
    </row>
    <row r="16451" spans="1:31" ht="14.45">
      <c r="A16451" s="11"/>
      <c r="B16451" s="20"/>
      <c r="C16451" s="2" t="s">
        <v>50311</v>
      </c>
      <c r="D16451" s="14" t="s">
        <v>50312</v>
      </c>
      <c r="E16451" s="2" t="s">
        <v>50313</v>
      </c>
      <c r="F16451" s="2" t="s">
        <v>36309</v>
      </c>
      <c r="G16451" s="8">
        <v>276</v>
      </c>
      <c r="H16451" s="5">
        <v>6</v>
      </c>
      <c r="I16451" s="5" t="s">
        <v>1518</v>
      </c>
      <c r="J16451" s="5" t="s">
        <v>36264</v>
      </c>
      <c r="K16451" s="2" t="s">
        <v>49668</v>
      </c>
      <c r="L16451" s="5" t="s">
        <v>36264</v>
      </c>
      <c r="M16451" s="2" t="s">
        <v>49668</v>
      </c>
      <c r="N16451" s="5" t="s">
        <v>19227</v>
      </c>
      <c r="O16451" s="5" t="s">
        <v>38</v>
      </c>
      <c r="P16451" s="5" t="s">
        <v>39</v>
      </c>
      <c r="Q16451" s="5" t="s">
        <v>40</v>
      </c>
      <c r="R16451" s="5" t="s">
        <v>1487</v>
      </c>
      <c r="S16451" s="5"/>
      <c r="T16451" s="5" t="s">
        <v>42</v>
      </c>
      <c r="U16451" s="2">
        <v>0</v>
      </c>
      <c r="V16451" s="2">
        <v>0</v>
      </c>
      <c r="W16451" s="2">
        <v>0</v>
      </c>
      <c r="X16451" s="2">
        <v>0</v>
      </c>
      <c r="Y16451" s="2">
        <v>0</v>
      </c>
      <c r="Z16451" s="2">
        <v>0</v>
      </c>
      <c r="AA16451" s="5"/>
      <c r="AB16451" s="5" t="s">
        <v>43</v>
      </c>
      <c r="AC16451" s="5" t="s">
        <v>44</v>
      </c>
      <c r="AD16451" s="2"/>
      <c r="AE16451" s="1"/>
    </row>
    <row r="16452" spans="1:31" ht="14.45">
      <c r="A16452" s="11"/>
      <c r="B16452" s="20"/>
      <c r="C16452" s="2" t="s">
        <v>50314</v>
      </c>
      <c r="D16452" s="14" t="s">
        <v>50315</v>
      </c>
      <c r="E16452" s="2" t="s">
        <v>50316</v>
      </c>
      <c r="F16452" s="2" t="s">
        <v>7204</v>
      </c>
      <c r="G16452" s="8">
        <v>282</v>
      </c>
      <c r="H16452" s="5">
        <v>6</v>
      </c>
      <c r="I16452" s="5" t="s">
        <v>1518</v>
      </c>
      <c r="J16452" s="5" t="s">
        <v>36264</v>
      </c>
      <c r="K16452" s="2" t="s">
        <v>49668</v>
      </c>
      <c r="L16452" s="5" t="s">
        <v>36264</v>
      </c>
      <c r="M16452" s="2" t="s">
        <v>49668</v>
      </c>
      <c r="N16452" s="5" t="s">
        <v>19227</v>
      </c>
      <c r="O16452" s="5" t="s">
        <v>38</v>
      </c>
      <c r="P16452" s="5" t="s">
        <v>39</v>
      </c>
      <c r="Q16452" s="5" t="s">
        <v>40</v>
      </c>
      <c r="R16452" s="5" t="s">
        <v>1487</v>
      </c>
      <c r="S16452" s="5"/>
      <c r="T16452" s="5" t="s">
        <v>42</v>
      </c>
      <c r="U16452" s="2">
        <v>0</v>
      </c>
      <c r="V16452" s="2">
        <v>0</v>
      </c>
      <c r="W16452" s="2">
        <v>0</v>
      </c>
      <c r="X16452" s="2">
        <v>0</v>
      </c>
      <c r="Y16452" s="2">
        <v>0</v>
      </c>
      <c r="Z16452" s="2">
        <v>0</v>
      </c>
      <c r="AA16452" s="5"/>
      <c r="AB16452" s="5" t="s">
        <v>43</v>
      </c>
      <c r="AC16452" s="5" t="s">
        <v>44</v>
      </c>
      <c r="AD16452" s="2"/>
      <c r="AE16452" s="1"/>
    </row>
    <row r="16453" spans="1:31" ht="14.45">
      <c r="A16453" s="11"/>
      <c r="B16453" s="20"/>
      <c r="C16453" s="2" t="s">
        <v>50317</v>
      </c>
      <c r="D16453" s="14" t="s">
        <v>50318</v>
      </c>
      <c r="E16453" s="2" t="s">
        <v>50319</v>
      </c>
      <c r="F16453" s="2" t="s">
        <v>7514</v>
      </c>
      <c r="G16453" s="8">
        <v>282</v>
      </c>
      <c r="H16453" s="5">
        <v>6</v>
      </c>
      <c r="I16453" s="5" t="s">
        <v>1518</v>
      </c>
      <c r="J16453" s="5" t="s">
        <v>36264</v>
      </c>
      <c r="K16453" s="2" t="s">
        <v>49668</v>
      </c>
      <c r="L16453" s="5" t="s">
        <v>36264</v>
      </c>
      <c r="M16453" s="2" t="s">
        <v>49668</v>
      </c>
      <c r="N16453" s="5" t="s">
        <v>19227</v>
      </c>
      <c r="O16453" s="5" t="s">
        <v>38</v>
      </c>
      <c r="P16453" s="5" t="s">
        <v>39</v>
      </c>
      <c r="Q16453" s="5" t="s">
        <v>40</v>
      </c>
      <c r="R16453" s="5" t="s">
        <v>1487</v>
      </c>
      <c r="S16453" s="5"/>
      <c r="T16453" s="5" t="s">
        <v>42</v>
      </c>
      <c r="U16453" s="2">
        <v>0</v>
      </c>
      <c r="V16453" s="2">
        <v>0</v>
      </c>
      <c r="W16453" s="2">
        <v>0</v>
      </c>
      <c r="X16453" s="2">
        <v>0</v>
      </c>
      <c r="Y16453" s="2">
        <v>0</v>
      </c>
      <c r="Z16453" s="2">
        <v>0</v>
      </c>
      <c r="AA16453" s="5"/>
      <c r="AB16453" s="5" t="s">
        <v>43</v>
      </c>
      <c r="AC16453" s="5" t="s">
        <v>44</v>
      </c>
      <c r="AD16453" s="2"/>
      <c r="AE16453" s="1"/>
    </row>
    <row r="16454" spans="1:31" ht="14.45">
      <c r="A16454" s="11"/>
      <c r="B16454" s="20"/>
      <c r="C16454" s="2" t="s">
        <v>50320</v>
      </c>
      <c r="D16454" s="14" t="s">
        <v>50321</v>
      </c>
      <c r="E16454" s="2" t="s">
        <v>50322</v>
      </c>
      <c r="F16454" s="2" t="s">
        <v>36273</v>
      </c>
      <c r="G16454" s="8">
        <v>282</v>
      </c>
      <c r="H16454" s="5">
        <v>6</v>
      </c>
      <c r="I16454" s="5" t="s">
        <v>1518</v>
      </c>
      <c r="J16454" s="5" t="s">
        <v>36264</v>
      </c>
      <c r="K16454" s="2" t="s">
        <v>49668</v>
      </c>
      <c r="L16454" s="5" t="s">
        <v>36264</v>
      </c>
      <c r="M16454" s="2" t="s">
        <v>49668</v>
      </c>
      <c r="N16454" s="5" t="s">
        <v>19227</v>
      </c>
      <c r="O16454" s="5" t="s">
        <v>38</v>
      </c>
      <c r="P16454" s="5" t="s">
        <v>39</v>
      </c>
      <c r="Q16454" s="5" t="s">
        <v>40</v>
      </c>
      <c r="R16454" s="5" t="s">
        <v>1487</v>
      </c>
      <c r="S16454" s="5"/>
      <c r="T16454" s="5" t="s">
        <v>42</v>
      </c>
      <c r="U16454" s="2">
        <v>0</v>
      </c>
      <c r="V16454" s="2">
        <v>0</v>
      </c>
      <c r="W16454" s="2">
        <v>0</v>
      </c>
      <c r="X16454" s="2">
        <v>0</v>
      </c>
      <c r="Y16454" s="2">
        <v>0</v>
      </c>
      <c r="Z16454" s="2">
        <v>0</v>
      </c>
      <c r="AA16454" s="5"/>
      <c r="AB16454" s="5" t="s">
        <v>43</v>
      </c>
      <c r="AC16454" s="5" t="s">
        <v>44</v>
      </c>
      <c r="AD16454" s="2"/>
      <c r="AE16454" s="1"/>
    </row>
    <row r="16455" spans="1:31" ht="14.45">
      <c r="A16455" s="11"/>
      <c r="B16455" s="20"/>
      <c r="C16455" s="2" t="s">
        <v>50323</v>
      </c>
      <c r="D16455" s="14" t="s">
        <v>50324</v>
      </c>
      <c r="E16455" s="2" t="s">
        <v>50325</v>
      </c>
      <c r="F16455" s="2" t="s">
        <v>36277</v>
      </c>
      <c r="G16455" s="8">
        <v>282</v>
      </c>
      <c r="H16455" s="5">
        <v>6</v>
      </c>
      <c r="I16455" s="5" t="s">
        <v>1518</v>
      </c>
      <c r="J16455" s="5" t="s">
        <v>36264</v>
      </c>
      <c r="K16455" s="2" t="s">
        <v>49668</v>
      </c>
      <c r="L16455" s="5" t="s">
        <v>36264</v>
      </c>
      <c r="M16455" s="2" t="s">
        <v>49668</v>
      </c>
      <c r="N16455" s="5" t="s">
        <v>19227</v>
      </c>
      <c r="O16455" s="5" t="s">
        <v>38</v>
      </c>
      <c r="P16455" s="5" t="s">
        <v>39</v>
      </c>
      <c r="Q16455" s="5" t="s">
        <v>40</v>
      </c>
      <c r="R16455" s="5" t="s">
        <v>1487</v>
      </c>
      <c r="S16455" s="5"/>
      <c r="T16455" s="5" t="s">
        <v>42</v>
      </c>
      <c r="U16455" s="2">
        <v>0</v>
      </c>
      <c r="V16455" s="2">
        <v>0</v>
      </c>
      <c r="W16455" s="2">
        <v>0</v>
      </c>
      <c r="X16455" s="2">
        <v>0</v>
      </c>
      <c r="Y16455" s="2">
        <v>0</v>
      </c>
      <c r="Z16455" s="2">
        <v>0</v>
      </c>
      <c r="AA16455" s="5"/>
      <c r="AB16455" s="5" t="s">
        <v>43</v>
      </c>
      <c r="AC16455" s="5" t="s">
        <v>44</v>
      </c>
      <c r="AD16455" s="2"/>
      <c r="AE16455" s="1"/>
    </row>
    <row r="16456" spans="1:31" ht="14.45">
      <c r="A16456" s="11"/>
      <c r="B16456" s="20"/>
      <c r="C16456" s="2" t="s">
        <v>50326</v>
      </c>
      <c r="D16456" s="14" t="s">
        <v>50327</v>
      </c>
      <c r="E16456" s="2" t="s">
        <v>50328</v>
      </c>
      <c r="F16456" s="2" t="s">
        <v>36297</v>
      </c>
      <c r="G16456" s="8">
        <v>282</v>
      </c>
      <c r="H16456" s="5">
        <v>6</v>
      </c>
      <c r="I16456" s="5" t="s">
        <v>1518</v>
      </c>
      <c r="J16456" s="5" t="s">
        <v>36264</v>
      </c>
      <c r="K16456" s="2" t="s">
        <v>49668</v>
      </c>
      <c r="L16456" s="5" t="s">
        <v>36264</v>
      </c>
      <c r="M16456" s="2" t="s">
        <v>49668</v>
      </c>
      <c r="N16456" s="5" t="s">
        <v>19227</v>
      </c>
      <c r="O16456" s="5" t="s">
        <v>38</v>
      </c>
      <c r="P16456" s="5" t="s">
        <v>39</v>
      </c>
      <c r="Q16456" s="5" t="s">
        <v>40</v>
      </c>
      <c r="R16456" s="5" t="s">
        <v>1487</v>
      </c>
      <c r="S16456" s="5"/>
      <c r="T16456" s="5" t="s">
        <v>42</v>
      </c>
      <c r="U16456" s="2">
        <v>0</v>
      </c>
      <c r="V16456" s="2">
        <v>0</v>
      </c>
      <c r="W16456" s="2">
        <v>0</v>
      </c>
      <c r="X16456" s="2">
        <v>0</v>
      </c>
      <c r="Y16456" s="2">
        <v>0</v>
      </c>
      <c r="Z16456" s="2">
        <v>0</v>
      </c>
      <c r="AA16456" s="5"/>
      <c r="AB16456" s="5" t="s">
        <v>43</v>
      </c>
      <c r="AC16456" s="5" t="s">
        <v>44</v>
      </c>
      <c r="AD16456" s="2"/>
      <c r="AE16456" s="1"/>
    </row>
    <row r="16457" spans="1:31" ht="14.45">
      <c r="A16457" s="11"/>
      <c r="B16457" s="20"/>
      <c r="C16457" s="2" t="s">
        <v>50329</v>
      </c>
      <c r="D16457" s="14" t="s">
        <v>50330</v>
      </c>
      <c r="E16457" s="2" t="s">
        <v>50331</v>
      </c>
      <c r="F16457" s="2" t="s">
        <v>36301</v>
      </c>
      <c r="G16457" s="8">
        <v>282</v>
      </c>
      <c r="H16457" s="5">
        <v>6</v>
      </c>
      <c r="I16457" s="5" t="s">
        <v>1518</v>
      </c>
      <c r="J16457" s="5" t="s">
        <v>36264</v>
      </c>
      <c r="K16457" s="2" t="s">
        <v>49668</v>
      </c>
      <c r="L16457" s="5" t="s">
        <v>36264</v>
      </c>
      <c r="M16457" s="2" t="s">
        <v>49668</v>
      </c>
      <c r="N16457" s="5" t="s">
        <v>19227</v>
      </c>
      <c r="O16457" s="5" t="s">
        <v>38</v>
      </c>
      <c r="P16457" s="5" t="s">
        <v>39</v>
      </c>
      <c r="Q16457" s="5" t="s">
        <v>40</v>
      </c>
      <c r="R16457" s="5" t="s">
        <v>1487</v>
      </c>
      <c r="S16457" s="5"/>
      <c r="T16457" s="5" t="s">
        <v>42</v>
      </c>
      <c r="U16457" s="2">
        <v>0</v>
      </c>
      <c r="V16457" s="2">
        <v>0</v>
      </c>
      <c r="W16457" s="2">
        <v>0</v>
      </c>
      <c r="X16457" s="2">
        <v>0</v>
      </c>
      <c r="Y16457" s="2">
        <v>0</v>
      </c>
      <c r="Z16457" s="2">
        <v>0</v>
      </c>
      <c r="AA16457" s="5"/>
      <c r="AB16457" s="5" t="s">
        <v>43</v>
      </c>
      <c r="AC16457" s="5" t="s">
        <v>44</v>
      </c>
      <c r="AD16457" s="2"/>
      <c r="AE16457" s="1"/>
    </row>
    <row r="16458" spans="1:31" ht="14.45">
      <c r="A16458" s="11"/>
      <c r="B16458" s="20"/>
      <c r="C16458" s="2" t="s">
        <v>50332</v>
      </c>
      <c r="D16458" s="14" t="s">
        <v>50333</v>
      </c>
      <c r="E16458" s="2" t="s">
        <v>50334</v>
      </c>
      <c r="F16458" s="2" t="s">
        <v>36305</v>
      </c>
      <c r="G16458" s="8">
        <v>282</v>
      </c>
      <c r="H16458" s="5">
        <v>6</v>
      </c>
      <c r="I16458" s="5" t="s">
        <v>1518</v>
      </c>
      <c r="J16458" s="5" t="s">
        <v>36264</v>
      </c>
      <c r="K16458" s="2" t="s">
        <v>49668</v>
      </c>
      <c r="L16458" s="5" t="s">
        <v>36264</v>
      </c>
      <c r="M16458" s="2" t="s">
        <v>49668</v>
      </c>
      <c r="N16458" s="5" t="s">
        <v>19227</v>
      </c>
      <c r="O16458" s="5" t="s">
        <v>38</v>
      </c>
      <c r="P16458" s="5" t="s">
        <v>39</v>
      </c>
      <c r="Q16458" s="5" t="s">
        <v>40</v>
      </c>
      <c r="R16458" s="5" t="s">
        <v>1487</v>
      </c>
      <c r="S16458" s="5"/>
      <c r="T16458" s="5" t="s">
        <v>42</v>
      </c>
      <c r="U16458" s="2">
        <v>0</v>
      </c>
      <c r="V16458" s="2">
        <v>0</v>
      </c>
      <c r="W16458" s="2">
        <v>0</v>
      </c>
      <c r="X16458" s="2">
        <v>0</v>
      </c>
      <c r="Y16458" s="2">
        <v>0</v>
      </c>
      <c r="Z16458" s="2">
        <v>0</v>
      </c>
      <c r="AA16458" s="5"/>
      <c r="AB16458" s="5" t="s">
        <v>43</v>
      </c>
      <c r="AC16458" s="5" t="s">
        <v>44</v>
      </c>
      <c r="AD16458" s="2"/>
      <c r="AE16458" s="1"/>
    </row>
    <row r="16459" spans="1:31" ht="14.45">
      <c r="A16459" s="11"/>
      <c r="B16459" s="20"/>
      <c r="C16459" s="2" t="s">
        <v>50335</v>
      </c>
      <c r="D16459" s="14" t="s">
        <v>50336</v>
      </c>
      <c r="E16459" s="2" t="s">
        <v>50337</v>
      </c>
      <c r="F16459" s="2" t="s">
        <v>36309</v>
      </c>
      <c r="G16459" s="8">
        <v>282</v>
      </c>
      <c r="H16459" s="5">
        <v>6</v>
      </c>
      <c r="I16459" s="5" t="s">
        <v>1518</v>
      </c>
      <c r="J16459" s="5" t="s">
        <v>36264</v>
      </c>
      <c r="K16459" s="2" t="s">
        <v>49668</v>
      </c>
      <c r="L16459" s="5" t="s">
        <v>36264</v>
      </c>
      <c r="M16459" s="2" t="s">
        <v>49668</v>
      </c>
      <c r="N16459" s="5" t="s">
        <v>19227</v>
      </c>
      <c r="O16459" s="5" t="s">
        <v>38</v>
      </c>
      <c r="P16459" s="5" t="s">
        <v>39</v>
      </c>
      <c r="Q16459" s="5" t="s">
        <v>40</v>
      </c>
      <c r="R16459" s="5" t="s">
        <v>1487</v>
      </c>
      <c r="S16459" s="5"/>
      <c r="T16459" s="5" t="s">
        <v>42</v>
      </c>
      <c r="U16459" s="2">
        <v>0</v>
      </c>
      <c r="V16459" s="2">
        <v>0</v>
      </c>
      <c r="W16459" s="2">
        <v>0</v>
      </c>
      <c r="X16459" s="2">
        <v>0</v>
      </c>
      <c r="Y16459" s="2">
        <v>0</v>
      </c>
      <c r="Z16459" s="2">
        <v>0</v>
      </c>
      <c r="AA16459" s="5"/>
      <c r="AB16459" s="5" t="s">
        <v>43</v>
      </c>
      <c r="AC16459" s="5" t="s">
        <v>44</v>
      </c>
      <c r="AD16459" s="2"/>
      <c r="AE16459" s="1"/>
    </row>
    <row r="16460" spans="1:31" ht="14.45">
      <c r="A16460" s="11"/>
      <c r="B16460" s="20"/>
      <c r="C16460" s="2" t="s">
        <v>50338</v>
      </c>
      <c r="D16460" s="14" t="s">
        <v>50339</v>
      </c>
      <c r="E16460" s="2" t="s">
        <v>50340</v>
      </c>
      <c r="F16460" s="2" t="s">
        <v>7204</v>
      </c>
      <c r="G16460" s="8">
        <v>292</v>
      </c>
      <c r="H16460" s="5">
        <v>6</v>
      </c>
      <c r="I16460" s="5" t="s">
        <v>1518</v>
      </c>
      <c r="J16460" s="5" t="s">
        <v>36264</v>
      </c>
      <c r="K16460" s="2" t="s">
        <v>49668</v>
      </c>
      <c r="L16460" s="5" t="s">
        <v>36264</v>
      </c>
      <c r="M16460" s="2" t="s">
        <v>49668</v>
      </c>
      <c r="N16460" s="5" t="s">
        <v>19227</v>
      </c>
      <c r="O16460" s="5" t="s">
        <v>38</v>
      </c>
      <c r="P16460" s="5" t="s">
        <v>39</v>
      </c>
      <c r="Q16460" s="5" t="s">
        <v>40</v>
      </c>
      <c r="R16460" s="5" t="s">
        <v>1487</v>
      </c>
      <c r="S16460" s="5"/>
      <c r="T16460" s="5" t="s">
        <v>42</v>
      </c>
      <c r="U16460" s="2">
        <v>0</v>
      </c>
      <c r="V16460" s="2">
        <v>0</v>
      </c>
      <c r="W16460" s="2">
        <v>0</v>
      </c>
      <c r="X16460" s="2">
        <v>0</v>
      </c>
      <c r="Y16460" s="2">
        <v>0</v>
      </c>
      <c r="Z16460" s="2">
        <v>0</v>
      </c>
      <c r="AA16460" s="5"/>
      <c r="AB16460" s="5" t="s">
        <v>43</v>
      </c>
      <c r="AC16460" s="5" t="s">
        <v>44</v>
      </c>
      <c r="AD16460" s="2"/>
      <c r="AE16460" s="1"/>
    </row>
    <row r="16461" spans="1:31" ht="14.45">
      <c r="A16461" s="11"/>
      <c r="B16461" s="20"/>
      <c r="C16461" s="2" t="s">
        <v>50341</v>
      </c>
      <c r="D16461" s="14" t="s">
        <v>50342</v>
      </c>
      <c r="E16461" s="2" t="s">
        <v>50343</v>
      </c>
      <c r="F16461" s="2" t="s">
        <v>7514</v>
      </c>
      <c r="G16461" s="8">
        <v>292</v>
      </c>
      <c r="H16461" s="5">
        <v>6</v>
      </c>
      <c r="I16461" s="5" t="s">
        <v>1518</v>
      </c>
      <c r="J16461" s="5" t="s">
        <v>36264</v>
      </c>
      <c r="K16461" s="2" t="s">
        <v>49668</v>
      </c>
      <c r="L16461" s="5" t="s">
        <v>36264</v>
      </c>
      <c r="M16461" s="2" t="s">
        <v>49668</v>
      </c>
      <c r="N16461" s="5" t="s">
        <v>19227</v>
      </c>
      <c r="O16461" s="5" t="s">
        <v>38</v>
      </c>
      <c r="P16461" s="5" t="s">
        <v>39</v>
      </c>
      <c r="Q16461" s="5" t="s">
        <v>40</v>
      </c>
      <c r="R16461" s="5" t="s">
        <v>1487</v>
      </c>
      <c r="S16461" s="5"/>
      <c r="T16461" s="5" t="s">
        <v>42</v>
      </c>
      <c r="U16461" s="2">
        <v>0</v>
      </c>
      <c r="V16461" s="2">
        <v>0</v>
      </c>
      <c r="W16461" s="2">
        <v>0</v>
      </c>
      <c r="X16461" s="2">
        <v>0</v>
      </c>
      <c r="Y16461" s="2">
        <v>0</v>
      </c>
      <c r="Z16461" s="2">
        <v>0</v>
      </c>
      <c r="AA16461" s="5"/>
      <c r="AB16461" s="5" t="s">
        <v>43</v>
      </c>
      <c r="AC16461" s="5" t="s">
        <v>44</v>
      </c>
      <c r="AD16461" s="2"/>
      <c r="AE16461" s="1"/>
    </row>
    <row r="16462" spans="1:31" ht="14.45">
      <c r="A16462" s="11"/>
      <c r="B16462" s="20"/>
      <c r="C16462" s="2" t="s">
        <v>50344</v>
      </c>
      <c r="D16462" s="14" t="s">
        <v>50345</v>
      </c>
      <c r="E16462" s="2" t="s">
        <v>50346</v>
      </c>
      <c r="F16462" s="2" t="s">
        <v>36273</v>
      </c>
      <c r="G16462" s="8">
        <v>292</v>
      </c>
      <c r="H16462" s="5">
        <v>6</v>
      </c>
      <c r="I16462" s="5" t="s">
        <v>1518</v>
      </c>
      <c r="J16462" s="5" t="s">
        <v>36264</v>
      </c>
      <c r="K16462" s="2" t="s">
        <v>49668</v>
      </c>
      <c r="L16462" s="5" t="s">
        <v>36264</v>
      </c>
      <c r="M16462" s="2" t="s">
        <v>49668</v>
      </c>
      <c r="N16462" s="5" t="s">
        <v>19227</v>
      </c>
      <c r="O16462" s="5" t="s">
        <v>38</v>
      </c>
      <c r="P16462" s="5" t="s">
        <v>39</v>
      </c>
      <c r="Q16462" s="5" t="s">
        <v>40</v>
      </c>
      <c r="R16462" s="5" t="s">
        <v>1487</v>
      </c>
      <c r="S16462" s="5"/>
      <c r="T16462" s="5" t="s">
        <v>42</v>
      </c>
      <c r="U16462" s="2">
        <v>0</v>
      </c>
      <c r="V16462" s="2">
        <v>0</v>
      </c>
      <c r="W16462" s="2">
        <v>0</v>
      </c>
      <c r="X16462" s="2">
        <v>0</v>
      </c>
      <c r="Y16462" s="2">
        <v>0</v>
      </c>
      <c r="Z16462" s="2">
        <v>0</v>
      </c>
      <c r="AA16462" s="5"/>
      <c r="AB16462" s="5" t="s">
        <v>43</v>
      </c>
      <c r="AC16462" s="5" t="s">
        <v>44</v>
      </c>
      <c r="AD16462" s="2"/>
      <c r="AE16462" s="1"/>
    </row>
    <row r="16463" spans="1:31" ht="14.45">
      <c r="A16463" s="11"/>
      <c r="B16463" s="20"/>
      <c r="C16463" s="2" t="s">
        <v>50347</v>
      </c>
      <c r="D16463" s="14" t="s">
        <v>50348</v>
      </c>
      <c r="E16463" s="2" t="s">
        <v>50349</v>
      </c>
      <c r="F16463" s="2" t="s">
        <v>36277</v>
      </c>
      <c r="G16463" s="8">
        <v>292</v>
      </c>
      <c r="H16463" s="5">
        <v>6</v>
      </c>
      <c r="I16463" s="5" t="s">
        <v>1518</v>
      </c>
      <c r="J16463" s="5" t="s">
        <v>36264</v>
      </c>
      <c r="K16463" s="2" t="s">
        <v>49668</v>
      </c>
      <c r="L16463" s="5" t="s">
        <v>36264</v>
      </c>
      <c r="M16463" s="2" t="s">
        <v>49668</v>
      </c>
      <c r="N16463" s="5" t="s">
        <v>19227</v>
      </c>
      <c r="O16463" s="5" t="s">
        <v>38</v>
      </c>
      <c r="P16463" s="5" t="s">
        <v>39</v>
      </c>
      <c r="Q16463" s="5" t="s">
        <v>40</v>
      </c>
      <c r="R16463" s="5" t="s">
        <v>1487</v>
      </c>
      <c r="S16463" s="5"/>
      <c r="T16463" s="5" t="s">
        <v>42</v>
      </c>
      <c r="U16463" s="2">
        <v>0</v>
      </c>
      <c r="V16463" s="2">
        <v>0</v>
      </c>
      <c r="W16463" s="2">
        <v>0</v>
      </c>
      <c r="X16463" s="2">
        <v>0</v>
      </c>
      <c r="Y16463" s="2">
        <v>0</v>
      </c>
      <c r="Z16463" s="2">
        <v>0</v>
      </c>
      <c r="AA16463" s="5"/>
      <c r="AB16463" s="5" t="s">
        <v>43</v>
      </c>
      <c r="AC16463" s="5" t="s">
        <v>44</v>
      </c>
      <c r="AD16463" s="2"/>
      <c r="AE16463" s="1"/>
    </row>
    <row r="16464" spans="1:31" ht="14.45">
      <c r="A16464" s="11"/>
      <c r="B16464" s="20"/>
      <c r="C16464" s="2" t="s">
        <v>50350</v>
      </c>
      <c r="D16464" s="14" t="s">
        <v>50351</v>
      </c>
      <c r="E16464" s="2" t="s">
        <v>50352</v>
      </c>
      <c r="F16464" s="2" t="s">
        <v>36297</v>
      </c>
      <c r="G16464" s="8">
        <v>292</v>
      </c>
      <c r="H16464" s="5">
        <v>6</v>
      </c>
      <c r="I16464" s="5" t="s">
        <v>1518</v>
      </c>
      <c r="J16464" s="5" t="s">
        <v>36264</v>
      </c>
      <c r="K16464" s="2" t="s">
        <v>49668</v>
      </c>
      <c r="L16464" s="5" t="s">
        <v>36264</v>
      </c>
      <c r="M16464" s="2" t="s">
        <v>49668</v>
      </c>
      <c r="N16464" s="5" t="s">
        <v>19227</v>
      </c>
      <c r="O16464" s="5" t="s">
        <v>38</v>
      </c>
      <c r="P16464" s="5" t="s">
        <v>39</v>
      </c>
      <c r="Q16464" s="5" t="s">
        <v>40</v>
      </c>
      <c r="R16464" s="5" t="s">
        <v>1487</v>
      </c>
      <c r="S16464" s="5"/>
      <c r="T16464" s="5" t="s">
        <v>42</v>
      </c>
      <c r="U16464" s="2">
        <v>0</v>
      </c>
      <c r="V16464" s="2">
        <v>0</v>
      </c>
      <c r="W16464" s="2">
        <v>0</v>
      </c>
      <c r="X16464" s="2">
        <v>0</v>
      </c>
      <c r="Y16464" s="2">
        <v>0</v>
      </c>
      <c r="Z16464" s="2">
        <v>0</v>
      </c>
      <c r="AA16464" s="5"/>
      <c r="AB16464" s="5" t="s">
        <v>43</v>
      </c>
      <c r="AC16464" s="5" t="s">
        <v>44</v>
      </c>
      <c r="AD16464" s="2"/>
      <c r="AE16464" s="1"/>
    </row>
    <row r="16465" spans="1:31" ht="14.45">
      <c r="A16465" s="11"/>
      <c r="B16465" s="20"/>
      <c r="C16465" s="2" t="s">
        <v>50353</v>
      </c>
      <c r="D16465" s="14" t="s">
        <v>50354</v>
      </c>
      <c r="E16465" s="2" t="s">
        <v>50355</v>
      </c>
      <c r="F16465" s="2" t="s">
        <v>36301</v>
      </c>
      <c r="G16465" s="8">
        <v>292</v>
      </c>
      <c r="H16465" s="5">
        <v>6</v>
      </c>
      <c r="I16465" s="5" t="s">
        <v>1518</v>
      </c>
      <c r="J16465" s="5" t="s">
        <v>36264</v>
      </c>
      <c r="K16465" s="2" t="s">
        <v>49668</v>
      </c>
      <c r="L16465" s="5" t="s">
        <v>36264</v>
      </c>
      <c r="M16465" s="2" t="s">
        <v>49668</v>
      </c>
      <c r="N16465" s="5" t="s">
        <v>19227</v>
      </c>
      <c r="O16465" s="5" t="s">
        <v>38</v>
      </c>
      <c r="P16465" s="5" t="s">
        <v>39</v>
      </c>
      <c r="Q16465" s="5" t="s">
        <v>40</v>
      </c>
      <c r="R16465" s="5" t="s">
        <v>1487</v>
      </c>
      <c r="S16465" s="5"/>
      <c r="T16465" s="5" t="s">
        <v>42</v>
      </c>
      <c r="U16465" s="2">
        <v>0</v>
      </c>
      <c r="V16465" s="2">
        <v>0</v>
      </c>
      <c r="W16465" s="2">
        <v>0</v>
      </c>
      <c r="X16465" s="2">
        <v>0</v>
      </c>
      <c r="Y16465" s="2">
        <v>0</v>
      </c>
      <c r="Z16465" s="2">
        <v>0</v>
      </c>
      <c r="AA16465" s="5"/>
      <c r="AB16465" s="5" t="s">
        <v>43</v>
      </c>
      <c r="AC16465" s="5" t="s">
        <v>44</v>
      </c>
      <c r="AD16465" s="2"/>
      <c r="AE16465" s="1"/>
    </row>
    <row r="16466" spans="1:31" ht="14.45">
      <c r="A16466" s="11"/>
      <c r="B16466" s="20"/>
      <c r="C16466" s="2" t="s">
        <v>50356</v>
      </c>
      <c r="D16466" s="14" t="s">
        <v>50357</v>
      </c>
      <c r="E16466" s="2" t="s">
        <v>50358</v>
      </c>
      <c r="F16466" s="2" t="s">
        <v>36305</v>
      </c>
      <c r="G16466" s="8">
        <v>292</v>
      </c>
      <c r="H16466" s="5">
        <v>6</v>
      </c>
      <c r="I16466" s="5" t="s">
        <v>1518</v>
      </c>
      <c r="J16466" s="5" t="s">
        <v>36264</v>
      </c>
      <c r="K16466" s="2" t="s">
        <v>49668</v>
      </c>
      <c r="L16466" s="5" t="s">
        <v>36264</v>
      </c>
      <c r="M16466" s="2" t="s">
        <v>49668</v>
      </c>
      <c r="N16466" s="5" t="s">
        <v>19227</v>
      </c>
      <c r="O16466" s="5" t="s">
        <v>38</v>
      </c>
      <c r="P16466" s="5" t="s">
        <v>39</v>
      </c>
      <c r="Q16466" s="5" t="s">
        <v>40</v>
      </c>
      <c r="R16466" s="5" t="s">
        <v>1487</v>
      </c>
      <c r="S16466" s="5"/>
      <c r="T16466" s="5" t="s">
        <v>42</v>
      </c>
      <c r="U16466" s="2">
        <v>0</v>
      </c>
      <c r="V16466" s="2">
        <v>0</v>
      </c>
      <c r="W16466" s="2">
        <v>0</v>
      </c>
      <c r="X16466" s="2">
        <v>0</v>
      </c>
      <c r="Y16466" s="2">
        <v>0</v>
      </c>
      <c r="Z16466" s="2">
        <v>0</v>
      </c>
      <c r="AA16466" s="5"/>
      <c r="AB16466" s="5" t="s">
        <v>43</v>
      </c>
      <c r="AC16466" s="5" t="s">
        <v>44</v>
      </c>
      <c r="AD16466" s="2"/>
      <c r="AE16466" s="1"/>
    </row>
    <row r="16467" spans="1:31" ht="14.45">
      <c r="A16467" s="11"/>
      <c r="B16467" s="20"/>
      <c r="C16467" s="2" t="s">
        <v>50359</v>
      </c>
      <c r="D16467" s="14" t="s">
        <v>50360</v>
      </c>
      <c r="E16467" s="2" t="s">
        <v>50361</v>
      </c>
      <c r="F16467" s="2" t="s">
        <v>36309</v>
      </c>
      <c r="G16467" s="8">
        <v>292</v>
      </c>
      <c r="H16467" s="5">
        <v>6</v>
      </c>
      <c r="I16467" s="5" t="s">
        <v>1518</v>
      </c>
      <c r="J16467" s="5" t="s">
        <v>36264</v>
      </c>
      <c r="K16467" s="2" t="s">
        <v>49668</v>
      </c>
      <c r="L16467" s="5" t="s">
        <v>36264</v>
      </c>
      <c r="M16467" s="2" t="s">
        <v>49668</v>
      </c>
      <c r="N16467" s="5" t="s">
        <v>19227</v>
      </c>
      <c r="O16467" s="5" t="s">
        <v>38</v>
      </c>
      <c r="P16467" s="5" t="s">
        <v>39</v>
      </c>
      <c r="Q16467" s="5" t="s">
        <v>40</v>
      </c>
      <c r="R16467" s="5" t="s">
        <v>1487</v>
      </c>
      <c r="S16467" s="5"/>
      <c r="T16467" s="5" t="s">
        <v>42</v>
      </c>
      <c r="U16467" s="2">
        <v>0</v>
      </c>
      <c r="V16467" s="2">
        <v>0</v>
      </c>
      <c r="W16467" s="2">
        <v>0</v>
      </c>
      <c r="X16467" s="2">
        <v>0</v>
      </c>
      <c r="Y16467" s="2">
        <v>0</v>
      </c>
      <c r="Z16467" s="2">
        <v>0</v>
      </c>
      <c r="AA16467" s="5"/>
      <c r="AB16467" s="5" t="s">
        <v>43</v>
      </c>
      <c r="AC16467" s="5" t="s">
        <v>44</v>
      </c>
      <c r="AD16467" s="2"/>
      <c r="AE16467" s="1"/>
    </row>
    <row r="16468" spans="1:31" ht="14.45">
      <c r="A16468" s="11"/>
      <c r="B16468" s="20"/>
      <c r="C16468" s="2" t="s">
        <v>50362</v>
      </c>
      <c r="D16468" s="14" t="s">
        <v>50363</v>
      </c>
      <c r="E16468" s="2" t="s">
        <v>50364</v>
      </c>
      <c r="F16468" s="2" t="s">
        <v>7204</v>
      </c>
      <c r="G16468" s="8">
        <v>313</v>
      </c>
      <c r="H16468" s="5">
        <v>6</v>
      </c>
      <c r="I16468" s="5" t="s">
        <v>1518</v>
      </c>
      <c r="J16468" s="5" t="s">
        <v>36264</v>
      </c>
      <c r="K16468" s="2" t="s">
        <v>49668</v>
      </c>
      <c r="L16468" s="5" t="s">
        <v>36264</v>
      </c>
      <c r="M16468" s="2" t="s">
        <v>49668</v>
      </c>
      <c r="N16468" s="5" t="s">
        <v>19227</v>
      </c>
      <c r="O16468" s="5" t="s">
        <v>38</v>
      </c>
      <c r="P16468" s="5" t="s">
        <v>39</v>
      </c>
      <c r="Q16468" s="5" t="s">
        <v>40</v>
      </c>
      <c r="R16468" s="5" t="s">
        <v>1487</v>
      </c>
      <c r="S16468" s="5"/>
      <c r="T16468" s="5" t="s">
        <v>42</v>
      </c>
      <c r="U16468" s="2">
        <v>0</v>
      </c>
      <c r="V16468" s="2">
        <v>0</v>
      </c>
      <c r="W16468" s="2">
        <v>0</v>
      </c>
      <c r="X16468" s="2">
        <v>0</v>
      </c>
      <c r="Y16468" s="2">
        <v>0</v>
      </c>
      <c r="Z16468" s="2">
        <v>0</v>
      </c>
      <c r="AA16468" s="5"/>
      <c r="AB16468" s="5" t="s">
        <v>43</v>
      </c>
      <c r="AC16468" s="5" t="s">
        <v>44</v>
      </c>
      <c r="AD16468" s="2"/>
      <c r="AE16468" s="1"/>
    </row>
    <row r="16469" spans="1:31" ht="14.45">
      <c r="A16469" s="11"/>
      <c r="B16469" s="20"/>
      <c r="C16469" s="2" t="s">
        <v>50365</v>
      </c>
      <c r="D16469" s="14" t="s">
        <v>50366</v>
      </c>
      <c r="E16469" s="2" t="s">
        <v>50367</v>
      </c>
      <c r="F16469" s="2" t="s">
        <v>7514</v>
      </c>
      <c r="G16469" s="8">
        <v>313</v>
      </c>
      <c r="H16469" s="5">
        <v>6</v>
      </c>
      <c r="I16469" s="5" t="s">
        <v>1518</v>
      </c>
      <c r="J16469" s="5" t="s">
        <v>36264</v>
      </c>
      <c r="K16469" s="2" t="s">
        <v>49668</v>
      </c>
      <c r="L16469" s="5" t="s">
        <v>36264</v>
      </c>
      <c r="M16469" s="2" t="s">
        <v>49668</v>
      </c>
      <c r="N16469" s="5" t="s">
        <v>19227</v>
      </c>
      <c r="O16469" s="5" t="s">
        <v>38</v>
      </c>
      <c r="P16469" s="5" t="s">
        <v>39</v>
      </c>
      <c r="Q16469" s="5" t="s">
        <v>40</v>
      </c>
      <c r="R16469" s="5" t="s">
        <v>1487</v>
      </c>
      <c r="S16469" s="5"/>
      <c r="T16469" s="5" t="s">
        <v>42</v>
      </c>
      <c r="U16469" s="2">
        <v>0</v>
      </c>
      <c r="V16469" s="2">
        <v>0</v>
      </c>
      <c r="W16469" s="2">
        <v>0</v>
      </c>
      <c r="X16469" s="2">
        <v>0</v>
      </c>
      <c r="Y16469" s="2">
        <v>0</v>
      </c>
      <c r="Z16469" s="2">
        <v>0</v>
      </c>
      <c r="AA16469" s="5"/>
      <c r="AB16469" s="5" t="s">
        <v>43</v>
      </c>
      <c r="AC16469" s="5" t="s">
        <v>44</v>
      </c>
      <c r="AD16469" s="2"/>
      <c r="AE16469" s="1"/>
    </row>
    <row r="16470" spans="1:31" ht="14.45">
      <c r="A16470" s="11"/>
      <c r="B16470" s="20"/>
      <c r="C16470" s="2" t="s">
        <v>50368</v>
      </c>
      <c r="D16470" s="14" t="s">
        <v>50369</v>
      </c>
      <c r="E16470" s="2" t="s">
        <v>50370</v>
      </c>
      <c r="F16470" s="2" t="s">
        <v>36273</v>
      </c>
      <c r="G16470" s="8">
        <v>313</v>
      </c>
      <c r="H16470" s="5">
        <v>6</v>
      </c>
      <c r="I16470" s="5" t="s">
        <v>1518</v>
      </c>
      <c r="J16470" s="5" t="s">
        <v>36264</v>
      </c>
      <c r="K16470" s="2" t="s">
        <v>49668</v>
      </c>
      <c r="L16470" s="5" t="s">
        <v>36264</v>
      </c>
      <c r="M16470" s="2" t="s">
        <v>49668</v>
      </c>
      <c r="N16470" s="5" t="s">
        <v>19227</v>
      </c>
      <c r="O16470" s="5" t="s">
        <v>38</v>
      </c>
      <c r="P16470" s="5" t="s">
        <v>39</v>
      </c>
      <c r="Q16470" s="5" t="s">
        <v>40</v>
      </c>
      <c r="R16470" s="5" t="s">
        <v>1487</v>
      </c>
      <c r="S16470" s="5"/>
      <c r="T16470" s="5" t="s">
        <v>42</v>
      </c>
      <c r="U16470" s="2">
        <v>0</v>
      </c>
      <c r="V16470" s="2">
        <v>0</v>
      </c>
      <c r="W16470" s="2">
        <v>0</v>
      </c>
      <c r="X16470" s="2">
        <v>0</v>
      </c>
      <c r="Y16470" s="2">
        <v>0</v>
      </c>
      <c r="Z16470" s="2">
        <v>0</v>
      </c>
      <c r="AA16470" s="5"/>
      <c r="AB16470" s="5" t="s">
        <v>43</v>
      </c>
      <c r="AC16470" s="5" t="s">
        <v>44</v>
      </c>
      <c r="AD16470" s="2"/>
      <c r="AE16470" s="1"/>
    </row>
    <row r="16471" spans="1:31" ht="14.45">
      <c r="A16471" s="11"/>
      <c r="B16471" s="20"/>
      <c r="C16471" s="2" t="s">
        <v>50371</v>
      </c>
      <c r="D16471" s="14" t="s">
        <v>50372</v>
      </c>
      <c r="E16471" s="2" t="s">
        <v>50373</v>
      </c>
      <c r="F16471" s="2" t="s">
        <v>36277</v>
      </c>
      <c r="G16471" s="8">
        <v>313</v>
      </c>
      <c r="H16471" s="5">
        <v>6</v>
      </c>
      <c r="I16471" s="5" t="s">
        <v>1518</v>
      </c>
      <c r="J16471" s="5" t="s">
        <v>36264</v>
      </c>
      <c r="K16471" s="2" t="s">
        <v>49668</v>
      </c>
      <c r="L16471" s="5" t="s">
        <v>36264</v>
      </c>
      <c r="M16471" s="2" t="s">
        <v>49668</v>
      </c>
      <c r="N16471" s="5" t="s">
        <v>19227</v>
      </c>
      <c r="O16471" s="5" t="s">
        <v>38</v>
      </c>
      <c r="P16471" s="5" t="s">
        <v>39</v>
      </c>
      <c r="Q16471" s="5" t="s">
        <v>40</v>
      </c>
      <c r="R16471" s="5" t="s">
        <v>1487</v>
      </c>
      <c r="S16471" s="5"/>
      <c r="T16471" s="5" t="s">
        <v>42</v>
      </c>
      <c r="U16471" s="2">
        <v>0</v>
      </c>
      <c r="V16471" s="2">
        <v>0</v>
      </c>
      <c r="W16471" s="2">
        <v>0</v>
      </c>
      <c r="X16471" s="2">
        <v>0</v>
      </c>
      <c r="Y16471" s="2">
        <v>0</v>
      </c>
      <c r="Z16471" s="2">
        <v>0</v>
      </c>
      <c r="AA16471" s="5"/>
      <c r="AB16471" s="5" t="s">
        <v>43</v>
      </c>
      <c r="AC16471" s="5" t="s">
        <v>44</v>
      </c>
      <c r="AD16471" s="2"/>
      <c r="AE16471" s="1"/>
    </row>
    <row r="16472" spans="1:31" ht="14.45">
      <c r="A16472" s="11"/>
      <c r="B16472" s="20"/>
      <c r="C16472" s="2" t="s">
        <v>50374</v>
      </c>
      <c r="D16472" s="14" t="s">
        <v>50375</v>
      </c>
      <c r="E16472" s="2" t="s">
        <v>50376</v>
      </c>
      <c r="F16472" s="2" t="s">
        <v>36297</v>
      </c>
      <c r="G16472" s="8">
        <v>313</v>
      </c>
      <c r="H16472" s="5">
        <v>6</v>
      </c>
      <c r="I16472" s="5" t="s">
        <v>1518</v>
      </c>
      <c r="J16472" s="5" t="s">
        <v>36264</v>
      </c>
      <c r="K16472" s="2" t="s">
        <v>49668</v>
      </c>
      <c r="L16472" s="5" t="s">
        <v>36264</v>
      </c>
      <c r="M16472" s="2" t="s">
        <v>49668</v>
      </c>
      <c r="N16472" s="5" t="s">
        <v>19227</v>
      </c>
      <c r="O16472" s="5" t="s">
        <v>38</v>
      </c>
      <c r="P16472" s="5" t="s">
        <v>39</v>
      </c>
      <c r="Q16472" s="5" t="s">
        <v>40</v>
      </c>
      <c r="R16472" s="5" t="s">
        <v>1487</v>
      </c>
      <c r="S16472" s="5"/>
      <c r="T16472" s="5" t="s">
        <v>42</v>
      </c>
      <c r="U16472" s="2">
        <v>0</v>
      </c>
      <c r="V16472" s="2">
        <v>0</v>
      </c>
      <c r="W16472" s="2">
        <v>0</v>
      </c>
      <c r="X16472" s="2">
        <v>0</v>
      </c>
      <c r="Y16472" s="2">
        <v>0</v>
      </c>
      <c r="Z16472" s="2">
        <v>0</v>
      </c>
      <c r="AA16472" s="5"/>
      <c r="AB16472" s="5" t="s">
        <v>43</v>
      </c>
      <c r="AC16472" s="5" t="s">
        <v>44</v>
      </c>
      <c r="AD16472" s="2"/>
      <c r="AE16472" s="1"/>
    </row>
    <row r="16473" spans="1:31" ht="14.45">
      <c r="A16473" s="11"/>
      <c r="B16473" s="20"/>
      <c r="C16473" s="2" t="s">
        <v>50377</v>
      </c>
      <c r="D16473" s="14" t="s">
        <v>50378</v>
      </c>
      <c r="E16473" s="2" t="s">
        <v>50379</v>
      </c>
      <c r="F16473" s="2" t="s">
        <v>36301</v>
      </c>
      <c r="G16473" s="8">
        <v>313</v>
      </c>
      <c r="H16473" s="5">
        <v>6</v>
      </c>
      <c r="I16473" s="5" t="s">
        <v>1518</v>
      </c>
      <c r="J16473" s="5" t="s">
        <v>36264</v>
      </c>
      <c r="K16473" s="2" t="s">
        <v>49668</v>
      </c>
      <c r="L16473" s="5" t="s">
        <v>36264</v>
      </c>
      <c r="M16473" s="2" t="s">
        <v>49668</v>
      </c>
      <c r="N16473" s="5" t="s">
        <v>19227</v>
      </c>
      <c r="O16473" s="5" t="s">
        <v>38</v>
      </c>
      <c r="P16473" s="5" t="s">
        <v>39</v>
      </c>
      <c r="Q16473" s="5" t="s">
        <v>40</v>
      </c>
      <c r="R16473" s="5" t="s">
        <v>1487</v>
      </c>
      <c r="S16473" s="5"/>
      <c r="T16473" s="5" t="s">
        <v>42</v>
      </c>
      <c r="U16473" s="2">
        <v>0</v>
      </c>
      <c r="V16473" s="2">
        <v>0</v>
      </c>
      <c r="W16473" s="2">
        <v>0</v>
      </c>
      <c r="X16473" s="2">
        <v>0</v>
      </c>
      <c r="Y16473" s="2">
        <v>0</v>
      </c>
      <c r="Z16473" s="2">
        <v>0</v>
      </c>
      <c r="AA16473" s="5"/>
      <c r="AB16473" s="5" t="s">
        <v>43</v>
      </c>
      <c r="AC16473" s="5" t="s">
        <v>44</v>
      </c>
      <c r="AD16473" s="2"/>
      <c r="AE16473" s="1"/>
    </row>
    <row r="16474" spans="1:31" ht="14.45">
      <c r="A16474" s="11"/>
      <c r="B16474" s="20"/>
      <c r="C16474" s="2" t="s">
        <v>50380</v>
      </c>
      <c r="D16474" s="14" t="s">
        <v>50381</v>
      </c>
      <c r="E16474" s="2" t="s">
        <v>50382</v>
      </c>
      <c r="F16474" s="2" t="s">
        <v>36305</v>
      </c>
      <c r="G16474" s="8">
        <v>313</v>
      </c>
      <c r="H16474" s="5">
        <v>6</v>
      </c>
      <c r="I16474" s="5" t="s">
        <v>1518</v>
      </c>
      <c r="J16474" s="5" t="s">
        <v>36264</v>
      </c>
      <c r="K16474" s="2" t="s">
        <v>49668</v>
      </c>
      <c r="L16474" s="5" t="s">
        <v>36264</v>
      </c>
      <c r="M16474" s="2" t="s">
        <v>49668</v>
      </c>
      <c r="N16474" s="5" t="s">
        <v>19227</v>
      </c>
      <c r="O16474" s="5" t="s">
        <v>38</v>
      </c>
      <c r="P16474" s="5" t="s">
        <v>39</v>
      </c>
      <c r="Q16474" s="5" t="s">
        <v>40</v>
      </c>
      <c r="R16474" s="5" t="s">
        <v>1487</v>
      </c>
      <c r="S16474" s="5"/>
      <c r="T16474" s="5" t="s">
        <v>42</v>
      </c>
      <c r="U16474" s="2">
        <v>0</v>
      </c>
      <c r="V16474" s="2">
        <v>0</v>
      </c>
      <c r="W16474" s="2">
        <v>0</v>
      </c>
      <c r="X16474" s="2">
        <v>0</v>
      </c>
      <c r="Y16474" s="2">
        <v>0</v>
      </c>
      <c r="Z16474" s="2">
        <v>0</v>
      </c>
      <c r="AA16474" s="5"/>
      <c r="AB16474" s="5" t="s">
        <v>43</v>
      </c>
      <c r="AC16474" s="5" t="s">
        <v>44</v>
      </c>
      <c r="AD16474" s="2"/>
      <c r="AE16474" s="1"/>
    </row>
    <row r="16475" spans="1:31" ht="14.45">
      <c r="A16475" s="11"/>
      <c r="B16475" s="20"/>
      <c r="C16475" s="2" t="s">
        <v>50383</v>
      </c>
      <c r="D16475" s="14" t="s">
        <v>50384</v>
      </c>
      <c r="E16475" s="2" t="s">
        <v>50385</v>
      </c>
      <c r="F16475" s="2" t="s">
        <v>36309</v>
      </c>
      <c r="G16475" s="8">
        <v>313</v>
      </c>
      <c r="H16475" s="5">
        <v>6</v>
      </c>
      <c r="I16475" s="5" t="s">
        <v>1518</v>
      </c>
      <c r="J16475" s="5" t="s">
        <v>36264</v>
      </c>
      <c r="K16475" s="2" t="s">
        <v>49668</v>
      </c>
      <c r="L16475" s="5" t="s">
        <v>36264</v>
      </c>
      <c r="M16475" s="2" t="s">
        <v>49668</v>
      </c>
      <c r="N16475" s="5" t="s">
        <v>19227</v>
      </c>
      <c r="O16475" s="5" t="s">
        <v>38</v>
      </c>
      <c r="P16475" s="5" t="s">
        <v>39</v>
      </c>
      <c r="Q16475" s="5" t="s">
        <v>40</v>
      </c>
      <c r="R16475" s="5" t="s">
        <v>1487</v>
      </c>
      <c r="S16475" s="5"/>
      <c r="T16475" s="5" t="s">
        <v>42</v>
      </c>
      <c r="U16475" s="2">
        <v>0</v>
      </c>
      <c r="V16475" s="2">
        <v>0</v>
      </c>
      <c r="W16475" s="2">
        <v>0</v>
      </c>
      <c r="X16475" s="2">
        <v>0</v>
      </c>
      <c r="Y16475" s="2">
        <v>0</v>
      </c>
      <c r="Z16475" s="2">
        <v>0</v>
      </c>
      <c r="AA16475" s="5"/>
      <c r="AB16475" s="5" t="s">
        <v>43</v>
      </c>
      <c r="AC16475" s="5" t="s">
        <v>44</v>
      </c>
      <c r="AD16475" s="2"/>
      <c r="AE16475" s="1"/>
    </row>
    <row r="16476" spans="1:31" ht="14.45">
      <c r="A16476" s="11"/>
      <c r="B16476" s="20"/>
      <c r="C16476" s="2" t="s">
        <v>50386</v>
      </c>
      <c r="D16476" s="14" t="s">
        <v>50387</v>
      </c>
      <c r="E16476" s="2" t="s">
        <v>50388</v>
      </c>
      <c r="F16476" s="2" t="s">
        <v>7204</v>
      </c>
      <c r="G16476" s="8">
        <v>282</v>
      </c>
      <c r="H16476" s="5">
        <v>6</v>
      </c>
      <c r="I16476" s="5" t="s">
        <v>1518</v>
      </c>
      <c r="J16476" s="5" t="s">
        <v>36264</v>
      </c>
      <c r="K16476" s="2" t="s">
        <v>49668</v>
      </c>
      <c r="L16476" s="5" t="s">
        <v>36264</v>
      </c>
      <c r="M16476" s="2" t="s">
        <v>49668</v>
      </c>
      <c r="N16476" s="5" t="s">
        <v>19227</v>
      </c>
      <c r="O16476" s="5" t="s">
        <v>38</v>
      </c>
      <c r="P16476" s="5" t="s">
        <v>39</v>
      </c>
      <c r="Q16476" s="5" t="s">
        <v>40</v>
      </c>
      <c r="R16476" s="5" t="s">
        <v>1487</v>
      </c>
      <c r="S16476" s="5"/>
      <c r="T16476" s="5" t="s">
        <v>42</v>
      </c>
      <c r="U16476" s="2">
        <v>0</v>
      </c>
      <c r="V16476" s="2">
        <v>0</v>
      </c>
      <c r="W16476" s="2">
        <v>0</v>
      </c>
      <c r="X16476" s="2">
        <v>0</v>
      </c>
      <c r="Y16476" s="2">
        <v>0</v>
      </c>
      <c r="Z16476" s="2">
        <v>0</v>
      </c>
      <c r="AA16476" s="5"/>
      <c r="AB16476" s="5" t="s">
        <v>43</v>
      </c>
      <c r="AC16476" s="5" t="s">
        <v>44</v>
      </c>
      <c r="AD16476" s="2"/>
      <c r="AE16476" s="1"/>
    </row>
    <row r="16477" spans="1:31" ht="14.45">
      <c r="A16477" s="11"/>
      <c r="B16477" s="20"/>
      <c r="C16477" s="2" t="s">
        <v>50389</v>
      </c>
      <c r="D16477" s="14" t="s">
        <v>50390</v>
      </c>
      <c r="E16477" s="2" t="s">
        <v>50391</v>
      </c>
      <c r="F16477" s="2" t="s">
        <v>7514</v>
      </c>
      <c r="G16477" s="8">
        <v>282</v>
      </c>
      <c r="H16477" s="5">
        <v>6</v>
      </c>
      <c r="I16477" s="5" t="s">
        <v>1518</v>
      </c>
      <c r="J16477" s="5" t="s">
        <v>36264</v>
      </c>
      <c r="K16477" s="2" t="s">
        <v>49668</v>
      </c>
      <c r="L16477" s="5" t="s">
        <v>36264</v>
      </c>
      <c r="M16477" s="2" t="s">
        <v>49668</v>
      </c>
      <c r="N16477" s="5" t="s">
        <v>19227</v>
      </c>
      <c r="O16477" s="5" t="s">
        <v>38</v>
      </c>
      <c r="P16477" s="5" t="s">
        <v>39</v>
      </c>
      <c r="Q16477" s="5" t="s">
        <v>40</v>
      </c>
      <c r="R16477" s="5" t="s">
        <v>1487</v>
      </c>
      <c r="S16477" s="5"/>
      <c r="T16477" s="5" t="s">
        <v>42</v>
      </c>
      <c r="U16477" s="2">
        <v>0</v>
      </c>
      <c r="V16477" s="2">
        <v>0</v>
      </c>
      <c r="W16477" s="2">
        <v>0</v>
      </c>
      <c r="X16477" s="2">
        <v>0</v>
      </c>
      <c r="Y16477" s="2">
        <v>0</v>
      </c>
      <c r="Z16477" s="2">
        <v>0</v>
      </c>
      <c r="AA16477" s="5"/>
      <c r="AB16477" s="5" t="s">
        <v>43</v>
      </c>
      <c r="AC16477" s="5" t="s">
        <v>44</v>
      </c>
      <c r="AD16477" s="2"/>
      <c r="AE16477" s="1"/>
    </row>
    <row r="16478" spans="1:31" ht="14.45">
      <c r="A16478" s="11"/>
      <c r="B16478" s="20"/>
      <c r="C16478" s="2" t="s">
        <v>50392</v>
      </c>
      <c r="D16478" s="14" t="s">
        <v>50393</v>
      </c>
      <c r="E16478" s="2" t="s">
        <v>50394</v>
      </c>
      <c r="F16478" s="2" t="s">
        <v>36273</v>
      </c>
      <c r="G16478" s="8">
        <v>282</v>
      </c>
      <c r="H16478" s="5">
        <v>6</v>
      </c>
      <c r="I16478" s="5" t="s">
        <v>1518</v>
      </c>
      <c r="J16478" s="5" t="s">
        <v>36264</v>
      </c>
      <c r="K16478" s="2" t="s">
        <v>49668</v>
      </c>
      <c r="L16478" s="5" t="s">
        <v>36264</v>
      </c>
      <c r="M16478" s="2" t="s">
        <v>49668</v>
      </c>
      <c r="N16478" s="5" t="s">
        <v>19227</v>
      </c>
      <c r="O16478" s="5" t="s">
        <v>38</v>
      </c>
      <c r="P16478" s="5" t="s">
        <v>39</v>
      </c>
      <c r="Q16478" s="5" t="s">
        <v>40</v>
      </c>
      <c r="R16478" s="5" t="s">
        <v>1487</v>
      </c>
      <c r="S16478" s="5"/>
      <c r="T16478" s="5" t="s">
        <v>42</v>
      </c>
      <c r="U16478" s="2">
        <v>0</v>
      </c>
      <c r="V16478" s="2">
        <v>0</v>
      </c>
      <c r="W16478" s="2">
        <v>0</v>
      </c>
      <c r="X16478" s="2">
        <v>0</v>
      </c>
      <c r="Y16478" s="2">
        <v>0</v>
      </c>
      <c r="Z16478" s="2">
        <v>0</v>
      </c>
      <c r="AA16478" s="5"/>
      <c r="AB16478" s="5" t="s">
        <v>43</v>
      </c>
      <c r="AC16478" s="5" t="s">
        <v>44</v>
      </c>
      <c r="AD16478" s="2"/>
      <c r="AE16478" s="1"/>
    </row>
    <row r="16479" spans="1:31" ht="14.45">
      <c r="A16479" s="11"/>
      <c r="B16479" s="20"/>
      <c r="C16479" s="2" t="s">
        <v>50395</v>
      </c>
      <c r="D16479" s="14" t="s">
        <v>50396</v>
      </c>
      <c r="E16479" s="2" t="s">
        <v>50397</v>
      </c>
      <c r="F16479" s="2" t="s">
        <v>36277</v>
      </c>
      <c r="G16479" s="8">
        <v>282</v>
      </c>
      <c r="H16479" s="5">
        <v>6</v>
      </c>
      <c r="I16479" s="5" t="s">
        <v>1518</v>
      </c>
      <c r="J16479" s="5" t="s">
        <v>36264</v>
      </c>
      <c r="K16479" s="2" t="s">
        <v>49668</v>
      </c>
      <c r="L16479" s="5" t="s">
        <v>36264</v>
      </c>
      <c r="M16479" s="2" t="s">
        <v>49668</v>
      </c>
      <c r="N16479" s="5" t="s">
        <v>19227</v>
      </c>
      <c r="O16479" s="5" t="s">
        <v>38</v>
      </c>
      <c r="P16479" s="5" t="s">
        <v>39</v>
      </c>
      <c r="Q16479" s="5" t="s">
        <v>40</v>
      </c>
      <c r="R16479" s="5" t="s">
        <v>1487</v>
      </c>
      <c r="S16479" s="5"/>
      <c r="T16479" s="5" t="s">
        <v>42</v>
      </c>
      <c r="U16479" s="2">
        <v>0</v>
      </c>
      <c r="V16479" s="2">
        <v>0</v>
      </c>
      <c r="W16479" s="2">
        <v>0</v>
      </c>
      <c r="X16479" s="2">
        <v>0</v>
      </c>
      <c r="Y16479" s="2">
        <v>0</v>
      </c>
      <c r="Z16479" s="2">
        <v>0</v>
      </c>
      <c r="AA16479" s="5"/>
      <c r="AB16479" s="5" t="s">
        <v>43</v>
      </c>
      <c r="AC16479" s="5" t="s">
        <v>44</v>
      </c>
      <c r="AD16479" s="2"/>
      <c r="AE16479" s="1"/>
    </row>
    <row r="16480" spans="1:31" ht="14.45">
      <c r="A16480" s="11"/>
      <c r="B16480" s="20"/>
      <c r="C16480" s="2" t="s">
        <v>50398</v>
      </c>
      <c r="D16480" s="14" t="s">
        <v>50399</v>
      </c>
      <c r="E16480" s="2" t="s">
        <v>50400</v>
      </c>
      <c r="F16480" s="2" t="s">
        <v>36297</v>
      </c>
      <c r="G16480" s="8">
        <v>282</v>
      </c>
      <c r="H16480" s="5">
        <v>6</v>
      </c>
      <c r="I16480" s="5" t="s">
        <v>1518</v>
      </c>
      <c r="J16480" s="5" t="s">
        <v>36264</v>
      </c>
      <c r="K16480" s="2" t="s">
        <v>49668</v>
      </c>
      <c r="L16480" s="5" t="s">
        <v>36264</v>
      </c>
      <c r="M16480" s="2" t="s">
        <v>49668</v>
      </c>
      <c r="N16480" s="5" t="s">
        <v>19227</v>
      </c>
      <c r="O16480" s="5" t="s">
        <v>38</v>
      </c>
      <c r="P16480" s="5" t="s">
        <v>39</v>
      </c>
      <c r="Q16480" s="5" t="s">
        <v>40</v>
      </c>
      <c r="R16480" s="5" t="s">
        <v>1487</v>
      </c>
      <c r="S16480" s="5"/>
      <c r="T16480" s="5" t="s">
        <v>42</v>
      </c>
      <c r="U16480" s="2">
        <v>0</v>
      </c>
      <c r="V16480" s="2">
        <v>0</v>
      </c>
      <c r="W16480" s="2">
        <v>0</v>
      </c>
      <c r="X16480" s="2">
        <v>0</v>
      </c>
      <c r="Y16480" s="2">
        <v>0</v>
      </c>
      <c r="Z16480" s="2">
        <v>0</v>
      </c>
      <c r="AA16480" s="5"/>
      <c r="AB16480" s="5" t="s">
        <v>43</v>
      </c>
      <c r="AC16480" s="5" t="s">
        <v>44</v>
      </c>
      <c r="AD16480" s="2"/>
      <c r="AE16480" s="1"/>
    </row>
    <row r="16481" spans="1:31" ht="14.45">
      <c r="A16481" s="11"/>
      <c r="B16481" s="20"/>
      <c r="C16481" s="2" t="s">
        <v>50401</v>
      </c>
      <c r="D16481" s="14" t="s">
        <v>50402</v>
      </c>
      <c r="E16481" s="2" t="s">
        <v>50403</v>
      </c>
      <c r="F16481" s="2" t="s">
        <v>36301</v>
      </c>
      <c r="G16481" s="8">
        <v>282</v>
      </c>
      <c r="H16481" s="5">
        <v>6</v>
      </c>
      <c r="I16481" s="5" t="s">
        <v>1518</v>
      </c>
      <c r="J16481" s="5" t="s">
        <v>36264</v>
      </c>
      <c r="K16481" s="2" t="s">
        <v>49668</v>
      </c>
      <c r="L16481" s="5" t="s">
        <v>36264</v>
      </c>
      <c r="M16481" s="2" t="s">
        <v>49668</v>
      </c>
      <c r="N16481" s="5" t="s">
        <v>19227</v>
      </c>
      <c r="O16481" s="5" t="s">
        <v>38</v>
      </c>
      <c r="P16481" s="5" t="s">
        <v>39</v>
      </c>
      <c r="Q16481" s="5" t="s">
        <v>40</v>
      </c>
      <c r="R16481" s="5" t="s">
        <v>1487</v>
      </c>
      <c r="S16481" s="5"/>
      <c r="T16481" s="5" t="s">
        <v>42</v>
      </c>
      <c r="U16481" s="2">
        <v>0</v>
      </c>
      <c r="V16481" s="2">
        <v>0</v>
      </c>
      <c r="W16481" s="2">
        <v>0</v>
      </c>
      <c r="X16481" s="2">
        <v>0</v>
      </c>
      <c r="Y16481" s="2">
        <v>0</v>
      </c>
      <c r="Z16481" s="2">
        <v>0</v>
      </c>
      <c r="AA16481" s="5"/>
      <c r="AB16481" s="5" t="s">
        <v>43</v>
      </c>
      <c r="AC16481" s="5" t="s">
        <v>44</v>
      </c>
      <c r="AD16481" s="2"/>
      <c r="AE16481" s="1"/>
    </row>
    <row r="16482" spans="1:31" ht="14.45">
      <c r="A16482" s="11"/>
      <c r="B16482" s="20"/>
      <c r="C16482" s="2" t="s">
        <v>50404</v>
      </c>
      <c r="D16482" s="14" t="s">
        <v>50405</v>
      </c>
      <c r="E16482" s="2" t="s">
        <v>50406</v>
      </c>
      <c r="F16482" s="2" t="s">
        <v>36305</v>
      </c>
      <c r="G16482" s="8">
        <v>282</v>
      </c>
      <c r="H16482" s="5">
        <v>6</v>
      </c>
      <c r="I16482" s="5" t="s">
        <v>1518</v>
      </c>
      <c r="J16482" s="5" t="s">
        <v>36264</v>
      </c>
      <c r="K16482" s="2" t="s">
        <v>49668</v>
      </c>
      <c r="L16482" s="5" t="s">
        <v>36264</v>
      </c>
      <c r="M16482" s="2" t="s">
        <v>49668</v>
      </c>
      <c r="N16482" s="5" t="s">
        <v>19227</v>
      </c>
      <c r="O16482" s="5" t="s">
        <v>38</v>
      </c>
      <c r="P16482" s="5" t="s">
        <v>39</v>
      </c>
      <c r="Q16482" s="5" t="s">
        <v>40</v>
      </c>
      <c r="R16482" s="5" t="s">
        <v>1487</v>
      </c>
      <c r="S16482" s="5"/>
      <c r="T16482" s="5" t="s">
        <v>42</v>
      </c>
      <c r="U16482" s="2">
        <v>0</v>
      </c>
      <c r="V16482" s="2">
        <v>0</v>
      </c>
      <c r="W16482" s="2">
        <v>0</v>
      </c>
      <c r="X16482" s="2">
        <v>0</v>
      </c>
      <c r="Y16482" s="2">
        <v>0</v>
      </c>
      <c r="Z16482" s="2">
        <v>0</v>
      </c>
      <c r="AA16482" s="5"/>
      <c r="AB16482" s="5" t="s">
        <v>43</v>
      </c>
      <c r="AC16482" s="5" t="s">
        <v>44</v>
      </c>
      <c r="AD16482" s="2"/>
      <c r="AE16482" s="1"/>
    </row>
    <row r="16483" spans="1:31" ht="14.45">
      <c r="A16483" s="11"/>
      <c r="B16483" s="20"/>
      <c r="C16483" s="2" t="s">
        <v>50407</v>
      </c>
      <c r="D16483" s="14" t="s">
        <v>50408</v>
      </c>
      <c r="E16483" s="2" t="s">
        <v>50409</v>
      </c>
      <c r="F16483" s="2" t="s">
        <v>36309</v>
      </c>
      <c r="G16483" s="8">
        <v>282</v>
      </c>
      <c r="H16483" s="5">
        <v>6</v>
      </c>
      <c r="I16483" s="5" t="s">
        <v>1518</v>
      </c>
      <c r="J16483" s="5" t="s">
        <v>36264</v>
      </c>
      <c r="K16483" s="2" t="s">
        <v>49668</v>
      </c>
      <c r="L16483" s="5" t="s">
        <v>36264</v>
      </c>
      <c r="M16483" s="2" t="s">
        <v>49668</v>
      </c>
      <c r="N16483" s="5" t="s">
        <v>19227</v>
      </c>
      <c r="O16483" s="5" t="s">
        <v>38</v>
      </c>
      <c r="P16483" s="5" t="s">
        <v>39</v>
      </c>
      <c r="Q16483" s="5" t="s">
        <v>40</v>
      </c>
      <c r="R16483" s="5" t="s">
        <v>1487</v>
      </c>
      <c r="S16483" s="5"/>
      <c r="T16483" s="5" t="s">
        <v>42</v>
      </c>
      <c r="U16483" s="2">
        <v>0</v>
      </c>
      <c r="V16483" s="2">
        <v>0</v>
      </c>
      <c r="W16483" s="2">
        <v>0</v>
      </c>
      <c r="X16483" s="2">
        <v>0</v>
      </c>
      <c r="Y16483" s="2">
        <v>0</v>
      </c>
      <c r="Z16483" s="2">
        <v>0</v>
      </c>
      <c r="AA16483" s="5"/>
      <c r="AB16483" s="5" t="s">
        <v>43</v>
      </c>
      <c r="AC16483" s="5" t="s">
        <v>44</v>
      </c>
      <c r="AD16483" s="2"/>
      <c r="AE16483" s="1"/>
    </row>
    <row r="16484" spans="1:31" ht="14.45">
      <c r="A16484" s="11"/>
      <c r="B16484" s="20"/>
      <c r="C16484" s="2" t="s">
        <v>50410</v>
      </c>
      <c r="D16484" s="14" t="s">
        <v>50411</v>
      </c>
      <c r="E16484" s="2" t="s">
        <v>50412</v>
      </c>
      <c r="F16484" s="2" t="s">
        <v>7204</v>
      </c>
      <c r="G16484" s="8">
        <v>292</v>
      </c>
      <c r="H16484" s="5">
        <v>6</v>
      </c>
      <c r="I16484" s="5" t="s">
        <v>1518</v>
      </c>
      <c r="J16484" s="5" t="s">
        <v>36264</v>
      </c>
      <c r="K16484" s="2" t="s">
        <v>49668</v>
      </c>
      <c r="L16484" s="5" t="s">
        <v>36264</v>
      </c>
      <c r="M16484" s="2" t="s">
        <v>49668</v>
      </c>
      <c r="N16484" s="5" t="s">
        <v>19227</v>
      </c>
      <c r="O16484" s="5" t="s">
        <v>38</v>
      </c>
      <c r="P16484" s="5" t="s">
        <v>39</v>
      </c>
      <c r="Q16484" s="5" t="s">
        <v>40</v>
      </c>
      <c r="R16484" s="5" t="s">
        <v>1487</v>
      </c>
      <c r="S16484" s="5"/>
      <c r="T16484" s="5" t="s">
        <v>42</v>
      </c>
      <c r="U16484" s="2">
        <v>0</v>
      </c>
      <c r="V16484" s="2">
        <v>0</v>
      </c>
      <c r="W16484" s="2">
        <v>0</v>
      </c>
      <c r="X16484" s="2">
        <v>0</v>
      </c>
      <c r="Y16484" s="2">
        <v>0</v>
      </c>
      <c r="Z16484" s="2">
        <v>0</v>
      </c>
      <c r="AA16484" s="5"/>
      <c r="AB16484" s="5" t="s">
        <v>43</v>
      </c>
      <c r="AC16484" s="5" t="s">
        <v>44</v>
      </c>
      <c r="AD16484" s="2"/>
      <c r="AE16484" s="1"/>
    </row>
    <row r="16485" spans="1:31" ht="14.45">
      <c r="A16485" s="11"/>
      <c r="B16485" s="20"/>
      <c r="C16485" s="2" t="s">
        <v>50413</v>
      </c>
      <c r="D16485" s="14" t="s">
        <v>50414</v>
      </c>
      <c r="E16485" s="2" t="s">
        <v>50415</v>
      </c>
      <c r="F16485" s="2" t="s">
        <v>7514</v>
      </c>
      <c r="G16485" s="8">
        <v>292</v>
      </c>
      <c r="H16485" s="5">
        <v>6</v>
      </c>
      <c r="I16485" s="5" t="s">
        <v>1518</v>
      </c>
      <c r="J16485" s="5" t="s">
        <v>36264</v>
      </c>
      <c r="K16485" s="2" t="s">
        <v>49668</v>
      </c>
      <c r="L16485" s="5" t="s">
        <v>36264</v>
      </c>
      <c r="M16485" s="2" t="s">
        <v>49668</v>
      </c>
      <c r="N16485" s="5" t="s">
        <v>19227</v>
      </c>
      <c r="O16485" s="5" t="s">
        <v>38</v>
      </c>
      <c r="P16485" s="5" t="s">
        <v>39</v>
      </c>
      <c r="Q16485" s="5" t="s">
        <v>40</v>
      </c>
      <c r="R16485" s="5" t="s">
        <v>1487</v>
      </c>
      <c r="S16485" s="5"/>
      <c r="T16485" s="5" t="s">
        <v>42</v>
      </c>
      <c r="U16485" s="2">
        <v>0</v>
      </c>
      <c r="V16485" s="2">
        <v>0</v>
      </c>
      <c r="W16485" s="2">
        <v>0</v>
      </c>
      <c r="X16485" s="2">
        <v>0</v>
      </c>
      <c r="Y16485" s="2">
        <v>0</v>
      </c>
      <c r="Z16485" s="2">
        <v>0</v>
      </c>
      <c r="AA16485" s="5"/>
      <c r="AB16485" s="5" t="s">
        <v>43</v>
      </c>
      <c r="AC16485" s="5" t="s">
        <v>44</v>
      </c>
      <c r="AD16485" s="2"/>
      <c r="AE16485" s="1"/>
    </row>
    <row r="16486" spans="1:31" ht="14.45">
      <c r="A16486" s="11"/>
      <c r="B16486" s="20"/>
      <c r="C16486" s="2" t="s">
        <v>50416</v>
      </c>
      <c r="D16486" s="14" t="s">
        <v>50417</v>
      </c>
      <c r="E16486" s="2" t="s">
        <v>50418</v>
      </c>
      <c r="F16486" s="2" t="s">
        <v>36273</v>
      </c>
      <c r="G16486" s="8">
        <v>292</v>
      </c>
      <c r="H16486" s="5">
        <v>6</v>
      </c>
      <c r="I16486" s="5" t="s">
        <v>1518</v>
      </c>
      <c r="J16486" s="5" t="s">
        <v>36264</v>
      </c>
      <c r="K16486" s="2" t="s">
        <v>49668</v>
      </c>
      <c r="L16486" s="5" t="s">
        <v>36264</v>
      </c>
      <c r="M16486" s="2" t="s">
        <v>49668</v>
      </c>
      <c r="N16486" s="5" t="s">
        <v>19227</v>
      </c>
      <c r="O16486" s="5" t="s">
        <v>38</v>
      </c>
      <c r="P16486" s="5" t="s">
        <v>39</v>
      </c>
      <c r="Q16486" s="5" t="s">
        <v>40</v>
      </c>
      <c r="R16486" s="5" t="s">
        <v>1487</v>
      </c>
      <c r="S16486" s="5"/>
      <c r="T16486" s="5" t="s">
        <v>42</v>
      </c>
      <c r="U16486" s="2">
        <v>0</v>
      </c>
      <c r="V16486" s="2">
        <v>0</v>
      </c>
      <c r="W16486" s="2">
        <v>0</v>
      </c>
      <c r="X16486" s="2">
        <v>0</v>
      </c>
      <c r="Y16486" s="2">
        <v>0</v>
      </c>
      <c r="Z16486" s="2">
        <v>0</v>
      </c>
      <c r="AA16486" s="5"/>
      <c r="AB16486" s="5" t="s">
        <v>43</v>
      </c>
      <c r="AC16486" s="5" t="s">
        <v>44</v>
      </c>
      <c r="AD16486" s="2"/>
      <c r="AE16486" s="1"/>
    </row>
    <row r="16487" spans="1:31" ht="14.45">
      <c r="A16487" s="11"/>
      <c r="B16487" s="20"/>
      <c r="C16487" s="2" t="s">
        <v>50419</v>
      </c>
      <c r="D16487" s="14" t="s">
        <v>50420</v>
      </c>
      <c r="E16487" s="2" t="s">
        <v>50421</v>
      </c>
      <c r="F16487" s="2" t="s">
        <v>36277</v>
      </c>
      <c r="G16487" s="8">
        <v>292</v>
      </c>
      <c r="H16487" s="5">
        <v>6</v>
      </c>
      <c r="I16487" s="5" t="s">
        <v>1518</v>
      </c>
      <c r="J16487" s="5" t="s">
        <v>36264</v>
      </c>
      <c r="K16487" s="2" t="s">
        <v>49668</v>
      </c>
      <c r="L16487" s="5" t="s">
        <v>36264</v>
      </c>
      <c r="M16487" s="2" t="s">
        <v>49668</v>
      </c>
      <c r="N16487" s="5" t="s">
        <v>19227</v>
      </c>
      <c r="O16487" s="5" t="s">
        <v>38</v>
      </c>
      <c r="P16487" s="5" t="s">
        <v>39</v>
      </c>
      <c r="Q16487" s="5" t="s">
        <v>40</v>
      </c>
      <c r="R16487" s="5" t="s">
        <v>1487</v>
      </c>
      <c r="S16487" s="5"/>
      <c r="T16487" s="5" t="s">
        <v>42</v>
      </c>
      <c r="U16487" s="2">
        <v>0</v>
      </c>
      <c r="V16487" s="2">
        <v>0</v>
      </c>
      <c r="W16487" s="2">
        <v>0</v>
      </c>
      <c r="X16487" s="2">
        <v>0</v>
      </c>
      <c r="Y16487" s="2">
        <v>0</v>
      </c>
      <c r="Z16487" s="2">
        <v>0</v>
      </c>
      <c r="AA16487" s="5"/>
      <c r="AB16487" s="5" t="s">
        <v>43</v>
      </c>
      <c r="AC16487" s="5" t="s">
        <v>44</v>
      </c>
      <c r="AD16487" s="2"/>
      <c r="AE16487" s="1"/>
    </row>
    <row r="16488" spans="1:31" ht="14.45">
      <c r="A16488" s="11"/>
      <c r="B16488" s="20"/>
      <c r="C16488" s="2" t="s">
        <v>50422</v>
      </c>
      <c r="D16488" s="14" t="s">
        <v>50423</v>
      </c>
      <c r="E16488" s="2" t="s">
        <v>50424</v>
      </c>
      <c r="F16488" s="2" t="s">
        <v>36297</v>
      </c>
      <c r="G16488" s="8">
        <v>292</v>
      </c>
      <c r="H16488" s="5">
        <v>6</v>
      </c>
      <c r="I16488" s="5" t="s">
        <v>1518</v>
      </c>
      <c r="J16488" s="5" t="s">
        <v>36264</v>
      </c>
      <c r="K16488" s="2" t="s">
        <v>49668</v>
      </c>
      <c r="L16488" s="5" t="s">
        <v>36264</v>
      </c>
      <c r="M16488" s="2" t="s">
        <v>49668</v>
      </c>
      <c r="N16488" s="5" t="s">
        <v>19227</v>
      </c>
      <c r="O16488" s="5" t="s">
        <v>38</v>
      </c>
      <c r="P16488" s="5" t="s">
        <v>39</v>
      </c>
      <c r="Q16488" s="5" t="s">
        <v>40</v>
      </c>
      <c r="R16488" s="5" t="s">
        <v>1487</v>
      </c>
      <c r="S16488" s="5"/>
      <c r="T16488" s="5" t="s">
        <v>42</v>
      </c>
      <c r="U16488" s="2">
        <v>0</v>
      </c>
      <c r="V16488" s="2">
        <v>0</v>
      </c>
      <c r="W16488" s="2">
        <v>0</v>
      </c>
      <c r="X16488" s="2">
        <v>0</v>
      </c>
      <c r="Y16488" s="2">
        <v>0</v>
      </c>
      <c r="Z16488" s="2">
        <v>0</v>
      </c>
      <c r="AA16488" s="5"/>
      <c r="AB16488" s="5" t="s">
        <v>43</v>
      </c>
      <c r="AC16488" s="5" t="s">
        <v>44</v>
      </c>
      <c r="AD16488" s="2"/>
      <c r="AE16488" s="1"/>
    </row>
    <row r="16489" spans="1:31" ht="14.45">
      <c r="A16489" s="11"/>
      <c r="B16489" s="20"/>
      <c r="C16489" s="2" t="s">
        <v>50425</v>
      </c>
      <c r="D16489" s="14" t="s">
        <v>50426</v>
      </c>
      <c r="E16489" s="2" t="s">
        <v>50427</v>
      </c>
      <c r="F16489" s="2" t="s">
        <v>36301</v>
      </c>
      <c r="G16489" s="8">
        <v>292</v>
      </c>
      <c r="H16489" s="5">
        <v>6</v>
      </c>
      <c r="I16489" s="5" t="s">
        <v>1518</v>
      </c>
      <c r="J16489" s="5" t="s">
        <v>36264</v>
      </c>
      <c r="K16489" s="2" t="s">
        <v>49668</v>
      </c>
      <c r="L16489" s="5" t="s">
        <v>36264</v>
      </c>
      <c r="M16489" s="2" t="s">
        <v>49668</v>
      </c>
      <c r="N16489" s="5" t="s">
        <v>19227</v>
      </c>
      <c r="O16489" s="5" t="s">
        <v>38</v>
      </c>
      <c r="P16489" s="5" t="s">
        <v>39</v>
      </c>
      <c r="Q16489" s="5" t="s">
        <v>40</v>
      </c>
      <c r="R16489" s="5" t="s">
        <v>1487</v>
      </c>
      <c r="S16489" s="5"/>
      <c r="T16489" s="5" t="s">
        <v>42</v>
      </c>
      <c r="U16489" s="2">
        <v>0</v>
      </c>
      <c r="V16489" s="2">
        <v>0</v>
      </c>
      <c r="W16489" s="2">
        <v>0</v>
      </c>
      <c r="X16489" s="2">
        <v>0</v>
      </c>
      <c r="Y16489" s="2">
        <v>0</v>
      </c>
      <c r="Z16489" s="2">
        <v>0</v>
      </c>
      <c r="AA16489" s="5"/>
      <c r="AB16489" s="5" t="s">
        <v>43</v>
      </c>
      <c r="AC16489" s="5" t="s">
        <v>44</v>
      </c>
      <c r="AD16489" s="2"/>
      <c r="AE16489" s="1"/>
    </row>
    <row r="16490" spans="1:31" ht="14.45">
      <c r="A16490" s="11"/>
      <c r="B16490" s="20"/>
      <c r="C16490" s="2" t="s">
        <v>50428</v>
      </c>
      <c r="D16490" s="14" t="s">
        <v>50429</v>
      </c>
      <c r="E16490" s="2" t="s">
        <v>50430</v>
      </c>
      <c r="F16490" s="2" t="s">
        <v>36305</v>
      </c>
      <c r="G16490" s="8">
        <v>292</v>
      </c>
      <c r="H16490" s="5">
        <v>6</v>
      </c>
      <c r="I16490" s="5" t="s">
        <v>1518</v>
      </c>
      <c r="J16490" s="5" t="s">
        <v>36264</v>
      </c>
      <c r="K16490" s="2" t="s">
        <v>49668</v>
      </c>
      <c r="L16490" s="5" t="s">
        <v>36264</v>
      </c>
      <c r="M16490" s="2" t="s">
        <v>49668</v>
      </c>
      <c r="N16490" s="5" t="s">
        <v>19227</v>
      </c>
      <c r="O16490" s="5" t="s">
        <v>38</v>
      </c>
      <c r="P16490" s="5" t="s">
        <v>39</v>
      </c>
      <c r="Q16490" s="5" t="s">
        <v>40</v>
      </c>
      <c r="R16490" s="5" t="s">
        <v>1487</v>
      </c>
      <c r="S16490" s="5"/>
      <c r="T16490" s="5" t="s">
        <v>42</v>
      </c>
      <c r="U16490" s="2">
        <v>0</v>
      </c>
      <c r="V16490" s="2">
        <v>0</v>
      </c>
      <c r="W16490" s="2">
        <v>0</v>
      </c>
      <c r="X16490" s="2">
        <v>0</v>
      </c>
      <c r="Y16490" s="2">
        <v>0</v>
      </c>
      <c r="Z16490" s="2">
        <v>0</v>
      </c>
      <c r="AA16490" s="5"/>
      <c r="AB16490" s="5" t="s">
        <v>43</v>
      </c>
      <c r="AC16490" s="5" t="s">
        <v>44</v>
      </c>
      <c r="AD16490" s="2"/>
      <c r="AE16490" s="1"/>
    </row>
    <row r="16491" spans="1:31" ht="14.45">
      <c r="A16491" s="11"/>
      <c r="B16491" s="20"/>
      <c r="C16491" s="2" t="s">
        <v>50431</v>
      </c>
      <c r="D16491" s="14" t="s">
        <v>50432</v>
      </c>
      <c r="E16491" s="2" t="s">
        <v>50433</v>
      </c>
      <c r="F16491" s="2" t="s">
        <v>36309</v>
      </c>
      <c r="G16491" s="8">
        <v>292</v>
      </c>
      <c r="H16491" s="5">
        <v>6</v>
      </c>
      <c r="I16491" s="5" t="s">
        <v>1518</v>
      </c>
      <c r="J16491" s="5" t="s">
        <v>36264</v>
      </c>
      <c r="K16491" s="2" t="s">
        <v>49668</v>
      </c>
      <c r="L16491" s="5" t="s">
        <v>36264</v>
      </c>
      <c r="M16491" s="2" t="s">
        <v>49668</v>
      </c>
      <c r="N16491" s="5" t="s">
        <v>19227</v>
      </c>
      <c r="O16491" s="5" t="s">
        <v>38</v>
      </c>
      <c r="P16491" s="5" t="s">
        <v>39</v>
      </c>
      <c r="Q16491" s="5" t="s">
        <v>40</v>
      </c>
      <c r="R16491" s="5" t="s">
        <v>1487</v>
      </c>
      <c r="S16491" s="5"/>
      <c r="T16491" s="5" t="s">
        <v>42</v>
      </c>
      <c r="U16491" s="2">
        <v>0</v>
      </c>
      <c r="V16491" s="2">
        <v>0</v>
      </c>
      <c r="W16491" s="2">
        <v>0</v>
      </c>
      <c r="X16491" s="2">
        <v>0</v>
      </c>
      <c r="Y16491" s="2">
        <v>0</v>
      </c>
      <c r="Z16491" s="2">
        <v>0</v>
      </c>
      <c r="AA16491" s="5"/>
      <c r="AB16491" s="5" t="s">
        <v>43</v>
      </c>
      <c r="AC16491" s="5" t="s">
        <v>44</v>
      </c>
      <c r="AD16491" s="2"/>
      <c r="AE16491" s="1"/>
    </row>
    <row r="16492" spans="1:31" ht="14.45">
      <c r="A16492" s="11"/>
      <c r="B16492" s="20"/>
      <c r="C16492" s="2" t="s">
        <v>50434</v>
      </c>
      <c r="D16492" s="14" t="s">
        <v>50435</v>
      </c>
      <c r="E16492" s="2" t="s">
        <v>50436</v>
      </c>
      <c r="F16492" s="2" t="s">
        <v>7204</v>
      </c>
      <c r="G16492" s="8">
        <v>313</v>
      </c>
      <c r="H16492" s="5">
        <v>6</v>
      </c>
      <c r="I16492" s="5" t="s">
        <v>1518</v>
      </c>
      <c r="J16492" s="5" t="s">
        <v>36264</v>
      </c>
      <c r="K16492" s="2" t="s">
        <v>49668</v>
      </c>
      <c r="L16492" s="5" t="s">
        <v>36264</v>
      </c>
      <c r="M16492" s="2" t="s">
        <v>49668</v>
      </c>
      <c r="N16492" s="5" t="s">
        <v>19227</v>
      </c>
      <c r="O16492" s="5" t="s">
        <v>38</v>
      </c>
      <c r="P16492" s="5" t="s">
        <v>39</v>
      </c>
      <c r="Q16492" s="5" t="s">
        <v>40</v>
      </c>
      <c r="R16492" s="5" t="s">
        <v>1487</v>
      </c>
      <c r="S16492" s="5"/>
      <c r="T16492" s="5" t="s">
        <v>42</v>
      </c>
      <c r="U16492" s="2">
        <v>0</v>
      </c>
      <c r="V16492" s="2">
        <v>0</v>
      </c>
      <c r="W16492" s="2">
        <v>0</v>
      </c>
      <c r="X16492" s="2">
        <v>0</v>
      </c>
      <c r="Y16492" s="2">
        <v>0</v>
      </c>
      <c r="Z16492" s="2">
        <v>0</v>
      </c>
      <c r="AA16492" s="5"/>
      <c r="AB16492" s="5" t="s">
        <v>43</v>
      </c>
      <c r="AC16492" s="5" t="s">
        <v>44</v>
      </c>
      <c r="AD16492" s="2"/>
      <c r="AE16492" s="1"/>
    </row>
    <row r="16493" spans="1:31" ht="14.45">
      <c r="A16493" s="11"/>
      <c r="B16493" s="20"/>
      <c r="C16493" s="2" t="s">
        <v>50437</v>
      </c>
      <c r="D16493" s="14" t="s">
        <v>50438</v>
      </c>
      <c r="E16493" s="2" t="s">
        <v>50439</v>
      </c>
      <c r="F16493" s="2" t="s">
        <v>7514</v>
      </c>
      <c r="G16493" s="8">
        <v>313</v>
      </c>
      <c r="H16493" s="5">
        <v>6</v>
      </c>
      <c r="I16493" s="5" t="s">
        <v>1518</v>
      </c>
      <c r="J16493" s="5" t="s">
        <v>36264</v>
      </c>
      <c r="K16493" s="2" t="s">
        <v>49668</v>
      </c>
      <c r="L16493" s="5" t="s">
        <v>36264</v>
      </c>
      <c r="M16493" s="2" t="s">
        <v>49668</v>
      </c>
      <c r="N16493" s="5" t="s">
        <v>19227</v>
      </c>
      <c r="O16493" s="5" t="s">
        <v>38</v>
      </c>
      <c r="P16493" s="5" t="s">
        <v>39</v>
      </c>
      <c r="Q16493" s="5" t="s">
        <v>40</v>
      </c>
      <c r="R16493" s="5" t="s">
        <v>1487</v>
      </c>
      <c r="S16493" s="5"/>
      <c r="T16493" s="5" t="s">
        <v>42</v>
      </c>
      <c r="U16493" s="2">
        <v>0</v>
      </c>
      <c r="V16493" s="2">
        <v>0</v>
      </c>
      <c r="W16493" s="2">
        <v>0</v>
      </c>
      <c r="X16493" s="2">
        <v>0</v>
      </c>
      <c r="Y16493" s="2">
        <v>0</v>
      </c>
      <c r="Z16493" s="2">
        <v>0</v>
      </c>
      <c r="AA16493" s="5"/>
      <c r="AB16493" s="5" t="s">
        <v>43</v>
      </c>
      <c r="AC16493" s="5" t="s">
        <v>44</v>
      </c>
      <c r="AD16493" s="2"/>
      <c r="AE16493" s="1"/>
    </row>
    <row r="16494" spans="1:31" ht="14.45">
      <c r="A16494" s="11"/>
      <c r="B16494" s="20"/>
      <c r="C16494" s="2" t="s">
        <v>50440</v>
      </c>
      <c r="D16494" s="14" t="s">
        <v>50441</v>
      </c>
      <c r="E16494" s="2" t="s">
        <v>50442</v>
      </c>
      <c r="F16494" s="2" t="s">
        <v>36273</v>
      </c>
      <c r="G16494" s="8">
        <v>313</v>
      </c>
      <c r="H16494" s="5">
        <v>6</v>
      </c>
      <c r="I16494" s="5" t="s">
        <v>1518</v>
      </c>
      <c r="J16494" s="5" t="s">
        <v>36264</v>
      </c>
      <c r="K16494" s="2" t="s">
        <v>49668</v>
      </c>
      <c r="L16494" s="5" t="s">
        <v>36264</v>
      </c>
      <c r="M16494" s="2" t="s">
        <v>49668</v>
      </c>
      <c r="N16494" s="5" t="s">
        <v>19227</v>
      </c>
      <c r="O16494" s="5" t="s">
        <v>38</v>
      </c>
      <c r="P16494" s="5" t="s">
        <v>39</v>
      </c>
      <c r="Q16494" s="5" t="s">
        <v>40</v>
      </c>
      <c r="R16494" s="5" t="s">
        <v>1487</v>
      </c>
      <c r="S16494" s="5"/>
      <c r="T16494" s="5" t="s">
        <v>42</v>
      </c>
      <c r="U16494" s="2">
        <v>0</v>
      </c>
      <c r="V16494" s="2">
        <v>0</v>
      </c>
      <c r="W16494" s="2">
        <v>0</v>
      </c>
      <c r="X16494" s="2">
        <v>0</v>
      </c>
      <c r="Y16494" s="2">
        <v>0</v>
      </c>
      <c r="Z16494" s="2">
        <v>0</v>
      </c>
      <c r="AA16494" s="5"/>
      <c r="AB16494" s="5" t="s">
        <v>43</v>
      </c>
      <c r="AC16494" s="5" t="s">
        <v>44</v>
      </c>
      <c r="AD16494" s="2"/>
      <c r="AE16494" s="1"/>
    </row>
    <row r="16495" spans="1:31" ht="14.45">
      <c r="A16495" s="11"/>
      <c r="B16495" s="20"/>
      <c r="C16495" s="2" t="s">
        <v>50443</v>
      </c>
      <c r="D16495" s="14" t="s">
        <v>50444</v>
      </c>
      <c r="E16495" s="2" t="s">
        <v>50445</v>
      </c>
      <c r="F16495" s="2" t="s">
        <v>36277</v>
      </c>
      <c r="G16495" s="8">
        <v>313</v>
      </c>
      <c r="H16495" s="5">
        <v>6</v>
      </c>
      <c r="I16495" s="5" t="s">
        <v>1518</v>
      </c>
      <c r="J16495" s="5" t="s">
        <v>36264</v>
      </c>
      <c r="K16495" s="2" t="s">
        <v>49668</v>
      </c>
      <c r="L16495" s="5" t="s">
        <v>36264</v>
      </c>
      <c r="M16495" s="2" t="s">
        <v>49668</v>
      </c>
      <c r="N16495" s="5" t="s">
        <v>19227</v>
      </c>
      <c r="O16495" s="5" t="s">
        <v>38</v>
      </c>
      <c r="P16495" s="5" t="s">
        <v>39</v>
      </c>
      <c r="Q16495" s="5" t="s">
        <v>40</v>
      </c>
      <c r="R16495" s="5" t="s">
        <v>1487</v>
      </c>
      <c r="S16495" s="5"/>
      <c r="T16495" s="5" t="s">
        <v>42</v>
      </c>
      <c r="U16495" s="2">
        <v>0</v>
      </c>
      <c r="V16495" s="2">
        <v>0</v>
      </c>
      <c r="W16495" s="2">
        <v>0</v>
      </c>
      <c r="X16495" s="2">
        <v>0</v>
      </c>
      <c r="Y16495" s="2">
        <v>0</v>
      </c>
      <c r="Z16495" s="2">
        <v>0</v>
      </c>
      <c r="AA16495" s="5"/>
      <c r="AB16495" s="5" t="s">
        <v>43</v>
      </c>
      <c r="AC16495" s="5" t="s">
        <v>44</v>
      </c>
      <c r="AD16495" s="2"/>
      <c r="AE16495" s="1"/>
    </row>
    <row r="16496" spans="1:31" ht="14.45">
      <c r="A16496" s="11"/>
      <c r="B16496" s="20"/>
      <c r="C16496" s="2" t="s">
        <v>50446</v>
      </c>
      <c r="D16496" s="14" t="s">
        <v>50447</v>
      </c>
      <c r="E16496" s="2" t="s">
        <v>50448</v>
      </c>
      <c r="F16496" s="2" t="s">
        <v>36297</v>
      </c>
      <c r="G16496" s="8">
        <v>313</v>
      </c>
      <c r="H16496" s="5">
        <v>6</v>
      </c>
      <c r="I16496" s="5" t="s">
        <v>1518</v>
      </c>
      <c r="J16496" s="5" t="s">
        <v>36264</v>
      </c>
      <c r="K16496" s="2" t="s">
        <v>49668</v>
      </c>
      <c r="L16496" s="5" t="s">
        <v>36264</v>
      </c>
      <c r="M16496" s="2" t="s">
        <v>49668</v>
      </c>
      <c r="N16496" s="5" t="s">
        <v>19227</v>
      </c>
      <c r="O16496" s="5" t="s">
        <v>38</v>
      </c>
      <c r="P16496" s="5" t="s">
        <v>39</v>
      </c>
      <c r="Q16496" s="5" t="s">
        <v>40</v>
      </c>
      <c r="R16496" s="5" t="s">
        <v>1487</v>
      </c>
      <c r="S16496" s="5"/>
      <c r="T16496" s="5" t="s">
        <v>42</v>
      </c>
      <c r="U16496" s="2">
        <v>0</v>
      </c>
      <c r="V16496" s="2">
        <v>0</v>
      </c>
      <c r="W16496" s="2">
        <v>0</v>
      </c>
      <c r="X16496" s="2">
        <v>0</v>
      </c>
      <c r="Y16496" s="2">
        <v>0</v>
      </c>
      <c r="Z16496" s="2">
        <v>0</v>
      </c>
      <c r="AA16496" s="5"/>
      <c r="AB16496" s="5" t="s">
        <v>43</v>
      </c>
      <c r="AC16496" s="5" t="s">
        <v>44</v>
      </c>
      <c r="AD16496" s="2"/>
      <c r="AE16496" s="1"/>
    </row>
    <row r="16497" spans="1:31" ht="14.45">
      <c r="A16497" s="11"/>
      <c r="B16497" s="20"/>
      <c r="C16497" s="2" t="s">
        <v>50449</v>
      </c>
      <c r="D16497" s="14" t="s">
        <v>50450</v>
      </c>
      <c r="E16497" s="2" t="s">
        <v>50451</v>
      </c>
      <c r="F16497" s="2" t="s">
        <v>36301</v>
      </c>
      <c r="G16497" s="8">
        <v>313</v>
      </c>
      <c r="H16497" s="5">
        <v>6</v>
      </c>
      <c r="I16497" s="5" t="s">
        <v>1518</v>
      </c>
      <c r="J16497" s="5" t="s">
        <v>36264</v>
      </c>
      <c r="K16497" s="2" t="s">
        <v>49668</v>
      </c>
      <c r="L16497" s="5" t="s">
        <v>36264</v>
      </c>
      <c r="M16497" s="2" t="s">
        <v>49668</v>
      </c>
      <c r="N16497" s="5" t="s">
        <v>19227</v>
      </c>
      <c r="O16497" s="5" t="s">
        <v>38</v>
      </c>
      <c r="P16497" s="5" t="s">
        <v>39</v>
      </c>
      <c r="Q16497" s="5" t="s">
        <v>40</v>
      </c>
      <c r="R16497" s="5" t="s">
        <v>1487</v>
      </c>
      <c r="S16497" s="5"/>
      <c r="T16497" s="5" t="s">
        <v>42</v>
      </c>
      <c r="U16497" s="2">
        <v>0</v>
      </c>
      <c r="V16497" s="2">
        <v>0</v>
      </c>
      <c r="W16497" s="2">
        <v>0</v>
      </c>
      <c r="X16497" s="2">
        <v>0</v>
      </c>
      <c r="Y16497" s="2">
        <v>0</v>
      </c>
      <c r="Z16497" s="2">
        <v>0</v>
      </c>
      <c r="AA16497" s="5"/>
      <c r="AB16497" s="5" t="s">
        <v>43</v>
      </c>
      <c r="AC16497" s="5" t="s">
        <v>44</v>
      </c>
      <c r="AD16497" s="2"/>
      <c r="AE16497" s="1"/>
    </row>
    <row r="16498" spans="1:31" ht="14.45">
      <c r="A16498" s="11"/>
      <c r="B16498" s="20"/>
      <c r="C16498" s="2" t="s">
        <v>50452</v>
      </c>
      <c r="D16498" s="14" t="s">
        <v>50453</v>
      </c>
      <c r="E16498" s="2" t="s">
        <v>50454</v>
      </c>
      <c r="F16498" s="2" t="s">
        <v>36305</v>
      </c>
      <c r="G16498" s="8">
        <v>313</v>
      </c>
      <c r="H16498" s="5">
        <v>6</v>
      </c>
      <c r="I16498" s="5" t="s">
        <v>1518</v>
      </c>
      <c r="J16498" s="5" t="s">
        <v>36264</v>
      </c>
      <c r="K16498" s="2" t="s">
        <v>49668</v>
      </c>
      <c r="L16498" s="5" t="s">
        <v>36264</v>
      </c>
      <c r="M16498" s="2" t="s">
        <v>49668</v>
      </c>
      <c r="N16498" s="5" t="s">
        <v>19227</v>
      </c>
      <c r="O16498" s="5" t="s">
        <v>38</v>
      </c>
      <c r="P16498" s="5" t="s">
        <v>39</v>
      </c>
      <c r="Q16498" s="5" t="s">
        <v>40</v>
      </c>
      <c r="R16498" s="5" t="s">
        <v>1487</v>
      </c>
      <c r="S16498" s="5"/>
      <c r="T16498" s="5" t="s">
        <v>42</v>
      </c>
      <c r="U16498" s="2">
        <v>0</v>
      </c>
      <c r="V16498" s="2">
        <v>0</v>
      </c>
      <c r="W16498" s="2">
        <v>0</v>
      </c>
      <c r="X16498" s="2">
        <v>0</v>
      </c>
      <c r="Y16498" s="2">
        <v>0</v>
      </c>
      <c r="Z16498" s="2">
        <v>0</v>
      </c>
      <c r="AA16498" s="5"/>
      <c r="AB16498" s="5" t="s">
        <v>43</v>
      </c>
      <c r="AC16498" s="5" t="s">
        <v>44</v>
      </c>
      <c r="AD16498" s="2"/>
      <c r="AE16498" s="1"/>
    </row>
    <row r="16499" spans="1:31" ht="14.45">
      <c r="A16499" s="11"/>
      <c r="B16499" s="20"/>
      <c r="C16499" s="2" t="s">
        <v>50455</v>
      </c>
      <c r="D16499" s="14" t="s">
        <v>50456</v>
      </c>
      <c r="E16499" s="2" t="s">
        <v>50457</v>
      </c>
      <c r="F16499" s="2" t="s">
        <v>36309</v>
      </c>
      <c r="G16499" s="8">
        <v>313</v>
      </c>
      <c r="H16499" s="5">
        <v>6</v>
      </c>
      <c r="I16499" s="5" t="s">
        <v>1518</v>
      </c>
      <c r="J16499" s="5" t="s">
        <v>36264</v>
      </c>
      <c r="K16499" s="2" t="s">
        <v>49668</v>
      </c>
      <c r="L16499" s="5" t="s">
        <v>36264</v>
      </c>
      <c r="M16499" s="2" t="s">
        <v>49668</v>
      </c>
      <c r="N16499" s="5" t="s">
        <v>19227</v>
      </c>
      <c r="O16499" s="5" t="s">
        <v>38</v>
      </c>
      <c r="P16499" s="5" t="s">
        <v>39</v>
      </c>
      <c r="Q16499" s="5" t="s">
        <v>40</v>
      </c>
      <c r="R16499" s="5" t="s">
        <v>1487</v>
      </c>
      <c r="S16499" s="5"/>
      <c r="T16499" s="5" t="s">
        <v>42</v>
      </c>
      <c r="U16499" s="2">
        <v>0</v>
      </c>
      <c r="V16499" s="2">
        <v>0</v>
      </c>
      <c r="W16499" s="2">
        <v>0</v>
      </c>
      <c r="X16499" s="2">
        <v>0</v>
      </c>
      <c r="Y16499" s="2">
        <v>0</v>
      </c>
      <c r="Z16499" s="2">
        <v>0</v>
      </c>
      <c r="AA16499" s="5"/>
      <c r="AB16499" s="5" t="s">
        <v>43</v>
      </c>
      <c r="AC16499" s="5" t="s">
        <v>44</v>
      </c>
      <c r="AD16499" s="2"/>
      <c r="AE16499" s="1"/>
    </row>
    <row r="16500" spans="1:31" ht="14.45">
      <c r="A16500" s="11"/>
      <c r="B16500" s="20"/>
      <c r="C16500" s="2" t="s">
        <v>50458</v>
      </c>
      <c r="D16500" s="14" t="s">
        <v>50459</v>
      </c>
      <c r="E16500" s="2" t="s">
        <v>50460</v>
      </c>
      <c r="F16500" s="2" t="s">
        <v>7204</v>
      </c>
      <c r="G16500" s="8">
        <v>296</v>
      </c>
      <c r="H16500" s="5">
        <v>6</v>
      </c>
      <c r="I16500" s="5" t="s">
        <v>1518</v>
      </c>
      <c r="J16500" s="5" t="s">
        <v>36264</v>
      </c>
      <c r="K16500" s="2" t="s">
        <v>49668</v>
      </c>
      <c r="L16500" s="5" t="s">
        <v>36264</v>
      </c>
      <c r="M16500" s="2" t="s">
        <v>49668</v>
      </c>
      <c r="N16500" s="5" t="s">
        <v>19227</v>
      </c>
      <c r="O16500" s="5" t="s">
        <v>38</v>
      </c>
      <c r="P16500" s="5" t="s">
        <v>39</v>
      </c>
      <c r="Q16500" s="5" t="s">
        <v>40</v>
      </c>
      <c r="R16500" s="5" t="s">
        <v>1487</v>
      </c>
      <c r="S16500" s="5"/>
      <c r="T16500" s="5" t="s">
        <v>42</v>
      </c>
      <c r="U16500" s="2">
        <v>0</v>
      </c>
      <c r="V16500" s="2">
        <v>0</v>
      </c>
      <c r="W16500" s="2">
        <v>0</v>
      </c>
      <c r="X16500" s="2">
        <v>0</v>
      </c>
      <c r="Y16500" s="2">
        <v>0</v>
      </c>
      <c r="Z16500" s="2">
        <v>0</v>
      </c>
      <c r="AA16500" s="5"/>
      <c r="AB16500" s="5" t="s">
        <v>43</v>
      </c>
      <c r="AC16500" s="5" t="s">
        <v>44</v>
      </c>
      <c r="AD16500" s="2"/>
      <c r="AE16500" s="1"/>
    </row>
    <row r="16501" spans="1:31" ht="14.45">
      <c r="A16501" s="11"/>
      <c r="B16501" s="20"/>
      <c r="C16501" s="2" t="s">
        <v>50461</v>
      </c>
      <c r="D16501" s="14" t="s">
        <v>50462</v>
      </c>
      <c r="E16501" s="2" t="s">
        <v>50463</v>
      </c>
      <c r="F16501" s="2" t="s">
        <v>7514</v>
      </c>
      <c r="G16501" s="8">
        <v>296</v>
      </c>
      <c r="H16501" s="5">
        <v>6</v>
      </c>
      <c r="I16501" s="5" t="s">
        <v>1518</v>
      </c>
      <c r="J16501" s="5" t="s">
        <v>36264</v>
      </c>
      <c r="K16501" s="2" t="s">
        <v>49668</v>
      </c>
      <c r="L16501" s="5" t="s">
        <v>36264</v>
      </c>
      <c r="M16501" s="2" t="s">
        <v>49668</v>
      </c>
      <c r="N16501" s="5" t="s">
        <v>19227</v>
      </c>
      <c r="O16501" s="5" t="s">
        <v>38</v>
      </c>
      <c r="P16501" s="5" t="s">
        <v>39</v>
      </c>
      <c r="Q16501" s="5" t="s">
        <v>40</v>
      </c>
      <c r="R16501" s="5" t="s">
        <v>1487</v>
      </c>
      <c r="S16501" s="5"/>
      <c r="T16501" s="5" t="s">
        <v>42</v>
      </c>
      <c r="U16501" s="2">
        <v>0</v>
      </c>
      <c r="V16501" s="2">
        <v>0</v>
      </c>
      <c r="W16501" s="2">
        <v>0</v>
      </c>
      <c r="X16501" s="2">
        <v>0</v>
      </c>
      <c r="Y16501" s="2">
        <v>0</v>
      </c>
      <c r="Z16501" s="2">
        <v>0</v>
      </c>
      <c r="AA16501" s="5"/>
      <c r="AB16501" s="5" t="s">
        <v>43</v>
      </c>
      <c r="AC16501" s="5" t="s">
        <v>44</v>
      </c>
      <c r="AD16501" s="2"/>
      <c r="AE16501" s="1"/>
    </row>
    <row r="16502" spans="1:31" ht="14.45">
      <c r="A16502" s="11"/>
      <c r="B16502" s="20"/>
      <c r="C16502" s="2" t="s">
        <v>50464</v>
      </c>
      <c r="D16502" s="14" t="s">
        <v>50465</v>
      </c>
      <c r="E16502" s="2" t="s">
        <v>50466</v>
      </c>
      <c r="F16502" s="2" t="s">
        <v>36273</v>
      </c>
      <c r="G16502" s="8">
        <v>296</v>
      </c>
      <c r="H16502" s="5">
        <v>6</v>
      </c>
      <c r="I16502" s="5" t="s">
        <v>1518</v>
      </c>
      <c r="J16502" s="5" t="s">
        <v>36264</v>
      </c>
      <c r="K16502" s="2" t="s">
        <v>49668</v>
      </c>
      <c r="L16502" s="5" t="s">
        <v>36264</v>
      </c>
      <c r="M16502" s="2" t="s">
        <v>49668</v>
      </c>
      <c r="N16502" s="5" t="s">
        <v>19227</v>
      </c>
      <c r="O16502" s="5" t="s">
        <v>38</v>
      </c>
      <c r="P16502" s="5" t="s">
        <v>39</v>
      </c>
      <c r="Q16502" s="5" t="s">
        <v>40</v>
      </c>
      <c r="R16502" s="5" t="s">
        <v>1487</v>
      </c>
      <c r="S16502" s="5"/>
      <c r="T16502" s="5" t="s">
        <v>42</v>
      </c>
      <c r="U16502" s="2">
        <v>0</v>
      </c>
      <c r="V16502" s="2">
        <v>0</v>
      </c>
      <c r="W16502" s="2">
        <v>0</v>
      </c>
      <c r="X16502" s="2">
        <v>0</v>
      </c>
      <c r="Y16502" s="2">
        <v>0</v>
      </c>
      <c r="Z16502" s="2">
        <v>0</v>
      </c>
      <c r="AA16502" s="5"/>
      <c r="AB16502" s="5" t="s">
        <v>43</v>
      </c>
      <c r="AC16502" s="5" t="s">
        <v>44</v>
      </c>
      <c r="AD16502" s="2"/>
      <c r="AE16502" s="1"/>
    </row>
    <row r="16503" spans="1:31" ht="14.45">
      <c r="A16503" s="11"/>
      <c r="B16503" s="20"/>
      <c r="C16503" s="2" t="s">
        <v>50467</v>
      </c>
      <c r="D16503" s="14" t="s">
        <v>50468</v>
      </c>
      <c r="E16503" s="2" t="s">
        <v>50469</v>
      </c>
      <c r="F16503" s="2" t="s">
        <v>36277</v>
      </c>
      <c r="G16503" s="8">
        <v>296</v>
      </c>
      <c r="H16503" s="5">
        <v>6</v>
      </c>
      <c r="I16503" s="5" t="s">
        <v>1518</v>
      </c>
      <c r="J16503" s="5" t="s">
        <v>36264</v>
      </c>
      <c r="K16503" s="2" t="s">
        <v>49668</v>
      </c>
      <c r="L16503" s="5" t="s">
        <v>36264</v>
      </c>
      <c r="M16503" s="2" t="s">
        <v>49668</v>
      </c>
      <c r="N16503" s="5" t="s">
        <v>19227</v>
      </c>
      <c r="O16503" s="5" t="s">
        <v>38</v>
      </c>
      <c r="P16503" s="5" t="s">
        <v>39</v>
      </c>
      <c r="Q16503" s="5" t="s">
        <v>40</v>
      </c>
      <c r="R16503" s="5" t="s">
        <v>1487</v>
      </c>
      <c r="S16503" s="5"/>
      <c r="T16503" s="5" t="s">
        <v>42</v>
      </c>
      <c r="U16503" s="2">
        <v>0</v>
      </c>
      <c r="V16503" s="2">
        <v>0</v>
      </c>
      <c r="W16503" s="2">
        <v>0</v>
      </c>
      <c r="X16503" s="2">
        <v>0</v>
      </c>
      <c r="Y16503" s="2">
        <v>0</v>
      </c>
      <c r="Z16503" s="2">
        <v>0</v>
      </c>
      <c r="AA16503" s="5"/>
      <c r="AB16503" s="5" t="s">
        <v>43</v>
      </c>
      <c r="AC16503" s="5" t="s">
        <v>44</v>
      </c>
      <c r="AD16503" s="2"/>
      <c r="AE16503" s="1"/>
    </row>
    <row r="16504" spans="1:31" ht="14.45">
      <c r="A16504" s="11"/>
      <c r="B16504" s="20"/>
      <c r="C16504" s="2" t="s">
        <v>50470</v>
      </c>
      <c r="D16504" s="14" t="s">
        <v>50471</v>
      </c>
      <c r="E16504" s="2" t="s">
        <v>50472</v>
      </c>
      <c r="F16504" s="2" t="s">
        <v>36297</v>
      </c>
      <c r="G16504" s="8">
        <v>296</v>
      </c>
      <c r="H16504" s="5">
        <v>6</v>
      </c>
      <c r="I16504" s="5" t="s">
        <v>1518</v>
      </c>
      <c r="J16504" s="5" t="s">
        <v>36264</v>
      </c>
      <c r="K16504" s="2" t="s">
        <v>49668</v>
      </c>
      <c r="L16504" s="5" t="s">
        <v>36264</v>
      </c>
      <c r="M16504" s="2" t="s">
        <v>49668</v>
      </c>
      <c r="N16504" s="5" t="s">
        <v>19227</v>
      </c>
      <c r="O16504" s="5" t="s">
        <v>38</v>
      </c>
      <c r="P16504" s="5" t="s">
        <v>39</v>
      </c>
      <c r="Q16504" s="5" t="s">
        <v>40</v>
      </c>
      <c r="R16504" s="5" t="s">
        <v>1487</v>
      </c>
      <c r="S16504" s="5"/>
      <c r="T16504" s="5" t="s">
        <v>42</v>
      </c>
      <c r="U16504" s="2">
        <v>0</v>
      </c>
      <c r="V16504" s="2">
        <v>0</v>
      </c>
      <c r="W16504" s="2">
        <v>0</v>
      </c>
      <c r="X16504" s="2">
        <v>0</v>
      </c>
      <c r="Y16504" s="2">
        <v>0</v>
      </c>
      <c r="Z16504" s="2">
        <v>0</v>
      </c>
      <c r="AA16504" s="5"/>
      <c r="AB16504" s="5" t="s">
        <v>43</v>
      </c>
      <c r="AC16504" s="5" t="s">
        <v>44</v>
      </c>
      <c r="AD16504" s="2"/>
      <c r="AE16504" s="1"/>
    </row>
    <row r="16505" spans="1:31" ht="14.45">
      <c r="A16505" s="11"/>
      <c r="B16505" s="20"/>
      <c r="C16505" s="2" t="s">
        <v>50473</v>
      </c>
      <c r="D16505" s="14" t="s">
        <v>50474</v>
      </c>
      <c r="E16505" s="2" t="s">
        <v>50475</v>
      </c>
      <c r="F16505" s="2" t="s">
        <v>36301</v>
      </c>
      <c r="G16505" s="8">
        <v>296</v>
      </c>
      <c r="H16505" s="5">
        <v>6</v>
      </c>
      <c r="I16505" s="5" t="s">
        <v>1518</v>
      </c>
      <c r="J16505" s="5" t="s">
        <v>36264</v>
      </c>
      <c r="K16505" s="2" t="s">
        <v>49668</v>
      </c>
      <c r="L16505" s="5" t="s">
        <v>36264</v>
      </c>
      <c r="M16505" s="2" t="s">
        <v>49668</v>
      </c>
      <c r="N16505" s="5" t="s">
        <v>19227</v>
      </c>
      <c r="O16505" s="5" t="s">
        <v>38</v>
      </c>
      <c r="P16505" s="5" t="s">
        <v>39</v>
      </c>
      <c r="Q16505" s="5" t="s">
        <v>40</v>
      </c>
      <c r="R16505" s="5" t="s">
        <v>1487</v>
      </c>
      <c r="S16505" s="5"/>
      <c r="T16505" s="5" t="s">
        <v>42</v>
      </c>
      <c r="U16505" s="2">
        <v>0</v>
      </c>
      <c r="V16505" s="2">
        <v>0</v>
      </c>
      <c r="W16505" s="2">
        <v>0</v>
      </c>
      <c r="X16505" s="2">
        <v>0</v>
      </c>
      <c r="Y16505" s="2">
        <v>0</v>
      </c>
      <c r="Z16505" s="2">
        <v>0</v>
      </c>
      <c r="AA16505" s="5"/>
      <c r="AB16505" s="5" t="s">
        <v>43</v>
      </c>
      <c r="AC16505" s="5" t="s">
        <v>44</v>
      </c>
      <c r="AD16505" s="2"/>
      <c r="AE16505" s="1"/>
    </row>
    <row r="16506" spans="1:31" ht="14.45">
      <c r="A16506" s="11"/>
      <c r="B16506" s="20"/>
      <c r="C16506" s="2" t="s">
        <v>50476</v>
      </c>
      <c r="D16506" s="14" t="s">
        <v>50477</v>
      </c>
      <c r="E16506" s="2" t="s">
        <v>50478</v>
      </c>
      <c r="F16506" s="2" t="s">
        <v>36305</v>
      </c>
      <c r="G16506" s="8">
        <v>296</v>
      </c>
      <c r="H16506" s="5">
        <v>6</v>
      </c>
      <c r="I16506" s="5" t="s">
        <v>1518</v>
      </c>
      <c r="J16506" s="5" t="s">
        <v>36264</v>
      </c>
      <c r="K16506" s="2" t="s">
        <v>49668</v>
      </c>
      <c r="L16506" s="5" t="s">
        <v>36264</v>
      </c>
      <c r="M16506" s="2" t="s">
        <v>49668</v>
      </c>
      <c r="N16506" s="5" t="s">
        <v>19227</v>
      </c>
      <c r="O16506" s="5" t="s">
        <v>38</v>
      </c>
      <c r="P16506" s="5" t="s">
        <v>39</v>
      </c>
      <c r="Q16506" s="5" t="s">
        <v>40</v>
      </c>
      <c r="R16506" s="5" t="s">
        <v>1487</v>
      </c>
      <c r="S16506" s="5"/>
      <c r="T16506" s="5" t="s">
        <v>42</v>
      </c>
      <c r="U16506" s="2">
        <v>0</v>
      </c>
      <c r="V16506" s="2">
        <v>0</v>
      </c>
      <c r="W16506" s="2">
        <v>0</v>
      </c>
      <c r="X16506" s="2">
        <v>0</v>
      </c>
      <c r="Y16506" s="2">
        <v>0</v>
      </c>
      <c r="Z16506" s="2">
        <v>0</v>
      </c>
      <c r="AA16506" s="5"/>
      <c r="AB16506" s="5" t="s">
        <v>43</v>
      </c>
      <c r="AC16506" s="5" t="s">
        <v>44</v>
      </c>
      <c r="AD16506" s="2"/>
      <c r="AE16506" s="1"/>
    </row>
    <row r="16507" spans="1:31" ht="14.45">
      <c r="A16507" s="11"/>
      <c r="B16507" s="20"/>
      <c r="C16507" s="2" t="s">
        <v>50479</v>
      </c>
      <c r="D16507" s="14" t="s">
        <v>50480</v>
      </c>
      <c r="E16507" s="2" t="s">
        <v>50481</v>
      </c>
      <c r="F16507" s="2" t="s">
        <v>36309</v>
      </c>
      <c r="G16507" s="8">
        <v>296</v>
      </c>
      <c r="H16507" s="5">
        <v>6</v>
      </c>
      <c r="I16507" s="5" t="s">
        <v>1518</v>
      </c>
      <c r="J16507" s="5" t="s">
        <v>36264</v>
      </c>
      <c r="K16507" s="2" t="s">
        <v>49668</v>
      </c>
      <c r="L16507" s="5" t="s">
        <v>36264</v>
      </c>
      <c r="M16507" s="2" t="s">
        <v>49668</v>
      </c>
      <c r="N16507" s="5" t="s">
        <v>19227</v>
      </c>
      <c r="O16507" s="5" t="s">
        <v>38</v>
      </c>
      <c r="P16507" s="5" t="s">
        <v>39</v>
      </c>
      <c r="Q16507" s="5" t="s">
        <v>40</v>
      </c>
      <c r="R16507" s="5" t="s">
        <v>1487</v>
      </c>
      <c r="S16507" s="5"/>
      <c r="T16507" s="5" t="s">
        <v>42</v>
      </c>
      <c r="U16507" s="2">
        <v>0</v>
      </c>
      <c r="V16507" s="2">
        <v>0</v>
      </c>
      <c r="W16507" s="2">
        <v>0</v>
      </c>
      <c r="X16507" s="2">
        <v>0</v>
      </c>
      <c r="Y16507" s="2">
        <v>0</v>
      </c>
      <c r="Z16507" s="2">
        <v>0</v>
      </c>
      <c r="AA16507" s="5"/>
      <c r="AB16507" s="5" t="s">
        <v>43</v>
      </c>
      <c r="AC16507" s="5" t="s">
        <v>44</v>
      </c>
      <c r="AD16507" s="2"/>
      <c r="AE16507" s="1"/>
    </row>
    <row r="16508" spans="1:31" ht="14.45">
      <c r="A16508" s="11"/>
      <c r="B16508" s="20"/>
      <c r="C16508" s="2" t="s">
        <v>50482</v>
      </c>
      <c r="D16508" s="14" t="s">
        <v>50483</v>
      </c>
      <c r="E16508" s="2" t="s">
        <v>50484</v>
      </c>
      <c r="F16508" s="2" t="s">
        <v>7204</v>
      </c>
      <c r="G16508" s="8">
        <v>310</v>
      </c>
      <c r="H16508" s="5">
        <v>6</v>
      </c>
      <c r="I16508" s="5" t="s">
        <v>1518</v>
      </c>
      <c r="J16508" s="5" t="s">
        <v>36264</v>
      </c>
      <c r="K16508" s="2" t="s">
        <v>49668</v>
      </c>
      <c r="L16508" s="5" t="s">
        <v>36264</v>
      </c>
      <c r="M16508" s="2" t="s">
        <v>49668</v>
      </c>
      <c r="N16508" s="5" t="s">
        <v>19227</v>
      </c>
      <c r="O16508" s="5" t="s">
        <v>38</v>
      </c>
      <c r="P16508" s="5" t="s">
        <v>39</v>
      </c>
      <c r="Q16508" s="5" t="s">
        <v>40</v>
      </c>
      <c r="R16508" s="5" t="s">
        <v>1487</v>
      </c>
      <c r="S16508" s="5"/>
      <c r="T16508" s="5" t="s">
        <v>42</v>
      </c>
      <c r="U16508" s="2">
        <v>0</v>
      </c>
      <c r="V16508" s="2">
        <v>0</v>
      </c>
      <c r="W16508" s="2">
        <v>0</v>
      </c>
      <c r="X16508" s="2">
        <v>0</v>
      </c>
      <c r="Y16508" s="2">
        <v>0</v>
      </c>
      <c r="Z16508" s="2">
        <v>0</v>
      </c>
      <c r="AA16508" s="5"/>
      <c r="AB16508" s="5" t="s">
        <v>43</v>
      </c>
      <c r="AC16508" s="5" t="s">
        <v>44</v>
      </c>
      <c r="AD16508" s="2"/>
      <c r="AE16508" s="1"/>
    </row>
    <row r="16509" spans="1:31" ht="14.45">
      <c r="A16509" s="11"/>
      <c r="B16509" s="20"/>
      <c r="C16509" s="2" t="s">
        <v>50485</v>
      </c>
      <c r="D16509" s="14" t="s">
        <v>50486</v>
      </c>
      <c r="E16509" s="2" t="s">
        <v>50487</v>
      </c>
      <c r="F16509" s="2" t="s">
        <v>7514</v>
      </c>
      <c r="G16509" s="8">
        <v>310</v>
      </c>
      <c r="H16509" s="5">
        <v>6</v>
      </c>
      <c r="I16509" s="5" t="s">
        <v>1518</v>
      </c>
      <c r="J16509" s="5" t="s">
        <v>36264</v>
      </c>
      <c r="K16509" s="2" t="s">
        <v>49668</v>
      </c>
      <c r="L16509" s="5" t="s">
        <v>36264</v>
      </c>
      <c r="M16509" s="2" t="s">
        <v>49668</v>
      </c>
      <c r="N16509" s="5" t="s">
        <v>19227</v>
      </c>
      <c r="O16509" s="5" t="s">
        <v>38</v>
      </c>
      <c r="P16509" s="5" t="s">
        <v>39</v>
      </c>
      <c r="Q16509" s="5" t="s">
        <v>40</v>
      </c>
      <c r="R16509" s="5" t="s">
        <v>1487</v>
      </c>
      <c r="S16509" s="5"/>
      <c r="T16509" s="5" t="s">
        <v>42</v>
      </c>
      <c r="U16509" s="2">
        <v>0</v>
      </c>
      <c r="V16509" s="2">
        <v>0</v>
      </c>
      <c r="W16509" s="2">
        <v>0</v>
      </c>
      <c r="X16509" s="2">
        <v>0</v>
      </c>
      <c r="Y16509" s="2">
        <v>0</v>
      </c>
      <c r="Z16509" s="2">
        <v>0</v>
      </c>
      <c r="AA16509" s="5"/>
      <c r="AB16509" s="5" t="s">
        <v>43</v>
      </c>
      <c r="AC16509" s="5" t="s">
        <v>44</v>
      </c>
      <c r="AD16509" s="2"/>
      <c r="AE16509" s="1"/>
    </row>
    <row r="16510" spans="1:31" ht="14.45">
      <c r="A16510" s="11"/>
      <c r="B16510" s="20"/>
      <c r="C16510" s="2" t="s">
        <v>50488</v>
      </c>
      <c r="D16510" s="14" t="s">
        <v>50489</v>
      </c>
      <c r="E16510" s="2" t="s">
        <v>50490</v>
      </c>
      <c r="F16510" s="2" t="s">
        <v>36273</v>
      </c>
      <c r="G16510" s="8">
        <v>310</v>
      </c>
      <c r="H16510" s="5">
        <v>6</v>
      </c>
      <c r="I16510" s="5" t="s">
        <v>1518</v>
      </c>
      <c r="J16510" s="5" t="s">
        <v>36264</v>
      </c>
      <c r="K16510" s="2" t="s">
        <v>49668</v>
      </c>
      <c r="L16510" s="5" t="s">
        <v>36264</v>
      </c>
      <c r="M16510" s="2" t="s">
        <v>49668</v>
      </c>
      <c r="N16510" s="5" t="s">
        <v>19227</v>
      </c>
      <c r="O16510" s="5" t="s">
        <v>38</v>
      </c>
      <c r="P16510" s="5" t="s">
        <v>39</v>
      </c>
      <c r="Q16510" s="5" t="s">
        <v>40</v>
      </c>
      <c r="R16510" s="5" t="s">
        <v>1487</v>
      </c>
      <c r="S16510" s="5"/>
      <c r="T16510" s="5" t="s">
        <v>42</v>
      </c>
      <c r="U16510" s="2">
        <v>0</v>
      </c>
      <c r="V16510" s="2">
        <v>0</v>
      </c>
      <c r="W16510" s="2">
        <v>0</v>
      </c>
      <c r="X16510" s="2">
        <v>0</v>
      </c>
      <c r="Y16510" s="2">
        <v>0</v>
      </c>
      <c r="Z16510" s="2">
        <v>0</v>
      </c>
      <c r="AA16510" s="5"/>
      <c r="AB16510" s="5" t="s">
        <v>43</v>
      </c>
      <c r="AC16510" s="5" t="s">
        <v>44</v>
      </c>
      <c r="AD16510" s="2"/>
      <c r="AE16510" s="1"/>
    </row>
    <row r="16511" spans="1:31" ht="14.45">
      <c r="A16511" s="11"/>
      <c r="B16511" s="20"/>
      <c r="C16511" s="2" t="s">
        <v>50491</v>
      </c>
      <c r="D16511" s="14" t="s">
        <v>50492</v>
      </c>
      <c r="E16511" s="2" t="s">
        <v>50493</v>
      </c>
      <c r="F16511" s="2" t="s">
        <v>36277</v>
      </c>
      <c r="G16511" s="8">
        <v>310</v>
      </c>
      <c r="H16511" s="5">
        <v>6</v>
      </c>
      <c r="I16511" s="5" t="s">
        <v>1518</v>
      </c>
      <c r="J16511" s="5" t="s">
        <v>36264</v>
      </c>
      <c r="K16511" s="2" t="s">
        <v>49668</v>
      </c>
      <c r="L16511" s="5" t="s">
        <v>36264</v>
      </c>
      <c r="M16511" s="2" t="s">
        <v>49668</v>
      </c>
      <c r="N16511" s="5" t="s">
        <v>19227</v>
      </c>
      <c r="O16511" s="5" t="s">
        <v>38</v>
      </c>
      <c r="P16511" s="5" t="s">
        <v>39</v>
      </c>
      <c r="Q16511" s="5" t="s">
        <v>40</v>
      </c>
      <c r="R16511" s="5" t="s">
        <v>1487</v>
      </c>
      <c r="S16511" s="5"/>
      <c r="T16511" s="5" t="s">
        <v>42</v>
      </c>
      <c r="U16511" s="2">
        <v>0</v>
      </c>
      <c r="V16511" s="2">
        <v>0</v>
      </c>
      <c r="W16511" s="2">
        <v>0</v>
      </c>
      <c r="X16511" s="2">
        <v>0</v>
      </c>
      <c r="Y16511" s="2">
        <v>0</v>
      </c>
      <c r="Z16511" s="2">
        <v>0</v>
      </c>
      <c r="AA16511" s="5"/>
      <c r="AB16511" s="5" t="s">
        <v>43</v>
      </c>
      <c r="AC16511" s="5" t="s">
        <v>44</v>
      </c>
      <c r="AD16511" s="2"/>
      <c r="AE16511" s="1"/>
    </row>
    <row r="16512" spans="1:31" ht="14.45">
      <c r="A16512" s="11"/>
      <c r="B16512" s="20"/>
      <c r="C16512" s="2" t="s">
        <v>50494</v>
      </c>
      <c r="D16512" s="14" t="s">
        <v>50495</v>
      </c>
      <c r="E16512" s="2" t="s">
        <v>50496</v>
      </c>
      <c r="F16512" s="2" t="s">
        <v>36297</v>
      </c>
      <c r="G16512" s="8">
        <v>310</v>
      </c>
      <c r="H16512" s="5">
        <v>6</v>
      </c>
      <c r="I16512" s="5" t="s">
        <v>1518</v>
      </c>
      <c r="J16512" s="5" t="s">
        <v>36264</v>
      </c>
      <c r="K16512" s="2" t="s">
        <v>49668</v>
      </c>
      <c r="L16512" s="5" t="s">
        <v>36264</v>
      </c>
      <c r="M16512" s="2" t="s">
        <v>49668</v>
      </c>
      <c r="N16512" s="5" t="s">
        <v>19227</v>
      </c>
      <c r="O16512" s="5" t="s">
        <v>38</v>
      </c>
      <c r="P16512" s="5" t="s">
        <v>39</v>
      </c>
      <c r="Q16512" s="5" t="s">
        <v>40</v>
      </c>
      <c r="R16512" s="5" t="s">
        <v>1487</v>
      </c>
      <c r="S16512" s="5"/>
      <c r="T16512" s="5" t="s">
        <v>42</v>
      </c>
      <c r="U16512" s="2">
        <v>0</v>
      </c>
      <c r="V16512" s="2">
        <v>0</v>
      </c>
      <c r="W16512" s="2">
        <v>0</v>
      </c>
      <c r="X16512" s="2">
        <v>0</v>
      </c>
      <c r="Y16512" s="2">
        <v>0</v>
      </c>
      <c r="Z16512" s="2">
        <v>0</v>
      </c>
      <c r="AA16512" s="5"/>
      <c r="AB16512" s="5" t="s">
        <v>43</v>
      </c>
      <c r="AC16512" s="5" t="s">
        <v>44</v>
      </c>
      <c r="AD16512" s="2"/>
      <c r="AE16512" s="1"/>
    </row>
    <row r="16513" spans="1:31" ht="14.45">
      <c r="A16513" s="11"/>
      <c r="B16513" s="20"/>
      <c r="C16513" s="2" t="s">
        <v>50497</v>
      </c>
      <c r="D16513" s="14" t="s">
        <v>50498</v>
      </c>
      <c r="E16513" s="2" t="s">
        <v>50499</v>
      </c>
      <c r="F16513" s="2" t="s">
        <v>36301</v>
      </c>
      <c r="G16513" s="8">
        <v>310</v>
      </c>
      <c r="H16513" s="5">
        <v>6</v>
      </c>
      <c r="I16513" s="5" t="s">
        <v>1518</v>
      </c>
      <c r="J16513" s="5" t="s">
        <v>36264</v>
      </c>
      <c r="K16513" s="2" t="s">
        <v>49668</v>
      </c>
      <c r="L16513" s="5" t="s">
        <v>36264</v>
      </c>
      <c r="M16513" s="2" t="s">
        <v>49668</v>
      </c>
      <c r="N16513" s="5" t="s">
        <v>19227</v>
      </c>
      <c r="O16513" s="5" t="s">
        <v>38</v>
      </c>
      <c r="P16513" s="5" t="s">
        <v>39</v>
      </c>
      <c r="Q16513" s="5" t="s">
        <v>40</v>
      </c>
      <c r="R16513" s="5" t="s">
        <v>1487</v>
      </c>
      <c r="S16513" s="5"/>
      <c r="T16513" s="5" t="s">
        <v>42</v>
      </c>
      <c r="U16513" s="2">
        <v>0</v>
      </c>
      <c r="V16513" s="2">
        <v>0</v>
      </c>
      <c r="W16513" s="2">
        <v>0</v>
      </c>
      <c r="X16513" s="2">
        <v>0</v>
      </c>
      <c r="Y16513" s="2">
        <v>0</v>
      </c>
      <c r="Z16513" s="2">
        <v>0</v>
      </c>
      <c r="AA16513" s="5"/>
      <c r="AB16513" s="5" t="s">
        <v>43</v>
      </c>
      <c r="AC16513" s="5" t="s">
        <v>44</v>
      </c>
      <c r="AD16513" s="2"/>
      <c r="AE16513" s="1"/>
    </row>
    <row r="16514" spans="1:31" ht="14.45">
      <c r="A16514" s="11"/>
      <c r="B16514" s="20"/>
      <c r="C16514" s="2" t="s">
        <v>50500</v>
      </c>
      <c r="D16514" s="14" t="s">
        <v>50501</v>
      </c>
      <c r="E16514" s="2" t="s">
        <v>50502</v>
      </c>
      <c r="F16514" s="2" t="s">
        <v>36305</v>
      </c>
      <c r="G16514" s="8">
        <v>310</v>
      </c>
      <c r="H16514" s="5">
        <v>6</v>
      </c>
      <c r="I16514" s="5" t="s">
        <v>1518</v>
      </c>
      <c r="J16514" s="5" t="s">
        <v>36264</v>
      </c>
      <c r="K16514" s="2" t="s">
        <v>49668</v>
      </c>
      <c r="L16514" s="5" t="s">
        <v>36264</v>
      </c>
      <c r="M16514" s="2" t="s">
        <v>49668</v>
      </c>
      <c r="N16514" s="5" t="s">
        <v>19227</v>
      </c>
      <c r="O16514" s="5" t="s">
        <v>38</v>
      </c>
      <c r="P16514" s="5" t="s">
        <v>39</v>
      </c>
      <c r="Q16514" s="5" t="s">
        <v>40</v>
      </c>
      <c r="R16514" s="5" t="s">
        <v>1487</v>
      </c>
      <c r="S16514" s="5"/>
      <c r="T16514" s="5" t="s">
        <v>42</v>
      </c>
      <c r="U16514" s="2">
        <v>0</v>
      </c>
      <c r="V16514" s="2">
        <v>0</v>
      </c>
      <c r="W16514" s="2">
        <v>0</v>
      </c>
      <c r="X16514" s="2">
        <v>0</v>
      </c>
      <c r="Y16514" s="2">
        <v>0</v>
      </c>
      <c r="Z16514" s="2">
        <v>0</v>
      </c>
      <c r="AA16514" s="5"/>
      <c r="AB16514" s="5" t="s">
        <v>43</v>
      </c>
      <c r="AC16514" s="5" t="s">
        <v>44</v>
      </c>
      <c r="AD16514" s="2"/>
      <c r="AE16514" s="1"/>
    </row>
    <row r="16515" spans="1:31" ht="14.45">
      <c r="A16515" s="11"/>
      <c r="B16515" s="20"/>
      <c r="C16515" s="2" t="s">
        <v>50503</v>
      </c>
      <c r="D16515" s="14" t="s">
        <v>50504</v>
      </c>
      <c r="E16515" s="2" t="s">
        <v>50505</v>
      </c>
      <c r="F16515" s="2" t="s">
        <v>36309</v>
      </c>
      <c r="G16515" s="8">
        <v>310</v>
      </c>
      <c r="H16515" s="5">
        <v>6</v>
      </c>
      <c r="I16515" s="5" t="s">
        <v>1518</v>
      </c>
      <c r="J16515" s="5" t="s">
        <v>36264</v>
      </c>
      <c r="K16515" s="2" t="s">
        <v>49668</v>
      </c>
      <c r="L16515" s="5" t="s">
        <v>36264</v>
      </c>
      <c r="M16515" s="2" t="s">
        <v>49668</v>
      </c>
      <c r="N16515" s="5" t="s">
        <v>19227</v>
      </c>
      <c r="O16515" s="5" t="s">
        <v>38</v>
      </c>
      <c r="P16515" s="5" t="s">
        <v>39</v>
      </c>
      <c r="Q16515" s="5" t="s">
        <v>40</v>
      </c>
      <c r="R16515" s="5" t="s">
        <v>1487</v>
      </c>
      <c r="S16515" s="5"/>
      <c r="T16515" s="5" t="s">
        <v>42</v>
      </c>
      <c r="U16515" s="2">
        <v>0</v>
      </c>
      <c r="V16515" s="2">
        <v>0</v>
      </c>
      <c r="W16515" s="2">
        <v>0</v>
      </c>
      <c r="X16515" s="2">
        <v>0</v>
      </c>
      <c r="Y16515" s="2">
        <v>0</v>
      </c>
      <c r="Z16515" s="2">
        <v>0</v>
      </c>
      <c r="AA16515" s="5"/>
      <c r="AB16515" s="5" t="s">
        <v>43</v>
      </c>
      <c r="AC16515" s="5" t="s">
        <v>44</v>
      </c>
      <c r="AD16515" s="2"/>
      <c r="AE16515" s="1"/>
    </row>
    <row r="16516" spans="1:31" ht="14.45">
      <c r="A16516" s="11"/>
      <c r="B16516" s="20"/>
      <c r="C16516" s="2" t="s">
        <v>50506</v>
      </c>
      <c r="D16516" s="14" t="s">
        <v>50507</v>
      </c>
      <c r="E16516" s="2" t="s">
        <v>50508</v>
      </c>
      <c r="F16516" s="2" t="s">
        <v>7204</v>
      </c>
      <c r="G16516" s="8">
        <v>330</v>
      </c>
      <c r="H16516" s="5">
        <v>6</v>
      </c>
      <c r="I16516" s="5" t="s">
        <v>1518</v>
      </c>
      <c r="J16516" s="5" t="s">
        <v>36264</v>
      </c>
      <c r="K16516" s="2" t="s">
        <v>49668</v>
      </c>
      <c r="L16516" s="5" t="s">
        <v>36264</v>
      </c>
      <c r="M16516" s="2" t="s">
        <v>49668</v>
      </c>
      <c r="N16516" s="5" t="s">
        <v>19227</v>
      </c>
      <c r="O16516" s="5" t="s">
        <v>38</v>
      </c>
      <c r="P16516" s="5" t="s">
        <v>39</v>
      </c>
      <c r="Q16516" s="5" t="s">
        <v>40</v>
      </c>
      <c r="R16516" s="5" t="s">
        <v>1487</v>
      </c>
      <c r="S16516" s="5"/>
      <c r="T16516" s="5" t="s">
        <v>42</v>
      </c>
      <c r="U16516" s="2">
        <v>0</v>
      </c>
      <c r="V16516" s="2">
        <v>0</v>
      </c>
      <c r="W16516" s="2">
        <v>0</v>
      </c>
      <c r="X16516" s="2">
        <v>0</v>
      </c>
      <c r="Y16516" s="2">
        <v>0</v>
      </c>
      <c r="Z16516" s="2">
        <v>0</v>
      </c>
      <c r="AA16516" s="5"/>
      <c r="AB16516" s="5" t="s">
        <v>43</v>
      </c>
      <c r="AC16516" s="5" t="s">
        <v>44</v>
      </c>
      <c r="AD16516" s="2"/>
      <c r="AE16516" s="1"/>
    </row>
    <row r="16517" spans="1:31" ht="14.45">
      <c r="A16517" s="11"/>
      <c r="B16517" s="20"/>
      <c r="C16517" s="2" t="s">
        <v>50509</v>
      </c>
      <c r="D16517" s="14" t="s">
        <v>50510</v>
      </c>
      <c r="E16517" s="2" t="s">
        <v>50511</v>
      </c>
      <c r="F16517" s="2" t="s">
        <v>7514</v>
      </c>
      <c r="G16517" s="8">
        <v>330</v>
      </c>
      <c r="H16517" s="5">
        <v>6</v>
      </c>
      <c r="I16517" s="5" t="s">
        <v>1518</v>
      </c>
      <c r="J16517" s="5" t="s">
        <v>36264</v>
      </c>
      <c r="K16517" s="2" t="s">
        <v>49668</v>
      </c>
      <c r="L16517" s="5" t="s">
        <v>36264</v>
      </c>
      <c r="M16517" s="2" t="s">
        <v>49668</v>
      </c>
      <c r="N16517" s="5" t="s">
        <v>19227</v>
      </c>
      <c r="O16517" s="5" t="s">
        <v>38</v>
      </c>
      <c r="P16517" s="5" t="s">
        <v>39</v>
      </c>
      <c r="Q16517" s="5" t="s">
        <v>40</v>
      </c>
      <c r="R16517" s="5" t="s">
        <v>1487</v>
      </c>
      <c r="S16517" s="5"/>
      <c r="T16517" s="5" t="s">
        <v>42</v>
      </c>
      <c r="U16517" s="2">
        <v>0</v>
      </c>
      <c r="V16517" s="2">
        <v>0</v>
      </c>
      <c r="W16517" s="2">
        <v>0</v>
      </c>
      <c r="X16517" s="2">
        <v>0</v>
      </c>
      <c r="Y16517" s="2">
        <v>0</v>
      </c>
      <c r="Z16517" s="2">
        <v>0</v>
      </c>
      <c r="AA16517" s="5"/>
      <c r="AB16517" s="5" t="s">
        <v>43</v>
      </c>
      <c r="AC16517" s="5" t="s">
        <v>44</v>
      </c>
      <c r="AD16517" s="2"/>
      <c r="AE16517" s="1"/>
    </row>
    <row r="16518" spans="1:31" ht="14.45">
      <c r="A16518" s="11"/>
      <c r="B16518" s="20"/>
      <c r="C16518" s="2" t="s">
        <v>50512</v>
      </c>
      <c r="D16518" s="14" t="s">
        <v>50513</v>
      </c>
      <c r="E16518" s="2" t="s">
        <v>50514</v>
      </c>
      <c r="F16518" s="2" t="s">
        <v>36273</v>
      </c>
      <c r="G16518" s="8">
        <v>330</v>
      </c>
      <c r="H16518" s="5">
        <v>6</v>
      </c>
      <c r="I16518" s="5" t="s">
        <v>1518</v>
      </c>
      <c r="J16518" s="5" t="s">
        <v>36264</v>
      </c>
      <c r="K16518" s="2" t="s">
        <v>49668</v>
      </c>
      <c r="L16518" s="5" t="s">
        <v>36264</v>
      </c>
      <c r="M16518" s="2" t="s">
        <v>49668</v>
      </c>
      <c r="N16518" s="5" t="s">
        <v>19227</v>
      </c>
      <c r="O16518" s="5" t="s">
        <v>38</v>
      </c>
      <c r="P16518" s="5" t="s">
        <v>39</v>
      </c>
      <c r="Q16518" s="5" t="s">
        <v>40</v>
      </c>
      <c r="R16518" s="5" t="s">
        <v>1487</v>
      </c>
      <c r="S16518" s="5"/>
      <c r="T16518" s="5" t="s">
        <v>42</v>
      </c>
      <c r="U16518" s="2">
        <v>0</v>
      </c>
      <c r="V16518" s="2">
        <v>0</v>
      </c>
      <c r="W16518" s="2">
        <v>0</v>
      </c>
      <c r="X16518" s="2">
        <v>0</v>
      </c>
      <c r="Y16518" s="2">
        <v>0</v>
      </c>
      <c r="Z16518" s="2">
        <v>0</v>
      </c>
      <c r="AA16518" s="5"/>
      <c r="AB16518" s="5" t="s">
        <v>43</v>
      </c>
      <c r="AC16518" s="5" t="s">
        <v>44</v>
      </c>
      <c r="AD16518" s="2"/>
      <c r="AE16518" s="1"/>
    </row>
    <row r="16519" spans="1:31" ht="14.45">
      <c r="A16519" s="11"/>
      <c r="B16519" s="20"/>
      <c r="C16519" s="2" t="s">
        <v>50515</v>
      </c>
      <c r="D16519" s="14" t="s">
        <v>50516</v>
      </c>
      <c r="E16519" s="2" t="s">
        <v>50517</v>
      </c>
      <c r="F16519" s="2" t="s">
        <v>36277</v>
      </c>
      <c r="G16519" s="8">
        <v>330</v>
      </c>
      <c r="H16519" s="5">
        <v>6</v>
      </c>
      <c r="I16519" s="5" t="s">
        <v>1518</v>
      </c>
      <c r="J16519" s="5" t="s">
        <v>36264</v>
      </c>
      <c r="K16519" s="2" t="s">
        <v>49668</v>
      </c>
      <c r="L16519" s="5" t="s">
        <v>36264</v>
      </c>
      <c r="M16519" s="2" t="s">
        <v>49668</v>
      </c>
      <c r="N16519" s="5" t="s">
        <v>19227</v>
      </c>
      <c r="O16519" s="5" t="s">
        <v>38</v>
      </c>
      <c r="P16519" s="5" t="s">
        <v>39</v>
      </c>
      <c r="Q16519" s="5" t="s">
        <v>40</v>
      </c>
      <c r="R16519" s="5" t="s">
        <v>1487</v>
      </c>
      <c r="S16519" s="5"/>
      <c r="T16519" s="5" t="s">
        <v>42</v>
      </c>
      <c r="U16519" s="2">
        <v>0</v>
      </c>
      <c r="V16519" s="2">
        <v>0</v>
      </c>
      <c r="W16519" s="2">
        <v>0</v>
      </c>
      <c r="X16519" s="2">
        <v>0</v>
      </c>
      <c r="Y16519" s="2">
        <v>0</v>
      </c>
      <c r="Z16519" s="2">
        <v>0</v>
      </c>
      <c r="AA16519" s="5"/>
      <c r="AB16519" s="5" t="s">
        <v>43</v>
      </c>
      <c r="AC16519" s="5" t="s">
        <v>44</v>
      </c>
      <c r="AD16519" s="2"/>
      <c r="AE16519" s="1"/>
    </row>
    <row r="16520" spans="1:31" ht="14.45">
      <c r="A16520" s="11"/>
      <c r="B16520" s="20"/>
      <c r="C16520" s="2" t="s">
        <v>50518</v>
      </c>
      <c r="D16520" s="14" t="s">
        <v>50519</v>
      </c>
      <c r="E16520" s="2" t="s">
        <v>50520</v>
      </c>
      <c r="F16520" s="2" t="s">
        <v>36297</v>
      </c>
      <c r="G16520" s="8">
        <v>330</v>
      </c>
      <c r="H16520" s="5">
        <v>6</v>
      </c>
      <c r="I16520" s="5" t="s">
        <v>1518</v>
      </c>
      <c r="J16520" s="5" t="s">
        <v>36264</v>
      </c>
      <c r="K16520" s="2" t="s">
        <v>49668</v>
      </c>
      <c r="L16520" s="5" t="s">
        <v>36264</v>
      </c>
      <c r="M16520" s="2" t="s">
        <v>49668</v>
      </c>
      <c r="N16520" s="5" t="s">
        <v>19227</v>
      </c>
      <c r="O16520" s="5" t="s">
        <v>38</v>
      </c>
      <c r="P16520" s="5" t="s">
        <v>39</v>
      </c>
      <c r="Q16520" s="5" t="s">
        <v>40</v>
      </c>
      <c r="R16520" s="5" t="s">
        <v>1487</v>
      </c>
      <c r="S16520" s="5"/>
      <c r="T16520" s="5" t="s">
        <v>42</v>
      </c>
      <c r="U16520" s="2">
        <v>0</v>
      </c>
      <c r="V16520" s="2">
        <v>0</v>
      </c>
      <c r="W16520" s="2">
        <v>0</v>
      </c>
      <c r="X16520" s="2">
        <v>0</v>
      </c>
      <c r="Y16520" s="2">
        <v>0</v>
      </c>
      <c r="Z16520" s="2">
        <v>0</v>
      </c>
      <c r="AA16520" s="5"/>
      <c r="AB16520" s="5" t="s">
        <v>43</v>
      </c>
      <c r="AC16520" s="5" t="s">
        <v>44</v>
      </c>
      <c r="AD16520" s="2"/>
      <c r="AE16520" s="1"/>
    </row>
    <row r="16521" spans="1:31" ht="14.45">
      <c r="A16521" s="11"/>
      <c r="B16521" s="20"/>
      <c r="C16521" s="2" t="s">
        <v>50521</v>
      </c>
      <c r="D16521" s="14" t="s">
        <v>50522</v>
      </c>
      <c r="E16521" s="2" t="s">
        <v>50523</v>
      </c>
      <c r="F16521" s="2" t="s">
        <v>36301</v>
      </c>
      <c r="G16521" s="8">
        <v>330</v>
      </c>
      <c r="H16521" s="5">
        <v>6</v>
      </c>
      <c r="I16521" s="5" t="s">
        <v>1518</v>
      </c>
      <c r="J16521" s="5" t="s">
        <v>36264</v>
      </c>
      <c r="K16521" s="2" t="s">
        <v>49668</v>
      </c>
      <c r="L16521" s="5" t="s">
        <v>36264</v>
      </c>
      <c r="M16521" s="2" t="s">
        <v>49668</v>
      </c>
      <c r="N16521" s="5" t="s">
        <v>19227</v>
      </c>
      <c r="O16521" s="5" t="s">
        <v>38</v>
      </c>
      <c r="P16521" s="5" t="s">
        <v>39</v>
      </c>
      <c r="Q16521" s="5" t="s">
        <v>40</v>
      </c>
      <c r="R16521" s="5" t="s">
        <v>1487</v>
      </c>
      <c r="S16521" s="5"/>
      <c r="T16521" s="5" t="s">
        <v>42</v>
      </c>
      <c r="U16521" s="2">
        <v>0</v>
      </c>
      <c r="V16521" s="2">
        <v>0</v>
      </c>
      <c r="W16521" s="2">
        <v>0</v>
      </c>
      <c r="X16521" s="2">
        <v>0</v>
      </c>
      <c r="Y16521" s="2">
        <v>0</v>
      </c>
      <c r="Z16521" s="2">
        <v>0</v>
      </c>
      <c r="AA16521" s="5"/>
      <c r="AB16521" s="5" t="s">
        <v>43</v>
      </c>
      <c r="AC16521" s="5" t="s">
        <v>44</v>
      </c>
      <c r="AD16521" s="2"/>
      <c r="AE16521" s="1"/>
    </row>
    <row r="16522" spans="1:31" ht="14.45">
      <c r="A16522" s="11"/>
      <c r="B16522" s="20"/>
      <c r="C16522" s="2" t="s">
        <v>50524</v>
      </c>
      <c r="D16522" s="14" t="s">
        <v>50525</v>
      </c>
      <c r="E16522" s="2" t="s">
        <v>50526</v>
      </c>
      <c r="F16522" s="2" t="s">
        <v>36305</v>
      </c>
      <c r="G16522" s="8">
        <v>330</v>
      </c>
      <c r="H16522" s="5">
        <v>6</v>
      </c>
      <c r="I16522" s="5" t="s">
        <v>1518</v>
      </c>
      <c r="J16522" s="5" t="s">
        <v>36264</v>
      </c>
      <c r="K16522" s="2" t="s">
        <v>49668</v>
      </c>
      <c r="L16522" s="5" t="s">
        <v>36264</v>
      </c>
      <c r="M16522" s="2" t="s">
        <v>49668</v>
      </c>
      <c r="N16522" s="5" t="s">
        <v>19227</v>
      </c>
      <c r="O16522" s="5" t="s">
        <v>38</v>
      </c>
      <c r="P16522" s="5" t="s">
        <v>39</v>
      </c>
      <c r="Q16522" s="5" t="s">
        <v>40</v>
      </c>
      <c r="R16522" s="5" t="s">
        <v>1487</v>
      </c>
      <c r="S16522" s="5"/>
      <c r="T16522" s="5" t="s">
        <v>42</v>
      </c>
      <c r="U16522" s="2">
        <v>0</v>
      </c>
      <c r="V16522" s="2">
        <v>0</v>
      </c>
      <c r="W16522" s="2">
        <v>0</v>
      </c>
      <c r="X16522" s="2">
        <v>0</v>
      </c>
      <c r="Y16522" s="2">
        <v>0</v>
      </c>
      <c r="Z16522" s="2">
        <v>0</v>
      </c>
      <c r="AA16522" s="5"/>
      <c r="AB16522" s="5" t="s">
        <v>43</v>
      </c>
      <c r="AC16522" s="5" t="s">
        <v>44</v>
      </c>
      <c r="AD16522" s="2"/>
      <c r="AE16522" s="1"/>
    </row>
    <row r="16523" spans="1:31" ht="14.45">
      <c r="A16523" s="11"/>
      <c r="B16523" s="20"/>
      <c r="C16523" s="2" t="s">
        <v>50527</v>
      </c>
      <c r="D16523" s="14" t="s">
        <v>50528</v>
      </c>
      <c r="E16523" s="2" t="s">
        <v>50529</v>
      </c>
      <c r="F16523" s="2" t="s">
        <v>36309</v>
      </c>
      <c r="G16523" s="8">
        <v>330</v>
      </c>
      <c r="H16523" s="5">
        <v>6</v>
      </c>
      <c r="I16523" s="5" t="s">
        <v>1518</v>
      </c>
      <c r="J16523" s="5" t="s">
        <v>36264</v>
      </c>
      <c r="K16523" s="2" t="s">
        <v>49668</v>
      </c>
      <c r="L16523" s="5" t="s">
        <v>36264</v>
      </c>
      <c r="M16523" s="2" t="s">
        <v>49668</v>
      </c>
      <c r="N16523" s="5" t="s">
        <v>19227</v>
      </c>
      <c r="O16523" s="5" t="s">
        <v>38</v>
      </c>
      <c r="P16523" s="5" t="s">
        <v>39</v>
      </c>
      <c r="Q16523" s="5" t="s">
        <v>40</v>
      </c>
      <c r="R16523" s="5" t="s">
        <v>1487</v>
      </c>
      <c r="S16523" s="5"/>
      <c r="T16523" s="5" t="s">
        <v>42</v>
      </c>
      <c r="U16523" s="2">
        <v>0</v>
      </c>
      <c r="V16523" s="2">
        <v>0</v>
      </c>
      <c r="W16523" s="2">
        <v>0</v>
      </c>
      <c r="X16523" s="2">
        <v>0</v>
      </c>
      <c r="Y16523" s="2">
        <v>0</v>
      </c>
      <c r="Z16523" s="2">
        <v>0</v>
      </c>
      <c r="AA16523" s="5"/>
      <c r="AB16523" s="5" t="s">
        <v>43</v>
      </c>
      <c r="AC16523" s="5" t="s">
        <v>44</v>
      </c>
      <c r="AD16523" s="2"/>
      <c r="AE16523" s="1"/>
    </row>
    <row r="16524" spans="1:31" ht="14.45">
      <c r="A16524" s="11"/>
      <c r="B16524" s="20"/>
      <c r="C16524" s="2" t="s">
        <v>50530</v>
      </c>
      <c r="D16524" s="14" t="s">
        <v>50531</v>
      </c>
      <c r="E16524" s="2" t="s">
        <v>50532</v>
      </c>
      <c r="F16524" s="2" t="s">
        <v>7204</v>
      </c>
      <c r="G16524" s="8">
        <v>296</v>
      </c>
      <c r="H16524" s="5">
        <v>6</v>
      </c>
      <c r="I16524" s="5" t="s">
        <v>1518</v>
      </c>
      <c r="J16524" s="5" t="s">
        <v>36264</v>
      </c>
      <c r="K16524" s="2" t="s">
        <v>49668</v>
      </c>
      <c r="L16524" s="5" t="s">
        <v>36264</v>
      </c>
      <c r="M16524" s="2" t="s">
        <v>49668</v>
      </c>
      <c r="N16524" s="5" t="s">
        <v>19227</v>
      </c>
      <c r="O16524" s="5" t="s">
        <v>38</v>
      </c>
      <c r="P16524" s="5" t="s">
        <v>39</v>
      </c>
      <c r="Q16524" s="5" t="s">
        <v>40</v>
      </c>
      <c r="R16524" s="5" t="s">
        <v>1487</v>
      </c>
      <c r="S16524" s="5"/>
      <c r="T16524" s="5" t="s">
        <v>42</v>
      </c>
      <c r="U16524" s="2">
        <v>0</v>
      </c>
      <c r="V16524" s="2">
        <v>0</v>
      </c>
      <c r="W16524" s="2">
        <v>0</v>
      </c>
      <c r="X16524" s="2">
        <v>0</v>
      </c>
      <c r="Y16524" s="2">
        <v>0</v>
      </c>
      <c r="Z16524" s="2">
        <v>0</v>
      </c>
      <c r="AA16524" s="5"/>
      <c r="AB16524" s="5" t="s">
        <v>43</v>
      </c>
      <c r="AC16524" s="5" t="s">
        <v>44</v>
      </c>
      <c r="AD16524" s="2"/>
      <c r="AE16524" s="1"/>
    </row>
    <row r="16525" spans="1:31" ht="14.45">
      <c r="A16525" s="11"/>
      <c r="B16525" s="20"/>
      <c r="C16525" s="2" t="s">
        <v>50533</v>
      </c>
      <c r="D16525" s="14" t="s">
        <v>50534</v>
      </c>
      <c r="E16525" s="2" t="s">
        <v>50535</v>
      </c>
      <c r="F16525" s="2" t="s">
        <v>7514</v>
      </c>
      <c r="G16525" s="8">
        <v>296</v>
      </c>
      <c r="H16525" s="5">
        <v>6</v>
      </c>
      <c r="I16525" s="5" t="s">
        <v>1518</v>
      </c>
      <c r="J16525" s="5" t="s">
        <v>36264</v>
      </c>
      <c r="K16525" s="2" t="s">
        <v>49668</v>
      </c>
      <c r="L16525" s="5" t="s">
        <v>36264</v>
      </c>
      <c r="M16525" s="2" t="s">
        <v>49668</v>
      </c>
      <c r="N16525" s="5" t="s">
        <v>19227</v>
      </c>
      <c r="O16525" s="5" t="s">
        <v>38</v>
      </c>
      <c r="P16525" s="5" t="s">
        <v>39</v>
      </c>
      <c r="Q16525" s="5" t="s">
        <v>40</v>
      </c>
      <c r="R16525" s="5" t="s">
        <v>1487</v>
      </c>
      <c r="S16525" s="5"/>
      <c r="T16525" s="5" t="s">
        <v>42</v>
      </c>
      <c r="U16525" s="2">
        <v>0</v>
      </c>
      <c r="V16525" s="2">
        <v>0</v>
      </c>
      <c r="W16525" s="2">
        <v>0</v>
      </c>
      <c r="X16525" s="2">
        <v>0</v>
      </c>
      <c r="Y16525" s="2">
        <v>0</v>
      </c>
      <c r="Z16525" s="2">
        <v>0</v>
      </c>
      <c r="AA16525" s="5"/>
      <c r="AB16525" s="5" t="s">
        <v>43</v>
      </c>
      <c r="AC16525" s="5" t="s">
        <v>44</v>
      </c>
      <c r="AD16525" s="2"/>
      <c r="AE16525" s="1"/>
    </row>
    <row r="16526" spans="1:31" ht="14.45">
      <c r="A16526" s="11"/>
      <c r="B16526" s="20"/>
      <c r="C16526" s="2" t="s">
        <v>50536</v>
      </c>
      <c r="D16526" s="14" t="s">
        <v>50537</v>
      </c>
      <c r="E16526" s="2" t="s">
        <v>50538</v>
      </c>
      <c r="F16526" s="2" t="s">
        <v>36273</v>
      </c>
      <c r="G16526" s="8">
        <v>296</v>
      </c>
      <c r="H16526" s="5">
        <v>6</v>
      </c>
      <c r="I16526" s="5" t="s">
        <v>1518</v>
      </c>
      <c r="J16526" s="5" t="s">
        <v>36264</v>
      </c>
      <c r="K16526" s="2" t="s">
        <v>49668</v>
      </c>
      <c r="L16526" s="5" t="s">
        <v>36264</v>
      </c>
      <c r="M16526" s="2" t="s">
        <v>49668</v>
      </c>
      <c r="N16526" s="5" t="s">
        <v>19227</v>
      </c>
      <c r="O16526" s="5" t="s">
        <v>38</v>
      </c>
      <c r="P16526" s="5" t="s">
        <v>39</v>
      </c>
      <c r="Q16526" s="5" t="s">
        <v>40</v>
      </c>
      <c r="R16526" s="5" t="s">
        <v>1487</v>
      </c>
      <c r="S16526" s="5"/>
      <c r="T16526" s="5" t="s">
        <v>42</v>
      </c>
      <c r="U16526" s="2">
        <v>0</v>
      </c>
      <c r="V16526" s="2">
        <v>0</v>
      </c>
      <c r="W16526" s="2">
        <v>0</v>
      </c>
      <c r="X16526" s="2">
        <v>0</v>
      </c>
      <c r="Y16526" s="2">
        <v>0</v>
      </c>
      <c r="Z16526" s="2">
        <v>0</v>
      </c>
      <c r="AA16526" s="5"/>
      <c r="AB16526" s="5" t="s">
        <v>43</v>
      </c>
      <c r="AC16526" s="5" t="s">
        <v>44</v>
      </c>
      <c r="AD16526" s="2"/>
      <c r="AE16526" s="1"/>
    </row>
    <row r="16527" spans="1:31" ht="14.45">
      <c r="A16527" s="11"/>
      <c r="B16527" s="20"/>
      <c r="C16527" s="2" t="s">
        <v>50539</v>
      </c>
      <c r="D16527" s="14" t="s">
        <v>50540</v>
      </c>
      <c r="E16527" s="2" t="s">
        <v>50541</v>
      </c>
      <c r="F16527" s="2" t="s">
        <v>36277</v>
      </c>
      <c r="G16527" s="8">
        <v>296</v>
      </c>
      <c r="H16527" s="5">
        <v>6</v>
      </c>
      <c r="I16527" s="5" t="s">
        <v>1518</v>
      </c>
      <c r="J16527" s="5" t="s">
        <v>36264</v>
      </c>
      <c r="K16527" s="2" t="s">
        <v>49668</v>
      </c>
      <c r="L16527" s="5" t="s">
        <v>36264</v>
      </c>
      <c r="M16527" s="2" t="s">
        <v>49668</v>
      </c>
      <c r="N16527" s="5" t="s">
        <v>19227</v>
      </c>
      <c r="O16527" s="5" t="s">
        <v>38</v>
      </c>
      <c r="P16527" s="5" t="s">
        <v>39</v>
      </c>
      <c r="Q16527" s="5" t="s">
        <v>40</v>
      </c>
      <c r="R16527" s="5" t="s">
        <v>1487</v>
      </c>
      <c r="S16527" s="5"/>
      <c r="T16527" s="5" t="s">
        <v>42</v>
      </c>
      <c r="U16527" s="2">
        <v>0</v>
      </c>
      <c r="V16527" s="2">
        <v>0</v>
      </c>
      <c r="W16527" s="2">
        <v>0</v>
      </c>
      <c r="X16527" s="2">
        <v>0</v>
      </c>
      <c r="Y16527" s="2">
        <v>0</v>
      </c>
      <c r="Z16527" s="2">
        <v>0</v>
      </c>
      <c r="AA16527" s="5"/>
      <c r="AB16527" s="5" t="s">
        <v>43</v>
      </c>
      <c r="AC16527" s="5" t="s">
        <v>44</v>
      </c>
      <c r="AD16527" s="2"/>
      <c r="AE16527" s="1"/>
    </row>
    <row r="16528" spans="1:31" ht="14.45">
      <c r="A16528" s="11"/>
      <c r="B16528" s="20"/>
      <c r="C16528" s="2" t="s">
        <v>50542</v>
      </c>
      <c r="D16528" s="14" t="s">
        <v>50543</v>
      </c>
      <c r="E16528" s="2" t="s">
        <v>50544</v>
      </c>
      <c r="F16528" s="2" t="s">
        <v>36297</v>
      </c>
      <c r="G16528" s="8">
        <v>296</v>
      </c>
      <c r="H16528" s="5">
        <v>6</v>
      </c>
      <c r="I16528" s="5" t="s">
        <v>1518</v>
      </c>
      <c r="J16528" s="5" t="s">
        <v>36264</v>
      </c>
      <c r="K16528" s="2" t="s">
        <v>49668</v>
      </c>
      <c r="L16528" s="5" t="s">
        <v>36264</v>
      </c>
      <c r="M16528" s="2" t="s">
        <v>49668</v>
      </c>
      <c r="N16528" s="5" t="s">
        <v>19227</v>
      </c>
      <c r="O16528" s="5" t="s">
        <v>38</v>
      </c>
      <c r="P16528" s="5" t="s">
        <v>39</v>
      </c>
      <c r="Q16528" s="5" t="s">
        <v>40</v>
      </c>
      <c r="R16528" s="5" t="s">
        <v>1487</v>
      </c>
      <c r="S16528" s="5"/>
      <c r="T16528" s="5" t="s">
        <v>42</v>
      </c>
      <c r="U16528" s="2">
        <v>0</v>
      </c>
      <c r="V16528" s="2">
        <v>0</v>
      </c>
      <c r="W16528" s="2">
        <v>0</v>
      </c>
      <c r="X16528" s="2">
        <v>0</v>
      </c>
      <c r="Y16528" s="2">
        <v>0</v>
      </c>
      <c r="Z16528" s="2">
        <v>0</v>
      </c>
      <c r="AA16528" s="5"/>
      <c r="AB16528" s="5" t="s">
        <v>43</v>
      </c>
      <c r="AC16528" s="5" t="s">
        <v>44</v>
      </c>
      <c r="AD16528" s="2"/>
      <c r="AE16528" s="1"/>
    </row>
    <row r="16529" spans="1:31" ht="14.45">
      <c r="A16529" s="11"/>
      <c r="B16529" s="20"/>
      <c r="C16529" s="2" t="s">
        <v>50545</v>
      </c>
      <c r="D16529" s="14" t="s">
        <v>50546</v>
      </c>
      <c r="E16529" s="2" t="s">
        <v>50547</v>
      </c>
      <c r="F16529" s="2" t="s">
        <v>36301</v>
      </c>
      <c r="G16529" s="8">
        <v>296</v>
      </c>
      <c r="H16529" s="5">
        <v>6</v>
      </c>
      <c r="I16529" s="5" t="s">
        <v>1518</v>
      </c>
      <c r="J16529" s="5" t="s">
        <v>36264</v>
      </c>
      <c r="K16529" s="2" t="s">
        <v>49668</v>
      </c>
      <c r="L16529" s="5" t="s">
        <v>36264</v>
      </c>
      <c r="M16529" s="2" t="s">
        <v>49668</v>
      </c>
      <c r="N16529" s="5" t="s">
        <v>19227</v>
      </c>
      <c r="O16529" s="5" t="s">
        <v>38</v>
      </c>
      <c r="P16529" s="5" t="s">
        <v>39</v>
      </c>
      <c r="Q16529" s="5" t="s">
        <v>40</v>
      </c>
      <c r="R16529" s="5" t="s">
        <v>1487</v>
      </c>
      <c r="S16529" s="5"/>
      <c r="T16529" s="5" t="s">
        <v>42</v>
      </c>
      <c r="U16529" s="2">
        <v>0</v>
      </c>
      <c r="V16529" s="2">
        <v>0</v>
      </c>
      <c r="W16529" s="2">
        <v>0</v>
      </c>
      <c r="X16529" s="2">
        <v>0</v>
      </c>
      <c r="Y16529" s="2">
        <v>0</v>
      </c>
      <c r="Z16529" s="2">
        <v>0</v>
      </c>
      <c r="AA16529" s="5"/>
      <c r="AB16529" s="5" t="s">
        <v>43</v>
      </c>
      <c r="AC16529" s="5" t="s">
        <v>44</v>
      </c>
      <c r="AD16529" s="2"/>
      <c r="AE16529" s="1"/>
    </row>
    <row r="16530" spans="1:31" ht="14.45">
      <c r="A16530" s="11"/>
      <c r="B16530" s="20"/>
      <c r="C16530" s="2" t="s">
        <v>50548</v>
      </c>
      <c r="D16530" s="14" t="s">
        <v>50549</v>
      </c>
      <c r="E16530" s="2" t="s">
        <v>50550</v>
      </c>
      <c r="F16530" s="2" t="s">
        <v>36305</v>
      </c>
      <c r="G16530" s="8">
        <v>296</v>
      </c>
      <c r="H16530" s="5">
        <v>6</v>
      </c>
      <c r="I16530" s="5" t="s">
        <v>1518</v>
      </c>
      <c r="J16530" s="5" t="s">
        <v>36264</v>
      </c>
      <c r="K16530" s="2" t="s">
        <v>49668</v>
      </c>
      <c r="L16530" s="5" t="s">
        <v>36264</v>
      </c>
      <c r="M16530" s="2" t="s">
        <v>49668</v>
      </c>
      <c r="N16530" s="5" t="s">
        <v>19227</v>
      </c>
      <c r="O16530" s="5" t="s">
        <v>38</v>
      </c>
      <c r="P16530" s="5" t="s">
        <v>39</v>
      </c>
      <c r="Q16530" s="5" t="s">
        <v>40</v>
      </c>
      <c r="R16530" s="5" t="s">
        <v>1487</v>
      </c>
      <c r="S16530" s="5"/>
      <c r="T16530" s="5" t="s">
        <v>42</v>
      </c>
      <c r="U16530" s="2">
        <v>0</v>
      </c>
      <c r="V16530" s="2">
        <v>0</v>
      </c>
      <c r="W16530" s="2">
        <v>0</v>
      </c>
      <c r="X16530" s="2">
        <v>0</v>
      </c>
      <c r="Y16530" s="2">
        <v>0</v>
      </c>
      <c r="Z16530" s="2">
        <v>0</v>
      </c>
      <c r="AA16530" s="5"/>
      <c r="AB16530" s="5" t="s">
        <v>43</v>
      </c>
      <c r="AC16530" s="5" t="s">
        <v>44</v>
      </c>
      <c r="AD16530" s="2"/>
      <c r="AE16530" s="1"/>
    </row>
    <row r="16531" spans="1:31" ht="14.45">
      <c r="A16531" s="11"/>
      <c r="B16531" s="20"/>
      <c r="C16531" s="2" t="s">
        <v>50551</v>
      </c>
      <c r="D16531" s="14" t="s">
        <v>50552</v>
      </c>
      <c r="E16531" s="2" t="s">
        <v>50553</v>
      </c>
      <c r="F16531" s="2" t="s">
        <v>36309</v>
      </c>
      <c r="G16531" s="8">
        <v>296</v>
      </c>
      <c r="H16531" s="5">
        <v>6</v>
      </c>
      <c r="I16531" s="5" t="s">
        <v>1518</v>
      </c>
      <c r="J16531" s="5" t="s">
        <v>36264</v>
      </c>
      <c r="K16531" s="2" t="s">
        <v>49668</v>
      </c>
      <c r="L16531" s="5" t="s">
        <v>36264</v>
      </c>
      <c r="M16531" s="2" t="s">
        <v>49668</v>
      </c>
      <c r="N16531" s="5" t="s">
        <v>19227</v>
      </c>
      <c r="O16531" s="5" t="s">
        <v>38</v>
      </c>
      <c r="P16531" s="5" t="s">
        <v>39</v>
      </c>
      <c r="Q16531" s="5" t="s">
        <v>40</v>
      </c>
      <c r="R16531" s="5" t="s">
        <v>1487</v>
      </c>
      <c r="S16531" s="5"/>
      <c r="T16531" s="5" t="s">
        <v>42</v>
      </c>
      <c r="U16531" s="2">
        <v>0</v>
      </c>
      <c r="V16531" s="2">
        <v>0</v>
      </c>
      <c r="W16531" s="2">
        <v>0</v>
      </c>
      <c r="X16531" s="2">
        <v>0</v>
      </c>
      <c r="Y16531" s="2">
        <v>0</v>
      </c>
      <c r="Z16531" s="2">
        <v>0</v>
      </c>
      <c r="AA16531" s="5"/>
      <c r="AB16531" s="5" t="s">
        <v>43</v>
      </c>
      <c r="AC16531" s="5" t="s">
        <v>44</v>
      </c>
      <c r="AD16531" s="2"/>
      <c r="AE16531" s="1"/>
    </row>
    <row r="16532" spans="1:31" ht="14.45">
      <c r="A16532" s="11"/>
      <c r="B16532" s="20"/>
      <c r="C16532" s="2" t="s">
        <v>50554</v>
      </c>
      <c r="D16532" s="14" t="s">
        <v>50555</v>
      </c>
      <c r="E16532" s="2" t="s">
        <v>50556</v>
      </c>
      <c r="F16532" s="2" t="s">
        <v>7204</v>
      </c>
      <c r="G16532" s="8">
        <v>310</v>
      </c>
      <c r="H16532" s="5">
        <v>6</v>
      </c>
      <c r="I16532" s="5" t="s">
        <v>1518</v>
      </c>
      <c r="J16532" s="5" t="s">
        <v>36264</v>
      </c>
      <c r="K16532" s="2" t="s">
        <v>49668</v>
      </c>
      <c r="L16532" s="5" t="s">
        <v>36264</v>
      </c>
      <c r="M16532" s="2" t="s">
        <v>49668</v>
      </c>
      <c r="N16532" s="5" t="s">
        <v>19227</v>
      </c>
      <c r="O16532" s="5" t="s">
        <v>38</v>
      </c>
      <c r="P16532" s="5" t="s">
        <v>39</v>
      </c>
      <c r="Q16532" s="5" t="s">
        <v>40</v>
      </c>
      <c r="R16532" s="5" t="s">
        <v>1487</v>
      </c>
      <c r="S16532" s="5"/>
      <c r="T16532" s="5" t="s">
        <v>42</v>
      </c>
      <c r="U16532" s="2">
        <v>0</v>
      </c>
      <c r="V16532" s="2">
        <v>0</v>
      </c>
      <c r="W16532" s="2">
        <v>0</v>
      </c>
      <c r="X16532" s="2">
        <v>0</v>
      </c>
      <c r="Y16532" s="2">
        <v>0</v>
      </c>
      <c r="Z16532" s="2">
        <v>0</v>
      </c>
      <c r="AA16532" s="5"/>
      <c r="AB16532" s="5" t="s">
        <v>43</v>
      </c>
      <c r="AC16532" s="5" t="s">
        <v>44</v>
      </c>
      <c r="AD16532" s="2"/>
      <c r="AE16532" s="1"/>
    </row>
    <row r="16533" spans="1:31" ht="14.45">
      <c r="A16533" s="11"/>
      <c r="B16533" s="20"/>
      <c r="C16533" s="2" t="s">
        <v>50557</v>
      </c>
      <c r="D16533" s="14" t="s">
        <v>50558</v>
      </c>
      <c r="E16533" s="2" t="s">
        <v>50559</v>
      </c>
      <c r="F16533" s="2" t="s">
        <v>7514</v>
      </c>
      <c r="G16533" s="8">
        <v>310</v>
      </c>
      <c r="H16533" s="5">
        <v>6</v>
      </c>
      <c r="I16533" s="5" t="s">
        <v>1518</v>
      </c>
      <c r="J16533" s="5" t="s">
        <v>36264</v>
      </c>
      <c r="K16533" s="2" t="s">
        <v>49668</v>
      </c>
      <c r="L16533" s="5" t="s">
        <v>36264</v>
      </c>
      <c r="M16533" s="2" t="s">
        <v>49668</v>
      </c>
      <c r="N16533" s="5" t="s">
        <v>19227</v>
      </c>
      <c r="O16533" s="5" t="s">
        <v>38</v>
      </c>
      <c r="P16533" s="5" t="s">
        <v>39</v>
      </c>
      <c r="Q16533" s="5" t="s">
        <v>40</v>
      </c>
      <c r="R16533" s="5" t="s">
        <v>1487</v>
      </c>
      <c r="S16533" s="5"/>
      <c r="T16533" s="5" t="s">
        <v>42</v>
      </c>
      <c r="U16533" s="2">
        <v>0</v>
      </c>
      <c r="V16533" s="2">
        <v>0</v>
      </c>
      <c r="W16533" s="2">
        <v>0</v>
      </c>
      <c r="X16533" s="2">
        <v>0</v>
      </c>
      <c r="Y16533" s="2">
        <v>0</v>
      </c>
      <c r="Z16533" s="2">
        <v>0</v>
      </c>
      <c r="AA16533" s="5"/>
      <c r="AB16533" s="5" t="s">
        <v>43</v>
      </c>
      <c r="AC16533" s="5" t="s">
        <v>44</v>
      </c>
      <c r="AD16533" s="2"/>
      <c r="AE16533" s="1"/>
    </row>
    <row r="16534" spans="1:31" ht="14.45">
      <c r="A16534" s="11"/>
      <c r="B16534" s="20"/>
      <c r="C16534" s="2" t="s">
        <v>50560</v>
      </c>
      <c r="D16534" s="14" t="s">
        <v>50561</v>
      </c>
      <c r="E16534" s="2" t="s">
        <v>50562</v>
      </c>
      <c r="F16534" s="2" t="s">
        <v>36273</v>
      </c>
      <c r="G16534" s="8">
        <v>310</v>
      </c>
      <c r="H16534" s="5">
        <v>6</v>
      </c>
      <c r="I16534" s="5" t="s">
        <v>1518</v>
      </c>
      <c r="J16534" s="5" t="s">
        <v>36264</v>
      </c>
      <c r="K16534" s="2" t="s">
        <v>49668</v>
      </c>
      <c r="L16534" s="5" t="s">
        <v>36264</v>
      </c>
      <c r="M16534" s="2" t="s">
        <v>49668</v>
      </c>
      <c r="N16534" s="5" t="s">
        <v>19227</v>
      </c>
      <c r="O16534" s="5" t="s">
        <v>38</v>
      </c>
      <c r="P16534" s="5" t="s">
        <v>39</v>
      </c>
      <c r="Q16534" s="5" t="s">
        <v>40</v>
      </c>
      <c r="R16534" s="5" t="s">
        <v>1487</v>
      </c>
      <c r="S16534" s="5"/>
      <c r="T16534" s="5" t="s">
        <v>42</v>
      </c>
      <c r="U16534" s="2">
        <v>0</v>
      </c>
      <c r="V16534" s="2">
        <v>0</v>
      </c>
      <c r="W16534" s="2">
        <v>0</v>
      </c>
      <c r="X16534" s="2">
        <v>0</v>
      </c>
      <c r="Y16534" s="2">
        <v>0</v>
      </c>
      <c r="Z16534" s="2">
        <v>0</v>
      </c>
      <c r="AA16534" s="5"/>
      <c r="AB16534" s="5" t="s">
        <v>43</v>
      </c>
      <c r="AC16534" s="5" t="s">
        <v>44</v>
      </c>
      <c r="AD16534" s="2"/>
      <c r="AE16534" s="1"/>
    </row>
    <row r="16535" spans="1:31" ht="14.45">
      <c r="A16535" s="11"/>
      <c r="B16535" s="20"/>
      <c r="C16535" s="2" t="s">
        <v>50563</v>
      </c>
      <c r="D16535" s="14" t="s">
        <v>50564</v>
      </c>
      <c r="E16535" s="2" t="s">
        <v>50565</v>
      </c>
      <c r="F16535" s="2" t="s">
        <v>36277</v>
      </c>
      <c r="G16535" s="8">
        <v>310</v>
      </c>
      <c r="H16535" s="5">
        <v>6</v>
      </c>
      <c r="I16535" s="5" t="s">
        <v>1518</v>
      </c>
      <c r="J16535" s="5" t="s">
        <v>36264</v>
      </c>
      <c r="K16535" s="2" t="s">
        <v>49668</v>
      </c>
      <c r="L16535" s="5" t="s">
        <v>36264</v>
      </c>
      <c r="M16535" s="2" t="s">
        <v>49668</v>
      </c>
      <c r="N16535" s="5" t="s">
        <v>19227</v>
      </c>
      <c r="O16535" s="5" t="s">
        <v>38</v>
      </c>
      <c r="P16535" s="5" t="s">
        <v>39</v>
      </c>
      <c r="Q16535" s="5" t="s">
        <v>40</v>
      </c>
      <c r="R16535" s="5" t="s">
        <v>1487</v>
      </c>
      <c r="S16535" s="5"/>
      <c r="T16535" s="5" t="s">
        <v>42</v>
      </c>
      <c r="U16535" s="2">
        <v>0</v>
      </c>
      <c r="V16535" s="2">
        <v>0</v>
      </c>
      <c r="W16535" s="2">
        <v>0</v>
      </c>
      <c r="X16535" s="2">
        <v>0</v>
      </c>
      <c r="Y16535" s="2">
        <v>0</v>
      </c>
      <c r="Z16535" s="2">
        <v>0</v>
      </c>
      <c r="AA16535" s="5"/>
      <c r="AB16535" s="5" t="s">
        <v>43</v>
      </c>
      <c r="AC16535" s="5" t="s">
        <v>44</v>
      </c>
      <c r="AD16535" s="2"/>
      <c r="AE16535" s="1"/>
    </row>
    <row r="16536" spans="1:31" ht="14.45">
      <c r="A16536" s="11"/>
      <c r="B16536" s="20"/>
      <c r="C16536" s="2" t="s">
        <v>50566</v>
      </c>
      <c r="D16536" s="14" t="s">
        <v>50567</v>
      </c>
      <c r="E16536" s="2" t="s">
        <v>50568</v>
      </c>
      <c r="F16536" s="2" t="s">
        <v>36297</v>
      </c>
      <c r="G16536" s="8">
        <v>310</v>
      </c>
      <c r="H16536" s="5">
        <v>6</v>
      </c>
      <c r="I16536" s="5" t="s">
        <v>1518</v>
      </c>
      <c r="J16536" s="5" t="s">
        <v>36264</v>
      </c>
      <c r="K16536" s="2" t="s">
        <v>49668</v>
      </c>
      <c r="L16536" s="5" t="s">
        <v>36264</v>
      </c>
      <c r="M16536" s="2" t="s">
        <v>49668</v>
      </c>
      <c r="N16536" s="5" t="s">
        <v>19227</v>
      </c>
      <c r="O16536" s="5" t="s">
        <v>38</v>
      </c>
      <c r="P16536" s="5" t="s">
        <v>39</v>
      </c>
      <c r="Q16536" s="5" t="s">
        <v>40</v>
      </c>
      <c r="R16536" s="5" t="s">
        <v>1487</v>
      </c>
      <c r="S16536" s="5"/>
      <c r="T16536" s="5" t="s">
        <v>42</v>
      </c>
      <c r="U16536" s="2">
        <v>0</v>
      </c>
      <c r="V16536" s="2">
        <v>0</v>
      </c>
      <c r="W16536" s="2">
        <v>0</v>
      </c>
      <c r="X16536" s="2">
        <v>0</v>
      </c>
      <c r="Y16536" s="2">
        <v>0</v>
      </c>
      <c r="Z16536" s="2">
        <v>0</v>
      </c>
      <c r="AA16536" s="5"/>
      <c r="AB16536" s="5" t="s">
        <v>43</v>
      </c>
      <c r="AC16536" s="5" t="s">
        <v>44</v>
      </c>
      <c r="AD16536" s="2"/>
      <c r="AE16536" s="1"/>
    </row>
    <row r="16537" spans="1:31" ht="14.45">
      <c r="A16537" s="11"/>
      <c r="B16537" s="20"/>
      <c r="C16537" s="2" t="s">
        <v>50569</v>
      </c>
      <c r="D16537" s="14" t="s">
        <v>50570</v>
      </c>
      <c r="E16537" s="2" t="s">
        <v>50571</v>
      </c>
      <c r="F16537" s="2" t="s">
        <v>36301</v>
      </c>
      <c r="G16537" s="8">
        <v>310</v>
      </c>
      <c r="H16537" s="5">
        <v>6</v>
      </c>
      <c r="I16537" s="5" t="s">
        <v>1518</v>
      </c>
      <c r="J16537" s="5" t="s">
        <v>36264</v>
      </c>
      <c r="K16537" s="2" t="s">
        <v>49668</v>
      </c>
      <c r="L16537" s="5" t="s">
        <v>36264</v>
      </c>
      <c r="M16537" s="2" t="s">
        <v>49668</v>
      </c>
      <c r="N16537" s="5" t="s">
        <v>19227</v>
      </c>
      <c r="O16537" s="5" t="s">
        <v>38</v>
      </c>
      <c r="P16537" s="5" t="s">
        <v>39</v>
      </c>
      <c r="Q16537" s="5" t="s">
        <v>40</v>
      </c>
      <c r="R16537" s="5" t="s">
        <v>1487</v>
      </c>
      <c r="S16537" s="5"/>
      <c r="T16537" s="5" t="s">
        <v>42</v>
      </c>
      <c r="U16537" s="2">
        <v>0</v>
      </c>
      <c r="V16537" s="2">
        <v>0</v>
      </c>
      <c r="W16537" s="2">
        <v>0</v>
      </c>
      <c r="X16537" s="2">
        <v>0</v>
      </c>
      <c r="Y16537" s="2">
        <v>0</v>
      </c>
      <c r="Z16537" s="2">
        <v>0</v>
      </c>
      <c r="AA16537" s="5"/>
      <c r="AB16537" s="5" t="s">
        <v>43</v>
      </c>
      <c r="AC16537" s="5" t="s">
        <v>44</v>
      </c>
      <c r="AD16537" s="2"/>
      <c r="AE16537" s="1"/>
    </row>
    <row r="16538" spans="1:31" ht="14.45">
      <c r="A16538" s="11"/>
      <c r="B16538" s="20"/>
      <c r="C16538" s="2" t="s">
        <v>50572</v>
      </c>
      <c r="D16538" s="14" t="s">
        <v>50573</v>
      </c>
      <c r="E16538" s="2" t="s">
        <v>50574</v>
      </c>
      <c r="F16538" s="2" t="s">
        <v>36305</v>
      </c>
      <c r="G16538" s="8">
        <v>310</v>
      </c>
      <c r="H16538" s="5">
        <v>6</v>
      </c>
      <c r="I16538" s="5" t="s">
        <v>1518</v>
      </c>
      <c r="J16538" s="5" t="s">
        <v>36264</v>
      </c>
      <c r="K16538" s="2" t="s">
        <v>49668</v>
      </c>
      <c r="L16538" s="5" t="s">
        <v>36264</v>
      </c>
      <c r="M16538" s="2" t="s">
        <v>49668</v>
      </c>
      <c r="N16538" s="5" t="s">
        <v>19227</v>
      </c>
      <c r="O16538" s="5" t="s">
        <v>38</v>
      </c>
      <c r="P16538" s="5" t="s">
        <v>39</v>
      </c>
      <c r="Q16538" s="5" t="s">
        <v>40</v>
      </c>
      <c r="R16538" s="5" t="s">
        <v>1487</v>
      </c>
      <c r="S16538" s="5"/>
      <c r="T16538" s="5" t="s">
        <v>42</v>
      </c>
      <c r="U16538" s="2">
        <v>0</v>
      </c>
      <c r="V16538" s="2">
        <v>0</v>
      </c>
      <c r="W16538" s="2">
        <v>0</v>
      </c>
      <c r="X16538" s="2">
        <v>0</v>
      </c>
      <c r="Y16538" s="2">
        <v>0</v>
      </c>
      <c r="Z16538" s="2">
        <v>0</v>
      </c>
      <c r="AA16538" s="5"/>
      <c r="AB16538" s="5" t="s">
        <v>43</v>
      </c>
      <c r="AC16538" s="5" t="s">
        <v>44</v>
      </c>
      <c r="AD16538" s="2"/>
      <c r="AE16538" s="1"/>
    </row>
    <row r="16539" spans="1:31" ht="14.45">
      <c r="A16539" s="11"/>
      <c r="B16539" s="20"/>
      <c r="C16539" s="2" t="s">
        <v>50575</v>
      </c>
      <c r="D16539" s="14" t="s">
        <v>50576</v>
      </c>
      <c r="E16539" s="2" t="s">
        <v>50577</v>
      </c>
      <c r="F16539" s="2" t="s">
        <v>36309</v>
      </c>
      <c r="G16539" s="8">
        <v>310</v>
      </c>
      <c r="H16539" s="5">
        <v>6</v>
      </c>
      <c r="I16539" s="5" t="s">
        <v>1518</v>
      </c>
      <c r="J16539" s="5" t="s">
        <v>36264</v>
      </c>
      <c r="K16539" s="2" t="s">
        <v>49668</v>
      </c>
      <c r="L16539" s="5" t="s">
        <v>36264</v>
      </c>
      <c r="M16539" s="2" t="s">
        <v>49668</v>
      </c>
      <c r="N16539" s="5" t="s">
        <v>19227</v>
      </c>
      <c r="O16539" s="5" t="s">
        <v>38</v>
      </c>
      <c r="P16539" s="5" t="s">
        <v>39</v>
      </c>
      <c r="Q16539" s="5" t="s">
        <v>40</v>
      </c>
      <c r="R16539" s="5" t="s">
        <v>1487</v>
      </c>
      <c r="S16539" s="5"/>
      <c r="T16539" s="5" t="s">
        <v>42</v>
      </c>
      <c r="U16539" s="2">
        <v>0</v>
      </c>
      <c r="V16539" s="2">
        <v>0</v>
      </c>
      <c r="W16539" s="2">
        <v>0</v>
      </c>
      <c r="X16539" s="2">
        <v>0</v>
      </c>
      <c r="Y16539" s="2">
        <v>0</v>
      </c>
      <c r="Z16539" s="2">
        <v>0</v>
      </c>
      <c r="AA16539" s="5"/>
      <c r="AB16539" s="5" t="s">
        <v>43</v>
      </c>
      <c r="AC16539" s="5" t="s">
        <v>44</v>
      </c>
      <c r="AD16539" s="2"/>
      <c r="AE16539" s="1"/>
    </row>
    <row r="16540" spans="1:31" ht="14.45">
      <c r="A16540" s="11"/>
      <c r="B16540" s="20"/>
      <c r="C16540" s="2" t="s">
        <v>50578</v>
      </c>
      <c r="D16540" s="14" t="s">
        <v>50579</v>
      </c>
      <c r="E16540" s="2" t="s">
        <v>50580</v>
      </c>
      <c r="F16540" s="2" t="s">
        <v>7204</v>
      </c>
      <c r="G16540" s="8">
        <v>330</v>
      </c>
      <c r="H16540" s="5">
        <v>6</v>
      </c>
      <c r="I16540" s="5" t="s">
        <v>1518</v>
      </c>
      <c r="J16540" s="5" t="s">
        <v>36264</v>
      </c>
      <c r="K16540" s="2" t="s">
        <v>49668</v>
      </c>
      <c r="L16540" s="5" t="s">
        <v>36264</v>
      </c>
      <c r="M16540" s="2" t="s">
        <v>49668</v>
      </c>
      <c r="N16540" s="5" t="s">
        <v>19227</v>
      </c>
      <c r="O16540" s="5" t="s">
        <v>38</v>
      </c>
      <c r="P16540" s="5" t="s">
        <v>39</v>
      </c>
      <c r="Q16540" s="5" t="s">
        <v>40</v>
      </c>
      <c r="R16540" s="5" t="s">
        <v>1487</v>
      </c>
      <c r="S16540" s="5"/>
      <c r="T16540" s="5" t="s">
        <v>42</v>
      </c>
      <c r="U16540" s="2">
        <v>0</v>
      </c>
      <c r="V16540" s="2">
        <v>0</v>
      </c>
      <c r="W16540" s="2">
        <v>0</v>
      </c>
      <c r="X16540" s="2">
        <v>0</v>
      </c>
      <c r="Y16540" s="2">
        <v>0</v>
      </c>
      <c r="Z16540" s="2">
        <v>0</v>
      </c>
      <c r="AA16540" s="5"/>
      <c r="AB16540" s="5" t="s">
        <v>43</v>
      </c>
      <c r="AC16540" s="5" t="s">
        <v>44</v>
      </c>
      <c r="AD16540" s="2"/>
      <c r="AE16540" s="1"/>
    </row>
    <row r="16541" spans="1:31" ht="14.45">
      <c r="A16541" s="11"/>
      <c r="B16541" s="20"/>
      <c r="C16541" s="2" t="s">
        <v>50581</v>
      </c>
      <c r="D16541" s="14" t="s">
        <v>50582</v>
      </c>
      <c r="E16541" s="2" t="s">
        <v>50583</v>
      </c>
      <c r="F16541" s="2" t="s">
        <v>7514</v>
      </c>
      <c r="G16541" s="8">
        <v>330</v>
      </c>
      <c r="H16541" s="5">
        <v>6</v>
      </c>
      <c r="I16541" s="5" t="s">
        <v>1518</v>
      </c>
      <c r="J16541" s="5" t="s">
        <v>36264</v>
      </c>
      <c r="K16541" s="2" t="s">
        <v>49668</v>
      </c>
      <c r="L16541" s="5" t="s">
        <v>36264</v>
      </c>
      <c r="M16541" s="2" t="s">
        <v>49668</v>
      </c>
      <c r="N16541" s="5" t="s">
        <v>19227</v>
      </c>
      <c r="O16541" s="5" t="s">
        <v>38</v>
      </c>
      <c r="P16541" s="5" t="s">
        <v>39</v>
      </c>
      <c r="Q16541" s="5" t="s">
        <v>40</v>
      </c>
      <c r="R16541" s="5" t="s">
        <v>1487</v>
      </c>
      <c r="S16541" s="5"/>
      <c r="T16541" s="5" t="s">
        <v>42</v>
      </c>
      <c r="U16541" s="2">
        <v>0</v>
      </c>
      <c r="V16541" s="2">
        <v>0</v>
      </c>
      <c r="W16541" s="2">
        <v>0</v>
      </c>
      <c r="X16541" s="2">
        <v>0</v>
      </c>
      <c r="Y16541" s="2">
        <v>0</v>
      </c>
      <c r="Z16541" s="2">
        <v>0</v>
      </c>
      <c r="AA16541" s="5"/>
      <c r="AB16541" s="5" t="s">
        <v>43</v>
      </c>
      <c r="AC16541" s="5" t="s">
        <v>44</v>
      </c>
      <c r="AD16541" s="2"/>
      <c r="AE16541" s="1"/>
    </row>
    <row r="16542" spans="1:31" ht="14.45">
      <c r="A16542" s="11"/>
      <c r="B16542" s="20"/>
      <c r="C16542" s="2" t="s">
        <v>50584</v>
      </c>
      <c r="D16542" s="14" t="s">
        <v>50585</v>
      </c>
      <c r="E16542" s="2" t="s">
        <v>50586</v>
      </c>
      <c r="F16542" s="2" t="s">
        <v>36273</v>
      </c>
      <c r="G16542" s="8">
        <v>330</v>
      </c>
      <c r="H16542" s="5">
        <v>6</v>
      </c>
      <c r="I16542" s="5" t="s">
        <v>1518</v>
      </c>
      <c r="J16542" s="5" t="s">
        <v>36264</v>
      </c>
      <c r="K16542" s="2" t="s">
        <v>49668</v>
      </c>
      <c r="L16542" s="5" t="s">
        <v>36264</v>
      </c>
      <c r="M16542" s="2" t="s">
        <v>49668</v>
      </c>
      <c r="N16542" s="5" t="s">
        <v>19227</v>
      </c>
      <c r="O16542" s="5" t="s">
        <v>38</v>
      </c>
      <c r="P16542" s="5" t="s">
        <v>39</v>
      </c>
      <c r="Q16542" s="5" t="s">
        <v>40</v>
      </c>
      <c r="R16542" s="5" t="s">
        <v>1487</v>
      </c>
      <c r="S16542" s="5"/>
      <c r="T16542" s="5" t="s">
        <v>42</v>
      </c>
      <c r="U16542" s="2">
        <v>0</v>
      </c>
      <c r="V16542" s="2">
        <v>0</v>
      </c>
      <c r="W16542" s="2">
        <v>0</v>
      </c>
      <c r="X16542" s="2">
        <v>0</v>
      </c>
      <c r="Y16542" s="2">
        <v>0</v>
      </c>
      <c r="Z16542" s="2">
        <v>0</v>
      </c>
      <c r="AA16542" s="5"/>
      <c r="AB16542" s="5" t="s">
        <v>43</v>
      </c>
      <c r="AC16542" s="5" t="s">
        <v>44</v>
      </c>
      <c r="AD16542" s="2"/>
      <c r="AE16542" s="1"/>
    </row>
    <row r="16543" spans="1:31" ht="14.45">
      <c r="A16543" s="11"/>
      <c r="B16543" s="20"/>
      <c r="C16543" s="2" t="s">
        <v>50587</v>
      </c>
      <c r="D16543" s="14" t="s">
        <v>50588</v>
      </c>
      <c r="E16543" s="2" t="s">
        <v>50589</v>
      </c>
      <c r="F16543" s="2" t="s">
        <v>36277</v>
      </c>
      <c r="G16543" s="8">
        <v>330</v>
      </c>
      <c r="H16543" s="5">
        <v>6</v>
      </c>
      <c r="I16543" s="5" t="s">
        <v>1518</v>
      </c>
      <c r="J16543" s="5" t="s">
        <v>36264</v>
      </c>
      <c r="K16543" s="2" t="s">
        <v>49668</v>
      </c>
      <c r="L16543" s="5" t="s">
        <v>36264</v>
      </c>
      <c r="M16543" s="2" t="s">
        <v>49668</v>
      </c>
      <c r="N16543" s="5" t="s">
        <v>19227</v>
      </c>
      <c r="O16543" s="5" t="s">
        <v>38</v>
      </c>
      <c r="P16543" s="5" t="s">
        <v>39</v>
      </c>
      <c r="Q16543" s="5" t="s">
        <v>40</v>
      </c>
      <c r="R16543" s="5" t="s">
        <v>1487</v>
      </c>
      <c r="S16543" s="5"/>
      <c r="T16543" s="5" t="s">
        <v>42</v>
      </c>
      <c r="U16543" s="2">
        <v>0</v>
      </c>
      <c r="V16543" s="2">
        <v>0</v>
      </c>
      <c r="W16543" s="2">
        <v>0</v>
      </c>
      <c r="X16543" s="2">
        <v>0</v>
      </c>
      <c r="Y16543" s="2">
        <v>0</v>
      </c>
      <c r="Z16543" s="2">
        <v>0</v>
      </c>
      <c r="AA16543" s="5"/>
      <c r="AB16543" s="5" t="s">
        <v>43</v>
      </c>
      <c r="AC16543" s="5" t="s">
        <v>44</v>
      </c>
      <c r="AD16543" s="2"/>
      <c r="AE16543" s="1"/>
    </row>
    <row r="16544" spans="1:31" ht="14.45">
      <c r="A16544" s="11"/>
      <c r="B16544" s="20"/>
      <c r="C16544" s="2" t="s">
        <v>50590</v>
      </c>
      <c r="D16544" s="14" t="s">
        <v>50591</v>
      </c>
      <c r="E16544" s="2" t="s">
        <v>50592</v>
      </c>
      <c r="F16544" s="2" t="s">
        <v>36297</v>
      </c>
      <c r="G16544" s="8">
        <v>330</v>
      </c>
      <c r="H16544" s="5">
        <v>6</v>
      </c>
      <c r="I16544" s="5" t="s">
        <v>1518</v>
      </c>
      <c r="J16544" s="5" t="s">
        <v>36264</v>
      </c>
      <c r="K16544" s="2" t="s">
        <v>49668</v>
      </c>
      <c r="L16544" s="5" t="s">
        <v>36264</v>
      </c>
      <c r="M16544" s="2" t="s">
        <v>49668</v>
      </c>
      <c r="N16544" s="5" t="s">
        <v>19227</v>
      </c>
      <c r="O16544" s="5" t="s">
        <v>38</v>
      </c>
      <c r="P16544" s="5" t="s">
        <v>39</v>
      </c>
      <c r="Q16544" s="5" t="s">
        <v>40</v>
      </c>
      <c r="R16544" s="5" t="s">
        <v>1487</v>
      </c>
      <c r="S16544" s="5"/>
      <c r="T16544" s="5" t="s">
        <v>42</v>
      </c>
      <c r="U16544" s="2">
        <v>0</v>
      </c>
      <c r="V16544" s="2">
        <v>0</v>
      </c>
      <c r="W16544" s="2">
        <v>0</v>
      </c>
      <c r="X16544" s="2">
        <v>0</v>
      </c>
      <c r="Y16544" s="2">
        <v>0</v>
      </c>
      <c r="Z16544" s="2">
        <v>0</v>
      </c>
      <c r="AA16544" s="5"/>
      <c r="AB16544" s="5" t="s">
        <v>43</v>
      </c>
      <c r="AC16544" s="5" t="s">
        <v>44</v>
      </c>
      <c r="AD16544" s="2"/>
      <c r="AE16544" s="1"/>
    </row>
    <row r="16545" spans="1:31" ht="14.45">
      <c r="A16545" s="11"/>
      <c r="B16545" s="20"/>
      <c r="C16545" s="2" t="s">
        <v>50593</v>
      </c>
      <c r="D16545" s="14" t="s">
        <v>50594</v>
      </c>
      <c r="E16545" s="2" t="s">
        <v>50595</v>
      </c>
      <c r="F16545" s="2" t="s">
        <v>36301</v>
      </c>
      <c r="G16545" s="8">
        <v>330</v>
      </c>
      <c r="H16545" s="5">
        <v>6</v>
      </c>
      <c r="I16545" s="5" t="s">
        <v>1518</v>
      </c>
      <c r="J16545" s="5" t="s">
        <v>36264</v>
      </c>
      <c r="K16545" s="2" t="s">
        <v>49668</v>
      </c>
      <c r="L16545" s="5" t="s">
        <v>36264</v>
      </c>
      <c r="M16545" s="2" t="s">
        <v>49668</v>
      </c>
      <c r="N16545" s="5" t="s">
        <v>19227</v>
      </c>
      <c r="O16545" s="5" t="s">
        <v>38</v>
      </c>
      <c r="P16545" s="5" t="s">
        <v>39</v>
      </c>
      <c r="Q16545" s="5" t="s">
        <v>40</v>
      </c>
      <c r="R16545" s="5" t="s">
        <v>1487</v>
      </c>
      <c r="S16545" s="5"/>
      <c r="T16545" s="5" t="s">
        <v>42</v>
      </c>
      <c r="U16545" s="2">
        <v>0</v>
      </c>
      <c r="V16545" s="2">
        <v>0</v>
      </c>
      <c r="W16545" s="2">
        <v>0</v>
      </c>
      <c r="X16545" s="2">
        <v>0</v>
      </c>
      <c r="Y16545" s="2">
        <v>0</v>
      </c>
      <c r="Z16545" s="2">
        <v>0</v>
      </c>
      <c r="AA16545" s="5"/>
      <c r="AB16545" s="5" t="s">
        <v>43</v>
      </c>
      <c r="AC16545" s="5" t="s">
        <v>44</v>
      </c>
      <c r="AD16545" s="2"/>
      <c r="AE16545" s="1"/>
    </row>
    <row r="16546" spans="1:31" ht="14.45">
      <c r="A16546" s="11"/>
      <c r="B16546" s="20"/>
      <c r="C16546" s="2" t="s">
        <v>50596</v>
      </c>
      <c r="D16546" s="14" t="s">
        <v>50597</v>
      </c>
      <c r="E16546" s="2" t="s">
        <v>50598</v>
      </c>
      <c r="F16546" s="2" t="s">
        <v>36305</v>
      </c>
      <c r="G16546" s="8">
        <v>330</v>
      </c>
      <c r="H16546" s="5">
        <v>6</v>
      </c>
      <c r="I16546" s="5" t="s">
        <v>1518</v>
      </c>
      <c r="J16546" s="5" t="s">
        <v>36264</v>
      </c>
      <c r="K16546" s="2" t="s">
        <v>49668</v>
      </c>
      <c r="L16546" s="5" t="s">
        <v>36264</v>
      </c>
      <c r="M16546" s="2" t="s">
        <v>49668</v>
      </c>
      <c r="N16546" s="5" t="s">
        <v>19227</v>
      </c>
      <c r="O16546" s="5" t="s">
        <v>38</v>
      </c>
      <c r="P16546" s="5" t="s">
        <v>39</v>
      </c>
      <c r="Q16546" s="5" t="s">
        <v>40</v>
      </c>
      <c r="R16546" s="5" t="s">
        <v>1487</v>
      </c>
      <c r="S16546" s="5"/>
      <c r="T16546" s="5" t="s">
        <v>42</v>
      </c>
      <c r="U16546" s="2">
        <v>0</v>
      </c>
      <c r="V16546" s="2">
        <v>0</v>
      </c>
      <c r="W16546" s="2">
        <v>0</v>
      </c>
      <c r="X16546" s="2">
        <v>0</v>
      </c>
      <c r="Y16546" s="2">
        <v>0</v>
      </c>
      <c r="Z16546" s="2">
        <v>0</v>
      </c>
      <c r="AA16546" s="5"/>
      <c r="AB16546" s="5" t="s">
        <v>43</v>
      </c>
      <c r="AC16546" s="5" t="s">
        <v>44</v>
      </c>
      <c r="AD16546" s="2"/>
      <c r="AE16546" s="1"/>
    </row>
    <row r="16547" spans="1:31" ht="14.45">
      <c r="A16547" s="11"/>
      <c r="B16547" s="20"/>
      <c r="C16547" s="2" t="s">
        <v>50599</v>
      </c>
      <c r="D16547" s="14" t="s">
        <v>50600</v>
      </c>
      <c r="E16547" s="2" t="s">
        <v>50601</v>
      </c>
      <c r="F16547" s="2" t="s">
        <v>36309</v>
      </c>
      <c r="G16547" s="8">
        <v>330</v>
      </c>
      <c r="H16547" s="5">
        <v>6</v>
      </c>
      <c r="I16547" s="5" t="s">
        <v>1518</v>
      </c>
      <c r="J16547" s="5" t="s">
        <v>36264</v>
      </c>
      <c r="K16547" s="2" t="s">
        <v>49668</v>
      </c>
      <c r="L16547" s="5" t="s">
        <v>36264</v>
      </c>
      <c r="M16547" s="2" t="s">
        <v>49668</v>
      </c>
      <c r="N16547" s="5" t="s">
        <v>19227</v>
      </c>
      <c r="O16547" s="5" t="s">
        <v>38</v>
      </c>
      <c r="P16547" s="5" t="s">
        <v>39</v>
      </c>
      <c r="Q16547" s="5" t="s">
        <v>40</v>
      </c>
      <c r="R16547" s="5" t="s">
        <v>1487</v>
      </c>
      <c r="S16547" s="5"/>
      <c r="T16547" s="5" t="s">
        <v>42</v>
      </c>
      <c r="U16547" s="2">
        <v>0</v>
      </c>
      <c r="V16547" s="2">
        <v>0</v>
      </c>
      <c r="W16547" s="2">
        <v>0</v>
      </c>
      <c r="X16547" s="2">
        <v>0</v>
      </c>
      <c r="Y16547" s="2">
        <v>0</v>
      </c>
      <c r="Z16547" s="2">
        <v>0</v>
      </c>
      <c r="AA16547" s="5"/>
      <c r="AB16547" s="5" t="s">
        <v>43</v>
      </c>
      <c r="AC16547" s="5" t="s">
        <v>44</v>
      </c>
      <c r="AD16547" s="2"/>
      <c r="AE16547" s="1"/>
    </row>
    <row r="16548" spans="1:31" ht="14.45">
      <c r="A16548" s="11"/>
      <c r="B16548" s="20"/>
      <c r="C16548" s="2" t="s">
        <v>50602</v>
      </c>
      <c r="D16548" s="14" t="s">
        <v>50603</v>
      </c>
      <c r="E16548" s="2" t="s">
        <v>50604</v>
      </c>
      <c r="F16548" s="2" t="s">
        <v>7204</v>
      </c>
      <c r="G16548" s="8">
        <v>236</v>
      </c>
      <c r="H16548" s="5">
        <v>6</v>
      </c>
      <c r="I16548" s="5" t="s">
        <v>1518</v>
      </c>
      <c r="J16548" s="5" t="s">
        <v>36264</v>
      </c>
      <c r="K16548" s="2" t="s">
        <v>36265</v>
      </c>
      <c r="L16548" s="5" t="s">
        <v>36264</v>
      </c>
      <c r="M16548" s="2" t="s">
        <v>36265</v>
      </c>
      <c r="N16548" s="5" t="s">
        <v>36266</v>
      </c>
      <c r="O16548" s="5" t="s">
        <v>38</v>
      </c>
      <c r="P16548" s="5" t="s">
        <v>39</v>
      </c>
      <c r="Q16548" s="5" t="s">
        <v>40</v>
      </c>
      <c r="R16548" s="5" t="s">
        <v>1522</v>
      </c>
      <c r="S16548" s="5" t="s">
        <v>1523</v>
      </c>
      <c r="T16548" s="5" t="s">
        <v>42</v>
      </c>
      <c r="U16548" s="2">
        <v>1.9690000000000001</v>
      </c>
      <c r="V16548" s="2">
        <v>1.5069999999999999</v>
      </c>
      <c r="W16548" s="2">
        <v>0.01</v>
      </c>
      <c r="X16548" s="2">
        <v>76.900000000000006</v>
      </c>
      <c r="Y16548" s="2">
        <v>7.6</v>
      </c>
      <c r="Z16548" s="2">
        <v>16.7</v>
      </c>
      <c r="AA16548" s="5"/>
      <c r="AB16548" s="5" t="s">
        <v>43</v>
      </c>
      <c r="AC16548" s="5" t="s">
        <v>44</v>
      </c>
      <c r="AD16548" s="2"/>
      <c r="AE16548" s="1"/>
    </row>
    <row r="16549" spans="1:31" ht="14.45">
      <c r="A16549" s="11"/>
      <c r="B16549" s="20"/>
      <c r="C16549" s="2" t="s">
        <v>50605</v>
      </c>
      <c r="D16549" s="14" t="s">
        <v>50606</v>
      </c>
      <c r="E16549" s="2" t="s">
        <v>50607</v>
      </c>
      <c r="F16549" s="2" t="s">
        <v>7514</v>
      </c>
      <c r="G16549" s="8">
        <v>236</v>
      </c>
      <c r="H16549" s="5">
        <v>6</v>
      </c>
      <c r="I16549" s="5" t="s">
        <v>1518</v>
      </c>
      <c r="J16549" s="5" t="s">
        <v>36264</v>
      </c>
      <c r="K16549" s="2" t="s">
        <v>36265</v>
      </c>
      <c r="L16549" s="5" t="s">
        <v>36264</v>
      </c>
      <c r="M16549" s="2" t="s">
        <v>36265</v>
      </c>
      <c r="N16549" s="5" t="s">
        <v>36266</v>
      </c>
      <c r="O16549" s="5" t="s">
        <v>38</v>
      </c>
      <c r="P16549" s="5" t="s">
        <v>39</v>
      </c>
      <c r="Q16549" s="5" t="s">
        <v>40</v>
      </c>
      <c r="R16549" s="5" t="s">
        <v>1522</v>
      </c>
      <c r="S16549" s="5" t="s">
        <v>1523</v>
      </c>
      <c r="T16549" s="5" t="s">
        <v>42</v>
      </c>
      <c r="U16549" s="2">
        <v>2.016</v>
      </c>
      <c r="V16549" s="2">
        <v>1.554</v>
      </c>
      <c r="W16549" s="2">
        <v>0.01</v>
      </c>
      <c r="X16549" s="2">
        <v>76.900000000000006</v>
      </c>
      <c r="Y16549" s="2">
        <v>7.6</v>
      </c>
      <c r="Z16549" s="2">
        <v>16.7</v>
      </c>
      <c r="AA16549" s="5"/>
      <c r="AB16549" s="5" t="s">
        <v>43</v>
      </c>
      <c r="AC16549" s="5" t="s">
        <v>44</v>
      </c>
      <c r="AD16549" s="2"/>
      <c r="AE16549" s="1"/>
    </row>
    <row r="16550" spans="1:31" ht="14.45">
      <c r="A16550" s="11"/>
      <c r="B16550" s="20"/>
      <c r="C16550" s="2" t="s">
        <v>50608</v>
      </c>
      <c r="D16550" s="14" t="s">
        <v>50609</v>
      </c>
      <c r="E16550" s="2" t="s">
        <v>50610</v>
      </c>
      <c r="F16550" s="2" t="s">
        <v>36273</v>
      </c>
      <c r="G16550" s="8">
        <v>236</v>
      </c>
      <c r="H16550" s="5">
        <v>6</v>
      </c>
      <c r="I16550" s="5" t="s">
        <v>1518</v>
      </c>
      <c r="J16550" s="5" t="s">
        <v>36264</v>
      </c>
      <c r="K16550" s="2" t="s">
        <v>36265</v>
      </c>
      <c r="L16550" s="5" t="s">
        <v>36264</v>
      </c>
      <c r="M16550" s="2" t="s">
        <v>36265</v>
      </c>
      <c r="N16550" s="5" t="s">
        <v>36266</v>
      </c>
      <c r="O16550" s="5" t="s">
        <v>38</v>
      </c>
      <c r="P16550" s="5" t="s">
        <v>39</v>
      </c>
      <c r="Q16550" s="5" t="s">
        <v>40</v>
      </c>
      <c r="R16550" s="5" t="s">
        <v>1522</v>
      </c>
      <c r="S16550" s="5" t="s">
        <v>1523</v>
      </c>
      <c r="T16550" s="5" t="s">
        <v>42</v>
      </c>
      <c r="U16550" s="2">
        <v>1.9690000000000001</v>
      </c>
      <c r="V16550" s="2">
        <v>1.5069999999999999</v>
      </c>
      <c r="W16550" s="2">
        <v>0.01</v>
      </c>
      <c r="X16550" s="2">
        <v>76.900000000000006</v>
      </c>
      <c r="Y16550" s="2">
        <v>7.6</v>
      </c>
      <c r="Z16550" s="2">
        <v>16.7</v>
      </c>
      <c r="AA16550" s="5"/>
      <c r="AB16550" s="5" t="s">
        <v>43</v>
      </c>
      <c r="AC16550" s="5" t="s">
        <v>44</v>
      </c>
      <c r="AD16550" s="2"/>
      <c r="AE16550" s="1"/>
    </row>
    <row r="16551" spans="1:31" ht="14.45">
      <c r="A16551" s="11"/>
      <c r="B16551" s="20"/>
      <c r="C16551" s="2" t="s">
        <v>50611</v>
      </c>
      <c r="D16551" s="14" t="s">
        <v>50612</v>
      </c>
      <c r="E16551" s="2" t="s">
        <v>50613</v>
      </c>
      <c r="F16551" s="2" t="s">
        <v>36277</v>
      </c>
      <c r="G16551" s="8">
        <v>236</v>
      </c>
      <c r="H16551" s="5">
        <v>6</v>
      </c>
      <c r="I16551" s="5" t="s">
        <v>1518</v>
      </c>
      <c r="J16551" s="5" t="s">
        <v>36264</v>
      </c>
      <c r="K16551" s="2" t="s">
        <v>36265</v>
      </c>
      <c r="L16551" s="5" t="s">
        <v>36264</v>
      </c>
      <c r="M16551" s="2" t="s">
        <v>36265</v>
      </c>
      <c r="N16551" s="5" t="s">
        <v>36266</v>
      </c>
      <c r="O16551" s="5" t="s">
        <v>38</v>
      </c>
      <c r="P16551" s="5" t="s">
        <v>39</v>
      </c>
      <c r="Q16551" s="5" t="s">
        <v>40</v>
      </c>
      <c r="R16551" s="5" t="s">
        <v>1522</v>
      </c>
      <c r="S16551" s="5" t="s">
        <v>1523</v>
      </c>
      <c r="T16551" s="5" t="s">
        <v>42</v>
      </c>
      <c r="U16551" s="2">
        <v>2.016</v>
      </c>
      <c r="V16551" s="2">
        <v>1.554</v>
      </c>
      <c r="W16551" s="2">
        <v>0.01</v>
      </c>
      <c r="X16551" s="2">
        <v>76.900000000000006</v>
      </c>
      <c r="Y16551" s="2">
        <v>7.6</v>
      </c>
      <c r="Z16551" s="2">
        <v>16.7</v>
      </c>
      <c r="AA16551" s="5"/>
      <c r="AB16551" s="5" t="s">
        <v>43</v>
      </c>
      <c r="AC16551" s="5" t="s">
        <v>44</v>
      </c>
      <c r="AD16551" s="2"/>
      <c r="AE16551" s="1"/>
    </row>
    <row r="16552" spans="1:31" ht="14.45">
      <c r="A16552" s="11"/>
      <c r="B16552" s="20"/>
      <c r="C16552" s="2" t="s">
        <v>50614</v>
      </c>
      <c r="D16552" s="14" t="s">
        <v>50615</v>
      </c>
      <c r="E16552" s="2" t="s">
        <v>50616</v>
      </c>
      <c r="F16552" s="2" t="s">
        <v>36289</v>
      </c>
      <c r="G16552" s="8">
        <v>251</v>
      </c>
      <c r="H16552" s="5">
        <v>6</v>
      </c>
      <c r="I16552" s="5" t="s">
        <v>1518</v>
      </c>
      <c r="J16552" s="5" t="s">
        <v>36264</v>
      </c>
      <c r="K16552" s="2" t="s">
        <v>36265</v>
      </c>
      <c r="L16552" s="5" t="s">
        <v>36264</v>
      </c>
      <c r="M16552" s="2" t="s">
        <v>36265</v>
      </c>
      <c r="N16552" s="5" t="s">
        <v>36266</v>
      </c>
      <c r="O16552" s="5" t="s">
        <v>38</v>
      </c>
      <c r="P16552" s="5" t="s">
        <v>39</v>
      </c>
      <c r="Q16552" s="5" t="s">
        <v>40</v>
      </c>
      <c r="R16552" s="5" t="s">
        <v>1522</v>
      </c>
      <c r="S16552" s="5" t="s">
        <v>1523</v>
      </c>
      <c r="T16552" s="5" t="s">
        <v>42</v>
      </c>
      <c r="U16552" s="2">
        <v>1.9690000000000001</v>
      </c>
      <c r="V16552" s="2">
        <v>1.5069999999999999</v>
      </c>
      <c r="W16552" s="2">
        <v>0.01</v>
      </c>
      <c r="X16552" s="2">
        <v>76.900000000000006</v>
      </c>
      <c r="Y16552" s="2">
        <v>7.6</v>
      </c>
      <c r="Z16552" s="2">
        <v>16.7</v>
      </c>
      <c r="AA16552" s="5"/>
      <c r="AB16552" s="5" t="s">
        <v>43</v>
      </c>
      <c r="AC16552" s="5" t="s">
        <v>44</v>
      </c>
      <c r="AD16552" s="2"/>
      <c r="AE16552" s="1"/>
    </row>
    <row r="16553" spans="1:31" ht="14.45">
      <c r="A16553" s="11"/>
      <c r="B16553" s="20"/>
      <c r="C16553" s="2" t="s">
        <v>50617</v>
      </c>
      <c r="D16553" s="14" t="s">
        <v>50618</v>
      </c>
      <c r="E16553" s="2" t="s">
        <v>50619</v>
      </c>
      <c r="F16553" s="2" t="s">
        <v>36293</v>
      </c>
      <c r="G16553" s="8">
        <v>251</v>
      </c>
      <c r="H16553" s="5">
        <v>6</v>
      </c>
      <c r="I16553" s="5" t="s">
        <v>1518</v>
      </c>
      <c r="J16553" s="5" t="s">
        <v>36264</v>
      </c>
      <c r="K16553" s="2" t="s">
        <v>36265</v>
      </c>
      <c r="L16553" s="5" t="s">
        <v>36264</v>
      </c>
      <c r="M16553" s="2" t="s">
        <v>36265</v>
      </c>
      <c r="N16553" s="5" t="s">
        <v>36266</v>
      </c>
      <c r="O16553" s="5" t="s">
        <v>38</v>
      </c>
      <c r="P16553" s="5" t="s">
        <v>39</v>
      </c>
      <c r="Q16553" s="5" t="s">
        <v>40</v>
      </c>
      <c r="R16553" s="5" t="s">
        <v>1522</v>
      </c>
      <c r="S16553" s="5" t="s">
        <v>1523</v>
      </c>
      <c r="T16553" s="5" t="s">
        <v>42</v>
      </c>
      <c r="U16553" s="2">
        <v>2.016</v>
      </c>
      <c r="V16553" s="2">
        <v>1.554</v>
      </c>
      <c r="W16553" s="2">
        <v>0.01</v>
      </c>
      <c r="X16553" s="2">
        <v>76.900000000000006</v>
      </c>
      <c r="Y16553" s="2">
        <v>7.6</v>
      </c>
      <c r="Z16553" s="2">
        <v>16.7</v>
      </c>
      <c r="AA16553" s="5"/>
      <c r="AB16553" s="5" t="s">
        <v>43</v>
      </c>
      <c r="AC16553" s="5" t="s">
        <v>44</v>
      </c>
      <c r="AD16553" s="2"/>
      <c r="AE16553" s="1"/>
    </row>
    <row r="16554" spans="1:31" ht="14.45">
      <c r="A16554" s="11"/>
      <c r="B16554" s="20"/>
      <c r="C16554" s="2" t="s">
        <v>50620</v>
      </c>
      <c r="D16554" s="14" t="s">
        <v>50621</v>
      </c>
      <c r="E16554" s="2" t="s">
        <v>50622</v>
      </c>
      <c r="F16554" s="2" t="s">
        <v>36297</v>
      </c>
      <c r="G16554" s="8">
        <v>236</v>
      </c>
      <c r="H16554" s="5">
        <v>6</v>
      </c>
      <c r="I16554" s="5" t="s">
        <v>1518</v>
      </c>
      <c r="J16554" s="5" t="s">
        <v>36264</v>
      </c>
      <c r="K16554" s="2" t="s">
        <v>36265</v>
      </c>
      <c r="L16554" s="5" t="s">
        <v>36264</v>
      </c>
      <c r="M16554" s="2" t="s">
        <v>36265</v>
      </c>
      <c r="N16554" s="5" t="s">
        <v>36266</v>
      </c>
      <c r="O16554" s="5" t="s">
        <v>38</v>
      </c>
      <c r="P16554" s="5" t="s">
        <v>39</v>
      </c>
      <c r="Q16554" s="5" t="s">
        <v>40</v>
      </c>
      <c r="R16554" s="5" t="s">
        <v>1522</v>
      </c>
      <c r="S16554" s="5" t="s">
        <v>1523</v>
      </c>
      <c r="T16554" s="5" t="s">
        <v>42</v>
      </c>
      <c r="U16554" s="2">
        <v>1.9690000000000001</v>
      </c>
      <c r="V16554" s="2">
        <v>1.5069999999999999</v>
      </c>
      <c r="W16554" s="2">
        <v>0.01</v>
      </c>
      <c r="X16554" s="2">
        <v>76.900000000000006</v>
      </c>
      <c r="Y16554" s="2">
        <v>7.6</v>
      </c>
      <c r="Z16554" s="2">
        <v>16.7</v>
      </c>
      <c r="AA16554" s="5"/>
      <c r="AB16554" s="5" t="s">
        <v>43</v>
      </c>
      <c r="AC16554" s="5" t="s">
        <v>44</v>
      </c>
      <c r="AD16554" s="2"/>
      <c r="AE16554" s="1"/>
    </row>
    <row r="16555" spans="1:31" ht="14.45">
      <c r="A16555" s="11"/>
      <c r="B16555" s="20"/>
      <c r="C16555" s="2" t="s">
        <v>50623</v>
      </c>
      <c r="D16555" s="14" t="s">
        <v>50624</v>
      </c>
      <c r="E16555" s="2" t="s">
        <v>50625</v>
      </c>
      <c r="F16555" s="2" t="s">
        <v>36305</v>
      </c>
      <c r="G16555" s="8">
        <v>236</v>
      </c>
      <c r="H16555" s="5">
        <v>6</v>
      </c>
      <c r="I16555" s="5" t="s">
        <v>1518</v>
      </c>
      <c r="J16555" s="5" t="s">
        <v>36264</v>
      </c>
      <c r="K16555" s="2" t="s">
        <v>36265</v>
      </c>
      <c r="L16555" s="5" t="s">
        <v>36264</v>
      </c>
      <c r="M16555" s="2" t="s">
        <v>36265</v>
      </c>
      <c r="N16555" s="5" t="s">
        <v>36266</v>
      </c>
      <c r="O16555" s="5" t="s">
        <v>38</v>
      </c>
      <c r="P16555" s="5" t="s">
        <v>39</v>
      </c>
      <c r="Q16555" s="5" t="s">
        <v>40</v>
      </c>
      <c r="R16555" s="5" t="s">
        <v>1522</v>
      </c>
      <c r="S16555" s="5" t="s">
        <v>1523</v>
      </c>
      <c r="T16555" s="5" t="s">
        <v>42</v>
      </c>
      <c r="U16555" s="2">
        <v>1.9690000000000001</v>
      </c>
      <c r="V16555" s="2">
        <v>1.5069999999999999</v>
      </c>
      <c r="W16555" s="2">
        <v>0.01</v>
      </c>
      <c r="X16555" s="2">
        <v>76.900000000000006</v>
      </c>
      <c r="Y16555" s="2">
        <v>7.6</v>
      </c>
      <c r="Z16555" s="2">
        <v>16.7</v>
      </c>
      <c r="AA16555" s="5"/>
      <c r="AB16555" s="5" t="s">
        <v>43</v>
      </c>
      <c r="AC16555" s="5" t="s">
        <v>44</v>
      </c>
      <c r="AD16555" s="2"/>
      <c r="AE16555" s="1"/>
    </row>
    <row r="16556" spans="1:31" ht="14.45">
      <c r="A16556" s="11"/>
      <c r="B16556" s="20"/>
      <c r="C16556" s="2" t="s">
        <v>50626</v>
      </c>
      <c r="D16556" s="14" t="s">
        <v>50627</v>
      </c>
      <c r="E16556" s="2" t="s">
        <v>50628</v>
      </c>
      <c r="F16556" s="2" t="s">
        <v>36309</v>
      </c>
      <c r="G16556" s="8">
        <v>236</v>
      </c>
      <c r="H16556" s="5">
        <v>6</v>
      </c>
      <c r="I16556" s="5" t="s">
        <v>1518</v>
      </c>
      <c r="J16556" s="5" t="s">
        <v>36264</v>
      </c>
      <c r="K16556" s="2" t="s">
        <v>36265</v>
      </c>
      <c r="L16556" s="5" t="s">
        <v>36264</v>
      </c>
      <c r="M16556" s="2" t="s">
        <v>36265</v>
      </c>
      <c r="N16556" s="5" t="s">
        <v>36266</v>
      </c>
      <c r="O16556" s="5" t="s">
        <v>38</v>
      </c>
      <c r="P16556" s="5" t="s">
        <v>39</v>
      </c>
      <c r="Q16556" s="5" t="s">
        <v>40</v>
      </c>
      <c r="R16556" s="5" t="s">
        <v>1522</v>
      </c>
      <c r="S16556" s="5" t="s">
        <v>1523</v>
      </c>
      <c r="T16556" s="5" t="s">
        <v>42</v>
      </c>
      <c r="U16556" s="2">
        <v>2.016</v>
      </c>
      <c r="V16556" s="2">
        <v>1.554</v>
      </c>
      <c r="W16556" s="2">
        <v>0.01</v>
      </c>
      <c r="X16556" s="2">
        <v>76.900000000000006</v>
      </c>
      <c r="Y16556" s="2">
        <v>7.6</v>
      </c>
      <c r="Z16556" s="2">
        <v>16.7</v>
      </c>
      <c r="AA16556" s="5"/>
      <c r="AB16556" s="5" t="s">
        <v>43</v>
      </c>
      <c r="AC16556" s="5" t="s">
        <v>44</v>
      </c>
      <c r="AD16556" s="2"/>
      <c r="AE16556" s="1"/>
    </row>
    <row r="16557" spans="1:31" ht="14.45">
      <c r="A16557" s="11"/>
      <c r="B16557" s="20"/>
      <c r="C16557" s="2" t="s">
        <v>50629</v>
      </c>
      <c r="D16557" s="14" t="s">
        <v>50630</v>
      </c>
      <c r="E16557" s="2" t="s">
        <v>50631</v>
      </c>
      <c r="F16557" s="2" t="s">
        <v>36313</v>
      </c>
      <c r="G16557" s="8">
        <v>251</v>
      </c>
      <c r="H16557" s="5">
        <v>6</v>
      </c>
      <c r="I16557" s="5" t="s">
        <v>1518</v>
      </c>
      <c r="J16557" s="5" t="s">
        <v>36264</v>
      </c>
      <c r="K16557" s="2" t="s">
        <v>36265</v>
      </c>
      <c r="L16557" s="5" t="s">
        <v>36264</v>
      </c>
      <c r="M16557" s="2" t="s">
        <v>36265</v>
      </c>
      <c r="N16557" s="5" t="s">
        <v>36266</v>
      </c>
      <c r="O16557" s="5" t="s">
        <v>38</v>
      </c>
      <c r="P16557" s="5" t="s">
        <v>39</v>
      </c>
      <c r="Q16557" s="5" t="s">
        <v>40</v>
      </c>
      <c r="R16557" s="5" t="s">
        <v>1522</v>
      </c>
      <c r="S16557" s="5" t="s">
        <v>1523</v>
      </c>
      <c r="T16557" s="5" t="s">
        <v>42</v>
      </c>
      <c r="U16557" s="2">
        <v>1.9690000000000001</v>
      </c>
      <c r="V16557" s="2">
        <v>1.5069999999999999</v>
      </c>
      <c r="W16557" s="2">
        <v>0.01</v>
      </c>
      <c r="X16557" s="2">
        <v>76.900000000000006</v>
      </c>
      <c r="Y16557" s="2">
        <v>7.6</v>
      </c>
      <c r="Z16557" s="2">
        <v>16.7</v>
      </c>
      <c r="AA16557" s="5"/>
      <c r="AB16557" s="5" t="s">
        <v>43</v>
      </c>
      <c r="AC16557" s="5" t="s">
        <v>44</v>
      </c>
      <c r="AD16557" s="2"/>
      <c r="AE16557" s="1"/>
    </row>
    <row r="16558" spans="1:31" ht="14.45">
      <c r="A16558" s="11"/>
      <c r="B16558" s="20"/>
      <c r="C16558" s="2" t="s">
        <v>50632</v>
      </c>
      <c r="D16558" s="14" t="s">
        <v>50633</v>
      </c>
      <c r="E16558" s="2" t="s">
        <v>50634</v>
      </c>
      <c r="F16558" s="2" t="s">
        <v>36329</v>
      </c>
      <c r="G16558" s="8">
        <v>251</v>
      </c>
      <c r="H16558" s="5">
        <v>6</v>
      </c>
      <c r="I16558" s="5" t="s">
        <v>1518</v>
      </c>
      <c r="J16558" s="5" t="s">
        <v>36264</v>
      </c>
      <c r="K16558" s="2" t="s">
        <v>36265</v>
      </c>
      <c r="L16558" s="5" t="s">
        <v>36264</v>
      </c>
      <c r="M16558" s="2" t="s">
        <v>36265</v>
      </c>
      <c r="N16558" s="5" t="s">
        <v>36266</v>
      </c>
      <c r="O16558" s="5" t="s">
        <v>38</v>
      </c>
      <c r="P16558" s="5" t="s">
        <v>39</v>
      </c>
      <c r="Q16558" s="5" t="s">
        <v>40</v>
      </c>
      <c r="R16558" s="5" t="s">
        <v>1522</v>
      </c>
      <c r="S16558" s="5" t="s">
        <v>1523</v>
      </c>
      <c r="T16558" s="5" t="s">
        <v>42</v>
      </c>
      <c r="U16558" s="2">
        <v>1.9690000000000001</v>
      </c>
      <c r="V16558" s="2">
        <v>1.5069999999999999</v>
      </c>
      <c r="W16558" s="2">
        <v>0.01</v>
      </c>
      <c r="X16558" s="2">
        <v>76.900000000000006</v>
      </c>
      <c r="Y16558" s="2">
        <v>7.6</v>
      </c>
      <c r="Z16558" s="2">
        <v>16.7</v>
      </c>
      <c r="AA16558" s="5"/>
      <c r="AB16558" s="5" t="s">
        <v>43</v>
      </c>
      <c r="AC16558" s="5" t="s">
        <v>44</v>
      </c>
      <c r="AD16558" s="2"/>
      <c r="AE16558" s="1"/>
    </row>
    <row r="16559" spans="1:31" ht="14.45">
      <c r="A16559" s="11"/>
      <c r="B16559" s="20"/>
      <c r="C16559" s="2" t="s">
        <v>50635</v>
      </c>
      <c r="D16559" s="14" t="s">
        <v>50636</v>
      </c>
      <c r="E16559" s="2" t="s">
        <v>50637</v>
      </c>
      <c r="F16559" s="2" t="s">
        <v>36333</v>
      </c>
      <c r="G16559" s="8">
        <v>251</v>
      </c>
      <c r="H16559" s="5">
        <v>6</v>
      </c>
      <c r="I16559" s="5" t="s">
        <v>1518</v>
      </c>
      <c r="J16559" s="5" t="s">
        <v>36264</v>
      </c>
      <c r="K16559" s="2" t="s">
        <v>36265</v>
      </c>
      <c r="L16559" s="5" t="s">
        <v>36264</v>
      </c>
      <c r="M16559" s="2" t="s">
        <v>36265</v>
      </c>
      <c r="N16559" s="5" t="s">
        <v>36266</v>
      </c>
      <c r="O16559" s="5" t="s">
        <v>38</v>
      </c>
      <c r="P16559" s="5" t="s">
        <v>39</v>
      </c>
      <c r="Q16559" s="5" t="s">
        <v>40</v>
      </c>
      <c r="R16559" s="5" t="s">
        <v>1522</v>
      </c>
      <c r="S16559" s="5" t="s">
        <v>1523</v>
      </c>
      <c r="T16559" s="5" t="s">
        <v>42</v>
      </c>
      <c r="U16559" s="2">
        <v>2.016</v>
      </c>
      <c r="V16559" s="2">
        <v>1.554</v>
      </c>
      <c r="W16559" s="2">
        <v>0.01</v>
      </c>
      <c r="X16559" s="2">
        <v>76.900000000000006</v>
      </c>
      <c r="Y16559" s="2">
        <v>7.6</v>
      </c>
      <c r="Z16559" s="2">
        <v>16.7</v>
      </c>
      <c r="AA16559" s="5"/>
      <c r="AB16559" s="5" t="s">
        <v>43</v>
      </c>
      <c r="AC16559" s="5" t="s">
        <v>44</v>
      </c>
      <c r="AD16559" s="2"/>
      <c r="AE16559" s="1"/>
    </row>
    <row r="16560" spans="1:31" ht="14.45">
      <c r="A16560" s="11"/>
      <c r="B16560" s="20"/>
      <c r="C16560" s="2" t="s">
        <v>50638</v>
      </c>
      <c r="D16560" s="14" t="s">
        <v>50639</v>
      </c>
      <c r="E16560" s="2" t="s">
        <v>50640</v>
      </c>
      <c r="F16560" s="2" t="s">
        <v>36337</v>
      </c>
      <c r="G16560" s="8">
        <v>251</v>
      </c>
      <c r="H16560" s="5">
        <v>6</v>
      </c>
      <c r="I16560" s="5" t="s">
        <v>1518</v>
      </c>
      <c r="J16560" s="5" t="s">
        <v>36264</v>
      </c>
      <c r="K16560" s="2" t="s">
        <v>36265</v>
      </c>
      <c r="L16560" s="5" t="s">
        <v>36264</v>
      </c>
      <c r="M16560" s="2" t="s">
        <v>36265</v>
      </c>
      <c r="N16560" s="5" t="s">
        <v>36266</v>
      </c>
      <c r="O16560" s="5" t="s">
        <v>38</v>
      </c>
      <c r="P16560" s="5" t="s">
        <v>39</v>
      </c>
      <c r="Q16560" s="5" t="s">
        <v>40</v>
      </c>
      <c r="R16560" s="5" t="s">
        <v>1522</v>
      </c>
      <c r="S16560" s="5" t="s">
        <v>1523</v>
      </c>
      <c r="T16560" s="5" t="s">
        <v>42</v>
      </c>
      <c r="U16560" s="2">
        <v>1.9690000000000001</v>
      </c>
      <c r="V16560" s="2">
        <v>1.5069999999999999</v>
      </c>
      <c r="W16560" s="2">
        <v>0.01</v>
      </c>
      <c r="X16560" s="2">
        <v>76.900000000000006</v>
      </c>
      <c r="Y16560" s="2">
        <v>7.6</v>
      </c>
      <c r="Z16560" s="2">
        <v>16.7</v>
      </c>
      <c r="AA16560" s="5"/>
      <c r="AB16560" s="5" t="s">
        <v>43</v>
      </c>
      <c r="AC16560" s="5" t="s">
        <v>44</v>
      </c>
      <c r="AD16560" s="2"/>
      <c r="AE16560" s="1"/>
    </row>
    <row r="16561" spans="1:31" ht="14.45">
      <c r="A16561" s="11"/>
      <c r="B16561" s="20"/>
      <c r="C16561" s="2" t="s">
        <v>50641</v>
      </c>
      <c r="D16561" s="14" t="s">
        <v>50642</v>
      </c>
      <c r="E16561" s="2" t="s">
        <v>50643</v>
      </c>
      <c r="F16561" s="2" t="s">
        <v>36345</v>
      </c>
      <c r="G16561" s="8">
        <v>251</v>
      </c>
      <c r="H16561" s="5">
        <v>6</v>
      </c>
      <c r="I16561" s="5" t="s">
        <v>1518</v>
      </c>
      <c r="J16561" s="5" t="s">
        <v>36264</v>
      </c>
      <c r="K16561" s="2" t="s">
        <v>36265</v>
      </c>
      <c r="L16561" s="5" t="s">
        <v>36264</v>
      </c>
      <c r="M16561" s="2" t="s">
        <v>36265</v>
      </c>
      <c r="N16561" s="5" t="s">
        <v>36266</v>
      </c>
      <c r="O16561" s="5" t="s">
        <v>38</v>
      </c>
      <c r="P16561" s="5" t="s">
        <v>39</v>
      </c>
      <c r="Q16561" s="5" t="s">
        <v>40</v>
      </c>
      <c r="R16561" s="5" t="s">
        <v>1522</v>
      </c>
      <c r="S16561" s="5" t="s">
        <v>1523</v>
      </c>
      <c r="T16561" s="5" t="s">
        <v>42</v>
      </c>
      <c r="U16561" s="2">
        <v>1.9690000000000001</v>
      </c>
      <c r="V16561" s="2">
        <v>1.5069999999999999</v>
      </c>
      <c r="W16561" s="2">
        <v>0.01</v>
      </c>
      <c r="X16561" s="2">
        <v>76.900000000000006</v>
      </c>
      <c r="Y16561" s="2">
        <v>7.6</v>
      </c>
      <c r="Z16561" s="2">
        <v>16.7</v>
      </c>
      <c r="AA16561" s="5"/>
      <c r="AB16561" s="5" t="s">
        <v>43</v>
      </c>
      <c r="AC16561" s="5" t="s">
        <v>44</v>
      </c>
      <c r="AD16561" s="2"/>
      <c r="AE16561" s="1"/>
    </row>
    <row r="16562" spans="1:31" ht="14.45">
      <c r="A16562" s="11"/>
      <c r="B16562" s="20"/>
      <c r="C16562" s="2" t="s">
        <v>50644</v>
      </c>
      <c r="D16562" s="14" t="s">
        <v>50645</v>
      </c>
      <c r="E16562" s="2" t="s">
        <v>50646</v>
      </c>
      <c r="F16562" s="2" t="s">
        <v>36349</v>
      </c>
      <c r="G16562" s="8">
        <v>251</v>
      </c>
      <c r="H16562" s="5">
        <v>6</v>
      </c>
      <c r="I16562" s="5" t="s">
        <v>1518</v>
      </c>
      <c r="J16562" s="5" t="s">
        <v>36264</v>
      </c>
      <c r="K16562" s="2" t="s">
        <v>36265</v>
      </c>
      <c r="L16562" s="5" t="s">
        <v>36264</v>
      </c>
      <c r="M16562" s="2" t="s">
        <v>36265</v>
      </c>
      <c r="N16562" s="5" t="s">
        <v>36266</v>
      </c>
      <c r="O16562" s="5" t="s">
        <v>38</v>
      </c>
      <c r="P16562" s="5" t="s">
        <v>39</v>
      </c>
      <c r="Q16562" s="5" t="s">
        <v>40</v>
      </c>
      <c r="R16562" s="5" t="s">
        <v>1522</v>
      </c>
      <c r="S16562" s="5" t="s">
        <v>1523</v>
      </c>
      <c r="T16562" s="5" t="s">
        <v>42</v>
      </c>
      <c r="U16562" s="2">
        <v>2.016</v>
      </c>
      <c r="V16562" s="2">
        <v>1.554</v>
      </c>
      <c r="W16562" s="2">
        <v>0.01</v>
      </c>
      <c r="X16562" s="2">
        <v>76.900000000000006</v>
      </c>
      <c r="Y16562" s="2">
        <v>7.6</v>
      </c>
      <c r="Z16562" s="2">
        <v>16.7</v>
      </c>
      <c r="AA16562" s="5"/>
      <c r="AB16562" s="5" t="s">
        <v>43</v>
      </c>
      <c r="AC16562" s="5" t="s">
        <v>44</v>
      </c>
      <c r="AD16562" s="2"/>
      <c r="AE16562" s="1"/>
    </row>
    <row r="16563" spans="1:31" ht="14.45">
      <c r="A16563" s="11"/>
      <c r="B16563" s="20"/>
      <c r="C16563" s="2" t="s">
        <v>50647</v>
      </c>
      <c r="D16563" s="14" t="s">
        <v>50648</v>
      </c>
      <c r="E16563" s="2" t="s">
        <v>50649</v>
      </c>
      <c r="F16563" s="2" t="s">
        <v>36353</v>
      </c>
      <c r="G16563" s="8">
        <v>251</v>
      </c>
      <c r="H16563" s="5">
        <v>6</v>
      </c>
      <c r="I16563" s="5" t="s">
        <v>1518</v>
      </c>
      <c r="J16563" s="5" t="s">
        <v>36264</v>
      </c>
      <c r="K16563" s="2" t="s">
        <v>36265</v>
      </c>
      <c r="L16563" s="5" t="s">
        <v>36264</v>
      </c>
      <c r="M16563" s="2" t="s">
        <v>36265</v>
      </c>
      <c r="N16563" s="5" t="s">
        <v>36266</v>
      </c>
      <c r="O16563" s="5" t="s">
        <v>38</v>
      </c>
      <c r="P16563" s="5" t="s">
        <v>39</v>
      </c>
      <c r="Q16563" s="5" t="s">
        <v>40</v>
      </c>
      <c r="R16563" s="5" t="s">
        <v>1522</v>
      </c>
      <c r="S16563" s="5" t="s">
        <v>1523</v>
      </c>
      <c r="T16563" s="5" t="s">
        <v>42</v>
      </c>
      <c r="U16563" s="2">
        <v>1.9690000000000001</v>
      </c>
      <c r="V16563" s="2">
        <v>1.5069999999999999</v>
      </c>
      <c r="W16563" s="2">
        <v>0.01</v>
      </c>
      <c r="X16563" s="2">
        <v>76.900000000000006</v>
      </c>
      <c r="Y16563" s="2">
        <v>7.6</v>
      </c>
      <c r="Z16563" s="2">
        <v>16.7</v>
      </c>
      <c r="AA16563" s="5"/>
      <c r="AB16563" s="5" t="s">
        <v>43</v>
      </c>
      <c r="AC16563" s="5" t="s">
        <v>44</v>
      </c>
      <c r="AD16563" s="2"/>
      <c r="AE16563" s="1"/>
    </row>
    <row r="16564" spans="1:31" ht="14.45">
      <c r="A16564" s="11"/>
      <c r="B16564" s="20"/>
      <c r="C16564" s="2" t="s">
        <v>50650</v>
      </c>
      <c r="D16564" s="14" t="s">
        <v>50651</v>
      </c>
      <c r="E16564" s="2" t="s">
        <v>50652</v>
      </c>
      <c r="F16564" s="2" t="s">
        <v>45598</v>
      </c>
      <c r="G16564" s="8">
        <v>251</v>
      </c>
      <c r="H16564" s="5">
        <v>6</v>
      </c>
      <c r="I16564" s="5" t="s">
        <v>1518</v>
      </c>
      <c r="J16564" s="5" t="s">
        <v>36264</v>
      </c>
      <c r="K16564" s="2" t="s">
        <v>36265</v>
      </c>
      <c r="L16564" s="5" t="s">
        <v>36264</v>
      </c>
      <c r="M16564" s="2" t="s">
        <v>36265</v>
      </c>
      <c r="N16564" s="5" t="s">
        <v>36266</v>
      </c>
      <c r="O16564" s="5" t="s">
        <v>38</v>
      </c>
      <c r="P16564" s="5" t="s">
        <v>39</v>
      </c>
      <c r="Q16564" s="5" t="s">
        <v>40</v>
      </c>
      <c r="R16564" s="5" t="s">
        <v>1522</v>
      </c>
      <c r="S16564" s="5" t="s">
        <v>1523</v>
      </c>
      <c r="T16564" s="5" t="s">
        <v>42</v>
      </c>
      <c r="U16564" s="2">
        <v>1.9690000000000001</v>
      </c>
      <c r="V16564" s="2">
        <v>1.5069999999999999</v>
      </c>
      <c r="W16564" s="2">
        <v>0.01</v>
      </c>
      <c r="X16564" s="2">
        <v>76.900000000000006</v>
      </c>
      <c r="Y16564" s="2">
        <v>7.6</v>
      </c>
      <c r="Z16564" s="2">
        <v>16.7</v>
      </c>
      <c r="AA16564" s="5"/>
      <c r="AB16564" s="5" t="s">
        <v>43</v>
      </c>
      <c r="AC16564" s="5" t="s">
        <v>44</v>
      </c>
      <c r="AD16564" s="2"/>
      <c r="AE16564" s="1"/>
    </row>
    <row r="16565" spans="1:31" ht="14.45">
      <c r="A16565" s="11"/>
      <c r="B16565" s="20"/>
      <c r="C16565" s="2" t="s">
        <v>50653</v>
      </c>
      <c r="D16565" s="14" t="s">
        <v>50654</v>
      </c>
      <c r="E16565" s="2" t="s">
        <v>50655</v>
      </c>
      <c r="F16565" s="2" t="s">
        <v>45534</v>
      </c>
      <c r="G16565" s="8">
        <v>251</v>
      </c>
      <c r="H16565" s="5">
        <v>6</v>
      </c>
      <c r="I16565" s="5" t="s">
        <v>1518</v>
      </c>
      <c r="J16565" s="5" t="s">
        <v>36264</v>
      </c>
      <c r="K16565" s="2" t="s">
        <v>36265</v>
      </c>
      <c r="L16565" s="5" t="s">
        <v>36264</v>
      </c>
      <c r="M16565" s="2" t="s">
        <v>36265</v>
      </c>
      <c r="N16565" s="5" t="s">
        <v>36266</v>
      </c>
      <c r="O16565" s="5" t="s">
        <v>38</v>
      </c>
      <c r="P16565" s="5" t="s">
        <v>39</v>
      </c>
      <c r="Q16565" s="5" t="s">
        <v>40</v>
      </c>
      <c r="R16565" s="5" t="s">
        <v>1522</v>
      </c>
      <c r="S16565" s="5" t="s">
        <v>1523</v>
      </c>
      <c r="T16565" s="5" t="s">
        <v>42</v>
      </c>
      <c r="U16565" s="2">
        <v>2.016</v>
      </c>
      <c r="V16565" s="2">
        <v>1.554</v>
      </c>
      <c r="W16565" s="2">
        <v>0.01</v>
      </c>
      <c r="X16565" s="2">
        <v>76.900000000000006</v>
      </c>
      <c r="Y16565" s="2">
        <v>7.6</v>
      </c>
      <c r="Z16565" s="2">
        <v>16.7</v>
      </c>
      <c r="AA16565" s="5"/>
      <c r="AB16565" s="5" t="s">
        <v>43</v>
      </c>
      <c r="AC16565" s="5" t="s">
        <v>44</v>
      </c>
      <c r="AD16565" s="2"/>
      <c r="AE16565" s="1"/>
    </row>
    <row r="16566" spans="1:31" ht="14.45">
      <c r="A16566" s="11"/>
      <c r="B16566" s="20"/>
      <c r="C16566" s="2" t="s">
        <v>50656</v>
      </c>
      <c r="D16566" s="14" t="s">
        <v>50657</v>
      </c>
      <c r="E16566" s="2" t="s">
        <v>50658</v>
      </c>
      <c r="F16566" s="2" t="s">
        <v>36369</v>
      </c>
      <c r="G16566" s="8">
        <v>251</v>
      </c>
      <c r="H16566" s="5">
        <v>6</v>
      </c>
      <c r="I16566" s="5" t="s">
        <v>1518</v>
      </c>
      <c r="J16566" s="5" t="s">
        <v>36264</v>
      </c>
      <c r="K16566" s="2" t="s">
        <v>36265</v>
      </c>
      <c r="L16566" s="5" t="s">
        <v>36264</v>
      </c>
      <c r="M16566" s="2" t="s">
        <v>36265</v>
      </c>
      <c r="N16566" s="5" t="s">
        <v>36266</v>
      </c>
      <c r="O16566" s="5" t="s">
        <v>38</v>
      </c>
      <c r="P16566" s="5" t="s">
        <v>39</v>
      </c>
      <c r="Q16566" s="5" t="s">
        <v>40</v>
      </c>
      <c r="R16566" s="5" t="s">
        <v>1522</v>
      </c>
      <c r="S16566" s="5" t="s">
        <v>1523</v>
      </c>
      <c r="T16566" s="5" t="s">
        <v>42</v>
      </c>
      <c r="U16566" s="2">
        <v>1.9690000000000001</v>
      </c>
      <c r="V16566" s="2">
        <v>1.5069999999999999</v>
      </c>
      <c r="W16566" s="2">
        <v>0.01</v>
      </c>
      <c r="X16566" s="2">
        <v>76.900000000000006</v>
      </c>
      <c r="Y16566" s="2">
        <v>7.6</v>
      </c>
      <c r="Z16566" s="2">
        <v>16.7</v>
      </c>
      <c r="AA16566" s="5"/>
      <c r="AB16566" s="5" t="s">
        <v>43</v>
      </c>
      <c r="AC16566" s="5" t="s">
        <v>44</v>
      </c>
      <c r="AD16566" s="2"/>
      <c r="AE16566" s="1"/>
    </row>
    <row r="16567" spans="1:31" ht="14.45">
      <c r="A16567" s="11"/>
      <c r="B16567" s="20"/>
      <c r="C16567" s="2" t="s">
        <v>50659</v>
      </c>
      <c r="D16567" s="14" t="s">
        <v>50660</v>
      </c>
      <c r="E16567" s="2" t="s">
        <v>50661</v>
      </c>
      <c r="F16567" s="2" t="s">
        <v>36373</v>
      </c>
      <c r="G16567" s="8">
        <v>251</v>
      </c>
      <c r="H16567" s="5">
        <v>6</v>
      </c>
      <c r="I16567" s="5" t="s">
        <v>1518</v>
      </c>
      <c r="J16567" s="5" t="s">
        <v>36264</v>
      </c>
      <c r="K16567" s="2" t="s">
        <v>36265</v>
      </c>
      <c r="L16567" s="5" t="s">
        <v>36264</v>
      </c>
      <c r="M16567" s="2" t="s">
        <v>36265</v>
      </c>
      <c r="N16567" s="5" t="s">
        <v>36266</v>
      </c>
      <c r="O16567" s="5" t="s">
        <v>38</v>
      </c>
      <c r="P16567" s="5" t="s">
        <v>39</v>
      </c>
      <c r="Q16567" s="5" t="s">
        <v>40</v>
      </c>
      <c r="R16567" s="5" t="s">
        <v>1522</v>
      </c>
      <c r="S16567" s="5" t="s">
        <v>1523</v>
      </c>
      <c r="T16567" s="5" t="s">
        <v>42</v>
      </c>
      <c r="U16567" s="2">
        <v>2.016</v>
      </c>
      <c r="V16567" s="2">
        <v>1.554</v>
      </c>
      <c r="W16567" s="2">
        <v>0.01</v>
      </c>
      <c r="X16567" s="2">
        <v>76.900000000000006</v>
      </c>
      <c r="Y16567" s="2">
        <v>7.6</v>
      </c>
      <c r="Z16567" s="2">
        <v>16.7</v>
      </c>
      <c r="AA16567" s="5"/>
      <c r="AB16567" s="5" t="s">
        <v>43</v>
      </c>
      <c r="AC16567" s="5" t="s">
        <v>44</v>
      </c>
      <c r="AD16567" s="2"/>
      <c r="AE16567" s="1"/>
    </row>
    <row r="16568" spans="1:31" ht="14.45">
      <c r="A16568" s="11"/>
      <c r="B16568" s="20"/>
      <c r="C16568" s="2" t="s">
        <v>50662</v>
      </c>
      <c r="D16568" s="14" t="s">
        <v>50663</v>
      </c>
      <c r="E16568" s="2" t="s">
        <v>50664</v>
      </c>
      <c r="F16568" s="2" t="s">
        <v>36377</v>
      </c>
      <c r="G16568" s="8">
        <v>251</v>
      </c>
      <c r="H16568" s="5">
        <v>6</v>
      </c>
      <c r="I16568" s="5" t="s">
        <v>1518</v>
      </c>
      <c r="J16568" s="5" t="s">
        <v>36264</v>
      </c>
      <c r="K16568" s="2" t="s">
        <v>36265</v>
      </c>
      <c r="L16568" s="5" t="s">
        <v>36264</v>
      </c>
      <c r="M16568" s="2" t="s">
        <v>36265</v>
      </c>
      <c r="N16568" s="5" t="s">
        <v>36266</v>
      </c>
      <c r="O16568" s="5" t="s">
        <v>38</v>
      </c>
      <c r="P16568" s="5" t="s">
        <v>39</v>
      </c>
      <c r="Q16568" s="5" t="s">
        <v>40</v>
      </c>
      <c r="R16568" s="5" t="s">
        <v>1522</v>
      </c>
      <c r="S16568" s="5" t="s">
        <v>1523</v>
      </c>
      <c r="T16568" s="5" t="s">
        <v>42</v>
      </c>
      <c r="U16568" s="2">
        <v>1.9690000000000001</v>
      </c>
      <c r="V16568" s="2">
        <v>1.5069999999999999</v>
      </c>
      <c r="W16568" s="2">
        <v>0.01</v>
      </c>
      <c r="X16568" s="2">
        <v>76.900000000000006</v>
      </c>
      <c r="Y16568" s="2">
        <v>7.6</v>
      </c>
      <c r="Z16568" s="2">
        <v>16.7</v>
      </c>
      <c r="AA16568" s="5"/>
      <c r="AB16568" s="5" t="s">
        <v>43</v>
      </c>
      <c r="AC16568" s="5" t="s">
        <v>44</v>
      </c>
      <c r="AD16568" s="2"/>
      <c r="AE16568" s="1"/>
    </row>
    <row r="16569" spans="1:31" ht="14.45">
      <c r="A16569" s="11"/>
      <c r="B16569" s="20"/>
      <c r="C16569" s="2" t="s">
        <v>50665</v>
      </c>
      <c r="D16569" s="14" t="s">
        <v>50666</v>
      </c>
      <c r="E16569" s="2" t="s">
        <v>50667</v>
      </c>
      <c r="F16569" s="2" t="s">
        <v>36381</v>
      </c>
      <c r="G16569" s="8">
        <v>251</v>
      </c>
      <c r="H16569" s="5">
        <v>6</v>
      </c>
      <c r="I16569" s="5" t="s">
        <v>1518</v>
      </c>
      <c r="J16569" s="5" t="s">
        <v>36264</v>
      </c>
      <c r="K16569" s="2" t="s">
        <v>36265</v>
      </c>
      <c r="L16569" s="5" t="s">
        <v>36264</v>
      </c>
      <c r="M16569" s="2" t="s">
        <v>36265</v>
      </c>
      <c r="N16569" s="5" t="s">
        <v>36266</v>
      </c>
      <c r="O16569" s="5" t="s">
        <v>38</v>
      </c>
      <c r="P16569" s="5" t="s">
        <v>39</v>
      </c>
      <c r="Q16569" s="5" t="s">
        <v>40</v>
      </c>
      <c r="R16569" s="5" t="s">
        <v>1522</v>
      </c>
      <c r="S16569" s="5" t="s">
        <v>1523</v>
      </c>
      <c r="T16569" s="5" t="s">
        <v>42</v>
      </c>
      <c r="U16569" s="2">
        <v>2.016</v>
      </c>
      <c r="V16569" s="2">
        <v>1.554</v>
      </c>
      <c r="W16569" s="2">
        <v>0.01</v>
      </c>
      <c r="X16569" s="2">
        <v>76.900000000000006</v>
      </c>
      <c r="Y16569" s="2">
        <v>7.6</v>
      </c>
      <c r="Z16569" s="2">
        <v>16.7</v>
      </c>
      <c r="AA16569" s="5"/>
      <c r="AB16569" s="5" t="s">
        <v>43</v>
      </c>
      <c r="AC16569" s="5" t="s">
        <v>44</v>
      </c>
      <c r="AD16569" s="2"/>
      <c r="AE16569" s="1"/>
    </row>
    <row r="16570" spans="1:31" ht="14.45">
      <c r="A16570" s="11"/>
      <c r="B16570" s="20"/>
      <c r="C16570" s="2" t="s">
        <v>50668</v>
      </c>
      <c r="D16570" s="14" t="s">
        <v>50669</v>
      </c>
      <c r="E16570" s="2" t="s">
        <v>50670</v>
      </c>
      <c r="F16570" s="2" t="s">
        <v>36389</v>
      </c>
      <c r="G16570" s="8">
        <v>251</v>
      </c>
      <c r="H16570" s="5">
        <v>6</v>
      </c>
      <c r="I16570" s="5" t="s">
        <v>1518</v>
      </c>
      <c r="J16570" s="5" t="s">
        <v>36264</v>
      </c>
      <c r="K16570" s="2" t="s">
        <v>36265</v>
      </c>
      <c r="L16570" s="5" t="s">
        <v>36264</v>
      </c>
      <c r="M16570" s="2" t="s">
        <v>36265</v>
      </c>
      <c r="N16570" s="5" t="s">
        <v>36266</v>
      </c>
      <c r="O16570" s="5" t="s">
        <v>38</v>
      </c>
      <c r="P16570" s="5" t="s">
        <v>39</v>
      </c>
      <c r="Q16570" s="5" t="s">
        <v>40</v>
      </c>
      <c r="R16570" s="5" t="s">
        <v>1522</v>
      </c>
      <c r="S16570" s="5" t="s">
        <v>1523</v>
      </c>
      <c r="T16570" s="5" t="s">
        <v>42</v>
      </c>
      <c r="U16570" s="2">
        <v>2.016</v>
      </c>
      <c r="V16570" s="2">
        <v>1.554</v>
      </c>
      <c r="W16570" s="2">
        <v>0.01</v>
      </c>
      <c r="X16570" s="2">
        <v>76.900000000000006</v>
      </c>
      <c r="Y16570" s="2">
        <v>7.6</v>
      </c>
      <c r="Z16570" s="2">
        <v>16.7</v>
      </c>
      <c r="AA16570" s="5"/>
      <c r="AB16570" s="5" t="s">
        <v>43</v>
      </c>
      <c r="AC16570" s="5" t="s">
        <v>44</v>
      </c>
      <c r="AD16570" s="2"/>
      <c r="AE16570" s="1"/>
    </row>
    <row r="16571" spans="1:31" ht="14.45">
      <c r="A16571" s="11"/>
      <c r="B16571" s="20"/>
      <c r="C16571" s="2" t="s">
        <v>50671</v>
      </c>
      <c r="D16571" s="14" t="s">
        <v>50672</v>
      </c>
      <c r="E16571" s="2" t="s">
        <v>50673</v>
      </c>
      <c r="F16571" s="2" t="s">
        <v>7204</v>
      </c>
      <c r="G16571" s="8">
        <v>251</v>
      </c>
      <c r="H16571" s="5">
        <v>6</v>
      </c>
      <c r="I16571" s="5" t="s">
        <v>1518</v>
      </c>
      <c r="J16571" s="5" t="s">
        <v>36264</v>
      </c>
      <c r="K16571" s="2" t="s">
        <v>36265</v>
      </c>
      <c r="L16571" s="5" t="s">
        <v>36264</v>
      </c>
      <c r="M16571" s="2" t="s">
        <v>36265</v>
      </c>
      <c r="N16571" s="5" t="s">
        <v>36266</v>
      </c>
      <c r="O16571" s="5" t="s">
        <v>38</v>
      </c>
      <c r="P16571" s="5" t="s">
        <v>39</v>
      </c>
      <c r="Q16571" s="5" t="s">
        <v>40</v>
      </c>
      <c r="R16571" s="5" t="s">
        <v>1522</v>
      </c>
      <c r="S16571" s="5" t="s">
        <v>1523</v>
      </c>
      <c r="T16571" s="5" t="s">
        <v>42</v>
      </c>
      <c r="U16571" s="2">
        <v>2.1179999999999999</v>
      </c>
      <c r="V16571" s="2">
        <v>1.6619999999999999</v>
      </c>
      <c r="W16571" s="2">
        <v>0.01</v>
      </c>
      <c r="X16571" s="2">
        <v>76.900000000000006</v>
      </c>
      <c r="Y16571" s="2">
        <v>7.6</v>
      </c>
      <c r="Z16571" s="2">
        <v>16.7</v>
      </c>
      <c r="AA16571" s="5"/>
      <c r="AB16571" s="5" t="s">
        <v>43</v>
      </c>
      <c r="AC16571" s="5" t="s">
        <v>44</v>
      </c>
      <c r="AD16571" s="2"/>
      <c r="AE16571" s="1"/>
    </row>
    <row r="16572" spans="1:31" ht="14.45">
      <c r="A16572" s="11"/>
      <c r="B16572" s="20"/>
      <c r="C16572" s="2" t="s">
        <v>50674</v>
      </c>
      <c r="D16572" s="14" t="s">
        <v>50675</v>
      </c>
      <c r="E16572" s="2" t="s">
        <v>50676</v>
      </c>
      <c r="F16572" s="2" t="s">
        <v>7514</v>
      </c>
      <c r="G16572" s="8">
        <v>251</v>
      </c>
      <c r="H16572" s="5">
        <v>6</v>
      </c>
      <c r="I16572" s="5" t="s">
        <v>1518</v>
      </c>
      <c r="J16572" s="5" t="s">
        <v>36264</v>
      </c>
      <c r="K16572" s="2" t="s">
        <v>36265</v>
      </c>
      <c r="L16572" s="5" t="s">
        <v>36264</v>
      </c>
      <c r="M16572" s="2" t="s">
        <v>36265</v>
      </c>
      <c r="N16572" s="5" t="s">
        <v>36266</v>
      </c>
      <c r="O16572" s="5" t="s">
        <v>38</v>
      </c>
      <c r="P16572" s="5" t="s">
        <v>39</v>
      </c>
      <c r="Q16572" s="5" t="s">
        <v>40</v>
      </c>
      <c r="R16572" s="5" t="s">
        <v>1522</v>
      </c>
      <c r="S16572" s="5" t="s">
        <v>1523</v>
      </c>
      <c r="T16572" s="5" t="s">
        <v>42</v>
      </c>
      <c r="U16572" s="2">
        <v>2.1760000000000002</v>
      </c>
      <c r="V16572" s="2">
        <v>1.72</v>
      </c>
      <c r="W16572" s="2">
        <v>0.01</v>
      </c>
      <c r="X16572" s="2">
        <v>76.900000000000006</v>
      </c>
      <c r="Y16572" s="2">
        <v>7.6</v>
      </c>
      <c r="Z16572" s="2">
        <v>16.7</v>
      </c>
      <c r="AA16572" s="5"/>
      <c r="AB16572" s="5" t="s">
        <v>43</v>
      </c>
      <c r="AC16572" s="5" t="s">
        <v>44</v>
      </c>
      <c r="AD16572" s="2"/>
      <c r="AE16572" s="1"/>
    </row>
    <row r="16573" spans="1:31" ht="14.45">
      <c r="A16573" s="11"/>
      <c r="B16573" s="20"/>
      <c r="C16573" s="2" t="s">
        <v>50677</v>
      </c>
      <c r="D16573" s="14" t="s">
        <v>50678</v>
      </c>
      <c r="E16573" s="2" t="s">
        <v>50679</v>
      </c>
      <c r="F16573" s="2" t="s">
        <v>36273</v>
      </c>
      <c r="G16573" s="8">
        <v>251</v>
      </c>
      <c r="H16573" s="5">
        <v>6</v>
      </c>
      <c r="I16573" s="5" t="s">
        <v>1518</v>
      </c>
      <c r="J16573" s="5" t="s">
        <v>36264</v>
      </c>
      <c r="K16573" s="2" t="s">
        <v>36265</v>
      </c>
      <c r="L16573" s="5" t="s">
        <v>36264</v>
      </c>
      <c r="M16573" s="2" t="s">
        <v>36265</v>
      </c>
      <c r="N16573" s="5" t="s">
        <v>36266</v>
      </c>
      <c r="O16573" s="5" t="s">
        <v>38</v>
      </c>
      <c r="P16573" s="5" t="s">
        <v>39</v>
      </c>
      <c r="Q16573" s="5" t="s">
        <v>40</v>
      </c>
      <c r="R16573" s="5" t="s">
        <v>1522</v>
      </c>
      <c r="S16573" s="5" t="s">
        <v>1523</v>
      </c>
      <c r="T16573" s="5" t="s">
        <v>42</v>
      </c>
      <c r="U16573" s="2">
        <v>2.1179999999999999</v>
      </c>
      <c r="V16573" s="2">
        <v>1.6619999999999999</v>
      </c>
      <c r="W16573" s="2">
        <v>0.01</v>
      </c>
      <c r="X16573" s="2">
        <v>76.900000000000006</v>
      </c>
      <c r="Y16573" s="2">
        <v>7.6</v>
      </c>
      <c r="Z16573" s="2">
        <v>16.7</v>
      </c>
      <c r="AA16573" s="5"/>
      <c r="AB16573" s="5" t="s">
        <v>43</v>
      </c>
      <c r="AC16573" s="5" t="s">
        <v>44</v>
      </c>
      <c r="AD16573" s="2"/>
      <c r="AE16573" s="1"/>
    </row>
    <row r="16574" spans="1:31" ht="14.45">
      <c r="A16574" s="11"/>
      <c r="B16574" s="20"/>
      <c r="C16574" s="2" t="s">
        <v>50680</v>
      </c>
      <c r="D16574" s="14" t="s">
        <v>50681</v>
      </c>
      <c r="E16574" s="2" t="s">
        <v>50682</v>
      </c>
      <c r="F16574" s="2" t="s">
        <v>36277</v>
      </c>
      <c r="G16574" s="8">
        <v>251</v>
      </c>
      <c r="H16574" s="5">
        <v>6</v>
      </c>
      <c r="I16574" s="5" t="s">
        <v>1518</v>
      </c>
      <c r="J16574" s="5" t="s">
        <v>36264</v>
      </c>
      <c r="K16574" s="2" t="s">
        <v>36265</v>
      </c>
      <c r="L16574" s="5" t="s">
        <v>36264</v>
      </c>
      <c r="M16574" s="2" t="s">
        <v>36265</v>
      </c>
      <c r="N16574" s="5" t="s">
        <v>36266</v>
      </c>
      <c r="O16574" s="5" t="s">
        <v>38</v>
      </c>
      <c r="P16574" s="5" t="s">
        <v>39</v>
      </c>
      <c r="Q16574" s="5" t="s">
        <v>40</v>
      </c>
      <c r="R16574" s="5" t="s">
        <v>1522</v>
      </c>
      <c r="S16574" s="5" t="s">
        <v>1523</v>
      </c>
      <c r="T16574" s="5" t="s">
        <v>42</v>
      </c>
      <c r="U16574" s="2">
        <v>2.1760000000000002</v>
      </c>
      <c r="V16574" s="2">
        <v>1.72</v>
      </c>
      <c r="W16574" s="2">
        <v>0.01</v>
      </c>
      <c r="X16574" s="2">
        <v>76.900000000000006</v>
      </c>
      <c r="Y16574" s="2">
        <v>7.6</v>
      </c>
      <c r="Z16574" s="2">
        <v>16.7</v>
      </c>
      <c r="AA16574" s="5"/>
      <c r="AB16574" s="5" t="s">
        <v>43</v>
      </c>
      <c r="AC16574" s="5" t="s">
        <v>44</v>
      </c>
      <c r="AD16574" s="2"/>
      <c r="AE16574" s="1"/>
    </row>
    <row r="16575" spans="1:31" ht="14.45">
      <c r="A16575" s="11"/>
      <c r="B16575" s="20"/>
      <c r="C16575" s="2" t="s">
        <v>50683</v>
      </c>
      <c r="D16575" s="14" t="s">
        <v>50684</v>
      </c>
      <c r="E16575" s="2" t="s">
        <v>50685</v>
      </c>
      <c r="F16575" s="2" t="s">
        <v>36281</v>
      </c>
      <c r="G16575" s="8">
        <v>268</v>
      </c>
      <c r="H16575" s="5">
        <v>6</v>
      </c>
      <c r="I16575" s="5" t="s">
        <v>1518</v>
      </c>
      <c r="J16575" s="5" t="s">
        <v>36264</v>
      </c>
      <c r="K16575" s="2" t="s">
        <v>36265</v>
      </c>
      <c r="L16575" s="5" t="s">
        <v>36264</v>
      </c>
      <c r="M16575" s="2" t="s">
        <v>36265</v>
      </c>
      <c r="N16575" s="5" t="s">
        <v>36266</v>
      </c>
      <c r="O16575" s="5" t="s">
        <v>38</v>
      </c>
      <c r="P16575" s="5" t="s">
        <v>39</v>
      </c>
      <c r="Q16575" s="5" t="s">
        <v>40</v>
      </c>
      <c r="R16575" s="5" t="s">
        <v>1522</v>
      </c>
      <c r="S16575" s="5" t="s">
        <v>1523</v>
      </c>
      <c r="T16575" s="5" t="s">
        <v>42</v>
      </c>
      <c r="U16575" s="2">
        <v>2.1179999999999999</v>
      </c>
      <c r="V16575" s="2">
        <v>1.6619999999999999</v>
      </c>
      <c r="W16575" s="2">
        <v>0.01</v>
      </c>
      <c r="X16575" s="2">
        <v>76.900000000000006</v>
      </c>
      <c r="Y16575" s="2">
        <v>7.6</v>
      </c>
      <c r="Z16575" s="2">
        <v>16.7</v>
      </c>
      <c r="AA16575" s="5"/>
      <c r="AB16575" s="5" t="s">
        <v>43</v>
      </c>
      <c r="AC16575" s="5" t="s">
        <v>44</v>
      </c>
      <c r="AD16575" s="2"/>
      <c r="AE16575" s="1"/>
    </row>
    <row r="16576" spans="1:31" ht="14.45">
      <c r="A16576" s="11"/>
      <c r="B16576" s="20"/>
      <c r="C16576" s="2" t="s">
        <v>50686</v>
      </c>
      <c r="D16576" s="14" t="s">
        <v>50687</v>
      </c>
      <c r="E16576" s="2" t="s">
        <v>50688</v>
      </c>
      <c r="F16576" s="2" t="s">
        <v>36289</v>
      </c>
      <c r="G16576" s="8">
        <v>268</v>
      </c>
      <c r="H16576" s="5">
        <v>6</v>
      </c>
      <c r="I16576" s="5" t="s">
        <v>1518</v>
      </c>
      <c r="J16576" s="5" t="s">
        <v>36264</v>
      </c>
      <c r="K16576" s="2" t="s">
        <v>36265</v>
      </c>
      <c r="L16576" s="5" t="s">
        <v>36264</v>
      </c>
      <c r="M16576" s="2" t="s">
        <v>36265</v>
      </c>
      <c r="N16576" s="5" t="s">
        <v>36266</v>
      </c>
      <c r="O16576" s="5" t="s">
        <v>38</v>
      </c>
      <c r="P16576" s="5" t="s">
        <v>39</v>
      </c>
      <c r="Q16576" s="5" t="s">
        <v>40</v>
      </c>
      <c r="R16576" s="5" t="s">
        <v>1522</v>
      </c>
      <c r="S16576" s="5" t="s">
        <v>1523</v>
      </c>
      <c r="T16576" s="5" t="s">
        <v>42</v>
      </c>
      <c r="U16576" s="2">
        <v>2.1179999999999999</v>
      </c>
      <c r="V16576" s="2">
        <v>1.6619999999999999</v>
      </c>
      <c r="W16576" s="2">
        <v>0.01</v>
      </c>
      <c r="X16576" s="2">
        <v>76.900000000000006</v>
      </c>
      <c r="Y16576" s="2">
        <v>7.6</v>
      </c>
      <c r="Z16576" s="2">
        <v>16.7</v>
      </c>
      <c r="AA16576" s="5"/>
      <c r="AB16576" s="5" t="s">
        <v>43</v>
      </c>
      <c r="AC16576" s="5" t="s">
        <v>44</v>
      </c>
      <c r="AD16576" s="2"/>
      <c r="AE16576" s="1"/>
    </row>
    <row r="16577" spans="1:31" ht="14.45">
      <c r="A16577" s="11"/>
      <c r="B16577" s="20"/>
      <c r="C16577" s="2" t="s">
        <v>50689</v>
      </c>
      <c r="D16577" s="14" t="s">
        <v>50690</v>
      </c>
      <c r="E16577" s="2" t="s">
        <v>50691</v>
      </c>
      <c r="F16577" s="2" t="s">
        <v>36293</v>
      </c>
      <c r="G16577" s="8">
        <v>268</v>
      </c>
      <c r="H16577" s="5">
        <v>6</v>
      </c>
      <c r="I16577" s="5" t="s">
        <v>1518</v>
      </c>
      <c r="J16577" s="5" t="s">
        <v>36264</v>
      </c>
      <c r="K16577" s="2" t="s">
        <v>36265</v>
      </c>
      <c r="L16577" s="5" t="s">
        <v>36264</v>
      </c>
      <c r="M16577" s="2" t="s">
        <v>36265</v>
      </c>
      <c r="N16577" s="5" t="s">
        <v>36266</v>
      </c>
      <c r="O16577" s="5" t="s">
        <v>38</v>
      </c>
      <c r="P16577" s="5" t="s">
        <v>39</v>
      </c>
      <c r="Q16577" s="5" t="s">
        <v>40</v>
      </c>
      <c r="R16577" s="5" t="s">
        <v>1522</v>
      </c>
      <c r="S16577" s="5" t="s">
        <v>1523</v>
      </c>
      <c r="T16577" s="5" t="s">
        <v>42</v>
      </c>
      <c r="U16577" s="2">
        <v>2.1760000000000002</v>
      </c>
      <c r="V16577" s="2">
        <v>1.72</v>
      </c>
      <c r="W16577" s="2">
        <v>0.01</v>
      </c>
      <c r="X16577" s="2">
        <v>76.900000000000006</v>
      </c>
      <c r="Y16577" s="2">
        <v>7.6</v>
      </c>
      <c r="Z16577" s="2">
        <v>16.7</v>
      </c>
      <c r="AA16577" s="5"/>
      <c r="AB16577" s="5" t="s">
        <v>43</v>
      </c>
      <c r="AC16577" s="5" t="s">
        <v>44</v>
      </c>
      <c r="AD16577" s="2"/>
      <c r="AE16577" s="1"/>
    </row>
    <row r="16578" spans="1:31" ht="14.45">
      <c r="A16578" s="11"/>
      <c r="B16578" s="20"/>
      <c r="C16578" s="2" t="s">
        <v>50692</v>
      </c>
      <c r="D16578" s="14" t="s">
        <v>50693</v>
      </c>
      <c r="E16578" s="2" t="s">
        <v>50694</v>
      </c>
      <c r="F16578" s="2" t="s">
        <v>36297</v>
      </c>
      <c r="G16578" s="8">
        <v>251</v>
      </c>
      <c r="H16578" s="5">
        <v>6</v>
      </c>
      <c r="I16578" s="5" t="s">
        <v>1518</v>
      </c>
      <c r="J16578" s="5" t="s">
        <v>36264</v>
      </c>
      <c r="K16578" s="2" t="s">
        <v>36265</v>
      </c>
      <c r="L16578" s="5" t="s">
        <v>36264</v>
      </c>
      <c r="M16578" s="2" t="s">
        <v>36265</v>
      </c>
      <c r="N16578" s="5" t="s">
        <v>36266</v>
      </c>
      <c r="O16578" s="5" t="s">
        <v>38</v>
      </c>
      <c r="P16578" s="5" t="s">
        <v>39</v>
      </c>
      <c r="Q16578" s="5" t="s">
        <v>40</v>
      </c>
      <c r="R16578" s="5" t="s">
        <v>1522</v>
      </c>
      <c r="S16578" s="5" t="s">
        <v>1523</v>
      </c>
      <c r="T16578" s="5" t="s">
        <v>42</v>
      </c>
      <c r="U16578" s="2">
        <v>2.1179999999999999</v>
      </c>
      <c r="V16578" s="2">
        <v>1.6619999999999999</v>
      </c>
      <c r="W16578" s="2">
        <v>0.01</v>
      </c>
      <c r="X16578" s="2">
        <v>76.900000000000006</v>
      </c>
      <c r="Y16578" s="2">
        <v>7.6</v>
      </c>
      <c r="Z16578" s="2">
        <v>16.7</v>
      </c>
      <c r="AA16578" s="5"/>
      <c r="AB16578" s="5" t="s">
        <v>43</v>
      </c>
      <c r="AC16578" s="5" t="s">
        <v>44</v>
      </c>
      <c r="AD16578" s="2"/>
      <c r="AE16578" s="1"/>
    </row>
    <row r="16579" spans="1:31" ht="14.45">
      <c r="A16579" s="11"/>
      <c r="B16579" s="20"/>
      <c r="C16579" s="2" t="s">
        <v>50695</v>
      </c>
      <c r="D16579" s="14" t="s">
        <v>50696</v>
      </c>
      <c r="E16579" s="2" t="s">
        <v>50697</v>
      </c>
      <c r="F16579" s="2" t="s">
        <v>36301</v>
      </c>
      <c r="G16579" s="8">
        <v>251</v>
      </c>
      <c r="H16579" s="5">
        <v>6</v>
      </c>
      <c r="I16579" s="5" t="s">
        <v>1518</v>
      </c>
      <c r="J16579" s="5" t="s">
        <v>36264</v>
      </c>
      <c r="K16579" s="2" t="s">
        <v>36265</v>
      </c>
      <c r="L16579" s="5" t="s">
        <v>36264</v>
      </c>
      <c r="M16579" s="2" t="s">
        <v>36265</v>
      </c>
      <c r="N16579" s="5" t="s">
        <v>36266</v>
      </c>
      <c r="O16579" s="5" t="s">
        <v>38</v>
      </c>
      <c r="P16579" s="5" t="s">
        <v>39</v>
      </c>
      <c r="Q16579" s="5" t="s">
        <v>40</v>
      </c>
      <c r="R16579" s="5" t="s">
        <v>1522</v>
      </c>
      <c r="S16579" s="5" t="s">
        <v>1523</v>
      </c>
      <c r="T16579" s="5" t="s">
        <v>42</v>
      </c>
      <c r="U16579" s="2">
        <v>2.1760000000000002</v>
      </c>
      <c r="V16579" s="2">
        <v>1.72</v>
      </c>
      <c r="W16579" s="2">
        <v>0.01</v>
      </c>
      <c r="X16579" s="2">
        <v>76.900000000000006</v>
      </c>
      <c r="Y16579" s="2">
        <v>7.6</v>
      </c>
      <c r="Z16579" s="2">
        <v>16.7</v>
      </c>
      <c r="AA16579" s="5"/>
      <c r="AB16579" s="5" t="s">
        <v>43</v>
      </c>
      <c r="AC16579" s="5" t="s">
        <v>44</v>
      </c>
      <c r="AD16579" s="2"/>
      <c r="AE16579" s="1"/>
    </row>
    <row r="16580" spans="1:31" ht="14.45">
      <c r="A16580" s="11"/>
      <c r="B16580" s="20"/>
      <c r="C16580" s="2" t="s">
        <v>50698</v>
      </c>
      <c r="D16580" s="14" t="s">
        <v>50699</v>
      </c>
      <c r="E16580" s="2" t="s">
        <v>50700</v>
      </c>
      <c r="F16580" s="2" t="s">
        <v>36305</v>
      </c>
      <c r="G16580" s="8">
        <v>251</v>
      </c>
      <c r="H16580" s="5">
        <v>6</v>
      </c>
      <c r="I16580" s="5" t="s">
        <v>1518</v>
      </c>
      <c r="J16580" s="5" t="s">
        <v>36264</v>
      </c>
      <c r="K16580" s="2" t="s">
        <v>36265</v>
      </c>
      <c r="L16580" s="5" t="s">
        <v>36264</v>
      </c>
      <c r="M16580" s="2" t="s">
        <v>36265</v>
      </c>
      <c r="N16580" s="5" t="s">
        <v>36266</v>
      </c>
      <c r="O16580" s="5" t="s">
        <v>38</v>
      </c>
      <c r="P16580" s="5" t="s">
        <v>39</v>
      </c>
      <c r="Q16580" s="5" t="s">
        <v>40</v>
      </c>
      <c r="R16580" s="5" t="s">
        <v>1522</v>
      </c>
      <c r="S16580" s="5" t="s">
        <v>1523</v>
      </c>
      <c r="T16580" s="5" t="s">
        <v>42</v>
      </c>
      <c r="U16580" s="2">
        <v>2.1179999999999999</v>
      </c>
      <c r="V16580" s="2">
        <v>1.6619999999999999</v>
      </c>
      <c r="W16580" s="2">
        <v>0.01</v>
      </c>
      <c r="X16580" s="2">
        <v>76.900000000000006</v>
      </c>
      <c r="Y16580" s="2">
        <v>7.6</v>
      </c>
      <c r="Z16580" s="2">
        <v>16.7</v>
      </c>
      <c r="AA16580" s="5"/>
      <c r="AB16580" s="5" t="s">
        <v>43</v>
      </c>
      <c r="AC16580" s="5" t="s">
        <v>44</v>
      </c>
      <c r="AD16580" s="2"/>
      <c r="AE16580" s="1"/>
    </row>
    <row r="16581" spans="1:31" ht="14.45">
      <c r="A16581" s="11"/>
      <c r="B16581" s="20"/>
      <c r="C16581" s="2" t="s">
        <v>50701</v>
      </c>
      <c r="D16581" s="14" t="s">
        <v>50702</v>
      </c>
      <c r="E16581" s="2" t="s">
        <v>50703</v>
      </c>
      <c r="F16581" s="2" t="s">
        <v>36309</v>
      </c>
      <c r="G16581" s="8">
        <v>251</v>
      </c>
      <c r="H16581" s="5">
        <v>6</v>
      </c>
      <c r="I16581" s="5" t="s">
        <v>1518</v>
      </c>
      <c r="J16581" s="5" t="s">
        <v>36264</v>
      </c>
      <c r="K16581" s="2" t="s">
        <v>36265</v>
      </c>
      <c r="L16581" s="5" t="s">
        <v>36264</v>
      </c>
      <c r="M16581" s="2" t="s">
        <v>36265</v>
      </c>
      <c r="N16581" s="5" t="s">
        <v>36266</v>
      </c>
      <c r="O16581" s="5" t="s">
        <v>38</v>
      </c>
      <c r="P16581" s="5" t="s">
        <v>39</v>
      </c>
      <c r="Q16581" s="5" t="s">
        <v>40</v>
      </c>
      <c r="R16581" s="5" t="s">
        <v>1522</v>
      </c>
      <c r="S16581" s="5" t="s">
        <v>1523</v>
      </c>
      <c r="T16581" s="5" t="s">
        <v>42</v>
      </c>
      <c r="U16581" s="2">
        <v>2.1760000000000002</v>
      </c>
      <c r="V16581" s="2">
        <v>1.72</v>
      </c>
      <c r="W16581" s="2">
        <v>0.01</v>
      </c>
      <c r="X16581" s="2">
        <v>76.900000000000006</v>
      </c>
      <c r="Y16581" s="2">
        <v>7.6</v>
      </c>
      <c r="Z16581" s="2">
        <v>16.7</v>
      </c>
      <c r="AA16581" s="5"/>
      <c r="AB16581" s="5" t="s">
        <v>43</v>
      </c>
      <c r="AC16581" s="5" t="s">
        <v>44</v>
      </c>
      <c r="AD16581" s="2"/>
      <c r="AE16581" s="1"/>
    </row>
    <row r="16582" spans="1:31" ht="14.45">
      <c r="A16582" s="11"/>
      <c r="B16582" s="20"/>
      <c r="C16582" s="2" t="s">
        <v>50704</v>
      </c>
      <c r="D16582" s="14" t="s">
        <v>50705</v>
      </c>
      <c r="E16582" s="2" t="s">
        <v>50706</v>
      </c>
      <c r="F16582" s="2" t="s">
        <v>36313</v>
      </c>
      <c r="G16582" s="8">
        <v>268</v>
      </c>
      <c r="H16582" s="5">
        <v>6</v>
      </c>
      <c r="I16582" s="5" t="s">
        <v>1518</v>
      </c>
      <c r="J16582" s="5" t="s">
        <v>36264</v>
      </c>
      <c r="K16582" s="2" t="s">
        <v>36265</v>
      </c>
      <c r="L16582" s="5" t="s">
        <v>36264</v>
      </c>
      <c r="M16582" s="2" t="s">
        <v>36265</v>
      </c>
      <c r="N16582" s="5" t="s">
        <v>36266</v>
      </c>
      <c r="O16582" s="5" t="s">
        <v>38</v>
      </c>
      <c r="P16582" s="5" t="s">
        <v>39</v>
      </c>
      <c r="Q16582" s="5" t="s">
        <v>40</v>
      </c>
      <c r="R16582" s="5" t="s">
        <v>1522</v>
      </c>
      <c r="S16582" s="5" t="s">
        <v>1523</v>
      </c>
      <c r="T16582" s="5" t="s">
        <v>42</v>
      </c>
      <c r="U16582" s="2">
        <v>2.1179999999999999</v>
      </c>
      <c r="V16582" s="2">
        <v>1.6619999999999999</v>
      </c>
      <c r="W16582" s="2">
        <v>0.01</v>
      </c>
      <c r="X16582" s="2">
        <v>76.900000000000006</v>
      </c>
      <c r="Y16582" s="2">
        <v>7.6</v>
      </c>
      <c r="Z16582" s="2">
        <v>16.7</v>
      </c>
      <c r="AA16582" s="5"/>
      <c r="AB16582" s="5" t="s">
        <v>43</v>
      </c>
      <c r="AC16582" s="5" t="s">
        <v>44</v>
      </c>
      <c r="AD16582" s="2"/>
      <c r="AE16582" s="1"/>
    </row>
    <row r="16583" spans="1:31" ht="14.45">
      <c r="A16583" s="11"/>
      <c r="B16583" s="20"/>
      <c r="C16583" s="2" t="s">
        <v>50707</v>
      </c>
      <c r="D16583" s="14" t="s">
        <v>50708</v>
      </c>
      <c r="E16583" s="2" t="s">
        <v>50709</v>
      </c>
      <c r="F16583" s="2" t="s">
        <v>36317</v>
      </c>
      <c r="G16583" s="8">
        <v>268</v>
      </c>
      <c r="H16583" s="5">
        <v>6</v>
      </c>
      <c r="I16583" s="5" t="s">
        <v>1518</v>
      </c>
      <c r="J16583" s="5" t="s">
        <v>36264</v>
      </c>
      <c r="K16583" s="2" t="s">
        <v>36265</v>
      </c>
      <c r="L16583" s="5" t="s">
        <v>36264</v>
      </c>
      <c r="M16583" s="2" t="s">
        <v>36265</v>
      </c>
      <c r="N16583" s="5" t="s">
        <v>36266</v>
      </c>
      <c r="O16583" s="5" t="s">
        <v>38</v>
      </c>
      <c r="P16583" s="5" t="s">
        <v>39</v>
      </c>
      <c r="Q16583" s="5" t="s">
        <v>40</v>
      </c>
      <c r="R16583" s="5" t="s">
        <v>1522</v>
      </c>
      <c r="S16583" s="5" t="s">
        <v>1523</v>
      </c>
      <c r="T16583" s="5" t="s">
        <v>42</v>
      </c>
      <c r="U16583" s="2">
        <v>2.1760000000000002</v>
      </c>
      <c r="V16583" s="2">
        <v>1.72</v>
      </c>
      <c r="W16583" s="2">
        <v>0.01</v>
      </c>
      <c r="X16583" s="2">
        <v>76.900000000000006</v>
      </c>
      <c r="Y16583" s="2">
        <v>7.6</v>
      </c>
      <c r="Z16583" s="2">
        <v>16.7</v>
      </c>
      <c r="AA16583" s="5"/>
      <c r="AB16583" s="5" t="s">
        <v>43</v>
      </c>
      <c r="AC16583" s="5" t="s">
        <v>44</v>
      </c>
      <c r="AD16583" s="2"/>
      <c r="AE16583" s="1"/>
    </row>
    <row r="16584" spans="1:31" ht="14.45">
      <c r="A16584" s="11"/>
      <c r="B16584" s="20"/>
      <c r="C16584" s="2" t="s">
        <v>50710</v>
      </c>
      <c r="D16584" s="14" t="s">
        <v>50711</v>
      </c>
      <c r="E16584" s="2" t="s">
        <v>50712</v>
      </c>
      <c r="F16584" s="2" t="s">
        <v>36321</v>
      </c>
      <c r="G16584" s="8">
        <v>268</v>
      </c>
      <c r="H16584" s="5">
        <v>6</v>
      </c>
      <c r="I16584" s="5" t="s">
        <v>1518</v>
      </c>
      <c r="J16584" s="5" t="s">
        <v>36264</v>
      </c>
      <c r="K16584" s="2" t="s">
        <v>36265</v>
      </c>
      <c r="L16584" s="5" t="s">
        <v>36264</v>
      </c>
      <c r="M16584" s="2" t="s">
        <v>36265</v>
      </c>
      <c r="N16584" s="5" t="s">
        <v>36266</v>
      </c>
      <c r="O16584" s="5" t="s">
        <v>38</v>
      </c>
      <c r="P16584" s="5" t="s">
        <v>39</v>
      </c>
      <c r="Q16584" s="5" t="s">
        <v>40</v>
      </c>
      <c r="R16584" s="5" t="s">
        <v>1522</v>
      </c>
      <c r="S16584" s="5" t="s">
        <v>1523</v>
      </c>
      <c r="T16584" s="5" t="s">
        <v>42</v>
      </c>
      <c r="U16584" s="2">
        <v>2.1179999999999999</v>
      </c>
      <c r="V16584" s="2">
        <v>1.6619999999999999</v>
      </c>
      <c r="W16584" s="2">
        <v>0.01</v>
      </c>
      <c r="X16584" s="2">
        <v>76.900000000000006</v>
      </c>
      <c r="Y16584" s="2">
        <v>7.6</v>
      </c>
      <c r="Z16584" s="2">
        <v>16.7</v>
      </c>
      <c r="AA16584" s="5"/>
      <c r="AB16584" s="5" t="s">
        <v>43</v>
      </c>
      <c r="AC16584" s="5" t="s">
        <v>44</v>
      </c>
      <c r="AD16584" s="2"/>
      <c r="AE16584" s="1"/>
    </row>
    <row r="16585" spans="1:31" ht="14.45">
      <c r="A16585" s="11"/>
      <c r="B16585" s="20"/>
      <c r="C16585" s="2" t="s">
        <v>50713</v>
      </c>
      <c r="D16585" s="14" t="s">
        <v>50714</v>
      </c>
      <c r="E16585" s="2" t="s">
        <v>50715</v>
      </c>
      <c r="F16585" s="2" t="s">
        <v>36325</v>
      </c>
      <c r="G16585" s="8">
        <v>268</v>
      </c>
      <c r="H16585" s="5">
        <v>6</v>
      </c>
      <c r="I16585" s="5" t="s">
        <v>1518</v>
      </c>
      <c r="J16585" s="5" t="s">
        <v>36264</v>
      </c>
      <c r="K16585" s="2" t="s">
        <v>36265</v>
      </c>
      <c r="L16585" s="5" t="s">
        <v>36264</v>
      </c>
      <c r="M16585" s="2" t="s">
        <v>36265</v>
      </c>
      <c r="N16585" s="5" t="s">
        <v>36266</v>
      </c>
      <c r="O16585" s="5" t="s">
        <v>38</v>
      </c>
      <c r="P16585" s="5" t="s">
        <v>39</v>
      </c>
      <c r="Q16585" s="5" t="s">
        <v>40</v>
      </c>
      <c r="R16585" s="5" t="s">
        <v>1522</v>
      </c>
      <c r="S16585" s="5" t="s">
        <v>1523</v>
      </c>
      <c r="T16585" s="5" t="s">
        <v>42</v>
      </c>
      <c r="U16585" s="2">
        <v>2.1760000000000002</v>
      </c>
      <c r="V16585" s="2">
        <v>1.72</v>
      </c>
      <c r="W16585" s="2">
        <v>0.01</v>
      </c>
      <c r="X16585" s="2">
        <v>76.900000000000006</v>
      </c>
      <c r="Y16585" s="2">
        <v>7.6</v>
      </c>
      <c r="Z16585" s="2">
        <v>16.7</v>
      </c>
      <c r="AA16585" s="5"/>
      <c r="AB16585" s="5" t="s">
        <v>43</v>
      </c>
      <c r="AC16585" s="5" t="s">
        <v>44</v>
      </c>
      <c r="AD16585" s="2"/>
      <c r="AE16585" s="1"/>
    </row>
    <row r="16586" spans="1:31" ht="14.45">
      <c r="A16586" s="11"/>
      <c r="B16586" s="20"/>
      <c r="C16586" s="2" t="s">
        <v>50716</v>
      </c>
      <c r="D16586" s="14" t="s">
        <v>50717</v>
      </c>
      <c r="E16586" s="2" t="s">
        <v>50718</v>
      </c>
      <c r="F16586" s="2" t="s">
        <v>36329</v>
      </c>
      <c r="G16586" s="8">
        <v>268</v>
      </c>
      <c r="H16586" s="5">
        <v>6</v>
      </c>
      <c r="I16586" s="5" t="s">
        <v>1518</v>
      </c>
      <c r="J16586" s="5" t="s">
        <v>36264</v>
      </c>
      <c r="K16586" s="2" t="s">
        <v>36265</v>
      </c>
      <c r="L16586" s="5" t="s">
        <v>36264</v>
      </c>
      <c r="M16586" s="2" t="s">
        <v>36265</v>
      </c>
      <c r="N16586" s="5" t="s">
        <v>36266</v>
      </c>
      <c r="O16586" s="5" t="s">
        <v>38</v>
      </c>
      <c r="P16586" s="5" t="s">
        <v>39</v>
      </c>
      <c r="Q16586" s="5" t="s">
        <v>40</v>
      </c>
      <c r="R16586" s="5" t="s">
        <v>1522</v>
      </c>
      <c r="S16586" s="5" t="s">
        <v>1523</v>
      </c>
      <c r="T16586" s="5" t="s">
        <v>42</v>
      </c>
      <c r="U16586" s="2">
        <v>2.1179999999999999</v>
      </c>
      <c r="V16586" s="2">
        <v>1.6619999999999999</v>
      </c>
      <c r="W16586" s="2">
        <v>0.01</v>
      </c>
      <c r="X16586" s="2">
        <v>76.900000000000006</v>
      </c>
      <c r="Y16586" s="2">
        <v>7.6</v>
      </c>
      <c r="Z16586" s="2">
        <v>16.7</v>
      </c>
      <c r="AA16586" s="5"/>
      <c r="AB16586" s="5" t="s">
        <v>43</v>
      </c>
      <c r="AC16586" s="5" t="s">
        <v>44</v>
      </c>
      <c r="AD16586" s="2"/>
      <c r="AE16586" s="1"/>
    </row>
    <row r="16587" spans="1:31" ht="14.45">
      <c r="A16587" s="11"/>
      <c r="B16587" s="20"/>
      <c r="C16587" s="2" t="s">
        <v>50719</v>
      </c>
      <c r="D16587" s="14" t="s">
        <v>50720</v>
      </c>
      <c r="E16587" s="2" t="s">
        <v>50721</v>
      </c>
      <c r="F16587" s="2" t="s">
        <v>36333</v>
      </c>
      <c r="G16587" s="8">
        <v>268</v>
      </c>
      <c r="H16587" s="5">
        <v>6</v>
      </c>
      <c r="I16587" s="5" t="s">
        <v>1518</v>
      </c>
      <c r="J16587" s="5" t="s">
        <v>36264</v>
      </c>
      <c r="K16587" s="2" t="s">
        <v>36265</v>
      </c>
      <c r="L16587" s="5" t="s">
        <v>36264</v>
      </c>
      <c r="M16587" s="2" t="s">
        <v>36265</v>
      </c>
      <c r="N16587" s="5" t="s">
        <v>36266</v>
      </c>
      <c r="O16587" s="5" t="s">
        <v>38</v>
      </c>
      <c r="P16587" s="5" t="s">
        <v>39</v>
      </c>
      <c r="Q16587" s="5" t="s">
        <v>40</v>
      </c>
      <c r="R16587" s="5" t="s">
        <v>1522</v>
      </c>
      <c r="S16587" s="5" t="s">
        <v>1523</v>
      </c>
      <c r="T16587" s="5" t="s">
        <v>42</v>
      </c>
      <c r="U16587" s="2">
        <v>2.1760000000000002</v>
      </c>
      <c r="V16587" s="2">
        <v>1.72</v>
      </c>
      <c r="W16587" s="2">
        <v>0.01</v>
      </c>
      <c r="X16587" s="2">
        <v>76.900000000000006</v>
      </c>
      <c r="Y16587" s="2">
        <v>7.6</v>
      </c>
      <c r="Z16587" s="2">
        <v>16.7</v>
      </c>
      <c r="AA16587" s="5"/>
      <c r="AB16587" s="5" t="s">
        <v>43</v>
      </c>
      <c r="AC16587" s="5" t="s">
        <v>44</v>
      </c>
      <c r="AD16587" s="2"/>
      <c r="AE16587" s="1"/>
    </row>
    <row r="16588" spans="1:31" ht="14.45">
      <c r="A16588" s="11"/>
      <c r="B16588" s="20"/>
      <c r="C16588" s="2" t="s">
        <v>50722</v>
      </c>
      <c r="D16588" s="14" t="s">
        <v>50723</v>
      </c>
      <c r="E16588" s="2" t="s">
        <v>50724</v>
      </c>
      <c r="F16588" s="2" t="s">
        <v>36337</v>
      </c>
      <c r="G16588" s="8">
        <v>268</v>
      </c>
      <c r="H16588" s="5">
        <v>6</v>
      </c>
      <c r="I16588" s="5" t="s">
        <v>1518</v>
      </c>
      <c r="J16588" s="5" t="s">
        <v>36264</v>
      </c>
      <c r="K16588" s="2" t="s">
        <v>36265</v>
      </c>
      <c r="L16588" s="5" t="s">
        <v>36264</v>
      </c>
      <c r="M16588" s="2" t="s">
        <v>36265</v>
      </c>
      <c r="N16588" s="5" t="s">
        <v>36266</v>
      </c>
      <c r="O16588" s="5" t="s">
        <v>38</v>
      </c>
      <c r="P16588" s="5" t="s">
        <v>39</v>
      </c>
      <c r="Q16588" s="5" t="s">
        <v>40</v>
      </c>
      <c r="R16588" s="5" t="s">
        <v>1522</v>
      </c>
      <c r="S16588" s="5" t="s">
        <v>1523</v>
      </c>
      <c r="T16588" s="5" t="s">
        <v>42</v>
      </c>
      <c r="U16588" s="2">
        <v>2.1179999999999999</v>
      </c>
      <c r="V16588" s="2">
        <v>1.6619999999999999</v>
      </c>
      <c r="W16588" s="2">
        <v>0.01</v>
      </c>
      <c r="X16588" s="2">
        <v>76.900000000000006</v>
      </c>
      <c r="Y16588" s="2">
        <v>7.6</v>
      </c>
      <c r="Z16588" s="2">
        <v>16.7</v>
      </c>
      <c r="AA16588" s="5"/>
      <c r="AB16588" s="5" t="s">
        <v>43</v>
      </c>
      <c r="AC16588" s="5" t="s">
        <v>44</v>
      </c>
      <c r="AD16588" s="2"/>
      <c r="AE16588" s="1"/>
    </row>
    <row r="16589" spans="1:31" ht="14.45">
      <c r="A16589" s="11"/>
      <c r="B16589" s="20"/>
      <c r="C16589" s="2" t="s">
        <v>50725</v>
      </c>
      <c r="D16589" s="14" t="s">
        <v>50726</v>
      </c>
      <c r="E16589" s="2" t="s">
        <v>50727</v>
      </c>
      <c r="F16589" s="2" t="s">
        <v>36345</v>
      </c>
      <c r="G16589" s="8">
        <v>268</v>
      </c>
      <c r="H16589" s="5">
        <v>6</v>
      </c>
      <c r="I16589" s="5" t="s">
        <v>1518</v>
      </c>
      <c r="J16589" s="5" t="s">
        <v>36264</v>
      </c>
      <c r="K16589" s="2" t="s">
        <v>36265</v>
      </c>
      <c r="L16589" s="5" t="s">
        <v>36264</v>
      </c>
      <c r="M16589" s="2" t="s">
        <v>36265</v>
      </c>
      <c r="N16589" s="5" t="s">
        <v>36266</v>
      </c>
      <c r="O16589" s="5" t="s">
        <v>38</v>
      </c>
      <c r="P16589" s="5" t="s">
        <v>39</v>
      </c>
      <c r="Q16589" s="5" t="s">
        <v>40</v>
      </c>
      <c r="R16589" s="5" t="s">
        <v>1522</v>
      </c>
      <c r="S16589" s="5" t="s">
        <v>1523</v>
      </c>
      <c r="T16589" s="5" t="s">
        <v>42</v>
      </c>
      <c r="U16589" s="2">
        <v>2.1179999999999999</v>
      </c>
      <c r="V16589" s="2">
        <v>1.6619999999999999</v>
      </c>
      <c r="W16589" s="2">
        <v>0.01</v>
      </c>
      <c r="X16589" s="2">
        <v>76.900000000000006</v>
      </c>
      <c r="Y16589" s="2">
        <v>7.6</v>
      </c>
      <c r="Z16589" s="2">
        <v>16.7</v>
      </c>
      <c r="AA16589" s="5"/>
      <c r="AB16589" s="5" t="s">
        <v>43</v>
      </c>
      <c r="AC16589" s="5" t="s">
        <v>44</v>
      </c>
      <c r="AD16589" s="2"/>
      <c r="AE16589" s="1"/>
    </row>
    <row r="16590" spans="1:31" ht="14.45">
      <c r="A16590" s="11"/>
      <c r="B16590" s="20"/>
      <c r="C16590" s="2" t="s">
        <v>50728</v>
      </c>
      <c r="D16590" s="14" t="s">
        <v>50729</v>
      </c>
      <c r="E16590" s="2" t="s">
        <v>50730</v>
      </c>
      <c r="F16590" s="2" t="s">
        <v>36349</v>
      </c>
      <c r="G16590" s="8">
        <v>268</v>
      </c>
      <c r="H16590" s="5">
        <v>6</v>
      </c>
      <c r="I16590" s="5" t="s">
        <v>1518</v>
      </c>
      <c r="J16590" s="5" t="s">
        <v>36264</v>
      </c>
      <c r="K16590" s="2" t="s">
        <v>36265</v>
      </c>
      <c r="L16590" s="5" t="s">
        <v>36264</v>
      </c>
      <c r="M16590" s="2" t="s">
        <v>36265</v>
      </c>
      <c r="N16590" s="5" t="s">
        <v>36266</v>
      </c>
      <c r="O16590" s="5" t="s">
        <v>38</v>
      </c>
      <c r="P16590" s="5" t="s">
        <v>39</v>
      </c>
      <c r="Q16590" s="5" t="s">
        <v>40</v>
      </c>
      <c r="R16590" s="5" t="s">
        <v>1522</v>
      </c>
      <c r="S16590" s="5" t="s">
        <v>1523</v>
      </c>
      <c r="T16590" s="5" t="s">
        <v>42</v>
      </c>
      <c r="U16590" s="2">
        <v>2.1760000000000002</v>
      </c>
      <c r="V16590" s="2">
        <v>1.72</v>
      </c>
      <c r="W16590" s="2">
        <v>0.01</v>
      </c>
      <c r="X16590" s="2">
        <v>76.900000000000006</v>
      </c>
      <c r="Y16590" s="2">
        <v>7.6</v>
      </c>
      <c r="Z16590" s="2">
        <v>16.7</v>
      </c>
      <c r="AA16590" s="5"/>
      <c r="AB16590" s="5" t="s">
        <v>43</v>
      </c>
      <c r="AC16590" s="5" t="s">
        <v>44</v>
      </c>
      <c r="AD16590" s="2"/>
      <c r="AE16590" s="1"/>
    </row>
    <row r="16591" spans="1:31" ht="14.45">
      <c r="A16591" s="11"/>
      <c r="B16591" s="20"/>
      <c r="C16591" s="2" t="s">
        <v>50731</v>
      </c>
      <c r="D16591" s="14" t="s">
        <v>50732</v>
      </c>
      <c r="E16591" s="2" t="s">
        <v>50733</v>
      </c>
      <c r="F16591" s="2" t="s">
        <v>36353</v>
      </c>
      <c r="G16591" s="8">
        <v>268</v>
      </c>
      <c r="H16591" s="5">
        <v>6</v>
      </c>
      <c r="I16591" s="5" t="s">
        <v>1518</v>
      </c>
      <c r="J16591" s="5" t="s">
        <v>36264</v>
      </c>
      <c r="K16591" s="2" t="s">
        <v>36265</v>
      </c>
      <c r="L16591" s="5" t="s">
        <v>36264</v>
      </c>
      <c r="M16591" s="2" t="s">
        <v>36265</v>
      </c>
      <c r="N16591" s="5" t="s">
        <v>36266</v>
      </c>
      <c r="O16591" s="5" t="s">
        <v>38</v>
      </c>
      <c r="P16591" s="5" t="s">
        <v>39</v>
      </c>
      <c r="Q16591" s="5" t="s">
        <v>40</v>
      </c>
      <c r="R16591" s="5" t="s">
        <v>1522</v>
      </c>
      <c r="S16591" s="5" t="s">
        <v>1523</v>
      </c>
      <c r="T16591" s="5" t="s">
        <v>42</v>
      </c>
      <c r="U16591" s="2">
        <v>2.1179999999999999</v>
      </c>
      <c r="V16591" s="2">
        <v>1.6619999999999999</v>
      </c>
      <c r="W16591" s="2">
        <v>0.01</v>
      </c>
      <c r="X16591" s="2">
        <v>76.900000000000006</v>
      </c>
      <c r="Y16591" s="2">
        <v>7.6</v>
      </c>
      <c r="Z16591" s="2">
        <v>16.7</v>
      </c>
      <c r="AA16591" s="5"/>
      <c r="AB16591" s="5" t="s">
        <v>43</v>
      </c>
      <c r="AC16591" s="5" t="s">
        <v>44</v>
      </c>
      <c r="AD16591" s="2"/>
      <c r="AE16591" s="1"/>
    </row>
    <row r="16592" spans="1:31" ht="14.45">
      <c r="A16592" s="11"/>
      <c r="B16592" s="20"/>
      <c r="C16592" s="2" t="s">
        <v>50734</v>
      </c>
      <c r="D16592" s="14" t="s">
        <v>50735</v>
      </c>
      <c r="E16592" s="2" t="s">
        <v>50736</v>
      </c>
      <c r="F16592" s="2" t="s">
        <v>36357</v>
      </c>
      <c r="G16592" s="8">
        <v>268</v>
      </c>
      <c r="H16592" s="5">
        <v>6</v>
      </c>
      <c r="I16592" s="5" t="s">
        <v>1518</v>
      </c>
      <c r="J16592" s="5" t="s">
        <v>36264</v>
      </c>
      <c r="K16592" s="2" t="s">
        <v>36265</v>
      </c>
      <c r="L16592" s="5" t="s">
        <v>36264</v>
      </c>
      <c r="M16592" s="2" t="s">
        <v>36265</v>
      </c>
      <c r="N16592" s="5" t="s">
        <v>36266</v>
      </c>
      <c r="O16592" s="5" t="s">
        <v>38</v>
      </c>
      <c r="P16592" s="5" t="s">
        <v>39</v>
      </c>
      <c r="Q16592" s="5" t="s">
        <v>40</v>
      </c>
      <c r="R16592" s="5" t="s">
        <v>1522</v>
      </c>
      <c r="S16592" s="5" t="s">
        <v>1523</v>
      </c>
      <c r="T16592" s="5" t="s">
        <v>42</v>
      </c>
      <c r="U16592" s="2">
        <v>2.1760000000000002</v>
      </c>
      <c r="V16592" s="2">
        <v>1.72</v>
      </c>
      <c r="W16592" s="2">
        <v>0.01</v>
      </c>
      <c r="X16592" s="2">
        <v>76.900000000000006</v>
      </c>
      <c r="Y16592" s="2">
        <v>7.6</v>
      </c>
      <c r="Z16592" s="2">
        <v>16.7</v>
      </c>
      <c r="AA16592" s="5"/>
      <c r="AB16592" s="5" t="s">
        <v>43</v>
      </c>
      <c r="AC16592" s="5" t="s">
        <v>44</v>
      </c>
      <c r="AD16592" s="2"/>
      <c r="AE16592" s="1"/>
    </row>
    <row r="16593" spans="1:31" ht="14.45">
      <c r="A16593" s="11"/>
      <c r="B16593" s="20"/>
      <c r="C16593" s="2" t="s">
        <v>50737</v>
      </c>
      <c r="D16593" s="14" t="s">
        <v>50738</v>
      </c>
      <c r="E16593" s="2" t="s">
        <v>50739</v>
      </c>
      <c r="F16593" s="2" t="s">
        <v>45534</v>
      </c>
      <c r="G16593" s="8">
        <v>268</v>
      </c>
      <c r="H16593" s="5">
        <v>6</v>
      </c>
      <c r="I16593" s="5" t="s">
        <v>1518</v>
      </c>
      <c r="J16593" s="5" t="s">
        <v>36264</v>
      </c>
      <c r="K16593" s="2" t="s">
        <v>36265</v>
      </c>
      <c r="L16593" s="5" t="s">
        <v>36264</v>
      </c>
      <c r="M16593" s="2" t="s">
        <v>36265</v>
      </c>
      <c r="N16593" s="5" t="s">
        <v>36266</v>
      </c>
      <c r="O16593" s="5" t="s">
        <v>38</v>
      </c>
      <c r="P16593" s="5" t="s">
        <v>39</v>
      </c>
      <c r="Q16593" s="5" t="s">
        <v>40</v>
      </c>
      <c r="R16593" s="5" t="s">
        <v>1522</v>
      </c>
      <c r="S16593" s="5" t="s">
        <v>1523</v>
      </c>
      <c r="T16593" s="5" t="s">
        <v>42</v>
      </c>
      <c r="U16593" s="2">
        <v>2.1760000000000002</v>
      </c>
      <c r="V16593" s="2">
        <v>1.72</v>
      </c>
      <c r="W16593" s="2">
        <v>0.01</v>
      </c>
      <c r="X16593" s="2">
        <v>76.900000000000006</v>
      </c>
      <c r="Y16593" s="2">
        <v>7.6</v>
      </c>
      <c r="Z16593" s="2">
        <v>16.7</v>
      </c>
      <c r="AA16593" s="5"/>
      <c r="AB16593" s="5" t="s">
        <v>43</v>
      </c>
      <c r="AC16593" s="5" t="s">
        <v>44</v>
      </c>
      <c r="AD16593" s="2"/>
      <c r="AE16593" s="1"/>
    </row>
    <row r="16594" spans="1:31" ht="14.45">
      <c r="A16594" s="11"/>
      <c r="B16594" s="20"/>
      <c r="C16594" s="2" t="s">
        <v>50740</v>
      </c>
      <c r="D16594" s="14" t="s">
        <v>50741</v>
      </c>
      <c r="E16594" s="2" t="s">
        <v>50742</v>
      </c>
      <c r="F16594" s="2" t="s">
        <v>36369</v>
      </c>
      <c r="G16594" s="8">
        <v>268</v>
      </c>
      <c r="H16594" s="5">
        <v>6</v>
      </c>
      <c r="I16594" s="5" t="s">
        <v>1518</v>
      </c>
      <c r="J16594" s="5" t="s">
        <v>36264</v>
      </c>
      <c r="K16594" s="2" t="s">
        <v>36265</v>
      </c>
      <c r="L16594" s="5" t="s">
        <v>36264</v>
      </c>
      <c r="M16594" s="2" t="s">
        <v>36265</v>
      </c>
      <c r="N16594" s="5" t="s">
        <v>36266</v>
      </c>
      <c r="O16594" s="5" t="s">
        <v>38</v>
      </c>
      <c r="P16594" s="5" t="s">
        <v>39</v>
      </c>
      <c r="Q16594" s="5" t="s">
        <v>40</v>
      </c>
      <c r="R16594" s="5" t="s">
        <v>1522</v>
      </c>
      <c r="S16594" s="5" t="s">
        <v>1523</v>
      </c>
      <c r="T16594" s="5" t="s">
        <v>42</v>
      </c>
      <c r="U16594" s="2">
        <v>2.1179999999999999</v>
      </c>
      <c r="V16594" s="2">
        <v>1.6619999999999999</v>
      </c>
      <c r="W16594" s="2">
        <v>0.01</v>
      </c>
      <c r="X16594" s="2">
        <v>76.900000000000006</v>
      </c>
      <c r="Y16594" s="2">
        <v>7.6</v>
      </c>
      <c r="Z16594" s="2">
        <v>16.7</v>
      </c>
      <c r="AA16594" s="5"/>
      <c r="AB16594" s="5" t="s">
        <v>43</v>
      </c>
      <c r="AC16594" s="5" t="s">
        <v>44</v>
      </c>
      <c r="AD16594" s="2"/>
      <c r="AE16594" s="1"/>
    </row>
    <row r="16595" spans="1:31" ht="14.45">
      <c r="A16595" s="11"/>
      <c r="B16595" s="20"/>
      <c r="C16595" s="2" t="s">
        <v>50743</v>
      </c>
      <c r="D16595" s="14" t="s">
        <v>50744</v>
      </c>
      <c r="E16595" s="2" t="s">
        <v>50745</v>
      </c>
      <c r="F16595" s="2" t="s">
        <v>36373</v>
      </c>
      <c r="G16595" s="8">
        <v>268</v>
      </c>
      <c r="H16595" s="5">
        <v>6</v>
      </c>
      <c r="I16595" s="5" t="s">
        <v>1518</v>
      </c>
      <c r="J16595" s="5" t="s">
        <v>36264</v>
      </c>
      <c r="K16595" s="2" t="s">
        <v>36265</v>
      </c>
      <c r="L16595" s="5" t="s">
        <v>36264</v>
      </c>
      <c r="M16595" s="2" t="s">
        <v>36265</v>
      </c>
      <c r="N16595" s="5" t="s">
        <v>36266</v>
      </c>
      <c r="O16595" s="5" t="s">
        <v>38</v>
      </c>
      <c r="P16595" s="5" t="s">
        <v>39</v>
      </c>
      <c r="Q16595" s="5" t="s">
        <v>40</v>
      </c>
      <c r="R16595" s="5" t="s">
        <v>1522</v>
      </c>
      <c r="S16595" s="5" t="s">
        <v>1523</v>
      </c>
      <c r="T16595" s="5" t="s">
        <v>42</v>
      </c>
      <c r="U16595" s="2">
        <v>2.1760000000000002</v>
      </c>
      <c r="V16595" s="2">
        <v>1.72</v>
      </c>
      <c r="W16595" s="2">
        <v>0.01</v>
      </c>
      <c r="X16595" s="2">
        <v>76.900000000000006</v>
      </c>
      <c r="Y16595" s="2">
        <v>7.6</v>
      </c>
      <c r="Z16595" s="2">
        <v>16.7</v>
      </c>
      <c r="AA16595" s="5"/>
      <c r="AB16595" s="5" t="s">
        <v>43</v>
      </c>
      <c r="AC16595" s="5" t="s">
        <v>44</v>
      </c>
      <c r="AD16595" s="2"/>
      <c r="AE16595" s="1"/>
    </row>
    <row r="16596" spans="1:31" ht="14.45">
      <c r="A16596" s="11"/>
      <c r="B16596" s="20"/>
      <c r="C16596" s="2" t="s">
        <v>50746</v>
      </c>
      <c r="D16596" s="14" t="s">
        <v>50747</v>
      </c>
      <c r="E16596" s="2" t="s">
        <v>50748</v>
      </c>
      <c r="F16596" s="2" t="s">
        <v>36377</v>
      </c>
      <c r="G16596" s="8">
        <v>268</v>
      </c>
      <c r="H16596" s="5">
        <v>6</v>
      </c>
      <c r="I16596" s="5" t="s">
        <v>1518</v>
      </c>
      <c r="J16596" s="5" t="s">
        <v>36264</v>
      </c>
      <c r="K16596" s="2" t="s">
        <v>36265</v>
      </c>
      <c r="L16596" s="5" t="s">
        <v>36264</v>
      </c>
      <c r="M16596" s="2" t="s">
        <v>36265</v>
      </c>
      <c r="N16596" s="5" t="s">
        <v>36266</v>
      </c>
      <c r="O16596" s="5" t="s">
        <v>38</v>
      </c>
      <c r="P16596" s="5" t="s">
        <v>39</v>
      </c>
      <c r="Q16596" s="5" t="s">
        <v>40</v>
      </c>
      <c r="R16596" s="5" t="s">
        <v>1522</v>
      </c>
      <c r="S16596" s="5" t="s">
        <v>1523</v>
      </c>
      <c r="T16596" s="5" t="s">
        <v>42</v>
      </c>
      <c r="U16596" s="2">
        <v>2.1179999999999999</v>
      </c>
      <c r="V16596" s="2">
        <v>1.6619999999999999</v>
      </c>
      <c r="W16596" s="2">
        <v>0.01</v>
      </c>
      <c r="X16596" s="2">
        <v>76.900000000000006</v>
      </c>
      <c r="Y16596" s="2">
        <v>7.6</v>
      </c>
      <c r="Z16596" s="2">
        <v>16.7</v>
      </c>
      <c r="AA16596" s="5"/>
      <c r="AB16596" s="5" t="s">
        <v>43</v>
      </c>
      <c r="AC16596" s="5" t="s">
        <v>44</v>
      </c>
      <c r="AD16596" s="2"/>
      <c r="AE16596" s="1"/>
    </row>
    <row r="16597" spans="1:31" ht="14.45">
      <c r="A16597" s="11"/>
      <c r="B16597" s="20"/>
      <c r="C16597" s="2" t="s">
        <v>50749</v>
      </c>
      <c r="D16597" s="14" t="s">
        <v>50750</v>
      </c>
      <c r="E16597" s="2" t="s">
        <v>50751</v>
      </c>
      <c r="F16597" s="2" t="s">
        <v>36381</v>
      </c>
      <c r="G16597" s="8">
        <v>268</v>
      </c>
      <c r="H16597" s="5">
        <v>6</v>
      </c>
      <c r="I16597" s="5" t="s">
        <v>1518</v>
      </c>
      <c r="J16597" s="5" t="s">
        <v>36264</v>
      </c>
      <c r="K16597" s="2" t="s">
        <v>36265</v>
      </c>
      <c r="L16597" s="5" t="s">
        <v>36264</v>
      </c>
      <c r="M16597" s="2" t="s">
        <v>36265</v>
      </c>
      <c r="N16597" s="5" t="s">
        <v>36266</v>
      </c>
      <c r="O16597" s="5" t="s">
        <v>38</v>
      </c>
      <c r="P16597" s="5" t="s">
        <v>39</v>
      </c>
      <c r="Q16597" s="5" t="s">
        <v>40</v>
      </c>
      <c r="R16597" s="5" t="s">
        <v>1522</v>
      </c>
      <c r="S16597" s="5" t="s">
        <v>1523</v>
      </c>
      <c r="T16597" s="5" t="s">
        <v>42</v>
      </c>
      <c r="U16597" s="2">
        <v>2.1760000000000002</v>
      </c>
      <c r="V16597" s="2">
        <v>1.72</v>
      </c>
      <c r="W16597" s="2">
        <v>0.01</v>
      </c>
      <c r="X16597" s="2">
        <v>76.900000000000006</v>
      </c>
      <c r="Y16597" s="2">
        <v>7.6</v>
      </c>
      <c r="Z16597" s="2">
        <v>16.7</v>
      </c>
      <c r="AA16597" s="5"/>
      <c r="AB16597" s="5" t="s">
        <v>43</v>
      </c>
      <c r="AC16597" s="5" t="s">
        <v>44</v>
      </c>
      <c r="AD16597" s="2"/>
      <c r="AE16597" s="1"/>
    </row>
    <row r="16598" spans="1:31" ht="14.45">
      <c r="A16598" s="11"/>
      <c r="B16598" s="20"/>
      <c r="C16598" s="2" t="s">
        <v>50752</v>
      </c>
      <c r="D16598" s="14" t="s">
        <v>50753</v>
      </c>
      <c r="E16598" s="2" t="s">
        <v>50754</v>
      </c>
      <c r="F16598" s="2" t="s">
        <v>36385</v>
      </c>
      <c r="G16598" s="8">
        <v>268</v>
      </c>
      <c r="H16598" s="5">
        <v>6</v>
      </c>
      <c r="I16598" s="5" t="s">
        <v>1518</v>
      </c>
      <c r="J16598" s="5" t="s">
        <v>36264</v>
      </c>
      <c r="K16598" s="2" t="s">
        <v>36265</v>
      </c>
      <c r="L16598" s="5" t="s">
        <v>36264</v>
      </c>
      <c r="M16598" s="2" t="s">
        <v>36265</v>
      </c>
      <c r="N16598" s="5" t="s">
        <v>36266</v>
      </c>
      <c r="O16598" s="5" t="s">
        <v>38</v>
      </c>
      <c r="P16598" s="5" t="s">
        <v>39</v>
      </c>
      <c r="Q16598" s="5" t="s">
        <v>40</v>
      </c>
      <c r="R16598" s="5" t="s">
        <v>1522</v>
      </c>
      <c r="S16598" s="5" t="s">
        <v>1523</v>
      </c>
      <c r="T16598" s="5" t="s">
        <v>42</v>
      </c>
      <c r="U16598" s="2">
        <v>2.1179999999999999</v>
      </c>
      <c r="V16598" s="2">
        <v>1.6619999999999999</v>
      </c>
      <c r="W16598" s="2">
        <v>0.01</v>
      </c>
      <c r="X16598" s="2">
        <v>76.900000000000006</v>
      </c>
      <c r="Y16598" s="2">
        <v>7.6</v>
      </c>
      <c r="Z16598" s="2">
        <v>16.7</v>
      </c>
      <c r="AA16598" s="5"/>
      <c r="AB16598" s="5" t="s">
        <v>43</v>
      </c>
      <c r="AC16598" s="5" t="s">
        <v>44</v>
      </c>
      <c r="AD16598" s="2"/>
      <c r="AE16598" s="1"/>
    </row>
    <row r="16599" spans="1:31" ht="14.45">
      <c r="A16599" s="11"/>
      <c r="B16599" s="20"/>
      <c r="C16599" s="2" t="s">
        <v>50755</v>
      </c>
      <c r="D16599" s="14" t="s">
        <v>50756</v>
      </c>
      <c r="E16599" s="2" t="s">
        <v>50757</v>
      </c>
      <c r="F16599" s="2" t="s">
        <v>36389</v>
      </c>
      <c r="G16599" s="8">
        <v>268</v>
      </c>
      <c r="H16599" s="5">
        <v>6</v>
      </c>
      <c r="I16599" s="5" t="s">
        <v>1518</v>
      </c>
      <c r="J16599" s="5" t="s">
        <v>36264</v>
      </c>
      <c r="K16599" s="2" t="s">
        <v>36265</v>
      </c>
      <c r="L16599" s="5" t="s">
        <v>36264</v>
      </c>
      <c r="M16599" s="2" t="s">
        <v>36265</v>
      </c>
      <c r="N16599" s="5" t="s">
        <v>36266</v>
      </c>
      <c r="O16599" s="5" t="s">
        <v>38</v>
      </c>
      <c r="P16599" s="5" t="s">
        <v>39</v>
      </c>
      <c r="Q16599" s="5" t="s">
        <v>40</v>
      </c>
      <c r="R16599" s="5" t="s">
        <v>1522</v>
      </c>
      <c r="S16599" s="5" t="s">
        <v>1523</v>
      </c>
      <c r="T16599" s="5" t="s">
        <v>42</v>
      </c>
      <c r="U16599" s="2">
        <v>2.1760000000000002</v>
      </c>
      <c r="V16599" s="2">
        <v>1.72</v>
      </c>
      <c r="W16599" s="2">
        <v>0.01</v>
      </c>
      <c r="X16599" s="2">
        <v>76.900000000000006</v>
      </c>
      <c r="Y16599" s="2">
        <v>7.6</v>
      </c>
      <c r="Z16599" s="2">
        <v>16.7</v>
      </c>
      <c r="AA16599" s="5"/>
      <c r="AB16599" s="5" t="s">
        <v>43</v>
      </c>
      <c r="AC16599" s="5" t="s">
        <v>44</v>
      </c>
      <c r="AD16599" s="2"/>
      <c r="AE16599" s="1"/>
    </row>
    <row r="16600" spans="1:31" ht="14.45">
      <c r="A16600" s="11"/>
      <c r="B16600" s="20"/>
      <c r="C16600" s="2" t="s">
        <v>50758</v>
      </c>
      <c r="D16600" s="14" t="s">
        <v>50759</v>
      </c>
      <c r="E16600" s="2" t="s">
        <v>50760</v>
      </c>
      <c r="F16600" s="2" t="s">
        <v>7514</v>
      </c>
      <c r="G16600" s="8">
        <v>264</v>
      </c>
      <c r="H16600" s="5">
        <v>6</v>
      </c>
      <c r="I16600" s="5" t="s">
        <v>1518</v>
      </c>
      <c r="J16600" s="5" t="s">
        <v>36264</v>
      </c>
      <c r="K16600" s="2" t="s">
        <v>36265</v>
      </c>
      <c r="L16600" s="5" t="s">
        <v>36264</v>
      </c>
      <c r="M16600" s="2" t="s">
        <v>36265</v>
      </c>
      <c r="N16600" s="5" t="s">
        <v>36266</v>
      </c>
      <c r="O16600" s="5" t="s">
        <v>38</v>
      </c>
      <c r="P16600" s="5" t="s">
        <v>39</v>
      </c>
      <c r="Q16600" s="5" t="s">
        <v>40</v>
      </c>
      <c r="R16600" s="5" t="s">
        <v>1522</v>
      </c>
      <c r="S16600" s="5" t="s">
        <v>1523</v>
      </c>
      <c r="T16600" s="5" t="s">
        <v>42</v>
      </c>
      <c r="U16600" s="2">
        <v>2.4500000000000002</v>
      </c>
      <c r="V16600" s="2">
        <v>1.8859999999999999</v>
      </c>
      <c r="W16600" s="2">
        <v>1.2999999999999999E-2</v>
      </c>
      <c r="X16600" s="2">
        <v>99.1</v>
      </c>
      <c r="Y16600" s="2">
        <v>7.6</v>
      </c>
      <c r="Z16600" s="2">
        <v>16.7</v>
      </c>
      <c r="AA16600" s="5"/>
      <c r="AB16600" s="5" t="s">
        <v>43</v>
      </c>
      <c r="AC16600" s="5" t="s">
        <v>44</v>
      </c>
      <c r="AD16600" s="2"/>
      <c r="AE16600" s="1"/>
    </row>
    <row r="16601" spans="1:31" ht="14.45">
      <c r="A16601" s="11"/>
      <c r="B16601" s="20"/>
      <c r="C16601" s="2" t="s">
        <v>50761</v>
      </c>
      <c r="D16601" s="14" t="s">
        <v>50762</v>
      </c>
      <c r="E16601" s="2" t="s">
        <v>50763</v>
      </c>
      <c r="F16601" s="2" t="s">
        <v>36277</v>
      </c>
      <c r="G16601" s="8">
        <v>264</v>
      </c>
      <c r="H16601" s="5">
        <v>6</v>
      </c>
      <c r="I16601" s="5" t="s">
        <v>1518</v>
      </c>
      <c r="J16601" s="5" t="s">
        <v>36264</v>
      </c>
      <c r="K16601" s="2" t="s">
        <v>36265</v>
      </c>
      <c r="L16601" s="5" t="s">
        <v>36264</v>
      </c>
      <c r="M16601" s="2" t="s">
        <v>36265</v>
      </c>
      <c r="N16601" s="5" t="s">
        <v>36266</v>
      </c>
      <c r="O16601" s="5" t="s">
        <v>38</v>
      </c>
      <c r="P16601" s="5" t="s">
        <v>39</v>
      </c>
      <c r="Q16601" s="5" t="s">
        <v>40</v>
      </c>
      <c r="R16601" s="5" t="s">
        <v>1522</v>
      </c>
      <c r="S16601" s="5" t="s">
        <v>1523</v>
      </c>
      <c r="T16601" s="5" t="s">
        <v>42</v>
      </c>
      <c r="U16601" s="2">
        <v>2.4500000000000002</v>
      </c>
      <c r="V16601" s="2">
        <v>1.8859999999999999</v>
      </c>
      <c r="W16601" s="2">
        <v>1.2999999999999999E-2</v>
      </c>
      <c r="X16601" s="2">
        <v>99.1</v>
      </c>
      <c r="Y16601" s="2">
        <v>7.6</v>
      </c>
      <c r="Z16601" s="2">
        <v>16.7</v>
      </c>
      <c r="AA16601" s="5"/>
      <c r="AB16601" s="5" t="s">
        <v>43</v>
      </c>
      <c r="AC16601" s="5" t="s">
        <v>44</v>
      </c>
      <c r="AD16601" s="2"/>
      <c r="AE16601" s="1"/>
    </row>
    <row r="16602" spans="1:31" ht="14.45">
      <c r="A16602" s="11"/>
      <c r="B16602" s="20"/>
      <c r="C16602" s="2" t="s">
        <v>50764</v>
      </c>
      <c r="D16602" s="14" t="s">
        <v>50765</v>
      </c>
      <c r="E16602" s="2" t="s">
        <v>50766</v>
      </c>
      <c r="F16602" s="2" t="s">
        <v>36293</v>
      </c>
      <c r="G16602" s="8">
        <v>284</v>
      </c>
      <c r="H16602" s="5">
        <v>6</v>
      </c>
      <c r="I16602" s="5" t="s">
        <v>1518</v>
      </c>
      <c r="J16602" s="5" t="s">
        <v>36264</v>
      </c>
      <c r="K16602" s="2" t="s">
        <v>36265</v>
      </c>
      <c r="L16602" s="5" t="s">
        <v>36264</v>
      </c>
      <c r="M16602" s="2" t="s">
        <v>36265</v>
      </c>
      <c r="N16602" s="5" t="s">
        <v>36266</v>
      </c>
      <c r="O16602" s="5" t="s">
        <v>38</v>
      </c>
      <c r="P16602" s="5" t="s">
        <v>39</v>
      </c>
      <c r="Q16602" s="5" t="s">
        <v>40</v>
      </c>
      <c r="R16602" s="5" t="s">
        <v>1522</v>
      </c>
      <c r="S16602" s="5" t="s">
        <v>1523</v>
      </c>
      <c r="T16602" s="5" t="s">
        <v>42</v>
      </c>
      <c r="U16602" s="2">
        <v>2.4500000000000002</v>
      </c>
      <c r="V16602" s="2">
        <v>1.8859999999999999</v>
      </c>
      <c r="W16602" s="2">
        <v>1.2999999999999999E-2</v>
      </c>
      <c r="X16602" s="2">
        <v>99.1</v>
      </c>
      <c r="Y16602" s="2">
        <v>7.6</v>
      </c>
      <c r="Z16602" s="2">
        <v>16.7</v>
      </c>
      <c r="AA16602" s="5"/>
      <c r="AB16602" s="5" t="s">
        <v>43</v>
      </c>
      <c r="AC16602" s="5" t="s">
        <v>44</v>
      </c>
      <c r="AD16602" s="2"/>
      <c r="AE16602" s="1"/>
    </row>
    <row r="16603" spans="1:31" ht="14.45">
      <c r="A16603" s="11"/>
      <c r="B16603" s="20"/>
      <c r="C16603" s="2" t="s">
        <v>50767</v>
      </c>
      <c r="D16603" s="14" t="s">
        <v>50768</v>
      </c>
      <c r="E16603" s="2" t="s">
        <v>50769</v>
      </c>
      <c r="F16603" s="2" t="s">
        <v>36297</v>
      </c>
      <c r="G16603" s="8">
        <v>264</v>
      </c>
      <c r="H16603" s="5">
        <v>6</v>
      </c>
      <c r="I16603" s="5" t="s">
        <v>1518</v>
      </c>
      <c r="J16603" s="5" t="s">
        <v>36264</v>
      </c>
      <c r="K16603" s="2" t="s">
        <v>36265</v>
      </c>
      <c r="L16603" s="5" t="s">
        <v>36264</v>
      </c>
      <c r="M16603" s="2" t="s">
        <v>36265</v>
      </c>
      <c r="N16603" s="5" t="s">
        <v>36266</v>
      </c>
      <c r="O16603" s="5" t="s">
        <v>38</v>
      </c>
      <c r="P16603" s="5" t="s">
        <v>39</v>
      </c>
      <c r="Q16603" s="5" t="s">
        <v>40</v>
      </c>
      <c r="R16603" s="5" t="s">
        <v>1522</v>
      </c>
      <c r="S16603" s="5" t="s">
        <v>1523</v>
      </c>
      <c r="T16603" s="5" t="s">
        <v>42</v>
      </c>
      <c r="U16603" s="2">
        <v>2.3809999999999998</v>
      </c>
      <c r="V16603" s="2">
        <v>1.8169999999999999</v>
      </c>
      <c r="W16603" s="2">
        <v>1.2999999999999999E-2</v>
      </c>
      <c r="X16603" s="2">
        <v>99.1</v>
      </c>
      <c r="Y16603" s="2">
        <v>7.6</v>
      </c>
      <c r="Z16603" s="2">
        <v>16.7</v>
      </c>
      <c r="AA16603" s="5"/>
      <c r="AB16603" s="5" t="s">
        <v>43</v>
      </c>
      <c r="AC16603" s="5" t="s">
        <v>44</v>
      </c>
      <c r="AD16603" s="2"/>
      <c r="AE16603" s="1"/>
    </row>
    <row r="16604" spans="1:31" ht="14.45">
      <c r="A16604" s="11"/>
      <c r="B16604" s="20"/>
      <c r="C16604" s="2" t="s">
        <v>50770</v>
      </c>
      <c r="D16604" s="14" t="s">
        <v>50771</v>
      </c>
      <c r="E16604" s="2" t="s">
        <v>50772</v>
      </c>
      <c r="F16604" s="2" t="s">
        <v>36301</v>
      </c>
      <c r="G16604" s="8">
        <v>264</v>
      </c>
      <c r="H16604" s="5">
        <v>6</v>
      </c>
      <c r="I16604" s="5" t="s">
        <v>1518</v>
      </c>
      <c r="J16604" s="5" t="s">
        <v>36264</v>
      </c>
      <c r="K16604" s="2" t="s">
        <v>36265</v>
      </c>
      <c r="L16604" s="5" t="s">
        <v>36264</v>
      </c>
      <c r="M16604" s="2" t="s">
        <v>36265</v>
      </c>
      <c r="N16604" s="5" t="s">
        <v>36266</v>
      </c>
      <c r="O16604" s="5" t="s">
        <v>38</v>
      </c>
      <c r="P16604" s="5" t="s">
        <v>39</v>
      </c>
      <c r="Q16604" s="5" t="s">
        <v>40</v>
      </c>
      <c r="R16604" s="5" t="s">
        <v>1522</v>
      </c>
      <c r="S16604" s="5" t="s">
        <v>1523</v>
      </c>
      <c r="T16604" s="5" t="s">
        <v>42</v>
      </c>
      <c r="U16604" s="2">
        <v>2.4500000000000002</v>
      </c>
      <c r="V16604" s="2">
        <v>1.8859999999999999</v>
      </c>
      <c r="W16604" s="2">
        <v>1.2999999999999999E-2</v>
      </c>
      <c r="X16604" s="2">
        <v>99.1</v>
      </c>
      <c r="Y16604" s="2">
        <v>7.6</v>
      </c>
      <c r="Z16604" s="2">
        <v>16.7</v>
      </c>
      <c r="AA16604" s="5"/>
      <c r="AB16604" s="5" t="s">
        <v>43</v>
      </c>
      <c r="AC16604" s="5" t="s">
        <v>44</v>
      </c>
      <c r="AD16604" s="2"/>
      <c r="AE16604" s="1"/>
    </row>
    <row r="16605" spans="1:31" ht="14.45">
      <c r="A16605" s="11"/>
      <c r="B16605" s="20"/>
      <c r="C16605" s="2" t="s">
        <v>50773</v>
      </c>
      <c r="D16605" s="14" t="s">
        <v>50774</v>
      </c>
      <c r="E16605" s="2" t="s">
        <v>50775</v>
      </c>
      <c r="F16605" s="2" t="s">
        <v>36329</v>
      </c>
      <c r="G16605" s="8">
        <v>284</v>
      </c>
      <c r="H16605" s="5">
        <v>6</v>
      </c>
      <c r="I16605" s="5" t="s">
        <v>1518</v>
      </c>
      <c r="J16605" s="5" t="s">
        <v>36264</v>
      </c>
      <c r="K16605" s="2" t="s">
        <v>36265</v>
      </c>
      <c r="L16605" s="5" t="s">
        <v>36264</v>
      </c>
      <c r="M16605" s="2" t="s">
        <v>36265</v>
      </c>
      <c r="N16605" s="5" t="s">
        <v>36266</v>
      </c>
      <c r="O16605" s="5" t="s">
        <v>38</v>
      </c>
      <c r="P16605" s="5" t="s">
        <v>39</v>
      </c>
      <c r="Q16605" s="5" t="s">
        <v>40</v>
      </c>
      <c r="R16605" s="5" t="s">
        <v>1522</v>
      </c>
      <c r="S16605" s="5" t="s">
        <v>1523</v>
      </c>
      <c r="T16605" s="5" t="s">
        <v>42</v>
      </c>
      <c r="U16605" s="2">
        <v>2.3809999999999998</v>
      </c>
      <c r="V16605" s="2">
        <v>1.8169999999999999</v>
      </c>
      <c r="W16605" s="2">
        <v>1.2999999999999999E-2</v>
      </c>
      <c r="X16605" s="2">
        <v>99.1</v>
      </c>
      <c r="Y16605" s="2">
        <v>7.6</v>
      </c>
      <c r="Z16605" s="2">
        <v>16.7</v>
      </c>
      <c r="AA16605" s="5"/>
      <c r="AB16605" s="5" t="s">
        <v>43</v>
      </c>
      <c r="AC16605" s="5" t="s">
        <v>44</v>
      </c>
      <c r="AD16605" s="2"/>
      <c r="AE16605" s="1"/>
    </row>
    <row r="16606" spans="1:31" ht="14.45">
      <c r="A16606" s="11"/>
      <c r="B16606" s="20"/>
      <c r="C16606" s="2" t="s">
        <v>50776</v>
      </c>
      <c r="D16606" s="14" t="s">
        <v>50777</v>
      </c>
      <c r="E16606" s="2" t="s">
        <v>50778</v>
      </c>
      <c r="F16606" s="2" t="s">
        <v>36333</v>
      </c>
      <c r="G16606" s="8">
        <v>284</v>
      </c>
      <c r="H16606" s="5">
        <v>6</v>
      </c>
      <c r="I16606" s="5" t="s">
        <v>1518</v>
      </c>
      <c r="J16606" s="5" t="s">
        <v>36264</v>
      </c>
      <c r="K16606" s="2" t="s">
        <v>36265</v>
      </c>
      <c r="L16606" s="5" t="s">
        <v>36264</v>
      </c>
      <c r="M16606" s="2" t="s">
        <v>36265</v>
      </c>
      <c r="N16606" s="5" t="s">
        <v>36266</v>
      </c>
      <c r="O16606" s="5" t="s">
        <v>38</v>
      </c>
      <c r="P16606" s="5" t="s">
        <v>39</v>
      </c>
      <c r="Q16606" s="5" t="s">
        <v>40</v>
      </c>
      <c r="R16606" s="5" t="s">
        <v>1522</v>
      </c>
      <c r="S16606" s="5" t="s">
        <v>1523</v>
      </c>
      <c r="T16606" s="5" t="s">
        <v>42</v>
      </c>
      <c r="U16606" s="2">
        <v>2.4500000000000002</v>
      </c>
      <c r="V16606" s="2">
        <v>1.8859999999999999</v>
      </c>
      <c r="W16606" s="2">
        <v>1.2999999999999999E-2</v>
      </c>
      <c r="X16606" s="2">
        <v>99.1</v>
      </c>
      <c r="Y16606" s="2">
        <v>7.6</v>
      </c>
      <c r="Z16606" s="2">
        <v>16.7</v>
      </c>
      <c r="AA16606" s="5"/>
      <c r="AB16606" s="5" t="s">
        <v>43</v>
      </c>
      <c r="AC16606" s="5" t="s">
        <v>44</v>
      </c>
      <c r="AD16606" s="2"/>
      <c r="AE16606" s="1"/>
    </row>
    <row r="16607" spans="1:31" ht="14.45">
      <c r="A16607" s="11"/>
      <c r="B16607" s="20"/>
      <c r="C16607" s="2" t="s">
        <v>50779</v>
      </c>
      <c r="D16607" s="14" t="s">
        <v>50780</v>
      </c>
      <c r="E16607" s="2" t="s">
        <v>50781</v>
      </c>
      <c r="F16607" s="2" t="s">
        <v>36349</v>
      </c>
      <c r="G16607" s="8">
        <v>284</v>
      </c>
      <c r="H16607" s="5">
        <v>6</v>
      </c>
      <c r="I16607" s="5" t="s">
        <v>1518</v>
      </c>
      <c r="J16607" s="5" t="s">
        <v>36264</v>
      </c>
      <c r="K16607" s="2" t="s">
        <v>36265</v>
      </c>
      <c r="L16607" s="5" t="s">
        <v>36264</v>
      </c>
      <c r="M16607" s="2" t="s">
        <v>36265</v>
      </c>
      <c r="N16607" s="5" t="s">
        <v>36266</v>
      </c>
      <c r="O16607" s="5" t="s">
        <v>38</v>
      </c>
      <c r="P16607" s="5" t="s">
        <v>39</v>
      </c>
      <c r="Q16607" s="5" t="s">
        <v>40</v>
      </c>
      <c r="R16607" s="5" t="s">
        <v>1522</v>
      </c>
      <c r="S16607" s="5" t="s">
        <v>1523</v>
      </c>
      <c r="T16607" s="5" t="s">
        <v>42</v>
      </c>
      <c r="U16607" s="2">
        <v>2.4500000000000002</v>
      </c>
      <c r="V16607" s="2">
        <v>1.8859999999999999</v>
      </c>
      <c r="W16607" s="2">
        <v>1.2999999999999999E-2</v>
      </c>
      <c r="X16607" s="2">
        <v>99.1</v>
      </c>
      <c r="Y16607" s="2">
        <v>7.6</v>
      </c>
      <c r="Z16607" s="2">
        <v>16.7</v>
      </c>
      <c r="AA16607" s="5"/>
      <c r="AB16607" s="5" t="s">
        <v>43</v>
      </c>
      <c r="AC16607" s="5" t="s">
        <v>44</v>
      </c>
      <c r="AD16607" s="2"/>
      <c r="AE16607" s="1"/>
    </row>
    <row r="16608" spans="1:31" ht="14.45">
      <c r="A16608" s="11"/>
      <c r="B16608" s="20"/>
      <c r="C16608" s="2" t="s">
        <v>50782</v>
      </c>
      <c r="D16608" s="14" t="s">
        <v>50783</v>
      </c>
      <c r="E16608" s="2" t="s">
        <v>50784</v>
      </c>
      <c r="F16608" s="2" t="s">
        <v>36381</v>
      </c>
      <c r="G16608" s="8">
        <v>284</v>
      </c>
      <c r="H16608" s="5">
        <v>6</v>
      </c>
      <c r="I16608" s="5" t="s">
        <v>1518</v>
      </c>
      <c r="J16608" s="5" t="s">
        <v>36264</v>
      </c>
      <c r="K16608" s="2" t="s">
        <v>36265</v>
      </c>
      <c r="L16608" s="5" t="s">
        <v>36264</v>
      </c>
      <c r="M16608" s="2" t="s">
        <v>36265</v>
      </c>
      <c r="N16608" s="5" t="s">
        <v>36266</v>
      </c>
      <c r="O16608" s="5" t="s">
        <v>38</v>
      </c>
      <c r="P16608" s="5" t="s">
        <v>39</v>
      </c>
      <c r="Q16608" s="5" t="s">
        <v>40</v>
      </c>
      <c r="R16608" s="5" t="s">
        <v>1522</v>
      </c>
      <c r="S16608" s="5" t="s">
        <v>1523</v>
      </c>
      <c r="T16608" s="5" t="s">
        <v>42</v>
      </c>
      <c r="U16608" s="2">
        <v>2.4500000000000002</v>
      </c>
      <c r="V16608" s="2">
        <v>1.8859999999999999</v>
      </c>
      <c r="W16608" s="2">
        <v>1.2999999999999999E-2</v>
      </c>
      <c r="X16608" s="2">
        <v>99.1</v>
      </c>
      <c r="Y16608" s="2">
        <v>7.6</v>
      </c>
      <c r="Z16608" s="2">
        <v>16.7</v>
      </c>
      <c r="AA16608" s="5"/>
      <c r="AB16608" s="5" t="s">
        <v>43</v>
      </c>
      <c r="AC16608" s="5" t="s">
        <v>44</v>
      </c>
      <c r="AD16608" s="2"/>
      <c r="AE16608" s="1"/>
    </row>
    <row r="16609" spans="1:31" ht="14.45">
      <c r="A16609" s="11"/>
      <c r="B16609" s="20"/>
      <c r="C16609" s="2" t="s">
        <v>50785</v>
      </c>
      <c r="D16609" s="14" t="s">
        <v>50786</v>
      </c>
      <c r="E16609" s="2" t="s">
        <v>50787</v>
      </c>
      <c r="F16609" s="2" t="s">
        <v>7204</v>
      </c>
      <c r="G16609" s="8">
        <v>236</v>
      </c>
      <c r="H16609" s="5">
        <v>6</v>
      </c>
      <c r="I16609" s="5" t="s">
        <v>1518</v>
      </c>
      <c r="J16609" s="5" t="s">
        <v>36264</v>
      </c>
      <c r="K16609" s="2" t="s">
        <v>36265</v>
      </c>
      <c r="L16609" s="5" t="s">
        <v>36264</v>
      </c>
      <c r="M16609" s="2" t="s">
        <v>36265</v>
      </c>
      <c r="N16609" s="5" t="s">
        <v>36266</v>
      </c>
      <c r="O16609" s="5" t="s">
        <v>38</v>
      </c>
      <c r="P16609" s="5" t="s">
        <v>39</v>
      </c>
      <c r="Q16609" s="5" t="s">
        <v>40</v>
      </c>
      <c r="R16609" s="5" t="s">
        <v>1522</v>
      </c>
      <c r="S16609" s="5" t="s">
        <v>1523</v>
      </c>
      <c r="T16609" s="5" t="s">
        <v>42</v>
      </c>
      <c r="U16609" s="2">
        <v>2.0139999999999998</v>
      </c>
      <c r="V16609" s="2">
        <v>1.554</v>
      </c>
      <c r="W16609" s="2">
        <v>0.01</v>
      </c>
      <c r="X16609" s="2">
        <v>76.900000000000006</v>
      </c>
      <c r="Y16609" s="2">
        <v>7.6</v>
      </c>
      <c r="Z16609" s="2">
        <v>16.7</v>
      </c>
      <c r="AA16609" s="5"/>
      <c r="AB16609" s="5" t="s">
        <v>43</v>
      </c>
      <c r="AC16609" s="5" t="s">
        <v>44</v>
      </c>
      <c r="AD16609" s="2"/>
      <c r="AE16609" s="1"/>
    </row>
    <row r="16610" spans="1:31" ht="14.45">
      <c r="A16610" s="11"/>
      <c r="B16610" s="20"/>
      <c r="C16610" s="2" t="s">
        <v>50788</v>
      </c>
      <c r="D16610" s="14" t="s">
        <v>50789</v>
      </c>
      <c r="E16610" s="2" t="s">
        <v>50790</v>
      </c>
      <c r="F16610" s="2" t="s">
        <v>7514</v>
      </c>
      <c r="G16610" s="8">
        <v>236</v>
      </c>
      <c r="H16610" s="5">
        <v>6</v>
      </c>
      <c r="I16610" s="5" t="s">
        <v>1518</v>
      </c>
      <c r="J16610" s="5" t="s">
        <v>36264</v>
      </c>
      <c r="K16610" s="2" t="s">
        <v>36265</v>
      </c>
      <c r="L16610" s="5" t="s">
        <v>36264</v>
      </c>
      <c r="M16610" s="2" t="s">
        <v>36265</v>
      </c>
      <c r="N16610" s="5" t="s">
        <v>36266</v>
      </c>
      <c r="O16610" s="5" t="s">
        <v>38</v>
      </c>
      <c r="P16610" s="5" t="s">
        <v>39</v>
      </c>
      <c r="Q16610" s="5" t="s">
        <v>40</v>
      </c>
      <c r="R16610" s="5" t="s">
        <v>1522</v>
      </c>
      <c r="S16610" s="5" t="s">
        <v>1523</v>
      </c>
      <c r="T16610" s="5" t="s">
        <v>42</v>
      </c>
      <c r="U16610" s="2">
        <v>2.0640000000000001</v>
      </c>
      <c r="V16610" s="2">
        <v>1.6040000000000001</v>
      </c>
      <c r="W16610" s="2">
        <v>0.01</v>
      </c>
      <c r="X16610" s="2">
        <v>76.900000000000006</v>
      </c>
      <c r="Y16610" s="2">
        <v>7.6</v>
      </c>
      <c r="Z16610" s="2">
        <v>16.7</v>
      </c>
      <c r="AA16610" s="5"/>
      <c r="AB16610" s="5" t="s">
        <v>43</v>
      </c>
      <c r="AC16610" s="5" t="s">
        <v>44</v>
      </c>
      <c r="AD16610" s="2"/>
      <c r="AE16610" s="1"/>
    </row>
    <row r="16611" spans="1:31" ht="14.45">
      <c r="A16611" s="11"/>
      <c r="B16611" s="20"/>
      <c r="C16611" s="2" t="s">
        <v>50791</v>
      </c>
      <c r="D16611" s="14" t="s">
        <v>50792</v>
      </c>
      <c r="E16611" s="2" t="s">
        <v>50793</v>
      </c>
      <c r="F16611" s="2" t="s">
        <v>36273</v>
      </c>
      <c r="G16611" s="8">
        <v>236</v>
      </c>
      <c r="H16611" s="5">
        <v>6</v>
      </c>
      <c r="I16611" s="5" t="s">
        <v>1518</v>
      </c>
      <c r="J16611" s="5" t="s">
        <v>36264</v>
      </c>
      <c r="K16611" s="2" t="s">
        <v>36265</v>
      </c>
      <c r="L16611" s="5" t="s">
        <v>36264</v>
      </c>
      <c r="M16611" s="2" t="s">
        <v>36265</v>
      </c>
      <c r="N16611" s="5" t="s">
        <v>36266</v>
      </c>
      <c r="O16611" s="5" t="s">
        <v>38</v>
      </c>
      <c r="P16611" s="5" t="s">
        <v>39</v>
      </c>
      <c r="Q16611" s="5" t="s">
        <v>40</v>
      </c>
      <c r="R16611" s="5" t="s">
        <v>1522</v>
      </c>
      <c r="S16611" s="5" t="s">
        <v>1523</v>
      </c>
      <c r="T16611" s="5" t="s">
        <v>42</v>
      </c>
      <c r="U16611" s="2">
        <v>2.0139999999999998</v>
      </c>
      <c r="V16611" s="2">
        <v>1.554</v>
      </c>
      <c r="W16611" s="2">
        <v>0.01</v>
      </c>
      <c r="X16611" s="2">
        <v>76.900000000000006</v>
      </c>
      <c r="Y16611" s="2">
        <v>7.6</v>
      </c>
      <c r="Z16611" s="2">
        <v>16.7</v>
      </c>
      <c r="AA16611" s="5"/>
      <c r="AB16611" s="5" t="s">
        <v>43</v>
      </c>
      <c r="AC16611" s="5" t="s">
        <v>44</v>
      </c>
      <c r="AD16611" s="2"/>
      <c r="AE16611" s="1"/>
    </row>
    <row r="16612" spans="1:31" ht="14.45">
      <c r="A16612" s="11"/>
      <c r="B16612" s="20"/>
      <c r="C16612" s="2" t="s">
        <v>50794</v>
      </c>
      <c r="D16612" s="14" t="s">
        <v>50795</v>
      </c>
      <c r="E16612" s="2" t="s">
        <v>50796</v>
      </c>
      <c r="F16612" s="2" t="s">
        <v>36277</v>
      </c>
      <c r="G16612" s="8">
        <v>236</v>
      </c>
      <c r="H16612" s="5">
        <v>6</v>
      </c>
      <c r="I16612" s="5" t="s">
        <v>1518</v>
      </c>
      <c r="J16612" s="5" t="s">
        <v>36264</v>
      </c>
      <c r="K16612" s="2" t="s">
        <v>36265</v>
      </c>
      <c r="L16612" s="5" t="s">
        <v>36264</v>
      </c>
      <c r="M16612" s="2" t="s">
        <v>36265</v>
      </c>
      <c r="N16612" s="5" t="s">
        <v>36266</v>
      </c>
      <c r="O16612" s="5" t="s">
        <v>38</v>
      </c>
      <c r="P16612" s="5" t="s">
        <v>39</v>
      </c>
      <c r="Q16612" s="5" t="s">
        <v>40</v>
      </c>
      <c r="R16612" s="5" t="s">
        <v>1522</v>
      </c>
      <c r="S16612" s="5" t="s">
        <v>1523</v>
      </c>
      <c r="T16612" s="5" t="s">
        <v>42</v>
      </c>
      <c r="U16612" s="2">
        <v>2.0640000000000001</v>
      </c>
      <c r="V16612" s="2">
        <v>1.6040000000000001</v>
      </c>
      <c r="W16612" s="2">
        <v>0.01</v>
      </c>
      <c r="X16612" s="2">
        <v>76.900000000000006</v>
      </c>
      <c r="Y16612" s="2">
        <v>7.6</v>
      </c>
      <c r="Z16612" s="2">
        <v>16.7</v>
      </c>
      <c r="AA16612" s="5"/>
      <c r="AB16612" s="5" t="s">
        <v>43</v>
      </c>
      <c r="AC16612" s="5" t="s">
        <v>44</v>
      </c>
      <c r="AD16612" s="2"/>
      <c r="AE16612" s="1"/>
    </row>
    <row r="16613" spans="1:31" ht="14.45">
      <c r="A16613" s="11"/>
      <c r="B16613" s="20"/>
      <c r="C16613" s="2" t="s">
        <v>50797</v>
      </c>
      <c r="D16613" s="14" t="s">
        <v>50798</v>
      </c>
      <c r="E16613" s="2" t="s">
        <v>50799</v>
      </c>
      <c r="F16613" s="2" t="s">
        <v>36289</v>
      </c>
      <c r="G16613" s="8">
        <v>251</v>
      </c>
      <c r="H16613" s="5">
        <v>6</v>
      </c>
      <c r="I16613" s="5" t="s">
        <v>1518</v>
      </c>
      <c r="J16613" s="5" t="s">
        <v>36264</v>
      </c>
      <c r="K16613" s="2" t="s">
        <v>36265</v>
      </c>
      <c r="L16613" s="5" t="s">
        <v>36264</v>
      </c>
      <c r="M16613" s="2" t="s">
        <v>36265</v>
      </c>
      <c r="N16613" s="5" t="s">
        <v>36266</v>
      </c>
      <c r="O16613" s="5" t="s">
        <v>38</v>
      </c>
      <c r="P16613" s="5" t="s">
        <v>39</v>
      </c>
      <c r="Q16613" s="5" t="s">
        <v>40</v>
      </c>
      <c r="R16613" s="5" t="s">
        <v>1522</v>
      </c>
      <c r="S16613" s="5" t="s">
        <v>1523</v>
      </c>
      <c r="T16613" s="5" t="s">
        <v>42</v>
      </c>
      <c r="U16613" s="2">
        <v>2.0139999999999998</v>
      </c>
      <c r="V16613" s="2">
        <v>1.554</v>
      </c>
      <c r="W16613" s="2">
        <v>0.01</v>
      </c>
      <c r="X16613" s="2">
        <v>76.900000000000006</v>
      </c>
      <c r="Y16613" s="2">
        <v>7.6</v>
      </c>
      <c r="Z16613" s="2">
        <v>16.7</v>
      </c>
      <c r="AA16613" s="5"/>
      <c r="AB16613" s="5" t="s">
        <v>43</v>
      </c>
      <c r="AC16613" s="5" t="s">
        <v>44</v>
      </c>
      <c r="AD16613" s="2"/>
      <c r="AE16613" s="1"/>
    </row>
    <row r="16614" spans="1:31" ht="14.45">
      <c r="A16614" s="11"/>
      <c r="B16614" s="20"/>
      <c r="C16614" s="2" t="s">
        <v>50800</v>
      </c>
      <c r="D16614" s="14" t="s">
        <v>50801</v>
      </c>
      <c r="E16614" s="2" t="s">
        <v>50802</v>
      </c>
      <c r="F16614" s="2" t="s">
        <v>36293</v>
      </c>
      <c r="G16614" s="8">
        <v>251</v>
      </c>
      <c r="H16614" s="5">
        <v>6</v>
      </c>
      <c r="I16614" s="5" t="s">
        <v>1518</v>
      </c>
      <c r="J16614" s="5" t="s">
        <v>36264</v>
      </c>
      <c r="K16614" s="2" t="s">
        <v>36265</v>
      </c>
      <c r="L16614" s="5" t="s">
        <v>36264</v>
      </c>
      <c r="M16614" s="2" t="s">
        <v>36265</v>
      </c>
      <c r="N16614" s="5" t="s">
        <v>36266</v>
      </c>
      <c r="O16614" s="5" t="s">
        <v>38</v>
      </c>
      <c r="P16614" s="5" t="s">
        <v>39</v>
      </c>
      <c r="Q16614" s="5" t="s">
        <v>40</v>
      </c>
      <c r="R16614" s="5" t="s">
        <v>1522</v>
      </c>
      <c r="S16614" s="5" t="s">
        <v>1523</v>
      </c>
      <c r="T16614" s="5" t="s">
        <v>42</v>
      </c>
      <c r="U16614" s="2">
        <v>2.0640000000000001</v>
      </c>
      <c r="V16614" s="2">
        <v>1.6040000000000001</v>
      </c>
      <c r="W16614" s="2">
        <v>0.01</v>
      </c>
      <c r="X16614" s="2">
        <v>76.900000000000006</v>
      </c>
      <c r="Y16614" s="2">
        <v>7.6</v>
      </c>
      <c r="Z16614" s="2">
        <v>16.7</v>
      </c>
      <c r="AA16614" s="5"/>
      <c r="AB16614" s="5" t="s">
        <v>43</v>
      </c>
      <c r="AC16614" s="5" t="s">
        <v>44</v>
      </c>
      <c r="AD16614" s="2"/>
      <c r="AE16614" s="1"/>
    </row>
    <row r="16615" spans="1:31" ht="14.45">
      <c r="A16615" s="11"/>
      <c r="B16615" s="20"/>
      <c r="C16615" s="2" t="s">
        <v>50803</v>
      </c>
      <c r="D16615" s="14" t="s">
        <v>50804</v>
      </c>
      <c r="E16615" s="2" t="s">
        <v>50805</v>
      </c>
      <c r="F16615" s="2" t="s">
        <v>36297</v>
      </c>
      <c r="G16615" s="8">
        <v>236</v>
      </c>
      <c r="H16615" s="5">
        <v>6</v>
      </c>
      <c r="I16615" s="5" t="s">
        <v>1518</v>
      </c>
      <c r="J16615" s="5" t="s">
        <v>36264</v>
      </c>
      <c r="K16615" s="2" t="s">
        <v>36265</v>
      </c>
      <c r="L16615" s="5" t="s">
        <v>36264</v>
      </c>
      <c r="M16615" s="2" t="s">
        <v>36265</v>
      </c>
      <c r="N16615" s="5" t="s">
        <v>36266</v>
      </c>
      <c r="O16615" s="5" t="s">
        <v>38</v>
      </c>
      <c r="P16615" s="5" t="s">
        <v>39</v>
      </c>
      <c r="Q16615" s="5" t="s">
        <v>40</v>
      </c>
      <c r="R16615" s="5" t="s">
        <v>1522</v>
      </c>
      <c r="S16615" s="5" t="s">
        <v>1523</v>
      </c>
      <c r="T16615" s="5" t="s">
        <v>42</v>
      </c>
      <c r="U16615" s="2">
        <v>2.0139999999999998</v>
      </c>
      <c r="V16615" s="2">
        <v>1.554</v>
      </c>
      <c r="W16615" s="2">
        <v>0.01</v>
      </c>
      <c r="X16615" s="2">
        <v>76.900000000000006</v>
      </c>
      <c r="Y16615" s="2">
        <v>7.6</v>
      </c>
      <c r="Z16615" s="2">
        <v>16.7</v>
      </c>
      <c r="AA16615" s="5"/>
      <c r="AB16615" s="5" t="s">
        <v>43</v>
      </c>
      <c r="AC16615" s="5" t="s">
        <v>44</v>
      </c>
      <c r="AD16615" s="2"/>
      <c r="AE16615" s="1"/>
    </row>
    <row r="16616" spans="1:31" ht="14.45">
      <c r="A16616" s="11"/>
      <c r="B16616" s="20"/>
      <c r="C16616" s="2" t="s">
        <v>50806</v>
      </c>
      <c r="D16616" s="14" t="s">
        <v>50807</v>
      </c>
      <c r="E16616" s="2" t="s">
        <v>50808</v>
      </c>
      <c r="F16616" s="2" t="s">
        <v>36301</v>
      </c>
      <c r="G16616" s="8">
        <v>236</v>
      </c>
      <c r="H16616" s="5">
        <v>6</v>
      </c>
      <c r="I16616" s="5" t="s">
        <v>1518</v>
      </c>
      <c r="J16616" s="5" t="s">
        <v>36264</v>
      </c>
      <c r="K16616" s="2" t="s">
        <v>36265</v>
      </c>
      <c r="L16616" s="5" t="s">
        <v>36264</v>
      </c>
      <c r="M16616" s="2" t="s">
        <v>36265</v>
      </c>
      <c r="N16616" s="5" t="s">
        <v>36266</v>
      </c>
      <c r="O16616" s="5" t="s">
        <v>38</v>
      </c>
      <c r="P16616" s="5" t="s">
        <v>39</v>
      </c>
      <c r="Q16616" s="5" t="s">
        <v>40</v>
      </c>
      <c r="R16616" s="5" t="s">
        <v>1522</v>
      </c>
      <c r="S16616" s="5" t="s">
        <v>1523</v>
      </c>
      <c r="T16616" s="5" t="s">
        <v>42</v>
      </c>
      <c r="U16616" s="2">
        <v>2.0640000000000001</v>
      </c>
      <c r="V16616" s="2">
        <v>1.6040000000000001</v>
      </c>
      <c r="W16616" s="2">
        <v>0.01</v>
      </c>
      <c r="X16616" s="2">
        <v>76.900000000000006</v>
      </c>
      <c r="Y16616" s="2">
        <v>7.6</v>
      </c>
      <c r="Z16616" s="2">
        <v>16.7</v>
      </c>
      <c r="AA16616" s="5"/>
      <c r="AB16616" s="5" t="s">
        <v>43</v>
      </c>
      <c r="AC16616" s="5" t="s">
        <v>44</v>
      </c>
      <c r="AD16616" s="2"/>
      <c r="AE16616" s="1"/>
    </row>
    <row r="16617" spans="1:31" ht="14.45">
      <c r="A16617" s="11"/>
      <c r="B16617" s="20"/>
      <c r="C16617" s="2" t="s">
        <v>50809</v>
      </c>
      <c r="D16617" s="14" t="s">
        <v>50810</v>
      </c>
      <c r="E16617" s="2" t="s">
        <v>50811</v>
      </c>
      <c r="F16617" s="2" t="s">
        <v>36305</v>
      </c>
      <c r="G16617" s="8">
        <v>236</v>
      </c>
      <c r="H16617" s="5">
        <v>6</v>
      </c>
      <c r="I16617" s="5" t="s">
        <v>1518</v>
      </c>
      <c r="J16617" s="5" t="s">
        <v>36264</v>
      </c>
      <c r="K16617" s="2" t="s">
        <v>36265</v>
      </c>
      <c r="L16617" s="5" t="s">
        <v>36264</v>
      </c>
      <c r="M16617" s="2" t="s">
        <v>36265</v>
      </c>
      <c r="N16617" s="5" t="s">
        <v>36266</v>
      </c>
      <c r="O16617" s="5" t="s">
        <v>38</v>
      </c>
      <c r="P16617" s="5" t="s">
        <v>39</v>
      </c>
      <c r="Q16617" s="5" t="s">
        <v>40</v>
      </c>
      <c r="R16617" s="5" t="s">
        <v>1522</v>
      </c>
      <c r="S16617" s="5" t="s">
        <v>1523</v>
      </c>
      <c r="T16617" s="5" t="s">
        <v>42</v>
      </c>
      <c r="U16617" s="2">
        <v>2.0139999999999998</v>
      </c>
      <c r="V16617" s="2">
        <v>1.554</v>
      </c>
      <c r="W16617" s="2">
        <v>0.01</v>
      </c>
      <c r="X16617" s="2">
        <v>76.900000000000006</v>
      </c>
      <c r="Y16617" s="2">
        <v>7.6</v>
      </c>
      <c r="Z16617" s="2">
        <v>16.7</v>
      </c>
      <c r="AA16617" s="5"/>
      <c r="AB16617" s="5" t="s">
        <v>43</v>
      </c>
      <c r="AC16617" s="5" t="s">
        <v>44</v>
      </c>
      <c r="AD16617" s="2"/>
      <c r="AE16617" s="1"/>
    </row>
    <row r="16618" spans="1:31" ht="14.45">
      <c r="A16618" s="11"/>
      <c r="B16618" s="20"/>
      <c r="C16618" s="2" t="s">
        <v>50812</v>
      </c>
      <c r="D16618" s="14" t="s">
        <v>50813</v>
      </c>
      <c r="E16618" s="2" t="s">
        <v>50814</v>
      </c>
      <c r="F16618" s="2" t="s">
        <v>36309</v>
      </c>
      <c r="G16618" s="8">
        <v>236</v>
      </c>
      <c r="H16618" s="5">
        <v>6</v>
      </c>
      <c r="I16618" s="5" t="s">
        <v>1518</v>
      </c>
      <c r="J16618" s="5" t="s">
        <v>36264</v>
      </c>
      <c r="K16618" s="2" t="s">
        <v>36265</v>
      </c>
      <c r="L16618" s="5" t="s">
        <v>36264</v>
      </c>
      <c r="M16618" s="2" t="s">
        <v>36265</v>
      </c>
      <c r="N16618" s="5" t="s">
        <v>36266</v>
      </c>
      <c r="O16618" s="5" t="s">
        <v>38</v>
      </c>
      <c r="P16618" s="5" t="s">
        <v>39</v>
      </c>
      <c r="Q16618" s="5" t="s">
        <v>40</v>
      </c>
      <c r="R16618" s="5" t="s">
        <v>1522</v>
      </c>
      <c r="S16618" s="5" t="s">
        <v>1523</v>
      </c>
      <c r="T16618" s="5" t="s">
        <v>42</v>
      </c>
      <c r="U16618" s="2">
        <v>2.0640000000000001</v>
      </c>
      <c r="V16618" s="2">
        <v>1.6040000000000001</v>
      </c>
      <c r="W16618" s="2">
        <v>0.01</v>
      </c>
      <c r="X16618" s="2">
        <v>76.900000000000006</v>
      </c>
      <c r="Y16618" s="2">
        <v>7.6</v>
      </c>
      <c r="Z16618" s="2">
        <v>16.7</v>
      </c>
      <c r="AA16618" s="5"/>
      <c r="AB16618" s="5" t="s">
        <v>43</v>
      </c>
      <c r="AC16618" s="5" t="s">
        <v>44</v>
      </c>
      <c r="AD16618" s="2"/>
      <c r="AE16618" s="1"/>
    </row>
    <row r="16619" spans="1:31" ht="14.45">
      <c r="A16619" s="11"/>
      <c r="B16619" s="20"/>
      <c r="C16619" s="2" t="s">
        <v>50815</v>
      </c>
      <c r="D16619" s="14" t="s">
        <v>50816</v>
      </c>
      <c r="E16619" s="2" t="s">
        <v>50817</v>
      </c>
      <c r="F16619" s="2" t="s">
        <v>36313</v>
      </c>
      <c r="G16619" s="8">
        <v>251</v>
      </c>
      <c r="H16619" s="5">
        <v>6</v>
      </c>
      <c r="I16619" s="5" t="s">
        <v>1518</v>
      </c>
      <c r="J16619" s="5" t="s">
        <v>36264</v>
      </c>
      <c r="K16619" s="2" t="s">
        <v>36265</v>
      </c>
      <c r="L16619" s="5" t="s">
        <v>36264</v>
      </c>
      <c r="M16619" s="2" t="s">
        <v>36265</v>
      </c>
      <c r="N16619" s="5" t="s">
        <v>36266</v>
      </c>
      <c r="O16619" s="5" t="s">
        <v>38</v>
      </c>
      <c r="P16619" s="5" t="s">
        <v>39</v>
      </c>
      <c r="Q16619" s="5" t="s">
        <v>40</v>
      </c>
      <c r="R16619" s="5" t="s">
        <v>1522</v>
      </c>
      <c r="S16619" s="5" t="s">
        <v>1523</v>
      </c>
      <c r="T16619" s="5" t="s">
        <v>42</v>
      </c>
      <c r="U16619" s="2">
        <v>2.0139999999999998</v>
      </c>
      <c r="V16619" s="2">
        <v>1.554</v>
      </c>
      <c r="W16619" s="2">
        <v>0.01</v>
      </c>
      <c r="X16619" s="2">
        <v>76.900000000000006</v>
      </c>
      <c r="Y16619" s="2">
        <v>7.6</v>
      </c>
      <c r="Z16619" s="2">
        <v>16.7</v>
      </c>
      <c r="AA16619" s="5"/>
      <c r="AB16619" s="5" t="s">
        <v>43</v>
      </c>
      <c r="AC16619" s="5" t="s">
        <v>44</v>
      </c>
      <c r="AD16619" s="2"/>
      <c r="AE16619" s="1"/>
    </row>
    <row r="16620" spans="1:31" ht="14.45">
      <c r="A16620" s="11"/>
      <c r="B16620" s="20"/>
      <c r="C16620" s="2" t="s">
        <v>50818</v>
      </c>
      <c r="D16620" s="14" t="s">
        <v>50819</v>
      </c>
      <c r="E16620" s="2" t="s">
        <v>50820</v>
      </c>
      <c r="F16620" s="2" t="s">
        <v>36317</v>
      </c>
      <c r="G16620" s="8">
        <v>251</v>
      </c>
      <c r="H16620" s="5">
        <v>6</v>
      </c>
      <c r="I16620" s="5" t="s">
        <v>1518</v>
      </c>
      <c r="J16620" s="5" t="s">
        <v>36264</v>
      </c>
      <c r="K16620" s="2" t="s">
        <v>36265</v>
      </c>
      <c r="L16620" s="5" t="s">
        <v>36264</v>
      </c>
      <c r="M16620" s="2" t="s">
        <v>36265</v>
      </c>
      <c r="N16620" s="5" t="s">
        <v>36266</v>
      </c>
      <c r="O16620" s="5" t="s">
        <v>38</v>
      </c>
      <c r="P16620" s="5" t="s">
        <v>39</v>
      </c>
      <c r="Q16620" s="5" t="s">
        <v>40</v>
      </c>
      <c r="R16620" s="5" t="s">
        <v>1522</v>
      </c>
      <c r="S16620" s="5" t="s">
        <v>1523</v>
      </c>
      <c r="T16620" s="5" t="s">
        <v>42</v>
      </c>
      <c r="U16620" s="2">
        <v>2.0640000000000001</v>
      </c>
      <c r="V16620" s="2">
        <v>1.6040000000000001</v>
      </c>
      <c r="W16620" s="2">
        <v>0.01</v>
      </c>
      <c r="X16620" s="2">
        <v>76.900000000000006</v>
      </c>
      <c r="Y16620" s="2">
        <v>7.6</v>
      </c>
      <c r="Z16620" s="2">
        <v>16.7</v>
      </c>
      <c r="AA16620" s="5"/>
      <c r="AB16620" s="5" t="s">
        <v>43</v>
      </c>
      <c r="AC16620" s="5" t="s">
        <v>44</v>
      </c>
      <c r="AD16620" s="2"/>
      <c r="AE16620" s="1"/>
    </row>
    <row r="16621" spans="1:31" ht="14.45">
      <c r="A16621" s="11"/>
      <c r="B16621" s="20"/>
      <c r="C16621" s="2" t="s">
        <v>50821</v>
      </c>
      <c r="D16621" s="14" t="s">
        <v>50822</v>
      </c>
      <c r="E16621" s="2" t="s">
        <v>50823</v>
      </c>
      <c r="F16621" s="2" t="s">
        <v>36321</v>
      </c>
      <c r="G16621" s="8">
        <v>251</v>
      </c>
      <c r="H16621" s="5">
        <v>6</v>
      </c>
      <c r="I16621" s="5" t="s">
        <v>1518</v>
      </c>
      <c r="J16621" s="5" t="s">
        <v>36264</v>
      </c>
      <c r="K16621" s="2" t="s">
        <v>36265</v>
      </c>
      <c r="L16621" s="5" t="s">
        <v>36264</v>
      </c>
      <c r="M16621" s="2" t="s">
        <v>36265</v>
      </c>
      <c r="N16621" s="5" t="s">
        <v>36266</v>
      </c>
      <c r="O16621" s="5" t="s">
        <v>38</v>
      </c>
      <c r="P16621" s="5" t="s">
        <v>39</v>
      </c>
      <c r="Q16621" s="5" t="s">
        <v>40</v>
      </c>
      <c r="R16621" s="5" t="s">
        <v>1522</v>
      </c>
      <c r="S16621" s="5" t="s">
        <v>1523</v>
      </c>
      <c r="T16621" s="5" t="s">
        <v>42</v>
      </c>
      <c r="U16621" s="2">
        <v>2.0139999999999998</v>
      </c>
      <c r="V16621" s="2">
        <v>1.554</v>
      </c>
      <c r="W16621" s="2">
        <v>0.01</v>
      </c>
      <c r="X16621" s="2">
        <v>76.900000000000006</v>
      </c>
      <c r="Y16621" s="2">
        <v>7.6</v>
      </c>
      <c r="Z16621" s="2">
        <v>16.7</v>
      </c>
      <c r="AA16621" s="5"/>
      <c r="AB16621" s="5" t="s">
        <v>43</v>
      </c>
      <c r="AC16621" s="5" t="s">
        <v>44</v>
      </c>
      <c r="AD16621" s="2"/>
      <c r="AE16621" s="1"/>
    </row>
    <row r="16622" spans="1:31" ht="14.45">
      <c r="A16622" s="11"/>
      <c r="B16622" s="20"/>
      <c r="C16622" s="2" t="s">
        <v>50824</v>
      </c>
      <c r="D16622" s="14" t="s">
        <v>50825</v>
      </c>
      <c r="E16622" s="2" t="s">
        <v>50826</v>
      </c>
      <c r="F16622" s="2" t="s">
        <v>36325</v>
      </c>
      <c r="G16622" s="8">
        <v>251</v>
      </c>
      <c r="H16622" s="5">
        <v>6</v>
      </c>
      <c r="I16622" s="5" t="s">
        <v>1518</v>
      </c>
      <c r="J16622" s="5" t="s">
        <v>36264</v>
      </c>
      <c r="K16622" s="2" t="s">
        <v>36265</v>
      </c>
      <c r="L16622" s="5" t="s">
        <v>36264</v>
      </c>
      <c r="M16622" s="2" t="s">
        <v>36265</v>
      </c>
      <c r="N16622" s="5" t="s">
        <v>36266</v>
      </c>
      <c r="O16622" s="5" t="s">
        <v>38</v>
      </c>
      <c r="P16622" s="5" t="s">
        <v>39</v>
      </c>
      <c r="Q16622" s="5" t="s">
        <v>40</v>
      </c>
      <c r="R16622" s="5" t="s">
        <v>1522</v>
      </c>
      <c r="S16622" s="5" t="s">
        <v>1523</v>
      </c>
      <c r="T16622" s="5" t="s">
        <v>42</v>
      </c>
      <c r="U16622" s="2">
        <v>2.0640000000000001</v>
      </c>
      <c r="V16622" s="2">
        <v>1.6040000000000001</v>
      </c>
      <c r="W16622" s="2">
        <v>0.01</v>
      </c>
      <c r="X16622" s="2">
        <v>76.900000000000006</v>
      </c>
      <c r="Y16622" s="2">
        <v>7.6</v>
      </c>
      <c r="Z16622" s="2">
        <v>16.7</v>
      </c>
      <c r="AA16622" s="5"/>
      <c r="AB16622" s="5" t="s">
        <v>43</v>
      </c>
      <c r="AC16622" s="5" t="s">
        <v>44</v>
      </c>
      <c r="AD16622" s="2"/>
      <c r="AE16622" s="1"/>
    </row>
    <row r="16623" spans="1:31" ht="14.45">
      <c r="A16623" s="11"/>
      <c r="B16623" s="20"/>
      <c r="C16623" s="2" t="s">
        <v>50827</v>
      </c>
      <c r="D16623" s="14" t="s">
        <v>50828</v>
      </c>
      <c r="E16623" s="2" t="s">
        <v>50829</v>
      </c>
      <c r="F16623" s="2" t="s">
        <v>36329</v>
      </c>
      <c r="G16623" s="8">
        <v>251</v>
      </c>
      <c r="H16623" s="5">
        <v>6</v>
      </c>
      <c r="I16623" s="5" t="s">
        <v>1518</v>
      </c>
      <c r="J16623" s="5" t="s">
        <v>36264</v>
      </c>
      <c r="K16623" s="2" t="s">
        <v>36265</v>
      </c>
      <c r="L16623" s="5" t="s">
        <v>36264</v>
      </c>
      <c r="M16623" s="2" t="s">
        <v>36265</v>
      </c>
      <c r="N16623" s="5" t="s">
        <v>36266</v>
      </c>
      <c r="O16623" s="5" t="s">
        <v>38</v>
      </c>
      <c r="P16623" s="5" t="s">
        <v>39</v>
      </c>
      <c r="Q16623" s="5" t="s">
        <v>40</v>
      </c>
      <c r="R16623" s="5" t="s">
        <v>1522</v>
      </c>
      <c r="S16623" s="5" t="s">
        <v>1523</v>
      </c>
      <c r="T16623" s="5" t="s">
        <v>42</v>
      </c>
      <c r="U16623" s="2">
        <v>2.0139999999999998</v>
      </c>
      <c r="V16623" s="2">
        <v>1.554</v>
      </c>
      <c r="W16623" s="2">
        <v>0.01</v>
      </c>
      <c r="X16623" s="2">
        <v>76.900000000000006</v>
      </c>
      <c r="Y16623" s="2">
        <v>7.6</v>
      </c>
      <c r="Z16623" s="2">
        <v>16.7</v>
      </c>
      <c r="AA16623" s="5"/>
      <c r="AB16623" s="5" t="s">
        <v>43</v>
      </c>
      <c r="AC16623" s="5" t="s">
        <v>44</v>
      </c>
      <c r="AD16623" s="2"/>
      <c r="AE16623" s="1"/>
    </row>
    <row r="16624" spans="1:31" ht="14.45">
      <c r="A16624" s="11"/>
      <c r="B16624" s="20"/>
      <c r="C16624" s="2" t="s">
        <v>50830</v>
      </c>
      <c r="D16624" s="14" t="s">
        <v>50831</v>
      </c>
      <c r="E16624" s="2" t="s">
        <v>50832</v>
      </c>
      <c r="F16624" s="2" t="s">
        <v>36333</v>
      </c>
      <c r="G16624" s="8">
        <v>251</v>
      </c>
      <c r="H16624" s="5">
        <v>6</v>
      </c>
      <c r="I16624" s="5" t="s">
        <v>1518</v>
      </c>
      <c r="J16624" s="5" t="s">
        <v>36264</v>
      </c>
      <c r="K16624" s="2" t="s">
        <v>36265</v>
      </c>
      <c r="L16624" s="5" t="s">
        <v>36264</v>
      </c>
      <c r="M16624" s="2" t="s">
        <v>36265</v>
      </c>
      <c r="N16624" s="5" t="s">
        <v>36266</v>
      </c>
      <c r="O16624" s="5" t="s">
        <v>38</v>
      </c>
      <c r="P16624" s="5" t="s">
        <v>39</v>
      </c>
      <c r="Q16624" s="5" t="s">
        <v>40</v>
      </c>
      <c r="R16624" s="5" t="s">
        <v>1522</v>
      </c>
      <c r="S16624" s="5" t="s">
        <v>1523</v>
      </c>
      <c r="T16624" s="5" t="s">
        <v>42</v>
      </c>
      <c r="U16624" s="2">
        <v>2.0640000000000001</v>
      </c>
      <c r="V16624" s="2">
        <v>1.6040000000000001</v>
      </c>
      <c r="W16624" s="2">
        <v>0.01</v>
      </c>
      <c r="X16624" s="2">
        <v>76.900000000000006</v>
      </c>
      <c r="Y16624" s="2">
        <v>7.6</v>
      </c>
      <c r="Z16624" s="2">
        <v>16.7</v>
      </c>
      <c r="AA16624" s="5"/>
      <c r="AB16624" s="5" t="s">
        <v>43</v>
      </c>
      <c r="AC16624" s="5" t="s">
        <v>44</v>
      </c>
      <c r="AD16624" s="2"/>
      <c r="AE16624" s="1"/>
    </row>
    <row r="16625" spans="1:31" ht="14.45">
      <c r="A16625" s="11"/>
      <c r="B16625" s="20"/>
      <c r="C16625" s="2" t="s">
        <v>50833</v>
      </c>
      <c r="D16625" s="14" t="s">
        <v>50834</v>
      </c>
      <c r="E16625" s="2" t="s">
        <v>50835</v>
      </c>
      <c r="F16625" s="2" t="s">
        <v>36337</v>
      </c>
      <c r="G16625" s="8">
        <v>251</v>
      </c>
      <c r="H16625" s="5">
        <v>6</v>
      </c>
      <c r="I16625" s="5" t="s">
        <v>1518</v>
      </c>
      <c r="J16625" s="5" t="s">
        <v>36264</v>
      </c>
      <c r="K16625" s="2" t="s">
        <v>36265</v>
      </c>
      <c r="L16625" s="5" t="s">
        <v>36264</v>
      </c>
      <c r="M16625" s="2" t="s">
        <v>36265</v>
      </c>
      <c r="N16625" s="5" t="s">
        <v>36266</v>
      </c>
      <c r="O16625" s="5" t="s">
        <v>38</v>
      </c>
      <c r="P16625" s="5" t="s">
        <v>39</v>
      </c>
      <c r="Q16625" s="5" t="s">
        <v>40</v>
      </c>
      <c r="R16625" s="5" t="s">
        <v>1522</v>
      </c>
      <c r="S16625" s="5" t="s">
        <v>1523</v>
      </c>
      <c r="T16625" s="5" t="s">
        <v>42</v>
      </c>
      <c r="U16625" s="2">
        <v>2.0139999999999998</v>
      </c>
      <c r="V16625" s="2">
        <v>1.554</v>
      </c>
      <c r="W16625" s="2">
        <v>0.01</v>
      </c>
      <c r="X16625" s="2">
        <v>76.900000000000006</v>
      </c>
      <c r="Y16625" s="2">
        <v>7.6</v>
      </c>
      <c r="Z16625" s="2">
        <v>16.7</v>
      </c>
      <c r="AA16625" s="5"/>
      <c r="AB16625" s="5" t="s">
        <v>43</v>
      </c>
      <c r="AC16625" s="5" t="s">
        <v>44</v>
      </c>
      <c r="AD16625" s="2"/>
      <c r="AE16625" s="1"/>
    </row>
    <row r="16626" spans="1:31" ht="14.45">
      <c r="A16626" s="11"/>
      <c r="B16626" s="20"/>
      <c r="C16626" s="2" t="s">
        <v>50836</v>
      </c>
      <c r="D16626" s="14" t="s">
        <v>50837</v>
      </c>
      <c r="E16626" s="2" t="s">
        <v>50838</v>
      </c>
      <c r="F16626" s="2" t="s">
        <v>36341</v>
      </c>
      <c r="G16626" s="8">
        <v>251</v>
      </c>
      <c r="H16626" s="5">
        <v>6</v>
      </c>
      <c r="I16626" s="5" t="s">
        <v>1518</v>
      </c>
      <c r="J16626" s="5" t="s">
        <v>36264</v>
      </c>
      <c r="K16626" s="2" t="s">
        <v>36265</v>
      </c>
      <c r="L16626" s="5" t="s">
        <v>36264</v>
      </c>
      <c r="M16626" s="2" t="s">
        <v>36265</v>
      </c>
      <c r="N16626" s="5" t="s">
        <v>36266</v>
      </c>
      <c r="O16626" s="5" t="s">
        <v>38</v>
      </c>
      <c r="P16626" s="5" t="s">
        <v>39</v>
      </c>
      <c r="Q16626" s="5" t="s">
        <v>40</v>
      </c>
      <c r="R16626" s="5" t="s">
        <v>1522</v>
      </c>
      <c r="S16626" s="5" t="s">
        <v>1523</v>
      </c>
      <c r="T16626" s="5" t="s">
        <v>42</v>
      </c>
      <c r="U16626" s="2">
        <v>2.0640000000000001</v>
      </c>
      <c r="V16626" s="2">
        <v>1.6040000000000001</v>
      </c>
      <c r="W16626" s="2">
        <v>0.01</v>
      </c>
      <c r="X16626" s="2">
        <v>76.900000000000006</v>
      </c>
      <c r="Y16626" s="2">
        <v>7.6</v>
      </c>
      <c r="Z16626" s="2">
        <v>16.7</v>
      </c>
      <c r="AA16626" s="5"/>
      <c r="AB16626" s="5" t="s">
        <v>43</v>
      </c>
      <c r="AC16626" s="5" t="s">
        <v>44</v>
      </c>
      <c r="AD16626" s="2"/>
      <c r="AE16626" s="1"/>
    </row>
    <row r="16627" spans="1:31" ht="14.45">
      <c r="A16627" s="11"/>
      <c r="B16627" s="20"/>
      <c r="C16627" s="2" t="s">
        <v>50839</v>
      </c>
      <c r="D16627" s="14" t="s">
        <v>50840</v>
      </c>
      <c r="E16627" s="2" t="s">
        <v>50841</v>
      </c>
      <c r="F16627" s="2" t="s">
        <v>36349</v>
      </c>
      <c r="G16627" s="8">
        <v>251</v>
      </c>
      <c r="H16627" s="5">
        <v>6</v>
      </c>
      <c r="I16627" s="5" t="s">
        <v>1518</v>
      </c>
      <c r="J16627" s="5" t="s">
        <v>36264</v>
      </c>
      <c r="K16627" s="2" t="s">
        <v>36265</v>
      </c>
      <c r="L16627" s="5" t="s">
        <v>36264</v>
      </c>
      <c r="M16627" s="2" t="s">
        <v>36265</v>
      </c>
      <c r="N16627" s="5" t="s">
        <v>36266</v>
      </c>
      <c r="O16627" s="5" t="s">
        <v>38</v>
      </c>
      <c r="P16627" s="5" t="s">
        <v>39</v>
      </c>
      <c r="Q16627" s="5" t="s">
        <v>40</v>
      </c>
      <c r="R16627" s="5" t="s">
        <v>1522</v>
      </c>
      <c r="S16627" s="5" t="s">
        <v>1523</v>
      </c>
      <c r="T16627" s="5" t="s">
        <v>42</v>
      </c>
      <c r="U16627" s="2">
        <v>2.0640000000000001</v>
      </c>
      <c r="V16627" s="2">
        <v>1.6040000000000001</v>
      </c>
      <c r="W16627" s="2">
        <v>0.01</v>
      </c>
      <c r="X16627" s="2">
        <v>76.900000000000006</v>
      </c>
      <c r="Y16627" s="2">
        <v>7.6</v>
      </c>
      <c r="Z16627" s="2">
        <v>16.7</v>
      </c>
      <c r="AA16627" s="5"/>
      <c r="AB16627" s="5" t="s">
        <v>43</v>
      </c>
      <c r="AC16627" s="5" t="s">
        <v>44</v>
      </c>
      <c r="AD16627" s="2"/>
      <c r="AE16627" s="1"/>
    </row>
    <row r="16628" spans="1:31" ht="14.45">
      <c r="A16628" s="11"/>
      <c r="B16628" s="20"/>
      <c r="C16628" s="2" t="s">
        <v>50842</v>
      </c>
      <c r="D16628" s="14" t="s">
        <v>50843</v>
      </c>
      <c r="E16628" s="2" t="s">
        <v>50844</v>
      </c>
      <c r="F16628" s="2" t="s">
        <v>36357</v>
      </c>
      <c r="G16628" s="8">
        <v>251</v>
      </c>
      <c r="H16628" s="5">
        <v>6</v>
      </c>
      <c r="I16628" s="5" t="s">
        <v>1518</v>
      </c>
      <c r="J16628" s="5" t="s">
        <v>36264</v>
      </c>
      <c r="K16628" s="2" t="s">
        <v>36265</v>
      </c>
      <c r="L16628" s="5" t="s">
        <v>36264</v>
      </c>
      <c r="M16628" s="2" t="s">
        <v>36265</v>
      </c>
      <c r="N16628" s="5" t="s">
        <v>36266</v>
      </c>
      <c r="O16628" s="5" t="s">
        <v>38</v>
      </c>
      <c r="P16628" s="5" t="s">
        <v>39</v>
      </c>
      <c r="Q16628" s="5" t="s">
        <v>40</v>
      </c>
      <c r="R16628" s="5" t="s">
        <v>1522</v>
      </c>
      <c r="S16628" s="5" t="s">
        <v>1523</v>
      </c>
      <c r="T16628" s="5" t="s">
        <v>42</v>
      </c>
      <c r="U16628" s="2">
        <v>2.0640000000000001</v>
      </c>
      <c r="V16628" s="2">
        <v>1.6040000000000001</v>
      </c>
      <c r="W16628" s="2">
        <v>0.01</v>
      </c>
      <c r="X16628" s="2">
        <v>76.900000000000006</v>
      </c>
      <c r="Y16628" s="2">
        <v>7.6</v>
      </c>
      <c r="Z16628" s="2">
        <v>16.7</v>
      </c>
      <c r="AA16628" s="5"/>
      <c r="AB16628" s="5" t="s">
        <v>43</v>
      </c>
      <c r="AC16628" s="5" t="s">
        <v>44</v>
      </c>
      <c r="AD16628" s="2"/>
      <c r="AE16628" s="1"/>
    </row>
    <row r="16629" spans="1:31" ht="14.45">
      <c r="A16629" s="11"/>
      <c r="B16629" s="20"/>
      <c r="C16629" s="2" t="s">
        <v>50845</v>
      </c>
      <c r="D16629" s="14" t="s">
        <v>50846</v>
      </c>
      <c r="E16629" s="2" t="s">
        <v>50847</v>
      </c>
      <c r="F16629" s="2" t="s">
        <v>45598</v>
      </c>
      <c r="G16629" s="8">
        <v>251</v>
      </c>
      <c r="H16629" s="5">
        <v>6</v>
      </c>
      <c r="I16629" s="5" t="s">
        <v>1518</v>
      </c>
      <c r="J16629" s="5" t="s">
        <v>36264</v>
      </c>
      <c r="K16629" s="2" t="s">
        <v>36265</v>
      </c>
      <c r="L16629" s="5" t="s">
        <v>36264</v>
      </c>
      <c r="M16629" s="2" t="s">
        <v>36265</v>
      </c>
      <c r="N16629" s="5" t="s">
        <v>36266</v>
      </c>
      <c r="O16629" s="5" t="s">
        <v>38</v>
      </c>
      <c r="P16629" s="5" t="s">
        <v>39</v>
      </c>
      <c r="Q16629" s="5" t="s">
        <v>40</v>
      </c>
      <c r="R16629" s="5" t="s">
        <v>1522</v>
      </c>
      <c r="S16629" s="5" t="s">
        <v>1523</v>
      </c>
      <c r="T16629" s="5" t="s">
        <v>42</v>
      </c>
      <c r="U16629" s="2">
        <v>2.0139999999999998</v>
      </c>
      <c r="V16629" s="2">
        <v>1.554</v>
      </c>
      <c r="W16629" s="2">
        <v>0.01</v>
      </c>
      <c r="X16629" s="2">
        <v>76.900000000000006</v>
      </c>
      <c r="Y16629" s="2">
        <v>7.6</v>
      </c>
      <c r="Z16629" s="2">
        <v>16.7</v>
      </c>
      <c r="AA16629" s="5"/>
      <c r="AB16629" s="5" t="s">
        <v>43</v>
      </c>
      <c r="AC16629" s="5" t="s">
        <v>44</v>
      </c>
      <c r="AD16629" s="2"/>
      <c r="AE16629" s="1"/>
    </row>
    <row r="16630" spans="1:31" ht="14.45">
      <c r="A16630" s="11"/>
      <c r="B16630" s="20"/>
      <c r="C16630" s="2" t="s">
        <v>50848</v>
      </c>
      <c r="D16630" s="14" t="s">
        <v>50849</v>
      </c>
      <c r="E16630" s="2" t="s">
        <v>50850</v>
      </c>
      <c r="F16630" s="2" t="s">
        <v>45534</v>
      </c>
      <c r="G16630" s="8">
        <v>251</v>
      </c>
      <c r="H16630" s="5">
        <v>6</v>
      </c>
      <c r="I16630" s="5" t="s">
        <v>1518</v>
      </c>
      <c r="J16630" s="5" t="s">
        <v>36264</v>
      </c>
      <c r="K16630" s="2" t="s">
        <v>36265</v>
      </c>
      <c r="L16630" s="5" t="s">
        <v>36264</v>
      </c>
      <c r="M16630" s="2" t="s">
        <v>36265</v>
      </c>
      <c r="N16630" s="5" t="s">
        <v>36266</v>
      </c>
      <c r="O16630" s="5" t="s">
        <v>38</v>
      </c>
      <c r="P16630" s="5" t="s">
        <v>39</v>
      </c>
      <c r="Q16630" s="5" t="s">
        <v>40</v>
      </c>
      <c r="R16630" s="5" t="s">
        <v>1522</v>
      </c>
      <c r="S16630" s="5" t="s">
        <v>1523</v>
      </c>
      <c r="T16630" s="5" t="s">
        <v>42</v>
      </c>
      <c r="U16630" s="2">
        <v>2.0640000000000001</v>
      </c>
      <c r="V16630" s="2">
        <v>1.6040000000000001</v>
      </c>
      <c r="W16630" s="2">
        <v>0.01</v>
      </c>
      <c r="X16630" s="2">
        <v>76.900000000000006</v>
      </c>
      <c r="Y16630" s="2">
        <v>7.6</v>
      </c>
      <c r="Z16630" s="2">
        <v>16.7</v>
      </c>
      <c r="AA16630" s="5"/>
      <c r="AB16630" s="5" t="s">
        <v>43</v>
      </c>
      <c r="AC16630" s="5" t="s">
        <v>44</v>
      </c>
      <c r="AD16630" s="2"/>
      <c r="AE16630" s="1"/>
    </row>
    <row r="16631" spans="1:31" ht="14.45">
      <c r="A16631" s="11"/>
      <c r="B16631" s="20"/>
      <c r="C16631" s="2" t="s">
        <v>50851</v>
      </c>
      <c r="D16631" s="14" t="s">
        <v>50852</v>
      </c>
      <c r="E16631" s="2" t="s">
        <v>50853</v>
      </c>
      <c r="F16631" s="2" t="s">
        <v>36373</v>
      </c>
      <c r="G16631" s="8">
        <v>251</v>
      </c>
      <c r="H16631" s="5">
        <v>6</v>
      </c>
      <c r="I16631" s="5" t="s">
        <v>1518</v>
      </c>
      <c r="J16631" s="5" t="s">
        <v>36264</v>
      </c>
      <c r="K16631" s="2" t="s">
        <v>36265</v>
      </c>
      <c r="L16631" s="5" t="s">
        <v>36264</v>
      </c>
      <c r="M16631" s="2" t="s">
        <v>36265</v>
      </c>
      <c r="N16631" s="5" t="s">
        <v>36266</v>
      </c>
      <c r="O16631" s="5" t="s">
        <v>38</v>
      </c>
      <c r="P16631" s="5" t="s">
        <v>39</v>
      </c>
      <c r="Q16631" s="5" t="s">
        <v>40</v>
      </c>
      <c r="R16631" s="5" t="s">
        <v>1522</v>
      </c>
      <c r="S16631" s="5" t="s">
        <v>1523</v>
      </c>
      <c r="T16631" s="5" t="s">
        <v>42</v>
      </c>
      <c r="U16631" s="2">
        <v>2.0640000000000001</v>
      </c>
      <c r="V16631" s="2">
        <v>1.6040000000000001</v>
      </c>
      <c r="W16631" s="2">
        <v>0.01</v>
      </c>
      <c r="X16631" s="2">
        <v>76.900000000000006</v>
      </c>
      <c r="Y16631" s="2">
        <v>7.6</v>
      </c>
      <c r="Z16631" s="2">
        <v>16.7</v>
      </c>
      <c r="AA16631" s="5"/>
      <c r="AB16631" s="5" t="s">
        <v>43</v>
      </c>
      <c r="AC16631" s="5" t="s">
        <v>44</v>
      </c>
      <c r="AD16631" s="2"/>
      <c r="AE16631" s="1"/>
    </row>
    <row r="16632" spans="1:31" ht="14.45">
      <c r="A16632" s="11"/>
      <c r="B16632" s="20"/>
      <c r="C16632" s="2" t="s">
        <v>50854</v>
      </c>
      <c r="D16632" s="14" t="s">
        <v>50855</v>
      </c>
      <c r="E16632" s="2" t="s">
        <v>50856</v>
      </c>
      <c r="F16632" s="2" t="s">
        <v>36377</v>
      </c>
      <c r="G16632" s="8">
        <v>251</v>
      </c>
      <c r="H16632" s="5">
        <v>6</v>
      </c>
      <c r="I16632" s="5" t="s">
        <v>1518</v>
      </c>
      <c r="J16632" s="5" t="s">
        <v>36264</v>
      </c>
      <c r="K16632" s="2" t="s">
        <v>36265</v>
      </c>
      <c r="L16632" s="5" t="s">
        <v>36264</v>
      </c>
      <c r="M16632" s="2" t="s">
        <v>36265</v>
      </c>
      <c r="N16632" s="5" t="s">
        <v>36266</v>
      </c>
      <c r="O16632" s="5" t="s">
        <v>38</v>
      </c>
      <c r="P16632" s="5" t="s">
        <v>39</v>
      </c>
      <c r="Q16632" s="5" t="s">
        <v>40</v>
      </c>
      <c r="R16632" s="5" t="s">
        <v>1522</v>
      </c>
      <c r="S16632" s="5" t="s">
        <v>1523</v>
      </c>
      <c r="T16632" s="5" t="s">
        <v>42</v>
      </c>
      <c r="U16632" s="2">
        <v>2.0139999999999998</v>
      </c>
      <c r="V16632" s="2">
        <v>1.554</v>
      </c>
      <c r="W16632" s="2">
        <v>0.01</v>
      </c>
      <c r="X16632" s="2">
        <v>76.900000000000006</v>
      </c>
      <c r="Y16632" s="2">
        <v>7.6</v>
      </c>
      <c r="Z16632" s="2">
        <v>16.7</v>
      </c>
      <c r="AA16632" s="5"/>
      <c r="AB16632" s="5" t="s">
        <v>43</v>
      </c>
      <c r="AC16632" s="5" t="s">
        <v>44</v>
      </c>
      <c r="AD16632" s="2"/>
      <c r="AE16632" s="1"/>
    </row>
    <row r="16633" spans="1:31" ht="14.45">
      <c r="A16633" s="11"/>
      <c r="B16633" s="20"/>
      <c r="C16633" s="2" t="s">
        <v>50857</v>
      </c>
      <c r="D16633" s="14" t="s">
        <v>50858</v>
      </c>
      <c r="E16633" s="2" t="s">
        <v>50859</v>
      </c>
      <c r="F16633" s="2" t="s">
        <v>36381</v>
      </c>
      <c r="G16633" s="8">
        <v>251</v>
      </c>
      <c r="H16633" s="5">
        <v>6</v>
      </c>
      <c r="I16633" s="5" t="s">
        <v>1518</v>
      </c>
      <c r="J16633" s="5" t="s">
        <v>36264</v>
      </c>
      <c r="K16633" s="2" t="s">
        <v>36265</v>
      </c>
      <c r="L16633" s="5" t="s">
        <v>36264</v>
      </c>
      <c r="M16633" s="2" t="s">
        <v>36265</v>
      </c>
      <c r="N16633" s="5" t="s">
        <v>36266</v>
      </c>
      <c r="O16633" s="5" t="s">
        <v>38</v>
      </c>
      <c r="P16633" s="5" t="s">
        <v>39</v>
      </c>
      <c r="Q16633" s="5" t="s">
        <v>40</v>
      </c>
      <c r="R16633" s="5" t="s">
        <v>1522</v>
      </c>
      <c r="S16633" s="5" t="s">
        <v>1523</v>
      </c>
      <c r="T16633" s="5" t="s">
        <v>42</v>
      </c>
      <c r="U16633" s="2">
        <v>2.0640000000000001</v>
      </c>
      <c r="V16633" s="2">
        <v>1.6040000000000001</v>
      </c>
      <c r="W16633" s="2">
        <v>0.01</v>
      </c>
      <c r="X16633" s="2">
        <v>76.900000000000006</v>
      </c>
      <c r="Y16633" s="2">
        <v>7.6</v>
      </c>
      <c r="Z16633" s="2">
        <v>16.7</v>
      </c>
      <c r="AA16633" s="5"/>
      <c r="AB16633" s="5" t="s">
        <v>43</v>
      </c>
      <c r="AC16633" s="5" t="s">
        <v>44</v>
      </c>
      <c r="AD16633" s="2"/>
      <c r="AE16633" s="1"/>
    </row>
    <row r="16634" spans="1:31" ht="14.45">
      <c r="A16634" s="11"/>
      <c r="B16634" s="20"/>
      <c r="C16634" s="2" t="s">
        <v>50860</v>
      </c>
      <c r="D16634" s="14" t="s">
        <v>50861</v>
      </c>
      <c r="E16634" s="2" t="s">
        <v>50862</v>
      </c>
      <c r="F16634" s="2" t="s">
        <v>36385</v>
      </c>
      <c r="G16634" s="8">
        <v>251</v>
      </c>
      <c r="H16634" s="5">
        <v>6</v>
      </c>
      <c r="I16634" s="5" t="s">
        <v>1518</v>
      </c>
      <c r="J16634" s="5" t="s">
        <v>36264</v>
      </c>
      <c r="K16634" s="2" t="s">
        <v>36265</v>
      </c>
      <c r="L16634" s="5" t="s">
        <v>36264</v>
      </c>
      <c r="M16634" s="2" t="s">
        <v>36265</v>
      </c>
      <c r="N16634" s="5" t="s">
        <v>36266</v>
      </c>
      <c r="O16634" s="5" t="s">
        <v>38</v>
      </c>
      <c r="P16634" s="5" t="s">
        <v>39</v>
      </c>
      <c r="Q16634" s="5" t="s">
        <v>40</v>
      </c>
      <c r="R16634" s="5" t="s">
        <v>1522</v>
      </c>
      <c r="S16634" s="5" t="s">
        <v>1523</v>
      </c>
      <c r="T16634" s="5" t="s">
        <v>42</v>
      </c>
      <c r="U16634" s="2">
        <v>2.0139999999999998</v>
      </c>
      <c r="V16634" s="2">
        <v>1.554</v>
      </c>
      <c r="W16634" s="2">
        <v>0.01</v>
      </c>
      <c r="X16634" s="2">
        <v>76.900000000000006</v>
      </c>
      <c r="Y16634" s="2">
        <v>7.6</v>
      </c>
      <c r="Z16634" s="2">
        <v>16.7</v>
      </c>
      <c r="AA16634" s="5"/>
      <c r="AB16634" s="5" t="s">
        <v>43</v>
      </c>
      <c r="AC16634" s="5" t="s">
        <v>44</v>
      </c>
      <c r="AD16634" s="2"/>
      <c r="AE16634" s="1"/>
    </row>
    <row r="16635" spans="1:31" ht="14.45">
      <c r="A16635" s="11"/>
      <c r="B16635" s="20"/>
      <c r="C16635" s="2" t="s">
        <v>50863</v>
      </c>
      <c r="D16635" s="14" t="s">
        <v>50864</v>
      </c>
      <c r="E16635" s="2" t="s">
        <v>50865</v>
      </c>
      <c r="F16635" s="2" t="s">
        <v>36389</v>
      </c>
      <c r="G16635" s="8">
        <v>251</v>
      </c>
      <c r="H16635" s="5">
        <v>6</v>
      </c>
      <c r="I16635" s="5" t="s">
        <v>1518</v>
      </c>
      <c r="J16635" s="5" t="s">
        <v>36264</v>
      </c>
      <c r="K16635" s="2" t="s">
        <v>36265</v>
      </c>
      <c r="L16635" s="5" t="s">
        <v>36264</v>
      </c>
      <c r="M16635" s="2" t="s">
        <v>36265</v>
      </c>
      <c r="N16635" s="5" t="s">
        <v>36266</v>
      </c>
      <c r="O16635" s="5" t="s">
        <v>38</v>
      </c>
      <c r="P16635" s="5" t="s">
        <v>39</v>
      </c>
      <c r="Q16635" s="5" t="s">
        <v>40</v>
      </c>
      <c r="R16635" s="5" t="s">
        <v>1522</v>
      </c>
      <c r="S16635" s="5" t="s">
        <v>1523</v>
      </c>
      <c r="T16635" s="5" t="s">
        <v>42</v>
      </c>
      <c r="U16635" s="2">
        <v>2.0640000000000001</v>
      </c>
      <c r="V16635" s="2">
        <v>1.6040000000000001</v>
      </c>
      <c r="W16635" s="2">
        <v>0.01</v>
      </c>
      <c r="X16635" s="2">
        <v>76.900000000000006</v>
      </c>
      <c r="Y16635" s="2">
        <v>7.6</v>
      </c>
      <c r="Z16635" s="2">
        <v>16.7</v>
      </c>
      <c r="AA16635" s="5"/>
      <c r="AB16635" s="5" t="s">
        <v>43</v>
      </c>
      <c r="AC16635" s="5" t="s">
        <v>44</v>
      </c>
      <c r="AD16635" s="2"/>
      <c r="AE16635" s="1"/>
    </row>
    <row r="16636" spans="1:31" ht="14.45">
      <c r="A16636" s="11"/>
      <c r="B16636" s="20"/>
      <c r="C16636" s="2" t="s">
        <v>50866</v>
      </c>
      <c r="D16636" s="14" t="s">
        <v>50867</v>
      </c>
      <c r="E16636" s="2" t="s">
        <v>50868</v>
      </c>
      <c r="F16636" s="2" t="s">
        <v>7204</v>
      </c>
      <c r="G16636" s="8">
        <v>251</v>
      </c>
      <c r="H16636" s="5">
        <v>6</v>
      </c>
      <c r="I16636" s="5" t="s">
        <v>1518</v>
      </c>
      <c r="J16636" s="5" t="s">
        <v>36264</v>
      </c>
      <c r="K16636" s="2" t="s">
        <v>36265</v>
      </c>
      <c r="L16636" s="5" t="s">
        <v>36264</v>
      </c>
      <c r="M16636" s="2" t="s">
        <v>36265</v>
      </c>
      <c r="N16636" s="5" t="s">
        <v>36266</v>
      </c>
      <c r="O16636" s="5" t="s">
        <v>38</v>
      </c>
      <c r="P16636" s="5" t="s">
        <v>39</v>
      </c>
      <c r="Q16636" s="5" t="s">
        <v>40</v>
      </c>
      <c r="R16636" s="5" t="s">
        <v>1522</v>
      </c>
      <c r="S16636" s="5" t="s">
        <v>1523</v>
      </c>
      <c r="T16636" s="5" t="s">
        <v>42</v>
      </c>
      <c r="U16636" s="2">
        <v>2.1800000000000002</v>
      </c>
      <c r="V16636" s="2">
        <v>1.698</v>
      </c>
      <c r="W16636" s="2">
        <v>1.0999999999999999E-2</v>
      </c>
      <c r="X16636" s="2">
        <v>82.9</v>
      </c>
      <c r="Y16636" s="2">
        <v>7.6</v>
      </c>
      <c r="Z16636" s="2">
        <v>16.7</v>
      </c>
      <c r="AA16636" s="5"/>
      <c r="AB16636" s="5" t="s">
        <v>43</v>
      </c>
      <c r="AC16636" s="5" t="s">
        <v>44</v>
      </c>
      <c r="AD16636" s="2"/>
      <c r="AE16636" s="1"/>
    </row>
    <row r="16637" spans="1:31" ht="14.45">
      <c r="A16637" s="11"/>
      <c r="B16637" s="20"/>
      <c r="C16637" s="2" t="s">
        <v>50869</v>
      </c>
      <c r="D16637" s="14" t="s">
        <v>50870</v>
      </c>
      <c r="E16637" s="2" t="s">
        <v>50871</v>
      </c>
      <c r="F16637" s="2" t="s">
        <v>7514</v>
      </c>
      <c r="G16637" s="8">
        <v>251</v>
      </c>
      <c r="H16637" s="5">
        <v>6</v>
      </c>
      <c r="I16637" s="5" t="s">
        <v>1518</v>
      </c>
      <c r="J16637" s="5" t="s">
        <v>36264</v>
      </c>
      <c r="K16637" s="2" t="s">
        <v>36265</v>
      </c>
      <c r="L16637" s="5" t="s">
        <v>36264</v>
      </c>
      <c r="M16637" s="2" t="s">
        <v>36265</v>
      </c>
      <c r="N16637" s="5" t="s">
        <v>36266</v>
      </c>
      <c r="O16637" s="5" t="s">
        <v>38</v>
      </c>
      <c r="P16637" s="5" t="s">
        <v>39</v>
      </c>
      <c r="Q16637" s="5" t="s">
        <v>40</v>
      </c>
      <c r="R16637" s="5" t="s">
        <v>1522</v>
      </c>
      <c r="S16637" s="5" t="s">
        <v>1523</v>
      </c>
      <c r="T16637" s="5" t="s">
        <v>42</v>
      </c>
      <c r="U16637" s="2">
        <v>2.242</v>
      </c>
      <c r="V16637" s="2">
        <v>1.76</v>
      </c>
      <c r="W16637" s="2">
        <v>1.0999999999999999E-2</v>
      </c>
      <c r="X16637" s="2">
        <v>82.9</v>
      </c>
      <c r="Y16637" s="2">
        <v>7.6</v>
      </c>
      <c r="Z16637" s="2">
        <v>16.7</v>
      </c>
      <c r="AA16637" s="5"/>
      <c r="AB16637" s="5" t="s">
        <v>43</v>
      </c>
      <c r="AC16637" s="5" t="s">
        <v>44</v>
      </c>
      <c r="AD16637" s="2"/>
      <c r="AE16637" s="1"/>
    </row>
    <row r="16638" spans="1:31" ht="14.45">
      <c r="A16638" s="11"/>
      <c r="B16638" s="20"/>
      <c r="C16638" s="2" t="s">
        <v>50872</v>
      </c>
      <c r="D16638" s="14" t="s">
        <v>50873</v>
      </c>
      <c r="E16638" s="2" t="s">
        <v>50874</v>
      </c>
      <c r="F16638" s="2" t="s">
        <v>36273</v>
      </c>
      <c r="G16638" s="8">
        <v>251</v>
      </c>
      <c r="H16638" s="5">
        <v>6</v>
      </c>
      <c r="I16638" s="5" t="s">
        <v>1518</v>
      </c>
      <c r="J16638" s="5" t="s">
        <v>36264</v>
      </c>
      <c r="K16638" s="2" t="s">
        <v>36265</v>
      </c>
      <c r="L16638" s="5" t="s">
        <v>36264</v>
      </c>
      <c r="M16638" s="2" t="s">
        <v>36265</v>
      </c>
      <c r="N16638" s="5" t="s">
        <v>36266</v>
      </c>
      <c r="O16638" s="5" t="s">
        <v>38</v>
      </c>
      <c r="P16638" s="5" t="s">
        <v>39</v>
      </c>
      <c r="Q16638" s="5" t="s">
        <v>40</v>
      </c>
      <c r="R16638" s="5" t="s">
        <v>1522</v>
      </c>
      <c r="S16638" s="5" t="s">
        <v>1523</v>
      </c>
      <c r="T16638" s="5" t="s">
        <v>42</v>
      </c>
      <c r="U16638" s="2">
        <v>2.1800000000000002</v>
      </c>
      <c r="V16638" s="2">
        <v>1.698</v>
      </c>
      <c r="W16638" s="2">
        <v>1.0999999999999999E-2</v>
      </c>
      <c r="X16638" s="2">
        <v>82.9</v>
      </c>
      <c r="Y16638" s="2">
        <v>7.6</v>
      </c>
      <c r="Z16638" s="2">
        <v>16.7</v>
      </c>
      <c r="AA16638" s="5"/>
      <c r="AB16638" s="5" t="s">
        <v>43</v>
      </c>
      <c r="AC16638" s="5" t="s">
        <v>44</v>
      </c>
      <c r="AD16638" s="2"/>
      <c r="AE16638" s="1"/>
    </row>
    <row r="16639" spans="1:31" ht="14.45">
      <c r="A16639" s="11"/>
      <c r="B16639" s="20"/>
      <c r="C16639" s="2" t="s">
        <v>50875</v>
      </c>
      <c r="D16639" s="14" t="s">
        <v>50876</v>
      </c>
      <c r="E16639" s="2" t="s">
        <v>50877</v>
      </c>
      <c r="F16639" s="2" t="s">
        <v>36277</v>
      </c>
      <c r="G16639" s="8">
        <v>251</v>
      </c>
      <c r="H16639" s="5">
        <v>6</v>
      </c>
      <c r="I16639" s="5" t="s">
        <v>1518</v>
      </c>
      <c r="J16639" s="5" t="s">
        <v>36264</v>
      </c>
      <c r="K16639" s="2" t="s">
        <v>36265</v>
      </c>
      <c r="L16639" s="5" t="s">
        <v>36264</v>
      </c>
      <c r="M16639" s="2" t="s">
        <v>36265</v>
      </c>
      <c r="N16639" s="5" t="s">
        <v>36266</v>
      </c>
      <c r="O16639" s="5" t="s">
        <v>38</v>
      </c>
      <c r="P16639" s="5" t="s">
        <v>39</v>
      </c>
      <c r="Q16639" s="5" t="s">
        <v>40</v>
      </c>
      <c r="R16639" s="5" t="s">
        <v>1522</v>
      </c>
      <c r="S16639" s="5" t="s">
        <v>1523</v>
      </c>
      <c r="T16639" s="5" t="s">
        <v>42</v>
      </c>
      <c r="U16639" s="2">
        <v>2.242</v>
      </c>
      <c r="V16639" s="2">
        <v>1.76</v>
      </c>
      <c r="W16639" s="2">
        <v>1.0999999999999999E-2</v>
      </c>
      <c r="X16639" s="2">
        <v>82.9</v>
      </c>
      <c r="Y16639" s="2">
        <v>7.6</v>
      </c>
      <c r="Z16639" s="2">
        <v>16.7</v>
      </c>
      <c r="AA16639" s="5"/>
      <c r="AB16639" s="5" t="s">
        <v>43</v>
      </c>
      <c r="AC16639" s="5" t="s">
        <v>44</v>
      </c>
      <c r="AD16639" s="2"/>
      <c r="AE16639" s="1"/>
    </row>
    <row r="16640" spans="1:31" ht="14.45">
      <c r="A16640" s="11"/>
      <c r="B16640" s="20"/>
      <c r="C16640" s="2" t="s">
        <v>50878</v>
      </c>
      <c r="D16640" s="14" t="s">
        <v>50879</v>
      </c>
      <c r="E16640" s="2" t="s">
        <v>50880</v>
      </c>
      <c r="F16640" s="2" t="s">
        <v>36281</v>
      </c>
      <c r="G16640" s="8">
        <v>268</v>
      </c>
      <c r="H16640" s="5">
        <v>6</v>
      </c>
      <c r="I16640" s="5" t="s">
        <v>1518</v>
      </c>
      <c r="J16640" s="5" t="s">
        <v>36264</v>
      </c>
      <c r="K16640" s="2" t="s">
        <v>36265</v>
      </c>
      <c r="L16640" s="5" t="s">
        <v>36264</v>
      </c>
      <c r="M16640" s="2" t="s">
        <v>36265</v>
      </c>
      <c r="N16640" s="5" t="s">
        <v>36266</v>
      </c>
      <c r="O16640" s="5" t="s">
        <v>38</v>
      </c>
      <c r="P16640" s="5" t="s">
        <v>39</v>
      </c>
      <c r="Q16640" s="5" t="s">
        <v>40</v>
      </c>
      <c r="R16640" s="5" t="s">
        <v>1522</v>
      </c>
      <c r="S16640" s="5" t="s">
        <v>1523</v>
      </c>
      <c r="T16640" s="5" t="s">
        <v>42</v>
      </c>
      <c r="U16640" s="2">
        <v>2.1800000000000002</v>
      </c>
      <c r="V16640" s="2">
        <v>1.698</v>
      </c>
      <c r="W16640" s="2">
        <v>1.0999999999999999E-2</v>
      </c>
      <c r="X16640" s="2">
        <v>82.9</v>
      </c>
      <c r="Y16640" s="2">
        <v>7.6</v>
      </c>
      <c r="Z16640" s="2">
        <v>16.7</v>
      </c>
      <c r="AA16640" s="5"/>
      <c r="AB16640" s="5" t="s">
        <v>43</v>
      </c>
      <c r="AC16640" s="5" t="s">
        <v>44</v>
      </c>
      <c r="AD16640" s="2"/>
      <c r="AE16640" s="1"/>
    </row>
    <row r="16641" spans="1:31" ht="14.45">
      <c r="A16641" s="11"/>
      <c r="B16641" s="20"/>
      <c r="C16641" s="2" t="s">
        <v>50881</v>
      </c>
      <c r="D16641" s="14" t="s">
        <v>50882</v>
      </c>
      <c r="E16641" s="2" t="s">
        <v>50883</v>
      </c>
      <c r="F16641" s="2" t="s">
        <v>36285</v>
      </c>
      <c r="G16641" s="8">
        <v>268</v>
      </c>
      <c r="H16641" s="5">
        <v>6</v>
      </c>
      <c r="I16641" s="5" t="s">
        <v>1518</v>
      </c>
      <c r="J16641" s="5" t="s">
        <v>36264</v>
      </c>
      <c r="K16641" s="2" t="s">
        <v>36265</v>
      </c>
      <c r="L16641" s="5" t="s">
        <v>36264</v>
      </c>
      <c r="M16641" s="2" t="s">
        <v>36265</v>
      </c>
      <c r="N16641" s="5" t="s">
        <v>36266</v>
      </c>
      <c r="O16641" s="5" t="s">
        <v>38</v>
      </c>
      <c r="P16641" s="5" t="s">
        <v>39</v>
      </c>
      <c r="Q16641" s="5" t="s">
        <v>40</v>
      </c>
      <c r="R16641" s="5" t="s">
        <v>1522</v>
      </c>
      <c r="S16641" s="5" t="s">
        <v>1523</v>
      </c>
      <c r="T16641" s="5" t="s">
        <v>42</v>
      </c>
      <c r="U16641" s="2">
        <v>2.242</v>
      </c>
      <c r="V16641" s="2">
        <v>1.76</v>
      </c>
      <c r="W16641" s="2">
        <v>1.0999999999999999E-2</v>
      </c>
      <c r="X16641" s="2">
        <v>82.9</v>
      </c>
      <c r="Y16641" s="2">
        <v>7.6</v>
      </c>
      <c r="Z16641" s="2">
        <v>16.7</v>
      </c>
      <c r="AA16641" s="5"/>
      <c r="AB16641" s="5" t="s">
        <v>43</v>
      </c>
      <c r="AC16641" s="5" t="s">
        <v>44</v>
      </c>
      <c r="AD16641" s="2"/>
      <c r="AE16641" s="1"/>
    </row>
    <row r="16642" spans="1:31" ht="14.45">
      <c r="A16642" s="11"/>
      <c r="B16642" s="20"/>
      <c r="C16642" s="2" t="s">
        <v>50884</v>
      </c>
      <c r="D16642" s="14" t="s">
        <v>50885</v>
      </c>
      <c r="E16642" s="2" t="s">
        <v>50886</v>
      </c>
      <c r="F16642" s="2" t="s">
        <v>36289</v>
      </c>
      <c r="G16642" s="8">
        <v>268</v>
      </c>
      <c r="H16642" s="5">
        <v>6</v>
      </c>
      <c r="I16642" s="5" t="s">
        <v>1518</v>
      </c>
      <c r="J16642" s="5" t="s">
        <v>36264</v>
      </c>
      <c r="K16642" s="2" t="s">
        <v>36265</v>
      </c>
      <c r="L16642" s="5" t="s">
        <v>36264</v>
      </c>
      <c r="M16642" s="2" t="s">
        <v>36265</v>
      </c>
      <c r="N16642" s="5" t="s">
        <v>36266</v>
      </c>
      <c r="O16642" s="5" t="s">
        <v>38</v>
      </c>
      <c r="P16642" s="5" t="s">
        <v>39</v>
      </c>
      <c r="Q16642" s="5" t="s">
        <v>40</v>
      </c>
      <c r="R16642" s="5" t="s">
        <v>1522</v>
      </c>
      <c r="S16642" s="5" t="s">
        <v>1523</v>
      </c>
      <c r="T16642" s="5" t="s">
        <v>42</v>
      </c>
      <c r="U16642" s="2">
        <v>2.1800000000000002</v>
      </c>
      <c r="V16642" s="2">
        <v>1.698</v>
      </c>
      <c r="W16642" s="2">
        <v>1.0999999999999999E-2</v>
      </c>
      <c r="X16642" s="2">
        <v>82.9</v>
      </c>
      <c r="Y16642" s="2">
        <v>7.6</v>
      </c>
      <c r="Z16642" s="2">
        <v>16.7</v>
      </c>
      <c r="AA16642" s="5"/>
      <c r="AB16642" s="5" t="s">
        <v>43</v>
      </c>
      <c r="AC16642" s="5" t="s">
        <v>44</v>
      </c>
      <c r="AD16642" s="2"/>
      <c r="AE16642" s="1"/>
    </row>
    <row r="16643" spans="1:31" ht="14.45">
      <c r="A16643" s="11"/>
      <c r="B16643" s="20"/>
      <c r="C16643" s="2" t="s">
        <v>50887</v>
      </c>
      <c r="D16643" s="14" t="s">
        <v>50888</v>
      </c>
      <c r="E16643" s="2" t="s">
        <v>50889</v>
      </c>
      <c r="F16643" s="2" t="s">
        <v>36293</v>
      </c>
      <c r="G16643" s="8">
        <v>268</v>
      </c>
      <c r="H16643" s="5">
        <v>6</v>
      </c>
      <c r="I16643" s="5" t="s">
        <v>1518</v>
      </c>
      <c r="J16643" s="5" t="s">
        <v>36264</v>
      </c>
      <c r="K16643" s="2" t="s">
        <v>36265</v>
      </c>
      <c r="L16643" s="5" t="s">
        <v>36264</v>
      </c>
      <c r="M16643" s="2" t="s">
        <v>36265</v>
      </c>
      <c r="N16643" s="5" t="s">
        <v>36266</v>
      </c>
      <c r="O16643" s="5" t="s">
        <v>38</v>
      </c>
      <c r="P16643" s="5" t="s">
        <v>39</v>
      </c>
      <c r="Q16643" s="5" t="s">
        <v>40</v>
      </c>
      <c r="R16643" s="5" t="s">
        <v>1522</v>
      </c>
      <c r="S16643" s="5" t="s">
        <v>1523</v>
      </c>
      <c r="T16643" s="5" t="s">
        <v>42</v>
      </c>
      <c r="U16643" s="2">
        <v>2.242</v>
      </c>
      <c r="V16643" s="2">
        <v>1.76</v>
      </c>
      <c r="W16643" s="2">
        <v>1.0999999999999999E-2</v>
      </c>
      <c r="X16643" s="2">
        <v>82.9</v>
      </c>
      <c r="Y16643" s="2">
        <v>7.6</v>
      </c>
      <c r="Z16643" s="2">
        <v>16.7</v>
      </c>
      <c r="AA16643" s="5"/>
      <c r="AB16643" s="5" t="s">
        <v>43</v>
      </c>
      <c r="AC16643" s="5" t="s">
        <v>44</v>
      </c>
      <c r="AD16643" s="2"/>
      <c r="AE16643" s="1"/>
    </row>
    <row r="16644" spans="1:31" ht="14.45">
      <c r="A16644" s="11"/>
      <c r="B16644" s="20"/>
      <c r="C16644" s="2" t="s">
        <v>50890</v>
      </c>
      <c r="D16644" s="14" t="s">
        <v>50891</v>
      </c>
      <c r="E16644" s="2" t="s">
        <v>50892</v>
      </c>
      <c r="F16644" s="2" t="s">
        <v>36297</v>
      </c>
      <c r="G16644" s="8">
        <v>251</v>
      </c>
      <c r="H16644" s="5">
        <v>6</v>
      </c>
      <c r="I16644" s="5" t="s">
        <v>1518</v>
      </c>
      <c r="J16644" s="5" t="s">
        <v>36264</v>
      </c>
      <c r="K16644" s="2" t="s">
        <v>36265</v>
      </c>
      <c r="L16644" s="5" t="s">
        <v>36264</v>
      </c>
      <c r="M16644" s="2" t="s">
        <v>36265</v>
      </c>
      <c r="N16644" s="5" t="s">
        <v>36266</v>
      </c>
      <c r="O16644" s="5" t="s">
        <v>38</v>
      </c>
      <c r="P16644" s="5" t="s">
        <v>39</v>
      </c>
      <c r="Q16644" s="5" t="s">
        <v>40</v>
      </c>
      <c r="R16644" s="5" t="s">
        <v>1522</v>
      </c>
      <c r="S16644" s="5" t="s">
        <v>1523</v>
      </c>
      <c r="T16644" s="5" t="s">
        <v>42</v>
      </c>
      <c r="U16644" s="2">
        <v>2.1800000000000002</v>
      </c>
      <c r="V16644" s="2">
        <v>1.698</v>
      </c>
      <c r="W16644" s="2">
        <v>1.0999999999999999E-2</v>
      </c>
      <c r="X16644" s="2">
        <v>82.9</v>
      </c>
      <c r="Y16644" s="2">
        <v>7.6</v>
      </c>
      <c r="Z16644" s="2">
        <v>16.7</v>
      </c>
      <c r="AA16644" s="5"/>
      <c r="AB16644" s="5" t="s">
        <v>43</v>
      </c>
      <c r="AC16644" s="5" t="s">
        <v>44</v>
      </c>
      <c r="AD16644" s="2"/>
      <c r="AE16644" s="1"/>
    </row>
    <row r="16645" spans="1:31" ht="14.45">
      <c r="A16645" s="11"/>
      <c r="B16645" s="20"/>
      <c r="C16645" s="2" t="s">
        <v>50893</v>
      </c>
      <c r="D16645" s="14" t="s">
        <v>50894</v>
      </c>
      <c r="E16645" s="2" t="s">
        <v>50895</v>
      </c>
      <c r="F16645" s="2" t="s">
        <v>36301</v>
      </c>
      <c r="G16645" s="8">
        <v>251</v>
      </c>
      <c r="H16645" s="5">
        <v>6</v>
      </c>
      <c r="I16645" s="5" t="s">
        <v>1518</v>
      </c>
      <c r="J16645" s="5" t="s">
        <v>36264</v>
      </c>
      <c r="K16645" s="2" t="s">
        <v>36265</v>
      </c>
      <c r="L16645" s="5" t="s">
        <v>36264</v>
      </c>
      <c r="M16645" s="2" t="s">
        <v>36265</v>
      </c>
      <c r="N16645" s="5" t="s">
        <v>36266</v>
      </c>
      <c r="O16645" s="5" t="s">
        <v>38</v>
      </c>
      <c r="P16645" s="5" t="s">
        <v>39</v>
      </c>
      <c r="Q16645" s="5" t="s">
        <v>40</v>
      </c>
      <c r="R16645" s="5" t="s">
        <v>1522</v>
      </c>
      <c r="S16645" s="5" t="s">
        <v>1523</v>
      </c>
      <c r="T16645" s="5" t="s">
        <v>42</v>
      </c>
      <c r="U16645" s="2">
        <v>2.242</v>
      </c>
      <c r="V16645" s="2">
        <v>1.76</v>
      </c>
      <c r="W16645" s="2">
        <v>1.0999999999999999E-2</v>
      </c>
      <c r="X16645" s="2">
        <v>82.9</v>
      </c>
      <c r="Y16645" s="2">
        <v>7.6</v>
      </c>
      <c r="Z16645" s="2">
        <v>16.7</v>
      </c>
      <c r="AA16645" s="5"/>
      <c r="AB16645" s="5" t="s">
        <v>43</v>
      </c>
      <c r="AC16645" s="5" t="s">
        <v>44</v>
      </c>
      <c r="AD16645" s="2"/>
      <c r="AE16645" s="1"/>
    </row>
    <row r="16646" spans="1:31" ht="14.45">
      <c r="A16646" s="11"/>
      <c r="B16646" s="20"/>
      <c r="C16646" s="2" t="s">
        <v>50896</v>
      </c>
      <c r="D16646" s="14" t="s">
        <v>50897</v>
      </c>
      <c r="E16646" s="2" t="s">
        <v>50898</v>
      </c>
      <c r="F16646" s="2" t="s">
        <v>36305</v>
      </c>
      <c r="G16646" s="8">
        <v>251</v>
      </c>
      <c r="H16646" s="5">
        <v>6</v>
      </c>
      <c r="I16646" s="5" t="s">
        <v>1518</v>
      </c>
      <c r="J16646" s="5" t="s">
        <v>36264</v>
      </c>
      <c r="K16646" s="2" t="s">
        <v>36265</v>
      </c>
      <c r="L16646" s="5" t="s">
        <v>36264</v>
      </c>
      <c r="M16646" s="2" t="s">
        <v>36265</v>
      </c>
      <c r="N16646" s="5" t="s">
        <v>36266</v>
      </c>
      <c r="O16646" s="5" t="s">
        <v>38</v>
      </c>
      <c r="P16646" s="5" t="s">
        <v>39</v>
      </c>
      <c r="Q16646" s="5" t="s">
        <v>40</v>
      </c>
      <c r="R16646" s="5" t="s">
        <v>1522</v>
      </c>
      <c r="S16646" s="5" t="s">
        <v>1523</v>
      </c>
      <c r="T16646" s="5" t="s">
        <v>42</v>
      </c>
      <c r="U16646" s="2">
        <v>2.1800000000000002</v>
      </c>
      <c r="V16646" s="2">
        <v>1.698</v>
      </c>
      <c r="W16646" s="2">
        <v>1.0999999999999999E-2</v>
      </c>
      <c r="X16646" s="2">
        <v>82.9</v>
      </c>
      <c r="Y16646" s="2">
        <v>7.6</v>
      </c>
      <c r="Z16646" s="2">
        <v>16.7</v>
      </c>
      <c r="AA16646" s="5"/>
      <c r="AB16646" s="5" t="s">
        <v>43</v>
      </c>
      <c r="AC16646" s="5" t="s">
        <v>44</v>
      </c>
      <c r="AD16646" s="2"/>
      <c r="AE16646" s="1"/>
    </row>
    <row r="16647" spans="1:31" ht="14.45">
      <c r="A16647" s="11"/>
      <c r="B16647" s="20"/>
      <c r="C16647" s="2" t="s">
        <v>50899</v>
      </c>
      <c r="D16647" s="14" t="s">
        <v>50900</v>
      </c>
      <c r="E16647" s="2" t="s">
        <v>50901</v>
      </c>
      <c r="F16647" s="2" t="s">
        <v>36309</v>
      </c>
      <c r="G16647" s="8">
        <v>251</v>
      </c>
      <c r="H16647" s="5">
        <v>6</v>
      </c>
      <c r="I16647" s="5" t="s">
        <v>1518</v>
      </c>
      <c r="J16647" s="5" t="s">
        <v>36264</v>
      </c>
      <c r="K16647" s="2" t="s">
        <v>36265</v>
      </c>
      <c r="L16647" s="5" t="s">
        <v>36264</v>
      </c>
      <c r="M16647" s="2" t="s">
        <v>36265</v>
      </c>
      <c r="N16647" s="5" t="s">
        <v>36266</v>
      </c>
      <c r="O16647" s="5" t="s">
        <v>38</v>
      </c>
      <c r="P16647" s="5" t="s">
        <v>39</v>
      </c>
      <c r="Q16647" s="5" t="s">
        <v>40</v>
      </c>
      <c r="R16647" s="5" t="s">
        <v>1522</v>
      </c>
      <c r="S16647" s="5" t="s">
        <v>1523</v>
      </c>
      <c r="T16647" s="5" t="s">
        <v>42</v>
      </c>
      <c r="U16647" s="2">
        <v>2.242</v>
      </c>
      <c r="V16647" s="2">
        <v>1.76</v>
      </c>
      <c r="W16647" s="2">
        <v>1.0999999999999999E-2</v>
      </c>
      <c r="X16647" s="2">
        <v>82.9</v>
      </c>
      <c r="Y16647" s="2">
        <v>7.6</v>
      </c>
      <c r="Z16647" s="2">
        <v>16.7</v>
      </c>
      <c r="AA16647" s="5"/>
      <c r="AB16647" s="5" t="s">
        <v>43</v>
      </c>
      <c r="AC16647" s="5" t="s">
        <v>44</v>
      </c>
      <c r="AD16647" s="2"/>
      <c r="AE16647" s="1"/>
    </row>
    <row r="16648" spans="1:31" ht="14.45">
      <c r="A16648" s="11"/>
      <c r="B16648" s="20"/>
      <c r="C16648" s="2" t="s">
        <v>50902</v>
      </c>
      <c r="D16648" s="14" t="s">
        <v>50903</v>
      </c>
      <c r="E16648" s="2" t="s">
        <v>50904</v>
      </c>
      <c r="F16648" s="2" t="s">
        <v>36313</v>
      </c>
      <c r="G16648" s="8">
        <v>268</v>
      </c>
      <c r="H16648" s="5">
        <v>6</v>
      </c>
      <c r="I16648" s="5" t="s">
        <v>1518</v>
      </c>
      <c r="J16648" s="5" t="s">
        <v>36264</v>
      </c>
      <c r="K16648" s="2" t="s">
        <v>36265</v>
      </c>
      <c r="L16648" s="5" t="s">
        <v>36264</v>
      </c>
      <c r="M16648" s="2" t="s">
        <v>36265</v>
      </c>
      <c r="N16648" s="5" t="s">
        <v>36266</v>
      </c>
      <c r="O16648" s="5" t="s">
        <v>38</v>
      </c>
      <c r="P16648" s="5" t="s">
        <v>39</v>
      </c>
      <c r="Q16648" s="5" t="s">
        <v>40</v>
      </c>
      <c r="R16648" s="5" t="s">
        <v>1522</v>
      </c>
      <c r="S16648" s="5" t="s">
        <v>1523</v>
      </c>
      <c r="T16648" s="5" t="s">
        <v>42</v>
      </c>
      <c r="U16648" s="2">
        <v>2.1800000000000002</v>
      </c>
      <c r="V16648" s="2">
        <v>1.698</v>
      </c>
      <c r="W16648" s="2">
        <v>1.0999999999999999E-2</v>
      </c>
      <c r="X16648" s="2">
        <v>82.9</v>
      </c>
      <c r="Y16648" s="2">
        <v>7.6</v>
      </c>
      <c r="Z16648" s="2">
        <v>16.7</v>
      </c>
      <c r="AA16648" s="5"/>
      <c r="AB16648" s="5" t="s">
        <v>43</v>
      </c>
      <c r="AC16648" s="5" t="s">
        <v>44</v>
      </c>
      <c r="AD16648" s="2"/>
      <c r="AE16648" s="1"/>
    </row>
    <row r="16649" spans="1:31" ht="14.45">
      <c r="A16649" s="11"/>
      <c r="B16649" s="20"/>
      <c r="C16649" s="2" t="s">
        <v>50905</v>
      </c>
      <c r="D16649" s="14" t="s">
        <v>50906</v>
      </c>
      <c r="E16649" s="2" t="s">
        <v>50907</v>
      </c>
      <c r="F16649" s="2" t="s">
        <v>36317</v>
      </c>
      <c r="G16649" s="8">
        <v>268</v>
      </c>
      <c r="H16649" s="5">
        <v>6</v>
      </c>
      <c r="I16649" s="5" t="s">
        <v>1518</v>
      </c>
      <c r="J16649" s="5" t="s">
        <v>36264</v>
      </c>
      <c r="K16649" s="2" t="s">
        <v>36265</v>
      </c>
      <c r="L16649" s="5" t="s">
        <v>36264</v>
      </c>
      <c r="M16649" s="2" t="s">
        <v>36265</v>
      </c>
      <c r="N16649" s="5" t="s">
        <v>36266</v>
      </c>
      <c r="O16649" s="5" t="s">
        <v>38</v>
      </c>
      <c r="P16649" s="5" t="s">
        <v>39</v>
      </c>
      <c r="Q16649" s="5" t="s">
        <v>40</v>
      </c>
      <c r="R16649" s="5" t="s">
        <v>1522</v>
      </c>
      <c r="S16649" s="5" t="s">
        <v>1523</v>
      </c>
      <c r="T16649" s="5" t="s">
        <v>42</v>
      </c>
      <c r="U16649" s="2">
        <v>2.242</v>
      </c>
      <c r="V16649" s="2">
        <v>1.76</v>
      </c>
      <c r="W16649" s="2">
        <v>1.0999999999999999E-2</v>
      </c>
      <c r="X16649" s="2">
        <v>82.9</v>
      </c>
      <c r="Y16649" s="2">
        <v>7.6</v>
      </c>
      <c r="Z16649" s="2">
        <v>16.7</v>
      </c>
      <c r="AA16649" s="5"/>
      <c r="AB16649" s="5" t="s">
        <v>43</v>
      </c>
      <c r="AC16649" s="5" t="s">
        <v>44</v>
      </c>
      <c r="AD16649" s="2"/>
      <c r="AE16649" s="1"/>
    </row>
    <row r="16650" spans="1:31" ht="14.45">
      <c r="A16650" s="11"/>
      <c r="B16650" s="20"/>
      <c r="C16650" s="2" t="s">
        <v>50908</v>
      </c>
      <c r="D16650" s="14" t="s">
        <v>50909</v>
      </c>
      <c r="E16650" s="2" t="s">
        <v>50910</v>
      </c>
      <c r="F16650" s="2" t="s">
        <v>36325</v>
      </c>
      <c r="G16650" s="8">
        <v>268</v>
      </c>
      <c r="H16650" s="5">
        <v>6</v>
      </c>
      <c r="I16650" s="5" t="s">
        <v>1518</v>
      </c>
      <c r="J16650" s="5" t="s">
        <v>36264</v>
      </c>
      <c r="K16650" s="2" t="s">
        <v>36265</v>
      </c>
      <c r="L16650" s="5" t="s">
        <v>36264</v>
      </c>
      <c r="M16650" s="2" t="s">
        <v>36265</v>
      </c>
      <c r="N16650" s="5" t="s">
        <v>36266</v>
      </c>
      <c r="O16650" s="5" t="s">
        <v>38</v>
      </c>
      <c r="P16650" s="5" t="s">
        <v>39</v>
      </c>
      <c r="Q16650" s="5" t="s">
        <v>40</v>
      </c>
      <c r="R16650" s="5" t="s">
        <v>1522</v>
      </c>
      <c r="S16650" s="5" t="s">
        <v>1523</v>
      </c>
      <c r="T16650" s="5" t="s">
        <v>42</v>
      </c>
      <c r="U16650" s="2">
        <v>2.242</v>
      </c>
      <c r="V16650" s="2">
        <v>1.76</v>
      </c>
      <c r="W16650" s="2">
        <v>1.0999999999999999E-2</v>
      </c>
      <c r="X16650" s="2">
        <v>82.9</v>
      </c>
      <c r="Y16650" s="2">
        <v>7.6</v>
      </c>
      <c r="Z16650" s="2">
        <v>16.7</v>
      </c>
      <c r="AA16650" s="5"/>
      <c r="AB16650" s="5" t="s">
        <v>43</v>
      </c>
      <c r="AC16650" s="5" t="s">
        <v>44</v>
      </c>
      <c r="AD16650" s="2"/>
      <c r="AE16650" s="1"/>
    </row>
    <row r="16651" spans="1:31" ht="14.45">
      <c r="A16651" s="11"/>
      <c r="B16651" s="20"/>
      <c r="C16651" s="2" t="s">
        <v>50911</v>
      </c>
      <c r="D16651" s="14" t="s">
        <v>50912</v>
      </c>
      <c r="E16651" s="2" t="s">
        <v>50913</v>
      </c>
      <c r="F16651" s="2" t="s">
        <v>36329</v>
      </c>
      <c r="G16651" s="8">
        <v>268</v>
      </c>
      <c r="H16651" s="5">
        <v>6</v>
      </c>
      <c r="I16651" s="5" t="s">
        <v>1518</v>
      </c>
      <c r="J16651" s="5" t="s">
        <v>36264</v>
      </c>
      <c r="K16651" s="2" t="s">
        <v>36265</v>
      </c>
      <c r="L16651" s="5" t="s">
        <v>36264</v>
      </c>
      <c r="M16651" s="2" t="s">
        <v>36265</v>
      </c>
      <c r="N16651" s="5" t="s">
        <v>36266</v>
      </c>
      <c r="O16651" s="5" t="s">
        <v>38</v>
      </c>
      <c r="P16651" s="5" t="s">
        <v>39</v>
      </c>
      <c r="Q16651" s="5" t="s">
        <v>40</v>
      </c>
      <c r="R16651" s="5" t="s">
        <v>1522</v>
      </c>
      <c r="S16651" s="5" t="s">
        <v>1523</v>
      </c>
      <c r="T16651" s="5" t="s">
        <v>42</v>
      </c>
      <c r="U16651" s="2">
        <v>2.1800000000000002</v>
      </c>
      <c r="V16651" s="2">
        <v>1.698</v>
      </c>
      <c r="W16651" s="2">
        <v>1.0999999999999999E-2</v>
      </c>
      <c r="X16651" s="2">
        <v>82.9</v>
      </c>
      <c r="Y16651" s="2">
        <v>7.6</v>
      </c>
      <c r="Z16651" s="2">
        <v>16.7</v>
      </c>
      <c r="AA16651" s="5"/>
      <c r="AB16651" s="5" t="s">
        <v>43</v>
      </c>
      <c r="AC16651" s="5" t="s">
        <v>44</v>
      </c>
      <c r="AD16651" s="2"/>
      <c r="AE16651" s="1"/>
    </row>
    <row r="16652" spans="1:31" ht="14.45">
      <c r="A16652" s="11"/>
      <c r="B16652" s="20"/>
      <c r="C16652" s="2" t="s">
        <v>50914</v>
      </c>
      <c r="D16652" s="14" t="s">
        <v>50915</v>
      </c>
      <c r="E16652" s="2" t="s">
        <v>50916</v>
      </c>
      <c r="F16652" s="2" t="s">
        <v>36333</v>
      </c>
      <c r="G16652" s="8">
        <v>268</v>
      </c>
      <c r="H16652" s="5">
        <v>6</v>
      </c>
      <c r="I16652" s="5" t="s">
        <v>1518</v>
      </c>
      <c r="J16652" s="5" t="s">
        <v>36264</v>
      </c>
      <c r="K16652" s="2" t="s">
        <v>36265</v>
      </c>
      <c r="L16652" s="5" t="s">
        <v>36264</v>
      </c>
      <c r="M16652" s="2" t="s">
        <v>36265</v>
      </c>
      <c r="N16652" s="5" t="s">
        <v>36266</v>
      </c>
      <c r="O16652" s="5" t="s">
        <v>38</v>
      </c>
      <c r="P16652" s="5" t="s">
        <v>39</v>
      </c>
      <c r="Q16652" s="5" t="s">
        <v>40</v>
      </c>
      <c r="R16652" s="5" t="s">
        <v>1522</v>
      </c>
      <c r="S16652" s="5" t="s">
        <v>1523</v>
      </c>
      <c r="T16652" s="5" t="s">
        <v>42</v>
      </c>
      <c r="U16652" s="2">
        <v>2.242</v>
      </c>
      <c r="V16652" s="2">
        <v>1.76</v>
      </c>
      <c r="W16652" s="2">
        <v>1.0999999999999999E-2</v>
      </c>
      <c r="X16652" s="2">
        <v>82.9</v>
      </c>
      <c r="Y16652" s="2">
        <v>7.6</v>
      </c>
      <c r="Z16652" s="2">
        <v>16.7</v>
      </c>
      <c r="AA16652" s="5"/>
      <c r="AB16652" s="5" t="s">
        <v>43</v>
      </c>
      <c r="AC16652" s="5" t="s">
        <v>44</v>
      </c>
      <c r="AD16652" s="2"/>
      <c r="AE16652" s="1"/>
    </row>
    <row r="16653" spans="1:31" ht="14.45">
      <c r="A16653" s="11"/>
      <c r="B16653" s="20"/>
      <c r="C16653" s="2" t="s">
        <v>50917</v>
      </c>
      <c r="D16653" s="14" t="s">
        <v>50918</v>
      </c>
      <c r="E16653" s="2" t="s">
        <v>50919</v>
      </c>
      <c r="F16653" s="2" t="s">
        <v>36337</v>
      </c>
      <c r="G16653" s="8">
        <v>268</v>
      </c>
      <c r="H16653" s="5">
        <v>6</v>
      </c>
      <c r="I16653" s="5" t="s">
        <v>1518</v>
      </c>
      <c r="J16653" s="5" t="s">
        <v>36264</v>
      </c>
      <c r="K16653" s="2" t="s">
        <v>36265</v>
      </c>
      <c r="L16653" s="5" t="s">
        <v>36264</v>
      </c>
      <c r="M16653" s="2" t="s">
        <v>36265</v>
      </c>
      <c r="N16653" s="5" t="s">
        <v>36266</v>
      </c>
      <c r="O16653" s="5" t="s">
        <v>38</v>
      </c>
      <c r="P16653" s="5" t="s">
        <v>39</v>
      </c>
      <c r="Q16653" s="5" t="s">
        <v>40</v>
      </c>
      <c r="R16653" s="5" t="s">
        <v>1522</v>
      </c>
      <c r="S16653" s="5" t="s">
        <v>1523</v>
      </c>
      <c r="T16653" s="5" t="s">
        <v>42</v>
      </c>
      <c r="U16653" s="2">
        <v>2.1800000000000002</v>
      </c>
      <c r="V16653" s="2">
        <v>1.698</v>
      </c>
      <c r="W16653" s="2">
        <v>1.0999999999999999E-2</v>
      </c>
      <c r="X16653" s="2">
        <v>82.9</v>
      </c>
      <c r="Y16653" s="2">
        <v>7.6</v>
      </c>
      <c r="Z16653" s="2">
        <v>16.7</v>
      </c>
      <c r="AA16653" s="5"/>
      <c r="AB16653" s="5" t="s">
        <v>43</v>
      </c>
      <c r="AC16653" s="5" t="s">
        <v>44</v>
      </c>
      <c r="AD16653" s="2"/>
      <c r="AE16653" s="1"/>
    </row>
    <row r="16654" spans="1:31" ht="14.45">
      <c r="A16654" s="11"/>
      <c r="B16654" s="20"/>
      <c r="C16654" s="2" t="s">
        <v>50920</v>
      </c>
      <c r="D16654" s="14" t="s">
        <v>50921</v>
      </c>
      <c r="E16654" s="2" t="s">
        <v>50922</v>
      </c>
      <c r="F16654" s="2" t="s">
        <v>36341</v>
      </c>
      <c r="G16654" s="8">
        <v>268</v>
      </c>
      <c r="H16654" s="5">
        <v>6</v>
      </c>
      <c r="I16654" s="5" t="s">
        <v>1518</v>
      </c>
      <c r="J16654" s="5" t="s">
        <v>36264</v>
      </c>
      <c r="K16654" s="2" t="s">
        <v>36265</v>
      </c>
      <c r="L16654" s="5" t="s">
        <v>36264</v>
      </c>
      <c r="M16654" s="2" t="s">
        <v>36265</v>
      </c>
      <c r="N16654" s="5" t="s">
        <v>36266</v>
      </c>
      <c r="O16654" s="5" t="s">
        <v>38</v>
      </c>
      <c r="P16654" s="5" t="s">
        <v>39</v>
      </c>
      <c r="Q16654" s="5" t="s">
        <v>40</v>
      </c>
      <c r="R16654" s="5" t="s">
        <v>1522</v>
      </c>
      <c r="S16654" s="5" t="s">
        <v>1523</v>
      </c>
      <c r="T16654" s="5" t="s">
        <v>42</v>
      </c>
      <c r="U16654" s="2">
        <v>2.242</v>
      </c>
      <c r="V16654" s="2">
        <v>1.76</v>
      </c>
      <c r="W16654" s="2">
        <v>1.0999999999999999E-2</v>
      </c>
      <c r="X16654" s="2">
        <v>82.9</v>
      </c>
      <c r="Y16654" s="2">
        <v>7.6</v>
      </c>
      <c r="Z16654" s="2">
        <v>16.7</v>
      </c>
      <c r="AA16654" s="5"/>
      <c r="AB16654" s="5" t="s">
        <v>43</v>
      </c>
      <c r="AC16654" s="5" t="s">
        <v>44</v>
      </c>
      <c r="AD16654" s="2"/>
      <c r="AE16654" s="1"/>
    </row>
    <row r="16655" spans="1:31" ht="14.45">
      <c r="A16655" s="11"/>
      <c r="B16655" s="20"/>
      <c r="C16655" s="2" t="s">
        <v>50923</v>
      </c>
      <c r="D16655" s="14" t="s">
        <v>50924</v>
      </c>
      <c r="E16655" s="2" t="s">
        <v>50925</v>
      </c>
      <c r="F16655" s="2" t="s">
        <v>36345</v>
      </c>
      <c r="G16655" s="8">
        <v>268</v>
      </c>
      <c r="H16655" s="5">
        <v>6</v>
      </c>
      <c r="I16655" s="5" t="s">
        <v>1518</v>
      </c>
      <c r="J16655" s="5" t="s">
        <v>36264</v>
      </c>
      <c r="K16655" s="2" t="s">
        <v>36265</v>
      </c>
      <c r="L16655" s="5" t="s">
        <v>36264</v>
      </c>
      <c r="M16655" s="2" t="s">
        <v>36265</v>
      </c>
      <c r="N16655" s="5" t="s">
        <v>36266</v>
      </c>
      <c r="O16655" s="5" t="s">
        <v>38</v>
      </c>
      <c r="P16655" s="5" t="s">
        <v>39</v>
      </c>
      <c r="Q16655" s="5" t="s">
        <v>40</v>
      </c>
      <c r="R16655" s="5" t="s">
        <v>1522</v>
      </c>
      <c r="S16655" s="5" t="s">
        <v>1523</v>
      </c>
      <c r="T16655" s="5" t="s">
        <v>42</v>
      </c>
      <c r="U16655" s="2">
        <v>2.1800000000000002</v>
      </c>
      <c r="V16655" s="2">
        <v>1.698</v>
      </c>
      <c r="W16655" s="2">
        <v>1.0999999999999999E-2</v>
      </c>
      <c r="X16655" s="2">
        <v>82.9</v>
      </c>
      <c r="Y16655" s="2">
        <v>7.6</v>
      </c>
      <c r="Z16655" s="2">
        <v>16.7</v>
      </c>
      <c r="AA16655" s="5"/>
      <c r="AB16655" s="5" t="s">
        <v>43</v>
      </c>
      <c r="AC16655" s="5" t="s">
        <v>44</v>
      </c>
      <c r="AD16655" s="2"/>
      <c r="AE16655" s="1"/>
    </row>
    <row r="16656" spans="1:31" ht="14.45">
      <c r="A16656" s="11"/>
      <c r="B16656" s="20"/>
      <c r="C16656" s="2" t="s">
        <v>50926</v>
      </c>
      <c r="D16656" s="14" t="s">
        <v>50927</v>
      </c>
      <c r="E16656" s="2" t="s">
        <v>50928</v>
      </c>
      <c r="F16656" s="2" t="s">
        <v>36349</v>
      </c>
      <c r="G16656" s="8">
        <v>268</v>
      </c>
      <c r="H16656" s="5">
        <v>6</v>
      </c>
      <c r="I16656" s="5" t="s">
        <v>1518</v>
      </c>
      <c r="J16656" s="5" t="s">
        <v>36264</v>
      </c>
      <c r="K16656" s="2" t="s">
        <v>36265</v>
      </c>
      <c r="L16656" s="5" t="s">
        <v>36264</v>
      </c>
      <c r="M16656" s="2" t="s">
        <v>36265</v>
      </c>
      <c r="N16656" s="5" t="s">
        <v>36266</v>
      </c>
      <c r="O16656" s="5" t="s">
        <v>38</v>
      </c>
      <c r="P16656" s="5" t="s">
        <v>39</v>
      </c>
      <c r="Q16656" s="5" t="s">
        <v>40</v>
      </c>
      <c r="R16656" s="5" t="s">
        <v>1522</v>
      </c>
      <c r="S16656" s="5" t="s">
        <v>1523</v>
      </c>
      <c r="T16656" s="5" t="s">
        <v>42</v>
      </c>
      <c r="U16656" s="2">
        <v>2.242</v>
      </c>
      <c r="V16656" s="2">
        <v>1.76</v>
      </c>
      <c r="W16656" s="2">
        <v>1.0999999999999999E-2</v>
      </c>
      <c r="X16656" s="2">
        <v>82.9</v>
      </c>
      <c r="Y16656" s="2">
        <v>7.6</v>
      </c>
      <c r="Z16656" s="2">
        <v>16.7</v>
      </c>
      <c r="AA16656" s="5"/>
      <c r="AB16656" s="5" t="s">
        <v>43</v>
      </c>
      <c r="AC16656" s="5" t="s">
        <v>44</v>
      </c>
      <c r="AD16656" s="2"/>
      <c r="AE16656" s="1"/>
    </row>
    <row r="16657" spans="1:31" ht="14.45">
      <c r="A16657" s="11"/>
      <c r="B16657" s="20"/>
      <c r="C16657" s="2" t="s">
        <v>50929</v>
      </c>
      <c r="D16657" s="14" t="s">
        <v>50930</v>
      </c>
      <c r="E16657" s="2" t="s">
        <v>50931</v>
      </c>
      <c r="F16657" s="2" t="s">
        <v>36353</v>
      </c>
      <c r="G16657" s="8">
        <v>268</v>
      </c>
      <c r="H16657" s="5">
        <v>6</v>
      </c>
      <c r="I16657" s="5" t="s">
        <v>1518</v>
      </c>
      <c r="J16657" s="5" t="s">
        <v>36264</v>
      </c>
      <c r="K16657" s="2" t="s">
        <v>36265</v>
      </c>
      <c r="L16657" s="5" t="s">
        <v>36264</v>
      </c>
      <c r="M16657" s="2" t="s">
        <v>36265</v>
      </c>
      <c r="N16657" s="5" t="s">
        <v>36266</v>
      </c>
      <c r="O16657" s="5" t="s">
        <v>38</v>
      </c>
      <c r="P16657" s="5" t="s">
        <v>39</v>
      </c>
      <c r="Q16657" s="5" t="s">
        <v>40</v>
      </c>
      <c r="R16657" s="5" t="s">
        <v>1522</v>
      </c>
      <c r="S16657" s="5" t="s">
        <v>1523</v>
      </c>
      <c r="T16657" s="5" t="s">
        <v>42</v>
      </c>
      <c r="U16657" s="2">
        <v>2.1800000000000002</v>
      </c>
      <c r="V16657" s="2">
        <v>1.698</v>
      </c>
      <c r="W16657" s="2">
        <v>1.0999999999999999E-2</v>
      </c>
      <c r="X16657" s="2">
        <v>82.9</v>
      </c>
      <c r="Y16657" s="2">
        <v>7.6</v>
      </c>
      <c r="Z16657" s="2">
        <v>16.7</v>
      </c>
      <c r="AA16657" s="5"/>
      <c r="AB16657" s="5" t="s">
        <v>43</v>
      </c>
      <c r="AC16657" s="5" t="s">
        <v>44</v>
      </c>
      <c r="AD16657" s="2"/>
      <c r="AE16657" s="1"/>
    </row>
    <row r="16658" spans="1:31" ht="14.45">
      <c r="A16658" s="11"/>
      <c r="B16658" s="20"/>
      <c r="C16658" s="2" t="s">
        <v>50932</v>
      </c>
      <c r="D16658" s="14" t="s">
        <v>50933</v>
      </c>
      <c r="E16658" s="2" t="s">
        <v>50934</v>
      </c>
      <c r="F16658" s="2" t="s">
        <v>36357</v>
      </c>
      <c r="G16658" s="8">
        <v>268</v>
      </c>
      <c r="H16658" s="5">
        <v>6</v>
      </c>
      <c r="I16658" s="5" t="s">
        <v>1518</v>
      </c>
      <c r="J16658" s="5" t="s">
        <v>36264</v>
      </c>
      <c r="K16658" s="2" t="s">
        <v>36265</v>
      </c>
      <c r="L16658" s="5" t="s">
        <v>36264</v>
      </c>
      <c r="M16658" s="2" t="s">
        <v>36265</v>
      </c>
      <c r="N16658" s="5" t="s">
        <v>36266</v>
      </c>
      <c r="O16658" s="5" t="s">
        <v>38</v>
      </c>
      <c r="P16658" s="5" t="s">
        <v>39</v>
      </c>
      <c r="Q16658" s="5" t="s">
        <v>40</v>
      </c>
      <c r="R16658" s="5" t="s">
        <v>1522</v>
      </c>
      <c r="S16658" s="5" t="s">
        <v>1523</v>
      </c>
      <c r="T16658" s="5" t="s">
        <v>42</v>
      </c>
      <c r="U16658" s="2">
        <v>2.242</v>
      </c>
      <c r="V16658" s="2">
        <v>1.76</v>
      </c>
      <c r="W16658" s="2">
        <v>1.0999999999999999E-2</v>
      </c>
      <c r="X16658" s="2">
        <v>82.9</v>
      </c>
      <c r="Y16658" s="2">
        <v>7.6</v>
      </c>
      <c r="Z16658" s="2">
        <v>16.7</v>
      </c>
      <c r="AA16658" s="5"/>
      <c r="AB16658" s="5" t="s">
        <v>43</v>
      </c>
      <c r="AC16658" s="5" t="s">
        <v>44</v>
      </c>
      <c r="AD16658" s="2"/>
      <c r="AE16658" s="1"/>
    </row>
    <row r="16659" spans="1:31" ht="14.45">
      <c r="A16659" s="11"/>
      <c r="B16659" s="20"/>
      <c r="C16659" s="2" t="s">
        <v>50935</v>
      </c>
      <c r="D16659" s="14" t="s">
        <v>50936</v>
      </c>
      <c r="E16659" s="2" t="s">
        <v>50937</v>
      </c>
      <c r="F16659" s="2" t="s">
        <v>45598</v>
      </c>
      <c r="G16659" s="8">
        <v>268</v>
      </c>
      <c r="H16659" s="5">
        <v>6</v>
      </c>
      <c r="I16659" s="5" t="s">
        <v>1518</v>
      </c>
      <c r="J16659" s="5" t="s">
        <v>36264</v>
      </c>
      <c r="K16659" s="2" t="s">
        <v>36265</v>
      </c>
      <c r="L16659" s="5" t="s">
        <v>36264</v>
      </c>
      <c r="M16659" s="2" t="s">
        <v>36265</v>
      </c>
      <c r="N16659" s="5" t="s">
        <v>36266</v>
      </c>
      <c r="O16659" s="5" t="s">
        <v>38</v>
      </c>
      <c r="P16659" s="5" t="s">
        <v>39</v>
      </c>
      <c r="Q16659" s="5" t="s">
        <v>40</v>
      </c>
      <c r="R16659" s="5" t="s">
        <v>1522</v>
      </c>
      <c r="S16659" s="5" t="s">
        <v>1523</v>
      </c>
      <c r="T16659" s="5" t="s">
        <v>42</v>
      </c>
      <c r="U16659" s="2">
        <v>2.1800000000000002</v>
      </c>
      <c r="V16659" s="2">
        <v>1.698</v>
      </c>
      <c r="W16659" s="2">
        <v>1.0999999999999999E-2</v>
      </c>
      <c r="X16659" s="2">
        <v>82.9</v>
      </c>
      <c r="Y16659" s="2">
        <v>7.6</v>
      </c>
      <c r="Z16659" s="2">
        <v>16.7</v>
      </c>
      <c r="AA16659" s="5"/>
      <c r="AB16659" s="5" t="s">
        <v>43</v>
      </c>
      <c r="AC16659" s="5" t="s">
        <v>44</v>
      </c>
      <c r="AD16659" s="2"/>
      <c r="AE16659" s="1"/>
    </row>
    <row r="16660" spans="1:31" ht="14.45">
      <c r="A16660" s="11"/>
      <c r="B16660" s="20"/>
      <c r="C16660" s="2" t="s">
        <v>50938</v>
      </c>
      <c r="D16660" s="14" t="s">
        <v>50939</v>
      </c>
      <c r="E16660" s="2" t="s">
        <v>50940</v>
      </c>
      <c r="F16660" s="2" t="s">
        <v>45534</v>
      </c>
      <c r="G16660" s="8">
        <v>268</v>
      </c>
      <c r="H16660" s="5">
        <v>6</v>
      </c>
      <c r="I16660" s="5" t="s">
        <v>1518</v>
      </c>
      <c r="J16660" s="5" t="s">
        <v>36264</v>
      </c>
      <c r="K16660" s="2" t="s">
        <v>36265</v>
      </c>
      <c r="L16660" s="5" t="s">
        <v>36264</v>
      </c>
      <c r="M16660" s="2" t="s">
        <v>36265</v>
      </c>
      <c r="N16660" s="5" t="s">
        <v>36266</v>
      </c>
      <c r="O16660" s="5" t="s">
        <v>38</v>
      </c>
      <c r="P16660" s="5" t="s">
        <v>39</v>
      </c>
      <c r="Q16660" s="5" t="s">
        <v>40</v>
      </c>
      <c r="R16660" s="5" t="s">
        <v>1522</v>
      </c>
      <c r="S16660" s="5" t="s">
        <v>1523</v>
      </c>
      <c r="T16660" s="5" t="s">
        <v>42</v>
      </c>
      <c r="U16660" s="2">
        <v>2.242</v>
      </c>
      <c r="V16660" s="2">
        <v>1.76</v>
      </c>
      <c r="W16660" s="2">
        <v>1.0999999999999999E-2</v>
      </c>
      <c r="X16660" s="2">
        <v>82.9</v>
      </c>
      <c r="Y16660" s="2">
        <v>7.6</v>
      </c>
      <c r="Z16660" s="2">
        <v>16.7</v>
      </c>
      <c r="AA16660" s="5"/>
      <c r="AB16660" s="5" t="s">
        <v>43</v>
      </c>
      <c r="AC16660" s="5" t="s">
        <v>44</v>
      </c>
      <c r="AD16660" s="2"/>
      <c r="AE16660" s="1"/>
    </row>
    <row r="16661" spans="1:31" ht="14.45">
      <c r="A16661" s="11"/>
      <c r="B16661" s="20"/>
      <c r="C16661" s="2" t="s">
        <v>50941</v>
      </c>
      <c r="D16661" s="14" t="s">
        <v>50942</v>
      </c>
      <c r="E16661" s="2" t="s">
        <v>50943</v>
      </c>
      <c r="F16661" s="2" t="s">
        <v>36369</v>
      </c>
      <c r="G16661" s="8">
        <v>268</v>
      </c>
      <c r="H16661" s="5">
        <v>6</v>
      </c>
      <c r="I16661" s="5" t="s">
        <v>1518</v>
      </c>
      <c r="J16661" s="5" t="s">
        <v>36264</v>
      </c>
      <c r="K16661" s="2" t="s">
        <v>36265</v>
      </c>
      <c r="L16661" s="5" t="s">
        <v>36264</v>
      </c>
      <c r="M16661" s="2" t="s">
        <v>36265</v>
      </c>
      <c r="N16661" s="5" t="s">
        <v>36266</v>
      </c>
      <c r="O16661" s="5" t="s">
        <v>38</v>
      </c>
      <c r="P16661" s="5" t="s">
        <v>39</v>
      </c>
      <c r="Q16661" s="5" t="s">
        <v>40</v>
      </c>
      <c r="R16661" s="5" t="s">
        <v>1522</v>
      </c>
      <c r="S16661" s="5" t="s">
        <v>1523</v>
      </c>
      <c r="T16661" s="5" t="s">
        <v>42</v>
      </c>
      <c r="U16661" s="2">
        <v>2.1800000000000002</v>
      </c>
      <c r="V16661" s="2">
        <v>1.698</v>
      </c>
      <c r="W16661" s="2">
        <v>1.0999999999999999E-2</v>
      </c>
      <c r="X16661" s="2">
        <v>82.9</v>
      </c>
      <c r="Y16661" s="2">
        <v>7.6</v>
      </c>
      <c r="Z16661" s="2">
        <v>16.7</v>
      </c>
      <c r="AA16661" s="5"/>
      <c r="AB16661" s="5" t="s">
        <v>43</v>
      </c>
      <c r="AC16661" s="5" t="s">
        <v>44</v>
      </c>
      <c r="AD16661" s="2"/>
      <c r="AE16661" s="1"/>
    </row>
    <row r="16662" spans="1:31" ht="14.45">
      <c r="A16662" s="11"/>
      <c r="B16662" s="20"/>
      <c r="C16662" s="2" t="s">
        <v>50944</v>
      </c>
      <c r="D16662" s="14" t="s">
        <v>50945</v>
      </c>
      <c r="E16662" s="2" t="s">
        <v>50946</v>
      </c>
      <c r="F16662" s="2" t="s">
        <v>36373</v>
      </c>
      <c r="G16662" s="8">
        <v>268</v>
      </c>
      <c r="H16662" s="5">
        <v>6</v>
      </c>
      <c r="I16662" s="5" t="s">
        <v>1518</v>
      </c>
      <c r="J16662" s="5" t="s">
        <v>36264</v>
      </c>
      <c r="K16662" s="2" t="s">
        <v>36265</v>
      </c>
      <c r="L16662" s="5" t="s">
        <v>36264</v>
      </c>
      <c r="M16662" s="2" t="s">
        <v>36265</v>
      </c>
      <c r="N16662" s="5" t="s">
        <v>36266</v>
      </c>
      <c r="O16662" s="5" t="s">
        <v>38</v>
      </c>
      <c r="P16662" s="5" t="s">
        <v>39</v>
      </c>
      <c r="Q16662" s="5" t="s">
        <v>40</v>
      </c>
      <c r="R16662" s="5" t="s">
        <v>1522</v>
      </c>
      <c r="S16662" s="5" t="s">
        <v>1523</v>
      </c>
      <c r="T16662" s="5" t="s">
        <v>42</v>
      </c>
      <c r="U16662" s="2">
        <v>2.242</v>
      </c>
      <c r="V16662" s="2">
        <v>1.76</v>
      </c>
      <c r="W16662" s="2">
        <v>1.0999999999999999E-2</v>
      </c>
      <c r="X16662" s="2">
        <v>82.9</v>
      </c>
      <c r="Y16662" s="2">
        <v>7.6</v>
      </c>
      <c r="Z16662" s="2">
        <v>16.7</v>
      </c>
      <c r="AA16662" s="5"/>
      <c r="AB16662" s="5" t="s">
        <v>43</v>
      </c>
      <c r="AC16662" s="5" t="s">
        <v>44</v>
      </c>
      <c r="AD16662" s="2"/>
      <c r="AE16662" s="1"/>
    </row>
    <row r="16663" spans="1:31" ht="14.45">
      <c r="A16663" s="11"/>
      <c r="B16663" s="20"/>
      <c r="C16663" s="2" t="s">
        <v>50947</v>
      </c>
      <c r="D16663" s="14" t="s">
        <v>50948</v>
      </c>
      <c r="E16663" s="2" t="s">
        <v>50949</v>
      </c>
      <c r="F16663" s="2" t="s">
        <v>36377</v>
      </c>
      <c r="G16663" s="8">
        <v>268</v>
      </c>
      <c r="H16663" s="5">
        <v>6</v>
      </c>
      <c r="I16663" s="5" t="s">
        <v>1518</v>
      </c>
      <c r="J16663" s="5" t="s">
        <v>36264</v>
      </c>
      <c r="K16663" s="2" t="s">
        <v>36265</v>
      </c>
      <c r="L16663" s="5" t="s">
        <v>36264</v>
      </c>
      <c r="M16663" s="2" t="s">
        <v>36265</v>
      </c>
      <c r="N16663" s="5" t="s">
        <v>36266</v>
      </c>
      <c r="O16663" s="5" t="s">
        <v>38</v>
      </c>
      <c r="P16663" s="5" t="s">
        <v>39</v>
      </c>
      <c r="Q16663" s="5" t="s">
        <v>40</v>
      </c>
      <c r="R16663" s="5" t="s">
        <v>1522</v>
      </c>
      <c r="S16663" s="5" t="s">
        <v>1523</v>
      </c>
      <c r="T16663" s="5" t="s">
        <v>42</v>
      </c>
      <c r="U16663" s="2">
        <v>2.1800000000000002</v>
      </c>
      <c r="V16663" s="2">
        <v>1.698</v>
      </c>
      <c r="W16663" s="2">
        <v>1.0999999999999999E-2</v>
      </c>
      <c r="X16663" s="2">
        <v>82.9</v>
      </c>
      <c r="Y16663" s="2">
        <v>7.6</v>
      </c>
      <c r="Z16663" s="2">
        <v>16.7</v>
      </c>
      <c r="AA16663" s="5"/>
      <c r="AB16663" s="5" t="s">
        <v>43</v>
      </c>
      <c r="AC16663" s="5" t="s">
        <v>44</v>
      </c>
      <c r="AD16663" s="2"/>
      <c r="AE16663" s="1"/>
    </row>
    <row r="16664" spans="1:31" ht="14.45">
      <c r="A16664" s="11"/>
      <c r="B16664" s="20"/>
      <c r="C16664" s="2" t="s">
        <v>50950</v>
      </c>
      <c r="D16664" s="14" t="s">
        <v>50951</v>
      </c>
      <c r="E16664" s="2" t="s">
        <v>50952</v>
      </c>
      <c r="F16664" s="2" t="s">
        <v>36381</v>
      </c>
      <c r="G16664" s="8">
        <v>268</v>
      </c>
      <c r="H16664" s="5">
        <v>6</v>
      </c>
      <c r="I16664" s="5" t="s">
        <v>1518</v>
      </c>
      <c r="J16664" s="5" t="s">
        <v>36264</v>
      </c>
      <c r="K16664" s="2" t="s">
        <v>36265</v>
      </c>
      <c r="L16664" s="5" t="s">
        <v>36264</v>
      </c>
      <c r="M16664" s="2" t="s">
        <v>36265</v>
      </c>
      <c r="N16664" s="5" t="s">
        <v>36266</v>
      </c>
      <c r="O16664" s="5" t="s">
        <v>38</v>
      </c>
      <c r="P16664" s="5" t="s">
        <v>39</v>
      </c>
      <c r="Q16664" s="5" t="s">
        <v>40</v>
      </c>
      <c r="R16664" s="5" t="s">
        <v>1522</v>
      </c>
      <c r="S16664" s="5" t="s">
        <v>1523</v>
      </c>
      <c r="T16664" s="5" t="s">
        <v>42</v>
      </c>
      <c r="U16664" s="2">
        <v>2.242</v>
      </c>
      <c r="V16664" s="2">
        <v>1.76</v>
      </c>
      <c r="W16664" s="2">
        <v>1.0999999999999999E-2</v>
      </c>
      <c r="X16664" s="2">
        <v>82.9</v>
      </c>
      <c r="Y16664" s="2">
        <v>7.6</v>
      </c>
      <c r="Z16664" s="2">
        <v>16.7</v>
      </c>
      <c r="AA16664" s="5"/>
      <c r="AB16664" s="5" t="s">
        <v>43</v>
      </c>
      <c r="AC16664" s="5" t="s">
        <v>44</v>
      </c>
      <c r="AD16664" s="2"/>
      <c r="AE16664" s="1"/>
    </row>
    <row r="16665" spans="1:31" ht="14.45">
      <c r="A16665" s="11"/>
      <c r="B16665" s="20"/>
      <c r="C16665" s="2" t="s">
        <v>50953</v>
      </c>
      <c r="D16665" s="14" t="s">
        <v>50954</v>
      </c>
      <c r="E16665" s="2" t="s">
        <v>50955</v>
      </c>
      <c r="F16665" s="2" t="s">
        <v>36385</v>
      </c>
      <c r="G16665" s="8">
        <v>268</v>
      </c>
      <c r="H16665" s="5">
        <v>6</v>
      </c>
      <c r="I16665" s="5" t="s">
        <v>1518</v>
      </c>
      <c r="J16665" s="5" t="s">
        <v>36264</v>
      </c>
      <c r="K16665" s="2" t="s">
        <v>36265</v>
      </c>
      <c r="L16665" s="5" t="s">
        <v>36264</v>
      </c>
      <c r="M16665" s="2" t="s">
        <v>36265</v>
      </c>
      <c r="N16665" s="5" t="s">
        <v>36266</v>
      </c>
      <c r="O16665" s="5" t="s">
        <v>38</v>
      </c>
      <c r="P16665" s="5" t="s">
        <v>39</v>
      </c>
      <c r="Q16665" s="5" t="s">
        <v>40</v>
      </c>
      <c r="R16665" s="5" t="s">
        <v>1522</v>
      </c>
      <c r="S16665" s="5" t="s">
        <v>1523</v>
      </c>
      <c r="T16665" s="5" t="s">
        <v>42</v>
      </c>
      <c r="U16665" s="2">
        <v>2.1800000000000002</v>
      </c>
      <c r="V16665" s="2">
        <v>1.698</v>
      </c>
      <c r="W16665" s="2">
        <v>1.0999999999999999E-2</v>
      </c>
      <c r="X16665" s="2">
        <v>82.9</v>
      </c>
      <c r="Y16665" s="2">
        <v>7.6</v>
      </c>
      <c r="Z16665" s="2">
        <v>16.7</v>
      </c>
      <c r="AA16665" s="5"/>
      <c r="AB16665" s="5" t="s">
        <v>43</v>
      </c>
      <c r="AC16665" s="5" t="s">
        <v>44</v>
      </c>
      <c r="AD16665" s="2"/>
      <c r="AE16665" s="1"/>
    </row>
    <row r="16666" spans="1:31" ht="14.45">
      <c r="A16666" s="11"/>
      <c r="B16666" s="20"/>
      <c r="C16666" s="2" t="s">
        <v>50956</v>
      </c>
      <c r="D16666" s="14" t="s">
        <v>50957</v>
      </c>
      <c r="E16666" s="2" t="s">
        <v>50958</v>
      </c>
      <c r="F16666" s="2" t="s">
        <v>36389</v>
      </c>
      <c r="G16666" s="8">
        <v>268</v>
      </c>
      <c r="H16666" s="5">
        <v>6</v>
      </c>
      <c r="I16666" s="5" t="s">
        <v>1518</v>
      </c>
      <c r="J16666" s="5" t="s">
        <v>36264</v>
      </c>
      <c r="K16666" s="2" t="s">
        <v>36265</v>
      </c>
      <c r="L16666" s="5" t="s">
        <v>36264</v>
      </c>
      <c r="M16666" s="2" t="s">
        <v>36265</v>
      </c>
      <c r="N16666" s="5" t="s">
        <v>36266</v>
      </c>
      <c r="O16666" s="5" t="s">
        <v>38</v>
      </c>
      <c r="P16666" s="5" t="s">
        <v>39</v>
      </c>
      <c r="Q16666" s="5" t="s">
        <v>40</v>
      </c>
      <c r="R16666" s="5" t="s">
        <v>1522</v>
      </c>
      <c r="S16666" s="5" t="s">
        <v>1523</v>
      </c>
      <c r="T16666" s="5" t="s">
        <v>42</v>
      </c>
      <c r="U16666" s="2">
        <v>2.242</v>
      </c>
      <c r="V16666" s="2">
        <v>1.76</v>
      </c>
      <c r="W16666" s="2">
        <v>1.0999999999999999E-2</v>
      </c>
      <c r="X16666" s="2">
        <v>82.9</v>
      </c>
      <c r="Y16666" s="2">
        <v>7.6</v>
      </c>
      <c r="Z16666" s="2">
        <v>16.7</v>
      </c>
      <c r="AA16666" s="5"/>
      <c r="AB16666" s="5" t="s">
        <v>43</v>
      </c>
      <c r="AC16666" s="5" t="s">
        <v>44</v>
      </c>
      <c r="AD16666" s="2"/>
      <c r="AE16666" s="1"/>
    </row>
    <row r="16667" spans="1:31" ht="14.45">
      <c r="A16667" s="11"/>
      <c r="B16667" s="20"/>
      <c r="C16667" s="2" t="s">
        <v>50959</v>
      </c>
      <c r="D16667" s="14" t="s">
        <v>50960</v>
      </c>
      <c r="E16667" s="2" t="s">
        <v>50961</v>
      </c>
      <c r="F16667" s="2" t="s">
        <v>7204</v>
      </c>
      <c r="G16667" s="8">
        <v>264</v>
      </c>
      <c r="H16667" s="5">
        <v>6</v>
      </c>
      <c r="I16667" s="5" t="s">
        <v>1518</v>
      </c>
      <c r="J16667" s="5" t="s">
        <v>36264</v>
      </c>
      <c r="K16667" s="2" t="s">
        <v>36265</v>
      </c>
      <c r="L16667" s="5" t="s">
        <v>36264</v>
      </c>
      <c r="M16667" s="2" t="s">
        <v>36265</v>
      </c>
      <c r="N16667" s="5" t="s">
        <v>36266</v>
      </c>
      <c r="O16667" s="5" t="s">
        <v>38</v>
      </c>
      <c r="P16667" s="5" t="s">
        <v>39</v>
      </c>
      <c r="Q16667" s="5" t="s">
        <v>40</v>
      </c>
      <c r="R16667" s="5" t="s">
        <v>1522</v>
      </c>
      <c r="S16667" s="5" t="s">
        <v>1523</v>
      </c>
      <c r="T16667" s="5" t="s">
        <v>42</v>
      </c>
      <c r="U16667" s="2">
        <v>2.423</v>
      </c>
      <c r="V16667" s="2">
        <v>1.853</v>
      </c>
      <c r="W16667" s="2">
        <v>1.4999999999999999E-2</v>
      </c>
      <c r="X16667" s="2">
        <v>118.9</v>
      </c>
      <c r="Y16667" s="2">
        <v>7.6</v>
      </c>
      <c r="Z16667" s="2">
        <v>16.7</v>
      </c>
      <c r="AA16667" s="5"/>
      <c r="AB16667" s="5" t="s">
        <v>43</v>
      </c>
      <c r="AC16667" s="5" t="s">
        <v>44</v>
      </c>
      <c r="AD16667" s="2"/>
      <c r="AE16667" s="1"/>
    </row>
    <row r="16668" spans="1:31" ht="14.45">
      <c r="A16668" s="11"/>
      <c r="B16668" s="20"/>
      <c r="C16668" s="2" t="s">
        <v>50962</v>
      </c>
      <c r="D16668" s="14" t="s">
        <v>50963</v>
      </c>
      <c r="E16668" s="2" t="s">
        <v>50964</v>
      </c>
      <c r="F16668" s="2" t="s">
        <v>7514</v>
      </c>
      <c r="G16668" s="8">
        <v>264</v>
      </c>
      <c r="H16668" s="5">
        <v>6</v>
      </c>
      <c r="I16668" s="5" t="s">
        <v>1518</v>
      </c>
      <c r="J16668" s="5" t="s">
        <v>36264</v>
      </c>
      <c r="K16668" s="2" t="s">
        <v>36265</v>
      </c>
      <c r="L16668" s="5" t="s">
        <v>36264</v>
      </c>
      <c r="M16668" s="2" t="s">
        <v>36265</v>
      </c>
      <c r="N16668" s="5" t="s">
        <v>36266</v>
      </c>
      <c r="O16668" s="5" t="s">
        <v>38</v>
      </c>
      <c r="P16668" s="5" t="s">
        <v>39</v>
      </c>
      <c r="Q16668" s="5" t="s">
        <v>40</v>
      </c>
      <c r="R16668" s="5" t="s">
        <v>1522</v>
      </c>
      <c r="S16668" s="5" t="s">
        <v>1523</v>
      </c>
      <c r="T16668" s="5" t="s">
        <v>42</v>
      </c>
      <c r="U16668" s="2">
        <v>2.496</v>
      </c>
      <c r="V16668" s="2">
        <v>1.9259999999999999</v>
      </c>
      <c r="W16668" s="2">
        <v>1.4999999999999999E-2</v>
      </c>
      <c r="X16668" s="2">
        <v>118.9</v>
      </c>
      <c r="Y16668" s="2">
        <v>7.6</v>
      </c>
      <c r="Z16668" s="2">
        <v>16.7</v>
      </c>
      <c r="AA16668" s="5"/>
      <c r="AB16668" s="5" t="s">
        <v>43</v>
      </c>
      <c r="AC16668" s="5" t="s">
        <v>44</v>
      </c>
      <c r="AD16668" s="2"/>
      <c r="AE16668" s="1"/>
    </row>
    <row r="16669" spans="1:31" ht="14.45">
      <c r="A16669" s="11"/>
      <c r="B16669" s="20"/>
      <c r="C16669" s="2" t="s">
        <v>50965</v>
      </c>
      <c r="D16669" s="14" t="s">
        <v>50966</v>
      </c>
      <c r="E16669" s="2" t="s">
        <v>50967</v>
      </c>
      <c r="F16669" s="2" t="s">
        <v>36273</v>
      </c>
      <c r="G16669" s="8">
        <v>264</v>
      </c>
      <c r="H16669" s="5">
        <v>6</v>
      </c>
      <c r="I16669" s="5" t="s">
        <v>1518</v>
      </c>
      <c r="J16669" s="5" t="s">
        <v>36264</v>
      </c>
      <c r="K16669" s="2" t="s">
        <v>36265</v>
      </c>
      <c r="L16669" s="5" t="s">
        <v>36264</v>
      </c>
      <c r="M16669" s="2" t="s">
        <v>36265</v>
      </c>
      <c r="N16669" s="5" t="s">
        <v>36266</v>
      </c>
      <c r="O16669" s="5" t="s">
        <v>38</v>
      </c>
      <c r="P16669" s="5" t="s">
        <v>39</v>
      </c>
      <c r="Q16669" s="5" t="s">
        <v>40</v>
      </c>
      <c r="R16669" s="5" t="s">
        <v>1522</v>
      </c>
      <c r="S16669" s="5" t="s">
        <v>1523</v>
      </c>
      <c r="T16669" s="5" t="s">
        <v>42</v>
      </c>
      <c r="U16669" s="2">
        <v>2.423</v>
      </c>
      <c r="V16669" s="2">
        <v>1.853</v>
      </c>
      <c r="W16669" s="2">
        <v>1.4999999999999999E-2</v>
      </c>
      <c r="X16669" s="2">
        <v>118.9</v>
      </c>
      <c r="Y16669" s="2">
        <v>7.6</v>
      </c>
      <c r="Z16669" s="2">
        <v>16.7</v>
      </c>
      <c r="AA16669" s="5"/>
      <c r="AB16669" s="5" t="s">
        <v>43</v>
      </c>
      <c r="AC16669" s="5" t="s">
        <v>44</v>
      </c>
      <c r="AD16669" s="2"/>
      <c r="AE16669" s="1"/>
    </row>
    <row r="16670" spans="1:31" ht="14.45">
      <c r="A16670" s="11"/>
      <c r="B16670" s="20"/>
      <c r="C16670" s="2" t="s">
        <v>50968</v>
      </c>
      <c r="D16670" s="14" t="s">
        <v>50969</v>
      </c>
      <c r="E16670" s="2" t="s">
        <v>50970</v>
      </c>
      <c r="F16670" s="2" t="s">
        <v>36277</v>
      </c>
      <c r="G16670" s="8">
        <v>264</v>
      </c>
      <c r="H16670" s="5">
        <v>6</v>
      </c>
      <c r="I16670" s="5" t="s">
        <v>1518</v>
      </c>
      <c r="J16670" s="5" t="s">
        <v>36264</v>
      </c>
      <c r="K16670" s="2" t="s">
        <v>36265</v>
      </c>
      <c r="L16670" s="5" t="s">
        <v>36264</v>
      </c>
      <c r="M16670" s="2" t="s">
        <v>36265</v>
      </c>
      <c r="N16670" s="5" t="s">
        <v>36266</v>
      </c>
      <c r="O16670" s="5" t="s">
        <v>38</v>
      </c>
      <c r="P16670" s="5" t="s">
        <v>39</v>
      </c>
      <c r="Q16670" s="5" t="s">
        <v>40</v>
      </c>
      <c r="R16670" s="5" t="s">
        <v>1522</v>
      </c>
      <c r="S16670" s="5" t="s">
        <v>1523</v>
      </c>
      <c r="T16670" s="5" t="s">
        <v>42</v>
      </c>
      <c r="U16670" s="2">
        <v>2.496</v>
      </c>
      <c r="V16670" s="2">
        <v>1.9259999999999999</v>
      </c>
      <c r="W16670" s="2">
        <v>1.4999999999999999E-2</v>
      </c>
      <c r="X16670" s="2">
        <v>118.9</v>
      </c>
      <c r="Y16670" s="2">
        <v>7.6</v>
      </c>
      <c r="Z16670" s="2">
        <v>16.7</v>
      </c>
      <c r="AA16670" s="5"/>
      <c r="AB16670" s="5" t="s">
        <v>43</v>
      </c>
      <c r="AC16670" s="5" t="s">
        <v>44</v>
      </c>
      <c r="AD16670" s="2"/>
      <c r="AE16670" s="1"/>
    </row>
    <row r="16671" spans="1:31" ht="14.45">
      <c r="A16671" s="11"/>
      <c r="B16671" s="20"/>
      <c r="C16671" s="2" t="s">
        <v>50971</v>
      </c>
      <c r="D16671" s="14" t="s">
        <v>50972</v>
      </c>
      <c r="E16671" s="2" t="s">
        <v>50973</v>
      </c>
      <c r="F16671" s="2" t="s">
        <v>36289</v>
      </c>
      <c r="G16671" s="8">
        <v>284</v>
      </c>
      <c r="H16671" s="5">
        <v>6</v>
      </c>
      <c r="I16671" s="5" t="s">
        <v>1518</v>
      </c>
      <c r="J16671" s="5" t="s">
        <v>36264</v>
      </c>
      <c r="K16671" s="2" t="s">
        <v>36265</v>
      </c>
      <c r="L16671" s="5" t="s">
        <v>36264</v>
      </c>
      <c r="M16671" s="2" t="s">
        <v>36265</v>
      </c>
      <c r="N16671" s="5" t="s">
        <v>36266</v>
      </c>
      <c r="O16671" s="5" t="s">
        <v>38</v>
      </c>
      <c r="P16671" s="5" t="s">
        <v>39</v>
      </c>
      <c r="Q16671" s="5" t="s">
        <v>40</v>
      </c>
      <c r="R16671" s="5" t="s">
        <v>1522</v>
      </c>
      <c r="S16671" s="5" t="s">
        <v>1523</v>
      </c>
      <c r="T16671" s="5" t="s">
        <v>42</v>
      </c>
      <c r="U16671" s="2">
        <v>2.423</v>
      </c>
      <c r="V16671" s="2">
        <v>1.853</v>
      </c>
      <c r="W16671" s="2">
        <v>1.4999999999999999E-2</v>
      </c>
      <c r="X16671" s="2">
        <v>118.9</v>
      </c>
      <c r="Y16671" s="2">
        <v>7.6</v>
      </c>
      <c r="Z16671" s="2">
        <v>16.7</v>
      </c>
      <c r="AA16671" s="5"/>
      <c r="AB16671" s="5" t="s">
        <v>43</v>
      </c>
      <c r="AC16671" s="5" t="s">
        <v>44</v>
      </c>
      <c r="AD16671" s="2"/>
      <c r="AE16671" s="1"/>
    </row>
    <row r="16672" spans="1:31" ht="14.45">
      <c r="A16672" s="11"/>
      <c r="B16672" s="20"/>
      <c r="C16672" s="2" t="s">
        <v>50974</v>
      </c>
      <c r="D16672" s="14" t="s">
        <v>50975</v>
      </c>
      <c r="E16672" s="2" t="s">
        <v>50976</v>
      </c>
      <c r="F16672" s="2" t="s">
        <v>36293</v>
      </c>
      <c r="G16672" s="8">
        <v>284</v>
      </c>
      <c r="H16672" s="5">
        <v>6</v>
      </c>
      <c r="I16672" s="5" t="s">
        <v>1518</v>
      </c>
      <c r="J16672" s="5" t="s">
        <v>36264</v>
      </c>
      <c r="K16672" s="2" t="s">
        <v>36265</v>
      </c>
      <c r="L16672" s="5" t="s">
        <v>36264</v>
      </c>
      <c r="M16672" s="2" t="s">
        <v>36265</v>
      </c>
      <c r="N16672" s="5" t="s">
        <v>36266</v>
      </c>
      <c r="O16672" s="5" t="s">
        <v>38</v>
      </c>
      <c r="P16672" s="5" t="s">
        <v>39</v>
      </c>
      <c r="Q16672" s="5" t="s">
        <v>40</v>
      </c>
      <c r="R16672" s="5" t="s">
        <v>1522</v>
      </c>
      <c r="S16672" s="5" t="s">
        <v>1523</v>
      </c>
      <c r="T16672" s="5" t="s">
        <v>42</v>
      </c>
      <c r="U16672" s="2">
        <v>2.496</v>
      </c>
      <c r="V16672" s="2">
        <v>1.9259999999999999</v>
      </c>
      <c r="W16672" s="2">
        <v>1.4999999999999999E-2</v>
      </c>
      <c r="X16672" s="2">
        <v>118.9</v>
      </c>
      <c r="Y16672" s="2">
        <v>7.6</v>
      </c>
      <c r="Z16672" s="2">
        <v>16.7</v>
      </c>
      <c r="AA16672" s="5"/>
      <c r="AB16672" s="5" t="s">
        <v>43</v>
      </c>
      <c r="AC16672" s="5" t="s">
        <v>44</v>
      </c>
      <c r="AD16672" s="2"/>
      <c r="AE16672" s="1"/>
    </row>
    <row r="16673" spans="1:31" ht="14.45">
      <c r="A16673" s="11"/>
      <c r="B16673" s="20"/>
      <c r="C16673" s="2" t="s">
        <v>50977</v>
      </c>
      <c r="D16673" s="14" t="s">
        <v>50978</v>
      </c>
      <c r="E16673" s="2" t="s">
        <v>50979</v>
      </c>
      <c r="F16673" s="2" t="s">
        <v>36301</v>
      </c>
      <c r="G16673" s="8">
        <v>264</v>
      </c>
      <c r="H16673" s="5">
        <v>6</v>
      </c>
      <c r="I16673" s="5" t="s">
        <v>1518</v>
      </c>
      <c r="J16673" s="5" t="s">
        <v>36264</v>
      </c>
      <c r="K16673" s="2" t="s">
        <v>36265</v>
      </c>
      <c r="L16673" s="5" t="s">
        <v>36264</v>
      </c>
      <c r="M16673" s="2" t="s">
        <v>36265</v>
      </c>
      <c r="N16673" s="5" t="s">
        <v>36266</v>
      </c>
      <c r="O16673" s="5" t="s">
        <v>38</v>
      </c>
      <c r="P16673" s="5" t="s">
        <v>39</v>
      </c>
      <c r="Q16673" s="5" t="s">
        <v>40</v>
      </c>
      <c r="R16673" s="5" t="s">
        <v>1522</v>
      </c>
      <c r="S16673" s="5" t="s">
        <v>1523</v>
      </c>
      <c r="T16673" s="5" t="s">
        <v>42</v>
      </c>
      <c r="U16673" s="2">
        <v>2.496</v>
      </c>
      <c r="V16673" s="2">
        <v>1.9259999999999999</v>
      </c>
      <c r="W16673" s="2">
        <v>1.4999999999999999E-2</v>
      </c>
      <c r="X16673" s="2">
        <v>118.9</v>
      </c>
      <c r="Y16673" s="2">
        <v>7.6</v>
      </c>
      <c r="Z16673" s="2">
        <v>16.7</v>
      </c>
      <c r="AA16673" s="5"/>
      <c r="AB16673" s="5" t="s">
        <v>43</v>
      </c>
      <c r="AC16673" s="5" t="s">
        <v>44</v>
      </c>
      <c r="AD16673" s="2"/>
      <c r="AE16673" s="1"/>
    </row>
    <row r="16674" spans="1:31" ht="14.45">
      <c r="A16674" s="11"/>
      <c r="B16674" s="20"/>
      <c r="C16674" s="2" t="s">
        <v>50980</v>
      </c>
      <c r="D16674" s="14" t="s">
        <v>50981</v>
      </c>
      <c r="E16674" s="2" t="s">
        <v>50982</v>
      </c>
      <c r="F16674" s="2" t="s">
        <v>36305</v>
      </c>
      <c r="G16674" s="8">
        <v>264</v>
      </c>
      <c r="H16674" s="5">
        <v>6</v>
      </c>
      <c r="I16674" s="5" t="s">
        <v>1518</v>
      </c>
      <c r="J16674" s="5" t="s">
        <v>36264</v>
      </c>
      <c r="K16674" s="2" t="s">
        <v>36265</v>
      </c>
      <c r="L16674" s="5" t="s">
        <v>36264</v>
      </c>
      <c r="M16674" s="2" t="s">
        <v>36265</v>
      </c>
      <c r="N16674" s="5" t="s">
        <v>36266</v>
      </c>
      <c r="O16674" s="5" t="s">
        <v>38</v>
      </c>
      <c r="P16674" s="5" t="s">
        <v>39</v>
      </c>
      <c r="Q16674" s="5" t="s">
        <v>40</v>
      </c>
      <c r="R16674" s="5" t="s">
        <v>1522</v>
      </c>
      <c r="S16674" s="5" t="s">
        <v>1523</v>
      </c>
      <c r="T16674" s="5" t="s">
        <v>42</v>
      </c>
      <c r="U16674" s="2">
        <v>2.423</v>
      </c>
      <c r="V16674" s="2">
        <v>1.853</v>
      </c>
      <c r="W16674" s="2">
        <v>1.4999999999999999E-2</v>
      </c>
      <c r="X16674" s="2">
        <v>118.9</v>
      </c>
      <c r="Y16674" s="2">
        <v>7.6</v>
      </c>
      <c r="Z16674" s="2">
        <v>16.7</v>
      </c>
      <c r="AA16674" s="5"/>
      <c r="AB16674" s="5" t="s">
        <v>43</v>
      </c>
      <c r="AC16674" s="5" t="s">
        <v>44</v>
      </c>
      <c r="AD16674" s="2"/>
      <c r="AE16674" s="1"/>
    </row>
    <row r="16675" spans="1:31" ht="14.45">
      <c r="A16675" s="11"/>
      <c r="B16675" s="20"/>
      <c r="C16675" s="2" t="s">
        <v>50983</v>
      </c>
      <c r="D16675" s="14" t="s">
        <v>50984</v>
      </c>
      <c r="E16675" s="2" t="s">
        <v>50985</v>
      </c>
      <c r="F16675" s="2" t="s">
        <v>36309</v>
      </c>
      <c r="G16675" s="8">
        <v>264</v>
      </c>
      <c r="H16675" s="5">
        <v>6</v>
      </c>
      <c r="I16675" s="5" t="s">
        <v>1518</v>
      </c>
      <c r="J16675" s="5" t="s">
        <v>36264</v>
      </c>
      <c r="K16675" s="2" t="s">
        <v>36265</v>
      </c>
      <c r="L16675" s="5" t="s">
        <v>36264</v>
      </c>
      <c r="M16675" s="2" t="s">
        <v>36265</v>
      </c>
      <c r="N16675" s="5" t="s">
        <v>36266</v>
      </c>
      <c r="O16675" s="5" t="s">
        <v>38</v>
      </c>
      <c r="P16675" s="5" t="s">
        <v>39</v>
      </c>
      <c r="Q16675" s="5" t="s">
        <v>40</v>
      </c>
      <c r="R16675" s="5" t="s">
        <v>1522</v>
      </c>
      <c r="S16675" s="5" t="s">
        <v>1523</v>
      </c>
      <c r="T16675" s="5" t="s">
        <v>42</v>
      </c>
      <c r="U16675" s="2">
        <v>2.496</v>
      </c>
      <c r="V16675" s="2">
        <v>1.9259999999999999</v>
      </c>
      <c r="W16675" s="2">
        <v>1.4999999999999999E-2</v>
      </c>
      <c r="X16675" s="2">
        <v>118.9</v>
      </c>
      <c r="Y16675" s="2">
        <v>7.6</v>
      </c>
      <c r="Z16675" s="2">
        <v>16.7</v>
      </c>
      <c r="AA16675" s="5"/>
      <c r="AB16675" s="5" t="s">
        <v>43</v>
      </c>
      <c r="AC16675" s="5" t="s">
        <v>44</v>
      </c>
      <c r="AD16675" s="2"/>
      <c r="AE16675" s="1"/>
    </row>
    <row r="16676" spans="1:31" ht="14.45">
      <c r="A16676" s="11"/>
      <c r="B16676" s="20"/>
      <c r="C16676" s="2" t="s">
        <v>50986</v>
      </c>
      <c r="D16676" s="14" t="s">
        <v>50987</v>
      </c>
      <c r="E16676" s="2" t="s">
        <v>50988</v>
      </c>
      <c r="F16676" s="2" t="s">
        <v>36317</v>
      </c>
      <c r="G16676" s="8">
        <v>284</v>
      </c>
      <c r="H16676" s="5">
        <v>6</v>
      </c>
      <c r="I16676" s="5" t="s">
        <v>1518</v>
      </c>
      <c r="J16676" s="5" t="s">
        <v>36264</v>
      </c>
      <c r="K16676" s="2" t="s">
        <v>36265</v>
      </c>
      <c r="L16676" s="5" t="s">
        <v>36264</v>
      </c>
      <c r="M16676" s="2" t="s">
        <v>36265</v>
      </c>
      <c r="N16676" s="5" t="s">
        <v>36266</v>
      </c>
      <c r="O16676" s="5" t="s">
        <v>38</v>
      </c>
      <c r="P16676" s="5" t="s">
        <v>39</v>
      </c>
      <c r="Q16676" s="5" t="s">
        <v>40</v>
      </c>
      <c r="R16676" s="5" t="s">
        <v>1522</v>
      </c>
      <c r="S16676" s="5" t="s">
        <v>1523</v>
      </c>
      <c r="T16676" s="5" t="s">
        <v>42</v>
      </c>
      <c r="U16676" s="2">
        <v>2.496</v>
      </c>
      <c r="V16676" s="2">
        <v>1.9259999999999999</v>
      </c>
      <c r="W16676" s="2">
        <v>1.4999999999999999E-2</v>
      </c>
      <c r="X16676" s="2">
        <v>118.9</v>
      </c>
      <c r="Y16676" s="2">
        <v>7.6</v>
      </c>
      <c r="Z16676" s="2">
        <v>16.7</v>
      </c>
      <c r="AA16676" s="5"/>
      <c r="AB16676" s="5" t="s">
        <v>43</v>
      </c>
      <c r="AC16676" s="5" t="s">
        <v>44</v>
      </c>
      <c r="AD16676" s="2"/>
      <c r="AE16676" s="1"/>
    </row>
    <row r="16677" spans="1:31" ht="14.45">
      <c r="A16677" s="11"/>
      <c r="B16677" s="20"/>
      <c r="C16677" s="2" t="s">
        <v>50989</v>
      </c>
      <c r="D16677" s="14" t="s">
        <v>50990</v>
      </c>
      <c r="E16677" s="2" t="s">
        <v>50991</v>
      </c>
      <c r="F16677" s="2" t="s">
        <v>36325</v>
      </c>
      <c r="G16677" s="8">
        <v>284</v>
      </c>
      <c r="H16677" s="5">
        <v>6</v>
      </c>
      <c r="I16677" s="5" t="s">
        <v>1518</v>
      </c>
      <c r="J16677" s="5" t="s">
        <v>36264</v>
      </c>
      <c r="K16677" s="2" t="s">
        <v>36265</v>
      </c>
      <c r="L16677" s="5" t="s">
        <v>36264</v>
      </c>
      <c r="M16677" s="2" t="s">
        <v>36265</v>
      </c>
      <c r="N16677" s="5" t="s">
        <v>36266</v>
      </c>
      <c r="O16677" s="5" t="s">
        <v>38</v>
      </c>
      <c r="P16677" s="5" t="s">
        <v>39</v>
      </c>
      <c r="Q16677" s="5" t="s">
        <v>40</v>
      </c>
      <c r="R16677" s="5" t="s">
        <v>1522</v>
      </c>
      <c r="S16677" s="5" t="s">
        <v>1523</v>
      </c>
      <c r="T16677" s="5" t="s">
        <v>42</v>
      </c>
      <c r="U16677" s="2">
        <v>2.496</v>
      </c>
      <c r="V16677" s="2">
        <v>1.9259999999999999</v>
      </c>
      <c r="W16677" s="2">
        <v>1.4999999999999999E-2</v>
      </c>
      <c r="X16677" s="2">
        <v>118.9</v>
      </c>
      <c r="Y16677" s="2">
        <v>7.6</v>
      </c>
      <c r="Z16677" s="2">
        <v>16.7</v>
      </c>
      <c r="AA16677" s="5"/>
      <c r="AB16677" s="5" t="s">
        <v>43</v>
      </c>
      <c r="AC16677" s="5" t="s">
        <v>44</v>
      </c>
      <c r="AD16677" s="2"/>
      <c r="AE16677" s="1"/>
    </row>
    <row r="16678" spans="1:31" ht="14.45">
      <c r="A16678" s="11"/>
      <c r="B16678" s="20"/>
      <c r="C16678" s="2" t="s">
        <v>50992</v>
      </c>
      <c r="D16678" s="14" t="s">
        <v>50993</v>
      </c>
      <c r="E16678" s="2" t="s">
        <v>50994</v>
      </c>
      <c r="F16678" s="2" t="s">
        <v>36329</v>
      </c>
      <c r="G16678" s="8">
        <v>284</v>
      </c>
      <c r="H16678" s="5">
        <v>6</v>
      </c>
      <c r="I16678" s="5" t="s">
        <v>1518</v>
      </c>
      <c r="J16678" s="5" t="s">
        <v>36264</v>
      </c>
      <c r="K16678" s="2" t="s">
        <v>36265</v>
      </c>
      <c r="L16678" s="5" t="s">
        <v>36264</v>
      </c>
      <c r="M16678" s="2" t="s">
        <v>36265</v>
      </c>
      <c r="N16678" s="5" t="s">
        <v>36266</v>
      </c>
      <c r="O16678" s="5" t="s">
        <v>38</v>
      </c>
      <c r="P16678" s="5" t="s">
        <v>39</v>
      </c>
      <c r="Q16678" s="5" t="s">
        <v>40</v>
      </c>
      <c r="R16678" s="5" t="s">
        <v>1522</v>
      </c>
      <c r="S16678" s="5" t="s">
        <v>1523</v>
      </c>
      <c r="T16678" s="5" t="s">
        <v>42</v>
      </c>
      <c r="U16678" s="2">
        <v>2.423</v>
      </c>
      <c r="V16678" s="2">
        <v>1.853</v>
      </c>
      <c r="W16678" s="2">
        <v>1.4999999999999999E-2</v>
      </c>
      <c r="X16678" s="2">
        <v>118.9</v>
      </c>
      <c r="Y16678" s="2">
        <v>7.6</v>
      </c>
      <c r="Z16678" s="2">
        <v>16.7</v>
      </c>
      <c r="AA16678" s="5"/>
      <c r="AB16678" s="5" t="s">
        <v>43</v>
      </c>
      <c r="AC16678" s="5" t="s">
        <v>44</v>
      </c>
      <c r="AD16678" s="2"/>
      <c r="AE16678" s="1"/>
    </row>
    <row r="16679" spans="1:31" ht="14.45">
      <c r="A16679" s="11"/>
      <c r="B16679" s="20"/>
      <c r="C16679" s="2" t="s">
        <v>50995</v>
      </c>
      <c r="D16679" s="14" t="s">
        <v>50996</v>
      </c>
      <c r="E16679" s="2" t="s">
        <v>50997</v>
      </c>
      <c r="F16679" s="2" t="s">
        <v>36333</v>
      </c>
      <c r="G16679" s="8">
        <v>284</v>
      </c>
      <c r="H16679" s="5">
        <v>6</v>
      </c>
      <c r="I16679" s="5" t="s">
        <v>1518</v>
      </c>
      <c r="J16679" s="5" t="s">
        <v>36264</v>
      </c>
      <c r="K16679" s="2" t="s">
        <v>36265</v>
      </c>
      <c r="L16679" s="5" t="s">
        <v>36264</v>
      </c>
      <c r="M16679" s="2" t="s">
        <v>36265</v>
      </c>
      <c r="N16679" s="5" t="s">
        <v>36266</v>
      </c>
      <c r="O16679" s="5" t="s">
        <v>38</v>
      </c>
      <c r="P16679" s="5" t="s">
        <v>39</v>
      </c>
      <c r="Q16679" s="5" t="s">
        <v>40</v>
      </c>
      <c r="R16679" s="5" t="s">
        <v>1522</v>
      </c>
      <c r="S16679" s="5" t="s">
        <v>1523</v>
      </c>
      <c r="T16679" s="5" t="s">
        <v>42</v>
      </c>
      <c r="U16679" s="2">
        <v>2.496</v>
      </c>
      <c r="V16679" s="2">
        <v>1.9259999999999999</v>
      </c>
      <c r="W16679" s="2">
        <v>1.4999999999999999E-2</v>
      </c>
      <c r="X16679" s="2">
        <v>118.9</v>
      </c>
      <c r="Y16679" s="2">
        <v>7.6</v>
      </c>
      <c r="Z16679" s="2">
        <v>16.7</v>
      </c>
      <c r="AA16679" s="5"/>
      <c r="AB16679" s="5" t="s">
        <v>43</v>
      </c>
      <c r="AC16679" s="5" t="s">
        <v>44</v>
      </c>
      <c r="AD16679" s="2"/>
      <c r="AE16679" s="1"/>
    </row>
    <row r="16680" spans="1:31" ht="14.45">
      <c r="A16680" s="11"/>
      <c r="B16680" s="20"/>
      <c r="C16680" s="2" t="s">
        <v>50998</v>
      </c>
      <c r="D16680" s="14" t="s">
        <v>50999</v>
      </c>
      <c r="E16680" s="2" t="s">
        <v>51000</v>
      </c>
      <c r="F16680" s="2" t="s">
        <v>36349</v>
      </c>
      <c r="G16680" s="8">
        <v>284</v>
      </c>
      <c r="H16680" s="5">
        <v>6</v>
      </c>
      <c r="I16680" s="5" t="s">
        <v>1518</v>
      </c>
      <c r="J16680" s="5" t="s">
        <v>36264</v>
      </c>
      <c r="K16680" s="2" t="s">
        <v>36265</v>
      </c>
      <c r="L16680" s="5" t="s">
        <v>36264</v>
      </c>
      <c r="M16680" s="2" t="s">
        <v>36265</v>
      </c>
      <c r="N16680" s="5" t="s">
        <v>36266</v>
      </c>
      <c r="O16680" s="5" t="s">
        <v>38</v>
      </c>
      <c r="P16680" s="5" t="s">
        <v>39</v>
      </c>
      <c r="Q16680" s="5" t="s">
        <v>40</v>
      </c>
      <c r="R16680" s="5" t="s">
        <v>1522</v>
      </c>
      <c r="S16680" s="5" t="s">
        <v>1523</v>
      </c>
      <c r="T16680" s="5" t="s">
        <v>42</v>
      </c>
      <c r="U16680" s="2">
        <v>2.496</v>
      </c>
      <c r="V16680" s="2">
        <v>1.9259999999999999</v>
      </c>
      <c r="W16680" s="2">
        <v>1.4999999999999999E-2</v>
      </c>
      <c r="X16680" s="2">
        <v>118.9</v>
      </c>
      <c r="Y16680" s="2">
        <v>7.6</v>
      </c>
      <c r="Z16680" s="2">
        <v>16.7</v>
      </c>
      <c r="AA16680" s="5"/>
      <c r="AB16680" s="5" t="s">
        <v>43</v>
      </c>
      <c r="AC16680" s="5" t="s">
        <v>44</v>
      </c>
      <c r="AD16680" s="2"/>
      <c r="AE16680" s="1"/>
    </row>
    <row r="16681" spans="1:31" ht="14.45">
      <c r="A16681" s="11"/>
      <c r="B16681" s="20"/>
      <c r="C16681" s="2" t="s">
        <v>51001</v>
      </c>
      <c r="D16681" s="14" t="s">
        <v>51002</v>
      </c>
      <c r="E16681" s="2" t="s">
        <v>51003</v>
      </c>
      <c r="F16681" s="2" t="s">
        <v>36357</v>
      </c>
      <c r="G16681" s="8">
        <v>284</v>
      </c>
      <c r="H16681" s="5">
        <v>6</v>
      </c>
      <c r="I16681" s="5" t="s">
        <v>1518</v>
      </c>
      <c r="J16681" s="5" t="s">
        <v>36264</v>
      </c>
      <c r="K16681" s="2" t="s">
        <v>36265</v>
      </c>
      <c r="L16681" s="5" t="s">
        <v>36264</v>
      </c>
      <c r="M16681" s="2" t="s">
        <v>36265</v>
      </c>
      <c r="N16681" s="5" t="s">
        <v>36266</v>
      </c>
      <c r="O16681" s="5" t="s">
        <v>38</v>
      </c>
      <c r="P16681" s="5" t="s">
        <v>39</v>
      </c>
      <c r="Q16681" s="5" t="s">
        <v>40</v>
      </c>
      <c r="R16681" s="5" t="s">
        <v>1522</v>
      </c>
      <c r="S16681" s="5" t="s">
        <v>1523</v>
      </c>
      <c r="T16681" s="5" t="s">
        <v>42</v>
      </c>
      <c r="U16681" s="2">
        <v>2.496</v>
      </c>
      <c r="V16681" s="2">
        <v>1.9259999999999999</v>
      </c>
      <c r="W16681" s="2">
        <v>1.4999999999999999E-2</v>
      </c>
      <c r="X16681" s="2">
        <v>118.9</v>
      </c>
      <c r="Y16681" s="2">
        <v>7.6</v>
      </c>
      <c r="Z16681" s="2">
        <v>16.7</v>
      </c>
      <c r="AA16681" s="5"/>
      <c r="AB16681" s="5" t="s">
        <v>43</v>
      </c>
      <c r="AC16681" s="5" t="s">
        <v>44</v>
      </c>
      <c r="AD16681" s="2"/>
      <c r="AE16681" s="1"/>
    </row>
    <row r="16682" spans="1:31" ht="14.45">
      <c r="A16682" s="11"/>
      <c r="B16682" s="20"/>
      <c r="C16682" s="2" t="s">
        <v>51004</v>
      </c>
      <c r="D16682" s="14" t="s">
        <v>51005</v>
      </c>
      <c r="E16682" s="2" t="s">
        <v>51006</v>
      </c>
      <c r="F16682" s="2" t="s">
        <v>45534</v>
      </c>
      <c r="G16682" s="8">
        <v>284</v>
      </c>
      <c r="H16682" s="5">
        <v>6</v>
      </c>
      <c r="I16682" s="5" t="s">
        <v>1518</v>
      </c>
      <c r="J16682" s="5" t="s">
        <v>36264</v>
      </c>
      <c r="K16682" s="2" t="s">
        <v>36265</v>
      </c>
      <c r="L16682" s="5" t="s">
        <v>36264</v>
      </c>
      <c r="M16682" s="2" t="s">
        <v>36265</v>
      </c>
      <c r="N16682" s="5" t="s">
        <v>36266</v>
      </c>
      <c r="O16682" s="5" t="s">
        <v>38</v>
      </c>
      <c r="P16682" s="5" t="s">
        <v>39</v>
      </c>
      <c r="Q16682" s="5" t="s">
        <v>40</v>
      </c>
      <c r="R16682" s="5" t="s">
        <v>1522</v>
      </c>
      <c r="S16682" s="5" t="s">
        <v>1523</v>
      </c>
      <c r="T16682" s="5" t="s">
        <v>42</v>
      </c>
      <c r="U16682" s="2">
        <v>2.496</v>
      </c>
      <c r="V16682" s="2">
        <v>1.9259999999999999</v>
      </c>
      <c r="W16682" s="2">
        <v>1.4999999999999999E-2</v>
      </c>
      <c r="X16682" s="2">
        <v>118.9</v>
      </c>
      <c r="Y16682" s="2">
        <v>7.6</v>
      </c>
      <c r="Z16682" s="2">
        <v>16.7</v>
      </c>
      <c r="AA16682" s="5"/>
      <c r="AB16682" s="5" t="s">
        <v>43</v>
      </c>
      <c r="AC16682" s="5" t="s">
        <v>44</v>
      </c>
      <c r="AD16682" s="2"/>
      <c r="AE16682" s="1"/>
    </row>
    <row r="16683" spans="1:31" ht="14.45">
      <c r="A16683" s="11"/>
      <c r="B16683" s="20"/>
      <c r="C16683" s="2" t="s">
        <v>51007</v>
      </c>
      <c r="D16683" s="14" t="s">
        <v>51008</v>
      </c>
      <c r="E16683" s="2" t="s">
        <v>51009</v>
      </c>
      <c r="F16683" s="2" t="s">
        <v>36369</v>
      </c>
      <c r="G16683" s="8">
        <v>284</v>
      </c>
      <c r="H16683" s="5">
        <v>6</v>
      </c>
      <c r="I16683" s="5" t="s">
        <v>1518</v>
      </c>
      <c r="J16683" s="5" t="s">
        <v>36264</v>
      </c>
      <c r="K16683" s="2" t="s">
        <v>36265</v>
      </c>
      <c r="L16683" s="5" t="s">
        <v>36264</v>
      </c>
      <c r="M16683" s="2" t="s">
        <v>36265</v>
      </c>
      <c r="N16683" s="5" t="s">
        <v>36266</v>
      </c>
      <c r="O16683" s="5" t="s">
        <v>38</v>
      </c>
      <c r="P16683" s="5" t="s">
        <v>39</v>
      </c>
      <c r="Q16683" s="5" t="s">
        <v>40</v>
      </c>
      <c r="R16683" s="5" t="s">
        <v>1522</v>
      </c>
      <c r="S16683" s="5" t="s">
        <v>1523</v>
      </c>
      <c r="T16683" s="5" t="s">
        <v>42</v>
      </c>
      <c r="U16683" s="2">
        <v>2.423</v>
      </c>
      <c r="V16683" s="2">
        <v>1.853</v>
      </c>
      <c r="W16683" s="2">
        <v>1.4999999999999999E-2</v>
      </c>
      <c r="X16683" s="2">
        <v>118.9</v>
      </c>
      <c r="Y16683" s="2">
        <v>7.6</v>
      </c>
      <c r="Z16683" s="2">
        <v>16.7</v>
      </c>
      <c r="AA16683" s="5"/>
      <c r="AB16683" s="5" t="s">
        <v>43</v>
      </c>
      <c r="AC16683" s="5" t="s">
        <v>44</v>
      </c>
      <c r="AD16683" s="2"/>
      <c r="AE16683" s="1"/>
    </row>
    <row r="16684" spans="1:31" ht="14.45">
      <c r="A16684" s="11"/>
      <c r="B16684" s="20"/>
      <c r="C16684" s="2" t="s">
        <v>51010</v>
      </c>
      <c r="D16684" s="14" t="s">
        <v>51011</v>
      </c>
      <c r="E16684" s="2" t="s">
        <v>51012</v>
      </c>
      <c r="F16684" s="2" t="s">
        <v>36373</v>
      </c>
      <c r="G16684" s="8">
        <v>284</v>
      </c>
      <c r="H16684" s="5">
        <v>6</v>
      </c>
      <c r="I16684" s="5" t="s">
        <v>1518</v>
      </c>
      <c r="J16684" s="5" t="s">
        <v>36264</v>
      </c>
      <c r="K16684" s="2" t="s">
        <v>36265</v>
      </c>
      <c r="L16684" s="5" t="s">
        <v>36264</v>
      </c>
      <c r="M16684" s="2" t="s">
        <v>36265</v>
      </c>
      <c r="N16684" s="5" t="s">
        <v>36266</v>
      </c>
      <c r="O16684" s="5" t="s">
        <v>38</v>
      </c>
      <c r="P16684" s="5" t="s">
        <v>39</v>
      </c>
      <c r="Q16684" s="5" t="s">
        <v>40</v>
      </c>
      <c r="R16684" s="5" t="s">
        <v>1522</v>
      </c>
      <c r="S16684" s="5" t="s">
        <v>1523</v>
      </c>
      <c r="T16684" s="5" t="s">
        <v>42</v>
      </c>
      <c r="U16684" s="2">
        <v>2.496</v>
      </c>
      <c r="V16684" s="2">
        <v>1.9259999999999999</v>
      </c>
      <c r="W16684" s="2">
        <v>1.4999999999999999E-2</v>
      </c>
      <c r="X16684" s="2">
        <v>118.9</v>
      </c>
      <c r="Y16684" s="2">
        <v>7.6</v>
      </c>
      <c r="Z16684" s="2">
        <v>16.7</v>
      </c>
      <c r="AA16684" s="5"/>
      <c r="AB16684" s="5" t="s">
        <v>43</v>
      </c>
      <c r="AC16684" s="5" t="s">
        <v>44</v>
      </c>
      <c r="AD16684" s="2"/>
      <c r="AE16684" s="1"/>
    </row>
    <row r="16685" spans="1:31" ht="14.45">
      <c r="A16685" s="11"/>
      <c r="B16685" s="20"/>
      <c r="C16685" s="2" t="s">
        <v>51013</v>
      </c>
      <c r="D16685" s="14" t="s">
        <v>51014</v>
      </c>
      <c r="E16685" s="2" t="s">
        <v>51015</v>
      </c>
      <c r="F16685" s="2" t="s">
        <v>36377</v>
      </c>
      <c r="G16685" s="8">
        <v>284</v>
      </c>
      <c r="H16685" s="5">
        <v>6</v>
      </c>
      <c r="I16685" s="5" t="s">
        <v>1518</v>
      </c>
      <c r="J16685" s="5" t="s">
        <v>36264</v>
      </c>
      <c r="K16685" s="2" t="s">
        <v>36265</v>
      </c>
      <c r="L16685" s="5" t="s">
        <v>36264</v>
      </c>
      <c r="M16685" s="2" t="s">
        <v>36265</v>
      </c>
      <c r="N16685" s="5" t="s">
        <v>36266</v>
      </c>
      <c r="O16685" s="5" t="s">
        <v>38</v>
      </c>
      <c r="P16685" s="5" t="s">
        <v>39</v>
      </c>
      <c r="Q16685" s="5" t="s">
        <v>40</v>
      </c>
      <c r="R16685" s="5" t="s">
        <v>1522</v>
      </c>
      <c r="S16685" s="5" t="s">
        <v>1523</v>
      </c>
      <c r="T16685" s="5" t="s">
        <v>42</v>
      </c>
      <c r="U16685" s="2">
        <v>2.423</v>
      </c>
      <c r="V16685" s="2">
        <v>1.853</v>
      </c>
      <c r="W16685" s="2">
        <v>1.4999999999999999E-2</v>
      </c>
      <c r="X16685" s="2">
        <v>118.9</v>
      </c>
      <c r="Y16685" s="2">
        <v>7.6</v>
      </c>
      <c r="Z16685" s="2">
        <v>16.7</v>
      </c>
      <c r="AA16685" s="5"/>
      <c r="AB16685" s="5" t="s">
        <v>43</v>
      </c>
      <c r="AC16685" s="5" t="s">
        <v>44</v>
      </c>
      <c r="AD16685" s="2"/>
      <c r="AE16685" s="1"/>
    </row>
    <row r="16686" spans="1:31" ht="14.45">
      <c r="A16686" s="11"/>
      <c r="B16686" s="20"/>
      <c r="C16686" s="2" t="s">
        <v>51016</v>
      </c>
      <c r="D16686" s="14" t="s">
        <v>51017</v>
      </c>
      <c r="E16686" s="2" t="s">
        <v>51018</v>
      </c>
      <c r="F16686" s="2" t="s">
        <v>36381</v>
      </c>
      <c r="G16686" s="8">
        <v>284</v>
      </c>
      <c r="H16686" s="5">
        <v>6</v>
      </c>
      <c r="I16686" s="5" t="s">
        <v>1518</v>
      </c>
      <c r="J16686" s="5" t="s">
        <v>36264</v>
      </c>
      <c r="K16686" s="2" t="s">
        <v>36265</v>
      </c>
      <c r="L16686" s="5" t="s">
        <v>36264</v>
      </c>
      <c r="M16686" s="2" t="s">
        <v>36265</v>
      </c>
      <c r="N16686" s="5" t="s">
        <v>36266</v>
      </c>
      <c r="O16686" s="5" t="s">
        <v>38</v>
      </c>
      <c r="P16686" s="5" t="s">
        <v>39</v>
      </c>
      <c r="Q16686" s="5" t="s">
        <v>40</v>
      </c>
      <c r="R16686" s="5" t="s">
        <v>1522</v>
      </c>
      <c r="S16686" s="5" t="s">
        <v>1523</v>
      </c>
      <c r="T16686" s="5" t="s">
        <v>42</v>
      </c>
      <c r="U16686" s="2">
        <v>2.496</v>
      </c>
      <c r="V16686" s="2">
        <v>1.9259999999999999</v>
      </c>
      <c r="W16686" s="2">
        <v>1.4999999999999999E-2</v>
      </c>
      <c r="X16686" s="2">
        <v>118.9</v>
      </c>
      <c r="Y16686" s="2">
        <v>7.6</v>
      </c>
      <c r="Z16686" s="2">
        <v>16.7</v>
      </c>
      <c r="AA16686" s="5"/>
      <c r="AB16686" s="5" t="s">
        <v>43</v>
      </c>
      <c r="AC16686" s="5" t="s">
        <v>44</v>
      </c>
      <c r="AD16686" s="2"/>
      <c r="AE16686" s="1"/>
    </row>
    <row r="16687" spans="1:31" ht="14.45">
      <c r="A16687" s="11"/>
      <c r="B16687" s="20"/>
      <c r="C16687" s="2" t="s">
        <v>51019</v>
      </c>
      <c r="D16687" s="14" t="s">
        <v>51020</v>
      </c>
      <c r="E16687" s="2" t="s">
        <v>51021</v>
      </c>
      <c r="F16687" s="2" t="s">
        <v>36385</v>
      </c>
      <c r="G16687" s="8">
        <v>284</v>
      </c>
      <c r="H16687" s="5">
        <v>6</v>
      </c>
      <c r="I16687" s="5" t="s">
        <v>1518</v>
      </c>
      <c r="J16687" s="5" t="s">
        <v>36264</v>
      </c>
      <c r="K16687" s="2" t="s">
        <v>36265</v>
      </c>
      <c r="L16687" s="5" t="s">
        <v>36264</v>
      </c>
      <c r="M16687" s="2" t="s">
        <v>36265</v>
      </c>
      <c r="N16687" s="5" t="s">
        <v>36266</v>
      </c>
      <c r="O16687" s="5" t="s">
        <v>38</v>
      </c>
      <c r="P16687" s="5" t="s">
        <v>39</v>
      </c>
      <c r="Q16687" s="5" t="s">
        <v>40</v>
      </c>
      <c r="R16687" s="5" t="s">
        <v>1522</v>
      </c>
      <c r="S16687" s="5" t="s">
        <v>1523</v>
      </c>
      <c r="T16687" s="5" t="s">
        <v>42</v>
      </c>
      <c r="U16687" s="2">
        <v>2.423</v>
      </c>
      <c r="V16687" s="2">
        <v>1.853</v>
      </c>
      <c r="W16687" s="2">
        <v>1.4999999999999999E-2</v>
      </c>
      <c r="X16687" s="2">
        <v>118.9</v>
      </c>
      <c r="Y16687" s="2">
        <v>7.6</v>
      </c>
      <c r="Z16687" s="2">
        <v>16.7</v>
      </c>
      <c r="AA16687" s="5"/>
      <c r="AB16687" s="5" t="s">
        <v>43</v>
      </c>
      <c r="AC16687" s="5" t="s">
        <v>44</v>
      </c>
      <c r="AD16687" s="2"/>
      <c r="AE16687" s="1"/>
    </row>
    <row r="16688" spans="1:31" ht="14.45">
      <c r="A16688" s="11"/>
      <c r="B16688" s="20"/>
      <c r="C16688" s="2" t="s">
        <v>51022</v>
      </c>
      <c r="D16688" s="14" t="s">
        <v>51023</v>
      </c>
      <c r="E16688" s="2" t="s">
        <v>51024</v>
      </c>
      <c r="F16688" s="2" t="s">
        <v>7204</v>
      </c>
      <c r="G16688" s="8">
        <v>262</v>
      </c>
      <c r="H16688" s="5">
        <v>6</v>
      </c>
      <c r="I16688" s="5" t="s">
        <v>1518</v>
      </c>
      <c r="J16688" s="5" t="s">
        <v>36264</v>
      </c>
      <c r="K16688" s="2" t="s">
        <v>36265</v>
      </c>
      <c r="L16688" s="5" t="s">
        <v>36264</v>
      </c>
      <c r="M16688" s="2" t="s">
        <v>36265</v>
      </c>
      <c r="N16688" s="5" t="s">
        <v>36266</v>
      </c>
      <c r="O16688" s="5" t="s">
        <v>38</v>
      </c>
      <c r="P16688" s="5" t="s">
        <v>39</v>
      </c>
      <c r="Q16688" s="5" t="s">
        <v>40</v>
      </c>
      <c r="R16688" s="5" t="s">
        <v>1522</v>
      </c>
      <c r="S16688" s="5" t="s">
        <v>1523</v>
      </c>
      <c r="T16688" s="5" t="s">
        <v>42</v>
      </c>
      <c r="U16688" s="2">
        <v>2.302</v>
      </c>
      <c r="V16688" s="2">
        <v>1.83</v>
      </c>
      <c r="W16688" s="2">
        <v>1.0999999999999999E-2</v>
      </c>
      <c r="X16688" s="2">
        <v>82.9</v>
      </c>
      <c r="Y16688" s="2">
        <v>7.6</v>
      </c>
      <c r="Z16688" s="2">
        <v>16.7</v>
      </c>
      <c r="AA16688" s="5"/>
      <c r="AB16688" s="5" t="s">
        <v>43</v>
      </c>
      <c r="AC16688" s="5" t="s">
        <v>44</v>
      </c>
      <c r="AD16688" s="2"/>
      <c r="AE16688" s="1"/>
    </row>
    <row r="16689" spans="1:31" ht="14.45">
      <c r="A16689" s="11"/>
      <c r="B16689" s="20"/>
      <c r="C16689" s="2" t="s">
        <v>51025</v>
      </c>
      <c r="D16689" s="14" t="s">
        <v>51026</v>
      </c>
      <c r="E16689" s="2" t="s">
        <v>51027</v>
      </c>
      <c r="F16689" s="2" t="s">
        <v>7514</v>
      </c>
      <c r="G16689" s="8">
        <v>262</v>
      </c>
      <c r="H16689" s="5">
        <v>6</v>
      </c>
      <c r="I16689" s="5" t="s">
        <v>1518</v>
      </c>
      <c r="J16689" s="5" t="s">
        <v>36264</v>
      </c>
      <c r="K16689" s="2" t="s">
        <v>36265</v>
      </c>
      <c r="L16689" s="5" t="s">
        <v>36264</v>
      </c>
      <c r="M16689" s="2" t="s">
        <v>36265</v>
      </c>
      <c r="N16689" s="5" t="s">
        <v>36266</v>
      </c>
      <c r="O16689" s="5" t="s">
        <v>38</v>
      </c>
      <c r="P16689" s="5" t="s">
        <v>39</v>
      </c>
      <c r="Q16689" s="5" t="s">
        <v>40</v>
      </c>
      <c r="R16689" s="5" t="s">
        <v>1522</v>
      </c>
      <c r="S16689" s="5" t="s">
        <v>1523</v>
      </c>
      <c r="T16689" s="5" t="s">
        <v>42</v>
      </c>
      <c r="U16689" s="2">
        <v>2.3639999999999999</v>
      </c>
      <c r="V16689" s="2">
        <v>1.8919999999999999</v>
      </c>
      <c r="W16689" s="2">
        <v>1.0999999999999999E-2</v>
      </c>
      <c r="X16689" s="2">
        <v>82.9</v>
      </c>
      <c r="Y16689" s="2">
        <v>7.6</v>
      </c>
      <c r="Z16689" s="2">
        <v>16.7</v>
      </c>
      <c r="AA16689" s="5"/>
      <c r="AB16689" s="5" t="s">
        <v>43</v>
      </c>
      <c r="AC16689" s="5" t="s">
        <v>44</v>
      </c>
      <c r="AD16689" s="2"/>
      <c r="AE16689" s="1"/>
    </row>
    <row r="16690" spans="1:31" ht="14.45">
      <c r="A16690" s="11"/>
      <c r="B16690" s="20"/>
      <c r="C16690" s="2" t="s">
        <v>51028</v>
      </c>
      <c r="D16690" s="14" t="s">
        <v>51029</v>
      </c>
      <c r="E16690" s="2" t="s">
        <v>51030</v>
      </c>
      <c r="F16690" s="2" t="s">
        <v>36277</v>
      </c>
      <c r="G16690" s="8">
        <v>262</v>
      </c>
      <c r="H16690" s="5">
        <v>6</v>
      </c>
      <c r="I16690" s="5" t="s">
        <v>1518</v>
      </c>
      <c r="J16690" s="5" t="s">
        <v>36264</v>
      </c>
      <c r="K16690" s="2" t="s">
        <v>36265</v>
      </c>
      <c r="L16690" s="5" t="s">
        <v>36264</v>
      </c>
      <c r="M16690" s="2" t="s">
        <v>36265</v>
      </c>
      <c r="N16690" s="5" t="s">
        <v>36266</v>
      </c>
      <c r="O16690" s="5" t="s">
        <v>38</v>
      </c>
      <c r="P16690" s="5" t="s">
        <v>39</v>
      </c>
      <c r="Q16690" s="5" t="s">
        <v>40</v>
      </c>
      <c r="R16690" s="5" t="s">
        <v>1522</v>
      </c>
      <c r="S16690" s="5" t="s">
        <v>1523</v>
      </c>
      <c r="T16690" s="5" t="s">
        <v>42</v>
      </c>
      <c r="U16690" s="2">
        <v>2.3639999999999999</v>
      </c>
      <c r="V16690" s="2">
        <v>1.8919999999999999</v>
      </c>
      <c r="W16690" s="2">
        <v>1.0999999999999999E-2</v>
      </c>
      <c r="X16690" s="2">
        <v>82.9</v>
      </c>
      <c r="Y16690" s="2">
        <v>7.6</v>
      </c>
      <c r="Z16690" s="2">
        <v>16.7</v>
      </c>
      <c r="AA16690" s="5"/>
      <c r="AB16690" s="5" t="s">
        <v>43</v>
      </c>
      <c r="AC16690" s="5" t="s">
        <v>44</v>
      </c>
      <c r="AD16690" s="2"/>
      <c r="AE16690" s="1"/>
    </row>
    <row r="16691" spans="1:31" ht="14.45">
      <c r="A16691" s="11"/>
      <c r="B16691" s="20"/>
      <c r="C16691" s="2" t="s">
        <v>51031</v>
      </c>
      <c r="D16691" s="14" t="s">
        <v>51032</v>
      </c>
      <c r="E16691" s="2" t="s">
        <v>51033</v>
      </c>
      <c r="F16691" s="2" t="s">
        <v>36289</v>
      </c>
      <c r="G16691" s="8">
        <v>282</v>
      </c>
      <c r="H16691" s="5">
        <v>6</v>
      </c>
      <c r="I16691" s="5" t="s">
        <v>1518</v>
      </c>
      <c r="J16691" s="5" t="s">
        <v>36264</v>
      </c>
      <c r="K16691" s="2" t="s">
        <v>36265</v>
      </c>
      <c r="L16691" s="5" t="s">
        <v>36264</v>
      </c>
      <c r="M16691" s="2" t="s">
        <v>36265</v>
      </c>
      <c r="N16691" s="5" t="s">
        <v>36266</v>
      </c>
      <c r="O16691" s="5" t="s">
        <v>38</v>
      </c>
      <c r="P16691" s="5" t="s">
        <v>39</v>
      </c>
      <c r="Q16691" s="5" t="s">
        <v>40</v>
      </c>
      <c r="R16691" s="5" t="s">
        <v>1522</v>
      </c>
      <c r="S16691" s="5" t="s">
        <v>1523</v>
      </c>
      <c r="T16691" s="5" t="s">
        <v>42</v>
      </c>
      <c r="U16691" s="2">
        <v>2.302</v>
      </c>
      <c r="V16691" s="2">
        <v>1.83</v>
      </c>
      <c r="W16691" s="2">
        <v>1.0999999999999999E-2</v>
      </c>
      <c r="X16691" s="2">
        <v>82.9</v>
      </c>
      <c r="Y16691" s="2">
        <v>7.6</v>
      </c>
      <c r="Z16691" s="2">
        <v>16.7</v>
      </c>
      <c r="AA16691" s="5"/>
      <c r="AB16691" s="5" t="s">
        <v>43</v>
      </c>
      <c r="AC16691" s="5" t="s">
        <v>44</v>
      </c>
      <c r="AD16691" s="2"/>
      <c r="AE16691" s="1"/>
    </row>
    <row r="16692" spans="1:31" ht="14.45">
      <c r="A16692" s="11"/>
      <c r="B16692" s="20"/>
      <c r="C16692" s="2" t="s">
        <v>51034</v>
      </c>
      <c r="D16692" s="14" t="s">
        <v>51035</v>
      </c>
      <c r="E16692" s="2" t="s">
        <v>51036</v>
      </c>
      <c r="F16692" s="2" t="s">
        <v>36293</v>
      </c>
      <c r="G16692" s="8">
        <v>282</v>
      </c>
      <c r="H16692" s="5">
        <v>6</v>
      </c>
      <c r="I16692" s="5" t="s">
        <v>1518</v>
      </c>
      <c r="J16692" s="5" t="s">
        <v>36264</v>
      </c>
      <c r="K16692" s="2" t="s">
        <v>36265</v>
      </c>
      <c r="L16692" s="5" t="s">
        <v>36264</v>
      </c>
      <c r="M16692" s="2" t="s">
        <v>36265</v>
      </c>
      <c r="N16692" s="5" t="s">
        <v>36266</v>
      </c>
      <c r="O16692" s="5" t="s">
        <v>38</v>
      </c>
      <c r="P16692" s="5" t="s">
        <v>39</v>
      </c>
      <c r="Q16692" s="5" t="s">
        <v>40</v>
      </c>
      <c r="R16692" s="5" t="s">
        <v>1522</v>
      </c>
      <c r="S16692" s="5" t="s">
        <v>1523</v>
      </c>
      <c r="T16692" s="5" t="s">
        <v>42</v>
      </c>
      <c r="U16692" s="2">
        <v>2.3639999999999999</v>
      </c>
      <c r="V16692" s="2">
        <v>1.8919999999999999</v>
      </c>
      <c r="W16692" s="2">
        <v>1.0999999999999999E-2</v>
      </c>
      <c r="X16692" s="2">
        <v>82.9</v>
      </c>
      <c r="Y16692" s="2">
        <v>7.6</v>
      </c>
      <c r="Z16692" s="2">
        <v>16.7</v>
      </c>
      <c r="AA16692" s="5"/>
      <c r="AB16692" s="5" t="s">
        <v>43</v>
      </c>
      <c r="AC16692" s="5" t="s">
        <v>44</v>
      </c>
      <c r="AD16692" s="2"/>
      <c r="AE16692" s="1"/>
    </row>
    <row r="16693" spans="1:31" ht="14.45">
      <c r="A16693" s="11"/>
      <c r="B16693" s="20"/>
      <c r="C16693" s="2" t="s">
        <v>51037</v>
      </c>
      <c r="D16693" s="14" t="s">
        <v>51038</v>
      </c>
      <c r="E16693" s="2" t="s">
        <v>51039</v>
      </c>
      <c r="F16693" s="2" t="s">
        <v>36349</v>
      </c>
      <c r="G16693" s="8">
        <v>282</v>
      </c>
      <c r="H16693" s="5">
        <v>6</v>
      </c>
      <c r="I16693" s="5" t="s">
        <v>1518</v>
      </c>
      <c r="J16693" s="5" t="s">
        <v>36264</v>
      </c>
      <c r="K16693" s="2" t="s">
        <v>36265</v>
      </c>
      <c r="L16693" s="5" t="s">
        <v>36264</v>
      </c>
      <c r="M16693" s="2" t="s">
        <v>36265</v>
      </c>
      <c r="N16693" s="5" t="s">
        <v>36266</v>
      </c>
      <c r="O16693" s="5" t="s">
        <v>38</v>
      </c>
      <c r="P16693" s="5" t="s">
        <v>39</v>
      </c>
      <c r="Q16693" s="5" t="s">
        <v>40</v>
      </c>
      <c r="R16693" s="5" t="s">
        <v>1522</v>
      </c>
      <c r="S16693" s="5" t="s">
        <v>1523</v>
      </c>
      <c r="T16693" s="5" t="s">
        <v>42</v>
      </c>
      <c r="U16693" s="2">
        <v>2.3639999999999999</v>
      </c>
      <c r="V16693" s="2">
        <v>1.8919999999999999</v>
      </c>
      <c r="W16693" s="2">
        <v>1.0999999999999999E-2</v>
      </c>
      <c r="X16693" s="2">
        <v>82.9</v>
      </c>
      <c r="Y16693" s="2">
        <v>7.6</v>
      </c>
      <c r="Z16693" s="2">
        <v>16.7</v>
      </c>
      <c r="AA16693" s="5"/>
      <c r="AB16693" s="5" t="s">
        <v>43</v>
      </c>
      <c r="AC16693" s="5" t="s">
        <v>44</v>
      </c>
      <c r="AD16693" s="2"/>
      <c r="AE16693" s="1"/>
    </row>
    <row r="16694" spans="1:31" ht="14.45">
      <c r="A16694" s="11"/>
      <c r="B16694" s="20"/>
      <c r="C16694" s="2" t="s">
        <v>51040</v>
      </c>
      <c r="D16694" s="14" t="s">
        <v>51041</v>
      </c>
      <c r="E16694" s="2" t="s">
        <v>51042</v>
      </c>
      <c r="F16694" s="2" t="s">
        <v>36381</v>
      </c>
      <c r="G16694" s="8">
        <v>282</v>
      </c>
      <c r="H16694" s="5">
        <v>6</v>
      </c>
      <c r="I16694" s="5" t="s">
        <v>1518</v>
      </c>
      <c r="J16694" s="5" t="s">
        <v>36264</v>
      </c>
      <c r="K16694" s="2" t="s">
        <v>36265</v>
      </c>
      <c r="L16694" s="5" t="s">
        <v>36264</v>
      </c>
      <c r="M16694" s="2" t="s">
        <v>36265</v>
      </c>
      <c r="N16694" s="5" t="s">
        <v>36266</v>
      </c>
      <c r="O16694" s="5" t="s">
        <v>38</v>
      </c>
      <c r="P16694" s="5" t="s">
        <v>39</v>
      </c>
      <c r="Q16694" s="5" t="s">
        <v>40</v>
      </c>
      <c r="R16694" s="5" t="s">
        <v>1522</v>
      </c>
      <c r="S16694" s="5" t="s">
        <v>1523</v>
      </c>
      <c r="T16694" s="5" t="s">
        <v>42</v>
      </c>
      <c r="U16694" s="2">
        <v>2.3639999999999999</v>
      </c>
      <c r="V16694" s="2">
        <v>1.8919999999999999</v>
      </c>
      <c r="W16694" s="2">
        <v>1.0999999999999999E-2</v>
      </c>
      <c r="X16694" s="2">
        <v>82.9</v>
      </c>
      <c r="Y16694" s="2">
        <v>7.6</v>
      </c>
      <c r="Z16694" s="2">
        <v>16.7</v>
      </c>
      <c r="AA16694" s="5"/>
      <c r="AB16694" s="5" t="s">
        <v>43</v>
      </c>
      <c r="AC16694" s="5" t="s">
        <v>44</v>
      </c>
      <c r="AD16694" s="2"/>
      <c r="AE16694" s="1"/>
    </row>
    <row r="16695" spans="1:31" ht="14.45">
      <c r="A16695" s="11"/>
      <c r="B16695" s="20"/>
      <c r="C16695" s="2" t="s">
        <v>51043</v>
      </c>
      <c r="D16695" s="14" t="s">
        <v>51044</v>
      </c>
      <c r="E16695" s="2" t="s">
        <v>51045</v>
      </c>
      <c r="F16695" s="2" t="s">
        <v>7204</v>
      </c>
      <c r="G16695" s="8">
        <v>276</v>
      </c>
      <c r="H16695" s="5">
        <v>6</v>
      </c>
      <c r="I16695" s="5" t="s">
        <v>1518</v>
      </c>
      <c r="J16695" s="5" t="s">
        <v>36264</v>
      </c>
      <c r="K16695" s="2" t="s">
        <v>36265</v>
      </c>
      <c r="L16695" s="5" t="s">
        <v>36264</v>
      </c>
      <c r="M16695" s="2" t="s">
        <v>36265</v>
      </c>
      <c r="N16695" s="5" t="s">
        <v>36266</v>
      </c>
      <c r="O16695" s="5" t="s">
        <v>38</v>
      </c>
      <c r="P16695" s="5" t="s">
        <v>39</v>
      </c>
      <c r="Q16695" s="5" t="s">
        <v>40</v>
      </c>
      <c r="R16695" s="5" t="s">
        <v>1522</v>
      </c>
      <c r="S16695" s="5" t="s">
        <v>1523</v>
      </c>
      <c r="T16695" s="5" t="s">
        <v>42</v>
      </c>
      <c r="U16695" s="2">
        <v>2.5419999999999998</v>
      </c>
      <c r="V16695" s="2">
        <v>1.9910000000000001</v>
      </c>
      <c r="W16695" s="2">
        <v>1.2999999999999999E-2</v>
      </c>
      <c r="X16695" s="2">
        <v>99.1</v>
      </c>
      <c r="Y16695" s="2">
        <v>7.6</v>
      </c>
      <c r="Z16695" s="2">
        <v>16.7</v>
      </c>
      <c r="AA16695" s="5"/>
      <c r="AB16695" s="5" t="s">
        <v>43</v>
      </c>
      <c r="AC16695" s="5" t="s">
        <v>44</v>
      </c>
      <c r="AD16695" s="2"/>
      <c r="AE16695" s="1"/>
    </row>
    <row r="16696" spans="1:31" ht="14.45">
      <c r="A16696" s="11"/>
      <c r="B16696" s="20"/>
      <c r="C16696" s="2" t="s">
        <v>51046</v>
      </c>
      <c r="D16696" s="14" t="s">
        <v>51047</v>
      </c>
      <c r="E16696" s="2" t="s">
        <v>51048</v>
      </c>
      <c r="F16696" s="2" t="s">
        <v>7514</v>
      </c>
      <c r="G16696" s="8">
        <v>276</v>
      </c>
      <c r="H16696" s="5">
        <v>6</v>
      </c>
      <c r="I16696" s="5" t="s">
        <v>1518</v>
      </c>
      <c r="J16696" s="5" t="s">
        <v>36264</v>
      </c>
      <c r="K16696" s="2" t="s">
        <v>36265</v>
      </c>
      <c r="L16696" s="5" t="s">
        <v>36264</v>
      </c>
      <c r="M16696" s="2" t="s">
        <v>36265</v>
      </c>
      <c r="N16696" s="5" t="s">
        <v>36266</v>
      </c>
      <c r="O16696" s="5" t="s">
        <v>38</v>
      </c>
      <c r="P16696" s="5" t="s">
        <v>39</v>
      </c>
      <c r="Q16696" s="5" t="s">
        <v>40</v>
      </c>
      <c r="R16696" s="5" t="s">
        <v>1522</v>
      </c>
      <c r="S16696" s="5" t="s">
        <v>1523</v>
      </c>
      <c r="T16696" s="5" t="s">
        <v>42</v>
      </c>
      <c r="U16696" s="2">
        <v>2.6150000000000002</v>
      </c>
      <c r="V16696" s="2">
        <v>2.0640000000000001</v>
      </c>
      <c r="W16696" s="2">
        <v>1.2999999999999999E-2</v>
      </c>
      <c r="X16696" s="2">
        <v>99.1</v>
      </c>
      <c r="Y16696" s="2">
        <v>7.6</v>
      </c>
      <c r="Z16696" s="2">
        <v>16.7</v>
      </c>
      <c r="AA16696" s="5"/>
      <c r="AB16696" s="5" t="s">
        <v>43</v>
      </c>
      <c r="AC16696" s="5" t="s">
        <v>44</v>
      </c>
      <c r="AD16696" s="2"/>
      <c r="AE16696" s="1"/>
    </row>
    <row r="16697" spans="1:31" ht="14.45">
      <c r="A16697" s="11"/>
      <c r="B16697" s="20"/>
      <c r="C16697" s="2" t="s">
        <v>51049</v>
      </c>
      <c r="D16697" s="14" t="s">
        <v>51050</v>
      </c>
      <c r="E16697" s="2" t="s">
        <v>51051</v>
      </c>
      <c r="F16697" s="2" t="s">
        <v>36273</v>
      </c>
      <c r="G16697" s="8">
        <v>276</v>
      </c>
      <c r="H16697" s="5">
        <v>6</v>
      </c>
      <c r="I16697" s="5" t="s">
        <v>1518</v>
      </c>
      <c r="J16697" s="5" t="s">
        <v>36264</v>
      </c>
      <c r="K16697" s="2" t="s">
        <v>36265</v>
      </c>
      <c r="L16697" s="5" t="s">
        <v>36264</v>
      </c>
      <c r="M16697" s="2" t="s">
        <v>36265</v>
      </c>
      <c r="N16697" s="5" t="s">
        <v>36266</v>
      </c>
      <c r="O16697" s="5" t="s">
        <v>38</v>
      </c>
      <c r="P16697" s="5" t="s">
        <v>39</v>
      </c>
      <c r="Q16697" s="5" t="s">
        <v>40</v>
      </c>
      <c r="R16697" s="5" t="s">
        <v>1522</v>
      </c>
      <c r="S16697" s="5" t="s">
        <v>1523</v>
      </c>
      <c r="T16697" s="5" t="s">
        <v>42</v>
      </c>
      <c r="U16697" s="2">
        <v>2.5419999999999998</v>
      </c>
      <c r="V16697" s="2">
        <v>1.9910000000000001</v>
      </c>
      <c r="W16697" s="2">
        <v>1.2999999999999999E-2</v>
      </c>
      <c r="X16697" s="2">
        <v>99.1</v>
      </c>
      <c r="Y16697" s="2">
        <v>7.6</v>
      </c>
      <c r="Z16697" s="2">
        <v>16.7</v>
      </c>
      <c r="AA16697" s="5"/>
      <c r="AB16697" s="5" t="s">
        <v>43</v>
      </c>
      <c r="AC16697" s="5" t="s">
        <v>44</v>
      </c>
      <c r="AD16697" s="2"/>
      <c r="AE16697" s="1"/>
    </row>
    <row r="16698" spans="1:31" ht="14.45">
      <c r="A16698" s="11"/>
      <c r="B16698" s="20"/>
      <c r="C16698" s="2" t="s">
        <v>51052</v>
      </c>
      <c r="D16698" s="14" t="s">
        <v>51053</v>
      </c>
      <c r="E16698" s="2" t="s">
        <v>51054</v>
      </c>
      <c r="F16698" s="2" t="s">
        <v>36277</v>
      </c>
      <c r="G16698" s="8">
        <v>276</v>
      </c>
      <c r="H16698" s="5">
        <v>6</v>
      </c>
      <c r="I16698" s="5" t="s">
        <v>1518</v>
      </c>
      <c r="J16698" s="5" t="s">
        <v>36264</v>
      </c>
      <c r="K16698" s="2" t="s">
        <v>36265</v>
      </c>
      <c r="L16698" s="5" t="s">
        <v>36264</v>
      </c>
      <c r="M16698" s="2" t="s">
        <v>36265</v>
      </c>
      <c r="N16698" s="5" t="s">
        <v>36266</v>
      </c>
      <c r="O16698" s="5" t="s">
        <v>38</v>
      </c>
      <c r="P16698" s="5" t="s">
        <v>39</v>
      </c>
      <c r="Q16698" s="5" t="s">
        <v>40</v>
      </c>
      <c r="R16698" s="5" t="s">
        <v>1522</v>
      </c>
      <c r="S16698" s="5" t="s">
        <v>1523</v>
      </c>
      <c r="T16698" s="5" t="s">
        <v>42</v>
      </c>
      <c r="U16698" s="2">
        <v>2.6150000000000002</v>
      </c>
      <c r="V16698" s="2">
        <v>2.0640000000000001</v>
      </c>
      <c r="W16698" s="2">
        <v>1.2999999999999999E-2</v>
      </c>
      <c r="X16698" s="2">
        <v>99.1</v>
      </c>
      <c r="Y16698" s="2">
        <v>7.6</v>
      </c>
      <c r="Z16698" s="2">
        <v>16.7</v>
      </c>
      <c r="AA16698" s="5"/>
      <c r="AB16698" s="5" t="s">
        <v>43</v>
      </c>
      <c r="AC16698" s="5" t="s">
        <v>44</v>
      </c>
      <c r="AD16698" s="2"/>
      <c r="AE16698" s="1"/>
    </row>
    <row r="16699" spans="1:31" ht="14.45">
      <c r="A16699" s="11"/>
      <c r="B16699" s="20"/>
      <c r="C16699" s="2" t="s">
        <v>51055</v>
      </c>
      <c r="D16699" s="14" t="s">
        <v>51056</v>
      </c>
      <c r="E16699" s="2" t="s">
        <v>51057</v>
      </c>
      <c r="F16699" s="2" t="s">
        <v>36281</v>
      </c>
      <c r="G16699" s="8">
        <v>297</v>
      </c>
      <c r="H16699" s="5">
        <v>6</v>
      </c>
      <c r="I16699" s="5" t="s">
        <v>1518</v>
      </c>
      <c r="J16699" s="5" t="s">
        <v>36264</v>
      </c>
      <c r="K16699" s="2" t="s">
        <v>36265</v>
      </c>
      <c r="L16699" s="5" t="s">
        <v>36264</v>
      </c>
      <c r="M16699" s="2" t="s">
        <v>36265</v>
      </c>
      <c r="N16699" s="5" t="s">
        <v>36266</v>
      </c>
      <c r="O16699" s="5" t="s">
        <v>38</v>
      </c>
      <c r="P16699" s="5" t="s">
        <v>39</v>
      </c>
      <c r="Q16699" s="5" t="s">
        <v>40</v>
      </c>
      <c r="R16699" s="5" t="s">
        <v>1522</v>
      </c>
      <c r="S16699" s="5" t="s">
        <v>1523</v>
      </c>
      <c r="T16699" s="5" t="s">
        <v>42</v>
      </c>
      <c r="U16699" s="2">
        <v>2.5419999999999998</v>
      </c>
      <c r="V16699" s="2">
        <v>1.9910000000000001</v>
      </c>
      <c r="W16699" s="2">
        <v>1.2999999999999999E-2</v>
      </c>
      <c r="X16699" s="2">
        <v>99.1</v>
      </c>
      <c r="Y16699" s="2">
        <v>7.6</v>
      </c>
      <c r="Z16699" s="2">
        <v>16.7</v>
      </c>
      <c r="AA16699" s="5"/>
      <c r="AB16699" s="5" t="s">
        <v>43</v>
      </c>
      <c r="AC16699" s="5" t="s">
        <v>44</v>
      </c>
      <c r="AD16699" s="2"/>
      <c r="AE16699" s="1"/>
    </row>
    <row r="16700" spans="1:31" ht="14.45">
      <c r="A16700" s="11"/>
      <c r="B16700" s="20"/>
      <c r="C16700" s="2" t="s">
        <v>51058</v>
      </c>
      <c r="D16700" s="14" t="s">
        <v>51059</v>
      </c>
      <c r="E16700" s="2" t="s">
        <v>51060</v>
      </c>
      <c r="F16700" s="2" t="s">
        <v>36289</v>
      </c>
      <c r="G16700" s="8">
        <v>297</v>
      </c>
      <c r="H16700" s="5">
        <v>6</v>
      </c>
      <c r="I16700" s="5" t="s">
        <v>1518</v>
      </c>
      <c r="J16700" s="5" t="s">
        <v>36264</v>
      </c>
      <c r="K16700" s="2" t="s">
        <v>36265</v>
      </c>
      <c r="L16700" s="5" t="s">
        <v>36264</v>
      </c>
      <c r="M16700" s="2" t="s">
        <v>36265</v>
      </c>
      <c r="N16700" s="5" t="s">
        <v>36266</v>
      </c>
      <c r="O16700" s="5" t="s">
        <v>38</v>
      </c>
      <c r="P16700" s="5" t="s">
        <v>39</v>
      </c>
      <c r="Q16700" s="5" t="s">
        <v>40</v>
      </c>
      <c r="R16700" s="5" t="s">
        <v>1522</v>
      </c>
      <c r="S16700" s="5" t="s">
        <v>1523</v>
      </c>
      <c r="T16700" s="5" t="s">
        <v>42</v>
      </c>
      <c r="U16700" s="2">
        <v>2.5419999999999998</v>
      </c>
      <c r="V16700" s="2">
        <v>1.9910000000000001</v>
      </c>
      <c r="W16700" s="2">
        <v>1.2999999999999999E-2</v>
      </c>
      <c r="X16700" s="2">
        <v>99.1</v>
      </c>
      <c r="Y16700" s="2">
        <v>7.6</v>
      </c>
      <c r="Z16700" s="2">
        <v>16.7</v>
      </c>
      <c r="AA16700" s="5"/>
      <c r="AB16700" s="5" t="s">
        <v>43</v>
      </c>
      <c r="AC16700" s="5" t="s">
        <v>44</v>
      </c>
      <c r="AD16700" s="2"/>
      <c r="AE16700" s="1"/>
    </row>
    <row r="16701" spans="1:31" ht="14.45">
      <c r="A16701" s="11"/>
      <c r="B16701" s="20"/>
      <c r="C16701" s="2" t="s">
        <v>51061</v>
      </c>
      <c r="D16701" s="14" t="s">
        <v>51062</v>
      </c>
      <c r="E16701" s="2" t="s">
        <v>51063</v>
      </c>
      <c r="F16701" s="2" t="s">
        <v>36293</v>
      </c>
      <c r="G16701" s="8">
        <v>297</v>
      </c>
      <c r="H16701" s="5">
        <v>6</v>
      </c>
      <c r="I16701" s="5" t="s">
        <v>1518</v>
      </c>
      <c r="J16701" s="5" t="s">
        <v>36264</v>
      </c>
      <c r="K16701" s="2" t="s">
        <v>36265</v>
      </c>
      <c r="L16701" s="5" t="s">
        <v>36264</v>
      </c>
      <c r="M16701" s="2" t="s">
        <v>36265</v>
      </c>
      <c r="N16701" s="5" t="s">
        <v>36266</v>
      </c>
      <c r="O16701" s="5" t="s">
        <v>38</v>
      </c>
      <c r="P16701" s="5" t="s">
        <v>39</v>
      </c>
      <c r="Q16701" s="5" t="s">
        <v>40</v>
      </c>
      <c r="R16701" s="5" t="s">
        <v>1522</v>
      </c>
      <c r="S16701" s="5" t="s">
        <v>1523</v>
      </c>
      <c r="T16701" s="5" t="s">
        <v>42</v>
      </c>
      <c r="U16701" s="2">
        <v>2.6150000000000002</v>
      </c>
      <c r="V16701" s="2">
        <v>2.0640000000000001</v>
      </c>
      <c r="W16701" s="2">
        <v>1.2999999999999999E-2</v>
      </c>
      <c r="X16701" s="2">
        <v>99.1</v>
      </c>
      <c r="Y16701" s="2">
        <v>7.6</v>
      </c>
      <c r="Z16701" s="2">
        <v>16.7</v>
      </c>
      <c r="AA16701" s="5"/>
      <c r="AB16701" s="5" t="s">
        <v>43</v>
      </c>
      <c r="AC16701" s="5" t="s">
        <v>44</v>
      </c>
      <c r="AD16701" s="2"/>
      <c r="AE16701" s="1"/>
    </row>
    <row r="16702" spans="1:31" ht="14.45">
      <c r="A16702" s="11"/>
      <c r="B16702" s="20"/>
      <c r="C16702" s="2" t="s">
        <v>51064</v>
      </c>
      <c r="D16702" s="14" t="s">
        <v>51065</v>
      </c>
      <c r="E16702" s="2" t="s">
        <v>51066</v>
      </c>
      <c r="F16702" s="2" t="s">
        <v>36297</v>
      </c>
      <c r="G16702" s="8">
        <v>276</v>
      </c>
      <c r="H16702" s="5">
        <v>6</v>
      </c>
      <c r="I16702" s="5" t="s">
        <v>1518</v>
      </c>
      <c r="J16702" s="5" t="s">
        <v>36264</v>
      </c>
      <c r="K16702" s="2" t="s">
        <v>36265</v>
      </c>
      <c r="L16702" s="5" t="s">
        <v>36264</v>
      </c>
      <c r="M16702" s="2" t="s">
        <v>36265</v>
      </c>
      <c r="N16702" s="5" t="s">
        <v>36266</v>
      </c>
      <c r="O16702" s="5" t="s">
        <v>38</v>
      </c>
      <c r="P16702" s="5" t="s">
        <v>39</v>
      </c>
      <c r="Q16702" s="5" t="s">
        <v>40</v>
      </c>
      <c r="R16702" s="5" t="s">
        <v>1522</v>
      </c>
      <c r="S16702" s="5" t="s">
        <v>1523</v>
      </c>
      <c r="T16702" s="5" t="s">
        <v>42</v>
      </c>
      <c r="U16702" s="2">
        <v>2.5419999999999998</v>
      </c>
      <c r="V16702" s="2">
        <v>1.9910000000000001</v>
      </c>
      <c r="W16702" s="2">
        <v>1.2999999999999999E-2</v>
      </c>
      <c r="X16702" s="2">
        <v>99.1</v>
      </c>
      <c r="Y16702" s="2">
        <v>7.6</v>
      </c>
      <c r="Z16702" s="2">
        <v>16.7</v>
      </c>
      <c r="AA16702" s="5"/>
      <c r="AB16702" s="5" t="s">
        <v>43</v>
      </c>
      <c r="AC16702" s="5" t="s">
        <v>44</v>
      </c>
      <c r="AD16702" s="2"/>
      <c r="AE16702" s="1"/>
    </row>
    <row r="16703" spans="1:31" ht="14.45">
      <c r="A16703" s="11"/>
      <c r="B16703" s="20"/>
      <c r="C16703" s="2" t="s">
        <v>51067</v>
      </c>
      <c r="D16703" s="14" t="s">
        <v>51068</v>
      </c>
      <c r="E16703" s="2" t="s">
        <v>51069</v>
      </c>
      <c r="F16703" s="2" t="s">
        <v>36301</v>
      </c>
      <c r="G16703" s="8">
        <v>276</v>
      </c>
      <c r="H16703" s="5">
        <v>6</v>
      </c>
      <c r="I16703" s="5" t="s">
        <v>1518</v>
      </c>
      <c r="J16703" s="5" t="s">
        <v>36264</v>
      </c>
      <c r="K16703" s="2" t="s">
        <v>36265</v>
      </c>
      <c r="L16703" s="5" t="s">
        <v>36264</v>
      </c>
      <c r="M16703" s="2" t="s">
        <v>36265</v>
      </c>
      <c r="N16703" s="5" t="s">
        <v>36266</v>
      </c>
      <c r="O16703" s="5" t="s">
        <v>38</v>
      </c>
      <c r="P16703" s="5" t="s">
        <v>39</v>
      </c>
      <c r="Q16703" s="5" t="s">
        <v>40</v>
      </c>
      <c r="R16703" s="5" t="s">
        <v>1522</v>
      </c>
      <c r="S16703" s="5" t="s">
        <v>1523</v>
      </c>
      <c r="T16703" s="5" t="s">
        <v>42</v>
      </c>
      <c r="U16703" s="2">
        <v>2.6150000000000002</v>
      </c>
      <c r="V16703" s="2">
        <v>2.0640000000000001</v>
      </c>
      <c r="W16703" s="2">
        <v>1.2999999999999999E-2</v>
      </c>
      <c r="X16703" s="2">
        <v>99.1</v>
      </c>
      <c r="Y16703" s="2">
        <v>7.6</v>
      </c>
      <c r="Z16703" s="2">
        <v>16.7</v>
      </c>
      <c r="AA16703" s="5"/>
      <c r="AB16703" s="5" t="s">
        <v>43</v>
      </c>
      <c r="AC16703" s="5" t="s">
        <v>44</v>
      </c>
      <c r="AD16703" s="2"/>
      <c r="AE16703" s="1"/>
    </row>
    <row r="16704" spans="1:31" ht="14.45">
      <c r="A16704" s="11"/>
      <c r="B16704" s="20"/>
      <c r="C16704" s="2" t="s">
        <v>51070</v>
      </c>
      <c r="D16704" s="14" t="s">
        <v>51071</v>
      </c>
      <c r="E16704" s="2" t="s">
        <v>51072</v>
      </c>
      <c r="F16704" s="2" t="s">
        <v>36305</v>
      </c>
      <c r="G16704" s="8">
        <v>276</v>
      </c>
      <c r="H16704" s="5">
        <v>6</v>
      </c>
      <c r="I16704" s="5" t="s">
        <v>1518</v>
      </c>
      <c r="J16704" s="5" t="s">
        <v>36264</v>
      </c>
      <c r="K16704" s="2" t="s">
        <v>36265</v>
      </c>
      <c r="L16704" s="5" t="s">
        <v>36264</v>
      </c>
      <c r="M16704" s="2" t="s">
        <v>36265</v>
      </c>
      <c r="N16704" s="5" t="s">
        <v>36266</v>
      </c>
      <c r="O16704" s="5" t="s">
        <v>38</v>
      </c>
      <c r="P16704" s="5" t="s">
        <v>39</v>
      </c>
      <c r="Q16704" s="5" t="s">
        <v>40</v>
      </c>
      <c r="R16704" s="5" t="s">
        <v>1522</v>
      </c>
      <c r="S16704" s="5" t="s">
        <v>1523</v>
      </c>
      <c r="T16704" s="5" t="s">
        <v>42</v>
      </c>
      <c r="U16704" s="2">
        <v>2.5419999999999998</v>
      </c>
      <c r="V16704" s="2">
        <v>1.9910000000000001</v>
      </c>
      <c r="W16704" s="2">
        <v>1.2999999999999999E-2</v>
      </c>
      <c r="X16704" s="2">
        <v>99.1</v>
      </c>
      <c r="Y16704" s="2">
        <v>7.6</v>
      </c>
      <c r="Z16704" s="2">
        <v>16.7</v>
      </c>
      <c r="AA16704" s="5"/>
      <c r="AB16704" s="5" t="s">
        <v>43</v>
      </c>
      <c r="AC16704" s="5" t="s">
        <v>44</v>
      </c>
      <c r="AD16704" s="2"/>
      <c r="AE16704" s="1"/>
    </row>
    <row r="16705" spans="1:31" ht="14.45">
      <c r="A16705" s="11"/>
      <c r="B16705" s="20"/>
      <c r="C16705" s="2" t="s">
        <v>51073</v>
      </c>
      <c r="D16705" s="14" t="s">
        <v>51074</v>
      </c>
      <c r="E16705" s="2" t="s">
        <v>51075</v>
      </c>
      <c r="F16705" s="2" t="s">
        <v>36309</v>
      </c>
      <c r="G16705" s="8">
        <v>276</v>
      </c>
      <c r="H16705" s="5">
        <v>6</v>
      </c>
      <c r="I16705" s="5" t="s">
        <v>1518</v>
      </c>
      <c r="J16705" s="5" t="s">
        <v>36264</v>
      </c>
      <c r="K16705" s="2" t="s">
        <v>36265</v>
      </c>
      <c r="L16705" s="5" t="s">
        <v>36264</v>
      </c>
      <c r="M16705" s="2" t="s">
        <v>36265</v>
      </c>
      <c r="N16705" s="5" t="s">
        <v>36266</v>
      </c>
      <c r="O16705" s="5" t="s">
        <v>38</v>
      </c>
      <c r="P16705" s="5" t="s">
        <v>39</v>
      </c>
      <c r="Q16705" s="5" t="s">
        <v>40</v>
      </c>
      <c r="R16705" s="5" t="s">
        <v>1522</v>
      </c>
      <c r="S16705" s="5" t="s">
        <v>1523</v>
      </c>
      <c r="T16705" s="5" t="s">
        <v>42</v>
      </c>
      <c r="U16705" s="2">
        <v>2.6150000000000002</v>
      </c>
      <c r="V16705" s="2">
        <v>2.0640000000000001</v>
      </c>
      <c r="W16705" s="2">
        <v>1.2999999999999999E-2</v>
      </c>
      <c r="X16705" s="2">
        <v>99.1</v>
      </c>
      <c r="Y16705" s="2">
        <v>7.6</v>
      </c>
      <c r="Z16705" s="2">
        <v>16.7</v>
      </c>
      <c r="AA16705" s="5"/>
      <c r="AB16705" s="5" t="s">
        <v>43</v>
      </c>
      <c r="AC16705" s="5" t="s">
        <v>44</v>
      </c>
      <c r="AD16705" s="2"/>
      <c r="AE16705" s="1"/>
    </row>
    <row r="16706" spans="1:31" ht="14.45">
      <c r="A16706" s="11"/>
      <c r="B16706" s="20"/>
      <c r="C16706" s="2" t="s">
        <v>51076</v>
      </c>
      <c r="D16706" s="14" t="s">
        <v>51077</v>
      </c>
      <c r="E16706" s="2" t="s">
        <v>51078</v>
      </c>
      <c r="F16706" s="2" t="s">
        <v>36313</v>
      </c>
      <c r="G16706" s="8">
        <v>297</v>
      </c>
      <c r="H16706" s="5">
        <v>6</v>
      </c>
      <c r="I16706" s="5" t="s">
        <v>1518</v>
      </c>
      <c r="J16706" s="5" t="s">
        <v>36264</v>
      </c>
      <c r="K16706" s="2" t="s">
        <v>36265</v>
      </c>
      <c r="L16706" s="5" t="s">
        <v>36264</v>
      </c>
      <c r="M16706" s="2" t="s">
        <v>36265</v>
      </c>
      <c r="N16706" s="5" t="s">
        <v>36266</v>
      </c>
      <c r="O16706" s="5" t="s">
        <v>38</v>
      </c>
      <c r="P16706" s="5" t="s">
        <v>39</v>
      </c>
      <c r="Q16706" s="5" t="s">
        <v>40</v>
      </c>
      <c r="R16706" s="5" t="s">
        <v>1522</v>
      </c>
      <c r="S16706" s="5" t="s">
        <v>1523</v>
      </c>
      <c r="T16706" s="5" t="s">
        <v>42</v>
      </c>
      <c r="U16706" s="2">
        <v>2.5419999999999998</v>
      </c>
      <c r="V16706" s="2">
        <v>1.9910000000000001</v>
      </c>
      <c r="W16706" s="2">
        <v>1.2999999999999999E-2</v>
      </c>
      <c r="X16706" s="2">
        <v>99.1</v>
      </c>
      <c r="Y16706" s="2">
        <v>7.6</v>
      </c>
      <c r="Z16706" s="2">
        <v>16.7</v>
      </c>
      <c r="AA16706" s="5"/>
      <c r="AB16706" s="5" t="s">
        <v>43</v>
      </c>
      <c r="AC16706" s="5" t="s">
        <v>44</v>
      </c>
      <c r="AD16706" s="2"/>
      <c r="AE16706" s="1"/>
    </row>
    <row r="16707" spans="1:31" ht="14.45">
      <c r="A16707" s="11"/>
      <c r="B16707" s="20"/>
      <c r="C16707" s="2" t="s">
        <v>51079</v>
      </c>
      <c r="D16707" s="14" t="s">
        <v>51080</v>
      </c>
      <c r="E16707" s="2" t="s">
        <v>51081</v>
      </c>
      <c r="F16707" s="2" t="s">
        <v>36317</v>
      </c>
      <c r="G16707" s="8">
        <v>297</v>
      </c>
      <c r="H16707" s="5">
        <v>6</v>
      </c>
      <c r="I16707" s="5" t="s">
        <v>1518</v>
      </c>
      <c r="J16707" s="5" t="s">
        <v>36264</v>
      </c>
      <c r="K16707" s="2" t="s">
        <v>36265</v>
      </c>
      <c r="L16707" s="5" t="s">
        <v>36264</v>
      </c>
      <c r="M16707" s="2" t="s">
        <v>36265</v>
      </c>
      <c r="N16707" s="5" t="s">
        <v>36266</v>
      </c>
      <c r="O16707" s="5" t="s">
        <v>38</v>
      </c>
      <c r="P16707" s="5" t="s">
        <v>39</v>
      </c>
      <c r="Q16707" s="5" t="s">
        <v>40</v>
      </c>
      <c r="R16707" s="5" t="s">
        <v>1522</v>
      </c>
      <c r="S16707" s="5" t="s">
        <v>1523</v>
      </c>
      <c r="T16707" s="5" t="s">
        <v>42</v>
      </c>
      <c r="U16707" s="2">
        <v>2.6150000000000002</v>
      </c>
      <c r="V16707" s="2">
        <v>2.0640000000000001</v>
      </c>
      <c r="W16707" s="2">
        <v>1.2999999999999999E-2</v>
      </c>
      <c r="X16707" s="2">
        <v>99.1</v>
      </c>
      <c r="Y16707" s="2">
        <v>7.6</v>
      </c>
      <c r="Z16707" s="2">
        <v>16.7</v>
      </c>
      <c r="AA16707" s="5"/>
      <c r="AB16707" s="5" t="s">
        <v>43</v>
      </c>
      <c r="AC16707" s="5" t="s">
        <v>44</v>
      </c>
      <c r="AD16707" s="2"/>
      <c r="AE16707" s="1"/>
    </row>
    <row r="16708" spans="1:31" ht="14.45">
      <c r="A16708" s="11"/>
      <c r="B16708" s="20"/>
      <c r="C16708" s="2" t="s">
        <v>51082</v>
      </c>
      <c r="D16708" s="14" t="s">
        <v>51083</v>
      </c>
      <c r="E16708" s="2" t="s">
        <v>51084</v>
      </c>
      <c r="F16708" s="2" t="s">
        <v>36321</v>
      </c>
      <c r="G16708" s="8">
        <v>297</v>
      </c>
      <c r="H16708" s="5">
        <v>6</v>
      </c>
      <c r="I16708" s="5" t="s">
        <v>1518</v>
      </c>
      <c r="J16708" s="5" t="s">
        <v>36264</v>
      </c>
      <c r="K16708" s="2" t="s">
        <v>36265</v>
      </c>
      <c r="L16708" s="5" t="s">
        <v>36264</v>
      </c>
      <c r="M16708" s="2" t="s">
        <v>36265</v>
      </c>
      <c r="N16708" s="5" t="s">
        <v>36266</v>
      </c>
      <c r="O16708" s="5" t="s">
        <v>38</v>
      </c>
      <c r="P16708" s="5" t="s">
        <v>39</v>
      </c>
      <c r="Q16708" s="5" t="s">
        <v>40</v>
      </c>
      <c r="R16708" s="5" t="s">
        <v>1522</v>
      </c>
      <c r="S16708" s="5" t="s">
        <v>1523</v>
      </c>
      <c r="T16708" s="5" t="s">
        <v>42</v>
      </c>
      <c r="U16708" s="2">
        <v>2.5419999999999998</v>
      </c>
      <c r="V16708" s="2">
        <v>1.9910000000000001</v>
      </c>
      <c r="W16708" s="2">
        <v>1.2999999999999999E-2</v>
      </c>
      <c r="X16708" s="2">
        <v>99.1</v>
      </c>
      <c r="Y16708" s="2">
        <v>7.6</v>
      </c>
      <c r="Z16708" s="2">
        <v>16.7</v>
      </c>
      <c r="AA16708" s="5"/>
      <c r="AB16708" s="5" t="s">
        <v>43</v>
      </c>
      <c r="AC16708" s="5" t="s">
        <v>44</v>
      </c>
      <c r="AD16708" s="2"/>
      <c r="AE16708" s="1"/>
    </row>
    <row r="16709" spans="1:31" ht="14.45">
      <c r="A16709" s="11"/>
      <c r="B16709" s="20"/>
      <c r="C16709" s="2" t="s">
        <v>51085</v>
      </c>
      <c r="D16709" s="14" t="s">
        <v>51086</v>
      </c>
      <c r="E16709" s="2" t="s">
        <v>51087</v>
      </c>
      <c r="F16709" s="2" t="s">
        <v>36325</v>
      </c>
      <c r="G16709" s="8">
        <v>297</v>
      </c>
      <c r="H16709" s="5">
        <v>6</v>
      </c>
      <c r="I16709" s="5" t="s">
        <v>1518</v>
      </c>
      <c r="J16709" s="5" t="s">
        <v>36264</v>
      </c>
      <c r="K16709" s="2" t="s">
        <v>36265</v>
      </c>
      <c r="L16709" s="5" t="s">
        <v>36264</v>
      </c>
      <c r="M16709" s="2" t="s">
        <v>36265</v>
      </c>
      <c r="N16709" s="5" t="s">
        <v>36266</v>
      </c>
      <c r="O16709" s="5" t="s">
        <v>38</v>
      </c>
      <c r="P16709" s="5" t="s">
        <v>39</v>
      </c>
      <c r="Q16709" s="5" t="s">
        <v>40</v>
      </c>
      <c r="R16709" s="5" t="s">
        <v>1522</v>
      </c>
      <c r="S16709" s="5" t="s">
        <v>1523</v>
      </c>
      <c r="T16709" s="5" t="s">
        <v>42</v>
      </c>
      <c r="U16709" s="2">
        <v>2.6150000000000002</v>
      </c>
      <c r="V16709" s="2">
        <v>2.0640000000000001</v>
      </c>
      <c r="W16709" s="2">
        <v>1.2999999999999999E-2</v>
      </c>
      <c r="X16709" s="2">
        <v>99.1</v>
      </c>
      <c r="Y16709" s="2">
        <v>7.6</v>
      </c>
      <c r="Z16709" s="2">
        <v>16.7</v>
      </c>
      <c r="AA16709" s="5"/>
      <c r="AB16709" s="5" t="s">
        <v>43</v>
      </c>
      <c r="AC16709" s="5" t="s">
        <v>44</v>
      </c>
      <c r="AD16709" s="2"/>
      <c r="AE16709" s="1"/>
    </row>
    <row r="16710" spans="1:31" ht="14.45">
      <c r="A16710" s="11"/>
      <c r="B16710" s="20"/>
      <c r="C16710" s="2" t="s">
        <v>51088</v>
      </c>
      <c r="D16710" s="14" t="s">
        <v>51089</v>
      </c>
      <c r="E16710" s="2" t="s">
        <v>51090</v>
      </c>
      <c r="F16710" s="2" t="s">
        <v>36329</v>
      </c>
      <c r="G16710" s="8">
        <v>297</v>
      </c>
      <c r="H16710" s="5">
        <v>6</v>
      </c>
      <c r="I16710" s="5" t="s">
        <v>1518</v>
      </c>
      <c r="J16710" s="5" t="s">
        <v>36264</v>
      </c>
      <c r="K16710" s="2" t="s">
        <v>36265</v>
      </c>
      <c r="L16710" s="5" t="s">
        <v>36264</v>
      </c>
      <c r="M16710" s="2" t="s">
        <v>36265</v>
      </c>
      <c r="N16710" s="5" t="s">
        <v>36266</v>
      </c>
      <c r="O16710" s="5" t="s">
        <v>38</v>
      </c>
      <c r="P16710" s="5" t="s">
        <v>39</v>
      </c>
      <c r="Q16710" s="5" t="s">
        <v>40</v>
      </c>
      <c r="R16710" s="5" t="s">
        <v>1522</v>
      </c>
      <c r="S16710" s="5" t="s">
        <v>1523</v>
      </c>
      <c r="T16710" s="5" t="s">
        <v>42</v>
      </c>
      <c r="U16710" s="2">
        <v>2.5419999999999998</v>
      </c>
      <c r="V16710" s="2">
        <v>1.9910000000000001</v>
      </c>
      <c r="W16710" s="2">
        <v>1.2999999999999999E-2</v>
      </c>
      <c r="X16710" s="2">
        <v>99.1</v>
      </c>
      <c r="Y16710" s="2">
        <v>7.6</v>
      </c>
      <c r="Z16710" s="2">
        <v>16.7</v>
      </c>
      <c r="AA16710" s="5"/>
      <c r="AB16710" s="5" t="s">
        <v>43</v>
      </c>
      <c r="AC16710" s="5" t="s">
        <v>44</v>
      </c>
      <c r="AD16710" s="2"/>
      <c r="AE16710" s="1"/>
    </row>
    <row r="16711" spans="1:31" ht="14.45">
      <c r="A16711" s="11"/>
      <c r="B16711" s="20"/>
      <c r="C16711" s="2" t="s">
        <v>51091</v>
      </c>
      <c r="D16711" s="14" t="s">
        <v>51092</v>
      </c>
      <c r="E16711" s="2" t="s">
        <v>51093</v>
      </c>
      <c r="F16711" s="2" t="s">
        <v>36333</v>
      </c>
      <c r="G16711" s="8">
        <v>297</v>
      </c>
      <c r="H16711" s="5">
        <v>6</v>
      </c>
      <c r="I16711" s="5" t="s">
        <v>1518</v>
      </c>
      <c r="J16711" s="5" t="s">
        <v>36264</v>
      </c>
      <c r="K16711" s="2" t="s">
        <v>36265</v>
      </c>
      <c r="L16711" s="5" t="s">
        <v>36264</v>
      </c>
      <c r="M16711" s="2" t="s">
        <v>36265</v>
      </c>
      <c r="N16711" s="5" t="s">
        <v>36266</v>
      </c>
      <c r="O16711" s="5" t="s">
        <v>38</v>
      </c>
      <c r="P16711" s="5" t="s">
        <v>39</v>
      </c>
      <c r="Q16711" s="5" t="s">
        <v>40</v>
      </c>
      <c r="R16711" s="5" t="s">
        <v>1522</v>
      </c>
      <c r="S16711" s="5" t="s">
        <v>1523</v>
      </c>
      <c r="T16711" s="5" t="s">
        <v>42</v>
      </c>
      <c r="U16711" s="2">
        <v>2.6150000000000002</v>
      </c>
      <c r="V16711" s="2">
        <v>2.0640000000000001</v>
      </c>
      <c r="W16711" s="2">
        <v>1.2999999999999999E-2</v>
      </c>
      <c r="X16711" s="2">
        <v>99.1</v>
      </c>
      <c r="Y16711" s="2">
        <v>7.6</v>
      </c>
      <c r="Z16711" s="2">
        <v>16.7</v>
      </c>
      <c r="AA16711" s="5"/>
      <c r="AB16711" s="5" t="s">
        <v>43</v>
      </c>
      <c r="AC16711" s="5" t="s">
        <v>44</v>
      </c>
      <c r="AD16711" s="2"/>
      <c r="AE16711" s="1"/>
    </row>
    <row r="16712" spans="1:31" ht="14.45">
      <c r="A16712" s="11"/>
      <c r="B16712" s="20"/>
      <c r="C16712" s="2" t="s">
        <v>51094</v>
      </c>
      <c r="D16712" s="14" t="s">
        <v>51095</v>
      </c>
      <c r="E16712" s="2" t="s">
        <v>51096</v>
      </c>
      <c r="F16712" s="2" t="s">
        <v>36337</v>
      </c>
      <c r="G16712" s="8">
        <v>297</v>
      </c>
      <c r="H16712" s="5">
        <v>6</v>
      </c>
      <c r="I16712" s="5" t="s">
        <v>1518</v>
      </c>
      <c r="J16712" s="5" t="s">
        <v>36264</v>
      </c>
      <c r="K16712" s="2" t="s">
        <v>36265</v>
      </c>
      <c r="L16712" s="5" t="s">
        <v>36264</v>
      </c>
      <c r="M16712" s="2" t="s">
        <v>36265</v>
      </c>
      <c r="N16712" s="5" t="s">
        <v>36266</v>
      </c>
      <c r="O16712" s="5" t="s">
        <v>38</v>
      </c>
      <c r="P16712" s="5" t="s">
        <v>39</v>
      </c>
      <c r="Q16712" s="5" t="s">
        <v>40</v>
      </c>
      <c r="R16712" s="5" t="s">
        <v>1522</v>
      </c>
      <c r="S16712" s="5" t="s">
        <v>1523</v>
      </c>
      <c r="T16712" s="5" t="s">
        <v>42</v>
      </c>
      <c r="U16712" s="2">
        <v>2.5419999999999998</v>
      </c>
      <c r="V16712" s="2">
        <v>1.9910000000000001</v>
      </c>
      <c r="W16712" s="2">
        <v>1.2999999999999999E-2</v>
      </c>
      <c r="X16712" s="2">
        <v>99.1</v>
      </c>
      <c r="Y16712" s="2">
        <v>7.6</v>
      </c>
      <c r="Z16712" s="2">
        <v>16.7</v>
      </c>
      <c r="AA16712" s="5"/>
      <c r="AB16712" s="5" t="s">
        <v>43</v>
      </c>
      <c r="AC16712" s="5" t="s">
        <v>44</v>
      </c>
      <c r="AD16712" s="2"/>
      <c r="AE16712" s="1"/>
    </row>
    <row r="16713" spans="1:31" ht="14.45">
      <c r="A16713" s="11"/>
      <c r="B16713" s="20"/>
      <c r="C16713" s="2" t="s">
        <v>51097</v>
      </c>
      <c r="D16713" s="14" t="s">
        <v>51098</v>
      </c>
      <c r="E16713" s="2" t="s">
        <v>51099</v>
      </c>
      <c r="F16713" s="2" t="s">
        <v>36341</v>
      </c>
      <c r="G16713" s="8">
        <v>297</v>
      </c>
      <c r="H16713" s="5">
        <v>6</v>
      </c>
      <c r="I16713" s="5" t="s">
        <v>1518</v>
      </c>
      <c r="J16713" s="5" t="s">
        <v>36264</v>
      </c>
      <c r="K16713" s="2" t="s">
        <v>36265</v>
      </c>
      <c r="L16713" s="5" t="s">
        <v>36264</v>
      </c>
      <c r="M16713" s="2" t="s">
        <v>36265</v>
      </c>
      <c r="N16713" s="5" t="s">
        <v>36266</v>
      </c>
      <c r="O16713" s="5" t="s">
        <v>38</v>
      </c>
      <c r="P16713" s="5" t="s">
        <v>39</v>
      </c>
      <c r="Q16713" s="5" t="s">
        <v>40</v>
      </c>
      <c r="R16713" s="5" t="s">
        <v>1522</v>
      </c>
      <c r="S16713" s="5" t="s">
        <v>1523</v>
      </c>
      <c r="T16713" s="5" t="s">
        <v>42</v>
      </c>
      <c r="U16713" s="2">
        <v>2.6150000000000002</v>
      </c>
      <c r="V16713" s="2">
        <v>2.0640000000000001</v>
      </c>
      <c r="W16713" s="2">
        <v>1.2999999999999999E-2</v>
      </c>
      <c r="X16713" s="2">
        <v>99.1</v>
      </c>
      <c r="Y16713" s="2">
        <v>7.6</v>
      </c>
      <c r="Z16713" s="2">
        <v>16.7</v>
      </c>
      <c r="AA16713" s="5"/>
      <c r="AB16713" s="5" t="s">
        <v>43</v>
      </c>
      <c r="AC16713" s="5" t="s">
        <v>44</v>
      </c>
      <c r="AD16713" s="2"/>
      <c r="AE16713" s="1"/>
    </row>
    <row r="16714" spans="1:31" ht="14.45">
      <c r="A16714" s="11"/>
      <c r="B16714" s="20"/>
      <c r="C16714" s="2" t="s">
        <v>51100</v>
      </c>
      <c r="D16714" s="14" t="s">
        <v>51101</v>
      </c>
      <c r="E16714" s="2" t="s">
        <v>51102</v>
      </c>
      <c r="F16714" s="2" t="s">
        <v>36345</v>
      </c>
      <c r="G16714" s="8">
        <v>297</v>
      </c>
      <c r="H16714" s="5">
        <v>6</v>
      </c>
      <c r="I16714" s="5" t="s">
        <v>1518</v>
      </c>
      <c r="J16714" s="5" t="s">
        <v>36264</v>
      </c>
      <c r="K16714" s="2" t="s">
        <v>36265</v>
      </c>
      <c r="L16714" s="5" t="s">
        <v>36264</v>
      </c>
      <c r="M16714" s="2" t="s">
        <v>36265</v>
      </c>
      <c r="N16714" s="5" t="s">
        <v>36266</v>
      </c>
      <c r="O16714" s="5" t="s">
        <v>38</v>
      </c>
      <c r="P16714" s="5" t="s">
        <v>39</v>
      </c>
      <c r="Q16714" s="5" t="s">
        <v>40</v>
      </c>
      <c r="R16714" s="5" t="s">
        <v>1522</v>
      </c>
      <c r="S16714" s="5" t="s">
        <v>1523</v>
      </c>
      <c r="T16714" s="5" t="s">
        <v>42</v>
      </c>
      <c r="U16714" s="2">
        <v>2.5419999999999998</v>
      </c>
      <c r="V16714" s="2">
        <v>1.9910000000000001</v>
      </c>
      <c r="W16714" s="2">
        <v>1.2999999999999999E-2</v>
      </c>
      <c r="X16714" s="2">
        <v>99.1</v>
      </c>
      <c r="Y16714" s="2">
        <v>7.6</v>
      </c>
      <c r="Z16714" s="2">
        <v>16.7</v>
      </c>
      <c r="AA16714" s="5"/>
      <c r="AB16714" s="5" t="s">
        <v>43</v>
      </c>
      <c r="AC16714" s="5" t="s">
        <v>44</v>
      </c>
      <c r="AD16714" s="2"/>
      <c r="AE16714" s="1"/>
    </row>
    <row r="16715" spans="1:31" ht="14.45">
      <c r="A16715" s="11"/>
      <c r="B16715" s="20"/>
      <c r="C16715" s="2" t="s">
        <v>51103</v>
      </c>
      <c r="D16715" s="14" t="s">
        <v>51104</v>
      </c>
      <c r="E16715" s="2" t="s">
        <v>51105</v>
      </c>
      <c r="F16715" s="2" t="s">
        <v>36349</v>
      </c>
      <c r="G16715" s="8">
        <v>297</v>
      </c>
      <c r="H16715" s="5">
        <v>6</v>
      </c>
      <c r="I16715" s="5" t="s">
        <v>1518</v>
      </c>
      <c r="J16715" s="5" t="s">
        <v>36264</v>
      </c>
      <c r="K16715" s="2" t="s">
        <v>36265</v>
      </c>
      <c r="L16715" s="5" t="s">
        <v>36264</v>
      </c>
      <c r="M16715" s="2" t="s">
        <v>36265</v>
      </c>
      <c r="N16715" s="5" t="s">
        <v>36266</v>
      </c>
      <c r="O16715" s="5" t="s">
        <v>38</v>
      </c>
      <c r="P16715" s="5" t="s">
        <v>39</v>
      </c>
      <c r="Q16715" s="5" t="s">
        <v>40</v>
      </c>
      <c r="R16715" s="5" t="s">
        <v>1522</v>
      </c>
      <c r="S16715" s="5" t="s">
        <v>1523</v>
      </c>
      <c r="T16715" s="5" t="s">
        <v>42</v>
      </c>
      <c r="U16715" s="2">
        <v>2.6150000000000002</v>
      </c>
      <c r="V16715" s="2">
        <v>2.0640000000000001</v>
      </c>
      <c r="W16715" s="2">
        <v>1.2999999999999999E-2</v>
      </c>
      <c r="X16715" s="2">
        <v>99.1</v>
      </c>
      <c r="Y16715" s="2">
        <v>7.6</v>
      </c>
      <c r="Z16715" s="2">
        <v>16.7</v>
      </c>
      <c r="AA16715" s="5"/>
      <c r="AB16715" s="5" t="s">
        <v>43</v>
      </c>
      <c r="AC16715" s="5" t="s">
        <v>44</v>
      </c>
      <c r="AD16715" s="2"/>
      <c r="AE16715" s="1"/>
    </row>
    <row r="16716" spans="1:31" ht="14.45">
      <c r="A16716" s="11"/>
      <c r="B16716" s="20"/>
      <c r="C16716" s="2" t="s">
        <v>51106</v>
      </c>
      <c r="D16716" s="14" t="s">
        <v>51107</v>
      </c>
      <c r="E16716" s="2" t="s">
        <v>51108</v>
      </c>
      <c r="F16716" s="2" t="s">
        <v>36357</v>
      </c>
      <c r="G16716" s="8">
        <v>297</v>
      </c>
      <c r="H16716" s="5">
        <v>6</v>
      </c>
      <c r="I16716" s="5" t="s">
        <v>1518</v>
      </c>
      <c r="J16716" s="5" t="s">
        <v>36264</v>
      </c>
      <c r="K16716" s="2" t="s">
        <v>36265</v>
      </c>
      <c r="L16716" s="5" t="s">
        <v>36264</v>
      </c>
      <c r="M16716" s="2" t="s">
        <v>36265</v>
      </c>
      <c r="N16716" s="5" t="s">
        <v>36266</v>
      </c>
      <c r="O16716" s="5" t="s">
        <v>38</v>
      </c>
      <c r="P16716" s="5" t="s">
        <v>39</v>
      </c>
      <c r="Q16716" s="5" t="s">
        <v>40</v>
      </c>
      <c r="R16716" s="5" t="s">
        <v>1522</v>
      </c>
      <c r="S16716" s="5" t="s">
        <v>1523</v>
      </c>
      <c r="T16716" s="5" t="s">
        <v>42</v>
      </c>
      <c r="U16716" s="2">
        <v>2.6150000000000002</v>
      </c>
      <c r="V16716" s="2">
        <v>2.0640000000000001</v>
      </c>
      <c r="W16716" s="2">
        <v>1.2999999999999999E-2</v>
      </c>
      <c r="X16716" s="2">
        <v>99.1</v>
      </c>
      <c r="Y16716" s="2">
        <v>7.6</v>
      </c>
      <c r="Z16716" s="2">
        <v>16.7</v>
      </c>
      <c r="AA16716" s="5"/>
      <c r="AB16716" s="5" t="s">
        <v>43</v>
      </c>
      <c r="AC16716" s="5" t="s">
        <v>44</v>
      </c>
      <c r="AD16716" s="2"/>
      <c r="AE16716" s="1"/>
    </row>
    <row r="16717" spans="1:31" ht="14.45">
      <c r="A16717" s="11"/>
      <c r="B16717" s="20"/>
      <c r="C16717" s="2" t="s">
        <v>51109</v>
      </c>
      <c r="D16717" s="14" t="s">
        <v>51110</v>
      </c>
      <c r="E16717" s="2" t="s">
        <v>51111</v>
      </c>
      <c r="F16717" s="2" t="s">
        <v>45598</v>
      </c>
      <c r="G16717" s="8">
        <v>297</v>
      </c>
      <c r="H16717" s="5">
        <v>6</v>
      </c>
      <c r="I16717" s="5" t="s">
        <v>1518</v>
      </c>
      <c r="J16717" s="5" t="s">
        <v>36264</v>
      </c>
      <c r="K16717" s="2" t="s">
        <v>36265</v>
      </c>
      <c r="L16717" s="5" t="s">
        <v>36264</v>
      </c>
      <c r="M16717" s="2" t="s">
        <v>36265</v>
      </c>
      <c r="N16717" s="5" t="s">
        <v>36266</v>
      </c>
      <c r="O16717" s="5" t="s">
        <v>38</v>
      </c>
      <c r="P16717" s="5" t="s">
        <v>39</v>
      </c>
      <c r="Q16717" s="5" t="s">
        <v>40</v>
      </c>
      <c r="R16717" s="5" t="s">
        <v>1522</v>
      </c>
      <c r="S16717" s="5" t="s">
        <v>1523</v>
      </c>
      <c r="T16717" s="5" t="s">
        <v>42</v>
      </c>
      <c r="U16717" s="2">
        <v>2.5419999999999998</v>
      </c>
      <c r="V16717" s="2">
        <v>1.9910000000000001</v>
      </c>
      <c r="W16717" s="2">
        <v>1.2999999999999999E-2</v>
      </c>
      <c r="X16717" s="2">
        <v>99.1</v>
      </c>
      <c r="Y16717" s="2">
        <v>7.6</v>
      </c>
      <c r="Z16717" s="2">
        <v>16.7</v>
      </c>
      <c r="AA16717" s="5"/>
      <c r="AB16717" s="5" t="s">
        <v>43</v>
      </c>
      <c r="AC16717" s="5" t="s">
        <v>44</v>
      </c>
      <c r="AD16717" s="2"/>
      <c r="AE16717" s="1"/>
    </row>
    <row r="16718" spans="1:31" ht="14.45">
      <c r="A16718" s="11"/>
      <c r="B16718" s="20"/>
      <c r="C16718" s="2" t="s">
        <v>51112</v>
      </c>
      <c r="D16718" s="14" t="s">
        <v>51113</v>
      </c>
      <c r="E16718" s="2" t="s">
        <v>51114</v>
      </c>
      <c r="F16718" s="2" t="s">
        <v>45534</v>
      </c>
      <c r="G16718" s="8">
        <v>297</v>
      </c>
      <c r="H16718" s="5">
        <v>6</v>
      </c>
      <c r="I16718" s="5" t="s">
        <v>1518</v>
      </c>
      <c r="J16718" s="5" t="s">
        <v>36264</v>
      </c>
      <c r="K16718" s="2" t="s">
        <v>36265</v>
      </c>
      <c r="L16718" s="5" t="s">
        <v>36264</v>
      </c>
      <c r="M16718" s="2" t="s">
        <v>36265</v>
      </c>
      <c r="N16718" s="5" t="s">
        <v>36266</v>
      </c>
      <c r="O16718" s="5" t="s">
        <v>38</v>
      </c>
      <c r="P16718" s="5" t="s">
        <v>39</v>
      </c>
      <c r="Q16718" s="5" t="s">
        <v>40</v>
      </c>
      <c r="R16718" s="5" t="s">
        <v>1522</v>
      </c>
      <c r="S16718" s="5" t="s">
        <v>1523</v>
      </c>
      <c r="T16718" s="5" t="s">
        <v>42</v>
      </c>
      <c r="U16718" s="2">
        <v>2.6150000000000002</v>
      </c>
      <c r="V16718" s="2">
        <v>2.0640000000000001</v>
      </c>
      <c r="W16718" s="2">
        <v>1.2999999999999999E-2</v>
      </c>
      <c r="X16718" s="2">
        <v>99.1</v>
      </c>
      <c r="Y16718" s="2">
        <v>7.6</v>
      </c>
      <c r="Z16718" s="2">
        <v>16.7</v>
      </c>
      <c r="AA16718" s="5"/>
      <c r="AB16718" s="5" t="s">
        <v>43</v>
      </c>
      <c r="AC16718" s="5" t="s">
        <v>44</v>
      </c>
      <c r="AD16718" s="2"/>
      <c r="AE16718" s="1"/>
    </row>
    <row r="16719" spans="1:31" ht="14.45">
      <c r="A16719" s="11"/>
      <c r="B16719" s="20"/>
      <c r="C16719" s="2" t="s">
        <v>51115</v>
      </c>
      <c r="D16719" s="14" t="s">
        <v>51116</v>
      </c>
      <c r="E16719" s="2" t="s">
        <v>51117</v>
      </c>
      <c r="F16719" s="2" t="s">
        <v>36369</v>
      </c>
      <c r="G16719" s="8">
        <v>297</v>
      </c>
      <c r="H16719" s="5">
        <v>6</v>
      </c>
      <c r="I16719" s="5" t="s">
        <v>1518</v>
      </c>
      <c r="J16719" s="5" t="s">
        <v>36264</v>
      </c>
      <c r="K16719" s="2" t="s">
        <v>36265</v>
      </c>
      <c r="L16719" s="5" t="s">
        <v>36264</v>
      </c>
      <c r="M16719" s="2" t="s">
        <v>36265</v>
      </c>
      <c r="N16719" s="5" t="s">
        <v>36266</v>
      </c>
      <c r="O16719" s="5" t="s">
        <v>38</v>
      </c>
      <c r="P16719" s="5" t="s">
        <v>39</v>
      </c>
      <c r="Q16719" s="5" t="s">
        <v>40</v>
      </c>
      <c r="R16719" s="5" t="s">
        <v>1522</v>
      </c>
      <c r="S16719" s="5" t="s">
        <v>1523</v>
      </c>
      <c r="T16719" s="5" t="s">
        <v>42</v>
      </c>
      <c r="U16719" s="2">
        <v>2.5419999999999998</v>
      </c>
      <c r="V16719" s="2">
        <v>1.9910000000000001</v>
      </c>
      <c r="W16719" s="2">
        <v>1.2999999999999999E-2</v>
      </c>
      <c r="X16719" s="2">
        <v>99.1</v>
      </c>
      <c r="Y16719" s="2">
        <v>7.6</v>
      </c>
      <c r="Z16719" s="2">
        <v>16.7</v>
      </c>
      <c r="AA16719" s="5"/>
      <c r="AB16719" s="5" t="s">
        <v>43</v>
      </c>
      <c r="AC16719" s="5" t="s">
        <v>44</v>
      </c>
      <c r="AD16719" s="2"/>
      <c r="AE16719" s="1"/>
    </row>
    <row r="16720" spans="1:31" ht="14.45">
      <c r="A16720" s="11"/>
      <c r="B16720" s="20"/>
      <c r="C16720" s="2" t="s">
        <v>51118</v>
      </c>
      <c r="D16720" s="14" t="s">
        <v>51119</v>
      </c>
      <c r="E16720" s="2" t="s">
        <v>51120</v>
      </c>
      <c r="F16720" s="2" t="s">
        <v>36373</v>
      </c>
      <c r="G16720" s="8">
        <v>297</v>
      </c>
      <c r="H16720" s="5">
        <v>6</v>
      </c>
      <c r="I16720" s="5" t="s">
        <v>1518</v>
      </c>
      <c r="J16720" s="5" t="s">
        <v>36264</v>
      </c>
      <c r="K16720" s="2" t="s">
        <v>36265</v>
      </c>
      <c r="L16720" s="5" t="s">
        <v>36264</v>
      </c>
      <c r="M16720" s="2" t="s">
        <v>36265</v>
      </c>
      <c r="N16720" s="5" t="s">
        <v>36266</v>
      </c>
      <c r="O16720" s="5" t="s">
        <v>38</v>
      </c>
      <c r="P16720" s="5" t="s">
        <v>39</v>
      </c>
      <c r="Q16720" s="5" t="s">
        <v>40</v>
      </c>
      <c r="R16720" s="5" t="s">
        <v>1522</v>
      </c>
      <c r="S16720" s="5" t="s">
        <v>1523</v>
      </c>
      <c r="T16720" s="5" t="s">
        <v>42</v>
      </c>
      <c r="U16720" s="2">
        <v>2.6150000000000002</v>
      </c>
      <c r="V16720" s="2">
        <v>2.0640000000000001</v>
      </c>
      <c r="W16720" s="2">
        <v>1.2999999999999999E-2</v>
      </c>
      <c r="X16720" s="2">
        <v>99.1</v>
      </c>
      <c r="Y16720" s="2">
        <v>7.6</v>
      </c>
      <c r="Z16720" s="2">
        <v>16.7</v>
      </c>
      <c r="AA16720" s="5"/>
      <c r="AB16720" s="5" t="s">
        <v>43</v>
      </c>
      <c r="AC16720" s="5" t="s">
        <v>44</v>
      </c>
      <c r="AD16720" s="2"/>
      <c r="AE16720" s="1"/>
    </row>
    <row r="16721" spans="1:31" ht="14.45">
      <c r="A16721" s="11"/>
      <c r="B16721" s="20"/>
      <c r="C16721" s="2" t="s">
        <v>51121</v>
      </c>
      <c r="D16721" s="14" t="s">
        <v>51122</v>
      </c>
      <c r="E16721" s="2" t="s">
        <v>51123</v>
      </c>
      <c r="F16721" s="2" t="s">
        <v>36377</v>
      </c>
      <c r="G16721" s="8">
        <v>297</v>
      </c>
      <c r="H16721" s="5">
        <v>6</v>
      </c>
      <c r="I16721" s="5" t="s">
        <v>1518</v>
      </c>
      <c r="J16721" s="5" t="s">
        <v>36264</v>
      </c>
      <c r="K16721" s="2" t="s">
        <v>36265</v>
      </c>
      <c r="L16721" s="5" t="s">
        <v>36264</v>
      </c>
      <c r="M16721" s="2" t="s">
        <v>36265</v>
      </c>
      <c r="N16721" s="5" t="s">
        <v>36266</v>
      </c>
      <c r="O16721" s="5" t="s">
        <v>38</v>
      </c>
      <c r="P16721" s="5" t="s">
        <v>39</v>
      </c>
      <c r="Q16721" s="5" t="s">
        <v>40</v>
      </c>
      <c r="R16721" s="5" t="s">
        <v>1522</v>
      </c>
      <c r="S16721" s="5" t="s">
        <v>1523</v>
      </c>
      <c r="T16721" s="5" t="s">
        <v>42</v>
      </c>
      <c r="U16721" s="2">
        <v>2.5419999999999998</v>
      </c>
      <c r="V16721" s="2">
        <v>1.9910000000000001</v>
      </c>
      <c r="W16721" s="2">
        <v>1.2999999999999999E-2</v>
      </c>
      <c r="X16721" s="2">
        <v>99.1</v>
      </c>
      <c r="Y16721" s="2">
        <v>7.6</v>
      </c>
      <c r="Z16721" s="2">
        <v>16.7</v>
      </c>
      <c r="AA16721" s="5"/>
      <c r="AB16721" s="5" t="s">
        <v>43</v>
      </c>
      <c r="AC16721" s="5" t="s">
        <v>44</v>
      </c>
      <c r="AD16721" s="2"/>
      <c r="AE16721" s="1"/>
    </row>
    <row r="16722" spans="1:31" ht="14.45">
      <c r="A16722" s="11"/>
      <c r="B16722" s="20"/>
      <c r="C16722" s="2" t="s">
        <v>51124</v>
      </c>
      <c r="D16722" s="14" t="s">
        <v>51125</v>
      </c>
      <c r="E16722" s="2" t="s">
        <v>51126</v>
      </c>
      <c r="F16722" s="2" t="s">
        <v>36381</v>
      </c>
      <c r="G16722" s="8">
        <v>297</v>
      </c>
      <c r="H16722" s="5">
        <v>6</v>
      </c>
      <c r="I16722" s="5" t="s">
        <v>1518</v>
      </c>
      <c r="J16722" s="5" t="s">
        <v>36264</v>
      </c>
      <c r="K16722" s="2" t="s">
        <v>36265</v>
      </c>
      <c r="L16722" s="5" t="s">
        <v>36264</v>
      </c>
      <c r="M16722" s="2" t="s">
        <v>36265</v>
      </c>
      <c r="N16722" s="5" t="s">
        <v>36266</v>
      </c>
      <c r="O16722" s="5" t="s">
        <v>38</v>
      </c>
      <c r="P16722" s="5" t="s">
        <v>39</v>
      </c>
      <c r="Q16722" s="5" t="s">
        <v>40</v>
      </c>
      <c r="R16722" s="5" t="s">
        <v>1522</v>
      </c>
      <c r="S16722" s="5" t="s">
        <v>1523</v>
      </c>
      <c r="T16722" s="5" t="s">
        <v>42</v>
      </c>
      <c r="U16722" s="2">
        <v>2.6150000000000002</v>
      </c>
      <c r="V16722" s="2">
        <v>2.0640000000000001</v>
      </c>
      <c r="W16722" s="2">
        <v>1.2999999999999999E-2</v>
      </c>
      <c r="X16722" s="2">
        <v>99.1</v>
      </c>
      <c r="Y16722" s="2">
        <v>7.6</v>
      </c>
      <c r="Z16722" s="2">
        <v>16.7</v>
      </c>
      <c r="AA16722" s="5"/>
      <c r="AB16722" s="5" t="s">
        <v>43</v>
      </c>
      <c r="AC16722" s="5" t="s">
        <v>44</v>
      </c>
      <c r="AD16722" s="2"/>
      <c r="AE16722" s="1"/>
    </row>
    <row r="16723" spans="1:31" ht="14.45">
      <c r="A16723" s="11"/>
      <c r="B16723" s="20"/>
      <c r="C16723" s="2" t="s">
        <v>51127</v>
      </c>
      <c r="D16723" s="14" t="s">
        <v>51128</v>
      </c>
      <c r="E16723" s="2" t="s">
        <v>51129</v>
      </c>
      <c r="F16723" s="2" t="s">
        <v>36385</v>
      </c>
      <c r="G16723" s="8">
        <v>297</v>
      </c>
      <c r="H16723" s="5">
        <v>6</v>
      </c>
      <c r="I16723" s="5" t="s">
        <v>1518</v>
      </c>
      <c r="J16723" s="5" t="s">
        <v>36264</v>
      </c>
      <c r="K16723" s="2" t="s">
        <v>36265</v>
      </c>
      <c r="L16723" s="5" t="s">
        <v>36264</v>
      </c>
      <c r="M16723" s="2" t="s">
        <v>36265</v>
      </c>
      <c r="N16723" s="5" t="s">
        <v>36266</v>
      </c>
      <c r="O16723" s="5" t="s">
        <v>38</v>
      </c>
      <c r="P16723" s="5" t="s">
        <v>39</v>
      </c>
      <c r="Q16723" s="5" t="s">
        <v>40</v>
      </c>
      <c r="R16723" s="5" t="s">
        <v>1522</v>
      </c>
      <c r="S16723" s="5" t="s">
        <v>1523</v>
      </c>
      <c r="T16723" s="5" t="s">
        <v>42</v>
      </c>
      <c r="U16723" s="2">
        <v>2.5419999999999998</v>
      </c>
      <c r="V16723" s="2">
        <v>1.9910000000000001</v>
      </c>
      <c r="W16723" s="2">
        <v>1.2999999999999999E-2</v>
      </c>
      <c r="X16723" s="2">
        <v>99.1</v>
      </c>
      <c r="Y16723" s="2">
        <v>7.6</v>
      </c>
      <c r="Z16723" s="2">
        <v>16.7</v>
      </c>
      <c r="AA16723" s="5"/>
      <c r="AB16723" s="5" t="s">
        <v>43</v>
      </c>
      <c r="AC16723" s="5" t="s">
        <v>44</v>
      </c>
      <c r="AD16723" s="2"/>
      <c r="AE16723" s="1"/>
    </row>
    <row r="16724" spans="1:31" ht="14.45">
      <c r="A16724" s="11"/>
      <c r="B16724" s="20"/>
      <c r="C16724" s="2" t="s">
        <v>51130</v>
      </c>
      <c r="D16724" s="14" t="s">
        <v>51131</v>
      </c>
      <c r="E16724" s="2" t="s">
        <v>51132</v>
      </c>
      <c r="F16724" s="2" t="s">
        <v>7204</v>
      </c>
      <c r="G16724" s="8">
        <v>280</v>
      </c>
      <c r="H16724" s="5">
        <v>6</v>
      </c>
      <c r="I16724" s="5" t="s">
        <v>1518</v>
      </c>
      <c r="J16724" s="5" t="s">
        <v>36264</v>
      </c>
      <c r="K16724" s="2" t="s">
        <v>36265</v>
      </c>
      <c r="L16724" s="5" t="s">
        <v>36264</v>
      </c>
      <c r="M16724" s="2" t="s">
        <v>36265</v>
      </c>
      <c r="N16724" s="5" t="s">
        <v>36266</v>
      </c>
      <c r="O16724" s="5" t="s">
        <v>38</v>
      </c>
      <c r="P16724" s="5" t="s">
        <v>39</v>
      </c>
      <c r="Q16724" s="5" t="s">
        <v>40</v>
      </c>
      <c r="R16724" s="5" t="s">
        <v>1522</v>
      </c>
      <c r="S16724" s="5" t="s">
        <v>1523</v>
      </c>
      <c r="T16724" s="5" t="s">
        <v>42</v>
      </c>
      <c r="U16724" s="2">
        <v>2.7040000000000002</v>
      </c>
      <c r="V16724" s="2">
        <v>2.153</v>
      </c>
      <c r="W16724" s="2">
        <v>1.4999999999999999E-2</v>
      </c>
      <c r="X16724" s="2">
        <v>118.9</v>
      </c>
      <c r="Y16724" s="2">
        <v>7.6</v>
      </c>
      <c r="Z16724" s="2">
        <v>16.7</v>
      </c>
      <c r="AA16724" s="5"/>
      <c r="AB16724" s="5" t="s">
        <v>43</v>
      </c>
      <c r="AC16724" s="5" t="s">
        <v>44</v>
      </c>
      <c r="AD16724" s="2"/>
      <c r="AE16724" s="1"/>
    </row>
    <row r="16725" spans="1:31" ht="14.45">
      <c r="A16725" s="11"/>
      <c r="B16725" s="20"/>
      <c r="C16725" s="2" t="s">
        <v>51133</v>
      </c>
      <c r="D16725" s="14" t="s">
        <v>51134</v>
      </c>
      <c r="E16725" s="2" t="s">
        <v>51135</v>
      </c>
      <c r="F16725" s="2" t="s">
        <v>7514</v>
      </c>
      <c r="G16725" s="8">
        <v>280</v>
      </c>
      <c r="H16725" s="5">
        <v>6</v>
      </c>
      <c r="I16725" s="5" t="s">
        <v>1518</v>
      </c>
      <c r="J16725" s="5" t="s">
        <v>36264</v>
      </c>
      <c r="K16725" s="2" t="s">
        <v>36265</v>
      </c>
      <c r="L16725" s="5" t="s">
        <v>36264</v>
      </c>
      <c r="M16725" s="2" t="s">
        <v>36265</v>
      </c>
      <c r="N16725" s="5" t="s">
        <v>36266</v>
      </c>
      <c r="O16725" s="5" t="s">
        <v>38</v>
      </c>
      <c r="P16725" s="5" t="s">
        <v>39</v>
      </c>
      <c r="Q16725" s="5" t="s">
        <v>40</v>
      </c>
      <c r="R16725" s="5" t="s">
        <v>1522</v>
      </c>
      <c r="S16725" s="5" t="s">
        <v>1523</v>
      </c>
      <c r="T16725" s="5" t="s">
        <v>42</v>
      </c>
      <c r="U16725" s="2">
        <v>2.7909999999999999</v>
      </c>
      <c r="V16725" s="2">
        <v>2.2400000000000002</v>
      </c>
      <c r="W16725" s="2">
        <v>1.4999999999999999E-2</v>
      </c>
      <c r="X16725" s="2">
        <v>118.9</v>
      </c>
      <c r="Y16725" s="2">
        <v>7.6</v>
      </c>
      <c r="Z16725" s="2">
        <v>16.7</v>
      </c>
      <c r="AA16725" s="5"/>
      <c r="AB16725" s="5" t="s">
        <v>43</v>
      </c>
      <c r="AC16725" s="5" t="s">
        <v>44</v>
      </c>
      <c r="AD16725" s="2"/>
      <c r="AE16725" s="1"/>
    </row>
    <row r="16726" spans="1:31" ht="14.45">
      <c r="A16726" s="11"/>
      <c r="B16726" s="20"/>
      <c r="C16726" s="2" t="s">
        <v>51136</v>
      </c>
      <c r="D16726" s="14" t="s">
        <v>51137</v>
      </c>
      <c r="E16726" s="2" t="s">
        <v>51138</v>
      </c>
      <c r="F16726" s="2" t="s">
        <v>36277</v>
      </c>
      <c r="G16726" s="8">
        <v>280</v>
      </c>
      <c r="H16726" s="5">
        <v>6</v>
      </c>
      <c r="I16726" s="5" t="s">
        <v>1518</v>
      </c>
      <c r="J16726" s="5" t="s">
        <v>36264</v>
      </c>
      <c r="K16726" s="2" t="s">
        <v>36265</v>
      </c>
      <c r="L16726" s="5" t="s">
        <v>36264</v>
      </c>
      <c r="M16726" s="2" t="s">
        <v>36265</v>
      </c>
      <c r="N16726" s="5" t="s">
        <v>36266</v>
      </c>
      <c r="O16726" s="5" t="s">
        <v>38</v>
      </c>
      <c r="P16726" s="5" t="s">
        <v>39</v>
      </c>
      <c r="Q16726" s="5" t="s">
        <v>40</v>
      </c>
      <c r="R16726" s="5" t="s">
        <v>1522</v>
      </c>
      <c r="S16726" s="5" t="s">
        <v>1523</v>
      </c>
      <c r="T16726" s="5" t="s">
        <v>42</v>
      </c>
      <c r="U16726" s="2">
        <v>2.7909999999999999</v>
      </c>
      <c r="V16726" s="2">
        <v>2.2400000000000002</v>
      </c>
      <c r="W16726" s="2">
        <v>1.4999999999999999E-2</v>
      </c>
      <c r="X16726" s="2">
        <v>118.9</v>
      </c>
      <c r="Y16726" s="2">
        <v>7.6</v>
      </c>
      <c r="Z16726" s="2">
        <v>16.7</v>
      </c>
      <c r="AA16726" s="5"/>
      <c r="AB16726" s="5" t="s">
        <v>43</v>
      </c>
      <c r="AC16726" s="5" t="s">
        <v>44</v>
      </c>
      <c r="AD16726" s="2"/>
      <c r="AE16726" s="1"/>
    </row>
    <row r="16727" spans="1:31" ht="14.45">
      <c r="A16727" s="11"/>
      <c r="B16727" s="20"/>
      <c r="C16727" s="2" t="s">
        <v>51139</v>
      </c>
      <c r="D16727" s="14" t="s">
        <v>51140</v>
      </c>
      <c r="E16727" s="2" t="s">
        <v>51141</v>
      </c>
      <c r="F16727" s="2" t="s">
        <v>36293</v>
      </c>
      <c r="G16727" s="8">
        <v>302</v>
      </c>
      <c r="H16727" s="5">
        <v>6</v>
      </c>
      <c r="I16727" s="5" t="s">
        <v>1518</v>
      </c>
      <c r="J16727" s="5" t="s">
        <v>36264</v>
      </c>
      <c r="K16727" s="2" t="s">
        <v>36265</v>
      </c>
      <c r="L16727" s="5" t="s">
        <v>36264</v>
      </c>
      <c r="M16727" s="2" t="s">
        <v>36265</v>
      </c>
      <c r="N16727" s="5" t="s">
        <v>36266</v>
      </c>
      <c r="O16727" s="5" t="s">
        <v>38</v>
      </c>
      <c r="P16727" s="5" t="s">
        <v>39</v>
      </c>
      <c r="Q16727" s="5" t="s">
        <v>40</v>
      </c>
      <c r="R16727" s="5" t="s">
        <v>1522</v>
      </c>
      <c r="S16727" s="5" t="s">
        <v>1523</v>
      </c>
      <c r="T16727" s="5" t="s">
        <v>42</v>
      </c>
      <c r="U16727" s="2">
        <v>2.7909999999999999</v>
      </c>
      <c r="V16727" s="2">
        <v>2.2400000000000002</v>
      </c>
      <c r="W16727" s="2">
        <v>1.4999999999999999E-2</v>
      </c>
      <c r="X16727" s="2">
        <v>118.9</v>
      </c>
      <c r="Y16727" s="2">
        <v>7.6</v>
      </c>
      <c r="Z16727" s="2">
        <v>16.7</v>
      </c>
      <c r="AA16727" s="5"/>
      <c r="AB16727" s="5" t="s">
        <v>43</v>
      </c>
      <c r="AC16727" s="5" t="s">
        <v>44</v>
      </c>
      <c r="AD16727" s="2"/>
      <c r="AE16727" s="1"/>
    </row>
    <row r="16728" spans="1:31" ht="14.45">
      <c r="A16728" s="11"/>
      <c r="B16728" s="20"/>
      <c r="C16728" s="2" t="s">
        <v>51142</v>
      </c>
      <c r="D16728" s="14" t="s">
        <v>51143</v>
      </c>
      <c r="E16728" s="2" t="s">
        <v>51144</v>
      </c>
      <c r="F16728" s="2" t="s">
        <v>36341</v>
      </c>
      <c r="G16728" s="8">
        <v>302</v>
      </c>
      <c r="H16728" s="5">
        <v>6</v>
      </c>
      <c r="I16728" s="5" t="s">
        <v>1518</v>
      </c>
      <c r="J16728" s="5" t="s">
        <v>36264</v>
      </c>
      <c r="K16728" s="2" t="s">
        <v>36265</v>
      </c>
      <c r="L16728" s="5" t="s">
        <v>36264</v>
      </c>
      <c r="M16728" s="2" t="s">
        <v>36265</v>
      </c>
      <c r="N16728" s="5" t="s">
        <v>36266</v>
      </c>
      <c r="O16728" s="5" t="s">
        <v>38</v>
      </c>
      <c r="P16728" s="5" t="s">
        <v>39</v>
      </c>
      <c r="Q16728" s="5" t="s">
        <v>40</v>
      </c>
      <c r="R16728" s="5" t="s">
        <v>1522</v>
      </c>
      <c r="S16728" s="5" t="s">
        <v>1523</v>
      </c>
      <c r="T16728" s="5" t="s">
        <v>42</v>
      </c>
      <c r="U16728" s="2">
        <v>2.7909999999999999</v>
      </c>
      <c r="V16728" s="2">
        <v>2.2400000000000002</v>
      </c>
      <c r="W16728" s="2">
        <v>1.4999999999999999E-2</v>
      </c>
      <c r="X16728" s="2">
        <v>118.9</v>
      </c>
      <c r="Y16728" s="2">
        <v>7.6</v>
      </c>
      <c r="Z16728" s="2">
        <v>16.7</v>
      </c>
      <c r="AA16728" s="5"/>
      <c r="AB16728" s="5" t="s">
        <v>43</v>
      </c>
      <c r="AC16728" s="5" t="s">
        <v>44</v>
      </c>
      <c r="AD16728" s="2"/>
      <c r="AE16728" s="1"/>
    </row>
    <row r="16729" spans="1:31" ht="14.45">
      <c r="A16729" s="11"/>
      <c r="B16729" s="20"/>
      <c r="C16729" s="2" t="s">
        <v>51145</v>
      </c>
      <c r="D16729" s="14" t="s">
        <v>51146</v>
      </c>
      <c r="E16729" s="2" t="s">
        <v>51147</v>
      </c>
      <c r="F16729" s="2" t="s">
        <v>7204</v>
      </c>
      <c r="G16729" s="8">
        <v>262</v>
      </c>
      <c r="H16729" s="5">
        <v>6</v>
      </c>
      <c r="I16729" s="5" t="s">
        <v>1518</v>
      </c>
      <c r="J16729" s="5" t="s">
        <v>36264</v>
      </c>
      <c r="K16729" s="2" t="s">
        <v>36265</v>
      </c>
      <c r="L16729" s="5" t="s">
        <v>36264</v>
      </c>
      <c r="M16729" s="2" t="s">
        <v>36265</v>
      </c>
      <c r="N16729" s="5" t="s">
        <v>36266</v>
      </c>
      <c r="O16729" s="5" t="s">
        <v>38</v>
      </c>
      <c r="P16729" s="5" t="s">
        <v>39</v>
      </c>
      <c r="Q16729" s="5" t="s">
        <v>40</v>
      </c>
      <c r="R16729" s="5" t="s">
        <v>1522</v>
      </c>
      <c r="S16729" s="5" t="s">
        <v>1523</v>
      </c>
      <c r="T16729" s="5" t="s">
        <v>42</v>
      </c>
      <c r="U16729" s="2">
        <v>2.3370000000000002</v>
      </c>
      <c r="V16729" s="2">
        <v>1.867</v>
      </c>
      <c r="W16729" s="2">
        <v>1.0999999999999999E-2</v>
      </c>
      <c r="X16729" s="2">
        <v>82.9</v>
      </c>
      <c r="Y16729" s="2">
        <v>7.6</v>
      </c>
      <c r="Z16729" s="2">
        <v>16.7</v>
      </c>
      <c r="AA16729" s="5"/>
      <c r="AB16729" s="5" t="s">
        <v>43</v>
      </c>
      <c r="AC16729" s="5" t="s">
        <v>44</v>
      </c>
      <c r="AD16729" s="2"/>
      <c r="AE16729" s="1"/>
    </row>
    <row r="16730" spans="1:31" ht="14.45">
      <c r="A16730" s="11"/>
      <c r="B16730" s="20"/>
      <c r="C16730" s="2" t="s">
        <v>51148</v>
      </c>
      <c r="D16730" s="14" t="s">
        <v>51149</v>
      </c>
      <c r="E16730" s="2" t="s">
        <v>51150</v>
      </c>
      <c r="F16730" s="2" t="s">
        <v>7514</v>
      </c>
      <c r="G16730" s="8">
        <v>262</v>
      </c>
      <c r="H16730" s="5">
        <v>6</v>
      </c>
      <c r="I16730" s="5" t="s">
        <v>1518</v>
      </c>
      <c r="J16730" s="5" t="s">
        <v>36264</v>
      </c>
      <c r="K16730" s="2" t="s">
        <v>36265</v>
      </c>
      <c r="L16730" s="5" t="s">
        <v>36264</v>
      </c>
      <c r="M16730" s="2" t="s">
        <v>36265</v>
      </c>
      <c r="N16730" s="5" t="s">
        <v>36266</v>
      </c>
      <c r="O16730" s="5" t="s">
        <v>38</v>
      </c>
      <c r="P16730" s="5" t="s">
        <v>39</v>
      </c>
      <c r="Q16730" s="5" t="s">
        <v>40</v>
      </c>
      <c r="R16730" s="5" t="s">
        <v>1522</v>
      </c>
      <c r="S16730" s="5" t="s">
        <v>1523</v>
      </c>
      <c r="T16730" s="5" t="s">
        <v>42</v>
      </c>
      <c r="U16730" s="2">
        <v>2.403</v>
      </c>
      <c r="V16730" s="2">
        <v>1.9330000000000001</v>
      </c>
      <c r="W16730" s="2">
        <v>1.0999999999999999E-2</v>
      </c>
      <c r="X16730" s="2">
        <v>82.9</v>
      </c>
      <c r="Y16730" s="2">
        <v>7.6</v>
      </c>
      <c r="Z16730" s="2">
        <v>16.7</v>
      </c>
      <c r="AA16730" s="5"/>
      <c r="AB16730" s="5" t="s">
        <v>43</v>
      </c>
      <c r="AC16730" s="5" t="s">
        <v>44</v>
      </c>
      <c r="AD16730" s="2"/>
      <c r="AE16730" s="1"/>
    </row>
    <row r="16731" spans="1:31" ht="14.45">
      <c r="A16731" s="11"/>
      <c r="B16731" s="20"/>
      <c r="C16731" s="2" t="s">
        <v>51151</v>
      </c>
      <c r="D16731" s="14" t="s">
        <v>51152</v>
      </c>
      <c r="E16731" s="2" t="s">
        <v>51153</v>
      </c>
      <c r="F16731" s="2" t="s">
        <v>36273</v>
      </c>
      <c r="G16731" s="8">
        <v>262</v>
      </c>
      <c r="H16731" s="5">
        <v>6</v>
      </c>
      <c r="I16731" s="5" t="s">
        <v>1518</v>
      </c>
      <c r="J16731" s="5" t="s">
        <v>36264</v>
      </c>
      <c r="K16731" s="2" t="s">
        <v>36265</v>
      </c>
      <c r="L16731" s="5" t="s">
        <v>36264</v>
      </c>
      <c r="M16731" s="2" t="s">
        <v>36265</v>
      </c>
      <c r="N16731" s="5" t="s">
        <v>36266</v>
      </c>
      <c r="O16731" s="5" t="s">
        <v>38</v>
      </c>
      <c r="P16731" s="5" t="s">
        <v>39</v>
      </c>
      <c r="Q16731" s="5" t="s">
        <v>40</v>
      </c>
      <c r="R16731" s="5" t="s">
        <v>1522</v>
      </c>
      <c r="S16731" s="5" t="s">
        <v>1523</v>
      </c>
      <c r="T16731" s="5" t="s">
        <v>42</v>
      </c>
      <c r="U16731" s="2">
        <v>2.3370000000000002</v>
      </c>
      <c r="V16731" s="2">
        <v>1.867</v>
      </c>
      <c r="W16731" s="2">
        <v>1.0999999999999999E-2</v>
      </c>
      <c r="X16731" s="2">
        <v>82.9</v>
      </c>
      <c r="Y16731" s="2">
        <v>7.6</v>
      </c>
      <c r="Z16731" s="2">
        <v>16.7</v>
      </c>
      <c r="AA16731" s="5"/>
      <c r="AB16731" s="5" t="s">
        <v>43</v>
      </c>
      <c r="AC16731" s="5" t="s">
        <v>44</v>
      </c>
      <c r="AD16731" s="2"/>
      <c r="AE16731" s="1"/>
    </row>
    <row r="16732" spans="1:31" ht="14.45">
      <c r="A16732" s="11"/>
      <c r="B16732" s="20"/>
      <c r="C16732" s="2" t="s">
        <v>51154</v>
      </c>
      <c r="D16732" s="14" t="s">
        <v>51155</v>
      </c>
      <c r="E16732" s="2" t="s">
        <v>51156</v>
      </c>
      <c r="F16732" s="2" t="s">
        <v>36277</v>
      </c>
      <c r="G16732" s="8">
        <v>262</v>
      </c>
      <c r="H16732" s="5">
        <v>6</v>
      </c>
      <c r="I16732" s="5" t="s">
        <v>1518</v>
      </c>
      <c r="J16732" s="5" t="s">
        <v>36264</v>
      </c>
      <c r="K16732" s="2" t="s">
        <v>36265</v>
      </c>
      <c r="L16732" s="5" t="s">
        <v>36264</v>
      </c>
      <c r="M16732" s="2" t="s">
        <v>36265</v>
      </c>
      <c r="N16732" s="5" t="s">
        <v>36266</v>
      </c>
      <c r="O16732" s="5" t="s">
        <v>38</v>
      </c>
      <c r="P16732" s="5" t="s">
        <v>39</v>
      </c>
      <c r="Q16732" s="5" t="s">
        <v>40</v>
      </c>
      <c r="R16732" s="5" t="s">
        <v>1522</v>
      </c>
      <c r="S16732" s="5" t="s">
        <v>1523</v>
      </c>
      <c r="T16732" s="5" t="s">
        <v>42</v>
      </c>
      <c r="U16732" s="2">
        <v>2.403</v>
      </c>
      <c r="V16732" s="2">
        <v>1.9330000000000001</v>
      </c>
      <c r="W16732" s="2">
        <v>1.0999999999999999E-2</v>
      </c>
      <c r="X16732" s="2">
        <v>82.9</v>
      </c>
      <c r="Y16732" s="2">
        <v>7.6</v>
      </c>
      <c r="Z16732" s="2">
        <v>16.7</v>
      </c>
      <c r="AA16732" s="5"/>
      <c r="AB16732" s="5" t="s">
        <v>43</v>
      </c>
      <c r="AC16732" s="5" t="s">
        <v>44</v>
      </c>
      <c r="AD16732" s="2"/>
      <c r="AE16732" s="1"/>
    </row>
    <row r="16733" spans="1:31" ht="14.45">
      <c r="A16733" s="11"/>
      <c r="B16733" s="20"/>
      <c r="C16733" s="2" t="s">
        <v>51157</v>
      </c>
      <c r="D16733" s="14" t="s">
        <v>51158</v>
      </c>
      <c r="E16733" s="2" t="s">
        <v>51159</v>
      </c>
      <c r="F16733" s="2" t="s">
        <v>36289</v>
      </c>
      <c r="G16733" s="8">
        <v>282</v>
      </c>
      <c r="H16733" s="5">
        <v>6</v>
      </c>
      <c r="I16733" s="5" t="s">
        <v>1518</v>
      </c>
      <c r="J16733" s="5" t="s">
        <v>36264</v>
      </c>
      <c r="K16733" s="2" t="s">
        <v>36265</v>
      </c>
      <c r="L16733" s="5" t="s">
        <v>36264</v>
      </c>
      <c r="M16733" s="2" t="s">
        <v>36265</v>
      </c>
      <c r="N16733" s="5" t="s">
        <v>36266</v>
      </c>
      <c r="O16733" s="5" t="s">
        <v>38</v>
      </c>
      <c r="P16733" s="5" t="s">
        <v>39</v>
      </c>
      <c r="Q16733" s="5" t="s">
        <v>40</v>
      </c>
      <c r="R16733" s="5" t="s">
        <v>1522</v>
      </c>
      <c r="S16733" s="5" t="s">
        <v>1523</v>
      </c>
      <c r="T16733" s="5" t="s">
        <v>42</v>
      </c>
      <c r="U16733" s="2">
        <v>2.3370000000000002</v>
      </c>
      <c r="V16733" s="2">
        <v>1.867</v>
      </c>
      <c r="W16733" s="2">
        <v>1.0999999999999999E-2</v>
      </c>
      <c r="X16733" s="2">
        <v>82.9</v>
      </c>
      <c r="Y16733" s="2">
        <v>7.6</v>
      </c>
      <c r="Z16733" s="2">
        <v>16.7</v>
      </c>
      <c r="AA16733" s="5"/>
      <c r="AB16733" s="5" t="s">
        <v>43</v>
      </c>
      <c r="AC16733" s="5" t="s">
        <v>44</v>
      </c>
      <c r="AD16733" s="2"/>
      <c r="AE16733" s="1"/>
    </row>
    <row r="16734" spans="1:31" ht="14.45">
      <c r="A16734" s="11"/>
      <c r="B16734" s="20"/>
      <c r="C16734" s="2" t="s">
        <v>51160</v>
      </c>
      <c r="D16734" s="14" t="s">
        <v>51161</v>
      </c>
      <c r="E16734" s="2" t="s">
        <v>51162</v>
      </c>
      <c r="F16734" s="2" t="s">
        <v>36293</v>
      </c>
      <c r="G16734" s="8">
        <v>282</v>
      </c>
      <c r="H16734" s="5">
        <v>6</v>
      </c>
      <c r="I16734" s="5" t="s">
        <v>1518</v>
      </c>
      <c r="J16734" s="5" t="s">
        <v>36264</v>
      </c>
      <c r="K16734" s="2" t="s">
        <v>36265</v>
      </c>
      <c r="L16734" s="5" t="s">
        <v>36264</v>
      </c>
      <c r="M16734" s="2" t="s">
        <v>36265</v>
      </c>
      <c r="N16734" s="5" t="s">
        <v>36266</v>
      </c>
      <c r="O16734" s="5" t="s">
        <v>38</v>
      </c>
      <c r="P16734" s="5" t="s">
        <v>39</v>
      </c>
      <c r="Q16734" s="5" t="s">
        <v>40</v>
      </c>
      <c r="R16734" s="5" t="s">
        <v>1522</v>
      </c>
      <c r="S16734" s="5" t="s">
        <v>1523</v>
      </c>
      <c r="T16734" s="5" t="s">
        <v>42</v>
      </c>
      <c r="U16734" s="2">
        <v>2.403</v>
      </c>
      <c r="V16734" s="2">
        <v>1.9330000000000001</v>
      </c>
      <c r="W16734" s="2">
        <v>1.0999999999999999E-2</v>
      </c>
      <c r="X16734" s="2">
        <v>82.9</v>
      </c>
      <c r="Y16734" s="2">
        <v>7.6</v>
      </c>
      <c r="Z16734" s="2">
        <v>16.7</v>
      </c>
      <c r="AA16734" s="5"/>
      <c r="AB16734" s="5" t="s">
        <v>43</v>
      </c>
      <c r="AC16734" s="5" t="s">
        <v>44</v>
      </c>
      <c r="AD16734" s="2"/>
      <c r="AE16734" s="1"/>
    </row>
    <row r="16735" spans="1:31" ht="14.45">
      <c r="A16735" s="11"/>
      <c r="B16735" s="20"/>
      <c r="C16735" s="2" t="s">
        <v>51163</v>
      </c>
      <c r="D16735" s="14" t="s">
        <v>51164</v>
      </c>
      <c r="E16735" s="2" t="s">
        <v>51165</v>
      </c>
      <c r="F16735" s="2" t="s">
        <v>36297</v>
      </c>
      <c r="G16735" s="8">
        <v>262</v>
      </c>
      <c r="H16735" s="5">
        <v>6</v>
      </c>
      <c r="I16735" s="5" t="s">
        <v>1518</v>
      </c>
      <c r="J16735" s="5" t="s">
        <v>36264</v>
      </c>
      <c r="K16735" s="2" t="s">
        <v>36265</v>
      </c>
      <c r="L16735" s="5" t="s">
        <v>36264</v>
      </c>
      <c r="M16735" s="2" t="s">
        <v>36265</v>
      </c>
      <c r="N16735" s="5" t="s">
        <v>36266</v>
      </c>
      <c r="O16735" s="5" t="s">
        <v>38</v>
      </c>
      <c r="P16735" s="5" t="s">
        <v>39</v>
      </c>
      <c r="Q16735" s="5" t="s">
        <v>40</v>
      </c>
      <c r="R16735" s="5" t="s">
        <v>1522</v>
      </c>
      <c r="S16735" s="5" t="s">
        <v>1523</v>
      </c>
      <c r="T16735" s="5" t="s">
        <v>42</v>
      </c>
      <c r="U16735" s="2">
        <v>2.3370000000000002</v>
      </c>
      <c r="V16735" s="2">
        <v>1.867</v>
      </c>
      <c r="W16735" s="2">
        <v>1.0999999999999999E-2</v>
      </c>
      <c r="X16735" s="2">
        <v>82.9</v>
      </c>
      <c r="Y16735" s="2">
        <v>7.6</v>
      </c>
      <c r="Z16735" s="2">
        <v>16.7</v>
      </c>
      <c r="AA16735" s="5"/>
      <c r="AB16735" s="5" t="s">
        <v>43</v>
      </c>
      <c r="AC16735" s="5" t="s">
        <v>44</v>
      </c>
      <c r="AD16735" s="2"/>
      <c r="AE16735" s="1"/>
    </row>
    <row r="16736" spans="1:31" ht="14.45">
      <c r="A16736" s="11"/>
      <c r="B16736" s="20"/>
      <c r="C16736" s="2" t="s">
        <v>51166</v>
      </c>
      <c r="D16736" s="14" t="s">
        <v>51167</v>
      </c>
      <c r="E16736" s="2" t="s">
        <v>51168</v>
      </c>
      <c r="F16736" s="2" t="s">
        <v>36301</v>
      </c>
      <c r="G16736" s="8">
        <v>262</v>
      </c>
      <c r="H16736" s="5">
        <v>6</v>
      </c>
      <c r="I16736" s="5" t="s">
        <v>1518</v>
      </c>
      <c r="J16736" s="5" t="s">
        <v>36264</v>
      </c>
      <c r="K16736" s="2" t="s">
        <v>36265</v>
      </c>
      <c r="L16736" s="5" t="s">
        <v>36264</v>
      </c>
      <c r="M16736" s="2" t="s">
        <v>36265</v>
      </c>
      <c r="N16736" s="5" t="s">
        <v>36266</v>
      </c>
      <c r="O16736" s="5" t="s">
        <v>38</v>
      </c>
      <c r="P16736" s="5" t="s">
        <v>39</v>
      </c>
      <c r="Q16736" s="5" t="s">
        <v>40</v>
      </c>
      <c r="R16736" s="5" t="s">
        <v>1522</v>
      </c>
      <c r="S16736" s="5" t="s">
        <v>1523</v>
      </c>
      <c r="T16736" s="5" t="s">
        <v>42</v>
      </c>
      <c r="U16736" s="2">
        <v>2.403</v>
      </c>
      <c r="V16736" s="2">
        <v>1.9330000000000001</v>
      </c>
      <c r="W16736" s="2">
        <v>1.0999999999999999E-2</v>
      </c>
      <c r="X16736" s="2">
        <v>82.9</v>
      </c>
      <c r="Y16736" s="2">
        <v>7.6</v>
      </c>
      <c r="Z16736" s="2">
        <v>16.7</v>
      </c>
      <c r="AA16736" s="5"/>
      <c r="AB16736" s="5" t="s">
        <v>43</v>
      </c>
      <c r="AC16736" s="5" t="s">
        <v>44</v>
      </c>
      <c r="AD16736" s="2"/>
      <c r="AE16736" s="1"/>
    </row>
    <row r="16737" spans="1:31" ht="14.45">
      <c r="A16737" s="11"/>
      <c r="B16737" s="20"/>
      <c r="C16737" s="2" t="s">
        <v>51169</v>
      </c>
      <c r="D16737" s="14" t="s">
        <v>51170</v>
      </c>
      <c r="E16737" s="2" t="s">
        <v>51171</v>
      </c>
      <c r="F16737" s="2" t="s">
        <v>36305</v>
      </c>
      <c r="G16737" s="8">
        <v>262</v>
      </c>
      <c r="H16737" s="5">
        <v>6</v>
      </c>
      <c r="I16737" s="5" t="s">
        <v>1518</v>
      </c>
      <c r="J16737" s="5" t="s">
        <v>36264</v>
      </c>
      <c r="K16737" s="2" t="s">
        <v>36265</v>
      </c>
      <c r="L16737" s="5" t="s">
        <v>36264</v>
      </c>
      <c r="M16737" s="2" t="s">
        <v>36265</v>
      </c>
      <c r="N16737" s="5" t="s">
        <v>36266</v>
      </c>
      <c r="O16737" s="5" t="s">
        <v>38</v>
      </c>
      <c r="P16737" s="5" t="s">
        <v>39</v>
      </c>
      <c r="Q16737" s="5" t="s">
        <v>40</v>
      </c>
      <c r="R16737" s="5" t="s">
        <v>1522</v>
      </c>
      <c r="S16737" s="5" t="s">
        <v>1523</v>
      </c>
      <c r="T16737" s="5" t="s">
        <v>42</v>
      </c>
      <c r="U16737" s="2">
        <v>2.3370000000000002</v>
      </c>
      <c r="V16737" s="2">
        <v>1.867</v>
      </c>
      <c r="W16737" s="2">
        <v>1.0999999999999999E-2</v>
      </c>
      <c r="X16737" s="2">
        <v>82.9</v>
      </c>
      <c r="Y16737" s="2">
        <v>7.6</v>
      </c>
      <c r="Z16737" s="2">
        <v>16.7</v>
      </c>
      <c r="AA16737" s="5"/>
      <c r="AB16737" s="5" t="s">
        <v>43</v>
      </c>
      <c r="AC16737" s="5" t="s">
        <v>44</v>
      </c>
      <c r="AD16737" s="2"/>
      <c r="AE16737" s="1"/>
    </row>
    <row r="16738" spans="1:31" ht="14.45">
      <c r="A16738" s="11"/>
      <c r="B16738" s="20"/>
      <c r="C16738" s="2" t="s">
        <v>51172</v>
      </c>
      <c r="D16738" s="14" t="s">
        <v>51173</v>
      </c>
      <c r="E16738" s="2" t="s">
        <v>51174</v>
      </c>
      <c r="F16738" s="2" t="s">
        <v>36309</v>
      </c>
      <c r="G16738" s="8">
        <v>262</v>
      </c>
      <c r="H16738" s="5">
        <v>6</v>
      </c>
      <c r="I16738" s="5" t="s">
        <v>1518</v>
      </c>
      <c r="J16738" s="5" t="s">
        <v>36264</v>
      </c>
      <c r="K16738" s="2" t="s">
        <v>36265</v>
      </c>
      <c r="L16738" s="5" t="s">
        <v>36264</v>
      </c>
      <c r="M16738" s="2" t="s">
        <v>36265</v>
      </c>
      <c r="N16738" s="5" t="s">
        <v>36266</v>
      </c>
      <c r="O16738" s="5" t="s">
        <v>38</v>
      </c>
      <c r="P16738" s="5" t="s">
        <v>39</v>
      </c>
      <c r="Q16738" s="5" t="s">
        <v>40</v>
      </c>
      <c r="R16738" s="5" t="s">
        <v>1522</v>
      </c>
      <c r="S16738" s="5" t="s">
        <v>1523</v>
      </c>
      <c r="T16738" s="5" t="s">
        <v>42</v>
      </c>
      <c r="U16738" s="2">
        <v>2.403</v>
      </c>
      <c r="V16738" s="2">
        <v>1.9330000000000001</v>
      </c>
      <c r="W16738" s="2">
        <v>1.0999999999999999E-2</v>
      </c>
      <c r="X16738" s="2">
        <v>82.9</v>
      </c>
      <c r="Y16738" s="2">
        <v>7.6</v>
      </c>
      <c r="Z16738" s="2">
        <v>16.7</v>
      </c>
      <c r="AA16738" s="5"/>
      <c r="AB16738" s="5" t="s">
        <v>43</v>
      </c>
      <c r="AC16738" s="5" t="s">
        <v>44</v>
      </c>
      <c r="AD16738" s="2"/>
      <c r="AE16738" s="1"/>
    </row>
    <row r="16739" spans="1:31" ht="14.45">
      <c r="A16739" s="11"/>
      <c r="B16739" s="20"/>
      <c r="C16739" s="2" t="s">
        <v>51175</v>
      </c>
      <c r="D16739" s="14" t="s">
        <v>51176</v>
      </c>
      <c r="E16739" s="2" t="s">
        <v>51177</v>
      </c>
      <c r="F16739" s="2" t="s">
        <v>36317</v>
      </c>
      <c r="G16739" s="8">
        <v>282</v>
      </c>
      <c r="H16739" s="5">
        <v>6</v>
      </c>
      <c r="I16739" s="5" t="s">
        <v>1518</v>
      </c>
      <c r="J16739" s="5" t="s">
        <v>36264</v>
      </c>
      <c r="K16739" s="2" t="s">
        <v>36265</v>
      </c>
      <c r="L16739" s="5" t="s">
        <v>36264</v>
      </c>
      <c r="M16739" s="2" t="s">
        <v>36265</v>
      </c>
      <c r="N16739" s="5" t="s">
        <v>36266</v>
      </c>
      <c r="O16739" s="5" t="s">
        <v>38</v>
      </c>
      <c r="P16739" s="5" t="s">
        <v>39</v>
      </c>
      <c r="Q16739" s="5" t="s">
        <v>40</v>
      </c>
      <c r="R16739" s="5" t="s">
        <v>1522</v>
      </c>
      <c r="S16739" s="5" t="s">
        <v>1523</v>
      </c>
      <c r="T16739" s="5" t="s">
        <v>42</v>
      </c>
      <c r="U16739" s="2">
        <v>2.403</v>
      </c>
      <c r="V16739" s="2">
        <v>1.9330000000000001</v>
      </c>
      <c r="W16739" s="2">
        <v>1.0999999999999999E-2</v>
      </c>
      <c r="X16739" s="2">
        <v>82.9</v>
      </c>
      <c r="Y16739" s="2">
        <v>7.6</v>
      </c>
      <c r="Z16739" s="2">
        <v>16.7</v>
      </c>
      <c r="AA16739" s="5"/>
      <c r="AB16739" s="5" t="s">
        <v>43</v>
      </c>
      <c r="AC16739" s="5" t="s">
        <v>44</v>
      </c>
      <c r="AD16739" s="2"/>
      <c r="AE16739" s="1"/>
    </row>
    <row r="16740" spans="1:31" ht="14.45">
      <c r="A16740" s="11"/>
      <c r="B16740" s="20"/>
      <c r="C16740" s="2" t="s">
        <v>51178</v>
      </c>
      <c r="D16740" s="14" t="s">
        <v>51179</v>
      </c>
      <c r="E16740" s="2" t="s">
        <v>51180</v>
      </c>
      <c r="F16740" s="2" t="s">
        <v>36325</v>
      </c>
      <c r="G16740" s="8">
        <v>282</v>
      </c>
      <c r="H16740" s="5">
        <v>6</v>
      </c>
      <c r="I16740" s="5" t="s">
        <v>1518</v>
      </c>
      <c r="J16740" s="5" t="s">
        <v>36264</v>
      </c>
      <c r="K16740" s="2" t="s">
        <v>36265</v>
      </c>
      <c r="L16740" s="5" t="s">
        <v>36264</v>
      </c>
      <c r="M16740" s="2" t="s">
        <v>36265</v>
      </c>
      <c r="N16740" s="5" t="s">
        <v>36266</v>
      </c>
      <c r="O16740" s="5" t="s">
        <v>38</v>
      </c>
      <c r="P16740" s="5" t="s">
        <v>39</v>
      </c>
      <c r="Q16740" s="5" t="s">
        <v>40</v>
      </c>
      <c r="R16740" s="5" t="s">
        <v>1522</v>
      </c>
      <c r="S16740" s="5" t="s">
        <v>1523</v>
      </c>
      <c r="T16740" s="5" t="s">
        <v>42</v>
      </c>
      <c r="U16740" s="2">
        <v>2.403</v>
      </c>
      <c r="V16740" s="2">
        <v>1.9330000000000001</v>
      </c>
      <c r="W16740" s="2">
        <v>1.0999999999999999E-2</v>
      </c>
      <c r="X16740" s="2">
        <v>82.9</v>
      </c>
      <c r="Y16740" s="2">
        <v>7.6</v>
      </c>
      <c r="Z16740" s="2">
        <v>16.7</v>
      </c>
      <c r="AA16740" s="5"/>
      <c r="AB16740" s="5" t="s">
        <v>43</v>
      </c>
      <c r="AC16740" s="5" t="s">
        <v>44</v>
      </c>
      <c r="AD16740" s="2"/>
      <c r="AE16740" s="1"/>
    </row>
    <row r="16741" spans="1:31" ht="14.45">
      <c r="A16741" s="11"/>
      <c r="B16741" s="20"/>
      <c r="C16741" s="2" t="s">
        <v>51181</v>
      </c>
      <c r="D16741" s="14" t="s">
        <v>51182</v>
      </c>
      <c r="E16741" s="2" t="s">
        <v>51183</v>
      </c>
      <c r="F16741" s="2" t="s">
        <v>36329</v>
      </c>
      <c r="G16741" s="8">
        <v>282</v>
      </c>
      <c r="H16741" s="5">
        <v>6</v>
      </c>
      <c r="I16741" s="5" t="s">
        <v>1518</v>
      </c>
      <c r="J16741" s="5" t="s">
        <v>36264</v>
      </c>
      <c r="K16741" s="2" t="s">
        <v>36265</v>
      </c>
      <c r="L16741" s="5" t="s">
        <v>36264</v>
      </c>
      <c r="M16741" s="2" t="s">
        <v>36265</v>
      </c>
      <c r="N16741" s="5" t="s">
        <v>36266</v>
      </c>
      <c r="O16741" s="5" t="s">
        <v>38</v>
      </c>
      <c r="P16741" s="5" t="s">
        <v>39</v>
      </c>
      <c r="Q16741" s="5" t="s">
        <v>40</v>
      </c>
      <c r="R16741" s="5" t="s">
        <v>1522</v>
      </c>
      <c r="S16741" s="5" t="s">
        <v>1523</v>
      </c>
      <c r="T16741" s="5" t="s">
        <v>42</v>
      </c>
      <c r="U16741" s="2">
        <v>2.3370000000000002</v>
      </c>
      <c r="V16741" s="2">
        <v>1.867</v>
      </c>
      <c r="W16741" s="2">
        <v>1.0999999999999999E-2</v>
      </c>
      <c r="X16741" s="2">
        <v>82.9</v>
      </c>
      <c r="Y16741" s="2">
        <v>7.6</v>
      </c>
      <c r="Z16741" s="2">
        <v>16.7</v>
      </c>
      <c r="AA16741" s="5"/>
      <c r="AB16741" s="5" t="s">
        <v>43</v>
      </c>
      <c r="AC16741" s="5" t="s">
        <v>44</v>
      </c>
      <c r="AD16741" s="2"/>
      <c r="AE16741" s="1"/>
    </row>
    <row r="16742" spans="1:31" ht="14.45">
      <c r="A16742" s="11"/>
      <c r="B16742" s="20"/>
      <c r="C16742" s="2" t="s">
        <v>51184</v>
      </c>
      <c r="D16742" s="14" t="s">
        <v>51185</v>
      </c>
      <c r="E16742" s="2" t="s">
        <v>51186</v>
      </c>
      <c r="F16742" s="2" t="s">
        <v>36333</v>
      </c>
      <c r="G16742" s="8">
        <v>282</v>
      </c>
      <c r="H16742" s="5">
        <v>6</v>
      </c>
      <c r="I16742" s="5" t="s">
        <v>1518</v>
      </c>
      <c r="J16742" s="5" t="s">
        <v>36264</v>
      </c>
      <c r="K16742" s="2" t="s">
        <v>36265</v>
      </c>
      <c r="L16742" s="5" t="s">
        <v>36264</v>
      </c>
      <c r="M16742" s="2" t="s">
        <v>36265</v>
      </c>
      <c r="N16742" s="5" t="s">
        <v>36266</v>
      </c>
      <c r="O16742" s="5" t="s">
        <v>38</v>
      </c>
      <c r="P16742" s="5" t="s">
        <v>39</v>
      </c>
      <c r="Q16742" s="5" t="s">
        <v>40</v>
      </c>
      <c r="R16742" s="5" t="s">
        <v>1522</v>
      </c>
      <c r="S16742" s="5" t="s">
        <v>1523</v>
      </c>
      <c r="T16742" s="5" t="s">
        <v>42</v>
      </c>
      <c r="U16742" s="2">
        <v>2.403</v>
      </c>
      <c r="V16742" s="2">
        <v>1.9330000000000001</v>
      </c>
      <c r="W16742" s="2">
        <v>1.0999999999999999E-2</v>
      </c>
      <c r="X16742" s="2">
        <v>82.9</v>
      </c>
      <c r="Y16742" s="2">
        <v>7.6</v>
      </c>
      <c r="Z16742" s="2">
        <v>16.7</v>
      </c>
      <c r="AA16742" s="5"/>
      <c r="AB16742" s="5" t="s">
        <v>43</v>
      </c>
      <c r="AC16742" s="5" t="s">
        <v>44</v>
      </c>
      <c r="AD16742" s="2"/>
      <c r="AE16742" s="1"/>
    </row>
    <row r="16743" spans="1:31" ht="14.45">
      <c r="A16743" s="11"/>
      <c r="B16743" s="20"/>
      <c r="C16743" s="2" t="s">
        <v>51187</v>
      </c>
      <c r="D16743" s="14" t="s">
        <v>51188</v>
      </c>
      <c r="E16743" s="2" t="s">
        <v>51189</v>
      </c>
      <c r="F16743" s="2" t="s">
        <v>36341</v>
      </c>
      <c r="G16743" s="8">
        <v>282</v>
      </c>
      <c r="H16743" s="5">
        <v>6</v>
      </c>
      <c r="I16743" s="5" t="s">
        <v>1518</v>
      </c>
      <c r="J16743" s="5" t="s">
        <v>36264</v>
      </c>
      <c r="K16743" s="2" t="s">
        <v>36265</v>
      </c>
      <c r="L16743" s="5" t="s">
        <v>36264</v>
      </c>
      <c r="M16743" s="2" t="s">
        <v>36265</v>
      </c>
      <c r="N16743" s="5" t="s">
        <v>36266</v>
      </c>
      <c r="O16743" s="5" t="s">
        <v>38</v>
      </c>
      <c r="P16743" s="5" t="s">
        <v>39</v>
      </c>
      <c r="Q16743" s="5" t="s">
        <v>40</v>
      </c>
      <c r="R16743" s="5" t="s">
        <v>1522</v>
      </c>
      <c r="S16743" s="5" t="s">
        <v>1523</v>
      </c>
      <c r="T16743" s="5" t="s">
        <v>42</v>
      </c>
      <c r="U16743" s="2">
        <v>2.403</v>
      </c>
      <c r="V16743" s="2">
        <v>1.9330000000000001</v>
      </c>
      <c r="W16743" s="2">
        <v>1.0999999999999999E-2</v>
      </c>
      <c r="X16743" s="2">
        <v>82.9</v>
      </c>
      <c r="Y16743" s="2">
        <v>7.6</v>
      </c>
      <c r="Z16743" s="2">
        <v>16.7</v>
      </c>
      <c r="AA16743" s="5"/>
      <c r="AB16743" s="5" t="s">
        <v>43</v>
      </c>
      <c r="AC16743" s="5" t="s">
        <v>44</v>
      </c>
      <c r="AD16743" s="2"/>
      <c r="AE16743" s="1"/>
    </row>
    <row r="16744" spans="1:31" ht="14.45">
      <c r="A16744" s="11"/>
      <c r="B16744" s="20"/>
      <c r="C16744" s="2" t="s">
        <v>51190</v>
      </c>
      <c r="D16744" s="14" t="s">
        <v>51191</v>
      </c>
      <c r="E16744" s="2" t="s">
        <v>51192</v>
      </c>
      <c r="F16744" s="2" t="s">
        <v>36353</v>
      </c>
      <c r="G16744" s="8">
        <v>282</v>
      </c>
      <c r="H16744" s="5">
        <v>6</v>
      </c>
      <c r="I16744" s="5" t="s">
        <v>1518</v>
      </c>
      <c r="J16744" s="5" t="s">
        <v>36264</v>
      </c>
      <c r="K16744" s="2" t="s">
        <v>36265</v>
      </c>
      <c r="L16744" s="5" t="s">
        <v>36264</v>
      </c>
      <c r="M16744" s="2" t="s">
        <v>36265</v>
      </c>
      <c r="N16744" s="5" t="s">
        <v>36266</v>
      </c>
      <c r="O16744" s="5" t="s">
        <v>38</v>
      </c>
      <c r="P16744" s="5" t="s">
        <v>39</v>
      </c>
      <c r="Q16744" s="5" t="s">
        <v>40</v>
      </c>
      <c r="R16744" s="5" t="s">
        <v>1522</v>
      </c>
      <c r="S16744" s="5" t="s">
        <v>1523</v>
      </c>
      <c r="T16744" s="5" t="s">
        <v>42</v>
      </c>
      <c r="U16744" s="2">
        <v>2.3370000000000002</v>
      </c>
      <c r="V16744" s="2">
        <v>1.867</v>
      </c>
      <c r="W16744" s="2">
        <v>1.0999999999999999E-2</v>
      </c>
      <c r="X16744" s="2">
        <v>82.9</v>
      </c>
      <c r="Y16744" s="2">
        <v>7.6</v>
      </c>
      <c r="Z16744" s="2">
        <v>16.7</v>
      </c>
      <c r="AA16744" s="5"/>
      <c r="AB16744" s="5" t="s">
        <v>43</v>
      </c>
      <c r="AC16744" s="5" t="s">
        <v>44</v>
      </c>
      <c r="AD16744" s="2"/>
      <c r="AE16744" s="1"/>
    </row>
    <row r="16745" spans="1:31" ht="14.45">
      <c r="A16745" s="11"/>
      <c r="B16745" s="20"/>
      <c r="C16745" s="2" t="s">
        <v>51193</v>
      </c>
      <c r="D16745" s="14" t="s">
        <v>51194</v>
      </c>
      <c r="E16745" s="2" t="s">
        <v>51195</v>
      </c>
      <c r="F16745" s="2" t="s">
        <v>45534</v>
      </c>
      <c r="G16745" s="8">
        <v>282</v>
      </c>
      <c r="H16745" s="5">
        <v>6</v>
      </c>
      <c r="I16745" s="5" t="s">
        <v>1518</v>
      </c>
      <c r="J16745" s="5" t="s">
        <v>36264</v>
      </c>
      <c r="K16745" s="2" t="s">
        <v>36265</v>
      </c>
      <c r="L16745" s="5" t="s">
        <v>36264</v>
      </c>
      <c r="M16745" s="2" t="s">
        <v>36265</v>
      </c>
      <c r="N16745" s="5" t="s">
        <v>36266</v>
      </c>
      <c r="O16745" s="5" t="s">
        <v>38</v>
      </c>
      <c r="P16745" s="5" t="s">
        <v>39</v>
      </c>
      <c r="Q16745" s="5" t="s">
        <v>40</v>
      </c>
      <c r="R16745" s="5" t="s">
        <v>1522</v>
      </c>
      <c r="S16745" s="5" t="s">
        <v>1523</v>
      </c>
      <c r="T16745" s="5" t="s">
        <v>42</v>
      </c>
      <c r="U16745" s="2">
        <v>2.403</v>
      </c>
      <c r="V16745" s="2">
        <v>1.9330000000000001</v>
      </c>
      <c r="W16745" s="2">
        <v>1.0999999999999999E-2</v>
      </c>
      <c r="X16745" s="2">
        <v>82.9</v>
      </c>
      <c r="Y16745" s="2">
        <v>7.6</v>
      </c>
      <c r="Z16745" s="2">
        <v>16.7</v>
      </c>
      <c r="AA16745" s="5"/>
      <c r="AB16745" s="5" t="s">
        <v>43</v>
      </c>
      <c r="AC16745" s="5" t="s">
        <v>44</v>
      </c>
      <c r="AD16745" s="2"/>
      <c r="AE16745" s="1"/>
    </row>
    <row r="16746" spans="1:31" ht="14.45">
      <c r="A16746" s="11"/>
      <c r="B16746" s="20"/>
      <c r="C16746" s="2" t="s">
        <v>51196</v>
      </c>
      <c r="D16746" s="14" t="s">
        <v>51197</v>
      </c>
      <c r="E16746" s="2" t="s">
        <v>51198</v>
      </c>
      <c r="F16746" s="2" t="s">
        <v>36373</v>
      </c>
      <c r="G16746" s="8">
        <v>282</v>
      </c>
      <c r="H16746" s="5">
        <v>6</v>
      </c>
      <c r="I16746" s="5" t="s">
        <v>1518</v>
      </c>
      <c r="J16746" s="5" t="s">
        <v>36264</v>
      </c>
      <c r="K16746" s="2" t="s">
        <v>36265</v>
      </c>
      <c r="L16746" s="5" t="s">
        <v>36264</v>
      </c>
      <c r="M16746" s="2" t="s">
        <v>36265</v>
      </c>
      <c r="N16746" s="5" t="s">
        <v>36266</v>
      </c>
      <c r="O16746" s="5" t="s">
        <v>38</v>
      </c>
      <c r="P16746" s="5" t="s">
        <v>39</v>
      </c>
      <c r="Q16746" s="5" t="s">
        <v>40</v>
      </c>
      <c r="R16746" s="5" t="s">
        <v>1522</v>
      </c>
      <c r="S16746" s="5" t="s">
        <v>1523</v>
      </c>
      <c r="T16746" s="5" t="s">
        <v>42</v>
      </c>
      <c r="U16746" s="2">
        <v>2.403</v>
      </c>
      <c r="V16746" s="2">
        <v>1.9330000000000001</v>
      </c>
      <c r="W16746" s="2">
        <v>1.0999999999999999E-2</v>
      </c>
      <c r="X16746" s="2">
        <v>82.9</v>
      </c>
      <c r="Y16746" s="2">
        <v>7.6</v>
      </c>
      <c r="Z16746" s="2">
        <v>16.7</v>
      </c>
      <c r="AA16746" s="5"/>
      <c r="AB16746" s="5" t="s">
        <v>43</v>
      </c>
      <c r="AC16746" s="5" t="s">
        <v>44</v>
      </c>
      <c r="AD16746" s="2"/>
      <c r="AE16746" s="1"/>
    </row>
    <row r="16747" spans="1:31" ht="14.45">
      <c r="A16747" s="11"/>
      <c r="B16747" s="20"/>
      <c r="C16747" s="2" t="s">
        <v>51199</v>
      </c>
      <c r="D16747" s="14" t="s">
        <v>51200</v>
      </c>
      <c r="E16747" s="2" t="s">
        <v>51201</v>
      </c>
      <c r="F16747" s="2" t="s">
        <v>36377</v>
      </c>
      <c r="G16747" s="8">
        <v>282</v>
      </c>
      <c r="H16747" s="5">
        <v>6</v>
      </c>
      <c r="I16747" s="5" t="s">
        <v>1518</v>
      </c>
      <c r="J16747" s="5" t="s">
        <v>36264</v>
      </c>
      <c r="K16747" s="2" t="s">
        <v>36265</v>
      </c>
      <c r="L16747" s="5" t="s">
        <v>36264</v>
      </c>
      <c r="M16747" s="2" t="s">
        <v>36265</v>
      </c>
      <c r="N16747" s="5" t="s">
        <v>36266</v>
      </c>
      <c r="O16747" s="5" t="s">
        <v>38</v>
      </c>
      <c r="P16747" s="5" t="s">
        <v>39</v>
      </c>
      <c r="Q16747" s="5" t="s">
        <v>40</v>
      </c>
      <c r="R16747" s="5" t="s">
        <v>1522</v>
      </c>
      <c r="S16747" s="5" t="s">
        <v>1523</v>
      </c>
      <c r="T16747" s="5" t="s">
        <v>42</v>
      </c>
      <c r="U16747" s="2">
        <v>2.3370000000000002</v>
      </c>
      <c r="V16747" s="2">
        <v>1.867</v>
      </c>
      <c r="W16747" s="2">
        <v>1.0999999999999999E-2</v>
      </c>
      <c r="X16747" s="2">
        <v>82.9</v>
      </c>
      <c r="Y16747" s="2">
        <v>7.6</v>
      </c>
      <c r="Z16747" s="2">
        <v>16.7</v>
      </c>
      <c r="AA16747" s="5"/>
      <c r="AB16747" s="5" t="s">
        <v>43</v>
      </c>
      <c r="AC16747" s="5" t="s">
        <v>44</v>
      </c>
      <c r="AD16747" s="2"/>
      <c r="AE16747" s="1"/>
    </row>
    <row r="16748" spans="1:31" ht="14.45">
      <c r="A16748" s="11"/>
      <c r="B16748" s="20"/>
      <c r="C16748" s="2" t="s">
        <v>51202</v>
      </c>
      <c r="D16748" s="14" t="s">
        <v>51203</v>
      </c>
      <c r="E16748" s="2" t="s">
        <v>51204</v>
      </c>
      <c r="F16748" s="2" t="s">
        <v>36381</v>
      </c>
      <c r="G16748" s="8">
        <v>282</v>
      </c>
      <c r="H16748" s="5">
        <v>6</v>
      </c>
      <c r="I16748" s="5" t="s">
        <v>1518</v>
      </c>
      <c r="J16748" s="5" t="s">
        <v>36264</v>
      </c>
      <c r="K16748" s="2" t="s">
        <v>36265</v>
      </c>
      <c r="L16748" s="5" t="s">
        <v>36264</v>
      </c>
      <c r="M16748" s="2" t="s">
        <v>36265</v>
      </c>
      <c r="N16748" s="5" t="s">
        <v>36266</v>
      </c>
      <c r="O16748" s="5" t="s">
        <v>38</v>
      </c>
      <c r="P16748" s="5" t="s">
        <v>39</v>
      </c>
      <c r="Q16748" s="5" t="s">
        <v>40</v>
      </c>
      <c r="R16748" s="5" t="s">
        <v>1522</v>
      </c>
      <c r="S16748" s="5" t="s">
        <v>1523</v>
      </c>
      <c r="T16748" s="5" t="s">
        <v>42</v>
      </c>
      <c r="U16748" s="2">
        <v>2.403</v>
      </c>
      <c r="V16748" s="2">
        <v>1.9330000000000001</v>
      </c>
      <c r="W16748" s="2">
        <v>1.0999999999999999E-2</v>
      </c>
      <c r="X16748" s="2">
        <v>82.9</v>
      </c>
      <c r="Y16748" s="2">
        <v>7.6</v>
      </c>
      <c r="Z16748" s="2">
        <v>16.7</v>
      </c>
      <c r="AA16748" s="5"/>
      <c r="AB16748" s="5" t="s">
        <v>43</v>
      </c>
      <c r="AC16748" s="5" t="s">
        <v>44</v>
      </c>
      <c r="AD16748" s="2"/>
      <c r="AE16748" s="1"/>
    </row>
    <row r="16749" spans="1:31" ht="14.45">
      <c r="A16749" s="11"/>
      <c r="B16749" s="20"/>
      <c r="C16749" s="2" t="s">
        <v>51205</v>
      </c>
      <c r="D16749" s="14" t="s">
        <v>51206</v>
      </c>
      <c r="E16749" s="2" t="s">
        <v>51207</v>
      </c>
      <c r="F16749" s="2" t="s">
        <v>7204</v>
      </c>
      <c r="G16749" s="8">
        <v>276</v>
      </c>
      <c r="H16749" s="5">
        <v>6</v>
      </c>
      <c r="I16749" s="5" t="s">
        <v>1518</v>
      </c>
      <c r="J16749" s="5" t="s">
        <v>36264</v>
      </c>
      <c r="K16749" s="2" t="s">
        <v>36265</v>
      </c>
      <c r="L16749" s="5" t="s">
        <v>36264</v>
      </c>
      <c r="M16749" s="2" t="s">
        <v>36265</v>
      </c>
      <c r="N16749" s="5" t="s">
        <v>36266</v>
      </c>
      <c r="O16749" s="5" t="s">
        <v>38</v>
      </c>
      <c r="P16749" s="5" t="s">
        <v>39</v>
      </c>
      <c r="Q16749" s="5" t="s">
        <v>40</v>
      </c>
      <c r="R16749" s="5" t="s">
        <v>1522</v>
      </c>
      <c r="S16749" s="5" t="s">
        <v>1523</v>
      </c>
      <c r="T16749" s="5" t="s">
        <v>42</v>
      </c>
      <c r="U16749" s="2">
        <v>2.585</v>
      </c>
      <c r="V16749" s="2">
        <v>2.028</v>
      </c>
      <c r="W16749" s="2">
        <v>1.4999999999999999E-2</v>
      </c>
      <c r="X16749" s="2">
        <v>118.9</v>
      </c>
      <c r="Y16749" s="2">
        <v>7.6</v>
      </c>
      <c r="Z16749" s="2">
        <v>16.7</v>
      </c>
      <c r="AA16749" s="5"/>
      <c r="AB16749" s="5" t="s">
        <v>43</v>
      </c>
      <c r="AC16749" s="5" t="s">
        <v>44</v>
      </c>
      <c r="AD16749" s="2"/>
      <c r="AE16749" s="1"/>
    </row>
    <row r="16750" spans="1:31" ht="14.45">
      <c r="A16750" s="11"/>
      <c r="B16750" s="20"/>
      <c r="C16750" s="2" t="s">
        <v>51208</v>
      </c>
      <c r="D16750" s="14" t="s">
        <v>51209</v>
      </c>
      <c r="E16750" s="2" t="s">
        <v>51210</v>
      </c>
      <c r="F16750" s="2" t="s">
        <v>7514</v>
      </c>
      <c r="G16750" s="8">
        <v>276</v>
      </c>
      <c r="H16750" s="5">
        <v>6</v>
      </c>
      <c r="I16750" s="5" t="s">
        <v>1518</v>
      </c>
      <c r="J16750" s="5" t="s">
        <v>36264</v>
      </c>
      <c r="K16750" s="2" t="s">
        <v>36265</v>
      </c>
      <c r="L16750" s="5" t="s">
        <v>36264</v>
      </c>
      <c r="M16750" s="2" t="s">
        <v>36265</v>
      </c>
      <c r="N16750" s="5" t="s">
        <v>36266</v>
      </c>
      <c r="O16750" s="5" t="s">
        <v>38</v>
      </c>
      <c r="P16750" s="5" t="s">
        <v>39</v>
      </c>
      <c r="Q16750" s="5" t="s">
        <v>40</v>
      </c>
      <c r="R16750" s="5" t="s">
        <v>1522</v>
      </c>
      <c r="S16750" s="5" t="s">
        <v>1523</v>
      </c>
      <c r="T16750" s="5" t="s">
        <v>42</v>
      </c>
      <c r="U16750" s="2">
        <v>2.6619999999999999</v>
      </c>
      <c r="V16750" s="2">
        <v>2.105</v>
      </c>
      <c r="W16750" s="2">
        <v>1.4999999999999999E-2</v>
      </c>
      <c r="X16750" s="2">
        <v>118.9</v>
      </c>
      <c r="Y16750" s="2">
        <v>7.6</v>
      </c>
      <c r="Z16750" s="2">
        <v>16.7</v>
      </c>
      <c r="AA16750" s="5"/>
      <c r="AB16750" s="5" t="s">
        <v>43</v>
      </c>
      <c r="AC16750" s="5" t="s">
        <v>44</v>
      </c>
      <c r="AD16750" s="2"/>
      <c r="AE16750" s="1"/>
    </row>
    <row r="16751" spans="1:31" ht="14.45">
      <c r="A16751" s="11"/>
      <c r="B16751" s="20"/>
      <c r="C16751" s="2" t="s">
        <v>51211</v>
      </c>
      <c r="D16751" s="14" t="s">
        <v>51212</v>
      </c>
      <c r="E16751" s="2" t="s">
        <v>51213</v>
      </c>
      <c r="F16751" s="2" t="s">
        <v>36273</v>
      </c>
      <c r="G16751" s="8">
        <v>276</v>
      </c>
      <c r="H16751" s="5">
        <v>6</v>
      </c>
      <c r="I16751" s="5" t="s">
        <v>1518</v>
      </c>
      <c r="J16751" s="5" t="s">
        <v>36264</v>
      </c>
      <c r="K16751" s="2" t="s">
        <v>36265</v>
      </c>
      <c r="L16751" s="5" t="s">
        <v>36264</v>
      </c>
      <c r="M16751" s="2" t="s">
        <v>36265</v>
      </c>
      <c r="N16751" s="5" t="s">
        <v>36266</v>
      </c>
      <c r="O16751" s="5" t="s">
        <v>38</v>
      </c>
      <c r="P16751" s="5" t="s">
        <v>39</v>
      </c>
      <c r="Q16751" s="5" t="s">
        <v>40</v>
      </c>
      <c r="R16751" s="5" t="s">
        <v>1522</v>
      </c>
      <c r="S16751" s="5" t="s">
        <v>1523</v>
      </c>
      <c r="T16751" s="5" t="s">
        <v>42</v>
      </c>
      <c r="U16751" s="2">
        <v>2.585</v>
      </c>
      <c r="V16751" s="2">
        <v>2.028</v>
      </c>
      <c r="W16751" s="2">
        <v>1.4999999999999999E-2</v>
      </c>
      <c r="X16751" s="2">
        <v>118.9</v>
      </c>
      <c r="Y16751" s="2">
        <v>7.6</v>
      </c>
      <c r="Z16751" s="2">
        <v>16.7</v>
      </c>
      <c r="AA16751" s="5"/>
      <c r="AB16751" s="5" t="s">
        <v>43</v>
      </c>
      <c r="AC16751" s="5" t="s">
        <v>44</v>
      </c>
      <c r="AD16751" s="2"/>
      <c r="AE16751" s="1"/>
    </row>
    <row r="16752" spans="1:31" ht="14.45">
      <c r="A16752" s="11"/>
      <c r="B16752" s="20"/>
      <c r="C16752" s="2" t="s">
        <v>51214</v>
      </c>
      <c r="D16752" s="14" t="s">
        <v>51215</v>
      </c>
      <c r="E16752" s="2" t="s">
        <v>51216</v>
      </c>
      <c r="F16752" s="2" t="s">
        <v>36277</v>
      </c>
      <c r="G16752" s="8">
        <v>276</v>
      </c>
      <c r="H16752" s="5">
        <v>6</v>
      </c>
      <c r="I16752" s="5" t="s">
        <v>1518</v>
      </c>
      <c r="J16752" s="5" t="s">
        <v>36264</v>
      </c>
      <c r="K16752" s="2" t="s">
        <v>36265</v>
      </c>
      <c r="L16752" s="5" t="s">
        <v>36264</v>
      </c>
      <c r="M16752" s="2" t="s">
        <v>36265</v>
      </c>
      <c r="N16752" s="5" t="s">
        <v>36266</v>
      </c>
      <c r="O16752" s="5" t="s">
        <v>38</v>
      </c>
      <c r="P16752" s="5" t="s">
        <v>39</v>
      </c>
      <c r="Q16752" s="5" t="s">
        <v>40</v>
      </c>
      <c r="R16752" s="5" t="s">
        <v>1522</v>
      </c>
      <c r="S16752" s="5" t="s">
        <v>1523</v>
      </c>
      <c r="T16752" s="5" t="s">
        <v>42</v>
      </c>
      <c r="U16752" s="2">
        <v>2.6619999999999999</v>
      </c>
      <c r="V16752" s="2">
        <v>2.105</v>
      </c>
      <c r="W16752" s="2">
        <v>1.4999999999999999E-2</v>
      </c>
      <c r="X16752" s="2">
        <v>118.9</v>
      </c>
      <c r="Y16752" s="2">
        <v>7.6</v>
      </c>
      <c r="Z16752" s="2">
        <v>16.7</v>
      </c>
      <c r="AA16752" s="5"/>
      <c r="AB16752" s="5" t="s">
        <v>43</v>
      </c>
      <c r="AC16752" s="5" t="s">
        <v>44</v>
      </c>
      <c r="AD16752" s="2"/>
      <c r="AE16752" s="1"/>
    </row>
    <row r="16753" spans="1:31" ht="14.45">
      <c r="A16753" s="11"/>
      <c r="B16753" s="20"/>
      <c r="C16753" s="2" t="s">
        <v>51217</v>
      </c>
      <c r="D16753" s="14" t="s">
        <v>51218</v>
      </c>
      <c r="E16753" s="2" t="s">
        <v>51219</v>
      </c>
      <c r="F16753" s="2" t="s">
        <v>36285</v>
      </c>
      <c r="G16753" s="8">
        <v>297</v>
      </c>
      <c r="H16753" s="5">
        <v>6</v>
      </c>
      <c r="I16753" s="5" t="s">
        <v>1518</v>
      </c>
      <c r="J16753" s="5" t="s">
        <v>36264</v>
      </c>
      <c r="K16753" s="2" t="s">
        <v>36265</v>
      </c>
      <c r="L16753" s="5" t="s">
        <v>36264</v>
      </c>
      <c r="M16753" s="2" t="s">
        <v>36265</v>
      </c>
      <c r="N16753" s="5" t="s">
        <v>36266</v>
      </c>
      <c r="O16753" s="5" t="s">
        <v>38</v>
      </c>
      <c r="P16753" s="5" t="s">
        <v>39</v>
      </c>
      <c r="Q16753" s="5" t="s">
        <v>40</v>
      </c>
      <c r="R16753" s="5" t="s">
        <v>1522</v>
      </c>
      <c r="S16753" s="5" t="s">
        <v>1523</v>
      </c>
      <c r="T16753" s="5" t="s">
        <v>42</v>
      </c>
      <c r="U16753" s="2">
        <v>2.6619999999999999</v>
      </c>
      <c r="V16753" s="2">
        <v>2.105</v>
      </c>
      <c r="W16753" s="2">
        <v>1.4999999999999999E-2</v>
      </c>
      <c r="X16753" s="2">
        <v>118.9</v>
      </c>
      <c r="Y16753" s="2">
        <v>7.6</v>
      </c>
      <c r="Z16753" s="2">
        <v>16.7</v>
      </c>
      <c r="AA16753" s="5"/>
      <c r="AB16753" s="5" t="s">
        <v>43</v>
      </c>
      <c r="AC16753" s="5" t="s">
        <v>44</v>
      </c>
      <c r="AD16753" s="2"/>
      <c r="AE16753" s="1"/>
    </row>
    <row r="16754" spans="1:31" ht="14.45">
      <c r="A16754" s="11"/>
      <c r="B16754" s="20"/>
      <c r="C16754" s="2" t="s">
        <v>51220</v>
      </c>
      <c r="D16754" s="14" t="s">
        <v>51221</v>
      </c>
      <c r="E16754" s="2" t="s">
        <v>51222</v>
      </c>
      <c r="F16754" s="2" t="s">
        <v>36289</v>
      </c>
      <c r="G16754" s="8">
        <v>297</v>
      </c>
      <c r="H16754" s="5">
        <v>6</v>
      </c>
      <c r="I16754" s="5" t="s">
        <v>1518</v>
      </c>
      <c r="J16754" s="5" t="s">
        <v>36264</v>
      </c>
      <c r="K16754" s="2" t="s">
        <v>36265</v>
      </c>
      <c r="L16754" s="5" t="s">
        <v>36264</v>
      </c>
      <c r="M16754" s="2" t="s">
        <v>36265</v>
      </c>
      <c r="N16754" s="5" t="s">
        <v>36266</v>
      </c>
      <c r="O16754" s="5" t="s">
        <v>38</v>
      </c>
      <c r="P16754" s="5" t="s">
        <v>39</v>
      </c>
      <c r="Q16754" s="5" t="s">
        <v>40</v>
      </c>
      <c r="R16754" s="5" t="s">
        <v>1522</v>
      </c>
      <c r="S16754" s="5" t="s">
        <v>1523</v>
      </c>
      <c r="T16754" s="5" t="s">
        <v>42</v>
      </c>
      <c r="U16754" s="2">
        <v>2.585</v>
      </c>
      <c r="V16754" s="2">
        <v>2.028</v>
      </c>
      <c r="W16754" s="2">
        <v>1.4999999999999999E-2</v>
      </c>
      <c r="X16754" s="2">
        <v>118.9</v>
      </c>
      <c r="Y16754" s="2">
        <v>7.6</v>
      </c>
      <c r="Z16754" s="2">
        <v>16.7</v>
      </c>
      <c r="AA16754" s="5"/>
      <c r="AB16754" s="5" t="s">
        <v>43</v>
      </c>
      <c r="AC16754" s="5" t="s">
        <v>44</v>
      </c>
      <c r="AD16754" s="2"/>
      <c r="AE16754" s="1"/>
    </row>
    <row r="16755" spans="1:31" ht="14.45">
      <c r="A16755" s="11"/>
      <c r="B16755" s="20"/>
      <c r="C16755" s="2" t="s">
        <v>51223</v>
      </c>
      <c r="D16755" s="14" t="s">
        <v>51224</v>
      </c>
      <c r="E16755" s="2" t="s">
        <v>51225</v>
      </c>
      <c r="F16755" s="2" t="s">
        <v>36293</v>
      </c>
      <c r="G16755" s="8">
        <v>297</v>
      </c>
      <c r="H16755" s="5">
        <v>6</v>
      </c>
      <c r="I16755" s="5" t="s">
        <v>1518</v>
      </c>
      <c r="J16755" s="5" t="s">
        <v>36264</v>
      </c>
      <c r="K16755" s="2" t="s">
        <v>36265</v>
      </c>
      <c r="L16755" s="5" t="s">
        <v>36264</v>
      </c>
      <c r="M16755" s="2" t="s">
        <v>36265</v>
      </c>
      <c r="N16755" s="5" t="s">
        <v>36266</v>
      </c>
      <c r="O16755" s="5" t="s">
        <v>38</v>
      </c>
      <c r="P16755" s="5" t="s">
        <v>39</v>
      </c>
      <c r="Q16755" s="5" t="s">
        <v>40</v>
      </c>
      <c r="R16755" s="5" t="s">
        <v>1522</v>
      </c>
      <c r="S16755" s="5" t="s">
        <v>1523</v>
      </c>
      <c r="T16755" s="5" t="s">
        <v>42</v>
      </c>
      <c r="U16755" s="2">
        <v>2.6619999999999999</v>
      </c>
      <c r="V16755" s="2">
        <v>2.105</v>
      </c>
      <c r="W16755" s="2">
        <v>1.4999999999999999E-2</v>
      </c>
      <c r="X16755" s="2">
        <v>118.9</v>
      </c>
      <c r="Y16755" s="2">
        <v>7.6</v>
      </c>
      <c r="Z16755" s="2">
        <v>16.7</v>
      </c>
      <c r="AA16755" s="5"/>
      <c r="AB16755" s="5" t="s">
        <v>43</v>
      </c>
      <c r="AC16755" s="5" t="s">
        <v>44</v>
      </c>
      <c r="AD16755" s="2"/>
      <c r="AE16755" s="1"/>
    </row>
    <row r="16756" spans="1:31" ht="14.45">
      <c r="A16756" s="11"/>
      <c r="B16756" s="20"/>
      <c r="C16756" s="2" t="s">
        <v>51226</v>
      </c>
      <c r="D16756" s="14" t="s">
        <v>51227</v>
      </c>
      <c r="E16756" s="2" t="s">
        <v>51228</v>
      </c>
      <c r="F16756" s="2" t="s">
        <v>36297</v>
      </c>
      <c r="G16756" s="8">
        <v>276</v>
      </c>
      <c r="H16756" s="5">
        <v>6</v>
      </c>
      <c r="I16756" s="5" t="s">
        <v>1518</v>
      </c>
      <c r="J16756" s="5" t="s">
        <v>36264</v>
      </c>
      <c r="K16756" s="2" t="s">
        <v>36265</v>
      </c>
      <c r="L16756" s="5" t="s">
        <v>36264</v>
      </c>
      <c r="M16756" s="2" t="s">
        <v>36265</v>
      </c>
      <c r="N16756" s="5" t="s">
        <v>36266</v>
      </c>
      <c r="O16756" s="5" t="s">
        <v>38</v>
      </c>
      <c r="P16756" s="5" t="s">
        <v>39</v>
      </c>
      <c r="Q16756" s="5" t="s">
        <v>40</v>
      </c>
      <c r="R16756" s="5" t="s">
        <v>1522</v>
      </c>
      <c r="S16756" s="5" t="s">
        <v>1523</v>
      </c>
      <c r="T16756" s="5" t="s">
        <v>42</v>
      </c>
      <c r="U16756" s="2">
        <v>2.585</v>
      </c>
      <c r="V16756" s="2">
        <v>2.028</v>
      </c>
      <c r="W16756" s="2">
        <v>1.4999999999999999E-2</v>
      </c>
      <c r="X16756" s="2">
        <v>118.9</v>
      </c>
      <c r="Y16756" s="2">
        <v>7.6</v>
      </c>
      <c r="Z16756" s="2">
        <v>16.7</v>
      </c>
      <c r="AA16756" s="5"/>
      <c r="AB16756" s="5" t="s">
        <v>43</v>
      </c>
      <c r="AC16756" s="5" t="s">
        <v>44</v>
      </c>
      <c r="AD16756" s="2"/>
      <c r="AE16756" s="1"/>
    </row>
    <row r="16757" spans="1:31" ht="14.45">
      <c r="A16757" s="11"/>
      <c r="B16757" s="20"/>
      <c r="C16757" s="2" t="s">
        <v>51229</v>
      </c>
      <c r="D16757" s="14" t="s">
        <v>51230</v>
      </c>
      <c r="E16757" s="2" t="s">
        <v>51231</v>
      </c>
      <c r="F16757" s="2" t="s">
        <v>36301</v>
      </c>
      <c r="G16757" s="8">
        <v>276</v>
      </c>
      <c r="H16757" s="5">
        <v>6</v>
      </c>
      <c r="I16757" s="5" t="s">
        <v>1518</v>
      </c>
      <c r="J16757" s="5" t="s">
        <v>36264</v>
      </c>
      <c r="K16757" s="2" t="s">
        <v>36265</v>
      </c>
      <c r="L16757" s="5" t="s">
        <v>36264</v>
      </c>
      <c r="M16757" s="2" t="s">
        <v>36265</v>
      </c>
      <c r="N16757" s="5" t="s">
        <v>36266</v>
      </c>
      <c r="O16757" s="5" t="s">
        <v>38</v>
      </c>
      <c r="P16757" s="5" t="s">
        <v>39</v>
      </c>
      <c r="Q16757" s="5" t="s">
        <v>40</v>
      </c>
      <c r="R16757" s="5" t="s">
        <v>1522</v>
      </c>
      <c r="S16757" s="5" t="s">
        <v>1523</v>
      </c>
      <c r="T16757" s="5" t="s">
        <v>42</v>
      </c>
      <c r="U16757" s="2">
        <v>2.6619999999999999</v>
      </c>
      <c r="V16757" s="2">
        <v>2.105</v>
      </c>
      <c r="W16757" s="2">
        <v>1.4999999999999999E-2</v>
      </c>
      <c r="X16757" s="2">
        <v>118.9</v>
      </c>
      <c r="Y16757" s="2">
        <v>7.6</v>
      </c>
      <c r="Z16757" s="2">
        <v>16.7</v>
      </c>
      <c r="AA16757" s="5"/>
      <c r="AB16757" s="5" t="s">
        <v>43</v>
      </c>
      <c r="AC16757" s="5" t="s">
        <v>44</v>
      </c>
      <c r="AD16757" s="2"/>
      <c r="AE16757" s="1"/>
    </row>
    <row r="16758" spans="1:31" ht="14.45">
      <c r="A16758" s="11"/>
      <c r="B16758" s="20"/>
      <c r="C16758" s="2" t="s">
        <v>51232</v>
      </c>
      <c r="D16758" s="14" t="s">
        <v>51233</v>
      </c>
      <c r="E16758" s="2" t="s">
        <v>51234</v>
      </c>
      <c r="F16758" s="2" t="s">
        <v>36305</v>
      </c>
      <c r="G16758" s="8">
        <v>276</v>
      </c>
      <c r="H16758" s="5">
        <v>6</v>
      </c>
      <c r="I16758" s="5" t="s">
        <v>1518</v>
      </c>
      <c r="J16758" s="5" t="s">
        <v>36264</v>
      </c>
      <c r="K16758" s="2" t="s">
        <v>36265</v>
      </c>
      <c r="L16758" s="5" t="s">
        <v>36264</v>
      </c>
      <c r="M16758" s="2" t="s">
        <v>36265</v>
      </c>
      <c r="N16758" s="5" t="s">
        <v>36266</v>
      </c>
      <c r="O16758" s="5" t="s">
        <v>38</v>
      </c>
      <c r="P16758" s="5" t="s">
        <v>39</v>
      </c>
      <c r="Q16758" s="5" t="s">
        <v>40</v>
      </c>
      <c r="R16758" s="5" t="s">
        <v>1522</v>
      </c>
      <c r="S16758" s="5" t="s">
        <v>1523</v>
      </c>
      <c r="T16758" s="5" t="s">
        <v>42</v>
      </c>
      <c r="U16758" s="2">
        <v>2.585</v>
      </c>
      <c r="V16758" s="2">
        <v>2.028</v>
      </c>
      <c r="W16758" s="2">
        <v>1.4999999999999999E-2</v>
      </c>
      <c r="X16758" s="2">
        <v>118.9</v>
      </c>
      <c r="Y16758" s="2">
        <v>7.6</v>
      </c>
      <c r="Z16758" s="2">
        <v>16.7</v>
      </c>
      <c r="AA16758" s="5"/>
      <c r="AB16758" s="5" t="s">
        <v>43</v>
      </c>
      <c r="AC16758" s="5" t="s">
        <v>44</v>
      </c>
      <c r="AD16758" s="2"/>
      <c r="AE16758" s="1"/>
    </row>
    <row r="16759" spans="1:31" ht="14.45">
      <c r="A16759" s="11"/>
      <c r="B16759" s="20"/>
      <c r="C16759" s="2" t="s">
        <v>51235</v>
      </c>
      <c r="D16759" s="14" t="s">
        <v>51236</v>
      </c>
      <c r="E16759" s="2" t="s">
        <v>51237</v>
      </c>
      <c r="F16759" s="2" t="s">
        <v>36309</v>
      </c>
      <c r="G16759" s="8">
        <v>276</v>
      </c>
      <c r="H16759" s="5">
        <v>6</v>
      </c>
      <c r="I16759" s="5" t="s">
        <v>1518</v>
      </c>
      <c r="J16759" s="5" t="s">
        <v>36264</v>
      </c>
      <c r="K16759" s="2" t="s">
        <v>36265</v>
      </c>
      <c r="L16759" s="5" t="s">
        <v>36264</v>
      </c>
      <c r="M16759" s="2" t="s">
        <v>36265</v>
      </c>
      <c r="N16759" s="5" t="s">
        <v>36266</v>
      </c>
      <c r="O16759" s="5" t="s">
        <v>38</v>
      </c>
      <c r="P16759" s="5" t="s">
        <v>39</v>
      </c>
      <c r="Q16759" s="5" t="s">
        <v>40</v>
      </c>
      <c r="R16759" s="5" t="s">
        <v>1522</v>
      </c>
      <c r="S16759" s="5" t="s">
        <v>1523</v>
      </c>
      <c r="T16759" s="5" t="s">
        <v>42</v>
      </c>
      <c r="U16759" s="2">
        <v>2.6619999999999999</v>
      </c>
      <c r="V16759" s="2">
        <v>2.105</v>
      </c>
      <c r="W16759" s="2">
        <v>1.4999999999999999E-2</v>
      </c>
      <c r="X16759" s="2">
        <v>118.9</v>
      </c>
      <c r="Y16759" s="2">
        <v>7.6</v>
      </c>
      <c r="Z16759" s="2">
        <v>16.7</v>
      </c>
      <c r="AA16759" s="5"/>
      <c r="AB16759" s="5" t="s">
        <v>43</v>
      </c>
      <c r="AC16759" s="5" t="s">
        <v>44</v>
      </c>
      <c r="AD16759" s="2"/>
      <c r="AE16759" s="1"/>
    </row>
    <row r="16760" spans="1:31" ht="14.45">
      <c r="A16760" s="11"/>
      <c r="B16760" s="20"/>
      <c r="C16760" s="2" t="s">
        <v>51238</v>
      </c>
      <c r="D16760" s="14" t="s">
        <v>51239</v>
      </c>
      <c r="E16760" s="2" t="s">
        <v>51240</v>
      </c>
      <c r="F16760" s="2" t="s">
        <v>36313</v>
      </c>
      <c r="G16760" s="8">
        <v>297</v>
      </c>
      <c r="H16760" s="5">
        <v>6</v>
      </c>
      <c r="I16760" s="5" t="s">
        <v>1518</v>
      </c>
      <c r="J16760" s="5" t="s">
        <v>36264</v>
      </c>
      <c r="K16760" s="2" t="s">
        <v>36265</v>
      </c>
      <c r="L16760" s="5" t="s">
        <v>36264</v>
      </c>
      <c r="M16760" s="2" t="s">
        <v>36265</v>
      </c>
      <c r="N16760" s="5" t="s">
        <v>36266</v>
      </c>
      <c r="O16760" s="5" t="s">
        <v>38</v>
      </c>
      <c r="P16760" s="5" t="s">
        <v>39</v>
      </c>
      <c r="Q16760" s="5" t="s">
        <v>40</v>
      </c>
      <c r="R16760" s="5" t="s">
        <v>1522</v>
      </c>
      <c r="S16760" s="5" t="s">
        <v>1523</v>
      </c>
      <c r="T16760" s="5" t="s">
        <v>42</v>
      </c>
      <c r="U16760" s="2">
        <v>2.585</v>
      </c>
      <c r="V16760" s="2">
        <v>2.028</v>
      </c>
      <c r="W16760" s="2">
        <v>1.4999999999999999E-2</v>
      </c>
      <c r="X16760" s="2">
        <v>118.9</v>
      </c>
      <c r="Y16760" s="2">
        <v>7.6</v>
      </c>
      <c r="Z16760" s="2">
        <v>16.7</v>
      </c>
      <c r="AA16760" s="5"/>
      <c r="AB16760" s="5" t="s">
        <v>43</v>
      </c>
      <c r="AC16760" s="5" t="s">
        <v>44</v>
      </c>
      <c r="AD16760" s="2"/>
      <c r="AE16760" s="1"/>
    </row>
    <row r="16761" spans="1:31" ht="14.45">
      <c r="A16761" s="11"/>
      <c r="B16761" s="20"/>
      <c r="C16761" s="2" t="s">
        <v>51241</v>
      </c>
      <c r="D16761" s="14" t="s">
        <v>51242</v>
      </c>
      <c r="E16761" s="2" t="s">
        <v>51243</v>
      </c>
      <c r="F16761" s="2" t="s">
        <v>36317</v>
      </c>
      <c r="G16761" s="8">
        <v>297</v>
      </c>
      <c r="H16761" s="5">
        <v>6</v>
      </c>
      <c r="I16761" s="5" t="s">
        <v>1518</v>
      </c>
      <c r="J16761" s="5" t="s">
        <v>36264</v>
      </c>
      <c r="K16761" s="2" t="s">
        <v>36265</v>
      </c>
      <c r="L16761" s="5" t="s">
        <v>36264</v>
      </c>
      <c r="M16761" s="2" t="s">
        <v>36265</v>
      </c>
      <c r="N16761" s="5" t="s">
        <v>36266</v>
      </c>
      <c r="O16761" s="5" t="s">
        <v>38</v>
      </c>
      <c r="P16761" s="5" t="s">
        <v>39</v>
      </c>
      <c r="Q16761" s="5" t="s">
        <v>40</v>
      </c>
      <c r="R16761" s="5" t="s">
        <v>1522</v>
      </c>
      <c r="S16761" s="5" t="s">
        <v>1523</v>
      </c>
      <c r="T16761" s="5" t="s">
        <v>42</v>
      </c>
      <c r="U16761" s="2">
        <v>2.6619999999999999</v>
      </c>
      <c r="V16761" s="2">
        <v>2.105</v>
      </c>
      <c r="W16761" s="2">
        <v>1.4999999999999999E-2</v>
      </c>
      <c r="X16761" s="2">
        <v>118.9</v>
      </c>
      <c r="Y16761" s="2">
        <v>7.6</v>
      </c>
      <c r="Z16761" s="2">
        <v>16.7</v>
      </c>
      <c r="AA16761" s="5"/>
      <c r="AB16761" s="5" t="s">
        <v>43</v>
      </c>
      <c r="AC16761" s="5" t="s">
        <v>44</v>
      </c>
      <c r="AD16761" s="2"/>
      <c r="AE16761" s="1"/>
    </row>
    <row r="16762" spans="1:31" ht="14.45">
      <c r="A16762" s="11"/>
      <c r="B16762" s="20"/>
      <c r="C16762" s="2" t="s">
        <v>51244</v>
      </c>
      <c r="D16762" s="14" t="s">
        <v>51245</v>
      </c>
      <c r="E16762" s="2" t="s">
        <v>51246</v>
      </c>
      <c r="F16762" s="2" t="s">
        <v>36321</v>
      </c>
      <c r="G16762" s="8">
        <v>297</v>
      </c>
      <c r="H16762" s="5">
        <v>6</v>
      </c>
      <c r="I16762" s="5" t="s">
        <v>1518</v>
      </c>
      <c r="J16762" s="5" t="s">
        <v>36264</v>
      </c>
      <c r="K16762" s="2" t="s">
        <v>36265</v>
      </c>
      <c r="L16762" s="5" t="s">
        <v>36264</v>
      </c>
      <c r="M16762" s="2" t="s">
        <v>36265</v>
      </c>
      <c r="N16762" s="5" t="s">
        <v>36266</v>
      </c>
      <c r="O16762" s="5" t="s">
        <v>38</v>
      </c>
      <c r="P16762" s="5" t="s">
        <v>39</v>
      </c>
      <c r="Q16762" s="5" t="s">
        <v>40</v>
      </c>
      <c r="R16762" s="5" t="s">
        <v>1522</v>
      </c>
      <c r="S16762" s="5" t="s">
        <v>1523</v>
      </c>
      <c r="T16762" s="5" t="s">
        <v>42</v>
      </c>
      <c r="U16762" s="2">
        <v>2.585</v>
      </c>
      <c r="V16762" s="2">
        <v>2.028</v>
      </c>
      <c r="W16762" s="2">
        <v>1.4999999999999999E-2</v>
      </c>
      <c r="X16762" s="2">
        <v>118.9</v>
      </c>
      <c r="Y16762" s="2">
        <v>7.6</v>
      </c>
      <c r="Z16762" s="2">
        <v>16.7</v>
      </c>
      <c r="AA16762" s="5"/>
      <c r="AB16762" s="5" t="s">
        <v>43</v>
      </c>
      <c r="AC16762" s="5" t="s">
        <v>44</v>
      </c>
      <c r="AD16762" s="2"/>
      <c r="AE16762" s="1"/>
    </row>
    <row r="16763" spans="1:31" ht="14.45">
      <c r="A16763" s="11"/>
      <c r="B16763" s="20"/>
      <c r="C16763" s="2" t="s">
        <v>51247</v>
      </c>
      <c r="D16763" s="14" t="s">
        <v>51248</v>
      </c>
      <c r="E16763" s="2" t="s">
        <v>51249</v>
      </c>
      <c r="F16763" s="2" t="s">
        <v>36325</v>
      </c>
      <c r="G16763" s="8">
        <v>297</v>
      </c>
      <c r="H16763" s="5">
        <v>6</v>
      </c>
      <c r="I16763" s="5" t="s">
        <v>1518</v>
      </c>
      <c r="J16763" s="5" t="s">
        <v>36264</v>
      </c>
      <c r="K16763" s="2" t="s">
        <v>36265</v>
      </c>
      <c r="L16763" s="5" t="s">
        <v>36264</v>
      </c>
      <c r="M16763" s="2" t="s">
        <v>36265</v>
      </c>
      <c r="N16763" s="5" t="s">
        <v>36266</v>
      </c>
      <c r="O16763" s="5" t="s">
        <v>38</v>
      </c>
      <c r="P16763" s="5" t="s">
        <v>39</v>
      </c>
      <c r="Q16763" s="5" t="s">
        <v>40</v>
      </c>
      <c r="R16763" s="5" t="s">
        <v>1522</v>
      </c>
      <c r="S16763" s="5" t="s">
        <v>1523</v>
      </c>
      <c r="T16763" s="5" t="s">
        <v>42</v>
      </c>
      <c r="U16763" s="2">
        <v>2.6619999999999999</v>
      </c>
      <c r="V16763" s="2">
        <v>2.105</v>
      </c>
      <c r="W16763" s="2">
        <v>1.4999999999999999E-2</v>
      </c>
      <c r="X16763" s="2">
        <v>118.9</v>
      </c>
      <c r="Y16763" s="2">
        <v>7.6</v>
      </c>
      <c r="Z16763" s="2">
        <v>16.7</v>
      </c>
      <c r="AA16763" s="5"/>
      <c r="AB16763" s="5" t="s">
        <v>43</v>
      </c>
      <c r="AC16763" s="5" t="s">
        <v>44</v>
      </c>
      <c r="AD16763" s="2"/>
      <c r="AE16763" s="1"/>
    </row>
    <row r="16764" spans="1:31" ht="14.45">
      <c r="A16764" s="11"/>
      <c r="B16764" s="20"/>
      <c r="C16764" s="2" t="s">
        <v>51250</v>
      </c>
      <c r="D16764" s="14" t="s">
        <v>51251</v>
      </c>
      <c r="E16764" s="2" t="s">
        <v>51252</v>
      </c>
      <c r="F16764" s="2" t="s">
        <v>36329</v>
      </c>
      <c r="G16764" s="8">
        <v>297</v>
      </c>
      <c r="H16764" s="5">
        <v>6</v>
      </c>
      <c r="I16764" s="5" t="s">
        <v>1518</v>
      </c>
      <c r="J16764" s="5" t="s">
        <v>36264</v>
      </c>
      <c r="K16764" s="2" t="s">
        <v>36265</v>
      </c>
      <c r="L16764" s="5" t="s">
        <v>36264</v>
      </c>
      <c r="M16764" s="2" t="s">
        <v>36265</v>
      </c>
      <c r="N16764" s="5" t="s">
        <v>36266</v>
      </c>
      <c r="O16764" s="5" t="s">
        <v>38</v>
      </c>
      <c r="P16764" s="5" t="s">
        <v>39</v>
      </c>
      <c r="Q16764" s="5" t="s">
        <v>40</v>
      </c>
      <c r="R16764" s="5" t="s">
        <v>1522</v>
      </c>
      <c r="S16764" s="5" t="s">
        <v>1523</v>
      </c>
      <c r="T16764" s="5" t="s">
        <v>42</v>
      </c>
      <c r="U16764" s="2">
        <v>2.585</v>
      </c>
      <c r="V16764" s="2">
        <v>2.028</v>
      </c>
      <c r="W16764" s="2">
        <v>1.4999999999999999E-2</v>
      </c>
      <c r="X16764" s="2">
        <v>118.9</v>
      </c>
      <c r="Y16764" s="2">
        <v>7.6</v>
      </c>
      <c r="Z16764" s="2">
        <v>16.7</v>
      </c>
      <c r="AA16764" s="5"/>
      <c r="AB16764" s="5" t="s">
        <v>43</v>
      </c>
      <c r="AC16764" s="5" t="s">
        <v>44</v>
      </c>
      <c r="AD16764" s="2"/>
      <c r="AE16764" s="1"/>
    </row>
    <row r="16765" spans="1:31" ht="14.45">
      <c r="A16765" s="11"/>
      <c r="B16765" s="20"/>
      <c r="C16765" s="2" t="s">
        <v>51253</v>
      </c>
      <c r="D16765" s="14" t="s">
        <v>51254</v>
      </c>
      <c r="E16765" s="2" t="s">
        <v>51255</v>
      </c>
      <c r="F16765" s="2" t="s">
        <v>36333</v>
      </c>
      <c r="G16765" s="8">
        <v>297</v>
      </c>
      <c r="H16765" s="5">
        <v>6</v>
      </c>
      <c r="I16765" s="5" t="s">
        <v>1518</v>
      </c>
      <c r="J16765" s="5" t="s">
        <v>36264</v>
      </c>
      <c r="K16765" s="2" t="s">
        <v>36265</v>
      </c>
      <c r="L16765" s="5" t="s">
        <v>36264</v>
      </c>
      <c r="M16765" s="2" t="s">
        <v>36265</v>
      </c>
      <c r="N16765" s="5" t="s">
        <v>36266</v>
      </c>
      <c r="O16765" s="5" t="s">
        <v>38</v>
      </c>
      <c r="P16765" s="5" t="s">
        <v>39</v>
      </c>
      <c r="Q16765" s="5" t="s">
        <v>40</v>
      </c>
      <c r="R16765" s="5" t="s">
        <v>1522</v>
      </c>
      <c r="S16765" s="5" t="s">
        <v>1523</v>
      </c>
      <c r="T16765" s="5" t="s">
        <v>42</v>
      </c>
      <c r="U16765" s="2">
        <v>2.6619999999999999</v>
      </c>
      <c r="V16765" s="2">
        <v>2.105</v>
      </c>
      <c r="W16765" s="2">
        <v>1.4999999999999999E-2</v>
      </c>
      <c r="X16765" s="2">
        <v>118.9</v>
      </c>
      <c r="Y16765" s="2">
        <v>7.6</v>
      </c>
      <c r="Z16765" s="2">
        <v>16.7</v>
      </c>
      <c r="AA16765" s="5"/>
      <c r="AB16765" s="5" t="s">
        <v>43</v>
      </c>
      <c r="AC16765" s="5" t="s">
        <v>44</v>
      </c>
      <c r="AD16765" s="2"/>
      <c r="AE16765" s="1"/>
    </row>
    <row r="16766" spans="1:31" ht="14.45">
      <c r="A16766" s="11"/>
      <c r="B16766" s="20"/>
      <c r="C16766" s="2" t="s">
        <v>51256</v>
      </c>
      <c r="D16766" s="14" t="s">
        <v>51257</v>
      </c>
      <c r="E16766" s="2" t="s">
        <v>51258</v>
      </c>
      <c r="F16766" s="2" t="s">
        <v>36345</v>
      </c>
      <c r="G16766" s="8">
        <v>297</v>
      </c>
      <c r="H16766" s="5">
        <v>6</v>
      </c>
      <c r="I16766" s="5" t="s">
        <v>1518</v>
      </c>
      <c r="J16766" s="5" t="s">
        <v>36264</v>
      </c>
      <c r="K16766" s="2" t="s">
        <v>36265</v>
      </c>
      <c r="L16766" s="5" t="s">
        <v>36264</v>
      </c>
      <c r="M16766" s="2" t="s">
        <v>36265</v>
      </c>
      <c r="N16766" s="5" t="s">
        <v>36266</v>
      </c>
      <c r="O16766" s="5" t="s">
        <v>38</v>
      </c>
      <c r="P16766" s="5" t="s">
        <v>39</v>
      </c>
      <c r="Q16766" s="5" t="s">
        <v>40</v>
      </c>
      <c r="R16766" s="5" t="s">
        <v>1522</v>
      </c>
      <c r="S16766" s="5" t="s">
        <v>1523</v>
      </c>
      <c r="T16766" s="5" t="s">
        <v>42</v>
      </c>
      <c r="U16766" s="2">
        <v>2.585</v>
      </c>
      <c r="V16766" s="2">
        <v>2.028</v>
      </c>
      <c r="W16766" s="2">
        <v>1.4999999999999999E-2</v>
      </c>
      <c r="X16766" s="2">
        <v>118.9</v>
      </c>
      <c r="Y16766" s="2">
        <v>7.6</v>
      </c>
      <c r="Z16766" s="2">
        <v>16.7</v>
      </c>
      <c r="AA16766" s="5"/>
      <c r="AB16766" s="5" t="s">
        <v>43</v>
      </c>
      <c r="AC16766" s="5" t="s">
        <v>44</v>
      </c>
      <c r="AD16766" s="2"/>
      <c r="AE16766" s="1"/>
    </row>
    <row r="16767" spans="1:31" ht="14.45">
      <c r="A16767" s="11"/>
      <c r="B16767" s="20"/>
      <c r="C16767" s="2" t="s">
        <v>51259</v>
      </c>
      <c r="D16767" s="14" t="s">
        <v>51260</v>
      </c>
      <c r="E16767" s="2" t="s">
        <v>51261</v>
      </c>
      <c r="F16767" s="2" t="s">
        <v>36349</v>
      </c>
      <c r="G16767" s="8">
        <v>297</v>
      </c>
      <c r="H16767" s="5">
        <v>6</v>
      </c>
      <c r="I16767" s="5" t="s">
        <v>1518</v>
      </c>
      <c r="J16767" s="5" t="s">
        <v>36264</v>
      </c>
      <c r="K16767" s="2" t="s">
        <v>36265</v>
      </c>
      <c r="L16767" s="5" t="s">
        <v>36264</v>
      </c>
      <c r="M16767" s="2" t="s">
        <v>36265</v>
      </c>
      <c r="N16767" s="5" t="s">
        <v>36266</v>
      </c>
      <c r="O16767" s="5" t="s">
        <v>38</v>
      </c>
      <c r="P16767" s="5" t="s">
        <v>39</v>
      </c>
      <c r="Q16767" s="5" t="s">
        <v>40</v>
      </c>
      <c r="R16767" s="5" t="s">
        <v>1522</v>
      </c>
      <c r="S16767" s="5" t="s">
        <v>1523</v>
      </c>
      <c r="T16767" s="5" t="s">
        <v>42</v>
      </c>
      <c r="U16767" s="2">
        <v>2.6619999999999999</v>
      </c>
      <c r="V16767" s="2">
        <v>2.105</v>
      </c>
      <c r="W16767" s="2">
        <v>1.4999999999999999E-2</v>
      </c>
      <c r="X16767" s="2">
        <v>118.9</v>
      </c>
      <c r="Y16767" s="2">
        <v>7.6</v>
      </c>
      <c r="Z16767" s="2">
        <v>16.7</v>
      </c>
      <c r="AA16767" s="5"/>
      <c r="AB16767" s="5" t="s">
        <v>43</v>
      </c>
      <c r="AC16767" s="5" t="s">
        <v>44</v>
      </c>
      <c r="AD16767" s="2"/>
      <c r="AE16767" s="1"/>
    </row>
    <row r="16768" spans="1:31" ht="14.45">
      <c r="A16768" s="11"/>
      <c r="B16768" s="20"/>
      <c r="C16768" s="2" t="s">
        <v>51262</v>
      </c>
      <c r="D16768" s="14" t="s">
        <v>51263</v>
      </c>
      <c r="E16768" s="2" t="s">
        <v>51264</v>
      </c>
      <c r="F16768" s="2" t="s">
        <v>36357</v>
      </c>
      <c r="G16768" s="8">
        <v>297</v>
      </c>
      <c r="H16768" s="5">
        <v>6</v>
      </c>
      <c r="I16768" s="5" t="s">
        <v>1518</v>
      </c>
      <c r="J16768" s="5" t="s">
        <v>36264</v>
      </c>
      <c r="K16768" s="2" t="s">
        <v>36265</v>
      </c>
      <c r="L16768" s="5" t="s">
        <v>36264</v>
      </c>
      <c r="M16768" s="2" t="s">
        <v>36265</v>
      </c>
      <c r="N16768" s="5" t="s">
        <v>36266</v>
      </c>
      <c r="O16768" s="5" t="s">
        <v>38</v>
      </c>
      <c r="P16768" s="5" t="s">
        <v>39</v>
      </c>
      <c r="Q16768" s="5" t="s">
        <v>40</v>
      </c>
      <c r="R16768" s="5" t="s">
        <v>1522</v>
      </c>
      <c r="S16768" s="5" t="s">
        <v>1523</v>
      </c>
      <c r="T16768" s="5" t="s">
        <v>42</v>
      </c>
      <c r="U16768" s="2">
        <v>2.6619999999999999</v>
      </c>
      <c r="V16768" s="2">
        <v>2.105</v>
      </c>
      <c r="W16768" s="2">
        <v>1.4999999999999999E-2</v>
      </c>
      <c r="X16768" s="2">
        <v>118.9</v>
      </c>
      <c r="Y16768" s="2">
        <v>7.6</v>
      </c>
      <c r="Z16768" s="2">
        <v>16.7</v>
      </c>
      <c r="AA16768" s="5"/>
      <c r="AB16768" s="5" t="s">
        <v>43</v>
      </c>
      <c r="AC16768" s="5" t="s">
        <v>44</v>
      </c>
      <c r="AD16768" s="2"/>
      <c r="AE16768" s="1"/>
    </row>
    <row r="16769" spans="1:31" ht="14.45">
      <c r="A16769" s="11"/>
      <c r="B16769" s="20"/>
      <c r="C16769" s="2" t="s">
        <v>51265</v>
      </c>
      <c r="D16769" s="14" t="s">
        <v>51266</v>
      </c>
      <c r="E16769" s="2" t="s">
        <v>51267</v>
      </c>
      <c r="F16769" s="2" t="s">
        <v>45598</v>
      </c>
      <c r="G16769" s="8">
        <v>297</v>
      </c>
      <c r="H16769" s="5">
        <v>6</v>
      </c>
      <c r="I16769" s="5" t="s">
        <v>1518</v>
      </c>
      <c r="J16769" s="5" t="s">
        <v>36264</v>
      </c>
      <c r="K16769" s="2" t="s">
        <v>36265</v>
      </c>
      <c r="L16769" s="5" t="s">
        <v>36264</v>
      </c>
      <c r="M16769" s="2" t="s">
        <v>36265</v>
      </c>
      <c r="N16769" s="5" t="s">
        <v>36266</v>
      </c>
      <c r="O16769" s="5" t="s">
        <v>38</v>
      </c>
      <c r="P16769" s="5" t="s">
        <v>39</v>
      </c>
      <c r="Q16769" s="5" t="s">
        <v>40</v>
      </c>
      <c r="R16769" s="5" t="s">
        <v>1522</v>
      </c>
      <c r="S16769" s="5" t="s">
        <v>1523</v>
      </c>
      <c r="T16769" s="5" t="s">
        <v>42</v>
      </c>
      <c r="U16769" s="2">
        <v>2.585</v>
      </c>
      <c r="V16769" s="2">
        <v>2.028</v>
      </c>
      <c r="W16769" s="2">
        <v>1.4999999999999999E-2</v>
      </c>
      <c r="X16769" s="2">
        <v>118.9</v>
      </c>
      <c r="Y16769" s="2">
        <v>7.6</v>
      </c>
      <c r="Z16769" s="2">
        <v>16.7</v>
      </c>
      <c r="AA16769" s="5"/>
      <c r="AB16769" s="5" t="s">
        <v>43</v>
      </c>
      <c r="AC16769" s="5" t="s">
        <v>44</v>
      </c>
      <c r="AD16769" s="2"/>
      <c r="AE16769" s="1"/>
    </row>
    <row r="16770" spans="1:31" ht="14.45">
      <c r="A16770" s="11"/>
      <c r="B16770" s="20"/>
      <c r="C16770" s="2" t="s">
        <v>51268</v>
      </c>
      <c r="D16770" s="14" t="s">
        <v>51269</v>
      </c>
      <c r="E16770" s="2" t="s">
        <v>51270</v>
      </c>
      <c r="F16770" s="2" t="s">
        <v>45534</v>
      </c>
      <c r="G16770" s="8">
        <v>297</v>
      </c>
      <c r="H16770" s="5">
        <v>6</v>
      </c>
      <c r="I16770" s="5" t="s">
        <v>1518</v>
      </c>
      <c r="J16770" s="5" t="s">
        <v>36264</v>
      </c>
      <c r="K16770" s="2" t="s">
        <v>36265</v>
      </c>
      <c r="L16770" s="5" t="s">
        <v>36264</v>
      </c>
      <c r="M16770" s="2" t="s">
        <v>36265</v>
      </c>
      <c r="N16770" s="5" t="s">
        <v>36266</v>
      </c>
      <c r="O16770" s="5" t="s">
        <v>38</v>
      </c>
      <c r="P16770" s="5" t="s">
        <v>39</v>
      </c>
      <c r="Q16770" s="5" t="s">
        <v>40</v>
      </c>
      <c r="R16770" s="5" t="s">
        <v>1522</v>
      </c>
      <c r="S16770" s="5" t="s">
        <v>1523</v>
      </c>
      <c r="T16770" s="5" t="s">
        <v>42</v>
      </c>
      <c r="U16770" s="2">
        <v>2.6619999999999999</v>
      </c>
      <c r="V16770" s="2">
        <v>2.105</v>
      </c>
      <c r="W16770" s="2">
        <v>1.4999999999999999E-2</v>
      </c>
      <c r="X16770" s="2">
        <v>118.9</v>
      </c>
      <c r="Y16770" s="2">
        <v>7.6</v>
      </c>
      <c r="Z16770" s="2">
        <v>16.7</v>
      </c>
      <c r="AA16770" s="5"/>
      <c r="AB16770" s="5" t="s">
        <v>43</v>
      </c>
      <c r="AC16770" s="5" t="s">
        <v>44</v>
      </c>
      <c r="AD16770" s="2"/>
      <c r="AE16770" s="1"/>
    </row>
    <row r="16771" spans="1:31" ht="14.45">
      <c r="A16771" s="11"/>
      <c r="B16771" s="20"/>
      <c r="C16771" s="2" t="s">
        <v>51271</v>
      </c>
      <c r="D16771" s="14" t="s">
        <v>51272</v>
      </c>
      <c r="E16771" s="2" t="s">
        <v>51273</v>
      </c>
      <c r="F16771" s="2" t="s">
        <v>36369</v>
      </c>
      <c r="G16771" s="8">
        <v>297</v>
      </c>
      <c r="H16771" s="5">
        <v>6</v>
      </c>
      <c r="I16771" s="5" t="s">
        <v>1518</v>
      </c>
      <c r="J16771" s="5" t="s">
        <v>36264</v>
      </c>
      <c r="K16771" s="2" t="s">
        <v>36265</v>
      </c>
      <c r="L16771" s="5" t="s">
        <v>36264</v>
      </c>
      <c r="M16771" s="2" t="s">
        <v>36265</v>
      </c>
      <c r="N16771" s="5" t="s">
        <v>36266</v>
      </c>
      <c r="O16771" s="5" t="s">
        <v>38</v>
      </c>
      <c r="P16771" s="5" t="s">
        <v>39</v>
      </c>
      <c r="Q16771" s="5" t="s">
        <v>40</v>
      </c>
      <c r="R16771" s="5" t="s">
        <v>1522</v>
      </c>
      <c r="S16771" s="5" t="s">
        <v>1523</v>
      </c>
      <c r="T16771" s="5" t="s">
        <v>42</v>
      </c>
      <c r="U16771" s="2">
        <v>2.585</v>
      </c>
      <c r="V16771" s="2">
        <v>2.028</v>
      </c>
      <c r="W16771" s="2">
        <v>1.4999999999999999E-2</v>
      </c>
      <c r="X16771" s="2">
        <v>118.9</v>
      </c>
      <c r="Y16771" s="2">
        <v>7.6</v>
      </c>
      <c r="Z16771" s="2">
        <v>16.7</v>
      </c>
      <c r="AA16771" s="5"/>
      <c r="AB16771" s="5" t="s">
        <v>43</v>
      </c>
      <c r="AC16771" s="5" t="s">
        <v>44</v>
      </c>
      <c r="AD16771" s="2"/>
      <c r="AE16771" s="1"/>
    </row>
    <row r="16772" spans="1:31" ht="14.45">
      <c r="A16772" s="11"/>
      <c r="B16772" s="20"/>
      <c r="C16772" s="2" t="s">
        <v>51274</v>
      </c>
      <c r="D16772" s="14" t="s">
        <v>51275</v>
      </c>
      <c r="E16772" s="2" t="s">
        <v>51276</v>
      </c>
      <c r="F16772" s="2" t="s">
        <v>36373</v>
      </c>
      <c r="G16772" s="8">
        <v>297</v>
      </c>
      <c r="H16772" s="5">
        <v>6</v>
      </c>
      <c r="I16772" s="5" t="s">
        <v>1518</v>
      </c>
      <c r="J16772" s="5" t="s">
        <v>36264</v>
      </c>
      <c r="K16772" s="2" t="s">
        <v>36265</v>
      </c>
      <c r="L16772" s="5" t="s">
        <v>36264</v>
      </c>
      <c r="M16772" s="2" t="s">
        <v>36265</v>
      </c>
      <c r="N16772" s="5" t="s">
        <v>36266</v>
      </c>
      <c r="O16772" s="5" t="s">
        <v>38</v>
      </c>
      <c r="P16772" s="5" t="s">
        <v>39</v>
      </c>
      <c r="Q16772" s="5" t="s">
        <v>40</v>
      </c>
      <c r="R16772" s="5" t="s">
        <v>1522</v>
      </c>
      <c r="S16772" s="5" t="s">
        <v>1523</v>
      </c>
      <c r="T16772" s="5" t="s">
        <v>42</v>
      </c>
      <c r="U16772" s="2">
        <v>2.6619999999999999</v>
      </c>
      <c r="V16772" s="2">
        <v>2.105</v>
      </c>
      <c r="W16772" s="2">
        <v>1.4999999999999999E-2</v>
      </c>
      <c r="X16772" s="2">
        <v>118.9</v>
      </c>
      <c r="Y16772" s="2">
        <v>7.6</v>
      </c>
      <c r="Z16772" s="2">
        <v>16.7</v>
      </c>
      <c r="AA16772" s="5"/>
      <c r="AB16772" s="5" t="s">
        <v>43</v>
      </c>
      <c r="AC16772" s="5" t="s">
        <v>44</v>
      </c>
      <c r="AD16772" s="2"/>
      <c r="AE16772" s="1"/>
    </row>
    <row r="16773" spans="1:31" ht="14.45">
      <c r="A16773" s="11"/>
      <c r="B16773" s="20"/>
      <c r="C16773" s="2" t="s">
        <v>51277</v>
      </c>
      <c r="D16773" s="14" t="s">
        <v>51278</v>
      </c>
      <c r="E16773" s="2" t="s">
        <v>51279</v>
      </c>
      <c r="F16773" s="2" t="s">
        <v>36377</v>
      </c>
      <c r="G16773" s="8">
        <v>297</v>
      </c>
      <c r="H16773" s="5">
        <v>6</v>
      </c>
      <c r="I16773" s="5" t="s">
        <v>1518</v>
      </c>
      <c r="J16773" s="5" t="s">
        <v>36264</v>
      </c>
      <c r="K16773" s="2" t="s">
        <v>36265</v>
      </c>
      <c r="L16773" s="5" t="s">
        <v>36264</v>
      </c>
      <c r="M16773" s="2" t="s">
        <v>36265</v>
      </c>
      <c r="N16773" s="5" t="s">
        <v>36266</v>
      </c>
      <c r="O16773" s="5" t="s">
        <v>38</v>
      </c>
      <c r="P16773" s="5" t="s">
        <v>39</v>
      </c>
      <c r="Q16773" s="5" t="s">
        <v>40</v>
      </c>
      <c r="R16773" s="5" t="s">
        <v>1522</v>
      </c>
      <c r="S16773" s="5" t="s">
        <v>1523</v>
      </c>
      <c r="T16773" s="5" t="s">
        <v>42</v>
      </c>
      <c r="U16773" s="2">
        <v>2.585</v>
      </c>
      <c r="V16773" s="2">
        <v>2.028</v>
      </c>
      <c r="W16773" s="2">
        <v>1.4999999999999999E-2</v>
      </c>
      <c r="X16773" s="2">
        <v>118.9</v>
      </c>
      <c r="Y16773" s="2">
        <v>7.6</v>
      </c>
      <c r="Z16773" s="2">
        <v>16.7</v>
      </c>
      <c r="AA16773" s="5"/>
      <c r="AB16773" s="5" t="s">
        <v>43</v>
      </c>
      <c r="AC16773" s="5" t="s">
        <v>44</v>
      </c>
      <c r="AD16773" s="2"/>
      <c r="AE16773" s="1"/>
    </row>
    <row r="16774" spans="1:31" ht="14.45">
      <c r="A16774" s="11"/>
      <c r="B16774" s="20"/>
      <c r="C16774" s="2" t="s">
        <v>51280</v>
      </c>
      <c r="D16774" s="14" t="s">
        <v>51281</v>
      </c>
      <c r="E16774" s="2" t="s">
        <v>51282</v>
      </c>
      <c r="F16774" s="2" t="s">
        <v>36381</v>
      </c>
      <c r="G16774" s="8">
        <v>297</v>
      </c>
      <c r="H16774" s="5">
        <v>6</v>
      </c>
      <c r="I16774" s="5" t="s">
        <v>1518</v>
      </c>
      <c r="J16774" s="5" t="s">
        <v>36264</v>
      </c>
      <c r="K16774" s="2" t="s">
        <v>36265</v>
      </c>
      <c r="L16774" s="5" t="s">
        <v>36264</v>
      </c>
      <c r="M16774" s="2" t="s">
        <v>36265</v>
      </c>
      <c r="N16774" s="5" t="s">
        <v>36266</v>
      </c>
      <c r="O16774" s="5" t="s">
        <v>38</v>
      </c>
      <c r="P16774" s="5" t="s">
        <v>39</v>
      </c>
      <c r="Q16774" s="5" t="s">
        <v>40</v>
      </c>
      <c r="R16774" s="5" t="s">
        <v>1522</v>
      </c>
      <c r="S16774" s="5" t="s">
        <v>1523</v>
      </c>
      <c r="T16774" s="5" t="s">
        <v>42</v>
      </c>
      <c r="U16774" s="2">
        <v>2.6619999999999999</v>
      </c>
      <c r="V16774" s="2">
        <v>2.105</v>
      </c>
      <c r="W16774" s="2">
        <v>1.4999999999999999E-2</v>
      </c>
      <c r="X16774" s="2">
        <v>118.9</v>
      </c>
      <c r="Y16774" s="2">
        <v>7.6</v>
      </c>
      <c r="Z16774" s="2">
        <v>16.7</v>
      </c>
      <c r="AA16774" s="5"/>
      <c r="AB16774" s="5" t="s">
        <v>43</v>
      </c>
      <c r="AC16774" s="5" t="s">
        <v>44</v>
      </c>
      <c r="AD16774" s="2"/>
      <c r="AE16774" s="1"/>
    </row>
    <row r="16775" spans="1:31" ht="14.45">
      <c r="A16775" s="11"/>
      <c r="B16775" s="20"/>
      <c r="C16775" s="2" t="s">
        <v>51283</v>
      </c>
      <c r="D16775" s="14" t="s">
        <v>51284</v>
      </c>
      <c r="E16775" s="2" t="s">
        <v>51285</v>
      </c>
      <c r="F16775" s="2" t="s">
        <v>36385</v>
      </c>
      <c r="G16775" s="8">
        <v>297</v>
      </c>
      <c r="H16775" s="5">
        <v>6</v>
      </c>
      <c r="I16775" s="5" t="s">
        <v>1518</v>
      </c>
      <c r="J16775" s="5" t="s">
        <v>36264</v>
      </c>
      <c r="K16775" s="2" t="s">
        <v>36265</v>
      </c>
      <c r="L16775" s="5" t="s">
        <v>36264</v>
      </c>
      <c r="M16775" s="2" t="s">
        <v>36265</v>
      </c>
      <c r="N16775" s="5" t="s">
        <v>36266</v>
      </c>
      <c r="O16775" s="5" t="s">
        <v>38</v>
      </c>
      <c r="P16775" s="5" t="s">
        <v>39</v>
      </c>
      <c r="Q16775" s="5" t="s">
        <v>40</v>
      </c>
      <c r="R16775" s="5" t="s">
        <v>1522</v>
      </c>
      <c r="S16775" s="5" t="s">
        <v>1523</v>
      </c>
      <c r="T16775" s="5" t="s">
        <v>42</v>
      </c>
      <c r="U16775" s="2">
        <v>2.585</v>
      </c>
      <c r="V16775" s="2">
        <v>2.028</v>
      </c>
      <c r="W16775" s="2">
        <v>1.4999999999999999E-2</v>
      </c>
      <c r="X16775" s="2">
        <v>118.9</v>
      </c>
      <c r="Y16775" s="2">
        <v>7.6</v>
      </c>
      <c r="Z16775" s="2">
        <v>16.7</v>
      </c>
      <c r="AA16775" s="5"/>
      <c r="AB16775" s="5" t="s">
        <v>43</v>
      </c>
      <c r="AC16775" s="5" t="s">
        <v>44</v>
      </c>
      <c r="AD16775" s="2"/>
      <c r="AE16775" s="1"/>
    </row>
    <row r="16776" spans="1:31" ht="14.45">
      <c r="A16776" s="11"/>
      <c r="B16776" s="20"/>
      <c r="C16776" s="2" t="s">
        <v>51286</v>
      </c>
      <c r="D16776" s="14" t="s">
        <v>51287</v>
      </c>
      <c r="E16776" s="2" t="s">
        <v>51288</v>
      </c>
      <c r="F16776" s="2" t="s">
        <v>36389</v>
      </c>
      <c r="G16776" s="8">
        <v>297</v>
      </c>
      <c r="H16776" s="5">
        <v>6</v>
      </c>
      <c r="I16776" s="5" t="s">
        <v>1518</v>
      </c>
      <c r="J16776" s="5" t="s">
        <v>36264</v>
      </c>
      <c r="K16776" s="2" t="s">
        <v>36265</v>
      </c>
      <c r="L16776" s="5" t="s">
        <v>36264</v>
      </c>
      <c r="M16776" s="2" t="s">
        <v>36265</v>
      </c>
      <c r="N16776" s="5" t="s">
        <v>36266</v>
      </c>
      <c r="O16776" s="5" t="s">
        <v>38</v>
      </c>
      <c r="P16776" s="5" t="s">
        <v>39</v>
      </c>
      <c r="Q16776" s="5" t="s">
        <v>40</v>
      </c>
      <c r="R16776" s="5" t="s">
        <v>1522</v>
      </c>
      <c r="S16776" s="5" t="s">
        <v>1523</v>
      </c>
      <c r="T16776" s="5" t="s">
        <v>42</v>
      </c>
      <c r="U16776" s="2">
        <v>2.6619999999999999</v>
      </c>
      <c r="V16776" s="2">
        <v>2.105</v>
      </c>
      <c r="W16776" s="2">
        <v>1.4999999999999999E-2</v>
      </c>
      <c r="X16776" s="2">
        <v>118.9</v>
      </c>
      <c r="Y16776" s="2">
        <v>7.6</v>
      </c>
      <c r="Z16776" s="2">
        <v>16.7</v>
      </c>
      <c r="AA16776" s="5"/>
      <c r="AB16776" s="5" t="s">
        <v>43</v>
      </c>
      <c r="AC16776" s="5" t="s">
        <v>44</v>
      </c>
      <c r="AD16776" s="2"/>
      <c r="AE16776" s="1"/>
    </row>
    <row r="16777" spans="1:31" ht="14.45">
      <c r="A16777" s="11"/>
      <c r="B16777" s="20"/>
      <c r="C16777" s="2" t="s">
        <v>51289</v>
      </c>
      <c r="D16777" s="14" t="s">
        <v>51290</v>
      </c>
      <c r="E16777" s="2" t="s">
        <v>51291</v>
      </c>
      <c r="F16777" s="2" t="s">
        <v>7204</v>
      </c>
      <c r="G16777" s="8">
        <v>280</v>
      </c>
      <c r="H16777" s="5">
        <v>6</v>
      </c>
      <c r="I16777" s="5" t="s">
        <v>1518</v>
      </c>
      <c r="J16777" s="5" t="s">
        <v>36264</v>
      </c>
      <c r="K16777" s="2" t="s">
        <v>36265</v>
      </c>
      <c r="L16777" s="5" t="s">
        <v>36264</v>
      </c>
      <c r="M16777" s="2" t="s">
        <v>36265</v>
      </c>
      <c r="N16777" s="5" t="s">
        <v>36266</v>
      </c>
      <c r="O16777" s="5" t="s">
        <v>38</v>
      </c>
      <c r="P16777" s="5" t="s">
        <v>39</v>
      </c>
      <c r="Q16777" s="5" t="s">
        <v>40</v>
      </c>
      <c r="R16777" s="5" t="s">
        <v>1522</v>
      </c>
      <c r="S16777" s="5" t="s">
        <v>1523</v>
      </c>
      <c r="T16777" s="5" t="s">
        <v>42</v>
      </c>
      <c r="U16777" s="2">
        <v>2.8330000000000002</v>
      </c>
      <c r="V16777" s="2">
        <v>2.202</v>
      </c>
      <c r="W16777" s="2">
        <v>1.7999999999999999E-2</v>
      </c>
      <c r="X16777" s="2">
        <v>139.1</v>
      </c>
      <c r="Y16777" s="2">
        <v>7.6</v>
      </c>
      <c r="Z16777" s="2">
        <v>16.7</v>
      </c>
      <c r="AA16777" s="5"/>
      <c r="AB16777" s="5" t="s">
        <v>43</v>
      </c>
      <c r="AC16777" s="5" t="s">
        <v>44</v>
      </c>
      <c r="AD16777" s="2"/>
      <c r="AE16777" s="1"/>
    </row>
    <row r="16778" spans="1:31" ht="14.45">
      <c r="A16778" s="11"/>
      <c r="B16778" s="20"/>
      <c r="C16778" s="2" t="s">
        <v>51292</v>
      </c>
      <c r="D16778" s="14" t="s">
        <v>51293</v>
      </c>
      <c r="E16778" s="2" t="s">
        <v>51294</v>
      </c>
      <c r="F16778" s="2" t="s">
        <v>7514</v>
      </c>
      <c r="G16778" s="8">
        <v>280</v>
      </c>
      <c r="H16778" s="5">
        <v>6</v>
      </c>
      <c r="I16778" s="5" t="s">
        <v>1518</v>
      </c>
      <c r="J16778" s="5" t="s">
        <v>36264</v>
      </c>
      <c r="K16778" s="2" t="s">
        <v>36265</v>
      </c>
      <c r="L16778" s="5" t="s">
        <v>36264</v>
      </c>
      <c r="M16778" s="2" t="s">
        <v>36265</v>
      </c>
      <c r="N16778" s="5" t="s">
        <v>36266</v>
      </c>
      <c r="O16778" s="5" t="s">
        <v>38</v>
      </c>
      <c r="P16778" s="5" t="s">
        <v>39</v>
      </c>
      <c r="Q16778" s="5" t="s">
        <v>40</v>
      </c>
      <c r="R16778" s="5" t="s">
        <v>1522</v>
      </c>
      <c r="S16778" s="5" t="s">
        <v>1523</v>
      </c>
      <c r="T16778" s="5" t="s">
        <v>42</v>
      </c>
      <c r="U16778" s="2">
        <v>2.9220000000000002</v>
      </c>
      <c r="V16778" s="2">
        <v>2.2909999999999999</v>
      </c>
      <c r="W16778" s="2">
        <v>1.7999999999999999E-2</v>
      </c>
      <c r="X16778" s="2">
        <v>139.1</v>
      </c>
      <c r="Y16778" s="2">
        <v>7.6</v>
      </c>
      <c r="Z16778" s="2">
        <v>16.7</v>
      </c>
      <c r="AA16778" s="5"/>
      <c r="AB16778" s="5" t="s">
        <v>43</v>
      </c>
      <c r="AC16778" s="5" t="s">
        <v>44</v>
      </c>
      <c r="AD16778" s="2"/>
      <c r="AE16778" s="1"/>
    </row>
    <row r="16779" spans="1:31" ht="14.45">
      <c r="A16779" s="11"/>
      <c r="B16779" s="20"/>
      <c r="C16779" s="2" t="s">
        <v>51295</v>
      </c>
      <c r="D16779" s="14" t="s">
        <v>51296</v>
      </c>
      <c r="E16779" s="2" t="s">
        <v>51297</v>
      </c>
      <c r="F16779" s="2" t="s">
        <v>36277</v>
      </c>
      <c r="G16779" s="8">
        <v>280</v>
      </c>
      <c r="H16779" s="5">
        <v>6</v>
      </c>
      <c r="I16779" s="5" t="s">
        <v>1518</v>
      </c>
      <c r="J16779" s="5" t="s">
        <v>36264</v>
      </c>
      <c r="K16779" s="2" t="s">
        <v>36265</v>
      </c>
      <c r="L16779" s="5" t="s">
        <v>36264</v>
      </c>
      <c r="M16779" s="2" t="s">
        <v>36265</v>
      </c>
      <c r="N16779" s="5" t="s">
        <v>36266</v>
      </c>
      <c r="O16779" s="5" t="s">
        <v>38</v>
      </c>
      <c r="P16779" s="5" t="s">
        <v>39</v>
      </c>
      <c r="Q16779" s="5" t="s">
        <v>40</v>
      </c>
      <c r="R16779" s="5" t="s">
        <v>1522</v>
      </c>
      <c r="S16779" s="5" t="s">
        <v>1523</v>
      </c>
      <c r="T16779" s="5" t="s">
        <v>42</v>
      </c>
      <c r="U16779" s="2">
        <v>2.9220000000000002</v>
      </c>
      <c r="V16779" s="2">
        <v>2.2909999999999999</v>
      </c>
      <c r="W16779" s="2">
        <v>1.7999999999999999E-2</v>
      </c>
      <c r="X16779" s="2">
        <v>139.1</v>
      </c>
      <c r="Y16779" s="2">
        <v>7.6</v>
      </c>
      <c r="Z16779" s="2">
        <v>16.7</v>
      </c>
      <c r="AA16779" s="5"/>
      <c r="AB16779" s="5" t="s">
        <v>43</v>
      </c>
      <c r="AC16779" s="5" t="s">
        <v>44</v>
      </c>
      <c r="AD16779" s="2"/>
      <c r="AE16779" s="1"/>
    </row>
    <row r="16780" spans="1:31" ht="14.45">
      <c r="A16780" s="11"/>
      <c r="B16780" s="20"/>
      <c r="C16780" s="2" t="s">
        <v>51298</v>
      </c>
      <c r="D16780" s="14" t="s">
        <v>51299</v>
      </c>
      <c r="E16780" s="2" t="s">
        <v>51300</v>
      </c>
      <c r="F16780" s="2" t="s">
        <v>36285</v>
      </c>
      <c r="G16780" s="8">
        <v>302</v>
      </c>
      <c r="H16780" s="5">
        <v>6</v>
      </c>
      <c r="I16780" s="5" t="s">
        <v>1518</v>
      </c>
      <c r="J16780" s="5" t="s">
        <v>36264</v>
      </c>
      <c r="K16780" s="2" t="s">
        <v>36265</v>
      </c>
      <c r="L16780" s="5" t="s">
        <v>36264</v>
      </c>
      <c r="M16780" s="2" t="s">
        <v>36265</v>
      </c>
      <c r="N16780" s="5" t="s">
        <v>36266</v>
      </c>
      <c r="O16780" s="5" t="s">
        <v>38</v>
      </c>
      <c r="P16780" s="5" t="s">
        <v>39</v>
      </c>
      <c r="Q16780" s="5" t="s">
        <v>40</v>
      </c>
      <c r="R16780" s="5" t="s">
        <v>1522</v>
      </c>
      <c r="S16780" s="5" t="s">
        <v>1523</v>
      </c>
      <c r="T16780" s="5" t="s">
        <v>42</v>
      </c>
      <c r="U16780" s="2">
        <v>2.9220000000000002</v>
      </c>
      <c r="V16780" s="2">
        <v>2.2909999999999999</v>
      </c>
      <c r="W16780" s="2">
        <v>1.7999999999999999E-2</v>
      </c>
      <c r="X16780" s="2">
        <v>139.1</v>
      </c>
      <c r="Y16780" s="2">
        <v>7.6</v>
      </c>
      <c r="Z16780" s="2">
        <v>16.7</v>
      </c>
      <c r="AA16780" s="5"/>
      <c r="AB16780" s="5" t="s">
        <v>43</v>
      </c>
      <c r="AC16780" s="5" t="s">
        <v>44</v>
      </c>
      <c r="AD16780" s="2"/>
      <c r="AE16780" s="1"/>
    </row>
    <row r="16781" spans="1:31" ht="14.45">
      <c r="A16781" s="11"/>
      <c r="B16781" s="20"/>
      <c r="C16781" s="2" t="s">
        <v>51301</v>
      </c>
      <c r="D16781" s="14" t="s">
        <v>51302</v>
      </c>
      <c r="E16781" s="2" t="s">
        <v>51303</v>
      </c>
      <c r="F16781" s="2" t="s">
        <v>36289</v>
      </c>
      <c r="G16781" s="8">
        <v>302</v>
      </c>
      <c r="H16781" s="5">
        <v>6</v>
      </c>
      <c r="I16781" s="5" t="s">
        <v>1518</v>
      </c>
      <c r="J16781" s="5" t="s">
        <v>36264</v>
      </c>
      <c r="K16781" s="2" t="s">
        <v>36265</v>
      </c>
      <c r="L16781" s="5" t="s">
        <v>36264</v>
      </c>
      <c r="M16781" s="2" t="s">
        <v>36265</v>
      </c>
      <c r="N16781" s="5" t="s">
        <v>36266</v>
      </c>
      <c r="O16781" s="5" t="s">
        <v>38</v>
      </c>
      <c r="P16781" s="5" t="s">
        <v>39</v>
      </c>
      <c r="Q16781" s="5" t="s">
        <v>40</v>
      </c>
      <c r="R16781" s="5" t="s">
        <v>1522</v>
      </c>
      <c r="S16781" s="5" t="s">
        <v>1523</v>
      </c>
      <c r="T16781" s="5" t="s">
        <v>42</v>
      </c>
      <c r="U16781" s="2">
        <v>2.8330000000000002</v>
      </c>
      <c r="V16781" s="2">
        <v>2.202</v>
      </c>
      <c r="W16781" s="2">
        <v>1.7999999999999999E-2</v>
      </c>
      <c r="X16781" s="2">
        <v>139.1</v>
      </c>
      <c r="Y16781" s="2">
        <v>7.6</v>
      </c>
      <c r="Z16781" s="2">
        <v>16.7</v>
      </c>
      <c r="AA16781" s="5"/>
      <c r="AB16781" s="5" t="s">
        <v>43</v>
      </c>
      <c r="AC16781" s="5" t="s">
        <v>44</v>
      </c>
      <c r="AD16781" s="2"/>
      <c r="AE16781" s="1"/>
    </row>
    <row r="16782" spans="1:31" ht="14.45">
      <c r="A16782" s="11"/>
      <c r="B16782" s="20"/>
      <c r="C16782" s="2" t="s">
        <v>51304</v>
      </c>
      <c r="D16782" s="14" t="s">
        <v>51305</v>
      </c>
      <c r="E16782" s="2" t="s">
        <v>51306</v>
      </c>
      <c r="F16782" s="2" t="s">
        <v>36293</v>
      </c>
      <c r="G16782" s="8">
        <v>302</v>
      </c>
      <c r="H16782" s="5">
        <v>6</v>
      </c>
      <c r="I16782" s="5" t="s">
        <v>1518</v>
      </c>
      <c r="J16782" s="5" t="s">
        <v>36264</v>
      </c>
      <c r="K16782" s="2" t="s">
        <v>36265</v>
      </c>
      <c r="L16782" s="5" t="s">
        <v>36264</v>
      </c>
      <c r="M16782" s="2" t="s">
        <v>36265</v>
      </c>
      <c r="N16782" s="5" t="s">
        <v>36266</v>
      </c>
      <c r="O16782" s="5" t="s">
        <v>38</v>
      </c>
      <c r="P16782" s="5" t="s">
        <v>39</v>
      </c>
      <c r="Q16782" s="5" t="s">
        <v>40</v>
      </c>
      <c r="R16782" s="5" t="s">
        <v>1522</v>
      </c>
      <c r="S16782" s="5" t="s">
        <v>1523</v>
      </c>
      <c r="T16782" s="5" t="s">
        <v>42</v>
      </c>
      <c r="U16782" s="2">
        <v>2.9220000000000002</v>
      </c>
      <c r="V16782" s="2">
        <v>2.2909999999999999</v>
      </c>
      <c r="W16782" s="2">
        <v>1.7999999999999999E-2</v>
      </c>
      <c r="X16782" s="2">
        <v>139.1</v>
      </c>
      <c r="Y16782" s="2">
        <v>7.6</v>
      </c>
      <c r="Z16782" s="2">
        <v>16.7</v>
      </c>
      <c r="AA16782" s="5"/>
      <c r="AB16782" s="5" t="s">
        <v>43</v>
      </c>
      <c r="AC16782" s="5" t="s">
        <v>44</v>
      </c>
      <c r="AD16782" s="2"/>
      <c r="AE16782" s="1"/>
    </row>
    <row r="16783" spans="1:31" ht="14.45">
      <c r="A16783" s="11"/>
      <c r="B16783" s="20"/>
      <c r="C16783" s="2" t="s">
        <v>51307</v>
      </c>
      <c r="D16783" s="14" t="s">
        <v>51308</v>
      </c>
      <c r="E16783" s="2" t="s">
        <v>51309</v>
      </c>
      <c r="F16783" s="2" t="s">
        <v>36301</v>
      </c>
      <c r="G16783" s="8">
        <v>280</v>
      </c>
      <c r="H16783" s="5">
        <v>6</v>
      </c>
      <c r="I16783" s="5" t="s">
        <v>1518</v>
      </c>
      <c r="J16783" s="5" t="s">
        <v>36264</v>
      </c>
      <c r="K16783" s="2" t="s">
        <v>36265</v>
      </c>
      <c r="L16783" s="5" t="s">
        <v>36264</v>
      </c>
      <c r="M16783" s="2" t="s">
        <v>36265</v>
      </c>
      <c r="N16783" s="5" t="s">
        <v>36266</v>
      </c>
      <c r="O16783" s="5" t="s">
        <v>38</v>
      </c>
      <c r="P16783" s="5" t="s">
        <v>39</v>
      </c>
      <c r="Q16783" s="5" t="s">
        <v>40</v>
      </c>
      <c r="R16783" s="5" t="s">
        <v>1522</v>
      </c>
      <c r="S16783" s="5" t="s">
        <v>1523</v>
      </c>
      <c r="T16783" s="5" t="s">
        <v>42</v>
      </c>
      <c r="U16783" s="2">
        <v>2.9220000000000002</v>
      </c>
      <c r="V16783" s="2">
        <v>2.2909999999999999</v>
      </c>
      <c r="W16783" s="2">
        <v>1.7999999999999999E-2</v>
      </c>
      <c r="X16783" s="2">
        <v>139.1</v>
      </c>
      <c r="Y16783" s="2">
        <v>7.6</v>
      </c>
      <c r="Z16783" s="2">
        <v>16.7</v>
      </c>
      <c r="AA16783" s="5"/>
      <c r="AB16783" s="5" t="s">
        <v>43</v>
      </c>
      <c r="AC16783" s="5" t="s">
        <v>44</v>
      </c>
      <c r="AD16783" s="2"/>
      <c r="AE16783" s="1"/>
    </row>
    <row r="16784" spans="1:31" ht="14.45">
      <c r="A16784" s="11"/>
      <c r="B16784" s="20"/>
      <c r="C16784" s="2" t="s">
        <v>51310</v>
      </c>
      <c r="D16784" s="14" t="s">
        <v>51311</v>
      </c>
      <c r="E16784" s="2" t="s">
        <v>51312</v>
      </c>
      <c r="F16784" s="2" t="s">
        <v>36305</v>
      </c>
      <c r="G16784" s="8">
        <v>280</v>
      </c>
      <c r="H16784" s="5">
        <v>6</v>
      </c>
      <c r="I16784" s="5" t="s">
        <v>1518</v>
      </c>
      <c r="J16784" s="5" t="s">
        <v>36264</v>
      </c>
      <c r="K16784" s="2" t="s">
        <v>36265</v>
      </c>
      <c r="L16784" s="5" t="s">
        <v>36264</v>
      </c>
      <c r="M16784" s="2" t="s">
        <v>36265</v>
      </c>
      <c r="N16784" s="5" t="s">
        <v>36266</v>
      </c>
      <c r="O16784" s="5" t="s">
        <v>38</v>
      </c>
      <c r="P16784" s="5" t="s">
        <v>39</v>
      </c>
      <c r="Q16784" s="5" t="s">
        <v>40</v>
      </c>
      <c r="R16784" s="5" t="s">
        <v>1522</v>
      </c>
      <c r="S16784" s="5" t="s">
        <v>1523</v>
      </c>
      <c r="T16784" s="5" t="s">
        <v>42</v>
      </c>
      <c r="U16784" s="2">
        <v>2.8330000000000002</v>
      </c>
      <c r="V16784" s="2">
        <v>2.202</v>
      </c>
      <c r="W16784" s="2">
        <v>1.7999999999999999E-2</v>
      </c>
      <c r="X16784" s="2">
        <v>139.1</v>
      </c>
      <c r="Y16784" s="2">
        <v>7.6</v>
      </c>
      <c r="Z16784" s="2">
        <v>16.7</v>
      </c>
      <c r="AA16784" s="5"/>
      <c r="AB16784" s="5" t="s">
        <v>43</v>
      </c>
      <c r="AC16784" s="5" t="s">
        <v>44</v>
      </c>
      <c r="AD16784" s="2"/>
      <c r="AE16784" s="1"/>
    </row>
    <row r="16785" spans="1:31" ht="14.45">
      <c r="A16785" s="11"/>
      <c r="B16785" s="20"/>
      <c r="C16785" s="2" t="s">
        <v>51313</v>
      </c>
      <c r="D16785" s="14" t="s">
        <v>51314</v>
      </c>
      <c r="E16785" s="2" t="s">
        <v>51315</v>
      </c>
      <c r="F16785" s="2" t="s">
        <v>36309</v>
      </c>
      <c r="G16785" s="8">
        <v>280</v>
      </c>
      <c r="H16785" s="5">
        <v>6</v>
      </c>
      <c r="I16785" s="5" t="s">
        <v>1518</v>
      </c>
      <c r="J16785" s="5" t="s">
        <v>36264</v>
      </c>
      <c r="K16785" s="2" t="s">
        <v>36265</v>
      </c>
      <c r="L16785" s="5" t="s">
        <v>36264</v>
      </c>
      <c r="M16785" s="2" t="s">
        <v>36265</v>
      </c>
      <c r="N16785" s="5" t="s">
        <v>36266</v>
      </c>
      <c r="O16785" s="5" t="s">
        <v>38</v>
      </c>
      <c r="P16785" s="5" t="s">
        <v>39</v>
      </c>
      <c r="Q16785" s="5" t="s">
        <v>40</v>
      </c>
      <c r="R16785" s="5" t="s">
        <v>1522</v>
      </c>
      <c r="S16785" s="5" t="s">
        <v>1523</v>
      </c>
      <c r="T16785" s="5" t="s">
        <v>42</v>
      </c>
      <c r="U16785" s="2">
        <v>2.9220000000000002</v>
      </c>
      <c r="V16785" s="2">
        <v>2.2909999999999999</v>
      </c>
      <c r="W16785" s="2">
        <v>1.7999999999999999E-2</v>
      </c>
      <c r="X16785" s="2">
        <v>139.1</v>
      </c>
      <c r="Y16785" s="2">
        <v>7.6</v>
      </c>
      <c r="Z16785" s="2">
        <v>16.7</v>
      </c>
      <c r="AA16785" s="5"/>
      <c r="AB16785" s="5" t="s">
        <v>43</v>
      </c>
      <c r="AC16785" s="5" t="s">
        <v>44</v>
      </c>
      <c r="AD16785" s="2"/>
      <c r="AE16785" s="1"/>
    </row>
    <row r="16786" spans="1:31" ht="14.45">
      <c r="A16786" s="11"/>
      <c r="B16786" s="20"/>
      <c r="C16786" s="2" t="s">
        <v>51316</v>
      </c>
      <c r="D16786" s="14" t="s">
        <v>51317</v>
      </c>
      <c r="E16786" s="2" t="s">
        <v>51318</v>
      </c>
      <c r="F16786" s="2" t="s">
        <v>36317</v>
      </c>
      <c r="G16786" s="8">
        <v>302</v>
      </c>
      <c r="H16786" s="5">
        <v>6</v>
      </c>
      <c r="I16786" s="5" t="s">
        <v>1518</v>
      </c>
      <c r="J16786" s="5" t="s">
        <v>36264</v>
      </c>
      <c r="K16786" s="2" t="s">
        <v>36265</v>
      </c>
      <c r="L16786" s="5" t="s">
        <v>36264</v>
      </c>
      <c r="M16786" s="2" t="s">
        <v>36265</v>
      </c>
      <c r="N16786" s="5" t="s">
        <v>36266</v>
      </c>
      <c r="O16786" s="5" t="s">
        <v>38</v>
      </c>
      <c r="P16786" s="5" t="s">
        <v>39</v>
      </c>
      <c r="Q16786" s="5" t="s">
        <v>40</v>
      </c>
      <c r="R16786" s="5" t="s">
        <v>1522</v>
      </c>
      <c r="S16786" s="5" t="s">
        <v>1523</v>
      </c>
      <c r="T16786" s="5" t="s">
        <v>42</v>
      </c>
      <c r="U16786" s="2">
        <v>2.9220000000000002</v>
      </c>
      <c r="V16786" s="2">
        <v>2.2909999999999999</v>
      </c>
      <c r="W16786" s="2">
        <v>1.7999999999999999E-2</v>
      </c>
      <c r="X16786" s="2">
        <v>139.1</v>
      </c>
      <c r="Y16786" s="2">
        <v>7.6</v>
      </c>
      <c r="Z16786" s="2">
        <v>16.7</v>
      </c>
      <c r="AA16786" s="5"/>
      <c r="AB16786" s="5" t="s">
        <v>43</v>
      </c>
      <c r="AC16786" s="5" t="s">
        <v>44</v>
      </c>
      <c r="AD16786" s="2"/>
      <c r="AE16786" s="1"/>
    </row>
    <row r="16787" spans="1:31" ht="14.45">
      <c r="A16787" s="11"/>
      <c r="B16787" s="20"/>
      <c r="C16787" s="2" t="s">
        <v>51319</v>
      </c>
      <c r="D16787" s="14" t="s">
        <v>51320</v>
      </c>
      <c r="E16787" s="2" t="s">
        <v>51321</v>
      </c>
      <c r="F16787" s="2" t="s">
        <v>36325</v>
      </c>
      <c r="G16787" s="8">
        <v>302</v>
      </c>
      <c r="H16787" s="5">
        <v>6</v>
      </c>
      <c r="I16787" s="5" t="s">
        <v>1518</v>
      </c>
      <c r="J16787" s="5" t="s">
        <v>36264</v>
      </c>
      <c r="K16787" s="2" t="s">
        <v>36265</v>
      </c>
      <c r="L16787" s="5" t="s">
        <v>36264</v>
      </c>
      <c r="M16787" s="2" t="s">
        <v>36265</v>
      </c>
      <c r="N16787" s="5" t="s">
        <v>36266</v>
      </c>
      <c r="O16787" s="5" t="s">
        <v>38</v>
      </c>
      <c r="P16787" s="5" t="s">
        <v>39</v>
      </c>
      <c r="Q16787" s="5" t="s">
        <v>40</v>
      </c>
      <c r="R16787" s="5" t="s">
        <v>1522</v>
      </c>
      <c r="S16787" s="5" t="s">
        <v>1523</v>
      </c>
      <c r="T16787" s="5" t="s">
        <v>42</v>
      </c>
      <c r="U16787" s="2">
        <v>2.9220000000000002</v>
      </c>
      <c r="V16787" s="2">
        <v>2.2909999999999999</v>
      </c>
      <c r="W16787" s="2">
        <v>1.7999999999999999E-2</v>
      </c>
      <c r="X16787" s="2">
        <v>139.1</v>
      </c>
      <c r="Y16787" s="2">
        <v>7.6</v>
      </c>
      <c r="Z16787" s="2">
        <v>16.7</v>
      </c>
      <c r="AA16787" s="5"/>
      <c r="AB16787" s="5" t="s">
        <v>43</v>
      </c>
      <c r="AC16787" s="5" t="s">
        <v>44</v>
      </c>
      <c r="AD16787" s="2"/>
      <c r="AE16787" s="1"/>
    </row>
    <row r="16788" spans="1:31" ht="14.45">
      <c r="A16788" s="11"/>
      <c r="B16788" s="20"/>
      <c r="C16788" s="2" t="s">
        <v>51322</v>
      </c>
      <c r="D16788" s="14" t="s">
        <v>51323</v>
      </c>
      <c r="E16788" s="2" t="s">
        <v>51324</v>
      </c>
      <c r="F16788" s="2" t="s">
        <v>36329</v>
      </c>
      <c r="G16788" s="8">
        <v>302</v>
      </c>
      <c r="H16788" s="5">
        <v>6</v>
      </c>
      <c r="I16788" s="5" t="s">
        <v>1518</v>
      </c>
      <c r="J16788" s="5" t="s">
        <v>36264</v>
      </c>
      <c r="K16788" s="2" t="s">
        <v>36265</v>
      </c>
      <c r="L16788" s="5" t="s">
        <v>36264</v>
      </c>
      <c r="M16788" s="2" t="s">
        <v>36265</v>
      </c>
      <c r="N16788" s="5" t="s">
        <v>36266</v>
      </c>
      <c r="O16788" s="5" t="s">
        <v>38</v>
      </c>
      <c r="P16788" s="5" t="s">
        <v>39</v>
      </c>
      <c r="Q16788" s="5" t="s">
        <v>40</v>
      </c>
      <c r="R16788" s="5" t="s">
        <v>1522</v>
      </c>
      <c r="S16788" s="5" t="s">
        <v>1523</v>
      </c>
      <c r="T16788" s="5" t="s">
        <v>42</v>
      </c>
      <c r="U16788" s="2">
        <v>2.8330000000000002</v>
      </c>
      <c r="V16788" s="2">
        <v>2.202</v>
      </c>
      <c r="W16788" s="2">
        <v>1.7999999999999999E-2</v>
      </c>
      <c r="X16788" s="2">
        <v>139.1</v>
      </c>
      <c r="Y16788" s="2">
        <v>7.6</v>
      </c>
      <c r="Z16788" s="2">
        <v>16.7</v>
      </c>
      <c r="AA16788" s="5"/>
      <c r="AB16788" s="5" t="s">
        <v>43</v>
      </c>
      <c r="AC16788" s="5" t="s">
        <v>44</v>
      </c>
      <c r="AD16788" s="2"/>
      <c r="AE16788" s="1"/>
    </row>
    <row r="16789" spans="1:31" ht="14.45">
      <c r="A16789" s="11"/>
      <c r="B16789" s="20"/>
      <c r="C16789" s="2" t="s">
        <v>51325</v>
      </c>
      <c r="D16789" s="14" t="s">
        <v>51326</v>
      </c>
      <c r="E16789" s="2" t="s">
        <v>51327</v>
      </c>
      <c r="F16789" s="2" t="s">
        <v>36333</v>
      </c>
      <c r="G16789" s="8">
        <v>302</v>
      </c>
      <c r="H16789" s="5">
        <v>6</v>
      </c>
      <c r="I16789" s="5" t="s">
        <v>1518</v>
      </c>
      <c r="J16789" s="5" t="s">
        <v>36264</v>
      </c>
      <c r="K16789" s="2" t="s">
        <v>36265</v>
      </c>
      <c r="L16789" s="5" t="s">
        <v>36264</v>
      </c>
      <c r="M16789" s="2" t="s">
        <v>36265</v>
      </c>
      <c r="N16789" s="5" t="s">
        <v>36266</v>
      </c>
      <c r="O16789" s="5" t="s">
        <v>38</v>
      </c>
      <c r="P16789" s="5" t="s">
        <v>39</v>
      </c>
      <c r="Q16789" s="5" t="s">
        <v>40</v>
      </c>
      <c r="R16789" s="5" t="s">
        <v>1522</v>
      </c>
      <c r="S16789" s="5" t="s">
        <v>1523</v>
      </c>
      <c r="T16789" s="5" t="s">
        <v>42</v>
      </c>
      <c r="U16789" s="2">
        <v>2.9220000000000002</v>
      </c>
      <c r="V16789" s="2">
        <v>2.2909999999999999</v>
      </c>
      <c r="W16789" s="2">
        <v>1.7999999999999999E-2</v>
      </c>
      <c r="X16789" s="2">
        <v>139.1</v>
      </c>
      <c r="Y16789" s="2">
        <v>7.6</v>
      </c>
      <c r="Z16789" s="2">
        <v>16.7</v>
      </c>
      <c r="AA16789" s="5"/>
      <c r="AB16789" s="5" t="s">
        <v>43</v>
      </c>
      <c r="AC16789" s="5" t="s">
        <v>44</v>
      </c>
      <c r="AD16789" s="2"/>
      <c r="AE16789" s="1"/>
    </row>
    <row r="16790" spans="1:31" ht="14.45">
      <c r="A16790" s="11"/>
      <c r="B16790" s="20"/>
      <c r="C16790" s="2" t="s">
        <v>51328</v>
      </c>
      <c r="D16790" s="14" t="s">
        <v>51329</v>
      </c>
      <c r="E16790" s="2" t="s">
        <v>51330</v>
      </c>
      <c r="F16790" s="2" t="s">
        <v>36337</v>
      </c>
      <c r="G16790" s="8">
        <v>302</v>
      </c>
      <c r="H16790" s="5">
        <v>6</v>
      </c>
      <c r="I16790" s="5" t="s">
        <v>1518</v>
      </c>
      <c r="J16790" s="5" t="s">
        <v>36264</v>
      </c>
      <c r="K16790" s="2" t="s">
        <v>36265</v>
      </c>
      <c r="L16790" s="5" t="s">
        <v>36264</v>
      </c>
      <c r="M16790" s="2" t="s">
        <v>36265</v>
      </c>
      <c r="N16790" s="5" t="s">
        <v>36266</v>
      </c>
      <c r="O16790" s="5" t="s">
        <v>38</v>
      </c>
      <c r="P16790" s="5" t="s">
        <v>39</v>
      </c>
      <c r="Q16790" s="5" t="s">
        <v>40</v>
      </c>
      <c r="R16790" s="5" t="s">
        <v>1522</v>
      </c>
      <c r="S16790" s="5" t="s">
        <v>1523</v>
      </c>
      <c r="T16790" s="5" t="s">
        <v>42</v>
      </c>
      <c r="U16790" s="2">
        <v>2.8330000000000002</v>
      </c>
      <c r="V16790" s="2">
        <v>2.202</v>
      </c>
      <c r="W16790" s="2">
        <v>1.7999999999999999E-2</v>
      </c>
      <c r="X16790" s="2">
        <v>139.1</v>
      </c>
      <c r="Y16790" s="2">
        <v>7.6</v>
      </c>
      <c r="Z16790" s="2">
        <v>16.7</v>
      </c>
      <c r="AA16790" s="5"/>
      <c r="AB16790" s="5" t="s">
        <v>43</v>
      </c>
      <c r="AC16790" s="5" t="s">
        <v>44</v>
      </c>
      <c r="AD16790" s="2"/>
      <c r="AE16790" s="1"/>
    </row>
    <row r="16791" spans="1:31" ht="14.45">
      <c r="A16791" s="11"/>
      <c r="B16791" s="20"/>
      <c r="C16791" s="2" t="s">
        <v>51331</v>
      </c>
      <c r="D16791" s="14" t="s">
        <v>51332</v>
      </c>
      <c r="E16791" s="2" t="s">
        <v>51333</v>
      </c>
      <c r="F16791" s="2" t="s">
        <v>36341</v>
      </c>
      <c r="G16791" s="8">
        <v>302</v>
      </c>
      <c r="H16791" s="5">
        <v>6</v>
      </c>
      <c r="I16791" s="5" t="s">
        <v>1518</v>
      </c>
      <c r="J16791" s="5" t="s">
        <v>36264</v>
      </c>
      <c r="K16791" s="2" t="s">
        <v>36265</v>
      </c>
      <c r="L16791" s="5" t="s">
        <v>36264</v>
      </c>
      <c r="M16791" s="2" t="s">
        <v>36265</v>
      </c>
      <c r="N16791" s="5" t="s">
        <v>36266</v>
      </c>
      <c r="O16791" s="5" t="s">
        <v>38</v>
      </c>
      <c r="P16791" s="5" t="s">
        <v>39</v>
      </c>
      <c r="Q16791" s="5" t="s">
        <v>40</v>
      </c>
      <c r="R16791" s="5" t="s">
        <v>1522</v>
      </c>
      <c r="S16791" s="5" t="s">
        <v>1523</v>
      </c>
      <c r="T16791" s="5" t="s">
        <v>42</v>
      </c>
      <c r="U16791" s="2">
        <v>2.9220000000000002</v>
      </c>
      <c r="V16791" s="2">
        <v>2.2909999999999999</v>
      </c>
      <c r="W16791" s="2">
        <v>1.7999999999999999E-2</v>
      </c>
      <c r="X16791" s="2">
        <v>139.1</v>
      </c>
      <c r="Y16791" s="2">
        <v>7.6</v>
      </c>
      <c r="Z16791" s="2">
        <v>16.7</v>
      </c>
      <c r="AA16791" s="5"/>
      <c r="AB16791" s="5" t="s">
        <v>43</v>
      </c>
      <c r="AC16791" s="5" t="s">
        <v>44</v>
      </c>
      <c r="AD16791" s="2"/>
      <c r="AE16791" s="1"/>
    </row>
    <row r="16792" spans="1:31" ht="14.45">
      <c r="A16792" s="11"/>
      <c r="B16792" s="20"/>
      <c r="C16792" s="2" t="s">
        <v>51334</v>
      </c>
      <c r="D16792" s="14" t="s">
        <v>51335</v>
      </c>
      <c r="E16792" s="2" t="s">
        <v>51336</v>
      </c>
      <c r="F16792" s="2" t="s">
        <v>36349</v>
      </c>
      <c r="G16792" s="8">
        <v>302</v>
      </c>
      <c r="H16792" s="5">
        <v>6</v>
      </c>
      <c r="I16792" s="5" t="s">
        <v>1518</v>
      </c>
      <c r="J16792" s="5" t="s">
        <v>36264</v>
      </c>
      <c r="K16792" s="2" t="s">
        <v>36265</v>
      </c>
      <c r="L16792" s="5" t="s">
        <v>36264</v>
      </c>
      <c r="M16792" s="2" t="s">
        <v>36265</v>
      </c>
      <c r="N16792" s="5" t="s">
        <v>36266</v>
      </c>
      <c r="O16792" s="5" t="s">
        <v>38</v>
      </c>
      <c r="P16792" s="5" t="s">
        <v>39</v>
      </c>
      <c r="Q16792" s="5" t="s">
        <v>40</v>
      </c>
      <c r="R16792" s="5" t="s">
        <v>1522</v>
      </c>
      <c r="S16792" s="5" t="s">
        <v>1523</v>
      </c>
      <c r="T16792" s="5" t="s">
        <v>42</v>
      </c>
      <c r="U16792" s="2">
        <v>2.9220000000000002</v>
      </c>
      <c r="V16792" s="2">
        <v>2.2909999999999999</v>
      </c>
      <c r="W16792" s="2">
        <v>1.7999999999999999E-2</v>
      </c>
      <c r="X16792" s="2">
        <v>139.1</v>
      </c>
      <c r="Y16792" s="2">
        <v>7.6</v>
      </c>
      <c r="Z16792" s="2">
        <v>16.7</v>
      </c>
      <c r="AA16792" s="5"/>
      <c r="AB16792" s="5" t="s">
        <v>43</v>
      </c>
      <c r="AC16792" s="5" t="s">
        <v>44</v>
      </c>
      <c r="AD16792" s="2"/>
      <c r="AE16792" s="1"/>
    </row>
    <row r="16793" spans="1:31" ht="14.45">
      <c r="A16793" s="11"/>
      <c r="B16793" s="20"/>
      <c r="C16793" s="2" t="s">
        <v>51337</v>
      </c>
      <c r="D16793" s="14" t="s">
        <v>51338</v>
      </c>
      <c r="E16793" s="2" t="s">
        <v>51339</v>
      </c>
      <c r="F16793" s="2" t="s">
        <v>45598</v>
      </c>
      <c r="G16793" s="8">
        <v>302</v>
      </c>
      <c r="H16793" s="5">
        <v>6</v>
      </c>
      <c r="I16793" s="5" t="s">
        <v>1518</v>
      </c>
      <c r="J16793" s="5" t="s">
        <v>36264</v>
      </c>
      <c r="K16793" s="2" t="s">
        <v>36265</v>
      </c>
      <c r="L16793" s="5" t="s">
        <v>36264</v>
      </c>
      <c r="M16793" s="2" t="s">
        <v>36265</v>
      </c>
      <c r="N16793" s="5" t="s">
        <v>36266</v>
      </c>
      <c r="O16793" s="5" t="s">
        <v>38</v>
      </c>
      <c r="P16793" s="5" t="s">
        <v>39</v>
      </c>
      <c r="Q16793" s="5" t="s">
        <v>40</v>
      </c>
      <c r="R16793" s="5" t="s">
        <v>1522</v>
      </c>
      <c r="S16793" s="5" t="s">
        <v>1523</v>
      </c>
      <c r="T16793" s="5" t="s">
        <v>42</v>
      </c>
      <c r="U16793" s="2">
        <v>2.8330000000000002</v>
      </c>
      <c r="V16793" s="2">
        <v>2.202</v>
      </c>
      <c r="W16793" s="2">
        <v>1.7999999999999999E-2</v>
      </c>
      <c r="X16793" s="2">
        <v>139.1</v>
      </c>
      <c r="Y16793" s="2">
        <v>7.6</v>
      </c>
      <c r="Z16793" s="2">
        <v>16.7</v>
      </c>
      <c r="AA16793" s="5"/>
      <c r="AB16793" s="5" t="s">
        <v>43</v>
      </c>
      <c r="AC16793" s="5" t="s">
        <v>44</v>
      </c>
      <c r="AD16793" s="2"/>
      <c r="AE16793" s="1"/>
    </row>
    <row r="16794" spans="1:31" ht="14.45">
      <c r="A16794" s="11"/>
      <c r="B16794" s="20"/>
      <c r="C16794" s="2" t="s">
        <v>51340</v>
      </c>
      <c r="D16794" s="14" t="s">
        <v>51341</v>
      </c>
      <c r="E16794" s="2" t="s">
        <v>51342</v>
      </c>
      <c r="F16794" s="2" t="s">
        <v>45534</v>
      </c>
      <c r="G16794" s="8">
        <v>302</v>
      </c>
      <c r="H16794" s="5">
        <v>6</v>
      </c>
      <c r="I16794" s="5" t="s">
        <v>1518</v>
      </c>
      <c r="J16794" s="5" t="s">
        <v>36264</v>
      </c>
      <c r="K16794" s="2" t="s">
        <v>36265</v>
      </c>
      <c r="L16794" s="5" t="s">
        <v>36264</v>
      </c>
      <c r="M16794" s="2" t="s">
        <v>36265</v>
      </c>
      <c r="N16794" s="5" t="s">
        <v>36266</v>
      </c>
      <c r="O16794" s="5" t="s">
        <v>38</v>
      </c>
      <c r="P16794" s="5" t="s">
        <v>39</v>
      </c>
      <c r="Q16794" s="5" t="s">
        <v>40</v>
      </c>
      <c r="R16794" s="5" t="s">
        <v>1522</v>
      </c>
      <c r="S16794" s="5" t="s">
        <v>1523</v>
      </c>
      <c r="T16794" s="5" t="s">
        <v>42</v>
      </c>
      <c r="U16794" s="2">
        <v>2.9220000000000002</v>
      </c>
      <c r="V16794" s="2">
        <v>2.2909999999999999</v>
      </c>
      <c r="W16794" s="2">
        <v>1.7999999999999999E-2</v>
      </c>
      <c r="X16794" s="2">
        <v>139.1</v>
      </c>
      <c r="Y16794" s="2">
        <v>7.6</v>
      </c>
      <c r="Z16794" s="2">
        <v>16.7</v>
      </c>
      <c r="AA16794" s="5"/>
      <c r="AB16794" s="5" t="s">
        <v>43</v>
      </c>
      <c r="AC16794" s="5" t="s">
        <v>44</v>
      </c>
      <c r="AD16794" s="2"/>
      <c r="AE16794" s="1"/>
    </row>
    <row r="16795" spans="1:31" ht="14.45">
      <c r="A16795" s="11"/>
      <c r="B16795" s="20"/>
      <c r="C16795" s="2" t="s">
        <v>51343</v>
      </c>
      <c r="D16795" s="14" t="s">
        <v>51344</v>
      </c>
      <c r="E16795" s="2" t="s">
        <v>51345</v>
      </c>
      <c r="F16795" s="2" t="s">
        <v>36373</v>
      </c>
      <c r="G16795" s="8">
        <v>302</v>
      </c>
      <c r="H16795" s="5">
        <v>6</v>
      </c>
      <c r="I16795" s="5" t="s">
        <v>1518</v>
      </c>
      <c r="J16795" s="5" t="s">
        <v>36264</v>
      </c>
      <c r="K16795" s="2" t="s">
        <v>36265</v>
      </c>
      <c r="L16795" s="5" t="s">
        <v>36264</v>
      </c>
      <c r="M16795" s="2" t="s">
        <v>36265</v>
      </c>
      <c r="N16795" s="5" t="s">
        <v>36266</v>
      </c>
      <c r="O16795" s="5" t="s">
        <v>38</v>
      </c>
      <c r="P16795" s="5" t="s">
        <v>39</v>
      </c>
      <c r="Q16795" s="5" t="s">
        <v>40</v>
      </c>
      <c r="R16795" s="5" t="s">
        <v>1522</v>
      </c>
      <c r="S16795" s="5" t="s">
        <v>1523</v>
      </c>
      <c r="T16795" s="5" t="s">
        <v>42</v>
      </c>
      <c r="U16795" s="2">
        <v>2.9220000000000002</v>
      </c>
      <c r="V16795" s="2">
        <v>2.2909999999999999</v>
      </c>
      <c r="W16795" s="2">
        <v>1.7999999999999999E-2</v>
      </c>
      <c r="X16795" s="2">
        <v>139.1</v>
      </c>
      <c r="Y16795" s="2">
        <v>7.6</v>
      </c>
      <c r="Z16795" s="2">
        <v>16.7</v>
      </c>
      <c r="AA16795" s="5"/>
      <c r="AB16795" s="5" t="s">
        <v>43</v>
      </c>
      <c r="AC16795" s="5" t="s">
        <v>44</v>
      </c>
      <c r="AD16795" s="2"/>
      <c r="AE16795" s="1"/>
    </row>
    <row r="16796" spans="1:31" ht="14.45">
      <c r="A16796" s="11"/>
      <c r="B16796" s="20"/>
      <c r="C16796" s="2" t="s">
        <v>51346</v>
      </c>
      <c r="D16796" s="14" t="s">
        <v>51347</v>
      </c>
      <c r="E16796" s="2" t="s">
        <v>51348</v>
      </c>
      <c r="F16796" s="2" t="s">
        <v>36377</v>
      </c>
      <c r="G16796" s="8">
        <v>302</v>
      </c>
      <c r="H16796" s="5">
        <v>6</v>
      </c>
      <c r="I16796" s="5" t="s">
        <v>1518</v>
      </c>
      <c r="J16796" s="5" t="s">
        <v>36264</v>
      </c>
      <c r="K16796" s="2" t="s">
        <v>36265</v>
      </c>
      <c r="L16796" s="5" t="s">
        <v>36264</v>
      </c>
      <c r="M16796" s="2" t="s">
        <v>36265</v>
      </c>
      <c r="N16796" s="5" t="s">
        <v>36266</v>
      </c>
      <c r="O16796" s="5" t="s">
        <v>38</v>
      </c>
      <c r="P16796" s="5" t="s">
        <v>39</v>
      </c>
      <c r="Q16796" s="5" t="s">
        <v>40</v>
      </c>
      <c r="R16796" s="5" t="s">
        <v>1522</v>
      </c>
      <c r="S16796" s="5" t="s">
        <v>1523</v>
      </c>
      <c r="T16796" s="5" t="s">
        <v>42</v>
      </c>
      <c r="U16796" s="2">
        <v>2.8330000000000002</v>
      </c>
      <c r="V16796" s="2">
        <v>2.202</v>
      </c>
      <c r="W16796" s="2">
        <v>1.7999999999999999E-2</v>
      </c>
      <c r="X16796" s="2">
        <v>139.1</v>
      </c>
      <c r="Y16796" s="2">
        <v>7.6</v>
      </c>
      <c r="Z16796" s="2">
        <v>16.7</v>
      </c>
      <c r="AA16796" s="5"/>
      <c r="AB16796" s="5" t="s">
        <v>43</v>
      </c>
      <c r="AC16796" s="5" t="s">
        <v>44</v>
      </c>
      <c r="AD16796" s="2"/>
      <c r="AE16796" s="1"/>
    </row>
    <row r="16797" spans="1:31" ht="14.45">
      <c r="A16797" s="11"/>
      <c r="B16797" s="20"/>
      <c r="C16797" s="2" t="s">
        <v>51349</v>
      </c>
      <c r="D16797" s="14" t="s">
        <v>51350</v>
      </c>
      <c r="E16797" s="2" t="s">
        <v>51351</v>
      </c>
      <c r="F16797" s="2" t="s">
        <v>36381</v>
      </c>
      <c r="G16797" s="8">
        <v>302</v>
      </c>
      <c r="H16797" s="5">
        <v>6</v>
      </c>
      <c r="I16797" s="5" t="s">
        <v>1518</v>
      </c>
      <c r="J16797" s="5" t="s">
        <v>36264</v>
      </c>
      <c r="K16797" s="2" t="s">
        <v>36265</v>
      </c>
      <c r="L16797" s="5" t="s">
        <v>36264</v>
      </c>
      <c r="M16797" s="2" t="s">
        <v>36265</v>
      </c>
      <c r="N16797" s="5" t="s">
        <v>36266</v>
      </c>
      <c r="O16797" s="5" t="s">
        <v>38</v>
      </c>
      <c r="P16797" s="5" t="s">
        <v>39</v>
      </c>
      <c r="Q16797" s="5" t="s">
        <v>40</v>
      </c>
      <c r="R16797" s="5" t="s">
        <v>1522</v>
      </c>
      <c r="S16797" s="5" t="s">
        <v>1523</v>
      </c>
      <c r="T16797" s="5" t="s">
        <v>42</v>
      </c>
      <c r="U16797" s="2">
        <v>2.9220000000000002</v>
      </c>
      <c r="V16797" s="2">
        <v>2.2909999999999999</v>
      </c>
      <c r="W16797" s="2">
        <v>1.7999999999999999E-2</v>
      </c>
      <c r="X16797" s="2">
        <v>139.1</v>
      </c>
      <c r="Y16797" s="2">
        <v>7.6</v>
      </c>
      <c r="Z16797" s="2">
        <v>16.7</v>
      </c>
      <c r="AA16797" s="5"/>
      <c r="AB16797" s="5" t="s">
        <v>43</v>
      </c>
      <c r="AC16797" s="5" t="s">
        <v>44</v>
      </c>
      <c r="AD16797" s="2"/>
      <c r="AE16797" s="1"/>
    </row>
    <row r="16798" spans="1:31" ht="14.45">
      <c r="A16798" s="11"/>
      <c r="B16798" s="20"/>
      <c r="C16798" s="2" t="s">
        <v>51352</v>
      </c>
      <c r="D16798" s="14" t="s">
        <v>51353</v>
      </c>
      <c r="E16798" s="2" t="s">
        <v>51354</v>
      </c>
      <c r="F16798" s="2" t="s">
        <v>36385</v>
      </c>
      <c r="G16798" s="8">
        <v>302</v>
      </c>
      <c r="H16798" s="5">
        <v>6</v>
      </c>
      <c r="I16798" s="5" t="s">
        <v>1518</v>
      </c>
      <c r="J16798" s="5" t="s">
        <v>36264</v>
      </c>
      <c r="K16798" s="2" t="s">
        <v>36265</v>
      </c>
      <c r="L16798" s="5" t="s">
        <v>36264</v>
      </c>
      <c r="M16798" s="2" t="s">
        <v>36265</v>
      </c>
      <c r="N16798" s="5" t="s">
        <v>36266</v>
      </c>
      <c r="O16798" s="5" t="s">
        <v>38</v>
      </c>
      <c r="P16798" s="5" t="s">
        <v>39</v>
      </c>
      <c r="Q16798" s="5" t="s">
        <v>40</v>
      </c>
      <c r="R16798" s="5" t="s">
        <v>1522</v>
      </c>
      <c r="S16798" s="5" t="s">
        <v>1523</v>
      </c>
      <c r="T16798" s="5" t="s">
        <v>42</v>
      </c>
      <c r="U16798" s="2">
        <v>2.8330000000000002</v>
      </c>
      <c r="V16798" s="2">
        <v>2.202</v>
      </c>
      <c r="W16798" s="2">
        <v>1.7999999999999999E-2</v>
      </c>
      <c r="X16798" s="2">
        <v>139.1</v>
      </c>
      <c r="Y16798" s="2">
        <v>7.6</v>
      </c>
      <c r="Z16798" s="2">
        <v>16.7</v>
      </c>
      <c r="AA16798" s="5"/>
      <c r="AB16798" s="5" t="s">
        <v>43</v>
      </c>
      <c r="AC16798" s="5" t="s">
        <v>44</v>
      </c>
      <c r="AD16798" s="2"/>
      <c r="AE16798" s="1"/>
    </row>
    <row r="16799" spans="1:31" ht="14.45">
      <c r="A16799" s="11"/>
      <c r="B16799" s="20"/>
      <c r="C16799" s="2" t="s">
        <v>51355</v>
      </c>
      <c r="D16799" s="14" t="s">
        <v>51356</v>
      </c>
      <c r="E16799" s="2" t="s">
        <v>51357</v>
      </c>
      <c r="F16799" s="2" t="s">
        <v>7204</v>
      </c>
      <c r="G16799" s="8">
        <v>268</v>
      </c>
      <c r="H16799" s="5">
        <v>6</v>
      </c>
      <c r="I16799" s="5" t="s">
        <v>1518</v>
      </c>
      <c r="J16799" s="5" t="s">
        <v>36264</v>
      </c>
      <c r="K16799" s="2" t="s">
        <v>36265</v>
      </c>
      <c r="L16799" s="5" t="s">
        <v>36264</v>
      </c>
      <c r="M16799" s="2" t="s">
        <v>36265</v>
      </c>
      <c r="N16799" s="5" t="s">
        <v>36266</v>
      </c>
      <c r="O16799" s="5" t="s">
        <v>38</v>
      </c>
      <c r="P16799" s="5" t="s">
        <v>39</v>
      </c>
      <c r="Q16799" s="5" t="s">
        <v>40</v>
      </c>
      <c r="R16799" s="5" t="s">
        <v>1522</v>
      </c>
      <c r="S16799" s="5" t="s">
        <v>1523</v>
      </c>
      <c r="T16799" s="5" t="s">
        <v>42</v>
      </c>
      <c r="U16799" s="2">
        <v>2.5590000000000002</v>
      </c>
      <c r="V16799" s="2">
        <v>2.0129999999999999</v>
      </c>
      <c r="W16799" s="2">
        <v>1.2999999999999999E-2</v>
      </c>
      <c r="X16799" s="2">
        <v>99.1</v>
      </c>
      <c r="Y16799" s="2">
        <v>7.6</v>
      </c>
      <c r="Z16799" s="2">
        <v>16.7</v>
      </c>
      <c r="AA16799" s="5"/>
      <c r="AB16799" s="5" t="s">
        <v>43</v>
      </c>
      <c r="AC16799" s="5" t="s">
        <v>44</v>
      </c>
      <c r="AD16799" s="2"/>
      <c r="AE16799" s="1"/>
    </row>
    <row r="16800" spans="1:31" ht="14.45">
      <c r="A16800" s="11"/>
      <c r="B16800" s="20"/>
      <c r="C16800" s="2" t="s">
        <v>51358</v>
      </c>
      <c r="D16800" s="14" t="s">
        <v>51359</v>
      </c>
      <c r="E16800" s="2" t="s">
        <v>51360</v>
      </c>
      <c r="F16800" s="2" t="s">
        <v>7514</v>
      </c>
      <c r="G16800" s="8">
        <v>268</v>
      </c>
      <c r="H16800" s="5">
        <v>6</v>
      </c>
      <c r="I16800" s="5" t="s">
        <v>1518</v>
      </c>
      <c r="J16800" s="5" t="s">
        <v>36264</v>
      </c>
      <c r="K16800" s="2" t="s">
        <v>36265</v>
      </c>
      <c r="L16800" s="5" t="s">
        <v>36264</v>
      </c>
      <c r="M16800" s="2" t="s">
        <v>36265</v>
      </c>
      <c r="N16800" s="5" t="s">
        <v>36266</v>
      </c>
      <c r="O16800" s="5" t="s">
        <v>38</v>
      </c>
      <c r="P16800" s="5" t="s">
        <v>39</v>
      </c>
      <c r="Q16800" s="5" t="s">
        <v>40</v>
      </c>
      <c r="R16800" s="5" t="s">
        <v>1522</v>
      </c>
      <c r="S16800" s="5" t="s">
        <v>1523</v>
      </c>
      <c r="T16800" s="5" t="s">
        <v>42</v>
      </c>
      <c r="U16800" s="2">
        <v>2.6259999999999999</v>
      </c>
      <c r="V16800" s="2">
        <v>2.08</v>
      </c>
      <c r="W16800" s="2">
        <v>1.2999999999999999E-2</v>
      </c>
      <c r="X16800" s="2">
        <v>99.1</v>
      </c>
      <c r="Y16800" s="2">
        <v>7.6</v>
      </c>
      <c r="Z16800" s="2">
        <v>16.7</v>
      </c>
      <c r="AA16800" s="5"/>
      <c r="AB16800" s="5" t="s">
        <v>43</v>
      </c>
      <c r="AC16800" s="5" t="s">
        <v>44</v>
      </c>
      <c r="AD16800" s="2"/>
      <c r="AE16800" s="1"/>
    </row>
    <row r="16801" spans="1:31" ht="14.45">
      <c r="A16801" s="11"/>
      <c r="B16801" s="20"/>
      <c r="C16801" s="2" t="s">
        <v>51361</v>
      </c>
      <c r="D16801" s="14" t="s">
        <v>51362</v>
      </c>
      <c r="E16801" s="2" t="s">
        <v>51363</v>
      </c>
      <c r="F16801" s="2" t="s">
        <v>36273</v>
      </c>
      <c r="G16801" s="8">
        <v>268</v>
      </c>
      <c r="H16801" s="5">
        <v>6</v>
      </c>
      <c r="I16801" s="5" t="s">
        <v>1518</v>
      </c>
      <c r="J16801" s="5" t="s">
        <v>36264</v>
      </c>
      <c r="K16801" s="2" t="s">
        <v>36265</v>
      </c>
      <c r="L16801" s="5" t="s">
        <v>36264</v>
      </c>
      <c r="M16801" s="2" t="s">
        <v>36265</v>
      </c>
      <c r="N16801" s="5" t="s">
        <v>36266</v>
      </c>
      <c r="O16801" s="5" t="s">
        <v>38</v>
      </c>
      <c r="P16801" s="5" t="s">
        <v>39</v>
      </c>
      <c r="Q16801" s="5" t="s">
        <v>40</v>
      </c>
      <c r="R16801" s="5" t="s">
        <v>1522</v>
      </c>
      <c r="S16801" s="5" t="s">
        <v>1523</v>
      </c>
      <c r="T16801" s="5" t="s">
        <v>42</v>
      </c>
      <c r="U16801" s="2">
        <v>2.5590000000000002</v>
      </c>
      <c r="V16801" s="2">
        <v>2.0129999999999999</v>
      </c>
      <c r="W16801" s="2">
        <v>1.2999999999999999E-2</v>
      </c>
      <c r="X16801" s="2">
        <v>99.1</v>
      </c>
      <c r="Y16801" s="2">
        <v>7.6</v>
      </c>
      <c r="Z16801" s="2">
        <v>16.7</v>
      </c>
      <c r="AA16801" s="5"/>
      <c r="AB16801" s="5" t="s">
        <v>43</v>
      </c>
      <c r="AC16801" s="5" t="s">
        <v>44</v>
      </c>
      <c r="AD16801" s="2"/>
      <c r="AE16801" s="1"/>
    </row>
    <row r="16802" spans="1:31" ht="14.45">
      <c r="A16802" s="11"/>
      <c r="B16802" s="20"/>
      <c r="C16802" s="2" t="s">
        <v>51364</v>
      </c>
      <c r="D16802" s="14" t="s">
        <v>51365</v>
      </c>
      <c r="E16802" s="2" t="s">
        <v>51366</v>
      </c>
      <c r="F16802" s="2" t="s">
        <v>36277</v>
      </c>
      <c r="G16802" s="8">
        <v>268</v>
      </c>
      <c r="H16802" s="5">
        <v>6</v>
      </c>
      <c r="I16802" s="5" t="s">
        <v>1518</v>
      </c>
      <c r="J16802" s="5" t="s">
        <v>36264</v>
      </c>
      <c r="K16802" s="2" t="s">
        <v>36265</v>
      </c>
      <c r="L16802" s="5" t="s">
        <v>36264</v>
      </c>
      <c r="M16802" s="2" t="s">
        <v>36265</v>
      </c>
      <c r="N16802" s="5" t="s">
        <v>36266</v>
      </c>
      <c r="O16802" s="5" t="s">
        <v>38</v>
      </c>
      <c r="P16802" s="5" t="s">
        <v>39</v>
      </c>
      <c r="Q16802" s="5" t="s">
        <v>40</v>
      </c>
      <c r="R16802" s="5" t="s">
        <v>1522</v>
      </c>
      <c r="S16802" s="5" t="s">
        <v>1523</v>
      </c>
      <c r="T16802" s="5" t="s">
        <v>42</v>
      </c>
      <c r="U16802" s="2">
        <v>2.6259999999999999</v>
      </c>
      <c r="V16802" s="2">
        <v>2.08</v>
      </c>
      <c r="W16802" s="2">
        <v>1.2999999999999999E-2</v>
      </c>
      <c r="X16802" s="2">
        <v>99.1</v>
      </c>
      <c r="Y16802" s="2">
        <v>7.6</v>
      </c>
      <c r="Z16802" s="2">
        <v>16.7</v>
      </c>
      <c r="AA16802" s="5"/>
      <c r="AB16802" s="5" t="s">
        <v>43</v>
      </c>
      <c r="AC16802" s="5" t="s">
        <v>44</v>
      </c>
      <c r="AD16802" s="2"/>
      <c r="AE16802" s="1"/>
    </row>
    <row r="16803" spans="1:31" ht="14.45">
      <c r="A16803" s="11"/>
      <c r="B16803" s="20"/>
      <c r="C16803" s="2" t="s">
        <v>51367</v>
      </c>
      <c r="D16803" s="14" t="s">
        <v>51368</v>
      </c>
      <c r="E16803" s="2" t="s">
        <v>51369</v>
      </c>
      <c r="F16803" s="2" t="s">
        <v>36281</v>
      </c>
      <c r="G16803" s="8">
        <v>289</v>
      </c>
      <c r="H16803" s="5">
        <v>6</v>
      </c>
      <c r="I16803" s="5" t="s">
        <v>1518</v>
      </c>
      <c r="J16803" s="5" t="s">
        <v>36264</v>
      </c>
      <c r="K16803" s="2" t="s">
        <v>36265</v>
      </c>
      <c r="L16803" s="5" t="s">
        <v>36264</v>
      </c>
      <c r="M16803" s="2" t="s">
        <v>36265</v>
      </c>
      <c r="N16803" s="5" t="s">
        <v>36266</v>
      </c>
      <c r="O16803" s="5" t="s">
        <v>38</v>
      </c>
      <c r="P16803" s="5" t="s">
        <v>39</v>
      </c>
      <c r="Q16803" s="5" t="s">
        <v>40</v>
      </c>
      <c r="R16803" s="5" t="s">
        <v>1522</v>
      </c>
      <c r="S16803" s="5" t="s">
        <v>1523</v>
      </c>
      <c r="T16803" s="5" t="s">
        <v>42</v>
      </c>
      <c r="U16803" s="2">
        <v>2.5590000000000002</v>
      </c>
      <c r="V16803" s="2">
        <v>2.0129999999999999</v>
      </c>
      <c r="W16803" s="2">
        <v>1.2999999999999999E-2</v>
      </c>
      <c r="X16803" s="2">
        <v>99.1</v>
      </c>
      <c r="Y16803" s="2">
        <v>7.6</v>
      </c>
      <c r="Z16803" s="2">
        <v>16.7</v>
      </c>
      <c r="AA16803" s="5"/>
      <c r="AB16803" s="5" t="s">
        <v>43</v>
      </c>
      <c r="AC16803" s="5" t="s">
        <v>44</v>
      </c>
      <c r="AD16803" s="2"/>
      <c r="AE16803" s="1"/>
    </row>
    <row r="16804" spans="1:31" ht="14.45">
      <c r="A16804" s="11"/>
      <c r="B16804" s="20"/>
      <c r="C16804" s="2" t="s">
        <v>51370</v>
      </c>
      <c r="D16804" s="14" t="s">
        <v>51371</v>
      </c>
      <c r="E16804" s="2" t="s">
        <v>51372</v>
      </c>
      <c r="F16804" s="2" t="s">
        <v>36285</v>
      </c>
      <c r="G16804" s="8">
        <v>289</v>
      </c>
      <c r="H16804" s="5">
        <v>6</v>
      </c>
      <c r="I16804" s="5" t="s">
        <v>1518</v>
      </c>
      <c r="J16804" s="5" t="s">
        <v>36264</v>
      </c>
      <c r="K16804" s="2" t="s">
        <v>36265</v>
      </c>
      <c r="L16804" s="5" t="s">
        <v>36264</v>
      </c>
      <c r="M16804" s="2" t="s">
        <v>36265</v>
      </c>
      <c r="N16804" s="5" t="s">
        <v>36266</v>
      </c>
      <c r="O16804" s="5" t="s">
        <v>38</v>
      </c>
      <c r="P16804" s="5" t="s">
        <v>39</v>
      </c>
      <c r="Q16804" s="5" t="s">
        <v>40</v>
      </c>
      <c r="R16804" s="5" t="s">
        <v>1522</v>
      </c>
      <c r="S16804" s="5" t="s">
        <v>1523</v>
      </c>
      <c r="T16804" s="5" t="s">
        <v>42</v>
      </c>
      <c r="U16804" s="2">
        <v>2.6259999999999999</v>
      </c>
      <c r="V16804" s="2">
        <v>2.08</v>
      </c>
      <c r="W16804" s="2">
        <v>1.2999999999999999E-2</v>
      </c>
      <c r="X16804" s="2">
        <v>99.1</v>
      </c>
      <c r="Y16804" s="2">
        <v>7.6</v>
      </c>
      <c r="Z16804" s="2">
        <v>16.7</v>
      </c>
      <c r="AA16804" s="5"/>
      <c r="AB16804" s="5" t="s">
        <v>43</v>
      </c>
      <c r="AC16804" s="5" t="s">
        <v>44</v>
      </c>
      <c r="AD16804" s="2"/>
      <c r="AE16804" s="1"/>
    </row>
    <row r="16805" spans="1:31" ht="14.45">
      <c r="A16805" s="11"/>
      <c r="B16805" s="20"/>
      <c r="C16805" s="2" t="s">
        <v>51373</v>
      </c>
      <c r="D16805" s="14" t="s">
        <v>51374</v>
      </c>
      <c r="E16805" s="2" t="s">
        <v>51375</v>
      </c>
      <c r="F16805" s="2" t="s">
        <v>36289</v>
      </c>
      <c r="G16805" s="8">
        <v>289</v>
      </c>
      <c r="H16805" s="5">
        <v>6</v>
      </c>
      <c r="I16805" s="5" t="s">
        <v>1518</v>
      </c>
      <c r="J16805" s="5" t="s">
        <v>36264</v>
      </c>
      <c r="K16805" s="2" t="s">
        <v>36265</v>
      </c>
      <c r="L16805" s="5" t="s">
        <v>36264</v>
      </c>
      <c r="M16805" s="2" t="s">
        <v>36265</v>
      </c>
      <c r="N16805" s="5" t="s">
        <v>36266</v>
      </c>
      <c r="O16805" s="5" t="s">
        <v>38</v>
      </c>
      <c r="P16805" s="5" t="s">
        <v>39</v>
      </c>
      <c r="Q16805" s="5" t="s">
        <v>40</v>
      </c>
      <c r="R16805" s="5" t="s">
        <v>1522</v>
      </c>
      <c r="S16805" s="5" t="s">
        <v>1523</v>
      </c>
      <c r="T16805" s="5" t="s">
        <v>42</v>
      </c>
      <c r="U16805" s="2">
        <v>2.5590000000000002</v>
      </c>
      <c r="V16805" s="2">
        <v>2.0129999999999999</v>
      </c>
      <c r="W16805" s="2">
        <v>1.2999999999999999E-2</v>
      </c>
      <c r="X16805" s="2">
        <v>99.1</v>
      </c>
      <c r="Y16805" s="2">
        <v>7.6</v>
      </c>
      <c r="Z16805" s="2">
        <v>16.7</v>
      </c>
      <c r="AA16805" s="5"/>
      <c r="AB16805" s="5" t="s">
        <v>43</v>
      </c>
      <c r="AC16805" s="5" t="s">
        <v>44</v>
      </c>
      <c r="AD16805" s="2"/>
      <c r="AE16805" s="1"/>
    </row>
    <row r="16806" spans="1:31" ht="14.45">
      <c r="A16806" s="11"/>
      <c r="B16806" s="20"/>
      <c r="C16806" s="2" t="s">
        <v>51376</v>
      </c>
      <c r="D16806" s="14" t="s">
        <v>51377</v>
      </c>
      <c r="E16806" s="2" t="s">
        <v>51378</v>
      </c>
      <c r="F16806" s="2" t="s">
        <v>36293</v>
      </c>
      <c r="G16806" s="8">
        <v>289</v>
      </c>
      <c r="H16806" s="5">
        <v>6</v>
      </c>
      <c r="I16806" s="5" t="s">
        <v>1518</v>
      </c>
      <c r="J16806" s="5" t="s">
        <v>36264</v>
      </c>
      <c r="K16806" s="2" t="s">
        <v>36265</v>
      </c>
      <c r="L16806" s="5" t="s">
        <v>36264</v>
      </c>
      <c r="M16806" s="2" t="s">
        <v>36265</v>
      </c>
      <c r="N16806" s="5" t="s">
        <v>36266</v>
      </c>
      <c r="O16806" s="5" t="s">
        <v>38</v>
      </c>
      <c r="P16806" s="5" t="s">
        <v>39</v>
      </c>
      <c r="Q16806" s="5" t="s">
        <v>40</v>
      </c>
      <c r="R16806" s="5" t="s">
        <v>1522</v>
      </c>
      <c r="S16806" s="5" t="s">
        <v>1523</v>
      </c>
      <c r="T16806" s="5" t="s">
        <v>42</v>
      </c>
      <c r="U16806" s="2">
        <v>2.6259999999999999</v>
      </c>
      <c r="V16806" s="2">
        <v>2.08</v>
      </c>
      <c r="W16806" s="2">
        <v>1.2999999999999999E-2</v>
      </c>
      <c r="X16806" s="2">
        <v>99.1</v>
      </c>
      <c r="Y16806" s="2">
        <v>7.6</v>
      </c>
      <c r="Z16806" s="2">
        <v>16.7</v>
      </c>
      <c r="AA16806" s="5"/>
      <c r="AB16806" s="5" t="s">
        <v>43</v>
      </c>
      <c r="AC16806" s="5" t="s">
        <v>44</v>
      </c>
      <c r="AD16806" s="2"/>
      <c r="AE16806" s="1"/>
    </row>
    <row r="16807" spans="1:31" ht="14.45">
      <c r="A16807" s="11"/>
      <c r="B16807" s="20"/>
      <c r="C16807" s="2" t="s">
        <v>51379</v>
      </c>
      <c r="D16807" s="14" t="s">
        <v>51380</v>
      </c>
      <c r="E16807" s="2" t="s">
        <v>51381</v>
      </c>
      <c r="F16807" s="2" t="s">
        <v>36297</v>
      </c>
      <c r="G16807" s="8">
        <v>268</v>
      </c>
      <c r="H16807" s="5">
        <v>6</v>
      </c>
      <c r="I16807" s="5" t="s">
        <v>1518</v>
      </c>
      <c r="J16807" s="5" t="s">
        <v>36264</v>
      </c>
      <c r="K16807" s="2" t="s">
        <v>36265</v>
      </c>
      <c r="L16807" s="5" t="s">
        <v>36264</v>
      </c>
      <c r="M16807" s="2" t="s">
        <v>36265</v>
      </c>
      <c r="N16807" s="5" t="s">
        <v>36266</v>
      </c>
      <c r="O16807" s="5" t="s">
        <v>38</v>
      </c>
      <c r="P16807" s="5" t="s">
        <v>39</v>
      </c>
      <c r="Q16807" s="5" t="s">
        <v>40</v>
      </c>
      <c r="R16807" s="5" t="s">
        <v>1522</v>
      </c>
      <c r="S16807" s="5" t="s">
        <v>1523</v>
      </c>
      <c r="T16807" s="5" t="s">
        <v>42</v>
      </c>
      <c r="U16807" s="2">
        <v>2.5590000000000002</v>
      </c>
      <c r="V16807" s="2">
        <v>2.0129999999999999</v>
      </c>
      <c r="W16807" s="2">
        <v>1.2999999999999999E-2</v>
      </c>
      <c r="X16807" s="2">
        <v>99.1</v>
      </c>
      <c r="Y16807" s="2">
        <v>7.6</v>
      </c>
      <c r="Z16807" s="2">
        <v>16.7</v>
      </c>
      <c r="AA16807" s="5"/>
      <c r="AB16807" s="5" t="s">
        <v>43</v>
      </c>
      <c r="AC16807" s="5" t="s">
        <v>44</v>
      </c>
      <c r="AD16807" s="2"/>
      <c r="AE16807" s="1"/>
    </row>
    <row r="16808" spans="1:31" ht="14.45">
      <c r="A16808" s="11"/>
      <c r="B16808" s="20"/>
      <c r="C16808" s="2" t="s">
        <v>51382</v>
      </c>
      <c r="D16808" s="14" t="s">
        <v>51383</v>
      </c>
      <c r="E16808" s="2" t="s">
        <v>51384</v>
      </c>
      <c r="F16808" s="2" t="s">
        <v>36301</v>
      </c>
      <c r="G16808" s="8">
        <v>268</v>
      </c>
      <c r="H16808" s="5">
        <v>6</v>
      </c>
      <c r="I16808" s="5" t="s">
        <v>1518</v>
      </c>
      <c r="J16808" s="5" t="s">
        <v>36264</v>
      </c>
      <c r="K16808" s="2" t="s">
        <v>36265</v>
      </c>
      <c r="L16808" s="5" t="s">
        <v>36264</v>
      </c>
      <c r="M16808" s="2" t="s">
        <v>36265</v>
      </c>
      <c r="N16808" s="5" t="s">
        <v>36266</v>
      </c>
      <c r="O16808" s="5" t="s">
        <v>38</v>
      </c>
      <c r="P16808" s="5" t="s">
        <v>39</v>
      </c>
      <c r="Q16808" s="5" t="s">
        <v>40</v>
      </c>
      <c r="R16808" s="5" t="s">
        <v>1522</v>
      </c>
      <c r="S16808" s="5" t="s">
        <v>1523</v>
      </c>
      <c r="T16808" s="5" t="s">
        <v>42</v>
      </c>
      <c r="U16808" s="2">
        <v>2.6259999999999999</v>
      </c>
      <c r="V16808" s="2">
        <v>2.08</v>
      </c>
      <c r="W16808" s="2">
        <v>1.2999999999999999E-2</v>
      </c>
      <c r="X16808" s="2">
        <v>99.1</v>
      </c>
      <c r="Y16808" s="2">
        <v>7.6</v>
      </c>
      <c r="Z16808" s="2">
        <v>16.7</v>
      </c>
      <c r="AA16808" s="5"/>
      <c r="AB16808" s="5" t="s">
        <v>43</v>
      </c>
      <c r="AC16808" s="5" t="s">
        <v>44</v>
      </c>
      <c r="AD16808" s="2"/>
      <c r="AE16808" s="1"/>
    </row>
    <row r="16809" spans="1:31" ht="14.45">
      <c r="A16809" s="11"/>
      <c r="B16809" s="20"/>
      <c r="C16809" s="2" t="s">
        <v>51385</v>
      </c>
      <c r="D16809" s="14" t="s">
        <v>51386</v>
      </c>
      <c r="E16809" s="2" t="s">
        <v>51387</v>
      </c>
      <c r="F16809" s="2" t="s">
        <v>36305</v>
      </c>
      <c r="G16809" s="8">
        <v>268</v>
      </c>
      <c r="H16809" s="5">
        <v>6</v>
      </c>
      <c r="I16809" s="5" t="s">
        <v>1518</v>
      </c>
      <c r="J16809" s="5" t="s">
        <v>36264</v>
      </c>
      <c r="K16809" s="2" t="s">
        <v>36265</v>
      </c>
      <c r="L16809" s="5" t="s">
        <v>36264</v>
      </c>
      <c r="M16809" s="2" t="s">
        <v>36265</v>
      </c>
      <c r="N16809" s="5" t="s">
        <v>36266</v>
      </c>
      <c r="O16809" s="5" t="s">
        <v>38</v>
      </c>
      <c r="P16809" s="5" t="s">
        <v>39</v>
      </c>
      <c r="Q16809" s="5" t="s">
        <v>40</v>
      </c>
      <c r="R16809" s="5" t="s">
        <v>1522</v>
      </c>
      <c r="S16809" s="5" t="s">
        <v>1523</v>
      </c>
      <c r="T16809" s="5" t="s">
        <v>42</v>
      </c>
      <c r="U16809" s="2">
        <v>2.5590000000000002</v>
      </c>
      <c r="V16809" s="2">
        <v>2.0129999999999999</v>
      </c>
      <c r="W16809" s="2">
        <v>1.2999999999999999E-2</v>
      </c>
      <c r="X16809" s="2">
        <v>99.1</v>
      </c>
      <c r="Y16809" s="2">
        <v>7.6</v>
      </c>
      <c r="Z16809" s="2">
        <v>16.7</v>
      </c>
      <c r="AA16809" s="5"/>
      <c r="AB16809" s="5" t="s">
        <v>43</v>
      </c>
      <c r="AC16809" s="5" t="s">
        <v>44</v>
      </c>
      <c r="AD16809" s="2"/>
      <c r="AE16809" s="1"/>
    </row>
    <row r="16810" spans="1:31" ht="14.45">
      <c r="A16810" s="11"/>
      <c r="B16810" s="20"/>
      <c r="C16810" s="2" t="s">
        <v>51388</v>
      </c>
      <c r="D16810" s="14" t="s">
        <v>51389</v>
      </c>
      <c r="E16810" s="2" t="s">
        <v>51390</v>
      </c>
      <c r="F16810" s="2" t="s">
        <v>36309</v>
      </c>
      <c r="G16810" s="8">
        <v>268</v>
      </c>
      <c r="H16810" s="5">
        <v>6</v>
      </c>
      <c r="I16810" s="5" t="s">
        <v>1518</v>
      </c>
      <c r="J16810" s="5" t="s">
        <v>36264</v>
      </c>
      <c r="K16810" s="2" t="s">
        <v>36265</v>
      </c>
      <c r="L16810" s="5" t="s">
        <v>36264</v>
      </c>
      <c r="M16810" s="2" t="s">
        <v>36265</v>
      </c>
      <c r="N16810" s="5" t="s">
        <v>36266</v>
      </c>
      <c r="O16810" s="5" t="s">
        <v>38</v>
      </c>
      <c r="P16810" s="5" t="s">
        <v>39</v>
      </c>
      <c r="Q16810" s="5" t="s">
        <v>40</v>
      </c>
      <c r="R16810" s="5" t="s">
        <v>1522</v>
      </c>
      <c r="S16810" s="5" t="s">
        <v>1523</v>
      </c>
      <c r="T16810" s="5" t="s">
        <v>42</v>
      </c>
      <c r="U16810" s="2">
        <v>2.6259999999999999</v>
      </c>
      <c r="V16810" s="2">
        <v>2.08</v>
      </c>
      <c r="W16810" s="2">
        <v>1.2999999999999999E-2</v>
      </c>
      <c r="X16810" s="2">
        <v>99.1</v>
      </c>
      <c r="Y16810" s="2">
        <v>7.6</v>
      </c>
      <c r="Z16810" s="2">
        <v>16.7</v>
      </c>
      <c r="AA16810" s="5"/>
      <c r="AB16810" s="5" t="s">
        <v>43</v>
      </c>
      <c r="AC16810" s="5" t="s">
        <v>44</v>
      </c>
      <c r="AD16810" s="2"/>
      <c r="AE16810" s="1"/>
    </row>
    <row r="16811" spans="1:31" ht="14.45">
      <c r="A16811" s="11"/>
      <c r="B16811" s="20"/>
      <c r="C16811" s="2" t="s">
        <v>51391</v>
      </c>
      <c r="D16811" s="14" t="s">
        <v>51392</v>
      </c>
      <c r="E16811" s="2" t="s">
        <v>51393</v>
      </c>
      <c r="F16811" s="2" t="s">
        <v>36313</v>
      </c>
      <c r="G16811" s="8">
        <v>289</v>
      </c>
      <c r="H16811" s="5">
        <v>6</v>
      </c>
      <c r="I16811" s="5" t="s">
        <v>1518</v>
      </c>
      <c r="J16811" s="5" t="s">
        <v>36264</v>
      </c>
      <c r="K16811" s="2" t="s">
        <v>36265</v>
      </c>
      <c r="L16811" s="5" t="s">
        <v>36264</v>
      </c>
      <c r="M16811" s="2" t="s">
        <v>36265</v>
      </c>
      <c r="N16811" s="5" t="s">
        <v>36266</v>
      </c>
      <c r="O16811" s="5" t="s">
        <v>38</v>
      </c>
      <c r="P16811" s="5" t="s">
        <v>39</v>
      </c>
      <c r="Q16811" s="5" t="s">
        <v>40</v>
      </c>
      <c r="R16811" s="5" t="s">
        <v>1522</v>
      </c>
      <c r="S16811" s="5" t="s">
        <v>1523</v>
      </c>
      <c r="T16811" s="5" t="s">
        <v>42</v>
      </c>
      <c r="U16811" s="2">
        <v>2.5590000000000002</v>
      </c>
      <c r="V16811" s="2">
        <v>2.0129999999999999</v>
      </c>
      <c r="W16811" s="2">
        <v>1.2999999999999999E-2</v>
      </c>
      <c r="X16811" s="2">
        <v>99.1</v>
      </c>
      <c r="Y16811" s="2">
        <v>7.6</v>
      </c>
      <c r="Z16811" s="2">
        <v>16.7</v>
      </c>
      <c r="AA16811" s="5"/>
      <c r="AB16811" s="5" t="s">
        <v>43</v>
      </c>
      <c r="AC16811" s="5" t="s">
        <v>44</v>
      </c>
      <c r="AD16811" s="2"/>
      <c r="AE16811" s="1"/>
    </row>
    <row r="16812" spans="1:31" ht="14.45">
      <c r="A16812" s="11"/>
      <c r="B16812" s="20"/>
      <c r="C16812" s="2" t="s">
        <v>51394</v>
      </c>
      <c r="D16812" s="14" t="s">
        <v>51395</v>
      </c>
      <c r="E16812" s="2" t="s">
        <v>51396</v>
      </c>
      <c r="F16812" s="2" t="s">
        <v>36317</v>
      </c>
      <c r="G16812" s="8">
        <v>289</v>
      </c>
      <c r="H16812" s="5">
        <v>6</v>
      </c>
      <c r="I16812" s="5" t="s">
        <v>1518</v>
      </c>
      <c r="J16812" s="5" t="s">
        <v>36264</v>
      </c>
      <c r="K16812" s="2" t="s">
        <v>36265</v>
      </c>
      <c r="L16812" s="5" t="s">
        <v>36264</v>
      </c>
      <c r="M16812" s="2" t="s">
        <v>36265</v>
      </c>
      <c r="N16812" s="5" t="s">
        <v>36266</v>
      </c>
      <c r="O16812" s="5" t="s">
        <v>38</v>
      </c>
      <c r="P16812" s="5" t="s">
        <v>39</v>
      </c>
      <c r="Q16812" s="5" t="s">
        <v>40</v>
      </c>
      <c r="R16812" s="5" t="s">
        <v>1522</v>
      </c>
      <c r="S16812" s="5" t="s">
        <v>1523</v>
      </c>
      <c r="T16812" s="5" t="s">
        <v>42</v>
      </c>
      <c r="U16812" s="2">
        <v>2.6259999999999999</v>
      </c>
      <c r="V16812" s="2">
        <v>2.08</v>
      </c>
      <c r="W16812" s="2">
        <v>1.2999999999999999E-2</v>
      </c>
      <c r="X16812" s="2">
        <v>99.1</v>
      </c>
      <c r="Y16812" s="2">
        <v>7.6</v>
      </c>
      <c r="Z16812" s="2">
        <v>16.7</v>
      </c>
      <c r="AA16812" s="5"/>
      <c r="AB16812" s="5" t="s">
        <v>43</v>
      </c>
      <c r="AC16812" s="5" t="s">
        <v>44</v>
      </c>
      <c r="AD16812" s="2"/>
      <c r="AE16812" s="1"/>
    </row>
    <row r="16813" spans="1:31" ht="14.45">
      <c r="A16813" s="11"/>
      <c r="B16813" s="20"/>
      <c r="C16813" s="2" t="s">
        <v>51397</v>
      </c>
      <c r="D16813" s="14" t="s">
        <v>51398</v>
      </c>
      <c r="E16813" s="2" t="s">
        <v>51399</v>
      </c>
      <c r="F16813" s="2" t="s">
        <v>36321</v>
      </c>
      <c r="G16813" s="8">
        <v>289</v>
      </c>
      <c r="H16813" s="5">
        <v>6</v>
      </c>
      <c r="I16813" s="5" t="s">
        <v>1518</v>
      </c>
      <c r="J16813" s="5" t="s">
        <v>36264</v>
      </c>
      <c r="K16813" s="2" t="s">
        <v>36265</v>
      </c>
      <c r="L16813" s="5" t="s">
        <v>36264</v>
      </c>
      <c r="M16813" s="2" t="s">
        <v>36265</v>
      </c>
      <c r="N16813" s="5" t="s">
        <v>36266</v>
      </c>
      <c r="O16813" s="5" t="s">
        <v>38</v>
      </c>
      <c r="P16813" s="5" t="s">
        <v>39</v>
      </c>
      <c r="Q16813" s="5" t="s">
        <v>40</v>
      </c>
      <c r="R16813" s="5" t="s">
        <v>1522</v>
      </c>
      <c r="S16813" s="5" t="s">
        <v>1523</v>
      </c>
      <c r="T16813" s="5" t="s">
        <v>42</v>
      </c>
      <c r="U16813" s="2">
        <v>2.5590000000000002</v>
      </c>
      <c r="V16813" s="2">
        <v>2.0129999999999999</v>
      </c>
      <c r="W16813" s="2">
        <v>1.2999999999999999E-2</v>
      </c>
      <c r="X16813" s="2">
        <v>99.1</v>
      </c>
      <c r="Y16813" s="2">
        <v>7.6</v>
      </c>
      <c r="Z16813" s="2">
        <v>16.7</v>
      </c>
      <c r="AA16813" s="5"/>
      <c r="AB16813" s="5" t="s">
        <v>43</v>
      </c>
      <c r="AC16813" s="5" t="s">
        <v>44</v>
      </c>
      <c r="AD16813" s="2"/>
      <c r="AE16813" s="1"/>
    </row>
    <row r="16814" spans="1:31" ht="14.45">
      <c r="A16814" s="11"/>
      <c r="B16814" s="20"/>
      <c r="C16814" s="2" t="s">
        <v>51400</v>
      </c>
      <c r="D16814" s="14" t="s">
        <v>51401</v>
      </c>
      <c r="E16814" s="2" t="s">
        <v>51402</v>
      </c>
      <c r="F16814" s="2" t="s">
        <v>36329</v>
      </c>
      <c r="G16814" s="8">
        <v>289</v>
      </c>
      <c r="H16814" s="5">
        <v>6</v>
      </c>
      <c r="I16814" s="5" t="s">
        <v>1518</v>
      </c>
      <c r="J16814" s="5" t="s">
        <v>36264</v>
      </c>
      <c r="K16814" s="2" t="s">
        <v>36265</v>
      </c>
      <c r="L16814" s="5" t="s">
        <v>36264</v>
      </c>
      <c r="M16814" s="2" t="s">
        <v>36265</v>
      </c>
      <c r="N16814" s="5" t="s">
        <v>36266</v>
      </c>
      <c r="O16814" s="5" t="s">
        <v>38</v>
      </c>
      <c r="P16814" s="5" t="s">
        <v>39</v>
      </c>
      <c r="Q16814" s="5" t="s">
        <v>40</v>
      </c>
      <c r="R16814" s="5" t="s">
        <v>1522</v>
      </c>
      <c r="S16814" s="5" t="s">
        <v>1523</v>
      </c>
      <c r="T16814" s="5" t="s">
        <v>42</v>
      </c>
      <c r="U16814" s="2">
        <v>2.5590000000000002</v>
      </c>
      <c r="V16814" s="2">
        <v>2.0129999999999999</v>
      </c>
      <c r="W16814" s="2">
        <v>1.2999999999999999E-2</v>
      </c>
      <c r="X16814" s="2">
        <v>99.1</v>
      </c>
      <c r="Y16814" s="2">
        <v>7.6</v>
      </c>
      <c r="Z16814" s="2">
        <v>16.7</v>
      </c>
      <c r="AA16814" s="5"/>
      <c r="AB16814" s="5" t="s">
        <v>43</v>
      </c>
      <c r="AC16814" s="5" t="s">
        <v>44</v>
      </c>
      <c r="AD16814" s="2"/>
      <c r="AE16814" s="1"/>
    </row>
    <row r="16815" spans="1:31" ht="14.45">
      <c r="A16815" s="11"/>
      <c r="B16815" s="20"/>
      <c r="C16815" s="2" t="s">
        <v>51403</v>
      </c>
      <c r="D16815" s="14" t="s">
        <v>51404</v>
      </c>
      <c r="E16815" s="2" t="s">
        <v>51405</v>
      </c>
      <c r="F16815" s="2" t="s">
        <v>36333</v>
      </c>
      <c r="G16815" s="8">
        <v>289</v>
      </c>
      <c r="H16815" s="5">
        <v>6</v>
      </c>
      <c r="I16815" s="5" t="s">
        <v>1518</v>
      </c>
      <c r="J16815" s="5" t="s">
        <v>36264</v>
      </c>
      <c r="K16815" s="2" t="s">
        <v>36265</v>
      </c>
      <c r="L16815" s="5" t="s">
        <v>36264</v>
      </c>
      <c r="M16815" s="2" t="s">
        <v>36265</v>
      </c>
      <c r="N16815" s="5" t="s">
        <v>36266</v>
      </c>
      <c r="O16815" s="5" t="s">
        <v>38</v>
      </c>
      <c r="P16815" s="5" t="s">
        <v>39</v>
      </c>
      <c r="Q16815" s="5" t="s">
        <v>40</v>
      </c>
      <c r="R16815" s="5" t="s">
        <v>1522</v>
      </c>
      <c r="S16815" s="5" t="s">
        <v>1523</v>
      </c>
      <c r="T16815" s="5" t="s">
        <v>42</v>
      </c>
      <c r="U16815" s="2">
        <v>2.6259999999999999</v>
      </c>
      <c r="V16815" s="2">
        <v>2.08</v>
      </c>
      <c r="W16815" s="2">
        <v>1.2999999999999999E-2</v>
      </c>
      <c r="X16815" s="2">
        <v>99.1</v>
      </c>
      <c r="Y16815" s="2">
        <v>7.6</v>
      </c>
      <c r="Z16815" s="2">
        <v>16.7</v>
      </c>
      <c r="AA16815" s="5"/>
      <c r="AB16815" s="5" t="s">
        <v>43</v>
      </c>
      <c r="AC16815" s="5" t="s">
        <v>44</v>
      </c>
      <c r="AD16815" s="2"/>
      <c r="AE16815" s="1"/>
    </row>
    <row r="16816" spans="1:31" ht="14.45">
      <c r="A16816" s="11"/>
      <c r="B16816" s="20"/>
      <c r="C16816" s="2" t="s">
        <v>51406</v>
      </c>
      <c r="D16816" s="14" t="s">
        <v>51407</v>
      </c>
      <c r="E16816" s="2" t="s">
        <v>51408</v>
      </c>
      <c r="F16816" s="2" t="s">
        <v>36337</v>
      </c>
      <c r="G16816" s="8">
        <v>289</v>
      </c>
      <c r="H16816" s="5">
        <v>6</v>
      </c>
      <c r="I16816" s="5" t="s">
        <v>1518</v>
      </c>
      <c r="J16816" s="5" t="s">
        <v>36264</v>
      </c>
      <c r="K16816" s="2" t="s">
        <v>36265</v>
      </c>
      <c r="L16816" s="5" t="s">
        <v>36264</v>
      </c>
      <c r="M16816" s="2" t="s">
        <v>36265</v>
      </c>
      <c r="N16816" s="5" t="s">
        <v>36266</v>
      </c>
      <c r="O16816" s="5" t="s">
        <v>38</v>
      </c>
      <c r="P16816" s="5" t="s">
        <v>39</v>
      </c>
      <c r="Q16816" s="5" t="s">
        <v>40</v>
      </c>
      <c r="R16816" s="5" t="s">
        <v>1522</v>
      </c>
      <c r="S16816" s="5" t="s">
        <v>1523</v>
      </c>
      <c r="T16816" s="5" t="s">
        <v>42</v>
      </c>
      <c r="U16816" s="2">
        <v>2.5590000000000002</v>
      </c>
      <c r="V16816" s="2">
        <v>2.0129999999999999</v>
      </c>
      <c r="W16816" s="2">
        <v>1.2999999999999999E-2</v>
      </c>
      <c r="X16816" s="2">
        <v>99.1</v>
      </c>
      <c r="Y16816" s="2">
        <v>7.6</v>
      </c>
      <c r="Z16816" s="2">
        <v>16.7</v>
      </c>
      <c r="AA16816" s="5"/>
      <c r="AB16816" s="5" t="s">
        <v>43</v>
      </c>
      <c r="AC16816" s="5" t="s">
        <v>44</v>
      </c>
      <c r="AD16816" s="2"/>
      <c r="AE16816" s="1"/>
    </row>
    <row r="16817" spans="1:31" ht="14.45">
      <c r="A16817" s="11"/>
      <c r="B16817" s="20"/>
      <c r="C16817" s="2" t="s">
        <v>51409</v>
      </c>
      <c r="D16817" s="14" t="s">
        <v>51410</v>
      </c>
      <c r="E16817" s="2" t="s">
        <v>51411</v>
      </c>
      <c r="F16817" s="2" t="s">
        <v>36341</v>
      </c>
      <c r="G16817" s="8">
        <v>289</v>
      </c>
      <c r="H16817" s="5">
        <v>6</v>
      </c>
      <c r="I16817" s="5" t="s">
        <v>1518</v>
      </c>
      <c r="J16817" s="5" t="s">
        <v>36264</v>
      </c>
      <c r="K16817" s="2" t="s">
        <v>36265</v>
      </c>
      <c r="L16817" s="5" t="s">
        <v>36264</v>
      </c>
      <c r="M16817" s="2" t="s">
        <v>36265</v>
      </c>
      <c r="N16817" s="5" t="s">
        <v>36266</v>
      </c>
      <c r="O16817" s="5" t="s">
        <v>38</v>
      </c>
      <c r="P16817" s="5" t="s">
        <v>39</v>
      </c>
      <c r="Q16817" s="5" t="s">
        <v>40</v>
      </c>
      <c r="R16817" s="5" t="s">
        <v>1522</v>
      </c>
      <c r="S16817" s="5" t="s">
        <v>1523</v>
      </c>
      <c r="T16817" s="5" t="s">
        <v>42</v>
      </c>
      <c r="U16817" s="2">
        <v>2.6259999999999999</v>
      </c>
      <c r="V16817" s="2">
        <v>2.08</v>
      </c>
      <c r="W16817" s="2">
        <v>1.2999999999999999E-2</v>
      </c>
      <c r="X16817" s="2">
        <v>99.1</v>
      </c>
      <c r="Y16817" s="2">
        <v>7.6</v>
      </c>
      <c r="Z16817" s="2">
        <v>16.7</v>
      </c>
      <c r="AA16817" s="5"/>
      <c r="AB16817" s="5" t="s">
        <v>43</v>
      </c>
      <c r="AC16817" s="5" t="s">
        <v>44</v>
      </c>
      <c r="AD16817" s="2"/>
      <c r="AE16817" s="1"/>
    </row>
    <row r="16818" spans="1:31" ht="14.45">
      <c r="A16818" s="11"/>
      <c r="B16818" s="20"/>
      <c r="C16818" s="2" t="s">
        <v>51412</v>
      </c>
      <c r="D16818" s="14" t="s">
        <v>51413</v>
      </c>
      <c r="E16818" s="2" t="s">
        <v>51414</v>
      </c>
      <c r="F16818" s="2" t="s">
        <v>36345</v>
      </c>
      <c r="G16818" s="8">
        <v>289</v>
      </c>
      <c r="H16818" s="5">
        <v>6</v>
      </c>
      <c r="I16818" s="5" t="s">
        <v>1518</v>
      </c>
      <c r="J16818" s="5" t="s">
        <v>36264</v>
      </c>
      <c r="K16818" s="2" t="s">
        <v>36265</v>
      </c>
      <c r="L16818" s="5" t="s">
        <v>36264</v>
      </c>
      <c r="M16818" s="2" t="s">
        <v>36265</v>
      </c>
      <c r="N16818" s="5" t="s">
        <v>36266</v>
      </c>
      <c r="O16818" s="5" t="s">
        <v>38</v>
      </c>
      <c r="P16818" s="5" t="s">
        <v>39</v>
      </c>
      <c r="Q16818" s="5" t="s">
        <v>40</v>
      </c>
      <c r="R16818" s="5" t="s">
        <v>1522</v>
      </c>
      <c r="S16818" s="5" t="s">
        <v>1523</v>
      </c>
      <c r="T16818" s="5" t="s">
        <v>42</v>
      </c>
      <c r="U16818" s="2">
        <v>2.5590000000000002</v>
      </c>
      <c r="V16818" s="2">
        <v>2.0129999999999999</v>
      </c>
      <c r="W16818" s="2">
        <v>1.2999999999999999E-2</v>
      </c>
      <c r="X16818" s="2">
        <v>99.1</v>
      </c>
      <c r="Y16818" s="2">
        <v>7.6</v>
      </c>
      <c r="Z16818" s="2">
        <v>16.7</v>
      </c>
      <c r="AA16818" s="5"/>
      <c r="AB16818" s="5" t="s">
        <v>43</v>
      </c>
      <c r="AC16818" s="5" t="s">
        <v>44</v>
      </c>
      <c r="AD16818" s="2"/>
      <c r="AE16818" s="1"/>
    </row>
    <row r="16819" spans="1:31" ht="14.45">
      <c r="A16819" s="11"/>
      <c r="B16819" s="20"/>
      <c r="C16819" s="2" t="s">
        <v>51415</v>
      </c>
      <c r="D16819" s="14" t="s">
        <v>51416</v>
      </c>
      <c r="E16819" s="2" t="s">
        <v>51417</v>
      </c>
      <c r="F16819" s="2" t="s">
        <v>36349</v>
      </c>
      <c r="G16819" s="8">
        <v>289</v>
      </c>
      <c r="H16819" s="5">
        <v>6</v>
      </c>
      <c r="I16819" s="5" t="s">
        <v>1518</v>
      </c>
      <c r="J16819" s="5" t="s">
        <v>36264</v>
      </c>
      <c r="K16819" s="2" t="s">
        <v>36265</v>
      </c>
      <c r="L16819" s="5" t="s">
        <v>36264</v>
      </c>
      <c r="M16819" s="2" t="s">
        <v>36265</v>
      </c>
      <c r="N16819" s="5" t="s">
        <v>36266</v>
      </c>
      <c r="O16819" s="5" t="s">
        <v>38</v>
      </c>
      <c r="P16819" s="5" t="s">
        <v>39</v>
      </c>
      <c r="Q16819" s="5" t="s">
        <v>40</v>
      </c>
      <c r="R16819" s="5" t="s">
        <v>1522</v>
      </c>
      <c r="S16819" s="5" t="s">
        <v>1523</v>
      </c>
      <c r="T16819" s="5" t="s">
        <v>42</v>
      </c>
      <c r="U16819" s="2">
        <v>2.6259999999999999</v>
      </c>
      <c r="V16819" s="2">
        <v>2.08</v>
      </c>
      <c r="W16819" s="2">
        <v>1.2999999999999999E-2</v>
      </c>
      <c r="X16819" s="2">
        <v>99.1</v>
      </c>
      <c r="Y16819" s="2">
        <v>7.6</v>
      </c>
      <c r="Z16819" s="2">
        <v>16.7</v>
      </c>
      <c r="AA16819" s="5"/>
      <c r="AB16819" s="5" t="s">
        <v>43</v>
      </c>
      <c r="AC16819" s="5" t="s">
        <v>44</v>
      </c>
      <c r="AD16819" s="2"/>
      <c r="AE16819" s="1"/>
    </row>
    <row r="16820" spans="1:31" ht="14.45">
      <c r="A16820" s="11"/>
      <c r="B16820" s="20"/>
      <c r="C16820" s="2" t="s">
        <v>51418</v>
      </c>
      <c r="D16820" s="14" t="s">
        <v>51419</v>
      </c>
      <c r="E16820" s="2" t="s">
        <v>51420</v>
      </c>
      <c r="F16820" s="2" t="s">
        <v>36353</v>
      </c>
      <c r="G16820" s="8">
        <v>289</v>
      </c>
      <c r="H16820" s="5">
        <v>6</v>
      </c>
      <c r="I16820" s="5" t="s">
        <v>1518</v>
      </c>
      <c r="J16820" s="5" t="s">
        <v>36264</v>
      </c>
      <c r="K16820" s="2" t="s">
        <v>36265</v>
      </c>
      <c r="L16820" s="5" t="s">
        <v>36264</v>
      </c>
      <c r="M16820" s="2" t="s">
        <v>36265</v>
      </c>
      <c r="N16820" s="5" t="s">
        <v>36266</v>
      </c>
      <c r="O16820" s="5" t="s">
        <v>38</v>
      </c>
      <c r="P16820" s="5" t="s">
        <v>39</v>
      </c>
      <c r="Q16820" s="5" t="s">
        <v>40</v>
      </c>
      <c r="R16820" s="5" t="s">
        <v>1522</v>
      </c>
      <c r="S16820" s="5" t="s">
        <v>1523</v>
      </c>
      <c r="T16820" s="5" t="s">
        <v>42</v>
      </c>
      <c r="U16820" s="2">
        <v>2.5590000000000002</v>
      </c>
      <c r="V16820" s="2">
        <v>2.0129999999999999</v>
      </c>
      <c r="W16820" s="2">
        <v>1.2999999999999999E-2</v>
      </c>
      <c r="X16820" s="2">
        <v>99.1</v>
      </c>
      <c r="Y16820" s="2">
        <v>7.6</v>
      </c>
      <c r="Z16820" s="2">
        <v>16.7</v>
      </c>
      <c r="AA16820" s="5"/>
      <c r="AB16820" s="5" t="s">
        <v>43</v>
      </c>
      <c r="AC16820" s="5" t="s">
        <v>44</v>
      </c>
      <c r="AD16820" s="2"/>
      <c r="AE16820" s="1"/>
    </row>
    <row r="16821" spans="1:31" ht="14.45">
      <c r="A16821" s="11"/>
      <c r="B16821" s="20"/>
      <c r="C16821" s="2" t="s">
        <v>51421</v>
      </c>
      <c r="D16821" s="14" t="s">
        <v>51422</v>
      </c>
      <c r="E16821" s="2" t="s">
        <v>51423</v>
      </c>
      <c r="F16821" s="2" t="s">
        <v>36357</v>
      </c>
      <c r="G16821" s="8">
        <v>289</v>
      </c>
      <c r="H16821" s="5">
        <v>6</v>
      </c>
      <c r="I16821" s="5" t="s">
        <v>1518</v>
      </c>
      <c r="J16821" s="5" t="s">
        <v>36264</v>
      </c>
      <c r="K16821" s="2" t="s">
        <v>36265</v>
      </c>
      <c r="L16821" s="5" t="s">
        <v>36264</v>
      </c>
      <c r="M16821" s="2" t="s">
        <v>36265</v>
      </c>
      <c r="N16821" s="5" t="s">
        <v>36266</v>
      </c>
      <c r="O16821" s="5" t="s">
        <v>38</v>
      </c>
      <c r="P16821" s="5" t="s">
        <v>39</v>
      </c>
      <c r="Q16821" s="5" t="s">
        <v>40</v>
      </c>
      <c r="R16821" s="5" t="s">
        <v>1522</v>
      </c>
      <c r="S16821" s="5" t="s">
        <v>1523</v>
      </c>
      <c r="T16821" s="5" t="s">
        <v>42</v>
      </c>
      <c r="U16821" s="2">
        <v>2.6259999999999999</v>
      </c>
      <c r="V16821" s="2">
        <v>2.08</v>
      </c>
      <c r="W16821" s="2">
        <v>1.2999999999999999E-2</v>
      </c>
      <c r="X16821" s="2">
        <v>99.1</v>
      </c>
      <c r="Y16821" s="2">
        <v>7.6</v>
      </c>
      <c r="Z16821" s="2">
        <v>16.7</v>
      </c>
      <c r="AA16821" s="5"/>
      <c r="AB16821" s="5" t="s">
        <v>43</v>
      </c>
      <c r="AC16821" s="5" t="s">
        <v>44</v>
      </c>
      <c r="AD16821" s="2"/>
      <c r="AE16821" s="1"/>
    </row>
    <row r="16822" spans="1:31" ht="14.45">
      <c r="A16822" s="11"/>
      <c r="B16822" s="20"/>
      <c r="C16822" s="2" t="s">
        <v>51424</v>
      </c>
      <c r="D16822" s="14" t="s">
        <v>51425</v>
      </c>
      <c r="E16822" s="2" t="s">
        <v>51426</v>
      </c>
      <c r="F16822" s="2" t="s">
        <v>45598</v>
      </c>
      <c r="G16822" s="8">
        <v>289</v>
      </c>
      <c r="H16822" s="5">
        <v>6</v>
      </c>
      <c r="I16822" s="5" t="s">
        <v>1518</v>
      </c>
      <c r="J16822" s="5" t="s">
        <v>36264</v>
      </c>
      <c r="K16822" s="2" t="s">
        <v>36265</v>
      </c>
      <c r="L16822" s="5" t="s">
        <v>36264</v>
      </c>
      <c r="M16822" s="2" t="s">
        <v>36265</v>
      </c>
      <c r="N16822" s="5" t="s">
        <v>36266</v>
      </c>
      <c r="O16822" s="5" t="s">
        <v>38</v>
      </c>
      <c r="P16822" s="5" t="s">
        <v>39</v>
      </c>
      <c r="Q16822" s="5" t="s">
        <v>40</v>
      </c>
      <c r="R16822" s="5" t="s">
        <v>1522</v>
      </c>
      <c r="S16822" s="5" t="s">
        <v>1523</v>
      </c>
      <c r="T16822" s="5" t="s">
        <v>42</v>
      </c>
      <c r="U16822" s="2">
        <v>2.5590000000000002</v>
      </c>
      <c r="V16822" s="2">
        <v>2.0129999999999999</v>
      </c>
      <c r="W16822" s="2">
        <v>1.2999999999999999E-2</v>
      </c>
      <c r="X16822" s="2">
        <v>99.1</v>
      </c>
      <c r="Y16822" s="2">
        <v>7.6</v>
      </c>
      <c r="Z16822" s="2">
        <v>16.7</v>
      </c>
      <c r="AA16822" s="5"/>
      <c r="AB16822" s="5" t="s">
        <v>43</v>
      </c>
      <c r="AC16822" s="5" t="s">
        <v>44</v>
      </c>
      <c r="AD16822" s="2"/>
      <c r="AE16822" s="1"/>
    </row>
    <row r="16823" spans="1:31" ht="14.45">
      <c r="A16823" s="11"/>
      <c r="B16823" s="20"/>
      <c r="C16823" s="2" t="s">
        <v>51427</v>
      </c>
      <c r="D16823" s="14" t="s">
        <v>51428</v>
      </c>
      <c r="E16823" s="2" t="s">
        <v>51429</v>
      </c>
      <c r="F16823" s="2" t="s">
        <v>45534</v>
      </c>
      <c r="G16823" s="8">
        <v>289</v>
      </c>
      <c r="H16823" s="5">
        <v>6</v>
      </c>
      <c r="I16823" s="5" t="s">
        <v>1518</v>
      </c>
      <c r="J16823" s="5" t="s">
        <v>36264</v>
      </c>
      <c r="K16823" s="2" t="s">
        <v>36265</v>
      </c>
      <c r="L16823" s="5" t="s">
        <v>36264</v>
      </c>
      <c r="M16823" s="2" t="s">
        <v>36265</v>
      </c>
      <c r="N16823" s="5" t="s">
        <v>36266</v>
      </c>
      <c r="O16823" s="5" t="s">
        <v>38</v>
      </c>
      <c r="P16823" s="5" t="s">
        <v>39</v>
      </c>
      <c r="Q16823" s="5" t="s">
        <v>40</v>
      </c>
      <c r="R16823" s="5" t="s">
        <v>1522</v>
      </c>
      <c r="S16823" s="5" t="s">
        <v>1523</v>
      </c>
      <c r="T16823" s="5" t="s">
        <v>42</v>
      </c>
      <c r="U16823" s="2">
        <v>2.6259999999999999</v>
      </c>
      <c r="V16823" s="2">
        <v>2.08</v>
      </c>
      <c r="W16823" s="2">
        <v>1.2999999999999999E-2</v>
      </c>
      <c r="X16823" s="2">
        <v>99.1</v>
      </c>
      <c r="Y16823" s="2">
        <v>7.6</v>
      </c>
      <c r="Z16823" s="2">
        <v>16.7</v>
      </c>
      <c r="AA16823" s="5"/>
      <c r="AB16823" s="5" t="s">
        <v>43</v>
      </c>
      <c r="AC16823" s="5" t="s">
        <v>44</v>
      </c>
      <c r="AD16823" s="2"/>
      <c r="AE16823" s="1"/>
    </row>
    <row r="16824" spans="1:31" ht="14.45">
      <c r="A16824" s="11"/>
      <c r="B16824" s="20"/>
      <c r="C16824" s="2" t="s">
        <v>51430</v>
      </c>
      <c r="D16824" s="14" t="s">
        <v>51431</v>
      </c>
      <c r="E16824" s="2" t="s">
        <v>51432</v>
      </c>
      <c r="F16824" s="2" t="s">
        <v>36369</v>
      </c>
      <c r="G16824" s="8">
        <v>289</v>
      </c>
      <c r="H16824" s="5">
        <v>6</v>
      </c>
      <c r="I16824" s="5" t="s">
        <v>1518</v>
      </c>
      <c r="J16824" s="5" t="s">
        <v>36264</v>
      </c>
      <c r="K16824" s="2" t="s">
        <v>36265</v>
      </c>
      <c r="L16824" s="5" t="s">
        <v>36264</v>
      </c>
      <c r="M16824" s="2" t="s">
        <v>36265</v>
      </c>
      <c r="N16824" s="5" t="s">
        <v>36266</v>
      </c>
      <c r="O16824" s="5" t="s">
        <v>38</v>
      </c>
      <c r="P16824" s="5" t="s">
        <v>39</v>
      </c>
      <c r="Q16824" s="5" t="s">
        <v>40</v>
      </c>
      <c r="R16824" s="5" t="s">
        <v>1522</v>
      </c>
      <c r="S16824" s="5" t="s">
        <v>1523</v>
      </c>
      <c r="T16824" s="5" t="s">
        <v>42</v>
      </c>
      <c r="U16824" s="2">
        <v>2.5590000000000002</v>
      </c>
      <c r="V16824" s="2">
        <v>2.0129999999999999</v>
      </c>
      <c r="W16824" s="2">
        <v>1.2999999999999999E-2</v>
      </c>
      <c r="X16824" s="2">
        <v>99.1</v>
      </c>
      <c r="Y16824" s="2">
        <v>7.6</v>
      </c>
      <c r="Z16824" s="2">
        <v>16.7</v>
      </c>
      <c r="AA16824" s="5"/>
      <c r="AB16824" s="5" t="s">
        <v>43</v>
      </c>
      <c r="AC16824" s="5" t="s">
        <v>44</v>
      </c>
      <c r="AD16824" s="2"/>
      <c r="AE16824" s="1"/>
    </row>
    <row r="16825" spans="1:31" ht="14.45">
      <c r="A16825" s="11"/>
      <c r="B16825" s="20"/>
      <c r="C16825" s="2" t="s">
        <v>51433</v>
      </c>
      <c r="D16825" s="14" t="s">
        <v>51434</v>
      </c>
      <c r="E16825" s="2" t="s">
        <v>51435</v>
      </c>
      <c r="F16825" s="2" t="s">
        <v>36373</v>
      </c>
      <c r="G16825" s="8">
        <v>289</v>
      </c>
      <c r="H16825" s="5">
        <v>6</v>
      </c>
      <c r="I16825" s="5" t="s">
        <v>1518</v>
      </c>
      <c r="J16825" s="5" t="s">
        <v>36264</v>
      </c>
      <c r="K16825" s="2" t="s">
        <v>36265</v>
      </c>
      <c r="L16825" s="5" t="s">
        <v>36264</v>
      </c>
      <c r="M16825" s="2" t="s">
        <v>36265</v>
      </c>
      <c r="N16825" s="5" t="s">
        <v>36266</v>
      </c>
      <c r="O16825" s="5" t="s">
        <v>38</v>
      </c>
      <c r="P16825" s="5" t="s">
        <v>39</v>
      </c>
      <c r="Q16825" s="5" t="s">
        <v>40</v>
      </c>
      <c r="R16825" s="5" t="s">
        <v>1522</v>
      </c>
      <c r="S16825" s="5" t="s">
        <v>1523</v>
      </c>
      <c r="T16825" s="5" t="s">
        <v>42</v>
      </c>
      <c r="U16825" s="2">
        <v>2.6259999999999999</v>
      </c>
      <c r="V16825" s="2">
        <v>2.08</v>
      </c>
      <c r="W16825" s="2">
        <v>1.2999999999999999E-2</v>
      </c>
      <c r="X16825" s="2">
        <v>99.1</v>
      </c>
      <c r="Y16825" s="2">
        <v>7.6</v>
      </c>
      <c r="Z16825" s="2">
        <v>16.7</v>
      </c>
      <c r="AA16825" s="5"/>
      <c r="AB16825" s="5" t="s">
        <v>43</v>
      </c>
      <c r="AC16825" s="5" t="s">
        <v>44</v>
      </c>
      <c r="AD16825" s="2"/>
      <c r="AE16825" s="1"/>
    </row>
    <row r="16826" spans="1:31" ht="14.45">
      <c r="A16826" s="11"/>
      <c r="B16826" s="20"/>
      <c r="C16826" s="2" t="s">
        <v>51436</v>
      </c>
      <c r="D16826" s="14" t="s">
        <v>51437</v>
      </c>
      <c r="E16826" s="2" t="s">
        <v>51438</v>
      </c>
      <c r="F16826" s="2" t="s">
        <v>36377</v>
      </c>
      <c r="G16826" s="8">
        <v>289</v>
      </c>
      <c r="H16826" s="5">
        <v>6</v>
      </c>
      <c r="I16826" s="5" t="s">
        <v>1518</v>
      </c>
      <c r="J16826" s="5" t="s">
        <v>36264</v>
      </c>
      <c r="K16826" s="2" t="s">
        <v>36265</v>
      </c>
      <c r="L16826" s="5" t="s">
        <v>36264</v>
      </c>
      <c r="M16826" s="2" t="s">
        <v>36265</v>
      </c>
      <c r="N16826" s="5" t="s">
        <v>36266</v>
      </c>
      <c r="O16826" s="5" t="s">
        <v>38</v>
      </c>
      <c r="P16826" s="5" t="s">
        <v>39</v>
      </c>
      <c r="Q16826" s="5" t="s">
        <v>40</v>
      </c>
      <c r="R16826" s="5" t="s">
        <v>1522</v>
      </c>
      <c r="S16826" s="5" t="s">
        <v>1523</v>
      </c>
      <c r="T16826" s="5" t="s">
        <v>42</v>
      </c>
      <c r="U16826" s="2">
        <v>2.5590000000000002</v>
      </c>
      <c r="V16826" s="2">
        <v>2.0129999999999999</v>
      </c>
      <c r="W16826" s="2">
        <v>1.2999999999999999E-2</v>
      </c>
      <c r="X16826" s="2">
        <v>99.1</v>
      </c>
      <c r="Y16826" s="2">
        <v>7.6</v>
      </c>
      <c r="Z16826" s="2">
        <v>16.7</v>
      </c>
      <c r="AA16826" s="5"/>
      <c r="AB16826" s="5" t="s">
        <v>43</v>
      </c>
      <c r="AC16826" s="5" t="s">
        <v>44</v>
      </c>
      <c r="AD16826" s="2"/>
      <c r="AE16826" s="1"/>
    </row>
    <row r="16827" spans="1:31" ht="14.45">
      <c r="A16827" s="11"/>
      <c r="B16827" s="20"/>
      <c r="C16827" s="2" t="s">
        <v>51439</v>
      </c>
      <c r="D16827" s="14" t="s">
        <v>51440</v>
      </c>
      <c r="E16827" s="2" t="s">
        <v>51441</v>
      </c>
      <c r="F16827" s="2" t="s">
        <v>36381</v>
      </c>
      <c r="G16827" s="8">
        <v>289</v>
      </c>
      <c r="H16827" s="5">
        <v>6</v>
      </c>
      <c r="I16827" s="5" t="s">
        <v>1518</v>
      </c>
      <c r="J16827" s="5" t="s">
        <v>36264</v>
      </c>
      <c r="K16827" s="2" t="s">
        <v>36265</v>
      </c>
      <c r="L16827" s="5" t="s">
        <v>36264</v>
      </c>
      <c r="M16827" s="2" t="s">
        <v>36265</v>
      </c>
      <c r="N16827" s="5" t="s">
        <v>36266</v>
      </c>
      <c r="O16827" s="5" t="s">
        <v>38</v>
      </c>
      <c r="P16827" s="5" t="s">
        <v>39</v>
      </c>
      <c r="Q16827" s="5" t="s">
        <v>40</v>
      </c>
      <c r="R16827" s="5" t="s">
        <v>1522</v>
      </c>
      <c r="S16827" s="5" t="s">
        <v>1523</v>
      </c>
      <c r="T16827" s="5" t="s">
        <v>42</v>
      </c>
      <c r="U16827" s="2">
        <v>2.6259999999999999</v>
      </c>
      <c r="V16827" s="2">
        <v>2.08</v>
      </c>
      <c r="W16827" s="2">
        <v>1.2999999999999999E-2</v>
      </c>
      <c r="X16827" s="2">
        <v>99.1</v>
      </c>
      <c r="Y16827" s="2">
        <v>7.6</v>
      </c>
      <c r="Z16827" s="2">
        <v>16.7</v>
      </c>
      <c r="AA16827" s="5"/>
      <c r="AB16827" s="5" t="s">
        <v>43</v>
      </c>
      <c r="AC16827" s="5" t="s">
        <v>44</v>
      </c>
      <c r="AD16827" s="2"/>
      <c r="AE16827" s="1"/>
    </row>
    <row r="16828" spans="1:31" ht="14.45">
      <c r="A16828" s="11"/>
      <c r="B16828" s="20"/>
      <c r="C16828" s="2" t="s">
        <v>51442</v>
      </c>
      <c r="D16828" s="14" t="s">
        <v>51443</v>
      </c>
      <c r="E16828" s="2" t="s">
        <v>51444</v>
      </c>
      <c r="F16828" s="2" t="s">
        <v>36385</v>
      </c>
      <c r="G16828" s="8">
        <v>289</v>
      </c>
      <c r="H16828" s="5">
        <v>6</v>
      </c>
      <c r="I16828" s="5" t="s">
        <v>1518</v>
      </c>
      <c r="J16828" s="5" t="s">
        <v>36264</v>
      </c>
      <c r="K16828" s="2" t="s">
        <v>36265</v>
      </c>
      <c r="L16828" s="5" t="s">
        <v>36264</v>
      </c>
      <c r="M16828" s="2" t="s">
        <v>36265</v>
      </c>
      <c r="N16828" s="5" t="s">
        <v>36266</v>
      </c>
      <c r="O16828" s="5" t="s">
        <v>38</v>
      </c>
      <c r="P16828" s="5" t="s">
        <v>39</v>
      </c>
      <c r="Q16828" s="5" t="s">
        <v>40</v>
      </c>
      <c r="R16828" s="5" t="s">
        <v>1522</v>
      </c>
      <c r="S16828" s="5" t="s">
        <v>1523</v>
      </c>
      <c r="T16828" s="5" t="s">
        <v>42</v>
      </c>
      <c r="U16828" s="2">
        <v>2.5590000000000002</v>
      </c>
      <c r="V16828" s="2">
        <v>2.0129999999999999</v>
      </c>
      <c r="W16828" s="2">
        <v>1.2999999999999999E-2</v>
      </c>
      <c r="X16828" s="2">
        <v>99.1</v>
      </c>
      <c r="Y16828" s="2">
        <v>7.6</v>
      </c>
      <c r="Z16828" s="2">
        <v>16.7</v>
      </c>
      <c r="AA16828" s="5"/>
      <c r="AB16828" s="5" t="s">
        <v>43</v>
      </c>
      <c r="AC16828" s="5" t="s">
        <v>44</v>
      </c>
      <c r="AD16828" s="2"/>
      <c r="AE16828" s="1"/>
    </row>
    <row r="16829" spans="1:31" ht="14.45">
      <c r="A16829" s="11"/>
      <c r="B16829" s="20"/>
      <c r="C16829" s="2" t="s">
        <v>51445</v>
      </c>
      <c r="D16829" s="14" t="s">
        <v>51446</v>
      </c>
      <c r="E16829" s="2" t="s">
        <v>51447</v>
      </c>
      <c r="F16829" s="2" t="s">
        <v>36389</v>
      </c>
      <c r="G16829" s="8">
        <v>289</v>
      </c>
      <c r="H16829" s="5">
        <v>6</v>
      </c>
      <c r="I16829" s="5" t="s">
        <v>1518</v>
      </c>
      <c r="J16829" s="5" t="s">
        <v>36264</v>
      </c>
      <c r="K16829" s="2" t="s">
        <v>36265</v>
      </c>
      <c r="L16829" s="5" t="s">
        <v>36264</v>
      </c>
      <c r="M16829" s="2" t="s">
        <v>36265</v>
      </c>
      <c r="N16829" s="5" t="s">
        <v>36266</v>
      </c>
      <c r="O16829" s="5" t="s">
        <v>38</v>
      </c>
      <c r="P16829" s="5" t="s">
        <v>39</v>
      </c>
      <c r="Q16829" s="5" t="s">
        <v>40</v>
      </c>
      <c r="R16829" s="5" t="s">
        <v>1522</v>
      </c>
      <c r="S16829" s="5" t="s">
        <v>1523</v>
      </c>
      <c r="T16829" s="5" t="s">
        <v>42</v>
      </c>
      <c r="U16829" s="2">
        <v>2.6259999999999999</v>
      </c>
      <c r="V16829" s="2">
        <v>2.08</v>
      </c>
      <c r="W16829" s="2">
        <v>1.2999999999999999E-2</v>
      </c>
      <c r="X16829" s="2">
        <v>99.1</v>
      </c>
      <c r="Y16829" s="2">
        <v>7.6</v>
      </c>
      <c r="Z16829" s="2">
        <v>16.7</v>
      </c>
      <c r="AA16829" s="5"/>
      <c r="AB16829" s="5" t="s">
        <v>43</v>
      </c>
      <c r="AC16829" s="5" t="s">
        <v>44</v>
      </c>
      <c r="AD16829" s="2"/>
      <c r="AE16829" s="1"/>
    </row>
    <row r="16830" spans="1:31" ht="14.45">
      <c r="A16830" s="11"/>
      <c r="B16830" s="20"/>
      <c r="C16830" s="2" t="s">
        <v>51448</v>
      </c>
      <c r="D16830" s="14" t="s">
        <v>51449</v>
      </c>
      <c r="E16830" s="2" t="s">
        <v>51450</v>
      </c>
      <c r="F16830" s="2" t="s">
        <v>7204</v>
      </c>
      <c r="G16830" s="8">
        <v>280</v>
      </c>
      <c r="H16830" s="5">
        <v>6</v>
      </c>
      <c r="I16830" s="5" t="s">
        <v>1518</v>
      </c>
      <c r="J16830" s="5" t="s">
        <v>36264</v>
      </c>
      <c r="K16830" s="2" t="s">
        <v>36265</v>
      </c>
      <c r="L16830" s="5" t="s">
        <v>36264</v>
      </c>
      <c r="M16830" s="2" t="s">
        <v>36265</v>
      </c>
      <c r="N16830" s="5" t="s">
        <v>36266</v>
      </c>
      <c r="O16830" s="5" t="s">
        <v>38</v>
      </c>
      <c r="P16830" s="5" t="s">
        <v>39</v>
      </c>
      <c r="Q16830" s="5" t="s">
        <v>40</v>
      </c>
      <c r="R16830" s="5" t="s">
        <v>1522</v>
      </c>
      <c r="S16830" s="5" t="s">
        <v>1523</v>
      </c>
      <c r="T16830" s="5" t="s">
        <v>42</v>
      </c>
      <c r="U16830" s="2">
        <v>2.7149999999999999</v>
      </c>
      <c r="V16830" s="2">
        <v>2.1779999999999999</v>
      </c>
      <c r="W16830" s="2">
        <v>1.2999999999999999E-2</v>
      </c>
      <c r="X16830" s="2">
        <v>99.1</v>
      </c>
      <c r="Y16830" s="2">
        <v>7.6</v>
      </c>
      <c r="Z16830" s="2">
        <v>16.7</v>
      </c>
      <c r="AA16830" s="5"/>
      <c r="AB16830" s="5" t="s">
        <v>43</v>
      </c>
      <c r="AC16830" s="5" t="s">
        <v>44</v>
      </c>
      <c r="AD16830" s="2"/>
      <c r="AE16830" s="1"/>
    </row>
    <row r="16831" spans="1:31" ht="14.45">
      <c r="A16831" s="11"/>
      <c r="B16831" s="20"/>
      <c r="C16831" s="2" t="s">
        <v>51451</v>
      </c>
      <c r="D16831" s="14" t="s">
        <v>51452</v>
      </c>
      <c r="E16831" s="2" t="s">
        <v>51453</v>
      </c>
      <c r="F16831" s="2" t="s">
        <v>7514</v>
      </c>
      <c r="G16831" s="8">
        <v>280</v>
      </c>
      <c r="H16831" s="5">
        <v>6</v>
      </c>
      <c r="I16831" s="5" t="s">
        <v>1518</v>
      </c>
      <c r="J16831" s="5" t="s">
        <v>36264</v>
      </c>
      <c r="K16831" s="2" t="s">
        <v>36265</v>
      </c>
      <c r="L16831" s="5" t="s">
        <v>36264</v>
      </c>
      <c r="M16831" s="2" t="s">
        <v>36265</v>
      </c>
      <c r="N16831" s="5" t="s">
        <v>36266</v>
      </c>
      <c r="O16831" s="5" t="s">
        <v>38</v>
      </c>
      <c r="P16831" s="5" t="s">
        <v>39</v>
      </c>
      <c r="Q16831" s="5" t="s">
        <v>40</v>
      </c>
      <c r="R16831" s="5" t="s">
        <v>1522</v>
      </c>
      <c r="S16831" s="5" t="s">
        <v>1523</v>
      </c>
      <c r="T16831" s="5" t="s">
        <v>42</v>
      </c>
      <c r="U16831" s="2">
        <v>2.7930000000000001</v>
      </c>
      <c r="V16831" s="2">
        <v>2.2559999999999998</v>
      </c>
      <c r="W16831" s="2">
        <v>1.2999999999999999E-2</v>
      </c>
      <c r="X16831" s="2">
        <v>99.1</v>
      </c>
      <c r="Y16831" s="2">
        <v>7.6</v>
      </c>
      <c r="Z16831" s="2">
        <v>16.7</v>
      </c>
      <c r="AA16831" s="5"/>
      <c r="AB16831" s="5" t="s">
        <v>43</v>
      </c>
      <c r="AC16831" s="5" t="s">
        <v>44</v>
      </c>
      <c r="AD16831" s="2"/>
      <c r="AE16831" s="1"/>
    </row>
    <row r="16832" spans="1:31" ht="14.45">
      <c r="A16832" s="11"/>
      <c r="B16832" s="20"/>
      <c r="C16832" s="2" t="s">
        <v>51454</v>
      </c>
      <c r="D16832" s="14" t="s">
        <v>51455</v>
      </c>
      <c r="E16832" s="2" t="s">
        <v>51456</v>
      </c>
      <c r="F16832" s="2" t="s">
        <v>36273</v>
      </c>
      <c r="G16832" s="8">
        <v>280</v>
      </c>
      <c r="H16832" s="5">
        <v>6</v>
      </c>
      <c r="I16832" s="5" t="s">
        <v>1518</v>
      </c>
      <c r="J16832" s="5" t="s">
        <v>36264</v>
      </c>
      <c r="K16832" s="2" t="s">
        <v>36265</v>
      </c>
      <c r="L16832" s="5" t="s">
        <v>36264</v>
      </c>
      <c r="M16832" s="2" t="s">
        <v>36265</v>
      </c>
      <c r="N16832" s="5" t="s">
        <v>36266</v>
      </c>
      <c r="O16832" s="5" t="s">
        <v>38</v>
      </c>
      <c r="P16832" s="5" t="s">
        <v>39</v>
      </c>
      <c r="Q16832" s="5" t="s">
        <v>40</v>
      </c>
      <c r="R16832" s="5" t="s">
        <v>1522</v>
      </c>
      <c r="S16832" s="5" t="s">
        <v>1523</v>
      </c>
      <c r="T16832" s="5" t="s">
        <v>42</v>
      </c>
      <c r="U16832" s="2">
        <v>2.7149999999999999</v>
      </c>
      <c r="V16832" s="2">
        <v>2.1779999999999999</v>
      </c>
      <c r="W16832" s="2">
        <v>1.2999999999999999E-2</v>
      </c>
      <c r="X16832" s="2">
        <v>99.1</v>
      </c>
      <c r="Y16832" s="2">
        <v>7.6</v>
      </c>
      <c r="Z16832" s="2">
        <v>16.7</v>
      </c>
      <c r="AA16832" s="5"/>
      <c r="AB16832" s="5" t="s">
        <v>43</v>
      </c>
      <c r="AC16832" s="5" t="s">
        <v>44</v>
      </c>
      <c r="AD16832" s="2"/>
      <c r="AE16832" s="1"/>
    </row>
    <row r="16833" spans="1:31" ht="14.45">
      <c r="A16833" s="11"/>
      <c r="B16833" s="20"/>
      <c r="C16833" s="2" t="s">
        <v>51457</v>
      </c>
      <c r="D16833" s="14" t="s">
        <v>51458</v>
      </c>
      <c r="E16833" s="2" t="s">
        <v>51459</v>
      </c>
      <c r="F16833" s="2" t="s">
        <v>36277</v>
      </c>
      <c r="G16833" s="8">
        <v>280</v>
      </c>
      <c r="H16833" s="5">
        <v>6</v>
      </c>
      <c r="I16833" s="5" t="s">
        <v>1518</v>
      </c>
      <c r="J16833" s="5" t="s">
        <v>36264</v>
      </c>
      <c r="K16833" s="2" t="s">
        <v>36265</v>
      </c>
      <c r="L16833" s="5" t="s">
        <v>36264</v>
      </c>
      <c r="M16833" s="2" t="s">
        <v>36265</v>
      </c>
      <c r="N16833" s="5" t="s">
        <v>36266</v>
      </c>
      <c r="O16833" s="5" t="s">
        <v>38</v>
      </c>
      <c r="P16833" s="5" t="s">
        <v>39</v>
      </c>
      <c r="Q16833" s="5" t="s">
        <v>40</v>
      </c>
      <c r="R16833" s="5" t="s">
        <v>1522</v>
      </c>
      <c r="S16833" s="5" t="s">
        <v>1523</v>
      </c>
      <c r="T16833" s="5" t="s">
        <v>42</v>
      </c>
      <c r="U16833" s="2">
        <v>2.7930000000000001</v>
      </c>
      <c r="V16833" s="2">
        <v>2.2559999999999998</v>
      </c>
      <c r="W16833" s="2">
        <v>1.2999999999999999E-2</v>
      </c>
      <c r="X16833" s="2">
        <v>99.1</v>
      </c>
      <c r="Y16833" s="2">
        <v>7.6</v>
      </c>
      <c r="Z16833" s="2">
        <v>16.7</v>
      </c>
      <c r="AA16833" s="5"/>
      <c r="AB16833" s="5" t="s">
        <v>43</v>
      </c>
      <c r="AC16833" s="5" t="s">
        <v>44</v>
      </c>
      <c r="AD16833" s="2"/>
      <c r="AE16833" s="1"/>
    </row>
    <row r="16834" spans="1:31" ht="14.45">
      <c r="A16834" s="11"/>
      <c r="B16834" s="20"/>
      <c r="C16834" s="2" t="s">
        <v>51460</v>
      </c>
      <c r="D16834" s="14" t="s">
        <v>51461</v>
      </c>
      <c r="E16834" s="2" t="s">
        <v>51462</v>
      </c>
      <c r="F16834" s="2" t="s">
        <v>36289</v>
      </c>
      <c r="G16834" s="8">
        <v>302</v>
      </c>
      <c r="H16834" s="5">
        <v>6</v>
      </c>
      <c r="I16834" s="5" t="s">
        <v>1518</v>
      </c>
      <c r="J16834" s="5" t="s">
        <v>36264</v>
      </c>
      <c r="K16834" s="2" t="s">
        <v>36265</v>
      </c>
      <c r="L16834" s="5" t="s">
        <v>36264</v>
      </c>
      <c r="M16834" s="2" t="s">
        <v>36265</v>
      </c>
      <c r="N16834" s="5" t="s">
        <v>36266</v>
      </c>
      <c r="O16834" s="5" t="s">
        <v>38</v>
      </c>
      <c r="P16834" s="5" t="s">
        <v>39</v>
      </c>
      <c r="Q16834" s="5" t="s">
        <v>40</v>
      </c>
      <c r="R16834" s="5" t="s">
        <v>1522</v>
      </c>
      <c r="S16834" s="5" t="s">
        <v>1523</v>
      </c>
      <c r="T16834" s="5" t="s">
        <v>42</v>
      </c>
      <c r="U16834" s="2">
        <v>2.7149999999999999</v>
      </c>
      <c r="V16834" s="2">
        <v>2.1779999999999999</v>
      </c>
      <c r="W16834" s="2">
        <v>1.2999999999999999E-2</v>
      </c>
      <c r="X16834" s="2">
        <v>99.1</v>
      </c>
      <c r="Y16834" s="2">
        <v>7.6</v>
      </c>
      <c r="Z16834" s="2">
        <v>16.7</v>
      </c>
      <c r="AA16834" s="5"/>
      <c r="AB16834" s="5" t="s">
        <v>43</v>
      </c>
      <c r="AC16834" s="5" t="s">
        <v>44</v>
      </c>
      <c r="AD16834" s="2"/>
      <c r="AE16834" s="1"/>
    </row>
    <row r="16835" spans="1:31" ht="14.45">
      <c r="A16835" s="11"/>
      <c r="B16835" s="20"/>
      <c r="C16835" s="2" t="s">
        <v>51463</v>
      </c>
      <c r="D16835" s="14" t="s">
        <v>51464</v>
      </c>
      <c r="E16835" s="2" t="s">
        <v>51465</v>
      </c>
      <c r="F16835" s="2" t="s">
        <v>36293</v>
      </c>
      <c r="G16835" s="8">
        <v>302</v>
      </c>
      <c r="H16835" s="5">
        <v>6</v>
      </c>
      <c r="I16835" s="5" t="s">
        <v>1518</v>
      </c>
      <c r="J16835" s="5" t="s">
        <v>36264</v>
      </c>
      <c r="K16835" s="2" t="s">
        <v>36265</v>
      </c>
      <c r="L16835" s="5" t="s">
        <v>36264</v>
      </c>
      <c r="M16835" s="2" t="s">
        <v>36265</v>
      </c>
      <c r="N16835" s="5" t="s">
        <v>36266</v>
      </c>
      <c r="O16835" s="5" t="s">
        <v>38</v>
      </c>
      <c r="P16835" s="5" t="s">
        <v>39</v>
      </c>
      <c r="Q16835" s="5" t="s">
        <v>40</v>
      </c>
      <c r="R16835" s="5" t="s">
        <v>1522</v>
      </c>
      <c r="S16835" s="5" t="s">
        <v>1523</v>
      </c>
      <c r="T16835" s="5" t="s">
        <v>42</v>
      </c>
      <c r="U16835" s="2">
        <v>2.7930000000000001</v>
      </c>
      <c r="V16835" s="2">
        <v>2.2559999999999998</v>
      </c>
      <c r="W16835" s="2">
        <v>1.2999999999999999E-2</v>
      </c>
      <c r="X16835" s="2">
        <v>99.1</v>
      </c>
      <c r="Y16835" s="2">
        <v>7.6</v>
      </c>
      <c r="Z16835" s="2">
        <v>16.7</v>
      </c>
      <c r="AA16835" s="5"/>
      <c r="AB16835" s="5" t="s">
        <v>43</v>
      </c>
      <c r="AC16835" s="5" t="s">
        <v>44</v>
      </c>
      <c r="AD16835" s="2"/>
      <c r="AE16835" s="1"/>
    </row>
    <row r="16836" spans="1:31" ht="14.45">
      <c r="A16836" s="11"/>
      <c r="B16836" s="20"/>
      <c r="C16836" s="2" t="s">
        <v>51466</v>
      </c>
      <c r="D16836" s="14" t="s">
        <v>51467</v>
      </c>
      <c r="E16836" s="2" t="s">
        <v>51468</v>
      </c>
      <c r="F16836" s="2" t="s">
        <v>36297</v>
      </c>
      <c r="G16836" s="8">
        <v>280</v>
      </c>
      <c r="H16836" s="5">
        <v>6</v>
      </c>
      <c r="I16836" s="5" t="s">
        <v>1518</v>
      </c>
      <c r="J16836" s="5" t="s">
        <v>36264</v>
      </c>
      <c r="K16836" s="2" t="s">
        <v>36265</v>
      </c>
      <c r="L16836" s="5" t="s">
        <v>36264</v>
      </c>
      <c r="M16836" s="2" t="s">
        <v>36265</v>
      </c>
      <c r="N16836" s="5" t="s">
        <v>36266</v>
      </c>
      <c r="O16836" s="5" t="s">
        <v>38</v>
      </c>
      <c r="P16836" s="5" t="s">
        <v>39</v>
      </c>
      <c r="Q16836" s="5" t="s">
        <v>40</v>
      </c>
      <c r="R16836" s="5" t="s">
        <v>1522</v>
      </c>
      <c r="S16836" s="5" t="s">
        <v>1523</v>
      </c>
      <c r="T16836" s="5" t="s">
        <v>42</v>
      </c>
      <c r="U16836" s="2">
        <v>2.7149999999999999</v>
      </c>
      <c r="V16836" s="2">
        <v>2.1779999999999999</v>
      </c>
      <c r="W16836" s="2">
        <v>1.2999999999999999E-2</v>
      </c>
      <c r="X16836" s="2">
        <v>99.1</v>
      </c>
      <c r="Y16836" s="2">
        <v>7.6</v>
      </c>
      <c r="Z16836" s="2">
        <v>16.7</v>
      </c>
      <c r="AA16836" s="5"/>
      <c r="AB16836" s="5" t="s">
        <v>43</v>
      </c>
      <c r="AC16836" s="5" t="s">
        <v>44</v>
      </c>
      <c r="AD16836" s="2"/>
      <c r="AE16836" s="1"/>
    </row>
    <row r="16837" spans="1:31" ht="14.45">
      <c r="A16837" s="11"/>
      <c r="B16837" s="20"/>
      <c r="C16837" s="2" t="s">
        <v>51469</v>
      </c>
      <c r="D16837" s="14" t="s">
        <v>51470</v>
      </c>
      <c r="E16837" s="2" t="s">
        <v>51471</v>
      </c>
      <c r="F16837" s="2" t="s">
        <v>36301</v>
      </c>
      <c r="G16837" s="8">
        <v>280</v>
      </c>
      <c r="H16837" s="5">
        <v>6</v>
      </c>
      <c r="I16837" s="5" t="s">
        <v>1518</v>
      </c>
      <c r="J16837" s="5" t="s">
        <v>36264</v>
      </c>
      <c r="K16837" s="2" t="s">
        <v>36265</v>
      </c>
      <c r="L16837" s="5" t="s">
        <v>36264</v>
      </c>
      <c r="M16837" s="2" t="s">
        <v>36265</v>
      </c>
      <c r="N16837" s="5" t="s">
        <v>36266</v>
      </c>
      <c r="O16837" s="5" t="s">
        <v>38</v>
      </c>
      <c r="P16837" s="5" t="s">
        <v>39</v>
      </c>
      <c r="Q16837" s="5" t="s">
        <v>40</v>
      </c>
      <c r="R16837" s="5" t="s">
        <v>1522</v>
      </c>
      <c r="S16837" s="5" t="s">
        <v>1523</v>
      </c>
      <c r="T16837" s="5" t="s">
        <v>42</v>
      </c>
      <c r="U16837" s="2">
        <v>2.7930000000000001</v>
      </c>
      <c r="V16837" s="2">
        <v>2.2559999999999998</v>
      </c>
      <c r="W16837" s="2">
        <v>1.2999999999999999E-2</v>
      </c>
      <c r="X16837" s="2">
        <v>99.1</v>
      </c>
      <c r="Y16837" s="2">
        <v>7.6</v>
      </c>
      <c r="Z16837" s="2">
        <v>16.7</v>
      </c>
      <c r="AA16837" s="5"/>
      <c r="AB16837" s="5" t="s">
        <v>43</v>
      </c>
      <c r="AC16837" s="5" t="s">
        <v>44</v>
      </c>
      <c r="AD16837" s="2"/>
      <c r="AE16837" s="1"/>
    </row>
    <row r="16838" spans="1:31" ht="14.45">
      <c r="A16838" s="11"/>
      <c r="B16838" s="20"/>
      <c r="C16838" s="2" t="s">
        <v>51472</v>
      </c>
      <c r="D16838" s="14" t="s">
        <v>51473</v>
      </c>
      <c r="E16838" s="2" t="s">
        <v>51474</v>
      </c>
      <c r="F16838" s="2" t="s">
        <v>36305</v>
      </c>
      <c r="G16838" s="8">
        <v>280</v>
      </c>
      <c r="H16838" s="5">
        <v>6</v>
      </c>
      <c r="I16838" s="5" t="s">
        <v>1518</v>
      </c>
      <c r="J16838" s="5" t="s">
        <v>36264</v>
      </c>
      <c r="K16838" s="2" t="s">
        <v>36265</v>
      </c>
      <c r="L16838" s="5" t="s">
        <v>36264</v>
      </c>
      <c r="M16838" s="2" t="s">
        <v>36265</v>
      </c>
      <c r="N16838" s="5" t="s">
        <v>36266</v>
      </c>
      <c r="O16838" s="5" t="s">
        <v>38</v>
      </c>
      <c r="P16838" s="5" t="s">
        <v>39</v>
      </c>
      <c r="Q16838" s="5" t="s">
        <v>40</v>
      </c>
      <c r="R16838" s="5" t="s">
        <v>1522</v>
      </c>
      <c r="S16838" s="5" t="s">
        <v>1523</v>
      </c>
      <c r="T16838" s="5" t="s">
        <v>42</v>
      </c>
      <c r="U16838" s="2">
        <v>2.7149999999999999</v>
      </c>
      <c r="V16838" s="2">
        <v>2.1779999999999999</v>
      </c>
      <c r="W16838" s="2">
        <v>1.2999999999999999E-2</v>
      </c>
      <c r="X16838" s="2">
        <v>99.1</v>
      </c>
      <c r="Y16838" s="2">
        <v>7.6</v>
      </c>
      <c r="Z16838" s="2">
        <v>16.7</v>
      </c>
      <c r="AA16838" s="5"/>
      <c r="AB16838" s="5" t="s">
        <v>43</v>
      </c>
      <c r="AC16838" s="5" t="s">
        <v>44</v>
      </c>
      <c r="AD16838" s="2"/>
      <c r="AE16838" s="1"/>
    </row>
    <row r="16839" spans="1:31" ht="14.45">
      <c r="A16839" s="11"/>
      <c r="B16839" s="20"/>
      <c r="C16839" s="2" t="s">
        <v>51475</v>
      </c>
      <c r="D16839" s="14" t="s">
        <v>51476</v>
      </c>
      <c r="E16839" s="2" t="s">
        <v>51477</v>
      </c>
      <c r="F16839" s="2" t="s">
        <v>36309</v>
      </c>
      <c r="G16839" s="8">
        <v>280</v>
      </c>
      <c r="H16839" s="5">
        <v>6</v>
      </c>
      <c r="I16839" s="5" t="s">
        <v>1518</v>
      </c>
      <c r="J16839" s="5" t="s">
        <v>36264</v>
      </c>
      <c r="K16839" s="2" t="s">
        <v>36265</v>
      </c>
      <c r="L16839" s="5" t="s">
        <v>36264</v>
      </c>
      <c r="M16839" s="2" t="s">
        <v>36265</v>
      </c>
      <c r="N16839" s="5" t="s">
        <v>36266</v>
      </c>
      <c r="O16839" s="5" t="s">
        <v>38</v>
      </c>
      <c r="P16839" s="5" t="s">
        <v>39</v>
      </c>
      <c r="Q16839" s="5" t="s">
        <v>40</v>
      </c>
      <c r="R16839" s="5" t="s">
        <v>1522</v>
      </c>
      <c r="S16839" s="5" t="s">
        <v>1523</v>
      </c>
      <c r="T16839" s="5" t="s">
        <v>42</v>
      </c>
      <c r="U16839" s="2">
        <v>2.7930000000000001</v>
      </c>
      <c r="V16839" s="2">
        <v>2.2559999999999998</v>
      </c>
      <c r="W16839" s="2">
        <v>1.2999999999999999E-2</v>
      </c>
      <c r="X16839" s="2">
        <v>99.1</v>
      </c>
      <c r="Y16839" s="2">
        <v>7.6</v>
      </c>
      <c r="Z16839" s="2">
        <v>16.7</v>
      </c>
      <c r="AA16839" s="5"/>
      <c r="AB16839" s="5" t="s">
        <v>43</v>
      </c>
      <c r="AC16839" s="5" t="s">
        <v>44</v>
      </c>
      <c r="AD16839" s="2"/>
      <c r="AE16839" s="1"/>
    </row>
    <row r="16840" spans="1:31" ht="14.45">
      <c r="A16840" s="11"/>
      <c r="B16840" s="20"/>
      <c r="C16840" s="2" t="s">
        <v>51478</v>
      </c>
      <c r="D16840" s="14" t="s">
        <v>51479</v>
      </c>
      <c r="E16840" s="2" t="s">
        <v>51480</v>
      </c>
      <c r="F16840" s="2" t="s">
        <v>36313</v>
      </c>
      <c r="G16840" s="8">
        <v>302</v>
      </c>
      <c r="H16840" s="5">
        <v>6</v>
      </c>
      <c r="I16840" s="5" t="s">
        <v>1518</v>
      </c>
      <c r="J16840" s="5" t="s">
        <v>36264</v>
      </c>
      <c r="K16840" s="2" t="s">
        <v>36265</v>
      </c>
      <c r="L16840" s="5" t="s">
        <v>36264</v>
      </c>
      <c r="M16840" s="2" t="s">
        <v>36265</v>
      </c>
      <c r="N16840" s="5" t="s">
        <v>36266</v>
      </c>
      <c r="O16840" s="5" t="s">
        <v>38</v>
      </c>
      <c r="P16840" s="5" t="s">
        <v>39</v>
      </c>
      <c r="Q16840" s="5" t="s">
        <v>40</v>
      </c>
      <c r="R16840" s="5" t="s">
        <v>1522</v>
      </c>
      <c r="S16840" s="5" t="s">
        <v>1523</v>
      </c>
      <c r="T16840" s="5" t="s">
        <v>42</v>
      </c>
      <c r="U16840" s="2">
        <v>2.7149999999999999</v>
      </c>
      <c r="V16840" s="2">
        <v>2.1779999999999999</v>
      </c>
      <c r="W16840" s="2">
        <v>1.2999999999999999E-2</v>
      </c>
      <c r="X16840" s="2">
        <v>99.1</v>
      </c>
      <c r="Y16840" s="2">
        <v>7.6</v>
      </c>
      <c r="Z16840" s="2">
        <v>16.7</v>
      </c>
      <c r="AA16840" s="5"/>
      <c r="AB16840" s="5" t="s">
        <v>43</v>
      </c>
      <c r="AC16840" s="5" t="s">
        <v>44</v>
      </c>
      <c r="AD16840" s="2"/>
      <c r="AE16840" s="1"/>
    </row>
    <row r="16841" spans="1:31" ht="14.45">
      <c r="A16841" s="11"/>
      <c r="B16841" s="20"/>
      <c r="C16841" s="2" t="s">
        <v>51481</v>
      </c>
      <c r="D16841" s="14" t="s">
        <v>51482</v>
      </c>
      <c r="E16841" s="2" t="s">
        <v>51483</v>
      </c>
      <c r="F16841" s="2" t="s">
        <v>36317</v>
      </c>
      <c r="G16841" s="8">
        <v>302</v>
      </c>
      <c r="H16841" s="5">
        <v>6</v>
      </c>
      <c r="I16841" s="5" t="s">
        <v>1518</v>
      </c>
      <c r="J16841" s="5" t="s">
        <v>36264</v>
      </c>
      <c r="K16841" s="2" t="s">
        <v>36265</v>
      </c>
      <c r="L16841" s="5" t="s">
        <v>36264</v>
      </c>
      <c r="M16841" s="2" t="s">
        <v>36265</v>
      </c>
      <c r="N16841" s="5" t="s">
        <v>36266</v>
      </c>
      <c r="O16841" s="5" t="s">
        <v>38</v>
      </c>
      <c r="P16841" s="5" t="s">
        <v>39</v>
      </c>
      <c r="Q16841" s="5" t="s">
        <v>40</v>
      </c>
      <c r="R16841" s="5" t="s">
        <v>1522</v>
      </c>
      <c r="S16841" s="5" t="s">
        <v>1523</v>
      </c>
      <c r="T16841" s="5" t="s">
        <v>42</v>
      </c>
      <c r="U16841" s="2">
        <v>2.7930000000000001</v>
      </c>
      <c r="V16841" s="2">
        <v>2.2559999999999998</v>
      </c>
      <c r="W16841" s="2">
        <v>1.2999999999999999E-2</v>
      </c>
      <c r="X16841" s="2">
        <v>99.1</v>
      </c>
      <c r="Y16841" s="2">
        <v>7.6</v>
      </c>
      <c r="Z16841" s="2">
        <v>16.7</v>
      </c>
      <c r="AA16841" s="5"/>
      <c r="AB16841" s="5" t="s">
        <v>43</v>
      </c>
      <c r="AC16841" s="5" t="s">
        <v>44</v>
      </c>
      <c r="AD16841" s="2"/>
      <c r="AE16841" s="1"/>
    </row>
    <row r="16842" spans="1:31" ht="14.45">
      <c r="A16842" s="11"/>
      <c r="B16842" s="20"/>
      <c r="C16842" s="2" t="s">
        <v>51484</v>
      </c>
      <c r="D16842" s="14" t="s">
        <v>51485</v>
      </c>
      <c r="E16842" s="2" t="s">
        <v>51486</v>
      </c>
      <c r="F16842" s="2" t="s">
        <v>36321</v>
      </c>
      <c r="G16842" s="8">
        <v>302</v>
      </c>
      <c r="H16842" s="5">
        <v>6</v>
      </c>
      <c r="I16842" s="5" t="s">
        <v>1518</v>
      </c>
      <c r="J16842" s="5" t="s">
        <v>36264</v>
      </c>
      <c r="K16842" s="2" t="s">
        <v>36265</v>
      </c>
      <c r="L16842" s="5" t="s">
        <v>36264</v>
      </c>
      <c r="M16842" s="2" t="s">
        <v>36265</v>
      </c>
      <c r="N16842" s="5" t="s">
        <v>36266</v>
      </c>
      <c r="O16842" s="5" t="s">
        <v>38</v>
      </c>
      <c r="P16842" s="5" t="s">
        <v>39</v>
      </c>
      <c r="Q16842" s="5" t="s">
        <v>40</v>
      </c>
      <c r="R16842" s="5" t="s">
        <v>1522</v>
      </c>
      <c r="S16842" s="5" t="s">
        <v>1523</v>
      </c>
      <c r="T16842" s="5" t="s">
        <v>42</v>
      </c>
      <c r="U16842" s="2">
        <v>2.7149999999999999</v>
      </c>
      <c r="V16842" s="2">
        <v>2.1779999999999999</v>
      </c>
      <c r="W16842" s="2">
        <v>1.2999999999999999E-2</v>
      </c>
      <c r="X16842" s="2">
        <v>99.1</v>
      </c>
      <c r="Y16842" s="2">
        <v>7.6</v>
      </c>
      <c r="Z16842" s="2">
        <v>16.7</v>
      </c>
      <c r="AA16842" s="5"/>
      <c r="AB16842" s="5" t="s">
        <v>43</v>
      </c>
      <c r="AC16842" s="5" t="s">
        <v>44</v>
      </c>
      <c r="AD16842" s="2"/>
      <c r="AE16842" s="1"/>
    </row>
    <row r="16843" spans="1:31" ht="14.45">
      <c r="A16843" s="11"/>
      <c r="B16843" s="20"/>
      <c r="C16843" s="2" t="s">
        <v>51487</v>
      </c>
      <c r="D16843" s="14" t="s">
        <v>51488</v>
      </c>
      <c r="E16843" s="2" t="s">
        <v>51489</v>
      </c>
      <c r="F16843" s="2" t="s">
        <v>36325</v>
      </c>
      <c r="G16843" s="8">
        <v>302</v>
      </c>
      <c r="H16843" s="5">
        <v>6</v>
      </c>
      <c r="I16843" s="5" t="s">
        <v>1518</v>
      </c>
      <c r="J16843" s="5" t="s">
        <v>36264</v>
      </c>
      <c r="K16843" s="2" t="s">
        <v>36265</v>
      </c>
      <c r="L16843" s="5" t="s">
        <v>36264</v>
      </c>
      <c r="M16843" s="2" t="s">
        <v>36265</v>
      </c>
      <c r="N16843" s="5" t="s">
        <v>36266</v>
      </c>
      <c r="O16843" s="5" t="s">
        <v>38</v>
      </c>
      <c r="P16843" s="5" t="s">
        <v>39</v>
      </c>
      <c r="Q16843" s="5" t="s">
        <v>40</v>
      </c>
      <c r="R16843" s="5" t="s">
        <v>1522</v>
      </c>
      <c r="S16843" s="5" t="s">
        <v>1523</v>
      </c>
      <c r="T16843" s="5" t="s">
        <v>42</v>
      </c>
      <c r="U16843" s="2">
        <v>2.7930000000000001</v>
      </c>
      <c r="V16843" s="2">
        <v>2.2559999999999998</v>
      </c>
      <c r="W16843" s="2">
        <v>1.2999999999999999E-2</v>
      </c>
      <c r="X16843" s="2">
        <v>99.1</v>
      </c>
      <c r="Y16843" s="2">
        <v>7.6</v>
      </c>
      <c r="Z16843" s="2">
        <v>16.7</v>
      </c>
      <c r="AA16843" s="5"/>
      <c r="AB16843" s="5" t="s">
        <v>43</v>
      </c>
      <c r="AC16843" s="5" t="s">
        <v>44</v>
      </c>
      <c r="AD16843" s="2"/>
      <c r="AE16843" s="1"/>
    </row>
    <row r="16844" spans="1:31" ht="14.45">
      <c r="A16844" s="11"/>
      <c r="B16844" s="20"/>
      <c r="C16844" s="2" t="s">
        <v>51490</v>
      </c>
      <c r="D16844" s="14" t="s">
        <v>51491</v>
      </c>
      <c r="E16844" s="2" t="s">
        <v>51492</v>
      </c>
      <c r="F16844" s="2" t="s">
        <v>36329</v>
      </c>
      <c r="G16844" s="8">
        <v>302</v>
      </c>
      <c r="H16844" s="5">
        <v>6</v>
      </c>
      <c r="I16844" s="5" t="s">
        <v>1518</v>
      </c>
      <c r="J16844" s="5" t="s">
        <v>36264</v>
      </c>
      <c r="K16844" s="2" t="s">
        <v>36265</v>
      </c>
      <c r="L16844" s="5" t="s">
        <v>36264</v>
      </c>
      <c r="M16844" s="2" t="s">
        <v>36265</v>
      </c>
      <c r="N16844" s="5" t="s">
        <v>36266</v>
      </c>
      <c r="O16844" s="5" t="s">
        <v>38</v>
      </c>
      <c r="P16844" s="5" t="s">
        <v>39</v>
      </c>
      <c r="Q16844" s="5" t="s">
        <v>40</v>
      </c>
      <c r="R16844" s="5" t="s">
        <v>1522</v>
      </c>
      <c r="S16844" s="5" t="s">
        <v>1523</v>
      </c>
      <c r="T16844" s="5" t="s">
        <v>42</v>
      </c>
      <c r="U16844" s="2">
        <v>2.7149999999999999</v>
      </c>
      <c r="V16844" s="2">
        <v>2.1779999999999999</v>
      </c>
      <c r="W16844" s="2">
        <v>1.2999999999999999E-2</v>
      </c>
      <c r="X16844" s="2">
        <v>99.1</v>
      </c>
      <c r="Y16844" s="2">
        <v>7.6</v>
      </c>
      <c r="Z16844" s="2">
        <v>16.7</v>
      </c>
      <c r="AA16844" s="5"/>
      <c r="AB16844" s="5" t="s">
        <v>43</v>
      </c>
      <c r="AC16844" s="5" t="s">
        <v>44</v>
      </c>
      <c r="AD16844" s="2"/>
      <c r="AE16844" s="1"/>
    </row>
    <row r="16845" spans="1:31" ht="14.45">
      <c r="A16845" s="11"/>
      <c r="B16845" s="20"/>
      <c r="C16845" s="2" t="s">
        <v>51493</v>
      </c>
      <c r="D16845" s="14" t="s">
        <v>51494</v>
      </c>
      <c r="E16845" s="2" t="s">
        <v>51495</v>
      </c>
      <c r="F16845" s="2" t="s">
        <v>36333</v>
      </c>
      <c r="G16845" s="8">
        <v>302</v>
      </c>
      <c r="H16845" s="5">
        <v>6</v>
      </c>
      <c r="I16845" s="5" t="s">
        <v>1518</v>
      </c>
      <c r="J16845" s="5" t="s">
        <v>36264</v>
      </c>
      <c r="K16845" s="2" t="s">
        <v>36265</v>
      </c>
      <c r="L16845" s="5" t="s">
        <v>36264</v>
      </c>
      <c r="M16845" s="2" t="s">
        <v>36265</v>
      </c>
      <c r="N16845" s="5" t="s">
        <v>36266</v>
      </c>
      <c r="O16845" s="5" t="s">
        <v>38</v>
      </c>
      <c r="P16845" s="5" t="s">
        <v>39</v>
      </c>
      <c r="Q16845" s="5" t="s">
        <v>40</v>
      </c>
      <c r="R16845" s="5" t="s">
        <v>1522</v>
      </c>
      <c r="S16845" s="5" t="s">
        <v>1523</v>
      </c>
      <c r="T16845" s="5" t="s">
        <v>42</v>
      </c>
      <c r="U16845" s="2">
        <v>2.7930000000000001</v>
      </c>
      <c r="V16845" s="2">
        <v>2.2559999999999998</v>
      </c>
      <c r="W16845" s="2">
        <v>1.2999999999999999E-2</v>
      </c>
      <c r="X16845" s="2">
        <v>99.1</v>
      </c>
      <c r="Y16845" s="2">
        <v>7.6</v>
      </c>
      <c r="Z16845" s="2">
        <v>16.7</v>
      </c>
      <c r="AA16845" s="5"/>
      <c r="AB16845" s="5" t="s">
        <v>43</v>
      </c>
      <c r="AC16845" s="5" t="s">
        <v>44</v>
      </c>
      <c r="AD16845" s="2"/>
      <c r="AE16845" s="1"/>
    </row>
    <row r="16846" spans="1:31" ht="14.45">
      <c r="A16846" s="11"/>
      <c r="B16846" s="20"/>
      <c r="C16846" s="2" t="s">
        <v>51496</v>
      </c>
      <c r="D16846" s="14" t="s">
        <v>51497</v>
      </c>
      <c r="E16846" s="2" t="s">
        <v>51498</v>
      </c>
      <c r="F16846" s="2" t="s">
        <v>36337</v>
      </c>
      <c r="G16846" s="8">
        <v>302</v>
      </c>
      <c r="H16846" s="5">
        <v>6</v>
      </c>
      <c r="I16846" s="5" t="s">
        <v>1518</v>
      </c>
      <c r="J16846" s="5" t="s">
        <v>36264</v>
      </c>
      <c r="K16846" s="2" t="s">
        <v>36265</v>
      </c>
      <c r="L16846" s="5" t="s">
        <v>36264</v>
      </c>
      <c r="M16846" s="2" t="s">
        <v>36265</v>
      </c>
      <c r="N16846" s="5" t="s">
        <v>36266</v>
      </c>
      <c r="O16846" s="5" t="s">
        <v>38</v>
      </c>
      <c r="P16846" s="5" t="s">
        <v>39</v>
      </c>
      <c r="Q16846" s="5" t="s">
        <v>40</v>
      </c>
      <c r="R16846" s="5" t="s">
        <v>1522</v>
      </c>
      <c r="S16846" s="5" t="s">
        <v>1523</v>
      </c>
      <c r="T16846" s="5" t="s">
        <v>42</v>
      </c>
      <c r="U16846" s="2">
        <v>2.7149999999999999</v>
      </c>
      <c r="V16846" s="2">
        <v>2.1779999999999999</v>
      </c>
      <c r="W16846" s="2">
        <v>1.2999999999999999E-2</v>
      </c>
      <c r="X16846" s="2">
        <v>99.1</v>
      </c>
      <c r="Y16846" s="2">
        <v>7.6</v>
      </c>
      <c r="Z16846" s="2">
        <v>16.7</v>
      </c>
      <c r="AA16846" s="5"/>
      <c r="AB16846" s="5" t="s">
        <v>43</v>
      </c>
      <c r="AC16846" s="5" t="s">
        <v>44</v>
      </c>
      <c r="AD16846" s="2"/>
      <c r="AE16846" s="1"/>
    </row>
    <row r="16847" spans="1:31" ht="14.45">
      <c r="A16847" s="11"/>
      <c r="B16847" s="20"/>
      <c r="C16847" s="2" t="s">
        <v>51499</v>
      </c>
      <c r="D16847" s="14" t="s">
        <v>51500</v>
      </c>
      <c r="E16847" s="2" t="s">
        <v>51501</v>
      </c>
      <c r="F16847" s="2" t="s">
        <v>36341</v>
      </c>
      <c r="G16847" s="8">
        <v>302</v>
      </c>
      <c r="H16847" s="5">
        <v>6</v>
      </c>
      <c r="I16847" s="5" t="s">
        <v>1518</v>
      </c>
      <c r="J16847" s="5" t="s">
        <v>36264</v>
      </c>
      <c r="K16847" s="2" t="s">
        <v>36265</v>
      </c>
      <c r="L16847" s="5" t="s">
        <v>36264</v>
      </c>
      <c r="M16847" s="2" t="s">
        <v>36265</v>
      </c>
      <c r="N16847" s="5" t="s">
        <v>36266</v>
      </c>
      <c r="O16847" s="5" t="s">
        <v>38</v>
      </c>
      <c r="P16847" s="5" t="s">
        <v>39</v>
      </c>
      <c r="Q16847" s="5" t="s">
        <v>40</v>
      </c>
      <c r="R16847" s="5" t="s">
        <v>1522</v>
      </c>
      <c r="S16847" s="5" t="s">
        <v>1523</v>
      </c>
      <c r="T16847" s="5" t="s">
        <v>42</v>
      </c>
      <c r="U16847" s="2">
        <v>2.7930000000000001</v>
      </c>
      <c r="V16847" s="2">
        <v>2.2559999999999998</v>
      </c>
      <c r="W16847" s="2">
        <v>1.2999999999999999E-2</v>
      </c>
      <c r="X16847" s="2">
        <v>99.1</v>
      </c>
      <c r="Y16847" s="2">
        <v>7.6</v>
      </c>
      <c r="Z16847" s="2">
        <v>16.7</v>
      </c>
      <c r="AA16847" s="5"/>
      <c r="AB16847" s="5" t="s">
        <v>43</v>
      </c>
      <c r="AC16847" s="5" t="s">
        <v>44</v>
      </c>
      <c r="AD16847" s="2"/>
      <c r="AE16847" s="1"/>
    </row>
    <row r="16848" spans="1:31" ht="14.45">
      <c r="A16848" s="11"/>
      <c r="B16848" s="20"/>
      <c r="C16848" s="2" t="s">
        <v>51502</v>
      </c>
      <c r="D16848" s="14" t="s">
        <v>51503</v>
      </c>
      <c r="E16848" s="2" t="s">
        <v>51504</v>
      </c>
      <c r="F16848" s="2" t="s">
        <v>36345</v>
      </c>
      <c r="G16848" s="8">
        <v>302</v>
      </c>
      <c r="H16848" s="5">
        <v>6</v>
      </c>
      <c r="I16848" s="5" t="s">
        <v>1518</v>
      </c>
      <c r="J16848" s="5" t="s">
        <v>36264</v>
      </c>
      <c r="K16848" s="2" t="s">
        <v>36265</v>
      </c>
      <c r="L16848" s="5" t="s">
        <v>36264</v>
      </c>
      <c r="M16848" s="2" t="s">
        <v>36265</v>
      </c>
      <c r="N16848" s="5" t="s">
        <v>36266</v>
      </c>
      <c r="O16848" s="5" t="s">
        <v>38</v>
      </c>
      <c r="P16848" s="5" t="s">
        <v>39</v>
      </c>
      <c r="Q16848" s="5" t="s">
        <v>40</v>
      </c>
      <c r="R16848" s="5" t="s">
        <v>1522</v>
      </c>
      <c r="S16848" s="5" t="s">
        <v>1523</v>
      </c>
      <c r="T16848" s="5" t="s">
        <v>42</v>
      </c>
      <c r="U16848" s="2">
        <v>2.7149999999999999</v>
      </c>
      <c r="V16848" s="2">
        <v>2.1779999999999999</v>
      </c>
      <c r="W16848" s="2">
        <v>1.2999999999999999E-2</v>
      </c>
      <c r="X16848" s="2">
        <v>99.1</v>
      </c>
      <c r="Y16848" s="2">
        <v>7.6</v>
      </c>
      <c r="Z16848" s="2">
        <v>16.7</v>
      </c>
      <c r="AA16848" s="5"/>
      <c r="AB16848" s="5" t="s">
        <v>43</v>
      </c>
      <c r="AC16848" s="5" t="s">
        <v>44</v>
      </c>
      <c r="AD16848" s="2"/>
      <c r="AE16848" s="1"/>
    </row>
    <row r="16849" spans="1:31" ht="14.45">
      <c r="A16849" s="11"/>
      <c r="B16849" s="20"/>
      <c r="C16849" s="2" t="s">
        <v>51505</v>
      </c>
      <c r="D16849" s="14" t="s">
        <v>51506</v>
      </c>
      <c r="E16849" s="2" t="s">
        <v>51507</v>
      </c>
      <c r="F16849" s="2" t="s">
        <v>36349</v>
      </c>
      <c r="G16849" s="8">
        <v>302</v>
      </c>
      <c r="H16849" s="5">
        <v>6</v>
      </c>
      <c r="I16849" s="5" t="s">
        <v>1518</v>
      </c>
      <c r="J16849" s="5" t="s">
        <v>36264</v>
      </c>
      <c r="K16849" s="2" t="s">
        <v>36265</v>
      </c>
      <c r="L16849" s="5" t="s">
        <v>36264</v>
      </c>
      <c r="M16849" s="2" t="s">
        <v>36265</v>
      </c>
      <c r="N16849" s="5" t="s">
        <v>36266</v>
      </c>
      <c r="O16849" s="5" t="s">
        <v>38</v>
      </c>
      <c r="P16849" s="5" t="s">
        <v>39</v>
      </c>
      <c r="Q16849" s="5" t="s">
        <v>40</v>
      </c>
      <c r="R16849" s="5" t="s">
        <v>1522</v>
      </c>
      <c r="S16849" s="5" t="s">
        <v>1523</v>
      </c>
      <c r="T16849" s="5" t="s">
        <v>42</v>
      </c>
      <c r="U16849" s="2">
        <v>2.7930000000000001</v>
      </c>
      <c r="V16849" s="2">
        <v>2.2559999999999998</v>
      </c>
      <c r="W16849" s="2">
        <v>1.2999999999999999E-2</v>
      </c>
      <c r="X16849" s="2">
        <v>99.1</v>
      </c>
      <c r="Y16849" s="2">
        <v>7.6</v>
      </c>
      <c r="Z16849" s="2">
        <v>16.7</v>
      </c>
      <c r="AA16849" s="5"/>
      <c r="AB16849" s="5" t="s">
        <v>43</v>
      </c>
      <c r="AC16849" s="5" t="s">
        <v>44</v>
      </c>
      <c r="AD16849" s="2"/>
      <c r="AE16849" s="1"/>
    </row>
    <row r="16850" spans="1:31" ht="14.45">
      <c r="A16850" s="11"/>
      <c r="B16850" s="20"/>
      <c r="C16850" s="2" t="s">
        <v>51508</v>
      </c>
      <c r="D16850" s="14" t="s">
        <v>51509</v>
      </c>
      <c r="E16850" s="2" t="s">
        <v>51510</v>
      </c>
      <c r="F16850" s="2" t="s">
        <v>36353</v>
      </c>
      <c r="G16850" s="8">
        <v>302</v>
      </c>
      <c r="H16850" s="5">
        <v>6</v>
      </c>
      <c r="I16850" s="5" t="s">
        <v>1518</v>
      </c>
      <c r="J16850" s="5" t="s">
        <v>36264</v>
      </c>
      <c r="K16850" s="2" t="s">
        <v>36265</v>
      </c>
      <c r="L16850" s="5" t="s">
        <v>36264</v>
      </c>
      <c r="M16850" s="2" t="s">
        <v>36265</v>
      </c>
      <c r="N16850" s="5" t="s">
        <v>36266</v>
      </c>
      <c r="O16850" s="5" t="s">
        <v>38</v>
      </c>
      <c r="P16850" s="5" t="s">
        <v>39</v>
      </c>
      <c r="Q16850" s="5" t="s">
        <v>40</v>
      </c>
      <c r="R16850" s="5" t="s">
        <v>1522</v>
      </c>
      <c r="S16850" s="5" t="s">
        <v>1523</v>
      </c>
      <c r="T16850" s="5" t="s">
        <v>42</v>
      </c>
      <c r="U16850" s="2">
        <v>2.7149999999999999</v>
      </c>
      <c r="V16850" s="2">
        <v>2.1779999999999999</v>
      </c>
      <c r="W16850" s="2">
        <v>1.2999999999999999E-2</v>
      </c>
      <c r="X16850" s="2">
        <v>99.1</v>
      </c>
      <c r="Y16850" s="2">
        <v>7.6</v>
      </c>
      <c r="Z16850" s="2">
        <v>16.7</v>
      </c>
      <c r="AA16850" s="5"/>
      <c r="AB16850" s="5" t="s">
        <v>43</v>
      </c>
      <c r="AC16850" s="5" t="s">
        <v>44</v>
      </c>
      <c r="AD16850" s="2"/>
      <c r="AE16850" s="1"/>
    </row>
    <row r="16851" spans="1:31" ht="14.45">
      <c r="A16851" s="11"/>
      <c r="B16851" s="20"/>
      <c r="C16851" s="2" t="s">
        <v>51511</v>
      </c>
      <c r="D16851" s="14" t="s">
        <v>51512</v>
      </c>
      <c r="E16851" s="2" t="s">
        <v>51513</v>
      </c>
      <c r="F16851" s="2" t="s">
        <v>36357</v>
      </c>
      <c r="G16851" s="8">
        <v>302</v>
      </c>
      <c r="H16851" s="5">
        <v>6</v>
      </c>
      <c r="I16851" s="5" t="s">
        <v>1518</v>
      </c>
      <c r="J16851" s="5" t="s">
        <v>36264</v>
      </c>
      <c r="K16851" s="2" t="s">
        <v>36265</v>
      </c>
      <c r="L16851" s="5" t="s">
        <v>36264</v>
      </c>
      <c r="M16851" s="2" t="s">
        <v>36265</v>
      </c>
      <c r="N16851" s="5" t="s">
        <v>36266</v>
      </c>
      <c r="O16851" s="5" t="s">
        <v>38</v>
      </c>
      <c r="P16851" s="5" t="s">
        <v>39</v>
      </c>
      <c r="Q16851" s="5" t="s">
        <v>40</v>
      </c>
      <c r="R16851" s="5" t="s">
        <v>1522</v>
      </c>
      <c r="S16851" s="5" t="s">
        <v>1523</v>
      </c>
      <c r="T16851" s="5" t="s">
        <v>42</v>
      </c>
      <c r="U16851" s="2">
        <v>2.7930000000000001</v>
      </c>
      <c r="V16851" s="2">
        <v>2.2559999999999998</v>
      </c>
      <c r="W16851" s="2">
        <v>1.2999999999999999E-2</v>
      </c>
      <c r="X16851" s="2">
        <v>99.1</v>
      </c>
      <c r="Y16851" s="2">
        <v>7.6</v>
      </c>
      <c r="Z16851" s="2">
        <v>16.7</v>
      </c>
      <c r="AA16851" s="5"/>
      <c r="AB16851" s="5" t="s">
        <v>43</v>
      </c>
      <c r="AC16851" s="5" t="s">
        <v>44</v>
      </c>
      <c r="AD16851" s="2"/>
      <c r="AE16851" s="1"/>
    </row>
    <row r="16852" spans="1:31" ht="14.45">
      <c r="A16852" s="11"/>
      <c r="B16852" s="20"/>
      <c r="C16852" s="2" t="s">
        <v>51514</v>
      </c>
      <c r="D16852" s="14" t="s">
        <v>51515</v>
      </c>
      <c r="E16852" s="2" t="s">
        <v>51516</v>
      </c>
      <c r="F16852" s="2" t="s">
        <v>45598</v>
      </c>
      <c r="G16852" s="8">
        <v>302</v>
      </c>
      <c r="H16852" s="5">
        <v>6</v>
      </c>
      <c r="I16852" s="5" t="s">
        <v>1518</v>
      </c>
      <c r="J16852" s="5" t="s">
        <v>36264</v>
      </c>
      <c r="K16852" s="2" t="s">
        <v>36265</v>
      </c>
      <c r="L16852" s="5" t="s">
        <v>36264</v>
      </c>
      <c r="M16852" s="2" t="s">
        <v>36265</v>
      </c>
      <c r="N16852" s="5" t="s">
        <v>36266</v>
      </c>
      <c r="O16852" s="5" t="s">
        <v>38</v>
      </c>
      <c r="P16852" s="5" t="s">
        <v>39</v>
      </c>
      <c r="Q16852" s="5" t="s">
        <v>40</v>
      </c>
      <c r="R16852" s="5" t="s">
        <v>1522</v>
      </c>
      <c r="S16852" s="5" t="s">
        <v>1523</v>
      </c>
      <c r="T16852" s="5" t="s">
        <v>42</v>
      </c>
      <c r="U16852" s="2">
        <v>2.7149999999999999</v>
      </c>
      <c r="V16852" s="2">
        <v>2.1779999999999999</v>
      </c>
      <c r="W16852" s="2">
        <v>1.2999999999999999E-2</v>
      </c>
      <c r="X16852" s="2">
        <v>99.1</v>
      </c>
      <c r="Y16852" s="2">
        <v>7.6</v>
      </c>
      <c r="Z16852" s="2">
        <v>16.7</v>
      </c>
      <c r="AA16852" s="5"/>
      <c r="AB16852" s="5" t="s">
        <v>43</v>
      </c>
      <c r="AC16852" s="5" t="s">
        <v>44</v>
      </c>
      <c r="AD16852" s="2"/>
      <c r="AE16852" s="1"/>
    </row>
    <row r="16853" spans="1:31" ht="14.45">
      <c r="A16853" s="11"/>
      <c r="B16853" s="20"/>
      <c r="C16853" s="2" t="s">
        <v>51517</v>
      </c>
      <c r="D16853" s="14" t="s">
        <v>51518</v>
      </c>
      <c r="E16853" s="2" t="s">
        <v>51519</v>
      </c>
      <c r="F16853" s="2" t="s">
        <v>45534</v>
      </c>
      <c r="G16853" s="8">
        <v>302</v>
      </c>
      <c r="H16853" s="5">
        <v>6</v>
      </c>
      <c r="I16853" s="5" t="s">
        <v>1518</v>
      </c>
      <c r="J16853" s="5" t="s">
        <v>36264</v>
      </c>
      <c r="K16853" s="2" t="s">
        <v>36265</v>
      </c>
      <c r="L16853" s="5" t="s">
        <v>36264</v>
      </c>
      <c r="M16853" s="2" t="s">
        <v>36265</v>
      </c>
      <c r="N16853" s="5" t="s">
        <v>36266</v>
      </c>
      <c r="O16853" s="5" t="s">
        <v>38</v>
      </c>
      <c r="P16853" s="5" t="s">
        <v>39</v>
      </c>
      <c r="Q16853" s="5" t="s">
        <v>40</v>
      </c>
      <c r="R16853" s="5" t="s">
        <v>1522</v>
      </c>
      <c r="S16853" s="5" t="s">
        <v>1523</v>
      </c>
      <c r="T16853" s="5" t="s">
        <v>42</v>
      </c>
      <c r="U16853" s="2">
        <v>2.7930000000000001</v>
      </c>
      <c r="V16853" s="2">
        <v>2.2559999999999998</v>
      </c>
      <c r="W16853" s="2">
        <v>1.2999999999999999E-2</v>
      </c>
      <c r="X16853" s="2">
        <v>99.1</v>
      </c>
      <c r="Y16853" s="2">
        <v>7.6</v>
      </c>
      <c r="Z16853" s="2">
        <v>16.7</v>
      </c>
      <c r="AA16853" s="5"/>
      <c r="AB16853" s="5" t="s">
        <v>43</v>
      </c>
      <c r="AC16853" s="5" t="s">
        <v>44</v>
      </c>
      <c r="AD16853" s="2"/>
      <c r="AE16853" s="1"/>
    </row>
    <row r="16854" spans="1:31" ht="14.45">
      <c r="A16854" s="11"/>
      <c r="B16854" s="20"/>
      <c r="C16854" s="2" t="s">
        <v>51520</v>
      </c>
      <c r="D16854" s="14" t="s">
        <v>51521</v>
      </c>
      <c r="E16854" s="2" t="s">
        <v>51522</v>
      </c>
      <c r="F16854" s="2" t="s">
        <v>36369</v>
      </c>
      <c r="G16854" s="8">
        <v>302</v>
      </c>
      <c r="H16854" s="5">
        <v>6</v>
      </c>
      <c r="I16854" s="5" t="s">
        <v>1518</v>
      </c>
      <c r="J16854" s="5" t="s">
        <v>36264</v>
      </c>
      <c r="K16854" s="2" t="s">
        <v>36265</v>
      </c>
      <c r="L16854" s="5" t="s">
        <v>36264</v>
      </c>
      <c r="M16854" s="2" t="s">
        <v>36265</v>
      </c>
      <c r="N16854" s="5" t="s">
        <v>36266</v>
      </c>
      <c r="O16854" s="5" t="s">
        <v>38</v>
      </c>
      <c r="P16854" s="5" t="s">
        <v>39</v>
      </c>
      <c r="Q16854" s="5" t="s">
        <v>40</v>
      </c>
      <c r="R16854" s="5" t="s">
        <v>1522</v>
      </c>
      <c r="S16854" s="5" t="s">
        <v>1523</v>
      </c>
      <c r="T16854" s="5" t="s">
        <v>42</v>
      </c>
      <c r="U16854" s="2">
        <v>2.7149999999999999</v>
      </c>
      <c r="V16854" s="2">
        <v>2.1779999999999999</v>
      </c>
      <c r="W16854" s="2">
        <v>1.2999999999999999E-2</v>
      </c>
      <c r="X16854" s="2">
        <v>99.1</v>
      </c>
      <c r="Y16854" s="2">
        <v>7.6</v>
      </c>
      <c r="Z16854" s="2">
        <v>16.7</v>
      </c>
      <c r="AA16854" s="5"/>
      <c r="AB16854" s="5" t="s">
        <v>43</v>
      </c>
      <c r="AC16854" s="5" t="s">
        <v>44</v>
      </c>
      <c r="AD16854" s="2"/>
      <c r="AE16854" s="1"/>
    </row>
    <row r="16855" spans="1:31" ht="14.45">
      <c r="A16855" s="11"/>
      <c r="B16855" s="20"/>
      <c r="C16855" s="2" t="s">
        <v>51523</v>
      </c>
      <c r="D16855" s="14" t="s">
        <v>51524</v>
      </c>
      <c r="E16855" s="2" t="s">
        <v>51525</v>
      </c>
      <c r="F16855" s="2" t="s">
        <v>36373</v>
      </c>
      <c r="G16855" s="8">
        <v>302</v>
      </c>
      <c r="H16855" s="5">
        <v>6</v>
      </c>
      <c r="I16855" s="5" t="s">
        <v>1518</v>
      </c>
      <c r="J16855" s="5" t="s">
        <v>36264</v>
      </c>
      <c r="K16855" s="2" t="s">
        <v>36265</v>
      </c>
      <c r="L16855" s="5" t="s">
        <v>36264</v>
      </c>
      <c r="M16855" s="2" t="s">
        <v>36265</v>
      </c>
      <c r="N16855" s="5" t="s">
        <v>36266</v>
      </c>
      <c r="O16855" s="5" t="s">
        <v>38</v>
      </c>
      <c r="P16855" s="5" t="s">
        <v>39</v>
      </c>
      <c r="Q16855" s="5" t="s">
        <v>40</v>
      </c>
      <c r="R16855" s="5" t="s">
        <v>1522</v>
      </c>
      <c r="S16855" s="5" t="s">
        <v>1523</v>
      </c>
      <c r="T16855" s="5" t="s">
        <v>42</v>
      </c>
      <c r="U16855" s="2">
        <v>2.7930000000000001</v>
      </c>
      <c r="V16855" s="2">
        <v>2.2559999999999998</v>
      </c>
      <c r="W16855" s="2">
        <v>1.2999999999999999E-2</v>
      </c>
      <c r="X16855" s="2">
        <v>99.1</v>
      </c>
      <c r="Y16855" s="2">
        <v>7.6</v>
      </c>
      <c r="Z16855" s="2">
        <v>16.7</v>
      </c>
      <c r="AA16855" s="5"/>
      <c r="AB16855" s="5" t="s">
        <v>43</v>
      </c>
      <c r="AC16855" s="5" t="s">
        <v>44</v>
      </c>
      <c r="AD16855" s="2"/>
      <c r="AE16855" s="1"/>
    </row>
    <row r="16856" spans="1:31" ht="14.45">
      <c r="A16856" s="11"/>
      <c r="B16856" s="20"/>
      <c r="C16856" s="2" t="s">
        <v>51526</v>
      </c>
      <c r="D16856" s="14" t="s">
        <v>51527</v>
      </c>
      <c r="E16856" s="2" t="s">
        <v>51528</v>
      </c>
      <c r="F16856" s="2" t="s">
        <v>36377</v>
      </c>
      <c r="G16856" s="8">
        <v>302</v>
      </c>
      <c r="H16856" s="5">
        <v>6</v>
      </c>
      <c r="I16856" s="5" t="s">
        <v>1518</v>
      </c>
      <c r="J16856" s="5" t="s">
        <v>36264</v>
      </c>
      <c r="K16856" s="2" t="s">
        <v>36265</v>
      </c>
      <c r="L16856" s="5" t="s">
        <v>36264</v>
      </c>
      <c r="M16856" s="2" t="s">
        <v>36265</v>
      </c>
      <c r="N16856" s="5" t="s">
        <v>36266</v>
      </c>
      <c r="O16856" s="5" t="s">
        <v>38</v>
      </c>
      <c r="P16856" s="5" t="s">
        <v>39</v>
      </c>
      <c r="Q16856" s="5" t="s">
        <v>40</v>
      </c>
      <c r="R16856" s="5" t="s">
        <v>1522</v>
      </c>
      <c r="S16856" s="5" t="s">
        <v>1523</v>
      </c>
      <c r="T16856" s="5" t="s">
        <v>42</v>
      </c>
      <c r="U16856" s="2">
        <v>2.7149999999999999</v>
      </c>
      <c r="V16856" s="2">
        <v>2.1779999999999999</v>
      </c>
      <c r="W16856" s="2">
        <v>1.2999999999999999E-2</v>
      </c>
      <c r="X16856" s="2">
        <v>99.1</v>
      </c>
      <c r="Y16856" s="2">
        <v>7.6</v>
      </c>
      <c r="Z16856" s="2">
        <v>16.7</v>
      </c>
      <c r="AA16856" s="5"/>
      <c r="AB16856" s="5" t="s">
        <v>43</v>
      </c>
      <c r="AC16856" s="5" t="s">
        <v>44</v>
      </c>
      <c r="AD16856" s="2"/>
      <c r="AE16856" s="1"/>
    </row>
    <row r="16857" spans="1:31" ht="14.45">
      <c r="A16857" s="11"/>
      <c r="B16857" s="20"/>
      <c r="C16857" s="2" t="s">
        <v>51529</v>
      </c>
      <c r="D16857" s="14" t="s">
        <v>51530</v>
      </c>
      <c r="E16857" s="2" t="s">
        <v>51531</v>
      </c>
      <c r="F16857" s="2" t="s">
        <v>36381</v>
      </c>
      <c r="G16857" s="8">
        <v>302</v>
      </c>
      <c r="H16857" s="5">
        <v>6</v>
      </c>
      <c r="I16857" s="5" t="s">
        <v>1518</v>
      </c>
      <c r="J16857" s="5" t="s">
        <v>36264</v>
      </c>
      <c r="K16857" s="2" t="s">
        <v>36265</v>
      </c>
      <c r="L16857" s="5" t="s">
        <v>36264</v>
      </c>
      <c r="M16857" s="2" t="s">
        <v>36265</v>
      </c>
      <c r="N16857" s="5" t="s">
        <v>36266</v>
      </c>
      <c r="O16857" s="5" t="s">
        <v>38</v>
      </c>
      <c r="P16857" s="5" t="s">
        <v>39</v>
      </c>
      <c r="Q16857" s="5" t="s">
        <v>40</v>
      </c>
      <c r="R16857" s="5" t="s">
        <v>1522</v>
      </c>
      <c r="S16857" s="5" t="s">
        <v>1523</v>
      </c>
      <c r="T16857" s="5" t="s">
        <v>42</v>
      </c>
      <c r="U16857" s="2">
        <v>2.7930000000000001</v>
      </c>
      <c r="V16857" s="2">
        <v>2.2559999999999998</v>
      </c>
      <c r="W16857" s="2">
        <v>1.2999999999999999E-2</v>
      </c>
      <c r="X16857" s="2">
        <v>99.1</v>
      </c>
      <c r="Y16857" s="2">
        <v>7.6</v>
      </c>
      <c r="Z16857" s="2">
        <v>16.7</v>
      </c>
      <c r="AA16857" s="5"/>
      <c r="AB16857" s="5" t="s">
        <v>43</v>
      </c>
      <c r="AC16857" s="5" t="s">
        <v>44</v>
      </c>
      <c r="AD16857" s="2"/>
      <c r="AE16857" s="1"/>
    </row>
    <row r="16858" spans="1:31" ht="14.45">
      <c r="A16858" s="11"/>
      <c r="B16858" s="20"/>
      <c r="C16858" s="2" t="s">
        <v>51532</v>
      </c>
      <c r="D16858" s="14" t="s">
        <v>51533</v>
      </c>
      <c r="E16858" s="2" t="s">
        <v>51534</v>
      </c>
      <c r="F16858" s="2" t="s">
        <v>36385</v>
      </c>
      <c r="G16858" s="8">
        <v>302</v>
      </c>
      <c r="H16858" s="5">
        <v>6</v>
      </c>
      <c r="I16858" s="5" t="s">
        <v>1518</v>
      </c>
      <c r="J16858" s="5" t="s">
        <v>36264</v>
      </c>
      <c r="K16858" s="2" t="s">
        <v>36265</v>
      </c>
      <c r="L16858" s="5" t="s">
        <v>36264</v>
      </c>
      <c r="M16858" s="2" t="s">
        <v>36265</v>
      </c>
      <c r="N16858" s="5" t="s">
        <v>36266</v>
      </c>
      <c r="O16858" s="5" t="s">
        <v>38</v>
      </c>
      <c r="P16858" s="5" t="s">
        <v>39</v>
      </c>
      <c r="Q16858" s="5" t="s">
        <v>40</v>
      </c>
      <c r="R16858" s="5" t="s">
        <v>1522</v>
      </c>
      <c r="S16858" s="5" t="s">
        <v>1523</v>
      </c>
      <c r="T16858" s="5" t="s">
        <v>42</v>
      </c>
      <c r="U16858" s="2">
        <v>2.7149999999999999</v>
      </c>
      <c r="V16858" s="2">
        <v>2.1779999999999999</v>
      </c>
      <c r="W16858" s="2">
        <v>1.2999999999999999E-2</v>
      </c>
      <c r="X16858" s="2">
        <v>99.1</v>
      </c>
      <c r="Y16858" s="2">
        <v>7.6</v>
      </c>
      <c r="Z16858" s="2">
        <v>16.7</v>
      </c>
      <c r="AA16858" s="5"/>
      <c r="AB16858" s="5" t="s">
        <v>43</v>
      </c>
      <c r="AC16858" s="5" t="s">
        <v>44</v>
      </c>
      <c r="AD16858" s="2"/>
      <c r="AE16858" s="1"/>
    </row>
    <row r="16859" spans="1:31" ht="14.45">
      <c r="A16859" s="11"/>
      <c r="B16859" s="20"/>
      <c r="C16859" s="2" t="s">
        <v>51535</v>
      </c>
      <c r="D16859" s="14" t="s">
        <v>51536</v>
      </c>
      <c r="E16859" s="2" t="s">
        <v>51537</v>
      </c>
      <c r="F16859" s="2" t="s">
        <v>36389</v>
      </c>
      <c r="G16859" s="8">
        <v>302</v>
      </c>
      <c r="H16859" s="5">
        <v>6</v>
      </c>
      <c r="I16859" s="5" t="s">
        <v>1518</v>
      </c>
      <c r="J16859" s="5" t="s">
        <v>36264</v>
      </c>
      <c r="K16859" s="2" t="s">
        <v>36265</v>
      </c>
      <c r="L16859" s="5" t="s">
        <v>36264</v>
      </c>
      <c r="M16859" s="2" t="s">
        <v>36265</v>
      </c>
      <c r="N16859" s="5" t="s">
        <v>36266</v>
      </c>
      <c r="O16859" s="5" t="s">
        <v>38</v>
      </c>
      <c r="P16859" s="5" t="s">
        <v>39</v>
      </c>
      <c r="Q16859" s="5" t="s">
        <v>40</v>
      </c>
      <c r="R16859" s="5" t="s">
        <v>1522</v>
      </c>
      <c r="S16859" s="5" t="s">
        <v>1523</v>
      </c>
      <c r="T16859" s="5" t="s">
        <v>42</v>
      </c>
      <c r="U16859" s="2">
        <v>2.7930000000000001</v>
      </c>
      <c r="V16859" s="2">
        <v>2.2559999999999998</v>
      </c>
      <c r="W16859" s="2">
        <v>1.2999999999999999E-2</v>
      </c>
      <c r="X16859" s="2">
        <v>99.1</v>
      </c>
      <c r="Y16859" s="2">
        <v>7.6</v>
      </c>
      <c r="Z16859" s="2">
        <v>16.7</v>
      </c>
      <c r="AA16859" s="5"/>
      <c r="AB16859" s="5" t="s">
        <v>43</v>
      </c>
      <c r="AC16859" s="5" t="s">
        <v>44</v>
      </c>
      <c r="AD16859" s="2"/>
      <c r="AE16859" s="1"/>
    </row>
    <row r="16860" spans="1:31" ht="14.45">
      <c r="A16860" s="11"/>
      <c r="B16860" s="20"/>
      <c r="C16860" s="2" t="s">
        <v>51538</v>
      </c>
      <c r="D16860" s="14" t="s">
        <v>51539</v>
      </c>
      <c r="E16860" s="2" t="s">
        <v>51540</v>
      </c>
      <c r="F16860" s="2" t="s">
        <v>7204</v>
      </c>
      <c r="G16860" s="8">
        <v>285</v>
      </c>
      <c r="H16860" s="5">
        <v>6</v>
      </c>
      <c r="I16860" s="5" t="s">
        <v>1518</v>
      </c>
      <c r="J16860" s="5" t="s">
        <v>36264</v>
      </c>
      <c r="K16860" s="2" t="s">
        <v>36265</v>
      </c>
      <c r="L16860" s="5" t="s">
        <v>36264</v>
      </c>
      <c r="M16860" s="2" t="s">
        <v>36265</v>
      </c>
      <c r="N16860" s="5" t="s">
        <v>36266</v>
      </c>
      <c r="O16860" s="5" t="s">
        <v>38</v>
      </c>
      <c r="P16860" s="5" t="s">
        <v>39</v>
      </c>
      <c r="Q16860" s="5" t="s">
        <v>40</v>
      </c>
      <c r="R16860" s="5" t="s">
        <v>1522</v>
      </c>
      <c r="S16860" s="5" t="s">
        <v>1523</v>
      </c>
      <c r="T16860" s="5" t="s">
        <v>42</v>
      </c>
      <c r="U16860" s="2">
        <v>2.8839999999999999</v>
      </c>
      <c r="V16860" s="2">
        <v>2.347</v>
      </c>
      <c r="W16860" s="2">
        <v>1.4999999999999999E-2</v>
      </c>
      <c r="X16860" s="2">
        <v>118.9</v>
      </c>
      <c r="Y16860" s="2">
        <v>7.6</v>
      </c>
      <c r="Z16860" s="2">
        <v>16.7</v>
      </c>
      <c r="AA16860" s="5"/>
      <c r="AB16860" s="5" t="s">
        <v>43</v>
      </c>
      <c r="AC16860" s="5" t="s">
        <v>44</v>
      </c>
      <c r="AD16860" s="2"/>
      <c r="AE16860" s="1"/>
    </row>
    <row r="16861" spans="1:31" ht="14.45">
      <c r="A16861" s="11"/>
      <c r="B16861" s="20"/>
      <c r="C16861" s="2" t="s">
        <v>51541</v>
      </c>
      <c r="D16861" s="14" t="s">
        <v>51542</v>
      </c>
      <c r="E16861" s="2" t="s">
        <v>51543</v>
      </c>
      <c r="F16861" s="2" t="s">
        <v>7514</v>
      </c>
      <c r="G16861" s="8">
        <v>285</v>
      </c>
      <c r="H16861" s="5">
        <v>6</v>
      </c>
      <c r="I16861" s="5" t="s">
        <v>1518</v>
      </c>
      <c r="J16861" s="5" t="s">
        <v>36264</v>
      </c>
      <c r="K16861" s="2" t="s">
        <v>36265</v>
      </c>
      <c r="L16861" s="5" t="s">
        <v>36264</v>
      </c>
      <c r="M16861" s="2" t="s">
        <v>36265</v>
      </c>
      <c r="N16861" s="5" t="s">
        <v>36266</v>
      </c>
      <c r="O16861" s="5" t="s">
        <v>38</v>
      </c>
      <c r="P16861" s="5" t="s">
        <v>39</v>
      </c>
      <c r="Q16861" s="5" t="s">
        <v>40</v>
      </c>
      <c r="R16861" s="5" t="s">
        <v>1522</v>
      </c>
      <c r="S16861" s="5" t="s">
        <v>1523</v>
      </c>
      <c r="T16861" s="5" t="s">
        <v>42</v>
      </c>
      <c r="U16861" s="2">
        <v>2.976</v>
      </c>
      <c r="V16861" s="2">
        <v>2.4390000000000001</v>
      </c>
      <c r="W16861" s="2">
        <v>1.4999999999999999E-2</v>
      </c>
      <c r="X16861" s="2">
        <v>118.9</v>
      </c>
      <c r="Y16861" s="2">
        <v>7.6</v>
      </c>
      <c r="Z16861" s="2">
        <v>16.7</v>
      </c>
      <c r="AA16861" s="5"/>
      <c r="AB16861" s="5" t="s">
        <v>43</v>
      </c>
      <c r="AC16861" s="5" t="s">
        <v>44</v>
      </c>
      <c r="AD16861" s="2"/>
      <c r="AE16861" s="1"/>
    </row>
    <row r="16862" spans="1:31" ht="14.45">
      <c r="A16862" s="11"/>
      <c r="B16862" s="20"/>
      <c r="C16862" s="2" t="s">
        <v>51544</v>
      </c>
      <c r="D16862" s="14" t="s">
        <v>51545</v>
      </c>
      <c r="E16862" s="2" t="s">
        <v>51546</v>
      </c>
      <c r="F16862" s="2" t="s">
        <v>36273</v>
      </c>
      <c r="G16862" s="8">
        <v>285</v>
      </c>
      <c r="H16862" s="5">
        <v>6</v>
      </c>
      <c r="I16862" s="5" t="s">
        <v>1518</v>
      </c>
      <c r="J16862" s="5" t="s">
        <v>36264</v>
      </c>
      <c r="K16862" s="2" t="s">
        <v>36265</v>
      </c>
      <c r="L16862" s="5" t="s">
        <v>36264</v>
      </c>
      <c r="M16862" s="2" t="s">
        <v>36265</v>
      </c>
      <c r="N16862" s="5" t="s">
        <v>36266</v>
      </c>
      <c r="O16862" s="5" t="s">
        <v>38</v>
      </c>
      <c r="P16862" s="5" t="s">
        <v>39</v>
      </c>
      <c r="Q16862" s="5" t="s">
        <v>40</v>
      </c>
      <c r="R16862" s="5" t="s">
        <v>1522</v>
      </c>
      <c r="S16862" s="5" t="s">
        <v>1523</v>
      </c>
      <c r="T16862" s="5" t="s">
        <v>42</v>
      </c>
      <c r="U16862" s="2">
        <v>2.8839999999999999</v>
      </c>
      <c r="V16862" s="2">
        <v>2.347</v>
      </c>
      <c r="W16862" s="2">
        <v>1.4999999999999999E-2</v>
      </c>
      <c r="X16862" s="2">
        <v>118.9</v>
      </c>
      <c r="Y16862" s="2">
        <v>7.6</v>
      </c>
      <c r="Z16862" s="2">
        <v>16.7</v>
      </c>
      <c r="AA16862" s="5"/>
      <c r="AB16862" s="5" t="s">
        <v>43</v>
      </c>
      <c r="AC16862" s="5" t="s">
        <v>44</v>
      </c>
      <c r="AD16862" s="2"/>
      <c r="AE16862" s="1"/>
    </row>
    <row r="16863" spans="1:31" ht="14.45">
      <c r="A16863" s="11"/>
      <c r="B16863" s="20"/>
      <c r="C16863" s="2" t="s">
        <v>51547</v>
      </c>
      <c r="D16863" s="14" t="s">
        <v>51548</v>
      </c>
      <c r="E16863" s="2" t="s">
        <v>51549</v>
      </c>
      <c r="F16863" s="2" t="s">
        <v>36277</v>
      </c>
      <c r="G16863" s="8">
        <v>285</v>
      </c>
      <c r="H16863" s="5">
        <v>6</v>
      </c>
      <c r="I16863" s="5" t="s">
        <v>1518</v>
      </c>
      <c r="J16863" s="5" t="s">
        <v>36264</v>
      </c>
      <c r="K16863" s="2" t="s">
        <v>36265</v>
      </c>
      <c r="L16863" s="5" t="s">
        <v>36264</v>
      </c>
      <c r="M16863" s="2" t="s">
        <v>36265</v>
      </c>
      <c r="N16863" s="5" t="s">
        <v>36266</v>
      </c>
      <c r="O16863" s="5" t="s">
        <v>38</v>
      </c>
      <c r="P16863" s="5" t="s">
        <v>39</v>
      </c>
      <c r="Q16863" s="5" t="s">
        <v>40</v>
      </c>
      <c r="R16863" s="5" t="s">
        <v>1522</v>
      </c>
      <c r="S16863" s="5" t="s">
        <v>1523</v>
      </c>
      <c r="T16863" s="5" t="s">
        <v>42</v>
      </c>
      <c r="U16863" s="2">
        <v>2.976</v>
      </c>
      <c r="V16863" s="2">
        <v>2.4390000000000001</v>
      </c>
      <c r="W16863" s="2">
        <v>1.4999999999999999E-2</v>
      </c>
      <c r="X16863" s="2">
        <v>118.9</v>
      </c>
      <c r="Y16863" s="2">
        <v>7.6</v>
      </c>
      <c r="Z16863" s="2">
        <v>16.7</v>
      </c>
      <c r="AA16863" s="5"/>
      <c r="AB16863" s="5" t="s">
        <v>43</v>
      </c>
      <c r="AC16863" s="5" t="s">
        <v>44</v>
      </c>
      <c r="AD16863" s="2"/>
      <c r="AE16863" s="1"/>
    </row>
    <row r="16864" spans="1:31" ht="14.45">
      <c r="A16864" s="11"/>
      <c r="B16864" s="20"/>
      <c r="C16864" s="2" t="s">
        <v>51550</v>
      </c>
      <c r="D16864" s="14" t="s">
        <v>51551</v>
      </c>
      <c r="E16864" s="2" t="s">
        <v>51552</v>
      </c>
      <c r="F16864" s="2" t="s">
        <v>36281</v>
      </c>
      <c r="G16864" s="8">
        <v>308</v>
      </c>
      <c r="H16864" s="5">
        <v>6</v>
      </c>
      <c r="I16864" s="5" t="s">
        <v>1518</v>
      </c>
      <c r="J16864" s="5" t="s">
        <v>36264</v>
      </c>
      <c r="K16864" s="2" t="s">
        <v>36265</v>
      </c>
      <c r="L16864" s="5" t="s">
        <v>36264</v>
      </c>
      <c r="M16864" s="2" t="s">
        <v>36265</v>
      </c>
      <c r="N16864" s="5" t="s">
        <v>36266</v>
      </c>
      <c r="O16864" s="5" t="s">
        <v>38</v>
      </c>
      <c r="P16864" s="5" t="s">
        <v>39</v>
      </c>
      <c r="Q16864" s="5" t="s">
        <v>40</v>
      </c>
      <c r="R16864" s="5" t="s">
        <v>1522</v>
      </c>
      <c r="S16864" s="5" t="s">
        <v>1523</v>
      </c>
      <c r="T16864" s="5" t="s">
        <v>42</v>
      </c>
      <c r="U16864" s="2">
        <v>2.8839999999999999</v>
      </c>
      <c r="V16864" s="2">
        <v>2.347</v>
      </c>
      <c r="W16864" s="2">
        <v>1.4999999999999999E-2</v>
      </c>
      <c r="X16864" s="2">
        <v>118.9</v>
      </c>
      <c r="Y16864" s="2">
        <v>7.6</v>
      </c>
      <c r="Z16864" s="2">
        <v>16.7</v>
      </c>
      <c r="AA16864" s="5"/>
      <c r="AB16864" s="5" t="s">
        <v>43</v>
      </c>
      <c r="AC16864" s="5" t="s">
        <v>44</v>
      </c>
      <c r="AD16864" s="2"/>
      <c r="AE16864" s="1"/>
    </row>
    <row r="16865" spans="1:31" ht="14.45">
      <c r="A16865" s="11"/>
      <c r="B16865" s="20"/>
      <c r="C16865" s="2" t="s">
        <v>51553</v>
      </c>
      <c r="D16865" s="14" t="s">
        <v>51554</v>
      </c>
      <c r="E16865" s="2" t="s">
        <v>51555</v>
      </c>
      <c r="F16865" s="2" t="s">
        <v>36285</v>
      </c>
      <c r="G16865" s="8">
        <v>308</v>
      </c>
      <c r="H16865" s="5">
        <v>6</v>
      </c>
      <c r="I16865" s="5" t="s">
        <v>1518</v>
      </c>
      <c r="J16865" s="5" t="s">
        <v>36264</v>
      </c>
      <c r="K16865" s="2" t="s">
        <v>36265</v>
      </c>
      <c r="L16865" s="5" t="s">
        <v>36264</v>
      </c>
      <c r="M16865" s="2" t="s">
        <v>36265</v>
      </c>
      <c r="N16865" s="5" t="s">
        <v>36266</v>
      </c>
      <c r="O16865" s="5" t="s">
        <v>38</v>
      </c>
      <c r="P16865" s="5" t="s">
        <v>39</v>
      </c>
      <c r="Q16865" s="5" t="s">
        <v>40</v>
      </c>
      <c r="R16865" s="5" t="s">
        <v>1522</v>
      </c>
      <c r="S16865" s="5" t="s">
        <v>1523</v>
      </c>
      <c r="T16865" s="5" t="s">
        <v>42</v>
      </c>
      <c r="U16865" s="2">
        <v>2.976</v>
      </c>
      <c r="V16865" s="2">
        <v>2.4390000000000001</v>
      </c>
      <c r="W16865" s="2">
        <v>1.4999999999999999E-2</v>
      </c>
      <c r="X16865" s="2">
        <v>118.9</v>
      </c>
      <c r="Y16865" s="2">
        <v>7.6</v>
      </c>
      <c r="Z16865" s="2">
        <v>16.7</v>
      </c>
      <c r="AA16865" s="5"/>
      <c r="AB16865" s="5" t="s">
        <v>43</v>
      </c>
      <c r="AC16865" s="5" t="s">
        <v>44</v>
      </c>
      <c r="AD16865" s="2"/>
      <c r="AE16865" s="1"/>
    </row>
    <row r="16866" spans="1:31" ht="14.45">
      <c r="A16866" s="11"/>
      <c r="B16866" s="20"/>
      <c r="C16866" s="2" t="s">
        <v>51556</v>
      </c>
      <c r="D16866" s="14" t="s">
        <v>51557</v>
      </c>
      <c r="E16866" s="2" t="s">
        <v>51558</v>
      </c>
      <c r="F16866" s="2" t="s">
        <v>36289</v>
      </c>
      <c r="G16866" s="8">
        <v>308</v>
      </c>
      <c r="H16866" s="5">
        <v>6</v>
      </c>
      <c r="I16866" s="5" t="s">
        <v>1518</v>
      </c>
      <c r="J16866" s="5" t="s">
        <v>36264</v>
      </c>
      <c r="K16866" s="2" t="s">
        <v>36265</v>
      </c>
      <c r="L16866" s="5" t="s">
        <v>36264</v>
      </c>
      <c r="M16866" s="2" t="s">
        <v>36265</v>
      </c>
      <c r="N16866" s="5" t="s">
        <v>36266</v>
      </c>
      <c r="O16866" s="5" t="s">
        <v>38</v>
      </c>
      <c r="P16866" s="5" t="s">
        <v>39</v>
      </c>
      <c r="Q16866" s="5" t="s">
        <v>40</v>
      </c>
      <c r="R16866" s="5" t="s">
        <v>1522</v>
      </c>
      <c r="S16866" s="5" t="s">
        <v>1523</v>
      </c>
      <c r="T16866" s="5" t="s">
        <v>42</v>
      </c>
      <c r="U16866" s="2">
        <v>2.8839999999999999</v>
      </c>
      <c r="V16866" s="2">
        <v>2.347</v>
      </c>
      <c r="W16866" s="2">
        <v>1.4999999999999999E-2</v>
      </c>
      <c r="X16866" s="2">
        <v>118.9</v>
      </c>
      <c r="Y16866" s="2">
        <v>7.6</v>
      </c>
      <c r="Z16866" s="2">
        <v>16.7</v>
      </c>
      <c r="AA16866" s="5"/>
      <c r="AB16866" s="5" t="s">
        <v>43</v>
      </c>
      <c r="AC16866" s="5" t="s">
        <v>44</v>
      </c>
      <c r="AD16866" s="2"/>
      <c r="AE16866" s="1"/>
    </row>
    <row r="16867" spans="1:31" ht="14.45">
      <c r="A16867" s="11"/>
      <c r="B16867" s="20"/>
      <c r="C16867" s="2" t="s">
        <v>51559</v>
      </c>
      <c r="D16867" s="14" t="s">
        <v>51560</v>
      </c>
      <c r="E16867" s="2" t="s">
        <v>51561</v>
      </c>
      <c r="F16867" s="2" t="s">
        <v>36293</v>
      </c>
      <c r="G16867" s="8">
        <v>308</v>
      </c>
      <c r="H16867" s="5">
        <v>6</v>
      </c>
      <c r="I16867" s="5" t="s">
        <v>1518</v>
      </c>
      <c r="J16867" s="5" t="s">
        <v>36264</v>
      </c>
      <c r="K16867" s="2" t="s">
        <v>36265</v>
      </c>
      <c r="L16867" s="5" t="s">
        <v>36264</v>
      </c>
      <c r="M16867" s="2" t="s">
        <v>36265</v>
      </c>
      <c r="N16867" s="5" t="s">
        <v>36266</v>
      </c>
      <c r="O16867" s="5" t="s">
        <v>38</v>
      </c>
      <c r="P16867" s="5" t="s">
        <v>39</v>
      </c>
      <c r="Q16867" s="5" t="s">
        <v>40</v>
      </c>
      <c r="R16867" s="5" t="s">
        <v>1522</v>
      </c>
      <c r="S16867" s="5" t="s">
        <v>1523</v>
      </c>
      <c r="T16867" s="5" t="s">
        <v>42</v>
      </c>
      <c r="U16867" s="2">
        <v>2.976</v>
      </c>
      <c r="V16867" s="2">
        <v>2.4390000000000001</v>
      </c>
      <c r="W16867" s="2">
        <v>1.4999999999999999E-2</v>
      </c>
      <c r="X16867" s="2">
        <v>118.9</v>
      </c>
      <c r="Y16867" s="2">
        <v>7.6</v>
      </c>
      <c r="Z16867" s="2">
        <v>16.7</v>
      </c>
      <c r="AA16867" s="5"/>
      <c r="AB16867" s="5" t="s">
        <v>43</v>
      </c>
      <c r="AC16867" s="5" t="s">
        <v>44</v>
      </c>
      <c r="AD16867" s="2"/>
      <c r="AE16867" s="1"/>
    </row>
    <row r="16868" spans="1:31" ht="14.45">
      <c r="A16868" s="11"/>
      <c r="B16868" s="20"/>
      <c r="C16868" s="2" t="s">
        <v>51562</v>
      </c>
      <c r="D16868" s="14" t="s">
        <v>51563</v>
      </c>
      <c r="E16868" s="2" t="s">
        <v>51564</v>
      </c>
      <c r="F16868" s="2" t="s">
        <v>36297</v>
      </c>
      <c r="G16868" s="8">
        <v>285</v>
      </c>
      <c r="H16868" s="5">
        <v>6</v>
      </c>
      <c r="I16868" s="5" t="s">
        <v>1518</v>
      </c>
      <c r="J16868" s="5" t="s">
        <v>36264</v>
      </c>
      <c r="K16868" s="2" t="s">
        <v>36265</v>
      </c>
      <c r="L16868" s="5" t="s">
        <v>36264</v>
      </c>
      <c r="M16868" s="2" t="s">
        <v>36265</v>
      </c>
      <c r="N16868" s="5" t="s">
        <v>36266</v>
      </c>
      <c r="O16868" s="5" t="s">
        <v>38</v>
      </c>
      <c r="P16868" s="5" t="s">
        <v>39</v>
      </c>
      <c r="Q16868" s="5" t="s">
        <v>40</v>
      </c>
      <c r="R16868" s="5" t="s">
        <v>1522</v>
      </c>
      <c r="S16868" s="5" t="s">
        <v>1523</v>
      </c>
      <c r="T16868" s="5" t="s">
        <v>42</v>
      </c>
      <c r="U16868" s="2">
        <v>2.8839999999999999</v>
      </c>
      <c r="V16868" s="2">
        <v>2.347</v>
      </c>
      <c r="W16868" s="2">
        <v>1.4999999999999999E-2</v>
      </c>
      <c r="X16868" s="2">
        <v>118.9</v>
      </c>
      <c r="Y16868" s="2">
        <v>7.6</v>
      </c>
      <c r="Z16868" s="2">
        <v>16.7</v>
      </c>
      <c r="AA16868" s="5"/>
      <c r="AB16868" s="5" t="s">
        <v>43</v>
      </c>
      <c r="AC16868" s="5" t="s">
        <v>44</v>
      </c>
      <c r="AD16868" s="2"/>
      <c r="AE16868" s="1"/>
    </row>
    <row r="16869" spans="1:31" ht="14.45">
      <c r="A16869" s="11"/>
      <c r="B16869" s="20"/>
      <c r="C16869" s="2" t="s">
        <v>51565</v>
      </c>
      <c r="D16869" s="14" t="s">
        <v>51566</v>
      </c>
      <c r="E16869" s="2" t="s">
        <v>51567</v>
      </c>
      <c r="F16869" s="2" t="s">
        <v>36301</v>
      </c>
      <c r="G16869" s="8">
        <v>285</v>
      </c>
      <c r="H16869" s="5">
        <v>6</v>
      </c>
      <c r="I16869" s="5" t="s">
        <v>1518</v>
      </c>
      <c r="J16869" s="5" t="s">
        <v>36264</v>
      </c>
      <c r="K16869" s="2" t="s">
        <v>36265</v>
      </c>
      <c r="L16869" s="5" t="s">
        <v>36264</v>
      </c>
      <c r="M16869" s="2" t="s">
        <v>36265</v>
      </c>
      <c r="N16869" s="5" t="s">
        <v>36266</v>
      </c>
      <c r="O16869" s="5" t="s">
        <v>38</v>
      </c>
      <c r="P16869" s="5" t="s">
        <v>39</v>
      </c>
      <c r="Q16869" s="5" t="s">
        <v>40</v>
      </c>
      <c r="R16869" s="5" t="s">
        <v>1522</v>
      </c>
      <c r="S16869" s="5" t="s">
        <v>1523</v>
      </c>
      <c r="T16869" s="5" t="s">
        <v>42</v>
      </c>
      <c r="U16869" s="2">
        <v>2.976</v>
      </c>
      <c r="V16869" s="2">
        <v>2.4390000000000001</v>
      </c>
      <c r="W16869" s="2">
        <v>1.4999999999999999E-2</v>
      </c>
      <c r="X16869" s="2">
        <v>118.9</v>
      </c>
      <c r="Y16869" s="2">
        <v>7.6</v>
      </c>
      <c r="Z16869" s="2">
        <v>16.7</v>
      </c>
      <c r="AA16869" s="5"/>
      <c r="AB16869" s="5" t="s">
        <v>43</v>
      </c>
      <c r="AC16869" s="5" t="s">
        <v>44</v>
      </c>
      <c r="AD16869" s="2"/>
      <c r="AE16869" s="1"/>
    </row>
    <row r="16870" spans="1:31" ht="14.45">
      <c r="A16870" s="11"/>
      <c r="B16870" s="20"/>
      <c r="C16870" s="2" t="s">
        <v>51568</v>
      </c>
      <c r="D16870" s="14" t="s">
        <v>51569</v>
      </c>
      <c r="E16870" s="2" t="s">
        <v>51570</v>
      </c>
      <c r="F16870" s="2" t="s">
        <v>36305</v>
      </c>
      <c r="G16870" s="8">
        <v>285</v>
      </c>
      <c r="H16870" s="5">
        <v>6</v>
      </c>
      <c r="I16870" s="5" t="s">
        <v>1518</v>
      </c>
      <c r="J16870" s="5" t="s">
        <v>36264</v>
      </c>
      <c r="K16870" s="2" t="s">
        <v>36265</v>
      </c>
      <c r="L16870" s="5" t="s">
        <v>36264</v>
      </c>
      <c r="M16870" s="2" t="s">
        <v>36265</v>
      </c>
      <c r="N16870" s="5" t="s">
        <v>36266</v>
      </c>
      <c r="O16870" s="5" t="s">
        <v>38</v>
      </c>
      <c r="P16870" s="5" t="s">
        <v>39</v>
      </c>
      <c r="Q16870" s="5" t="s">
        <v>40</v>
      </c>
      <c r="R16870" s="5" t="s">
        <v>1522</v>
      </c>
      <c r="S16870" s="5" t="s">
        <v>1523</v>
      </c>
      <c r="T16870" s="5" t="s">
        <v>42</v>
      </c>
      <c r="U16870" s="2">
        <v>2.8839999999999999</v>
      </c>
      <c r="V16870" s="2">
        <v>2.347</v>
      </c>
      <c r="W16870" s="2">
        <v>1.4999999999999999E-2</v>
      </c>
      <c r="X16870" s="2">
        <v>118.9</v>
      </c>
      <c r="Y16870" s="2">
        <v>7.6</v>
      </c>
      <c r="Z16870" s="2">
        <v>16.7</v>
      </c>
      <c r="AA16870" s="5"/>
      <c r="AB16870" s="5" t="s">
        <v>43</v>
      </c>
      <c r="AC16870" s="5" t="s">
        <v>44</v>
      </c>
      <c r="AD16870" s="2"/>
      <c r="AE16870" s="1"/>
    </row>
    <row r="16871" spans="1:31" ht="14.45">
      <c r="A16871" s="11"/>
      <c r="B16871" s="20"/>
      <c r="C16871" s="2" t="s">
        <v>51571</v>
      </c>
      <c r="D16871" s="14" t="s">
        <v>51572</v>
      </c>
      <c r="E16871" s="2" t="s">
        <v>51573</v>
      </c>
      <c r="F16871" s="2" t="s">
        <v>36309</v>
      </c>
      <c r="G16871" s="8">
        <v>285</v>
      </c>
      <c r="H16871" s="5">
        <v>6</v>
      </c>
      <c r="I16871" s="5" t="s">
        <v>1518</v>
      </c>
      <c r="J16871" s="5" t="s">
        <v>36264</v>
      </c>
      <c r="K16871" s="2" t="s">
        <v>36265</v>
      </c>
      <c r="L16871" s="5" t="s">
        <v>36264</v>
      </c>
      <c r="M16871" s="2" t="s">
        <v>36265</v>
      </c>
      <c r="N16871" s="5" t="s">
        <v>36266</v>
      </c>
      <c r="O16871" s="5" t="s">
        <v>38</v>
      </c>
      <c r="P16871" s="5" t="s">
        <v>39</v>
      </c>
      <c r="Q16871" s="5" t="s">
        <v>40</v>
      </c>
      <c r="R16871" s="5" t="s">
        <v>1522</v>
      </c>
      <c r="S16871" s="5" t="s">
        <v>1523</v>
      </c>
      <c r="T16871" s="5" t="s">
        <v>42</v>
      </c>
      <c r="U16871" s="2">
        <v>2.976</v>
      </c>
      <c r="V16871" s="2">
        <v>2.4390000000000001</v>
      </c>
      <c r="W16871" s="2">
        <v>1.4999999999999999E-2</v>
      </c>
      <c r="X16871" s="2">
        <v>118.9</v>
      </c>
      <c r="Y16871" s="2">
        <v>7.6</v>
      </c>
      <c r="Z16871" s="2">
        <v>16.7</v>
      </c>
      <c r="AA16871" s="5"/>
      <c r="AB16871" s="5" t="s">
        <v>43</v>
      </c>
      <c r="AC16871" s="5" t="s">
        <v>44</v>
      </c>
      <c r="AD16871" s="2"/>
      <c r="AE16871" s="1"/>
    </row>
    <row r="16872" spans="1:31" ht="14.45">
      <c r="A16872" s="11"/>
      <c r="B16872" s="20"/>
      <c r="C16872" s="2" t="s">
        <v>51574</v>
      </c>
      <c r="D16872" s="14" t="s">
        <v>51575</v>
      </c>
      <c r="E16872" s="2" t="s">
        <v>51576</v>
      </c>
      <c r="F16872" s="2" t="s">
        <v>36313</v>
      </c>
      <c r="G16872" s="8">
        <v>308</v>
      </c>
      <c r="H16872" s="5">
        <v>6</v>
      </c>
      <c r="I16872" s="5" t="s">
        <v>1518</v>
      </c>
      <c r="J16872" s="5" t="s">
        <v>36264</v>
      </c>
      <c r="K16872" s="2" t="s">
        <v>36265</v>
      </c>
      <c r="L16872" s="5" t="s">
        <v>36264</v>
      </c>
      <c r="M16872" s="2" t="s">
        <v>36265</v>
      </c>
      <c r="N16872" s="5" t="s">
        <v>36266</v>
      </c>
      <c r="O16872" s="5" t="s">
        <v>38</v>
      </c>
      <c r="P16872" s="5" t="s">
        <v>39</v>
      </c>
      <c r="Q16872" s="5" t="s">
        <v>40</v>
      </c>
      <c r="R16872" s="5" t="s">
        <v>1522</v>
      </c>
      <c r="S16872" s="5" t="s">
        <v>1523</v>
      </c>
      <c r="T16872" s="5" t="s">
        <v>42</v>
      </c>
      <c r="U16872" s="2">
        <v>2.8839999999999999</v>
      </c>
      <c r="V16872" s="2">
        <v>2.347</v>
      </c>
      <c r="W16872" s="2">
        <v>1.4999999999999999E-2</v>
      </c>
      <c r="X16872" s="2">
        <v>118.9</v>
      </c>
      <c r="Y16872" s="2">
        <v>7.6</v>
      </c>
      <c r="Z16872" s="2">
        <v>16.7</v>
      </c>
      <c r="AA16872" s="5"/>
      <c r="AB16872" s="5" t="s">
        <v>43</v>
      </c>
      <c r="AC16872" s="5" t="s">
        <v>44</v>
      </c>
      <c r="AD16872" s="2"/>
      <c r="AE16872" s="1"/>
    </row>
    <row r="16873" spans="1:31" ht="14.45">
      <c r="A16873" s="11"/>
      <c r="B16873" s="20"/>
      <c r="C16873" s="2" t="s">
        <v>51577</v>
      </c>
      <c r="D16873" s="14" t="s">
        <v>51578</v>
      </c>
      <c r="E16873" s="2" t="s">
        <v>51579</v>
      </c>
      <c r="F16873" s="2" t="s">
        <v>36317</v>
      </c>
      <c r="G16873" s="8">
        <v>308</v>
      </c>
      <c r="H16873" s="5">
        <v>6</v>
      </c>
      <c r="I16873" s="5" t="s">
        <v>1518</v>
      </c>
      <c r="J16873" s="5" t="s">
        <v>36264</v>
      </c>
      <c r="K16873" s="2" t="s">
        <v>36265</v>
      </c>
      <c r="L16873" s="5" t="s">
        <v>36264</v>
      </c>
      <c r="M16873" s="2" t="s">
        <v>36265</v>
      </c>
      <c r="N16873" s="5" t="s">
        <v>36266</v>
      </c>
      <c r="O16873" s="5" t="s">
        <v>38</v>
      </c>
      <c r="P16873" s="5" t="s">
        <v>39</v>
      </c>
      <c r="Q16873" s="5" t="s">
        <v>40</v>
      </c>
      <c r="R16873" s="5" t="s">
        <v>1522</v>
      </c>
      <c r="S16873" s="5" t="s">
        <v>1523</v>
      </c>
      <c r="T16873" s="5" t="s">
        <v>42</v>
      </c>
      <c r="U16873" s="2">
        <v>2.976</v>
      </c>
      <c r="V16873" s="2">
        <v>2.4390000000000001</v>
      </c>
      <c r="W16873" s="2">
        <v>1.4999999999999999E-2</v>
      </c>
      <c r="X16873" s="2">
        <v>118.9</v>
      </c>
      <c r="Y16873" s="2">
        <v>7.6</v>
      </c>
      <c r="Z16873" s="2">
        <v>16.7</v>
      </c>
      <c r="AA16873" s="5"/>
      <c r="AB16873" s="5" t="s">
        <v>43</v>
      </c>
      <c r="AC16873" s="5" t="s">
        <v>44</v>
      </c>
      <c r="AD16873" s="2"/>
      <c r="AE16873" s="1"/>
    </row>
    <row r="16874" spans="1:31" ht="14.45">
      <c r="A16874" s="11"/>
      <c r="B16874" s="20"/>
      <c r="C16874" s="2" t="s">
        <v>51580</v>
      </c>
      <c r="D16874" s="14" t="s">
        <v>51581</v>
      </c>
      <c r="E16874" s="2" t="s">
        <v>51582</v>
      </c>
      <c r="F16874" s="2" t="s">
        <v>36321</v>
      </c>
      <c r="G16874" s="8">
        <v>308</v>
      </c>
      <c r="H16874" s="5">
        <v>6</v>
      </c>
      <c r="I16874" s="5" t="s">
        <v>1518</v>
      </c>
      <c r="J16874" s="5" t="s">
        <v>36264</v>
      </c>
      <c r="K16874" s="2" t="s">
        <v>36265</v>
      </c>
      <c r="L16874" s="5" t="s">
        <v>36264</v>
      </c>
      <c r="M16874" s="2" t="s">
        <v>36265</v>
      </c>
      <c r="N16874" s="5" t="s">
        <v>36266</v>
      </c>
      <c r="O16874" s="5" t="s">
        <v>38</v>
      </c>
      <c r="P16874" s="5" t="s">
        <v>39</v>
      </c>
      <c r="Q16874" s="5" t="s">
        <v>40</v>
      </c>
      <c r="R16874" s="5" t="s">
        <v>1522</v>
      </c>
      <c r="S16874" s="5" t="s">
        <v>1523</v>
      </c>
      <c r="T16874" s="5" t="s">
        <v>42</v>
      </c>
      <c r="U16874" s="2">
        <v>2.8839999999999999</v>
      </c>
      <c r="V16874" s="2">
        <v>2.347</v>
      </c>
      <c r="W16874" s="2">
        <v>1.4999999999999999E-2</v>
      </c>
      <c r="X16874" s="2">
        <v>118.9</v>
      </c>
      <c r="Y16874" s="2">
        <v>7.6</v>
      </c>
      <c r="Z16874" s="2">
        <v>16.7</v>
      </c>
      <c r="AA16874" s="5"/>
      <c r="AB16874" s="5" t="s">
        <v>43</v>
      </c>
      <c r="AC16874" s="5" t="s">
        <v>44</v>
      </c>
      <c r="AD16874" s="2"/>
      <c r="AE16874" s="1"/>
    </row>
    <row r="16875" spans="1:31" ht="14.45">
      <c r="A16875" s="11"/>
      <c r="B16875" s="20"/>
      <c r="C16875" s="2" t="s">
        <v>51583</v>
      </c>
      <c r="D16875" s="14" t="s">
        <v>51584</v>
      </c>
      <c r="E16875" s="2" t="s">
        <v>51585</v>
      </c>
      <c r="F16875" s="2" t="s">
        <v>36325</v>
      </c>
      <c r="G16875" s="8">
        <v>308</v>
      </c>
      <c r="H16875" s="5">
        <v>6</v>
      </c>
      <c r="I16875" s="5" t="s">
        <v>1518</v>
      </c>
      <c r="J16875" s="5" t="s">
        <v>36264</v>
      </c>
      <c r="K16875" s="2" t="s">
        <v>36265</v>
      </c>
      <c r="L16875" s="5" t="s">
        <v>36264</v>
      </c>
      <c r="M16875" s="2" t="s">
        <v>36265</v>
      </c>
      <c r="N16875" s="5" t="s">
        <v>36266</v>
      </c>
      <c r="O16875" s="5" t="s">
        <v>38</v>
      </c>
      <c r="P16875" s="5" t="s">
        <v>39</v>
      </c>
      <c r="Q16875" s="5" t="s">
        <v>40</v>
      </c>
      <c r="R16875" s="5" t="s">
        <v>1522</v>
      </c>
      <c r="S16875" s="5" t="s">
        <v>1523</v>
      </c>
      <c r="T16875" s="5" t="s">
        <v>42</v>
      </c>
      <c r="U16875" s="2">
        <v>2.976</v>
      </c>
      <c r="V16875" s="2">
        <v>2.4390000000000001</v>
      </c>
      <c r="W16875" s="2">
        <v>1.4999999999999999E-2</v>
      </c>
      <c r="X16875" s="2">
        <v>118.9</v>
      </c>
      <c r="Y16875" s="2">
        <v>7.6</v>
      </c>
      <c r="Z16875" s="2">
        <v>16.7</v>
      </c>
      <c r="AA16875" s="5"/>
      <c r="AB16875" s="5" t="s">
        <v>43</v>
      </c>
      <c r="AC16875" s="5" t="s">
        <v>44</v>
      </c>
      <c r="AD16875" s="2"/>
      <c r="AE16875" s="1"/>
    </row>
    <row r="16876" spans="1:31" ht="14.45">
      <c r="A16876" s="11"/>
      <c r="B16876" s="20"/>
      <c r="C16876" s="2" t="s">
        <v>51586</v>
      </c>
      <c r="D16876" s="14" t="s">
        <v>51587</v>
      </c>
      <c r="E16876" s="2" t="s">
        <v>51588</v>
      </c>
      <c r="F16876" s="2" t="s">
        <v>36329</v>
      </c>
      <c r="G16876" s="8">
        <v>308</v>
      </c>
      <c r="H16876" s="5">
        <v>6</v>
      </c>
      <c r="I16876" s="5" t="s">
        <v>1518</v>
      </c>
      <c r="J16876" s="5" t="s">
        <v>36264</v>
      </c>
      <c r="K16876" s="2" t="s">
        <v>36265</v>
      </c>
      <c r="L16876" s="5" t="s">
        <v>36264</v>
      </c>
      <c r="M16876" s="2" t="s">
        <v>36265</v>
      </c>
      <c r="N16876" s="5" t="s">
        <v>36266</v>
      </c>
      <c r="O16876" s="5" t="s">
        <v>38</v>
      </c>
      <c r="P16876" s="5" t="s">
        <v>39</v>
      </c>
      <c r="Q16876" s="5" t="s">
        <v>40</v>
      </c>
      <c r="R16876" s="5" t="s">
        <v>1522</v>
      </c>
      <c r="S16876" s="5" t="s">
        <v>1523</v>
      </c>
      <c r="T16876" s="5" t="s">
        <v>42</v>
      </c>
      <c r="U16876" s="2">
        <v>2.8839999999999999</v>
      </c>
      <c r="V16876" s="2">
        <v>2.347</v>
      </c>
      <c r="W16876" s="2">
        <v>1.4999999999999999E-2</v>
      </c>
      <c r="X16876" s="2">
        <v>118.9</v>
      </c>
      <c r="Y16876" s="2">
        <v>7.6</v>
      </c>
      <c r="Z16876" s="2">
        <v>16.7</v>
      </c>
      <c r="AA16876" s="5"/>
      <c r="AB16876" s="5" t="s">
        <v>43</v>
      </c>
      <c r="AC16876" s="5" t="s">
        <v>44</v>
      </c>
      <c r="AD16876" s="2"/>
      <c r="AE16876" s="1"/>
    </row>
    <row r="16877" spans="1:31" ht="14.45">
      <c r="A16877" s="11"/>
      <c r="B16877" s="20"/>
      <c r="C16877" s="2" t="s">
        <v>51589</v>
      </c>
      <c r="D16877" s="14" t="s">
        <v>51590</v>
      </c>
      <c r="E16877" s="2" t="s">
        <v>51591</v>
      </c>
      <c r="F16877" s="2" t="s">
        <v>36333</v>
      </c>
      <c r="G16877" s="8">
        <v>308</v>
      </c>
      <c r="H16877" s="5">
        <v>6</v>
      </c>
      <c r="I16877" s="5" t="s">
        <v>1518</v>
      </c>
      <c r="J16877" s="5" t="s">
        <v>36264</v>
      </c>
      <c r="K16877" s="2" t="s">
        <v>36265</v>
      </c>
      <c r="L16877" s="5" t="s">
        <v>36264</v>
      </c>
      <c r="M16877" s="2" t="s">
        <v>36265</v>
      </c>
      <c r="N16877" s="5" t="s">
        <v>36266</v>
      </c>
      <c r="O16877" s="5" t="s">
        <v>38</v>
      </c>
      <c r="P16877" s="5" t="s">
        <v>39</v>
      </c>
      <c r="Q16877" s="5" t="s">
        <v>40</v>
      </c>
      <c r="R16877" s="5" t="s">
        <v>1522</v>
      </c>
      <c r="S16877" s="5" t="s">
        <v>1523</v>
      </c>
      <c r="T16877" s="5" t="s">
        <v>42</v>
      </c>
      <c r="U16877" s="2">
        <v>2.976</v>
      </c>
      <c r="V16877" s="2">
        <v>2.4390000000000001</v>
      </c>
      <c r="W16877" s="2">
        <v>1.4999999999999999E-2</v>
      </c>
      <c r="X16877" s="2">
        <v>118.9</v>
      </c>
      <c r="Y16877" s="2">
        <v>7.6</v>
      </c>
      <c r="Z16877" s="2">
        <v>16.7</v>
      </c>
      <c r="AA16877" s="5"/>
      <c r="AB16877" s="5" t="s">
        <v>43</v>
      </c>
      <c r="AC16877" s="5" t="s">
        <v>44</v>
      </c>
      <c r="AD16877" s="2"/>
      <c r="AE16877" s="1"/>
    </row>
    <row r="16878" spans="1:31" ht="14.45">
      <c r="A16878" s="11"/>
      <c r="B16878" s="20"/>
      <c r="C16878" s="2" t="s">
        <v>51592</v>
      </c>
      <c r="D16878" s="14" t="s">
        <v>51593</v>
      </c>
      <c r="E16878" s="2" t="s">
        <v>51594</v>
      </c>
      <c r="F16878" s="2" t="s">
        <v>36337</v>
      </c>
      <c r="G16878" s="8">
        <v>308</v>
      </c>
      <c r="H16878" s="5">
        <v>6</v>
      </c>
      <c r="I16878" s="5" t="s">
        <v>1518</v>
      </c>
      <c r="J16878" s="5" t="s">
        <v>36264</v>
      </c>
      <c r="K16878" s="2" t="s">
        <v>36265</v>
      </c>
      <c r="L16878" s="5" t="s">
        <v>36264</v>
      </c>
      <c r="M16878" s="2" t="s">
        <v>36265</v>
      </c>
      <c r="N16878" s="5" t="s">
        <v>36266</v>
      </c>
      <c r="O16878" s="5" t="s">
        <v>38</v>
      </c>
      <c r="P16878" s="5" t="s">
        <v>39</v>
      </c>
      <c r="Q16878" s="5" t="s">
        <v>40</v>
      </c>
      <c r="R16878" s="5" t="s">
        <v>1522</v>
      </c>
      <c r="S16878" s="5" t="s">
        <v>1523</v>
      </c>
      <c r="T16878" s="5" t="s">
        <v>42</v>
      </c>
      <c r="U16878" s="2">
        <v>2.8839999999999999</v>
      </c>
      <c r="V16878" s="2">
        <v>2.347</v>
      </c>
      <c r="W16878" s="2">
        <v>1.4999999999999999E-2</v>
      </c>
      <c r="X16878" s="2">
        <v>118.9</v>
      </c>
      <c r="Y16878" s="2">
        <v>7.6</v>
      </c>
      <c r="Z16878" s="2">
        <v>16.7</v>
      </c>
      <c r="AA16878" s="5"/>
      <c r="AB16878" s="5" t="s">
        <v>43</v>
      </c>
      <c r="AC16878" s="5" t="s">
        <v>44</v>
      </c>
      <c r="AD16878" s="2"/>
      <c r="AE16878" s="1"/>
    </row>
    <row r="16879" spans="1:31" ht="14.45">
      <c r="A16879" s="11"/>
      <c r="B16879" s="20"/>
      <c r="C16879" s="2" t="s">
        <v>51595</v>
      </c>
      <c r="D16879" s="14" t="s">
        <v>51596</v>
      </c>
      <c r="E16879" s="2" t="s">
        <v>51597</v>
      </c>
      <c r="F16879" s="2" t="s">
        <v>36341</v>
      </c>
      <c r="G16879" s="8">
        <v>308</v>
      </c>
      <c r="H16879" s="5">
        <v>6</v>
      </c>
      <c r="I16879" s="5" t="s">
        <v>1518</v>
      </c>
      <c r="J16879" s="5" t="s">
        <v>36264</v>
      </c>
      <c r="K16879" s="2" t="s">
        <v>36265</v>
      </c>
      <c r="L16879" s="5" t="s">
        <v>36264</v>
      </c>
      <c r="M16879" s="2" t="s">
        <v>36265</v>
      </c>
      <c r="N16879" s="5" t="s">
        <v>36266</v>
      </c>
      <c r="O16879" s="5" t="s">
        <v>38</v>
      </c>
      <c r="P16879" s="5" t="s">
        <v>39</v>
      </c>
      <c r="Q16879" s="5" t="s">
        <v>40</v>
      </c>
      <c r="R16879" s="5" t="s">
        <v>1522</v>
      </c>
      <c r="S16879" s="5" t="s">
        <v>1523</v>
      </c>
      <c r="T16879" s="5" t="s">
        <v>42</v>
      </c>
      <c r="U16879" s="2">
        <v>2.976</v>
      </c>
      <c r="V16879" s="2">
        <v>2.4390000000000001</v>
      </c>
      <c r="W16879" s="2">
        <v>1.4999999999999999E-2</v>
      </c>
      <c r="X16879" s="2">
        <v>118.9</v>
      </c>
      <c r="Y16879" s="2">
        <v>7.6</v>
      </c>
      <c r="Z16879" s="2">
        <v>16.7</v>
      </c>
      <c r="AA16879" s="5"/>
      <c r="AB16879" s="5" t="s">
        <v>43</v>
      </c>
      <c r="AC16879" s="5" t="s">
        <v>44</v>
      </c>
      <c r="AD16879" s="2"/>
      <c r="AE16879" s="1"/>
    </row>
    <row r="16880" spans="1:31" ht="14.45">
      <c r="A16880" s="11"/>
      <c r="B16880" s="20"/>
      <c r="C16880" s="2" t="s">
        <v>51598</v>
      </c>
      <c r="D16880" s="14" t="s">
        <v>51599</v>
      </c>
      <c r="E16880" s="2" t="s">
        <v>51600</v>
      </c>
      <c r="F16880" s="2" t="s">
        <v>36345</v>
      </c>
      <c r="G16880" s="8">
        <v>308</v>
      </c>
      <c r="H16880" s="5">
        <v>6</v>
      </c>
      <c r="I16880" s="5" t="s">
        <v>1518</v>
      </c>
      <c r="J16880" s="5" t="s">
        <v>36264</v>
      </c>
      <c r="K16880" s="2" t="s">
        <v>36265</v>
      </c>
      <c r="L16880" s="5" t="s">
        <v>36264</v>
      </c>
      <c r="M16880" s="2" t="s">
        <v>36265</v>
      </c>
      <c r="N16880" s="5" t="s">
        <v>36266</v>
      </c>
      <c r="O16880" s="5" t="s">
        <v>38</v>
      </c>
      <c r="P16880" s="5" t="s">
        <v>39</v>
      </c>
      <c r="Q16880" s="5" t="s">
        <v>40</v>
      </c>
      <c r="R16880" s="5" t="s">
        <v>1522</v>
      </c>
      <c r="S16880" s="5" t="s">
        <v>1523</v>
      </c>
      <c r="T16880" s="5" t="s">
        <v>42</v>
      </c>
      <c r="U16880" s="2">
        <v>2.8839999999999999</v>
      </c>
      <c r="V16880" s="2">
        <v>2.347</v>
      </c>
      <c r="W16880" s="2">
        <v>1.4999999999999999E-2</v>
      </c>
      <c r="X16880" s="2">
        <v>118.9</v>
      </c>
      <c r="Y16880" s="2">
        <v>7.6</v>
      </c>
      <c r="Z16880" s="2">
        <v>16.7</v>
      </c>
      <c r="AA16880" s="5"/>
      <c r="AB16880" s="5" t="s">
        <v>43</v>
      </c>
      <c r="AC16880" s="5" t="s">
        <v>44</v>
      </c>
      <c r="AD16880" s="2"/>
      <c r="AE16880" s="1"/>
    </row>
    <row r="16881" spans="1:31" ht="14.45">
      <c r="A16881" s="11"/>
      <c r="B16881" s="20"/>
      <c r="C16881" s="2" t="s">
        <v>51601</v>
      </c>
      <c r="D16881" s="14" t="s">
        <v>51602</v>
      </c>
      <c r="E16881" s="2" t="s">
        <v>51603</v>
      </c>
      <c r="F16881" s="2" t="s">
        <v>36349</v>
      </c>
      <c r="G16881" s="8">
        <v>308</v>
      </c>
      <c r="H16881" s="5">
        <v>6</v>
      </c>
      <c r="I16881" s="5" t="s">
        <v>1518</v>
      </c>
      <c r="J16881" s="5" t="s">
        <v>36264</v>
      </c>
      <c r="K16881" s="2" t="s">
        <v>36265</v>
      </c>
      <c r="L16881" s="5" t="s">
        <v>36264</v>
      </c>
      <c r="M16881" s="2" t="s">
        <v>36265</v>
      </c>
      <c r="N16881" s="5" t="s">
        <v>36266</v>
      </c>
      <c r="O16881" s="5" t="s">
        <v>38</v>
      </c>
      <c r="P16881" s="5" t="s">
        <v>39</v>
      </c>
      <c r="Q16881" s="5" t="s">
        <v>40</v>
      </c>
      <c r="R16881" s="5" t="s">
        <v>1522</v>
      </c>
      <c r="S16881" s="5" t="s">
        <v>1523</v>
      </c>
      <c r="T16881" s="5" t="s">
        <v>42</v>
      </c>
      <c r="U16881" s="2">
        <v>2.976</v>
      </c>
      <c r="V16881" s="2">
        <v>2.4390000000000001</v>
      </c>
      <c r="W16881" s="2">
        <v>1.4999999999999999E-2</v>
      </c>
      <c r="X16881" s="2">
        <v>118.9</v>
      </c>
      <c r="Y16881" s="2">
        <v>7.6</v>
      </c>
      <c r="Z16881" s="2">
        <v>16.7</v>
      </c>
      <c r="AA16881" s="5"/>
      <c r="AB16881" s="5" t="s">
        <v>43</v>
      </c>
      <c r="AC16881" s="5" t="s">
        <v>44</v>
      </c>
      <c r="AD16881" s="2"/>
      <c r="AE16881" s="1"/>
    </row>
    <row r="16882" spans="1:31" ht="14.45">
      <c r="A16882" s="11"/>
      <c r="B16882" s="20"/>
      <c r="C16882" s="2" t="s">
        <v>51604</v>
      </c>
      <c r="D16882" s="14" t="s">
        <v>51605</v>
      </c>
      <c r="E16882" s="2" t="s">
        <v>51606</v>
      </c>
      <c r="F16882" s="2" t="s">
        <v>36353</v>
      </c>
      <c r="G16882" s="8">
        <v>308</v>
      </c>
      <c r="H16882" s="5">
        <v>6</v>
      </c>
      <c r="I16882" s="5" t="s">
        <v>1518</v>
      </c>
      <c r="J16882" s="5" t="s">
        <v>36264</v>
      </c>
      <c r="K16882" s="2" t="s">
        <v>36265</v>
      </c>
      <c r="L16882" s="5" t="s">
        <v>36264</v>
      </c>
      <c r="M16882" s="2" t="s">
        <v>36265</v>
      </c>
      <c r="N16882" s="5" t="s">
        <v>36266</v>
      </c>
      <c r="O16882" s="5" t="s">
        <v>38</v>
      </c>
      <c r="P16882" s="5" t="s">
        <v>39</v>
      </c>
      <c r="Q16882" s="5" t="s">
        <v>40</v>
      </c>
      <c r="R16882" s="5" t="s">
        <v>1522</v>
      </c>
      <c r="S16882" s="5" t="s">
        <v>1523</v>
      </c>
      <c r="T16882" s="5" t="s">
        <v>42</v>
      </c>
      <c r="U16882" s="2">
        <v>2.8839999999999999</v>
      </c>
      <c r="V16882" s="2">
        <v>2.347</v>
      </c>
      <c r="W16882" s="2">
        <v>1.4999999999999999E-2</v>
      </c>
      <c r="X16882" s="2">
        <v>118.9</v>
      </c>
      <c r="Y16882" s="2">
        <v>7.6</v>
      </c>
      <c r="Z16882" s="2">
        <v>16.7</v>
      </c>
      <c r="AA16882" s="5"/>
      <c r="AB16882" s="5" t="s">
        <v>43</v>
      </c>
      <c r="AC16882" s="5" t="s">
        <v>44</v>
      </c>
      <c r="AD16882" s="2"/>
      <c r="AE16882" s="1"/>
    </row>
    <row r="16883" spans="1:31" ht="14.45">
      <c r="A16883" s="11"/>
      <c r="B16883" s="20"/>
      <c r="C16883" s="2" t="s">
        <v>51607</v>
      </c>
      <c r="D16883" s="14" t="s">
        <v>51608</v>
      </c>
      <c r="E16883" s="2" t="s">
        <v>51609</v>
      </c>
      <c r="F16883" s="2" t="s">
        <v>36357</v>
      </c>
      <c r="G16883" s="8">
        <v>308</v>
      </c>
      <c r="H16883" s="5">
        <v>6</v>
      </c>
      <c r="I16883" s="5" t="s">
        <v>1518</v>
      </c>
      <c r="J16883" s="5" t="s">
        <v>36264</v>
      </c>
      <c r="K16883" s="2" t="s">
        <v>36265</v>
      </c>
      <c r="L16883" s="5" t="s">
        <v>36264</v>
      </c>
      <c r="M16883" s="2" t="s">
        <v>36265</v>
      </c>
      <c r="N16883" s="5" t="s">
        <v>36266</v>
      </c>
      <c r="O16883" s="5" t="s">
        <v>38</v>
      </c>
      <c r="P16883" s="5" t="s">
        <v>39</v>
      </c>
      <c r="Q16883" s="5" t="s">
        <v>40</v>
      </c>
      <c r="R16883" s="5" t="s">
        <v>1522</v>
      </c>
      <c r="S16883" s="5" t="s">
        <v>1523</v>
      </c>
      <c r="T16883" s="5" t="s">
        <v>42</v>
      </c>
      <c r="U16883" s="2">
        <v>2.976</v>
      </c>
      <c r="V16883" s="2">
        <v>2.4390000000000001</v>
      </c>
      <c r="W16883" s="2">
        <v>1.4999999999999999E-2</v>
      </c>
      <c r="X16883" s="2">
        <v>118.9</v>
      </c>
      <c r="Y16883" s="2">
        <v>7.6</v>
      </c>
      <c r="Z16883" s="2">
        <v>16.7</v>
      </c>
      <c r="AA16883" s="5"/>
      <c r="AB16883" s="5" t="s">
        <v>43</v>
      </c>
      <c r="AC16883" s="5" t="s">
        <v>44</v>
      </c>
      <c r="AD16883" s="2"/>
      <c r="AE16883" s="1"/>
    </row>
    <row r="16884" spans="1:31" ht="14.45">
      <c r="A16884" s="11"/>
      <c r="B16884" s="20"/>
      <c r="C16884" s="2" t="s">
        <v>51610</v>
      </c>
      <c r="D16884" s="14" t="s">
        <v>51611</v>
      </c>
      <c r="E16884" s="2" t="s">
        <v>51612</v>
      </c>
      <c r="F16884" s="2" t="s">
        <v>45598</v>
      </c>
      <c r="G16884" s="8">
        <v>308</v>
      </c>
      <c r="H16884" s="5">
        <v>6</v>
      </c>
      <c r="I16884" s="5" t="s">
        <v>1518</v>
      </c>
      <c r="J16884" s="5" t="s">
        <v>36264</v>
      </c>
      <c r="K16884" s="2" t="s">
        <v>36265</v>
      </c>
      <c r="L16884" s="5" t="s">
        <v>36264</v>
      </c>
      <c r="M16884" s="2" t="s">
        <v>36265</v>
      </c>
      <c r="N16884" s="5" t="s">
        <v>36266</v>
      </c>
      <c r="O16884" s="5" t="s">
        <v>38</v>
      </c>
      <c r="P16884" s="5" t="s">
        <v>39</v>
      </c>
      <c r="Q16884" s="5" t="s">
        <v>40</v>
      </c>
      <c r="R16884" s="5" t="s">
        <v>1522</v>
      </c>
      <c r="S16884" s="5" t="s">
        <v>1523</v>
      </c>
      <c r="T16884" s="5" t="s">
        <v>42</v>
      </c>
      <c r="U16884" s="2">
        <v>2.8839999999999999</v>
      </c>
      <c r="V16884" s="2">
        <v>2.347</v>
      </c>
      <c r="W16884" s="2">
        <v>1.4999999999999999E-2</v>
      </c>
      <c r="X16884" s="2">
        <v>118.9</v>
      </c>
      <c r="Y16884" s="2">
        <v>7.6</v>
      </c>
      <c r="Z16884" s="2">
        <v>16.7</v>
      </c>
      <c r="AA16884" s="5"/>
      <c r="AB16884" s="5" t="s">
        <v>43</v>
      </c>
      <c r="AC16884" s="5" t="s">
        <v>44</v>
      </c>
      <c r="AD16884" s="2"/>
      <c r="AE16884" s="1"/>
    </row>
    <row r="16885" spans="1:31" ht="14.45">
      <c r="A16885" s="11"/>
      <c r="B16885" s="20"/>
      <c r="C16885" s="2" t="s">
        <v>51613</v>
      </c>
      <c r="D16885" s="14" t="s">
        <v>51614</v>
      </c>
      <c r="E16885" s="2" t="s">
        <v>51615</v>
      </c>
      <c r="F16885" s="2" t="s">
        <v>45534</v>
      </c>
      <c r="G16885" s="8">
        <v>308</v>
      </c>
      <c r="H16885" s="5">
        <v>6</v>
      </c>
      <c r="I16885" s="5" t="s">
        <v>1518</v>
      </c>
      <c r="J16885" s="5" t="s">
        <v>36264</v>
      </c>
      <c r="K16885" s="2" t="s">
        <v>36265</v>
      </c>
      <c r="L16885" s="5" t="s">
        <v>36264</v>
      </c>
      <c r="M16885" s="2" t="s">
        <v>36265</v>
      </c>
      <c r="N16885" s="5" t="s">
        <v>36266</v>
      </c>
      <c r="O16885" s="5" t="s">
        <v>38</v>
      </c>
      <c r="P16885" s="5" t="s">
        <v>39</v>
      </c>
      <c r="Q16885" s="5" t="s">
        <v>40</v>
      </c>
      <c r="R16885" s="5" t="s">
        <v>1522</v>
      </c>
      <c r="S16885" s="5" t="s">
        <v>1523</v>
      </c>
      <c r="T16885" s="5" t="s">
        <v>42</v>
      </c>
      <c r="U16885" s="2">
        <v>2.976</v>
      </c>
      <c r="V16885" s="2">
        <v>2.4390000000000001</v>
      </c>
      <c r="W16885" s="2">
        <v>1.4999999999999999E-2</v>
      </c>
      <c r="X16885" s="2">
        <v>118.9</v>
      </c>
      <c r="Y16885" s="2">
        <v>7.6</v>
      </c>
      <c r="Z16885" s="2">
        <v>16.7</v>
      </c>
      <c r="AA16885" s="5"/>
      <c r="AB16885" s="5" t="s">
        <v>43</v>
      </c>
      <c r="AC16885" s="5" t="s">
        <v>44</v>
      </c>
      <c r="AD16885" s="2"/>
      <c r="AE16885" s="1"/>
    </row>
    <row r="16886" spans="1:31" ht="14.45">
      <c r="A16886" s="11"/>
      <c r="B16886" s="20"/>
      <c r="C16886" s="2" t="s">
        <v>51616</v>
      </c>
      <c r="D16886" s="14" t="s">
        <v>51617</v>
      </c>
      <c r="E16886" s="2" t="s">
        <v>51618</v>
      </c>
      <c r="F16886" s="2" t="s">
        <v>36369</v>
      </c>
      <c r="G16886" s="8">
        <v>308</v>
      </c>
      <c r="H16886" s="5">
        <v>6</v>
      </c>
      <c r="I16886" s="5" t="s">
        <v>1518</v>
      </c>
      <c r="J16886" s="5" t="s">
        <v>36264</v>
      </c>
      <c r="K16886" s="2" t="s">
        <v>36265</v>
      </c>
      <c r="L16886" s="5" t="s">
        <v>36264</v>
      </c>
      <c r="M16886" s="2" t="s">
        <v>36265</v>
      </c>
      <c r="N16886" s="5" t="s">
        <v>36266</v>
      </c>
      <c r="O16886" s="5" t="s">
        <v>38</v>
      </c>
      <c r="P16886" s="5" t="s">
        <v>39</v>
      </c>
      <c r="Q16886" s="5" t="s">
        <v>40</v>
      </c>
      <c r="R16886" s="5" t="s">
        <v>1522</v>
      </c>
      <c r="S16886" s="5" t="s">
        <v>1523</v>
      </c>
      <c r="T16886" s="5" t="s">
        <v>42</v>
      </c>
      <c r="U16886" s="2">
        <v>2.8839999999999999</v>
      </c>
      <c r="V16886" s="2">
        <v>2.347</v>
      </c>
      <c r="W16886" s="2">
        <v>1.4999999999999999E-2</v>
      </c>
      <c r="X16886" s="2">
        <v>118.9</v>
      </c>
      <c r="Y16886" s="2">
        <v>7.6</v>
      </c>
      <c r="Z16886" s="2">
        <v>16.7</v>
      </c>
      <c r="AA16886" s="5"/>
      <c r="AB16886" s="5" t="s">
        <v>43</v>
      </c>
      <c r="AC16886" s="5" t="s">
        <v>44</v>
      </c>
      <c r="AD16886" s="2"/>
      <c r="AE16886" s="1"/>
    </row>
    <row r="16887" spans="1:31" ht="14.45">
      <c r="A16887" s="11"/>
      <c r="B16887" s="20"/>
      <c r="C16887" s="2" t="s">
        <v>51619</v>
      </c>
      <c r="D16887" s="14" t="s">
        <v>51620</v>
      </c>
      <c r="E16887" s="2" t="s">
        <v>51621</v>
      </c>
      <c r="F16887" s="2" t="s">
        <v>36373</v>
      </c>
      <c r="G16887" s="8">
        <v>308</v>
      </c>
      <c r="H16887" s="5">
        <v>6</v>
      </c>
      <c r="I16887" s="5" t="s">
        <v>1518</v>
      </c>
      <c r="J16887" s="5" t="s">
        <v>36264</v>
      </c>
      <c r="K16887" s="2" t="s">
        <v>36265</v>
      </c>
      <c r="L16887" s="5" t="s">
        <v>36264</v>
      </c>
      <c r="M16887" s="2" t="s">
        <v>36265</v>
      </c>
      <c r="N16887" s="5" t="s">
        <v>36266</v>
      </c>
      <c r="O16887" s="5" t="s">
        <v>38</v>
      </c>
      <c r="P16887" s="5" t="s">
        <v>39</v>
      </c>
      <c r="Q16887" s="5" t="s">
        <v>40</v>
      </c>
      <c r="R16887" s="5" t="s">
        <v>1522</v>
      </c>
      <c r="S16887" s="5" t="s">
        <v>1523</v>
      </c>
      <c r="T16887" s="5" t="s">
        <v>42</v>
      </c>
      <c r="U16887" s="2">
        <v>2.976</v>
      </c>
      <c r="V16887" s="2">
        <v>2.4390000000000001</v>
      </c>
      <c r="W16887" s="2">
        <v>1.4999999999999999E-2</v>
      </c>
      <c r="X16887" s="2">
        <v>118.9</v>
      </c>
      <c r="Y16887" s="2">
        <v>7.6</v>
      </c>
      <c r="Z16887" s="2">
        <v>16.7</v>
      </c>
      <c r="AA16887" s="5"/>
      <c r="AB16887" s="5" t="s">
        <v>43</v>
      </c>
      <c r="AC16887" s="5" t="s">
        <v>44</v>
      </c>
      <c r="AD16887" s="2"/>
      <c r="AE16887" s="1"/>
    </row>
    <row r="16888" spans="1:31" ht="14.45">
      <c r="A16888" s="11"/>
      <c r="B16888" s="20"/>
      <c r="C16888" s="2" t="s">
        <v>51622</v>
      </c>
      <c r="D16888" s="14" t="s">
        <v>51623</v>
      </c>
      <c r="E16888" s="2" t="s">
        <v>51624</v>
      </c>
      <c r="F16888" s="2" t="s">
        <v>36377</v>
      </c>
      <c r="G16888" s="8">
        <v>308</v>
      </c>
      <c r="H16888" s="5">
        <v>6</v>
      </c>
      <c r="I16888" s="5" t="s">
        <v>1518</v>
      </c>
      <c r="J16888" s="5" t="s">
        <v>36264</v>
      </c>
      <c r="K16888" s="2" t="s">
        <v>36265</v>
      </c>
      <c r="L16888" s="5" t="s">
        <v>36264</v>
      </c>
      <c r="M16888" s="2" t="s">
        <v>36265</v>
      </c>
      <c r="N16888" s="5" t="s">
        <v>36266</v>
      </c>
      <c r="O16888" s="5" t="s">
        <v>38</v>
      </c>
      <c r="P16888" s="5" t="s">
        <v>39</v>
      </c>
      <c r="Q16888" s="5" t="s">
        <v>40</v>
      </c>
      <c r="R16888" s="5" t="s">
        <v>1522</v>
      </c>
      <c r="S16888" s="5" t="s">
        <v>1523</v>
      </c>
      <c r="T16888" s="5" t="s">
        <v>42</v>
      </c>
      <c r="U16888" s="2">
        <v>2.8839999999999999</v>
      </c>
      <c r="V16888" s="2">
        <v>2.347</v>
      </c>
      <c r="W16888" s="2">
        <v>1.4999999999999999E-2</v>
      </c>
      <c r="X16888" s="2">
        <v>118.9</v>
      </c>
      <c r="Y16888" s="2">
        <v>7.6</v>
      </c>
      <c r="Z16888" s="2">
        <v>16.7</v>
      </c>
      <c r="AA16888" s="5"/>
      <c r="AB16888" s="5" t="s">
        <v>43</v>
      </c>
      <c r="AC16888" s="5" t="s">
        <v>44</v>
      </c>
      <c r="AD16888" s="2"/>
      <c r="AE16888" s="1"/>
    </row>
    <row r="16889" spans="1:31" ht="14.45">
      <c r="A16889" s="11"/>
      <c r="B16889" s="20"/>
      <c r="C16889" s="2" t="s">
        <v>51625</v>
      </c>
      <c r="D16889" s="14" t="s">
        <v>51626</v>
      </c>
      <c r="E16889" s="2" t="s">
        <v>51627</v>
      </c>
      <c r="F16889" s="2" t="s">
        <v>36381</v>
      </c>
      <c r="G16889" s="8">
        <v>308</v>
      </c>
      <c r="H16889" s="5">
        <v>6</v>
      </c>
      <c r="I16889" s="5" t="s">
        <v>1518</v>
      </c>
      <c r="J16889" s="5" t="s">
        <v>36264</v>
      </c>
      <c r="K16889" s="2" t="s">
        <v>36265</v>
      </c>
      <c r="L16889" s="5" t="s">
        <v>36264</v>
      </c>
      <c r="M16889" s="2" t="s">
        <v>36265</v>
      </c>
      <c r="N16889" s="5" t="s">
        <v>36266</v>
      </c>
      <c r="O16889" s="5" t="s">
        <v>38</v>
      </c>
      <c r="P16889" s="5" t="s">
        <v>39</v>
      </c>
      <c r="Q16889" s="5" t="s">
        <v>40</v>
      </c>
      <c r="R16889" s="5" t="s">
        <v>1522</v>
      </c>
      <c r="S16889" s="5" t="s">
        <v>1523</v>
      </c>
      <c r="T16889" s="5" t="s">
        <v>42</v>
      </c>
      <c r="U16889" s="2">
        <v>2.976</v>
      </c>
      <c r="V16889" s="2">
        <v>2.4390000000000001</v>
      </c>
      <c r="W16889" s="2">
        <v>1.4999999999999999E-2</v>
      </c>
      <c r="X16889" s="2">
        <v>118.9</v>
      </c>
      <c r="Y16889" s="2">
        <v>7.6</v>
      </c>
      <c r="Z16889" s="2">
        <v>16.7</v>
      </c>
      <c r="AA16889" s="5"/>
      <c r="AB16889" s="5" t="s">
        <v>43</v>
      </c>
      <c r="AC16889" s="5" t="s">
        <v>44</v>
      </c>
      <c r="AD16889" s="2"/>
      <c r="AE16889" s="1"/>
    </row>
    <row r="16890" spans="1:31" ht="14.45">
      <c r="A16890" s="11"/>
      <c r="B16890" s="20"/>
      <c r="C16890" s="2" t="s">
        <v>51628</v>
      </c>
      <c r="D16890" s="14" t="s">
        <v>51629</v>
      </c>
      <c r="E16890" s="2" t="s">
        <v>51630</v>
      </c>
      <c r="F16890" s="2" t="s">
        <v>36385</v>
      </c>
      <c r="G16890" s="8">
        <v>308</v>
      </c>
      <c r="H16890" s="5">
        <v>6</v>
      </c>
      <c r="I16890" s="5" t="s">
        <v>1518</v>
      </c>
      <c r="J16890" s="5" t="s">
        <v>36264</v>
      </c>
      <c r="K16890" s="2" t="s">
        <v>36265</v>
      </c>
      <c r="L16890" s="5" t="s">
        <v>36264</v>
      </c>
      <c r="M16890" s="2" t="s">
        <v>36265</v>
      </c>
      <c r="N16890" s="5" t="s">
        <v>36266</v>
      </c>
      <c r="O16890" s="5" t="s">
        <v>38</v>
      </c>
      <c r="P16890" s="5" t="s">
        <v>39</v>
      </c>
      <c r="Q16890" s="5" t="s">
        <v>40</v>
      </c>
      <c r="R16890" s="5" t="s">
        <v>1522</v>
      </c>
      <c r="S16890" s="5" t="s">
        <v>1523</v>
      </c>
      <c r="T16890" s="5" t="s">
        <v>42</v>
      </c>
      <c r="U16890" s="2">
        <v>2.8839999999999999</v>
      </c>
      <c r="V16890" s="2">
        <v>2.347</v>
      </c>
      <c r="W16890" s="2">
        <v>1.4999999999999999E-2</v>
      </c>
      <c r="X16890" s="2">
        <v>118.9</v>
      </c>
      <c r="Y16890" s="2">
        <v>7.6</v>
      </c>
      <c r="Z16890" s="2">
        <v>16.7</v>
      </c>
      <c r="AA16890" s="5"/>
      <c r="AB16890" s="5" t="s">
        <v>43</v>
      </c>
      <c r="AC16890" s="5" t="s">
        <v>44</v>
      </c>
      <c r="AD16890" s="2"/>
      <c r="AE16890" s="1"/>
    </row>
    <row r="16891" spans="1:31" ht="14.45">
      <c r="A16891" s="11"/>
      <c r="B16891" s="20"/>
      <c r="C16891" s="2" t="s">
        <v>51631</v>
      </c>
      <c r="D16891" s="14" t="s">
        <v>51632</v>
      </c>
      <c r="E16891" s="2" t="s">
        <v>51633</v>
      </c>
      <c r="F16891" s="2" t="s">
        <v>36389</v>
      </c>
      <c r="G16891" s="8">
        <v>308</v>
      </c>
      <c r="H16891" s="5">
        <v>6</v>
      </c>
      <c r="I16891" s="5" t="s">
        <v>1518</v>
      </c>
      <c r="J16891" s="5" t="s">
        <v>36264</v>
      </c>
      <c r="K16891" s="2" t="s">
        <v>36265</v>
      </c>
      <c r="L16891" s="5" t="s">
        <v>36264</v>
      </c>
      <c r="M16891" s="2" t="s">
        <v>36265</v>
      </c>
      <c r="N16891" s="5" t="s">
        <v>36266</v>
      </c>
      <c r="O16891" s="5" t="s">
        <v>38</v>
      </c>
      <c r="P16891" s="5" t="s">
        <v>39</v>
      </c>
      <c r="Q16891" s="5" t="s">
        <v>40</v>
      </c>
      <c r="R16891" s="5" t="s">
        <v>1522</v>
      </c>
      <c r="S16891" s="5" t="s">
        <v>1523</v>
      </c>
      <c r="T16891" s="5" t="s">
        <v>42</v>
      </c>
      <c r="U16891" s="2">
        <v>2.976</v>
      </c>
      <c r="V16891" s="2">
        <v>2.4390000000000001</v>
      </c>
      <c r="W16891" s="2">
        <v>1.4999999999999999E-2</v>
      </c>
      <c r="X16891" s="2">
        <v>118.9</v>
      </c>
      <c r="Y16891" s="2">
        <v>7.6</v>
      </c>
      <c r="Z16891" s="2">
        <v>16.7</v>
      </c>
      <c r="AA16891" s="5"/>
      <c r="AB16891" s="5" t="s">
        <v>43</v>
      </c>
      <c r="AC16891" s="5" t="s">
        <v>44</v>
      </c>
      <c r="AD16891" s="2"/>
      <c r="AE16891" s="1"/>
    </row>
    <row r="16892" spans="1:31" ht="14.45">
      <c r="A16892" s="11"/>
      <c r="B16892" s="20"/>
      <c r="C16892" s="2" t="s">
        <v>51634</v>
      </c>
      <c r="D16892" s="14" t="s">
        <v>51635</v>
      </c>
      <c r="E16892" s="2" t="s">
        <v>51636</v>
      </c>
      <c r="F16892" s="2" t="s">
        <v>7204</v>
      </c>
      <c r="G16892" s="8">
        <v>294</v>
      </c>
      <c r="H16892" s="5">
        <v>6</v>
      </c>
      <c r="I16892" s="5" t="s">
        <v>1518</v>
      </c>
      <c r="J16892" s="5" t="s">
        <v>36264</v>
      </c>
      <c r="K16892" s="2" t="s">
        <v>36265</v>
      </c>
      <c r="L16892" s="5" t="s">
        <v>36264</v>
      </c>
      <c r="M16892" s="2" t="s">
        <v>36265</v>
      </c>
      <c r="N16892" s="5" t="s">
        <v>36266</v>
      </c>
      <c r="O16892" s="5" t="s">
        <v>38</v>
      </c>
      <c r="P16892" s="5" t="s">
        <v>39</v>
      </c>
      <c r="Q16892" s="5" t="s">
        <v>40</v>
      </c>
      <c r="R16892" s="5" t="s">
        <v>1522</v>
      </c>
      <c r="S16892" s="5" t="s">
        <v>1523</v>
      </c>
      <c r="T16892" s="5" t="s">
        <v>42</v>
      </c>
      <c r="U16892" s="2">
        <v>3.129</v>
      </c>
      <c r="V16892" s="2">
        <v>2.516</v>
      </c>
      <c r="W16892" s="2">
        <v>1.7999999999999999E-2</v>
      </c>
      <c r="X16892" s="2">
        <v>139.1</v>
      </c>
      <c r="Y16892" s="2">
        <v>7.6</v>
      </c>
      <c r="Z16892" s="2">
        <v>16.7</v>
      </c>
      <c r="AA16892" s="5"/>
      <c r="AB16892" s="5" t="s">
        <v>43</v>
      </c>
      <c r="AC16892" s="5" t="s">
        <v>44</v>
      </c>
      <c r="AD16892" s="2"/>
      <c r="AE16892" s="1"/>
    </row>
    <row r="16893" spans="1:31" ht="14.45">
      <c r="A16893" s="11"/>
      <c r="B16893" s="20"/>
      <c r="C16893" s="2" t="s">
        <v>51637</v>
      </c>
      <c r="D16893" s="14" t="s">
        <v>51638</v>
      </c>
      <c r="E16893" s="2" t="s">
        <v>51639</v>
      </c>
      <c r="F16893" s="2" t="s">
        <v>7514</v>
      </c>
      <c r="G16893" s="8">
        <v>294</v>
      </c>
      <c r="H16893" s="5">
        <v>6</v>
      </c>
      <c r="I16893" s="5" t="s">
        <v>1518</v>
      </c>
      <c r="J16893" s="5" t="s">
        <v>36264</v>
      </c>
      <c r="K16893" s="2" t="s">
        <v>36265</v>
      </c>
      <c r="L16893" s="5" t="s">
        <v>36264</v>
      </c>
      <c r="M16893" s="2" t="s">
        <v>36265</v>
      </c>
      <c r="N16893" s="5" t="s">
        <v>36266</v>
      </c>
      <c r="O16893" s="5" t="s">
        <v>38</v>
      </c>
      <c r="P16893" s="5" t="s">
        <v>39</v>
      </c>
      <c r="Q16893" s="5" t="s">
        <v>40</v>
      </c>
      <c r="R16893" s="5" t="s">
        <v>1522</v>
      </c>
      <c r="S16893" s="5" t="s">
        <v>1523</v>
      </c>
      <c r="T16893" s="5" t="s">
        <v>42</v>
      </c>
      <c r="U16893" s="2">
        <v>3.2309999999999999</v>
      </c>
      <c r="V16893" s="2">
        <v>2.6179999999999999</v>
      </c>
      <c r="W16893" s="2">
        <v>1.7999999999999999E-2</v>
      </c>
      <c r="X16893" s="2">
        <v>139.1</v>
      </c>
      <c r="Y16893" s="2">
        <v>7.6</v>
      </c>
      <c r="Z16893" s="2">
        <v>16.7</v>
      </c>
      <c r="AA16893" s="5"/>
      <c r="AB16893" s="5" t="s">
        <v>43</v>
      </c>
      <c r="AC16893" s="5" t="s">
        <v>44</v>
      </c>
      <c r="AD16893" s="2"/>
      <c r="AE16893" s="1"/>
    </row>
    <row r="16894" spans="1:31" ht="14.45">
      <c r="A16894" s="11"/>
      <c r="B16894" s="20"/>
      <c r="C16894" s="2" t="s">
        <v>51640</v>
      </c>
      <c r="D16894" s="14" t="s">
        <v>51641</v>
      </c>
      <c r="E16894" s="2" t="s">
        <v>51642</v>
      </c>
      <c r="F16894" s="2" t="s">
        <v>36273</v>
      </c>
      <c r="G16894" s="8">
        <v>294</v>
      </c>
      <c r="H16894" s="5">
        <v>6</v>
      </c>
      <c r="I16894" s="5" t="s">
        <v>1518</v>
      </c>
      <c r="J16894" s="5" t="s">
        <v>36264</v>
      </c>
      <c r="K16894" s="2" t="s">
        <v>36265</v>
      </c>
      <c r="L16894" s="5" t="s">
        <v>36264</v>
      </c>
      <c r="M16894" s="2" t="s">
        <v>36265</v>
      </c>
      <c r="N16894" s="5" t="s">
        <v>36266</v>
      </c>
      <c r="O16894" s="5" t="s">
        <v>38</v>
      </c>
      <c r="P16894" s="5" t="s">
        <v>39</v>
      </c>
      <c r="Q16894" s="5" t="s">
        <v>40</v>
      </c>
      <c r="R16894" s="5" t="s">
        <v>1522</v>
      </c>
      <c r="S16894" s="5" t="s">
        <v>1523</v>
      </c>
      <c r="T16894" s="5" t="s">
        <v>42</v>
      </c>
      <c r="U16894" s="2">
        <v>3.129</v>
      </c>
      <c r="V16894" s="2">
        <v>2.516</v>
      </c>
      <c r="W16894" s="2">
        <v>1.7999999999999999E-2</v>
      </c>
      <c r="X16894" s="2">
        <v>139.1</v>
      </c>
      <c r="Y16894" s="2">
        <v>7.6</v>
      </c>
      <c r="Z16894" s="2">
        <v>16.7</v>
      </c>
      <c r="AA16894" s="5"/>
      <c r="AB16894" s="5" t="s">
        <v>43</v>
      </c>
      <c r="AC16894" s="5" t="s">
        <v>44</v>
      </c>
      <c r="AD16894" s="2"/>
      <c r="AE16894" s="1"/>
    </row>
    <row r="16895" spans="1:31" ht="14.45">
      <c r="A16895" s="11"/>
      <c r="B16895" s="20"/>
      <c r="C16895" s="2" t="s">
        <v>51643</v>
      </c>
      <c r="D16895" s="14" t="s">
        <v>51644</v>
      </c>
      <c r="E16895" s="2" t="s">
        <v>51645</v>
      </c>
      <c r="F16895" s="2" t="s">
        <v>36301</v>
      </c>
      <c r="G16895" s="8">
        <v>294</v>
      </c>
      <c r="H16895" s="5">
        <v>6</v>
      </c>
      <c r="I16895" s="5" t="s">
        <v>1518</v>
      </c>
      <c r="J16895" s="5" t="s">
        <v>36264</v>
      </c>
      <c r="K16895" s="2" t="s">
        <v>36265</v>
      </c>
      <c r="L16895" s="5" t="s">
        <v>36264</v>
      </c>
      <c r="M16895" s="2" t="s">
        <v>36265</v>
      </c>
      <c r="N16895" s="5" t="s">
        <v>36266</v>
      </c>
      <c r="O16895" s="5" t="s">
        <v>38</v>
      </c>
      <c r="P16895" s="5" t="s">
        <v>39</v>
      </c>
      <c r="Q16895" s="5" t="s">
        <v>40</v>
      </c>
      <c r="R16895" s="5" t="s">
        <v>1522</v>
      </c>
      <c r="S16895" s="5" t="s">
        <v>1523</v>
      </c>
      <c r="T16895" s="5" t="s">
        <v>42</v>
      </c>
      <c r="U16895" s="2">
        <v>3.2309999999999999</v>
      </c>
      <c r="V16895" s="2">
        <v>2.6179999999999999</v>
      </c>
      <c r="W16895" s="2">
        <v>1.7999999999999999E-2</v>
      </c>
      <c r="X16895" s="2">
        <v>139.1</v>
      </c>
      <c r="Y16895" s="2">
        <v>7.6</v>
      </c>
      <c r="Z16895" s="2">
        <v>16.7</v>
      </c>
      <c r="AA16895" s="5"/>
      <c r="AB16895" s="5" t="s">
        <v>43</v>
      </c>
      <c r="AC16895" s="5" t="s">
        <v>44</v>
      </c>
      <c r="AD16895" s="2"/>
      <c r="AE16895" s="1"/>
    </row>
    <row r="16896" spans="1:31" ht="14.45">
      <c r="A16896" s="11"/>
      <c r="B16896" s="20"/>
      <c r="C16896" s="2" t="s">
        <v>51646</v>
      </c>
      <c r="D16896" s="14" t="s">
        <v>51647</v>
      </c>
      <c r="E16896" s="2" t="s">
        <v>51648</v>
      </c>
      <c r="F16896" s="2" t="s">
        <v>36305</v>
      </c>
      <c r="G16896" s="8">
        <v>294</v>
      </c>
      <c r="H16896" s="5">
        <v>6</v>
      </c>
      <c r="I16896" s="5" t="s">
        <v>1518</v>
      </c>
      <c r="J16896" s="5" t="s">
        <v>36264</v>
      </c>
      <c r="K16896" s="2" t="s">
        <v>36265</v>
      </c>
      <c r="L16896" s="5" t="s">
        <v>36264</v>
      </c>
      <c r="M16896" s="2" t="s">
        <v>36265</v>
      </c>
      <c r="N16896" s="5" t="s">
        <v>36266</v>
      </c>
      <c r="O16896" s="5" t="s">
        <v>38</v>
      </c>
      <c r="P16896" s="5" t="s">
        <v>39</v>
      </c>
      <c r="Q16896" s="5" t="s">
        <v>40</v>
      </c>
      <c r="R16896" s="5" t="s">
        <v>1522</v>
      </c>
      <c r="S16896" s="5" t="s">
        <v>1523</v>
      </c>
      <c r="T16896" s="5" t="s">
        <v>42</v>
      </c>
      <c r="U16896" s="2">
        <v>3.129</v>
      </c>
      <c r="V16896" s="2">
        <v>2.516</v>
      </c>
      <c r="W16896" s="2">
        <v>1.7999999999999999E-2</v>
      </c>
      <c r="X16896" s="2">
        <v>139.1</v>
      </c>
      <c r="Y16896" s="2">
        <v>7.6</v>
      </c>
      <c r="Z16896" s="2">
        <v>16.7</v>
      </c>
      <c r="AA16896" s="5"/>
      <c r="AB16896" s="5" t="s">
        <v>43</v>
      </c>
      <c r="AC16896" s="5" t="s">
        <v>44</v>
      </c>
      <c r="AD16896" s="2"/>
      <c r="AE16896" s="1"/>
    </row>
    <row r="16897" spans="1:31" ht="14.45">
      <c r="A16897" s="11"/>
      <c r="B16897" s="20"/>
      <c r="C16897" s="2" t="s">
        <v>51649</v>
      </c>
      <c r="D16897" s="14" t="s">
        <v>51650</v>
      </c>
      <c r="E16897" s="2" t="s">
        <v>51651</v>
      </c>
      <c r="F16897" s="2" t="s">
        <v>36309</v>
      </c>
      <c r="G16897" s="8">
        <v>294</v>
      </c>
      <c r="H16897" s="5">
        <v>6</v>
      </c>
      <c r="I16897" s="5" t="s">
        <v>1518</v>
      </c>
      <c r="J16897" s="5" t="s">
        <v>36264</v>
      </c>
      <c r="K16897" s="2" t="s">
        <v>36265</v>
      </c>
      <c r="L16897" s="5" t="s">
        <v>36264</v>
      </c>
      <c r="M16897" s="2" t="s">
        <v>36265</v>
      </c>
      <c r="N16897" s="5" t="s">
        <v>36266</v>
      </c>
      <c r="O16897" s="5" t="s">
        <v>38</v>
      </c>
      <c r="P16897" s="5" t="s">
        <v>39</v>
      </c>
      <c r="Q16897" s="5" t="s">
        <v>40</v>
      </c>
      <c r="R16897" s="5" t="s">
        <v>1522</v>
      </c>
      <c r="S16897" s="5" t="s">
        <v>1523</v>
      </c>
      <c r="T16897" s="5" t="s">
        <v>42</v>
      </c>
      <c r="U16897" s="2">
        <v>3.2309999999999999</v>
      </c>
      <c r="V16897" s="2">
        <v>2.6179999999999999</v>
      </c>
      <c r="W16897" s="2">
        <v>1.7999999999999999E-2</v>
      </c>
      <c r="X16897" s="2">
        <v>139.1</v>
      </c>
      <c r="Y16897" s="2">
        <v>7.6</v>
      </c>
      <c r="Z16897" s="2">
        <v>16.7</v>
      </c>
      <c r="AA16897" s="5"/>
      <c r="AB16897" s="5" t="s">
        <v>43</v>
      </c>
      <c r="AC16897" s="5" t="s">
        <v>44</v>
      </c>
      <c r="AD16897" s="2"/>
      <c r="AE16897" s="1"/>
    </row>
    <row r="16898" spans="1:31" ht="14.45">
      <c r="A16898" s="11"/>
      <c r="B16898" s="20"/>
      <c r="C16898" s="2" t="s">
        <v>51652</v>
      </c>
      <c r="D16898" s="14" t="s">
        <v>51653</v>
      </c>
      <c r="E16898" s="2" t="s">
        <v>51654</v>
      </c>
      <c r="F16898" s="2" t="s">
        <v>36329</v>
      </c>
      <c r="G16898" s="8">
        <v>318</v>
      </c>
      <c r="H16898" s="5">
        <v>6</v>
      </c>
      <c r="I16898" s="5" t="s">
        <v>1518</v>
      </c>
      <c r="J16898" s="5" t="s">
        <v>36264</v>
      </c>
      <c r="K16898" s="2" t="s">
        <v>36265</v>
      </c>
      <c r="L16898" s="5" t="s">
        <v>36264</v>
      </c>
      <c r="M16898" s="2" t="s">
        <v>36265</v>
      </c>
      <c r="N16898" s="5" t="s">
        <v>36266</v>
      </c>
      <c r="O16898" s="5" t="s">
        <v>38</v>
      </c>
      <c r="P16898" s="5" t="s">
        <v>39</v>
      </c>
      <c r="Q16898" s="5" t="s">
        <v>40</v>
      </c>
      <c r="R16898" s="5" t="s">
        <v>1522</v>
      </c>
      <c r="S16898" s="5" t="s">
        <v>1523</v>
      </c>
      <c r="T16898" s="5" t="s">
        <v>42</v>
      </c>
      <c r="U16898" s="2">
        <v>3.129</v>
      </c>
      <c r="V16898" s="2">
        <v>2.516</v>
      </c>
      <c r="W16898" s="2">
        <v>1.7999999999999999E-2</v>
      </c>
      <c r="X16898" s="2">
        <v>139.1</v>
      </c>
      <c r="Y16898" s="2">
        <v>7.6</v>
      </c>
      <c r="Z16898" s="2">
        <v>16.7</v>
      </c>
      <c r="AA16898" s="5"/>
      <c r="AB16898" s="5" t="s">
        <v>43</v>
      </c>
      <c r="AC16898" s="5" t="s">
        <v>44</v>
      </c>
      <c r="AD16898" s="2"/>
      <c r="AE16898" s="1"/>
    </row>
    <row r="16899" spans="1:31" ht="14.45">
      <c r="A16899" s="11"/>
      <c r="B16899" s="20"/>
      <c r="C16899" s="2" t="s">
        <v>51655</v>
      </c>
      <c r="D16899" s="14" t="s">
        <v>51656</v>
      </c>
      <c r="E16899" s="2" t="s">
        <v>51657</v>
      </c>
      <c r="F16899" s="2" t="s">
        <v>36349</v>
      </c>
      <c r="G16899" s="8">
        <v>318</v>
      </c>
      <c r="H16899" s="5">
        <v>6</v>
      </c>
      <c r="I16899" s="5" t="s">
        <v>1518</v>
      </c>
      <c r="J16899" s="5" t="s">
        <v>36264</v>
      </c>
      <c r="K16899" s="2" t="s">
        <v>36265</v>
      </c>
      <c r="L16899" s="5" t="s">
        <v>36264</v>
      </c>
      <c r="M16899" s="2" t="s">
        <v>36265</v>
      </c>
      <c r="N16899" s="5" t="s">
        <v>36266</v>
      </c>
      <c r="O16899" s="5" t="s">
        <v>38</v>
      </c>
      <c r="P16899" s="5" t="s">
        <v>39</v>
      </c>
      <c r="Q16899" s="5" t="s">
        <v>40</v>
      </c>
      <c r="R16899" s="5" t="s">
        <v>1522</v>
      </c>
      <c r="S16899" s="5" t="s">
        <v>1523</v>
      </c>
      <c r="T16899" s="5" t="s">
        <v>42</v>
      </c>
      <c r="U16899" s="2">
        <v>3.2309999999999999</v>
      </c>
      <c r="V16899" s="2">
        <v>2.6179999999999999</v>
      </c>
      <c r="W16899" s="2">
        <v>1.7999999999999999E-2</v>
      </c>
      <c r="X16899" s="2">
        <v>139.1</v>
      </c>
      <c r="Y16899" s="2">
        <v>7.6</v>
      </c>
      <c r="Z16899" s="2">
        <v>16.7</v>
      </c>
      <c r="AA16899" s="5"/>
      <c r="AB16899" s="5" t="s">
        <v>43</v>
      </c>
      <c r="AC16899" s="5" t="s">
        <v>44</v>
      </c>
      <c r="AD16899" s="2"/>
      <c r="AE16899" s="1"/>
    </row>
    <row r="16900" spans="1:31" ht="14.45">
      <c r="A16900" s="11"/>
      <c r="B16900" s="20"/>
      <c r="C16900" s="2" t="s">
        <v>51658</v>
      </c>
      <c r="D16900" s="14" t="s">
        <v>51659</v>
      </c>
      <c r="E16900" s="2" t="s">
        <v>51660</v>
      </c>
      <c r="F16900" s="2" t="s">
        <v>36353</v>
      </c>
      <c r="G16900" s="8">
        <v>318</v>
      </c>
      <c r="H16900" s="5">
        <v>6</v>
      </c>
      <c r="I16900" s="5" t="s">
        <v>1518</v>
      </c>
      <c r="J16900" s="5" t="s">
        <v>36264</v>
      </c>
      <c r="K16900" s="2" t="s">
        <v>36265</v>
      </c>
      <c r="L16900" s="5" t="s">
        <v>36264</v>
      </c>
      <c r="M16900" s="2" t="s">
        <v>36265</v>
      </c>
      <c r="N16900" s="5" t="s">
        <v>36266</v>
      </c>
      <c r="O16900" s="5" t="s">
        <v>38</v>
      </c>
      <c r="P16900" s="5" t="s">
        <v>39</v>
      </c>
      <c r="Q16900" s="5" t="s">
        <v>40</v>
      </c>
      <c r="R16900" s="5" t="s">
        <v>1522</v>
      </c>
      <c r="S16900" s="5" t="s">
        <v>1523</v>
      </c>
      <c r="T16900" s="5" t="s">
        <v>42</v>
      </c>
      <c r="U16900" s="2">
        <v>3.129</v>
      </c>
      <c r="V16900" s="2">
        <v>2.516</v>
      </c>
      <c r="W16900" s="2">
        <v>1.7999999999999999E-2</v>
      </c>
      <c r="X16900" s="2">
        <v>139.1</v>
      </c>
      <c r="Y16900" s="2">
        <v>7.6</v>
      </c>
      <c r="Z16900" s="2">
        <v>16.7</v>
      </c>
      <c r="AA16900" s="5"/>
      <c r="AB16900" s="5" t="s">
        <v>43</v>
      </c>
      <c r="AC16900" s="5" t="s">
        <v>44</v>
      </c>
      <c r="AD16900" s="2"/>
      <c r="AE16900" s="1"/>
    </row>
    <row r="16901" spans="1:31" ht="14.45">
      <c r="A16901" s="11"/>
      <c r="B16901" s="20"/>
      <c r="C16901" s="2" t="s">
        <v>51661</v>
      </c>
      <c r="D16901" s="14" t="s">
        <v>51662</v>
      </c>
      <c r="E16901" s="2" t="s">
        <v>51663</v>
      </c>
      <c r="F16901" s="2" t="s">
        <v>45598</v>
      </c>
      <c r="G16901" s="8">
        <v>318</v>
      </c>
      <c r="H16901" s="5">
        <v>6</v>
      </c>
      <c r="I16901" s="5" t="s">
        <v>1518</v>
      </c>
      <c r="J16901" s="5" t="s">
        <v>36264</v>
      </c>
      <c r="K16901" s="2" t="s">
        <v>36265</v>
      </c>
      <c r="L16901" s="5" t="s">
        <v>36264</v>
      </c>
      <c r="M16901" s="2" t="s">
        <v>36265</v>
      </c>
      <c r="N16901" s="5" t="s">
        <v>36266</v>
      </c>
      <c r="O16901" s="5" t="s">
        <v>38</v>
      </c>
      <c r="P16901" s="5" t="s">
        <v>39</v>
      </c>
      <c r="Q16901" s="5" t="s">
        <v>40</v>
      </c>
      <c r="R16901" s="5" t="s">
        <v>1522</v>
      </c>
      <c r="S16901" s="5" t="s">
        <v>1523</v>
      </c>
      <c r="T16901" s="5" t="s">
        <v>42</v>
      </c>
      <c r="U16901" s="2">
        <v>3.129</v>
      </c>
      <c r="V16901" s="2">
        <v>2.516</v>
      </c>
      <c r="W16901" s="2">
        <v>1.7999999999999999E-2</v>
      </c>
      <c r="X16901" s="2">
        <v>139.1</v>
      </c>
      <c r="Y16901" s="2">
        <v>7.6</v>
      </c>
      <c r="Z16901" s="2">
        <v>16.7</v>
      </c>
      <c r="AA16901" s="5"/>
      <c r="AB16901" s="5" t="s">
        <v>43</v>
      </c>
      <c r="AC16901" s="5" t="s">
        <v>44</v>
      </c>
      <c r="AD16901" s="2"/>
      <c r="AE16901" s="1"/>
    </row>
    <row r="16902" spans="1:31" ht="14.45">
      <c r="A16902" s="11"/>
      <c r="B16902" s="20"/>
      <c r="C16902" s="2" t="s">
        <v>51664</v>
      </c>
      <c r="D16902" s="14" t="s">
        <v>51665</v>
      </c>
      <c r="E16902" s="2" t="s">
        <v>51666</v>
      </c>
      <c r="F16902" s="2" t="s">
        <v>36369</v>
      </c>
      <c r="G16902" s="8">
        <v>318</v>
      </c>
      <c r="H16902" s="5">
        <v>6</v>
      </c>
      <c r="I16902" s="5" t="s">
        <v>1518</v>
      </c>
      <c r="J16902" s="5" t="s">
        <v>36264</v>
      </c>
      <c r="K16902" s="2" t="s">
        <v>36265</v>
      </c>
      <c r="L16902" s="5" t="s">
        <v>36264</v>
      </c>
      <c r="M16902" s="2" t="s">
        <v>36265</v>
      </c>
      <c r="N16902" s="5" t="s">
        <v>36266</v>
      </c>
      <c r="O16902" s="5" t="s">
        <v>38</v>
      </c>
      <c r="P16902" s="5" t="s">
        <v>39</v>
      </c>
      <c r="Q16902" s="5" t="s">
        <v>40</v>
      </c>
      <c r="R16902" s="5" t="s">
        <v>1522</v>
      </c>
      <c r="S16902" s="5" t="s">
        <v>1523</v>
      </c>
      <c r="T16902" s="5" t="s">
        <v>42</v>
      </c>
      <c r="U16902" s="2">
        <v>3.129</v>
      </c>
      <c r="V16902" s="2">
        <v>2.516</v>
      </c>
      <c r="W16902" s="2">
        <v>1.7999999999999999E-2</v>
      </c>
      <c r="X16902" s="2">
        <v>139.1</v>
      </c>
      <c r="Y16902" s="2">
        <v>7.6</v>
      </c>
      <c r="Z16902" s="2">
        <v>16.7</v>
      </c>
      <c r="AA16902" s="5"/>
      <c r="AB16902" s="5" t="s">
        <v>43</v>
      </c>
      <c r="AC16902" s="5" t="s">
        <v>44</v>
      </c>
      <c r="AD16902" s="2"/>
      <c r="AE16902" s="1"/>
    </row>
    <row r="16903" spans="1:31" ht="14.45">
      <c r="A16903" s="11"/>
      <c r="B16903" s="20"/>
      <c r="C16903" s="2" t="s">
        <v>51667</v>
      </c>
      <c r="D16903" s="14" t="s">
        <v>51668</v>
      </c>
      <c r="E16903" s="2" t="s">
        <v>51669</v>
      </c>
      <c r="F16903" s="2" t="s">
        <v>36373</v>
      </c>
      <c r="G16903" s="8">
        <v>318</v>
      </c>
      <c r="H16903" s="5">
        <v>6</v>
      </c>
      <c r="I16903" s="5" t="s">
        <v>1518</v>
      </c>
      <c r="J16903" s="5" t="s">
        <v>36264</v>
      </c>
      <c r="K16903" s="2" t="s">
        <v>36265</v>
      </c>
      <c r="L16903" s="5" t="s">
        <v>36264</v>
      </c>
      <c r="M16903" s="2" t="s">
        <v>36265</v>
      </c>
      <c r="N16903" s="5" t="s">
        <v>36266</v>
      </c>
      <c r="O16903" s="5" t="s">
        <v>38</v>
      </c>
      <c r="P16903" s="5" t="s">
        <v>39</v>
      </c>
      <c r="Q16903" s="5" t="s">
        <v>40</v>
      </c>
      <c r="R16903" s="5" t="s">
        <v>1522</v>
      </c>
      <c r="S16903" s="5" t="s">
        <v>1523</v>
      </c>
      <c r="T16903" s="5" t="s">
        <v>42</v>
      </c>
      <c r="U16903" s="2">
        <v>3.2309999999999999</v>
      </c>
      <c r="V16903" s="2">
        <v>2.6179999999999999</v>
      </c>
      <c r="W16903" s="2">
        <v>1.7999999999999999E-2</v>
      </c>
      <c r="X16903" s="2">
        <v>139.1</v>
      </c>
      <c r="Y16903" s="2">
        <v>7.6</v>
      </c>
      <c r="Z16903" s="2">
        <v>16.7</v>
      </c>
      <c r="AA16903" s="5"/>
      <c r="AB16903" s="5" t="s">
        <v>43</v>
      </c>
      <c r="AC16903" s="5" t="s">
        <v>44</v>
      </c>
      <c r="AD16903" s="2"/>
      <c r="AE16903" s="1"/>
    </row>
    <row r="16904" spans="1:31" ht="14.45">
      <c r="A16904" s="11"/>
      <c r="B16904" s="20"/>
      <c r="C16904" s="2" t="s">
        <v>51670</v>
      </c>
      <c r="D16904" s="14" t="s">
        <v>51671</v>
      </c>
      <c r="E16904" s="2" t="s">
        <v>51672</v>
      </c>
      <c r="F16904" s="2" t="s">
        <v>7514</v>
      </c>
      <c r="G16904" s="8">
        <v>268</v>
      </c>
      <c r="H16904" s="5">
        <v>6</v>
      </c>
      <c r="I16904" s="5" t="s">
        <v>1518</v>
      </c>
      <c r="J16904" s="5" t="s">
        <v>36264</v>
      </c>
      <c r="K16904" s="2" t="s">
        <v>36265</v>
      </c>
      <c r="L16904" s="5" t="s">
        <v>36264</v>
      </c>
      <c r="M16904" s="2" t="s">
        <v>36265</v>
      </c>
      <c r="N16904" s="5" t="s">
        <v>36266</v>
      </c>
      <c r="O16904" s="5" t="s">
        <v>38</v>
      </c>
      <c r="P16904" s="5" t="s">
        <v>39</v>
      </c>
      <c r="Q16904" s="5" t="s">
        <v>40</v>
      </c>
      <c r="R16904" s="5" t="s">
        <v>1522</v>
      </c>
      <c r="S16904" s="5" t="s">
        <v>1523</v>
      </c>
      <c r="T16904" s="5" t="s">
        <v>42</v>
      </c>
      <c r="U16904" s="2">
        <v>2.335</v>
      </c>
      <c r="V16904" s="2">
        <v>1.7749999999999999</v>
      </c>
      <c r="W16904" s="2">
        <v>1.2999999999999999E-2</v>
      </c>
      <c r="X16904" s="2">
        <v>99.1</v>
      </c>
      <c r="Y16904" s="2">
        <v>7.6</v>
      </c>
      <c r="Z16904" s="2">
        <v>16.7</v>
      </c>
      <c r="AA16904" s="5"/>
      <c r="AB16904" s="5" t="s">
        <v>43</v>
      </c>
      <c r="AC16904" s="5" t="s">
        <v>44</v>
      </c>
      <c r="AD16904" s="2"/>
      <c r="AE16904" s="1"/>
    </row>
    <row r="16905" spans="1:31" ht="14.45">
      <c r="A16905" s="11"/>
      <c r="B16905" s="20"/>
      <c r="C16905" s="2" t="s">
        <v>51673</v>
      </c>
      <c r="D16905" s="14" t="s">
        <v>51674</v>
      </c>
      <c r="E16905" s="2" t="s">
        <v>51675</v>
      </c>
      <c r="F16905" s="2" t="s">
        <v>36309</v>
      </c>
      <c r="G16905" s="8">
        <v>268</v>
      </c>
      <c r="H16905" s="5">
        <v>6</v>
      </c>
      <c r="I16905" s="5" t="s">
        <v>1518</v>
      </c>
      <c r="J16905" s="5" t="s">
        <v>36264</v>
      </c>
      <c r="K16905" s="2" t="s">
        <v>36265</v>
      </c>
      <c r="L16905" s="5" t="s">
        <v>36264</v>
      </c>
      <c r="M16905" s="2" t="s">
        <v>36265</v>
      </c>
      <c r="N16905" s="5" t="s">
        <v>36266</v>
      </c>
      <c r="O16905" s="5" t="s">
        <v>38</v>
      </c>
      <c r="P16905" s="5" t="s">
        <v>39</v>
      </c>
      <c r="Q16905" s="5" t="s">
        <v>40</v>
      </c>
      <c r="R16905" s="5" t="s">
        <v>1522</v>
      </c>
      <c r="S16905" s="5" t="s">
        <v>1523</v>
      </c>
      <c r="T16905" s="5" t="s">
        <v>42</v>
      </c>
      <c r="U16905" s="2">
        <v>2.335</v>
      </c>
      <c r="V16905" s="2">
        <v>1.7749999999999999</v>
      </c>
      <c r="W16905" s="2">
        <v>1.2999999999999999E-2</v>
      </c>
      <c r="X16905" s="2">
        <v>99.1</v>
      </c>
      <c r="Y16905" s="2">
        <v>7.6</v>
      </c>
      <c r="Z16905" s="2">
        <v>16.7</v>
      </c>
      <c r="AA16905" s="5"/>
      <c r="AB16905" s="5" t="s">
        <v>43</v>
      </c>
      <c r="AC16905" s="5" t="s">
        <v>44</v>
      </c>
      <c r="AD16905" s="2"/>
      <c r="AE16905" s="1"/>
    </row>
    <row r="16906" spans="1:31" ht="14.45">
      <c r="A16906" s="11"/>
      <c r="B16906" s="20"/>
      <c r="C16906" s="2" t="s">
        <v>51676</v>
      </c>
      <c r="D16906" s="14" t="s">
        <v>51677</v>
      </c>
      <c r="E16906" s="2" t="s">
        <v>51678</v>
      </c>
      <c r="F16906" s="2" t="s">
        <v>36377</v>
      </c>
      <c r="G16906" s="8">
        <v>289</v>
      </c>
      <c r="H16906" s="5">
        <v>6</v>
      </c>
      <c r="I16906" s="5" t="s">
        <v>1518</v>
      </c>
      <c r="J16906" s="5" t="s">
        <v>36264</v>
      </c>
      <c r="K16906" s="2" t="s">
        <v>36265</v>
      </c>
      <c r="L16906" s="5" t="s">
        <v>36264</v>
      </c>
      <c r="M16906" s="2" t="s">
        <v>36265</v>
      </c>
      <c r="N16906" s="5" t="s">
        <v>36266</v>
      </c>
      <c r="O16906" s="5" t="s">
        <v>38</v>
      </c>
      <c r="P16906" s="5" t="s">
        <v>39</v>
      </c>
      <c r="Q16906" s="5" t="s">
        <v>40</v>
      </c>
      <c r="R16906" s="5" t="s">
        <v>1522</v>
      </c>
      <c r="S16906" s="5" t="s">
        <v>1523</v>
      </c>
      <c r="T16906" s="5" t="s">
        <v>42</v>
      </c>
      <c r="U16906" s="2">
        <v>2.2869999999999999</v>
      </c>
      <c r="V16906" s="2">
        <v>1.7270000000000001</v>
      </c>
      <c r="W16906" s="2">
        <v>1.2999999999999999E-2</v>
      </c>
      <c r="X16906" s="2">
        <v>99.1</v>
      </c>
      <c r="Y16906" s="2">
        <v>7.6</v>
      </c>
      <c r="Z16906" s="2">
        <v>16.7</v>
      </c>
      <c r="AA16906" s="5"/>
      <c r="AB16906" s="5" t="s">
        <v>43</v>
      </c>
      <c r="AC16906" s="5" t="s">
        <v>44</v>
      </c>
      <c r="AD16906" s="2"/>
      <c r="AE16906" s="1"/>
    </row>
    <row r="16907" spans="1:31" ht="14.45">
      <c r="A16907" s="11"/>
      <c r="B16907" s="20"/>
      <c r="C16907" s="2" t="s">
        <v>51679</v>
      </c>
      <c r="D16907" s="14" t="s">
        <v>51680</v>
      </c>
      <c r="E16907" s="2" t="s">
        <v>51681</v>
      </c>
      <c r="F16907" s="2" t="s">
        <v>7204</v>
      </c>
      <c r="G16907" s="8">
        <v>268</v>
      </c>
      <c r="H16907" s="5">
        <v>6</v>
      </c>
      <c r="I16907" s="5" t="s">
        <v>1518</v>
      </c>
      <c r="J16907" s="5" t="s">
        <v>36264</v>
      </c>
      <c r="K16907" s="2" t="s">
        <v>36265</v>
      </c>
      <c r="L16907" s="5" t="s">
        <v>36264</v>
      </c>
      <c r="M16907" s="2" t="s">
        <v>36265</v>
      </c>
      <c r="N16907" s="5" t="s">
        <v>36266</v>
      </c>
      <c r="O16907" s="5" t="s">
        <v>38</v>
      </c>
      <c r="P16907" s="5" t="s">
        <v>39</v>
      </c>
      <c r="Q16907" s="5" t="s">
        <v>40</v>
      </c>
      <c r="R16907" s="5" t="s">
        <v>1522</v>
      </c>
      <c r="S16907" s="5" t="s">
        <v>1523</v>
      </c>
      <c r="T16907" s="5" t="s">
        <v>42</v>
      </c>
      <c r="U16907" s="2">
        <v>2.5950000000000002</v>
      </c>
      <c r="V16907" s="2">
        <v>2.052</v>
      </c>
      <c r="W16907" s="2">
        <v>1.2999999999999999E-2</v>
      </c>
      <c r="X16907" s="2">
        <v>99.1</v>
      </c>
      <c r="Y16907" s="2">
        <v>7.6</v>
      </c>
      <c r="Z16907" s="2">
        <v>16.7</v>
      </c>
      <c r="AA16907" s="5"/>
      <c r="AB16907" s="5" t="s">
        <v>43</v>
      </c>
      <c r="AC16907" s="5" t="s">
        <v>44</v>
      </c>
      <c r="AD16907" s="2"/>
      <c r="AE16907" s="1"/>
    </row>
    <row r="16908" spans="1:31" ht="14.45">
      <c r="A16908" s="11"/>
      <c r="B16908" s="20"/>
      <c r="C16908" s="2" t="s">
        <v>51682</v>
      </c>
      <c r="D16908" s="14" t="s">
        <v>51683</v>
      </c>
      <c r="E16908" s="2" t="s">
        <v>51684</v>
      </c>
      <c r="F16908" s="2" t="s">
        <v>7514</v>
      </c>
      <c r="G16908" s="8">
        <v>268</v>
      </c>
      <c r="H16908" s="5">
        <v>6</v>
      </c>
      <c r="I16908" s="5" t="s">
        <v>1518</v>
      </c>
      <c r="J16908" s="5" t="s">
        <v>36264</v>
      </c>
      <c r="K16908" s="2" t="s">
        <v>36265</v>
      </c>
      <c r="L16908" s="5" t="s">
        <v>36264</v>
      </c>
      <c r="M16908" s="2" t="s">
        <v>36265</v>
      </c>
      <c r="N16908" s="5" t="s">
        <v>36266</v>
      </c>
      <c r="O16908" s="5" t="s">
        <v>38</v>
      </c>
      <c r="P16908" s="5" t="s">
        <v>39</v>
      </c>
      <c r="Q16908" s="5" t="s">
        <v>40</v>
      </c>
      <c r="R16908" s="5" t="s">
        <v>1522</v>
      </c>
      <c r="S16908" s="5" t="s">
        <v>1523</v>
      </c>
      <c r="T16908" s="5" t="s">
        <v>42</v>
      </c>
      <c r="U16908" s="2">
        <v>2.6659999999999999</v>
      </c>
      <c r="V16908" s="2">
        <v>2.1230000000000002</v>
      </c>
      <c r="W16908" s="2">
        <v>1.2999999999999999E-2</v>
      </c>
      <c r="X16908" s="2">
        <v>99.1</v>
      </c>
      <c r="Y16908" s="2">
        <v>7.6</v>
      </c>
      <c r="Z16908" s="2">
        <v>16.7</v>
      </c>
      <c r="AA16908" s="5"/>
      <c r="AB16908" s="5" t="s">
        <v>43</v>
      </c>
      <c r="AC16908" s="5" t="s">
        <v>44</v>
      </c>
      <c r="AD16908" s="2"/>
      <c r="AE16908" s="1"/>
    </row>
    <row r="16909" spans="1:31" ht="14.45">
      <c r="A16909" s="11"/>
      <c r="B16909" s="20"/>
      <c r="C16909" s="2" t="s">
        <v>51685</v>
      </c>
      <c r="D16909" s="14" t="s">
        <v>51686</v>
      </c>
      <c r="E16909" s="2" t="s">
        <v>51687</v>
      </c>
      <c r="F16909" s="2" t="s">
        <v>36273</v>
      </c>
      <c r="G16909" s="8">
        <v>268</v>
      </c>
      <c r="H16909" s="5">
        <v>6</v>
      </c>
      <c r="I16909" s="5" t="s">
        <v>1518</v>
      </c>
      <c r="J16909" s="5" t="s">
        <v>36264</v>
      </c>
      <c r="K16909" s="2" t="s">
        <v>36265</v>
      </c>
      <c r="L16909" s="5" t="s">
        <v>36264</v>
      </c>
      <c r="M16909" s="2" t="s">
        <v>36265</v>
      </c>
      <c r="N16909" s="5" t="s">
        <v>36266</v>
      </c>
      <c r="O16909" s="5" t="s">
        <v>38</v>
      </c>
      <c r="P16909" s="5" t="s">
        <v>39</v>
      </c>
      <c r="Q16909" s="5" t="s">
        <v>40</v>
      </c>
      <c r="R16909" s="5" t="s">
        <v>1522</v>
      </c>
      <c r="S16909" s="5" t="s">
        <v>1523</v>
      </c>
      <c r="T16909" s="5" t="s">
        <v>42</v>
      </c>
      <c r="U16909" s="2">
        <v>2.5950000000000002</v>
      </c>
      <c r="V16909" s="2">
        <v>2.052</v>
      </c>
      <c r="W16909" s="2">
        <v>1.2999999999999999E-2</v>
      </c>
      <c r="X16909" s="2">
        <v>99.1</v>
      </c>
      <c r="Y16909" s="2">
        <v>7.6</v>
      </c>
      <c r="Z16909" s="2">
        <v>16.7</v>
      </c>
      <c r="AA16909" s="5"/>
      <c r="AB16909" s="5" t="s">
        <v>43</v>
      </c>
      <c r="AC16909" s="5" t="s">
        <v>44</v>
      </c>
      <c r="AD16909" s="2"/>
      <c r="AE16909" s="1"/>
    </row>
    <row r="16910" spans="1:31" ht="14.45">
      <c r="A16910" s="11"/>
      <c r="B16910" s="20"/>
      <c r="C16910" s="2" t="s">
        <v>51688</v>
      </c>
      <c r="D16910" s="14" t="s">
        <v>51689</v>
      </c>
      <c r="E16910" s="2" t="s">
        <v>51690</v>
      </c>
      <c r="F16910" s="2" t="s">
        <v>36277</v>
      </c>
      <c r="G16910" s="8">
        <v>268</v>
      </c>
      <c r="H16910" s="5">
        <v>6</v>
      </c>
      <c r="I16910" s="5" t="s">
        <v>1518</v>
      </c>
      <c r="J16910" s="5" t="s">
        <v>36264</v>
      </c>
      <c r="K16910" s="2" t="s">
        <v>36265</v>
      </c>
      <c r="L16910" s="5" t="s">
        <v>36264</v>
      </c>
      <c r="M16910" s="2" t="s">
        <v>36265</v>
      </c>
      <c r="N16910" s="5" t="s">
        <v>36266</v>
      </c>
      <c r="O16910" s="5" t="s">
        <v>38</v>
      </c>
      <c r="P16910" s="5" t="s">
        <v>39</v>
      </c>
      <c r="Q16910" s="5" t="s">
        <v>40</v>
      </c>
      <c r="R16910" s="5" t="s">
        <v>1522</v>
      </c>
      <c r="S16910" s="5" t="s">
        <v>1523</v>
      </c>
      <c r="T16910" s="5" t="s">
        <v>42</v>
      </c>
      <c r="U16910" s="2">
        <v>2.6659999999999999</v>
      </c>
      <c r="V16910" s="2">
        <v>2.1230000000000002</v>
      </c>
      <c r="W16910" s="2">
        <v>1.2999999999999999E-2</v>
      </c>
      <c r="X16910" s="2">
        <v>99.1</v>
      </c>
      <c r="Y16910" s="2">
        <v>7.6</v>
      </c>
      <c r="Z16910" s="2">
        <v>16.7</v>
      </c>
      <c r="AA16910" s="5"/>
      <c r="AB16910" s="5" t="s">
        <v>43</v>
      </c>
      <c r="AC16910" s="5" t="s">
        <v>44</v>
      </c>
      <c r="AD16910" s="2"/>
      <c r="AE16910" s="1"/>
    </row>
    <row r="16911" spans="1:31" ht="14.45">
      <c r="A16911" s="11"/>
      <c r="B16911" s="20"/>
      <c r="C16911" s="2" t="s">
        <v>51691</v>
      </c>
      <c r="D16911" s="14" t="s">
        <v>51692</v>
      </c>
      <c r="E16911" s="2" t="s">
        <v>51693</v>
      </c>
      <c r="F16911" s="2" t="s">
        <v>36281</v>
      </c>
      <c r="G16911" s="8">
        <v>289</v>
      </c>
      <c r="H16911" s="5">
        <v>6</v>
      </c>
      <c r="I16911" s="5" t="s">
        <v>1518</v>
      </c>
      <c r="J16911" s="5" t="s">
        <v>36264</v>
      </c>
      <c r="K16911" s="2" t="s">
        <v>36265</v>
      </c>
      <c r="L16911" s="5" t="s">
        <v>36264</v>
      </c>
      <c r="M16911" s="2" t="s">
        <v>36265</v>
      </c>
      <c r="N16911" s="5" t="s">
        <v>36266</v>
      </c>
      <c r="O16911" s="5" t="s">
        <v>38</v>
      </c>
      <c r="P16911" s="5" t="s">
        <v>39</v>
      </c>
      <c r="Q16911" s="5" t="s">
        <v>40</v>
      </c>
      <c r="R16911" s="5" t="s">
        <v>1522</v>
      </c>
      <c r="S16911" s="5" t="s">
        <v>1523</v>
      </c>
      <c r="T16911" s="5" t="s">
        <v>42</v>
      </c>
      <c r="U16911" s="2">
        <v>2.5950000000000002</v>
      </c>
      <c r="V16911" s="2">
        <v>2.052</v>
      </c>
      <c r="W16911" s="2">
        <v>1.2999999999999999E-2</v>
      </c>
      <c r="X16911" s="2">
        <v>99.1</v>
      </c>
      <c r="Y16911" s="2">
        <v>7.6</v>
      </c>
      <c r="Z16911" s="2">
        <v>16.7</v>
      </c>
      <c r="AA16911" s="5"/>
      <c r="AB16911" s="5" t="s">
        <v>43</v>
      </c>
      <c r="AC16911" s="5" t="s">
        <v>44</v>
      </c>
      <c r="AD16911" s="2"/>
      <c r="AE16911" s="1"/>
    </row>
    <row r="16912" spans="1:31" ht="14.45">
      <c r="A16912" s="11"/>
      <c r="B16912" s="20"/>
      <c r="C16912" s="2" t="s">
        <v>51694</v>
      </c>
      <c r="D16912" s="14" t="s">
        <v>51695</v>
      </c>
      <c r="E16912" s="2" t="s">
        <v>51696</v>
      </c>
      <c r="F16912" s="2" t="s">
        <v>36285</v>
      </c>
      <c r="G16912" s="8">
        <v>289</v>
      </c>
      <c r="H16912" s="5">
        <v>6</v>
      </c>
      <c r="I16912" s="5" t="s">
        <v>1518</v>
      </c>
      <c r="J16912" s="5" t="s">
        <v>36264</v>
      </c>
      <c r="K16912" s="2" t="s">
        <v>36265</v>
      </c>
      <c r="L16912" s="5" t="s">
        <v>36264</v>
      </c>
      <c r="M16912" s="2" t="s">
        <v>36265</v>
      </c>
      <c r="N16912" s="5" t="s">
        <v>36266</v>
      </c>
      <c r="O16912" s="5" t="s">
        <v>38</v>
      </c>
      <c r="P16912" s="5" t="s">
        <v>39</v>
      </c>
      <c r="Q16912" s="5" t="s">
        <v>40</v>
      </c>
      <c r="R16912" s="5" t="s">
        <v>1522</v>
      </c>
      <c r="S16912" s="5" t="s">
        <v>1523</v>
      </c>
      <c r="T16912" s="5" t="s">
        <v>42</v>
      </c>
      <c r="U16912" s="2">
        <v>2.6659999999999999</v>
      </c>
      <c r="V16912" s="2">
        <v>2.1230000000000002</v>
      </c>
      <c r="W16912" s="2">
        <v>1.2999999999999999E-2</v>
      </c>
      <c r="X16912" s="2">
        <v>99.1</v>
      </c>
      <c r="Y16912" s="2">
        <v>7.6</v>
      </c>
      <c r="Z16912" s="2">
        <v>16.7</v>
      </c>
      <c r="AA16912" s="5"/>
      <c r="AB16912" s="5" t="s">
        <v>43</v>
      </c>
      <c r="AC16912" s="5" t="s">
        <v>44</v>
      </c>
      <c r="AD16912" s="2"/>
      <c r="AE16912" s="1"/>
    </row>
    <row r="16913" spans="1:31" ht="14.45">
      <c r="A16913" s="11"/>
      <c r="B16913" s="20"/>
      <c r="C16913" s="2" t="s">
        <v>51697</v>
      </c>
      <c r="D16913" s="14" t="s">
        <v>51698</v>
      </c>
      <c r="E16913" s="2" t="s">
        <v>51699</v>
      </c>
      <c r="F16913" s="2" t="s">
        <v>36289</v>
      </c>
      <c r="G16913" s="8">
        <v>289</v>
      </c>
      <c r="H16913" s="5">
        <v>6</v>
      </c>
      <c r="I16913" s="5" t="s">
        <v>1518</v>
      </c>
      <c r="J16913" s="5" t="s">
        <v>36264</v>
      </c>
      <c r="K16913" s="2" t="s">
        <v>36265</v>
      </c>
      <c r="L16913" s="5" t="s">
        <v>36264</v>
      </c>
      <c r="M16913" s="2" t="s">
        <v>36265</v>
      </c>
      <c r="N16913" s="5" t="s">
        <v>36266</v>
      </c>
      <c r="O16913" s="5" t="s">
        <v>38</v>
      </c>
      <c r="P16913" s="5" t="s">
        <v>39</v>
      </c>
      <c r="Q16913" s="5" t="s">
        <v>40</v>
      </c>
      <c r="R16913" s="5" t="s">
        <v>1522</v>
      </c>
      <c r="S16913" s="5" t="s">
        <v>1523</v>
      </c>
      <c r="T16913" s="5" t="s">
        <v>42</v>
      </c>
      <c r="U16913" s="2">
        <v>2.5950000000000002</v>
      </c>
      <c r="V16913" s="2">
        <v>2.052</v>
      </c>
      <c r="W16913" s="2">
        <v>1.2999999999999999E-2</v>
      </c>
      <c r="X16913" s="2">
        <v>99.1</v>
      </c>
      <c r="Y16913" s="2">
        <v>7.6</v>
      </c>
      <c r="Z16913" s="2">
        <v>16.7</v>
      </c>
      <c r="AA16913" s="5"/>
      <c r="AB16913" s="5" t="s">
        <v>43</v>
      </c>
      <c r="AC16913" s="5" t="s">
        <v>44</v>
      </c>
      <c r="AD16913" s="2"/>
      <c r="AE16913" s="1"/>
    </row>
    <row r="16914" spans="1:31" ht="14.45">
      <c r="A16914" s="11"/>
      <c r="B16914" s="20"/>
      <c r="C16914" s="2" t="s">
        <v>51700</v>
      </c>
      <c r="D16914" s="14" t="s">
        <v>51701</v>
      </c>
      <c r="E16914" s="2" t="s">
        <v>51702</v>
      </c>
      <c r="F16914" s="2" t="s">
        <v>36293</v>
      </c>
      <c r="G16914" s="8">
        <v>289</v>
      </c>
      <c r="H16914" s="5">
        <v>6</v>
      </c>
      <c r="I16914" s="5" t="s">
        <v>1518</v>
      </c>
      <c r="J16914" s="5" t="s">
        <v>36264</v>
      </c>
      <c r="K16914" s="2" t="s">
        <v>36265</v>
      </c>
      <c r="L16914" s="5" t="s">
        <v>36264</v>
      </c>
      <c r="M16914" s="2" t="s">
        <v>36265</v>
      </c>
      <c r="N16914" s="5" t="s">
        <v>36266</v>
      </c>
      <c r="O16914" s="5" t="s">
        <v>38</v>
      </c>
      <c r="P16914" s="5" t="s">
        <v>39</v>
      </c>
      <c r="Q16914" s="5" t="s">
        <v>40</v>
      </c>
      <c r="R16914" s="5" t="s">
        <v>1522</v>
      </c>
      <c r="S16914" s="5" t="s">
        <v>1523</v>
      </c>
      <c r="T16914" s="5" t="s">
        <v>42</v>
      </c>
      <c r="U16914" s="2">
        <v>2.6659999999999999</v>
      </c>
      <c r="V16914" s="2">
        <v>2.1230000000000002</v>
      </c>
      <c r="W16914" s="2">
        <v>1.2999999999999999E-2</v>
      </c>
      <c r="X16914" s="2">
        <v>99.1</v>
      </c>
      <c r="Y16914" s="2">
        <v>7.6</v>
      </c>
      <c r="Z16914" s="2">
        <v>16.7</v>
      </c>
      <c r="AA16914" s="5"/>
      <c r="AB16914" s="5" t="s">
        <v>43</v>
      </c>
      <c r="AC16914" s="5" t="s">
        <v>44</v>
      </c>
      <c r="AD16914" s="2"/>
      <c r="AE16914" s="1"/>
    </row>
    <row r="16915" spans="1:31" ht="14.45">
      <c r="A16915" s="11"/>
      <c r="B16915" s="20"/>
      <c r="C16915" s="2" t="s">
        <v>51703</v>
      </c>
      <c r="D16915" s="14" t="s">
        <v>51704</v>
      </c>
      <c r="E16915" s="2" t="s">
        <v>51705</v>
      </c>
      <c r="F16915" s="2" t="s">
        <v>36297</v>
      </c>
      <c r="G16915" s="8">
        <v>268</v>
      </c>
      <c r="H16915" s="5">
        <v>6</v>
      </c>
      <c r="I16915" s="5" t="s">
        <v>1518</v>
      </c>
      <c r="J16915" s="5" t="s">
        <v>36264</v>
      </c>
      <c r="K16915" s="2" t="s">
        <v>36265</v>
      </c>
      <c r="L16915" s="5" t="s">
        <v>36264</v>
      </c>
      <c r="M16915" s="2" t="s">
        <v>36265</v>
      </c>
      <c r="N16915" s="5" t="s">
        <v>36266</v>
      </c>
      <c r="O16915" s="5" t="s">
        <v>38</v>
      </c>
      <c r="P16915" s="5" t="s">
        <v>39</v>
      </c>
      <c r="Q16915" s="5" t="s">
        <v>40</v>
      </c>
      <c r="R16915" s="5" t="s">
        <v>1522</v>
      </c>
      <c r="S16915" s="5" t="s">
        <v>1523</v>
      </c>
      <c r="T16915" s="5" t="s">
        <v>42</v>
      </c>
      <c r="U16915" s="2">
        <v>2.5950000000000002</v>
      </c>
      <c r="V16915" s="2">
        <v>2.052</v>
      </c>
      <c r="W16915" s="2">
        <v>1.2999999999999999E-2</v>
      </c>
      <c r="X16915" s="2">
        <v>99.1</v>
      </c>
      <c r="Y16915" s="2">
        <v>7.6</v>
      </c>
      <c r="Z16915" s="2">
        <v>16.7</v>
      </c>
      <c r="AA16915" s="5"/>
      <c r="AB16915" s="5" t="s">
        <v>43</v>
      </c>
      <c r="AC16915" s="5" t="s">
        <v>44</v>
      </c>
      <c r="AD16915" s="2"/>
      <c r="AE16915" s="1"/>
    </row>
    <row r="16916" spans="1:31" ht="14.45">
      <c r="A16916" s="11"/>
      <c r="B16916" s="20"/>
      <c r="C16916" s="2" t="s">
        <v>51706</v>
      </c>
      <c r="D16916" s="14" t="s">
        <v>51707</v>
      </c>
      <c r="E16916" s="2" t="s">
        <v>51708</v>
      </c>
      <c r="F16916" s="2" t="s">
        <v>36301</v>
      </c>
      <c r="G16916" s="8">
        <v>268</v>
      </c>
      <c r="H16916" s="5">
        <v>6</v>
      </c>
      <c r="I16916" s="5" t="s">
        <v>1518</v>
      </c>
      <c r="J16916" s="5" t="s">
        <v>36264</v>
      </c>
      <c r="K16916" s="2" t="s">
        <v>36265</v>
      </c>
      <c r="L16916" s="5" t="s">
        <v>36264</v>
      </c>
      <c r="M16916" s="2" t="s">
        <v>36265</v>
      </c>
      <c r="N16916" s="5" t="s">
        <v>36266</v>
      </c>
      <c r="O16916" s="5" t="s">
        <v>38</v>
      </c>
      <c r="P16916" s="5" t="s">
        <v>39</v>
      </c>
      <c r="Q16916" s="5" t="s">
        <v>40</v>
      </c>
      <c r="R16916" s="5" t="s">
        <v>1522</v>
      </c>
      <c r="S16916" s="5" t="s">
        <v>1523</v>
      </c>
      <c r="T16916" s="5" t="s">
        <v>42</v>
      </c>
      <c r="U16916" s="2">
        <v>2.6659999999999999</v>
      </c>
      <c r="V16916" s="2">
        <v>2.1230000000000002</v>
      </c>
      <c r="W16916" s="2">
        <v>1.2999999999999999E-2</v>
      </c>
      <c r="X16916" s="2">
        <v>99.1</v>
      </c>
      <c r="Y16916" s="2">
        <v>7.6</v>
      </c>
      <c r="Z16916" s="2">
        <v>16.7</v>
      </c>
      <c r="AA16916" s="5"/>
      <c r="AB16916" s="5" t="s">
        <v>43</v>
      </c>
      <c r="AC16916" s="5" t="s">
        <v>44</v>
      </c>
      <c r="AD16916" s="2"/>
      <c r="AE16916" s="1"/>
    </row>
    <row r="16917" spans="1:31" ht="14.45">
      <c r="A16917" s="11"/>
      <c r="B16917" s="20"/>
      <c r="C16917" s="2" t="s">
        <v>51709</v>
      </c>
      <c r="D16917" s="14" t="s">
        <v>51710</v>
      </c>
      <c r="E16917" s="2" t="s">
        <v>51711</v>
      </c>
      <c r="F16917" s="2" t="s">
        <v>36305</v>
      </c>
      <c r="G16917" s="8">
        <v>268</v>
      </c>
      <c r="H16917" s="5">
        <v>6</v>
      </c>
      <c r="I16917" s="5" t="s">
        <v>1518</v>
      </c>
      <c r="J16917" s="5" t="s">
        <v>36264</v>
      </c>
      <c r="K16917" s="2" t="s">
        <v>36265</v>
      </c>
      <c r="L16917" s="5" t="s">
        <v>36264</v>
      </c>
      <c r="M16917" s="2" t="s">
        <v>36265</v>
      </c>
      <c r="N16917" s="5" t="s">
        <v>36266</v>
      </c>
      <c r="O16917" s="5" t="s">
        <v>38</v>
      </c>
      <c r="P16917" s="5" t="s">
        <v>39</v>
      </c>
      <c r="Q16917" s="5" t="s">
        <v>40</v>
      </c>
      <c r="R16917" s="5" t="s">
        <v>1522</v>
      </c>
      <c r="S16917" s="5" t="s">
        <v>1523</v>
      </c>
      <c r="T16917" s="5" t="s">
        <v>42</v>
      </c>
      <c r="U16917" s="2">
        <v>2.5950000000000002</v>
      </c>
      <c r="V16917" s="2">
        <v>2.052</v>
      </c>
      <c r="W16917" s="2">
        <v>1.2999999999999999E-2</v>
      </c>
      <c r="X16917" s="2">
        <v>99.1</v>
      </c>
      <c r="Y16917" s="2">
        <v>7.6</v>
      </c>
      <c r="Z16917" s="2">
        <v>16.7</v>
      </c>
      <c r="AA16917" s="5"/>
      <c r="AB16917" s="5" t="s">
        <v>43</v>
      </c>
      <c r="AC16917" s="5" t="s">
        <v>44</v>
      </c>
      <c r="AD16917" s="2"/>
      <c r="AE16917" s="1"/>
    </row>
    <row r="16918" spans="1:31" ht="14.45">
      <c r="A16918" s="11"/>
      <c r="B16918" s="20"/>
      <c r="C16918" s="2" t="s">
        <v>51712</v>
      </c>
      <c r="D16918" s="14" t="s">
        <v>51713</v>
      </c>
      <c r="E16918" s="2" t="s">
        <v>51714</v>
      </c>
      <c r="F16918" s="2" t="s">
        <v>36309</v>
      </c>
      <c r="G16918" s="8">
        <v>268</v>
      </c>
      <c r="H16918" s="5">
        <v>6</v>
      </c>
      <c r="I16918" s="5" t="s">
        <v>1518</v>
      </c>
      <c r="J16918" s="5" t="s">
        <v>36264</v>
      </c>
      <c r="K16918" s="2" t="s">
        <v>36265</v>
      </c>
      <c r="L16918" s="5" t="s">
        <v>36264</v>
      </c>
      <c r="M16918" s="2" t="s">
        <v>36265</v>
      </c>
      <c r="N16918" s="5" t="s">
        <v>36266</v>
      </c>
      <c r="O16918" s="5" t="s">
        <v>38</v>
      </c>
      <c r="P16918" s="5" t="s">
        <v>39</v>
      </c>
      <c r="Q16918" s="5" t="s">
        <v>40</v>
      </c>
      <c r="R16918" s="5" t="s">
        <v>1522</v>
      </c>
      <c r="S16918" s="5" t="s">
        <v>1523</v>
      </c>
      <c r="T16918" s="5" t="s">
        <v>42</v>
      </c>
      <c r="U16918" s="2">
        <v>2.6659999999999999</v>
      </c>
      <c r="V16918" s="2">
        <v>2.1230000000000002</v>
      </c>
      <c r="W16918" s="2">
        <v>1.2999999999999999E-2</v>
      </c>
      <c r="X16918" s="2">
        <v>99.1</v>
      </c>
      <c r="Y16918" s="2">
        <v>7.6</v>
      </c>
      <c r="Z16918" s="2">
        <v>16.7</v>
      </c>
      <c r="AA16918" s="5"/>
      <c r="AB16918" s="5" t="s">
        <v>43</v>
      </c>
      <c r="AC16918" s="5" t="s">
        <v>44</v>
      </c>
      <c r="AD16918" s="2"/>
      <c r="AE16918" s="1"/>
    </row>
    <row r="16919" spans="1:31" ht="14.45">
      <c r="A16919" s="11"/>
      <c r="B16919" s="20"/>
      <c r="C16919" s="2" t="s">
        <v>51715</v>
      </c>
      <c r="D16919" s="14" t="s">
        <v>51716</v>
      </c>
      <c r="E16919" s="2" t="s">
        <v>51717</v>
      </c>
      <c r="F16919" s="2" t="s">
        <v>36313</v>
      </c>
      <c r="G16919" s="8">
        <v>289</v>
      </c>
      <c r="H16919" s="5">
        <v>6</v>
      </c>
      <c r="I16919" s="5" t="s">
        <v>1518</v>
      </c>
      <c r="J16919" s="5" t="s">
        <v>36264</v>
      </c>
      <c r="K16919" s="2" t="s">
        <v>36265</v>
      </c>
      <c r="L16919" s="5" t="s">
        <v>36264</v>
      </c>
      <c r="M16919" s="2" t="s">
        <v>36265</v>
      </c>
      <c r="N16919" s="5" t="s">
        <v>36266</v>
      </c>
      <c r="O16919" s="5" t="s">
        <v>38</v>
      </c>
      <c r="P16919" s="5" t="s">
        <v>39</v>
      </c>
      <c r="Q16919" s="5" t="s">
        <v>40</v>
      </c>
      <c r="R16919" s="5" t="s">
        <v>1522</v>
      </c>
      <c r="S16919" s="5" t="s">
        <v>1523</v>
      </c>
      <c r="T16919" s="5" t="s">
        <v>42</v>
      </c>
      <c r="U16919" s="2">
        <v>2.5950000000000002</v>
      </c>
      <c r="V16919" s="2">
        <v>2.052</v>
      </c>
      <c r="W16919" s="2">
        <v>1.2999999999999999E-2</v>
      </c>
      <c r="X16919" s="2">
        <v>99.1</v>
      </c>
      <c r="Y16919" s="2">
        <v>7.6</v>
      </c>
      <c r="Z16919" s="2">
        <v>16.7</v>
      </c>
      <c r="AA16919" s="5"/>
      <c r="AB16919" s="5" t="s">
        <v>43</v>
      </c>
      <c r="AC16919" s="5" t="s">
        <v>44</v>
      </c>
      <c r="AD16919" s="2"/>
      <c r="AE16919" s="1"/>
    </row>
    <row r="16920" spans="1:31" ht="14.45">
      <c r="A16920" s="11"/>
      <c r="B16920" s="20"/>
      <c r="C16920" s="2" t="s">
        <v>51718</v>
      </c>
      <c r="D16920" s="14" t="s">
        <v>51719</v>
      </c>
      <c r="E16920" s="2" t="s">
        <v>51720</v>
      </c>
      <c r="F16920" s="2" t="s">
        <v>36317</v>
      </c>
      <c r="G16920" s="8">
        <v>289</v>
      </c>
      <c r="H16920" s="5">
        <v>6</v>
      </c>
      <c r="I16920" s="5" t="s">
        <v>1518</v>
      </c>
      <c r="J16920" s="5" t="s">
        <v>36264</v>
      </c>
      <c r="K16920" s="2" t="s">
        <v>36265</v>
      </c>
      <c r="L16920" s="5" t="s">
        <v>36264</v>
      </c>
      <c r="M16920" s="2" t="s">
        <v>36265</v>
      </c>
      <c r="N16920" s="5" t="s">
        <v>36266</v>
      </c>
      <c r="O16920" s="5" t="s">
        <v>38</v>
      </c>
      <c r="P16920" s="5" t="s">
        <v>39</v>
      </c>
      <c r="Q16920" s="5" t="s">
        <v>40</v>
      </c>
      <c r="R16920" s="5" t="s">
        <v>1522</v>
      </c>
      <c r="S16920" s="5" t="s">
        <v>1523</v>
      </c>
      <c r="T16920" s="5" t="s">
        <v>42</v>
      </c>
      <c r="U16920" s="2">
        <v>2.6659999999999999</v>
      </c>
      <c r="V16920" s="2">
        <v>2.1230000000000002</v>
      </c>
      <c r="W16920" s="2">
        <v>1.2999999999999999E-2</v>
      </c>
      <c r="X16920" s="2">
        <v>99.1</v>
      </c>
      <c r="Y16920" s="2">
        <v>7.6</v>
      </c>
      <c r="Z16920" s="2">
        <v>16.7</v>
      </c>
      <c r="AA16920" s="5"/>
      <c r="AB16920" s="5" t="s">
        <v>43</v>
      </c>
      <c r="AC16920" s="5" t="s">
        <v>44</v>
      </c>
      <c r="AD16920" s="2"/>
      <c r="AE16920" s="1"/>
    </row>
    <row r="16921" spans="1:31" ht="14.45">
      <c r="A16921" s="11"/>
      <c r="B16921" s="20"/>
      <c r="C16921" s="2" t="s">
        <v>51721</v>
      </c>
      <c r="D16921" s="14" t="s">
        <v>51722</v>
      </c>
      <c r="E16921" s="2" t="s">
        <v>51723</v>
      </c>
      <c r="F16921" s="2" t="s">
        <v>36321</v>
      </c>
      <c r="G16921" s="8">
        <v>289</v>
      </c>
      <c r="H16921" s="5">
        <v>6</v>
      </c>
      <c r="I16921" s="5" t="s">
        <v>1518</v>
      </c>
      <c r="J16921" s="5" t="s">
        <v>36264</v>
      </c>
      <c r="K16921" s="2" t="s">
        <v>36265</v>
      </c>
      <c r="L16921" s="5" t="s">
        <v>36264</v>
      </c>
      <c r="M16921" s="2" t="s">
        <v>36265</v>
      </c>
      <c r="N16921" s="5" t="s">
        <v>36266</v>
      </c>
      <c r="O16921" s="5" t="s">
        <v>38</v>
      </c>
      <c r="P16921" s="5" t="s">
        <v>39</v>
      </c>
      <c r="Q16921" s="5" t="s">
        <v>40</v>
      </c>
      <c r="R16921" s="5" t="s">
        <v>1522</v>
      </c>
      <c r="S16921" s="5" t="s">
        <v>1523</v>
      </c>
      <c r="T16921" s="5" t="s">
        <v>42</v>
      </c>
      <c r="U16921" s="2">
        <v>2.5950000000000002</v>
      </c>
      <c r="V16921" s="2">
        <v>2.052</v>
      </c>
      <c r="W16921" s="2">
        <v>1.2999999999999999E-2</v>
      </c>
      <c r="X16921" s="2">
        <v>99.1</v>
      </c>
      <c r="Y16921" s="2">
        <v>7.6</v>
      </c>
      <c r="Z16921" s="2">
        <v>16.7</v>
      </c>
      <c r="AA16921" s="5"/>
      <c r="AB16921" s="5" t="s">
        <v>43</v>
      </c>
      <c r="AC16921" s="5" t="s">
        <v>44</v>
      </c>
      <c r="AD16921" s="2"/>
      <c r="AE16921" s="1"/>
    </row>
    <row r="16922" spans="1:31" ht="14.45">
      <c r="A16922" s="11"/>
      <c r="B16922" s="20"/>
      <c r="C16922" s="2" t="s">
        <v>51724</v>
      </c>
      <c r="D16922" s="14" t="s">
        <v>51725</v>
      </c>
      <c r="E16922" s="2" t="s">
        <v>51726</v>
      </c>
      <c r="F16922" s="2" t="s">
        <v>36325</v>
      </c>
      <c r="G16922" s="8">
        <v>289</v>
      </c>
      <c r="H16922" s="5">
        <v>6</v>
      </c>
      <c r="I16922" s="5" t="s">
        <v>1518</v>
      </c>
      <c r="J16922" s="5" t="s">
        <v>36264</v>
      </c>
      <c r="K16922" s="2" t="s">
        <v>36265</v>
      </c>
      <c r="L16922" s="5" t="s">
        <v>36264</v>
      </c>
      <c r="M16922" s="2" t="s">
        <v>36265</v>
      </c>
      <c r="N16922" s="5" t="s">
        <v>36266</v>
      </c>
      <c r="O16922" s="5" t="s">
        <v>38</v>
      </c>
      <c r="P16922" s="5" t="s">
        <v>39</v>
      </c>
      <c r="Q16922" s="5" t="s">
        <v>40</v>
      </c>
      <c r="R16922" s="5" t="s">
        <v>1522</v>
      </c>
      <c r="S16922" s="5" t="s">
        <v>1523</v>
      </c>
      <c r="T16922" s="5" t="s">
        <v>42</v>
      </c>
      <c r="U16922" s="2">
        <v>2.6659999999999999</v>
      </c>
      <c r="V16922" s="2">
        <v>2.1230000000000002</v>
      </c>
      <c r="W16922" s="2">
        <v>1.2999999999999999E-2</v>
      </c>
      <c r="X16922" s="2">
        <v>99.1</v>
      </c>
      <c r="Y16922" s="2">
        <v>7.6</v>
      </c>
      <c r="Z16922" s="2">
        <v>16.7</v>
      </c>
      <c r="AA16922" s="5"/>
      <c r="AB16922" s="5" t="s">
        <v>43</v>
      </c>
      <c r="AC16922" s="5" t="s">
        <v>44</v>
      </c>
      <c r="AD16922" s="2"/>
      <c r="AE16922" s="1"/>
    </row>
    <row r="16923" spans="1:31" ht="14.45">
      <c r="A16923" s="11"/>
      <c r="B16923" s="20"/>
      <c r="C16923" s="2" t="s">
        <v>51727</v>
      </c>
      <c r="D16923" s="14" t="s">
        <v>51728</v>
      </c>
      <c r="E16923" s="2" t="s">
        <v>51729</v>
      </c>
      <c r="F16923" s="2" t="s">
        <v>36329</v>
      </c>
      <c r="G16923" s="8">
        <v>289</v>
      </c>
      <c r="H16923" s="5">
        <v>6</v>
      </c>
      <c r="I16923" s="5" t="s">
        <v>1518</v>
      </c>
      <c r="J16923" s="5" t="s">
        <v>36264</v>
      </c>
      <c r="K16923" s="2" t="s">
        <v>36265</v>
      </c>
      <c r="L16923" s="5" t="s">
        <v>36264</v>
      </c>
      <c r="M16923" s="2" t="s">
        <v>36265</v>
      </c>
      <c r="N16923" s="5" t="s">
        <v>36266</v>
      </c>
      <c r="O16923" s="5" t="s">
        <v>38</v>
      </c>
      <c r="P16923" s="5" t="s">
        <v>39</v>
      </c>
      <c r="Q16923" s="5" t="s">
        <v>40</v>
      </c>
      <c r="R16923" s="5" t="s">
        <v>1522</v>
      </c>
      <c r="S16923" s="5" t="s">
        <v>1523</v>
      </c>
      <c r="T16923" s="5" t="s">
        <v>42</v>
      </c>
      <c r="U16923" s="2">
        <v>2.5950000000000002</v>
      </c>
      <c r="V16923" s="2">
        <v>2.052</v>
      </c>
      <c r="W16923" s="2">
        <v>1.2999999999999999E-2</v>
      </c>
      <c r="X16923" s="2">
        <v>99.1</v>
      </c>
      <c r="Y16923" s="2">
        <v>7.6</v>
      </c>
      <c r="Z16923" s="2">
        <v>16.7</v>
      </c>
      <c r="AA16923" s="5"/>
      <c r="AB16923" s="5" t="s">
        <v>43</v>
      </c>
      <c r="AC16923" s="5" t="s">
        <v>44</v>
      </c>
      <c r="AD16923" s="2"/>
      <c r="AE16923" s="1"/>
    </row>
    <row r="16924" spans="1:31" ht="14.45">
      <c r="A16924" s="11"/>
      <c r="B16924" s="20"/>
      <c r="C16924" s="2" t="s">
        <v>51730</v>
      </c>
      <c r="D16924" s="14" t="s">
        <v>51731</v>
      </c>
      <c r="E16924" s="2" t="s">
        <v>51732</v>
      </c>
      <c r="F16924" s="2" t="s">
        <v>36333</v>
      </c>
      <c r="G16924" s="8">
        <v>289</v>
      </c>
      <c r="H16924" s="5">
        <v>6</v>
      </c>
      <c r="I16924" s="5" t="s">
        <v>1518</v>
      </c>
      <c r="J16924" s="5" t="s">
        <v>36264</v>
      </c>
      <c r="K16924" s="2" t="s">
        <v>36265</v>
      </c>
      <c r="L16924" s="5" t="s">
        <v>36264</v>
      </c>
      <c r="M16924" s="2" t="s">
        <v>36265</v>
      </c>
      <c r="N16924" s="5" t="s">
        <v>36266</v>
      </c>
      <c r="O16924" s="5" t="s">
        <v>38</v>
      </c>
      <c r="P16924" s="5" t="s">
        <v>39</v>
      </c>
      <c r="Q16924" s="5" t="s">
        <v>40</v>
      </c>
      <c r="R16924" s="5" t="s">
        <v>1522</v>
      </c>
      <c r="S16924" s="5" t="s">
        <v>1523</v>
      </c>
      <c r="T16924" s="5" t="s">
        <v>42</v>
      </c>
      <c r="U16924" s="2">
        <v>2.6659999999999999</v>
      </c>
      <c r="V16924" s="2">
        <v>2.1230000000000002</v>
      </c>
      <c r="W16924" s="2">
        <v>1.2999999999999999E-2</v>
      </c>
      <c r="X16924" s="2">
        <v>99.1</v>
      </c>
      <c r="Y16924" s="2">
        <v>7.6</v>
      </c>
      <c r="Z16924" s="2">
        <v>16.7</v>
      </c>
      <c r="AA16924" s="5"/>
      <c r="AB16924" s="5" t="s">
        <v>43</v>
      </c>
      <c r="AC16924" s="5" t="s">
        <v>44</v>
      </c>
      <c r="AD16924" s="2"/>
      <c r="AE16924" s="1"/>
    </row>
    <row r="16925" spans="1:31" ht="14.45">
      <c r="A16925" s="11"/>
      <c r="B16925" s="20"/>
      <c r="C16925" s="2" t="s">
        <v>51733</v>
      </c>
      <c r="D16925" s="14" t="s">
        <v>51734</v>
      </c>
      <c r="E16925" s="2" t="s">
        <v>51735</v>
      </c>
      <c r="F16925" s="2" t="s">
        <v>36337</v>
      </c>
      <c r="G16925" s="8">
        <v>289</v>
      </c>
      <c r="H16925" s="5">
        <v>6</v>
      </c>
      <c r="I16925" s="5" t="s">
        <v>1518</v>
      </c>
      <c r="J16925" s="5" t="s">
        <v>36264</v>
      </c>
      <c r="K16925" s="2" t="s">
        <v>36265</v>
      </c>
      <c r="L16925" s="5" t="s">
        <v>36264</v>
      </c>
      <c r="M16925" s="2" t="s">
        <v>36265</v>
      </c>
      <c r="N16925" s="5" t="s">
        <v>36266</v>
      </c>
      <c r="O16925" s="5" t="s">
        <v>38</v>
      </c>
      <c r="P16925" s="5" t="s">
        <v>39</v>
      </c>
      <c r="Q16925" s="5" t="s">
        <v>40</v>
      </c>
      <c r="R16925" s="5" t="s">
        <v>1522</v>
      </c>
      <c r="S16925" s="5" t="s">
        <v>1523</v>
      </c>
      <c r="T16925" s="5" t="s">
        <v>42</v>
      </c>
      <c r="U16925" s="2">
        <v>2.5950000000000002</v>
      </c>
      <c r="V16925" s="2">
        <v>2.052</v>
      </c>
      <c r="W16925" s="2">
        <v>1.2999999999999999E-2</v>
      </c>
      <c r="X16925" s="2">
        <v>99.1</v>
      </c>
      <c r="Y16925" s="2">
        <v>7.6</v>
      </c>
      <c r="Z16925" s="2">
        <v>16.7</v>
      </c>
      <c r="AA16925" s="5"/>
      <c r="AB16925" s="5" t="s">
        <v>43</v>
      </c>
      <c r="AC16925" s="5" t="s">
        <v>44</v>
      </c>
      <c r="AD16925" s="2"/>
      <c r="AE16925" s="1"/>
    </row>
    <row r="16926" spans="1:31" ht="14.45">
      <c r="A16926" s="11"/>
      <c r="B16926" s="20"/>
      <c r="C16926" s="2" t="s">
        <v>51736</v>
      </c>
      <c r="D16926" s="14" t="s">
        <v>51737</v>
      </c>
      <c r="E16926" s="2" t="s">
        <v>51738</v>
      </c>
      <c r="F16926" s="2" t="s">
        <v>36341</v>
      </c>
      <c r="G16926" s="8">
        <v>289</v>
      </c>
      <c r="H16926" s="5">
        <v>6</v>
      </c>
      <c r="I16926" s="5" t="s">
        <v>1518</v>
      </c>
      <c r="J16926" s="5" t="s">
        <v>36264</v>
      </c>
      <c r="K16926" s="2" t="s">
        <v>36265</v>
      </c>
      <c r="L16926" s="5" t="s">
        <v>36264</v>
      </c>
      <c r="M16926" s="2" t="s">
        <v>36265</v>
      </c>
      <c r="N16926" s="5" t="s">
        <v>36266</v>
      </c>
      <c r="O16926" s="5" t="s">
        <v>38</v>
      </c>
      <c r="P16926" s="5" t="s">
        <v>39</v>
      </c>
      <c r="Q16926" s="5" t="s">
        <v>40</v>
      </c>
      <c r="R16926" s="5" t="s">
        <v>1522</v>
      </c>
      <c r="S16926" s="5" t="s">
        <v>1523</v>
      </c>
      <c r="T16926" s="5" t="s">
        <v>42</v>
      </c>
      <c r="U16926" s="2">
        <v>2.6659999999999999</v>
      </c>
      <c r="V16926" s="2">
        <v>2.1230000000000002</v>
      </c>
      <c r="W16926" s="2">
        <v>1.2999999999999999E-2</v>
      </c>
      <c r="X16926" s="2">
        <v>99.1</v>
      </c>
      <c r="Y16926" s="2">
        <v>7.6</v>
      </c>
      <c r="Z16926" s="2">
        <v>16.7</v>
      </c>
      <c r="AA16926" s="5"/>
      <c r="AB16926" s="5" t="s">
        <v>43</v>
      </c>
      <c r="AC16926" s="5" t="s">
        <v>44</v>
      </c>
      <c r="AD16926" s="2"/>
      <c r="AE16926" s="1"/>
    </row>
    <row r="16927" spans="1:31" ht="14.45">
      <c r="A16927" s="11"/>
      <c r="B16927" s="20"/>
      <c r="C16927" s="2" t="s">
        <v>51739</v>
      </c>
      <c r="D16927" s="14" t="s">
        <v>51740</v>
      </c>
      <c r="E16927" s="2" t="s">
        <v>51741</v>
      </c>
      <c r="F16927" s="2" t="s">
        <v>36345</v>
      </c>
      <c r="G16927" s="8">
        <v>289</v>
      </c>
      <c r="H16927" s="5">
        <v>6</v>
      </c>
      <c r="I16927" s="5" t="s">
        <v>1518</v>
      </c>
      <c r="J16927" s="5" t="s">
        <v>36264</v>
      </c>
      <c r="K16927" s="2" t="s">
        <v>36265</v>
      </c>
      <c r="L16927" s="5" t="s">
        <v>36264</v>
      </c>
      <c r="M16927" s="2" t="s">
        <v>36265</v>
      </c>
      <c r="N16927" s="5" t="s">
        <v>36266</v>
      </c>
      <c r="O16927" s="5" t="s">
        <v>38</v>
      </c>
      <c r="P16927" s="5" t="s">
        <v>39</v>
      </c>
      <c r="Q16927" s="5" t="s">
        <v>40</v>
      </c>
      <c r="R16927" s="5" t="s">
        <v>1522</v>
      </c>
      <c r="S16927" s="5" t="s">
        <v>1523</v>
      </c>
      <c r="T16927" s="5" t="s">
        <v>42</v>
      </c>
      <c r="U16927" s="2">
        <v>2.5950000000000002</v>
      </c>
      <c r="V16927" s="2">
        <v>2.052</v>
      </c>
      <c r="W16927" s="2">
        <v>1.2999999999999999E-2</v>
      </c>
      <c r="X16927" s="2">
        <v>99.1</v>
      </c>
      <c r="Y16927" s="2">
        <v>7.6</v>
      </c>
      <c r="Z16927" s="2">
        <v>16.7</v>
      </c>
      <c r="AA16927" s="5"/>
      <c r="AB16927" s="5" t="s">
        <v>43</v>
      </c>
      <c r="AC16927" s="5" t="s">
        <v>44</v>
      </c>
      <c r="AD16927" s="2"/>
      <c r="AE16927" s="1"/>
    </row>
    <row r="16928" spans="1:31" ht="14.45">
      <c r="A16928" s="11"/>
      <c r="B16928" s="20"/>
      <c r="C16928" s="2" t="s">
        <v>51742</v>
      </c>
      <c r="D16928" s="14" t="s">
        <v>51743</v>
      </c>
      <c r="E16928" s="2" t="s">
        <v>51744</v>
      </c>
      <c r="F16928" s="2" t="s">
        <v>36349</v>
      </c>
      <c r="G16928" s="8">
        <v>289</v>
      </c>
      <c r="H16928" s="5">
        <v>6</v>
      </c>
      <c r="I16928" s="5" t="s">
        <v>1518</v>
      </c>
      <c r="J16928" s="5" t="s">
        <v>36264</v>
      </c>
      <c r="K16928" s="2" t="s">
        <v>36265</v>
      </c>
      <c r="L16928" s="5" t="s">
        <v>36264</v>
      </c>
      <c r="M16928" s="2" t="s">
        <v>36265</v>
      </c>
      <c r="N16928" s="5" t="s">
        <v>36266</v>
      </c>
      <c r="O16928" s="5" t="s">
        <v>38</v>
      </c>
      <c r="P16928" s="5" t="s">
        <v>39</v>
      </c>
      <c r="Q16928" s="5" t="s">
        <v>40</v>
      </c>
      <c r="R16928" s="5" t="s">
        <v>1522</v>
      </c>
      <c r="S16928" s="5" t="s">
        <v>1523</v>
      </c>
      <c r="T16928" s="5" t="s">
        <v>42</v>
      </c>
      <c r="U16928" s="2">
        <v>2.6659999999999999</v>
      </c>
      <c r="V16928" s="2">
        <v>2.1230000000000002</v>
      </c>
      <c r="W16928" s="2">
        <v>1.2999999999999999E-2</v>
      </c>
      <c r="X16928" s="2">
        <v>99.1</v>
      </c>
      <c r="Y16928" s="2">
        <v>7.6</v>
      </c>
      <c r="Z16928" s="2">
        <v>16.7</v>
      </c>
      <c r="AA16928" s="5"/>
      <c r="AB16928" s="5" t="s">
        <v>43</v>
      </c>
      <c r="AC16928" s="5" t="s">
        <v>44</v>
      </c>
      <c r="AD16928" s="2"/>
      <c r="AE16928" s="1"/>
    </row>
    <row r="16929" spans="1:31" ht="14.45">
      <c r="A16929" s="11"/>
      <c r="B16929" s="20"/>
      <c r="C16929" s="2" t="s">
        <v>51745</v>
      </c>
      <c r="D16929" s="14" t="s">
        <v>51746</v>
      </c>
      <c r="E16929" s="2" t="s">
        <v>51747</v>
      </c>
      <c r="F16929" s="2" t="s">
        <v>36353</v>
      </c>
      <c r="G16929" s="8">
        <v>289</v>
      </c>
      <c r="H16929" s="5">
        <v>6</v>
      </c>
      <c r="I16929" s="5" t="s">
        <v>1518</v>
      </c>
      <c r="J16929" s="5" t="s">
        <v>36264</v>
      </c>
      <c r="K16929" s="2" t="s">
        <v>36265</v>
      </c>
      <c r="L16929" s="5" t="s">
        <v>36264</v>
      </c>
      <c r="M16929" s="2" t="s">
        <v>36265</v>
      </c>
      <c r="N16929" s="5" t="s">
        <v>36266</v>
      </c>
      <c r="O16929" s="5" t="s">
        <v>38</v>
      </c>
      <c r="P16929" s="5" t="s">
        <v>39</v>
      </c>
      <c r="Q16929" s="5" t="s">
        <v>40</v>
      </c>
      <c r="R16929" s="5" t="s">
        <v>1522</v>
      </c>
      <c r="S16929" s="5" t="s">
        <v>1523</v>
      </c>
      <c r="T16929" s="5" t="s">
        <v>42</v>
      </c>
      <c r="U16929" s="2">
        <v>2.5950000000000002</v>
      </c>
      <c r="V16929" s="2">
        <v>2.052</v>
      </c>
      <c r="W16929" s="2">
        <v>1.2999999999999999E-2</v>
      </c>
      <c r="X16929" s="2">
        <v>99.1</v>
      </c>
      <c r="Y16929" s="2">
        <v>7.6</v>
      </c>
      <c r="Z16929" s="2">
        <v>16.7</v>
      </c>
      <c r="AA16929" s="5"/>
      <c r="AB16929" s="5" t="s">
        <v>43</v>
      </c>
      <c r="AC16929" s="5" t="s">
        <v>44</v>
      </c>
      <c r="AD16929" s="2"/>
      <c r="AE16929" s="1"/>
    </row>
    <row r="16930" spans="1:31" ht="14.45">
      <c r="A16930" s="11"/>
      <c r="B16930" s="20"/>
      <c r="C16930" s="2" t="s">
        <v>51748</v>
      </c>
      <c r="D16930" s="14" t="s">
        <v>51749</v>
      </c>
      <c r="E16930" s="2" t="s">
        <v>51750</v>
      </c>
      <c r="F16930" s="2" t="s">
        <v>36357</v>
      </c>
      <c r="G16930" s="8">
        <v>289</v>
      </c>
      <c r="H16930" s="5">
        <v>6</v>
      </c>
      <c r="I16930" s="5" t="s">
        <v>1518</v>
      </c>
      <c r="J16930" s="5" t="s">
        <v>36264</v>
      </c>
      <c r="K16930" s="2" t="s">
        <v>36265</v>
      </c>
      <c r="L16930" s="5" t="s">
        <v>36264</v>
      </c>
      <c r="M16930" s="2" t="s">
        <v>36265</v>
      </c>
      <c r="N16930" s="5" t="s">
        <v>36266</v>
      </c>
      <c r="O16930" s="5" t="s">
        <v>38</v>
      </c>
      <c r="P16930" s="5" t="s">
        <v>39</v>
      </c>
      <c r="Q16930" s="5" t="s">
        <v>40</v>
      </c>
      <c r="R16930" s="5" t="s">
        <v>1522</v>
      </c>
      <c r="S16930" s="5" t="s">
        <v>1523</v>
      </c>
      <c r="T16930" s="5" t="s">
        <v>42</v>
      </c>
      <c r="U16930" s="2">
        <v>2.6659999999999999</v>
      </c>
      <c r="V16930" s="2">
        <v>2.1230000000000002</v>
      </c>
      <c r="W16930" s="2">
        <v>1.2999999999999999E-2</v>
      </c>
      <c r="X16930" s="2">
        <v>99.1</v>
      </c>
      <c r="Y16930" s="2">
        <v>7.6</v>
      </c>
      <c r="Z16930" s="2">
        <v>16.7</v>
      </c>
      <c r="AA16930" s="5"/>
      <c r="AB16930" s="5" t="s">
        <v>43</v>
      </c>
      <c r="AC16930" s="5" t="s">
        <v>44</v>
      </c>
      <c r="AD16930" s="2"/>
      <c r="AE16930" s="1"/>
    </row>
    <row r="16931" spans="1:31" ht="14.45">
      <c r="A16931" s="11"/>
      <c r="B16931" s="20"/>
      <c r="C16931" s="2" t="s">
        <v>51751</v>
      </c>
      <c r="D16931" s="14" t="s">
        <v>51752</v>
      </c>
      <c r="E16931" s="2" t="s">
        <v>51753</v>
      </c>
      <c r="F16931" s="2" t="s">
        <v>45598</v>
      </c>
      <c r="G16931" s="8">
        <v>289</v>
      </c>
      <c r="H16931" s="5">
        <v>6</v>
      </c>
      <c r="I16931" s="5" t="s">
        <v>1518</v>
      </c>
      <c r="J16931" s="5" t="s">
        <v>36264</v>
      </c>
      <c r="K16931" s="2" t="s">
        <v>36265</v>
      </c>
      <c r="L16931" s="5" t="s">
        <v>36264</v>
      </c>
      <c r="M16931" s="2" t="s">
        <v>36265</v>
      </c>
      <c r="N16931" s="5" t="s">
        <v>36266</v>
      </c>
      <c r="O16931" s="5" t="s">
        <v>38</v>
      </c>
      <c r="P16931" s="5" t="s">
        <v>39</v>
      </c>
      <c r="Q16931" s="5" t="s">
        <v>40</v>
      </c>
      <c r="R16931" s="5" t="s">
        <v>1522</v>
      </c>
      <c r="S16931" s="5" t="s">
        <v>1523</v>
      </c>
      <c r="T16931" s="5" t="s">
        <v>42</v>
      </c>
      <c r="U16931" s="2">
        <v>2.5950000000000002</v>
      </c>
      <c r="V16931" s="2">
        <v>2.052</v>
      </c>
      <c r="W16931" s="2">
        <v>1.2999999999999999E-2</v>
      </c>
      <c r="X16931" s="2">
        <v>99.1</v>
      </c>
      <c r="Y16931" s="2">
        <v>7.6</v>
      </c>
      <c r="Z16931" s="2">
        <v>16.7</v>
      </c>
      <c r="AA16931" s="5"/>
      <c r="AB16931" s="5" t="s">
        <v>43</v>
      </c>
      <c r="AC16931" s="5" t="s">
        <v>44</v>
      </c>
      <c r="AD16931" s="2"/>
      <c r="AE16931" s="1"/>
    </row>
    <row r="16932" spans="1:31" ht="14.45">
      <c r="A16932" s="11"/>
      <c r="B16932" s="20"/>
      <c r="C16932" s="2" t="s">
        <v>51754</v>
      </c>
      <c r="D16932" s="14" t="s">
        <v>51755</v>
      </c>
      <c r="E16932" s="2" t="s">
        <v>51756</v>
      </c>
      <c r="F16932" s="2" t="s">
        <v>45534</v>
      </c>
      <c r="G16932" s="8">
        <v>289</v>
      </c>
      <c r="H16932" s="5">
        <v>6</v>
      </c>
      <c r="I16932" s="5" t="s">
        <v>1518</v>
      </c>
      <c r="J16932" s="5" t="s">
        <v>36264</v>
      </c>
      <c r="K16932" s="2" t="s">
        <v>36265</v>
      </c>
      <c r="L16932" s="5" t="s">
        <v>36264</v>
      </c>
      <c r="M16932" s="2" t="s">
        <v>36265</v>
      </c>
      <c r="N16932" s="5" t="s">
        <v>36266</v>
      </c>
      <c r="O16932" s="5" t="s">
        <v>38</v>
      </c>
      <c r="P16932" s="5" t="s">
        <v>39</v>
      </c>
      <c r="Q16932" s="5" t="s">
        <v>40</v>
      </c>
      <c r="R16932" s="5" t="s">
        <v>1522</v>
      </c>
      <c r="S16932" s="5" t="s">
        <v>1523</v>
      </c>
      <c r="T16932" s="5" t="s">
        <v>42</v>
      </c>
      <c r="U16932" s="2">
        <v>2.6659999999999999</v>
      </c>
      <c r="V16932" s="2">
        <v>2.1230000000000002</v>
      </c>
      <c r="W16932" s="2">
        <v>1.2999999999999999E-2</v>
      </c>
      <c r="X16932" s="2">
        <v>99.1</v>
      </c>
      <c r="Y16932" s="2">
        <v>7.6</v>
      </c>
      <c r="Z16932" s="2">
        <v>16.7</v>
      </c>
      <c r="AA16932" s="5"/>
      <c r="AB16932" s="5" t="s">
        <v>43</v>
      </c>
      <c r="AC16932" s="5" t="s">
        <v>44</v>
      </c>
      <c r="AD16932" s="2"/>
      <c r="AE16932" s="1"/>
    </row>
    <row r="16933" spans="1:31" ht="14.45">
      <c r="A16933" s="11"/>
      <c r="B16933" s="20"/>
      <c r="C16933" s="2" t="s">
        <v>51757</v>
      </c>
      <c r="D16933" s="14" t="s">
        <v>51758</v>
      </c>
      <c r="E16933" s="2" t="s">
        <v>51759</v>
      </c>
      <c r="F16933" s="2" t="s">
        <v>36369</v>
      </c>
      <c r="G16933" s="8">
        <v>289</v>
      </c>
      <c r="H16933" s="5">
        <v>6</v>
      </c>
      <c r="I16933" s="5" t="s">
        <v>1518</v>
      </c>
      <c r="J16933" s="5" t="s">
        <v>36264</v>
      </c>
      <c r="K16933" s="2" t="s">
        <v>36265</v>
      </c>
      <c r="L16933" s="5" t="s">
        <v>36264</v>
      </c>
      <c r="M16933" s="2" t="s">
        <v>36265</v>
      </c>
      <c r="N16933" s="5" t="s">
        <v>36266</v>
      </c>
      <c r="O16933" s="5" t="s">
        <v>38</v>
      </c>
      <c r="P16933" s="5" t="s">
        <v>39</v>
      </c>
      <c r="Q16933" s="5" t="s">
        <v>40</v>
      </c>
      <c r="R16933" s="5" t="s">
        <v>1522</v>
      </c>
      <c r="S16933" s="5" t="s">
        <v>1523</v>
      </c>
      <c r="T16933" s="5" t="s">
        <v>42</v>
      </c>
      <c r="U16933" s="2">
        <v>2.5950000000000002</v>
      </c>
      <c r="V16933" s="2">
        <v>2.052</v>
      </c>
      <c r="W16933" s="2">
        <v>1.2999999999999999E-2</v>
      </c>
      <c r="X16933" s="2">
        <v>99.1</v>
      </c>
      <c r="Y16933" s="2">
        <v>7.6</v>
      </c>
      <c r="Z16933" s="2">
        <v>16.7</v>
      </c>
      <c r="AA16933" s="5"/>
      <c r="AB16933" s="5" t="s">
        <v>43</v>
      </c>
      <c r="AC16933" s="5" t="s">
        <v>44</v>
      </c>
      <c r="AD16933" s="2"/>
      <c r="AE16933" s="1"/>
    </row>
    <row r="16934" spans="1:31" ht="14.45">
      <c r="A16934" s="11"/>
      <c r="B16934" s="20"/>
      <c r="C16934" s="2" t="s">
        <v>51760</v>
      </c>
      <c r="D16934" s="14" t="s">
        <v>51761</v>
      </c>
      <c r="E16934" s="2" t="s">
        <v>51762</v>
      </c>
      <c r="F16934" s="2" t="s">
        <v>36373</v>
      </c>
      <c r="G16934" s="8">
        <v>289</v>
      </c>
      <c r="H16934" s="5">
        <v>6</v>
      </c>
      <c r="I16934" s="5" t="s">
        <v>1518</v>
      </c>
      <c r="J16934" s="5" t="s">
        <v>36264</v>
      </c>
      <c r="K16934" s="2" t="s">
        <v>36265</v>
      </c>
      <c r="L16934" s="5" t="s">
        <v>36264</v>
      </c>
      <c r="M16934" s="2" t="s">
        <v>36265</v>
      </c>
      <c r="N16934" s="5" t="s">
        <v>36266</v>
      </c>
      <c r="O16934" s="5" t="s">
        <v>38</v>
      </c>
      <c r="P16934" s="5" t="s">
        <v>39</v>
      </c>
      <c r="Q16934" s="5" t="s">
        <v>40</v>
      </c>
      <c r="R16934" s="5" t="s">
        <v>1522</v>
      </c>
      <c r="S16934" s="5" t="s">
        <v>1523</v>
      </c>
      <c r="T16934" s="5" t="s">
        <v>42</v>
      </c>
      <c r="U16934" s="2">
        <v>2.6659999999999999</v>
      </c>
      <c r="V16934" s="2">
        <v>2.1230000000000002</v>
      </c>
      <c r="W16934" s="2">
        <v>1.2999999999999999E-2</v>
      </c>
      <c r="X16934" s="2">
        <v>99.1</v>
      </c>
      <c r="Y16934" s="2">
        <v>7.6</v>
      </c>
      <c r="Z16934" s="2">
        <v>16.7</v>
      </c>
      <c r="AA16934" s="5"/>
      <c r="AB16934" s="5" t="s">
        <v>43</v>
      </c>
      <c r="AC16934" s="5" t="s">
        <v>44</v>
      </c>
      <c r="AD16934" s="2"/>
      <c r="AE16934" s="1"/>
    </row>
    <row r="16935" spans="1:31" ht="14.45">
      <c r="A16935" s="11"/>
      <c r="B16935" s="20"/>
      <c r="C16935" s="2" t="s">
        <v>51763</v>
      </c>
      <c r="D16935" s="14" t="s">
        <v>51764</v>
      </c>
      <c r="E16935" s="2" t="s">
        <v>51765</v>
      </c>
      <c r="F16935" s="2" t="s">
        <v>36377</v>
      </c>
      <c r="G16935" s="8">
        <v>289</v>
      </c>
      <c r="H16935" s="5">
        <v>6</v>
      </c>
      <c r="I16935" s="5" t="s">
        <v>1518</v>
      </c>
      <c r="J16935" s="5" t="s">
        <v>36264</v>
      </c>
      <c r="K16935" s="2" t="s">
        <v>36265</v>
      </c>
      <c r="L16935" s="5" t="s">
        <v>36264</v>
      </c>
      <c r="M16935" s="2" t="s">
        <v>36265</v>
      </c>
      <c r="N16935" s="5" t="s">
        <v>36266</v>
      </c>
      <c r="O16935" s="5" t="s">
        <v>38</v>
      </c>
      <c r="P16935" s="5" t="s">
        <v>39</v>
      </c>
      <c r="Q16935" s="5" t="s">
        <v>40</v>
      </c>
      <c r="R16935" s="5" t="s">
        <v>1522</v>
      </c>
      <c r="S16935" s="5" t="s">
        <v>1523</v>
      </c>
      <c r="T16935" s="5" t="s">
        <v>42</v>
      </c>
      <c r="U16935" s="2">
        <v>2.5950000000000002</v>
      </c>
      <c r="V16935" s="2">
        <v>2.052</v>
      </c>
      <c r="W16935" s="2">
        <v>1.2999999999999999E-2</v>
      </c>
      <c r="X16935" s="2">
        <v>99.1</v>
      </c>
      <c r="Y16935" s="2">
        <v>7.6</v>
      </c>
      <c r="Z16935" s="2">
        <v>16.7</v>
      </c>
      <c r="AA16935" s="5"/>
      <c r="AB16935" s="5" t="s">
        <v>43</v>
      </c>
      <c r="AC16935" s="5" t="s">
        <v>44</v>
      </c>
      <c r="AD16935" s="2"/>
      <c r="AE16935" s="1"/>
    </row>
    <row r="16936" spans="1:31" ht="14.45">
      <c r="A16936" s="11"/>
      <c r="B16936" s="20"/>
      <c r="C16936" s="2" t="s">
        <v>51766</v>
      </c>
      <c r="D16936" s="14" t="s">
        <v>51767</v>
      </c>
      <c r="E16936" s="2" t="s">
        <v>51768</v>
      </c>
      <c r="F16936" s="2" t="s">
        <v>36381</v>
      </c>
      <c r="G16936" s="8">
        <v>289</v>
      </c>
      <c r="H16936" s="5">
        <v>6</v>
      </c>
      <c r="I16936" s="5" t="s">
        <v>1518</v>
      </c>
      <c r="J16936" s="5" t="s">
        <v>36264</v>
      </c>
      <c r="K16936" s="2" t="s">
        <v>36265</v>
      </c>
      <c r="L16936" s="5" t="s">
        <v>36264</v>
      </c>
      <c r="M16936" s="2" t="s">
        <v>36265</v>
      </c>
      <c r="N16936" s="5" t="s">
        <v>36266</v>
      </c>
      <c r="O16936" s="5" t="s">
        <v>38</v>
      </c>
      <c r="P16936" s="5" t="s">
        <v>39</v>
      </c>
      <c r="Q16936" s="5" t="s">
        <v>40</v>
      </c>
      <c r="R16936" s="5" t="s">
        <v>1522</v>
      </c>
      <c r="S16936" s="5" t="s">
        <v>1523</v>
      </c>
      <c r="T16936" s="5" t="s">
        <v>42</v>
      </c>
      <c r="U16936" s="2">
        <v>2.6659999999999999</v>
      </c>
      <c r="V16936" s="2">
        <v>2.1230000000000002</v>
      </c>
      <c r="W16936" s="2">
        <v>1.2999999999999999E-2</v>
      </c>
      <c r="X16936" s="2">
        <v>99.1</v>
      </c>
      <c r="Y16936" s="2">
        <v>7.6</v>
      </c>
      <c r="Z16936" s="2">
        <v>16.7</v>
      </c>
      <c r="AA16936" s="5"/>
      <c r="AB16936" s="5" t="s">
        <v>43</v>
      </c>
      <c r="AC16936" s="5" t="s">
        <v>44</v>
      </c>
      <c r="AD16936" s="2"/>
      <c r="AE16936" s="1"/>
    </row>
    <row r="16937" spans="1:31" ht="14.45">
      <c r="A16937" s="11"/>
      <c r="B16937" s="20"/>
      <c r="C16937" s="2" t="s">
        <v>51769</v>
      </c>
      <c r="D16937" s="14" t="s">
        <v>51770</v>
      </c>
      <c r="E16937" s="2" t="s">
        <v>51771</v>
      </c>
      <c r="F16937" s="2" t="s">
        <v>36385</v>
      </c>
      <c r="G16937" s="8">
        <v>289</v>
      </c>
      <c r="H16937" s="5">
        <v>6</v>
      </c>
      <c r="I16937" s="5" t="s">
        <v>1518</v>
      </c>
      <c r="J16937" s="5" t="s">
        <v>36264</v>
      </c>
      <c r="K16937" s="2" t="s">
        <v>36265</v>
      </c>
      <c r="L16937" s="5" t="s">
        <v>36264</v>
      </c>
      <c r="M16937" s="2" t="s">
        <v>36265</v>
      </c>
      <c r="N16937" s="5" t="s">
        <v>36266</v>
      </c>
      <c r="O16937" s="5" t="s">
        <v>38</v>
      </c>
      <c r="P16937" s="5" t="s">
        <v>39</v>
      </c>
      <c r="Q16937" s="5" t="s">
        <v>40</v>
      </c>
      <c r="R16937" s="5" t="s">
        <v>1522</v>
      </c>
      <c r="S16937" s="5" t="s">
        <v>1523</v>
      </c>
      <c r="T16937" s="5" t="s">
        <v>42</v>
      </c>
      <c r="U16937" s="2">
        <v>2.5950000000000002</v>
      </c>
      <c r="V16937" s="2">
        <v>2.052</v>
      </c>
      <c r="W16937" s="2">
        <v>1.2999999999999999E-2</v>
      </c>
      <c r="X16937" s="2">
        <v>99.1</v>
      </c>
      <c r="Y16937" s="2">
        <v>7.6</v>
      </c>
      <c r="Z16937" s="2">
        <v>16.7</v>
      </c>
      <c r="AA16937" s="5"/>
      <c r="AB16937" s="5" t="s">
        <v>43</v>
      </c>
      <c r="AC16937" s="5" t="s">
        <v>44</v>
      </c>
      <c r="AD16937" s="2"/>
      <c r="AE16937" s="1"/>
    </row>
    <row r="16938" spans="1:31" ht="14.45">
      <c r="A16938" s="11"/>
      <c r="B16938" s="20"/>
      <c r="C16938" s="2" t="s">
        <v>51772</v>
      </c>
      <c r="D16938" s="14" t="s">
        <v>51773</v>
      </c>
      <c r="E16938" s="2" t="s">
        <v>51774</v>
      </c>
      <c r="F16938" s="2" t="s">
        <v>36389</v>
      </c>
      <c r="G16938" s="8">
        <v>289</v>
      </c>
      <c r="H16938" s="5">
        <v>6</v>
      </c>
      <c r="I16938" s="5" t="s">
        <v>1518</v>
      </c>
      <c r="J16938" s="5" t="s">
        <v>36264</v>
      </c>
      <c r="K16938" s="2" t="s">
        <v>36265</v>
      </c>
      <c r="L16938" s="5" t="s">
        <v>36264</v>
      </c>
      <c r="M16938" s="2" t="s">
        <v>36265</v>
      </c>
      <c r="N16938" s="5" t="s">
        <v>36266</v>
      </c>
      <c r="O16938" s="5" t="s">
        <v>38</v>
      </c>
      <c r="P16938" s="5" t="s">
        <v>39</v>
      </c>
      <c r="Q16938" s="5" t="s">
        <v>40</v>
      </c>
      <c r="R16938" s="5" t="s">
        <v>1522</v>
      </c>
      <c r="S16938" s="5" t="s">
        <v>1523</v>
      </c>
      <c r="T16938" s="5" t="s">
        <v>42</v>
      </c>
      <c r="U16938" s="2">
        <v>2.6659999999999999</v>
      </c>
      <c r="V16938" s="2">
        <v>2.1230000000000002</v>
      </c>
      <c r="W16938" s="2">
        <v>1.2999999999999999E-2</v>
      </c>
      <c r="X16938" s="2">
        <v>99.1</v>
      </c>
      <c r="Y16938" s="2">
        <v>7.6</v>
      </c>
      <c r="Z16938" s="2">
        <v>16.7</v>
      </c>
      <c r="AA16938" s="5"/>
      <c r="AB16938" s="5" t="s">
        <v>43</v>
      </c>
      <c r="AC16938" s="5" t="s">
        <v>44</v>
      </c>
      <c r="AD16938" s="2"/>
      <c r="AE16938" s="1"/>
    </row>
    <row r="16939" spans="1:31" ht="14.45">
      <c r="A16939" s="11"/>
      <c r="B16939" s="20"/>
      <c r="C16939" s="2" t="s">
        <v>51775</v>
      </c>
      <c r="D16939" s="14" t="s">
        <v>51776</v>
      </c>
      <c r="E16939" s="2" t="s">
        <v>51777</v>
      </c>
      <c r="F16939" s="2" t="s">
        <v>7204</v>
      </c>
      <c r="G16939" s="8">
        <v>280</v>
      </c>
      <c r="H16939" s="5">
        <v>6</v>
      </c>
      <c r="I16939" s="5" t="s">
        <v>1518</v>
      </c>
      <c r="J16939" s="5" t="s">
        <v>36264</v>
      </c>
      <c r="K16939" s="2" t="s">
        <v>36265</v>
      </c>
      <c r="L16939" s="5" t="s">
        <v>36264</v>
      </c>
      <c r="M16939" s="2" t="s">
        <v>36265</v>
      </c>
      <c r="N16939" s="5" t="s">
        <v>36266</v>
      </c>
      <c r="O16939" s="5" t="s">
        <v>38</v>
      </c>
      <c r="P16939" s="5" t="s">
        <v>39</v>
      </c>
      <c r="Q16939" s="5" t="s">
        <v>40</v>
      </c>
      <c r="R16939" s="5" t="s">
        <v>1522</v>
      </c>
      <c r="S16939" s="5" t="s">
        <v>1523</v>
      </c>
      <c r="T16939" s="5" t="s">
        <v>42</v>
      </c>
      <c r="U16939" s="2">
        <v>2.76</v>
      </c>
      <c r="V16939" s="2">
        <v>2.2170000000000001</v>
      </c>
      <c r="W16939" s="2">
        <v>1.4999999999999999E-2</v>
      </c>
      <c r="X16939" s="2">
        <v>118.9</v>
      </c>
      <c r="Y16939" s="2">
        <v>7.6</v>
      </c>
      <c r="Z16939" s="2">
        <v>16.7</v>
      </c>
      <c r="AA16939" s="5"/>
      <c r="AB16939" s="5" t="s">
        <v>43</v>
      </c>
      <c r="AC16939" s="5" t="s">
        <v>44</v>
      </c>
      <c r="AD16939" s="2"/>
      <c r="AE16939" s="1"/>
    </row>
    <row r="16940" spans="1:31" ht="14.45">
      <c r="A16940" s="11"/>
      <c r="B16940" s="20"/>
      <c r="C16940" s="2" t="s">
        <v>51778</v>
      </c>
      <c r="D16940" s="14" t="s">
        <v>51779</v>
      </c>
      <c r="E16940" s="2" t="s">
        <v>51780</v>
      </c>
      <c r="F16940" s="2" t="s">
        <v>7514</v>
      </c>
      <c r="G16940" s="8">
        <v>280</v>
      </c>
      <c r="H16940" s="5">
        <v>6</v>
      </c>
      <c r="I16940" s="5" t="s">
        <v>1518</v>
      </c>
      <c r="J16940" s="5" t="s">
        <v>36264</v>
      </c>
      <c r="K16940" s="2" t="s">
        <v>36265</v>
      </c>
      <c r="L16940" s="5" t="s">
        <v>36264</v>
      </c>
      <c r="M16940" s="2" t="s">
        <v>36265</v>
      </c>
      <c r="N16940" s="5" t="s">
        <v>36266</v>
      </c>
      <c r="O16940" s="5" t="s">
        <v>38</v>
      </c>
      <c r="P16940" s="5" t="s">
        <v>39</v>
      </c>
      <c r="Q16940" s="5" t="s">
        <v>40</v>
      </c>
      <c r="R16940" s="5" t="s">
        <v>1522</v>
      </c>
      <c r="S16940" s="5" t="s">
        <v>1523</v>
      </c>
      <c r="T16940" s="5" t="s">
        <v>42</v>
      </c>
      <c r="U16940" s="2">
        <v>2.8420000000000001</v>
      </c>
      <c r="V16940" s="2">
        <v>2.2989999999999999</v>
      </c>
      <c r="W16940" s="2">
        <v>1.4999999999999999E-2</v>
      </c>
      <c r="X16940" s="2">
        <v>118.9</v>
      </c>
      <c r="Y16940" s="2">
        <v>7.6</v>
      </c>
      <c r="Z16940" s="2">
        <v>16.7</v>
      </c>
      <c r="AA16940" s="5"/>
      <c r="AB16940" s="5" t="s">
        <v>43</v>
      </c>
      <c r="AC16940" s="5" t="s">
        <v>44</v>
      </c>
      <c r="AD16940" s="2"/>
      <c r="AE16940" s="1"/>
    </row>
    <row r="16941" spans="1:31" ht="14.45">
      <c r="A16941" s="11"/>
      <c r="B16941" s="20"/>
      <c r="C16941" s="2" t="s">
        <v>51781</v>
      </c>
      <c r="D16941" s="14" t="s">
        <v>51782</v>
      </c>
      <c r="E16941" s="2" t="s">
        <v>51783</v>
      </c>
      <c r="F16941" s="2" t="s">
        <v>36273</v>
      </c>
      <c r="G16941" s="8">
        <v>280</v>
      </c>
      <c r="H16941" s="5">
        <v>6</v>
      </c>
      <c r="I16941" s="5" t="s">
        <v>1518</v>
      </c>
      <c r="J16941" s="5" t="s">
        <v>36264</v>
      </c>
      <c r="K16941" s="2" t="s">
        <v>36265</v>
      </c>
      <c r="L16941" s="5" t="s">
        <v>36264</v>
      </c>
      <c r="M16941" s="2" t="s">
        <v>36265</v>
      </c>
      <c r="N16941" s="5" t="s">
        <v>36266</v>
      </c>
      <c r="O16941" s="5" t="s">
        <v>38</v>
      </c>
      <c r="P16941" s="5" t="s">
        <v>39</v>
      </c>
      <c r="Q16941" s="5" t="s">
        <v>40</v>
      </c>
      <c r="R16941" s="5" t="s">
        <v>1522</v>
      </c>
      <c r="S16941" s="5" t="s">
        <v>1523</v>
      </c>
      <c r="T16941" s="5" t="s">
        <v>42</v>
      </c>
      <c r="U16941" s="2">
        <v>2.76</v>
      </c>
      <c r="V16941" s="2">
        <v>2.2170000000000001</v>
      </c>
      <c r="W16941" s="2">
        <v>1.4999999999999999E-2</v>
      </c>
      <c r="X16941" s="2">
        <v>118.9</v>
      </c>
      <c r="Y16941" s="2">
        <v>7.6</v>
      </c>
      <c r="Z16941" s="2">
        <v>16.7</v>
      </c>
      <c r="AA16941" s="5"/>
      <c r="AB16941" s="5" t="s">
        <v>43</v>
      </c>
      <c r="AC16941" s="5" t="s">
        <v>44</v>
      </c>
      <c r="AD16941" s="2"/>
      <c r="AE16941" s="1"/>
    </row>
    <row r="16942" spans="1:31" ht="14.45">
      <c r="A16942" s="11"/>
      <c r="B16942" s="20"/>
      <c r="C16942" s="2" t="s">
        <v>51784</v>
      </c>
      <c r="D16942" s="14" t="s">
        <v>51785</v>
      </c>
      <c r="E16942" s="2" t="s">
        <v>51786</v>
      </c>
      <c r="F16942" s="2" t="s">
        <v>36277</v>
      </c>
      <c r="G16942" s="8">
        <v>280</v>
      </c>
      <c r="H16942" s="5">
        <v>6</v>
      </c>
      <c r="I16942" s="5" t="s">
        <v>1518</v>
      </c>
      <c r="J16942" s="5" t="s">
        <v>36264</v>
      </c>
      <c r="K16942" s="2" t="s">
        <v>36265</v>
      </c>
      <c r="L16942" s="5" t="s">
        <v>36264</v>
      </c>
      <c r="M16942" s="2" t="s">
        <v>36265</v>
      </c>
      <c r="N16942" s="5" t="s">
        <v>36266</v>
      </c>
      <c r="O16942" s="5" t="s">
        <v>38</v>
      </c>
      <c r="P16942" s="5" t="s">
        <v>39</v>
      </c>
      <c r="Q16942" s="5" t="s">
        <v>40</v>
      </c>
      <c r="R16942" s="5" t="s">
        <v>1522</v>
      </c>
      <c r="S16942" s="5" t="s">
        <v>1523</v>
      </c>
      <c r="T16942" s="5" t="s">
        <v>42</v>
      </c>
      <c r="U16942" s="2">
        <v>2.8420000000000001</v>
      </c>
      <c r="V16942" s="2">
        <v>2.2989999999999999</v>
      </c>
      <c r="W16942" s="2">
        <v>1.4999999999999999E-2</v>
      </c>
      <c r="X16942" s="2">
        <v>118.9</v>
      </c>
      <c r="Y16942" s="2">
        <v>7.6</v>
      </c>
      <c r="Z16942" s="2">
        <v>16.7</v>
      </c>
      <c r="AA16942" s="5"/>
      <c r="AB16942" s="5" t="s">
        <v>43</v>
      </c>
      <c r="AC16942" s="5" t="s">
        <v>44</v>
      </c>
      <c r="AD16942" s="2"/>
      <c r="AE16942" s="1"/>
    </row>
    <row r="16943" spans="1:31" ht="14.45">
      <c r="A16943" s="11"/>
      <c r="B16943" s="20"/>
      <c r="C16943" s="2" t="s">
        <v>51787</v>
      </c>
      <c r="D16943" s="14" t="s">
        <v>51788</v>
      </c>
      <c r="E16943" s="2" t="s">
        <v>51789</v>
      </c>
      <c r="F16943" s="2" t="s">
        <v>36281</v>
      </c>
      <c r="G16943" s="8">
        <v>302</v>
      </c>
      <c r="H16943" s="5">
        <v>6</v>
      </c>
      <c r="I16943" s="5" t="s">
        <v>1518</v>
      </c>
      <c r="J16943" s="5" t="s">
        <v>36264</v>
      </c>
      <c r="K16943" s="2" t="s">
        <v>36265</v>
      </c>
      <c r="L16943" s="5" t="s">
        <v>36264</v>
      </c>
      <c r="M16943" s="2" t="s">
        <v>36265</v>
      </c>
      <c r="N16943" s="5" t="s">
        <v>36266</v>
      </c>
      <c r="O16943" s="5" t="s">
        <v>38</v>
      </c>
      <c r="P16943" s="5" t="s">
        <v>39</v>
      </c>
      <c r="Q16943" s="5" t="s">
        <v>40</v>
      </c>
      <c r="R16943" s="5" t="s">
        <v>1522</v>
      </c>
      <c r="S16943" s="5" t="s">
        <v>1523</v>
      </c>
      <c r="T16943" s="5" t="s">
        <v>42</v>
      </c>
      <c r="U16943" s="2">
        <v>2.76</v>
      </c>
      <c r="V16943" s="2">
        <v>2.2170000000000001</v>
      </c>
      <c r="W16943" s="2">
        <v>1.4999999999999999E-2</v>
      </c>
      <c r="X16943" s="2">
        <v>118.9</v>
      </c>
      <c r="Y16943" s="2">
        <v>7.6</v>
      </c>
      <c r="Z16943" s="2">
        <v>16.7</v>
      </c>
      <c r="AA16943" s="5"/>
      <c r="AB16943" s="5" t="s">
        <v>43</v>
      </c>
      <c r="AC16943" s="5" t="s">
        <v>44</v>
      </c>
      <c r="AD16943" s="2"/>
      <c r="AE16943" s="1"/>
    </row>
    <row r="16944" spans="1:31" ht="14.45">
      <c r="A16944" s="11"/>
      <c r="B16944" s="20"/>
      <c r="C16944" s="2" t="s">
        <v>51790</v>
      </c>
      <c r="D16944" s="14" t="s">
        <v>51791</v>
      </c>
      <c r="E16944" s="2" t="s">
        <v>51792</v>
      </c>
      <c r="F16944" s="2" t="s">
        <v>36285</v>
      </c>
      <c r="G16944" s="8">
        <v>302</v>
      </c>
      <c r="H16944" s="5">
        <v>6</v>
      </c>
      <c r="I16944" s="5" t="s">
        <v>1518</v>
      </c>
      <c r="J16944" s="5" t="s">
        <v>36264</v>
      </c>
      <c r="K16944" s="2" t="s">
        <v>36265</v>
      </c>
      <c r="L16944" s="5" t="s">
        <v>36264</v>
      </c>
      <c r="M16944" s="2" t="s">
        <v>36265</v>
      </c>
      <c r="N16944" s="5" t="s">
        <v>36266</v>
      </c>
      <c r="O16944" s="5" t="s">
        <v>38</v>
      </c>
      <c r="P16944" s="5" t="s">
        <v>39</v>
      </c>
      <c r="Q16944" s="5" t="s">
        <v>40</v>
      </c>
      <c r="R16944" s="5" t="s">
        <v>1522</v>
      </c>
      <c r="S16944" s="5" t="s">
        <v>1523</v>
      </c>
      <c r="T16944" s="5" t="s">
        <v>42</v>
      </c>
      <c r="U16944" s="2">
        <v>2.8420000000000001</v>
      </c>
      <c r="V16944" s="2">
        <v>2.2989999999999999</v>
      </c>
      <c r="W16944" s="2">
        <v>1.4999999999999999E-2</v>
      </c>
      <c r="X16944" s="2">
        <v>118.9</v>
      </c>
      <c r="Y16944" s="2">
        <v>7.6</v>
      </c>
      <c r="Z16944" s="2">
        <v>16.7</v>
      </c>
      <c r="AA16944" s="5"/>
      <c r="AB16944" s="5" t="s">
        <v>43</v>
      </c>
      <c r="AC16944" s="5" t="s">
        <v>44</v>
      </c>
      <c r="AD16944" s="2"/>
      <c r="AE16944" s="1"/>
    </row>
    <row r="16945" spans="1:31" ht="14.45">
      <c r="A16945" s="11"/>
      <c r="B16945" s="20"/>
      <c r="C16945" s="2" t="s">
        <v>51793</v>
      </c>
      <c r="D16945" s="14" t="s">
        <v>51794</v>
      </c>
      <c r="E16945" s="2" t="s">
        <v>51795</v>
      </c>
      <c r="F16945" s="2" t="s">
        <v>36289</v>
      </c>
      <c r="G16945" s="8">
        <v>302</v>
      </c>
      <c r="H16945" s="5">
        <v>6</v>
      </c>
      <c r="I16945" s="5" t="s">
        <v>1518</v>
      </c>
      <c r="J16945" s="5" t="s">
        <v>36264</v>
      </c>
      <c r="K16945" s="2" t="s">
        <v>36265</v>
      </c>
      <c r="L16945" s="5" t="s">
        <v>36264</v>
      </c>
      <c r="M16945" s="2" t="s">
        <v>36265</v>
      </c>
      <c r="N16945" s="5" t="s">
        <v>36266</v>
      </c>
      <c r="O16945" s="5" t="s">
        <v>38</v>
      </c>
      <c r="P16945" s="5" t="s">
        <v>39</v>
      </c>
      <c r="Q16945" s="5" t="s">
        <v>40</v>
      </c>
      <c r="R16945" s="5" t="s">
        <v>1522</v>
      </c>
      <c r="S16945" s="5" t="s">
        <v>1523</v>
      </c>
      <c r="T16945" s="5" t="s">
        <v>42</v>
      </c>
      <c r="U16945" s="2">
        <v>2.76</v>
      </c>
      <c r="V16945" s="2">
        <v>2.2170000000000001</v>
      </c>
      <c r="W16945" s="2">
        <v>1.4999999999999999E-2</v>
      </c>
      <c r="X16945" s="2">
        <v>118.9</v>
      </c>
      <c r="Y16945" s="2">
        <v>7.6</v>
      </c>
      <c r="Z16945" s="2">
        <v>16.7</v>
      </c>
      <c r="AA16945" s="5"/>
      <c r="AB16945" s="5" t="s">
        <v>43</v>
      </c>
      <c r="AC16945" s="5" t="s">
        <v>44</v>
      </c>
      <c r="AD16945" s="2"/>
      <c r="AE16945" s="1"/>
    </row>
    <row r="16946" spans="1:31" ht="14.45">
      <c r="A16946" s="11"/>
      <c r="B16946" s="20"/>
      <c r="C16946" s="2" t="s">
        <v>51796</v>
      </c>
      <c r="D16946" s="14" t="s">
        <v>51797</v>
      </c>
      <c r="E16946" s="2" t="s">
        <v>51798</v>
      </c>
      <c r="F16946" s="2" t="s">
        <v>36293</v>
      </c>
      <c r="G16946" s="8">
        <v>302</v>
      </c>
      <c r="H16946" s="5">
        <v>6</v>
      </c>
      <c r="I16946" s="5" t="s">
        <v>1518</v>
      </c>
      <c r="J16946" s="5" t="s">
        <v>36264</v>
      </c>
      <c r="K16946" s="2" t="s">
        <v>36265</v>
      </c>
      <c r="L16946" s="5" t="s">
        <v>36264</v>
      </c>
      <c r="M16946" s="2" t="s">
        <v>36265</v>
      </c>
      <c r="N16946" s="5" t="s">
        <v>36266</v>
      </c>
      <c r="O16946" s="5" t="s">
        <v>38</v>
      </c>
      <c r="P16946" s="5" t="s">
        <v>39</v>
      </c>
      <c r="Q16946" s="5" t="s">
        <v>40</v>
      </c>
      <c r="R16946" s="5" t="s">
        <v>1522</v>
      </c>
      <c r="S16946" s="5" t="s">
        <v>1523</v>
      </c>
      <c r="T16946" s="5" t="s">
        <v>42</v>
      </c>
      <c r="U16946" s="2">
        <v>2.8420000000000001</v>
      </c>
      <c r="V16946" s="2">
        <v>2.2989999999999999</v>
      </c>
      <c r="W16946" s="2">
        <v>1.4999999999999999E-2</v>
      </c>
      <c r="X16946" s="2">
        <v>118.9</v>
      </c>
      <c r="Y16946" s="2">
        <v>7.6</v>
      </c>
      <c r="Z16946" s="2">
        <v>16.7</v>
      </c>
      <c r="AA16946" s="5"/>
      <c r="AB16946" s="5" t="s">
        <v>43</v>
      </c>
      <c r="AC16946" s="5" t="s">
        <v>44</v>
      </c>
      <c r="AD16946" s="2"/>
      <c r="AE16946" s="1"/>
    </row>
    <row r="16947" spans="1:31" ht="14.45">
      <c r="A16947" s="11"/>
      <c r="B16947" s="20"/>
      <c r="C16947" s="2" t="s">
        <v>51799</v>
      </c>
      <c r="D16947" s="14" t="s">
        <v>51800</v>
      </c>
      <c r="E16947" s="2" t="s">
        <v>51801</v>
      </c>
      <c r="F16947" s="2" t="s">
        <v>36297</v>
      </c>
      <c r="G16947" s="8">
        <v>280</v>
      </c>
      <c r="H16947" s="5">
        <v>6</v>
      </c>
      <c r="I16947" s="5" t="s">
        <v>1518</v>
      </c>
      <c r="J16947" s="5" t="s">
        <v>36264</v>
      </c>
      <c r="K16947" s="2" t="s">
        <v>36265</v>
      </c>
      <c r="L16947" s="5" t="s">
        <v>36264</v>
      </c>
      <c r="M16947" s="2" t="s">
        <v>36265</v>
      </c>
      <c r="N16947" s="5" t="s">
        <v>36266</v>
      </c>
      <c r="O16947" s="5" t="s">
        <v>38</v>
      </c>
      <c r="P16947" s="5" t="s">
        <v>39</v>
      </c>
      <c r="Q16947" s="5" t="s">
        <v>40</v>
      </c>
      <c r="R16947" s="5" t="s">
        <v>1522</v>
      </c>
      <c r="S16947" s="5" t="s">
        <v>1523</v>
      </c>
      <c r="T16947" s="5" t="s">
        <v>42</v>
      </c>
      <c r="U16947" s="2">
        <v>2.76</v>
      </c>
      <c r="V16947" s="2">
        <v>2.2170000000000001</v>
      </c>
      <c r="W16947" s="2">
        <v>1.4999999999999999E-2</v>
      </c>
      <c r="X16947" s="2">
        <v>118.9</v>
      </c>
      <c r="Y16947" s="2">
        <v>7.6</v>
      </c>
      <c r="Z16947" s="2">
        <v>16.7</v>
      </c>
      <c r="AA16947" s="5"/>
      <c r="AB16947" s="5" t="s">
        <v>43</v>
      </c>
      <c r="AC16947" s="5" t="s">
        <v>44</v>
      </c>
      <c r="AD16947" s="2"/>
      <c r="AE16947" s="1"/>
    </row>
    <row r="16948" spans="1:31" ht="14.45">
      <c r="A16948" s="11"/>
      <c r="B16948" s="20"/>
      <c r="C16948" s="2" t="s">
        <v>51802</v>
      </c>
      <c r="D16948" s="14" t="s">
        <v>51803</v>
      </c>
      <c r="E16948" s="2" t="s">
        <v>51804</v>
      </c>
      <c r="F16948" s="2" t="s">
        <v>36301</v>
      </c>
      <c r="G16948" s="8">
        <v>280</v>
      </c>
      <c r="H16948" s="5">
        <v>6</v>
      </c>
      <c r="I16948" s="5" t="s">
        <v>1518</v>
      </c>
      <c r="J16948" s="5" t="s">
        <v>36264</v>
      </c>
      <c r="K16948" s="2" t="s">
        <v>36265</v>
      </c>
      <c r="L16948" s="5" t="s">
        <v>36264</v>
      </c>
      <c r="M16948" s="2" t="s">
        <v>36265</v>
      </c>
      <c r="N16948" s="5" t="s">
        <v>36266</v>
      </c>
      <c r="O16948" s="5" t="s">
        <v>38</v>
      </c>
      <c r="P16948" s="5" t="s">
        <v>39</v>
      </c>
      <c r="Q16948" s="5" t="s">
        <v>40</v>
      </c>
      <c r="R16948" s="5" t="s">
        <v>1522</v>
      </c>
      <c r="S16948" s="5" t="s">
        <v>1523</v>
      </c>
      <c r="T16948" s="5" t="s">
        <v>42</v>
      </c>
      <c r="U16948" s="2">
        <v>2.8420000000000001</v>
      </c>
      <c r="V16948" s="2">
        <v>2.2989999999999999</v>
      </c>
      <c r="W16948" s="2">
        <v>1.4999999999999999E-2</v>
      </c>
      <c r="X16948" s="2">
        <v>118.9</v>
      </c>
      <c r="Y16948" s="2">
        <v>7.6</v>
      </c>
      <c r="Z16948" s="2">
        <v>16.7</v>
      </c>
      <c r="AA16948" s="5"/>
      <c r="AB16948" s="5" t="s">
        <v>43</v>
      </c>
      <c r="AC16948" s="5" t="s">
        <v>44</v>
      </c>
      <c r="AD16948" s="2"/>
      <c r="AE16948" s="1"/>
    </row>
    <row r="16949" spans="1:31" ht="14.45">
      <c r="A16949" s="11"/>
      <c r="B16949" s="20"/>
      <c r="C16949" s="2" t="s">
        <v>51805</v>
      </c>
      <c r="D16949" s="14" t="s">
        <v>51806</v>
      </c>
      <c r="E16949" s="2" t="s">
        <v>51807</v>
      </c>
      <c r="F16949" s="2" t="s">
        <v>36305</v>
      </c>
      <c r="G16949" s="8">
        <v>280</v>
      </c>
      <c r="H16949" s="5">
        <v>6</v>
      </c>
      <c r="I16949" s="5" t="s">
        <v>1518</v>
      </c>
      <c r="J16949" s="5" t="s">
        <v>36264</v>
      </c>
      <c r="K16949" s="2" t="s">
        <v>36265</v>
      </c>
      <c r="L16949" s="5" t="s">
        <v>36264</v>
      </c>
      <c r="M16949" s="2" t="s">
        <v>36265</v>
      </c>
      <c r="N16949" s="5" t="s">
        <v>36266</v>
      </c>
      <c r="O16949" s="5" t="s">
        <v>38</v>
      </c>
      <c r="P16949" s="5" t="s">
        <v>39</v>
      </c>
      <c r="Q16949" s="5" t="s">
        <v>40</v>
      </c>
      <c r="R16949" s="5" t="s">
        <v>1522</v>
      </c>
      <c r="S16949" s="5" t="s">
        <v>1523</v>
      </c>
      <c r="T16949" s="5" t="s">
        <v>42</v>
      </c>
      <c r="U16949" s="2">
        <v>2.76</v>
      </c>
      <c r="V16949" s="2">
        <v>2.2170000000000001</v>
      </c>
      <c r="W16949" s="2">
        <v>1.4999999999999999E-2</v>
      </c>
      <c r="X16949" s="2">
        <v>118.9</v>
      </c>
      <c r="Y16949" s="2">
        <v>7.6</v>
      </c>
      <c r="Z16949" s="2">
        <v>16.7</v>
      </c>
      <c r="AA16949" s="5"/>
      <c r="AB16949" s="5" t="s">
        <v>43</v>
      </c>
      <c r="AC16949" s="5" t="s">
        <v>44</v>
      </c>
      <c r="AD16949" s="2"/>
      <c r="AE16949" s="1"/>
    </row>
    <row r="16950" spans="1:31" ht="14.45">
      <c r="A16950" s="11"/>
      <c r="B16950" s="20"/>
      <c r="C16950" s="2" t="s">
        <v>51808</v>
      </c>
      <c r="D16950" s="14" t="s">
        <v>51809</v>
      </c>
      <c r="E16950" s="2" t="s">
        <v>51810</v>
      </c>
      <c r="F16950" s="2" t="s">
        <v>36309</v>
      </c>
      <c r="G16950" s="8">
        <v>280</v>
      </c>
      <c r="H16950" s="5">
        <v>6</v>
      </c>
      <c r="I16950" s="5" t="s">
        <v>1518</v>
      </c>
      <c r="J16950" s="5" t="s">
        <v>36264</v>
      </c>
      <c r="K16950" s="2" t="s">
        <v>36265</v>
      </c>
      <c r="L16950" s="5" t="s">
        <v>36264</v>
      </c>
      <c r="M16950" s="2" t="s">
        <v>36265</v>
      </c>
      <c r="N16950" s="5" t="s">
        <v>36266</v>
      </c>
      <c r="O16950" s="5" t="s">
        <v>38</v>
      </c>
      <c r="P16950" s="5" t="s">
        <v>39</v>
      </c>
      <c r="Q16950" s="5" t="s">
        <v>40</v>
      </c>
      <c r="R16950" s="5" t="s">
        <v>1522</v>
      </c>
      <c r="S16950" s="5" t="s">
        <v>1523</v>
      </c>
      <c r="T16950" s="5" t="s">
        <v>42</v>
      </c>
      <c r="U16950" s="2">
        <v>2.8420000000000001</v>
      </c>
      <c r="V16950" s="2">
        <v>2.2989999999999999</v>
      </c>
      <c r="W16950" s="2">
        <v>1.4999999999999999E-2</v>
      </c>
      <c r="X16950" s="2">
        <v>118.9</v>
      </c>
      <c r="Y16950" s="2">
        <v>7.6</v>
      </c>
      <c r="Z16950" s="2">
        <v>16.7</v>
      </c>
      <c r="AA16950" s="5"/>
      <c r="AB16950" s="5" t="s">
        <v>43</v>
      </c>
      <c r="AC16950" s="5" t="s">
        <v>44</v>
      </c>
      <c r="AD16950" s="2"/>
      <c r="AE16950" s="1"/>
    </row>
    <row r="16951" spans="1:31" ht="14.45">
      <c r="A16951" s="11"/>
      <c r="B16951" s="20"/>
      <c r="C16951" s="2" t="s">
        <v>51811</v>
      </c>
      <c r="D16951" s="14" t="s">
        <v>51812</v>
      </c>
      <c r="E16951" s="2" t="s">
        <v>51813</v>
      </c>
      <c r="F16951" s="2" t="s">
        <v>36313</v>
      </c>
      <c r="G16951" s="8">
        <v>302</v>
      </c>
      <c r="H16951" s="5">
        <v>6</v>
      </c>
      <c r="I16951" s="5" t="s">
        <v>1518</v>
      </c>
      <c r="J16951" s="5" t="s">
        <v>36264</v>
      </c>
      <c r="K16951" s="2" t="s">
        <v>36265</v>
      </c>
      <c r="L16951" s="5" t="s">
        <v>36264</v>
      </c>
      <c r="M16951" s="2" t="s">
        <v>36265</v>
      </c>
      <c r="N16951" s="5" t="s">
        <v>36266</v>
      </c>
      <c r="O16951" s="5" t="s">
        <v>38</v>
      </c>
      <c r="P16951" s="5" t="s">
        <v>39</v>
      </c>
      <c r="Q16951" s="5" t="s">
        <v>40</v>
      </c>
      <c r="R16951" s="5" t="s">
        <v>1522</v>
      </c>
      <c r="S16951" s="5" t="s">
        <v>1523</v>
      </c>
      <c r="T16951" s="5" t="s">
        <v>42</v>
      </c>
      <c r="U16951" s="2">
        <v>2.76</v>
      </c>
      <c r="V16951" s="2">
        <v>2.2170000000000001</v>
      </c>
      <c r="W16951" s="2">
        <v>1.4999999999999999E-2</v>
      </c>
      <c r="X16951" s="2">
        <v>118.9</v>
      </c>
      <c r="Y16951" s="2">
        <v>7.6</v>
      </c>
      <c r="Z16951" s="2">
        <v>16.7</v>
      </c>
      <c r="AA16951" s="5"/>
      <c r="AB16951" s="5" t="s">
        <v>43</v>
      </c>
      <c r="AC16951" s="5" t="s">
        <v>44</v>
      </c>
      <c r="AD16951" s="2"/>
      <c r="AE16951" s="1"/>
    </row>
    <row r="16952" spans="1:31" ht="14.45">
      <c r="A16952" s="11"/>
      <c r="B16952" s="20"/>
      <c r="C16952" s="2" t="s">
        <v>51814</v>
      </c>
      <c r="D16952" s="14" t="s">
        <v>51815</v>
      </c>
      <c r="E16952" s="2" t="s">
        <v>51816</v>
      </c>
      <c r="F16952" s="2" t="s">
        <v>36317</v>
      </c>
      <c r="G16952" s="8">
        <v>302</v>
      </c>
      <c r="H16952" s="5">
        <v>6</v>
      </c>
      <c r="I16952" s="5" t="s">
        <v>1518</v>
      </c>
      <c r="J16952" s="5" t="s">
        <v>36264</v>
      </c>
      <c r="K16952" s="2" t="s">
        <v>36265</v>
      </c>
      <c r="L16952" s="5" t="s">
        <v>36264</v>
      </c>
      <c r="M16952" s="2" t="s">
        <v>36265</v>
      </c>
      <c r="N16952" s="5" t="s">
        <v>36266</v>
      </c>
      <c r="O16952" s="5" t="s">
        <v>38</v>
      </c>
      <c r="P16952" s="5" t="s">
        <v>39</v>
      </c>
      <c r="Q16952" s="5" t="s">
        <v>40</v>
      </c>
      <c r="R16952" s="5" t="s">
        <v>1522</v>
      </c>
      <c r="S16952" s="5" t="s">
        <v>1523</v>
      </c>
      <c r="T16952" s="5" t="s">
        <v>42</v>
      </c>
      <c r="U16952" s="2">
        <v>2.8420000000000001</v>
      </c>
      <c r="V16952" s="2">
        <v>2.2989999999999999</v>
      </c>
      <c r="W16952" s="2">
        <v>1.4999999999999999E-2</v>
      </c>
      <c r="X16952" s="2">
        <v>118.9</v>
      </c>
      <c r="Y16952" s="2">
        <v>7.6</v>
      </c>
      <c r="Z16952" s="2">
        <v>16.7</v>
      </c>
      <c r="AA16952" s="5"/>
      <c r="AB16952" s="5" t="s">
        <v>43</v>
      </c>
      <c r="AC16952" s="5" t="s">
        <v>44</v>
      </c>
      <c r="AD16952" s="2"/>
      <c r="AE16952" s="1"/>
    </row>
    <row r="16953" spans="1:31" ht="14.45">
      <c r="A16953" s="11"/>
      <c r="B16953" s="20"/>
      <c r="C16953" s="2" t="s">
        <v>51817</v>
      </c>
      <c r="D16953" s="14" t="s">
        <v>51818</v>
      </c>
      <c r="E16953" s="2" t="s">
        <v>51819</v>
      </c>
      <c r="F16953" s="2" t="s">
        <v>36321</v>
      </c>
      <c r="G16953" s="8">
        <v>302</v>
      </c>
      <c r="H16953" s="5">
        <v>6</v>
      </c>
      <c r="I16953" s="5" t="s">
        <v>1518</v>
      </c>
      <c r="J16953" s="5" t="s">
        <v>36264</v>
      </c>
      <c r="K16953" s="2" t="s">
        <v>36265</v>
      </c>
      <c r="L16953" s="5" t="s">
        <v>36264</v>
      </c>
      <c r="M16953" s="2" t="s">
        <v>36265</v>
      </c>
      <c r="N16953" s="5" t="s">
        <v>36266</v>
      </c>
      <c r="O16953" s="5" t="s">
        <v>38</v>
      </c>
      <c r="P16953" s="5" t="s">
        <v>39</v>
      </c>
      <c r="Q16953" s="5" t="s">
        <v>40</v>
      </c>
      <c r="R16953" s="5" t="s">
        <v>1522</v>
      </c>
      <c r="S16953" s="5" t="s">
        <v>1523</v>
      </c>
      <c r="T16953" s="5" t="s">
        <v>42</v>
      </c>
      <c r="U16953" s="2">
        <v>2.76</v>
      </c>
      <c r="V16953" s="2">
        <v>2.2170000000000001</v>
      </c>
      <c r="W16953" s="2">
        <v>1.4999999999999999E-2</v>
      </c>
      <c r="X16953" s="2">
        <v>118.9</v>
      </c>
      <c r="Y16953" s="2">
        <v>7.6</v>
      </c>
      <c r="Z16953" s="2">
        <v>16.7</v>
      </c>
      <c r="AA16953" s="5"/>
      <c r="AB16953" s="5" t="s">
        <v>43</v>
      </c>
      <c r="AC16953" s="5" t="s">
        <v>44</v>
      </c>
      <c r="AD16953" s="2"/>
      <c r="AE16953" s="1"/>
    </row>
    <row r="16954" spans="1:31" ht="14.45">
      <c r="A16954" s="11"/>
      <c r="B16954" s="20"/>
      <c r="C16954" s="2" t="s">
        <v>51820</v>
      </c>
      <c r="D16954" s="14" t="s">
        <v>51821</v>
      </c>
      <c r="E16954" s="2" t="s">
        <v>51822</v>
      </c>
      <c r="F16954" s="2" t="s">
        <v>36325</v>
      </c>
      <c r="G16954" s="8">
        <v>302</v>
      </c>
      <c r="H16954" s="5">
        <v>6</v>
      </c>
      <c r="I16954" s="5" t="s">
        <v>1518</v>
      </c>
      <c r="J16954" s="5" t="s">
        <v>36264</v>
      </c>
      <c r="K16954" s="2" t="s">
        <v>36265</v>
      </c>
      <c r="L16954" s="5" t="s">
        <v>36264</v>
      </c>
      <c r="M16954" s="2" t="s">
        <v>36265</v>
      </c>
      <c r="N16954" s="5" t="s">
        <v>36266</v>
      </c>
      <c r="O16954" s="5" t="s">
        <v>38</v>
      </c>
      <c r="P16954" s="5" t="s">
        <v>39</v>
      </c>
      <c r="Q16954" s="5" t="s">
        <v>40</v>
      </c>
      <c r="R16954" s="5" t="s">
        <v>1522</v>
      </c>
      <c r="S16954" s="5" t="s">
        <v>1523</v>
      </c>
      <c r="T16954" s="5" t="s">
        <v>42</v>
      </c>
      <c r="U16954" s="2">
        <v>2.8420000000000001</v>
      </c>
      <c r="V16954" s="2">
        <v>2.2989999999999999</v>
      </c>
      <c r="W16954" s="2">
        <v>1.4999999999999999E-2</v>
      </c>
      <c r="X16954" s="2">
        <v>118.9</v>
      </c>
      <c r="Y16954" s="2">
        <v>7.6</v>
      </c>
      <c r="Z16954" s="2">
        <v>16.7</v>
      </c>
      <c r="AA16954" s="5"/>
      <c r="AB16954" s="5" t="s">
        <v>43</v>
      </c>
      <c r="AC16954" s="5" t="s">
        <v>44</v>
      </c>
      <c r="AD16954" s="2"/>
      <c r="AE16954" s="1"/>
    </row>
    <row r="16955" spans="1:31" ht="14.45">
      <c r="A16955" s="11"/>
      <c r="B16955" s="20"/>
      <c r="C16955" s="2" t="s">
        <v>51823</v>
      </c>
      <c r="D16955" s="14" t="s">
        <v>51824</v>
      </c>
      <c r="E16955" s="2" t="s">
        <v>51825</v>
      </c>
      <c r="F16955" s="2" t="s">
        <v>36329</v>
      </c>
      <c r="G16955" s="8">
        <v>302</v>
      </c>
      <c r="H16955" s="5">
        <v>6</v>
      </c>
      <c r="I16955" s="5" t="s">
        <v>1518</v>
      </c>
      <c r="J16955" s="5" t="s">
        <v>36264</v>
      </c>
      <c r="K16955" s="2" t="s">
        <v>36265</v>
      </c>
      <c r="L16955" s="5" t="s">
        <v>36264</v>
      </c>
      <c r="M16955" s="2" t="s">
        <v>36265</v>
      </c>
      <c r="N16955" s="5" t="s">
        <v>36266</v>
      </c>
      <c r="O16955" s="5" t="s">
        <v>38</v>
      </c>
      <c r="P16955" s="5" t="s">
        <v>39</v>
      </c>
      <c r="Q16955" s="5" t="s">
        <v>40</v>
      </c>
      <c r="R16955" s="5" t="s">
        <v>1522</v>
      </c>
      <c r="S16955" s="5" t="s">
        <v>1523</v>
      </c>
      <c r="T16955" s="5" t="s">
        <v>42</v>
      </c>
      <c r="U16955" s="2">
        <v>2.76</v>
      </c>
      <c r="V16955" s="2">
        <v>2.2170000000000001</v>
      </c>
      <c r="W16955" s="2">
        <v>1.4999999999999999E-2</v>
      </c>
      <c r="X16955" s="2">
        <v>118.9</v>
      </c>
      <c r="Y16955" s="2">
        <v>7.6</v>
      </c>
      <c r="Z16955" s="2">
        <v>16.7</v>
      </c>
      <c r="AA16955" s="5"/>
      <c r="AB16955" s="5" t="s">
        <v>43</v>
      </c>
      <c r="AC16955" s="5" t="s">
        <v>44</v>
      </c>
      <c r="AD16955" s="2"/>
      <c r="AE16955" s="1"/>
    </row>
    <row r="16956" spans="1:31" ht="14.45">
      <c r="A16956" s="11"/>
      <c r="B16956" s="20"/>
      <c r="C16956" s="2" t="s">
        <v>51826</v>
      </c>
      <c r="D16956" s="14" t="s">
        <v>51827</v>
      </c>
      <c r="E16956" s="2" t="s">
        <v>51828</v>
      </c>
      <c r="F16956" s="2" t="s">
        <v>36333</v>
      </c>
      <c r="G16956" s="8">
        <v>302</v>
      </c>
      <c r="H16956" s="5">
        <v>6</v>
      </c>
      <c r="I16956" s="5" t="s">
        <v>1518</v>
      </c>
      <c r="J16956" s="5" t="s">
        <v>36264</v>
      </c>
      <c r="K16956" s="2" t="s">
        <v>36265</v>
      </c>
      <c r="L16956" s="5" t="s">
        <v>36264</v>
      </c>
      <c r="M16956" s="2" t="s">
        <v>36265</v>
      </c>
      <c r="N16956" s="5" t="s">
        <v>36266</v>
      </c>
      <c r="O16956" s="5" t="s">
        <v>38</v>
      </c>
      <c r="P16956" s="5" t="s">
        <v>39</v>
      </c>
      <c r="Q16956" s="5" t="s">
        <v>40</v>
      </c>
      <c r="R16956" s="5" t="s">
        <v>1522</v>
      </c>
      <c r="S16956" s="5" t="s">
        <v>1523</v>
      </c>
      <c r="T16956" s="5" t="s">
        <v>42</v>
      </c>
      <c r="U16956" s="2">
        <v>2.8420000000000001</v>
      </c>
      <c r="V16956" s="2">
        <v>2.2989999999999999</v>
      </c>
      <c r="W16956" s="2">
        <v>1.4999999999999999E-2</v>
      </c>
      <c r="X16956" s="2">
        <v>118.9</v>
      </c>
      <c r="Y16956" s="2">
        <v>7.6</v>
      </c>
      <c r="Z16956" s="2">
        <v>16.7</v>
      </c>
      <c r="AA16956" s="5"/>
      <c r="AB16956" s="5" t="s">
        <v>43</v>
      </c>
      <c r="AC16956" s="5" t="s">
        <v>44</v>
      </c>
      <c r="AD16956" s="2"/>
      <c r="AE16956" s="1"/>
    </row>
    <row r="16957" spans="1:31" ht="14.45">
      <c r="A16957" s="11"/>
      <c r="B16957" s="20"/>
      <c r="C16957" s="2" t="s">
        <v>51829</v>
      </c>
      <c r="D16957" s="14" t="s">
        <v>51830</v>
      </c>
      <c r="E16957" s="2" t="s">
        <v>51831</v>
      </c>
      <c r="F16957" s="2" t="s">
        <v>36337</v>
      </c>
      <c r="G16957" s="8">
        <v>302</v>
      </c>
      <c r="H16957" s="5">
        <v>6</v>
      </c>
      <c r="I16957" s="5" t="s">
        <v>1518</v>
      </c>
      <c r="J16957" s="5" t="s">
        <v>36264</v>
      </c>
      <c r="K16957" s="2" t="s">
        <v>36265</v>
      </c>
      <c r="L16957" s="5" t="s">
        <v>36264</v>
      </c>
      <c r="M16957" s="2" t="s">
        <v>36265</v>
      </c>
      <c r="N16957" s="5" t="s">
        <v>36266</v>
      </c>
      <c r="O16957" s="5" t="s">
        <v>38</v>
      </c>
      <c r="P16957" s="5" t="s">
        <v>39</v>
      </c>
      <c r="Q16957" s="5" t="s">
        <v>40</v>
      </c>
      <c r="R16957" s="5" t="s">
        <v>1522</v>
      </c>
      <c r="S16957" s="5" t="s">
        <v>1523</v>
      </c>
      <c r="T16957" s="5" t="s">
        <v>42</v>
      </c>
      <c r="U16957" s="2">
        <v>2.76</v>
      </c>
      <c r="V16957" s="2">
        <v>2.2170000000000001</v>
      </c>
      <c r="W16957" s="2">
        <v>1.4999999999999999E-2</v>
      </c>
      <c r="X16957" s="2">
        <v>118.9</v>
      </c>
      <c r="Y16957" s="2">
        <v>7.6</v>
      </c>
      <c r="Z16957" s="2">
        <v>16.7</v>
      </c>
      <c r="AA16957" s="5"/>
      <c r="AB16957" s="5" t="s">
        <v>43</v>
      </c>
      <c r="AC16957" s="5" t="s">
        <v>44</v>
      </c>
      <c r="AD16957" s="2"/>
      <c r="AE16957" s="1"/>
    </row>
    <row r="16958" spans="1:31" ht="14.45">
      <c r="A16958" s="11"/>
      <c r="B16958" s="20"/>
      <c r="C16958" s="2" t="s">
        <v>51832</v>
      </c>
      <c r="D16958" s="14" t="s">
        <v>51833</v>
      </c>
      <c r="E16958" s="2" t="s">
        <v>51834</v>
      </c>
      <c r="F16958" s="2" t="s">
        <v>36341</v>
      </c>
      <c r="G16958" s="8">
        <v>302</v>
      </c>
      <c r="H16958" s="5">
        <v>6</v>
      </c>
      <c r="I16958" s="5" t="s">
        <v>1518</v>
      </c>
      <c r="J16958" s="5" t="s">
        <v>36264</v>
      </c>
      <c r="K16958" s="2" t="s">
        <v>36265</v>
      </c>
      <c r="L16958" s="5" t="s">
        <v>36264</v>
      </c>
      <c r="M16958" s="2" t="s">
        <v>36265</v>
      </c>
      <c r="N16958" s="5" t="s">
        <v>36266</v>
      </c>
      <c r="O16958" s="5" t="s">
        <v>38</v>
      </c>
      <c r="P16958" s="5" t="s">
        <v>39</v>
      </c>
      <c r="Q16958" s="5" t="s">
        <v>40</v>
      </c>
      <c r="R16958" s="5" t="s">
        <v>1522</v>
      </c>
      <c r="S16958" s="5" t="s">
        <v>1523</v>
      </c>
      <c r="T16958" s="5" t="s">
        <v>42</v>
      </c>
      <c r="U16958" s="2">
        <v>2.8420000000000001</v>
      </c>
      <c r="V16958" s="2">
        <v>2.2989999999999999</v>
      </c>
      <c r="W16958" s="2">
        <v>1.4999999999999999E-2</v>
      </c>
      <c r="X16958" s="2">
        <v>118.9</v>
      </c>
      <c r="Y16958" s="2">
        <v>7.6</v>
      </c>
      <c r="Z16958" s="2">
        <v>16.7</v>
      </c>
      <c r="AA16958" s="5"/>
      <c r="AB16958" s="5" t="s">
        <v>43</v>
      </c>
      <c r="AC16958" s="5" t="s">
        <v>44</v>
      </c>
      <c r="AD16958" s="2"/>
      <c r="AE16958" s="1"/>
    </row>
    <row r="16959" spans="1:31" ht="14.45">
      <c r="A16959" s="11"/>
      <c r="B16959" s="20"/>
      <c r="C16959" s="2" t="s">
        <v>51835</v>
      </c>
      <c r="D16959" s="14" t="s">
        <v>51836</v>
      </c>
      <c r="E16959" s="2" t="s">
        <v>51837</v>
      </c>
      <c r="F16959" s="2" t="s">
        <v>36345</v>
      </c>
      <c r="G16959" s="8">
        <v>302</v>
      </c>
      <c r="H16959" s="5">
        <v>6</v>
      </c>
      <c r="I16959" s="5" t="s">
        <v>1518</v>
      </c>
      <c r="J16959" s="5" t="s">
        <v>36264</v>
      </c>
      <c r="K16959" s="2" t="s">
        <v>36265</v>
      </c>
      <c r="L16959" s="5" t="s">
        <v>36264</v>
      </c>
      <c r="M16959" s="2" t="s">
        <v>36265</v>
      </c>
      <c r="N16959" s="5" t="s">
        <v>36266</v>
      </c>
      <c r="O16959" s="5" t="s">
        <v>38</v>
      </c>
      <c r="P16959" s="5" t="s">
        <v>39</v>
      </c>
      <c r="Q16959" s="5" t="s">
        <v>40</v>
      </c>
      <c r="R16959" s="5" t="s">
        <v>1522</v>
      </c>
      <c r="S16959" s="5" t="s">
        <v>1523</v>
      </c>
      <c r="T16959" s="5" t="s">
        <v>42</v>
      </c>
      <c r="U16959" s="2">
        <v>2.76</v>
      </c>
      <c r="V16959" s="2">
        <v>2.2170000000000001</v>
      </c>
      <c r="W16959" s="2">
        <v>1.4999999999999999E-2</v>
      </c>
      <c r="X16959" s="2">
        <v>118.9</v>
      </c>
      <c r="Y16959" s="2">
        <v>7.6</v>
      </c>
      <c r="Z16959" s="2">
        <v>16.7</v>
      </c>
      <c r="AA16959" s="5"/>
      <c r="AB16959" s="5" t="s">
        <v>43</v>
      </c>
      <c r="AC16959" s="5" t="s">
        <v>44</v>
      </c>
      <c r="AD16959" s="2"/>
      <c r="AE16959" s="1"/>
    </row>
    <row r="16960" spans="1:31" ht="14.45">
      <c r="A16960" s="11"/>
      <c r="B16960" s="20"/>
      <c r="C16960" s="2" t="s">
        <v>51838</v>
      </c>
      <c r="D16960" s="14" t="s">
        <v>51839</v>
      </c>
      <c r="E16960" s="2" t="s">
        <v>51840</v>
      </c>
      <c r="F16960" s="2" t="s">
        <v>36349</v>
      </c>
      <c r="G16960" s="8">
        <v>302</v>
      </c>
      <c r="H16960" s="5">
        <v>6</v>
      </c>
      <c r="I16960" s="5" t="s">
        <v>1518</v>
      </c>
      <c r="J16960" s="5" t="s">
        <v>36264</v>
      </c>
      <c r="K16960" s="2" t="s">
        <v>36265</v>
      </c>
      <c r="L16960" s="5" t="s">
        <v>36264</v>
      </c>
      <c r="M16960" s="2" t="s">
        <v>36265</v>
      </c>
      <c r="N16960" s="5" t="s">
        <v>36266</v>
      </c>
      <c r="O16960" s="5" t="s">
        <v>38</v>
      </c>
      <c r="P16960" s="5" t="s">
        <v>39</v>
      </c>
      <c r="Q16960" s="5" t="s">
        <v>40</v>
      </c>
      <c r="R16960" s="5" t="s">
        <v>1522</v>
      </c>
      <c r="S16960" s="5" t="s">
        <v>1523</v>
      </c>
      <c r="T16960" s="5" t="s">
        <v>42</v>
      </c>
      <c r="U16960" s="2">
        <v>2.8420000000000001</v>
      </c>
      <c r="V16960" s="2">
        <v>2.2989999999999999</v>
      </c>
      <c r="W16960" s="2">
        <v>1.4999999999999999E-2</v>
      </c>
      <c r="X16960" s="2">
        <v>118.9</v>
      </c>
      <c r="Y16960" s="2">
        <v>7.6</v>
      </c>
      <c r="Z16960" s="2">
        <v>16.7</v>
      </c>
      <c r="AA16960" s="5"/>
      <c r="AB16960" s="5" t="s">
        <v>43</v>
      </c>
      <c r="AC16960" s="5" t="s">
        <v>44</v>
      </c>
      <c r="AD16960" s="2"/>
      <c r="AE16960" s="1"/>
    </row>
    <row r="16961" spans="1:31" ht="14.45">
      <c r="A16961" s="11"/>
      <c r="B16961" s="20"/>
      <c r="C16961" s="2" t="s">
        <v>51841</v>
      </c>
      <c r="D16961" s="14" t="s">
        <v>51842</v>
      </c>
      <c r="E16961" s="2" t="s">
        <v>51843</v>
      </c>
      <c r="F16961" s="2" t="s">
        <v>36353</v>
      </c>
      <c r="G16961" s="8">
        <v>302</v>
      </c>
      <c r="H16961" s="5">
        <v>6</v>
      </c>
      <c r="I16961" s="5" t="s">
        <v>1518</v>
      </c>
      <c r="J16961" s="5" t="s">
        <v>36264</v>
      </c>
      <c r="K16961" s="2" t="s">
        <v>36265</v>
      </c>
      <c r="L16961" s="5" t="s">
        <v>36264</v>
      </c>
      <c r="M16961" s="2" t="s">
        <v>36265</v>
      </c>
      <c r="N16961" s="5" t="s">
        <v>36266</v>
      </c>
      <c r="O16961" s="5" t="s">
        <v>38</v>
      </c>
      <c r="P16961" s="5" t="s">
        <v>39</v>
      </c>
      <c r="Q16961" s="5" t="s">
        <v>40</v>
      </c>
      <c r="R16961" s="5" t="s">
        <v>1522</v>
      </c>
      <c r="S16961" s="5" t="s">
        <v>1523</v>
      </c>
      <c r="T16961" s="5" t="s">
        <v>42</v>
      </c>
      <c r="U16961" s="2">
        <v>2.76</v>
      </c>
      <c r="V16961" s="2">
        <v>2.2170000000000001</v>
      </c>
      <c r="W16961" s="2">
        <v>1.4999999999999999E-2</v>
      </c>
      <c r="X16961" s="2">
        <v>118.9</v>
      </c>
      <c r="Y16961" s="2">
        <v>7.6</v>
      </c>
      <c r="Z16961" s="2">
        <v>16.7</v>
      </c>
      <c r="AA16961" s="5"/>
      <c r="AB16961" s="5" t="s">
        <v>43</v>
      </c>
      <c r="AC16961" s="5" t="s">
        <v>44</v>
      </c>
      <c r="AD16961" s="2"/>
      <c r="AE16961" s="1"/>
    </row>
    <row r="16962" spans="1:31" ht="14.45">
      <c r="A16962" s="11"/>
      <c r="B16962" s="20"/>
      <c r="C16962" s="2" t="s">
        <v>51844</v>
      </c>
      <c r="D16962" s="14" t="s">
        <v>51845</v>
      </c>
      <c r="E16962" s="2" t="s">
        <v>51846</v>
      </c>
      <c r="F16962" s="2" t="s">
        <v>36357</v>
      </c>
      <c r="G16962" s="8">
        <v>302</v>
      </c>
      <c r="H16962" s="5">
        <v>6</v>
      </c>
      <c r="I16962" s="5" t="s">
        <v>1518</v>
      </c>
      <c r="J16962" s="5" t="s">
        <v>36264</v>
      </c>
      <c r="K16962" s="2" t="s">
        <v>36265</v>
      </c>
      <c r="L16962" s="5" t="s">
        <v>36264</v>
      </c>
      <c r="M16962" s="2" t="s">
        <v>36265</v>
      </c>
      <c r="N16962" s="5" t="s">
        <v>36266</v>
      </c>
      <c r="O16962" s="5" t="s">
        <v>38</v>
      </c>
      <c r="P16962" s="5" t="s">
        <v>39</v>
      </c>
      <c r="Q16962" s="5" t="s">
        <v>40</v>
      </c>
      <c r="R16962" s="5" t="s">
        <v>1522</v>
      </c>
      <c r="S16962" s="5" t="s">
        <v>1523</v>
      </c>
      <c r="T16962" s="5" t="s">
        <v>42</v>
      </c>
      <c r="U16962" s="2">
        <v>2.8420000000000001</v>
      </c>
      <c r="V16962" s="2">
        <v>2.2989999999999999</v>
      </c>
      <c r="W16962" s="2">
        <v>1.4999999999999999E-2</v>
      </c>
      <c r="X16962" s="2">
        <v>118.9</v>
      </c>
      <c r="Y16962" s="2">
        <v>7.6</v>
      </c>
      <c r="Z16962" s="2">
        <v>16.7</v>
      </c>
      <c r="AA16962" s="5"/>
      <c r="AB16962" s="5" t="s">
        <v>43</v>
      </c>
      <c r="AC16962" s="5" t="s">
        <v>44</v>
      </c>
      <c r="AD16962" s="2"/>
      <c r="AE16962" s="1"/>
    </row>
    <row r="16963" spans="1:31" ht="14.45">
      <c r="A16963" s="11"/>
      <c r="B16963" s="20"/>
      <c r="C16963" s="2" t="s">
        <v>51847</v>
      </c>
      <c r="D16963" s="14" t="s">
        <v>51848</v>
      </c>
      <c r="E16963" s="2" t="s">
        <v>51849</v>
      </c>
      <c r="F16963" s="2" t="s">
        <v>45598</v>
      </c>
      <c r="G16963" s="8">
        <v>302</v>
      </c>
      <c r="H16963" s="5">
        <v>6</v>
      </c>
      <c r="I16963" s="5" t="s">
        <v>1518</v>
      </c>
      <c r="J16963" s="5" t="s">
        <v>36264</v>
      </c>
      <c r="K16963" s="2" t="s">
        <v>36265</v>
      </c>
      <c r="L16963" s="5" t="s">
        <v>36264</v>
      </c>
      <c r="M16963" s="2" t="s">
        <v>36265</v>
      </c>
      <c r="N16963" s="5" t="s">
        <v>36266</v>
      </c>
      <c r="O16963" s="5" t="s">
        <v>38</v>
      </c>
      <c r="P16963" s="5" t="s">
        <v>39</v>
      </c>
      <c r="Q16963" s="5" t="s">
        <v>40</v>
      </c>
      <c r="R16963" s="5" t="s">
        <v>1522</v>
      </c>
      <c r="S16963" s="5" t="s">
        <v>1523</v>
      </c>
      <c r="T16963" s="5" t="s">
        <v>42</v>
      </c>
      <c r="U16963" s="2">
        <v>2.76</v>
      </c>
      <c r="V16963" s="2">
        <v>2.2170000000000001</v>
      </c>
      <c r="W16963" s="2">
        <v>1.4999999999999999E-2</v>
      </c>
      <c r="X16963" s="2">
        <v>118.9</v>
      </c>
      <c r="Y16963" s="2">
        <v>7.6</v>
      </c>
      <c r="Z16963" s="2">
        <v>16.7</v>
      </c>
      <c r="AA16963" s="5"/>
      <c r="AB16963" s="5" t="s">
        <v>43</v>
      </c>
      <c r="AC16963" s="5" t="s">
        <v>44</v>
      </c>
      <c r="AD16963" s="2"/>
      <c r="AE16963" s="1"/>
    </row>
    <row r="16964" spans="1:31" ht="14.45">
      <c r="A16964" s="11"/>
      <c r="B16964" s="20"/>
      <c r="C16964" s="2" t="s">
        <v>51850</v>
      </c>
      <c r="D16964" s="14" t="s">
        <v>51851</v>
      </c>
      <c r="E16964" s="2" t="s">
        <v>51852</v>
      </c>
      <c r="F16964" s="2" t="s">
        <v>45534</v>
      </c>
      <c r="G16964" s="8">
        <v>302</v>
      </c>
      <c r="H16964" s="5">
        <v>6</v>
      </c>
      <c r="I16964" s="5" t="s">
        <v>1518</v>
      </c>
      <c r="J16964" s="5" t="s">
        <v>36264</v>
      </c>
      <c r="K16964" s="2" t="s">
        <v>36265</v>
      </c>
      <c r="L16964" s="5" t="s">
        <v>36264</v>
      </c>
      <c r="M16964" s="2" t="s">
        <v>36265</v>
      </c>
      <c r="N16964" s="5" t="s">
        <v>36266</v>
      </c>
      <c r="O16964" s="5" t="s">
        <v>38</v>
      </c>
      <c r="P16964" s="5" t="s">
        <v>39</v>
      </c>
      <c r="Q16964" s="5" t="s">
        <v>40</v>
      </c>
      <c r="R16964" s="5" t="s">
        <v>1522</v>
      </c>
      <c r="S16964" s="5" t="s">
        <v>1523</v>
      </c>
      <c r="T16964" s="5" t="s">
        <v>42</v>
      </c>
      <c r="U16964" s="2">
        <v>2.8420000000000001</v>
      </c>
      <c r="V16964" s="2">
        <v>2.2989999999999999</v>
      </c>
      <c r="W16964" s="2">
        <v>1.4999999999999999E-2</v>
      </c>
      <c r="X16964" s="2">
        <v>118.9</v>
      </c>
      <c r="Y16964" s="2">
        <v>7.6</v>
      </c>
      <c r="Z16964" s="2">
        <v>16.7</v>
      </c>
      <c r="AA16964" s="5"/>
      <c r="AB16964" s="5" t="s">
        <v>43</v>
      </c>
      <c r="AC16964" s="5" t="s">
        <v>44</v>
      </c>
      <c r="AD16964" s="2"/>
      <c r="AE16964" s="1"/>
    </row>
    <row r="16965" spans="1:31" ht="14.45">
      <c r="A16965" s="11"/>
      <c r="B16965" s="20"/>
      <c r="C16965" s="2" t="s">
        <v>51853</v>
      </c>
      <c r="D16965" s="14" t="s">
        <v>51854</v>
      </c>
      <c r="E16965" s="2" t="s">
        <v>51855</v>
      </c>
      <c r="F16965" s="2" t="s">
        <v>36369</v>
      </c>
      <c r="G16965" s="8">
        <v>302</v>
      </c>
      <c r="H16965" s="5">
        <v>6</v>
      </c>
      <c r="I16965" s="5" t="s">
        <v>1518</v>
      </c>
      <c r="J16965" s="5" t="s">
        <v>36264</v>
      </c>
      <c r="K16965" s="2" t="s">
        <v>36265</v>
      </c>
      <c r="L16965" s="5" t="s">
        <v>36264</v>
      </c>
      <c r="M16965" s="2" t="s">
        <v>36265</v>
      </c>
      <c r="N16965" s="5" t="s">
        <v>36266</v>
      </c>
      <c r="O16965" s="5" t="s">
        <v>38</v>
      </c>
      <c r="P16965" s="5" t="s">
        <v>39</v>
      </c>
      <c r="Q16965" s="5" t="s">
        <v>40</v>
      </c>
      <c r="R16965" s="5" t="s">
        <v>1522</v>
      </c>
      <c r="S16965" s="5" t="s">
        <v>1523</v>
      </c>
      <c r="T16965" s="5" t="s">
        <v>42</v>
      </c>
      <c r="U16965" s="2">
        <v>2.76</v>
      </c>
      <c r="V16965" s="2">
        <v>2.2170000000000001</v>
      </c>
      <c r="W16965" s="2">
        <v>1.4999999999999999E-2</v>
      </c>
      <c r="X16965" s="2">
        <v>118.9</v>
      </c>
      <c r="Y16965" s="2">
        <v>7.6</v>
      </c>
      <c r="Z16965" s="2">
        <v>16.7</v>
      </c>
      <c r="AA16965" s="5"/>
      <c r="AB16965" s="5" t="s">
        <v>43</v>
      </c>
      <c r="AC16965" s="5" t="s">
        <v>44</v>
      </c>
      <c r="AD16965" s="2"/>
      <c r="AE16965" s="1"/>
    </row>
    <row r="16966" spans="1:31" ht="14.45">
      <c r="A16966" s="11"/>
      <c r="B16966" s="20"/>
      <c r="C16966" s="2" t="s">
        <v>51856</v>
      </c>
      <c r="D16966" s="14" t="s">
        <v>51857</v>
      </c>
      <c r="E16966" s="2" t="s">
        <v>51858</v>
      </c>
      <c r="F16966" s="2" t="s">
        <v>36373</v>
      </c>
      <c r="G16966" s="8">
        <v>302</v>
      </c>
      <c r="H16966" s="5">
        <v>6</v>
      </c>
      <c r="I16966" s="5" t="s">
        <v>1518</v>
      </c>
      <c r="J16966" s="5" t="s">
        <v>36264</v>
      </c>
      <c r="K16966" s="2" t="s">
        <v>36265</v>
      </c>
      <c r="L16966" s="5" t="s">
        <v>36264</v>
      </c>
      <c r="M16966" s="2" t="s">
        <v>36265</v>
      </c>
      <c r="N16966" s="5" t="s">
        <v>36266</v>
      </c>
      <c r="O16966" s="5" t="s">
        <v>38</v>
      </c>
      <c r="P16966" s="5" t="s">
        <v>39</v>
      </c>
      <c r="Q16966" s="5" t="s">
        <v>40</v>
      </c>
      <c r="R16966" s="5" t="s">
        <v>1522</v>
      </c>
      <c r="S16966" s="5" t="s">
        <v>1523</v>
      </c>
      <c r="T16966" s="5" t="s">
        <v>42</v>
      </c>
      <c r="U16966" s="2">
        <v>2.8420000000000001</v>
      </c>
      <c r="V16966" s="2">
        <v>2.2989999999999999</v>
      </c>
      <c r="W16966" s="2">
        <v>1.4999999999999999E-2</v>
      </c>
      <c r="X16966" s="2">
        <v>118.9</v>
      </c>
      <c r="Y16966" s="2">
        <v>7.6</v>
      </c>
      <c r="Z16966" s="2">
        <v>16.7</v>
      </c>
      <c r="AA16966" s="5"/>
      <c r="AB16966" s="5" t="s">
        <v>43</v>
      </c>
      <c r="AC16966" s="5" t="s">
        <v>44</v>
      </c>
      <c r="AD16966" s="2"/>
      <c r="AE16966" s="1"/>
    </row>
    <row r="16967" spans="1:31" ht="14.45">
      <c r="A16967" s="11"/>
      <c r="B16967" s="20"/>
      <c r="C16967" s="2" t="s">
        <v>51859</v>
      </c>
      <c r="D16967" s="14" t="s">
        <v>51860</v>
      </c>
      <c r="E16967" s="2" t="s">
        <v>51861</v>
      </c>
      <c r="F16967" s="2" t="s">
        <v>36377</v>
      </c>
      <c r="G16967" s="8">
        <v>302</v>
      </c>
      <c r="H16967" s="5">
        <v>6</v>
      </c>
      <c r="I16967" s="5" t="s">
        <v>1518</v>
      </c>
      <c r="J16967" s="5" t="s">
        <v>36264</v>
      </c>
      <c r="K16967" s="2" t="s">
        <v>36265</v>
      </c>
      <c r="L16967" s="5" t="s">
        <v>36264</v>
      </c>
      <c r="M16967" s="2" t="s">
        <v>36265</v>
      </c>
      <c r="N16967" s="5" t="s">
        <v>36266</v>
      </c>
      <c r="O16967" s="5" t="s">
        <v>38</v>
      </c>
      <c r="P16967" s="5" t="s">
        <v>39</v>
      </c>
      <c r="Q16967" s="5" t="s">
        <v>40</v>
      </c>
      <c r="R16967" s="5" t="s">
        <v>1522</v>
      </c>
      <c r="S16967" s="5" t="s">
        <v>1523</v>
      </c>
      <c r="T16967" s="5" t="s">
        <v>42</v>
      </c>
      <c r="U16967" s="2">
        <v>2.76</v>
      </c>
      <c r="V16967" s="2">
        <v>2.2170000000000001</v>
      </c>
      <c r="W16967" s="2">
        <v>1.4999999999999999E-2</v>
      </c>
      <c r="X16967" s="2">
        <v>118.9</v>
      </c>
      <c r="Y16967" s="2">
        <v>7.6</v>
      </c>
      <c r="Z16967" s="2">
        <v>16.7</v>
      </c>
      <c r="AA16967" s="5"/>
      <c r="AB16967" s="5" t="s">
        <v>43</v>
      </c>
      <c r="AC16967" s="5" t="s">
        <v>44</v>
      </c>
      <c r="AD16967" s="2"/>
      <c r="AE16967" s="1"/>
    </row>
    <row r="16968" spans="1:31" ht="14.45">
      <c r="A16968" s="11"/>
      <c r="B16968" s="20"/>
      <c r="C16968" s="2" t="s">
        <v>51862</v>
      </c>
      <c r="D16968" s="14" t="s">
        <v>51863</v>
      </c>
      <c r="E16968" s="2" t="s">
        <v>51864</v>
      </c>
      <c r="F16968" s="2" t="s">
        <v>36381</v>
      </c>
      <c r="G16968" s="8">
        <v>302</v>
      </c>
      <c r="H16968" s="5">
        <v>6</v>
      </c>
      <c r="I16968" s="5" t="s">
        <v>1518</v>
      </c>
      <c r="J16968" s="5" t="s">
        <v>36264</v>
      </c>
      <c r="K16968" s="2" t="s">
        <v>36265</v>
      </c>
      <c r="L16968" s="5" t="s">
        <v>36264</v>
      </c>
      <c r="M16968" s="2" t="s">
        <v>36265</v>
      </c>
      <c r="N16968" s="5" t="s">
        <v>36266</v>
      </c>
      <c r="O16968" s="5" t="s">
        <v>38</v>
      </c>
      <c r="P16968" s="5" t="s">
        <v>39</v>
      </c>
      <c r="Q16968" s="5" t="s">
        <v>40</v>
      </c>
      <c r="R16968" s="5" t="s">
        <v>1522</v>
      </c>
      <c r="S16968" s="5" t="s">
        <v>1523</v>
      </c>
      <c r="T16968" s="5" t="s">
        <v>42</v>
      </c>
      <c r="U16968" s="2">
        <v>2.8420000000000001</v>
      </c>
      <c r="V16968" s="2">
        <v>2.2989999999999999</v>
      </c>
      <c r="W16968" s="2">
        <v>1.4999999999999999E-2</v>
      </c>
      <c r="X16968" s="2">
        <v>118.9</v>
      </c>
      <c r="Y16968" s="2">
        <v>7.6</v>
      </c>
      <c r="Z16968" s="2">
        <v>16.7</v>
      </c>
      <c r="AA16968" s="5"/>
      <c r="AB16968" s="5" t="s">
        <v>43</v>
      </c>
      <c r="AC16968" s="5" t="s">
        <v>44</v>
      </c>
      <c r="AD16968" s="2"/>
      <c r="AE16968" s="1"/>
    </row>
    <row r="16969" spans="1:31" ht="14.45">
      <c r="A16969" s="11"/>
      <c r="B16969" s="20"/>
      <c r="C16969" s="2" t="s">
        <v>51865</v>
      </c>
      <c r="D16969" s="14" t="s">
        <v>51866</v>
      </c>
      <c r="E16969" s="2" t="s">
        <v>51867</v>
      </c>
      <c r="F16969" s="2" t="s">
        <v>36389</v>
      </c>
      <c r="G16969" s="8">
        <v>302</v>
      </c>
      <c r="H16969" s="5">
        <v>6</v>
      </c>
      <c r="I16969" s="5" t="s">
        <v>1518</v>
      </c>
      <c r="J16969" s="5" t="s">
        <v>36264</v>
      </c>
      <c r="K16969" s="2" t="s">
        <v>36265</v>
      </c>
      <c r="L16969" s="5" t="s">
        <v>36264</v>
      </c>
      <c r="M16969" s="2" t="s">
        <v>36265</v>
      </c>
      <c r="N16969" s="5" t="s">
        <v>36266</v>
      </c>
      <c r="O16969" s="5" t="s">
        <v>38</v>
      </c>
      <c r="P16969" s="5" t="s">
        <v>39</v>
      </c>
      <c r="Q16969" s="5" t="s">
        <v>40</v>
      </c>
      <c r="R16969" s="5" t="s">
        <v>1522</v>
      </c>
      <c r="S16969" s="5" t="s">
        <v>1523</v>
      </c>
      <c r="T16969" s="5" t="s">
        <v>42</v>
      </c>
      <c r="U16969" s="2">
        <v>2.8420000000000001</v>
      </c>
      <c r="V16969" s="2">
        <v>2.2989999999999999</v>
      </c>
      <c r="W16969" s="2">
        <v>1.4999999999999999E-2</v>
      </c>
      <c r="X16969" s="2">
        <v>118.9</v>
      </c>
      <c r="Y16969" s="2">
        <v>7.6</v>
      </c>
      <c r="Z16969" s="2">
        <v>16.7</v>
      </c>
      <c r="AA16969" s="5"/>
      <c r="AB16969" s="5" t="s">
        <v>43</v>
      </c>
      <c r="AC16969" s="5" t="s">
        <v>44</v>
      </c>
      <c r="AD16969" s="2"/>
      <c r="AE16969" s="1"/>
    </row>
    <row r="16970" spans="1:31" ht="14.45">
      <c r="A16970" s="11"/>
      <c r="B16970" s="20"/>
      <c r="C16970" s="2" t="s">
        <v>51868</v>
      </c>
      <c r="D16970" s="14" t="s">
        <v>51869</v>
      </c>
      <c r="E16970" s="2" t="s">
        <v>51870</v>
      </c>
      <c r="F16970" s="2" t="s">
        <v>7204</v>
      </c>
      <c r="G16970" s="8">
        <v>285</v>
      </c>
      <c r="H16970" s="5">
        <v>6</v>
      </c>
      <c r="I16970" s="5" t="s">
        <v>1518</v>
      </c>
      <c r="J16970" s="5" t="s">
        <v>36264</v>
      </c>
      <c r="K16970" s="2" t="s">
        <v>36265</v>
      </c>
      <c r="L16970" s="5" t="s">
        <v>36264</v>
      </c>
      <c r="M16970" s="2" t="s">
        <v>36265</v>
      </c>
      <c r="N16970" s="5" t="s">
        <v>36266</v>
      </c>
      <c r="O16970" s="5" t="s">
        <v>38</v>
      </c>
      <c r="P16970" s="5" t="s">
        <v>39</v>
      </c>
      <c r="Q16970" s="5" t="s">
        <v>40</v>
      </c>
      <c r="R16970" s="5" t="s">
        <v>1522</v>
      </c>
      <c r="S16970" s="5" t="s">
        <v>1523</v>
      </c>
      <c r="T16970" s="5" t="s">
        <v>42</v>
      </c>
      <c r="U16970" s="2">
        <v>3.0150000000000001</v>
      </c>
      <c r="V16970" s="2">
        <v>2.3980000000000001</v>
      </c>
      <c r="W16970" s="2">
        <v>1.7999999999999999E-2</v>
      </c>
      <c r="X16970" s="2">
        <v>139.1</v>
      </c>
      <c r="Y16970" s="2">
        <v>7.6</v>
      </c>
      <c r="Z16970" s="2">
        <v>16.7</v>
      </c>
      <c r="AA16970" s="5"/>
      <c r="AB16970" s="5" t="s">
        <v>43</v>
      </c>
      <c r="AC16970" s="5" t="s">
        <v>44</v>
      </c>
      <c r="AD16970" s="2"/>
      <c r="AE16970" s="1"/>
    </row>
    <row r="16971" spans="1:31" ht="14.45">
      <c r="A16971" s="11"/>
      <c r="B16971" s="20"/>
      <c r="C16971" s="2" t="s">
        <v>51871</v>
      </c>
      <c r="D16971" s="14" t="s">
        <v>51872</v>
      </c>
      <c r="E16971" s="2" t="s">
        <v>51873</v>
      </c>
      <c r="F16971" s="2" t="s">
        <v>7514</v>
      </c>
      <c r="G16971" s="8">
        <v>285</v>
      </c>
      <c r="H16971" s="5">
        <v>6</v>
      </c>
      <c r="I16971" s="5" t="s">
        <v>1518</v>
      </c>
      <c r="J16971" s="5" t="s">
        <v>36264</v>
      </c>
      <c r="K16971" s="2" t="s">
        <v>36265</v>
      </c>
      <c r="L16971" s="5" t="s">
        <v>36264</v>
      </c>
      <c r="M16971" s="2" t="s">
        <v>36265</v>
      </c>
      <c r="N16971" s="5" t="s">
        <v>36266</v>
      </c>
      <c r="O16971" s="5" t="s">
        <v>38</v>
      </c>
      <c r="P16971" s="5" t="s">
        <v>39</v>
      </c>
      <c r="Q16971" s="5" t="s">
        <v>40</v>
      </c>
      <c r="R16971" s="5" t="s">
        <v>1522</v>
      </c>
      <c r="S16971" s="5" t="s">
        <v>1523</v>
      </c>
      <c r="T16971" s="5" t="s">
        <v>42</v>
      </c>
      <c r="U16971" s="2">
        <v>3.109</v>
      </c>
      <c r="V16971" s="2">
        <v>2.492</v>
      </c>
      <c r="W16971" s="2">
        <v>1.7999999999999999E-2</v>
      </c>
      <c r="X16971" s="2">
        <v>139.1</v>
      </c>
      <c r="Y16971" s="2">
        <v>7.6</v>
      </c>
      <c r="Z16971" s="2">
        <v>16.7</v>
      </c>
      <c r="AA16971" s="5"/>
      <c r="AB16971" s="5" t="s">
        <v>43</v>
      </c>
      <c r="AC16971" s="5" t="s">
        <v>44</v>
      </c>
      <c r="AD16971" s="2"/>
      <c r="AE16971" s="1"/>
    </row>
    <row r="16972" spans="1:31" ht="14.45">
      <c r="A16972" s="11"/>
      <c r="B16972" s="20"/>
      <c r="C16972" s="2" t="s">
        <v>51874</v>
      </c>
      <c r="D16972" s="14" t="s">
        <v>51875</v>
      </c>
      <c r="E16972" s="2" t="s">
        <v>51876</v>
      </c>
      <c r="F16972" s="2" t="s">
        <v>36273</v>
      </c>
      <c r="G16972" s="8">
        <v>285</v>
      </c>
      <c r="H16972" s="5">
        <v>6</v>
      </c>
      <c r="I16972" s="5" t="s">
        <v>1518</v>
      </c>
      <c r="J16972" s="5" t="s">
        <v>36264</v>
      </c>
      <c r="K16972" s="2" t="s">
        <v>36265</v>
      </c>
      <c r="L16972" s="5" t="s">
        <v>36264</v>
      </c>
      <c r="M16972" s="2" t="s">
        <v>36265</v>
      </c>
      <c r="N16972" s="5" t="s">
        <v>36266</v>
      </c>
      <c r="O16972" s="5" t="s">
        <v>38</v>
      </c>
      <c r="P16972" s="5" t="s">
        <v>39</v>
      </c>
      <c r="Q16972" s="5" t="s">
        <v>40</v>
      </c>
      <c r="R16972" s="5" t="s">
        <v>1522</v>
      </c>
      <c r="S16972" s="5" t="s">
        <v>1523</v>
      </c>
      <c r="T16972" s="5" t="s">
        <v>42</v>
      </c>
      <c r="U16972" s="2">
        <v>3.0150000000000001</v>
      </c>
      <c r="V16972" s="2">
        <v>2.3980000000000001</v>
      </c>
      <c r="W16972" s="2">
        <v>1.7999999999999999E-2</v>
      </c>
      <c r="X16972" s="2">
        <v>139.1</v>
      </c>
      <c r="Y16972" s="2">
        <v>7.6</v>
      </c>
      <c r="Z16972" s="2">
        <v>16.7</v>
      </c>
      <c r="AA16972" s="5"/>
      <c r="AB16972" s="5" t="s">
        <v>43</v>
      </c>
      <c r="AC16972" s="5" t="s">
        <v>44</v>
      </c>
      <c r="AD16972" s="2"/>
      <c r="AE16972" s="1"/>
    </row>
    <row r="16973" spans="1:31" ht="14.45">
      <c r="A16973" s="11"/>
      <c r="B16973" s="20"/>
      <c r="C16973" s="2" t="s">
        <v>51877</v>
      </c>
      <c r="D16973" s="14" t="s">
        <v>51878</v>
      </c>
      <c r="E16973" s="2" t="s">
        <v>51879</v>
      </c>
      <c r="F16973" s="2" t="s">
        <v>36277</v>
      </c>
      <c r="G16973" s="8">
        <v>285</v>
      </c>
      <c r="H16973" s="5">
        <v>6</v>
      </c>
      <c r="I16973" s="5" t="s">
        <v>1518</v>
      </c>
      <c r="J16973" s="5" t="s">
        <v>36264</v>
      </c>
      <c r="K16973" s="2" t="s">
        <v>36265</v>
      </c>
      <c r="L16973" s="5" t="s">
        <v>36264</v>
      </c>
      <c r="M16973" s="2" t="s">
        <v>36265</v>
      </c>
      <c r="N16973" s="5" t="s">
        <v>36266</v>
      </c>
      <c r="O16973" s="5" t="s">
        <v>38</v>
      </c>
      <c r="P16973" s="5" t="s">
        <v>39</v>
      </c>
      <c r="Q16973" s="5" t="s">
        <v>40</v>
      </c>
      <c r="R16973" s="5" t="s">
        <v>1522</v>
      </c>
      <c r="S16973" s="5" t="s">
        <v>1523</v>
      </c>
      <c r="T16973" s="5" t="s">
        <v>42</v>
      </c>
      <c r="U16973" s="2">
        <v>3.109</v>
      </c>
      <c r="V16973" s="2">
        <v>2.492</v>
      </c>
      <c r="W16973" s="2">
        <v>1.7999999999999999E-2</v>
      </c>
      <c r="X16973" s="2">
        <v>139.1</v>
      </c>
      <c r="Y16973" s="2">
        <v>7.6</v>
      </c>
      <c r="Z16973" s="2">
        <v>16.7</v>
      </c>
      <c r="AA16973" s="5"/>
      <c r="AB16973" s="5" t="s">
        <v>43</v>
      </c>
      <c r="AC16973" s="5" t="s">
        <v>44</v>
      </c>
      <c r="AD16973" s="2"/>
      <c r="AE16973" s="1"/>
    </row>
    <row r="16974" spans="1:31" ht="14.45">
      <c r="A16974" s="11"/>
      <c r="B16974" s="20"/>
      <c r="C16974" s="2" t="s">
        <v>51880</v>
      </c>
      <c r="D16974" s="14" t="s">
        <v>51881</v>
      </c>
      <c r="E16974" s="2" t="s">
        <v>51882</v>
      </c>
      <c r="F16974" s="2" t="s">
        <v>36281</v>
      </c>
      <c r="G16974" s="8">
        <v>308</v>
      </c>
      <c r="H16974" s="5">
        <v>6</v>
      </c>
      <c r="I16974" s="5" t="s">
        <v>1518</v>
      </c>
      <c r="J16974" s="5" t="s">
        <v>36264</v>
      </c>
      <c r="K16974" s="2" t="s">
        <v>36265</v>
      </c>
      <c r="L16974" s="5" t="s">
        <v>36264</v>
      </c>
      <c r="M16974" s="2" t="s">
        <v>36265</v>
      </c>
      <c r="N16974" s="5" t="s">
        <v>36266</v>
      </c>
      <c r="O16974" s="5" t="s">
        <v>38</v>
      </c>
      <c r="P16974" s="5" t="s">
        <v>39</v>
      </c>
      <c r="Q16974" s="5" t="s">
        <v>40</v>
      </c>
      <c r="R16974" s="5" t="s">
        <v>1522</v>
      </c>
      <c r="S16974" s="5" t="s">
        <v>1523</v>
      </c>
      <c r="T16974" s="5" t="s">
        <v>42</v>
      </c>
      <c r="U16974" s="2">
        <v>3.0150000000000001</v>
      </c>
      <c r="V16974" s="2">
        <v>2.3980000000000001</v>
      </c>
      <c r="W16974" s="2">
        <v>1.7999999999999999E-2</v>
      </c>
      <c r="X16974" s="2">
        <v>139.1</v>
      </c>
      <c r="Y16974" s="2">
        <v>7.6</v>
      </c>
      <c r="Z16974" s="2">
        <v>16.7</v>
      </c>
      <c r="AA16974" s="5"/>
      <c r="AB16974" s="5" t="s">
        <v>43</v>
      </c>
      <c r="AC16974" s="5" t="s">
        <v>44</v>
      </c>
      <c r="AD16974" s="2"/>
      <c r="AE16974" s="1"/>
    </row>
    <row r="16975" spans="1:31" ht="14.45">
      <c r="A16975" s="11"/>
      <c r="B16975" s="20"/>
      <c r="C16975" s="2" t="s">
        <v>51883</v>
      </c>
      <c r="D16975" s="14" t="s">
        <v>51884</v>
      </c>
      <c r="E16975" s="2" t="s">
        <v>51885</v>
      </c>
      <c r="F16975" s="2" t="s">
        <v>36285</v>
      </c>
      <c r="G16975" s="8">
        <v>308</v>
      </c>
      <c r="H16975" s="5">
        <v>6</v>
      </c>
      <c r="I16975" s="5" t="s">
        <v>1518</v>
      </c>
      <c r="J16975" s="5" t="s">
        <v>36264</v>
      </c>
      <c r="K16975" s="2" t="s">
        <v>36265</v>
      </c>
      <c r="L16975" s="5" t="s">
        <v>36264</v>
      </c>
      <c r="M16975" s="2" t="s">
        <v>36265</v>
      </c>
      <c r="N16975" s="5" t="s">
        <v>36266</v>
      </c>
      <c r="O16975" s="5" t="s">
        <v>38</v>
      </c>
      <c r="P16975" s="5" t="s">
        <v>39</v>
      </c>
      <c r="Q16975" s="5" t="s">
        <v>40</v>
      </c>
      <c r="R16975" s="5" t="s">
        <v>1522</v>
      </c>
      <c r="S16975" s="5" t="s">
        <v>1523</v>
      </c>
      <c r="T16975" s="5" t="s">
        <v>42</v>
      </c>
      <c r="U16975" s="2">
        <v>3.109</v>
      </c>
      <c r="V16975" s="2">
        <v>2.492</v>
      </c>
      <c r="W16975" s="2">
        <v>1.7999999999999999E-2</v>
      </c>
      <c r="X16975" s="2">
        <v>139.1</v>
      </c>
      <c r="Y16975" s="2">
        <v>7.6</v>
      </c>
      <c r="Z16975" s="2">
        <v>16.7</v>
      </c>
      <c r="AA16975" s="5"/>
      <c r="AB16975" s="5" t="s">
        <v>43</v>
      </c>
      <c r="AC16975" s="5" t="s">
        <v>44</v>
      </c>
      <c r="AD16975" s="2"/>
      <c r="AE16975" s="1"/>
    </row>
    <row r="16976" spans="1:31" ht="14.45">
      <c r="A16976" s="11"/>
      <c r="B16976" s="20"/>
      <c r="C16976" s="2" t="s">
        <v>51886</v>
      </c>
      <c r="D16976" s="14" t="s">
        <v>51887</v>
      </c>
      <c r="E16976" s="2" t="s">
        <v>51888</v>
      </c>
      <c r="F16976" s="2" t="s">
        <v>36289</v>
      </c>
      <c r="G16976" s="8">
        <v>308</v>
      </c>
      <c r="H16976" s="5">
        <v>6</v>
      </c>
      <c r="I16976" s="5" t="s">
        <v>1518</v>
      </c>
      <c r="J16976" s="5" t="s">
        <v>36264</v>
      </c>
      <c r="K16976" s="2" t="s">
        <v>36265</v>
      </c>
      <c r="L16976" s="5" t="s">
        <v>36264</v>
      </c>
      <c r="M16976" s="2" t="s">
        <v>36265</v>
      </c>
      <c r="N16976" s="5" t="s">
        <v>36266</v>
      </c>
      <c r="O16976" s="5" t="s">
        <v>38</v>
      </c>
      <c r="P16976" s="5" t="s">
        <v>39</v>
      </c>
      <c r="Q16976" s="5" t="s">
        <v>40</v>
      </c>
      <c r="R16976" s="5" t="s">
        <v>1522</v>
      </c>
      <c r="S16976" s="5" t="s">
        <v>1523</v>
      </c>
      <c r="T16976" s="5" t="s">
        <v>42</v>
      </c>
      <c r="U16976" s="2">
        <v>3.0150000000000001</v>
      </c>
      <c r="V16976" s="2">
        <v>2.3980000000000001</v>
      </c>
      <c r="W16976" s="2">
        <v>1.7999999999999999E-2</v>
      </c>
      <c r="X16976" s="2">
        <v>139.1</v>
      </c>
      <c r="Y16976" s="2">
        <v>7.6</v>
      </c>
      <c r="Z16976" s="2">
        <v>16.7</v>
      </c>
      <c r="AA16976" s="5"/>
      <c r="AB16976" s="5" t="s">
        <v>43</v>
      </c>
      <c r="AC16976" s="5" t="s">
        <v>44</v>
      </c>
      <c r="AD16976" s="2"/>
      <c r="AE16976" s="1"/>
    </row>
    <row r="16977" spans="1:31" ht="14.45">
      <c r="A16977" s="11"/>
      <c r="B16977" s="20"/>
      <c r="C16977" s="2" t="s">
        <v>51889</v>
      </c>
      <c r="D16977" s="14" t="s">
        <v>51890</v>
      </c>
      <c r="E16977" s="2" t="s">
        <v>51891</v>
      </c>
      <c r="F16977" s="2" t="s">
        <v>36293</v>
      </c>
      <c r="G16977" s="8">
        <v>308</v>
      </c>
      <c r="H16977" s="5">
        <v>6</v>
      </c>
      <c r="I16977" s="5" t="s">
        <v>1518</v>
      </c>
      <c r="J16977" s="5" t="s">
        <v>36264</v>
      </c>
      <c r="K16977" s="2" t="s">
        <v>36265</v>
      </c>
      <c r="L16977" s="5" t="s">
        <v>36264</v>
      </c>
      <c r="M16977" s="2" t="s">
        <v>36265</v>
      </c>
      <c r="N16977" s="5" t="s">
        <v>36266</v>
      </c>
      <c r="O16977" s="5" t="s">
        <v>38</v>
      </c>
      <c r="P16977" s="5" t="s">
        <v>39</v>
      </c>
      <c r="Q16977" s="5" t="s">
        <v>40</v>
      </c>
      <c r="R16977" s="5" t="s">
        <v>1522</v>
      </c>
      <c r="S16977" s="5" t="s">
        <v>1523</v>
      </c>
      <c r="T16977" s="5" t="s">
        <v>42</v>
      </c>
      <c r="U16977" s="2">
        <v>3.109</v>
      </c>
      <c r="V16977" s="2">
        <v>2.492</v>
      </c>
      <c r="W16977" s="2">
        <v>1.7999999999999999E-2</v>
      </c>
      <c r="X16977" s="2">
        <v>139.1</v>
      </c>
      <c r="Y16977" s="2">
        <v>7.6</v>
      </c>
      <c r="Z16977" s="2">
        <v>16.7</v>
      </c>
      <c r="AA16977" s="5"/>
      <c r="AB16977" s="5" t="s">
        <v>43</v>
      </c>
      <c r="AC16977" s="5" t="s">
        <v>44</v>
      </c>
      <c r="AD16977" s="2"/>
      <c r="AE16977" s="1"/>
    </row>
    <row r="16978" spans="1:31" ht="14.45">
      <c r="A16978" s="11"/>
      <c r="B16978" s="20"/>
      <c r="C16978" s="2" t="s">
        <v>51892</v>
      </c>
      <c r="D16978" s="14" t="s">
        <v>51893</v>
      </c>
      <c r="E16978" s="2" t="s">
        <v>51894</v>
      </c>
      <c r="F16978" s="2" t="s">
        <v>36297</v>
      </c>
      <c r="G16978" s="8">
        <v>285</v>
      </c>
      <c r="H16978" s="5">
        <v>6</v>
      </c>
      <c r="I16978" s="5" t="s">
        <v>1518</v>
      </c>
      <c r="J16978" s="5" t="s">
        <v>36264</v>
      </c>
      <c r="K16978" s="2" t="s">
        <v>36265</v>
      </c>
      <c r="L16978" s="5" t="s">
        <v>36264</v>
      </c>
      <c r="M16978" s="2" t="s">
        <v>36265</v>
      </c>
      <c r="N16978" s="5" t="s">
        <v>36266</v>
      </c>
      <c r="O16978" s="5" t="s">
        <v>38</v>
      </c>
      <c r="P16978" s="5" t="s">
        <v>39</v>
      </c>
      <c r="Q16978" s="5" t="s">
        <v>40</v>
      </c>
      <c r="R16978" s="5" t="s">
        <v>1522</v>
      </c>
      <c r="S16978" s="5" t="s">
        <v>1523</v>
      </c>
      <c r="T16978" s="5" t="s">
        <v>42</v>
      </c>
      <c r="U16978" s="2">
        <v>3.0150000000000001</v>
      </c>
      <c r="V16978" s="2">
        <v>2.3980000000000001</v>
      </c>
      <c r="W16978" s="2">
        <v>1.7999999999999999E-2</v>
      </c>
      <c r="X16978" s="2">
        <v>139.1</v>
      </c>
      <c r="Y16978" s="2">
        <v>7.6</v>
      </c>
      <c r="Z16978" s="2">
        <v>16.7</v>
      </c>
      <c r="AA16978" s="5"/>
      <c r="AB16978" s="5" t="s">
        <v>43</v>
      </c>
      <c r="AC16978" s="5" t="s">
        <v>44</v>
      </c>
      <c r="AD16978" s="2"/>
      <c r="AE16978" s="1"/>
    </row>
    <row r="16979" spans="1:31" ht="14.45">
      <c r="A16979" s="11"/>
      <c r="B16979" s="20"/>
      <c r="C16979" s="2" t="s">
        <v>51895</v>
      </c>
      <c r="D16979" s="14" t="s">
        <v>51896</v>
      </c>
      <c r="E16979" s="2" t="s">
        <v>51897</v>
      </c>
      <c r="F16979" s="2" t="s">
        <v>36301</v>
      </c>
      <c r="G16979" s="8">
        <v>285</v>
      </c>
      <c r="H16979" s="5">
        <v>6</v>
      </c>
      <c r="I16979" s="5" t="s">
        <v>1518</v>
      </c>
      <c r="J16979" s="5" t="s">
        <v>36264</v>
      </c>
      <c r="K16979" s="2" t="s">
        <v>36265</v>
      </c>
      <c r="L16979" s="5" t="s">
        <v>36264</v>
      </c>
      <c r="M16979" s="2" t="s">
        <v>36265</v>
      </c>
      <c r="N16979" s="5" t="s">
        <v>36266</v>
      </c>
      <c r="O16979" s="5" t="s">
        <v>38</v>
      </c>
      <c r="P16979" s="5" t="s">
        <v>39</v>
      </c>
      <c r="Q16979" s="5" t="s">
        <v>40</v>
      </c>
      <c r="R16979" s="5" t="s">
        <v>1522</v>
      </c>
      <c r="S16979" s="5" t="s">
        <v>1523</v>
      </c>
      <c r="T16979" s="5" t="s">
        <v>42</v>
      </c>
      <c r="U16979" s="2">
        <v>3.109</v>
      </c>
      <c r="V16979" s="2">
        <v>2.492</v>
      </c>
      <c r="W16979" s="2">
        <v>1.7999999999999999E-2</v>
      </c>
      <c r="X16979" s="2">
        <v>139.1</v>
      </c>
      <c r="Y16979" s="2">
        <v>7.6</v>
      </c>
      <c r="Z16979" s="2">
        <v>16.7</v>
      </c>
      <c r="AA16979" s="5"/>
      <c r="AB16979" s="5" t="s">
        <v>43</v>
      </c>
      <c r="AC16979" s="5" t="s">
        <v>44</v>
      </c>
      <c r="AD16979" s="2"/>
      <c r="AE16979" s="1"/>
    </row>
    <row r="16980" spans="1:31" ht="14.45">
      <c r="A16980" s="11"/>
      <c r="B16980" s="20"/>
      <c r="C16980" s="2" t="s">
        <v>51898</v>
      </c>
      <c r="D16980" s="14" t="s">
        <v>51899</v>
      </c>
      <c r="E16980" s="2" t="s">
        <v>51900</v>
      </c>
      <c r="F16980" s="2" t="s">
        <v>36305</v>
      </c>
      <c r="G16980" s="8">
        <v>285</v>
      </c>
      <c r="H16980" s="5">
        <v>6</v>
      </c>
      <c r="I16980" s="5" t="s">
        <v>1518</v>
      </c>
      <c r="J16980" s="5" t="s">
        <v>36264</v>
      </c>
      <c r="K16980" s="2" t="s">
        <v>36265</v>
      </c>
      <c r="L16980" s="5" t="s">
        <v>36264</v>
      </c>
      <c r="M16980" s="2" t="s">
        <v>36265</v>
      </c>
      <c r="N16980" s="5" t="s">
        <v>36266</v>
      </c>
      <c r="O16980" s="5" t="s">
        <v>38</v>
      </c>
      <c r="P16980" s="5" t="s">
        <v>39</v>
      </c>
      <c r="Q16980" s="5" t="s">
        <v>40</v>
      </c>
      <c r="R16980" s="5" t="s">
        <v>1522</v>
      </c>
      <c r="S16980" s="5" t="s">
        <v>1523</v>
      </c>
      <c r="T16980" s="5" t="s">
        <v>42</v>
      </c>
      <c r="U16980" s="2">
        <v>3.0150000000000001</v>
      </c>
      <c r="V16980" s="2">
        <v>2.3980000000000001</v>
      </c>
      <c r="W16980" s="2">
        <v>1.7999999999999999E-2</v>
      </c>
      <c r="X16980" s="2">
        <v>139.1</v>
      </c>
      <c r="Y16980" s="2">
        <v>7.6</v>
      </c>
      <c r="Z16980" s="2">
        <v>16.7</v>
      </c>
      <c r="AA16980" s="5"/>
      <c r="AB16980" s="5" t="s">
        <v>43</v>
      </c>
      <c r="AC16980" s="5" t="s">
        <v>44</v>
      </c>
      <c r="AD16980" s="2"/>
      <c r="AE16980" s="1"/>
    </row>
    <row r="16981" spans="1:31" ht="14.45">
      <c r="A16981" s="11"/>
      <c r="B16981" s="20"/>
      <c r="C16981" s="2" t="s">
        <v>51901</v>
      </c>
      <c r="D16981" s="14" t="s">
        <v>51902</v>
      </c>
      <c r="E16981" s="2" t="s">
        <v>51903</v>
      </c>
      <c r="F16981" s="2" t="s">
        <v>36309</v>
      </c>
      <c r="G16981" s="8">
        <v>285</v>
      </c>
      <c r="H16981" s="5">
        <v>6</v>
      </c>
      <c r="I16981" s="5" t="s">
        <v>1518</v>
      </c>
      <c r="J16981" s="5" t="s">
        <v>36264</v>
      </c>
      <c r="K16981" s="2" t="s">
        <v>36265</v>
      </c>
      <c r="L16981" s="5" t="s">
        <v>36264</v>
      </c>
      <c r="M16981" s="2" t="s">
        <v>36265</v>
      </c>
      <c r="N16981" s="5" t="s">
        <v>36266</v>
      </c>
      <c r="O16981" s="5" t="s">
        <v>38</v>
      </c>
      <c r="P16981" s="5" t="s">
        <v>39</v>
      </c>
      <c r="Q16981" s="5" t="s">
        <v>40</v>
      </c>
      <c r="R16981" s="5" t="s">
        <v>1522</v>
      </c>
      <c r="S16981" s="5" t="s">
        <v>1523</v>
      </c>
      <c r="T16981" s="5" t="s">
        <v>42</v>
      </c>
      <c r="U16981" s="2">
        <v>3.109</v>
      </c>
      <c r="V16981" s="2">
        <v>2.492</v>
      </c>
      <c r="W16981" s="2">
        <v>1.7999999999999999E-2</v>
      </c>
      <c r="X16981" s="2">
        <v>139.1</v>
      </c>
      <c r="Y16981" s="2">
        <v>7.6</v>
      </c>
      <c r="Z16981" s="2">
        <v>16.7</v>
      </c>
      <c r="AA16981" s="5"/>
      <c r="AB16981" s="5" t="s">
        <v>43</v>
      </c>
      <c r="AC16981" s="5" t="s">
        <v>44</v>
      </c>
      <c r="AD16981" s="2"/>
      <c r="AE16981" s="1"/>
    </row>
    <row r="16982" spans="1:31" ht="14.45">
      <c r="A16982" s="11"/>
      <c r="B16982" s="20"/>
      <c r="C16982" s="2" t="s">
        <v>51904</v>
      </c>
      <c r="D16982" s="14" t="s">
        <v>51905</v>
      </c>
      <c r="E16982" s="2" t="s">
        <v>51906</v>
      </c>
      <c r="F16982" s="2" t="s">
        <v>36313</v>
      </c>
      <c r="G16982" s="8">
        <v>308</v>
      </c>
      <c r="H16982" s="5">
        <v>6</v>
      </c>
      <c r="I16982" s="5" t="s">
        <v>1518</v>
      </c>
      <c r="J16982" s="5" t="s">
        <v>36264</v>
      </c>
      <c r="K16982" s="2" t="s">
        <v>36265</v>
      </c>
      <c r="L16982" s="5" t="s">
        <v>36264</v>
      </c>
      <c r="M16982" s="2" t="s">
        <v>36265</v>
      </c>
      <c r="N16982" s="5" t="s">
        <v>36266</v>
      </c>
      <c r="O16982" s="5" t="s">
        <v>38</v>
      </c>
      <c r="P16982" s="5" t="s">
        <v>39</v>
      </c>
      <c r="Q16982" s="5" t="s">
        <v>40</v>
      </c>
      <c r="R16982" s="5" t="s">
        <v>1522</v>
      </c>
      <c r="S16982" s="5" t="s">
        <v>1523</v>
      </c>
      <c r="T16982" s="5" t="s">
        <v>42</v>
      </c>
      <c r="U16982" s="2">
        <v>3.0150000000000001</v>
      </c>
      <c r="V16982" s="2">
        <v>2.3980000000000001</v>
      </c>
      <c r="W16982" s="2">
        <v>1.7999999999999999E-2</v>
      </c>
      <c r="X16982" s="2">
        <v>139.1</v>
      </c>
      <c r="Y16982" s="2">
        <v>7.6</v>
      </c>
      <c r="Z16982" s="2">
        <v>16.7</v>
      </c>
      <c r="AA16982" s="5"/>
      <c r="AB16982" s="5" t="s">
        <v>43</v>
      </c>
      <c r="AC16982" s="5" t="s">
        <v>44</v>
      </c>
      <c r="AD16982" s="2"/>
      <c r="AE16982" s="1"/>
    </row>
    <row r="16983" spans="1:31" ht="14.45">
      <c r="A16983" s="11"/>
      <c r="B16983" s="20"/>
      <c r="C16983" s="2" t="s">
        <v>51907</v>
      </c>
      <c r="D16983" s="14" t="s">
        <v>51908</v>
      </c>
      <c r="E16983" s="2" t="s">
        <v>51909</v>
      </c>
      <c r="F16983" s="2" t="s">
        <v>36317</v>
      </c>
      <c r="G16983" s="8">
        <v>308</v>
      </c>
      <c r="H16983" s="5">
        <v>6</v>
      </c>
      <c r="I16983" s="5" t="s">
        <v>1518</v>
      </c>
      <c r="J16983" s="5" t="s">
        <v>36264</v>
      </c>
      <c r="K16983" s="2" t="s">
        <v>36265</v>
      </c>
      <c r="L16983" s="5" t="s">
        <v>36264</v>
      </c>
      <c r="M16983" s="2" t="s">
        <v>36265</v>
      </c>
      <c r="N16983" s="5" t="s">
        <v>36266</v>
      </c>
      <c r="O16983" s="5" t="s">
        <v>38</v>
      </c>
      <c r="P16983" s="5" t="s">
        <v>39</v>
      </c>
      <c r="Q16983" s="5" t="s">
        <v>40</v>
      </c>
      <c r="R16983" s="5" t="s">
        <v>1522</v>
      </c>
      <c r="S16983" s="5" t="s">
        <v>1523</v>
      </c>
      <c r="T16983" s="5" t="s">
        <v>42</v>
      </c>
      <c r="U16983" s="2">
        <v>3.109</v>
      </c>
      <c r="V16983" s="2">
        <v>2.492</v>
      </c>
      <c r="W16983" s="2">
        <v>1.7999999999999999E-2</v>
      </c>
      <c r="X16983" s="2">
        <v>139.1</v>
      </c>
      <c r="Y16983" s="2">
        <v>7.6</v>
      </c>
      <c r="Z16983" s="2">
        <v>16.7</v>
      </c>
      <c r="AA16983" s="5"/>
      <c r="AB16983" s="5" t="s">
        <v>43</v>
      </c>
      <c r="AC16983" s="5" t="s">
        <v>44</v>
      </c>
      <c r="AD16983" s="2"/>
      <c r="AE16983" s="1"/>
    </row>
    <row r="16984" spans="1:31" ht="14.45">
      <c r="A16984" s="11"/>
      <c r="B16984" s="20"/>
      <c r="C16984" s="2" t="s">
        <v>51910</v>
      </c>
      <c r="D16984" s="14" t="s">
        <v>51911</v>
      </c>
      <c r="E16984" s="2" t="s">
        <v>51912</v>
      </c>
      <c r="F16984" s="2" t="s">
        <v>36321</v>
      </c>
      <c r="G16984" s="8">
        <v>308</v>
      </c>
      <c r="H16984" s="5">
        <v>6</v>
      </c>
      <c r="I16984" s="5" t="s">
        <v>1518</v>
      </c>
      <c r="J16984" s="5" t="s">
        <v>36264</v>
      </c>
      <c r="K16984" s="2" t="s">
        <v>36265</v>
      </c>
      <c r="L16984" s="5" t="s">
        <v>36264</v>
      </c>
      <c r="M16984" s="2" t="s">
        <v>36265</v>
      </c>
      <c r="N16984" s="5" t="s">
        <v>36266</v>
      </c>
      <c r="O16984" s="5" t="s">
        <v>38</v>
      </c>
      <c r="P16984" s="5" t="s">
        <v>39</v>
      </c>
      <c r="Q16984" s="5" t="s">
        <v>40</v>
      </c>
      <c r="R16984" s="5" t="s">
        <v>1522</v>
      </c>
      <c r="S16984" s="5" t="s">
        <v>1523</v>
      </c>
      <c r="T16984" s="5" t="s">
        <v>42</v>
      </c>
      <c r="U16984" s="2">
        <v>3.0150000000000001</v>
      </c>
      <c r="V16984" s="2">
        <v>2.3980000000000001</v>
      </c>
      <c r="W16984" s="2">
        <v>1.7999999999999999E-2</v>
      </c>
      <c r="X16984" s="2">
        <v>139.1</v>
      </c>
      <c r="Y16984" s="2">
        <v>7.6</v>
      </c>
      <c r="Z16984" s="2">
        <v>16.7</v>
      </c>
      <c r="AA16984" s="5"/>
      <c r="AB16984" s="5" t="s">
        <v>43</v>
      </c>
      <c r="AC16984" s="5" t="s">
        <v>44</v>
      </c>
      <c r="AD16984" s="2"/>
      <c r="AE16984" s="1"/>
    </row>
    <row r="16985" spans="1:31" ht="14.45">
      <c r="A16985" s="11"/>
      <c r="B16985" s="20"/>
      <c r="C16985" s="2" t="s">
        <v>51913</v>
      </c>
      <c r="D16985" s="14" t="s">
        <v>51914</v>
      </c>
      <c r="E16985" s="2" t="s">
        <v>51915</v>
      </c>
      <c r="F16985" s="2" t="s">
        <v>36325</v>
      </c>
      <c r="G16985" s="8">
        <v>308</v>
      </c>
      <c r="H16985" s="5">
        <v>6</v>
      </c>
      <c r="I16985" s="5" t="s">
        <v>1518</v>
      </c>
      <c r="J16985" s="5" t="s">
        <v>36264</v>
      </c>
      <c r="K16985" s="2" t="s">
        <v>36265</v>
      </c>
      <c r="L16985" s="5" t="s">
        <v>36264</v>
      </c>
      <c r="M16985" s="2" t="s">
        <v>36265</v>
      </c>
      <c r="N16985" s="5" t="s">
        <v>36266</v>
      </c>
      <c r="O16985" s="5" t="s">
        <v>38</v>
      </c>
      <c r="P16985" s="5" t="s">
        <v>39</v>
      </c>
      <c r="Q16985" s="5" t="s">
        <v>40</v>
      </c>
      <c r="R16985" s="5" t="s">
        <v>1522</v>
      </c>
      <c r="S16985" s="5" t="s">
        <v>1523</v>
      </c>
      <c r="T16985" s="5" t="s">
        <v>42</v>
      </c>
      <c r="U16985" s="2">
        <v>3.109</v>
      </c>
      <c r="V16985" s="2">
        <v>2.492</v>
      </c>
      <c r="W16985" s="2">
        <v>1.7999999999999999E-2</v>
      </c>
      <c r="X16985" s="2">
        <v>139.1</v>
      </c>
      <c r="Y16985" s="2">
        <v>7.6</v>
      </c>
      <c r="Z16985" s="2">
        <v>16.7</v>
      </c>
      <c r="AA16985" s="5"/>
      <c r="AB16985" s="5" t="s">
        <v>43</v>
      </c>
      <c r="AC16985" s="5" t="s">
        <v>44</v>
      </c>
      <c r="AD16985" s="2"/>
      <c r="AE16985" s="1"/>
    </row>
    <row r="16986" spans="1:31" ht="14.45">
      <c r="A16986" s="11"/>
      <c r="B16986" s="20"/>
      <c r="C16986" s="2" t="s">
        <v>51916</v>
      </c>
      <c r="D16986" s="14" t="s">
        <v>51917</v>
      </c>
      <c r="E16986" s="2" t="s">
        <v>51918</v>
      </c>
      <c r="F16986" s="2" t="s">
        <v>36329</v>
      </c>
      <c r="G16986" s="8">
        <v>308</v>
      </c>
      <c r="H16986" s="5">
        <v>6</v>
      </c>
      <c r="I16986" s="5" t="s">
        <v>1518</v>
      </c>
      <c r="J16986" s="5" t="s">
        <v>36264</v>
      </c>
      <c r="K16986" s="2" t="s">
        <v>36265</v>
      </c>
      <c r="L16986" s="5" t="s">
        <v>36264</v>
      </c>
      <c r="M16986" s="2" t="s">
        <v>36265</v>
      </c>
      <c r="N16986" s="5" t="s">
        <v>36266</v>
      </c>
      <c r="O16986" s="5" t="s">
        <v>38</v>
      </c>
      <c r="P16986" s="5" t="s">
        <v>39</v>
      </c>
      <c r="Q16986" s="5" t="s">
        <v>40</v>
      </c>
      <c r="R16986" s="5" t="s">
        <v>1522</v>
      </c>
      <c r="S16986" s="5" t="s">
        <v>1523</v>
      </c>
      <c r="T16986" s="5" t="s">
        <v>42</v>
      </c>
      <c r="U16986" s="2">
        <v>3.0150000000000001</v>
      </c>
      <c r="V16986" s="2">
        <v>2.3980000000000001</v>
      </c>
      <c r="W16986" s="2">
        <v>1.7999999999999999E-2</v>
      </c>
      <c r="X16986" s="2">
        <v>139.1</v>
      </c>
      <c r="Y16986" s="2">
        <v>7.6</v>
      </c>
      <c r="Z16986" s="2">
        <v>16.7</v>
      </c>
      <c r="AA16986" s="5"/>
      <c r="AB16986" s="5" t="s">
        <v>43</v>
      </c>
      <c r="AC16986" s="5" t="s">
        <v>44</v>
      </c>
      <c r="AD16986" s="2"/>
      <c r="AE16986" s="1"/>
    </row>
    <row r="16987" spans="1:31" ht="14.45">
      <c r="A16987" s="11"/>
      <c r="B16987" s="20"/>
      <c r="C16987" s="2" t="s">
        <v>51919</v>
      </c>
      <c r="D16987" s="14" t="s">
        <v>51920</v>
      </c>
      <c r="E16987" s="2" t="s">
        <v>51921</v>
      </c>
      <c r="F16987" s="2" t="s">
        <v>36333</v>
      </c>
      <c r="G16987" s="8">
        <v>308</v>
      </c>
      <c r="H16987" s="5">
        <v>6</v>
      </c>
      <c r="I16987" s="5" t="s">
        <v>1518</v>
      </c>
      <c r="J16987" s="5" t="s">
        <v>36264</v>
      </c>
      <c r="K16987" s="2" t="s">
        <v>36265</v>
      </c>
      <c r="L16987" s="5" t="s">
        <v>36264</v>
      </c>
      <c r="M16987" s="2" t="s">
        <v>36265</v>
      </c>
      <c r="N16987" s="5" t="s">
        <v>36266</v>
      </c>
      <c r="O16987" s="5" t="s">
        <v>38</v>
      </c>
      <c r="P16987" s="5" t="s">
        <v>39</v>
      </c>
      <c r="Q16987" s="5" t="s">
        <v>40</v>
      </c>
      <c r="R16987" s="5" t="s">
        <v>1522</v>
      </c>
      <c r="S16987" s="5" t="s">
        <v>1523</v>
      </c>
      <c r="T16987" s="5" t="s">
        <v>42</v>
      </c>
      <c r="U16987" s="2">
        <v>3.109</v>
      </c>
      <c r="V16987" s="2">
        <v>2.492</v>
      </c>
      <c r="W16987" s="2">
        <v>1.7999999999999999E-2</v>
      </c>
      <c r="X16987" s="2">
        <v>139.1</v>
      </c>
      <c r="Y16987" s="2">
        <v>7.6</v>
      </c>
      <c r="Z16987" s="2">
        <v>16.7</v>
      </c>
      <c r="AA16987" s="5"/>
      <c r="AB16987" s="5" t="s">
        <v>43</v>
      </c>
      <c r="AC16987" s="5" t="s">
        <v>44</v>
      </c>
      <c r="AD16987" s="2"/>
      <c r="AE16987" s="1"/>
    </row>
    <row r="16988" spans="1:31" ht="14.45">
      <c r="A16988" s="11"/>
      <c r="B16988" s="20"/>
      <c r="C16988" s="2" t="s">
        <v>51922</v>
      </c>
      <c r="D16988" s="14" t="s">
        <v>51923</v>
      </c>
      <c r="E16988" s="2" t="s">
        <v>51924</v>
      </c>
      <c r="F16988" s="2" t="s">
        <v>36337</v>
      </c>
      <c r="G16988" s="8">
        <v>308</v>
      </c>
      <c r="H16988" s="5">
        <v>6</v>
      </c>
      <c r="I16988" s="5" t="s">
        <v>1518</v>
      </c>
      <c r="J16988" s="5" t="s">
        <v>36264</v>
      </c>
      <c r="K16988" s="2" t="s">
        <v>36265</v>
      </c>
      <c r="L16988" s="5" t="s">
        <v>36264</v>
      </c>
      <c r="M16988" s="2" t="s">
        <v>36265</v>
      </c>
      <c r="N16988" s="5" t="s">
        <v>36266</v>
      </c>
      <c r="O16988" s="5" t="s">
        <v>38</v>
      </c>
      <c r="P16988" s="5" t="s">
        <v>39</v>
      </c>
      <c r="Q16988" s="5" t="s">
        <v>40</v>
      </c>
      <c r="R16988" s="5" t="s">
        <v>1522</v>
      </c>
      <c r="S16988" s="5" t="s">
        <v>1523</v>
      </c>
      <c r="T16988" s="5" t="s">
        <v>42</v>
      </c>
      <c r="U16988" s="2">
        <v>3.0150000000000001</v>
      </c>
      <c r="V16988" s="2">
        <v>2.3980000000000001</v>
      </c>
      <c r="W16988" s="2">
        <v>1.7999999999999999E-2</v>
      </c>
      <c r="X16988" s="2">
        <v>139.1</v>
      </c>
      <c r="Y16988" s="2">
        <v>7.6</v>
      </c>
      <c r="Z16988" s="2">
        <v>16.7</v>
      </c>
      <c r="AA16988" s="5"/>
      <c r="AB16988" s="5" t="s">
        <v>43</v>
      </c>
      <c r="AC16988" s="5" t="s">
        <v>44</v>
      </c>
      <c r="AD16988" s="2"/>
      <c r="AE16988" s="1"/>
    </row>
    <row r="16989" spans="1:31" ht="14.45">
      <c r="A16989" s="11"/>
      <c r="B16989" s="20"/>
      <c r="C16989" s="2" t="s">
        <v>51925</v>
      </c>
      <c r="D16989" s="14" t="s">
        <v>51926</v>
      </c>
      <c r="E16989" s="2" t="s">
        <v>51927</v>
      </c>
      <c r="F16989" s="2" t="s">
        <v>36341</v>
      </c>
      <c r="G16989" s="8">
        <v>308</v>
      </c>
      <c r="H16989" s="5">
        <v>6</v>
      </c>
      <c r="I16989" s="5" t="s">
        <v>1518</v>
      </c>
      <c r="J16989" s="5" t="s">
        <v>36264</v>
      </c>
      <c r="K16989" s="2" t="s">
        <v>36265</v>
      </c>
      <c r="L16989" s="5" t="s">
        <v>36264</v>
      </c>
      <c r="M16989" s="2" t="s">
        <v>36265</v>
      </c>
      <c r="N16989" s="5" t="s">
        <v>36266</v>
      </c>
      <c r="O16989" s="5" t="s">
        <v>38</v>
      </c>
      <c r="P16989" s="5" t="s">
        <v>39</v>
      </c>
      <c r="Q16989" s="5" t="s">
        <v>40</v>
      </c>
      <c r="R16989" s="5" t="s">
        <v>1522</v>
      </c>
      <c r="S16989" s="5" t="s">
        <v>1523</v>
      </c>
      <c r="T16989" s="5" t="s">
        <v>42</v>
      </c>
      <c r="U16989" s="2">
        <v>3.109</v>
      </c>
      <c r="V16989" s="2">
        <v>2.492</v>
      </c>
      <c r="W16989" s="2">
        <v>1.7999999999999999E-2</v>
      </c>
      <c r="X16989" s="2">
        <v>139.1</v>
      </c>
      <c r="Y16989" s="2">
        <v>7.6</v>
      </c>
      <c r="Z16989" s="2">
        <v>16.7</v>
      </c>
      <c r="AA16989" s="5"/>
      <c r="AB16989" s="5" t="s">
        <v>43</v>
      </c>
      <c r="AC16989" s="5" t="s">
        <v>44</v>
      </c>
      <c r="AD16989" s="2"/>
      <c r="AE16989" s="1"/>
    </row>
    <row r="16990" spans="1:31" ht="14.45">
      <c r="A16990" s="11"/>
      <c r="B16990" s="20"/>
      <c r="C16990" s="2" t="s">
        <v>51928</v>
      </c>
      <c r="D16990" s="14" t="s">
        <v>51929</v>
      </c>
      <c r="E16990" s="2" t="s">
        <v>51930</v>
      </c>
      <c r="F16990" s="2" t="s">
        <v>36345</v>
      </c>
      <c r="G16990" s="8">
        <v>308</v>
      </c>
      <c r="H16990" s="5">
        <v>6</v>
      </c>
      <c r="I16990" s="5" t="s">
        <v>1518</v>
      </c>
      <c r="J16990" s="5" t="s">
        <v>36264</v>
      </c>
      <c r="K16990" s="2" t="s">
        <v>36265</v>
      </c>
      <c r="L16990" s="5" t="s">
        <v>36264</v>
      </c>
      <c r="M16990" s="2" t="s">
        <v>36265</v>
      </c>
      <c r="N16990" s="5" t="s">
        <v>36266</v>
      </c>
      <c r="O16990" s="5" t="s">
        <v>38</v>
      </c>
      <c r="P16990" s="5" t="s">
        <v>39</v>
      </c>
      <c r="Q16990" s="5" t="s">
        <v>40</v>
      </c>
      <c r="R16990" s="5" t="s">
        <v>1522</v>
      </c>
      <c r="S16990" s="5" t="s">
        <v>1523</v>
      </c>
      <c r="T16990" s="5" t="s">
        <v>42</v>
      </c>
      <c r="U16990" s="2">
        <v>3.0150000000000001</v>
      </c>
      <c r="V16990" s="2">
        <v>2.3980000000000001</v>
      </c>
      <c r="W16990" s="2">
        <v>1.7999999999999999E-2</v>
      </c>
      <c r="X16990" s="2">
        <v>139.1</v>
      </c>
      <c r="Y16990" s="2">
        <v>7.6</v>
      </c>
      <c r="Z16990" s="2">
        <v>16.7</v>
      </c>
      <c r="AA16990" s="5"/>
      <c r="AB16990" s="5" t="s">
        <v>43</v>
      </c>
      <c r="AC16990" s="5" t="s">
        <v>44</v>
      </c>
      <c r="AD16990" s="2"/>
      <c r="AE16990" s="1"/>
    </row>
    <row r="16991" spans="1:31" ht="14.45">
      <c r="A16991" s="11"/>
      <c r="B16991" s="20"/>
      <c r="C16991" s="2" t="s">
        <v>51931</v>
      </c>
      <c r="D16991" s="14" t="s">
        <v>51932</v>
      </c>
      <c r="E16991" s="2" t="s">
        <v>51933</v>
      </c>
      <c r="F16991" s="2" t="s">
        <v>36349</v>
      </c>
      <c r="G16991" s="8">
        <v>308</v>
      </c>
      <c r="H16991" s="5">
        <v>6</v>
      </c>
      <c r="I16991" s="5" t="s">
        <v>1518</v>
      </c>
      <c r="J16991" s="5" t="s">
        <v>36264</v>
      </c>
      <c r="K16991" s="2" t="s">
        <v>36265</v>
      </c>
      <c r="L16991" s="5" t="s">
        <v>36264</v>
      </c>
      <c r="M16991" s="2" t="s">
        <v>36265</v>
      </c>
      <c r="N16991" s="5" t="s">
        <v>36266</v>
      </c>
      <c r="O16991" s="5" t="s">
        <v>38</v>
      </c>
      <c r="P16991" s="5" t="s">
        <v>39</v>
      </c>
      <c r="Q16991" s="5" t="s">
        <v>40</v>
      </c>
      <c r="R16991" s="5" t="s">
        <v>1522</v>
      </c>
      <c r="S16991" s="5" t="s">
        <v>1523</v>
      </c>
      <c r="T16991" s="5" t="s">
        <v>42</v>
      </c>
      <c r="U16991" s="2">
        <v>3.109</v>
      </c>
      <c r="V16991" s="2">
        <v>2.492</v>
      </c>
      <c r="W16991" s="2">
        <v>1.7999999999999999E-2</v>
      </c>
      <c r="X16991" s="2">
        <v>139.1</v>
      </c>
      <c r="Y16991" s="2">
        <v>7.6</v>
      </c>
      <c r="Z16991" s="2">
        <v>16.7</v>
      </c>
      <c r="AA16991" s="5"/>
      <c r="AB16991" s="5" t="s">
        <v>43</v>
      </c>
      <c r="AC16991" s="5" t="s">
        <v>44</v>
      </c>
      <c r="AD16991" s="2"/>
      <c r="AE16991" s="1"/>
    </row>
    <row r="16992" spans="1:31" ht="14.45">
      <c r="A16992" s="11"/>
      <c r="B16992" s="20"/>
      <c r="C16992" s="2" t="s">
        <v>51934</v>
      </c>
      <c r="D16992" s="14" t="s">
        <v>51935</v>
      </c>
      <c r="E16992" s="2" t="s">
        <v>51936</v>
      </c>
      <c r="F16992" s="2" t="s">
        <v>36353</v>
      </c>
      <c r="G16992" s="8">
        <v>308</v>
      </c>
      <c r="H16992" s="5">
        <v>6</v>
      </c>
      <c r="I16992" s="5" t="s">
        <v>1518</v>
      </c>
      <c r="J16992" s="5" t="s">
        <v>36264</v>
      </c>
      <c r="K16992" s="2" t="s">
        <v>36265</v>
      </c>
      <c r="L16992" s="5" t="s">
        <v>36264</v>
      </c>
      <c r="M16992" s="2" t="s">
        <v>36265</v>
      </c>
      <c r="N16992" s="5" t="s">
        <v>36266</v>
      </c>
      <c r="O16992" s="5" t="s">
        <v>38</v>
      </c>
      <c r="P16992" s="5" t="s">
        <v>39</v>
      </c>
      <c r="Q16992" s="5" t="s">
        <v>40</v>
      </c>
      <c r="R16992" s="5" t="s">
        <v>1522</v>
      </c>
      <c r="S16992" s="5" t="s">
        <v>1523</v>
      </c>
      <c r="T16992" s="5" t="s">
        <v>42</v>
      </c>
      <c r="U16992" s="2">
        <v>3.0150000000000001</v>
      </c>
      <c r="V16992" s="2">
        <v>2.3980000000000001</v>
      </c>
      <c r="W16992" s="2">
        <v>1.7999999999999999E-2</v>
      </c>
      <c r="X16992" s="2">
        <v>139.1</v>
      </c>
      <c r="Y16992" s="2">
        <v>7.6</v>
      </c>
      <c r="Z16992" s="2">
        <v>16.7</v>
      </c>
      <c r="AA16992" s="5"/>
      <c r="AB16992" s="5" t="s">
        <v>43</v>
      </c>
      <c r="AC16992" s="5" t="s">
        <v>44</v>
      </c>
      <c r="AD16992" s="2"/>
      <c r="AE16992" s="1"/>
    </row>
    <row r="16993" spans="1:31" ht="14.45">
      <c r="A16993" s="11"/>
      <c r="B16993" s="20"/>
      <c r="C16993" s="2" t="s">
        <v>51937</v>
      </c>
      <c r="D16993" s="14" t="s">
        <v>51938</v>
      </c>
      <c r="E16993" s="2" t="s">
        <v>51939</v>
      </c>
      <c r="F16993" s="2" t="s">
        <v>36357</v>
      </c>
      <c r="G16993" s="8">
        <v>308</v>
      </c>
      <c r="H16993" s="5">
        <v>6</v>
      </c>
      <c r="I16993" s="5" t="s">
        <v>1518</v>
      </c>
      <c r="J16993" s="5" t="s">
        <v>36264</v>
      </c>
      <c r="K16993" s="2" t="s">
        <v>36265</v>
      </c>
      <c r="L16993" s="5" t="s">
        <v>36264</v>
      </c>
      <c r="M16993" s="2" t="s">
        <v>36265</v>
      </c>
      <c r="N16993" s="5" t="s">
        <v>36266</v>
      </c>
      <c r="O16993" s="5" t="s">
        <v>38</v>
      </c>
      <c r="P16993" s="5" t="s">
        <v>39</v>
      </c>
      <c r="Q16993" s="5" t="s">
        <v>40</v>
      </c>
      <c r="R16993" s="5" t="s">
        <v>1522</v>
      </c>
      <c r="S16993" s="5" t="s">
        <v>1523</v>
      </c>
      <c r="T16993" s="5" t="s">
        <v>42</v>
      </c>
      <c r="U16993" s="2">
        <v>3.109</v>
      </c>
      <c r="V16993" s="2">
        <v>2.492</v>
      </c>
      <c r="W16993" s="2">
        <v>1.7999999999999999E-2</v>
      </c>
      <c r="X16993" s="2">
        <v>139.1</v>
      </c>
      <c r="Y16993" s="2">
        <v>7.6</v>
      </c>
      <c r="Z16993" s="2">
        <v>16.7</v>
      </c>
      <c r="AA16993" s="5"/>
      <c r="AB16993" s="5" t="s">
        <v>43</v>
      </c>
      <c r="AC16993" s="5" t="s">
        <v>44</v>
      </c>
      <c r="AD16993" s="2"/>
      <c r="AE16993" s="1"/>
    </row>
    <row r="16994" spans="1:31" ht="14.45">
      <c r="A16994" s="11"/>
      <c r="B16994" s="20"/>
      <c r="C16994" s="2" t="s">
        <v>51940</v>
      </c>
      <c r="D16994" s="14" t="s">
        <v>51941</v>
      </c>
      <c r="E16994" s="2" t="s">
        <v>51942</v>
      </c>
      <c r="F16994" s="2" t="s">
        <v>45598</v>
      </c>
      <c r="G16994" s="8">
        <v>308</v>
      </c>
      <c r="H16994" s="5">
        <v>6</v>
      </c>
      <c r="I16994" s="5" t="s">
        <v>1518</v>
      </c>
      <c r="J16994" s="5" t="s">
        <v>36264</v>
      </c>
      <c r="K16994" s="2" t="s">
        <v>36265</v>
      </c>
      <c r="L16994" s="5" t="s">
        <v>36264</v>
      </c>
      <c r="M16994" s="2" t="s">
        <v>36265</v>
      </c>
      <c r="N16994" s="5" t="s">
        <v>36266</v>
      </c>
      <c r="O16994" s="5" t="s">
        <v>38</v>
      </c>
      <c r="P16994" s="5" t="s">
        <v>39</v>
      </c>
      <c r="Q16994" s="5" t="s">
        <v>40</v>
      </c>
      <c r="R16994" s="5" t="s">
        <v>1522</v>
      </c>
      <c r="S16994" s="5" t="s">
        <v>1523</v>
      </c>
      <c r="T16994" s="5" t="s">
        <v>42</v>
      </c>
      <c r="U16994" s="2">
        <v>3.0150000000000001</v>
      </c>
      <c r="V16994" s="2">
        <v>2.3980000000000001</v>
      </c>
      <c r="W16994" s="2">
        <v>1.7999999999999999E-2</v>
      </c>
      <c r="X16994" s="2">
        <v>139.1</v>
      </c>
      <c r="Y16994" s="2">
        <v>7.6</v>
      </c>
      <c r="Z16994" s="2">
        <v>16.7</v>
      </c>
      <c r="AA16994" s="5"/>
      <c r="AB16994" s="5" t="s">
        <v>43</v>
      </c>
      <c r="AC16994" s="5" t="s">
        <v>44</v>
      </c>
      <c r="AD16994" s="2"/>
      <c r="AE16994" s="1"/>
    </row>
    <row r="16995" spans="1:31" ht="14.45">
      <c r="A16995" s="11"/>
      <c r="B16995" s="20"/>
      <c r="C16995" s="2" t="s">
        <v>51943</v>
      </c>
      <c r="D16995" s="14" t="s">
        <v>51944</v>
      </c>
      <c r="E16995" s="2" t="s">
        <v>51945</v>
      </c>
      <c r="F16995" s="2" t="s">
        <v>45534</v>
      </c>
      <c r="G16995" s="8">
        <v>308</v>
      </c>
      <c r="H16995" s="5">
        <v>6</v>
      </c>
      <c r="I16995" s="5" t="s">
        <v>1518</v>
      </c>
      <c r="J16995" s="5" t="s">
        <v>36264</v>
      </c>
      <c r="K16995" s="2" t="s">
        <v>36265</v>
      </c>
      <c r="L16995" s="5" t="s">
        <v>36264</v>
      </c>
      <c r="M16995" s="2" t="s">
        <v>36265</v>
      </c>
      <c r="N16995" s="5" t="s">
        <v>36266</v>
      </c>
      <c r="O16995" s="5" t="s">
        <v>38</v>
      </c>
      <c r="P16995" s="5" t="s">
        <v>39</v>
      </c>
      <c r="Q16995" s="5" t="s">
        <v>40</v>
      </c>
      <c r="R16995" s="5" t="s">
        <v>1522</v>
      </c>
      <c r="S16995" s="5" t="s">
        <v>1523</v>
      </c>
      <c r="T16995" s="5" t="s">
        <v>42</v>
      </c>
      <c r="U16995" s="2">
        <v>3.109</v>
      </c>
      <c r="V16995" s="2">
        <v>2.492</v>
      </c>
      <c r="W16995" s="2">
        <v>1.7999999999999999E-2</v>
      </c>
      <c r="X16995" s="2">
        <v>139.1</v>
      </c>
      <c r="Y16995" s="2">
        <v>7.6</v>
      </c>
      <c r="Z16995" s="2">
        <v>16.7</v>
      </c>
      <c r="AA16995" s="5"/>
      <c r="AB16995" s="5" t="s">
        <v>43</v>
      </c>
      <c r="AC16995" s="5" t="s">
        <v>44</v>
      </c>
      <c r="AD16995" s="2"/>
      <c r="AE16995" s="1"/>
    </row>
    <row r="16996" spans="1:31" ht="14.45">
      <c r="A16996" s="11"/>
      <c r="B16996" s="20"/>
      <c r="C16996" s="2" t="s">
        <v>51946</v>
      </c>
      <c r="D16996" s="14" t="s">
        <v>51947</v>
      </c>
      <c r="E16996" s="2" t="s">
        <v>51948</v>
      </c>
      <c r="F16996" s="2" t="s">
        <v>36369</v>
      </c>
      <c r="G16996" s="8">
        <v>308</v>
      </c>
      <c r="H16996" s="5">
        <v>6</v>
      </c>
      <c r="I16996" s="5" t="s">
        <v>1518</v>
      </c>
      <c r="J16996" s="5" t="s">
        <v>36264</v>
      </c>
      <c r="K16996" s="2" t="s">
        <v>36265</v>
      </c>
      <c r="L16996" s="5" t="s">
        <v>36264</v>
      </c>
      <c r="M16996" s="2" t="s">
        <v>36265</v>
      </c>
      <c r="N16996" s="5" t="s">
        <v>36266</v>
      </c>
      <c r="O16996" s="5" t="s">
        <v>38</v>
      </c>
      <c r="P16996" s="5" t="s">
        <v>39</v>
      </c>
      <c r="Q16996" s="5" t="s">
        <v>40</v>
      </c>
      <c r="R16996" s="5" t="s">
        <v>1522</v>
      </c>
      <c r="S16996" s="5" t="s">
        <v>1523</v>
      </c>
      <c r="T16996" s="5" t="s">
        <v>42</v>
      </c>
      <c r="U16996" s="2">
        <v>3.0150000000000001</v>
      </c>
      <c r="V16996" s="2">
        <v>2.3980000000000001</v>
      </c>
      <c r="W16996" s="2">
        <v>1.7999999999999999E-2</v>
      </c>
      <c r="X16996" s="2">
        <v>139.1</v>
      </c>
      <c r="Y16996" s="2">
        <v>7.6</v>
      </c>
      <c r="Z16996" s="2">
        <v>16.7</v>
      </c>
      <c r="AA16996" s="5"/>
      <c r="AB16996" s="5" t="s">
        <v>43</v>
      </c>
      <c r="AC16996" s="5" t="s">
        <v>44</v>
      </c>
      <c r="AD16996" s="2"/>
      <c r="AE16996" s="1"/>
    </row>
    <row r="16997" spans="1:31" ht="14.45">
      <c r="A16997" s="11"/>
      <c r="B16997" s="20"/>
      <c r="C16997" s="2" t="s">
        <v>51949</v>
      </c>
      <c r="D16997" s="14" t="s">
        <v>51950</v>
      </c>
      <c r="E16997" s="2" t="s">
        <v>51951</v>
      </c>
      <c r="F16997" s="2" t="s">
        <v>36373</v>
      </c>
      <c r="G16997" s="8">
        <v>308</v>
      </c>
      <c r="H16997" s="5">
        <v>6</v>
      </c>
      <c r="I16997" s="5" t="s">
        <v>1518</v>
      </c>
      <c r="J16997" s="5" t="s">
        <v>36264</v>
      </c>
      <c r="K16997" s="2" t="s">
        <v>36265</v>
      </c>
      <c r="L16997" s="5" t="s">
        <v>36264</v>
      </c>
      <c r="M16997" s="2" t="s">
        <v>36265</v>
      </c>
      <c r="N16997" s="5" t="s">
        <v>36266</v>
      </c>
      <c r="O16997" s="5" t="s">
        <v>38</v>
      </c>
      <c r="P16997" s="5" t="s">
        <v>39</v>
      </c>
      <c r="Q16997" s="5" t="s">
        <v>40</v>
      </c>
      <c r="R16997" s="5" t="s">
        <v>1522</v>
      </c>
      <c r="S16997" s="5" t="s">
        <v>1523</v>
      </c>
      <c r="T16997" s="5" t="s">
        <v>42</v>
      </c>
      <c r="U16997" s="2">
        <v>3.109</v>
      </c>
      <c r="V16997" s="2">
        <v>2.492</v>
      </c>
      <c r="W16997" s="2">
        <v>1.7999999999999999E-2</v>
      </c>
      <c r="X16997" s="2">
        <v>139.1</v>
      </c>
      <c r="Y16997" s="2">
        <v>7.6</v>
      </c>
      <c r="Z16997" s="2">
        <v>16.7</v>
      </c>
      <c r="AA16997" s="5"/>
      <c r="AB16997" s="5" t="s">
        <v>43</v>
      </c>
      <c r="AC16997" s="5" t="s">
        <v>44</v>
      </c>
      <c r="AD16997" s="2"/>
      <c r="AE16997" s="1"/>
    </row>
    <row r="16998" spans="1:31" ht="14.45">
      <c r="A16998" s="11"/>
      <c r="B16998" s="20"/>
      <c r="C16998" s="2" t="s">
        <v>51952</v>
      </c>
      <c r="D16998" s="14" t="s">
        <v>51953</v>
      </c>
      <c r="E16998" s="2" t="s">
        <v>51954</v>
      </c>
      <c r="F16998" s="2" t="s">
        <v>36377</v>
      </c>
      <c r="G16998" s="8">
        <v>308</v>
      </c>
      <c r="H16998" s="5">
        <v>6</v>
      </c>
      <c r="I16998" s="5" t="s">
        <v>1518</v>
      </c>
      <c r="J16998" s="5" t="s">
        <v>36264</v>
      </c>
      <c r="K16998" s="2" t="s">
        <v>36265</v>
      </c>
      <c r="L16998" s="5" t="s">
        <v>36264</v>
      </c>
      <c r="M16998" s="2" t="s">
        <v>36265</v>
      </c>
      <c r="N16998" s="5" t="s">
        <v>36266</v>
      </c>
      <c r="O16998" s="5" t="s">
        <v>38</v>
      </c>
      <c r="P16998" s="5" t="s">
        <v>39</v>
      </c>
      <c r="Q16998" s="5" t="s">
        <v>40</v>
      </c>
      <c r="R16998" s="5" t="s">
        <v>1522</v>
      </c>
      <c r="S16998" s="5" t="s">
        <v>1523</v>
      </c>
      <c r="T16998" s="5" t="s">
        <v>42</v>
      </c>
      <c r="U16998" s="2">
        <v>3.0150000000000001</v>
      </c>
      <c r="V16998" s="2">
        <v>2.3980000000000001</v>
      </c>
      <c r="W16998" s="2">
        <v>1.7999999999999999E-2</v>
      </c>
      <c r="X16998" s="2">
        <v>139.1</v>
      </c>
      <c r="Y16998" s="2">
        <v>7.6</v>
      </c>
      <c r="Z16998" s="2">
        <v>16.7</v>
      </c>
      <c r="AA16998" s="5"/>
      <c r="AB16998" s="5" t="s">
        <v>43</v>
      </c>
      <c r="AC16998" s="5" t="s">
        <v>44</v>
      </c>
      <c r="AD16998" s="2"/>
      <c r="AE16998" s="1"/>
    </row>
    <row r="16999" spans="1:31" ht="14.45">
      <c r="A16999" s="11"/>
      <c r="B16999" s="20"/>
      <c r="C16999" s="2" t="s">
        <v>51955</v>
      </c>
      <c r="D16999" s="14" t="s">
        <v>51956</v>
      </c>
      <c r="E16999" s="2" t="s">
        <v>51957</v>
      </c>
      <c r="F16999" s="2" t="s">
        <v>36381</v>
      </c>
      <c r="G16999" s="8">
        <v>308</v>
      </c>
      <c r="H16999" s="5">
        <v>6</v>
      </c>
      <c r="I16999" s="5" t="s">
        <v>1518</v>
      </c>
      <c r="J16999" s="5" t="s">
        <v>36264</v>
      </c>
      <c r="K16999" s="2" t="s">
        <v>36265</v>
      </c>
      <c r="L16999" s="5" t="s">
        <v>36264</v>
      </c>
      <c r="M16999" s="2" t="s">
        <v>36265</v>
      </c>
      <c r="N16999" s="5" t="s">
        <v>36266</v>
      </c>
      <c r="O16999" s="5" t="s">
        <v>38</v>
      </c>
      <c r="P16999" s="5" t="s">
        <v>39</v>
      </c>
      <c r="Q16999" s="5" t="s">
        <v>40</v>
      </c>
      <c r="R16999" s="5" t="s">
        <v>1522</v>
      </c>
      <c r="S16999" s="5" t="s">
        <v>1523</v>
      </c>
      <c r="T16999" s="5" t="s">
        <v>42</v>
      </c>
      <c r="U16999" s="2">
        <v>3.109</v>
      </c>
      <c r="V16999" s="2">
        <v>2.492</v>
      </c>
      <c r="W16999" s="2">
        <v>1.7999999999999999E-2</v>
      </c>
      <c r="X16999" s="2">
        <v>139.1</v>
      </c>
      <c r="Y16999" s="2">
        <v>7.6</v>
      </c>
      <c r="Z16999" s="2">
        <v>16.7</v>
      </c>
      <c r="AA16999" s="5"/>
      <c r="AB16999" s="5" t="s">
        <v>43</v>
      </c>
      <c r="AC16999" s="5" t="s">
        <v>44</v>
      </c>
      <c r="AD16999" s="2"/>
      <c r="AE16999" s="1"/>
    </row>
    <row r="17000" spans="1:31" ht="14.45">
      <c r="A17000" s="11"/>
      <c r="B17000" s="20"/>
      <c r="C17000" s="2" t="s">
        <v>51958</v>
      </c>
      <c r="D17000" s="14" t="s">
        <v>51959</v>
      </c>
      <c r="E17000" s="2" t="s">
        <v>51960</v>
      </c>
      <c r="F17000" s="2" t="s">
        <v>36385</v>
      </c>
      <c r="G17000" s="8">
        <v>308</v>
      </c>
      <c r="H17000" s="5">
        <v>6</v>
      </c>
      <c r="I17000" s="5" t="s">
        <v>1518</v>
      </c>
      <c r="J17000" s="5" t="s">
        <v>36264</v>
      </c>
      <c r="K17000" s="2" t="s">
        <v>36265</v>
      </c>
      <c r="L17000" s="5" t="s">
        <v>36264</v>
      </c>
      <c r="M17000" s="2" t="s">
        <v>36265</v>
      </c>
      <c r="N17000" s="5" t="s">
        <v>36266</v>
      </c>
      <c r="O17000" s="5" t="s">
        <v>38</v>
      </c>
      <c r="P17000" s="5" t="s">
        <v>39</v>
      </c>
      <c r="Q17000" s="5" t="s">
        <v>40</v>
      </c>
      <c r="R17000" s="5" t="s">
        <v>1522</v>
      </c>
      <c r="S17000" s="5" t="s">
        <v>1523</v>
      </c>
      <c r="T17000" s="5" t="s">
        <v>42</v>
      </c>
      <c r="U17000" s="2">
        <v>3.0150000000000001</v>
      </c>
      <c r="V17000" s="2">
        <v>2.3980000000000001</v>
      </c>
      <c r="W17000" s="2">
        <v>1.7999999999999999E-2</v>
      </c>
      <c r="X17000" s="2">
        <v>139.1</v>
      </c>
      <c r="Y17000" s="2">
        <v>7.6</v>
      </c>
      <c r="Z17000" s="2">
        <v>16.7</v>
      </c>
      <c r="AA17000" s="5"/>
      <c r="AB17000" s="5" t="s">
        <v>43</v>
      </c>
      <c r="AC17000" s="5" t="s">
        <v>44</v>
      </c>
      <c r="AD17000" s="2"/>
      <c r="AE17000" s="1"/>
    </row>
    <row r="17001" spans="1:31" ht="14.45">
      <c r="A17001" s="11"/>
      <c r="B17001" s="20"/>
      <c r="C17001" s="2" t="s">
        <v>51961</v>
      </c>
      <c r="D17001" s="14" t="s">
        <v>51962</v>
      </c>
      <c r="E17001" s="2" t="s">
        <v>51963</v>
      </c>
      <c r="F17001" s="2" t="s">
        <v>36389</v>
      </c>
      <c r="G17001" s="8">
        <v>308</v>
      </c>
      <c r="H17001" s="5">
        <v>6</v>
      </c>
      <c r="I17001" s="5" t="s">
        <v>1518</v>
      </c>
      <c r="J17001" s="5" t="s">
        <v>36264</v>
      </c>
      <c r="K17001" s="2" t="s">
        <v>36265</v>
      </c>
      <c r="L17001" s="5" t="s">
        <v>36264</v>
      </c>
      <c r="M17001" s="2" t="s">
        <v>36265</v>
      </c>
      <c r="N17001" s="5" t="s">
        <v>36266</v>
      </c>
      <c r="O17001" s="5" t="s">
        <v>38</v>
      </c>
      <c r="P17001" s="5" t="s">
        <v>39</v>
      </c>
      <c r="Q17001" s="5" t="s">
        <v>40</v>
      </c>
      <c r="R17001" s="5" t="s">
        <v>1522</v>
      </c>
      <c r="S17001" s="5" t="s">
        <v>1523</v>
      </c>
      <c r="T17001" s="5" t="s">
        <v>42</v>
      </c>
      <c r="U17001" s="2">
        <v>3.109</v>
      </c>
      <c r="V17001" s="2">
        <v>2.492</v>
      </c>
      <c r="W17001" s="2">
        <v>1.7999999999999999E-2</v>
      </c>
      <c r="X17001" s="2">
        <v>139.1</v>
      </c>
      <c r="Y17001" s="2">
        <v>7.6</v>
      </c>
      <c r="Z17001" s="2">
        <v>16.7</v>
      </c>
      <c r="AA17001" s="5"/>
      <c r="AB17001" s="5" t="s">
        <v>43</v>
      </c>
      <c r="AC17001" s="5" t="s">
        <v>44</v>
      </c>
      <c r="AD17001" s="2"/>
      <c r="AE17001" s="1"/>
    </row>
    <row r="17002" spans="1:31" ht="14.45">
      <c r="A17002" s="11"/>
      <c r="B17002" s="20"/>
      <c r="C17002" s="2" t="s">
        <v>51964</v>
      </c>
      <c r="D17002" s="14" t="s">
        <v>51965</v>
      </c>
      <c r="E17002" s="2" t="s">
        <v>51966</v>
      </c>
      <c r="F17002" s="2" t="s">
        <v>7204</v>
      </c>
      <c r="G17002" s="8">
        <v>294</v>
      </c>
      <c r="H17002" s="5">
        <v>6</v>
      </c>
      <c r="I17002" s="5" t="s">
        <v>1518</v>
      </c>
      <c r="J17002" s="5" t="s">
        <v>36264</v>
      </c>
      <c r="K17002" s="2" t="s">
        <v>36265</v>
      </c>
      <c r="L17002" s="5" t="s">
        <v>36264</v>
      </c>
      <c r="M17002" s="2" t="s">
        <v>36265</v>
      </c>
      <c r="N17002" s="5" t="s">
        <v>36266</v>
      </c>
      <c r="O17002" s="5" t="s">
        <v>38</v>
      </c>
      <c r="P17002" s="5" t="s">
        <v>39</v>
      </c>
      <c r="Q17002" s="5" t="s">
        <v>40</v>
      </c>
      <c r="R17002" s="5" t="s">
        <v>1522</v>
      </c>
      <c r="S17002" s="5" t="s">
        <v>1523</v>
      </c>
      <c r="T17002" s="5" t="s">
        <v>42</v>
      </c>
      <c r="U17002" s="2">
        <v>3.2650000000000001</v>
      </c>
      <c r="V17002" s="2">
        <v>2.5649999999999999</v>
      </c>
      <c r="W17002" s="2">
        <v>0.02</v>
      </c>
      <c r="X17002" s="2">
        <v>159.1</v>
      </c>
      <c r="Y17002" s="2">
        <v>7.6</v>
      </c>
      <c r="Z17002" s="2">
        <v>16.7</v>
      </c>
      <c r="AA17002" s="5"/>
      <c r="AB17002" s="5" t="s">
        <v>43</v>
      </c>
      <c r="AC17002" s="5" t="s">
        <v>44</v>
      </c>
      <c r="AD17002" s="2"/>
      <c r="AE17002" s="1"/>
    </row>
    <row r="17003" spans="1:31" ht="14.45">
      <c r="A17003" s="11"/>
      <c r="B17003" s="20"/>
      <c r="C17003" s="2" t="s">
        <v>51967</v>
      </c>
      <c r="D17003" s="14" t="s">
        <v>51968</v>
      </c>
      <c r="E17003" s="2" t="s">
        <v>51969</v>
      </c>
      <c r="F17003" s="2" t="s">
        <v>7514</v>
      </c>
      <c r="G17003" s="8">
        <v>294</v>
      </c>
      <c r="H17003" s="5">
        <v>6</v>
      </c>
      <c r="I17003" s="5" t="s">
        <v>1518</v>
      </c>
      <c r="J17003" s="5" t="s">
        <v>36264</v>
      </c>
      <c r="K17003" s="2" t="s">
        <v>36265</v>
      </c>
      <c r="L17003" s="5" t="s">
        <v>36264</v>
      </c>
      <c r="M17003" s="2" t="s">
        <v>36265</v>
      </c>
      <c r="N17003" s="5" t="s">
        <v>36266</v>
      </c>
      <c r="O17003" s="5" t="s">
        <v>38</v>
      </c>
      <c r="P17003" s="5" t="s">
        <v>39</v>
      </c>
      <c r="Q17003" s="5" t="s">
        <v>40</v>
      </c>
      <c r="R17003" s="5" t="s">
        <v>1522</v>
      </c>
      <c r="S17003" s="5" t="s">
        <v>1523</v>
      </c>
      <c r="T17003" s="5" t="s">
        <v>42</v>
      </c>
      <c r="U17003" s="2">
        <v>3.371</v>
      </c>
      <c r="V17003" s="2">
        <v>2.6709999999999998</v>
      </c>
      <c r="W17003" s="2">
        <v>0.02</v>
      </c>
      <c r="X17003" s="2">
        <v>159.1</v>
      </c>
      <c r="Y17003" s="2">
        <v>7.6</v>
      </c>
      <c r="Z17003" s="2">
        <v>16.7</v>
      </c>
      <c r="AA17003" s="5"/>
      <c r="AB17003" s="5" t="s">
        <v>43</v>
      </c>
      <c r="AC17003" s="5" t="s">
        <v>44</v>
      </c>
      <c r="AD17003" s="2"/>
      <c r="AE17003" s="1"/>
    </row>
    <row r="17004" spans="1:31" ht="14.45">
      <c r="A17004" s="11"/>
      <c r="B17004" s="20"/>
      <c r="C17004" s="2" t="s">
        <v>51970</v>
      </c>
      <c r="D17004" s="14" t="s">
        <v>51971</v>
      </c>
      <c r="E17004" s="2" t="s">
        <v>51972</v>
      </c>
      <c r="F17004" s="2" t="s">
        <v>36273</v>
      </c>
      <c r="G17004" s="8">
        <v>294</v>
      </c>
      <c r="H17004" s="5">
        <v>6</v>
      </c>
      <c r="I17004" s="5" t="s">
        <v>1518</v>
      </c>
      <c r="J17004" s="5" t="s">
        <v>36264</v>
      </c>
      <c r="K17004" s="2" t="s">
        <v>36265</v>
      </c>
      <c r="L17004" s="5" t="s">
        <v>36264</v>
      </c>
      <c r="M17004" s="2" t="s">
        <v>36265</v>
      </c>
      <c r="N17004" s="5" t="s">
        <v>36266</v>
      </c>
      <c r="O17004" s="5" t="s">
        <v>38</v>
      </c>
      <c r="P17004" s="5" t="s">
        <v>39</v>
      </c>
      <c r="Q17004" s="5" t="s">
        <v>40</v>
      </c>
      <c r="R17004" s="5" t="s">
        <v>1522</v>
      </c>
      <c r="S17004" s="5" t="s">
        <v>1523</v>
      </c>
      <c r="T17004" s="5" t="s">
        <v>42</v>
      </c>
      <c r="U17004" s="2">
        <v>3.2650000000000001</v>
      </c>
      <c r="V17004" s="2">
        <v>2.5649999999999999</v>
      </c>
      <c r="W17004" s="2">
        <v>0.02</v>
      </c>
      <c r="X17004" s="2">
        <v>159.1</v>
      </c>
      <c r="Y17004" s="2">
        <v>7.6</v>
      </c>
      <c r="Z17004" s="2">
        <v>16.7</v>
      </c>
      <c r="AA17004" s="5"/>
      <c r="AB17004" s="5" t="s">
        <v>43</v>
      </c>
      <c r="AC17004" s="5" t="s">
        <v>44</v>
      </c>
      <c r="AD17004" s="2"/>
      <c r="AE17004" s="1"/>
    </row>
    <row r="17005" spans="1:31" ht="14.45">
      <c r="A17005" s="11"/>
      <c r="B17005" s="20"/>
      <c r="C17005" s="2" t="s">
        <v>51973</v>
      </c>
      <c r="D17005" s="14" t="s">
        <v>51974</v>
      </c>
      <c r="E17005" s="2" t="s">
        <v>51975</v>
      </c>
      <c r="F17005" s="2" t="s">
        <v>36277</v>
      </c>
      <c r="G17005" s="8">
        <v>294</v>
      </c>
      <c r="H17005" s="5">
        <v>6</v>
      </c>
      <c r="I17005" s="5" t="s">
        <v>1518</v>
      </c>
      <c r="J17005" s="5" t="s">
        <v>36264</v>
      </c>
      <c r="K17005" s="2" t="s">
        <v>36265</v>
      </c>
      <c r="L17005" s="5" t="s">
        <v>36264</v>
      </c>
      <c r="M17005" s="2" t="s">
        <v>36265</v>
      </c>
      <c r="N17005" s="5" t="s">
        <v>36266</v>
      </c>
      <c r="O17005" s="5" t="s">
        <v>38</v>
      </c>
      <c r="P17005" s="5" t="s">
        <v>39</v>
      </c>
      <c r="Q17005" s="5" t="s">
        <v>40</v>
      </c>
      <c r="R17005" s="5" t="s">
        <v>1522</v>
      </c>
      <c r="S17005" s="5" t="s">
        <v>1523</v>
      </c>
      <c r="T17005" s="5" t="s">
        <v>42</v>
      </c>
      <c r="U17005" s="2">
        <v>3.371</v>
      </c>
      <c r="V17005" s="2">
        <v>2.6709999999999998</v>
      </c>
      <c r="W17005" s="2">
        <v>0.02</v>
      </c>
      <c r="X17005" s="2">
        <v>159.1</v>
      </c>
      <c r="Y17005" s="2">
        <v>7.6</v>
      </c>
      <c r="Z17005" s="2">
        <v>16.7</v>
      </c>
      <c r="AA17005" s="5"/>
      <c r="AB17005" s="5" t="s">
        <v>43</v>
      </c>
      <c r="AC17005" s="5" t="s">
        <v>44</v>
      </c>
      <c r="AD17005" s="2"/>
      <c r="AE17005" s="1"/>
    </row>
    <row r="17006" spans="1:31" ht="14.45">
      <c r="A17006" s="11"/>
      <c r="B17006" s="20"/>
      <c r="C17006" s="2" t="s">
        <v>51976</v>
      </c>
      <c r="D17006" s="14" t="s">
        <v>51977</v>
      </c>
      <c r="E17006" s="2" t="s">
        <v>51978</v>
      </c>
      <c r="F17006" s="2" t="s">
        <v>36285</v>
      </c>
      <c r="G17006" s="8">
        <v>318</v>
      </c>
      <c r="H17006" s="5">
        <v>6</v>
      </c>
      <c r="I17006" s="5" t="s">
        <v>1518</v>
      </c>
      <c r="J17006" s="5" t="s">
        <v>36264</v>
      </c>
      <c r="K17006" s="2" t="s">
        <v>36265</v>
      </c>
      <c r="L17006" s="5" t="s">
        <v>36264</v>
      </c>
      <c r="M17006" s="2" t="s">
        <v>36265</v>
      </c>
      <c r="N17006" s="5" t="s">
        <v>36266</v>
      </c>
      <c r="O17006" s="5" t="s">
        <v>38</v>
      </c>
      <c r="P17006" s="5" t="s">
        <v>39</v>
      </c>
      <c r="Q17006" s="5" t="s">
        <v>40</v>
      </c>
      <c r="R17006" s="5" t="s">
        <v>1522</v>
      </c>
      <c r="S17006" s="5" t="s">
        <v>1523</v>
      </c>
      <c r="T17006" s="5" t="s">
        <v>42</v>
      </c>
      <c r="U17006" s="2">
        <v>3.371</v>
      </c>
      <c r="V17006" s="2">
        <v>2.6709999999999998</v>
      </c>
      <c r="W17006" s="2">
        <v>0.02</v>
      </c>
      <c r="X17006" s="2">
        <v>159.1</v>
      </c>
      <c r="Y17006" s="2">
        <v>7.6</v>
      </c>
      <c r="Z17006" s="2">
        <v>16.7</v>
      </c>
      <c r="AA17006" s="5"/>
      <c r="AB17006" s="5" t="s">
        <v>43</v>
      </c>
      <c r="AC17006" s="5" t="s">
        <v>44</v>
      </c>
      <c r="AD17006" s="2"/>
      <c r="AE17006" s="1"/>
    </row>
    <row r="17007" spans="1:31" ht="14.45">
      <c r="A17007" s="11"/>
      <c r="B17007" s="20"/>
      <c r="C17007" s="2" t="s">
        <v>51979</v>
      </c>
      <c r="D17007" s="14" t="s">
        <v>51980</v>
      </c>
      <c r="E17007" s="2" t="s">
        <v>51981</v>
      </c>
      <c r="F17007" s="2" t="s">
        <v>36289</v>
      </c>
      <c r="G17007" s="8">
        <v>318</v>
      </c>
      <c r="H17007" s="5">
        <v>6</v>
      </c>
      <c r="I17007" s="5" t="s">
        <v>1518</v>
      </c>
      <c r="J17007" s="5" t="s">
        <v>36264</v>
      </c>
      <c r="K17007" s="2" t="s">
        <v>36265</v>
      </c>
      <c r="L17007" s="5" t="s">
        <v>36264</v>
      </c>
      <c r="M17007" s="2" t="s">
        <v>36265</v>
      </c>
      <c r="N17007" s="5" t="s">
        <v>36266</v>
      </c>
      <c r="O17007" s="5" t="s">
        <v>38</v>
      </c>
      <c r="P17007" s="5" t="s">
        <v>39</v>
      </c>
      <c r="Q17007" s="5" t="s">
        <v>40</v>
      </c>
      <c r="R17007" s="5" t="s">
        <v>1522</v>
      </c>
      <c r="S17007" s="5" t="s">
        <v>1523</v>
      </c>
      <c r="T17007" s="5" t="s">
        <v>42</v>
      </c>
      <c r="U17007" s="2">
        <v>3.2650000000000001</v>
      </c>
      <c r="V17007" s="2">
        <v>2.5649999999999999</v>
      </c>
      <c r="W17007" s="2">
        <v>0.02</v>
      </c>
      <c r="X17007" s="2">
        <v>159.1</v>
      </c>
      <c r="Y17007" s="2">
        <v>7.6</v>
      </c>
      <c r="Z17007" s="2">
        <v>16.7</v>
      </c>
      <c r="AA17007" s="5"/>
      <c r="AB17007" s="5" t="s">
        <v>43</v>
      </c>
      <c r="AC17007" s="5" t="s">
        <v>44</v>
      </c>
      <c r="AD17007" s="2"/>
      <c r="AE17007" s="1"/>
    </row>
    <row r="17008" spans="1:31" ht="14.45">
      <c r="A17008" s="11"/>
      <c r="B17008" s="20"/>
      <c r="C17008" s="2" t="s">
        <v>51982</v>
      </c>
      <c r="D17008" s="14" t="s">
        <v>51983</v>
      </c>
      <c r="E17008" s="2" t="s">
        <v>51984</v>
      </c>
      <c r="F17008" s="2" t="s">
        <v>36293</v>
      </c>
      <c r="G17008" s="8">
        <v>318</v>
      </c>
      <c r="H17008" s="5">
        <v>6</v>
      </c>
      <c r="I17008" s="5" t="s">
        <v>1518</v>
      </c>
      <c r="J17008" s="5" t="s">
        <v>36264</v>
      </c>
      <c r="K17008" s="2" t="s">
        <v>36265</v>
      </c>
      <c r="L17008" s="5" t="s">
        <v>36264</v>
      </c>
      <c r="M17008" s="2" t="s">
        <v>36265</v>
      </c>
      <c r="N17008" s="5" t="s">
        <v>36266</v>
      </c>
      <c r="O17008" s="5" t="s">
        <v>38</v>
      </c>
      <c r="P17008" s="5" t="s">
        <v>39</v>
      </c>
      <c r="Q17008" s="5" t="s">
        <v>40</v>
      </c>
      <c r="R17008" s="5" t="s">
        <v>1522</v>
      </c>
      <c r="S17008" s="5" t="s">
        <v>1523</v>
      </c>
      <c r="T17008" s="5" t="s">
        <v>42</v>
      </c>
      <c r="U17008" s="2">
        <v>3.371</v>
      </c>
      <c r="V17008" s="2">
        <v>2.6709999999999998</v>
      </c>
      <c r="W17008" s="2">
        <v>0.02</v>
      </c>
      <c r="X17008" s="2">
        <v>159.1</v>
      </c>
      <c r="Y17008" s="2">
        <v>7.6</v>
      </c>
      <c r="Z17008" s="2">
        <v>16.7</v>
      </c>
      <c r="AA17008" s="5"/>
      <c r="AB17008" s="5" t="s">
        <v>43</v>
      </c>
      <c r="AC17008" s="5" t="s">
        <v>44</v>
      </c>
      <c r="AD17008" s="2"/>
      <c r="AE17008" s="1"/>
    </row>
    <row r="17009" spans="1:31" ht="14.45">
      <c r="A17009" s="11"/>
      <c r="B17009" s="20"/>
      <c r="C17009" s="2" t="s">
        <v>51985</v>
      </c>
      <c r="D17009" s="14" t="s">
        <v>51986</v>
      </c>
      <c r="E17009" s="2" t="s">
        <v>51987</v>
      </c>
      <c r="F17009" s="2" t="s">
        <v>36301</v>
      </c>
      <c r="G17009" s="8">
        <v>294</v>
      </c>
      <c r="H17009" s="5">
        <v>6</v>
      </c>
      <c r="I17009" s="5" t="s">
        <v>1518</v>
      </c>
      <c r="J17009" s="5" t="s">
        <v>36264</v>
      </c>
      <c r="K17009" s="2" t="s">
        <v>36265</v>
      </c>
      <c r="L17009" s="5" t="s">
        <v>36264</v>
      </c>
      <c r="M17009" s="2" t="s">
        <v>36265</v>
      </c>
      <c r="N17009" s="5" t="s">
        <v>36266</v>
      </c>
      <c r="O17009" s="5" t="s">
        <v>38</v>
      </c>
      <c r="P17009" s="5" t="s">
        <v>39</v>
      </c>
      <c r="Q17009" s="5" t="s">
        <v>40</v>
      </c>
      <c r="R17009" s="5" t="s">
        <v>1522</v>
      </c>
      <c r="S17009" s="5" t="s">
        <v>1523</v>
      </c>
      <c r="T17009" s="5" t="s">
        <v>42</v>
      </c>
      <c r="U17009" s="2">
        <v>3.371</v>
      </c>
      <c r="V17009" s="2">
        <v>2.6709999999999998</v>
      </c>
      <c r="W17009" s="2">
        <v>0.02</v>
      </c>
      <c r="X17009" s="2">
        <v>159.1</v>
      </c>
      <c r="Y17009" s="2">
        <v>7.6</v>
      </c>
      <c r="Z17009" s="2">
        <v>16.7</v>
      </c>
      <c r="AA17009" s="5"/>
      <c r="AB17009" s="5" t="s">
        <v>43</v>
      </c>
      <c r="AC17009" s="5" t="s">
        <v>44</v>
      </c>
      <c r="AD17009" s="2"/>
      <c r="AE17009" s="1"/>
    </row>
    <row r="17010" spans="1:31" ht="14.45">
      <c r="A17010" s="11"/>
      <c r="B17010" s="20"/>
      <c r="C17010" s="2" t="s">
        <v>51988</v>
      </c>
      <c r="D17010" s="14" t="s">
        <v>51989</v>
      </c>
      <c r="E17010" s="2" t="s">
        <v>51990</v>
      </c>
      <c r="F17010" s="2" t="s">
        <v>36305</v>
      </c>
      <c r="G17010" s="8">
        <v>294</v>
      </c>
      <c r="H17010" s="5">
        <v>6</v>
      </c>
      <c r="I17010" s="5" t="s">
        <v>1518</v>
      </c>
      <c r="J17010" s="5" t="s">
        <v>36264</v>
      </c>
      <c r="K17010" s="2" t="s">
        <v>36265</v>
      </c>
      <c r="L17010" s="5" t="s">
        <v>36264</v>
      </c>
      <c r="M17010" s="2" t="s">
        <v>36265</v>
      </c>
      <c r="N17010" s="5" t="s">
        <v>36266</v>
      </c>
      <c r="O17010" s="5" t="s">
        <v>38</v>
      </c>
      <c r="P17010" s="5" t="s">
        <v>39</v>
      </c>
      <c r="Q17010" s="5" t="s">
        <v>40</v>
      </c>
      <c r="R17010" s="5" t="s">
        <v>1522</v>
      </c>
      <c r="S17010" s="5" t="s">
        <v>1523</v>
      </c>
      <c r="T17010" s="5" t="s">
        <v>42</v>
      </c>
      <c r="U17010" s="2">
        <v>3.2650000000000001</v>
      </c>
      <c r="V17010" s="2">
        <v>2.5649999999999999</v>
      </c>
      <c r="W17010" s="2">
        <v>0.02</v>
      </c>
      <c r="X17010" s="2">
        <v>159.1</v>
      </c>
      <c r="Y17010" s="2">
        <v>7.6</v>
      </c>
      <c r="Z17010" s="2">
        <v>16.7</v>
      </c>
      <c r="AA17010" s="5"/>
      <c r="AB17010" s="5" t="s">
        <v>43</v>
      </c>
      <c r="AC17010" s="5" t="s">
        <v>44</v>
      </c>
      <c r="AD17010" s="2"/>
      <c r="AE17010" s="1"/>
    </row>
    <row r="17011" spans="1:31" ht="14.45">
      <c r="A17011" s="11"/>
      <c r="B17011" s="20"/>
      <c r="C17011" s="2" t="s">
        <v>51991</v>
      </c>
      <c r="D17011" s="14" t="s">
        <v>51992</v>
      </c>
      <c r="E17011" s="2" t="s">
        <v>51993</v>
      </c>
      <c r="F17011" s="2" t="s">
        <v>36309</v>
      </c>
      <c r="G17011" s="8">
        <v>294</v>
      </c>
      <c r="H17011" s="5">
        <v>6</v>
      </c>
      <c r="I17011" s="5" t="s">
        <v>1518</v>
      </c>
      <c r="J17011" s="5" t="s">
        <v>36264</v>
      </c>
      <c r="K17011" s="2" t="s">
        <v>36265</v>
      </c>
      <c r="L17011" s="5" t="s">
        <v>36264</v>
      </c>
      <c r="M17011" s="2" t="s">
        <v>36265</v>
      </c>
      <c r="N17011" s="5" t="s">
        <v>36266</v>
      </c>
      <c r="O17011" s="5" t="s">
        <v>38</v>
      </c>
      <c r="P17011" s="5" t="s">
        <v>39</v>
      </c>
      <c r="Q17011" s="5" t="s">
        <v>40</v>
      </c>
      <c r="R17011" s="5" t="s">
        <v>1522</v>
      </c>
      <c r="S17011" s="5" t="s">
        <v>1523</v>
      </c>
      <c r="T17011" s="5" t="s">
        <v>42</v>
      </c>
      <c r="U17011" s="2">
        <v>3.371</v>
      </c>
      <c r="V17011" s="2">
        <v>2.6709999999999998</v>
      </c>
      <c r="W17011" s="2">
        <v>0.02</v>
      </c>
      <c r="X17011" s="2">
        <v>159.1</v>
      </c>
      <c r="Y17011" s="2">
        <v>7.6</v>
      </c>
      <c r="Z17011" s="2">
        <v>16.7</v>
      </c>
      <c r="AA17011" s="5"/>
      <c r="AB17011" s="5" t="s">
        <v>43</v>
      </c>
      <c r="AC17011" s="5" t="s">
        <v>44</v>
      </c>
      <c r="AD17011" s="2"/>
      <c r="AE17011" s="1"/>
    </row>
    <row r="17012" spans="1:31" ht="14.45">
      <c r="A17012" s="11"/>
      <c r="B17012" s="20"/>
      <c r="C17012" s="2" t="s">
        <v>51994</v>
      </c>
      <c r="D17012" s="14" t="s">
        <v>51995</v>
      </c>
      <c r="E17012" s="2" t="s">
        <v>51996</v>
      </c>
      <c r="F17012" s="2" t="s">
        <v>36317</v>
      </c>
      <c r="G17012" s="8">
        <v>318</v>
      </c>
      <c r="H17012" s="5">
        <v>6</v>
      </c>
      <c r="I17012" s="5" t="s">
        <v>1518</v>
      </c>
      <c r="J17012" s="5" t="s">
        <v>36264</v>
      </c>
      <c r="K17012" s="2" t="s">
        <v>36265</v>
      </c>
      <c r="L17012" s="5" t="s">
        <v>36264</v>
      </c>
      <c r="M17012" s="2" t="s">
        <v>36265</v>
      </c>
      <c r="N17012" s="5" t="s">
        <v>36266</v>
      </c>
      <c r="O17012" s="5" t="s">
        <v>38</v>
      </c>
      <c r="P17012" s="5" t="s">
        <v>39</v>
      </c>
      <c r="Q17012" s="5" t="s">
        <v>40</v>
      </c>
      <c r="R17012" s="5" t="s">
        <v>1522</v>
      </c>
      <c r="S17012" s="5" t="s">
        <v>1523</v>
      </c>
      <c r="T17012" s="5" t="s">
        <v>42</v>
      </c>
      <c r="U17012" s="2">
        <v>3.371</v>
      </c>
      <c r="V17012" s="2">
        <v>2.6709999999999998</v>
      </c>
      <c r="W17012" s="2">
        <v>0.02</v>
      </c>
      <c r="X17012" s="2">
        <v>159.1</v>
      </c>
      <c r="Y17012" s="2">
        <v>7.6</v>
      </c>
      <c r="Z17012" s="2">
        <v>16.7</v>
      </c>
      <c r="AA17012" s="5"/>
      <c r="AB17012" s="5" t="s">
        <v>43</v>
      </c>
      <c r="AC17012" s="5" t="s">
        <v>44</v>
      </c>
      <c r="AD17012" s="2"/>
      <c r="AE17012" s="1"/>
    </row>
    <row r="17013" spans="1:31" ht="14.45">
      <c r="A17013" s="11"/>
      <c r="B17013" s="20"/>
      <c r="C17013" s="2" t="s">
        <v>51997</v>
      </c>
      <c r="D17013" s="14" t="s">
        <v>51998</v>
      </c>
      <c r="E17013" s="2" t="s">
        <v>51999</v>
      </c>
      <c r="F17013" s="2" t="s">
        <v>36325</v>
      </c>
      <c r="G17013" s="8">
        <v>318</v>
      </c>
      <c r="H17013" s="5">
        <v>6</v>
      </c>
      <c r="I17013" s="5" t="s">
        <v>1518</v>
      </c>
      <c r="J17013" s="5" t="s">
        <v>36264</v>
      </c>
      <c r="K17013" s="2" t="s">
        <v>36265</v>
      </c>
      <c r="L17013" s="5" t="s">
        <v>36264</v>
      </c>
      <c r="M17013" s="2" t="s">
        <v>36265</v>
      </c>
      <c r="N17013" s="5" t="s">
        <v>36266</v>
      </c>
      <c r="O17013" s="5" t="s">
        <v>38</v>
      </c>
      <c r="P17013" s="5" t="s">
        <v>39</v>
      </c>
      <c r="Q17013" s="5" t="s">
        <v>40</v>
      </c>
      <c r="R17013" s="5" t="s">
        <v>1522</v>
      </c>
      <c r="S17013" s="5" t="s">
        <v>1523</v>
      </c>
      <c r="T17013" s="5" t="s">
        <v>42</v>
      </c>
      <c r="U17013" s="2">
        <v>3.371</v>
      </c>
      <c r="V17013" s="2">
        <v>2.6709999999999998</v>
      </c>
      <c r="W17013" s="2">
        <v>0.02</v>
      </c>
      <c r="X17013" s="2">
        <v>159.1</v>
      </c>
      <c r="Y17013" s="2">
        <v>7.6</v>
      </c>
      <c r="Z17013" s="2">
        <v>16.7</v>
      </c>
      <c r="AA17013" s="5"/>
      <c r="AB17013" s="5" t="s">
        <v>43</v>
      </c>
      <c r="AC17013" s="5" t="s">
        <v>44</v>
      </c>
      <c r="AD17013" s="2"/>
      <c r="AE17013" s="1"/>
    </row>
    <row r="17014" spans="1:31" ht="14.45">
      <c r="A17014" s="11"/>
      <c r="B17014" s="20"/>
      <c r="C17014" s="2" t="s">
        <v>52000</v>
      </c>
      <c r="D17014" s="14" t="s">
        <v>52001</v>
      </c>
      <c r="E17014" s="2" t="s">
        <v>52002</v>
      </c>
      <c r="F17014" s="2" t="s">
        <v>36329</v>
      </c>
      <c r="G17014" s="8">
        <v>318</v>
      </c>
      <c r="H17014" s="5">
        <v>6</v>
      </c>
      <c r="I17014" s="5" t="s">
        <v>1518</v>
      </c>
      <c r="J17014" s="5" t="s">
        <v>36264</v>
      </c>
      <c r="K17014" s="2" t="s">
        <v>36265</v>
      </c>
      <c r="L17014" s="5" t="s">
        <v>36264</v>
      </c>
      <c r="M17014" s="2" t="s">
        <v>36265</v>
      </c>
      <c r="N17014" s="5" t="s">
        <v>36266</v>
      </c>
      <c r="O17014" s="5" t="s">
        <v>38</v>
      </c>
      <c r="P17014" s="5" t="s">
        <v>39</v>
      </c>
      <c r="Q17014" s="5" t="s">
        <v>40</v>
      </c>
      <c r="R17014" s="5" t="s">
        <v>1522</v>
      </c>
      <c r="S17014" s="5" t="s">
        <v>1523</v>
      </c>
      <c r="T17014" s="5" t="s">
        <v>42</v>
      </c>
      <c r="U17014" s="2">
        <v>3.2650000000000001</v>
      </c>
      <c r="V17014" s="2">
        <v>2.5649999999999999</v>
      </c>
      <c r="W17014" s="2">
        <v>0.02</v>
      </c>
      <c r="X17014" s="2">
        <v>159.1</v>
      </c>
      <c r="Y17014" s="2">
        <v>7.6</v>
      </c>
      <c r="Z17014" s="2">
        <v>16.7</v>
      </c>
      <c r="AA17014" s="5"/>
      <c r="AB17014" s="5" t="s">
        <v>43</v>
      </c>
      <c r="AC17014" s="5" t="s">
        <v>44</v>
      </c>
      <c r="AD17014" s="2"/>
      <c r="AE17014" s="1"/>
    </row>
    <row r="17015" spans="1:31" ht="14.45">
      <c r="A17015" s="11"/>
      <c r="B17015" s="20"/>
      <c r="C17015" s="2" t="s">
        <v>52003</v>
      </c>
      <c r="D17015" s="14" t="s">
        <v>52004</v>
      </c>
      <c r="E17015" s="2" t="s">
        <v>52005</v>
      </c>
      <c r="F17015" s="2" t="s">
        <v>36333</v>
      </c>
      <c r="G17015" s="8">
        <v>318</v>
      </c>
      <c r="H17015" s="5">
        <v>6</v>
      </c>
      <c r="I17015" s="5" t="s">
        <v>1518</v>
      </c>
      <c r="J17015" s="5" t="s">
        <v>36264</v>
      </c>
      <c r="K17015" s="2" t="s">
        <v>36265</v>
      </c>
      <c r="L17015" s="5" t="s">
        <v>36264</v>
      </c>
      <c r="M17015" s="2" t="s">
        <v>36265</v>
      </c>
      <c r="N17015" s="5" t="s">
        <v>36266</v>
      </c>
      <c r="O17015" s="5" t="s">
        <v>38</v>
      </c>
      <c r="P17015" s="5" t="s">
        <v>39</v>
      </c>
      <c r="Q17015" s="5" t="s">
        <v>40</v>
      </c>
      <c r="R17015" s="5" t="s">
        <v>1522</v>
      </c>
      <c r="S17015" s="5" t="s">
        <v>1523</v>
      </c>
      <c r="T17015" s="5" t="s">
        <v>42</v>
      </c>
      <c r="U17015" s="2">
        <v>3.371</v>
      </c>
      <c r="V17015" s="2">
        <v>2.6709999999999998</v>
      </c>
      <c r="W17015" s="2">
        <v>0.02</v>
      </c>
      <c r="X17015" s="2">
        <v>159.1</v>
      </c>
      <c r="Y17015" s="2">
        <v>7.6</v>
      </c>
      <c r="Z17015" s="2">
        <v>16.7</v>
      </c>
      <c r="AA17015" s="5"/>
      <c r="AB17015" s="5" t="s">
        <v>43</v>
      </c>
      <c r="AC17015" s="5" t="s">
        <v>44</v>
      </c>
      <c r="AD17015" s="2"/>
      <c r="AE17015" s="1"/>
    </row>
    <row r="17016" spans="1:31" ht="14.45">
      <c r="A17016" s="11"/>
      <c r="B17016" s="20"/>
      <c r="C17016" s="2" t="s">
        <v>52006</v>
      </c>
      <c r="D17016" s="14" t="s">
        <v>52007</v>
      </c>
      <c r="E17016" s="2" t="s">
        <v>52008</v>
      </c>
      <c r="F17016" s="2" t="s">
        <v>36345</v>
      </c>
      <c r="G17016" s="8">
        <v>318</v>
      </c>
      <c r="H17016" s="5">
        <v>6</v>
      </c>
      <c r="I17016" s="5" t="s">
        <v>1518</v>
      </c>
      <c r="J17016" s="5" t="s">
        <v>36264</v>
      </c>
      <c r="K17016" s="2" t="s">
        <v>36265</v>
      </c>
      <c r="L17016" s="5" t="s">
        <v>36264</v>
      </c>
      <c r="M17016" s="2" t="s">
        <v>36265</v>
      </c>
      <c r="N17016" s="5" t="s">
        <v>36266</v>
      </c>
      <c r="O17016" s="5" t="s">
        <v>38</v>
      </c>
      <c r="P17016" s="5" t="s">
        <v>39</v>
      </c>
      <c r="Q17016" s="5" t="s">
        <v>40</v>
      </c>
      <c r="R17016" s="5" t="s">
        <v>1522</v>
      </c>
      <c r="S17016" s="5" t="s">
        <v>1523</v>
      </c>
      <c r="T17016" s="5" t="s">
        <v>42</v>
      </c>
      <c r="U17016" s="2">
        <v>3.2650000000000001</v>
      </c>
      <c r="V17016" s="2">
        <v>2.5649999999999999</v>
      </c>
      <c r="W17016" s="2">
        <v>0.02</v>
      </c>
      <c r="X17016" s="2">
        <v>159.1</v>
      </c>
      <c r="Y17016" s="2">
        <v>7.6</v>
      </c>
      <c r="Z17016" s="2">
        <v>16.7</v>
      </c>
      <c r="AA17016" s="5"/>
      <c r="AB17016" s="5" t="s">
        <v>43</v>
      </c>
      <c r="AC17016" s="5" t="s">
        <v>44</v>
      </c>
      <c r="AD17016" s="2"/>
      <c r="AE17016" s="1"/>
    </row>
    <row r="17017" spans="1:31" ht="14.45">
      <c r="A17017" s="11"/>
      <c r="B17017" s="20"/>
      <c r="C17017" s="2" t="s">
        <v>52009</v>
      </c>
      <c r="D17017" s="14" t="s">
        <v>52010</v>
      </c>
      <c r="E17017" s="2" t="s">
        <v>52011</v>
      </c>
      <c r="F17017" s="2" t="s">
        <v>36349</v>
      </c>
      <c r="G17017" s="8">
        <v>318</v>
      </c>
      <c r="H17017" s="5">
        <v>6</v>
      </c>
      <c r="I17017" s="5" t="s">
        <v>1518</v>
      </c>
      <c r="J17017" s="5" t="s">
        <v>36264</v>
      </c>
      <c r="K17017" s="2" t="s">
        <v>36265</v>
      </c>
      <c r="L17017" s="5" t="s">
        <v>36264</v>
      </c>
      <c r="M17017" s="2" t="s">
        <v>36265</v>
      </c>
      <c r="N17017" s="5" t="s">
        <v>36266</v>
      </c>
      <c r="O17017" s="5" t="s">
        <v>38</v>
      </c>
      <c r="P17017" s="5" t="s">
        <v>39</v>
      </c>
      <c r="Q17017" s="5" t="s">
        <v>40</v>
      </c>
      <c r="R17017" s="5" t="s">
        <v>1522</v>
      </c>
      <c r="S17017" s="5" t="s">
        <v>1523</v>
      </c>
      <c r="T17017" s="5" t="s">
        <v>42</v>
      </c>
      <c r="U17017" s="2">
        <v>3.371</v>
      </c>
      <c r="V17017" s="2">
        <v>2.6709999999999998</v>
      </c>
      <c r="W17017" s="2">
        <v>0.02</v>
      </c>
      <c r="X17017" s="2">
        <v>159.1</v>
      </c>
      <c r="Y17017" s="2">
        <v>7.6</v>
      </c>
      <c r="Z17017" s="2">
        <v>16.7</v>
      </c>
      <c r="AA17017" s="5"/>
      <c r="AB17017" s="5" t="s">
        <v>43</v>
      </c>
      <c r="AC17017" s="5" t="s">
        <v>44</v>
      </c>
      <c r="AD17017" s="2"/>
      <c r="AE17017" s="1"/>
    </row>
    <row r="17018" spans="1:31" ht="14.45">
      <c r="A17018" s="11"/>
      <c r="B17018" s="20"/>
      <c r="C17018" s="2" t="s">
        <v>52012</v>
      </c>
      <c r="D17018" s="14" t="s">
        <v>52013</v>
      </c>
      <c r="E17018" s="2" t="s">
        <v>52014</v>
      </c>
      <c r="F17018" s="2" t="s">
        <v>36353</v>
      </c>
      <c r="G17018" s="8">
        <v>318</v>
      </c>
      <c r="H17018" s="5">
        <v>6</v>
      </c>
      <c r="I17018" s="5" t="s">
        <v>1518</v>
      </c>
      <c r="J17018" s="5" t="s">
        <v>36264</v>
      </c>
      <c r="K17018" s="2" t="s">
        <v>36265</v>
      </c>
      <c r="L17018" s="5" t="s">
        <v>36264</v>
      </c>
      <c r="M17018" s="2" t="s">
        <v>36265</v>
      </c>
      <c r="N17018" s="5" t="s">
        <v>36266</v>
      </c>
      <c r="O17018" s="5" t="s">
        <v>38</v>
      </c>
      <c r="P17018" s="5" t="s">
        <v>39</v>
      </c>
      <c r="Q17018" s="5" t="s">
        <v>40</v>
      </c>
      <c r="R17018" s="5" t="s">
        <v>1522</v>
      </c>
      <c r="S17018" s="5" t="s">
        <v>1523</v>
      </c>
      <c r="T17018" s="5" t="s">
        <v>42</v>
      </c>
      <c r="U17018" s="2">
        <v>3.2650000000000001</v>
      </c>
      <c r="V17018" s="2">
        <v>2.5649999999999999</v>
      </c>
      <c r="W17018" s="2">
        <v>0.02</v>
      </c>
      <c r="X17018" s="2">
        <v>159.1</v>
      </c>
      <c r="Y17018" s="2">
        <v>7.6</v>
      </c>
      <c r="Z17018" s="2">
        <v>16.7</v>
      </c>
      <c r="AA17018" s="5"/>
      <c r="AB17018" s="5" t="s">
        <v>43</v>
      </c>
      <c r="AC17018" s="5" t="s">
        <v>44</v>
      </c>
      <c r="AD17018" s="2"/>
      <c r="AE17018" s="1"/>
    </row>
    <row r="17019" spans="1:31" ht="14.45">
      <c r="A17019" s="11"/>
      <c r="B17019" s="20"/>
      <c r="C17019" s="2" t="s">
        <v>52015</v>
      </c>
      <c r="D17019" s="14" t="s">
        <v>52016</v>
      </c>
      <c r="E17019" s="2" t="s">
        <v>52017</v>
      </c>
      <c r="F17019" s="2" t="s">
        <v>36357</v>
      </c>
      <c r="G17019" s="8">
        <v>318</v>
      </c>
      <c r="H17019" s="5">
        <v>6</v>
      </c>
      <c r="I17019" s="5" t="s">
        <v>1518</v>
      </c>
      <c r="J17019" s="5" t="s">
        <v>36264</v>
      </c>
      <c r="K17019" s="2" t="s">
        <v>36265</v>
      </c>
      <c r="L17019" s="5" t="s">
        <v>36264</v>
      </c>
      <c r="M17019" s="2" t="s">
        <v>36265</v>
      </c>
      <c r="N17019" s="5" t="s">
        <v>36266</v>
      </c>
      <c r="O17019" s="5" t="s">
        <v>38</v>
      </c>
      <c r="P17019" s="5" t="s">
        <v>39</v>
      </c>
      <c r="Q17019" s="5" t="s">
        <v>40</v>
      </c>
      <c r="R17019" s="5" t="s">
        <v>1522</v>
      </c>
      <c r="S17019" s="5" t="s">
        <v>1523</v>
      </c>
      <c r="T17019" s="5" t="s">
        <v>42</v>
      </c>
      <c r="U17019" s="2">
        <v>3.371</v>
      </c>
      <c r="V17019" s="2">
        <v>2.6709999999999998</v>
      </c>
      <c r="W17019" s="2">
        <v>0.02</v>
      </c>
      <c r="X17019" s="2">
        <v>159.1</v>
      </c>
      <c r="Y17019" s="2">
        <v>7.6</v>
      </c>
      <c r="Z17019" s="2">
        <v>16.7</v>
      </c>
      <c r="AA17019" s="5"/>
      <c r="AB17019" s="5" t="s">
        <v>43</v>
      </c>
      <c r="AC17019" s="5" t="s">
        <v>44</v>
      </c>
      <c r="AD17019" s="2"/>
      <c r="AE17019" s="1"/>
    </row>
    <row r="17020" spans="1:31" ht="14.45">
      <c r="A17020" s="11"/>
      <c r="B17020" s="20"/>
      <c r="C17020" s="2" t="s">
        <v>52018</v>
      </c>
      <c r="D17020" s="14" t="s">
        <v>52019</v>
      </c>
      <c r="E17020" s="2" t="s">
        <v>52020</v>
      </c>
      <c r="F17020" s="2" t="s">
        <v>45534</v>
      </c>
      <c r="G17020" s="8">
        <v>318</v>
      </c>
      <c r="H17020" s="5">
        <v>6</v>
      </c>
      <c r="I17020" s="5" t="s">
        <v>1518</v>
      </c>
      <c r="J17020" s="5" t="s">
        <v>36264</v>
      </c>
      <c r="K17020" s="2" t="s">
        <v>36265</v>
      </c>
      <c r="L17020" s="5" t="s">
        <v>36264</v>
      </c>
      <c r="M17020" s="2" t="s">
        <v>36265</v>
      </c>
      <c r="N17020" s="5" t="s">
        <v>36266</v>
      </c>
      <c r="O17020" s="5" t="s">
        <v>38</v>
      </c>
      <c r="P17020" s="5" t="s">
        <v>39</v>
      </c>
      <c r="Q17020" s="5" t="s">
        <v>40</v>
      </c>
      <c r="R17020" s="5" t="s">
        <v>1522</v>
      </c>
      <c r="S17020" s="5" t="s">
        <v>1523</v>
      </c>
      <c r="T17020" s="5" t="s">
        <v>42</v>
      </c>
      <c r="U17020" s="2">
        <v>3.371</v>
      </c>
      <c r="V17020" s="2">
        <v>2.6709999999999998</v>
      </c>
      <c r="W17020" s="2">
        <v>0.02</v>
      </c>
      <c r="X17020" s="2">
        <v>159.1</v>
      </c>
      <c r="Y17020" s="2">
        <v>7.6</v>
      </c>
      <c r="Z17020" s="2">
        <v>16.7</v>
      </c>
      <c r="AA17020" s="5"/>
      <c r="AB17020" s="5" t="s">
        <v>43</v>
      </c>
      <c r="AC17020" s="5" t="s">
        <v>44</v>
      </c>
      <c r="AD17020" s="2"/>
      <c r="AE17020" s="1"/>
    </row>
    <row r="17021" spans="1:31" ht="14.45">
      <c r="A17021" s="11"/>
      <c r="B17021" s="20"/>
      <c r="C17021" s="2" t="s">
        <v>52021</v>
      </c>
      <c r="D17021" s="14" t="s">
        <v>52022</v>
      </c>
      <c r="E17021" s="2" t="s">
        <v>52023</v>
      </c>
      <c r="F17021" s="2" t="s">
        <v>36369</v>
      </c>
      <c r="G17021" s="8">
        <v>318</v>
      </c>
      <c r="H17021" s="5">
        <v>6</v>
      </c>
      <c r="I17021" s="5" t="s">
        <v>1518</v>
      </c>
      <c r="J17021" s="5" t="s">
        <v>36264</v>
      </c>
      <c r="K17021" s="2" t="s">
        <v>36265</v>
      </c>
      <c r="L17021" s="5" t="s">
        <v>36264</v>
      </c>
      <c r="M17021" s="2" t="s">
        <v>36265</v>
      </c>
      <c r="N17021" s="5" t="s">
        <v>36266</v>
      </c>
      <c r="O17021" s="5" t="s">
        <v>38</v>
      </c>
      <c r="P17021" s="5" t="s">
        <v>39</v>
      </c>
      <c r="Q17021" s="5" t="s">
        <v>40</v>
      </c>
      <c r="R17021" s="5" t="s">
        <v>1522</v>
      </c>
      <c r="S17021" s="5" t="s">
        <v>1523</v>
      </c>
      <c r="T17021" s="5" t="s">
        <v>42</v>
      </c>
      <c r="U17021" s="2">
        <v>3.2650000000000001</v>
      </c>
      <c r="V17021" s="2">
        <v>2.5649999999999999</v>
      </c>
      <c r="W17021" s="2">
        <v>0.02</v>
      </c>
      <c r="X17021" s="2">
        <v>159.1</v>
      </c>
      <c r="Y17021" s="2">
        <v>7.6</v>
      </c>
      <c r="Z17021" s="2">
        <v>16.7</v>
      </c>
      <c r="AA17021" s="5"/>
      <c r="AB17021" s="5" t="s">
        <v>43</v>
      </c>
      <c r="AC17021" s="5" t="s">
        <v>44</v>
      </c>
      <c r="AD17021" s="2"/>
      <c r="AE17021" s="1"/>
    </row>
    <row r="17022" spans="1:31" ht="14.45">
      <c r="A17022" s="11"/>
      <c r="B17022" s="20"/>
      <c r="C17022" s="2" t="s">
        <v>52024</v>
      </c>
      <c r="D17022" s="14" t="s">
        <v>52025</v>
      </c>
      <c r="E17022" s="2" t="s">
        <v>52026</v>
      </c>
      <c r="F17022" s="2" t="s">
        <v>36373</v>
      </c>
      <c r="G17022" s="8">
        <v>318</v>
      </c>
      <c r="H17022" s="5">
        <v>6</v>
      </c>
      <c r="I17022" s="5" t="s">
        <v>1518</v>
      </c>
      <c r="J17022" s="5" t="s">
        <v>36264</v>
      </c>
      <c r="K17022" s="2" t="s">
        <v>36265</v>
      </c>
      <c r="L17022" s="5" t="s">
        <v>36264</v>
      </c>
      <c r="M17022" s="2" t="s">
        <v>36265</v>
      </c>
      <c r="N17022" s="5" t="s">
        <v>36266</v>
      </c>
      <c r="O17022" s="5" t="s">
        <v>38</v>
      </c>
      <c r="P17022" s="5" t="s">
        <v>39</v>
      </c>
      <c r="Q17022" s="5" t="s">
        <v>40</v>
      </c>
      <c r="R17022" s="5" t="s">
        <v>1522</v>
      </c>
      <c r="S17022" s="5" t="s">
        <v>1523</v>
      </c>
      <c r="T17022" s="5" t="s">
        <v>42</v>
      </c>
      <c r="U17022" s="2">
        <v>3.371</v>
      </c>
      <c r="V17022" s="2">
        <v>2.6709999999999998</v>
      </c>
      <c r="W17022" s="2">
        <v>0.02</v>
      </c>
      <c r="X17022" s="2">
        <v>159.1</v>
      </c>
      <c r="Y17022" s="2">
        <v>7.6</v>
      </c>
      <c r="Z17022" s="2">
        <v>16.7</v>
      </c>
      <c r="AA17022" s="5"/>
      <c r="AB17022" s="5" t="s">
        <v>43</v>
      </c>
      <c r="AC17022" s="5" t="s">
        <v>44</v>
      </c>
      <c r="AD17022" s="2"/>
      <c r="AE17022" s="1"/>
    </row>
    <row r="17023" spans="1:31" ht="14.45">
      <c r="A17023" s="11"/>
      <c r="B17023" s="20"/>
      <c r="C17023" s="2" t="s">
        <v>52027</v>
      </c>
      <c r="D17023" s="14" t="s">
        <v>52028</v>
      </c>
      <c r="E17023" s="2" t="s">
        <v>52029</v>
      </c>
      <c r="F17023" s="2" t="s">
        <v>36377</v>
      </c>
      <c r="G17023" s="8">
        <v>318</v>
      </c>
      <c r="H17023" s="5">
        <v>6</v>
      </c>
      <c r="I17023" s="5" t="s">
        <v>1518</v>
      </c>
      <c r="J17023" s="5" t="s">
        <v>36264</v>
      </c>
      <c r="K17023" s="2" t="s">
        <v>36265</v>
      </c>
      <c r="L17023" s="5" t="s">
        <v>36264</v>
      </c>
      <c r="M17023" s="2" t="s">
        <v>36265</v>
      </c>
      <c r="N17023" s="5" t="s">
        <v>36266</v>
      </c>
      <c r="O17023" s="5" t="s">
        <v>38</v>
      </c>
      <c r="P17023" s="5" t="s">
        <v>39</v>
      </c>
      <c r="Q17023" s="5" t="s">
        <v>40</v>
      </c>
      <c r="R17023" s="5" t="s">
        <v>1522</v>
      </c>
      <c r="S17023" s="5" t="s">
        <v>1523</v>
      </c>
      <c r="T17023" s="5" t="s">
        <v>42</v>
      </c>
      <c r="U17023" s="2">
        <v>3.2650000000000001</v>
      </c>
      <c r="V17023" s="2">
        <v>2.5649999999999999</v>
      </c>
      <c r="W17023" s="2">
        <v>0.02</v>
      </c>
      <c r="X17023" s="2">
        <v>159.1</v>
      </c>
      <c r="Y17023" s="2">
        <v>7.6</v>
      </c>
      <c r="Z17023" s="2">
        <v>16.7</v>
      </c>
      <c r="AA17023" s="5"/>
      <c r="AB17023" s="5" t="s">
        <v>43</v>
      </c>
      <c r="AC17023" s="5" t="s">
        <v>44</v>
      </c>
      <c r="AD17023" s="2"/>
      <c r="AE17023" s="1"/>
    </row>
    <row r="17024" spans="1:31" ht="14.45">
      <c r="A17024" s="11"/>
      <c r="B17024" s="20"/>
      <c r="C17024" s="2" t="s">
        <v>52030</v>
      </c>
      <c r="D17024" s="14" t="s">
        <v>52031</v>
      </c>
      <c r="E17024" s="2" t="s">
        <v>52032</v>
      </c>
      <c r="F17024" s="2" t="s">
        <v>36381</v>
      </c>
      <c r="G17024" s="8">
        <v>318</v>
      </c>
      <c r="H17024" s="5">
        <v>6</v>
      </c>
      <c r="I17024" s="5" t="s">
        <v>1518</v>
      </c>
      <c r="J17024" s="5" t="s">
        <v>36264</v>
      </c>
      <c r="K17024" s="2" t="s">
        <v>36265</v>
      </c>
      <c r="L17024" s="5" t="s">
        <v>36264</v>
      </c>
      <c r="M17024" s="2" t="s">
        <v>36265</v>
      </c>
      <c r="N17024" s="5" t="s">
        <v>36266</v>
      </c>
      <c r="O17024" s="5" t="s">
        <v>38</v>
      </c>
      <c r="P17024" s="5" t="s">
        <v>39</v>
      </c>
      <c r="Q17024" s="5" t="s">
        <v>40</v>
      </c>
      <c r="R17024" s="5" t="s">
        <v>1522</v>
      </c>
      <c r="S17024" s="5" t="s">
        <v>1523</v>
      </c>
      <c r="T17024" s="5" t="s">
        <v>42</v>
      </c>
      <c r="U17024" s="2">
        <v>3.371</v>
      </c>
      <c r="V17024" s="2">
        <v>2.6709999999999998</v>
      </c>
      <c r="W17024" s="2">
        <v>0.02</v>
      </c>
      <c r="X17024" s="2">
        <v>159.1</v>
      </c>
      <c r="Y17024" s="2">
        <v>7.6</v>
      </c>
      <c r="Z17024" s="2">
        <v>16.7</v>
      </c>
      <c r="AA17024" s="5"/>
      <c r="AB17024" s="5" t="s">
        <v>43</v>
      </c>
      <c r="AC17024" s="5" t="s">
        <v>44</v>
      </c>
      <c r="AD17024" s="2"/>
      <c r="AE17024" s="1"/>
    </row>
    <row r="17025" spans="1:31" ht="14.45">
      <c r="A17025" s="11"/>
      <c r="B17025" s="20"/>
      <c r="C17025" s="2" t="s">
        <v>52033</v>
      </c>
      <c r="D17025" s="14" t="s">
        <v>52034</v>
      </c>
      <c r="E17025" s="2" t="s">
        <v>52035</v>
      </c>
      <c r="F17025" s="2" t="s">
        <v>36385</v>
      </c>
      <c r="G17025" s="8">
        <v>318</v>
      </c>
      <c r="H17025" s="5">
        <v>6</v>
      </c>
      <c r="I17025" s="5" t="s">
        <v>1518</v>
      </c>
      <c r="J17025" s="5" t="s">
        <v>36264</v>
      </c>
      <c r="K17025" s="2" t="s">
        <v>36265</v>
      </c>
      <c r="L17025" s="5" t="s">
        <v>36264</v>
      </c>
      <c r="M17025" s="2" t="s">
        <v>36265</v>
      </c>
      <c r="N17025" s="5" t="s">
        <v>36266</v>
      </c>
      <c r="O17025" s="5" t="s">
        <v>38</v>
      </c>
      <c r="P17025" s="5" t="s">
        <v>39</v>
      </c>
      <c r="Q17025" s="5" t="s">
        <v>40</v>
      </c>
      <c r="R17025" s="5" t="s">
        <v>1522</v>
      </c>
      <c r="S17025" s="5" t="s">
        <v>1523</v>
      </c>
      <c r="T17025" s="5" t="s">
        <v>42</v>
      </c>
      <c r="U17025" s="2">
        <v>3.2650000000000001</v>
      </c>
      <c r="V17025" s="2">
        <v>2.5649999999999999</v>
      </c>
      <c r="W17025" s="2">
        <v>0.02</v>
      </c>
      <c r="X17025" s="2">
        <v>159.1</v>
      </c>
      <c r="Y17025" s="2">
        <v>7.6</v>
      </c>
      <c r="Z17025" s="2">
        <v>16.7</v>
      </c>
      <c r="AA17025" s="5"/>
      <c r="AB17025" s="5" t="s">
        <v>43</v>
      </c>
      <c r="AC17025" s="5" t="s">
        <v>44</v>
      </c>
      <c r="AD17025" s="2"/>
      <c r="AE17025" s="1"/>
    </row>
    <row r="17026" spans="1:31" ht="14.45">
      <c r="A17026" s="11"/>
      <c r="B17026" s="20"/>
      <c r="C17026" s="2" t="s">
        <v>52036</v>
      </c>
      <c r="D17026" s="14" t="s">
        <v>52037</v>
      </c>
      <c r="E17026" s="2" t="s">
        <v>52038</v>
      </c>
      <c r="F17026" s="2" t="s">
        <v>36389</v>
      </c>
      <c r="G17026" s="8">
        <v>318</v>
      </c>
      <c r="H17026" s="5">
        <v>6</v>
      </c>
      <c r="I17026" s="5" t="s">
        <v>1518</v>
      </c>
      <c r="J17026" s="5" t="s">
        <v>36264</v>
      </c>
      <c r="K17026" s="2" t="s">
        <v>36265</v>
      </c>
      <c r="L17026" s="5" t="s">
        <v>36264</v>
      </c>
      <c r="M17026" s="2" t="s">
        <v>36265</v>
      </c>
      <c r="N17026" s="5" t="s">
        <v>36266</v>
      </c>
      <c r="O17026" s="5" t="s">
        <v>38</v>
      </c>
      <c r="P17026" s="5" t="s">
        <v>39</v>
      </c>
      <c r="Q17026" s="5" t="s">
        <v>40</v>
      </c>
      <c r="R17026" s="5" t="s">
        <v>1522</v>
      </c>
      <c r="S17026" s="5" t="s">
        <v>1523</v>
      </c>
      <c r="T17026" s="5" t="s">
        <v>42</v>
      </c>
      <c r="U17026" s="2">
        <v>3.371</v>
      </c>
      <c r="V17026" s="2">
        <v>2.6709999999999998</v>
      </c>
      <c r="W17026" s="2">
        <v>0.02</v>
      </c>
      <c r="X17026" s="2">
        <v>159.1</v>
      </c>
      <c r="Y17026" s="2">
        <v>7.6</v>
      </c>
      <c r="Z17026" s="2">
        <v>16.7</v>
      </c>
      <c r="AA17026" s="5"/>
      <c r="AB17026" s="5" t="s">
        <v>43</v>
      </c>
      <c r="AC17026" s="5" t="s">
        <v>44</v>
      </c>
      <c r="AD17026" s="2"/>
      <c r="AE17026" s="1"/>
    </row>
    <row r="17027" spans="1:31" ht="14.45">
      <c r="A17027" s="11"/>
      <c r="B17027" s="20"/>
      <c r="C17027" s="2" t="s">
        <v>52039</v>
      </c>
      <c r="D17027" s="14" t="s">
        <v>52040</v>
      </c>
      <c r="E17027" s="2" t="s">
        <v>52041</v>
      </c>
      <c r="F17027" s="2" t="s">
        <v>7204</v>
      </c>
      <c r="G17027" s="8">
        <v>307</v>
      </c>
      <c r="H17027" s="5">
        <v>6</v>
      </c>
      <c r="I17027" s="5" t="s">
        <v>1518</v>
      </c>
      <c r="J17027" s="5" t="s">
        <v>36264</v>
      </c>
      <c r="K17027" s="2" t="s">
        <v>36265</v>
      </c>
      <c r="L17027" s="5" t="s">
        <v>36264</v>
      </c>
      <c r="M17027" s="2" t="s">
        <v>36265</v>
      </c>
      <c r="N17027" s="5" t="s">
        <v>36266</v>
      </c>
      <c r="O17027" s="5" t="s">
        <v>38</v>
      </c>
      <c r="P17027" s="5" t="s">
        <v>39</v>
      </c>
      <c r="Q17027" s="5" t="s">
        <v>40</v>
      </c>
      <c r="R17027" s="5" t="s">
        <v>1522</v>
      </c>
      <c r="S17027" s="5" t="s">
        <v>1523</v>
      </c>
      <c r="T17027" s="5" t="s">
        <v>42</v>
      </c>
      <c r="U17027" s="2">
        <v>3.488</v>
      </c>
      <c r="V17027" s="2">
        <v>2.72</v>
      </c>
      <c r="W17027" s="2">
        <v>2.1000000000000001E-2</v>
      </c>
      <c r="X17027" s="2">
        <v>165.1</v>
      </c>
      <c r="Y17027" s="2">
        <v>7.6</v>
      </c>
      <c r="Z17027" s="2">
        <v>16.7</v>
      </c>
      <c r="AA17027" s="5"/>
      <c r="AB17027" s="5" t="s">
        <v>43</v>
      </c>
      <c r="AC17027" s="5" t="s">
        <v>44</v>
      </c>
      <c r="AD17027" s="2"/>
      <c r="AE17027" s="1"/>
    </row>
    <row r="17028" spans="1:31" ht="14.45">
      <c r="A17028" s="11"/>
      <c r="B17028" s="20"/>
      <c r="C17028" s="2" t="s">
        <v>52042</v>
      </c>
      <c r="D17028" s="14" t="s">
        <v>52043</v>
      </c>
      <c r="E17028" s="2" t="s">
        <v>52044</v>
      </c>
      <c r="F17028" s="2" t="s">
        <v>7514</v>
      </c>
      <c r="G17028" s="8">
        <v>307</v>
      </c>
      <c r="H17028" s="5">
        <v>6</v>
      </c>
      <c r="I17028" s="5" t="s">
        <v>1518</v>
      </c>
      <c r="J17028" s="5" t="s">
        <v>36264</v>
      </c>
      <c r="K17028" s="2" t="s">
        <v>36265</v>
      </c>
      <c r="L17028" s="5" t="s">
        <v>36264</v>
      </c>
      <c r="M17028" s="2" t="s">
        <v>36265</v>
      </c>
      <c r="N17028" s="5" t="s">
        <v>36266</v>
      </c>
      <c r="O17028" s="5" t="s">
        <v>38</v>
      </c>
      <c r="P17028" s="5" t="s">
        <v>39</v>
      </c>
      <c r="Q17028" s="5" t="s">
        <v>40</v>
      </c>
      <c r="R17028" s="5" t="s">
        <v>1522</v>
      </c>
      <c r="S17028" s="5" t="s">
        <v>1523</v>
      </c>
      <c r="T17028" s="5" t="s">
        <v>42</v>
      </c>
      <c r="U17028" s="2">
        <v>3.605</v>
      </c>
      <c r="V17028" s="2">
        <v>2.8370000000000002</v>
      </c>
      <c r="W17028" s="2">
        <v>2.1000000000000001E-2</v>
      </c>
      <c r="X17028" s="2">
        <v>165.1</v>
      </c>
      <c r="Y17028" s="2">
        <v>7.6</v>
      </c>
      <c r="Z17028" s="2">
        <v>16.7</v>
      </c>
      <c r="AA17028" s="5"/>
      <c r="AB17028" s="5" t="s">
        <v>43</v>
      </c>
      <c r="AC17028" s="5" t="s">
        <v>44</v>
      </c>
      <c r="AD17028" s="2"/>
      <c r="AE17028" s="1"/>
    </row>
    <row r="17029" spans="1:31" ht="14.45">
      <c r="A17029" s="11"/>
      <c r="B17029" s="20"/>
      <c r="C17029" s="2" t="s">
        <v>52045</v>
      </c>
      <c r="D17029" s="14" t="s">
        <v>52046</v>
      </c>
      <c r="E17029" s="2" t="s">
        <v>52047</v>
      </c>
      <c r="F17029" s="2" t="s">
        <v>36277</v>
      </c>
      <c r="G17029" s="8">
        <v>307</v>
      </c>
      <c r="H17029" s="5">
        <v>6</v>
      </c>
      <c r="I17029" s="5" t="s">
        <v>1518</v>
      </c>
      <c r="J17029" s="5" t="s">
        <v>36264</v>
      </c>
      <c r="K17029" s="2" t="s">
        <v>36265</v>
      </c>
      <c r="L17029" s="5" t="s">
        <v>36264</v>
      </c>
      <c r="M17029" s="2" t="s">
        <v>36265</v>
      </c>
      <c r="N17029" s="5" t="s">
        <v>36266</v>
      </c>
      <c r="O17029" s="5" t="s">
        <v>38</v>
      </c>
      <c r="P17029" s="5" t="s">
        <v>39</v>
      </c>
      <c r="Q17029" s="5" t="s">
        <v>40</v>
      </c>
      <c r="R17029" s="5" t="s">
        <v>1522</v>
      </c>
      <c r="S17029" s="5" t="s">
        <v>1523</v>
      </c>
      <c r="T17029" s="5" t="s">
        <v>42</v>
      </c>
      <c r="U17029" s="2">
        <v>3.605</v>
      </c>
      <c r="V17029" s="2">
        <v>2.8370000000000002</v>
      </c>
      <c r="W17029" s="2">
        <v>2.1000000000000001E-2</v>
      </c>
      <c r="X17029" s="2">
        <v>165.1</v>
      </c>
      <c r="Y17029" s="2">
        <v>7.6</v>
      </c>
      <c r="Z17029" s="2">
        <v>16.7</v>
      </c>
      <c r="AA17029" s="5"/>
      <c r="AB17029" s="5" t="s">
        <v>43</v>
      </c>
      <c r="AC17029" s="5" t="s">
        <v>44</v>
      </c>
      <c r="AD17029" s="2"/>
      <c r="AE17029" s="1"/>
    </row>
    <row r="17030" spans="1:31" ht="14.45">
      <c r="A17030" s="11"/>
      <c r="B17030" s="20"/>
      <c r="C17030" s="2" t="s">
        <v>52048</v>
      </c>
      <c r="D17030" s="14" t="s">
        <v>52049</v>
      </c>
      <c r="E17030" s="2" t="s">
        <v>52050</v>
      </c>
      <c r="F17030" s="2" t="s">
        <v>36285</v>
      </c>
      <c r="G17030" s="8">
        <v>333</v>
      </c>
      <c r="H17030" s="5">
        <v>6</v>
      </c>
      <c r="I17030" s="5" t="s">
        <v>1518</v>
      </c>
      <c r="J17030" s="5" t="s">
        <v>36264</v>
      </c>
      <c r="K17030" s="2" t="s">
        <v>36265</v>
      </c>
      <c r="L17030" s="5" t="s">
        <v>36264</v>
      </c>
      <c r="M17030" s="2" t="s">
        <v>36265</v>
      </c>
      <c r="N17030" s="5" t="s">
        <v>36266</v>
      </c>
      <c r="O17030" s="5" t="s">
        <v>38</v>
      </c>
      <c r="P17030" s="5" t="s">
        <v>39</v>
      </c>
      <c r="Q17030" s="5" t="s">
        <v>40</v>
      </c>
      <c r="R17030" s="5" t="s">
        <v>1522</v>
      </c>
      <c r="S17030" s="5" t="s">
        <v>1523</v>
      </c>
      <c r="T17030" s="5" t="s">
        <v>42</v>
      </c>
      <c r="U17030" s="2">
        <v>3.605</v>
      </c>
      <c r="V17030" s="2">
        <v>2.8370000000000002</v>
      </c>
      <c r="W17030" s="2">
        <v>2.1000000000000001E-2</v>
      </c>
      <c r="X17030" s="2">
        <v>165.1</v>
      </c>
      <c r="Y17030" s="2">
        <v>7.6</v>
      </c>
      <c r="Z17030" s="2">
        <v>16.7</v>
      </c>
      <c r="AA17030" s="5"/>
      <c r="AB17030" s="5" t="s">
        <v>43</v>
      </c>
      <c r="AC17030" s="5" t="s">
        <v>44</v>
      </c>
      <c r="AD17030" s="2"/>
      <c r="AE17030" s="1"/>
    </row>
    <row r="17031" spans="1:31" ht="14.45">
      <c r="A17031" s="11"/>
      <c r="B17031" s="20"/>
      <c r="C17031" s="2" t="s">
        <v>52051</v>
      </c>
      <c r="D17031" s="14" t="s">
        <v>52052</v>
      </c>
      <c r="E17031" s="2" t="s">
        <v>52053</v>
      </c>
      <c r="F17031" s="2" t="s">
        <v>36293</v>
      </c>
      <c r="G17031" s="8">
        <v>333</v>
      </c>
      <c r="H17031" s="5">
        <v>6</v>
      </c>
      <c r="I17031" s="5" t="s">
        <v>1518</v>
      </c>
      <c r="J17031" s="5" t="s">
        <v>36264</v>
      </c>
      <c r="K17031" s="2" t="s">
        <v>36265</v>
      </c>
      <c r="L17031" s="5" t="s">
        <v>36264</v>
      </c>
      <c r="M17031" s="2" t="s">
        <v>36265</v>
      </c>
      <c r="N17031" s="5" t="s">
        <v>36266</v>
      </c>
      <c r="O17031" s="5" t="s">
        <v>38</v>
      </c>
      <c r="P17031" s="5" t="s">
        <v>39</v>
      </c>
      <c r="Q17031" s="5" t="s">
        <v>40</v>
      </c>
      <c r="R17031" s="5" t="s">
        <v>1522</v>
      </c>
      <c r="S17031" s="5" t="s">
        <v>1523</v>
      </c>
      <c r="T17031" s="5" t="s">
        <v>42</v>
      </c>
      <c r="U17031" s="2">
        <v>3.605</v>
      </c>
      <c r="V17031" s="2">
        <v>2.8370000000000002</v>
      </c>
      <c r="W17031" s="2">
        <v>2.1000000000000001E-2</v>
      </c>
      <c r="X17031" s="2">
        <v>165.1</v>
      </c>
      <c r="Y17031" s="2">
        <v>7.6</v>
      </c>
      <c r="Z17031" s="2">
        <v>16.7</v>
      </c>
      <c r="AA17031" s="5"/>
      <c r="AB17031" s="5" t="s">
        <v>43</v>
      </c>
      <c r="AC17031" s="5" t="s">
        <v>44</v>
      </c>
      <c r="AD17031" s="2"/>
      <c r="AE17031" s="1"/>
    </row>
    <row r="17032" spans="1:31" ht="14.45">
      <c r="A17032" s="11"/>
      <c r="B17032" s="20"/>
      <c r="C17032" s="2" t="s">
        <v>52054</v>
      </c>
      <c r="D17032" s="14" t="s">
        <v>52055</v>
      </c>
      <c r="E17032" s="2" t="s">
        <v>52056</v>
      </c>
      <c r="F17032" s="2" t="s">
        <v>36301</v>
      </c>
      <c r="G17032" s="8">
        <v>307</v>
      </c>
      <c r="H17032" s="5">
        <v>6</v>
      </c>
      <c r="I17032" s="5" t="s">
        <v>1518</v>
      </c>
      <c r="J17032" s="5" t="s">
        <v>36264</v>
      </c>
      <c r="K17032" s="2" t="s">
        <v>36265</v>
      </c>
      <c r="L17032" s="5" t="s">
        <v>36264</v>
      </c>
      <c r="M17032" s="2" t="s">
        <v>36265</v>
      </c>
      <c r="N17032" s="5" t="s">
        <v>36266</v>
      </c>
      <c r="O17032" s="5" t="s">
        <v>38</v>
      </c>
      <c r="P17032" s="5" t="s">
        <v>39</v>
      </c>
      <c r="Q17032" s="5" t="s">
        <v>40</v>
      </c>
      <c r="R17032" s="5" t="s">
        <v>1522</v>
      </c>
      <c r="S17032" s="5" t="s">
        <v>1523</v>
      </c>
      <c r="T17032" s="5" t="s">
        <v>42</v>
      </c>
      <c r="U17032" s="2">
        <v>3.605</v>
      </c>
      <c r="V17032" s="2">
        <v>2.8370000000000002</v>
      </c>
      <c r="W17032" s="2">
        <v>2.1000000000000001E-2</v>
      </c>
      <c r="X17032" s="2">
        <v>165.1</v>
      </c>
      <c r="Y17032" s="2">
        <v>7.6</v>
      </c>
      <c r="Z17032" s="2">
        <v>16.7</v>
      </c>
      <c r="AA17032" s="5"/>
      <c r="AB17032" s="5" t="s">
        <v>43</v>
      </c>
      <c r="AC17032" s="5" t="s">
        <v>44</v>
      </c>
      <c r="AD17032" s="2"/>
      <c r="AE17032" s="1"/>
    </row>
    <row r="17033" spans="1:31" ht="14.45">
      <c r="A17033" s="11"/>
      <c r="B17033" s="20"/>
      <c r="C17033" s="2" t="s">
        <v>52057</v>
      </c>
      <c r="D17033" s="14" t="s">
        <v>52058</v>
      </c>
      <c r="E17033" s="2" t="s">
        <v>52059</v>
      </c>
      <c r="F17033" s="2" t="s">
        <v>36305</v>
      </c>
      <c r="G17033" s="8">
        <v>307</v>
      </c>
      <c r="H17033" s="5">
        <v>6</v>
      </c>
      <c r="I17033" s="5" t="s">
        <v>1518</v>
      </c>
      <c r="J17033" s="5" t="s">
        <v>36264</v>
      </c>
      <c r="K17033" s="2" t="s">
        <v>36265</v>
      </c>
      <c r="L17033" s="5" t="s">
        <v>36264</v>
      </c>
      <c r="M17033" s="2" t="s">
        <v>36265</v>
      </c>
      <c r="N17033" s="5" t="s">
        <v>36266</v>
      </c>
      <c r="O17033" s="5" t="s">
        <v>38</v>
      </c>
      <c r="P17033" s="5" t="s">
        <v>39</v>
      </c>
      <c r="Q17033" s="5" t="s">
        <v>40</v>
      </c>
      <c r="R17033" s="5" t="s">
        <v>1522</v>
      </c>
      <c r="S17033" s="5" t="s">
        <v>1523</v>
      </c>
      <c r="T17033" s="5" t="s">
        <v>42</v>
      </c>
      <c r="U17033" s="2">
        <v>3.488</v>
      </c>
      <c r="V17033" s="2">
        <v>2.72</v>
      </c>
      <c r="W17033" s="2">
        <v>2.1000000000000001E-2</v>
      </c>
      <c r="X17033" s="2">
        <v>165.1</v>
      </c>
      <c r="Y17033" s="2">
        <v>7.6</v>
      </c>
      <c r="Z17033" s="2">
        <v>16.7</v>
      </c>
      <c r="AA17033" s="5"/>
      <c r="AB17033" s="5" t="s">
        <v>43</v>
      </c>
      <c r="AC17033" s="5" t="s">
        <v>44</v>
      </c>
      <c r="AD17033" s="2"/>
      <c r="AE17033" s="1"/>
    </row>
    <row r="17034" spans="1:31" ht="14.45">
      <c r="A17034" s="11"/>
      <c r="B17034" s="20"/>
      <c r="C17034" s="2" t="s">
        <v>52060</v>
      </c>
      <c r="D17034" s="14" t="s">
        <v>52061</v>
      </c>
      <c r="E17034" s="2" t="s">
        <v>52062</v>
      </c>
      <c r="F17034" s="2" t="s">
        <v>36309</v>
      </c>
      <c r="G17034" s="8">
        <v>307</v>
      </c>
      <c r="H17034" s="5">
        <v>6</v>
      </c>
      <c r="I17034" s="5" t="s">
        <v>1518</v>
      </c>
      <c r="J17034" s="5" t="s">
        <v>36264</v>
      </c>
      <c r="K17034" s="2" t="s">
        <v>36265</v>
      </c>
      <c r="L17034" s="5" t="s">
        <v>36264</v>
      </c>
      <c r="M17034" s="2" t="s">
        <v>36265</v>
      </c>
      <c r="N17034" s="5" t="s">
        <v>36266</v>
      </c>
      <c r="O17034" s="5" t="s">
        <v>38</v>
      </c>
      <c r="P17034" s="5" t="s">
        <v>39</v>
      </c>
      <c r="Q17034" s="5" t="s">
        <v>40</v>
      </c>
      <c r="R17034" s="5" t="s">
        <v>1522</v>
      </c>
      <c r="S17034" s="5" t="s">
        <v>1523</v>
      </c>
      <c r="T17034" s="5" t="s">
        <v>42</v>
      </c>
      <c r="U17034" s="2">
        <v>3.605</v>
      </c>
      <c r="V17034" s="2">
        <v>2.8370000000000002</v>
      </c>
      <c r="W17034" s="2">
        <v>2.1000000000000001E-2</v>
      </c>
      <c r="X17034" s="2">
        <v>165.1</v>
      </c>
      <c r="Y17034" s="2">
        <v>7.6</v>
      </c>
      <c r="Z17034" s="2">
        <v>16.7</v>
      </c>
      <c r="AA17034" s="5"/>
      <c r="AB17034" s="5" t="s">
        <v>43</v>
      </c>
      <c r="AC17034" s="5" t="s">
        <v>44</v>
      </c>
      <c r="AD17034" s="2"/>
      <c r="AE17034" s="1"/>
    </row>
    <row r="17035" spans="1:31" ht="14.45">
      <c r="A17035" s="11"/>
      <c r="B17035" s="20"/>
      <c r="C17035" s="2" t="s">
        <v>52063</v>
      </c>
      <c r="D17035" s="14" t="s">
        <v>52064</v>
      </c>
      <c r="E17035" s="2" t="s">
        <v>52065</v>
      </c>
      <c r="F17035" s="2" t="s">
        <v>36333</v>
      </c>
      <c r="G17035" s="8">
        <v>333</v>
      </c>
      <c r="H17035" s="5">
        <v>6</v>
      </c>
      <c r="I17035" s="5" t="s">
        <v>1518</v>
      </c>
      <c r="J17035" s="5" t="s">
        <v>36264</v>
      </c>
      <c r="K17035" s="2" t="s">
        <v>36265</v>
      </c>
      <c r="L17035" s="5" t="s">
        <v>36264</v>
      </c>
      <c r="M17035" s="2" t="s">
        <v>36265</v>
      </c>
      <c r="N17035" s="5" t="s">
        <v>36266</v>
      </c>
      <c r="O17035" s="5" t="s">
        <v>38</v>
      </c>
      <c r="P17035" s="5" t="s">
        <v>39</v>
      </c>
      <c r="Q17035" s="5" t="s">
        <v>40</v>
      </c>
      <c r="R17035" s="5" t="s">
        <v>1522</v>
      </c>
      <c r="S17035" s="5" t="s">
        <v>1523</v>
      </c>
      <c r="T17035" s="5" t="s">
        <v>42</v>
      </c>
      <c r="U17035" s="2">
        <v>3.605</v>
      </c>
      <c r="V17035" s="2">
        <v>2.8370000000000002</v>
      </c>
      <c r="W17035" s="2">
        <v>2.1000000000000001E-2</v>
      </c>
      <c r="X17035" s="2">
        <v>165.1</v>
      </c>
      <c r="Y17035" s="2">
        <v>7.6</v>
      </c>
      <c r="Z17035" s="2">
        <v>16.7</v>
      </c>
      <c r="AA17035" s="5"/>
      <c r="AB17035" s="5" t="s">
        <v>43</v>
      </c>
      <c r="AC17035" s="5" t="s">
        <v>44</v>
      </c>
      <c r="AD17035" s="2"/>
      <c r="AE17035" s="1"/>
    </row>
    <row r="17036" spans="1:31" ht="14.45">
      <c r="A17036" s="11"/>
      <c r="B17036" s="20"/>
      <c r="C17036" s="2" t="s">
        <v>52066</v>
      </c>
      <c r="D17036" s="14" t="s">
        <v>52067</v>
      </c>
      <c r="E17036" s="2" t="s">
        <v>52068</v>
      </c>
      <c r="F17036" s="2" t="s">
        <v>36349</v>
      </c>
      <c r="G17036" s="8">
        <v>333</v>
      </c>
      <c r="H17036" s="5">
        <v>6</v>
      </c>
      <c r="I17036" s="5" t="s">
        <v>1518</v>
      </c>
      <c r="J17036" s="5" t="s">
        <v>36264</v>
      </c>
      <c r="K17036" s="2" t="s">
        <v>36265</v>
      </c>
      <c r="L17036" s="5" t="s">
        <v>36264</v>
      </c>
      <c r="M17036" s="2" t="s">
        <v>36265</v>
      </c>
      <c r="N17036" s="5" t="s">
        <v>36266</v>
      </c>
      <c r="O17036" s="5" t="s">
        <v>38</v>
      </c>
      <c r="P17036" s="5" t="s">
        <v>39</v>
      </c>
      <c r="Q17036" s="5" t="s">
        <v>40</v>
      </c>
      <c r="R17036" s="5" t="s">
        <v>1522</v>
      </c>
      <c r="S17036" s="5" t="s">
        <v>1523</v>
      </c>
      <c r="T17036" s="5" t="s">
        <v>42</v>
      </c>
      <c r="U17036" s="2">
        <v>3.605</v>
      </c>
      <c r="V17036" s="2">
        <v>2.8370000000000002</v>
      </c>
      <c r="W17036" s="2">
        <v>2.1000000000000001E-2</v>
      </c>
      <c r="X17036" s="2">
        <v>165.1</v>
      </c>
      <c r="Y17036" s="2">
        <v>7.6</v>
      </c>
      <c r="Z17036" s="2">
        <v>16.7</v>
      </c>
      <c r="AA17036" s="5"/>
      <c r="AB17036" s="5" t="s">
        <v>43</v>
      </c>
      <c r="AC17036" s="5" t="s">
        <v>44</v>
      </c>
      <c r="AD17036" s="2"/>
      <c r="AE17036" s="1"/>
    </row>
    <row r="17037" spans="1:31" ht="14.45">
      <c r="A17037" s="11"/>
      <c r="B17037" s="20"/>
      <c r="C17037" s="2" t="s">
        <v>52069</v>
      </c>
      <c r="D17037" s="14" t="s">
        <v>52070</v>
      </c>
      <c r="E17037" s="2" t="s">
        <v>52071</v>
      </c>
      <c r="F17037" s="2" t="s">
        <v>36369</v>
      </c>
      <c r="G17037" s="8">
        <v>333</v>
      </c>
      <c r="H17037" s="5">
        <v>6</v>
      </c>
      <c r="I17037" s="5" t="s">
        <v>1518</v>
      </c>
      <c r="J17037" s="5" t="s">
        <v>36264</v>
      </c>
      <c r="K17037" s="2" t="s">
        <v>36265</v>
      </c>
      <c r="L17037" s="5" t="s">
        <v>36264</v>
      </c>
      <c r="M17037" s="2" t="s">
        <v>36265</v>
      </c>
      <c r="N17037" s="5" t="s">
        <v>36266</v>
      </c>
      <c r="O17037" s="5" t="s">
        <v>38</v>
      </c>
      <c r="P17037" s="5" t="s">
        <v>39</v>
      </c>
      <c r="Q17037" s="5" t="s">
        <v>40</v>
      </c>
      <c r="R17037" s="5" t="s">
        <v>1522</v>
      </c>
      <c r="S17037" s="5" t="s">
        <v>1523</v>
      </c>
      <c r="T17037" s="5" t="s">
        <v>42</v>
      </c>
      <c r="U17037" s="2">
        <v>3.488</v>
      </c>
      <c r="V17037" s="2">
        <v>2.72</v>
      </c>
      <c r="W17037" s="2">
        <v>2.1000000000000001E-2</v>
      </c>
      <c r="X17037" s="2">
        <v>165.1</v>
      </c>
      <c r="Y17037" s="2">
        <v>7.6</v>
      </c>
      <c r="Z17037" s="2">
        <v>16.7</v>
      </c>
      <c r="AA17037" s="5"/>
      <c r="AB17037" s="5" t="s">
        <v>43</v>
      </c>
      <c r="AC17037" s="5" t="s">
        <v>44</v>
      </c>
      <c r="AD17037" s="2"/>
      <c r="AE17037" s="1"/>
    </row>
    <row r="17038" spans="1:31" ht="14.45">
      <c r="A17038" s="11"/>
      <c r="B17038" s="20"/>
      <c r="C17038" s="2" t="s">
        <v>52072</v>
      </c>
      <c r="D17038" s="14" t="s">
        <v>52073</v>
      </c>
      <c r="E17038" s="2" t="s">
        <v>52074</v>
      </c>
      <c r="F17038" s="2" t="s">
        <v>36373</v>
      </c>
      <c r="G17038" s="8">
        <v>333</v>
      </c>
      <c r="H17038" s="5">
        <v>6</v>
      </c>
      <c r="I17038" s="5" t="s">
        <v>1518</v>
      </c>
      <c r="J17038" s="5" t="s">
        <v>36264</v>
      </c>
      <c r="K17038" s="2" t="s">
        <v>36265</v>
      </c>
      <c r="L17038" s="5" t="s">
        <v>36264</v>
      </c>
      <c r="M17038" s="2" t="s">
        <v>36265</v>
      </c>
      <c r="N17038" s="5" t="s">
        <v>36266</v>
      </c>
      <c r="O17038" s="5" t="s">
        <v>38</v>
      </c>
      <c r="P17038" s="5" t="s">
        <v>39</v>
      </c>
      <c r="Q17038" s="5" t="s">
        <v>40</v>
      </c>
      <c r="R17038" s="5" t="s">
        <v>1522</v>
      </c>
      <c r="S17038" s="5" t="s">
        <v>1523</v>
      </c>
      <c r="T17038" s="5" t="s">
        <v>42</v>
      </c>
      <c r="U17038" s="2">
        <v>3.605</v>
      </c>
      <c r="V17038" s="2">
        <v>2.8370000000000002</v>
      </c>
      <c r="W17038" s="2">
        <v>2.1000000000000001E-2</v>
      </c>
      <c r="X17038" s="2">
        <v>165.1</v>
      </c>
      <c r="Y17038" s="2">
        <v>7.6</v>
      </c>
      <c r="Z17038" s="2">
        <v>16.7</v>
      </c>
      <c r="AA17038" s="5"/>
      <c r="AB17038" s="5" t="s">
        <v>43</v>
      </c>
      <c r="AC17038" s="5" t="s">
        <v>44</v>
      </c>
      <c r="AD17038" s="2"/>
      <c r="AE17038" s="1"/>
    </row>
    <row r="17039" spans="1:31" ht="14.45">
      <c r="A17039" s="11"/>
      <c r="B17039" s="20"/>
      <c r="C17039" s="2" t="s">
        <v>52075</v>
      </c>
      <c r="D17039" s="14" t="s">
        <v>52076</v>
      </c>
      <c r="E17039" s="2" t="s">
        <v>52077</v>
      </c>
      <c r="F17039" s="2" t="s">
        <v>36377</v>
      </c>
      <c r="G17039" s="8">
        <v>333</v>
      </c>
      <c r="H17039" s="5">
        <v>6</v>
      </c>
      <c r="I17039" s="5" t="s">
        <v>1518</v>
      </c>
      <c r="J17039" s="5" t="s">
        <v>36264</v>
      </c>
      <c r="K17039" s="2" t="s">
        <v>36265</v>
      </c>
      <c r="L17039" s="5" t="s">
        <v>36264</v>
      </c>
      <c r="M17039" s="2" t="s">
        <v>36265</v>
      </c>
      <c r="N17039" s="5" t="s">
        <v>36266</v>
      </c>
      <c r="O17039" s="5" t="s">
        <v>38</v>
      </c>
      <c r="P17039" s="5" t="s">
        <v>39</v>
      </c>
      <c r="Q17039" s="5" t="s">
        <v>40</v>
      </c>
      <c r="R17039" s="5" t="s">
        <v>1522</v>
      </c>
      <c r="S17039" s="5" t="s">
        <v>1523</v>
      </c>
      <c r="T17039" s="5" t="s">
        <v>42</v>
      </c>
      <c r="U17039" s="2">
        <v>3.488</v>
      </c>
      <c r="V17039" s="2">
        <v>2.72</v>
      </c>
      <c r="W17039" s="2">
        <v>2.1000000000000001E-2</v>
      </c>
      <c r="X17039" s="2">
        <v>165.1</v>
      </c>
      <c r="Y17039" s="2">
        <v>7.6</v>
      </c>
      <c r="Z17039" s="2">
        <v>16.7</v>
      </c>
      <c r="AA17039" s="5"/>
      <c r="AB17039" s="5" t="s">
        <v>43</v>
      </c>
      <c r="AC17039" s="5" t="s">
        <v>44</v>
      </c>
      <c r="AD17039" s="2"/>
      <c r="AE17039" s="1"/>
    </row>
    <row r="17040" spans="1:31" ht="14.45">
      <c r="A17040" s="11"/>
      <c r="B17040" s="20"/>
      <c r="C17040" s="2" t="s">
        <v>52078</v>
      </c>
      <c r="D17040" s="14" t="s">
        <v>52079</v>
      </c>
      <c r="E17040" s="2" t="s">
        <v>52080</v>
      </c>
      <c r="F17040" s="2" t="s">
        <v>36381</v>
      </c>
      <c r="G17040" s="8">
        <v>333</v>
      </c>
      <c r="H17040" s="5">
        <v>6</v>
      </c>
      <c r="I17040" s="5" t="s">
        <v>1518</v>
      </c>
      <c r="J17040" s="5" t="s">
        <v>36264</v>
      </c>
      <c r="K17040" s="2" t="s">
        <v>36265</v>
      </c>
      <c r="L17040" s="5" t="s">
        <v>36264</v>
      </c>
      <c r="M17040" s="2" t="s">
        <v>36265</v>
      </c>
      <c r="N17040" s="5" t="s">
        <v>36266</v>
      </c>
      <c r="O17040" s="5" t="s">
        <v>38</v>
      </c>
      <c r="P17040" s="5" t="s">
        <v>39</v>
      </c>
      <c r="Q17040" s="5" t="s">
        <v>40</v>
      </c>
      <c r="R17040" s="5" t="s">
        <v>1522</v>
      </c>
      <c r="S17040" s="5" t="s">
        <v>1523</v>
      </c>
      <c r="T17040" s="5" t="s">
        <v>42</v>
      </c>
      <c r="U17040" s="2">
        <v>3.605</v>
      </c>
      <c r="V17040" s="2">
        <v>2.8370000000000002</v>
      </c>
      <c r="W17040" s="2">
        <v>2.1000000000000001E-2</v>
      </c>
      <c r="X17040" s="2">
        <v>165.1</v>
      </c>
      <c r="Y17040" s="2">
        <v>7.6</v>
      </c>
      <c r="Z17040" s="2">
        <v>16.7</v>
      </c>
      <c r="AA17040" s="5"/>
      <c r="AB17040" s="5" t="s">
        <v>43</v>
      </c>
      <c r="AC17040" s="5" t="s">
        <v>44</v>
      </c>
      <c r="AD17040" s="2"/>
      <c r="AE17040" s="1"/>
    </row>
    <row r="17041" spans="1:31" ht="14.45">
      <c r="A17041" s="11"/>
      <c r="B17041" s="20"/>
      <c r="C17041" s="2" t="s">
        <v>52081</v>
      </c>
      <c r="D17041" s="14" t="s">
        <v>52082</v>
      </c>
      <c r="E17041" s="2" t="s">
        <v>52083</v>
      </c>
      <c r="F17041" s="2" t="s">
        <v>36389</v>
      </c>
      <c r="G17041" s="8">
        <v>333</v>
      </c>
      <c r="H17041" s="5">
        <v>6</v>
      </c>
      <c r="I17041" s="5" t="s">
        <v>1518</v>
      </c>
      <c r="J17041" s="5" t="s">
        <v>36264</v>
      </c>
      <c r="K17041" s="2" t="s">
        <v>36265</v>
      </c>
      <c r="L17041" s="5" t="s">
        <v>36264</v>
      </c>
      <c r="M17041" s="2" t="s">
        <v>36265</v>
      </c>
      <c r="N17041" s="5" t="s">
        <v>36266</v>
      </c>
      <c r="O17041" s="5" t="s">
        <v>38</v>
      </c>
      <c r="P17041" s="5" t="s">
        <v>39</v>
      </c>
      <c r="Q17041" s="5" t="s">
        <v>40</v>
      </c>
      <c r="R17041" s="5" t="s">
        <v>1522</v>
      </c>
      <c r="S17041" s="5" t="s">
        <v>1523</v>
      </c>
      <c r="T17041" s="5" t="s">
        <v>42</v>
      </c>
      <c r="U17041" s="2">
        <v>3.605</v>
      </c>
      <c r="V17041" s="2">
        <v>2.8370000000000002</v>
      </c>
      <c r="W17041" s="2">
        <v>2.1000000000000001E-2</v>
      </c>
      <c r="X17041" s="2">
        <v>165.1</v>
      </c>
      <c r="Y17041" s="2">
        <v>7.6</v>
      </c>
      <c r="Z17041" s="2">
        <v>16.7</v>
      </c>
      <c r="AA17041" s="5"/>
      <c r="AB17041" s="5" t="s">
        <v>43</v>
      </c>
      <c r="AC17041" s="5" t="s">
        <v>44</v>
      </c>
      <c r="AD17041" s="2"/>
      <c r="AE17041" s="1"/>
    </row>
    <row r="17042" spans="1:31" ht="14.45">
      <c r="A17042" s="11"/>
      <c r="B17042" s="20"/>
      <c r="C17042" s="2" t="s">
        <v>52084</v>
      </c>
      <c r="D17042" s="14" t="s">
        <v>52085</v>
      </c>
      <c r="E17042" s="2" t="s">
        <v>52086</v>
      </c>
      <c r="F17042" s="2" t="s">
        <v>7204</v>
      </c>
      <c r="G17042" s="8">
        <v>291</v>
      </c>
      <c r="H17042" s="5">
        <v>6</v>
      </c>
      <c r="I17042" s="5" t="s">
        <v>1518</v>
      </c>
      <c r="J17042" s="5" t="s">
        <v>36264</v>
      </c>
      <c r="K17042" s="2" t="s">
        <v>36265</v>
      </c>
      <c r="L17042" s="5" t="s">
        <v>36264</v>
      </c>
      <c r="M17042" s="2" t="s">
        <v>36265</v>
      </c>
      <c r="N17042" s="5" t="s">
        <v>36266</v>
      </c>
      <c r="O17042" s="5" t="s">
        <v>38</v>
      </c>
      <c r="P17042" s="5" t="s">
        <v>39</v>
      </c>
      <c r="Q17042" s="5" t="s">
        <v>40</v>
      </c>
      <c r="R17042" s="5" t="s">
        <v>1522</v>
      </c>
      <c r="S17042" s="5" t="s">
        <v>1523</v>
      </c>
      <c r="T17042" s="5" t="s">
        <v>42</v>
      </c>
      <c r="U17042" s="2">
        <v>2.794</v>
      </c>
      <c r="V17042" s="2">
        <v>2.2589999999999999</v>
      </c>
      <c r="W17042" s="2">
        <v>1.4999999999999999E-2</v>
      </c>
      <c r="X17042" s="2">
        <v>118.9</v>
      </c>
      <c r="Y17042" s="2">
        <v>7.6</v>
      </c>
      <c r="Z17042" s="2">
        <v>16.7</v>
      </c>
      <c r="AA17042" s="5"/>
      <c r="AB17042" s="5" t="s">
        <v>43</v>
      </c>
      <c r="AC17042" s="5" t="s">
        <v>44</v>
      </c>
      <c r="AD17042" s="2"/>
      <c r="AE17042" s="1"/>
    </row>
    <row r="17043" spans="1:31" ht="14.45">
      <c r="A17043" s="11"/>
      <c r="B17043" s="20"/>
      <c r="C17043" s="2" t="s">
        <v>52087</v>
      </c>
      <c r="D17043" s="14" t="s">
        <v>52088</v>
      </c>
      <c r="E17043" s="2" t="s">
        <v>52089</v>
      </c>
      <c r="F17043" s="2" t="s">
        <v>7514</v>
      </c>
      <c r="G17043" s="8">
        <v>291</v>
      </c>
      <c r="H17043" s="5">
        <v>6</v>
      </c>
      <c r="I17043" s="5" t="s">
        <v>1518</v>
      </c>
      <c r="J17043" s="5" t="s">
        <v>36264</v>
      </c>
      <c r="K17043" s="2" t="s">
        <v>36265</v>
      </c>
      <c r="L17043" s="5" t="s">
        <v>36264</v>
      </c>
      <c r="M17043" s="2" t="s">
        <v>36265</v>
      </c>
      <c r="N17043" s="5" t="s">
        <v>36266</v>
      </c>
      <c r="O17043" s="5" t="s">
        <v>38</v>
      </c>
      <c r="P17043" s="5" t="s">
        <v>39</v>
      </c>
      <c r="Q17043" s="5" t="s">
        <v>40</v>
      </c>
      <c r="R17043" s="5" t="s">
        <v>1522</v>
      </c>
      <c r="S17043" s="5" t="s">
        <v>1523</v>
      </c>
      <c r="T17043" s="5" t="s">
        <v>42</v>
      </c>
      <c r="U17043" s="2">
        <v>2.8690000000000002</v>
      </c>
      <c r="V17043" s="2">
        <v>2.3340000000000001</v>
      </c>
      <c r="W17043" s="2">
        <v>1.4999999999999999E-2</v>
      </c>
      <c r="X17043" s="2">
        <v>118.9</v>
      </c>
      <c r="Y17043" s="2">
        <v>7.6</v>
      </c>
      <c r="Z17043" s="2">
        <v>16.7</v>
      </c>
      <c r="AA17043" s="5"/>
      <c r="AB17043" s="5" t="s">
        <v>43</v>
      </c>
      <c r="AC17043" s="5" t="s">
        <v>44</v>
      </c>
      <c r="AD17043" s="2"/>
      <c r="AE17043" s="1"/>
    </row>
    <row r="17044" spans="1:31" ht="14.45">
      <c r="A17044" s="11"/>
      <c r="B17044" s="20"/>
      <c r="C17044" s="2" t="s">
        <v>52090</v>
      </c>
      <c r="D17044" s="14" t="s">
        <v>52091</v>
      </c>
      <c r="E17044" s="2" t="s">
        <v>52092</v>
      </c>
      <c r="F17044" s="2" t="s">
        <v>36273</v>
      </c>
      <c r="G17044" s="8">
        <v>291</v>
      </c>
      <c r="H17044" s="5">
        <v>6</v>
      </c>
      <c r="I17044" s="5" t="s">
        <v>1518</v>
      </c>
      <c r="J17044" s="5" t="s">
        <v>36264</v>
      </c>
      <c r="K17044" s="2" t="s">
        <v>36265</v>
      </c>
      <c r="L17044" s="5" t="s">
        <v>36264</v>
      </c>
      <c r="M17044" s="2" t="s">
        <v>36265</v>
      </c>
      <c r="N17044" s="5" t="s">
        <v>36266</v>
      </c>
      <c r="O17044" s="5" t="s">
        <v>38</v>
      </c>
      <c r="P17044" s="5" t="s">
        <v>39</v>
      </c>
      <c r="Q17044" s="5" t="s">
        <v>40</v>
      </c>
      <c r="R17044" s="5" t="s">
        <v>1522</v>
      </c>
      <c r="S17044" s="5" t="s">
        <v>1523</v>
      </c>
      <c r="T17044" s="5" t="s">
        <v>42</v>
      </c>
      <c r="U17044" s="2">
        <v>2.794</v>
      </c>
      <c r="V17044" s="2">
        <v>2.2589999999999999</v>
      </c>
      <c r="W17044" s="2">
        <v>1.4999999999999999E-2</v>
      </c>
      <c r="X17044" s="2">
        <v>118.9</v>
      </c>
      <c r="Y17044" s="2">
        <v>7.6</v>
      </c>
      <c r="Z17044" s="2">
        <v>16.7</v>
      </c>
      <c r="AA17044" s="5"/>
      <c r="AB17044" s="5" t="s">
        <v>43</v>
      </c>
      <c r="AC17044" s="5" t="s">
        <v>44</v>
      </c>
      <c r="AD17044" s="2"/>
      <c r="AE17044" s="1"/>
    </row>
    <row r="17045" spans="1:31" ht="14.45">
      <c r="A17045" s="11"/>
      <c r="B17045" s="20"/>
      <c r="C17045" s="2" t="s">
        <v>52093</v>
      </c>
      <c r="D17045" s="14" t="s">
        <v>52094</v>
      </c>
      <c r="E17045" s="2" t="s">
        <v>52095</v>
      </c>
      <c r="F17045" s="2" t="s">
        <v>36277</v>
      </c>
      <c r="G17045" s="8">
        <v>291</v>
      </c>
      <c r="H17045" s="5">
        <v>6</v>
      </c>
      <c r="I17045" s="5" t="s">
        <v>1518</v>
      </c>
      <c r="J17045" s="5" t="s">
        <v>36264</v>
      </c>
      <c r="K17045" s="2" t="s">
        <v>36265</v>
      </c>
      <c r="L17045" s="5" t="s">
        <v>36264</v>
      </c>
      <c r="M17045" s="2" t="s">
        <v>36265</v>
      </c>
      <c r="N17045" s="5" t="s">
        <v>36266</v>
      </c>
      <c r="O17045" s="5" t="s">
        <v>38</v>
      </c>
      <c r="P17045" s="5" t="s">
        <v>39</v>
      </c>
      <c r="Q17045" s="5" t="s">
        <v>40</v>
      </c>
      <c r="R17045" s="5" t="s">
        <v>1522</v>
      </c>
      <c r="S17045" s="5" t="s">
        <v>1523</v>
      </c>
      <c r="T17045" s="5" t="s">
        <v>42</v>
      </c>
      <c r="U17045" s="2">
        <v>2.8690000000000002</v>
      </c>
      <c r="V17045" s="2">
        <v>2.3340000000000001</v>
      </c>
      <c r="W17045" s="2">
        <v>1.4999999999999999E-2</v>
      </c>
      <c r="X17045" s="2">
        <v>118.9</v>
      </c>
      <c r="Y17045" s="2">
        <v>7.6</v>
      </c>
      <c r="Z17045" s="2">
        <v>16.7</v>
      </c>
      <c r="AA17045" s="5"/>
      <c r="AB17045" s="5" t="s">
        <v>43</v>
      </c>
      <c r="AC17045" s="5" t="s">
        <v>44</v>
      </c>
      <c r="AD17045" s="2"/>
      <c r="AE17045" s="1"/>
    </row>
    <row r="17046" spans="1:31" ht="14.45">
      <c r="A17046" s="11"/>
      <c r="B17046" s="20"/>
      <c r="C17046" s="2" t="s">
        <v>52096</v>
      </c>
      <c r="D17046" s="14" t="s">
        <v>52097</v>
      </c>
      <c r="E17046" s="2" t="s">
        <v>52098</v>
      </c>
      <c r="F17046" s="2" t="s">
        <v>36289</v>
      </c>
      <c r="G17046" s="8">
        <v>314</v>
      </c>
      <c r="H17046" s="5">
        <v>6</v>
      </c>
      <c r="I17046" s="5" t="s">
        <v>1518</v>
      </c>
      <c r="J17046" s="5" t="s">
        <v>36264</v>
      </c>
      <c r="K17046" s="2" t="s">
        <v>36265</v>
      </c>
      <c r="L17046" s="5" t="s">
        <v>36264</v>
      </c>
      <c r="M17046" s="2" t="s">
        <v>36265</v>
      </c>
      <c r="N17046" s="5" t="s">
        <v>36266</v>
      </c>
      <c r="O17046" s="5" t="s">
        <v>38</v>
      </c>
      <c r="P17046" s="5" t="s">
        <v>39</v>
      </c>
      <c r="Q17046" s="5" t="s">
        <v>40</v>
      </c>
      <c r="R17046" s="5" t="s">
        <v>1522</v>
      </c>
      <c r="S17046" s="5" t="s">
        <v>1523</v>
      </c>
      <c r="T17046" s="5" t="s">
        <v>42</v>
      </c>
      <c r="U17046" s="2">
        <v>2.794</v>
      </c>
      <c r="V17046" s="2">
        <v>2.2589999999999999</v>
      </c>
      <c r="W17046" s="2">
        <v>1.4999999999999999E-2</v>
      </c>
      <c r="X17046" s="2">
        <v>118.9</v>
      </c>
      <c r="Y17046" s="2">
        <v>7.6</v>
      </c>
      <c r="Z17046" s="2">
        <v>16.7</v>
      </c>
      <c r="AA17046" s="5"/>
      <c r="AB17046" s="5" t="s">
        <v>43</v>
      </c>
      <c r="AC17046" s="5" t="s">
        <v>44</v>
      </c>
      <c r="AD17046" s="2"/>
      <c r="AE17046" s="1"/>
    </row>
    <row r="17047" spans="1:31" ht="14.45">
      <c r="A17047" s="11"/>
      <c r="B17047" s="20"/>
      <c r="C17047" s="2" t="s">
        <v>52099</v>
      </c>
      <c r="D17047" s="14" t="s">
        <v>52100</v>
      </c>
      <c r="E17047" s="2" t="s">
        <v>52101</v>
      </c>
      <c r="F17047" s="2" t="s">
        <v>36293</v>
      </c>
      <c r="G17047" s="8">
        <v>314</v>
      </c>
      <c r="H17047" s="5">
        <v>6</v>
      </c>
      <c r="I17047" s="5" t="s">
        <v>1518</v>
      </c>
      <c r="J17047" s="5" t="s">
        <v>36264</v>
      </c>
      <c r="K17047" s="2" t="s">
        <v>36265</v>
      </c>
      <c r="L17047" s="5" t="s">
        <v>36264</v>
      </c>
      <c r="M17047" s="2" t="s">
        <v>36265</v>
      </c>
      <c r="N17047" s="5" t="s">
        <v>36266</v>
      </c>
      <c r="O17047" s="5" t="s">
        <v>38</v>
      </c>
      <c r="P17047" s="5" t="s">
        <v>39</v>
      </c>
      <c r="Q17047" s="5" t="s">
        <v>40</v>
      </c>
      <c r="R17047" s="5" t="s">
        <v>1522</v>
      </c>
      <c r="S17047" s="5" t="s">
        <v>1523</v>
      </c>
      <c r="T17047" s="5" t="s">
        <v>42</v>
      </c>
      <c r="U17047" s="2">
        <v>2.8690000000000002</v>
      </c>
      <c r="V17047" s="2">
        <v>2.3340000000000001</v>
      </c>
      <c r="W17047" s="2">
        <v>1.4999999999999999E-2</v>
      </c>
      <c r="X17047" s="2">
        <v>118.9</v>
      </c>
      <c r="Y17047" s="2">
        <v>7.6</v>
      </c>
      <c r="Z17047" s="2">
        <v>16.7</v>
      </c>
      <c r="AA17047" s="5"/>
      <c r="AB17047" s="5" t="s">
        <v>43</v>
      </c>
      <c r="AC17047" s="5" t="s">
        <v>44</v>
      </c>
      <c r="AD17047" s="2"/>
      <c r="AE17047" s="1"/>
    </row>
    <row r="17048" spans="1:31" ht="14.45">
      <c r="A17048" s="11"/>
      <c r="B17048" s="20"/>
      <c r="C17048" s="2" t="s">
        <v>52102</v>
      </c>
      <c r="D17048" s="14" t="s">
        <v>52103</v>
      </c>
      <c r="E17048" s="2" t="s">
        <v>52104</v>
      </c>
      <c r="F17048" s="2" t="s">
        <v>36297</v>
      </c>
      <c r="G17048" s="8">
        <v>291</v>
      </c>
      <c r="H17048" s="5">
        <v>6</v>
      </c>
      <c r="I17048" s="5" t="s">
        <v>1518</v>
      </c>
      <c r="J17048" s="5" t="s">
        <v>36264</v>
      </c>
      <c r="K17048" s="2" t="s">
        <v>36265</v>
      </c>
      <c r="L17048" s="5" t="s">
        <v>36264</v>
      </c>
      <c r="M17048" s="2" t="s">
        <v>36265</v>
      </c>
      <c r="N17048" s="5" t="s">
        <v>36266</v>
      </c>
      <c r="O17048" s="5" t="s">
        <v>38</v>
      </c>
      <c r="P17048" s="5" t="s">
        <v>39</v>
      </c>
      <c r="Q17048" s="5" t="s">
        <v>40</v>
      </c>
      <c r="R17048" s="5" t="s">
        <v>1522</v>
      </c>
      <c r="S17048" s="5" t="s">
        <v>1523</v>
      </c>
      <c r="T17048" s="5" t="s">
        <v>42</v>
      </c>
      <c r="U17048" s="2">
        <v>2.794</v>
      </c>
      <c r="V17048" s="2">
        <v>2.2589999999999999</v>
      </c>
      <c r="W17048" s="2">
        <v>1.4999999999999999E-2</v>
      </c>
      <c r="X17048" s="2">
        <v>118.9</v>
      </c>
      <c r="Y17048" s="2">
        <v>7.6</v>
      </c>
      <c r="Z17048" s="2">
        <v>16.7</v>
      </c>
      <c r="AA17048" s="5"/>
      <c r="AB17048" s="5" t="s">
        <v>43</v>
      </c>
      <c r="AC17048" s="5" t="s">
        <v>44</v>
      </c>
      <c r="AD17048" s="2"/>
      <c r="AE17048" s="1"/>
    </row>
    <row r="17049" spans="1:31" ht="14.45">
      <c r="A17049" s="11"/>
      <c r="B17049" s="20"/>
      <c r="C17049" s="2" t="s">
        <v>52105</v>
      </c>
      <c r="D17049" s="14" t="s">
        <v>52106</v>
      </c>
      <c r="E17049" s="2" t="s">
        <v>52107</v>
      </c>
      <c r="F17049" s="2" t="s">
        <v>36301</v>
      </c>
      <c r="G17049" s="8">
        <v>291</v>
      </c>
      <c r="H17049" s="5">
        <v>6</v>
      </c>
      <c r="I17049" s="5" t="s">
        <v>1518</v>
      </c>
      <c r="J17049" s="5" t="s">
        <v>36264</v>
      </c>
      <c r="K17049" s="2" t="s">
        <v>36265</v>
      </c>
      <c r="L17049" s="5" t="s">
        <v>36264</v>
      </c>
      <c r="M17049" s="2" t="s">
        <v>36265</v>
      </c>
      <c r="N17049" s="5" t="s">
        <v>36266</v>
      </c>
      <c r="O17049" s="5" t="s">
        <v>38</v>
      </c>
      <c r="P17049" s="5" t="s">
        <v>39</v>
      </c>
      <c r="Q17049" s="5" t="s">
        <v>40</v>
      </c>
      <c r="R17049" s="5" t="s">
        <v>1522</v>
      </c>
      <c r="S17049" s="5" t="s">
        <v>1523</v>
      </c>
      <c r="T17049" s="5" t="s">
        <v>42</v>
      </c>
      <c r="U17049" s="2">
        <v>2.8690000000000002</v>
      </c>
      <c r="V17049" s="2">
        <v>2.3340000000000001</v>
      </c>
      <c r="W17049" s="2">
        <v>1.4999999999999999E-2</v>
      </c>
      <c r="X17049" s="2">
        <v>118.9</v>
      </c>
      <c r="Y17049" s="2">
        <v>7.6</v>
      </c>
      <c r="Z17049" s="2">
        <v>16.7</v>
      </c>
      <c r="AA17049" s="5"/>
      <c r="AB17049" s="5" t="s">
        <v>43</v>
      </c>
      <c r="AC17049" s="5" t="s">
        <v>44</v>
      </c>
      <c r="AD17049" s="2"/>
      <c r="AE17049" s="1"/>
    </row>
    <row r="17050" spans="1:31" ht="14.45">
      <c r="A17050" s="11"/>
      <c r="B17050" s="20"/>
      <c r="C17050" s="2" t="s">
        <v>52108</v>
      </c>
      <c r="D17050" s="14" t="s">
        <v>52109</v>
      </c>
      <c r="E17050" s="2" t="s">
        <v>52110</v>
      </c>
      <c r="F17050" s="2" t="s">
        <v>36305</v>
      </c>
      <c r="G17050" s="8">
        <v>291</v>
      </c>
      <c r="H17050" s="5">
        <v>6</v>
      </c>
      <c r="I17050" s="5" t="s">
        <v>1518</v>
      </c>
      <c r="J17050" s="5" t="s">
        <v>36264</v>
      </c>
      <c r="K17050" s="2" t="s">
        <v>36265</v>
      </c>
      <c r="L17050" s="5" t="s">
        <v>36264</v>
      </c>
      <c r="M17050" s="2" t="s">
        <v>36265</v>
      </c>
      <c r="N17050" s="5" t="s">
        <v>36266</v>
      </c>
      <c r="O17050" s="5" t="s">
        <v>38</v>
      </c>
      <c r="P17050" s="5" t="s">
        <v>39</v>
      </c>
      <c r="Q17050" s="5" t="s">
        <v>40</v>
      </c>
      <c r="R17050" s="5" t="s">
        <v>1522</v>
      </c>
      <c r="S17050" s="5" t="s">
        <v>1523</v>
      </c>
      <c r="T17050" s="5" t="s">
        <v>42</v>
      </c>
      <c r="U17050" s="2">
        <v>2.794</v>
      </c>
      <c r="V17050" s="2">
        <v>2.2589999999999999</v>
      </c>
      <c r="W17050" s="2">
        <v>1.4999999999999999E-2</v>
      </c>
      <c r="X17050" s="2">
        <v>118.9</v>
      </c>
      <c r="Y17050" s="2">
        <v>7.6</v>
      </c>
      <c r="Z17050" s="2">
        <v>16.7</v>
      </c>
      <c r="AA17050" s="5"/>
      <c r="AB17050" s="5" t="s">
        <v>43</v>
      </c>
      <c r="AC17050" s="5" t="s">
        <v>44</v>
      </c>
      <c r="AD17050" s="2"/>
      <c r="AE17050" s="1"/>
    </row>
    <row r="17051" spans="1:31" ht="14.45">
      <c r="A17051" s="11"/>
      <c r="B17051" s="20"/>
      <c r="C17051" s="2" t="s">
        <v>52111</v>
      </c>
      <c r="D17051" s="14" t="s">
        <v>52112</v>
      </c>
      <c r="E17051" s="2" t="s">
        <v>52113</v>
      </c>
      <c r="F17051" s="2" t="s">
        <v>36309</v>
      </c>
      <c r="G17051" s="8">
        <v>291</v>
      </c>
      <c r="H17051" s="5">
        <v>6</v>
      </c>
      <c r="I17051" s="5" t="s">
        <v>1518</v>
      </c>
      <c r="J17051" s="5" t="s">
        <v>36264</v>
      </c>
      <c r="K17051" s="2" t="s">
        <v>36265</v>
      </c>
      <c r="L17051" s="5" t="s">
        <v>36264</v>
      </c>
      <c r="M17051" s="2" t="s">
        <v>36265</v>
      </c>
      <c r="N17051" s="5" t="s">
        <v>36266</v>
      </c>
      <c r="O17051" s="5" t="s">
        <v>38</v>
      </c>
      <c r="P17051" s="5" t="s">
        <v>39</v>
      </c>
      <c r="Q17051" s="5" t="s">
        <v>40</v>
      </c>
      <c r="R17051" s="5" t="s">
        <v>1522</v>
      </c>
      <c r="S17051" s="5" t="s">
        <v>1523</v>
      </c>
      <c r="T17051" s="5" t="s">
        <v>42</v>
      </c>
      <c r="U17051" s="2">
        <v>2.8690000000000002</v>
      </c>
      <c r="V17051" s="2">
        <v>2.3340000000000001</v>
      </c>
      <c r="W17051" s="2">
        <v>1.4999999999999999E-2</v>
      </c>
      <c r="X17051" s="2">
        <v>118.9</v>
      </c>
      <c r="Y17051" s="2">
        <v>7.6</v>
      </c>
      <c r="Z17051" s="2">
        <v>16.7</v>
      </c>
      <c r="AA17051" s="5"/>
      <c r="AB17051" s="5" t="s">
        <v>43</v>
      </c>
      <c r="AC17051" s="5" t="s">
        <v>44</v>
      </c>
      <c r="AD17051" s="2"/>
      <c r="AE17051" s="1"/>
    </row>
    <row r="17052" spans="1:31" ht="14.45">
      <c r="A17052" s="11"/>
      <c r="B17052" s="20"/>
      <c r="C17052" s="2" t="s">
        <v>52114</v>
      </c>
      <c r="D17052" s="14" t="s">
        <v>52115</v>
      </c>
      <c r="E17052" s="2" t="s">
        <v>52116</v>
      </c>
      <c r="F17052" s="2" t="s">
        <v>36317</v>
      </c>
      <c r="G17052" s="8">
        <v>314</v>
      </c>
      <c r="H17052" s="5">
        <v>6</v>
      </c>
      <c r="I17052" s="5" t="s">
        <v>1518</v>
      </c>
      <c r="J17052" s="5" t="s">
        <v>36264</v>
      </c>
      <c r="K17052" s="2" t="s">
        <v>36265</v>
      </c>
      <c r="L17052" s="5" t="s">
        <v>36264</v>
      </c>
      <c r="M17052" s="2" t="s">
        <v>36265</v>
      </c>
      <c r="N17052" s="5" t="s">
        <v>36266</v>
      </c>
      <c r="O17052" s="5" t="s">
        <v>38</v>
      </c>
      <c r="P17052" s="5" t="s">
        <v>39</v>
      </c>
      <c r="Q17052" s="5" t="s">
        <v>40</v>
      </c>
      <c r="R17052" s="5" t="s">
        <v>1522</v>
      </c>
      <c r="S17052" s="5" t="s">
        <v>1523</v>
      </c>
      <c r="T17052" s="5" t="s">
        <v>42</v>
      </c>
      <c r="U17052" s="2">
        <v>2.8690000000000002</v>
      </c>
      <c r="V17052" s="2">
        <v>2.3340000000000001</v>
      </c>
      <c r="W17052" s="2">
        <v>1.4999999999999999E-2</v>
      </c>
      <c r="X17052" s="2">
        <v>118.9</v>
      </c>
      <c r="Y17052" s="2">
        <v>7.6</v>
      </c>
      <c r="Z17052" s="2">
        <v>16.7</v>
      </c>
      <c r="AA17052" s="5"/>
      <c r="AB17052" s="5" t="s">
        <v>43</v>
      </c>
      <c r="AC17052" s="5" t="s">
        <v>44</v>
      </c>
      <c r="AD17052" s="2"/>
      <c r="AE17052" s="1"/>
    </row>
    <row r="17053" spans="1:31" ht="14.45">
      <c r="A17053" s="11"/>
      <c r="B17053" s="20"/>
      <c r="C17053" s="2" t="s">
        <v>52117</v>
      </c>
      <c r="D17053" s="14" t="s">
        <v>52118</v>
      </c>
      <c r="E17053" s="2" t="s">
        <v>52119</v>
      </c>
      <c r="F17053" s="2" t="s">
        <v>36325</v>
      </c>
      <c r="G17053" s="8">
        <v>314</v>
      </c>
      <c r="H17053" s="5">
        <v>6</v>
      </c>
      <c r="I17053" s="5" t="s">
        <v>1518</v>
      </c>
      <c r="J17053" s="5" t="s">
        <v>36264</v>
      </c>
      <c r="K17053" s="2" t="s">
        <v>36265</v>
      </c>
      <c r="L17053" s="5" t="s">
        <v>36264</v>
      </c>
      <c r="M17053" s="2" t="s">
        <v>36265</v>
      </c>
      <c r="N17053" s="5" t="s">
        <v>36266</v>
      </c>
      <c r="O17053" s="5" t="s">
        <v>38</v>
      </c>
      <c r="P17053" s="5" t="s">
        <v>39</v>
      </c>
      <c r="Q17053" s="5" t="s">
        <v>40</v>
      </c>
      <c r="R17053" s="5" t="s">
        <v>1522</v>
      </c>
      <c r="S17053" s="5" t="s">
        <v>1523</v>
      </c>
      <c r="T17053" s="5" t="s">
        <v>42</v>
      </c>
      <c r="U17053" s="2">
        <v>2.8690000000000002</v>
      </c>
      <c r="V17053" s="2">
        <v>2.3340000000000001</v>
      </c>
      <c r="W17053" s="2">
        <v>1.4999999999999999E-2</v>
      </c>
      <c r="X17053" s="2">
        <v>118.9</v>
      </c>
      <c r="Y17053" s="2">
        <v>7.6</v>
      </c>
      <c r="Z17053" s="2">
        <v>16.7</v>
      </c>
      <c r="AA17053" s="5"/>
      <c r="AB17053" s="5" t="s">
        <v>43</v>
      </c>
      <c r="AC17053" s="5" t="s">
        <v>44</v>
      </c>
      <c r="AD17053" s="2"/>
      <c r="AE17053" s="1"/>
    </row>
    <row r="17054" spans="1:31" ht="14.45">
      <c r="A17054" s="11"/>
      <c r="B17054" s="20"/>
      <c r="C17054" s="2" t="s">
        <v>52120</v>
      </c>
      <c r="D17054" s="14" t="s">
        <v>52121</v>
      </c>
      <c r="E17054" s="2" t="s">
        <v>52122</v>
      </c>
      <c r="F17054" s="2" t="s">
        <v>36329</v>
      </c>
      <c r="G17054" s="8">
        <v>314</v>
      </c>
      <c r="H17054" s="5">
        <v>6</v>
      </c>
      <c r="I17054" s="5" t="s">
        <v>1518</v>
      </c>
      <c r="J17054" s="5" t="s">
        <v>36264</v>
      </c>
      <c r="K17054" s="2" t="s">
        <v>36265</v>
      </c>
      <c r="L17054" s="5" t="s">
        <v>36264</v>
      </c>
      <c r="M17054" s="2" t="s">
        <v>36265</v>
      </c>
      <c r="N17054" s="5" t="s">
        <v>36266</v>
      </c>
      <c r="O17054" s="5" t="s">
        <v>38</v>
      </c>
      <c r="P17054" s="5" t="s">
        <v>39</v>
      </c>
      <c r="Q17054" s="5" t="s">
        <v>40</v>
      </c>
      <c r="R17054" s="5" t="s">
        <v>1522</v>
      </c>
      <c r="S17054" s="5" t="s">
        <v>1523</v>
      </c>
      <c r="T17054" s="5" t="s">
        <v>42</v>
      </c>
      <c r="U17054" s="2">
        <v>2.794</v>
      </c>
      <c r="V17054" s="2">
        <v>2.2589999999999999</v>
      </c>
      <c r="W17054" s="2">
        <v>1.4999999999999999E-2</v>
      </c>
      <c r="X17054" s="2">
        <v>118.9</v>
      </c>
      <c r="Y17054" s="2">
        <v>7.6</v>
      </c>
      <c r="Z17054" s="2">
        <v>16.7</v>
      </c>
      <c r="AA17054" s="5"/>
      <c r="AB17054" s="5" t="s">
        <v>43</v>
      </c>
      <c r="AC17054" s="5" t="s">
        <v>44</v>
      </c>
      <c r="AD17054" s="2"/>
      <c r="AE17054" s="1"/>
    </row>
    <row r="17055" spans="1:31" ht="14.45">
      <c r="A17055" s="11"/>
      <c r="B17055" s="20"/>
      <c r="C17055" s="2" t="s">
        <v>52123</v>
      </c>
      <c r="D17055" s="14" t="s">
        <v>52124</v>
      </c>
      <c r="E17055" s="2" t="s">
        <v>52125</v>
      </c>
      <c r="F17055" s="2" t="s">
        <v>36333</v>
      </c>
      <c r="G17055" s="8">
        <v>314</v>
      </c>
      <c r="H17055" s="5">
        <v>6</v>
      </c>
      <c r="I17055" s="5" t="s">
        <v>1518</v>
      </c>
      <c r="J17055" s="5" t="s">
        <v>36264</v>
      </c>
      <c r="K17055" s="2" t="s">
        <v>36265</v>
      </c>
      <c r="L17055" s="5" t="s">
        <v>36264</v>
      </c>
      <c r="M17055" s="2" t="s">
        <v>36265</v>
      </c>
      <c r="N17055" s="5" t="s">
        <v>36266</v>
      </c>
      <c r="O17055" s="5" t="s">
        <v>38</v>
      </c>
      <c r="P17055" s="5" t="s">
        <v>39</v>
      </c>
      <c r="Q17055" s="5" t="s">
        <v>40</v>
      </c>
      <c r="R17055" s="5" t="s">
        <v>1522</v>
      </c>
      <c r="S17055" s="5" t="s">
        <v>1523</v>
      </c>
      <c r="T17055" s="5" t="s">
        <v>42</v>
      </c>
      <c r="U17055" s="2">
        <v>2.8690000000000002</v>
      </c>
      <c r="V17055" s="2">
        <v>2.3340000000000001</v>
      </c>
      <c r="W17055" s="2">
        <v>1.4999999999999999E-2</v>
      </c>
      <c r="X17055" s="2">
        <v>118.9</v>
      </c>
      <c r="Y17055" s="2">
        <v>7.6</v>
      </c>
      <c r="Z17055" s="2">
        <v>16.7</v>
      </c>
      <c r="AA17055" s="5"/>
      <c r="AB17055" s="5" t="s">
        <v>43</v>
      </c>
      <c r="AC17055" s="5" t="s">
        <v>44</v>
      </c>
      <c r="AD17055" s="2"/>
      <c r="AE17055" s="1"/>
    </row>
    <row r="17056" spans="1:31" ht="14.45">
      <c r="A17056" s="11"/>
      <c r="B17056" s="20"/>
      <c r="C17056" s="2" t="s">
        <v>52126</v>
      </c>
      <c r="D17056" s="14" t="s">
        <v>52127</v>
      </c>
      <c r="E17056" s="2" t="s">
        <v>52128</v>
      </c>
      <c r="F17056" s="2" t="s">
        <v>36349</v>
      </c>
      <c r="G17056" s="8">
        <v>314</v>
      </c>
      <c r="H17056" s="5">
        <v>6</v>
      </c>
      <c r="I17056" s="5" t="s">
        <v>1518</v>
      </c>
      <c r="J17056" s="5" t="s">
        <v>36264</v>
      </c>
      <c r="K17056" s="2" t="s">
        <v>36265</v>
      </c>
      <c r="L17056" s="5" t="s">
        <v>36264</v>
      </c>
      <c r="M17056" s="2" t="s">
        <v>36265</v>
      </c>
      <c r="N17056" s="5" t="s">
        <v>36266</v>
      </c>
      <c r="O17056" s="5" t="s">
        <v>38</v>
      </c>
      <c r="P17056" s="5" t="s">
        <v>39</v>
      </c>
      <c r="Q17056" s="5" t="s">
        <v>40</v>
      </c>
      <c r="R17056" s="5" t="s">
        <v>1522</v>
      </c>
      <c r="S17056" s="5" t="s">
        <v>1523</v>
      </c>
      <c r="T17056" s="5" t="s">
        <v>42</v>
      </c>
      <c r="U17056" s="2">
        <v>2.8690000000000002</v>
      </c>
      <c r="V17056" s="2">
        <v>2.3340000000000001</v>
      </c>
      <c r="W17056" s="2">
        <v>1.4999999999999999E-2</v>
      </c>
      <c r="X17056" s="2">
        <v>118.9</v>
      </c>
      <c r="Y17056" s="2">
        <v>7.6</v>
      </c>
      <c r="Z17056" s="2">
        <v>16.7</v>
      </c>
      <c r="AA17056" s="5"/>
      <c r="AB17056" s="5" t="s">
        <v>43</v>
      </c>
      <c r="AC17056" s="5" t="s">
        <v>44</v>
      </c>
      <c r="AD17056" s="2"/>
      <c r="AE17056" s="1"/>
    </row>
    <row r="17057" spans="1:31" ht="14.45">
      <c r="A17057" s="11"/>
      <c r="B17057" s="20"/>
      <c r="C17057" s="2" t="s">
        <v>52129</v>
      </c>
      <c r="D17057" s="14" t="s">
        <v>52130</v>
      </c>
      <c r="E17057" s="2" t="s">
        <v>52131</v>
      </c>
      <c r="F17057" s="2" t="s">
        <v>36357</v>
      </c>
      <c r="G17057" s="8">
        <v>314</v>
      </c>
      <c r="H17057" s="5">
        <v>6</v>
      </c>
      <c r="I17057" s="5" t="s">
        <v>1518</v>
      </c>
      <c r="J17057" s="5" t="s">
        <v>36264</v>
      </c>
      <c r="K17057" s="2" t="s">
        <v>36265</v>
      </c>
      <c r="L17057" s="5" t="s">
        <v>36264</v>
      </c>
      <c r="M17057" s="2" t="s">
        <v>36265</v>
      </c>
      <c r="N17057" s="5" t="s">
        <v>36266</v>
      </c>
      <c r="O17057" s="5" t="s">
        <v>38</v>
      </c>
      <c r="P17057" s="5" t="s">
        <v>39</v>
      </c>
      <c r="Q17057" s="5" t="s">
        <v>40</v>
      </c>
      <c r="R17057" s="5" t="s">
        <v>1522</v>
      </c>
      <c r="S17057" s="5" t="s">
        <v>1523</v>
      </c>
      <c r="T17057" s="5" t="s">
        <v>42</v>
      </c>
      <c r="U17057" s="2">
        <v>2.8690000000000002</v>
      </c>
      <c r="V17057" s="2">
        <v>2.3340000000000001</v>
      </c>
      <c r="W17057" s="2">
        <v>1.4999999999999999E-2</v>
      </c>
      <c r="X17057" s="2">
        <v>118.9</v>
      </c>
      <c r="Y17057" s="2">
        <v>7.6</v>
      </c>
      <c r="Z17057" s="2">
        <v>16.7</v>
      </c>
      <c r="AA17057" s="5"/>
      <c r="AB17057" s="5" t="s">
        <v>43</v>
      </c>
      <c r="AC17057" s="5" t="s">
        <v>44</v>
      </c>
      <c r="AD17057" s="2"/>
      <c r="AE17057" s="1"/>
    </row>
    <row r="17058" spans="1:31" ht="14.45">
      <c r="A17058" s="11"/>
      <c r="B17058" s="20"/>
      <c r="C17058" s="2" t="s">
        <v>52132</v>
      </c>
      <c r="D17058" s="14" t="s">
        <v>52133</v>
      </c>
      <c r="E17058" s="2" t="s">
        <v>52134</v>
      </c>
      <c r="F17058" s="2" t="s">
        <v>45534</v>
      </c>
      <c r="G17058" s="8">
        <v>314</v>
      </c>
      <c r="H17058" s="5">
        <v>6</v>
      </c>
      <c r="I17058" s="5" t="s">
        <v>1518</v>
      </c>
      <c r="J17058" s="5" t="s">
        <v>36264</v>
      </c>
      <c r="K17058" s="2" t="s">
        <v>36265</v>
      </c>
      <c r="L17058" s="5" t="s">
        <v>36264</v>
      </c>
      <c r="M17058" s="2" t="s">
        <v>36265</v>
      </c>
      <c r="N17058" s="5" t="s">
        <v>36266</v>
      </c>
      <c r="O17058" s="5" t="s">
        <v>38</v>
      </c>
      <c r="P17058" s="5" t="s">
        <v>39</v>
      </c>
      <c r="Q17058" s="5" t="s">
        <v>40</v>
      </c>
      <c r="R17058" s="5" t="s">
        <v>1522</v>
      </c>
      <c r="S17058" s="5" t="s">
        <v>1523</v>
      </c>
      <c r="T17058" s="5" t="s">
        <v>42</v>
      </c>
      <c r="U17058" s="2">
        <v>2.8690000000000002</v>
      </c>
      <c r="V17058" s="2">
        <v>2.3340000000000001</v>
      </c>
      <c r="W17058" s="2">
        <v>1.4999999999999999E-2</v>
      </c>
      <c r="X17058" s="2">
        <v>118.9</v>
      </c>
      <c r="Y17058" s="2">
        <v>7.6</v>
      </c>
      <c r="Z17058" s="2">
        <v>16.7</v>
      </c>
      <c r="AA17058" s="5"/>
      <c r="AB17058" s="5" t="s">
        <v>43</v>
      </c>
      <c r="AC17058" s="5" t="s">
        <v>44</v>
      </c>
      <c r="AD17058" s="2"/>
      <c r="AE17058" s="1"/>
    </row>
    <row r="17059" spans="1:31" ht="14.45">
      <c r="A17059" s="11"/>
      <c r="B17059" s="20"/>
      <c r="C17059" s="2" t="s">
        <v>52135</v>
      </c>
      <c r="D17059" s="14" t="s">
        <v>52136</v>
      </c>
      <c r="E17059" s="2" t="s">
        <v>52137</v>
      </c>
      <c r="F17059" s="2" t="s">
        <v>36369</v>
      </c>
      <c r="G17059" s="8">
        <v>314</v>
      </c>
      <c r="H17059" s="5">
        <v>6</v>
      </c>
      <c r="I17059" s="5" t="s">
        <v>1518</v>
      </c>
      <c r="J17059" s="5" t="s">
        <v>36264</v>
      </c>
      <c r="K17059" s="2" t="s">
        <v>36265</v>
      </c>
      <c r="L17059" s="5" t="s">
        <v>36264</v>
      </c>
      <c r="M17059" s="2" t="s">
        <v>36265</v>
      </c>
      <c r="N17059" s="5" t="s">
        <v>36266</v>
      </c>
      <c r="O17059" s="5" t="s">
        <v>38</v>
      </c>
      <c r="P17059" s="5" t="s">
        <v>39</v>
      </c>
      <c r="Q17059" s="5" t="s">
        <v>40</v>
      </c>
      <c r="R17059" s="5" t="s">
        <v>1522</v>
      </c>
      <c r="S17059" s="5" t="s">
        <v>1523</v>
      </c>
      <c r="T17059" s="5" t="s">
        <v>42</v>
      </c>
      <c r="U17059" s="2">
        <v>2.794</v>
      </c>
      <c r="V17059" s="2">
        <v>2.2589999999999999</v>
      </c>
      <c r="W17059" s="2">
        <v>1.4999999999999999E-2</v>
      </c>
      <c r="X17059" s="2">
        <v>118.9</v>
      </c>
      <c r="Y17059" s="2">
        <v>7.6</v>
      </c>
      <c r="Z17059" s="2">
        <v>16.7</v>
      </c>
      <c r="AA17059" s="5"/>
      <c r="AB17059" s="5" t="s">
        <v>43</v>
      </c>
      <c r="AC17059" s="5" t="s">
        <v>44</v>
      </c>
      <c r="AD17059" s="2"/>
      <c r="AE17059" s="1"/>
    </row>
    <row r="17060" spans="1:31" ht="14.45">
      <c r="A17060" s="11"/>
      <c r="B17060" s="20"/>
      <c r="C17060" s="2" t="s">
        <v>52138</v>
      </c>
      <c r="D17060" s="14" t="s">
        <v>52139</v>
      </c>
      <c r="E17060" s="2" t="s">
        <v>52140</v>
      </c>
      <c r="F17060" s="2" t="s">
        <v>36373</v>
      </c>
      <c r="G17060" s="8">
        <v>314</v>
      </c>
      <c r="H17060" s="5">
        <v>6</v>
      </c>
      <c r="I17060" s="5" t="s">
        <v>1518</v>
      </c>
      <c r="J17060" s="5" t="s">
        <v>36264</v>
      </c>
      <c r="K17060" s="2" t="s">
        <v>36265</v>
      </c>
      <c r="L17060" s="5" t="s">
        <v>36264</v>
      </c>
      <c r="M17060" s="2" t="s">
        <v>36265</v>
      </c>
      <c r="N17060" s="5" t="s">
        <v>36266</v>
      </c>
      <c r="O17060" s="5" t="s">
        <v>38</v>
      </c>
      <c r="P17060" s="5" t="s">
        <v>39</v>
      </c>
      <c r="Q17060" s="5" t="s">
        <v>40</v>
      </c>
      <c r="R17060" s="5" t="s">
        <v>1522</v>
      </c>
      <c r="S17060" s="5" t="s">
        <v>1523</v>
      </c>
      <c r="T17060" s="5" t="s">
        <v>42</v>
      </c>
      <c r="U17060" s="2">
        <v>2.8690000000000002</v>
      </c>
      <c r="V17060" s="2">
        <v>2.3340000000000001</v>
      </c>
      <c r="W17060" s="2">
        <v>1.4999999999999999E-2</v>
      </c>
      <c r="X17060" s="2">
        <v>118.9</v>
      </c>
      <c r="Y17060" s="2">
        <v>7.6</v>
      </c>
      <c r="Z17060" s="2">
        <v>16.7</v>
      </c>
      <c r="AA17060" s="5"/>
      <c r="AB17060" s="5" t="s">
        <v>43</v>
      </c>
      <c r="AC17060" s="5" t="s">
        <v>44</v>
      </c>
      <c r="AD17060" s="2"/>
      <c r="AE17060" s="1"/>
    </row>
    <row r="17061" spans="1:31" ht="14.45">
      <c r="A17061" s="11"/>
      <c r="B17061" s="20"/>
      <c r="C17061" s="2" t="s">
        <v>52141</v>
      </c>
      <c r="D17061" s="14" t="s">
        <v>52142</v>
      </c>
      <c r="E17061" s="2" t="s">
        <v>52143</v>
      </c>
      <c r="F17061" s="2" t="s">
        <v>36377</v>
      </c>
      <c r="G17061" s="8">
        <v>314</v>
      </c>
      <c r="H17061" s="5">
        <v>6</v>
      </c>
      <c r="I17061" s="5" t="s">
        <v>1518</v>
      </c>
      <c r="J17061" s="5" t="s">
        <v>36264</v>
      </c>
      <c r="K17061" s="2" t="s">
        <v>36265</v>
      </c>
      <c r="L17061" s="5" t="s">
        <v>36264</v>
      </c>
      <c r="M17061" s="2" t="s">
        <v>36265</v>
      </c>
      <c r="N17061" s="5" t="s">
        <v>36266</v>
      </c>
      <c r="O17061" s="5" t="s">
        <v>38</v>
      </c>
      <c r="P17061" s="5" t="s">
        <v>39</v>
      </c>
      <c r="Q17061" s="5" t="s">
        <v>40</v>
      </c>
      <c r="R17061" s="5" t="s">
        <v>1522</v>
      </c>
      <c r="S17061" s="5" t="s">
        <v>1523</v>
      </c>
      <c r="T17061" s="5" t="s">
        <v>42</v>
      </c>
      <c r="U17061" s="2">
        <v>2.794</v>
      </c>
      <c r="V17061" s="2">
        <v>2.2589999999999999</v>
      </c>
      <c r="W17061" s="2">
        <v>1.4999999999999999E-2</v>
      </c>
      <c r="X17061" s="2">
        <v>118.9</v>
      </c>
      <c r="Y17061" s="2">
        <v>7.6</v>
      </c>
      <c r="Z17061" s="2">
        <v>16.7</v>
      </c>
      <c r="AA17061" s="5"/>
      <c r="AB17061" s="5" t="s">
        <v>43</v>
      </c>
      <c r="AC17061" s="5" t="s">
        <v>44</v>
      </c>
      <c r="AD17061" s="2"/>
      <c r="AE17061" s="1"/>
    </row>
    <row r="17062" spans="1:31" ht="14.45">
      <c r="A17062" s="11"/>
      <c r="B17062" s="20"/>
      <c r="C17062" s="2" t="s">
        <v>52144</v>
      </c>
      <c r="D17062" s="14" t="s">
        <v>52145</v>
      </c>
      <c r="E17062" s="2" t="s">
        <v>52146</v>
      </c>
      <c r="F17062" s="2" t="s">
        <v>36381</v>
      </c>
      <c r="G17062" s="8">
        <v>314</v>
      </c>
      <c r="H17062" s="5">
        <v>6</v>
      </c>
      <c r="I17062" s="5" t="s">
        <v>1518</v>
      </c>
      <c r="J17062" s="5" t="s">
        <v>36264</v>
      </c>
      <c r="K17062" s="2" t="s">
        <v>36265</v>
      </c>
      <c r="L17062" s="5" t="s">
        <v>36264</v>
      </c>
      <c r="M17062" s="2" t="s">
        <v>36265</v>
      </c>
      <c r="N17062" s="5" t="s">
        <v>36266</v>
      </c>
      <c r="O17062" s="5" t="s">
        <v>38</v>
      </c>
      <c r="P17062" s="5" t="s">
        <v>39</v>
      </c>
      <c r="Q17062" s="5" t="s">
        <v>40</v>
      </c>
      <c r="R17062" s="5" t="s">
        <v>1522</v>
      </c>
      <c r="S17062" s="5" t="s">
        <v>1523</v>
      </c>
      <c r="T17062" s="5" t="s">
        <v>42</v>
      </c>
      <c r="U17062" s="2">
        <v>2.8690000000000002</v>
      </c>
      <c r="V17062" s="2">
        <v>2.3340000000000001</v>
      </c>
      <c r="W17062" s="2">
        <v>1.4999999999999999E-2</v>
      </c>
      <c r="X17062" s="2">
        <v>118.9</v>
      </c>
      <c r="Y17062" s="2">
        <v>7.6</v>
      </c>
      <c r="Z17062" s="2">
        <v>16.7</v>
      </c>
      <c r="AA17062" s="5"/>
      <c r="AB17062" s="5" t="s">
        <v>43</v>
      </c>
      <c r="AC17062" s="5" t="s">
        <v>44</v>
      </c>
      <c r="AD17062" s="2"/>
      <c r="AE17062" s="1"/>
    </row>
    <row r="17063" spans="1:31" ht="14.45">
      <c r="A17063" s="11"/>
      <c r="B17063" s="20"/>
      <c r="C17063" s="2" t="s">
        <v>52147</v>
      </c>
      <c r="D17063" s="14" t="s">
        <v>52148</v>
      </c>
      <c r="E17063" s="2" t="s">
        <v>52149</v>
      </c>
      <c r="F17063" s="2" t="s">
        <v>36389</v>
      </c>
      <c r="G17063" s="8">
        <v>314</v>
      </c>
      <c r="H17063" s="5">
        <v>6</v>
      </c>
      <c r="I17063" s="5" t="s">
        <v>1518</v>
      </c>
      <c r="J17063" s="5" t="s">
        <v>36264</v>
      </c>
      <c r="K17063" s="2" t="s">
        <v>36265</v>
      </c>
      <c r="L17063" s="5" t="s">
        <v>36264</v>
      </c>
      <c r="M17063" s="2" t="s">
        <v>36265</v>
      </c>
      <c r="N17063" s="5" t="s">
        <v>36266</v>
      </c>
      <c r="O17063" s="5" t="s">
        <v>38</v>
      </c>
      <c r="P17063" s="5" t="s">
        <v>39</v>
      </c>
      <c r="Q17063" s="5" t="s">
        <v>40</v>
      </c>
      <c r="R17063" s="5" t="s">
        <v>1522</v>
      </c>
      <c r="S17063" s="5" t="s">
        <v>1523</v>
      </c>
      <c r="T17063" s="5" t="s">
        <v>42</v>
      </c>
      <c r="U17063" s="2">
        <v>2.8690000000000002</v>
      </c>
      <c r="V17063" s="2">
        <v>2.3340000000000001</v>
      </c>
      <c r="W17063" s="2">
        <v>1.4999999999999999E-2</v>
      </c>
      <c r="X17063" s="2">
        <v>118.9</v>
      </c>
      <c r="Y17063" s="2">
        <v>7.6</v>
      </c>
      <c r="Z17063" s="2">
        <v>16.7</v>
      </c>
      <c r="AA17063" s="5"/>
      <c r="AB17063" s="5" t="s">
        <v>43</v>
      </c>
      <c r="AC17063" s="5" t="s">
        <v>44</v>
      </c>
      <c r="AD17063" s="2"/>
      <c r="AE17063" s="1"/>
    </row>
    <row r="17064" spans="1:31" ht="14.45">
      <c r="A17064" s="11"/>
      <c r="B17064" s="20"/>
      <c r="C17064" s="2" t="s">
        <v>52150</v>
      </c>
      <c r="D17064" s="14" t="s">
        <v>52151</v>
      </c>
      <c r="E17064" s="2" t="s">
        <v>52152</v>
      </c>
      <c r="F17064" s="2" t="s">
        <v>7204</v>
      </c>
      <c r="G17064" s="8">
        <v>291</v>
      </c>
      <c r="H17064" s="5">
        <v>6</v>
      </c>
      <c r="I17064" s="5" t="s">
        <v>1518</v>
      </c>
      <c r="J17064" s="5" t="s">
        <v>36264</v>
      </c>
      <c r="K17064" s="2" t="s">
        <v>36265</v>
      </c>
      <c r="L17064" s="5" t="s">
        <v>36264</v>
      </c>
      <c r="M17064" s="2" t="s">
        <v>36265</v>
      </c>
      <c r="N17064" s="5" t="s">
        <v>36266</v>
      </c>
      <c r="O17064" s="5" t="s">
        <v>38</v>
      </c>
      <c r="P17064" s="5" t="s">
        <v>39</v>
      </c>
      <c r="Q17064" s="5" t="s">
        <v>40</v>
      </c>
      <c r="R17064" s="5" t="s">
        <v>1522</v>
      </c>
      <c r="S17064" s="5" t="s">
        <v>1523</v>
      </c>
      <c r="T17064" s="5" t="s">
        <v>42</v>
      </c>
      <c r="U17064" s="2">
        <v>2.9590000000000001</v>
      </c>
      <c r="V17064" s="2">
        <v>2.4319999999999999</v>
      </c>
      <c r="W17064" s="2">
        <v>1.4999999999999999E-2</v>
      </c>
      <c r="X17064" s="2">
        <v>118.9</v>
      </c>
      <c r="Y17064" s="2">
        <v>7.6</v>
      </c>
      <c r="Z17064" s="2">
        <v>16.7</v>
      </c>
      <c r="AA17064" s="5"/>
      <c r="AB17064" s="5" t="s">
        <v>43</v>
      </c>
      <c r="AC17064" s="5" t="s">
        <v>44</v>
      </c>
      <c r="AD17064" s="2"/>
      <c r="AE17064" s="1"/>
    </row>
    <row r="17065" spans="1:31" ht="14.45">
      <c r="A17065" s="11"/>
      <c r="B17065" s="20"/>
      <c r="C17065" s="2" t="s">
        <v>52153</v>
      </c>
      <c r="D17065" s="14" t="s">
        <v>52154</v>
      </c>
      <c r="E17065" s="2" t="s">
        <v>52155</v>
      </c>
      <c r="F17065" s="2" t="s">
        <v>7514</v>
      </c>
      <c r="G17065" s="8">
        <v>291</v>
      </c>
      <c r="H17065" s="5">
        <v>6</v>
      </c>
      <c r="I17065" s="5" t="s">
        <v>1518</v>
      </c>
      <c r="J17065" s="5" t="s">
        <v>36264</v>
      </c>
      <c r="K17065" s="2" t="s">
        <v>36265</v>
      </c>
      <c r="L17065" s="5" t="s">
        <v>36264</v>
      </c>
      <c r="M17065" s="2" t="s">
        <v>36265</v>
      </c>
      <c r="N17065" s="5" t="s">
        <v>36266</v>
      </c>
      <c r="O17065" s="5" t="s">
        <v>38</v>
      </c>
      <c r="P17065" s="5" t="s">
        <v>39</v>
      </c>
      <c r="Q17065" s="5" t="s">
        <v>40</v>
      </c>
      <c r="R17065" s="5" t="s">
        <v>1522</v>
      </c>
      <c r="S17065" s="5" t="s">
        <v>1523</v>
      </c>
      <c r="T17065" s="5" t="s">
        <v>42</v>
      </c>
      <c r="U17065" s="2">
        <v>3.0449999999999999</v>
      </c>
      <c r="V17065" s="2">
        <v>2.5179999999999998</v>
      </c>
      <c r="W17065" s="2">
        <v>1.4999999999999999E-2</v>
      </c>
      <c r="X17065" s="2">
        <v>118.9</v>
      </c>
      <c r="Y17065" s="2">
        <v>7.6</v>
      </c>
      <c r="Z17065" s="2">
        <v>16.7</v>
      </c>
      <c r="AA17065" s="5"/>
      <c r="AB17065" s="5" t="s">
        <v>43</v>
      </c>
      <c r="AC17065" s="5" t="s">
        <v>44</v>
      </c>
      <c r="AD17065" s="2"/>
      <c r="AE17065" s="1"/>
    </row>
    <row r="17066" spans="1:31" ht="14.45">
      <c r="A17066" s="11"/>
      <c r="B17066" s="20"/>
      <c r="C17066" s="2" t="s">
        <v>52156</v>
      </c>
      <c r="D17066" s="14" t="s">
        <v>52157</v>
      </c>
      <c r="E17066" s="2" t="s">
        <v>52158</v>
      </c>
      <c r="F17066" s="2" t="s">
        <v>36273</v>
      </c>
      <c r="G17066" s="8">
        <v>291</v>
      </c>
      <c r="H17066" s="5">
        <v>6</v>
      </c>
      <c r="I17066" s="5" t="s">
        <v>1518</v>
      </c>
      <c r="J17066" s="5" t="s">
        <v>36264</v>
      </c>
      <c r="K17066" s="2" t="s">
        <v>36265</v>
      </c>
      <c r="L17066" s="5" t="s">
        <v>36264</v>
      </c>
      <c r="M17066" s="2" t="s">
        <v>36265</v>
      </c>
      <c r="N17066" s="5" t="s">
        <v>36266</v>
      </c>
      <c r="O17066" s="5" t="s">
        <v>38</v>
      </c>
      <c r="P17066" s="5" t="s">
        <v>39</v>
      </c>
      <c r="Q17066" s="5" t="s">
        <v>40</v>
      </c>
      <c r="R17066" s="5" t="s">
        <v>1522</v>
      </c>
      <c r="S17066" s="5" t="s">
        <v>1523</v>
      </c>
      <c r="T17066" s="5" t="s">
        <v>42</v>
      </c>
      <c r="U17066" s="2">
        <v>2.9590000000000001</v>
      </c>
      <c r="V17066" s="2">
        <v>2.4319999999999999</v>
      </c>
      <c r="W17066" s="2">
        <v>1.4999999999999999E-2</v>
      </c>
      <c r="X17066" s="2">
        <v>118.9</v>
      </c>
      <c r="Y17066" s="2">
        <v>7.6</v>
      </c>
      <c r="Z17066" s="2">
        <v>16.7</v>
      </c>
      <c r="AA17066" s="5"/>
      <c r="AB17066" s="5" t="s">
        <v>43</v>
      </c>
      <c r="AC17066" s="5" t="s">
        <v>44</v>
      </c>
      <c r="AD17066" s="2"/>
      <c r="AE17066" s="1"/>
    </row>
    <row r="17067" spans="1:31" ht="14.45">
      <c r="A17067" s="11"/>
      <c r="B17067" s="20"/>
      <c r="C17067" s="2" t="s">
        <v>52159</v>
      </c>
      <c r="D17067" s="14" t="s">
        <v>52160</v>
      </c>
      <c r="E17067" s="2" t="s">
        <v>52161</v>
      </c>
      <c r="F17067" s="2" t="s">
        <v>36277</v>
      </c>
      <c r="G17067" s="8">
        <v>291</v>
      </c>
      <c r="H17067" s="5">
        <v>6</v>
      </c>
      <c r="I17067" s="5" t="s">
        <v>1518</v>
      </c>
      <c r="J17067" s="5" t="s">
        <v>36264</v>
      </c>
      <c r="K17067" s="2" t="s">
        <v>36265</v>
      </c>
      <c r="L17067" s="5" t="s">
        <v>36264</v>
      </c>
      <c r="M17067" s="2" t="s">
        <v>36265</v>
      </c>
      <c r="N17067" s="5" t="s">
        <v>36266</v>
      </c>
      <c r="O17067" s="5" t="s">
        <v>38</v>
      </c>
      <c r="P17067" s="5" t="s">
        <v>39</v>
      </c>
      <c r="Q17067" s="5" t="s">
        <v>40</v>
      </c>
      <c r="R17067" s="5" t="s">
        <v>1522</v>
      </c>
      <c r="S17067" s="5" t="s">
        <v>1523</v>
      </c>
      <c r="T17067" s="5" t="s">
        <v>42</v>
      </c>
      <c r="U17067" s="2">
        <v>3.0449999999999999</v>
      </c>
      <c r="V17067" s="2">
        <v>2.5179999999999998</v>
      </c>
      <c r="W17067" s="2">
        <v>1.4999999999999999E-2</v>
      </c>
      <c r="X17067" s="2">
        <v>118.9</v>
      </c>
      <c r="Y17067" s="2">
        <v>7.6</v>
      </c>
      <c r="Z17067" s="2">
        <v>16.7</v>
      </c>
      <c r="AA17067" s="5"/>
      <c r="AB17067" s="5" t="s">
        <v>43</v>
      </c>
      <c r="AC17067" s="5" t="s">
        <v>44</v>
      </c>
      <c r="AD17067" s="2"/>
      <c r="AE17067" s="1"/>
    </row>
    <row r="17068" spans="1:31" ht="14.45">
      <c r="A17068" s="11"/>
      <c r="B17068" s="20"/>
      <c r="C17068" s="2" t="s">
        <v>52162</v>
      </c>
      <c r="D17068" s="14" t="s">
        <v>52163</v>
      </c>
      <c r="E17068" s="2" t="s">
        <v>52164</v>
      </c>
      <c r="F17068" s="2" t="s">
        <v>36289</v>
      </c>
      <c r="G17068" s="8">
        <v>314</v>
      </c>
      <c r="H17068" s="5">
        <v>6</v>
      </c>
      <c r="I17068" s="5" t="s">
        <v>1518</v>
      </c>
      <c r="J17068" s="5" t="s">
        <v>36264</v>
      </c>
      <c r="K17068" s="2" t="s">
        <v>36265</v>
      </c>
      <c r="L17068" s="5" t="s">
        <v>36264</v>
      </c>
      <c r="M17068" s="2" t="s">
        <v>36265</v>
      </c>
      <c r="N17068" s="5" t="s">
        <v>36266</v>
      </c>
      <c r="O17068" s="5" t="s">
        <v>38</v>
      </c>
      <c r="P17068" s="5" t="s">
        <v>39</v>
      </c>
      <c r="Q17068" s="5" t="s">
        <v>40</v>
      </c>
      <c r="R17068" s="5" t="s">
        <v>1522</v>
      </c>
      <c r="S17068" s="5" t="s">
        <v>1523</v>
      </c>
      <c r="T17068" s="5" t="s">
        <v>42</v>
      </c>
      <c r="U17068" s="2">
        <v>2.9590000000000001</v>
      </c>
      <c r="V17068" s="2">
        <v>2.4319999999999999</v>
      </c>
      <c r="W17068" s="2">
        <v>1.4999999999999999E-2</v>
      </c>
      <c r="X17068" s="2">
        <v>118.9</v>
      </c>
      <c r="Y17068" s="2">
        <v>7.6</v>
      </c>
      <c r="Z17068" s="2">
        <v>16.7</v>
      </c>
      <c r="AA17068" s="5"/>
      <c r="AB17068" s="5" t="s">
        <v>43</v>
      </c>
      <c r="AC17068" s="5" t="s">
        <v>44</v>
      </c>
      <c r="AD17068" s="2"/>
      <c r="AE17068" s="1"/>
    </row>
    <row r="17069" spans="1:31" ht="14.45">
      <c r="A17069" s="11"/>
      <c r="B17069" s="20"/>
      <c r="C17069" s="2" t="s">
        <v>52165</v>
      </c>
      <c r="D17069" s="14" t="s">
        <v>52166</v>
      </c>
      <c r="E17069" s="2" t="s">
        <v>52167</v>
      </c>
      <c r="F17069" s="2" t="s">
        <v>36297</v>
      </c>
      <c r="G17069" s="8">
        <v>291</v>
      </c>
      <c r="H17069" s="5">
        <v>6</v>
      </c>
      <c r="I17069" s="5" t="s">
        <v>1518</v>
      </c>
      <c r="J17069" s="5" t="s">
        <v>36264</v>
      </c>
      <c r="K17069" s="2" t="s">
        <v>36265</v>
      </c>
      <c r="L17069" s="5" t="s">
        <v>36264</v>
      </c>
      <c r="M17069" s="2" t="s">
        <v>36265</v>
      </c>
      <c r="N17069" s="5" t="s">
        <v>36266</v>
      </c>
      <c r="O17069" s="5" t="s">
        <v>38</v>
      </c>
      <c r="P17069" s="5" t="s">
        <v>39</v>
      </c>
      <c r="Q17069" s="5" t="s">
        <v>40</v>
      </c>
      <c r="R17069" s="5" t="s">
        <v>1522</v>
      </c>
      <c r="S17069" s="5" t="s">
        <v>1523</v>
      </c>
      <c r="T17069" s="5" t="s">
        <v>42</v>
      </c>
      <c r="U17069" s="2">
        <v>2.9590000000000001</v>
      </c>
      <c r="V17069" s="2">
        <v>2.4319999999999999</v>
      </c>
      <c r="W17069" s="2">
        <v>1.4999999999999999E-2</v>
      </c>
      <c r="X17069" s="2">
        <v>118.9</v>
      </c>
      <c r="Y17069" s="2">
        <v>7.6</v>
      </c>
      <c r="Z17069" s="2">
        <v>16.7</v>
      </c>
      <c r="AA17069" s="5"/>
      <c r="AB17069" s="5" t="s">
        <v>43</v>
      </c>
      <c r="AC17069" s="5" t="s">
        <v>44</v>
      </c>
      <c r="AD17069" s="2"/>
      <c r="AE17069" s="1"/>
    </row>
    <row r="17070" spans="1:31" ht="14.45">
      <c r="A17070" s="11"/>
      <c r="B17070" s="20"/>
      <c r="C17070" s="2" t="s">
        <v>52168</v>
      </c>
      <c r="D17070" s="14" t="s">
        <v>52169</v>
      </c>
      <c r="E17070" s="2" t="s">
        <v>52170</v>
      </c>
      <c r="F17070" s="2" t="s">
        <v>36301</v>
      </c>
      <c r="G17070" s="8">
        <v>291</v>
      </c>
      <c r="H17070" s="5">
        <v>6</v>
      </c>
      <c r="I17070" s="5" t="s">
        <v>1518</v>
      </c>
      <c r="J17070" s="5" t="s">
        <v>36264</v>
      </c>
      <c r="K17070" s="2" t="s">
        <v>36265</v>
      </c>
      <c r="L17070" s="5" t="s">
        <v>36264</v>
      </c>
      <c r="M17070" s="2" t="s">
        <v>36265</v>
      </c>
      <c r="N17070" s="5" t="s">
        <v>36266</v>
      </c>
      <c r="O17070" s="5" t="s">
        <v>38</v>
      </c>
      <c r="P17070" s="5" t="s">
        <v>39</v>
      </c>
      <c r="Q17070" s="5" t="s">
        <v>40</v>
      </c>
      <c r="R17070" s="5" t="s">
        <v>1522</v>
      </c>
      <c r="S17070" s="5" t="s">
        <v>1523</v>
      </c>
      <c r="T17070" s="5" t="s">
        <v>42</v>
      </c>
      <c r="U17070" s="2">
        <v>3.0449999999999999</v>
      </c>
      <c r="V17070" s="2">
        <v>2.5179999999999998</v>
      </c>
      <c r="W17070" s="2">
        <v>1.4999999999999999E-2</v>
      </c>
      <c r="X17070" s="2">
        <v>118.9</v>
      </c>
      <c r="Y17070" s="2">
        <v>7.6</v>
      </c>
      <c r="Z17070" s="2">
        <v>16.7</v>
      </c>
      <c r="AA17070" s="5"/>
      <c r="AB17070" s="5" t="s">
        <v>43</v>
      </c>
      <c r="AC17070" s="5" t="s">
        <v>44</v>
      </c>
      <c r="AD17070" s="2"/>
      <c r="AE17070" s="1"/>
    </row>
    <row r="17071" spans="1:31" ht="14.45">
      <c r="A17071" s="11"/>
      <c r="B17071" s="20"/>
      <c r="C17071" s="2" t="s">
        <v>52171</v>
      </c>
      <c r="D17071" s="14" t="s">
        <v>52172</v>
      </c>
      <c r="E17071" s="2" t="s">
        <v>52173</v>
      </c>
      <c r="F17071" s="2" t="s">
        <v>36305</v>
      </c>
      <c r="G17071" s="8">
        <v>291</v>
      </c>
      <c r="H17071" s="5">
        <v>6</v>
      </c>
      <c r="I17071" s="5" t="s">
        <v>1518</v>
      </c>
      <c r="J17071" s="5" t="s">
        <v>36264</v>
      </c>
      <c r="K17071" s="2" t="s">
        <v>36265</v>
      </c>
      <c r="L17071" s="5" t="s">
        <v>36264</v>
      </c>
      <c r="M17071" s="2" t="s">
        <v>36265</v>
      </c>
      <c r="N17071" s="5" t="s">
        <v>36266</v>
      </c>
      <c r="O17071" s="5" t="s">
        <v>38</v>
      </c>
      <c r="P17071" s="5" t="s">
        <v>39</v>
      </c>
      <c r="Q17071" s="5" t="s">
        <v>40</v>
      </c>
      <c r="R17071" s="5" t="s">
        <v>1522</v>
      </c>
      <c r="S17071" s="5" t="s">
        <v>1523</v>
      </c>
      <c r="T17071" s="5" t="s">
        <v>42</v>
      </c>
      <c r="U17071" s="2">
        <v>2.9590000000000001</v>
      </c>
      <c r="V17071" s="2">
        <v>2.4319999999999999</v>
      </c>
      <c r="W17071" s="2">
        <v>1.4999999999999999E-2</v>
      </c>
      <c r="X17071" s="2">
        <v>118.9</v>
      </c>
      <c r="Y17071" s="2">
        <v>7.6</v>
      </c>
      <c r="Z17071" s="2">
        <v>16.7</v>
      </c>
      <c r="AA17071" s="5"/>
      <c r="AB17071" s="5" t="s">
        <v>43</v>
      </c>
      <c r="AC17071" s="5" t="s">
        <v>44</v>
      </c>
      <c r="AD17071" s="2"/>
      <c r="AE17071" s="1"/>
    </row>
    <row r="17072" spans="1:31" ht="14.45">
      <c r="A17072" s="11"/>
      <c r="B17072" s="20"/>
      <c r="C17072" s="2" t="s">
        <v>52174</v>
      </c>
      <c r="D17072" s="14" t="s">
        <v>52175</v>
      </c>
      <c r="E17072" s="2" t="s">
        <v>52176</v>
      </c>
      <c r="F17072" s="2" t="s">
        <v>36309</v>
      </c>
      <c r="G17072" s="8">
        <v>291</v>
      </c>
      <c r="H17072" s="5">
        <v>6</v>
      </c>
      <c r="I17072" s="5" t="s">
        <v>1518</v>
      </c>
      <c r="J17072" s="5" t="s">
        <v>36264</v>
      </c>
      <c r="K17072" s="2" t="s">
        <v>36265</v>
      </c>
      <c r="L17072" s="5" t="s">
        <v>36264</v>
      </c>
      <c r="M17072" s="2" t="s">
        <v>36265</v>
      </c>
      <c r="N17072" s="5" t="s">
        <v>36266</v>
      </c>
      <c r="O17072" s="5" t="s">
        <v>38</v>
      </c>
      <c r="P17072" s="5" t="s">
        <v>39</v>
      </c>
      <c r="Q17072" s="5" t="s">
        <v>40</v>
      </c>
      <c r="R17072" s="5" t="s">
        <v>1522</v>
      </c>
      <c r="S17072" s="5" t="s">
        <v>1523</v>
      </c>
      <c r="T17072" s="5" t="s">
        <v>42</v>
      </c>
      <c r="U17072" s="2">
        <v>3.0449999999999999</v>
      </c>
      <c r="V17072" s="2">
        <v>2.5179999999999998</v>
      </c>
      <c r="W17072" s="2">
        <v>1.4999999999999999E-2</v>
      </c>
      <c r="X17072" s="2">
        <v>118.9</v>
      </c>
      <c r="Y17072" s="2">
        <v>7.6</v>
      </c>
      <c r="Z17072" s="2">
        <v>16.7</v>
      </c>
      <c r="AA17072" s="5"/>
      <c r="AB17072" s="5" t="s">
        <v>43</v>
      </c>
      <c r="AC17072" s="5" t="s">
        <v>44</v>
      </c>
      <c r="AD17072" s="2"/>
      <c r="AE17072" s="1"/>
    </row>
    <row r="17073" spans="1:31" ht="14.45">
      <c r="A17073" s="11"/>
      <c r="B17073" s="20"/>
      <c r="C17073" s="2" t="s">
        <v>52177</v>
      </c>
      <c r="D17073" s="14" t="s">
        <v>52178</v>
      </c>
      <c r="E17073" s="2" t="s">
        <v>52179</v>
      </c>
      <c r="F17073" s="2" t="s">
        <v>36321</v>
      </c>
      <c r="G17073" s="8">
        <v>314</v>
      </c>
      <c r="H17073" s="5">
        <v>6</v>
      </c>
      <c r="I17073" s="5" t="s">
        <v>1518</v>
      </c>
      <c r="J17073" s="5" t="s">
        <v>36264</v>
      </c>
      <c r="K17073" s="2" t="s">
        <v>36265</v>
      </c>
      <c r="L17073" s="5" t="s">
        <v>36264</v>
      </c>
      <c r="M17073" s="2" t="s">
        <v>36265</v>
      </c>
      <c r="N17073" s="5" t="s">
        <v>36266</v>
      </c>
      <c r="O17073" s="5" t="s">
        <v>38</v>
      </c>
      <c r="P17073" s="5" t="s">
        <v>39</v>
      </c>
      <c r="Q17073" s="5" t="s">
        <v>40</v>
      </c>
      <c r="R17073" s="5" t="s">
        <v>1522</v>
      </c>
      <c r="S17073" s="5" t="s">
        <v>1523</v>
      </c>
      <c r="T17073" s="5" t="s">
        <v>42</v>
      </c>
      <c r="U17073" s="2">
        <v>2.9590000000000001</v>
      </c>
      <c r="V17073" s="2">
        <v>2.4319999999999999</v>
      </c>
      <c r="W17073" s="2">
        <v>1.4999999999999999E-2</v>
      </c>
      <c r="X17073" s="2">
        <v>118.9</v>
      </c>
      <c r="Y17073" s="2">
        <v>7.6</v>
      </c>
      <c r="Z17073" s="2">
        <v>16.7</v>
      </c>
      <c r="AA17073" s="5"/>
      <c r="AB17073" s="5" t="s">
        <v>43</v>
      </c>
      <c r="AC17073" s="5" t="s">
        <v>44</v>
      </c>
      <c r="AD17073" s="2"/>
      <c r="AE17073" s="1"/>
    </row>
    <row r="17074" spans="1:31" ht="14.45">
      <c r="A17074" s="11"/>
      <c r="B17074" s="20"/>
      <c r="C17074" s="2" t="s">
        <v>52180</v>
      </c>
      <c r="D17074" s="14" t="s">
        <v>52181</v>
      </c>
      <c r="E17074" s="2" t="s">
        <v>52182</v>
      </c>
      <c r="F17074" s="2" t="s">
        <v>36333</v>
      </c>
      <c r="G17074" s="8">
        <v>314</v>
      </c>
      <c r="H17074" s="5">
        <v>6</v>
      </c>
      <c r="I17074" s="5" t="s">
        <v>1518</v>
      </c>
      <c r="J17074" s="5" t="s">
        <v>36264</v>
      </c>
      <c r="K17074" s="2" t="s">
        <v>36265</v>
      </c>
      <c r="L17074" s="5" t="s">
        <v>36264</v>
      </c>
      <c r="M17074" s="2" t="s">
        <v>36265</v>
      </c>
      <c r="N17074" s="5" t="s">
        <v>36266</v>
      </c>
      <c r="O17074" s="5" t="s">
        <v>38</v>
      </c>
      <c r="P17074" s="5" t="s">
        <v>39</v>
      </c>
      <c r="Q17074" s="5" t="s">
        <v>40</v>
      </c>
      <c r="R17074" s="5" t="s">
        <v>1522</v>
      </c>
      <c r="S17074" s="5" t="s">
        <v>1523</v>
      </c>
      <c r="T17074" s="5" t="s">
        <v>42</v>
      </c>
      <c r="U17074" s="2">
        <v>3.0449999999999999</v>
      </c>
      <c r="V17074" s="2">
        <v>2.5179999999999998</v>
      </c>
      <c r="W17074" s="2">
        <v>1.4999999999999999E-2</v>
      </c>
      <c r="X17074" s="2">
        <v>118.9</v>
      </c>
      <c r="Y17074" s="2">
        <v>7.6</v>
      </c>
      <c r="Z17074" s="2">
        <v>16.7</v>
      </c>
      <c r="AA17074" s="5"/>
      <c r="AB17074" s="5" t="s">
        <v>43</v>
      </c>
      <c r="AC17074" s="5" t="s">
        <v>44</v>
      </c>
      <c r="AD17074" s="2"/>
      <c r="AE17074" s="1"/>
    </row>
    <row r="17075" spans="1:31" ht="14.45">
      <c r="A17075" s="11"/>
      <c r="B17075" s="20"/>
      <c r="C17075" s="2" t="s">
        <v>52183</v>
      </c>
      <c r="D17075" s="14" t="s">
        <v>52184</v>
      </c>
      <c r="E17075" s="2" t="s">
        <v>52185</v>
      </c>
      <c r="F17075" s="2" t="s">
        <v>36337</v>
      </c>
      <c r="G17075" s="8">
        <v>314</v>
      </c>
      <c r="H17075" s="5">
        <v>6</v>
      </c>
      <c r="I17075" s="5" t="s">
        <v>1518</v>
      </c>
      <c r="J17075" s="5" t="s">
        <v>36264</v>
      </c>
      <c r="K17075" s="2" t="s">
        <v>36265</v>
      </c>
      <c r="L17075" s="5" t="s">
        <v>36264</v>
      </c>
      <c r="M17075" s="2" t="s">
        <v>36265</v>
      </c>
      <c r="N17075" s="5" t="s">
        <v>36266</v>
      </c>
      <c r="O17075" s="5" t="s">
        <v>38</v>
      </c>
      <c r="P17075" s="5" t="s">
        <v>39</v>
      </c>
      <c r="Q17075" s="5" t="s">
        <v>40</v>
      </c>
      <c r="R17075" s="5" t="s">
        <v>1522</v>
      </c>
      <c r="S17075" s="5" t="s">
        <v>1523</v>
      </c>
      <c r="T17075" s="5" t="s">
        <v>42</v>
      </c>
      <c r="U17075" s="2">
        <v>2.9590000000000001</v>
      </c>
      <c r="V17075" s="2">
        <v>2.4319999999999999</v>
      </c>
      <c r="W17075" s="2">
        <v>1.4999999999999999E-2</v>
      </c>
      <c r="X17075" s="2">
        <v>118.9</v>
      </c>
      <c r="Y17075" s="2">
        <v>7.6</v>
      </c>
      <c r="Z17075" s="2">
        <v>16.7</v>
      </c>
      <c r="AA17075" s="5"/>
      <c r="AB17075" s="5" t="s">
        <v>43</v>
      </c>
      <c r="AC17075" s="5" t="s">
        <v>44</v>
      </c>
      <c r="AD17075" s="2"/>
      <c r="AE17075" s="1"/>
    </row>
    <row r="17076" spans="1:31" ht="14.45">
      <c r="A17076" s="11"/>
      <c r="B17076" s="20"/>
      <c r="C17076" s="2" t="s">
        <v>52186</v>
      </c>
      <c r="D17076" s="14" t="s">
        <v>52187</v>
      </c>
      <c r="E17076" s="2" t="s">
        <v>52188</v>
      </c>
      <c r="F17076" s="2" t="s">
        <v>36345</v>
      </c>
      <c r="G17076" s="8">
        <v>314</v>
      </c>
      <c r="H17076" s="5">
        <v>6</v>
      </c>
      <c r="I17076" s="5" t="s">
        <v>1518</v>
      </c>
      <c r="J17076" s="5" t="s">
        <v>36264</v>
      </c>
      <c r="K17076" s="2" t="s">
        <v>36265</v>
      </c>
      <c r="L17076" s="5" t="s">
        <v>36264</v>
      </c>
      <c r="M17076" s="2" t="s">
        <v>36265</v>
      </c>
      <c r="N17076" s="5" t="s">
        <v>36266</v>
      </c>
      <c r="O17076" s="5" t="s">
        <v>38</v>
      </c>
      <c r="P17076" s="5" t="s">
        <v>39</v>
      </c>
      <c r="Q17076" s="5" t="s">
        <v>40</v>
      </c>
      <c r="R17076" s="5" t="s">
        <v>1522</v>
      </c>
      <c r="S17076" s="5" t="s">
        <v>1523</v>
      </c>
      <c r="T17076" s="5" t="s">
        <v>42</v>
      </c>
      <c r="U17076" s="2">
        <v>2.9590000000000001</v>
      </c>
      <c r="V17076" s="2">
        <v>2.4319999999999999</v>
      </c>
      <c r="W17076" s="2">
        <v>1.4999999999999999E-2</v>
      </c>
      <c r="X17076" s="2">
        <v>118.9</v>
      </c>
      <c r="Y17076" s="2">
        <v>7.6</v>
      </c>
      <c r="Z17076" s="2">
        <v>16.7</v>
      </c>
      <c r="AA17076" s="5"/>
      <c r="AB17076" s="5" t="s">
        <v>43</v>
      </c>
      <c r="AC17076" s="5" t="s">
        <v>44</v>
      </c>
      <c r="AD17076" s="2"/>
      <c r="AE17076" s="1"/>
    </row>
    <row r="17077" spans="1:31" ht="14.45">
      <c r="A17077" s="11"/>
      <c r="B17077" s="20"/>
      <c r="C17077" s="2" t="s">
        <v>52189</v>
      </c>
      <c r="D17077" s="14" t="s">
        <v>52190</v>
      </c>
      <c r="E17077" s="2" t="s">
        <v>52191</v>
      </c>
      <c r="F17077" s="2" t="s">
        <v>36349</v>
      </c>
      <c r="G17077" s="8">
        <v>314</v>
      </c>
      <c r="H17077" s="5">
        <v>6</v>
      </c>
      <c r="I17077" s="5" t="s">
        <v>1518</v>
      </c>
      <c r="J17077" s="5" t="s">
        <v>36264</v>
      </c>
      <c r="K17077" s="2" t="s">
        <v>36265</v>
      </c>
      <c r="L17077" s="5" t="s">
        <v>36264</v>
      </c>
      <c r="M17077" s="2" t="s">
        <v>36265</v>
      </c>
      <c r="N17077" s="5" t="s">
        <v>36266</v>
      </c>
      <c r="O17077" s="5" t="s">
        <v>38</v>
      </c>
      <c r="P17077" s="5" t="s">
        <v>39</v>
      </c>
      <c r="Q17077" s="5" t="s">
        <v>40</v>
      </c>
      <c r="R17077" s="5" t="s">
        <v>1522</v>
      </c>
      <c r="S17077" s="5" t="s">
        <v>1523</v>
      </c>
      <c r="T17077" s="5" t="s">
        <v>42</v>
      </c>
      <c r="U17077" s="2">
        <v>3.0449999999999999</v>
      </c>
      <c r="V17077" s="2">
        <v>2.5179999999999998</v>
      </c>
      <c r="W17077" s="2">
        <v>1.4999999999999999E-2</v>
      </c>
      <c r="X17077" s="2">
        <v>118.9</v>
      </c>
      <c r="Y17077" s="2">
        <v>7.6</v>
      </c>
      <c r="Z17077" s="2">
        <v>16.7</v>
      </c>
      <c r="AA17077" s="5"/>
      <c r="AB17077" s="5" t="s">
        <v>43</v>
      </c>
      <c r="AC17077" s="5" t="s">
        <v>44</v>
      </c>
      <c r="AD17077" s="2"/>
      <c r="AE17077" s="1"/>
    </row>
    <row r="17078" spans="1:31" ht="14.45">
      <c r="A17078" s="11"/>
      <c r="B17078" s="20"/>
      <c r="C17078" s="2" t="s">
        <v>52192</v>
      </c>
      <c r="D17078" s="14" t="s">
        <v>52193</v>
      </c>
      <c r="E17078" s="2" t="s">
        <v>52194</v>
      </c>
      <c r="F17078" s="2" t="s">
        <v>36357</v>
      </c>
      <c r="G17078" s="8">
        <v>314</v>
      </c>
      <c r="H17078" s="5">
        <v>6</v>
      </c>
      <c r="I17078" s="5" t="s">
        <v>1518</v>
      </c>
      <c r="J17078" s="5" t="s">
        <v>36264</v>
      </c>
      <c r="K17078" s="2" t="s">
        <v>36265</v>
      </c>
      <c r="L17078" s="5" t="s">
        <v>36264</v>
      </c>
      <c r="M17078" s="2" t="s">
        <v>36265</v>
      </c>
      <c r="N17078" s="5" t="s">
        <v>36266</v>
      </c>
      <c r="O17078" s="5" t="s">
        <v>38</v>
      </c>
      <c r="P17078" s="5" t="s">
        <v>39</v>
      </c>
      <c r="Q17078" s="5" t="s">
        <v>40</v>
      </c>
      <c r="R17078" s="5" t="s">
        <v>1522</v>
      </c>
      <c r="S17078" s="5" t="s">
        <v>1523</v>
      </c>
      <c r="T17078" s="5" t="s">
        <v>42</v>
      </c>
      <c r="U17078" s="2">
        <v>3.0449999999999999</v>
      </c>
      <c r="V17078" s="2">
        <v>2.5179999999999998</v>
      </c>
      <c r="W17078" s="2">
        <v>1.4999999999999999E-2</v>
      </c>
      <c r="X17078" s="2">
        <v>118.9</v>
      </c>
      <c r="Y17078" s="2">
        <v>7.6</v>
      </c>
      <c r="Z17078" s="2">
        <v>16.7</v>
      </c>
      <c r="AA17078" s="5"/>
      <c r="AB17078" s="5" t="s">
        <v>43</v>
      </c>
      <c r="AC17078" s="5" t="s">
        <v>44</v>
      </c>
      <c r="AD17078" s="2"/>
      <c r="AE17078" s="1"/>
    </row>
    <row r="17079" spans="1:31" ht="14.45">
      <c r="A17079" s="11"/>
      <c r="B17079" s="20"/>
      <c r="C17079" s="2" t="s">
        <v>52195</v>
      </c>
      <c r="D17079" s="14" t="s">
        <v>52196</v>
      </c>
      <c r="E17079" s="2" t="s">
        <v>52197</v>
      </c>
      <c r="F17079" s="2" t="s">
        <v>36369</v>
      </c>
      <c r="G17079" s="8">
        <v>314</v>
      </c>
      <c r="H17079" s="5">
        <v>6</v>
      </c>
      <c r="I17079" s="5" t="s">
        <v>1518</v>
      </c>
      <c r="J17079" s="5" t="s">
        <v>36264</v>
      </c>
      <c r="K17079" s="2" t="s">
        <v>36265</v>
      </c>
      <c r="L17079" s="5" t="s">
        <v>36264</v>
      </c>
      <c r="M17079" s="2" t="s">
        <v>36265</v>
      </c>
      <c r="N17079" s="5" t="s">
        <v>36266</v>
      </c>
      <c r="O17079" s="5" t="s">
        <v>38</v>
      </c>
      <c r="P17079" s="5" t="s">
        <v>39</v>
      </c>
      <c r="Q17079" s="5" t="s">
        <v>40</v>
      </c>
      <c r="R17079" s="5" t="s">
        <v>1522</v>
      </c>
      <c r="S17079" s="5" t="s">
        <v>1523</v>
      </c>
      <c r="T17079" s="5" t="s">
        <v>42</v>
      </c>
      <c r="U17079" s="2">
        <v>2.9590000000000001</v>
      </c>
      <c r="V17079" s="2">
        <v>2.4319999999999999</v>
      </c>
      <c r="W17079" s="2">
        <v>1.4999999999999999E-2</v>
      </c>
      <c r="X17079" s="2">
        <v>118.9</v>
      </c>
      <c r="Y17079" s="2">
        <v>7.6</v>
      </c>
      <c r="Z17079" s="2">
        <v>16.7</v>
      </c>
      <c r="AA17079" s="5"/>
      <c r="AB17079" s="5" t="s">
        <v>43</v>
      </c>
      <c r="AC17079" s="5" t="s">
        <v>44</v>
      </c>
      <c r="AD17079" s="2"/>
      <c r="AE17079" s="1"/>
    </row>
    <row r="17080" spans="1:31" ht="14.45">
      <c r="A17080" s="11"/>
      <c r="B17080" s="20"/>
      <c r="C17080" s="2" t="s">
        <v>52198</v>
      </c>
      <c r="D17080" s="14" t="s">
        <v>52199</v>
      </c>
      <c r="E17080" s="2" t="s">
        <v>52200</v>
      </c>
      <c r="F17080" s="2" t="s">
        <v>36373</v>
      </c>
      <c r="G17080" s="8">
        <v>314</v>
      </c>
      <c r="H17080" s="5">
        <v>6</v>
      </c>
      <c r="I17080" s="5" t="s">
        <v>1518</v>
      </c>
      <c r="J17080" s="5" t="s">
        <v>36264</v>
      </c>
      <c r="K17080" s="2" t="s">
        <v>36265</v>
      </c>
      <c r="L17080" s="5" t="s">
        <v>36264</v>
      </c>
      <c r="M17080" s="2" t="s">
        <v>36265</v>
      </c>
      <c r="N17080" s="5" t="s">
        <v>36266</v>
      </c>
      <c r="O17080" s="5" t="s">
        <v>38</v>
      </c>
      <c r="P17080" s="5" t="s">
        <v>39</v>
      </c>
      <c r="Q17080" s="5" t="s">
        <v>40</v>
      </c>
      <c r="R17080" s="5" t="s">
        <v>1522</v>
      </c>
      <c r="S17080" s="5" t="s">
        <v>1523</v>
      </c>
      <c r="T17080" s="5" t="s">
        <v>42</v>
      </c>
      <c r="U17080" s="2">
        <v>3.0449999999999999</v>
      </c>
      <c r="V17080" s="2">
        <v>2.5179999999999998</v>
      </c>
      <c r="W17080" s="2">
        <v>1.4999999999999999E-2</v>
      </c>
      <c r="X17080" s="2">
        <v>118.9</v>
      </c>
      <c r="Y17080" s="2">
        <v>7.6</v>
      </c>
      <c r="Z17080" s="2">
        <v>16.7</v>
      </c>
      <c r="AA17080" s="5"/>
      <c r="AB17080" s="5" t="s">
        <v>43</v>
      </c>
      <c r="AC17080" s="5" t="s">
        <v>44</v>
      </c>
      <c r="AD17080" s="2"/>
      <c r="AE17080" s="1"/>
    </row>
    <row r="17081" spans="1:31" ht="14.45">
      <c r="A17081" s="11"/>
      <c r="B17081" s="20"/>
      <c r="C17081" s="2" t="s">
        <v>52201</v>
      </c>
      <c r="D17081" s="14" t="s">
        <v>52202</v>
      </c>
      <c r="E17081" s="2" t="s">
        <v>52203</v>
      </c>
      <c r="F17081" s="2" t="s">
        <v>36377</v>
      </c>
      <c r="G17081" s="8">
        <v>314</v>
      </c>
      <c r="H17081" s="5">
        <v>6</v>
      </c>
      <c r="I17081" s="5" t="s">
        <v>1518</v>
      </c>
      <c r="J17081" s="5" t="s">
        <v>36264</v>
      </c>
      <c r="K17081" s="2" t="s">
        <v>36265</v>
      </c>
      <c r="L17081" s="5" t="s">
        <v>36264</v>
      </c>
      <c r="M17081" s="2" t="s">
        <v>36265</v>
      </c>
      <c r="N17081" s="5" t="s">
        <v>36266</v>
      </c>
      <c r="O17081" s="5" t="s">
        <v>38</v>
      </c>
      <c r="P17081" s="5" t="s">
        <v>39</v>
      </c>
      <c r="Q17081" s="5" t="s">
        <v>40</v>
      </c>
      <c r="R17081" s="5" t="s">
        <v>1522</v>
      </c>
      <c r="S17081" s="5" t="s">
        <v>1523</v>
      </c>
      <c r="T17081" s="5" t="s">
        <v>42</v>
      </c>
      <c r="U17081" s="2">
        <v>2.9590000000000001</v>
      </c>
      <c r="V17081" s="2">
        <v>2.4319999999999999</v>
      </c>
      <c r="W17081" s="2">
        <v>1.4999999999999999E-2</v>
      </c>
      <c r="X17081" s="2">
        <v>118.9</v>
      </c>
      <c r="Y17081" s="2">
        <v>7.6</v>
      </c>
      <c r="Z17081" s="2">
        <v>16.7</v>
      </c>
      <c r="AA17081" s="5"/>
      <c r="AB17081" s="5" t="s">
        <v>43</v>
      </c>
      <c r="AC17081" s="5" t="s">
        <v>44</v>
      </c>
      <c r="AD17081" s="2"/>
      <c r="AE17081" s="1"/>
    </row>
    <row r="17082" spans="1:31" ht="14.45">
      <c r="A17082" s="11"/>
      <c r="B17082" s="20"/>
      <c r="C17082" s="2" t="s">
        <v>52204</v>
      </c>
      <c r="D17082" s="14" t="s">
        <v>52205</v>
      </c>
      <c r="E17082" s="2" t="s">
        <v>52206</v>
      </c>
      <c r="F17082" s="2" t="s">
        <v>36381</v>
      </c>
      <c r="G17082" s="8">
        <v>314</v>
      </c>
      <c r="H17082" s="5">
        <v>6</v>
      </c>
      <c r="I17082" s="5" t="s">
        <v>1518</v>
      </c>
      <c r="J17082" s="5" t="s">
        <v>36264</v>
      </c>
      <c r="K17082" s="2" t="s">
        <v>36265</v>
      </c>
      <c r="L17082" s="5" t="s">
        <v>36264</v>
      </c>
      <c r="M17082" s="2" t="s">
        <v>36265</v>
      </c>
      <c r="N17082" s="5" t="s">
        <v>36266</v>
      </c>
      <c r="O17082" s="5" t="s">
        <v>38</v>
      </c>
      <c r="P17082" s="5" t="s">
        <v>39</v>
      </c>
      <c r="Q17082" s="5" t="s">
        <v>40</v>
      </c>
      <c r="R17082" s="5" t="s">
        <v>1522</v>
      </c>
      <c r="S17082" s="5" t="s">
        <v>1523</v>
      </c>
      <c r="T17082" s="5" t="s">
        <v>42</v>
      </c>
      <c r="U17082" s="2">
        <v>3.0449999999999999</v>
      </c>
      <c r="V17082" s="2">
        <v>2.5179999999999998</v>
      </c>
      <c r="W17082" s="2">
        <v>1.4999999999999999E-2</v>
      </c>
      <c r="X17082" s="2">
        <v>118.9</v>
      </c>
      <c r="Y17082" s="2">
        <v>7.6</v>
      </c>
      <c r="Z17082" s="2">
        <v>16.7</v>
      </c>
      <c r="AA17082" s="5"/>
      <c r="AB17082" s="5" t="s">
        <v>43</v>
      </c>
      <c r="AC17082" s="5" t="s">
        <v>44</v>
      </c>
      <c r="AD17082" s="2"/>
      <c r="AE17082" s="1"/>
    </row>
    <row r="17083" spans="1:31" ht="14.45">
      <c r="A17083" s="11"/>
      <c r="B17083" s="20"/>
      <c r="C17083" s="2" t="s">
        <v>52207</v>
      </c>
      <c r="D17083" s="14" t="s">
        <v>52208</v>
      </c>
      <c r="E17083" s="2" t="s">
        <v>52209</v>
      </c>
      <c r="F17083" s="2" t="s">
        <v>36389</v>
      </c>
      <c r="G17083" s="8">
        <v>314</v>
      </c>
      <c r="H17083" s="5">
        <v>6</v>
      </c>
      <c r="I17083" s="5" t="s">
        <v>1518</v>
      </c>
      <c r="J17083" s="5" t="s">
        <v>36264</v>
      </c>
      <c r="K17083" s="2" t="s">
        <v>36265</v>
      </c>
      <c r="L17083" s="5" t="s">
        <v>36264</v>
      </c>
      <c r="M17083" s="2" t="s">
        <v>36265</v>
      </c>
      <c r="N17083" s="5" t="s">
        <v>36266</v>
      </c>
      <c r="O17083" s="5" t="s">
        <v>38</v>
      </c>
      <c r="P17083" s="5" t="s">
        <v>39</v>
      </c>
      <c r="Q17083" s="5" t="s">
        <v>40</v>
      </c>
      <c r="R17083" s="5" t="s">
        <v>1522</v>
      </c>
      <c r="S17083" s="5" t="s">
        <v>1523</v>
      </c>
      <c r="T17083" s="5" t="s">
        <v>42</v>
      </c>
      <c r="U17083" s="2">
        <v>3.0449999999999999</v>
      </c>
      <c r="V17083" s="2">
        <v>2.5179999999999998</v>
      </c>
      <c r="W17083" s="2">
        <v>1.4999999999999999E-2</v>
      </c>
      <c r="X17083" s="2">
        <v>118.9</v>
      </c>
      <c r="Y17083" s="2">
        <v>7.6</v>
      </c>
      <c r="Z17083" s="2">
        <v>16.7</v>
      </c>
      <c r="AA17083" s="5"/>
      <c r="AB17083" s="5" t="s">
        <v>43</v>
      </c>
      <c r="AC17083" s="5" t="s">
        <v>44</v>
      </c>
      <c r="AD17083" s="2"/>
      <c r="AE17083" s="1"/>
    </row>
    <row r="17084" spans="1:31" ht="14.45">
      <c r="A17084" s="11"/>
      <c r="B17084" s="20"/>
      <c r="C17084" s="2" t="s">
        <v>52210</v>
      </c>
      <c r="D17084" s="14" t="s">
        <v>52211</v>
      </c>
      <c r="E17084" s="2" t="s">
        <v>52212</v>
      </c>
      <c r="F17084" s="2" t="s">
        <v>7204</v>
      </c>
      <c r="G17084" s="8">
        <v>302</v>
      </c>
      <c r="H17084" s="5">
        <v>6</v>
      </c>
      <c r="I17084" s="5" t="s">
        <v>1518</v>
      </c>
      <c r="J17084" s="5" t="s">
        <v>36264</v>
      </c>
      <c r="K17084" s="2" t="s">
        <v>36265</v>
      </c>
      <c r="L17084" s="5" t="s">
        <v>36264</v>
      </c>
      <c r="M17084" s="2" t="s">
        <v>36265</v>
      </c>
      <c r="N17084" s="5" t="s">
        <v>36266</v>
      </c>
      <c r="O17084" s="5" t="s">
        <v>38</v>
      </c>
      <c r="P17084" s="5" t="s">
        <v>39</v>
      </c>
      <c r="Q17084" s="5" t="s">
        <v>40</v>
      </c>
      <c r="R17084" s="5" t="s">
        <v>1522</v>
      </c>
      <c r="S17084" s="5" t="s">
        <v>1523</v>
      </c>
      <c r="T17084" s="5" t="s">
        <v>42</v>
      </c>
      <c r="U17084" s="2">
        <v>3.129</v>
      </c>
      <c r="V17084" s="2">
        <v>2.6110000000000002</v>
      </c>
      <c r="W17084" s="2">
        <v>1.4999999999999999E-2</v>
      </c>
      <c r="X17084" s="2">
        <v>118.9</v>
      </c>
      <c r="Y17084" s="2">
        <v>7.6</v>
      </c>
      <c r="Z17084" s="2">
        <v>16.7</v>
      </c>
      <c r="AA17084" s="5"/>
      <c r="AB17084" s="5" t="s">
        <v>43</v>
      </c>
      <c r="AC17084" s="5" t="s">
        <v>44</v>
      </c>
      <c r="AD17084" s="2"/>
      <c r="AE17084" s="1"/>
    </row>
    <row r="17085" spans="1:31" ht="14.45">
      <c r="A17085" s="11"/>
      <c r="B17085" s="20"/>
      <c r="C17085" s="2" t="s">
        <v>52213</v>
      </c>
      <c r="D17085" s="14" t="s">
        <v>52214</v>
      </c>
      <c r="E17085" s="2" t="s">
        <v>52215</v>
      </c>
      <c r="F17085" s="2" t="s">
        <v>7514</v>
      </c>
      <c r="G17085" s="8">
        <v>302</v>
      </c>
      <c r="H17085" s="5">
        <v>6</v>
      </c>
      <c r="I17085" s="5" t="s">
        <v>1518</v>
      </c>
      <c r="J17085" s="5" t="s">
        <v>36264</v>
      </c>
      <c r="K17085" s="2" t="s">
        <v>36265</v>
      </c>
      <c r="L17085" s="5" t="s">
        <v>36264</v>
      </c>
      <c r="M17085" s="2" t="s">
        <v>36265</v>
      </c>
      <c r="N17085" s="5" t="s">
        <v>36266</v>
      </c>
      <c r="O17085" s="5" t="s">
        <v>38</v>
      </c>
      <c r="P17085" s="5" t="s">
        <v>39</v>
      </c>
      <c r="Q17085" s="5" t="s">
        <v>40</v>
      </c>
      <c r="R17085" s="5" t="s">
        <v>1522</v>
      </c>
      <c r="S17085" s="5" t="s">
        <v>1523</v>
      </c>
      <c r="T17085" s="5" t="s">
        <v>42</v>
      </c>
      <c r="U17085" s="2">
        <v>3.2290000000000001</v>
      </c>
      <c r="V17085" s="2">
        <v>2.7109999999999999</v>
      </c>
      <c r="W17085" s="2">
        <v>1.4999999999999999E-2</v>
      </c>
      <c r="X17085" s="2">
        <v>118.9</v>
      </c>
      <c r="Y17085" s="2">
        <v>7.6</v>
      </c>
      <c r="Z17085" s="2">
        <v>16.7</v>
      </c>
      <c r="AA17085" s="5"/>
      <c r="AB17085" s="5" t="s">
        <v>43</v>
      </c>
      <c r="AC17085" s="5" t="s">
        <v>44</v>
      </c>
      <c r="AD17085" s="2"/>
      <c r="AE17085" s="1"/>
    </row>
    <row r="17086" spans="1:31" ht="14.45">
      <c r="A17086" s="11"/>
      <c r="B17086" s="20"/>
      <c r="C17086" s="2" t="s">
        <v>52216</v>
      </c>
      <c r="D17086" s="14" t="s">
        <v>52217</v>
      </c>
      <c r="E17086" s="2" t="s">
        <v>52218</v>
      </c>
      <c r="F17086" s="2" t="s">
        <v>36273</v>
      </c>
      <c r="G17086" s="8">
        <v>302</v>
      </c>
      <c r="H17086" s="5">
        <v>6</v>
      </c>
      <c r="I17086" s="5" t="s">
        <v>1518</v>
      </c>
      <c r="J17086" s="5" t="s">
        <v>36264</v>
      </c>
      <c r="K17086" s="2" t="s">
        <v>36265</v>
      </c>
      <c r="L17086" s="5" t="s">
        <v>36264</v>
      </c>
      <c r="M17086" s="2" t="s">
        <v>36265</v>
      </c>
      <c r="N17086" s="5" t="s">
        <v>36266</v>
      </c>
      <c r="O17086" s="5" t="s">
        <v>38</v>
      </c>
      <c r="P17086" s="5" t="s">
        <v>39</v>
      </c>
      <c r="Q17086" s="5" t="s">
        <v>40</v>
      </c>
      <c r="R17086" s="5" t="s">
        <v>1522</v>
      </c>
      <c r="S17086" s="5" t="s">
        <v>1523</v>
      </c>
      <c r="T17086" s="5" t="s">
        <v>42</v>
      </c>
      <c r="U17086" s="2">
        <v>3.129</v>
      </c>
      <c r="V17086" s="2">
        <v>2.6110000000000002</v>
      </c>
      <c r="W17086" s="2">
        <v>1.4999999999999999E-2</v>
      </c>
      <c r="X17086" s="2">
        <v>118.9</v>
      </c>
      <c r="Y17086" s="2">
        <v>7.6</v>
      </c>
      <c r="Z17086" s="2">
        <v>16.7</v>
      </c>
      <c r="AA17086" s="5"/>
      <c r="AB17086" s="5" t="s">
        <v>43</v>
      </c>
      <c r="AC17086" s="5" t="s">
        <v>44</v>
      </c>
      <c r="AD17086" s="2"/>
      <c r="AE17086" s="1"/>
    </row>
    <row r="17087" spans="1:31" ht="14.45">
      <c r="A17087" s="11"/>
      <c r="B17087" s="20"/>
      <c r="C17087" s="2" t="s">
        <v>52219</v>
      </c>
      <c r="D17087" s="14" t="s">
        <v>52220</v>
      </c>
      <c r="E17087" s="2" t="s">
        <v>52221</v>
      </c>
      <c r="F17087" s="2" t="s">
        <v>36277</v>
      </c>
      <c r="G17087" s="8">
        <v>302</v>
      </c>
      <c r="H17087" s="5">
        <v>6</v>
      </c>
      <c r="I17087" s="5" t="s">
        <v>1518</v>
      </c>
      <c r="J17087" s="5" t="s">
        <v>36264</v>
      </c>
      <c r="K17087" s="2" t="s">
        <v>36265</v>
      </c>
      <c r="L17087" s="5" t="s">
        <v>36264</v>
      </c>
      <c r="M17087" s="2" t="s">
        <v>36265</v>
      </c>
      <c r="N17087" s="5" t="s">
        <v>36266</v>
      </c>
      <c r="O17087" s="5" t="s">
        <v>38</v>
      </c>
      <c r="P17087" s="5" t="s">
        <v>39</v>
      </c>
      <c r="Q17087" s="5" t="s">
        <v>40</v>
      </c>
      <c r="R17087" s="5" t="s">
        <v>1522</v>
      </c>
      <c r="S17087" s="5" t="s">
        <v>1523</v>
      </c>
      <c r="T17087" s="5" t="s">
        <v>42</v>
      </c>
      <c r="U17087" s="2">
        <v>3.2290000000000001</v>
      </c>
      <c r="V17087" s="2">
        <v>2.7109999999999999</v>
      </c>
      <c r="W17087" s="2">
        <v>1.4999999999999999E-2</v>
      </c>
      <c r="X17087" s="2">
        <v>118.9</v>
      </c>
      <c r="Y17087" s="2">
        <v>7.6</v>
      </c>
      <c r="Z17087" s="2">
        <v>16.7</v>
      </c>
      <c r="AA17087" s="5"/>
      <c r="AB17087" s="5" t="s">
        <v>43</v>
      </c>
      <c r="AC17087" s="5" t="s">
        <v>44</v>
      </c>
      <c r="AD17087" s="2"/>
      <c r="AE17087" s="1"/>
    </row>
    <row r="17088" spans="1:31" ht="14.45">
      <c r="A17088" s="11"/>
      <c r="B17088" s="20"/>
      <c r="C17088" s="2" t="s">
        <v>52222</v>
      </c>
      <c r="D17088" s="14" t="s">
        <v>52223</v>
      </c>
      <c r="E17088" s="2" t="s">
        <v>52224</v>
      </c>
      <c r="F17088" s="2" t="s">
        <v>36285</v>
      </c>
      <c r="G17088" s="8">
        <v>328</v>
      </c>
      <c r="H17088" s="5">
        <v>6</v>
      </c>
      <c r="I17088" s="5" t="s">
        <v>1518</v>
      </c>
      <c r="J17088" s="5" t="s">
        <v>36264</v>
      </c>
      <c r="K17088" s="2" t="s">
        <v>36265</v>
      </c>
      <c r="L17088" s="5" t="s">
        <v>36264</v>
      </c>
      <c r="M17088" s="2" t="s">
        <v>36265</v>
      </c>
      <c r="N17088" s="5" t="s">
        <v>36266</v>
      </c>
      <c r="O17088" s="5" t="s">
        <v>38</v>
      </c>
      <c r="P17088" s="5" t="s">
        <v>39</v>
      </c>
      <c r="Q17088" s="5" t="s">
        <v>40</v>
      </c>
      <c r="R17088" s="5" t="s">
        <v>1522</v>
      </c>
      <c r="S17088" s="5" t="s">
        <v>1523</v>
      </c>
      <c r="T17088" s="5" t="s">
        <v>42</v>
      </c>
      <c r="U17088" s="2">
        <v>3.2290000000000001</v>
      </c>
      <c r="V17088" s="2">
        <v>2.7109999999999999</v>
      </c>
      <c r="W17088" s="2">
        <v>1.4999999999999999E-2</v>
      </c>
      <c r="X17088" s="2">
        <v>118.9</v>
      </c>
      <c r="Y17088" s="2">
        <v>7.6</v>
      </c>
      <c r="Z17088" s="2">
        <v>16.7</v>
      </c>
      <c r="AA17088" s="5"/>
      <c r="AB17088" s="5" t="s">
        <v>43</v>
      </c>
      <c r="AC17088" s="5" t="s">
        <v>44</v>
      </c>
      <c r="AD17088" s="2"/>
      <c r="AE17088" s="1"/>
    </row>
    <row r="17089" spans="1:31" ht="14.45">
      <c r="A17089" s="11"/>
      <c r="B17089" s="20"/>
      <c r="C17089" s="2" t="s">
        <v>52225</v>
      </c>
      <c r="D17089" s="14" t="s">
        <v>52226</v>
      </c>
      <c r="E17089" s="2" t="s">
        <v>52227</v>
      </c>
      <c r="F17089" s="2" t="s">
        <v>36289</v>
      </c>
      <c r="G17089" s="8">
        <v>328</v>
      </c>
      <c r="H17089" s="5">
        <v>6</v>
      </c>
      <c r="I17089" s="5" t="s">
        <v>1518</v>
      </c>
      <c r="J17089" s="5" t="s">
        <v>36264</v>
      </c>
      <c r="K17089" s="2" t="s">
        <v>36265</v>
      </c>
      <c r="L17089" s="5" t="s">
        <v>36264</v>
      </c>
      <c r="M17089" s="2" t="s">
        <v>36265</v>
      </c>
      <c r="N17089" s="5" t="s">
        <v>36266</v>
      </c>
      <c r="O17089" s="5" t="s">
        <v>38</v>
      </c>
      <c r="P17089" s="5" t="s">
        <v>39</v>
      </c>
      <c r="Q17089" s="5" t="s">
        <v>40</v>
      </c>
      <c r="R17089" s="5" t="s">
        <v>1522</v>
      </c>
      <c r="S17089" s="5" t="s">
        <v>1523</v>
      </c>
      <c r="T17089" s="5" t="s">
        <v>42</v>
      </c>
      <c r="U17089" s="2">
        <v>3.129</v>
      </c>
      <c r="V17089" s="2">
        <v>2.6110000000000002</v>
      </c>
      <c r="W17089" s="2">
        <v>1.4999999999999999E-2</v>
      </c>
      <c r="X17089" s="2">
        <v>118.9</v>
      </c>
      <c r="Y17089" s="2">
        <v>7.6</v>
      </c>
      <c r="Z17089" s="2">
        <v>16.7</v>
      </c>
      <c r="AA17089" s="5"/>
      <c r="AB17089" s="5" t="s">
        <v>43</v>
      </c>
      <c r="AC17089" s="5" t="s">
        <v>44</v>
      </c>
      <c r="AD17089" s="2"/>
      <c r="AE17089" s="1"/>
    </row>
    <row r="17090" spans="1:31" ht="14.45">
      <c r="A17090" s="11"/>
      <c r="B17090" s="20"/>
      <c r="C17090" s="2" t="s">
        <v>52228</v>
      </c>
      <c r="D17090" s="14" t="s">
        <v>52229</v>
      </c>
      <c r="E17090" s="2" t="s">
        <v>52230</v>
      </c>
      <c r="F17090" s="2" t="s">
        <v>36293</v>
      </c>
      <c r="G17090" s="8">
        <v>328</v>
      </c>
      <c r="H17090" s="5">
        <v>6</v>
      </c>
      <c r="I17090" s="5" t="s">
        <v>1518</v>
      </c>
      <c r="J17090" s="5" t="s">
        <v>36264</v>
      </c>
      <c r="K17090" s="2" t="s">
        <v>36265</v>
      </c>
      <c r="L17090" s="5" t="s">
        <v>36264</v>
      </c>
      <c r="M17090" s="2" t="s">
        <v>36265</v>
      </c>
      <c r="N17090" s="5" t="s">
        <v>36266</v>
      </c>
      <c r="O17090" s="5" t="s">
        <v>38</v>
      </c>
      <c r="P17090" s="5" t="s">
        <v>39</v>
      </c>
      <c r="Q17090" s="5" t="s">
        <v>40</v>
      </c>
      <c r="R17090" s="5" t="s">
        <v>1522</v>
      </c>
      <c r="S17090" s="5" t="s">
        <v>1523</v>
      </c>
      <c r="T17090" s="5" t="s">
        <v>42</v>
      </c>
      <c r="U17090" s="2">
        <v>3.2290000000000001</v>
      </c>
      <c r="V17090" s="2">
        <v>2.7109999999999999</v>
      </c>
      <c r="W17090" s="2">
        <v>1.4999999999999999E-2</v>
      </c>
      <c r="X17090" s="2">
        <v>118.9</v>
      </c>
      <c r="Y17090" s="2">
        <v>7.6</v>
      </c>
      <c r="Z17090" s="2">
        <v>16.7</v>
      </c>
      <c r="AA17090" s="5"/>
      <c r="AB17090" s="5" t="s">
        <v>43</v>
      </c>
      <c r="AC17090" s="5" t="s">
        <v>44</v>
      </c>
      <c r="AD17090" s="2"/>
      <c r="AE17090" s="1"/>
    </row>
    <row r="17091" spans="1:31" ht="14.45">
      <c r="A17091" s="11"/>
      <c r="B17091" s="20"/>
      <c r="C17091" s="2" t="s">
        <v>52231</v>
      </c>
      <c r="D17091" s="14" t="s">
        <v>52232</v>
      </c>
      <c r="E17091" s="2" t="s">
        <v>52233</v>
      </c>
      <c r="F17091" s="2" t="s">
        <v>36297</v>
      </c>
      <c r="G17091" s="8">
        <v>302</v>
      </c>
      <c r="H17091" s="5">
        <v>6</v>
      </c>
      <c r="I17091" s="5" t="s">
        <v>1518</v>
      </c>
      <c r="J17091" s="5" t="s">
        <v>36264</v>
      </c>
      <c r="K17091" s="2" t="s">
        <v>36265</v>
      </c>
      <c r="L17091" s="5" t="s">
        <v>36264</v>
      </c>
      <c r="M17091" s="2" t="s">
        <v>36265</v>
      </c>
      <c r="N17091" s="5" t="s">
        <v>36266</v>
      </c>
      <c r="O17091" s="5" t="s">
        <v>38</v>
      </c>
      <c r="P17091" s="5" t="s">
        <v>39</v>
      </c>
      <c r="Q17091" s="5" t="s">
        <v>40</v>
      </c>
      <c r="R17091" s="5" t="s">
        <v>1522</v>
      </c>
      <c r="S17091" s="5" t="s">
        <v>1523</v>
      </c>
      <c r="T17091" s="5" t="s">
        <v>42</v>
      </c>
      <c r="U17091" s="2">
        <v>3.129</v>
      </c>
      <c r="V17091" s="2">
        <v>2.6110000000000002</v>
      </c>
      <c r="W17091" s="2">
        <v>1.4999999999999999E-2</v>
      </c>
      <c r="X17091" s="2">
        <v>118.9</v>
      </c>
      <c r="Y17091" s="2">
        <v>7.6</v>
      </c>
      <c r="Z17091" s="2">
        <v>16.7</v>
      </c>
      <c r="AA17091" s="5"/>
      <c r="AB17091" s="5" t="s">
        <v>43</v>
      </c>
      <c r="AC17091" s="5" t="s">
        <v>44</v>
      </c>
      <c r="AD17091" s="2"/>
      <c r="AE17091" s="1"/>
    </row>
    <row r="17092" spans="1:31" ht="14.45">
      <c r="A17092" s="11"/>
      <c r="B17092" s="20"/>
      <c r="C17092" s="2" t="s">
        <v>52234</v>
      </c>
      <c r="D17092" s="14" t="s">
        <v>52235</v>
      </c>
      <c r="E17092" s="2" t="s">
        <v>52236</v>
      </c>
      <c r="F17092" s="2" t="s">
        <v>36301</v>
      </c>
      <c r="G17092" s="8">
        <v>302</v>
      </c>
      <c r="H17092" s="5">
        <v>6</v>
      </c>
      <c r="I17092" s="5" t="s">
        <v>1518</v>
      </c>
      <c r="J17092" s="5" t="s">
        <v>36264</v>
      </c>
      <c r="K17092" s="2" t="s">
        <v>36265</v>
      </c>
      <c r="L17092" s="5" t="s">
        <v>36264</v>
      </c>
      <c r="M17092" s="2" t="s">
        <v>36265</v>
      </c>
      <c r="N17092" s="5" t="s">
        <v>36266</v>
      </c>
      <c r="O17092" s="5" t="s">
        <v>38</v>
      </c>
      <c r="P17092" s="5" t="s">
        <v>39</v>
      </c>
      <c r="Q17092" s="5" t="s">
        <v>40</v>
      </c>
      <c r="R17092" s="5" t="s">
        <v>1522</v>
      </c>
      <c r="S17092" s="5" t="s">
        <v>1523</v>
      </c>
      <c r="T17092" s="5" t="s">
        <v>42</v>
      </c>
      <c r="U17092" s="2">
        <v>3.2290000000000001</v>
      </c>
      <c r="V17092" s="2">
        <v>2.7109999999999999</v>
      </c>
      <c r="W17092" s="2">
        <v>1.4999999999999999E-2</v>
      </c>
      <c r="X17092" s="2">
        <v>118.9</v>
      </c>
      <c r="Y17092" s="2">
        <v>7.6</v>
      </c>
      <c r="Z17092" s="2">
        <v>16.7</v>
      </c>
      <c r="AA17092" s="5"/>
      <c r="AB17092" s="5" t="s">
        <v>43</v>
      </c>
      <c r="AC17092" s="5" t="s">
        <v>44</v>
      </c>
      <c r="AD17092" s="2"/>
      <c r="AE17092" s="1"/>
    </row>
    <row r="17093" spans="1:31" ht="14.45">
      <c r="A17093" s="11"/>
      <c r="B17093" s="20"/>
      <c r="C17093" s="2" t="s">
        <v>52237</v>
      </c>
      <c r="D17093" s="14" t="s">
        <v>52238</v>
      </c>
      <c r="E17093" s="2" t="s">
        <v>52239</v>
      </c>
      <c r="F17093" s="2" t="s">
        <v>36305</v>
      </c>
      <c r="G17093" s="8">
        <v>302</v>
      </c>
      <c r="H17093" s="5">
        <v>6</v>
      </c>
      <c r="I17093" s="5" t="s">
        <v>1518</v>
      </c>
      <c r="J17093" s="5" t="s">
        <v>36264</v>
      </c>
      <c r="K17093" s="2" t="s">
        <v>36265</v>
      </c>
      <c r="L17093" s="5" t="s">
        <v>36264</v>
      </c>
      <c r="M17093" s="2" t="s">
        <v>36265</v>
      </c>
      <c r="N17093" s="5" t="s">
        <v>36266</v>
      </c>
      <c r="O17093" s="5" t="s">
        <v>38</v>
      </c>
      <c r="P17093" s="5" t="s">
        <v>39</v>
      </c>
      <c r="Q17093" s="5" t="s">
        <v>40</v>
      </c>
      <c r="R17093" s="5" t="s">
        <v>1522</v>
      </c>
      <c r="S17093" s="5" t="s">
        <v>1523</v>
      </c>
      <c r="T17093" s="5" t="s">
        <v>42</v>
      </c>
      <c r="U17093" s="2">
        <v>3.129</v>
      </c>
      <c r="V17093" s="2">
        <v>2.6110000000000002</v>
      </c>
      <c r="W17093" s="2">
        <v>1.4999999999999999E-2</v>
      </c>
      <c r="X17093" s="2">
        <v>118.9</v>
      </c>
      <c r="Y17093" s="2">
        <v>7.6</v>
      </c>
      <c r="Z17093" s="2">
        <v>16.7</v>
      </c>
      <c r="AA17093" s="5"/>
      <c r="AB17093" s="5" t="s">
        <v>43</v>
      </c>
      <c r="AC17093" s="5" t="s">
        <v>44</v>
      </c>
      <c r="AD17093" s="2"/>
      <c r="AE17093" s="1"/>
    </row>
    <row r="17094" spans="1:31" ht="14.45">
      <c r="A17094" s="11"/>
      <c r="B17094" s="20"/>
      <c r="C17094" s="2" t="s">
        <v>52240</v>
      </c>
      <c r="D17094" s="14" t="s">
        <v>52241</v>
      </c>
      <c r="E17094" s="2" t="s">
        <v>52242</v>
      </c>
      <c r="F17094" s="2" t="s">
        <v>36309</v>
      </c>
      <c r="G17094" s="8">
        <v>302</v>
      </c>
      <c r="H17094" s="5">
        <v>6</v>
      </c>
      <c r="I17094" s="5" t="s">
        <v>1518</v>
      </c>
      <c r="J17094" s="5" t="s">
        <v>36264</v>
      </c>
      <c r="K17094" s="2" t="s">
        <v>36265</v>
      </c>
      <c r="L17094" s="5" t="s">
        <v>36264</v>
      </c>
      <c r="M17094" s="2" t="s">
        <v>36265</v>
      </c>
      <c r="N17094" s="5" t="s">
        <v>36266</v>
      </c>
      <c r="O17094" s="5" t="s">
        <v>38</v>
      </c>
      <c r="P17094" s="5" t="s">
        <v>39</v>
      </c>
      <c r="Q17094" s="5" t="s">
        <v>40</v>
      </c>
      <c r="R17094" s="5" t="s">
        <v>1522</v>
      </c>
      <c r="S17094" s="5" t="s">
        <v>1523</v>
      </c>
      <c r="T17094" s="5" t="s">
        <v>42</v>
      </c>
      <c r="U17094" s="2">
        <v>3.2290000000000001</v>
      </c>
      <c r="V17094" s="2">
        <v>2.7109999999999999</v>
      </c>
      <c r="W17094" s="2">
        <v>1.4999999999999999E-2</v>
      </c>
      <c r="X17094" s="2">
        <v>118.9</v>
      </c>
      <c r="Y17094" s="2">
        <v>7.6</v>
      </c>
      <c r="Z17094" s="2">
        <v>16.7</v>
      </c>
      <c r="AA17094" s="5"/>
      <c r="AB17094" s="5" t="s">
        <v>43</v>
      </c>
      <c r="AC17094" s="5" t="s">
        <v>44</v>
      </c>
      <c r="AD17094" s="2"/>
      <c r="AE17094" s="1"/>
    </row>
    <row r="17095" spans="1:31" ht="14.45">
      <c r="A17095" s="11"/>
      <c r="B17095" s="20"/>
      <c r="C17095" s="2" t="s">
        <v>52243</v>
      </c>
      <c r="D17095" s="14" t="s">
        <v>52244</v>
      </c>
      <c r="E17095" s="2" t="s">
        <v>52245</v>
      </c>
      <c r="F17095" s="2" t="s">
        <v>36313</v>
      </c>
      <c r="G17095" s="8">
        <v>328</v>
      </c>
      <c r="H17095" s="5">
        <v>6</v>
      </c>
      <c r="I17095" s="5" t="s">
        <v>1518</v>
      </c>
      <c r="J17095" s="5" t="s">
        <v>36264</v>
      </c>
      <c r="K17095" s="2" t="s">
        <v>36265</v>
      </c>
      <c r="L17095" s="5" t="s">
        <v>36264</v>
      </c>
      <c r="M17095" s="2" t="s">
        <v>36265</v>
      </c>
      <c r="N17095" s="5" t="s">
        <v>36266</v>
      </c>
      <c r="O17095" s="5" t="s">
        <v>38</v>
      </c>
      <c r="P17095" s="5" t="s">
        <v>39</v>
      </c>
      <c r="Q17095" s="5" t="s">
        <v>40</v>
      </c>
      <c r="R17095" s="5" t="s">
        <v>1522</v>
      </c>
      <c r="S17095" s="5" t="s">
        <v>1523</v>
      </c>
      <c r="T17095" s="5" t="s">
        <v>42</v>
      </c>
      <c r="U17095" s="2">
        <v>3.129</v>
      </c>
      <c r="V17095" s="2">
        <v>2.6110000000000002</v>
      </c>
      <c r="W17095" s="2">
        <v>1.4999999999999999E-2</v>
      </c>
      <c r="X17095" s="2">
        <v>118.9</v>
      </c>
      <c r="Y17095" s="2">
        <v>7.6</v>
      </c>
      <c r="Z17095" s="2">
        <v>16.7</v>
      </c>
      <c r="AA17095" s="5"/>
      <c r="AB17095" s="5" t="s">
        <v>43</v>
      </c>
      <c r="AC17095" s="5" t="s">
        <v>44</v>
      </c>
      <c r="AD17095" s="2"/>
      <c r="AE17095" s="1"/>
    </row>
    <row r="17096" spans="1:31" ht="14.45">
      <c r="A17096" s="11"/>
      <c r="B17096" s="20"/>
      <c r="C17096" s="2" t="s">
        <v>52246</v>
      </c>
      <c r="D17096" s="14" t="s">
        <v>52247</v>
      </c>
      <c r="E17096" s="2" t="s">
        <v>52248</v>
      </c>
      <c r="F17096" s="2" t="s">
        <v>36329</v>
      </c>
      <c r="G17096" s="8">
        <v>328</v>
      </c>
      <c r="H17096" s="5">
        <v>6</v>
      </c>
      <c r="I17096" s="5" t="s">
        <v>1518</v>
      </c>
      <c r="J17096" s="5" t="s">
        <v>36264</v>
      </c>
      <c r="K17096" s="2" t="s">
        <v>36265</v>
      </c>
      <c r="L17096" s="5" t="s">
        <v>36264</v>
      </c>
      <c r="M17096" s="2" t="s">
        <v>36265</v>
      </c>
      <c r="N17096" s="5" t="s">
        <v>36266</v>
      </c>
      <c r="O17096" s="5" t="s">
        <v>38</v>
      </c>
      <c r="P17096" s="5" t="s">
        <v>39</v>
      </c>
      <c r="Q17096" s="5" t="s">
        <v>40</v>
      </c>
      <c r="R17096" s="5" t="s">
        <v>1522</v>
      </c>
      <c r="S17096" s="5" t="s">
        <v>1523</v>
      </c>
      <c r="T17096" s="5" t="s">
        <v>42</v>
      </c>
      <c r="U17096" s="2">
        <v>3.129</v>
      </c>
      <c r="V17096" s="2">
        <v>2.6110000000000002</v>
      </c>
      <c r="W17096" s="2">
        <v>1.4999999999999999E-2</v>
      </c>
      <c r="X17096" s="2">
        <v>118.9</v>
      </c>
      <c r="Y17096" s="2">
        <v>7.6</v>
      </c>
      <c r="Z17096" s="2">
        <v>16.7</v>
      </c>
      <c r="AA17096" s="5"/>
      <c r="AB17096" s="5" t="s">
        <v>43</v>
      </c>
      <c r="AC17096" s="5" t="s">
        <v>44</v>
      </c>
      <c r="AD17096" s="2"/>
      <c r="AE17096" s="1"/>
    </row>
    <row r="17097" spans="1:31" ht="14.45">
      <c r="A17097" s="11"/>
      <c r="B17097" s="20"/>
      <c r="C17097" s="2" t="s">
        <v>52249</v>
      </c>
      <c r="D17097" s="14" t="s">
        <v>52250</v>
      </c>
      <c r="E17097" s="2" t="s">
        <v>52251</v>
      </c>
      <c r="F17097" s="2" t="s">
        <v>36333</v>
      </c>
      <c r="G17097" s="8">
        <v>328</v>
      </c>
      <c r="H17097" s="5">
        <v>6</v>
      </c>
      <c r="I17097" s="5" t="s">
        <v>1518</v>
      </c>
      <c r="J17097" s="5" t="s">
        <v>36264</v>
      </c>
      <c r="K17097" s="2" t="s">
        <v>36265</v>
      </c>
      <c r="L17097" s="5" t="s">
        <v>36264</v>
      </c>
      <c r="M17097" s="2" t="s">
        <v>36265</v>
      </c>
      <c r="N17097" s="5" t="s">
        <v>36266</v>
      </c>
      <c r="O17097" s="5" t="s">
        <v>38</v>
      </c>
      <c r="P17097" s="5" t="s">
        <v>39</v>
      </c>
      <c r="Q17097" s="5" t="s">
        <v>40</v>
      </c>
      <c r="R17097" s="5" t="s">
        <v>1522</v>
      </c>
      <c r="S17097" s="5" t="s">
        <v>1523</v>
      </c>
      <c r="T17097" s="5" t="s">
        <v>42</v>
      </c>
      <c r="U17097" s="2">
        <v>3.2290000000000001</v>
      </c>
      <c r="V17097" s="2">
        <v>2.7109999999999999</v>
      </c>
      <c r="W17097" s="2">
        <v>1.4999999999999999E-2</v>
      </c>
      <c r="X17097" s="2">
        <v>118.9</v>
      </c>
      <c r="Y17097" s="2">
        <v>7.6</v>
      </c>
      <c r="Z17097" s="2">
        <v>16.7</v>
      </c>
      <c r="AA17097" s="5"/>
      <c r="AB17097" s="5" t="s">
        <v>43</v>
      </c>
      <c r="AC17097" s="5" t="s">
        <v>44</v>
      </c>
      <c r="AD17097" s="2"/>
      <c r="AE17097" s="1"/>
    </row>
    <row r="17098" spans="1:31" ht="14.45">
      <c r="A17098" s="11"/>
      <c r="B17098" s="20"/>
      <c r="C17098" s="2" t="s">
        <v>52252</v>
      </c>
      <c r="D17098" s="14" t="s">
        <v>52253</v>
      </c>
      <c r="E17098" s="2" t="s">
        <v>52254</v>
      </c>
      <c r="F17098" s="2" t="s">
        <v>36337</v>
      </c>
      <c r="G17098" s="8">
        <v>328</v>
      </c>
      <c r="H17098" s="5">
        <v>6</v>
      </c>
      <c r="I17098" s="5" t="s">
        <v>1518</v>
      </c>
      <c r="J17098" s="5" t="s">
        <v>36264</v>
      </c>
      <c r="K17098" s="2" t="s">
        <v>36265</v>
      </c>
      <c r="L17098" s="5" t="s">
        <v>36264</v>
      </c>
      <c r="M17098" s="2" t="s">
        <v>36265</v>
      </c>
      <c r="N17098" s="5" t="s">
        <v>36266</v>
      </c>
      <c r="O17098" s="5" t="s">
        <v>38</v>
      </c>
      <c r="P17098" s="5" t="s">
        <v>39</v>
      </c>
      <c r="Q17098" s="5" t="s">
        <v>40</v>
      </c>
      <c r="R17098" s="5" t="s">
        <v>1522</v>
      </c>
      <c r="S17098" s="5" t="s">
        <v>1523</v>
      </c>
      <c r="T17098" s="5" t="s">
        <v>42</v>
      </c>
      <c r="U17098" s="2">
        <v>3.129</v>
      </c>
      <c r="V17098" s="2">
        <v>2.6110000000000002</v>
      </c>
      <c r="W17098" s="2">
        <v>1.4999999999999999E-2</v>
      </c>
      <c r="X17098" s="2">
        <v>118.9</v>
      </c>
      <c r="Y17098" s="2">
        <v>7.6</v>
      </c>
      <c r="Z17098" s="2">
        <v>16.7</v>
      </c>
      <c r="AA17098" s="5"/>
      <c r="AB17098" s="5" t="s">
        <v>43</v>
      </c>
      <c r="AC17098" s="5" t="s">
        <v>44</v>
      </c>
      <c r="AD17098" s="2"/>
      <c r="AE17098" s="1"/>
    </row>
    <row r="17099" spans="1:31" ht="14.45">
      <c r="A17099" s="11"/>
      <c r="B17099" s="20"/>
      <c r="C17099" s="2" t="s">
        <v>52255</v>
      </c>
      <c r="D17099" s="14" t="s">
        <v>52256</v>
      </c>
      <c r="E17099" s="2" t="s">
        <v>52257</v>
      </c>
      <c r="F17099" s="2" t="s">
        <v>36341</v>
      </c>
      <c r="G17099" s="8">
        <v>328</v>
      </c>
      <c r="H17099" s="5">
        <v>6</v>
      </c>
      <c r="I17099" s="5" t="s">
        <v>1518</v>
      </c>
      <c r="J17099" s="5" t="s">
        <v>36264</v>
      </c>
      <c r="K17099" s="2" t="s">
        <v>36265</v>
      </c>
      <c r="L17099" s="5" t="s">
        <v>36264</v>
      </c>
      <c r="M17099" s="2" t="s">
        <v>36265</v>
      </c>
      <c r="N17099" s="5" t="s">
        <v>36266</v>
      </c>
      <c r="O17099" s="5" t="s">
        <v>38</v>
      </c>
      <c r="P17099" s="5" t="s">
        <v>39</v>
      </c>
      <c r="Q17099" s="5" t="s">
        <v>40</v>
      </c>
      <c r="R17099" s="5" t="s">
        <v>1522</v>
      </c>
      <c r="S17099" s="5" t="s">
        <v>1523</v>
      </c>
      <c r="T17099" s="5" t="s">
        <v>42</v>
      </c>
      <c r="U17099" s="2">
        <v>3.2290000000000001</v>
      </c>
      <c r="V17099" s="2">
        <v>2.7109999999999999</v>
      </c>
      <c r="W17099" s="2">
        <v>1.4999999999999999E-2</v>
      </c>
      <c r="X17099" s="2">
        <v>118.9</v>
      </c>
      <c r="Y17099" s="2">
        <v>7.6</v>
      </c>
      <c r="Z17099" s="2">
        <v>16.7</v>
      </c>
      <c r="AA17099" s="5"/>
      <c r="AB17099" s="5" t="s">
        <v>43</v>
      </c>
      <c r="AC17099" s="5" t="s">
        <v>44</v>
      </c>
      <c r="AD17099" s="2"/>
      <c r="AE17099" s="1"/>
    </row>
    <row r="17100" spans="1:31" ht="14.45">
      <c r="A17100" s="11"/>
      <c r="B17100" s="20"/>
      <c r="C17100" s="2" t="s">
        <v>52258</v>
      </c>
      <c r="D17100" s="14" t="s">
        <v>52259</v>
      </c>
      <c r="E17100" s="2" t="s">
        <v>52260</v>
      </c>
      <c r="F17100" s="2" t="s">
        <v>36345</v>
      </c>
      <c r="G17100" s="8">
        <v>328</v>
      </c>
      <c r="H17100" s="5">
        <v>6</v>
      </c>
      <c r="I17100" s="5" t="s">
        <v>1518</v>
      </c>
      <c r="J17100" s="5" t="s">
        <v>36264</v>
      </c>
      <c r="K17100" s="2" t="s">
        <v>36265</v>
      </c>
      <c r="L17100" s="5" t="s">
        <v>36264</v>
      </c>
      <c r="M17100" s="2" t="s">
        <v>36265</v>
      </c>
      <c r="N17100" s="5" t="s">
        <v>36266</v>
      </c>
      <c r="O17100" s="5" t="s">
        <v>38</v>
      </c>
      <c r="P17100" s="5" t="s">
        <v>39</v>
      </c>
      <c r="Q17100" s="5" t="s">
        <v>40</v>
      </c>
      <c r="R17100" s="5" t="s">
        <v>1522</v>
      </c>
      <c r="S17100" s="5" t="s">
        <v>1523</v>
      </c>
      <c r="T17100" s="5" t="s">
        <v>42</v>
      </c>
      <c r="U17100" s="2">
        <v>3.129</v>
      </c>
      <c r="V17100" s="2">
        <v>2.6110000000000002</v>
      </c>
      <c r="W17100" s="2">
        <v>1.4999999999999999E-2</v>
      </c>
      <c r="X17100" s="2">
        <v>118.9</v>
      </c>
      <c r="Y17100" s="2">
        <v>7.6</v>
      </c>
      <c r="Z17100" s="2">
        <v>16.7</v>
      </c>
      <c r="AA17100" s="5"/>
      <c r="AB17100" s="5" t="s">
        <v>43</v>
      </c>
      <c r="AC17100" s="5" t="s">
        <v>44</v>
      </c>
      <c r="AD17100" s="2"/>
      <c r="AE17100" s="1"/>
    </row>
    <row r="17101" spans="1:31" ht="14.45">
      <c r="A17101" s="11"/>
      <c r="B17101" s="20"/>
      <c r="C17101" s="2" t="s">
        <v>52261</v>
      </c>
      <c r="D17101" s="14" t="s">
        <v>52262</v>
      </c>
      <c r="E17101" s="2" t="s">
        <v>52263</v>
      </c>
      <c r="F17101" s="2" t="s">
        <v>36349</v>
      </c>
      <c r="G17101" s="8">
        <v>328</v>
      </c>
      <c r="H17101" s="5">
        <v>6</v>
      </c>
      <c r="I17101" s="5" t="s">
        <v>1518</v>
      </c>
      <c r="J17101" s="5" t="s">
        <v>36264</v>
      </c>
      <c r="K17101" s="2" t="s">
        <v>36265</v>
      </c>
      <c r="L17101" s="5" t="s">
        <v>36264</v>
      </c>
      <c r="M17101" s="2" t="s">
        <v>36265</v>
      </c>
      <c r="N17101" s="5" t="s">
        <v>36266</v>
      </c>
      <c r="O17101" s="5" t="s">
        <v>38</v>
      </c>
      <c r="P17101" s="5" t="s">
        <v>39</v>
      </c>
      <c r="Q17101" s="5" t="s">
        <v>40</v>
      </c>
      <c r="R17101" s="5" t="s">
        <v>1522</v>
      </c>
      <c r="S17101" s="5" t="s">
        <v>1523</v>
      </c>
      <c r="T17101" s="5" t="s">
        <v>42</v>
      </c>
      <c r="U17101" s="2">
        <v>3.2290000000000001</v>
      </c>
      <c r="V17101" s="2">
        <v>2.7109999999999999</v>
      </c>
      <c r="W17101" s="2">
        <v>1.4999999999999999E-2</v>
      </c>
      <c r="X17101" s="2">
        <v>118.9</v>
      </c>
      <c r="Y17101" s="2">
        <v>7.6</v>
      </c>
      <c r="Z17101" s="2">
        <v>16.7</v>
      </c>
      <c r="AA17101" s="5"/>
      <c r="AB17101" s="5" t="s">
        <v>43</v>
      </c>
      <c r="AC17101" s="5" t="s">
        <v>44</v>
      </c>
      <c r="AD17101" s="2"/>
      <c r="AE17101" s="1"/>
    </row>
    <row r="17102" spans="1:31" ht="14.45">
      <c r="A17102" s="11"/>
      <c r="B17102" s="20"/>
      <c r="C17102" s="2" t="s">
        <v>52264</v>
      </c>
      <c r="D17102" s="14" t="s">
        <v>52265</v>
      </c>
      <c r="E17102" s="2" t="s">
        <v>52266</v>
      </c>
      <c r="F17102" s="2" t="s">
        <v>45598</v>
      </c>
      <c r="G17102" s="8">
        <v>328</v>
      </c>
      <c r="H17102" s="5">
        <v>6</v>
      </c>
      <c r="I17102" s="5" t="s">
        <v>1518</v>
      </c>
      <c r="J17102" s="5" t="s">
        <v>36264</v>
      </c>
      <c r="K17102" s="2" t="s">
        <v>36265</v>
      </c>
      <c r="L17102" s="5" t="s">
        <v>36264</v>
      </c>
      <c r="M17102" s="2" t="s">
        <v>36265</v>
      </c>
      <c r="N17102" s="5" t="s">
        <v>36266</v>
      </c>
      <c r="O17102" s="5" t="s">
        <v>38</v>
      </c>
      <c r="P17102" s="5" t="s">
        <v>39</v>
      </c>
      <c r="Q17102" s="5" t="s">
        <v>40</v>
      </c>
      <c r="R17102" s="5" t="s">
        <v>1522</v>
      </c>
      <c r="S17102" s="5" t="s">
        <v>1523</v>
      </c>
      <c r="T17102" s="5" t="s">
        <v>42</v>
      </c>
      <c r="U17102" s="2">
        <v>3.129</v>
      </c>
      <c r="V17102" s="2">
        <v>2.6110000000000002</v>
      </c>
      <c r="W17102" s="2">
        <v>1.4999999999999999E-2</v>
      </c>
      <c r="X17102" s="2">
        <v>118.9</v>
      </c>
      <c r="Y17102" s="2">
        <v>7.6</v>
      </c>
      <c r="Z17102" s="2">
        <v>16.7</v>
      </c>
      <c r="AA17102" s="5"/>
      <c r="AB17102" s="5" t="s">
        <v>43</v>
      </c>
      <c r="AC17102" s="5" t="s">
        <v>44</v>
      </c>
      <c r="AD17102" s="2"/>
      <c r="AE17102" s="1"/>
    </row>
    <row r="17103" spans="1:31" ht="14.45">
      <c r="A17103" s="11"/>
      <c r="B17103" s="20"/>
      <c r="C17103" s="2" t="s">
        <v>52267</v>
      </c>
      <c r="D17103" s="14" t="s">
        <v>52268</v>
      </c>
      <c r="E17103" s="2" t="s">
        <v>52269</v>
      </c>
      <c r="F17103" s="2" t="s">
        <v>45534</v>
      </c>
      <c r="G17103" s="8">
        <v>328</v>
      </c>
      <c r="H17103" s="5">
        <v>6</v>
      </c>
      <c r="I17103" s="5" t="s">
        <v>1518</v>
      </c>
      <c r="J17103" s="5" t="s">
        <v>36264</v>
      </c>
      <c r="K17103" s="2" t="s">
        <v>36265</v>
      </c>
      <c r="L17103" s="5" t="s">
        <v>36264</v>
      </c>
      <c r="M17103" s="2" t="s">
        <v>36265</v>
      </c>
      <c r="N17103" s="5" t="s">
        <v>36266</v>
      </c>
      <c r="O17103" s="5" t="s">
        <v>38</v>
      </c>
      <c r="P17103" s="5" t="s">
        <v>39</v>
      </c>
      <c r="Q17103" s="5" t="s">
        <v>40</v>
      </c>
      <c r="R17103" s="5" t="s">
        <v>1522</v>
      </c>
      <c r="S17103" s="5" t="s">
        <v>1523</v>
      </c>
      <c r="T17103" s="5" t="s">
        <v>42</v>
      </c>
      <c r="U17103" s="2">
        <v>3.2290000000000001</v>
      </c>
      <c r="V17103" s="2">
        <v>2.7109999999999999</v>
      </c>
      <c r="W17103" s="2">
        <v>1.4999999999999999E-2</v>
      </c>
      <c r="X17103" s="2">
        <v>118.9</v>
      </c>
      <c r="Y17103" s="2">
        <v>7.6</v>
      </c>
      <c r="Z17103" s="2">
        <v>16.7</v>
      </c>
      <c r="AA17103" s="5"/>
      <c r="AB17103" s="5" t="s">
        <v>43</v>
      </c>
      <c r="AC17103" s="5" t="s">
        <v>44</v>
      </c>
      <c r="AD17103" s="2"/>
      <c r="AE17103" s="1"/>
    </row>
    <row r="17104" spans="1:31" ht="14.45">
      <c r="A17104" s="11"/>
      <c r="B17104" s="20"/>
      <c r="C17104" s="2" t="s">
        <v>52270</v>
      </c>
      <c r="D17104" s="14" t="s">
        <v>52271</v>
      </c>
      <c r="E17104" s="2" t="s">
        <v>52272</v>
      </c>
      <c r="F17104" s="2" t="s">
        <v>36373</v>
      </c>
      <c r="G17104" s="8">
        <v>328</v>
      </c>
      <c r="H17104" s="5">
        <v>6</v>
      </c>
      <c r="I17104" s="5" t="s">
        <v>1518</v>
      </c>
      <c r="J17104" s="5" t="s">
        <v>36264</v>
      </c>
      <c r="K17104" s="2" t="s">
        <v>36265</v>
      </c>
      <c r="L17104" s="5" t="s">
        <v>36264</v>
      </c>
      <c r="M17104" s="2" t="s">
        <v>36265</v>
      </c>
      <c r="N17104" s="5" t="s">
        <v>36266</v>
      </c>
      <c r="O17104" s="5" t="s">
        <v>38</v>
      </c>
      <c r="P17104" s="5" t="s">
        <v>39</v>
      </c>
      <c r="Q17104" s="5" t="s">
        <v>40</v>
      </c>
      <c r="R17104" s="5" t="s">
        <v>1522</v>
      </c>
      <c r="S17104" s="5" t="s">
        <v>1523</v>
      </c>
      <c r="T17104" s="5" t="s">
        <v>42</v>
      </c>
      <c r="U17104" s="2">
        <v>3.2290000000000001</v>
      </c>
      <c r="V17104" s="2">
        <v>2.7109999999999999</v>
      </c>
      <c r="W17104" s="2">
        <v>1.4999999999999999E-2</v>
      </c>
      <c r="X17104" s="2">
        <v>118.9</v>
      </c>
      <c r="Y17104" s="2">
        <v>7.6</v>
      </c>
      <c r="Z17104" s="2">
        <v>16.7</v>
      </c>
      <c r="AA17104" s="5"/>
      <c r="AB17104" s="5" t="s">
        <v>43</v>
      </c>
      <c r="AC17104" s="5" t="s">
        <v>44</v>
      </c>
      <c r="AD17104" s="2"/>
      <c r="AE17104" s="1"/>
    </row>
    <row r="17105" spans="1:31" ht="14.45">
      <c r="A17105" s="11"/>
      <c r="B17105" s="20"/>
      <c r="C17105" s="2" t="s">
        <v>52273</v>
      </c>
      <c r="D17105" s="14" t="s">
        <v>52274</v>
      </c>
      <c r="E17105" s="2" t="s">
        <v>52275</v>
      </c>
      <c r="F17105" s="2" t="s">
        <v>36377</v>
      </c>
      <c r="G17105" s="8">
        <v>328</v>
      </c>
      <c r="H17105" s="5">
        <v>6</v>
      </c>
      <c r="I17105" s="5" t="s">
        <v>1518</v>
      </c>
      <c r="J17105" s="5" t="s">
        <v>36264</v>
      </c>
      <c r="K17105" s="2" t="s">
        <v>36265</v>
      </c>
      <c r="L17105" s="5" t="s">
        <v>36264</v>
      </c>
      <c r="M17105" s="2" t="s">
        <v>36265</v>
      </c>
      <c r="N17105" s="5" t="s">
        <v>36266</v>
      </c>
      <c r="O17105" s="5" t="s">
        <v>38</v>
      </c>
      <c r="P17105" s="5" t="s">
        <v>39</v>
      </c>
      <c r="Q17105" s="5" t="s">
        <v>40</v>
      </c>
      <c r="R17105" s="5" t="s">
        <v>1522</v>
      </c>
      <c r="S17105" s="5" t="s">
        <v>1523</v>
      </c>
      <c r="T17105" s="5" t="s">
        <v>42</v>
      </c>
      <c r="U17105" s="2">
        <v>3.129</v>
      </c>
      <c r="V17105" s="2">
        <v>2.6110000000000002</v>
      </c>
      <c r="W17105" s="2">
        <v>1.4999999999999999E-2</v>
      </c>
      <c r="X17105" s="2">
        <v>118.9</v>
      </c>
      <c r="Y17105" s="2">
        <v>7.6</v>
      </c>
      <c r="Z17105" s="2">
        <v>16.7</v>
      </c>
      <c r="AA17105" s="5"/>
      <c r="AB17105" s="5" t="s">
        <v>43</v>
      </c>
      <c r="AC17105" s="5" t="s">
        <v>44</v>
      </c>
      <c r="AD17105" s="2"/>
      <c r="AE17105" s="1"/>
    </row>
    <row r="17106" spans="1:31" ht="14.45">
      <c r="A17106" s="11"/>
      <c r="B17106" s="20"/>
      <c r="C17106" s="2" t="s">
        <v>52276</v>
      </c>
      <c r="D17106" s="14" t="s">
        <v>52277</v>
      </c>
      <c r="E17106" s="2" t="s">
        <v>52278</v>
      </c>
      <c r="F17106" s="2" t="s">
        <v>36381</v>
      </c>
      <c r="G17106" s="8">
        <v>328</v>
      </c>
      <c r="H17106" s="5">
        <v>6</v>
      </c>
      <c r="I17106" s="5" t="s">
        <v>1518</v>
      </c>
      <c r="J17106" s="5" t="s">
        <v>36264</v>
      </c>
      <c r="K17106" s="2" t="s">
        <v>36265</v>
      </c>
      <c r="L17106" s="5" t="s">
        <v>36264</v>
      </c>
      <c r="M17106" s="2" t="s">
        <v>36265</v>
      </c>
      <c r="N17106" s="5" t="s">
        <v>36266</v>
      </c>
      <c r="O17106" s="5" t="s">
        <v>38</v>
      </c>
      <c r="P17106" s="5" t="s">
        <v>39</v>
      </c>
      <c r="Q17106" s="5" t="s">
        <v>40</v>
      </c>
      <c r="R17106" s="5" t="s">
        <v>1522</v>
      </c>
      <c r="S17106" s="5" t="s">
        <v>1523</v>
      </c>
      <c r="T17106" s="5" t="s">
        <v>42</v>
      </c>
      <c r="U17106" s="2">
        <v>3.2290000000000001</v>
      </c>
      <c r="V17106" s="2">
        <v>2.7109999999999999</v>
      </c>
      <c r="W17106" s="2">
        <v>1.4999999999999999E-2</v>
      </c>
      <c r="X17106" s="2">
        <v>118.9</v>
      </c>
      <c r="Y17106" s="2">
        <v>7.6</v>
      </c>
      <c r="Z17106" s="2">
        <v>16.7</v>
      </c>
      <c r="AA17106" s="5"/>
      <c r="AB17106" s="5" t="s">
        <v>43</v>
      </c>
      <c r="AC17106" s="5" t="s">
        <v>44</v>
      </c>
      <c r="AD17106" s="2"/>
      <c r="AE17106" s="1"/>
    </row>
    <row r="17107" spans="1:31" ht="14.45">
      <c r="A17107" s="11"/>
      <c r="B17107" s="20"/>
      <c r="C17107" s="2" t="s">
        <v>52279</v>
      </c>
      <c r="D17107" s="14" t="s">
        <v>52280</v>
      </c>
      <c r="E17107" s="2" t="s">
        <v>52281</v>
      </c>
      <c r="F17107" s="2" t="s">
        <v>36389</v>
      </c>
      <c r="G17107" s="8">
        <v>328</v>
      </c>
      <c r="H17107" s="5">
        <v>6</v>
      </c>
      <c r="I17107" s="5" t="s">
        <v>1518</v>
      </c>
      <c r="J17107" s="5" t="s">
        <v>36264</v>
      </c>
      <c r="K17107" s="2" t="s">
        <v>36265</v>
      </c>
      <c r="L17107" s="5" t="s">
        <v>36264</v>
      </c>
      <c r="M17107" s="2" t="s">
        <v>36265</v>
      </c>
      <c r="N17107" s="5" t="s">
        <v>36266</v>
      </c>
      <c r="O17107" s="5" t="s">
        <v>38</v>
      </c>
      <c r="P17107" s="5" t="s">
        <v>39</v>
      </c>
      <c r="Q17107" s="5" t="s">
        <v>40</v>
      </c>
      <c r="R17107" s="5" t="s">
        <v>1522</v>
      </c>
      <c r="S17107" s="5" t="s">
        <v>1523</v>
      </c>
      <c r="T17107" s="5" t="s">
        <v>42</v>
      </c>
      <c r="U17107" s="2">
        <v>3.2290000000000001</v>
      </c>
      <c r="V17107" s="2">
        <v>2.7109999999999999</v>
      </c>
      <c r="W17107" s="2">
        <v>1.4999999999999999E-2</v>
      </c>
      <c r="X17107" s="2">
        <v>118.9</v>
      </c>
      <c r="Y17107" s="2">
        <v>7.6</v>
      </c>
      <c r="Z17107" s="2">
        <v>16.7</v>
      </c>
      <c r="AA17107" s="5"/>
      <c r="AB17107" s="5" t="s">
        <v>43</v>
      </c>
      <c r="AC17107" s="5" t="s">
        <v>44</v>
      </c>
      <c r="AD17107" s="2"/>
      <c r="AE17107" s="1"/>
    </row>
    <row r="17108" spans="1:31" ht="14.45">
      <c r="A17108" s="11"/>
      <c r="B17108" s="20"/>
      <c r="C17108" s="2" t="s">
        <v>52282</v>
      </c>
      <c r="D17108" s="14" t="s">
        <v>52283</v>
      </c>
      <c r="E17108" s="2" t="s">
        <v>52284</v>
      </c>
      <c r="F17108" s="2" t="s">
        <v>7204</v>
      </c>
      <c r="G17108" s="8">
        <v>317</v>
      </c>
      <c r="H17108" s="5">
        <v>6</v>
      </c>
      <c r="I17108" s="5" t="s">
        <v>1518</v>
      </c>
      <c r="J17108" s="5" t="s">
        <v>36264</v>
      </c>
      <c r="K17108" s="2" t="s">
        <v>36265</v>
      </c>
      <c r="L17108" s="5" t="s">
        <v>36264</v>
      </c>
      <c r="M17108" s="2" t="s">
        <v>36265</v>
      </c>
      <c r="N17108" s="5" t="s">
        <v>36266</v>
      </c>
      <c r="O17108" s="5" t="s">
        <v>38</v>
      </c>
      <c r="P17108" s="5" t="s">
        <v>39</v>
      </c>
      <c r="Q17108" s="5" t="s">
        <v>40</v>
      </c>
      <c r="R17108" s="5" t="s">
        <v>1522</v>
      </c>
      <c r="S17108" s="5" t="s">
        <v>1523</v>
      </c>
      <c r="T17108" s="5" t="s">
        <v>42</v>
      </c>
      <c r="U17108" s="2">
        <v>3.3809999999999998</v>
      </c>
      <c r="V17108" s="2">
        <v>2.786</v>
      </c>
      <c r="W17108" s="2">
        <v>1.7999999999999999E-2</v>
      </c>
      <c r="X17108" s="2">
        <v>139.1</v>
      </c>
      <c r="Y17108" s="2">
        <v>7.6</v>
      </c>
      <c r="Z17108" s="2">
        <v>16.7</v>
      </c>
      <c r="AA17108" s="5"/>
      <c r="AB17108" s="5" t="s">
        <v>43</v>
      </c>
      <c r="AC17108" s="5" t="s">
        <v>44</v>
      </c>
      <c r="AD17108" s="2"/>
      <c r="AE17108" s="1"/>
    </row>
    <row r="17109" spans="1:31" ht="14.45">
      <c r="A17109" s="11"/>
      <c r="B17109" s="20"/>
      <c r="C17109" s="2" t="s">
        <v>52285</v>
      </c>
      <c r="D17109" s="14" t="s">
        <v>52286</v>
      </c>
      <c r="E17109" s="2" t="s">
        <v>52287</v>
      </c>
      <c r="F17109" s="2" t="s">
        <v>7514</v>
      </c>
      <c r="G17109" s="8">
        <v>317</v>
      </c>
      <c r="H17109" s="5">
        <v>6</v>
      </c>
      <c r="I17109" s="5" t="s">
        <v>1518</v>
      </c>
      <c r="J17109" s="5" t="s">
        <v>36264</v>
      </c>
      <c r="K17109" s="2" t="s">
        <v>36265</v>
      </c>
      <c r="L17109" s="5" t="s">
        <v>36264</v>
      </c>
      <c r="M17109" s="2" t="s">
        <v>36265</v>
      </c>
      <c r="N17109" s="5" t="s">
        <v>36266</v>
      </c>
      <c r="O17109" s="5" t="s">
        <v>38</v>
      </c>
      <c r="P17109" s="5" t="s">
        <v>39</v>
      </c>
      <c r="Q17109" s="5" t="s">
        <v>40</v>
      </c>
      <c r="R17109" s="5" t="s">
        <v>1522</v>
      </c>
      <c r="S17109" s="5" t="s">
        <v>1523</v>
      </c>
      <c r="T17109" s="5" t="s">
        <v>42</v>
      </c>
      <c r="U17109" s="2">
        <v>3.4910000000000001</v>
      </c>
      <c r="V17109" s="2">
        <v>2.8959999999999999</v>
      </c>
      <c r="W17109" s="2">
        <v>1.7999999999999999E-2</v>
      </c>
      <c r="X17109" s="2">
        <v>139.1</v>
      </c>
      <c r="Y17109" s="2">
        <v>7.6</v>
      </c>
      <c r="Z17109" s="2">
        <v>16.7</v>
      </c>
      <c r="AA17109" s="5"/>
      <c r="AB17109" s="5" t="s">
        <v>43</v>
      </c>
      <c r="AC17109" s="5" t="s">
        <v>44</v>
      </c>
      <c r="AD17109" s="2"/>
      <c r="AE17109" s="1"/>
    </row>
    <row r="17110" spans="1:31" ht="14.45">
      <c r="A17110" s="11"/>
      <c r="B17110" s="20"/>
      <c r="C17110" s="2" t="s">
        <v>52288</v>
      </c>
      <c r="D17110" s="14" t="s">
        <v>52289</v>
      </c>
      <c r="E17110" s="2" t="s">
        <v>52290</v>
      </c>
      <c r="F17110" s="2" t="s">
        <v>36273</v>
      </c>
      <c r="G17110" s="8">
        <v>317</v>
      </c>
      <c r="H17110" s="5">
        <v>6</v>
      </c>
      <c r="I17110" s="5" t="s">
        <v>1518</v>
      </c>
      <c r="J17110" s="5" t="s">
        <v>36264</v>
      </c>
      <c r="K17110" s="2" t="s">
        <v>36265</v>
      </c>
      <c r="L17110" s="5" t="s">
        <v>36264</v>
      </c>
      <c r="M17110" s="2" t="s">
        <v>36265</v>
      </c>
      <c r="N17110" s="5" t="s">
        <v>36266</v>
      </c>
      <c r="O17110" s="5" t="s">
        <v>38</v>
      </c>
      <c r="P17110" s="5" t="s">
        <v>39</v>
      </c>
      <c r="Q17110" s="5" t="s">
        <v>40</v>
      </c>
      <c r="R17110" s="5" t="s">
        <v>1522</v>
      </c>
      <c r="S17110" s="5" t="s">
        <v>1523</v>
      </c>
      <c r="T17110" s="5" t="s">
        <v>42</v>
      </c>
      <c r="U17110" s="2">
        <v>3.3809999999999998</v>
      </c>
      <c r="V17110" s="2">
        <v>2.786</v>
      </c>
      <c r="W17110" s="2">
        <v>1.7999999999999999E-2</v>
      </c>
      <c r="X17110" s="2">
        <v>139.1</v>
      </c>
      <c r="Y17110" s="2">
        <v>7.6</v>
      </c>
      <c r="Z17110" s="2">
        <v>16.7</v>
      </c>
      <c r="AA17110" s="5"/>
      <c r="AB17110" s="5" t="s">
        <v>43</v>
      </c>
      <c r="AC17110" s="5" t="s">
        <v>44</v>
      </c>
      <c r="AD17110" s="2"/>
      <c r="AE17110" s="1"/>
    </row>
    <row r="17111" spans="1:31" ht="14.45">
      <c r="A17111" s="11"/>
      <c r="B17111" s="20"/>
      <c r="C17111" s="2" t="s">
        <v>52291</v>
      </c>
      <c r="D17111" s="14" t="s">
        <v>52292</v>
      </c>
      <c r="E17111" s="2" t="s">
        <v>52293</v>
      </c>
      <c r="F17111" s="2" t="s">
        <v>36277</v>
      </c>
      <c r="G17111" s="8">
        <v>317</v>
      </c>
      <c r="H17111" s="5">
        <v>6</v>
      </c>
      <c r="I17111" s="5" t="s">
        <v>1518</v>
      </c>
      <c r="J17111" s="5" t="s">
        <v>36264</v>
      </c>
      <c r="K17111" s="2" t="s">
        <v>36265</v>
      </c>
      <c r="L17111" s="5" t="s">
        <v>36264</v>
      </c>
      <c r="M17111" s="2" t="s">
        <v>36265</v>
      </c>
      <c r="N17111" s="5" t="s">
        <v>36266</v>
      </c>
      <c r="O17111" s="5" t="s">
        <v>38</v>
      </c>
      <c r="P17111" s="5" t="s">
        <v>39</v>
      </c>
      <c r="Q17111" s="5" t="s">
        <v>40</v>
      </c>
      <c r="R17111" s="5" t="s">
        <v>1522</v>
      </c>
      <c r="S17111" s="5" t="s">
        <v>1523</v>
      </c>
      <c r="T17111" s="5" t="s">
        <v>42</v>
      </c>
      <c r="U17111" s="2">
        <v>3.4910000000000001</v>
      </c>
      <c r="V17111" s="2">
        <v>2.8959999999999999</v>
      </c>
      <c r="W17111" s="2">
        <v>1.7999999999999999E-2</v>
      </c>
      <c r="X17111" s="2">
        <v>139.1</v>
      </c>
      <c r="Y17111" s="2">
        <v>7.6</v>
      </c>
      <c r="Z17111" s="2">
        <v>16.7</v>
      </c>
      <c r="AA17111" s="5"/>
      <c r="AB17111" s="5" t="s">
        <v>43</v>
      </c>
      <c r="AC17111" s="5" t="s">
        <v>44</v>
      </c>
      <c r="AD17111" s="2"/>
      <c r="AE17111" s="1"/>
    </row>
    <row r="17112" spans="1:31" ht="14.45">
      <c r="A17112" s="11"/>
      <c r="B17112" s="20"/>
      <c r="C17112" s="2" t="s">
        <v>52294</v>
      </c>
      <c r="D17112" s="14" t="s">
        <v>52295</v>
      </c>
      <c r="E17112" s="2" t="s">
        <v>52296</v>
      </c>
      <c r="F17112" s="2" t="s">
        <v>36281</v>
      </c>
      <c r="G17112" s="8">
        <v>345</v>
      </c>
      <c r="H17112" s="5">
        <v>6</v>
      </c>
      <c r="I17112" s="5" t="s">
        <v>1518</v>
      </c>
      <c r="J17112" s="5" t="s">
        <v>36264</v>
      </c>
      <c r="K17112" s="2" t="s">
        <v>36265</v>
      </c>
      <c r="L17112" s="5" t="s">
        <v>36264</v>
      </c>
      <c r="M17112" s="2" t="s">
        <v>36265</v>
      </c>
      <c r="N17112" s="5" t="s">
        <v>36266</v>
      </c>
      <c r="O17112" s="5" t="s">
        <v>38</v>
      </c>
      <c r="P17112" s="5" t="s">
        <v>39</v>
      </c>
      <c r="Q17112" s="5" t="s">
        <v>40</v>
      </c>
      <c r="R17112" s="5" t="s">
        <v>1522</v>
      </c>
      <c r="S17112" s="5" t="s">
        <v>1523</v>
      </c>
      <c r="T17112" s="5" t="s">
        <v>42</v>
      </c>
      <c r="U17112" s="2">
        <v>3.3809999999999998</v>
      </c>
      <c r="V17112" s="2">
        <v>2.786</v>
      </c>
      <c r="W17112" s="2">
        <v>1.7999999999999999E-2</v>
      </c>
      <c r="X17112" s="2">
        <v>139.1</v>
      </c>
      <c r="Y17112" s="2">
        <v>7.6</v>
      </c>
      <c r="Z17112" s="2">
        <v>16.7</v>
      </c>
      <c r="AA17112" s="5"/>
      <c r="AB17112" s="5" t="s">
        <v>43</v>
      </c>
      <c r="AC17112" s="5" t="s">
        <v>44</v>
      </c>
      <c r="AD17112" s="2"/>
      <c r="AE17112" s="1"/>
    </row>
    <row r="17113" spans="1:31" ht="14.45">
      <c r="A17113" s="11"/>
      <c r="B17113" s="20"/>
      <c r="C17113" s="2" t="s">
        <v>52297</v>
      </c>
      <c r="D17113" s="14" t="s">
        <v>52298</v>
      </c>
      <c r="E17113" s="2" t="s">
        <v>52299</v>
      </c>
      <c r="F17113" s="2" t="s">
        <v>36289</v>
      </c>
      <c r="G17113" s="8">
        <v>345</v>
      </c>
      <c r="H17113" s="5">
        <v>6</v>
      </c>
      <c r="I17113" s="5" t="s">
        <v>1518</v>
      </c>
      <c r="J17113" s="5" t="s">
        <v>36264</v>
      </c>
      <c r="K17113" s="2" t="s">
        <v>36265</v>
      </c>
      <c r="L17113" s="5" t="s">
        <v>36264</v>
      </c>
      <c r="M17113" s="2" t="s">
        <v>36265</v>
      </c>
      <c r="N17113" s="5" t="s">
        <v>36266</v>
      </c>
      <c r="O17113" s="5" t="s">
        <v>38</v>
      </c>
      <c r="P17113" s="5" t="s">
        <v>39</v>
      </c>
      <c r="Q17113" s="5" t="s">
        <v>40</v>
      </c>
      <c r="R17113" s="5" t="s">
        <v>1522</v>
      </c>
      <c r="S17113" s="5" t="s">
        <v>1523</v>
      </c>
      <c r="T17113" s="5" t="s">
        <v>42</v>
      </c>
      <c r="U17113" s="2">
        <v>3.3809999999999998</v>
      </c>
      <c r="V17113" s="2">
        <v>2.786</v>
      </c>
      <c r="W17113" s="2">
        <v>1.7999999999999999E-2</v>
      </c>
      <c r="X17113" s="2">
        <v>139.1</v>
      </c>
      <c r="Y17113" s="2">
        <v>7.6</v>
      </c>
      <c r="Z17113" s="2">
        <v>16.7</v>
      </c>
      <c r="AA17113" s="5"/>
      <c r="AB17113" s="5" t="s">
        <v>43</v>
      </c>
      <c r="AC17113" s="5" t="s">
        <v>44</v>
      </c>
      <c r="AD17113" s="2"/>
      <c r="AE17113" s="1"/>
    </row>
    <row r="17114" spans="1:31" ht="14.45">
      <c r="A17114" s="11"/>
      <c r="B17114" s="20"/>
      <c r="C17114" s="2" t="s">
        <v>52300</v>
      </c>
      <c r="D17114" s="14" t="s">
        <v>52301</v>
      </c>
      <c r="E17114" s="2" t="s">
        <v>52302</v>
      </c>
      <c r="F17114" s="2" t="s">
        <v>36293</v>
      </c>
      <c r="G17114" s="8">
        <v>345</v>
      </c>
      <c r="H17114" s="5">
        <v>6</v>
      </c>
      <c r="I17114" s="5" t="s">
        <v>1518</v>
      </c>
      <c r="J17114" s="5" t="s">
        <v>36264</v>
      </c>
      <c r="K17114" s="2" t="s">
        <v>36265</v>
      </c>
      <c r="L17114" s="5" t="s">
        <v>36264</v>
      </c>
      <c r="M17114" s="2" t="s">
        <v>36265</v>
      </c>
      <c r="N17114" s="5" t="s">
        <v>36266</v>
      </c>
      <c r="O17114" s="5" t="s">
        <v>38</v>
      </c>
      <c r="P17114" s="5" t="s">
        <v>39</v>
      </c>
      <c r="Q17114" s="5" t="s">
        <v>40</v>
      </c>
      <c r="R17114" s="5" t="s">
        <v>1522</v>
      </c>
      <c r="S17114" s="5" t="s">
        <v>1523</v>
      </c>
      <c r="T17114" s="5" t="s">
        <v>42</v>
      </c>
      <c r="U17114" s="2">
        <v>3.4910000000000001</v>
      </c>
      <c r="V17114" s="2">
        <v>2.8959999999999999</v>
      </c>
      <c r="W17114" s="2">
        <v>1.7999999999999999E-2</v>
      </c>
      <c r="X17114" s="2">
        <v>139.1</v>
      </c>
      <c r="Y17114" s="2">
        <v>7.6</v>
      </c>
      <c r="Z17114" s="2">
        <v>16.7</v>
      </c>
      <c r="AA17114" s="5"/>
      <c r="AB17114" s="5" t="s">
        <v>43</v>
      </c>
      <c r="AC17114" s="5" t="s">
        <v>44</v>
      </c>
      <c r="AD17114" s="2"/>
      <c r="AE17114" s="1"/>
    </row>
    <row r="17115" spans="1:31" ht="14.45">
      <c r="A17115" s="11"/>
      <c r="B17115" s="20"/>
      <c r="C17115" s="2" t="s">
        <v>52303</v>
      </c>
      <c r="D17115" s="14" t="s">
        <v>52304</v>
      </c>
      <c r="E17115" s="2" t="s">
        <v>52305</v>
      </c>
      <c r="F17115" s="2" t="s">
        <v>36297</v>
      </c>
      <c r="G17115" s="8">
        <v>317</v>
      </c>
      <c r="H17115" s="5">
        <v>6</v>
      </c>
      <c r="I17115" s="5" t="s">
        <v>1518</v>
      </c>
      <c r="J17115" s="5" t="s">
        <v>36264</v>
      </c>
      <c r="K17115" s="2" t="s">
        <v>36265</v>
      </c>
      <c r="L17115" s="5" t="s">
        <v>36264</v>
      </c>
      <c r="M17115" s="2" t="s">
        <v>36265</v>
      </c>
      <c r="N17115" s="5" t="s">
        <v>36266</v>
      </c>
      <c r="O17115" s="5" t="s">
        <v>38</v>
      </c>
      <c r="P17115" s="5" t="s">
        <v>39</v>
      </c>
      <c r="Q17115" s="5" t="s">
        <v>40</v>
      </c>
      <c r="R17115" s="5" t="s">
        <v>1522</v>
      </c>
      <c r="S17115" s="5" t="s">
        <v>1523</v>
      </c>
      <c r="T17115" s="5" t="s">
        <v>42</v>
      </c>
      <c r="U17115" s="2">
        <v>3.3809999999999998</v>
      </c>
      <c r="V17115" s="2">
        <v>2.786</v>
      </c>
      <c r="W17115" s="2">
        <v>1.7999999999999999E-2</v>
      </c>
      <c r="X17115" s="2">
        <v>139.1</v>
      </c>
      <c r="Y17115" s="2">
        <v>7.6</v>
      </c>
      <c r="Z17115" s="2">
        <v>16.7</v>
      </c>
      <c r="AA17115" s="5"/>
      <c r="AB17115" s="5" t="s">
        <v>43</v>
      </c>
      <c r="AC17115" s="5" t="s">
        <v>44</v>
      </c>
      <c r="AD17115" s="2"/>
      <c r="AE17115" s="1"/>
    </row>
    <row r="17116" spans="1:31" ht="14.45">
      <c r="A17116" s="11"/>
      <c r="B17116" s="20"/>
      <c r="C17116" s="2" t="s">
        <v>52306</v>
      </c>
      <c r="D17116" s="14" t="s">
        <v>52307</v>
      </c>
      <c r="E17116" s="2" t="s">
        <v>52308</v>
      </c>
      <c r="F17116" s="2" t="s">
        <v>36305</v>
      </c>
      <c r="G17116" s="8">
        <v>317</v>
      </c>
      <c r="H17116" s="5">
        <v>6</v>
      </c>
      <c r="I17116" s="5" t="s">
        <v>1518</v>
      </c>
      <c r="J17116" s="5" t="s">
        <v>36264</v>
      </c>
      <c r="K17116" s="2" t="s">
        <v>36265</v>
      </c>
      <c r="L17116" s="5" t="s">
        <v>36264</v>
      </c>
      <c r="M17116" s="2" t="s">
        <v>36265</v>
      </c>
      <c r="N17116" s="5" t="s">
        <v>36266</v>
      </c>
      <c r="O17116" s="5" t="s">
        <v>38</v>
      </c>
      <c r="P17116" s="5" t="s">
        <v>39</v>
      </c>
      <c r="Q17116" s="5" t="s">
        <v>40</v>
      </c>
      <c r="R17116" s="5" t="s">
        <v>1522</v>
      </c>
      <c r="S17116" s="5" t="s">
        <v>1523</v>
      </c>
      <c r="T17116" s="5" t="s">
        <v>42</v>
      </c>
      <c r="U17116" s="2">
        <v>3.3809999999999998</v>
      </c>
      <c r="V17116" s="2">
        <v>2.786</v>
      </c>
      <c r="W17116" s="2">
        <v>1.7999999999999999E-2</v>
      </c>
      <c r="X17116" s="2">
        <v>139.1</v>
      </c>
      <c r="Y17116" s="2">
        <v>7.6</v>
      </c>
      <c r="Z17116" s="2">
        <v>16.7</v>
      </c>
      <c r="AA17116" s="5"/>
      <c r="AB17116" s="5" t="s">
        <v>43</v>
      </c>
      <c r="AC17116" s="5" t="s">
        <v>44</v>
      </c>
      <c r="AD17116" s="2"/>
      <c r="AE17116" s="1"/>
    </row>
    <row r="17117" spans="1:31" ht="14.45">
      <c r="A17117" s="11"/>
      <c r="B17117" s="20"/>
      <c r="C17117" s="2" t="s">
        <v>52309</v>
      </c>
      <c r="D17117" s="14" t="s">
        <v>52310</v>
      </c>
      <c r="E17117" s="2" t="s">
        <v>52311</v>
      </c>
      <c r="F17117" s="2" t="s">
        <v>36309</v>
      </c>
      <c r="G17117" s="8">
        <v>317</v>
      </c>
      <c r="H17117" s="5">
        <v>6</v>
      </c>
      <c r="I17117" s="5" t="s">
        <v>1518</v>
      </c>
      <c r="J17117" s="5" t="s">
        <v>36264</v>
      </c>
      <c r="K17117" s="2" t="s">
        <v>36265</v>
      </c>
      <c r="L17117" s="5" t="s">
        <v>36264</v>
      </c>
      <c r="M17117" s="2" t="s">
        <v>36265</v>
      </c>
      <c r="N17117" s="5" t="s">
        <v>36266</v>
      </c>
      <c r="O17117" s="5" t="s">
        <v>38</v>
      </c>
      <c r="P17117" s="5" t="s">
        <v>39</v>
      </c>
      <c r="Q17117" s="5" t="s">
        <v>40</v>
      </c>
      <c r="R17117" s="5" t="s">
        <v>1522</v>
      </c>
      <c r="S17117" s="5" t="s">
        <v>1523</v>
      </c>
      <c r="T17117" s="5" t="s">
        <v>42</v>
      </c>
      <c r="U17117" s="2">
        <v>3.4910000000000001</v>
      </c>
      <c r="V17117" s="2">
        <v>2.8959999999999999</v>
      </c>
      <c r="W17117" s="2">
        <v>1.7999999999999999E-2</v>
      </c>
      <c r="X17117" s="2">
        <v>139.1</v>
      </c>
      <c r="Y17117" s="2">
        <v>7.6</v>
      </c>
      <c r="Z17117" s="2">
        <v>16.7</v>
      </c>
      <c r="AA17117" s="5"/>
      <c r="AB17117" s="5" t="s">
        <v>43</v>
      </c>
      <c r="AC17117" s="5" t="s">
        <v>44</v>
      </c>
      <c r="AD17117" s="2"/>
      <c r="AE17117" s="1"/>
    </row>
    <row r="17118" spans="1:31" ht="14.45">
      <c r="A17118" s="11"/>
      <c r="B17118" s="20"/>
      <c r="C17118" s="2" t="s">
        <v>52312</v>
      </c>
      <c r="D17118" s="14" t="s">
        <v>52313</v>
      </c>
      <c r="E17118" s="2" t="s">
        <v>52314</v>
      </c>
      <c r="F17118" s="2" t="s">
        <v>36313</v>
      </c>
      <c r="G17118" s="8">
        <v>345</v>
      </c>
      <c r="H17118" s="5">
        <v>6</v>
      </c>
      <c r="I17118" s="5" t="s">
        <v>1518</v>
      </c>
      <c r="J17118" s="5" t="s">
        <v>36264</v>
      </c>
      <c r="K17118" s="2" t="s">
        <v>36265</v>
      </c>
      <c r="L17118" s="5" t="s">
        <v>36264</v>
      </c>
      <c r="M17118" s="2" t="s">
        <v>36265</v>
      </c>
      <c r="N17118" s="5" t="s">
        <v>36266</v>
      </c>
      <c r="O17118" s="5" t="s">
        <v>38</v>
      </c>
      <c r="P17118" s="5" t="s">
        <v>39</v>
      </c>
      <c r="Q17118" s="5" t="s">
        <v>40</v>
      </c>
      <c r="R17118" s="5" t="s">
        <v>1522</v>
      </c>
      <c r="S17118" s="5" t="s">
        <v>1523</v>
      </c>
      <c r="T17118" s="5" t="s">
        <v>42</v>
      </c>
      <c r="U17118" s="2">
        <v>3.3809999999999998</v>
      </c>
      <c r="V17118" s="2">
        <v>2.786</v>
      </c>
      <c r="W17118" s="2">
        <v>1.7999999999999999E-2</v>
      </c>
      <c r="X17118" s="2">
        <v>139.1</v>
      </c>
      <c r="Y17118" s="2">
        <v>7.6</v>
      </c>
      <c r="Z17118" s="2">
        <v>16.7</v>
      </c>
      <c r="AA17118" s="5"/>
      <c r="AB17118" s="5" t="s">
        <v>43</v>
      </c>
      <c r="AC17118" s="5" t="s">
        <v>44</v>
      </c>
      <c r="AD17118" s="2"/>
      <c r="AE17118" s="1"/>
    </row>
    <row r="17119" spans="1:31" ht="14.45">
      <c r="A17119" s="11"/>
      <c r="B17119" s="20"/>
      <c r="C17119" s="2" t="s">
        <v>52315</v>
      </c>
      <c r="D17119" s="14" t="s">
        <v>52316</v>
      </c>
      <c r="E17119" s="2" t="s">
        <v>52317</v>
      </c>
      <c r="F17119" s="2" t="s">
        <v>36321</v>
      </c>
      <c r="G17119" s="8">
        <v>345</v>
      </c>
      <c r="H17119" s="5">
        <v>6</v>
      </c>
      <c r="I17119" s="5" t="s">
        <v>1518</v>
      </c>
      <c r="J17119" s="5" t="s">
        <v>36264</v>
      </c>
      <c r="K17119" s="2" t="s">
        <v>36265</v>
      </c>
      <c r="L17119" s="5" t="s">
        <v>36264</v>
      </c>
      <c r="M17119" s="2" t="s">
        <v>36265</v>
      </c>
      <c r="N17119" s="5" t="s">
        <v>36266</v>
      </c>
      <c r="O17119" s="5" t="s">
        <v>38</v>
      </c>
      <c r="P17119" s="5" t="s">
        <v>39</v>
      </c>
      <c r="Q17119" s="5" t="s">
        <v>40</v>
      </c>
      <c r="R17119" s="5" t="s">
        <v>1522</v>
      </c>
      <c r="S17119" s="5" t="s">
        <v>1523</v>
      </c>
      <c r="T17119" s="5" t="s">
        <v>42</v>
      </c>
      <c r="U17119" s="2">
        <v>3.3809999999999998</v>
      </c>
      <c r="V17119" s="2">
        <v>2.786</v>
      </c>
      <c r="W17119" s="2">
        <v>1.7999999999999999E-2</v>
      </c>
      <c r="X17119" s="2">
        <v>139.1</v>
      </c>
      <c r="Y17119" s="2">
        <v>7.6</v>
      </c>
      <c r="Z17119" s="2">
        <v>16.7</v>
      </c>
      <c r="AA17119" s="5"/>
      <c r="AB17119" s="5" t="s">
        <v>43</v>
      </c>
      <c r="AC17119" s="5" t="s">
        <v>44</v>
      </c>
      <c r="AD17119" s="2"/>
      <c r="AE17119" s="1"/>
    </row>
    <row r="17120" spans="1:31" ht="14.45">
      <c r="A17120" s="11"/>
      <c r="B17120" s="20"/>
      <c r="C17120" s="2" t="s">
        <v>52318</v>
      </c>
      <c r="D17120" s="14" t="s">
        <v>52319</v>
      </c>
      <c r="E17120" s="2" t="s">
        <v>52320</v>
      </c>
      <c r="F17120" s="2" t="s">
        <v>36329</v>
      </c>
      <c r="G17120" s="8">
        <v>345</v>
      </c>
      <c r="H17120" s="5">
        <v>6</v>
      </c>
      <c r="I17120" s="5" t="s">
        <v>1518</v>
      </c>
      <c r="J17120" s="5" t="s">
        <v>36264</v>
      </c>
      <c r="K17120" s="2" t="s">
        <v>36265</v>
      </c>
      <c r="L17120" s="5" t="s">
        <v>36264</v>
      </c>
      <c r="M17120" s="2" t="s">
        <v>36265</v>
      </c>
      <c r="N17120" s="5" t="s">
        <v>36266</v>
      </c>
      <c r="O17120" s="5" t="s">
        <v>38</v>
      </c>
      <c r="P17120" s="5" t="s">
        <v>39</v>
      </c>
      <c r="Q17120" s="5" t="s">
        <v>40</v>
      </c>
      <c r="R17120" s="5" t="s">
        <v>1522</v>
      </c>
      <c r="S17120" s="5" t="s">
        <v>1523</v>
      </c>
      <c r="T17120" s="5" t="s">
        <v>42</v>
      </c>
      <c r="U17120" s="2">
        <v>3.3809999999999998</v>
      </c>
      <c r="V17120" s="2">
        <v>2.786</v>
      </c>
      <c r="W17120" s="2">
        <v>1.7999999999999999E-2</v>
      </c>
      <c r="X17120" s="2">
        <v>139.1</v>
      </c>
      <c r="Y17120" s="2">
        <v>7.6</v>
      </c>
      <c r="Z17120" s="2">
        <v>16.7</v>
      </c>
      <c r="AA17120" s="5"/>
      <c r="AB17120" s="5" t="s">
        <v>43</v>
      </c>
      <c r="AC17120" s="5" t="s">
        <v>44</v>
      </c>
      <c r="AD17120" s="2"/>
      <c r="AE17120" s="1"/>
    </row>
    <row r="17121" spans="1:31" ht="14.45">
      <c r="A17121" s="11"/>
      <c r="B17121" s="20"/>
      <c r="C17121" s="2" t="s">
        <v>52321</v>
      </c>
      <c r="D17121" s="14" t="s">
        <v>52322</v>
      </c>
      <c r="E17121" s="2" t="s">
        <v>52323</v>
      </c>
      <c r="F17121" s="2" t="s">
        <v>36333</v>
      </c>
      <c r="G17121" s="8">
        <v>345</v>
      </c>
      <c r="H17121" s="5">
        <v>6</v>
      </c>
      <c r="I17121" s="5" t="s">
        <v>1518</v>
      </c>
      <c r="J17121" s="5" t="s">
        <v>36264</v>
      </c>
      <c r="K17121" s="2" t="s">
        <v>36265</v>
      </c>
      <c r="L17121" s="5" t="s">
        <v>36264</v>
      </c>
      <c r="M17121" s="2" t="s">
        <v>36265</v>
      </c>
      <c r="N17121" s="5" t="s">
        <v>36266</v>
      </c>
      <c r="O17121" s="5" t="s">
        <v>38</v>
      </c>
      <c r="P17121" s="5" t="s">
        <v>39</v>
      </c>
      <c r="Q17121" s="5" t="s">
        <v>40</v>
      </c>
      <c r="R17121" s="5" t="s">
        <v>1522</v>
      </c>
      <c r="S17121" s="5" t="s">
        <v>1523</v>
      </c>
      <c r="T17121" s="5" t="s">
        <v>42</v>
      </c>
      <c r="U17121" s="2">
        <v>3.4910000000000001</v>
      </c>
      <c r="V17121" s="2">
        <v>2.8959999999999999</v>
      </c>
      <c r="W17121" s="2">
        <v>1.7999999999999999E-2</v>
      </c>
      <c r="X17121" s="2">
        <v>139.1</v>
      </c>
      <c r="Y17121" s="2">
        <v>7.6</v>
      </c>
      <c r="Z17121" s="2">
        <v>16.7</v>
      </c>
      <c r="AA17121" s="5"/>
      <c r="AB17121" s="5" t="s">
        <v>43</v>
      </c>
      <c r="AC17121" s="5" t="s">
        <v>44</v>
      </c>
      <c r="AD17121" s="2"/>
      <c r="AE17121" s="1"/>
    </row>
    <row r="17122" spans="1:31" ht="14.45">
      <c r="A17122" s="11"/>
      <c r="B17122" s="20"/>
      <c r="C17122" s="2" t="s">
        <v>52324</v>
      </c>
      <c r="D17122" s="14" t="s">
        <v>52325</v>
      </c>
      <c r="E17122" s="2" t="s">
        <v>52326</v>
      </c>
      <c r="F17122" s="2" t="s">
        <v>36337</v>
      </c>
      <c r="G17122" s="8">
        <v>345</v>
      </c>
      <c r="H17122" s="5">
        <v>6</v>
      </c>
      <c r="I17122" s="5" t="s">
        <v>1518</v>
      </c>
      <c r="J17122" s="5" t="s">
        <v>36264</v>
      </c>
      <c r="K17122" s="2" t="s">
        <v>36265</v>
      </c>
      <c r="L17122" s="5" t="s">
        <v>36264</v>
      </c>
      <c r="M17122" s="2" t="s">
        <v>36265</v>
      </c>
      <c r="N17122" s="5" t="s">
        <v>36266</v>
      </c>
      <c r="O17122" s="5" t="s">
        <v>38</v>
      </c>
      <c r="P17122" s="5" t="s">
        <v>39</v>
      </c>
      <c r="Q17122" s="5" t="s">
        <v>40</v>
      </c>
      <c r="R17122" s="5" t="s">
        <v>1522</v>
      </c>
      <c r="S17122" s="5" t="s">
        <v>1523</v>
      </c>
      <c r="T17122" s="5" t="s">
        <v>42</v>
      </c>
      <c r="U17122" s="2">
        <v>3.3809999999999998</v>
      </c>
      <c r="V17122" s="2">
        <v>2.786</v>
      </c>
      <c r="W17122" s="2">
        <v>1.7999999999999999E-2</v>
      </c>
      <c r="X17122" s="2">
        <v>139.1</v>
      </c>
      <c r="Y17122" s="2">
        <v>7.6</v>
      </c>
      <c r="Z17122" s="2">
        <v>16.7</v>
      </c>
      <c r="AA17122" s="5"/>
      <c r="AB17122" s="5" t="s">
        <v>43</v>
      </c>
      <c r="AC17122" s="5" t="s">
        <v>44</v>
      </c>
      <c r="AD17122" s="2"/>
      <c r="AE17122" s="1"/>
    </row>
    <row r="17123" spans="1:31" ht="14.45">
      <c r="A17123" s="11"/>
      <c r="B17123" s="20"/>
      <c r="C17123" s="2" t="s">
        <v>52327</v>
      </c>
      <c r="D17123" s="14" t="s">
        <v>52328</v>
      </c>
      <c r="E17123" s="2" t="s">
        <v>52329</v>
      </c>
      <c r="F17123" s="2" t="s">
        <v>36345</v>
      </c>
      <c r="G17123" s="8">
        <v>345</v>
      </c>
      <c r="H17123" s="5">
        <v>6</v>
      </c>
      <c r="I17123" s="5" t="s">
        <v>1518</v>
      </c>
      <c r="J17123" s="5" t="s">
        <v>36264</v>
      </c>
      <c r="K17123" s="2" t="s">
        <v>36265</v>
      </c>
      <c r="L17123" s="5" t="s">
        <v>36264</v>
      </c>
      <c r="M17123" s="2" t="s">
        <v>36265</v>
      </c>
      <c r="N17123" s="5" t="s">
        <v>36266</v>
      </c>
      <c r="O17123" s="5" t="s">
        <v>38</v>
      </c>
      <c r="P17123" s="5" t="s">
        <v>39</v>
      </c>
      <c r="Q17123" s="5" t="s">
        <v>40</v>
      </c>
      <c r="R17123" s="5" t="s">
        <v>1522</v>
      </c>
      <c r="S17123" s="5" t="s">
        <v>1523</v>
      </c>
      <c r="T17123" s="5" t="s">
        <v>42</v>
      </c>
      <c r="U17123" s="2">
        <v>3.3809999999999998</v>
      </c>
      <c r="V17123" s="2">
        <v>2.786</v>
      </c>
      <c r="W17123" s="2">
        <v>1.7999999999999999E-2</v>
      </c>
      <c r="X17123" s="2">
        <v>139.1</v>
      </c>
      <c r="Y17123" s="2">
        <v>7.6</v>
      </c>
      <c r="Z17123" s="2">
        <v>16.7</v>
      </c>
      <c r="AA17123" s="5"/>
      <c r="AB17123" s="5" t="s">
        <v>43</v>
      </c>
      <c r="AC17123" s="5" t="s">
        <v>44</v>
      </c>
      <c r="AD17123" s="2"/>
      <c r="AE17123" s="1"/>
    </row>
    <row r="17124" spans="1:31" ht="14.45">
      <c r="A17124" s="11"/>
      <c r="B17124" s="20"/>
      <c r="C17124" s="2" t="s">
        <v>52330</v>
      </c>
      <c r="D17124" s="14" t="s">
        <v>52331</v>
      </c>
      <c r="E17124" s="2" t="s">
        <v>52332</v>
      </c>
      <c r="F17124" s="2" t="s">
        <v>36349</v>
      </c>
      <c r="G17124" s="8">
        <v>345</v>
      </c>
      <c r="H17124" s="5">
        <v>6</v>
      </c>
      <c r="I17124" s="5" t="s">
        <v>1518</v>
      </c>
      <c r="J17124" s="5" t="s">
        <v>36264</v>
      </c>
      <c r="K17124" s="2" t="s">
        <v>36265</v>
      </c>
      <c r="L17124" s="5" t="s">
        <v>36264</v>
      </c>
      <c r="M17124" s="2" t="s">
        <v>36265</v>
      </c>
      <c r="N17124" s="5" t="s">
        <v>36266</v>
      </c>
      <c r="O17124" s="5" t="s">
        <v>38</v>
      </c>
      <c r="P17124" s="5" t="s">
        <v>39</v>
      </c>
      <c r="Q17124" s="5" t="s">
        <v>40</v>
      </c>
      <c r="R17124" s="5" t="s">
        <v>1522</v>
      </c>
      <c r="S17124" s="5" t="s">
        <v>1523</v>
      </c>
      <c r="T17124" s="5" t="s">
        <v>42</v>
      </c>
      <c r="U17124" s="2">
        <v>3.4910000000000001</v>
      </c>
      <c r="V17124" s="2">
        <v>2.8959999999999999</v>
      </c>
      <c r="W17124" s="2">
        <v>1.7999999999999999E-2</v>
      </c>
      <c r="X17124" s="2">
        <v>139.1</v>
      </c>
      <c r="Y17124" s="2">
        <v>7.6</v>
      </c>
      <c r="Z17124" s="2">
        <v>16.7</v>
      </c>
      <c r="AA17124" s="5"/>
      <c r="AB17124" s="5" t="s">
        <v>43</v>
      </c>
      <c r="AC17124" s="5" t="s">
        <v>44</v>
      </c>
      <c r="AD17124" s="2"/>
      <c r="AE17124" s="1"/>
    </row>
    <row r="17125" spans="1:31" ht="14.45">
      <c r="A17125" s="11"/>
      <c r="B17125" s="20"/>
      <c r="C17125" s="2" t="s">
        <v>52333</v>
      </c>
      <c r="D17125" s="14" t="s">
        <v>52334</v>
      </c>
      <c r="E17125" s="2" t="s">
        <v>52335</v>
      </c>
      <c r="F17125" s="2" t="s">
        <v>36353</v>
      </c>
      <c r="G17125" s="8">
        <v>345</v>
      </c>
      <c r="H17125" s="5">
        <v>6</v>
      </c>
      <c r="I17125" s="5" t="s">
        <v>1518</v>
      </c>
      <c r="J17125" s="5" t="s">
        <v>36264</v>
      </c>
      <c r="K17125" s="2" t="s">
        <v>36265</v>
      </c>
      <c r="L17125" s="5" t="s">
        <v>36264</v>
      </c>
      <c r="M17125" s="2" t="s">
        <v>36265</v>
      </c>
      <c r="N17125" s="5" t="s">
        <v>36266</v>
      </c>
      <c r="O17125" s="5" t="s">
        <v>38</v>
      </c>
      <c r="P17125" s="5" t="s">
        <v>39</v>
      </c>
      <c r="Q17125" s="5" t="s">
        <v>40</v>
      </c>
      <c r="R17125" s="5" t="s">
        <v>1522</v>
      </c>
      <c r="S17125" s="5" t="s">
        <v>1523</v>
      </c>
      <c r="T17125" s="5" t="s">
        <v>42</v>
      </c>
      <c r="U17125" s="2">
        <v>3.3809999999999998</v>
      </c>
      <c r="V17125" s="2">
        <v>2.786</v>
      </c>
      <c r="W17125" s="2">
        <v>1.7999999999999999E-2</v>
      </c>
      <c r="X17125" s="2">
        <v>139.1</v>
      </c>
      <c r="Y17125" s="2">
        <v>7.6</v>
      </c>
      <c r="Z17125" s="2">
        <v>16.7</v>
      </c>
      <c r="AA17125" s="5"/>
      <c r="AB17125" s="5" t="s">
        <v>43</v>
      </c>
      <c r="AC17125" s="5" t="s">
        <v>44</v>
      </c>
      <c r="AD17125" s="2"/>
      <c r="AE17125" s="1"/>
    </row>
    <row r="17126" spans="1:31" ht="14.45">
      <c r="A17126" s="11"/>
      <c r="B17126" s="20"/>
      <c r="C17126" s="2" t="s">
        <v>52336</v>
      </c>
      <c r="D17126" s="14" t="s">
        <v>52337</v>
      </c>
      <c r="E17126" s="2" t="s">
        <v>52338</v>
      </c>
      <c r="F17126" s="2" t="s">
        <v>45598</v>
      </c>
      <c r="G17126" s="8">
        <v>345</v>
      </c>
      <c r="H17126" s="5">
        <v>6</v>
      </c>
      <c r="I17126" s="5" t="s">
        <v>1518</v>
      </c>
      <c r="J17126" s="5" t="s">
        <v>36264</v>
      </c>
      <c r="K17126" s="2" t="s">
        <v>36265</v>
      </c>
      <c r="L17126" s="5" t="s">
        <v>36264</v>
      </c>
      <c r="M17126" s="2" t="s">
        <v>36265</v>
      </c>
      <c r="N17126" s="5" t="s">
        <v>36266</v>
      </c>
      <c r="O17126" s="5" t="s">
        <v>38</v>
      </c>
      <c r="P17126" s="5" t="s">
        <v>39</v>
      </c>
      <c r="Q17126" s="5" t="s">
        <v>40</v>
      </c>
      <c r="R17126" s="5" t="s">
        <v>1522</v>
      </c>
      <c r="S17126" s="5" t="s">
        <v>1523</v>
      </c>
      <c r="T17126" s="5" t="s">
        <v>42</v>
      </c>
      <c r="U17126" s="2">
        <v>3.3809999999999998</v>
      </c>
      <c r="V17126" s="2">
        <v>2.786</v>
      </c>
      <c r="W17126" s="2">
        <v>1.7999999999999999E-2</v>
      </c>
      <c r="X17126" s="2">
        <v>139.1</v>
      </c>
      <c r="Y17126" s="2">
        <v>7.6</v>
      </c>
      <c r="Z17126" s="2">
        <v>16.7</v>
      </c>
      <c r="AA17126" s="5"/>
      <c r="AB17126" s="5" t="s">
        <v>43</v>
      </c>
      <c r="AC17126" s="5" t="s">
        <v>44</v>
      </c>
      <c r="AD17126" s="2"/>
      <c r="AE17126" s="1"/>
    </row>
    <row r="17127" spans="1:31" ht="14.45">
      <c r="A17127" s="11"/>
      <c r="B17127" s="20"/>
      <c r="C17127" s="2" t="s">
        <v>52339</v>
      </c>
      <c r="D17127" s="14" t="s">
        <v>52340</v>
      </c>
      <c r="E17127" s="2" t="s">
        <v>52341</v>
      </c>
      <c r="F17127" s="2" t="s">
        <v>36369</v>
      </c>
      <c r="G17127" s="8">
        <v>345</v>
      </c>
      <c r="H17127" s="5">
        <v>6</v>
      </c>
      <c r="I17127" s="5" t="s">
        <v>1518</v>
      </c>
      <c r="J17127" s="5" t="s">
        <v>36264</v>
      </c>
      <c r="K17127" s="2" t="s">
        <v>36265</v>
      </c>
      <c r="L17127" s="5" t="s">
        <v>36264</v>
      </c>
      <c r="M17127" s="2" t="s">
        <v>36265</v>
      </c>
      <c r="N17127" s="5" t="s">
        <v>36266</v>
      </c>
      <c r="O17127" s="5" t="s">
        <v>38</v>
      </c>
      <c r="P17127" s="5" t="s">
        <v>39</v>
      </c>
      <c r="Q17127" s="5" t="s">
        <v>40</v>
      </c>
      <c r="R17127" s="5" t="s">
        <v>1522</v>
      </c>
      <c r="S17127" s="5" t="s">
        <v>1523</v>
      </c>
      <c r="T17127" s="5" t="s">
        <v>42</v>
      </c>
      <c r="U17127" s="2">
        <v>3.3809999999999998</v>
      </c>
      <c r="V17127" s="2">
        <v>2.786</v>
      </c>
      <c r="W17127" s="2">
        <v>1.7999999999999999E-2</v>
      </c>
      <c r="X17127" s="2">
        <v>139.1</v>
      </c>
      <c r="Y17127" s="2">
        <v>7.6</v>
      </c>
      <c r="Z17127" s="2">
        <v>16.7</v>
      </c>
      <c r="AA17127" s="5"/>
      <c r="AB17127" s="5" t="s">
        <v>43</v>
      </c>
      <c r="AC17127" s="5" t="s">
        <v>44</v>
      </c>
      <c r="AD17127" s="2"/>
      <c r="AE17127" s="1"/>
    </row>
    <row r="17128" spans="1:31" ht="14.45">
      <c r="A17128" s="11"/>
      <c r="B17128" s="20"/>
      <c r="C17128" s="2" t="s">
        <v>52342</v>
      </c>
      <c r="D17128" s="14" t="s">
        <v>52343</v>
      </c>
      <c r="E17128" s="2" t="s">
        <v>52344</v>
      </c>
      <c r="F17128" s="2" t="s">
        <v>36377</v>
      </c>
      <c r="G17128" s="8">
        <v>345</v>
      </c>
      <c r="H17128" s="5">
        <v>6</v>
      </c>
      <c r="I17128" s="5" t="s">
        <v>1518</v>
      </c>
      <c r="J17128" s="5" t="s">
        <v>36264</v>
      </c>
      <c r="K17128" s="2" t="s">
        <v>36265</v>
      </c>
      <c r="L17128" s="5" t="s">
        <v>36264</v>
      </c>
      <c r="M17128" s="2" t="s">
        <v>36265</v>
      </c>
      <c r="N17128" s="5" t="s">
        <v>36266</v>
      </c>
      <c r="O17128" s="5" t="s">
        <v>38</v>
      </c>
      <c r="P17128" s="5" t="s">
        <v>39</v>
      </c>
      <c r="Q17128" s="5" t="s">
        <v>40</v>
      </c>
      <c r="R17128" s="5" t="s">
        <v>1522</v>
      </c>
      <c r="S17128" s="5" t="s">
        <v>1523</v>
      </c>
      <c r="T17128" s="5" t="s">
        <v>42</v>
      </c>
      <c r="U17128" s="2">
        <v>3.3809999999999998</v>
      </c>
      <c r="V17128" s="2">
        <v>2.786</v>
      </c>
      <c r="W17128" s="2">
        <v>1.7999999999999999E-2</v>
      </c>
      <c r="X17128" s="2">
        <v>139.1</v>
      </c>
      <c r="Y17128" s="2">
        <v>7.6</v>
      </c>
      <c r="Z17128" s="2">
        <v>16.7</v>
      </c>
      <c r="AA17128" s="5"/>
      <c r="AB17128" s="5" t="s">
        <v>43</v>
      </c>
      <c r="AC17128" s="5" t="s">
        <v>44</v>
      </c>
      <c r="AD17128" s="2"/>
      <c r="AE17128" s="1"/>
    </row>
    <row r="17129" spans="1:31" ht="14.45">
      <c r="A17129" s="11"/>
      <c r="B17129" s="20"/>
      <c r="C17129" s="2" t="s">
        <v>52345</v>
      </c>
      <c r="D17129" s="14" t="s">
        <v>52346</v>
      </c>
      <c r="E17129" s="2" t="s">
        <v>52347</v>
      </c>
      <c r="F17129" s="2" t="s">
        <v>36381</v>
      </c>
      <c r="G17129" s="8">
        <v>345</v>
      </c>
      <c r="H17129" s="5">
        <v>6</v>
      </c>
      <c r="I17129" s="5" t="s">
        <v>1518</v>
      </c>
      <c r="J17129" s="5" t="s">
        <v>36264</v>
      </c>
      <c r="K17129" s="2" t="s">
        <v>36265</v>
      </c>
      <c r="L17129" s="5" t="s">
        <v>36264</v>
      </c>
      <c r="M17129" s="2" t="s">
        <v>36265</v>
      </c>
      <c r="N17129" s="5" t="s">
        <v>36266</v>
      </c>
      <c r="O17129" s="5" t="s">
        <v>38</v>
      </c>
      <c r="P17129" s="5" t="s">
        <v>39</v>
      </c>
      <c r="Q17129" s="5" t="s">
        <v>40</v>
      </c>
      <c r="R17129" s="5" t="s">
        <v>1522</v>
      </c>
      <c r="S17129" s="5" t="s">
        <v>1523</v>
      </c>
      <c r="T17129" s="5" t="s">
        <v>42</v>
      </c>
      <c r="U17129" s="2">
        <v>3.4910000000000001</v>
      </c>
      <c r="V17129" s="2">
        <v>2.8959999999999999</v>
      </c>
      <c r="W17129" s="2">
        <v>1.7999999999999999E-2</v>
      </c>
      <c r="X17129" s="2">
        <v>139.1</v>
      </c>
      <c r="Y17129" s="2">
        <v>7.6</v>
      </c>
      <c r="Z17129" s="2">
        <v>16.7</v>
      </c>
      <c r="AA17129" s="5"/>
      <c r="AB17129" s="5" t="s">
        <v>43</v>
      </c>
      <c r="AC17129" s="5" t="s">
        <v>44</v>
      </c>
      <c r="AD17129" s="2"/>
      <c r="AE17129" s="1"/>
    </row>
    <row r="17130" spans="1:31" ht="14.45">
      <c r="A17130" s="11"/>
      <c r="B17130" s="20"/>
      <c r="C17130" s="2" t="s">
        <v>52348</v>
      </c>
      <c r="D17130" s="14" t="s">
        <v>52349</v>
      </c>
      <c r="E17130" s="2" t="s">
        <v>52350</v>
      </c>
      <c r="F17130" s="2" t="s">
        <v>36385</v>
      </c>
      <c r="G17130" s="8">
        <v>345</v>
      </c>
      <c r="H17130" s="5">
        <v>6</v>
      </c>
      <c r="I17130" s="5" t="s">
        <v>1518</v>
      </c>
      <c r="J17130" s="5" t="s">
        <v>36264</v>
      </c>
      <c r="K17130" s="2" t="s">
        <v>36265</v>
      </c>
      <c r="L17130" s="5" t="s">
        <v>36264</v>
      </c>
      <c r="M17130" s="2" t="s">
        <v>36265</v>
      </c>
      <c r="N17130" s="5" t="s">
        <v>36266</v>
      </c>
      <c r="O17130" s="5" t="s">
        <v>38</v>
      </c>
      <c r="P17130" s="5" t="s">
        <v>39</v>
      </c>
      <c r="Q17130" s="5" t="s">
        <v>40</v>
      </c>
      <c r="R17130" s="5" t="s">
        <v>1522</v>
      </c>
      <c r="S17130" s="5" t="s">
        <v>1523</v>
      </c>
      <c r="T17130" s="5" t="s">
        <v>42</v>
      </c>
      <c r="U17130" s="2">
        <v>3.3809999999999998</v>
      </c>
      <c r="V17130" s="2">
        <v>2.786</v>
      </c>
      <c r="W17130" s="2">
        <v>1.7999999999999999E-2</v>
      </c>
      <c r="X17130" s="2">
        <v>139.1</v>
      </c>
      <c r="Y17130" s="2">
        <v>7.6</v>
      </c>
      <c r="Z17130" s="2">
        <v>16.7</v>
      </c>
      <c r="AA17130" s="5"/>
      <c r="AB17130" s="5" t="s">
        <v>43</v>
      </c>
      <c r="AC17130" s="5" t="s">
        <v>44</v>
      </c>
      <c r="AD17130" s="2"/>
      <c r="AE17130" s="1"/>
    </row>
    <row r="17131" spans="1:31" ht="14.45">
      <c r="A17131" s="11"/>
      <c r="B17131" s="20"/>
      <c r="C17131" s="2" t="s">
        <v>52351</v>
      </c>
      <c r="D17131" s="14" t="s">
        <v>52352</v>
      </c>
      <c r="E17131" s="2" t="s">
        <v>52353</v>
      </c>
      <c r="F17131" s="2" t="s">
        <v>7514</v>
      </c>
      <c r="G17131" s="8">
        <v>291</v>
      </c>
      <c r="H17131" s="5">
        <v>6</v>
      </c>
      <c r="I17131" s="5" t="s">
        <v>1518</v>
      </c>
      <c r="J17131" s="5" t="s">
        <v>36264</v>
      </c>
      <c r="K17131" s="2" t="s">
        <v>36265</v>
      </c>
      <c r="L17131" s="5" t="s">
        <v>36264</v>
      </c>
      <c r="M17131" s="2" t="s">
        <v>36265</v>
      </c>
      <c r="N17131" s="5" t="s">
        <v>36266</v>
      </c>
      <c r="O17131" s="5" t="s">
        <v>38</v>
      </c>
      <c r="P17131" s="5" t="s">
        <v>39</v>
      </c>
      <c r="Q17131" s="5" t="s">
        <v>40</v>
      </c>
      <c r="R17131" s="5" t="s">
        <v>1522</v>
      </c>
      <c r="S17131" s="5" t="s">
        <v>1523</v>
      </c>
      <c r="T17131" s="5" t="s">
        <v>42</v>
      </c>
      <c r="U17131" s="2">
        <v>2.5659999999999998</v>
      </c>
      <c r="V17131" s="2">
        <v>2.016</v>
      </c>
      <c r="W17131" s="2">
        <v>1.4999999999999999E-2</v>
      </c>
      <c r="X17131" s="2">
        <v>118.9</v>
      </c>
      <c r="Y17131" s="2">
        <v>7.6</v>
      </c>
      <c r="Z17131" s="2">
        <v>16.7</v>
      </c>
      <c r="AA17131" s="5"/>
      <c r="AB17131" s="5" t="s">
        <v>43</v>
      </c>
      <c r="AC17131" s="5" t="s">
        <v>44</v>
      </c>
      <c r="AD17131" s="2"/>
      <c r="AE17131" s="1"/>
    </row>
    <row r="17132" spans="1:31" ht="14.45">
      <c r="A17132" s="11"/>
      <c r="B17132" s="20"/>
      <c r="C17132" s="2" t="s">
        <v>52354</v>
      </c>
      <c r="D17132" s="14" t="s">
        <v>52355</v>
      </c>
      <c r="E17132" s="2" t="s">
        <v>52356</v>
      </c>
      <c r="F17132" s="2" t="s">
        <v>7204</v>
      </c>
      <c r="G17132" s="8">
        <v>291</v>
      </c>
      <c r="H17132" s="5">
        <v>6</v>
      </c>
      <c r="I17132" s="5" t="s">
        <v>1518</v>
      </c>
      <c r="J17132" s="5" t="s">
        <v>36264</v>
      </c>
      <c r="K17132" s="2" t="s">
        <v>36265</v>
      </c>
      <c r="L17132" s="5" t="s">
        <v>36264</v>
      </c>
      <c r="M17132" s="2" t="s">
        <v>36265</v>
      </c>
      <c r="N17132" s="5" t="s">
        <v>36266</v>
      </c>
      <c r="O17132" s="5" t="s">
        <v>38</v>
      </c>
      <c r="P17132" s="5" t="s">
        <v>39</v>
      </c>
      <c r="Q17132" s="5" t="s">
        <v>40</v>
      </c>
      <c r="R17132" s="5" t="s">
        <v>1522</v>
      </c>
      <c r="S17132" s="5" t="s">
        <v>1523</v>
      </c>
      <c r="T17132" s="5" t="s">
        <v>42</v>
      </c>
      <c r="U17132" s="2">
        <v>2.9969999999999999</v>
      </c>
      <c r="V17132" s="2">
        <v>2.4729999999999999</v>
      </c>
      <c r="W17132" s="2">
        <v>1.4999999999999999E-2</v>
      </c>
      <c r="X17132" s="2">
        <v>118.9</v>
      </c>
      <c r="Y17132" s="2">
        <v>7.6</v>
      </c>
      <c r="Z17132" s="2">
        <v>16.7</v>
      </c>
      <c r="AA17132" s="5"/>
      <c r="AB17132" s="5" t="s">
        <v>43</v>
      </c>
      <c r="AC17132" s="5" t="s">
        <v>44</v>
      </c>
      <c r="AD17132" s="2"/>
      <c r="AE17132" s="1"/>
    </row>
    <row r="17133" spans="1:31" ht="14.45">
      <c r="A17133" s="11"/>
      <c r="B17133" s="20"/>
      <c r="C17133" s="2" t="s">
        <v>52357</v>
      </c>
      <c r="D17133" s="14" t="s">
        <v>52358</v>
      </c>
      <c r="E17133" s="2" t="s">
        <v>52359</v>
      </c>
      <c r="F17133" s="2" t="s">
        <v>7514</v>
      </c>
      <c r="G17133" s="8">
        <v>291</v>
      </c>
      <c r="H17133" s="5">
        <v>6</v>
      </c>
      <c r="I17133" s="5" t="s">
        <v>1518</v>
      </c>
      <c r="J17133" s="5" t="s">
        <v>36264</v>
      </c>
      <c r="K17133" s="2" t="s">
        <v>36265</v>
      </c>
      <c r="L17133" s="5" t="s">
        <v>36264</v>
      </c>
      <c r="M17133" s="2" t="s">
        <v>36265</v>
      </c>
      <c r="N17133" s="5" t="s">
        <v>36266</v>
      </c>
      <c r="O17133" s="5" t="s">
        <v>38</v>
      </c>
      <c r="P17133" s="5" t="s">
        <v>39</v>
      </c>
      <c r="Q17133" s="5" t="s">
        <v>40</v>
      </c>
      <c r="R17133" s="5" t="s">
        <v>1522</v>
      </c>
      <c r="S17133" s="5" t="s">
        <v>1523</v>
      </c>
      <c r="T17133" s="5" t="s">
        <v>42</v>
      </c>
      <c r="U17133" s="2">
        <v>3.0870000000000002</v>
      </c>
      <c r="V17133" s="2">
        <v>2.5630000000000002</v>
      </c>
      <c r="W17133" s="2">
        <v>1.4999999999999999E-2</v>
      </c>
      <c r="X17133" s="2">
        <v>118.9</v>
      </c>
      <c r="Y17133" s="2">
        <v>7.6</v>
      </c>
      <c r="Z17133" s="2">
        <v>16.7</v>
      </c>
      <c r="AA17133" s="5"/>
      <c r="AB17133" s="5" t="s">
        <v>43</v>
      </c>
      <c r="AC17133" s="5" t="s">
        <v>44</v>
      </c>
      <c r="AD17133" s="2"/>
      <c r="AE17133" s="1"/>
    </row>
    <row r="17134" spans="1:31" ht="14.45">
      <c r="A17134" s="11"/>
      <c r="B17134" s="20"/>
      <c r="C17134" s="2" t="s">
        <v>52360</v>
      </c>
      <c r="D17134" s="14" t="s">
        <v>52361</v>
      </c>
      <c r="E17134" s="2" t="s">
        <v>52362</v>
      </c>
      <c r="F17134" s="2" t="s">
        <v>36273</v>
      </c>
      <c r="G17134" s="8">
        <v>291</v>
      </c>
      <c r="H17134" s="5">
        <v>6</v>
      </c>
      <c r="I17134" s="5" t="s">
        <v>1518</v>
      </c>
      <c r="J17134" s="5" t="s">
        <v>36264</v>
      </c>
      <c r="K17134" s="2" t="s">
        <v>36265</v>
      </c>
      <c r="L17134" s="5" t="s">
        <v>36264</v>
      </c>
      <c r="M17134" s="2" t="s">
        <v>36265</v>
      </c>
      <c r="N17134" s="5" t="s">
        <v>36266</v>
      </c>
      <c r="O17134" s="5" t="s">
        <v>38</v>
      </c>
      <c r="P17134" s="5" t="s">
        <v>39</v>
      </c>
      <c r="Q17134" s="5" t="s">
        <v>40</v>
      </c>
      <c r="R17134" s="5" t="s">
        <v>1522</v>
      </c>
      <c r="S17134" s="5" t="s">
        <v>1523</v>
      </c>
      <c r="T17134" s="5" t="s">
        <v>42</v>
      </c>
      <c r="U17134" s="2">
        <v>2.9969999999999999</v>
      </c>
      <c r="V17134" s="2">
        <v>2.4729999999999999</v>
      </c>
      <c r="W17134" s="2">
        <v>1.4999999999999999E-2</v>
      </c>
      <c r="X17134" s="2">
        <v>118.9</v>
      </c>
      <c r="Y17134" s="2">
        <v>7.6</v>
      </c>
      <c r="Z17134" s="2">
        <v>16.7</v>
      </c>
      <c r="AA17134" s="5"/>
      <c r="AB17134" s="5" t="s">
        <v>43</v>
      </c>
      <c r="AC17134" s="5" t="s">
        <v>44</v>
      </c>
      <c r="AD17134" s="2"/>
      <c r="AE17134" s="1"/>
    </row>
    <row r="17135" spans="1:31" ht="14.45">
      <c r="A17135" s="11"/>
      <c r="B17135" s="20"/>
      <c r="C17135" s="2" t="s">
        <v>52363</v>
      </c>
      <c r="D17135" s="14" t="s">
        <v>52364</v>
      </c>
      <c r="E17135" s="2" t="s">
        <v>52365</v>
      </c>
      <c r="F17135" s="2" t="s">
        <v>36277</v>
      </c>
      <c r="G17135" s="8">
        <v>291</v>
      </c>
      <c r="H17135" s="5">
        <v>6</v>
      </c>
      <c r="I17135" s="5" t="s">
        <v>1518</v>
      </c>
      <c r="J17135" s="5" t="s">
        <v>36264</v>
      </c>
      <c r="K17135" s="2" t="s">
        <v>36265</v>
      </c>
      <c r="L17135" s="5" t="s">
        <v>36264</v>
      </c>
      <c r="M17135" s="2" t="s">
        <v>36265</v>
      </c>
      <c r="N17135" s="5" t="s">
        <v>36266</v>
      </c>
      <c r="O17135" s="5" t="s">
        <v>38</v>
      </c>
      <c r="P17135" s="5" t="s">
        <v>39</v>
      </c>
      <c r="Q17135" s="5" t="s">
        <v>40</v>
      </c>
      <c r="R17135" s="5" t="s">
        <v>1522</v>
      </c>
      <c r="S17135" s="5" t="s">
        <v>1523</v>
      </c>
      <c r="T17135" s="5" t="s">
        <v>42</v>
      </c>
      <c r="U17135" s="2">
        <v>3.0870000000000002</v>
      </c>
      <c r="V17135" s="2">
        <v>2.5630000000000002</v>
      </c>
      <c r="W17135" s="2">
        <v>1.4999999999999999E-2</v>
      </c>
      <c r="X17135" s="2">
        <v>118.9</v>
      </c>
      <c r="Y17135" s="2">
        <v>7.6</v>
      </c>
      <c r="Z17135" s="2">
        <v>16.7</v>
      </c>
      <c r="AA17135" s="5"/>
      <c r="AB17135" s="5" t="s">
        <v>43</v>
      </c>
      <c r="AC17135" s="5" t="s">
        <v>44</v>
      </c>
      <c r="AD17135" s="2"/>
      <c r="AE17135" s="1"/>
    </row>
    <row r="17136" spans="1:31" ht="14.45">
      <c r="A17136" s="11"/>
      <c r="B17136" s="20"/>
      <c r="C17136" s="2" t="s">
        <v>52366</v>
      </c>
      <c r="D17136" s="14" t="s">
        <v>52367</v>
      </c>
      <c r="E17136" s="2" t="s">
        <v>52368</v>
      </c>
      <c r="F17136" s="2" t="s">
        <v>36281</v>
      </c>
      <c r="G17136" s="8">
        <v>314</v>
      </c>
      <c r="H17136" s="5">
        <v>6</v>
      </c>
      <c r="I17136" s="5" t="s">
        <v>1518</v>
      </c>
      <c r="J17136" s="5" t="s">
        <v>36264</v>
      </c>
      <c r="K17136" s="2" t="s">
        <v>36265</v>
      </c>
      <c r="L17136" s="5" t="s">
        <v>36264</v>
      </c>
      <c r="M17136" s="2" t="s">
        <v>36265</v>
      </c>
      <c r="N17136" s="5" t="s">
        <v>36266</v>
      </c>
      <c r="O17136" s="5" t="s">
        <v>38</v>
      </c>
      <c r="P17136" s="5" t="s">
        <v>39</v>
      </c>
      <c r="Q17136" s="5" t="s">
        <v>40</v>
      </c>
      <c r="R17136" s="5" t="s">
        <v>1522</v>
      </c>
      <c r="S17136" s="5" t="s">
        <v>1523</v>
      </c>
      <c r="T17136" s="5" t="s">
        <v>42</v>
      </c>
      <c r="U17136" s="2">
        <v>2.9969999999999999</v>
      </c>
      <c r="V17136" s="2">
        <v>2.4729999999999999</v>
      </c>
      <c r="W17136" s="2">
        <v>1.4999999999999999E-2</v>
      </c>
      <c r="X17136" s="2">
        <v>118.9</v>
      </c>
      <c r="Y17136" s="2">
        <v>7.6</v>
      </c>
      <c r="Z17136" s="2">
        <v>16.7</v>
      </c>
      <c r="AA17136" s="5"/>
      <c r="AB17136" s="5" t="s">
        <v>43</v>
      </c>
      <c r="AC17136" s="5" t="s">
        <v>44</v>
      </c>
      <c r="AD17136" s="2"/>
      <c r="AE17136" s="1"/>
    </row>
    <row r="17137" spans="1:31" ht="14.45">
      <c r="A17137" s="11"/>
      <c r="B17137" s="20"/>
      <c r="C17137" s="2" t="s">
        <v>52369</v>
      </c>
      <c r="D17137" s="14" t="s">
        <v>52370</v>
      </c>
      <c r="E17137" s="2" t="s">
        <v>52371</v>
      </c>
      <c r="F17137" s="2" t="s">
        <v>36285</v>
      </c>
      <c r="G17137" s="8">
        <v>314</v>
      </c>
      <c r="H17137" s="5">
        <v>6</v>
      </c>
      <c r="I17137" s="5" t="s">
        <v>1518</v>
      </c>
      <c r="J17137" s="5" t="s">
        <v>36264</v>
      </c>
      <c r="K17137" s="2" t="s">
        <v>36265</v>
      </c>
      <c r="L17137" s="5" t="s">
        <v>36264</v>
      </c>
      <c r="M17137" s="2" t="s">
        <v>36265</v>
      </c>
      <c r="N17137" s="5" t="s">
        <v>36266</v>
      </c>
      <c r="O17137" s="5" t="s">
        <v>38</v>
      </c>
      <c r="P17137" s="5" t="s">
        <v>39</v>
      </c>
      <c r="Q17137" s="5" t="s">
        <v>40</v>
      </c>
      <c r="R17137" s="5" t="s">
        <v>1522</v>
      </c>
      <c r="S17137" s="5" t="s">
        <v>1523</v>
      </c>
      <c r="T17137" s="5" t="s">
        <v>42</v>
      </c>
      <c r="U17137" s="2">
        <v>3.0870000000000002</v>
      </c>
      <c r="V17137" s="2">
        <v>2.5630000000000002</v>
      </c>
      <c r="W17137" s="2">
        <v>1.4999999999999999E-2</v>
      </c>
      <c r="X17137" s="2">
        <v>118.9</v>
      </c>
      <c r="Y17137" s="2">
        <v>7.6</v>
      </c>
      <c r="Z17137" s="2">
        <v>16.7</v>
      </c>
      <c r="AA17137" s="5"/>
      <c r="AB17137" s="5" t="s">
        <v>43</v>
      </c>
      <c r="AC17137" s="5" t="s">
        <v>44</v>
      </c>
      <c r="AD17137" s="2"/>
      <c r="AE17137" s="1"/>
    </row>
    <row r="17138" spans="1:31" ht="14.45">
      <c r="A17138" s="11"/>
      <c r="B17138" s="20"/>
      <c r="C17138" s="2" t="s">
        <v>52372</v>
      </c>
      <c r="D17138" s="14" t="s">
        <v>52373</v>
      </c>
      <c r="E17138" s="2" t="s">
        <v>52374</v>
      </c>
      <c r="F17138" s="2" t="s">
        <v>36289</v>
      </c>
      <c r="G17138" s="8">
        <v>314</v>
      </c>
      <c r="H17138" s="5">
        <v>6</v>
      </c>
      <c r="I17138" s="5" t="s">
        <v>1518</v>
      </c>
      <c r="J17138" s="5" t="s">
        <v>36264</v>
      </c>
      <c r="K17138" s="2" t="s">
        <v>36265</v>
      </c>
      <c r="L17138" s="5" t="s">
        <v>36264</v>
      </c>
      <c r="M17138" s="2" t="s">
        <v>36265</v>
      </c>
      <c r="N17138" s="5" t="s">
        <v>36266</v>
      </c>
      <c r="O17138" s="5" t="s">
        <v>38</v>
      </c>
      <c r="P17138" s="5" t="s">
        <v>39</v>
      </c>
      <c r="Q17138" s="5" t="s">
        <v>40</v>
      </c>
      <c r="R17138" s="5" t="s">
        <v>1522</v>
      </c>
      <c r="S17138" s="5" t="s">
        <v>1523</v>
      </c>
      <c r="T17138" s="5" t="s">
        <v>42</v>
      </c>
      <c r="U17138" s="2">
        <v>2.9969999999999999</v>
      </c>
      <c r="V17138" s="2">
        <v>2.4729999999999999</v>
      </c>
      <c r="W17138" s="2">
        <v>1.4999999999999999E-2</v>
      </c>
      <c r="X17138" s="2">
        <v>118.9</v>
      </c>
      <c r="Y17138" s="2">
        <v>7.6</v>
      </c>
      <c r="Z17138" s="2">
        <v>16.7</v>
      </c>
      <c r="AA17138" s="5"/>
      <c r="AB17138" s="5" t="s">
        <v>43</v>
      </c>
      <c r="AC17138" s="5" t="s">
        <v>44</v>
      </c>
      <c r="AD17138" s="2"/>
      <c r="AE17138" s="1"/>
    </row>
    <row r="17139" spans="1:31" ht="14.45">
      <c r="A17139" s="11"/>
      <c r="B17139" s="20"/>
      <c r="C17139" s="2" t="s">
        <v>52375</v>
      </c>
      <c r="D17139" s="14" t="s">
        <v>52376</v>
      </c>
      <c r="E17139" s="2" t="s">
        <v>52377</v>
      </c>
      <c r="F17139" s="2" t="s">
        <v>36293</v>
      </c>
      <c r="G17139" s="8">
        <v>314</v>
      </c>
      <c r="H17139" s="5">
        <v>6</v>
      </c>
      <c r="I17139" s="5" t="s">
        <v>1518</v>
      </c>
      <c r="J17139" s="5" t="s">
        <v>36264</v>
      </c>
      <c r="K17139" s="2" t="s">
        <v>36265</v>
      </c>
      <c r="L17139" s="5" t="s">
        <v>36264</v>
      </c>
      <c r="M17139" s="2" t="s">
        <v>36265</v>
      </c>
      <c r="N17139" s="5" t="s">
        <v>36266</v>
      </c>
      <c r="O17139" s="5" t="s">
        <v>38</v>
      </c>
      <c r="P17139" s="5" t="s">
        <v>39</v>
      </c>
      <c r="Q17139" s="5" t="s">
        <v>40</v>
      </c>
      <c r="R17139" s="5" t="s">
        <v>1522</v>
      </c>
      <c r="S17139" s="5" t="s">
        <v>1523</v>
      </c>
      <c r="T17139" s="5" t="s">
        <v>42</v>
      </c>
      <c r="U17139" s="2">
        <v>3.0870000000000002</v>
      </c>
      <c r="V17139" s="2">
        <v>2.5630000000000002</v>
      </c>
      <c r="W17139" s="2">
        <v>1.4999999999999999E-2</v>
      </c>
      <c r="X17139" s="2">
        <v>118.9</v>
      </c>
      <c r="Y17139" s="2">
        <v>7.6</v>
      </c>
      <c r="Z17139" s="2">
        <v>16.7</v>
      </c>
      <c r="AA17139" s="5"/>
      <c r="AB17139" s="5" t="s">
        <v>43</v>
      </c>
      <c r="AC17139" s="5" t="s">
        <v>44</v>
      </c>
      <c r="AD17139" s="2"/>
      <c r="AE17139" s="1"/>
    </row>
    <row r="17140" spans="1:31" ht="14.45">
      <c r="A17140" s="11"/>
      <c r="B17140" s="20"/>
      <c r="C17140" s="2" t="s">
        <v>52378</v>
      </c>
      <c r="D17140" s="14" t="s">
        <v>52379</v>
      </c>
      <c r="E17140" s="2" t="s">
        <v>52380</v>
      </c>
      <c r="F17140" s="2" t="s">
        <v>36297</v>
      </c>
      <c r="G17140" s="8">
        <v>291</v>
      </c>
      <c r="H17140" s="5">
        <v>6</v>
      </c>
      <c r="I17140" s="5" t="s">
        <v>1518</v>
      </c>
      <c r="J17140" s="5" t="s">
        <v>36264</v>
      </c>
      <c r="K17140" s="2" t="s">
        <v>36265</v>
      </c>
      <c r="L17140" s="5" t="s">
        <v>36264</v>
      </c>
      <c r="M17140" s="2" t="s">
        <v>36265</v>
      </c>
      <c r="N17140" s="5" t="s">
        <v>36266</v>
      </c>
      <c r="O17140" s="5" t="s">
        <v>38</v>
      </c>
      <c r="P17140" s="5" t="s">
        <v>39</v>
      </c>
      <c r="Q17140" s="5" t="s">
        <v>40</v>
      </c>
      <c r="R17140" s="5" t="s">
        <v>1522</v>
      </c>
      <c r="S17140" s="5" t="s">
        <v>1523</v>
      </c>
      <c r="T17140" s="5" t="s">
        <v>42</v>
      </c>
      <c r="U17140" s="2">
        <v>2.9969999999999999</v>
      </c>
      <c r="V17140" s="2">
        <v>2.4729999999999999</v>
      </c>
      <c r="W17140" s="2">
        <v>1.4999999999999999E-2</v>
      </c>
      <c r="X17140" s="2">
        <v>118.9</v>
      </c>
      <c r="Y17140" s="2">
        <v>7.6</v>
      </c>
      <c r="Z17140" s="2">
        <v>16.7</v>
      </c>
      <c r="AA17140" s="5"/>
      <c r="AB17140" s="5" t="s">
        <v>43</v>
      </c>
      <c r="AC17140" s="5" t="s">
        <v>44</v>
      </c>
      <c r="AD17140" s="2"/>
      <c r="AE17140" s="1"/>
    </row>
    <row r="17141" spans="1:31" ht="14.45">
      <c r="A17141" s="11"/>
      <c r="B17141" s="20"/>
      <c r="C17141" s="2" t="s">
        <v>52381</v>
      </c>
      <c r="D17141" s="14" t="s">
        <v>52382</v>
      </c>
      <c r="E17141" s="2" t="s">
        <v>52383</v>
      </c>
      <c r="F17141" s="2" t="s">
        <v>36301</v>
      </c>
      <c r="G17141" s="8">
        <v>291</v>
      </c>
      <c r="H17141" s="5">
        <v>6</v>
      </c>
      <c r="I17141" s="5" t="s">
        <v>1518</v>
      </c>
      <c r="J17141" s="5" t="s">
        <v>36264</v>
      </c>
      <c r="K17141" s="2" t="s">
        <v>36265</v>
      </c>
      <c r="L17141" s="5" t="s">
        <v>36264</v>
      </c>
      <c r="M17141" s="2" t="s">
        <v>36265</v>
      </c>
      <c r="N17141" s="5" t="s">
        <v>36266</v>
      </c>
      <c r="O17141" s="5" t="s">
        <v>38</v>
      </c>
      <c r="P17141" s="5" t="s">
        <v>39</v>
      </c>
      <c r="Q17141" s="5" t="s">
        <v>40</v>
      </c>
      <c r="R17141" s="5" t="s">
        <v>1522</v>
      </c>
      <c r="S17141" s="5" t="s">
        <v>1523</v>
      </c>
      <c r="T17141" s="5" t="s">
        <v>42</v>
      </c>
      <c r="U17141" s="2">
        <v>3.0870000000000002</v>
      </c>
      <c r="V17141" s="2">
        <v>2.5630000000000002</v>
      </c>
      <c r="W17141" s="2">
        <v>1.4999999999999999E-2</v>
      </c>
      <c r="X17141" s="2">
        <v>118.9</v>
      </c>
      <c r="Y17141" s="2">
        <v>7.6</v>
      </c>
      <c r="Z17141" s="2">
        <v>16.7</v>
      </c>
      <c r="AA17141" s="5"/>
      <c r="AB17141" s="5" t="s">
        <v>43</v>
      </c>
      <c r="AC17141" s="5" t="s">
        <v>44</v>
      </c>
      <c r="AD17141" s="2"/>
      <c r="AE17141" s="1"/>
    </row>
    <row r="17142" spans="1:31" ht="14.45">
      <c r="A17142" s="11"/>
      <c r="B17142" s="20"/>
      <c r="C17142" s="2" t="s">
        <v>52384</v>
      </c>
      <c r="D17142" s="14" t="s">
        <v>52385</v>
      </c>
      <c r="E17142" s="2" t="s">
        <v>52386</v>
      </c>
      <c r="F17142" s="2" t="s">
        <v>36305</v>
      </c>
      <c r="G17142" s="8">
        <v>291</v>
      </c>
      <c r="H17142" s="5">
        <v>6</v>
      </c>
      <c r="I17142" s="5" t="s">
        <v>1518</v>
      </c>
      <c r="J17142" s="5" t="s">
        <v>36264</v>
      </c>
      <c r="K17142" s="2" t="s">
        <v>36265</v>
      </c>
      <c r="L17142" s="5" t="s">
        <v>36264</v>
      </c>
      <c r="M17142" s="2" t="s">
        <v>36265</v>
      </c>
      <c r="N17142" s="5" t="s">
        <v>36266</v>
      </c>
      <c r="O17142" s="5" t="s">
        <v>38</v>
      </c>
      <c r="P17142" s="5" t="s">
        <v>39</v>
      </c>
      <c r="Q17142" s="5" t="s">
        <v>40</v>
      </c>
      <c r="R17142" s="5" t="s">
        <v>1522</v>
      </c>
      <c r="S17142" s="5" t="s">
        <v>1523</v>
      </c>
      <c r="T17142" s="5" t="s">
        <v>42</v>
      </c>
      <c r="U17142" s="2">
        <v>2.9969999999999999</v>
      </c>
      <c r="V17142" s="2">
        <v>2.4729999999999999</v>
      </c>
      <c r="W17142" s="2">
        <v>1.4999999999999999E-2</v>
      </c>
      <c r="X17142" s="2">
        <v>118.9</v>
      </c>
      <c r="Y17142" s="2">
        <v>7.6</v>
      </c>
      <c r="Z17142" s="2">
        <v>16.7</v>
      </c>
      <c r="AA17142" s="5"/>
      <c r="AB17142" s="5" t="s">
        <v>43</v>
      </c>
      <c r="AC17142" s="5" t="s">
        <v>44</v>
      </c>
      <c r="AD17142" s="2"/>
      <c r="AE17142" s="1"/>
    </row>
    <row r="17143" spans="1:31" ht="14.45">
      <c r="A17143" s="11"/>
      <c r="B17143" s="20"/>
      <c r="C17143" s="2" t="s">
        <v>52387</v>
      </c>
      <c r="D17143" s="14" t="s">
        <v>52388</v>
      </c>
      <c r="E17143" s="2" t="s">
        <v>52389</v>
      </c>
      <c r="F17143" s="2" t="s">
        <v>36309</v>
      </c>
      <c r="G17143" s="8">
        <v>291</v>
      </c>
      <c r="H17143" s="5">
        <v>6</v>
      </c>
      <c r="I17143" s="5" t="s">
        <v>1518</v>
      </c>
      <c r="J17143" s="5" t="s">
        <v>36264</v>
      </c>
      <c r="K17143" s="2" t="s">
        <v>36265</v>
      </c>
      <c r="L17143" s="5" t="s">
        <v>36264</v>
      </c>
      <c r="M17143" s="2" t="s">
        <v>36265</v>
      </c>
      <c r="N17143" s="5" t="s">
        <v>36266</v>
      </c>
      <c r="O17143" s="5" t="s">
        <v>38</v>
      </c>
      <c r="P17143" s="5" t="s">
        <v>39</v>
      </c>
      <c r="Q17143" s="5" t="s">
        <v>40</v>
      </c>
      <c r="R17143" s="5" t="s">
        <v>1522</v>
      </c>
      <c r="S17143" s="5" t="s">
        <v>1523</v>
      </c>
      <c r="T17143" s="5" t="s">
        <v>42</v>
      </c>
      <c r="U17143" s="2">
        <v>3.0870000000000002</v>
      </c>
      <c r="V17143" s="2">
        <v>2.5630000000000002</v>
      </c>
      <c r="W17143" s="2">
        <v>1.4999999999999999E-2</v>
      </c>
      <c r="X17143" s="2">
        <v>118.9</v>
      </c>
      <c r="Y17143" s="2">
        <v>7.6</v>
      </c>
      <c r="Z17143" s="2">
        <v>16.7</v>
      </c>
      <c r="AA17143" s="5"/>
      <c r="AB17143" s="5" t="s">
        <v>43</v>
      </c>
      <c r="AC17143" s="5" t="s">
        <v>44</v>
      </c>
      <c r="AD17143" s="2"/>
      <c r="AE17143" s="1"/>
    </row>
    <row r="17144" spans="1:31" ht="14.45">
      <c r="A17144" s="11"/>
      <c r="B17144" s="20"/>
      <c r="C17144" s="2" t="s">
        <v>52390</v>
      </c>
      <c r="D17144" s="14" t="s">
        <v>52391</v>
      </c>
      <c r="E17144" s="2" t="s">
        <v>52392</v>
      </c>
      <c r="F17144" s="2" t="s">
        <v>36313</v>
      </c>
      <c r="G17144" s="8">
        <v>314</v>
      </c>
      <c r="H17144" s="5">
        <v>6</v>
      </c>
      <c r="I17144" s="5" t="s">
        <v>1518</v>
      </c>
      <c r="J17144" s="5" t="s">
        <v>36264</v>
      </c>
      <c r="K17144" s="2" t="s">
        <v>36265</v>
      </c>
      <c r="L17144" s="5" t="s">
        <v>36264</v>
      </c>
      <c r="M17144" s="2" t="s">
        <v>36265</v>
      </c>
      <c r="N17144" s="5" t="s">
        <v>36266</v>
      </c>
      <c r="O17144" s="5" t="s">
        <v>38</v>
      </c>
      <c r="P17144" s="5" t="s">
        <v>39</v>
      </c>
      <c r="Q17144" s="5" t="s">
        <v>40</v>
      </c>
      <c r="R17144" s="5" t="s">
        <v>1522</v>
      </c>
      <c r="S17144" s="5" t="s">
        <v>1523</v>
      </c>
      <c r="T17144" s="5" t="s">
        <v>42</v>
      </c>
      <c r="U17144" s="2">
        <v>2.9969999999999999</v>
      </c>
      <c r="V17144" s="2">
        <v>2.4729999999999999</v>
      </c>
      <c r="W17144" s="2">
        <v>1.4999999999999999E-2</v>
      </c>
      <c r="X17144" s="2">
        <v>118.9</v>
      </c>
      <c r="Y17144" s="2">
        <v>7.6</v>
      </c>
      <c r="Z17144" s="2">
        <v>16.7</v>
      </c>
      <c r="AA17144" s="5"/>
      <c r="AB17144" s="5" t="s">
        <v>43</v>
      </c>
      <c r="AC17144" s="5" t="s">
        <v>44</v>
      </c>
      <c r="AD17144" s="2"/>
      <c r="AE17144" s="1"/>
    </row>
    <row r="17145" spans="1:31" ht="14.45">
      <c r="A17145" s="11"/>
      <c r="B17145" s="20"/>
      <c r="C17145" s="2" t="s">
        <v>52393</v>
      </c>
      <c r="D17145" s="14" t="s">
        <v>52394</v>
      </c>
      <c r="E17145" s="2" t="s">
        <v>52395</v>
      </c>
      <c r="F17145" s="2" t="s">
        <v>36317</v>
      </c>
      <c r="G17145" s="8">
        <v>314</v>
      </c>
      <c r="H17145" s="5">
        <v>6</v>
      </c>
      <c r="I17145" s="5" t="s">
        <v>1518</v>
      </c>
      <c r="J17145" s="5" t="s">
        <v>36264</v>
      </c>
      <c r="K17145" s="2" t="s">
        <v>36265</v>
      </c>
      <c r="L17145" s="5" t="s">
        <v>36264</v>
      </c>
      <c r="M17145" s="2" t="s">
        <v>36265</v>
      </c>
      <c r="N17145" s="5" t="s">
        <v>36266</v>
      </c>
      <c r="O17145" s="5" t="s">
        <v>38</v>
      </c>
      <c r="P17145" s="5" t="s">
        <v>39</v>
      </c>
      <c r="Q17145" s="5" t="s">
        <v>40</v>
      </c>
      <c r="R17145" s="5" t="s">
        <v>1522</v>
      </c>
      <c r="S17145" s="5" t="s">
        <v>1523</v>
      </c>
      <c r="T17145" s="5" t="s">
        <v>42</v>
      </c>
      <c r="U17145" s="2">
        <v>3.0870000000000002</v>
      </c>
      <c r="V17145" s="2">
        <v>2.5630000000000002</v>
      </c>
      <c r="W17145" s="2">
        <v>1.4999999999999999E-2</v>
      </c>
      <c r="X17145" s="2">
        <v>118.9</v>
      </c>
      <c r="Y17145" s="2">
        <v>7.6</v>
      </c>
      <c r="Z17145" s="2">
        <v>16.7</v>
      </c>
      <c r="AA17145" s="5"/>
      <c r="AB17145" s="5" t="s">
        <v>43</v>
      </c>
      <c r="AC17145" s="5" t="s">
        <v>44</v>
      </c>
      <c r="AD17145" s="2"/>
      <c r="AE17145" s="1"/>
    </row>
    <row r="17146" spans="1:31" ht="14.45">
      <c r="A17146" s="11"/>
      <c r="B17146" s="20"/>
      <c r="C17146" s="2" t="s">
        <v>52396</v>
      </c>
      <c r="D17146" s="14" t="s">
        <v>52397</v>
      </c>
      <c r="E17146" s="2" t="s">
        <v>52398</v>
      </c>
      <c r="F17146" s="2" t="s">
        <v>36325</v>
      </c>
      <c r="G17146" s="8">
        <v>314</v>
      </c>
      <c r="H17146" s="5">
        <v>6</v>
      </c>
      <c r="I17146" s="5" t="s">
        <v>1518</v>
      </c>
      <c r="J17146" s="5" t="s">
        <v>36264</v>
      </c>
      <c r="K17146" s="2" t="s">
        <v>36265</v>
      </c>
      <c r="L17146" s="5" t="s">
        <v>36264</v>
      </c>
      <c r="M17146" s="2" t="s">
        <v>36265</v>
      </c>
      <c r="N17146" s="5" t="s">
        <v>36266</v>
      </c>
      <c r="O17146" s="5" t="s">
        <v>38</v>
      </c>
      <c r="P17146" s="5" t="s">
        <v>39</v>
      </c>
      <c r="Q17146" s="5" t="s">
        <v>40</v>
      </c>
      <c r="R17146" s="5" t="s">
        <v>1522</v>
      </c>
      <c r="S17146" s="5" t="s">
        <v>1523</v>
      </c>
      <c r="T17146" s="5" t="s">
        <v>42</v>
      </c>
      <c r="U17146" s="2">
        <v>3.0870000000000002</v>
      </c>
      <c r="V17146" s="2">
        <v>2.5630000000000002</v>
      </c>
      <c r="W17146" s="2">
        <v>1.4999999999999999E-2</v>
      </c>
      <c r="X17146" s="2">
        <v>118.9</v>
      </c>
      <c r="Y17146" s="2">
        <v>7.6</v>
      </c>
      <c r="Z17146" s="2">
        <v>16.7</v>
      </c>
      <c r="AA17146" s="5"/>
      <c r="AB17146" s="5" t="s">
        <v>43</v>
      </c>
      <c r="AC17146" s="5" t="s">
        <v>44</v>
      </c>
      <c r="AD17146" s="2"/>
      <c r="AE17146" s="1"/>
    </row>
    <row r="17147" spans="1:31" ht="14.45">
      <c r="A17147" s="11"/>
      <c r="B17147" s="20"/>
      <c r="C17147" s="2" t="s">
        <v>52399</v>
      </c>
      <c r="D17147" s="14" t="s">
        <v>52400</v>
      </c>
      <c r="E17147" s="2" t="s">
        <v>52401</v>
      </c>
      <c r="F17147" s="2" t="s">
        <v>36329</v>
      </c>
      <c r="G17147" s="8">
        <v>314</v>
      </c>
      <c r="H17147" s="5">
        <v>6</v>
      </c>
      <c r="I17147" s="5" t="s">
        <v>1518</v>
      </c>
      <c r="J17147" s="5" t="s">
        <v>36264</v>
      </c>
      <c r="K17147" s="2" t="s">
        <v>36265</v>
      </c>
      <c r="L17147" s="5" t="s">
        <v>36264</v>
      </c>
      <c r="M17147" s="2" t="s">
        <v>36265</v>
      </c>
      <c r="N17147" s="5" t="s">
        <v>36266</v>
      </c>
      <c r="O17147" s="5" t="s">
        <v>38</v>
      </c>
      <c r="P17147" s="5" t="s">
        <v>39</v>
      </c>
      <c r="Q17147" s="5" t="s">
        <v>40</v>
      </c>
      <c r="R17147" s="5" t="s">
        <v>1522</v>
      </c>
      <c r="S17147" s="5" t="s">
        <v>1523</v>
      </c>
      <c r="T17147" s="5" t="s">
        <v>42</v>
      </c>
      <c r="U17147" s="2">
        <v>2.9969999999999999</v>
      </c>
      <c r="V17147" s="2">
        <v>2.4729999999999999</v>
      </c>
      <c r="W17147" s="2">
        <v>1.4999999999999999E-2</v>
      </c>
      <c r="X17147" s="2">
        <v>118.9</v>
      </c>
      <c r="Y17147" s="2">
        <v>7.6</v>
      </c>
      <c r="Z17147" s="2">
        <v>16.7</v>
      </c>
      <c r="AA17147" s="5"/>
      <c r="AB17147" s="5" t="s">
        <v>43</v>
      </c>
      <c r="AC17147" s="5" t="s">
        <v>44</v>
      </c>
      <c r="AD17147" s="2"/>
      <c r="AE17147" s="1"/>
    </row>
    <row r="17148" spans="1:31" ht="14.45">
      <c r="A17148" s="11"/>
      <c r="B17148" s="20"/>
      <c r="C17148" s="2" t="s">
        <v>52402</v>
      </c>
      <c r="D17148" s="14" t="s">
        <v>52403</v>
      </c>
      <c r="E17148" s="2" t="s">
        <v>52404</v>
      </c>
      <c r="F17148" s="2" t="s">
        <v>36333</v>
      </c>
      <c r="G17148" s="8">
        <v>314</v>
      </c>
      <c r="H17148" s="5">
        <v>6</v>
      </c>
      <c r="I17148" s="5" t="s">
        <v>1518</v>
      </c>
      <c r="J17148" s="5" t="s">
        <v>36264</v>
      </c>
      <c r="K17148" s="2" t="s">
        <v>36265</v>
      </c>
      <c r="L17148" s="5" t="s">
        <v>36264</v>
      </c>
      <c r="M17148" s="2" t="s">
        <v>36265</v>
      </c>
      <c r="N17148" s="5" t="s">
        <v>36266</v>
      </c>
      <c r="O17148" s="5" t="s">
        <v>38</v>
      </c>
      <c r="P17148" s="5" t="s">
        <v>39</v>
      </c>
      <c r="Q17148" s="5" t="s">
        <v>40</v>
      </c>
      <c r="R17148" s="5" t="s">
        <v>1522</v>
      </c>
      <c r="S17148" s="5" t="s">
        <v>1523</v>
      </c>
      <c r="T17148" s="5" t="s">
        <v>42</v>
      </c>
      <c r="U17148" s="2">
        <v>3.0870000000000002</v>
      </c>
      <c r="V17148" s="2">
        <v>2.5630000000000002</v>
      </c>
      <c r="W17148" s="2">
        <v>1.4999999999999999E-2</v>
      </c>
      <c r="X17148" s="2">
        <v>118.9</v>
      </c>
      <c r="Y17148" s="2">
        <v>7.6</v>
      </c>
      <c r="Z17148" s="2">
        <v>16.7</v>
      </c>
      <c r="AA17148" s="5"/>
      <c r="AB17148" s="5" t="s">
        <v>43</v>
      </c>
      <c r="AC17148" s="5" t="s">
        <v>44</v>
      </c>
      <c r="AD17148" s="2"/>
      <c r="AE17148" s="1"/>
    </row>
    <row r="17149" spans="1:31" ht="14.45">
      <c r="A17149" s="11"/>
      <c r="B17149" s="20"/>
      <c r="C17149" s="2" t="s">
        <v>52405</v>
      </c>
      <c r="D17149" s="14" t="s">
        <v>52406</v>
      </c>
      <c r="E17149" s="2" t="s">
        <v>52407</v>
      </c>
      <c r="F17149" s="2" t="s">
        <v>36345</v>
      </c>
      <c r="G17149" s="8">
        <v>314</v>
      </c>
      <c r="H17149" s="5">
        <v>6</v>
      </c>
      <c r="I17149" s="5" t="s">
        <v>1518</v>
      </c>
      <c r="J17149" s="5" t="s">
        <v>36264</v>
      </c>
      <c r="K17149" s="2" t="s">
        <v>36265</v>
      </c>
      <c r="L17149" s="5" t="s">
        <v>36264</v>
      </c>
      <c r="M17149" s="2" t="s">
        <v>36265</v>
      </c>
      <c r="N17149" s="5" t="s">
        <v>36266</v>
      </c>
      <c r="O17149" s="5" t="s">
        <v>38</v>
      </c>
      <c r="P17149" s="5" t="s">
        <v>39</v>
      </c>
      <c r="Q17149" s="5" t="s">
        <v>40</v>
      </c>
      <c r="R17149" s="5" t="s">
        <v>1522</v>
      </c>
      <c r="S17149" s="5" t="s">
        <v>1523</v>
      </c>
      <c r="T17149" s="5" t="s">
        <v>42</v>
      </c>
      <c r="U17149" s="2">
        <v>2.9969999999999999</v>
      </c>
      <c r="V17149" s="2">
        <v>2.4729999999999999</v>
      </c>
      <c r="W17149" s="2">
        <v>1.4999999999999999E-2</v>
      </c>
      <c r="X17149" s="2">
        <v>118.9</v>
      </c>
      <c r="Y17149" s="2">
        <v>7.6</v>
      </c>
      <c r="Z17149" s="2">
        <v>16.7</v>
      </c>
      <c r="AA17149" s="5"/>
      <c r="AB17149" s="5" t="s">
        <v>43</v>
      </c>
      <c r="AC17149" s="5" t="s">
        <v>44</v>
      </c>
      <c r="AD17149" s="2"/>
      <c r="AE17149" s="1"/>
    </row>
    <row r="17150" spans="1:31" ht="14.45">
      <c r="A17150" s="11"/>
      <c r="B17150" s="20"/>
      <c r="C17150" s="2" t="s">
        <v>52408</v>
      </c>
      <c r="D17150" s="14" t="s">
        <v>52409</v>
      </c>
      <c r="E17150" s="2" t="s">
        <v>52410</v>
      </c>
      <c r="F17150" s="2" t="s">
        <v>36349</v>
      </c>
      <c r="G17150" s="8">
        <v>314</v>
      </c>
      <c r="H17150" s="5">
        <v>6</v>
      </c>
      <c r="I17150" s="5" t="s">
        <v>1518</v>
      </c>
      <c r="J17150" s="5" t="s">
        <v>36264</v>
      </c>
      <c r="K17150" s="2" t="s">
        <v>36265</v>
      </c>
      <c r="L17150" s="5" t="s">
        <v>36264</v>
      </c>
      <c r="M17150" s="2" t="s">
        <v>36265</v>
      </c>
      <c r="N17150" s="5" t="s">
        <v>36266</v>
      </c>
      <c r="O17150" s="5" t="s">
        <v>38</v>
      </c>
      <c r="P17150" s="5" t="s">
        <v>39</v>
      </c>
      <c r="Q17150" s="5" t="s">
        <v>40</v>
      </c>
      <c r="R17150" s="5" t="s">
        <v>1522</v>
      </c>
      <c r="S17150" s="5" t="s">
        <v>1523</v>
      </c>
      <c r="T17150" s="5" t="s">
        <v>42</v>
      </c>
      <c r="U17150" s="2">
        <v>3.0870000000000002</v>
      </c>
      <c r="V17150" s="2">
        <v>2.5630000000000002</v>
      </c>
      <c r="W17150" s="2">
        <v>1.4999999999999999E-2</v>
      </c>
      <c r="X17150" s="2">
        <v>118.9</v>
      </c>
      <c r="Y17150" s="2">
        <v>7.6</v>
      </c>
      <c r="Z17150" s="2">
        <v>16.7</v>
      </c>
      <c r="AA17150" s="5"/>
      <c r="AB17150" s="5" t="s">
        <v>43</v>
      </c>
      <c r="AC17150" s="5" t="s">
        <v>44</v>
      </c>
      <c r="AD17150" s="2"/>
      <c r="AE17150" s="1"/>
    </row>
    <row r="17151" spans="1:31" ht="14.45">
      <c r="A17151" s="11"/>
      <c r="B17151" s="20"/>
      <c r="C17151" s="2" t="s">
        <v>52411</v>
      </c>
      <c r="D17151" s="14" t="s">
        <v>52412</v>
      </c>
      <c r="E17151" s="2" t="s">
        <v>52413</v>
      </c>
      <c r="F17151" s="2" t="s">
        <v>36357</v>
      </c>
      <c r="G17151" s="8">
        <v>314</v>
      </c>
      <c r="H17151" s="5">
        <v>6</v>
      </c>
      <c r="I17151" s="5" t="s">
        <v>1518</v>
      </c>
      <c r="J17151" s="5" t="s">
        <v>36264</v>
      </c>
      <c r="K17151" s="2" t="s">
        <v>36265</v>
      </c>
      <c r="L17151" s="5" t="s">
        <v>36264</v>
      </c>
      <c r="M17151" s="2" t="s">
        <v>36265</v>
      </c>
      <c r="N17151" s="5" t="s">
        <v>36266</v>
      </c>
      <c r="O17151" s="5" t="s">
        <v>38</v>
      </c>
      <c r="P17151" s="5" t="s">
        <v>39</v>
      </c>
      <c r="Q17151" s="5" t="s">
        <v>40</v>
      </c>
      <c r="R17151" s="5" t="s">
        <v>1522</v>
      </c>
      <c r="S17151" s="5" t="s">
        <v>1523</v>
      </c>
      <c r="T17151" s="5" t="s">
        <v>42</v>
      </c>
      <c r="U17151" s="2">
        <v>3.0870000000000002</v>
      </c>
      <c r="V17151" s="2">
        <v>2.5630000000000002</v>
      </c>
      <c r="W17151" s="2">
        <v>1.4999999999999999E-2</v>
      </c>
      <c r="X17151" s="2">
        <v>118.9</v>
      </c>
      <c r="Y17151" s="2">
        <v>7.6</v>
      </c>
      <c r="Z17151" s="2">
        <v>16.7</v>
      </c>
      <c r="AA17151" s="5"/>
      <c r="AB17151" s="5" t="s">
        <v>43</v>
      </c>
      <c r="AC17151" s="5" t="s">
        <v>44</v>
      </c>
      <c r="AD17151" s="2"/>
      <c r="AE17151" s="1"/>
    </row>
    <row r="17152" spans="1:31" ht="14.45">
      <c r="A17152" s="11"/>
      <c r="B17152" s="20"/>
      <c r="C17152" s="2" t="s">
        <v>52414</v>
      </c>
      <c r="D17152" s="14" t="s">
        <v>52415</v>
      </c>
      <c r="E17152" s="2" t="s">
        <v>52416</v>
      </c>
      <c r="F17152" s="2" t="s">
        <v>45598</v>
      </c>
      <c r="G17152" s="8">
        <v>314</v>
      </c>
      <c r="H17152" s="5">
        <v>6</v>
      </c>
      <c r="I17152" s="5" t="s">
        <v>1518</v>
      </c>
      <c r="J17152" s="5" t="s">
        <v>36264</v>
      </c>
      <c r="K17152" s="2" t="s">
        <v>36265</v>
      </c>
      <c r="L17152" s="5" t="s">
        <v>36264</v>
      </c>
      <c r="M17152" s="2" t="s">
        <v>36265</v>
      </c>
      <c r="N17152" s="5" t="s">
        <v>36266</v>
      </c>
      <c r="O17152" s="5" t="s">
        <v>38</v>
      </c>
      <c r="P17152" s="5" t="s">
        <v>39</v>
      </c>
      <c r="Q17152" s="5" t="s">
        <v>40</v>
      </c>
      <c r="R17152" s="5" t="s">
        <v>1522</v>
      </c>
      <c r="S17152" s="5" t="s">
        <v>1523</v>
      </c>
      <c r="T17152" s="5" t="s">
        <v>42</v>
      </c>
      <c r="U17152" s="2">
        <v>2.9969999999999999</v>
      </c>
      <c r="V17152" s="2">
        <v>2.4729999999999999</v>
      </c>
      <c r="W17152" s="2">
        <v>1.4999999999999999E-2</v>
      </c>
      <c r="X17152" s="2">
        <v>118.9</v>
      </c>
      <c r="Y17152" s="2">
        <v>7.6</v>
      </c>
      <c r="Z17152" s="2">
        <v>16.7</v>
      </c>
      <c r="AA17152" s="5"/>
      <c r="AB17152" s="5" t="s">
        <v>43</v>
      </c>
      <c r="AC17152" s="5" t="s">
        <v>44</v>
      </c>
      <c r="AD17152" s="2"/>
      <c r="AE17152" s="1"/>
    </row>
    <row r="17153" spans="1:31" ht="14.45">
      <c r="A17153" s="11"/>
      <c r="B17153" s="20"/>
      <c r="C17153" s="2" t="s">
        <v>52417</v>
      </c>
      <c r="D17153" s="14" t="s">
        <v>52418</v>
      </c>
      <c r="E17153" s="2" t="s">
        <v>52419</v>
      </c>
      <c r="F17153" s="2" t="s">
        <v>45534</v>
      </c>
      <c r="G17153" s="8">
        <v>314</v>
      </c>
      <c r="H17153" s="5">
        <v>6</v>
      </c>
      <c r="I17153" s="5" t="s">
        <v>1518</v>
      </c>
      <c r="J17153" s="5" t="s">
        <v>36264</v>
      </c>
      <c r="K17153" s="2" t="s">
        <v>36265</v>
      </c>
      <c r="L17153" s="5" t="s">
        <v>36264</v>
      </c>
      <c r="M17153" s="2" t="s">
        <v>36265</v>
      </c>
      <c r="N17153" s="5" t="s">
        <v>36266</v>
      </c>
      <c r="O17153" s="5" t="s">
        <v>38</v>
      </c>
      <c r="P17153" s="5" t="s">
        <v>39</v>
      </c>
      <c r="Q17153" s="5" t="s">
        <v>40</v>
      </c>
      <c r="R17153" s="5" t="s">
        <v>1522</v>
      </c>
      <c r="S17153" s="5" t="s">
        <v>1523</v>
      </c>
      <c r="T17153" s="5" t="s">
        <v>42</v>
      </c>
      <c r="U17153" s="2">
        <v>3.0870000000000002</v>
      </c>
      <c r="V17153" s="2">
        <v>2.5630000000000002</v>
      </c>
      <c r="W17153" s="2">
        <v>1.4999999999999999E-2</v>
      </c>
      <c r="X17153" s="2">
        <v>118.9</v>
      </c>
      <c r="Y17153" s="2">
        <v>7.6</v>
      </c>
      <c r="Z17153" s="2">
        <v>16.7</v>
      </c>
      <c r="AA17153" s="5"/>
      <c r="AB17153" s="5" t="s">
        <v>43</v>
      </c>
      <c r="AC17153" s="5" t="s">
        <v>44</v>
      </c>
      <c r="AD17153" s="2"/>
      <c r="AE17153" s="1"/>
    </row>
    <row r="17154" spans="1:31" ht="14.45">
      <c r="A17154" s="11"/>
      <c r="B17154" s="20"/>
      <c r="C17154" s="2" t="s">
        <v>52420</v>
      </c>
      <c r="D17154" s="14" t="s">
        <v>52421</v>
      </c>
      <c r="E17154" s="2" t="s">
        <v>52422</v>
      </c>
      <c r="F17154" s="2" t="s">
        <v>36369</v>
      </c>
      <c r="G17154" s="8">
        <v>314</v>
      </c>
      <c r="H17154" s="5">
        <v>6</v>
      </c>
      <c r="I17154" s="5" t="s">
        <v>1518</v>
      </c>
      <c r="J17154" s="5" t="s">
        <v>36264</v>
      </c>
      <c r="K17154" s="2" t="s">
        <v>36265</v>
      </c>
      <c r="L17154" s="5" t="s">
        <v>36264</v>
      </c>
      <c r="M17154" s="2" t="s">
        <v>36265</v>
      </c>
      <c r="N17154" s="5" t="s">
        <v>36266</v>
      </c>
      <c r="O17154" s="5" t="s">
        <v>38</v>
      </c>
      <c r="P17154" s="5" t="s">
        <v>39</v>
      </c>
      <c r="Q17154" s="5" t="s">
        <v>40</v>
      </c>
      <c r="R17154" s="5" t="s">
        <v>1522</v>
      </c>
      <c r="S17154" s="5" t="s">
        <v>1523</v>
      </c>
      <c r="T17154" s="5" t="s">
        <v>42</v>
      </c>
      <c r="U17154" s="2">
        <v>2.9969999999999999</v>
      </c>
      <c r="V17154" s="2">
        <v>2.4729999999999999</v>
      </c>
      <c r="W17154" s="2">
        <v>1.4999999999999999E-2</v>
      </c>
      <c r="X17154" s="2">
        <v>118.9</v>
      </c>
      <c r="Y17154" s="2">
        <v>7.6</v>
      </c>
      <c r="Z17154" s="2">
        <v>16.7</v>
      </c>
      <c r="AA17154" s="5"/>
      <c r="AB17154" s="5" t="s">
        <v>43</v>
      </c>
      <c r="AC17154" s="5" t="s">
        <v>44</v>
      </c>
      <c r="AD17154" s="2"/>
      <c r="AE17154" s="1"/>
    </row>
    <row r="17155" spans="1:31" ht="14.45">
      <c r="A17155" s="11"/>
      <c r="B17155" s="20"/>
      <c r="C17155" s="2" t="s">
        <v>52423</v>
      </c>
      <c r="D17155" s="14" t="s">
        <v>52424</v>
      </c>
      <c r="E17155" s="2" t="s">
        <v>52425</v>
      </c>
      <c r="F17155" s="2" t="s">
        <v>36373</v>
      </c>
      <c r="G17155" s="8">
        <v>314</v>
      </c>
      <c r="H17155" s="5">
        <v>6</v>
      </c>
      <c r="I17155" s="5" t="s">
        <v>1518</v>
      </c>
      <c r="J17155" s="5" t="s">
        <v>36264</v>
      </c>
      <c r="K17155" s="2" t="s">
        <v>36265</v>
      </c>
      <c r="L17155" s="5" t="s">
        <v>36264</v>
      </c>
      <c r="M17155" s="2" t="s">
        <v>36265</v>
      </c>
      <c r="N17155" s="5" t="s">
        <v>36266</v>
      </c>
      <c r="O17155" s="5" t="s">
        <v>38</v>
      </c>
      <c r="P17155" s="5" t="s">
        <v>39</v>
      </c>
      <c r="Q17155" s="5" t="s">
        <v>40</v>
      </c>
      <c r="R17155" s="5" t="s">
        <v>1522</v>
      </c>
      <c r="S17155" s="5" t="s">
        <v>1523</v>
      </c>
      <c r="T17155" s="5" t="s">
        <v>42</v>
      </c>
      <c r="U17155" s="2">
        <v>3.0870000000000002</v>
      </c>
      <c r="V17155" s="2">
        <v>2.5630000000000002</v>
      </c>
      <c r="W17155" s="2">
        <v>1.4999999999999999E-2</v>
      </c>
      <c r="X17155" s="2">
        <v>118.9</v>
      </c>
      <c r="Y17155" s="2">
        <v>7.6</v>
      </c>
      <c r="Z17155" s="2">
        <v>16.7</v>
      </c>
      <c r="AA17155" s="5"/>
      <c r="AB17155" s="5" t="s">
        <v>43</v>
      </c>
      <c r="AC17155" s="5" t="s">
        <v>44</v>
      </c>
      <c r="AD17155" s="2"/>
      <c r="AE17155" s="1"/>
    </row>
    <row r="17156" spans="1:31" ht="14.45">
      <c r="A17156" s="11"/>
      <c r="B17156" s="20"/>
      <c r="C17156" s="2" t="s">
        <v>52426</v>
      </c>
      <c r="D17156" s="14" t="s">
        <v>52427</v>
      </c>
      <c r="E17156" s="2" t="s">
        <v>52428</v>
      </c>
      <c r="F17156" s="2" t="s">
        <v>36377</v>
      </c>
      <c r="G17156" s="8">
        <v>314</v>
      </c>
      <c r="H17156" s="5">
        <v>6</v>
      </c>
      <c r="I17156" s="5" t="s">
        <v>1518</v>
      </c>
      <c r="J17156" s="5" t="s">
        <v>36264</v>
      </c>
      <c r="K17156" s="2" t="s">
        <v>36265</v>
      </c>
      <c r="L17156" s="5" t="s">
        <v>36264</v>
      </c>
      <c r="M17156" s="2" t="s">
        <v>36265</v>
      </c>
      <c r="N17156" s="5" t="s">
        <v>36266</v>
      </c>
      <c r="O17156" s="5" t="s">
        <v>38</v>
      </c>
      <c r="P17156" s="5" t="s">
        <v>39</v>
      </c>
      <c r="Q17156" s="5" t="s">
        <v>40</v>
      </c>
      <c r="R17156" s="5" t="s">
        <v>1522</v>
      </c>
      <c r="S17156" s="5" t="s">
        <v>1523</v>
      </c>
      <c r="T17156" s="5" t="s">
        <v>42</v>
      </c>
      <c r="U17156" s="2">
        <v>2.9969999999999999</v>
      </c>
      <c r="V17156" s="2">
        <v>2.4729999999999999</v>
      </c>
      <c r="W17156" s="2">
        <v>1.4999999999999999E-2</v>
      </c>
      <c r="X17156" s="2">
        <v>118.9</v>
      </c>
      <c r="Y17156" s="2">
        <v>7.6</v>
      </c>
      <c r="Z17156" s="2">
        <v>16.7</v>
      </c>
      <c r="AA17156" s="5"/>
      <c r="AB17156" s="5" t="s">
        <v>43</v>
      </c>
      <c r="AC17156" s="5" t="s">
        <v>44</v>
      </c>
      <c r="AD17156" s="2"/>
      <c r="AE17156" s="1"/>
    </row>
    <row r="17157" spans="1:31" ht="14.45">
      <c r="A17157" s="11"/>
      <c r="B17157" s="20"/>
      <c r="C17157" s="2" t="s">
        <v>52429</v>
      </c>
      <c r="D17157" s="14" t="s">
        <v>52430</v>
      </c>
      <c r="E17157" s="2" t="s">
        <v>52431</v>
      </c>
      <c r="F17157" s="2" t="s">
        <v>36381</v>
      </c>
      <c r="G17157" s="8">
        <v>314</v>
      </c>
      <c r="H17157" s="5">
        <v>6</v>
      </c>
      <c r="I17157" s="5" t="s">
        <v>1518</v>
      </c>
      <c r="J17157" s="5" t="s">
        <v>36264</v>
      </c>
      <c r="K17157" s="2" t="s">
        <v>36265</v>
      </c>
      <c r="L17157" s="5" t="s">
        <v>36264</v>
      </c>
      <c r="M17157" s="2" t="s">
        <v>36265</v>
      </c>
      <c r="N17157" s="5" t="s">
        <v>36266</v>
      </c>
      <c r="O17157" s="5" t="s">
        <v>38</v>
      </c>
      <c r="P17157" s="5" t="s">
        <v>39</v>
      </c>
      <c r="Q17157" s="5" t="s">
        <v>40</v>
      </c>
      <c r="R17157" s="5" t="s">
        <v>1522</v>
      </c>
      <c r="S17157" s="5" t="s">
        <v>1523</v>
      </c>
      <c r="T17157" s="5" t="s">
        <v>42</v>
      </c>
      <c r="U17157" s="2">
        <v>3.0870000000000002</v>
      </c>
      <c r="V17157" s="2">
        <v>2.5630000000000002</v>
      </c>
      <c r="W17157" s="2">
        <v>1.4999999999999999E-2</v>
      </c>
      <c r="X17157" s="2">
        <v>118.9</v>
      </c>
      <c r="Y17157" s="2">
        <v>7.6</v>
      </c>
      <c r="Z17157" s="2">
        <v>16.7</v>
      </c>
      <c r="AA17157" s="5"/>
      <c r="AB17157" s="5" t="s">
        <v>43</v>
      </c>
      <c r="AC17157" s="5" t="s">
        <v>44</v>
      </c>
      <c r="AD17157" s="2"/>
      <c r="AE17157" s="1"/>
    </row>
    <row r="17158" spans="1:31" ht="14.45">
      <c r="A17158" s="11"/>
      <c r="B17158" s="20"/>
      <c r="C17158" s="2" t="s">
        <v>52432</v>
      </c>
      <c r="D17158" s="14" t="s">
        <v>52433</v>
      </c>
      <c r="E17158" s="2" t="s">
        <v>52434</v>
      </c>
      <c r="F17158" s="2" t="s">
        <v>36385</v>
      </c>
      <c r="G17158" s="8">
        <v>314</v>
      </c>
      <c r="H17158" s="5">
        <v>6</v>
      </c>
      <c r="I17158" s="5" t="s">
        <v>1518</v>
      </c>
      <c r="J17158" s="5" t="s">
        <v>36264</v>
      </c>
      <c r="K17158" s="2" t="s">
        <v>36265</v>
      </c>
      <c r="L17158" s="5" t="s">
        <v>36264</v>
      </c>
      <c r="M17158" s="2" t="s">
        <v>36265</v>
      </c>
      <c r="N17158" s="5" t="s">
        <v>36266</v>
      </c>
      <c r="O17158" s="5" t="s">
        <v>38</v>
      </c>
      <c r="P17158" s="5" t="s">
        <v>39</v>
      </c>
      <c r="Q17158" s="5" t="s">
        <v>40</v>
      </c>
      <c r="R17158" s="5" t="s">
        <v>1522</v>
      </c>
      <c r="S17158" s="5" t="s">
        <v>1523</v>
      </c>
      <c r="T17158" s="5" t="s">
        <v>42</v>
      </c>
      <c r="U17158" s="2">
        <v>2.9969999999999999</v>
      </c>
      <c r="V17158" s="2">
        <v>2.4729999999999999</v>
      </c>
      <c r="W17158" s="2">
        <v>1.4999999999999999E-2</v>
      </c>
      <c r="X17158" s="2">
        <v>118.9</v>
      </c>
      <c r="Y17158" s="2">
        <v>7.6</v>
      </c>
      <c r="Z17158" s="2">
        <v>16.7</v>
      </c>
      <c r="AA17158" s="5"/>
      <c r="AB17158" s="5" t="s">
        <v>43</v>
      </c>
      <c r="AC17158" s="5" t="s">
        <v>44</v>
      </c>
      <c r="AD17158" s="2"/>
      <c r="AE17158" s="1"/>
    </row>
    <row r="17159" spans="1:31" ht="14.45">
      <c r="A17159" s="11"/>
      <c r="B17159" s="20"/>
      <c r="C17159" s="2" t="s">
        <v>52435</v>
      </c>
      <c r="D17159" s="14" t="s">
        <v>52436</v>
      </c>
      <c r="E17159" s="2" t="s">
        <v>52437</v>
      </c>
      <c r="F17159" s="2" t="s">
        <v>36389</v>
      </c>
      <c r="G17159" s="8">
        <v>314</v>
      </c>
      <c r="H17159" s="5">
        <v>6</v>
      </c>
      <c r="I17159" s="5" t="s">
        <v>1518</v>
      </c>
      <c r="J17159" s="5" t="s">
        <v>36264</v>
      </c>
      <c r="K17159" s="2" t="s">
        <v>36265</v>
      </c>
      <c r="L17159" s="5" t="s">
        <v>36264</v>
      </c>
      <c r="M17159" s="2" t="s">
        <v>36265</v>
      </c>
      <c r="N17159" s="5" t="s">
        <v>36266</v>
      </c>
      <c r="O17159" s="5" t="s">
        <v>38</v>
      </c>
      <c r="P17159" s="5" t="s">
        <v>39</v>
      </c>
      <c r="Q17159" s="5" t="s">
        <v>40</v>
      </c>
      <c r="R17159" s="5" t="s">
        <v>1522</v>
      </c>
      <c r="S17159" s="5" t="s">
        <v>1523</v>
      </c>
      <c r="T17159" s="5" t="s">
        <v>42</v>
      </c>
      <c r="U17159" s="2">
        <v>3.0870000000000002</v>
      </c>
      <c r="V17159" s="2">
        <v>2.5630000000000002</v>
      </c>
      <c r="W17159" s="2">
        <v>1.4999999999999999E-2</v>
      </c>
      <c r="X17159" s="2">
        <v>118.9</v>
      </c>
      <c r="Y17159" s="2">
        <v>7.6</v>
      </c>
      <c r="Z17159" s="2">
        <v>16.7</v>
      </c>
      <c r="AA17159" s="5"/>
      <c r="AB17159" s="5" t="s">
        <v>43</v>
      </c>
      <c r="AC17159" s="5" t="s">
        <v>44</v>
      </c>
      <c r="AD17159" s="2"/>
      <c r="AE17159" s="1"/>
    </row>
    <row r="17160" spans="1:31" ht="14.45">
      <c r="A17160" s="11"/>
      <c r="B17160" s="20"/>
      <c r="C17160" s="2" t="s">
        <v>52438</v>
      </c>
      <c r="D17160" s="14" t="s">
        <v>52439</v>
      </c>
      <c r="E17160" s="2" t="s">
        <v>52440</v>
      </c>
      <c r="F17160" s="2" t="s">
        <v>7204</v>
      </c>
      <c r="G17160" s="8">
        <v>302</v>
      </c>
      <c r="H17160" s="5">
        <v>6</v>
      </c>
      <c r="I17160" s="5" t="s">
        <v>1518</v>
      </c>
      <c r="J17160" s="5" t="s">
        <v>36264</v>
      </c>
      <c r="K17160" s="2" t="s">
        <v>36265</v>
      </c>
      <c r="L17160" s="5" t="s">
        <v>36264</v>
      </c>
      <c r="M17160" s="2" t="s">
        <v>36265</v>
      </c>
      <c r="N17160" s="5" t="s">
        <v>36266</v>
      </c>
      <c r="O17160" s="5" t="s">
        <v>38</v>
      </c>
      <c r="P17160" s="5" t="s">
        <v>39</v>
      </c>
      <c r="Q17160" s="5" t="s">
        <v>40</v>
      </c>
      <c r="R17160" s="5" t="s">
        <v>1522</v>
      </c>
      <c r="S17160" s="5" t="s">
        <v>1523</v>
      </c>
      <c r="T17160" s="5" t="s">
        <v>42</v>
      </c>
      <c r="U17160" s="2">
        <v>3.2610000000000001</v>
      </c>
      <c r="V17160" s="2">
        <v>2.6619999999999999</v>
      </c>
      <c r="W17160" s="2">
        <v>1.7999999999999999E-2</v>
      </c>
      <c r="X17160" s="2">
        <v>139.1</v>
      </c>
      <c r="Y17160" s="2">
        <v>7.6</v>
      </c>
      <c r="Z17160" s="2">
        <v>16.7</v>
      </c>
      <c r="AA17160" s="5"/>
      <c r="AB17160" s="5" t="s">
        <v>43</v>
      </c>
      <c r="AC17160" s="5" t="s">
        <v>44</v>
      </c>
      <c r="AD17160" s="2"/>
      <c r="AE17160" s="1"/>
    </row>
    <row r="17161" spans="1:31" ht="14.45">
      <c r="A17161" s="11"/>
      <c r="B17161" s="20"/>
      <c r="C17161" s="2" t="s">
        <v>52441</v>
      </c>
      <c r="D17161" s="14" t="s">
        <v>52442</v>
      </c>
      <c r="E17161" s="2" t="s">
        <v>52443</v>
      </c>
      <c r="F17161" s="2" t="s">
        <v>7514</v>
      </c>
      <c r="G17161" s="8">
        <v>302</v>
      </c>
      <c r="H17161" s="5">
        <v>6</v>
      </c>
      <c r="I17161" s="5" t="s">
        <v>1518</v>
      </c>
      <c r="J17161" s="5" t="s">
        <v>36264</v>
      </c>
      <c r="K17161" s="2" t="s">
        <v>36265</v>
      </c>
      <c r="L17161" s="5" t="s">
        <v>36264</v>
      </c>
      <c r="M17161" s="2" t="s">
        <v>36265</v>
      </c>
      <c r="N17161" s="5" t="s">
        <v>36266</v>
      </c>
      <c r="O17161" s="5" t="s">
        <v>38</v>
      </c>
      <c r="P17161" s="5" t="s">
        <v>39</v>
      </c>
      <c r="Q17161" s="5" t="s">
        <v>40</v>
      </c>
      <c r="R17161" s="5" t="s">
        <v>1522</v>
      </c>
      <c r="S17161" s="5" t="s">
        <v>1523</v>
      </c>
      <c r="T17161" s="5" t="s">
        <v>42</v>
      </c>
      <c r="U17161" s="2">
        <v>3.363</v>
      </c>
      <c r="V17161" s="2">
        <v>2.7639999999999998</v>
      </c>
      <c r="W17161" s="2">
        <v>1.7999999999999999E-2</v>
      </c>
      <c r="X17161" s="2">
        <v>139.1</v>
      </c>
      <c r="Y17161" s="2">
        <v>7.6</v>
      </c>
      <c r="Z17161" s="2">
        <v>16.7</v>
      </c>
      <c r="AA17161" s="5"/>
      <c r="AB17161" s="5" t="s">
        <v>43</v>
      </c>
      <c r="AC17161" s="5" t="s">
        <v>44</v>
      </c>
      <c r="AD17161" s="2"/>
      <c r="AE17161" s="1"/>
    </row>
    <row r="17162" spans="1:31" ht="14.45">
      <c r="A17162" s="11"/>
      <c r="B17162" s="20"/>
      <c r="C17162" s="2" t="s">
        <v>52444</v>
      </c>
      <c r="D17162" s="14" t="s">
        <v>52445</v>
      </c>
      <c r="E17162" s="2" t="s">
        <v>52446</v>
      </c>
      <c r="F17162" s="2" t="s">
        <v>36273</v>
      </c>
      <c r="G17162" s="8">
        <v>302</v>
      </c>
      <c r="H17162" s="5">
        <v>6</v>
      </c>
      <c r="I17162" s="5" t="s">
        <v>1518</v>
      </c>
      <c r="J17162" s="5" t="s">
        <v>36264</v>
      </c>
      <c r="K17162" s="2" t="s">
        <v>36265</v>
      </c>
      <c r="L17162" s="5" t="s">
        <v>36264</v>
      </c>
      <c r="M17162" s="2" t="s">
        <v>36265</v>
      </c>
      <c r="N17162" s="5" t="s">
        <v>36266</v>
      </c>
      <c r="O17162" s="5" t="s">
        <v>38</v>
      </c>
      <c r="P17162" s="5" t="s">
        <v>39</v>
      </c>
      <c r="Q17162" s="5" t="s">
        <v>40</v>
      </c>
      <c r="R17162" s="5" t="s">
        <v>1522</v>
      </c>
      <c r="S17162" s="5" t="s">
        <v>1523</v>
      </c>
      <c r="T17162" s="5" t="s">
        <v>42</v>
      </c>
      <c r="U17162" s="2">
        <v>3.2610000000000001</v>
      </c>
      <c r="V17162" s="2">
        <v>2.6619999999999999</v>
      </c>
      <c r="W17162" s="2">
        <v>1.7999999999999999E-2</v>
      </c>
      <c r="X17162" s="2">
        <v>139.1</v>
      </c>
      <c r="Y17162" s="2">
        <v>7.6</v>
      </c>
      <c r="Z17162" s="2">
        <v>16.7</v>
      </c>
      <c r="AA17162" s="5"/>
      <c r="AB17162" s="5" t="s">
        <v>43</v>
      </c>
      <c r="AC17162" s="5" t="s">
        <v>44</v>
      </c>
      <c r="AD17162" s="2"/>
      <c r="AE17162" s="1"/>
    </row>
    <row r="17163" spans="1:31" ht="14.45">
      <c r="A17163" s="11"/>
      <c r="B17163" s="20"/>
      <c r="C17163" s="2" t="s">
        <v>52447</v>
      </c>
      <c r="D17163" s="14" t="s">
        <v>52448</v>
      </c>
      <c r="E17163" s="2" t="s">
        <v>52449</v>
      </c>
      <c r="F17163" s="2" t="s">
        <v>36277</v>
      </c>
      <c r="G17163" s="8">
        <v>302</v>
      </c>
      <c r="H17163" s="5">
        <v>6</v>
      </c>
      <c r="I17163" s="5" t="s">
        <v>1518</v>
      </c>
      <c r="J17163" s="5" t="s">
        <v>36264</v>
      </c>
      <c r="K17163" s="2" t="s">
        <v>36265</v>
      </c>
      <c r="L17163" s="5" t="s">
        <v>36264</v>
      </c>
      <c r="M17163" s="2" t="s">
        <v>36265</v>
      </c>
      <c r="N17163" s="5" t="s">
        <v>36266</v>
      </c>
      <c r="O17163" s="5" t="s">
        <v>38</v>
      </c>
      <c r="P17163" s="5" t="s">
        <v>39</v>
      </c>
      <c r="Q17163" s="5" t="s">
        <v>40</v>
      </c>
      <c r="R17163" s="5" t="s">
        <v>1522</v>
      </c>
      <c r="S17163" s="5" t="s">
        <v>1523</v>
      </c>
      <c r="T17163" s="5" t="s">
        <v>42</v>
      </c>
      <c r="U17163" s="2">
        <v>3.363</v>
      </c>
      <c r="V17163" s="2">
        <v>2.7639999999999998</v>
      </c>
      <c r="W17163" s="2">
        <v>1.7999999999999999E-2</v>
      </c>
      <c r="X17163" s="2">
        <v>139.1</v>
      </c>
      <c r="Y17163" s="2">
        <v>7.6</v>
      </c>
      <c r="Z17163" s="2">
        <v>16.7</v>
      </c>
      <c r="AA17163" s="5"/>
      <c r="AB17163" s="5" t="s">
        <v>43</v>
      </c>
      <c r="AC17163" s="5" t="s">
        <v>44</v>
      </c>
      <c r="AD17163" s="2"/>
      <c r="AE17163" s="1"/>
    </row>
    <row r="17164" spans="1:31" ht="14.45">
      <c r="A17164" s="11"/>
      <c r="B17164" s="20"/>
      <c r="C17164" s="2" t="s">
        <v>52450</v>
      </c>
      <c r="D17164" s="14" t="s">
        <v>52451</v>
      </c>
      <c r="E17164" s="2" t="s">
        <v>52452</v>
      </c>
      <c r="F17164" s="2" t="s">
        <v>36285</v>
      </c>
      <c r="G17164" s="8">
        <v>328</v>
      </c>
      <c r="H17164" s="5">
        <v>6</v>
      </c>
      <c r="I17164" s="5" t="s">
        <v>1518</v>
      </c>
      <c r="J17164" s="5" t="s">
        <v>36264</v>
      </c>
      <c r="K17164" s="2" t="s">
        <v>36265</v>
      </c>
      <c r="L17164" s="5" t="s">
        <v>36264</v>
      </c>
      <c r="M17164" s="2" t="s">
        <v>36265</v>
      </c>
      <c r="N17164" s="5" t="s">
        <v>36266</v>
      </c>
      <c r="O17164" s="5" t="s">
        <v>38</v>
      </c>
      <c r="P17164" s="5" t="s">
        <v>39</v>
      </c>
      <c r="Q17164" s="5" t="s">
        <v>40</v>
      </c>
      <c r="R17164" s="5" t="s">
        <v>1522</v>
      </c>
      <c r="S17164" s="5" t="s">
        <v>1523</v>
      </c>
      <c r="T17164" s="5" t="s">
        <v>42</v>
      </c>
      <c r="U17164" s="2">
        <v>3.363</v>
      </c>
      <c r="V17164" s="2">
        <v>2.7639999999999998</v>
      </c>
      <c r="W17164" s="2">
        <v>1.7999999999999999E-2</v>
      </c>
      <c r="X17164" s="2">
        <v>139.1</v>
      </c>
      <c r="Y17164" s="2">
        <v>7.6</v>
      </c>
      <c r="Z17164" s="2">
        <v>16.7</v>
      </c>
      <c r="AA17164" s="5"/>
      <c r="AB17164" s="5" t="s">
        <v>43</v>
      </c>
      <c r="AC17164" s="5" t="s">
        <v>44</v>
      </c>
      <c r="AD17164" s="2"/>
      <c r="AE17164" s="1"/>
    </row>
    <row r="17165" spans="1:31" ht="14.45">
      <c r="A17165" s="11"/>
      <c r="B17165" s="20"/>
      <c r="C17165" s="2" t="s">
        <v>52453</v>
      </c>
      <c r="D17165" s="14" t="s">
        <v>52454</v>
      </c>
      <c r="E17165" s="2" t="s">
        <v>52455</v>
      </c>
      <c r="F17165" s="2" t="s">
        <v>36289</v>
      </c>
      <c r="G17165" s="8">
        <v>328</v>
      </c>
      <c r="H17165" s="5">
        <v>6</v>
      </c>
      <c r="I17165" s="5" t="s">
        <v>1518</v>
      </c>
      <c r="J17165" s="5" t="s">
        <v>36264</v>
      </c>
      <c r="K17165" s="2" t="s">
        <v>36265</v>
      </c>
      <c r="L17165" s="5" t="s">
        <v>36264</v>
      </c>
      <c r="M17165" s="2" t="s">
        <v>36265</v>
      </c>
      <c r="N17165" s="5" t="s">
        <v>36266</v>
      </c>
      <c r="O17165" s="5" t="s">
        <v>38</v>
      </c>
      <c r="P17165" s="5" t="s">
        <v>39</v>
      </c>
      <c r="Q17165" s="5" t="s">
        <v>40</v>
      </c>
      <c r="R17165" s="5" t="s">
        <v>1522</v>
      </c>
      <c r="S17165" s="5" t="s">
        <v>1523</v>
      </c>
      <c r="T17165" s="5" t="s">
        <v>42</v>
      </c>
      <c r="U17165" s="2">
        <v>3.2610000000000001</v>
      </c>
      <c r="V17165" s="2">
        <v>2.6619999999999999</v>
      </c>
      <c r="W17165" s="2">
        <v>1.7999999999999999E-2</v>
      </c>
      <c r="X17165" s="2">
        <v>139.1</v>
      </c>
      <c r="Y17165" s="2">
        <v>7.6</v>
      </c>
      <c r="Z17165" s="2">
        <v>16.7</v>
      </c>
      <c r="AA17165" s="5"/>
      <c r="AB17165" s="5" t="s">
        <v>43</v>
      </c>
      <c r="AC17165" s="5" t="s">
        <v>44</v>
      </c>
      <c r="AD17165" s="2"/>
      <c r="AE17165" s="1"/>
    </row>
    <row r="17166" spans="1:31" ht="14.45">
      <c r="A17166" s="11"/>
      <c r="B17166" s="20"/>
      <c r="C17166" s="2" t="s">
        <v>52456</v>
      </c>
      <c r="D17166" s="14" t="s">
        <v>52457</v>
      </c>
      <c r="E17166" s="2" t="s">
        <v>52458</v>
      </c>
      <c r="F17166" s="2" t="s">
        <v>36293</v>
      </c>
      <c r="G17166" s="8">
        <v>328</v>
      </c>
      <c r="H17166" s="5">
        <v>6</v>
      </c>
      <c r="I17166" s="5" t="s">
        <v>1518</v>
      </c>
      <c r="J17166" s="5" t="s">
        <v>36264</v>
      </c>
      <c r="K17166" s="2" t="s">
        <v>36265</v>
      </c>
      <c r="L17166" s="5" t="s">
        <v>36264</v>
      </c>
      <c r="M17166" s="2" t="s">
        <v>36265</v>
      </c>
      <c r="N17166" s="5" t="s">
        <v>36266</v>
      </c>
      <c r="O17166" s="5" t="s">
        <v>38</v>
      </c>
      <c r="P17166" s="5" t="s">
        <v>39</v>
      </c>
      <c r="Q17166" s="5" t="s">
        <v>40</v>
      </c>
      <c r="R17166" s="5" t="s">
        <v>1522</v>
      </c>
      <c r="S17166" s="5" t="s">
        <v>1523</v>
      </c>
      <c r="T17166" s="5" t="s">
        <v>42</v>
      </c>
      <c r="U17166" s="2">
        <v>3.363</v>
      </c>
      <c r="V17166" s="2">
        <v>2.7639999999999998</v>
      </c>
      <c r="W17166" s="2">
        <v>1.7999999999999999E-2</v>
      </c>
      <c r="X17166" s="2">
        <v>139.1</v>
      </c>
      <c r="Y17166" s="2">
        <v>7.6</v>
      </c>
      <c r="Z17166" s="2">
        <v>16.7</v>
      </c>
      <c r="AA17166" s="5"/>
      <c r="AB17166" s="5" t="s">
        <v>43</v>
      </c>
      <c r="AC17166" s="5" t="s">
        <v>44</v>
      </c>
      <c r="AD17166" s="2"/>
      <c r="AE17166" s="1"/>
    </row>
    <row r="17167" spans="1:31" ht="14.45">
      <c r="A17167" s="11"/>
      <c r="B17167" s="20"/>
      <c r="C17167" s="2" t="s">
        <v>52459</v>
      </c>
      <c r="D17167" s="14" t="s">
        <v>52460</v>
      </c>
      <c r="E17167" s="2" t="s">
        <v>52461</v>
      </c>
      <c r="F17167" s="2" t="s">
        <v>36297</v>
      </c>
      <c r="G17167" s="8">
        <v>302</v>
      </c>
      <c r="H17167" s="5">
        <v>6</v>
      </c>
      <c r="I17167" s="5" t="s">
        <v>1518</v>
      </c>
      <c r="J17167" s="5" t="s">
        <v>36264</v>
      </c>
      <c r="K17167" s="2" t="s">
        <v>36265</v>
      </c>
      <c r="L17167" s="5" t="s">
        <v>36264</v>
      </c>
      <c r="M17167" s="2" t="s">
        <v>36265</v>
      </c>
      <c r="N17167" s="5" t="s">
        <v>36266</v>
      </c>
      <c r="O17167" s="5" t="s">
        <v>38</v>
      </c>
      <c r="P17167" s="5" t="s">
        <v>39</v>
      </c>
      <c r="Q17167" s="5" t="s">
        <v>40</v>
      </c>
      <c r="R17167" s="5" t="s">
        <v>1522</v>
      </c>
      <c r="S17167" s="5" t="s">
        <v>1523</v>
      </c>
      <c r="T17167" s="5" t="s">
        <v>42</v>
      </c>
      <c r="U17167" s="2">
        <v>3.2610000000000001</v>
      </c>
      <c r="V17167" s="2">
        <v>2.6619999999999999</v>
      </c>
      <c r="W17167" s="2">
        <v>1.7999999999999999E-2</v>
      </c>
      <c r="X17167" s="2">
        <v>139.1</v>
      </c>
      <c r="Y17167" s="2">
        <v>7.6</v>
      </c>
      <c r="Z17167" s="2">
        <v>16.7</v>
      </c>
      <c r="AA17167" s="5"/>
      <c r="AB17167" s="5" t="s">
        <v>43</v>
      </c>
      <c r="AC17167" s="5" t="s">
        <v>44</v>
      </c>
      <c r="AD17167" s="2"/>
      <c r="AE17167" s="1"/>
    </row>
    <row r="17168" spans="1:31" ht="14.45">
      <c r="A17168" s="11"/>
      <c r="B17168" s="20"/>
      <c r="C17168" s="2" t="s">
        <v>52462</v>
      </c>
      <c r="D17168" s="14" t="s">
        <v>52463</v>
      </c>
      <c r="E17168" s="2" t="s">
        <v>52464</v>
      </c>
      <c r="F17168" s="2" t="s">
        <v>36301</v>
      </c>
      <c r="G17168" s="8">
        <v>302</v>
      </c>
      <c r="H17168" s="5">
        <v>6</v>
      </c>
      <c r="I17168" s="5" t="s">
        <v>1518</v>
      </c>
      <c r="J17168" s="5" t="s">
        <v>36264</v>
      </c>
      <c r="K17168" s="2" t="s">
        <v>36265</v>
      </c>
      <c r="L17168" s="5" t="s">
        <v>36264</v>
      </c>
      <c r="M17168" s="2" t="s">
        <v>36265</v>
      </c>
      <c r="N17168" s="5" t="s">
        <v>36266</v>
      </c>
      <c r="O17168" s="5" t="s">
        <v>38</v>
      </c>
      <c r="P17168" s="5" t="s">
        <v>39</v>
      </c>
      <c r="Q17168" s="5" t="s">
        <v>40</v>
      </c>
      <c r="R17168" s="5" t="s">
        <v>1522</v>
      </c>
      <c r="S17168" s="5" t="s">
        <v>1523</v>
      </c>
      <c r="T17168" s="5" t="s">
        <v>42</v>
      </c>
      <c r="U17168" s="2">
        <v>3.363</v>
      </c>
      <c r="V17168" s="2">
        <v>2.7639999999999998</v>
      </c>
      <c r="W17168" s="2">
        <v>1.7999999999999999E-2</v>
      </c>
      <c r="X17168" s="2">
        <v>139.1</v>
      </c>
      <c r="Y17168" s="2">
        <v>7.6</v>
      </c>
      <c r="Z17168" s="2">
        <v>16.7</v>
      </c>
      <c r="AA17168" s="5"/>
      <c r="AB17168" s="5" t="s">
        <v>43</v>
      </c>
      <c r="AC17168" s="5" t="s">
        <v>44</v>
      </c>
      <c r="AD17168" s="2"/>
      <c r="AE17168" s="1"/>
    </row>
    <row r="17169" spans="1:31" ht="14.45">
      <c r="A17169" s="11"/>
      <c r="B17169" s="20"/>
      <c r="C17169" s="2" t="s">
        <v>52465</v>
      </c>
      <c r="D17169" s="14" t="s">
        <v>52466</v>
      </c>
      <c r="E17169" s="2" t="s">
        <v>52467</v>
      </c>
      <c r="F17169" s="2" t="s">
        <v>36305</v>
      </c>
      <c r="G17169" s="8">
        <v>302</v>
      </c>
      <c r="H17169" s="5">
        <v>6</v>
      </c>
      <c r="I17169" s="5" t="s">
        <v>1518</v>
      </c>
      <c r="J17169" s="5" t="s">
        <v>36264</v>
      </c>
      <c r="K17169" s="2" t="s">
        <v>36265</v>
      </c>
      <c r="L17169" s="5" t="s">
        <v>36264</v>
      </c>
      <c r="M17169" s="2" t="s">
        <v>36265</v>
      </c>
      <c r="N17169" s="5" t="s">
        <v>36266</v>
      </c>
      <c r="O17169" s="5" t="s">
        <v>38</v>
      </c>
      <c r="P17169" s="5" t="s">
        <v>39</v>
      </c>
      <c r="Q17169" s="5" t="s">
        <v>40</v>
      </c>
      <c r="R17169" s="5" t="s">
        <v>1522</v>
      </c>
      <c r="S17169" s="5" t="s">
        <v>1523</v>
      </c>
      <c r="T17169" s="5" t="s">
        <v>42</v>
      </c>
      <c r="U17169" s="2">
        <v>3.2610000000000001</v>
      </c>
      <c r="V17169" s="2">
        <v>2.6619999999999999</v>
      </c>
      <c r="W17169" s="2">
        <v>1.7999999999999999E-2</v>
      </c>
      <c r="X17169" s="2">
        <v>139.1</v>
      </c>
      <c r="Y17169" s="2">
        <v>7.6</v>
      </c>
      <c r="Z17169" s="2">
        <v>16.7</v>
      </c>
      <c r="AA17169" s="5"/>
      <c r="AB17169" s="5" t="s">
        <v>43</v>
      </c>
      <c r="AC17169" s="5" t="s">
        <v>44</v>
      </c>
      <c r="AD17169" s="2"/>
      <c r="AE17169" s="1"/>
    </row>
    <row r="17170" spans="1:31" ht="14.45">
      <c r="A17170" s="11"/>
      <c r="B17170" s="20"/>
      <c r="C17170" s="2" t="s">
        <v>52468</v>
      </c>
      <c r="D17170" s="14" t="s">
        <v>52469</v>
      </c>
      <c r="E17170" s="2" t="s">
        <v>52470</v>
      </c>
      <c r="F17170" s="2" t="s">
        <v>36309</v>
      </c>
      <c r="G17170" s="8">
        <v>302</v>
      </c>
      <c r="H17170" s="5">
        <v>6</v>
      </c>
      <c r="I17170" s="5" t="s">
        <v>1518</v>
      </c>
      <c r="J17170" s="5" t="s">
        <v>36264</v>
      </c>
      <c r="K17170" s="2" t="s">
        <v>36265</v>
      </c>
      <c r="L17170" s="5" t="s">
        <v>36264</v>
      </c>
      <c r="M17170" s="2" t="s">
        <v>36265</v>
      </c>
      <c r="N17170" s="5" t="s">
        <v>36266</v>
      </c>
      <c r="O17170" s="5" t="s">
        <v>38</v>
      </c>
      <c r="P17170" s="5" t="s">
        <v>39</v>
      </c>
      <c r="Q17170" s="5" t="s">
        <v>40</v>
      </c>
      <c r="R17170" s="5" t="s">
        <v>1522</v>
      </c>
      <c r="S17170" s="5" t="s">
        <v>1523</v>
      </c>
      <c r="T17170" s="5" t="s">
        <v>42</v>
      </c>
      <c r="U17170" s="2">
        <v>3.363</v>
      </c>
      <c r="V17170" s="2">
        <v>2.7639999999999998</v>
      </c>
      <c r="W17170" s="2">
        <v>1.7999999999999999E-2</v>
      </c>
      <c r="X17170" s="2">
        <v>139.1</v>
      </c>
      <c r="Y17170" s="2">
        <v>7.6</v>
      </c>
      <c r="Z17170" s="2">
        <v>16.7</v>
      </c>
      <c r="AA17170" s="5"/>
      <c r="AB17170" s="5" t="s">
        <v>43</v>
      </c>
      <c r="AC17170" s="5" t="s">
        <v>44</v>
      </c>
      <c r="AD17170" s="2"/>
      <c r="AE17170" s="1"/>
    </row>
    <row r="17171" spans="1:31" ht="14.45">
      <c r="A17171" s="11"/>
      <c r="B17171" s="20"/>
      <c r="C17171" s="2" t="s">
        <v>52471</v>
      </c>
      <c r="D17171" s="14" t="s">
        <v>52472</v>
      </c>
      <c r="E17171" s="2" t="s">
        <v>52473</v>
      </c>
      <c r="F17171" s="2" t="s">
        <v>36313</v>
      </c>
      <c r="G17171" s="8">
        <v>328</v>
      </c>
      <c r="H17171" s="5">
        <v>6</v>
      </c>
      <c r="I17171" s="5" t="s">
        <v>1518</v>
      </c>
      <c r="J17171" s="5" t="s">
        <v>36264</v>
      </c>
      <c r="K17171" s="2" t="s">
        <v>36265</v>
      </c>
      <c r="L17171" s="5" t="s">
        <v>36264</v>
      </c>
      <c r="M17171" s="2" t="s">
        <v>36265</v>
      </c>
      <c r="N17171" s="5" t="s">
        <v>36266</v>
      </c>
      <c r="O17171" s="5" t="s">
        <v>38</v>
      </c>
      <c r="P17171" s="5" t="s">
        <v>39</v>
      </c>
      <c r="Q17171" s="5" t="s">
        <v>40</v>
      </c>
      <c r="R17171" s="5" t="s">
        <v>1522</v>
      </c>
      <c r="S17171" s="5" t="s">
        <v>1523</v>
      </c>
      <c r="T17171" s="5" t="s">
        <v>42</v>
      </c>
      <c r="U17171" s="2">
        <v>3.2610000000000001</v>
      </c>
      <c r="V17171" s="2">
        <v>2.6619999999999999</v>
      </c>
      <c r="W17171" s="2">
        <v>1.7999999999999999E-2</v>
      </c>
      <c r="X17171" s="2">
        <v>139.1</v>
      </c>
      <c r="Y17171" s="2">
        <v>7.6</v>
      </c>
      <c r="Z17171" s="2">
        <v>16.7</v>
      </c>
      <c r="AA17171" s="5"/>
      <c r="AB17171" s="5" t="s">
        <v>43</v>
      </c>
      <c r="AC17171" s="5" t="s">
        <v>44</v>
      </c>
      <c r="AD17171" s="2"/>
      <c r="AE17171" s="1"/>
    </row>
    <row r="17172" spans="1:31" ht="14.45">
      <c r="A17172" s="11"/>
      <c r="B17172" s="20"/>
      <c r="C17172" s="2" t="s">
        <v>52474</v>
      </c>
      <c r="D17172" s="14" t="s">
        <v>52475</v>
      </c>
      <c r="E17172" s="2" t="s">
        <v>52476</v>
      </c>
      <c r="F17172" s="2" t="s">
        <v>36317</v>
      </c>
      <c r="G17172" s="8">
        <v>328</v>
      </c>
      <c r="H17172" s="5">
        <v>6</v>
      </c>
      <c r="I17172" s="5" t="s">
        <v>1518</v>
      </c>
      <c r="J17172" s="5" t="s">
        <v>36264</v>
      </c>
      <c r="K17172" s="2" t="s">
        <v>36265</v>
      </c>
      <c r="L17172" s="5" t="s">
        <v>36264</v>
      </c>
      <c r="M17172" s="2" t="s">
        <v>36265</v>
      </c>
      <c r="N17172" s="5" t="s">
        <v>36266</v>
      </c>
      <c r="O17172" s="5" t="s">
        <v>38</v>
      </c>
      <c r="P17172" s="5" t="s">
        <v>39</v>
      </c>
      <c r="Q17172" s="5" t="s">
        <v>40</v>
      </c>
      <c r="R17172" s="5" t="s">
        <v>1522</v>
      </c>
      <c r="S17172" s="5" t="s">
        <v>1523</v>
      </c>
      <c r="T17172" s="5" t="s">
        <v>42</v>
      </c>
      <c r="U17172" s="2">
        <v>3.363</v>
      </c>
      <c r="V17172" s="2">
        <v>2.7639999999999998</v>
      </c>
      <c r="W17172" s="2">
        <v>1.7999999999999999E-2</v>
      </c>
      <c r="X17172" s="2">
        <v>139.1</v>
      </c>
      <c r="Y17172" s="2">
        <v>7.6</v>
      </c>
      <c r="Z17172" s="2">
        <v>16.7</v>
      </c>
      <c r="AA17172" s="5"/>
      <c r="AB17172" s="5" t="s">
        <v>43</v>
      </c>
      <c r="AC17172" s="5" t="s">
        <v>44</v>
      </c>
      <c r="AD17172" s="2"/>
      <c r="AE17172" s="1"/>
    </row>
    <row r="17173" spans="1:31" ht="14.45">
      <c r="A17173" s="11"/>
      <c r="B17173" s="20"/>
      <c r="C17173" s="2" t="s">
        <v>52477</v>
      </c>
      <c r="D17173" s="14" t="s">
        <v>52478</v>
      </c>
      <c r="E17173" s="2" t="s">
        <v>52479</v>
      </c>
      <c r="F17173" s="2" t="s">
        <v>36321</v>
      </c>
      <c r="G17173" s="8">
        <v>328</v>
      </c>
      <c r="H17173" s="5">
        <v>6</v>
      </c>
      <c r="I17173" s="5" t="s">
        <v>1518</v>
      </c>
      <c r="J17173" s="5" t="s">
        <v>36264</v>
      </c>
      <c r="K17173" s="2" t="s">
        <v>36265</v>
      </c>
      <c r="L17173" s="5" t="s">
        <v>36264</v>
      </c>
      <c r="M17173" s="2" t="s">
        <v>36265</v>
      </c>
      <c r="N17173" s="5" t="s">
        <v>36266</v>
      </c>
      <c r="O17173" s="5" t="s">
        <v>38</v>
      </c>
      <c r="P17173" s="5" t="s">
        <v>39</v>
      </c>
      <c r="Q17173" s="5" t="s">
        <v>40</v>
      </c>
      <c r="R17173" s="5" t="s">
        <v>1522</v>
      </c>
      <c r="S17173" s="5" t="s">
        <v>1523</v>
      </c>
      <c r="T17173" s="5" t="s">
        <v>42</v>
      </c>
      <c r="U17173" s="2">
        <v>3.2610000000000001</v>
      </c>
      <c r="V17173" s="2">
        <v>2.6619999999999999</v>
      </c>
      <c r="W17173" s="2">
        <v>1.7999999999999999E-2</v>
      </c>
      <c r="X17173" s="2">
        <v>139.1</v>
      </c>
      <c r="Y17173" s="2">
        <v>7.6</v>
      </c>
      <c r="Z17173" s="2">
        <v>16.7</v>
      </c>
      <c r="AA17173" s="5"/>
      <c r="AB17173" s="5" t="s">
        <v>43</v>
      </c>
      <c r="AC17173" s="5" t="s">
        <v>44</v>
      </c>
      <c r="AD17173" s="2"/>
      <c r="AE17173" s="1"/>
    </row>
    <row r="17174" spans="1:31" ht="14.45">
      <c r="A17174" s="11"/>
      <c r="B17174" s="20"/>
      <c r="C17174" s="2" t="s">
        <v>52480</v>
      </c>
      <c r="D17174" s="14" t="s">
        <v>52481</v>
      </c>
      <c r="E17174" s="2" t="s">
        <v>52482</v>
      </c>
      <c r="F17174" s="2" t="s">
        <v>36329</v>
      </c>
      <c r="G17174" s="8">
        <v>328</v>
      </c>
      <c r="H17174" s="5">
        <v>6</v>
      </c>
      <c r="I17174" s="5" t="s">
        <v>1518</v>
      </c>
      <c r="J17174" s="5" t="s">
        <v>36264</v>
      </c>
      <c r="K17174" s="2" t="s">
        <v>36265</v>
      </c>
      <c r="L17174" s="5" t="s">
        <v>36264</v>
      </c>
      <c r="M17174" s="2" t="s">
        <v>36265</v>
      </c>
      <c r="N17174" s="5" t="s">
        <v>36266</v>
      </c>
      <c r="O17174" s="5" t="s">
        <v>38</v>
      </c>
      <c r="P17174" s="5" t="s">
        <v>39</v>
      </c>
      <c r="Q17174" s="5" t="s">
        <v>40</v>
      </c>
      <c r="R17174" s="5" t="s">
        <v>1522</v>
      </c>
      <c r="S17174" s="5" t="s">
        <v>1523</v>
      </c>
      <c r="T17174" s="5" t="s">
        <v>42</v>
      </c>
      <c r="U17174" s="2">
        <v>3.2610000000000001</v>
      </c>
      <c r="V17174" s="2">
        <v>2.6619999999999999</v>
      </c>
      <c r="W17174" s="2">
        <v>1.7999999999999999E-2</v>
      </c>
      <c r="X17174" s="2">
        <v>139.1</v>
      </c>
      <c r="Y17174" s="2">
        <v>7.6</v>
      </c>
      <c r="Z17174" s="2">
        <v>16.7</v>
      </c>
      <c r="AA17174" s="5"/>
      <c r="AB17174" s="5" t="s">
        <v>43</v>
      </c>
      <c r="AC17174" s="5" t="s">
        <v>44</v>
      </c>
      <c r="AD17174" s="2"/>
      <c r="AE17174" s="1"/>
    </row>
    <row r="17175" spans="1:31" ht="14.45">
      <c r="A17175" s="11"/>
      <c r="B17175" s="20"/>
      <c r="C17175" s="2" t="s">
        <v>52483</v>
      </c>
      <c r="D17175" s="14" t="s">
        <v>52484</v>
      </c>
      <c r="E17175" s="2" t="s">
        <v>52485</v>
      </c>
      <c r="F17175" s="2" t="s">
        <v>36333</v>
      </c>
      <c r="G17175" s="8">
        <v>328</v>
      </c>
      <c r="H17175" s="5">
        <v>6</v>
      </c>
      <c r="I17175" s="5" t="s">
        <v>1518</v>
      </c>
      <c r="J17175" s="5" t="s">
        <v>36264</v>
      </c>
      <c r="K17175" s="2" t="s">
        <v>36265</v>
      </c>
      <c r="L17175" s="5" t="s">
        <v>36264</v>
      </c>
      <c r="M17175" s="2" t="s">
        <v>36265</v>
      </c>
      <c r="N17175" s="5" t="s">
        <v>36266</v>
      </c>
      <c r="O17175" s="5" t="s">
        <v>38</v>
      </c>
      <c r="P17175" s="5" t="s">
        <v>39</v>
      </c>
      <c r="Q17175" s="5" t="s">
        <v>40</v>
      </c>
      <c r="R17175" s="5" t="s">
        <v>1522</v>
      </c>
      <c r="S17175" s="5" t="s">
        <v>1523</v>
      </c>
      <c r="T17175" s="5" t="s">
        <v>42</v>
      </c>
      <c r="U17175" s="2">
        <v>3.363</v>
      </c>
      <c r="V17175" s="2">
        <v>2.7639999999999998</v>
      </c>
      <c r="W17175" s="2">
        <v>1.7999999999999999E-2</v>
      </c>
      <c r="X17175" s="2">
        <v>139.1</v>
      </c>
      <c r="Y17175" s="2">
        <v>7.6</v>
      </c>
      <c r="Z17175" s="2">
        <v>16.7</v>
      </c>
      <c r="AA17175" s="5"/>
      <c r="AB17175" s="5" t="s">
        <v>43</v>
      </c>
      <c r="AC17175" s="5" t="s">
        <v>44</v>
      </c>
      <c r="AD17175" s="2"/>
      <c r="AE17175" s="1"/>
    </row>
    <row r="17176" spans="1:31" ht="14.45">
      <c r="A17176" s="11"/>
      <c r="B17176" s="20"/>
      <c r="C17176" s="2" t="s">
        <v>52486</v>
      </c>
      <c r="D17176" s="14" t="s">
        <v>52487</v>
      </c>
      <c r="E17176" s="2" t="s">
        <v>52488</v>
      </c>
      <c r="F17176" s="2" t="s">
        <v>36341</v>
      </c>
      <c r="G17176" s="8">
        <v>328</v>
      </c>
      <c r="H17176" s="5">
        <v>6</v>
      </c>
      <c r="I17176" s="5" t="s">
        <v>1518</v>
      </c>
      <c r="J17176" s="5" t="s">
        <v>36264</v>
      </c>
      <c r="K17176" s="2" t="s">
        <v>36265</v>
      </c>
      <c r="L17176" s="5" t="s">
        <v>36264</v>
      </c>
      <c r="M17176" s="2" t="s">
        <v>36265</v>
      </c>
      <c r="N17176" s="5" t="s">
        <v>36266</v>
      </c>
      <c r="O17176" s="5" t="s">
        <v>38</v>
      </c>
      <c r="P17176" s="5" t="s">
        <v>39</v>
      </c>
      <c r="Q17176" s="5" t="s">
        <v>40</v>
      </c>
      <c r="R17176" s="5" t="s">
        <v>1522</v>
      </c>
      <c r="S17176" s="5" t="s">
        <v>1523</v>
      </c>
      <c r="T17176" s="5" t="s">
        <v>42</v>
      </c>
      <c r="U17176" s="2">
        <v>3.363</v>
      </c>
      <c r="V17176" s="2">
        <v>2.7639999999999998</v>
      </c>
      <c r="W17176" s="2">
        <v>1.7999999999999999E-2</v>
      </c>
      <c r="X17176" s="2">
        <v>139.1</v>
      </c>
      <c r="Y17176" s="2">
        <v>7.6</v>
      </c>
      <c r="Z17176" s="2">
        <v>16.7</v>
      </c>
      <c r="AA17176" s="5"/>
      <c r="AB17176" s="5" t="s">
        <v>43</v>
      </c>
      <c r="AC17176" s="5" t="s">
        <v>44</v>
      </c>
      <c r="AD17176" s="2"/>
      <c r="AE17176" s="1"/>
    </row>
    <row r="17177" spans="1:31" ht="14.45">
      <c r="A17177" s="11"/>
      <c r="B17177" s="20"/>
      <c r="C17177" s="2" t="s">
        <v>52489</v>
      </c>
      <c r="D17177" s="14" t="s">
        <v>52490</v>
      </c>
      <c r="E17177" s="2" t="s">
        <v>52491</v>
      </c>
      <c r="F17177" s="2" t="s">
        <v>36345</v>
      </c>
      <c r="G17177" s="8">
        <v>328</v>
      </c>
      <c r="H17177" s="5">
        <v>6</v>
      </c>
      <c r="I17177" s="5" t="s">
        <v>1518</v>
      </c>
      <c r="J17177" s="5" t="s">
        <v>36264</v>
      </c>
      <c r="K17177" s="2" t="s">
        <v>36265</v>
      </c>
      <c r="L17177" s="5" t="s">
        <v>36264</v>
      </c>
      <c r="M17177" s="2" t="s">
        <v>36265</v>
      </c>
      <c r="N17177" s="5" t="s">
        <v>36266</v>
      </c>
      <c r="O17177" s="5" t="s">
        <v>38</v>
      </c>
      <c r="P17177" s="5" t="s">
        <v>39</v>
      </c>
      <c r="Q17177" s="5" t="s">
        <v>40</v>
      </c>
      <c r="R17177" s="5" t="s">
        <v>1522</v>
      </c>
      <c r="S17177" s="5" t="s">
        <v>1523</v>
      </c>
      <c r="T17177" s="5" t="s">
        <v>42</v>
      </c>
      <c r="U17177" s="2">
        <v>3.2610000000000001</v>
      </c>
      <c r="V17177" s="2">
        <v>2.6619999999999999</v>
      </c>
      <c r="W17177" s="2">
        <v>1.7999999999999999E-2</v>
      </c>
      <c r="X17177" s="2">
        <v>139.1</v>
      </c>
      <c r="Y17177" s="2">
        <v>7.6</v>
      </c>
      <c r="Z17177" s="2">
        <v>16.7</v>
      </c>
      <c r="AA17177" s="5"/>
      <c r="AB17177" s="5" t="s">
        <v>43</v>
      </c>
      <c r="AC17177" s="5" t="s">
        <v>44</v>
      </c>
      <c r="AD17177" s="2"/>
      <c r="AE17177" s="1"/>
    </row>
    <row r="17178" spans="1:31" ht="14.45">
      <c r="A17178" s="11"/>
      <c r="B17178" s="20"/>
      <c r="C17178" s="2" t="s">
        <v>52492</v>
      </c>
      <c r="D17178" s="14" t="s">
        <v>52493</v>
      </c>
      <c r="E17178" s="2" t="s">
        <v>52494</v>
      </c>
      <c r="F17178" s="2" t="s">
        <v>36349</v>
      </c>
      <c r="G17178" s="8">
        <v>328</v>
      </c>
      <c r="H17178" s="5">
        <v>6</v>
      </c>
      <c r="I17178" s="5" t="s">
        <v>1518</v>
      </c>
      <c r="J17178" s="5" t="s">
        <v>36264</v>
      </c>
      <c r="K17178" s="2" t="s">
        <v>36265</v>
      </c>
      <c r="L17178" s="5" t="s">
        <v>36264</v>
      </c>
      <c r="M17178" s="2" t="s">
        <v>36265</v>
      </c>
      <c r="N17178" s="5" t="s">
        <v>36266</v>
      </c>
      <c r="O17178" s="5" t="s">
        <v>38</v>
      </c>
      <c r="P17178" s="5" t="s">
        <v>39</v>
      </c>
      <c r="Q17178" s="5" t="s">
        <v>40</v>
      </c>
      <c r="R17178" s="5" t="s">
        <v>1522</v>
      </c>
      <c r="S17178" s="5" t="s">
        <v>1523</v>
      </c>
      <c r="T17178" s="5" t="s">
        <v>42</v>
      </c>
      <c r="U17178" s="2">
        <v>3.363</v>
      </c>
      <c r="V17178" s="2">
        <v>2.7639999999999998</v>
      </c>
      <c r="W17178" s="2">
        <v>1.7999999999999999E-2</v>
      </c>
      <c r="X17178" s="2">
        <v>139.1</v>
      </c>
      <c r="Y17178" s="2">
        <v>7.6</v>
      </c>
      <c r="Z17178" s="2">
        <v>16.7</v>
      </c>
      <c r="AA17178" s="5"/>
      <c r="AB17178" s="5" t="s">
        <v>43</v>
      </c>
      <c r="AC17178" s="5" t="s">
        <v>44</v>
      </c>
      <c r="AD17178" s="2"/>
      <c r="AE17178" s="1"/>
    </row>
    <row r="17179" spans="1:31" ht="14.45">
      <c r="A17179" s="11"/>
      <c r="B17179" s="20"/>
      <c r="C17179" s="2" t="s">
        <v>52495</v>
      </c>
      <c r="D17179" s="14" t="s">
        <v>52496</v>
      </c>
      <c r="E17179" s="2" t="s">
        <v>52497</v>
      </c>
      <c r="F17179" s="2" t="s">
        <v>36353</v>
      </c>
      <c r="G17179" s="8">
        <v>328</v>
      </c>
      <c r="H17179" s="5">
        <v>6</v>
      </c>
      <c r="I17179" s="5" t="s">
        <v>1518</v>
      </c>
      <c r="J17179" s="5" t="s">
        <v>36264</v>
      </c>
      <c r="K17179" s="2" t="s">
        <v>36265</v>
      </c>
      <c r="L17179" s="5" t="s">
        <v>36264</v>
      </c>
      <c r="M17179" s="2" t="s">
        <v>36265</v>
      </c>
      <c r="N17179" s="5" t="s">
        <v>36266</v>
      </c>
      <c r="O17179" s="5" t="s">
        <v>38</v>
      </c>
      <c r="P17179" s="5" t="s">
        <v>39</v>
      </c>
      <c r="Q17179" s="5" t="s">
        <v>40</v>
      </c>
      <c r="R17179" s="5" t="s">
        <v>1522</v>
      </c>
      <c r="S17179" s="5" t="s">
        <v>1523</v>
      </c>
      <c r="T17179" s="5" t="s">
        <v>42</v>
      </c>
      <c r="U17179" s="2">
        <v>3.2610000000000001</v>
      </c>
      <c r="V17179" s="2">
        <v>2.6619999999999999</v>
      </c>
      <c r="W17179" s="2">
        <v>1.7999999999999999E-2</v>
      </c>
      <c r="X17179" s="2">
        <v>139.1</v>
      </c>
      <c r="Y17179" s="2">
        <v>7.6</v>
      </c>
      <c r="Z17179" s="2">
        <v>16.7</v>
      </c>
      <c r="AA17179" s="5"/>
      <c r="AB17179" s="5" t="s">
        <v>43</v>
      </c>
      <c r="AC17179" s="5" t="s">
        <v>44</v>
      </c>
      <c r="AD17179" s="2"/>
      <c r="AE17179" s="1"/>
    </row>
    <row r="17180" spans="1:31" ht="14.45">
      <c r="A17180" s="11"/>
      <c r="B17180" s="20"/>
      <c r="C17180" s="2" t="s">
        <v>52498</v>
      </c>
      <c r="D17180" s="14" t="s">
        <v>52499</v>
      </c>
      <c r="E17180" s="2" t="s">
        <v>52500</v>
      </c>
      <c r="F17180" s="2" t="s">
        <v>36357</v>
      </c>
      <c r="G17180" s="8">
        <v>328</v>
      </c>
      <c r="H17180" s="5">
        <v>6</v>
      </c>
      <c r="I17180" s="5" t="s">
        <v>1518</v>
      </c>
      <c r="J17180" s="5" t="s">
        <v>36264</v>
      </c>
      <c r="K17180" s="2" t="s">
        <v>36265</v>
      </c>
      <c r="L17180" s="5" t="s">
        <v>36264</v>
      </c>
      <c r="M17180" s="2" t="s">
        <v>36265</v>
      </c>
      <c r="N17180" s="5" t="s">
        <v>36266</v>
      </c>
      <c r="O17180" s="5" t="s">
        <v>38</v>
      </c>
      <c r="P17180" s="5" t="s">
        <v>39</v>
      </c>
      <c r="Q17180" s="5" t="s">
        <v>40</v>
      </c>
      <c r="R17180" s="5" t="s">
        <v>1522</v>
      </c>
      <c r="S17180" s="5" t="s">
        <v>1523</v>
      </c>
      <c r="T17180" s="5" t="s">
        <v>42</v>
      </c>
      <c r="U17180" s="2">
        <v>3.363</v>
      </c>
      <c r="V17180" s="2">
        <v>2.7639999999999998</v>
      </c>
      <c r="W17180" s="2">
        <v>1.7999999999999999E-2</v>
      </c>
      <c r="X17180" s="2">
        <v>139.1</v>
      </c>
      <c r="Y17180" s="2">
        <v>7.6</v>
      </c>
      <c r="Z17180" s="2">
        <v>16.7</v>
      </c>
      <c r="AA17180" s="5"/>
      <c r="AB17180" s="5" t="s">
        <v>43</v>
      </c>
      <c r="AC17180" s="5" t="s">
        <v>44</v>
      </c>
      <c r="AD17180" s="2"/>
      <c r="AE17180" s="1"/>
    </row>
    <row r="17181" spans="1:31" ht="14.45">
      <c r="A17181" s="11"/>
      <c r="B17181" s="20"/>
      <c r="C17181" s="2" t="s">
        <v>52501</v>
      </c>
      <c r="D17181" s="14" t="s">
        <v>52502</v>
      </c>
      <c r="E17181" s="2" t="s">
        <v>52503</v>
      </c>
      <c r="F17181" s="2" t="s">
        <v>45598</v>
      </c>
      <c r="G17181" s="8">
        <v>328</v>
      </c>
      <c r="H17181" s="5">
        <v>6</v>
      </c>
      <c r="I17181" s="5" t="s">
        <v>1518</v>
      </c>
      <c r="J17181" s="5" t="s">
        <v>36264</v>
      </c>
      <c r="K17181" s="2" t="s">
        <v>36265</v>
      </c>
      <c r="L17181" s="5" t="s">
        <v>36264</v>
      </c>
      <c r="M17181" s="2" t="s">
        <v>36265</v>
      </c>
      <c r="N17181" s="5" t="s">
        <v>36266</v>
      </c>
      <c r="O17181" s="5" t="s">
        <v>38</v>
      </c>
      <c r="P17181" s="5" t="s">
        <v>39</v>
      </c>
      <c r="Q17181" s="5" t="s">
        <v>40</v>
      </c>
      <c r="R17181" s="5" t="s">
        <v>1522</v>
      </c>
      <c r="S17181" s="5" t="s">
        <v>1523</v>
      </c>
      <c r="T17181" s="5" t="s">
        <v>42</v>
      </c>
      <c r="U17181" s="2">
        <v>3.2610000000000001</v>
      </c>
      <c r="V17181" s="2">
        <v>2.6619999999999999</v>
      </c>
      <c r="W17181" s="2">
        <v>1.7999999999999999E-2</v>
      </c>
      <c r="X17181" s="2">
        <v>139.1</v>
      </c>
      <c r="Y17181" s="2">
        <v>7.6</v>
      </c>
      <c r="Z17181" s="2">
        <v>16.7</v>
      </c>
      <c r="AA17181" s="5"/>
      <c r="AB17181" s="5" t="s">
        <v>43</v>
      </c>
      <c r="AC17181" s="5" t="s">
        <v>44</v>
      </c>
      <c r="AD17181" s="2"/>
      <c r="AE17181" s="1"/>
    </row>
    <row r="17182" spans="1:31" ht="14.45">
      <c r="A17182" s="11"/>
      <c r="B17182" s="20"/>
      <c r="C17182" s="2" t="s">
        <v>52504</v>
      </c>
      <c r="D17182" s="14" t="s">
        <v>52505</v>
      </c>
      <c r="E17182" s="2" t="s">
        <v>52506</v>
      </c>
      <c r="F17182" s="2" t="s">
        <v>45534</v>
      </c>
      <c r="G17182" s="8">
        <v>328</v>
      </c>
      <c r="H17182" s="5">
        <v>6</v>
      </c>
      <c r="I17182" s="5" t="s">
        <v>1518</v>
      </c>
      <c r="J17182" s="5" t="s">
        <v>36264</v>
      </c>
      <c r="K17182" s="2" t="s">
        <v>36265</v>
      </c>
      <c r="L17182" s="5" t="s">
        <v>36264</v>
      </c>
      <c r="M17182" s="2" t="s">
        <v>36265</v>
      </c>
      <c r="N17182" s="5" t="s">
        <v>36266</v>
      </c>
      <c r="O17182" s="5" t="s">
        <v>38</v>
      </c>
      <c r="P17182" s="5" t="s">
        <v>39</v>
      </c>
      <c r="Q17182" s="5" t="s">
        <v>40</v>
      </c>
      <c r="R17182" s="5" t="s">
        <v>1522</v>
      </c>
      <c r="S17182" s="5" t="s">
        <v>1523</v>
      </c>
      <c r="T17182" s="5" t="s">
        <v>42</v>
      </c>
      <c r="U17182" s="2">
        <v>3.363</v>
      </c>
      <c r="V17182" s="2">
        <v>2.7639999999999998</v>
      </c>
      <c r="W17182" s="2">
        <v>1.7999999999999999E-2</v>
      </c>
      <c r="X17182" s="2">
        <v>139.1</v>
      </c>
      <c r="Y17182" s="2">
        <v>7.6</v>
      </c>
      <c r="Z17182" s="2">
        <v>16.7</v>
      </c>
      <c r="AA17182" s="5"/>
      <c r="AB17182" s="5" t="s">
        <v>43</v>
      </c>
      <c r="AC17182" s="5" t="s">
        <v>44</v>
      </c>
      <c r="AD17182" s="2"/>
      <c r="AE17182" s="1"/>
    </row>
    <row r="17183" spans="1:31" ht="14.45">
      <c r="A17183" s="11"/>
      <c r="B17183" s="20"/>
      <c r="C17183" s="2" t="s">
        <v>52507</v>
      </c>
      <c r="D17183" s="14" t="s">
        <v>52508</v>
      </c>
      <c r="E17183" s="2" t="s">
        <v>52509</v>
      </c>
      <c r="F17183" s="2" t="s">
        <v>36369</v>
      </c>
      <c r="G17183" s="8">
        <v>328</v>
      </c>
      <c r="H17183" s="5">
        <v>6</v>
      </c>
      <c r="I17183" s="5" t="s">
        <v>1518</v>
      </c>
      <c r="J17183" s="5" t="s">
        <v>36264</v>
      </c>
      <c r="K17183" s="2" t="s">
        <v>36265</v>
      </c>
      <c r="L17183" s="5" t="s">
        <v>36264</v>
      </c>
      <c r="M17183" s="2" t="s">
        <v>36265</v>
      </c>
      <c r="N17183" s="5" t="s">
        <v>36266</v>
      </c>
      <c r="O17183" s="5" t="s">
        <v>38</v>
      </c>
      <c r="P17183" s="5" t="s">
        <v>39</v>
      </c>
      <c r="Q17183" s="5" t="s">
        <v>40</v>
      </c>
      <c r="R17183" s="5" t="s">
        <v>1522</v>
      </c>
      <c r="S17183" s="5" t="s">
        <v>1523</v>
      </c>
      <c r="T17183" s="5" t="s">
        <v>42</v>
      </c>
      <c r="U17183" s="2">
        <v>3.2610000000000001</v>
      </c>
      <c r="V17183" s="2">
        <v>2.6619999999999999</v>
      </c>
      <c r="W17183" s="2">
        <v>1.7999999999999999E-2</v>
      </c>
      <c r="X17183" s="2">
        <v>139.1</v>
      </c>
      <c r="Y17183" s="2">
        <v>7.6</v>
      </c>
      <c r="Z17183" s="2">
        <v>16.7</v>
      </c>
      <c r="AA17183" s="5"/>
      <c r="AB17183" s="5" t="s">
        <v>43</v>
      </c>
      <c r="AC17183" s="5" t="s">
        <v>44</v>
      </c>
      <c r="AD17183" s="2"/>
      <c r="AE17183" s="1"/>
    </row>
    <row r="17184" spans="1:31" ht="14.45">
      <c r="A17184" s="11"/>
      <c r="B17184" s="20"/>
      <c r="C17184" s="2" t="s">
        <v>52510</v>
      </c>
      <c r="D17184" s="14" t="s">
        <v>52511</v>
      </c>
      <c r="E17184" s="2" t="s">
        <v>52512</v>
      </c>
      <c r="F17184" s="2" t="s">
        <v>36373</v>
      </c>
      <c r="G17184" s="8">
        <v>328</v>
      </c>
      <c r="H17184" s="5">
        <v>6</v>
      </c>
      <c r="I17184" s="5" t="s">
        <v>1518</v>
      </c>
      <c r="J17184" s="5" t="s">
        <v>36264</v>
      </c>
      <c r="K17184" s="2" t="s">
        <v>36265</v>
      </c>
      <c r="L17184" s="5" t="s">
        <v>36264</v>
      </c>
      <c r="M17184" s="2" t="s">
        <v>36265</v>
      </c>
      <c r="N17184" s="5" t="s">
        <v>36266</v>
      </c>
      <c r="O17184" s="5" t="s">
        <v>38</v>
      </c>
      <c r="P17184" s="5" t="s">
        <v>39</v>
      </c>
      <c r="Q17184" s="5" t="s">
        <v>40</v>
      </c>
      <c r="R17184" s="5" t="s">
        <v>1522</v>
      </c>
      <c r="S17184" s="5" t="s">
        <v>1523</v>
      </c>
      <c r="T17184" s="5" t="s">
        <v>42</v>
      </c>
      <c r="U17184" s="2">
        <v>3.363</v>
      </c>
      <c r="V17184" s="2">
        <v>2.7639999999999998</v>
      </c>
      <c r="W17184" s="2">
        <v>1.7999999999999999E-2</v>
      </c>
      <c r="X17184" s="2">
        <v>139.1</v>
      </c>
      <c r="Y17184" s="2">
        <v>7.6</v>
      </c>
      <c r="Z17184" s="2">
        <v>16.7</v>
      </c>
      <c r="AA17184" s="5"/>
      <c r="AB17184" s="5" t="s">
        <v>43</v>
      </c>
      <c r="AC17184" s="5" t="s">
        <v>44</v>
      </c>
      <c r="AD17184" s="2"/>
      <c r="AE17184" s="1"/>
    </row>
    <row r="17185" spans="1:31" ht="14.45">
      <c r="A17185" s="11"/>
      <c r="B17185" s="20"/>
      <c r="C17185" s="2" t="s">
        <v>52513</v>
      </c>
      <c r="D17185" s="14" t="s">
        <v>52514</v>
      </c>
      <c r="E17185" s="2" t="s">
        <v>52515</v>
      </c>
      <c r="F17185" s="2" t="s">
        <v>36377</v>
      </c>
      <c r="G17185" s="8">
        <v>328</v>
      </c>
      <c r="H17185" s="5">
        <v>6</v>
      </c>
      <c r="I17185" s="5" t="s">
        <v>1518</v>
      </c>
      <c r="J17185" s="5" t="s">
        <v>36264</v>
      </c>
      <c r="K17185" s="2" t="s">
        <v>36265</v>
      </c>
      <c r="L17185" s="5" t="s">
        <v>36264</v>
      </c>
      <c r="M17185" s="2" t="s">
        <v>36265</v>
      </c>
      <c r="N17185" s="5" t="s">
        <v>36266</v>
      </c>
      <c r="O17185" s="5" t="s">
        <v>38</v>
      </c>
      <c r="P17185" s="5" t="s">
        <v>39</v>
      </c>
      <c r="Q17185" s="5" t="s">
        <v>40</v>
      </c>
      <c r="R17185" s="5" t="s">
        <v>1522</v>
      </c>
      <c r="S17185" s="5" t="s">
        <v>1523</v>
      </c>
      <c r="T17185" s="5" t="s">
        <v>42</v>
      </c>
      <c r="U17185" s="2">
        <v>3.2610000000000001</v>
      </c>
      <c r="V17185" s="2">
        <v>2.6619999999999999</v>
      </c>
      <c r="W17185" s="2">
        <v>1.7999999999999999E-2</v>
      </c>
      <c r="X17185" s="2">
        <v>139.1</v>
      </c>
      <c r="Y17185" s="2">
        <v>7.6</v>
      </c>
      <c r="Z17185" s="2">
        <v>16.7</v>
      </c>
      <c r="AA17185" s="5"/>
      <c r="AB17185" s="5" t="s">
        <v>43</v>
      </c>
      <c r="AC17185" s="5" t="s">
        <v>44</v>
      </c>
      <c r="AD17185" s="2"/>
      <c r="AE17185" s="1"/>
    </row>
    <row r="17186" spans="1:31" ht="14.45">
      <c r="A17186" s="11"/>
      <c r="B17186" s="20"/>
      <c r="C17186" s="2" t="s">
        <v>52516</v>
      </c>
      <c r="D17186" s="14" t="s">
        <v>52517</v>
      </c>
      <c r="E17186" s="2" t="s">
        <v>52518</v>
      </c>
      <c r="F17186" s="2" t="s">
        <v>36381</v>
      </c>
      <c r="G17186" s="8">
        <v>328</v>
      </c>
      <c r="H17186" s="5">
        <v>6</v>
      </c>
      <c r="I17186" s="5" t="s">
        <v>1518</v>
      </c>
      <c r="J17186" s="5" t="s">
        <v>36264</v>
      </c>
      <c r="K17186" s="2" t="s">
        <v>36265</v>
      </c>
      <c r="L17186" s="5" t="s">
        <v>36264</v>
      </c>
      <c r="M17186" s="2" t="s">
        <v>36265</v>
      </c>
      <c r="N17186" s="5" t="s">
        <v>36266</v>
      </c>
      <c r="O17186" s="5" t="s">
        <v>38</v>
      </c>
      <c r="P17186" s="5" t="s">
        <v>39</v>
      </c>
      <c r="Q17186" s="5" t="s">
        <v>40</v>
      </c>
      <c r="R17186" s="5" t="s">
        <v>1522</v>
      </c>
      <c r="S17186" s="5" t="s">
        <v>1523</v>
      </c>
      <c r="T17186" s="5" t="s">
        <v>42</v>
      </c>
      <c r="U17186" s="2">
        <v>3.363</v>
      </c>
      <c r="V17186" s="2">
        <v>2.7639999999999998</v>
      </c>
      <c r="W17186" s="2">
        <v>1.7999999999999999E-2</v>
      </c>
      <c r="X17186" s="2">
        <v>139.1</v>
      </c>
      <c r="Y17186" s="2">
        <v>7.6</v>
      </c>
      <c r="Z17186" s="2">
        <v>16.7</v>
      </c>
      <c r="AA17186" s="5"/>
      <c r="AB17186" s="5" t="s">
        <v>43</v>
      </c>
      <c r="AC17186" s="5" t="s">
        <v>44</v>
      </c>
      <c r="AD17186" s="2"/>
      <c r="AE17186" s="1"/>
    </row>
    <row r="17187" spans="1:31" ht="14.45">
      <c r="A17187" s="11"/>
      <c r="B17187" s="20"/>
      <c r="C17187" s="2" t="s">
        <v>52519</v>
      </c>
      <c r="D17187" s="14" t="s">
        <v>52520</v>
      </c>
      <c r="E17187" s="2" t="s">
        <v>52521</v>
      </c>
      <c r="F17187" s="2" t="s">
        <v>36385</v>
      </c>
      <c r="G17187" s="8">
        <v>328</v>
      </c>
      <c r="H17187" s="5">
        <v>6</v>
      </c>
      <c r="I17187" s="5" t="s">
        <v>1518</v>
      </c>
      <c r="J17187" s="5" t="s">
        <v>36264</v>
      </c>
      <c r="K17187" s="2" t="s">
        <v>36265</v>
      </c>
      <c r="L17187" s="5" t="s">
        <v>36264</v>
      </c>
      <c r="M17187" s="2" t="s">
        <v>36265</v>
      </c>
      <c r="N17187" s="5" t="s">
        <v>36266</v>
      </c>
      <c r="O17187" s="5" t="s">
        <v>38</v>
      </c>
      <c r="P17187" s="5" t="s">
        <v>39</v>
      </c>
      <c r="Q17187" s="5" t="s">
        <v>40</v>
      </c>
      <c r="R17187" s="5" t="s">
        <v>1522</v>
      </c>
      <c r="S17187" s="5" t="s">
        <v>1523</v>
      </c>
      <c r="T17187" s="5" t="s">
        <v>42</v>
      </c>
      <c r="U17187" s="2">
        <v>3.2610000000000001</v>
      </c>
      <c r="V17187" s="2">
        <v>2.6619999999999999</v>
      </c>
      <c r="W17187" s="2">
        <v>1.7999999999999999E-2</v>
      </c>
      <c r="X17187" s="2">
        <v>139.1</v>
      </c>
      <c r="Y17187" s="2">
        <v>7.6</v>
      </c>
      <c r="Z17187" s="2">
        <v>16.7</v>
      </c>
      <c r="AA17187" s="5"/>
      <c r="AB17187" s="5" t="s">
        <v>43</v>
      </c>
      <c r="AC17187" s="5" t="s">
        <v>44</v>
      </c>
      <c r="AD17187" s="2"/>
      <c r="AE17187" s="1"/>
    </row>
    <row r="17188" spans="1:31" ht="14.45">
      <c r="A17188" s="11"/>
      <c r="B17188" s="20"/>
      <c r="C17188" s="2" t="s">
        <v>52522</v>
      </c>
      <c r="D17188" s="14" t="s">
        <v>52523</v>
      </c>
      <c r="E17188" s="2" t="s">
        <v>52524</v>
      </c>
      <c r="F17188" s="2" t="s">
        <v>36389</v>
      </c>
      <c r="G17188" s="8">
        <v>328</v>
      </c>
      <c r="H17188" s="5">
        <v>6</v>
      </c>
      <c r="I17188" s="5" t="s">
        <v>1518</v>
      </c>
      <c r="J17188" s="5" t="s">
        <v>36264</v>
      </c>
      <c r="K17188" s="2" t="s">
        <v>36265</v>
      </c>
      <c r="L17188" s="5" t="s">
        <v>36264</v>
      </c>
      <c r="M17188" s="2" t="s">
        <v>36265</v>
      </c>
      <c r="N17188" s="5" t="s">
        <v>36266</v>
      </c>
      <c r="O17188" s="5" t="s">
        <v>38</v>
      </c>
      <c r="P17188" s="5" t="s">
        <v>39</v>
      </c>
      <c r="Q17188" s="5" t="s">
        <v>40</v>
      </c>
      <c r="R17188" s="5" t="s">
        <v>1522</v>
      </c>
      <c r="S17188" s="5" t="s">
        <v>1523</v>
      </c>
      <c r="T17188" s="5" t="s">
        <v>42</v>
      </c>
      <c r="U17188" s="2">
        <v>3.363</v>
      </c>
      <c r="V17188" s="2">
        <v>2.7639999999999998</v>
      </c>
      <c r="W17188" s="2">
        <v>1.7999999999999999E-2</v>
      </c>
      <c r="X17188" s="2">
        <v>139.1</v>
      </c>
      <c r="Y17188" s="2">
        <v>7.6</v>
      </c>
      <c r="Z17188" s="2">
        <v>16.7</v>
      </c>
      <c r="AA17188" s="5"/>
      <c r="AB17188" s="5" t="s">
        <v>43</v>
      </c>
      <c r="AC17188" s="5" t="s">
        <v>44</v>
      </c>
      <c r="AD17188" s="2"/>
      <c r="AE17188" s="1"/>
    </row>
    <row r="17189" spans="1:31" ht="14.45">
      <c r="A17189" s="11"/>
      <c r="B17189" s="20"/>
      <c r="C17189" s="2" t="s">
        <v>52525</v>
      </c>
      <c r="D17189" s="14" t="s">
        <v>52526</v>
      </c>
      <c r="E17189" s="2" t="s">
        <v>52527</v>
      </c>
      <c r="F17189" s="2" t="s">
        <v>7204</v>
      </c>
      <c r="G17189" s="8">
        <v>317</v>
      </c>
      <c r="H17189" s="5">
        <v>6</v>
      </c>
      <c r="I17189" s="5" t="s">
        <v>1518</v>
      </c>
      <c r="J17189" s="5" t="s">
        <v>36264</v>
      </c>
      <c r="K17189" s="2" t="s">
        <v>36265</v>
      </c>
      <c r="L17189" s="5" t="s">
        <v>36264</v>
      </c>
      <c r="M17189" s="2" t="s">
        <v>36265</v>
      </c>
      <c r="N17189" s="5" t="s">
        <v>36266</v>
      </c>
      <c r="O17189" s="5" t="s">
        <v>38</v>
      </c>
      <c r="P17189" s="5" t="s">
        <v>39</v>
      </c>
      <c r="Q17189" s="5" t="s">
        <v>40</v>
      </c>
      <c r="R17189" s="5" t="s">
        <v>1522</v>
      </c>
      <c r="S17189" s="5" t="s">
        <v>1523</v>
      </c>
      <c r="T17189" s="5" t="s">
        <v>42</v>
      </c>
      <c r="U17189" s="2">
        <v>3.52</v>
      </c>
      <c r="V17189" s="2">
        <v>2.8380000000000001</v>
      </c>
      <c r="W17189" s="2">
        <v>0.02</v>
      </c>
      <c r="X17189" s="2">
        <v>159.1</v>
      </c>
      <c r="Y17189" s="2">
        <v>7.6</v>
      </c>
      <c r="Z17189" s="2">
        <v>16.7</v>
      </c>
      <c r="AA17189" s="5"/>
      <c r="AB17189" s="5" t="s">
        <v>43</v>
      </c>
      <c r="AC17189" s="5" t="s">
        <v>44</v>
      </c>
      <c r="AD17189" s="2"/>
      <c r="AE17189" s="1"/>
    </row>
    <row r="17190" spans="1:31" ht="14.45">
      <c r="A17190" s="11"/>
      <c r="B17190" s="20"/>
      <c r="C17190" s="2" t="s">
        <v>52528</v>
      </c>
      <c r="D17190" s="14" t="s">
        <v>52529</v>
      </c>
      <c r="E17190" s="2" t="s">
        <v>52530</v>
      </c>
      <c r="F17190" s="2" t="s">
        <v>7514</v>
      </c>
      <c r="G17190" s="8">
        <v>317</v>
      </c>
      <c r="H17190" s="5">
        <v>6</v>
      </c>
      <c r="I17190" s="5" t="s">
        <v>1518</v>
      </c>
      <c r="J17190" s="5" t="s">
        <v>36264</v>
      </c>
      <c r="K17190" s="2" t="s">
        <v>36265</v>
      </c>
      <c r="L17190" s="5" t="s">
        <v>36264</v>
      </c>
      <c r="M17190" s="2" t="s">
        <v>36265</v>
      </c>
      <c r="N17190" s="5" t="s">
        <v>36266</v>
      </c>
      <c r="O17190" s="5" t="s">
        <v>38</v>
      </c>
      <c r="P17190" s="5" t="s">
        <v>39</v>
      </c>
      <c r="Q17190" s="5" t="s">
        <v>40</v>
      </c>
      <c r="R17190" s="5" t="s">
        <v>1522</v>
      </c>
      <c r="S17190" s="5" t="s">
        <v>1523</v>
      </c>
      <c r="T17190" s="5" t="s">
        <v>42</v>
      </c>
      <c r="U17190" s="2">
        <v>3.6339999999999999</v>
      </c>
      <c r="V17190" s="2">
        <v>2.952</v>
      </c>
      <c r="W17190" s="2">
        <v>0.02</v>
      </c>
      <c r="X17190" s="2">
        <v>159.1</v>
      </c>
      <c r="Y17190" s="2">
        <v>7.6</v>
      </c>
      <c r="Z17190" s="2">
        <v>16.7</v>
      </c>
      <c r="AA17190" s="5"/>
      <c r="AB17190" s="5" t="s">
        <v>43</v>
      </c>
      <c r="AC17190" s="5" t="s">
        <v>44</v>
      </c>
      <c r="AD17190" s="2"/>
      <c r="AE17190" s="1"/>
    </row>
    <row r="17191" spans="1:31" ht="14.45">
      <c r="A17191" s="11"/>
      <c r="B17191" s="20"/>
      <c r="C17191" s="2" t="s">
        <v>52531</v>
      </c>
      <c r="D17191" s="14" t="s">
        <v>52532</v>
      </c>
      <c r="E17191" s="2" t="s">
        <v>52533</v>
      </c>
      <c r="F17191" s="2" t="s">
        <v>36273</v>
      </c>
      <c r="G17191" s="8">
        <v>317</v>
      </c>
      <c r="H17191" s="5">
        <v>6</v>
      </c>
      <c r="I17191" s="5" t="s">
        <v>1518</v>
      </c>
      <c r="J17191" s="5" t="s">
        <v>36264</v>
      </c>
      <c r="K17191" s="2" t="s">
        <v>36265</v>
      </c>
      <c r="L17191" s="5" t="s">
        <v>36264</v>
      </c>
      <c r="M17191" s="2" t="s">
        <v>36265</v>
      </c>
      <c r="N17191" s="5" t="s">
        <v>36266</v>
      </c>
      <c r="O17191" s="5" t="s">
        <v>38</v>
      </c>
      <c r="P17191" s="5" t="s">
        <v>39</v>
      </c>
      <c r="Q17191" s="5" t="s">
        <v>40</v>
      </c>
      <c r="R17191" s="5" t="s">
        <v>1522</v>
      </c>
      <c r="S17191" s="5" t="s">
        <v>1523</v>
      </c>
      <c r="T17191" s="5" t="s">
        <v>42</v>
      </c>
      <c r="U17191" s="2">
        <v>3.52</v>
      </c>
      <c r="V17191" s="2">
        <v>2.8380000000000001</v>
      </c>
      <c r="W17191" s="2">
        <v>0.02</v>
      </c>
      <c r="X17191" s="2">
        <v>159.1</v>
      </c>
      <c r="Y17191" s="2">
        <v>7.6</v>
      </c>
      <c r="Z17191" s="2">
        <v>16.7</v>
      </c>
      <c r="AA17191" s="5"/>
      <c r="AB17191" s="5" t="s">
        <v>43</v>
      </c>
      <c r="AC17191" s="5" t="s">
        <v>44</v>
      </c>
      <c r="AD17191" s="2"/>
      <c r="AE17191" s="1"/>
    </row>
    <row r="17192" spans="1:31" ht="14.45">
      <c r="A17192" s="11"/>
      <c r="B17192" s="20"/>
      <c r="C17192" s="2" t="s">
        <v>52534</v>
      </c>
      <c r="D17192" s="14" t="s">
        <v>52535</v>
      </c>
      <c r="E17192" s="2" t="s">
        <v>52536</v>
      </c>
      <c r="F17192" s="2" t="s">
        <v>36277</v>
      </c>
      <c r="G17192" s="8">
        <v>317</v>
      </c>
      <c r="H17192" s="5">
        <v>6</v>
      </c>
      <c r="I17192" s="5" t="s">
        <v>1518</v>
      </c>
      <c r="J17192" s="5" t="s">
        <v>36264</v>
      </c>
      <c r="K17192" s="2" t="s">
        <v>36265</v>
      </c>
      <c r="L17192" s="5" t="s">
        <v>36264</v>
      </c>
      <c r="M17192" s="2" t="s">
        <v>36265</v>
      </c>
      <c r="N17192" s="5" t="s">
        <v>36266</v>
      </c>
      <c r="O17192" s="5" t="s">
        <v>38</v>
      </c>
      <c r="P17192" s="5" t="s">
        <v>39</v>
      </c>
      <c r="Q17192" s="5" t="s">
        <v>40</v>
      </c>
      <c r="R17192" s="5" t="s">
        <v>1522</v>
      </c>
      <c r="S17192" s="5" t="s">
        <v>1523</v>
      </c>
      <c r="T17192" s="5" t="s">
        <v>42</v>
      </c>
      <c r="U17192" s="2">
        <v>3.6339999999999999</v>
      </c>
      <c r="V17192" s="2">
        <v>2.952</v>
      </c>
      <c r="W17192" s="2">
        <v>0.02</v>
      </c>
      <c r="X17192" s="2">
        <v>159.1</v>
      </c>
      <c r="Y17192" s="2">
        <v>7.6</v>
      </c>
      <c r="Z17192" s="2">
        <v>16.7</v>
      </c>
      <c r="AA17192" s="5"/>
      <c r="AB17192" s="5" t="s">
        <v>43</v>
      </c>
      <c r="AC17192" s="5" t="s">
        <v>44</v>
      </c>
      <c r="AD17192" s="2"/>
      <c r="AE17192" s="1"/>
    </row>
    <row r="17193" spans="1:31" ht="14.45">
      <c r="A17193" s="11"/>
      <c r="B17193" s="20"/>
      <c r="C17193" s="2" t="s">
        <v>52537</v>
      </c>
      <c r="D17193" s="14" t="s">
        <v>52538</v>
      </c>
      <c r="E17193" s="2" t="s">
        <v>52539</v>
      </c>
      <c r="F17193" s="2" t="s">
        <v>36285</v>
      </c>
      <c r="G17193" s="8">
        <v>345</v>
      </c>
      <c r="H17193" s="5">
        <v>6</v>
      </c>
      <c r="I17193" s="5" t="s">
        <v>1518</v>
      </c>
      <c r="J17193" s="5" t="s">
        <v>36264</v>
      </c>
      <c r="K17193" s="2" t="s">
        <v>36265</v>
      </c>
      <c r="L17193" s="5" t="s">
        <v>36264</v>
      </c>
      <c r="M17193" s="2" t="s">
        <v>36265</v>
      </c>
      <c r="N17193" s="5" t="s">
        <v>36266</v>
      </c>
      <c r="O17193" s="5" t="s">
        <v>38</v>
      </c>
      <c r="P17193" s="5" t="s">
        <v>39</v>
      </c>
      <c r="Q17193" s="5" t="s">
        <v>40</v>
      </c>
      <c r="R17193" s="5" t="s">
        <v>1522</v>
      </c>
      <c r="S17193" s="5" t="s">
        <v>1523</v>
      </c>
      <c r="T17193" s="5" t="s">
        <v>42</v>
      </c>
      <c r="U17193" s="2">
        <v>3.6339999999999999</v>
      </c>
      <c r="V17193" s="2">
        <v>2.952</v>
      </c>
      <c r="W17193" s="2">
        <v>0.02</v>
      </c>
      <c r="X17193" s="2">
        <v>159.1</v>
      </c>
      <c r="Y17193" s="2">
        <v>7.6</v>
      </c>
      <c r="Z17193" s="2">
        <v>16.7</v>
      </c>
      <c r="AA17193" s="5"/>
      <c r="AB17193" s="5" t="s">
        <v>43</v>
      </c>
      <c r="AC17193" s="5" t="s">
        <v>44</v>
      </c>
      <c r="AD17193" s="2"/>
      <c r="AE17193" s="1"/>
    </row>
    <row r="17194" spans="1:31" ht="14.45">
      <c r="A17194" s="11"/>
      <c r="B17194" s="20"/>
      <c r="C17194" s="2" t="s">
        <v>52540</v>
      </c>
      <c r="D17194" s="14" t="s">
        <v>52541</v>
      </c>
      <c r="E17194" s="2" t="s">
        <v>52542</v>
      </c>
      <c r="F17194" s="2" t="s">
        <v>36289</v>
      </c>
      <c r="G17194" s="8">
        <v>345</v>
      </c>
      <c r="H17194" s="5">
        <v>6</v>
      </c>
      <c r="I17194" s="5" t="s">
        <v>1518</v>
      </c>
      <c r="J17194" s="5" t="s">
        <v>36264</v>
      </c>
      <c r="K17194" s="2" t="s">
        <v>36265</v>
      </c>
      <c r="L17194" s="5" t="s">
        <v>36264</v>
      </c>
      <c r="M17194" s="2" t="s">
        <v>36265</v>
      </c>
      <c r="N17194" s="5" t="s">
        <v>36266</v>
      </c>
      <c r="O17194" s="5" t="s">
        <v>38</v>
      </c>
      <c r="P17194" s="5" t="s">
        <v>39</v>
      </c>
      <c r="Q17194" s="5" t="s">
        <v>40</v>
      </c>
      <c r="R17194" s="5" t="s">
        <v>1522</v>
      </c>
      <c r="S17194" s="5" t="s">
        <v>1523</v>
      </c>
      <c r="T17194" s="5" t="s">
        <v>42</v>
      </c>
      <c r="U17194" s="2">
        <v>3.52</v>
      </c>
      <c r="V17194" s="2">
        <v>2.8380000000000001</v>
      </c>
      <c r="W17194" s="2">
        <v>0.02</v>
      </c>
      <c r="X17194" s="2">
        <v>159.1</v>
      </c>
      <c r="Y17194" s="2">
        <v>7.6</v>
      </c>
      <c r="Z17194" s="2">
        <v>16.7</v>
      </c>
      <c r="AA17194" s="5"/>
      <c r="AB17194" s="5" t="s">
        <v>43</v>
      </c>
      <c r="AC17194" s="5" t="s">
        <v>44</v>
      </c>
      <c r="AD17194" s="2"/>
      <c r="AE17194" s="1"/>
    </row>
    <row r="17195" spans="1:31" ht="14.45">
      <c r="A17195" s="11"/>
      <c r="B17195" s="20"/>
      <c r="C17195" s="2" t="s">
        <v>52543</v>
      </c>
      <c r="D17195" s="14" t="s">
        <v>52544</v>
      </c>
      <c r="E17195" s="2" t="s">
        <v>52545</v>
      </c>
      <c r="F17195" s="2" t="s">
        <v>36293</v>
      </c>
      <c r="G17195" s="8">
        <v>345</v>
      </c>
      <c r="H17195" s="5">
        <v>6</v>
      </c>
      <c r="I17195" s="5" t="s">
        <v>1518</v>
      </c>
      <c r="J17195" s="5" t="s">
        <v>36264</v>
      </c>
      <c r="K17195" s="2" t="s">
        <v>36265</v>
      </c>
      <c r="L17195" s="5" t="s">
        <v>36264</v>
      </c>
      <c r="M17195" s="2" t="s">
        <v>36265</v>
      </c>
      <c r="N17195" s="5" t="s">
        <v>36266</v>
      </c>
      <c r="O17195" s="5" t="s">
        <v>38</v>
      </c>
      <c r="P17195" s="5" t="s">
        <v>39</v>
      </c>
      <c r="Q17195" s="5" t="s">
        <v>40</v>
      </c>
      <c r="R17195" s="5" t="s">
        <v>1522</v>
      </c>
      <c r="S17195" s="5" t="s">
        <v>1523</v>
      </c>
      <c r="T17195" s="5" t="s">
        <v>42</v>
      </c>
      <c r="U17195" s="2">
        <v>3.6339999999999999</v>
      </c>
      <c r="V17195" s="2">
        <v>2.952</v>
      </c>
      <c r="W17195" s="2">
        <v>0.02</v>
      </c>
      <c r="X17195" s="2">
        <v>159.1</v>
      </c>
      <c r="Y17195" s="2">
        <v>7.6</v>
      </c>
      <c r="Z17195" s="2">
        <v>16.7</v>
      </c>
      <c r="AA17195" s="5"/>
      <c r="AB17195" s="5" t="s">
        <v>43</v>
      </c>
      <c r="AC17195" s="5" t="s">
        <v>44</v>
      </c>
      <c r="AD17195" s="2"/>
      <c r="AE17195" s="1"/>
    </row>
    <row r="17196" spans="1:31" ht="14.45">
      <c r="A17196" s="11"/>
      <c r="B17196" s="20"/>
      <c r="C17196" s="2" t="s">
        <v>52546</v>
      </c>
      <c r="D17196" s="14" t="s">
        <v>52547</v>
      </c>
      <c r="E17196" s="2" t="s">
        <v>52548</v>
      </c>
      <c r="F17196" s="2" t="s">
        <v>36297</v>
      </c>
      <c r="G17196" s="8">
        <v>317</v>
      </c>
      <c r="H17196" s="5">
        <v>6</v>
      </c>
      <c r="I17196" s="5" t="s">
        <v>1518</v>
      </c>
      <c r="J17196" s="5" t="s">
        <v>36264</v>
      </c>
      <c r="K17196" s="2" t="s">
        <v>36265</v>
      </c>
      <c r="L17196" s="5" t="s">
        <v>36264</v>
      </c>
      <c r="M17196" s="2" t="s">
        <v>36265</v>
      </c>
      <c r="N17196" s="5" t="s">
        <v>36266</v>
      </c>
      <c r="O17196" s="5" t="s">
        <v>38</v>
      </c>
      <c r="P17196" s="5" t="s">
        <v>39</v>
      </c>
      <c r="Q17196" s="5" t="s">
        <v>40</v>
      </c>
      <c r="R17196" s="5" t="s">
        <v>1522</v>
      </c>
      <c r="S17196" s="5" t="s">
        <v>1523</v>
      </c>
      <c r="T17196" s="5" t="s">
        <v>42</v>
      </c>
      <c r="U17196" s="2">
        <v>3.52</v>
      </c>
      <c r="V17196" s="2">
        <v>2.8380000000000001</v>
      </c>
      <c r="W17196" s="2">
        <v>0.02</v>
      </c>
      <c r="X17196" s="2">
        <v>159.1</v>
      </c>
      <c r="Y17196" s="2">
        <v>7.6</v>
      </c>
      <c r="Z17196" s="2">
        <v>16.7</v>
      </c>
      <c r="AA17196" s="5"/>
      <c r="AB17196" s="5" t="s">
        <v>43</v>
      </c>
      <c r="AC17196" s="5" t="s">
        <v>44</v>
      </c>
      <c r="AD17196" s="2"/>
      <c r="AE17196" s="1"/>
    </row>
    <row r="17197" spans="1:31" ht="14.45">
      <c r="A17197" s="11"/>
      <c r="B17197" s="20"/>
      <c r="C17197" s="2" t="s">
        <v>52549</v>
      </c>
      <c r="D17197" s="14" t="s">
        <v>52550</v>
      </c>
      <c r="E17197" s="2" t="s">
        <v>52551</v>
      </c>
      <c r="F17197" s="2" t="s">
        <v>36301</v>
      </c>
      <c r="G17197" s="8">
        <v>317</v>
      </c>
      <c r="H17197" s="5">
        <v>6</v>
      </c>
      <c r="I17197" s="5" t="s">
        <v>1518</v>
      </c>
      <c r="J17197" s="5" t="s">
        <v>36264</v>
      </c>
      <c r="K17197" s="2" t="s">
        <v>36265</v>
      </c>
      <c r="L17197" s="5" t="s">
        <v>36264</v>
      </c>
      <c r="M17197" s="2" t="s">
        <v>36265</v>
      </c>
      <c r="N17197" s="5" t="s">
        <v>36266</v>
      </c>
      <c r="O17197" s="5" t="s">
        <v>38</v>
      </c>
      <c r="P17197" s="5" t="s">
        <v>39</v>
      </c>
      <c r="Q17197" s="5" t="s">
        <v>40</v>
      </c>
      <c r="R17197" s="5" t="s">
        <v>1522</v>
      </c>
      <c r="S17197" s="5" t="s">
        <v>1523</v>
      </c>
      <c r="T17197" s="5" t="s">
        <v>42</v>
      </c>
      <c r="U17197" s="2">
        <v>3.6339999999999999</v>
      </c>
      <c r="V17197" s="2">
        <v>2.952</v>
      </c>
      <c r="W17197" s="2">
        <v>0.02</v>
      </c>
      <c r="X17197" s="2">
        <v>159.1</v>
      </c>
      <c r="Y17197" s="2">
        <v>7.6</v>
      </c>
      <c r="Z17197" s="2">
        <v>16.7</v>
      </c>
      <c r="AA17197" s="5"/>
      <c r="AB17197" s="5" t="s">
        <v>43</v>
      </c>
      <c r="AC17197" s="5" t="s">
        <v>44</v>
      </c>
      <c r="AD17197" s="2"/>
      <c r="AE17197" s="1"/>
    </row>
    <row r="17198" spans="1:31" ht="14.45">
      <c r="A17198" s="11"/>
      <c r="B17198" s="20"/>
      <c r="C17198" s="2" t="s">
        <v>52552</v>
      </c>
      <c r="D17198" s="14" t="s">
        <v>52553</v>
      </c>
      <c r="E17198" s="2" t="s">
        <v>52554</v>
      </c>
      <c r="F17198" s="2" t="s">
        <v>36305</v>
      </c>
      <c r="G17198" s="8">
        <v>317</v>
      </c>
      <c r="H17198" s="5">
        <v>6</v>
      </c>
      <c r="I17198" s="5" t="s">
        <v>1518</v>
      </c>
      <c r="J17198" s="5" t="s">
        <v>36264</v>
      </c>
      <c r="K17198" s="2" t="s">
        <v>36265</v>
      </c>
      <c r="L17198" s="5" t="s">
        <v>36264</v>
      </c>
      <c r="M17198" s="2" t="s">
        <v>36265</v>
      </c>
      <c r="N17198" s="5" t="s">
        <v>36266</v>
      </c>
      <c r="O17198" s="5" t="s">
        <v>38</v>
      </c>
      <c r="P17198" s="5" t="s">
        <v>39</v>
      </c>
      <c r="Q17198" s="5" t="s">
        <v>40</v>
      </c>
      <c r="R17198" s="5" t="s">
        <v>1522</v>
      </c>
      <c r="S17198" s="5" t="s">
        <v>1523</v>
      </c>
      <c r="T17198" s="5" t="s">
        <v>42</v>
      </c>
      <c r="U17198" s="2">
        <v>3.52</v>
      </c>
      <c r="V17198" s="2">
        <v>2.8380000000000001</v>
      </c>
      <c r="W17198" s="2">
        <v>0.02</v>
      </c>
      <c r="X17198" s="2">
        <v>159.1</v>
      </c>
      <c r="Y17198" s="2">
        <v>7.6</v>
      </c>
      <c r="Z17198" s="2">
        <v>16.7</v>
      </c>
      <c r="AA17198" s="5"/>
      <c r="AB17198" s="5" t="s">
        <v>43</v>
      </c>
      <c r="AC17198" s="5" t="s">
        <v>44</v>
      </c>
      <c r="AD17198" s="2"/>
      <c r="AE17198" s="1"/>
    </row>
    <row r="17199" spans="1:31" ht="14.45">
      <c r="A17199" s="11"/>
      <c r="B17199" s="20"/>
      <c r="C17199" s="2" t="s">
        <v>52555</v>
      </c>
      <c r="D17199" s="14" t="s">
        <v>52556</v>
      </c>
      <c r="E17199" s="2" t="s">
        <v>52557</v>
      </c>
      <c r="F17199" s="2" t="s">
        <v>36309</v>
      </c>
      <c r="G17199" s="8">
        <v>317</v>
      </c>
      <c r="H17199" s="5">
        <v>6</v>
      </c>
      <c r="I17199" s="5" t="s">
        <v>1518</v>
      </c>
      <c r="J17199" s="5" t="s">
        <v>36264</v>
      </c>
      <c r="K17199" s="2" t="s">
        <v>36265</v>
      </c>
      <c r="L17199" s="5" t="s">
        <v>36264</v>
      </c>
      <c r="M17199" s="2" t="s">
        <v>36265</v>
      </c>
      <c r="N17199" s="5" t="s">
        <v>36266</v>
      </c>
      <c r="O17199" s="5" t="s">
        <v>38</v>
      </c>
      <c r="P17199" s="5" t="s">
        <v>39</v>
      </c>
      <c r="Q17199" s="5" t="s">
        <v>40</v>
      </c>
      <c r="R17199" s="5" t="s">
        <v>1522</v>
      </c>
      <c r="S17199" s="5" t="s">
        <v>1523</v>
      </c>
      <c r="T17199" s="5" t="s">
        <v>42</v>
      </c>
      <c r="U17199" s="2">
        <v>3.6339999999999999</v>
      </c>
      <c r="V17199" s="2">
        <v>2.952</v>
      </c>
      <c r="W17199" s="2">
        <v>0.02</v>
      </c>
      <c r="X17199" s="2">
        <v>159.1</v>
      </c>
      <c r="Y17199" s="2">
        <v>7.6</v>
      </c>
      <c r="Z17199" s="2">
        <v>16.7</v>
      </c>
      <c r="AA17199" s="5"/>
      <c r="AB17199" s="5" t="s">
        <v>43</v>
      </c>
      <c r="AC17199" s="5" t="s">
        <v>44</v>
      </c>
      <c r="AD17199" s="2"/>
      <c r="AE17199" s="1"/>
    </row>
    <row r="17200" spans="1:31" ht="14.45">
      <c r="A17200" s="11"/>
      <c r="B17200" s="20"/>
      <c r="C17200" s="2" t="s">
        <v>52558</v>
      </c>
      <c r="D17200" s="14" t="s">
        <v>52559</v>
      </c>
      <c r="E17200" s="2" t="s">
        <v>52560</v>
      </c>
      <c r="F17200" s="2" t="s">
        <v>36317</v>
      </c>
      <c r="G17200" s="8">
        <v>345</v>
      </c>
      <c r="H17200" s="5">
        <v>6</v>
      </c>
      <c r="I17200" s="5" t="s">
        <v>1518</v>
      </c>
      <c r="J17200" s="5" t="s">
        <v>36264</v>
      </c>
      <c r="K17200" s="2" t="s">
        <v>36265</v>
      </c>
      <c r="L17200" s="5" t="s">
        <v>36264</v>
      </c>
      <c r="M17200" s="2" t="s">
        <v>36265</v>
      </c>
      <c r="N17200" s="5" t="s">
        <v>36266</v>
      </c>
      <c r="O17200" s="5" t="s">
        <v>38</v>
      </c>
      <c r="P17200" s="5" t="s">
        <v>39</v>
      </c>
      <c r="Q17200" s="5" t="s">
        <v>40</v>
      </c>
      <c r="R17200" s="5" t="s">
        <v>1522</v>
      </c>
      <c r="S17200" s="5" t="s">
        <v>1523</v>
      </c>
      <c r="T17200" s="5" t="s">
        <v>42</v>
      </c>
      <c r="U17200" s="2">
        <v>3.6339999999999999</v>
      </c>
      <c r="V17200" s="2">
        <v>2.952</v>
      </c>
      <c r="W17200" s="2">
        <v>0.02</v>
      </c>
      <c r="X17200" s="2">
        <v>159.1</v>
      </c>
      <c r="Y17200" s="2">
        <v>7.6</v>
      </c>
      <c r="Z17200" s="2">
        <v>16.7</v>
      </c>
      <c r="AA17200" s="5"/>
      <c r="AB17200" s="5" t="s">
        <v>43</v>
      </c>
      <c r="AC17200" s="5" t="s">
        <v>44</v>
      </c>
      <c r="AD17200" s="2"/>
      <c r="AE17200" s="1"/>
    </row>
    <row r="17201" spans="1:31" ht="14.45">
      <c r="A17201" s="11"/>
      <c r="B17201" s="20"/>
      <c r="C17201" s="2" t="s">
        <v>52561</v>
      </c>
      <c r="D17201" s="14" t="s">
        <v>52562</v>
      </c>
      <c r="E17201" s="2" t="s">
        <v>52563</v>
      </c>
      <c r="F17201" s="2" t="s">
        <v>36325</v>
      </c>
      <c r="G17201" s="8">
        <v>345</v>
      </c>
      <c r="H17201" s="5">
        <v>6</v>
      </c>
      <c r="I17201" s="5" t="s">
        <v>1518</v>
      </c>
      <c r="J17201" s="5" t="s">
        <v>36264</v>
      </c>
      <c r="K17201" s="2" t="s">
        <v>36265</v>
      </c>
      <c r="L17201" s="5" t="s">
        <v>36264</v>
      </c>
      <c r="M17201" s="2" t="s">
        <v>36265</v>
      </c>
      <c r="N17201" s="5" t="s">
        <v>36266</v>
      </c>
      <c r="O17201" s="5" t="s">
        <v>38</v>
      </c>
      <c r="P17201" s="5" t="s">
        <v>39</v>
      </c>
      <c r="Q17201" s="5" t="s">
        <v>40</v>
      </c>
      <c r="R17201" s="5" t="s">
        <v>1522</v>
      </c>
      <c r="S17201" s="5" t="s">
        <v>1523</v>
      </c>
      <c r="T17201" s="5" t="s">
        <v>42</v>
      </c>
      <c r="U17201" s="2">
        <v>3.6339999999999999</v>
      </c>
      <c r="V17201" s="2">
        <v>2.952</v>
      </c>
      <c r="W17201" s="2">
        <v>0.02</v>
      </c>
      <c r="X17201" s="2">
        <v>159.1</v>
      </c>
      <c r="Y17201" s="2">
        <v>7.6</v>
      </c>
      <c r="Z17201" s="2">
        <v>16.7</v>
      </c>
      <c r="AA17201" s="5"/>
      <c r="AB17201" s="5" t="s">
        <v>43</v>
      </c>
      <c r="AC17201" s="5" t="s">
        <v>44</v>
      </c>
      <c r="AD17201" s="2"/>
      <c r="AE17201" s="1"/>
    </row>
    <row r="17202" spans="1:31" ht="14.45">
      <c r="A17202" s="11"/>
      <c r="B17202" s="20"/>
      <c r="C17202" s="2" t="s">
        <v>52564</v>
      </c>
      <c r="D17202" s="14" t="s">
        <v>52565</v>
      </c>
      <c r="E17202" s="2" t="s">
        <v>52566</v>
      </c>
      <c r="F17202" s="2" t="s">
        <v>36329</v>
      </c>
      <c r="G17202" s="8">
        <v>345</v>
      </c>
      <c r="H17202" s="5">
        <v>6</v>
      </c>
      <c r="I17202" s="5" t="s">
        <v>1518</v>
      </c>
      <c r="J17202" s="5" t="s">
        <v>36264</v>
      </c>
      <c r="K17202" s="2" t="s">
        <v>36265</v>
      </c>
      <c r="L17202" s="5" t="s">
        <v>36264</v>
      </c>
      <c r="M17202" s="2" t="s">
        <v>36265</v>
      </c>
      <c r="N17202" s="5" t="s">
        <v>36266</v>
      </c>
      <c r="O17202" s="5" t="s">
        <v>38</v>
      </c>
      <c r="P17202" s="5" t="s">
        <v>39</v>
      </c>
      <c r="Q17202" s="5" t="s">
        <v>40</v>
      </c>
      <c r="R17202" s="5" t="s">
        <v>1522</v>
      </c>
      <c r="S17202" s="5" t="s">
        <v>1523</v>
      </c>
      <c r="T17202" s="5" t="s">
        <v>42</v>
      </c>
      <c r="U17202" s="2">
        <v>3.52</v>
      </c>
      <c r="V17202" s="2">
        <v>2.8380000000000001</v>
      </c>
      <c r="W17202" s="2">
        <v>0.02</v>
      </c>
      <c r="X17202" s="2">
        <v>159.1</v>
      </c>
      <c r="Y17202" s="2">
        <v>7.6</v>
      </c>
      <c r="Z17202" s="2">
        <v>16.7</v>
      </c>
      <c r="AA17202" s="5"/>
      <c r="AB17202" s="5" t="s">
        <v>43</v>
      </c>
      <c r="AC17202" s="5" t="s">
        <v>44</v>
      </c>
      <c r="AD17202" s="2"/>
      <c r="AE17202" s="1"/>
    </row>
    <row r="17203" spans="1:31" ht="14.45">
      <c r="A17203" s="11"/>
      <c r="B17203" s="20"/>
      <c r="C17203" s="2" t="s">
        <v>52567</v>
      </c>
      <c r="D17203" s="14" t="s">
        <v>52568</v>
      </c>
      <c r="E17203" s="2" t="s">
        <v>52569</v>
      </c>
      <c r="F17203" s="2" t="s">
        <v>36333</v>
      </c>
      <c r="G17203" s="8">
        <v>345</v>
      </c>
      <c r="H17203" s="5">
        <v>6</v>
      </c>
      <c r="I17203" s="5" t="s">
        <v>1518</v>
      </c>
      <c r="J17203" s="5" t="s">
        <v>36264</v>
      </c>
      <c r="K17203" s="2" t="s">
        <v>36265</v>
      </c>
      <c r="L17203" s="5" t="s">
        <v>36264</v>
      </c>
      <c r="M17203" s="2" t="s">
        <v>36265</v>
      </c>
      <c r="N17203" s="5" t="s">
        <v>36266</v>
      </c>
      <c r="O17203" s="5" t="s">
        <v>38</v>
      </c>
      <c r="P17203" s="5" t="s">
        <v>39</v>
      </c>
      <c r="Q17203" s="5" t="s">
        <v>40</v>
      </c>
      <c r="R17203" s="5" t="s">
        <v>1522</v>
      </c>
      <c r="S17203" s="5" t="s">
        <v>1523</v>
      </c>
      <c r="T17203" s="5" t="s">
        <v>42</v>
      </c>
      <c r="U17203" s="2">
        <v>3.6339999999999999</v>
      </c>
      <c r="V17203" s="2">
        <v>2.952</v>
      </c>
      <c r="W17203" s="2">
        <v>0.02</v>
      </c>
      <c r="X17203" s="2">
        <v>159.1</v>
      </c>
      <c r="Y17203" s="2">
        <v>7.6</v>
      </c>
      <c r="Z17203" s="2">
        <v>16.7</v>
      </c>
      <c r="AA17203" s="5"/>
      <c r="AB17203" s="5" t="s">
        <v>43</v>
      </c>
      <c r="AC17203" s="5" t="s">
        <v>44</v>
      </c>
      <c r="AD17203" s="2"/>
      <c r="AE17203" s="1"/>
    </row>
    <row r="17204" spans="1:31" ht="14.45">
      <c r="A17204" s="11"/>
      <c r="B17204" s="20"/>
      <c r="C17204" s="2" t="s">
        <v>52570</v>
      </c>
      <c r="D17204" s="14" t="s">
        <v>52571</v>
      </c>
      <c r="E17204" s="2" t="s">
        <v>52572</v>
      </c>
      <c r="F17204" s="2" t="s">
        <v>36337</v>
      </c>
      <c r="G17204" s="8">
        <v>345</v>
      </c>
      <c r="H17204" s="5">
        <v>6</v>
      </c>
      <c r="I17204" s="5" t="s">
        <v>1518</v>
      </c>
      <c r="J17204" s="5" t="s">
        <v>36264</v>
      </c>
      <c r="K17204" s="2" t="s">
        <v>36265</v>
      </c>
      <c r="L17204" s="5" t="s">
        <v>36264</v>
      </c>
      <c r="M17204" s="2" t="s">
        <v>36265</v>
      </c>
      <c r="N17204" s="5" t="s">
        <v>36266</v>
      </c>
      <c r="O17204" s="5" t="s">
        <v>38</v>
      </c>
      <c r="P17204" s="5" t="s">
        <v>39</v>
      </c>
      <c r="Q17204" s="5" t="s">
        <v>40</v>
      </c>
      <c r="R17204" s="5" t="s">
        <v>1522</v>
      </c>
      <c r="S17204" s="5" t="s">
        <v>1523</v>
      </c>
      <c r="T17204" s="5" t="s">
        <v>42</v>
      </c>
      <c r="U17204" s="2">
        <v>3.52</v>
      </c>
      <c r="V17204" s="2">
        <v>2.8380000000000001</v>
      </c>
      <c r="W17204" s="2">
        <v>0.02</v>
      </c>
      <c r="X17204" s="2">
        <v>159.1</v>
      </c>
      <c r="Y17204" s="2">
        <v>7.6</v>
      </c>
      <c r="Z17204" s="2">
        <v>16.7</v>
      </c>
      <c r="AA17204" s="5"/>
      <c r="AB17204" s="5" t="s">
        <v>43</v>
      </c>
      <c r="AC17204" s="5" t="s">
        <v>44</v>
      </c>
      <c r="AD17204" s="2"/>
      <c r="AE17204" s="1"/>
    </row>
    <row r="17205" spans="1:31" ht="14.45">
      <c r="A17205" s="11"/>
      <c r="B17205" s="20"/>
      <c r="C17205" s="2" t="s">
        <v>52573</v>
      </c>
      <c r="D17205" s="14" t="s">
        <v>52574</v>
      </c>
      <c r="E17205" s="2" t="s">
        <v>52575</v>
      </c>
      <c r="F17205" s="2" t="s">
        <v>36341</v>
      </c>
      <c r="G17205" s="8">
        <v>345</v>
      </c>
      <c r="H17205" s="5">
        <v>6</v>
      </c>
      <c r="I17205" s="5" t="s">
        <v>1518</v>
      </c>
      <c r="J17205" s="5" t="s">
        <v>36264</v>
      </c>
      <c r="K17205" s="2" t="s">
        <v>36265</v>
      </c>
      <c r="L17205" s="5" t="s">
        <v>36264</v>
      </c>
      <c r="M17205" s="2" t="s">
        <v>36265</v>
      </c>
      <c r="N17205" s="5" t="s">
        <v>36266</v>
      </c>
      <c r="O17205" s="5" t="s">
        <v>38</v>
      </c>
      <c r="P17205" s="5" t="s">
        <v>39</v>
      </c>
      <c r="Q17205" s="5" t="s">
        <v>40</v>
      </c>
      <c r="R17205" s="5" t="s">
        <v>1522</v>
      </c>
      <c r="S17205" s="5" t="s">
        <v>1523</v>
      </c>
      <c r="T17205" s="5" t="s">
        <v>42</v>
      </c>
      <c r="U17205" s="2">
        <v>3.6339999999999999</v>
      </c>
      <c r="V17205" s="2">
        <v>2.952</v>
      </c>
      <c r="W17205" s="2">
        <v>0.02</v>
      </c>
      <c r="X17205" s="2">
        <v>159.1</v>
      </c>
      <c r="Y17205" s="2">
        <v>7.6</v>
      </c>
      <c r="Z17205" s="2">
        <v>16.7</v>
      </c>
      <c r="AA17205" s="5"/>
      <c r="AB17205" s="5" t="s">
        <v>43</v>
      </c>
      <c r="AC17205" s="5" t="s">
        <v>44</v>
      </c>
      <c r="AD17205" s="2"/>
      <c r="AE17205" s="1"/>
    </row>
    <row r="17206" spans="1:31" ht="14.45">
      <c r="A17206" s="11"/>
      <c r="B17206" s="20"/>
      <c r="C17206" s="2" t="s">
        <v>52576</v>
      </c>
      <c r="D17206" s="14" t="s">
        <v>52577</v>
      </c>
      <c r="E17206" s="2" t="s">
        <v>52578</v>
      </c>
      <c r="F17206" s="2" t="s">
        <v>36349</v>
      </c>
      <c r="G17206" s="8">
        <v>345</v>
      </c>
      <c r="H17206" s="5">
        <v>6</v>
      </c>
      <c r="I17206" s="5" t="s">
        <v>1518</v>
      </c>
      <c r="J17206" s="5" t="s">
        <v>36264</v>
      </c>
      <c r="K17206" s="2" t="s">
        <v>36265</v>
      </c>
      <c r="L17206" s="5" t="s">
        <v>36264</v>
      </c>
      <c r="M17206" s="2" t="s">
        <v>36265</v>
      </c>
      <c r="N17206" s="5" t="s">
        <v>36266</v>
      </c>
      <c r="O17206" s="5" t="s">
        <v>38</v>
      </c>
      <c r="P17206" s="5" t="s">
        <v>39</v>
      </c>
      <c r="Q17206" s="5" t="s">
        <v>40</v>
      </c>
      <c r="R17206" s="5" t="s">
        <v>1522</v>
      </c>
      <c r="S17206" s="5" t="s">
        <v>1523</v>
      </c>
      <c r="T17206" s="5" t="s">
        <v>42</v>
      </c>
      <c r="U17206" s="2">
        <v>3.6339999999999999</v>
      </c>
      <c r="V17206" s="2">
        <v>2.952</v>
      </c>
      <c r="W17206" s="2">
        <v>0.02</v>
      </c>
      <c r="X17206" s="2">
        <v>159.1</v>
      </c>
      <c r="Y17206" s="2">
        <v>7.6</v>
      </c>
      <c r="Z17206" s="2">
        <v>16.7</v>
      </c>
      <c r="AA17206" s="5"/>
      <c r="AB17206" s="5" t="s">
        <v>43</v>
      </c>
      <c r="AC17206" s="5" t="s">
        <v>44</v>
      </c>
      <c r="AD17206" s="2"/>
      <c r="AE17206" s="1"/>
    </row>
    <row r="17207" spans="1:31" ht="14.45">
      <c r="A17207" s="11"/>
      <c r="B17207" s="20"/>
      <c r="C17207" s="2" t="s">
        <v>52579</v>
      </c>
      <c r="D17207" s="14" t="s">
        <v>52580</v>
      </c>
      <c r="E17207" s="2" t="s">
        <v>52581</v>
      </c>
      <c r="F17207" s="2" t="s">
        <v>36353</v>
      </c>
      <c r="G17207" s="8">
        <v>345</v>
      </c>
      <c r="H17207" s="5">
        <v>6</v>
      </c>
      <c r="I17207" s="5" t="s">
        <v>1518</v>
      </c>
      <c r="J17207" s="5" t="s">
        <v>36264</v>
      </c>
      <c r="K17207" s="2" t="s">
        <v>36265</v>
      </c>
      <c r="L17207" s="5" t="s">
        <v>36264</v>
      </c>
      <c r="M17207" s="2" t="s">
        <v>36265</v>
      </c>
      <c r="N17207" s="5" t="s">
        <v>36266</v>
      </c>
      <c r="O17207" s="5" t="s">
        <v>38</v>
      </c>
      <c r="P17207" s="5" t="s">
        <v>39</v>
      </c>
      <c r="Q17207" s="5" t="s">
        <v>40</v>
      </c>
      <c r="R17207" s="5" t="s">
        <v>1522</v>
      </c>
      <c r="S17207" s="5" t="s">
        <v>1523</v>
      </c>
      <c r="T17207" s="5" t="s">
        <v>42</v>
      </c>
      <c r="U17207" s="2">
        <v>3.52</v>
      </c>
      <c r="V17207" s="2">
        <v>2.8380000000000001</v>
      </c>
      <c r="W17207" s="2">
        <v>0.02</v>
      </c>
      <c r="X17207" s="2">
        <v>159.1</v>
      </c>
      <c r="Y17207" s="2">
        <v>7.6</v>
      </c>
      <c r="Z17207" s="2">
        <v>16.7</v>
      </c>
      <c r="AA17207" s="5"/>
      <c r="AB17207" s="5" t="s">
        <v>43</v>
      </c>
      <c r="AC17207" s="5" t="s">
        <v>44</v>
      </c>
      <c r="AD17207" s="2"/>
      <c r="AE17207" s="1"/>
    </row>
    <row r="17208" spans="1:31" ht="14.45">
      <c r="A17208" s="11"/>
      <c r="B17208" s="20"/>
      <c r="C17208" s="2" t="s">
        <v>52582</v>
      </c>
      <c r="D17208" s="14" t="s">
        <v>52583</v>
      </c>
      <c r="E17208" s="2" t="s">
        <v>52584</v>
      </c>
      <c r="F17208" s="2" t="s">
        <v>36357</v>
      </c>
      <c r="G17208" s="8">
        <v>345</v>
      </c>
      <c r="H17208" s="5">
        <v>6</v>
      </c>
      <c r="I17208" s="5" t="s">
        <v>1518</v>
      </c>
      <c r="J17208" s="5" t="s">
        <v>36264</v>
      </c>
      <c r="K17208" s="2" t="s">
        <v>36265</v>
      </c>
      <c r="L17208" s="5" t="s">
        <v>36264</v>
      </c>
      <c r="M17208" s="2" t="s">
        <v>36265</v>
      </c>
      <c r="N17208" s="5" t="s">
        <v>36266</v>
      </c>
      <c r="O17208" s="5" t="s">
        <v>38</v>
      </c>
      <c r="P17208" s="5" t="s">
        <v>39</v>
      </c>
      <c r="Q17208" s="5" t="s">
        <v>40</v>
      </c>
      <c r="R17208" s="5" t="s">
        <v>1522</v>
      </c>
      <c r="S17208" s="5" t="s">
        <v>1523</v>
      </c>
      <c r="T17208" s="5" t="s">
        <v>42</v>
      </c>
      <c r="U17208" s="2">
        <v>3.6339999999999999</v>
      </c>
      <c r="V17208" s="2">
        <v>2.952</v>
      </c>
      <c r="W17208" s="2">
        <v>0.02</v>
      </c>
      <c r="X17208" s="2">
        <v>159.1</v>
      </c>
      <c r="Y17208" s="2">
        <v>7.6</v>
      </c>
      <c r="Z17208" s="2">
        <v>16.7</v>
      </c>
      <c r="AA17208" s="5"/>
      <c r="AB17208" s="5" t="s">
        <v>43</v>
      </c>
      <c r="AC17208" s="5" t="s">
        <v>44</v>
      </c>
      <c r="AD17208" s="2"/>
      <c r="AE17208" s="1"/>
    </row>
    <row r="17209" spans="1:31" ht="14.45">
      <c r="A17209" s="11"/>
      <c r="B17209" s="20"/>
      <c r="C17209" s="2" t="s">
        <v>52585</v>
      </c>
      <c r="D17209" s="14" t="s">
        <v>52586</v>
      </c>
      <c r="E17209" s="2" t="s">
        <v>52587</v>
      </c>
      <c r="F17209" s="2" t="s">
        <v>45598</v>
      </c>
      <c r="G17209" s="8">
        <v>345</v>
      </c>
      <c r="H17209" s="5">
        <v>6</v>
      </c>
      <c r="I17209" s="5" t="s">
        <v>1518</v>
      </c>
      <c r="J17209" s="5" t="s">
        <v>36264</v>
      </c>
      <c r="K17209" s="2" t="s">
        <v>36265</v>
      </c>
      <c r="L17209" s="5" t="s">
        <v>36264</v>
      </c>
      <c r="M17209" s="2" t="s">
        <v>36265</v>
      </c>
      <c r="N17209" s="5" t="s">
        <v>36266</v>
      </c>
      <c r="O17209" s="5" t="s">
        <v>38</v>
      </c>
      <c r="P17209" s="5" t="s">
        <v>39</v>
      </c>
      <c r="Q17209" s="5" t="s">
        <v>40</v>
      </c>
      <c r="R17209" s="5" t="s">
        <v>1522</v>
      </c>
      <c r="S17209" s="5" t="s">
        <v>1523</v>
      </c>
      <c r="T17209" s="5" t="s">
        <v>42</v>
      </c>
      <c r="U17209" s="2">
        <v>3.52</v>
      </c>
      <c r="V17209" s="2">
        <v>2.8380000000000001</v>
      </c>
      <c r="W17209" s="2">
        <v>0.02</v>
      </c>
      <c r="X17209" s="2">
        <v>159.1</v>
      </c>
      <c r="Y17209" s="2">
        <v>7.6</v>
      </c>
      <c r="Z17209" s="2">
        <v>16.7</v>
      </c>
      <c r="AA17209" s="5"/>
      <c r="AB17209" s="5" t="s">
        <v>43</v>
      </c>
      <c r="AC17209" s="5" t="s">
        <v>44</v>
      </c>
      <c r="AD17209" s="2"/>
      <c r="AE17209" s="1"/>
    </row>
    <row r="17210" spans="1:31" ht="14.45">
      <c r="A17210" s="11"/>
      <c r="B17210" s="20"/>
      <c r="C17210" s="2" t="s">
        <v>52588</v>
      </c>
      <c r="D17210" s="14" t="s">
        <v>52589</v>
      </c>
      <c r="E17210" s="2" t="s">
        <v>52590</v>
      </c>
      <c r="F17210" s="2" t="s">
        <v>45534</v>
      </c>
      <c r="G17210" s="8">
        <v>345</v>
      </c>
      <c r="H17210" s="5">
        <v>6</v>
      </c>
      <c r="I17210" s="5" t="s">
        <v>1518</v>
      </c>
      <c r="J17210" s="5" t="s">
        <v>36264</v>
      </c>
      <c r="K17210" s="2" t="s">
        <v>36265</v>
      </c>
      <c r="L17210" s="5" t="s">
        <v>36264</v>
      </c>
      <c r="M17210" s="2" t="s">
        <v>36265</v>
      </c>
      <c r="N17210" s="5" t="s">
        <v>36266</v>
      </c>
      <c r="O17210" s="5" t="s">
        <v>38</v>
      </c>
      <c r="P17210" s="5" t="s">
        <v>39</v>
      </c>
      <c r="Q17210" s="5" t="s">
        <v>40</v>
      </c>
      <c r="R17210" s="5" t="s">
        <v>1522</v>
      </c>
      <c r="S17210" s="5" t="s">
        <v>1523</v>
      </c>
      <c r="T17210" s="5" t="s">
        <v>42</v>
      </c>
      <c r="U17210" s="2">
        <v>3.6339999999999999</v>
      </c>
      <c r="V17210" s="2">
        <v>2.952</v>
      </c>
      <c r="W17210" s="2">
        <v>0.02</v>
      </c>
      <c r="X17210" s="2">
        <v>159.1</v>
      </c>
      <c r="Y17210" s="2">
        <v>7.6</v>
      </c>
      <c r="Z17210" s="2">
        <v>16.7</v>
      </c>
      <c r="AA17210" s="5"/>
      <c r="AB17210" s="5" t="s">
        <v>43</v>
      </c>
      <c r="AC17210" s="5" t="s">
        <v>44</v>
      </c>
      <c r="AD17210" s="2"/>
      <c r="AE17210" s="1"/>
    </row>
    <row r="17211" spans="1:31" ht="14.45">
      <c r="A17211" s="11"/>
      <c r="B17211" s="20"/>
      <c r="C17211" s="2" t="s">
        <v>52591</v>
      </c>
      <c r="D17211" s="14" t="s">
        <v>52592</v>
      </c>
      <c r="E17211" s="2" t="s">
        <v>52593</v>
      </c>
      <c r="F17211" s="2" t="s">
        <v>36369</v>
      </c>
      <c r="G17211" s="8">
        <v>345</v>
      </c>
      <c r="H17211" s="5">
        <v>6</v>
      </c>
      <c r="I17211" s="5" t="s">
        <v>1518</v>
      </c>
      <c r="J17211" s="5" t="s">
        <v>36264</v>
      </c>
      <c r="K17211" s="2" t="s">
        <v>36265</v>
      </c>
      <c r="L17211" s="5" t="s">
        <v>36264</v>
      </c>
      <c r="M17211" s="2" t="s">
        <v>36265</v>
      </c>
      <c r="N17211" s="5" t="s">
        <v>36266</v>
      </c>
      <c r="O17211" s="5" t="s">
        <v>38</v>
      </c>
      <c r="P17211" s="5" t="s">
        <v>39</v>
      </c>
      <c r="Q17211" s="5" t="s">
        <v>40</v>
      </c>
      <c r="R17211" s="5" t="s">
        <v>1522</v>
      </c>
      <c r="S17211" s="5" t="s">
        <v>1523</v>
      </c>
      <c r="T17211" s="5" t="s">
        <v>42</v>
      </c>
      <c r="U17211" s="2">
        <v>3.52</v>
      </c>
      <c r="V17211" s="2">
        <v>2.8380000000000001</v>
      </c>
      <c r="W17211" s="2">
        <v>0.02</v>
      </c>
      <c r="X17211" s="2">
        <v>159.1</v>
      </c>
      <c r="Y17211" s="2">
        <v>7.6</v>
      </c>
      <c r="Z17211" s="2">
        <v>16.7</v>
      </c>
      <c r="AA17211" s="5"/>
      <c r="AB17211" s="5" t="s">
        <v>43</v>
      </c>
      <c r="AC17211" s="5" t="s">
        <v>44</v>
      </c>
      <c r="AD17211" s="2"/>
      <c r="AE17211" s="1"/>
    </row>
    <row r="17212" spans="1:31" ht="14.45">
      <c r="A17212" s="11"/>
      <c r="B17212" s="20"/>
      <c r="C17212" s="2" t="s">
        <v>52594</v>
      </c>
      <c r="D17212" s="14" t="s">
        <v>52595</v>
      </c>
      <c r="E17212" s="2" t="s">
        <v>52596</v>
      </c>
      <c r="F17212" s="2" t="s">
        <v>36373</v>
      </c>
      <c r="G17212" s="8">
        <v>345</v>
      </c>
      <c r="H17212" s="5">
        <v>6</v>
      </c>
      <c r="I17212" s="5" t="s">
        <v>1518</v>
      </c>
      <c r="J17212" s="5" t="s">
        <v>36264</v>
      </c>
      <c r="K17212" s="2" t="s">
        <v>36265</v>
      </c>
      <c r="L17212" s="5" t="s">
        <v>36264</v>
      </c>
      <c r="M17212" s="2" t="s">
        <v>36265</v>
      </c>
      <c r="N17212" s="5" t="s">
        <v>36266</v>
      </c>
      <c r="O17212" s="5" t="s">
        <v>38</v>
      </c>
      <c r="P17212" s="5" t="s">
        <v>39</v>
      </c>
      <c r="Q17212" s="5" t="s">
        <v>40</v>
      </c>
      <c r="R17212" s="5" t="s">
        <v>1522</v>
      </c>
      <c r="S17212" s="5" t="s">
        <v>1523</v>
      </c>
      <c r="T17212" s="5" t="s">
        <v>42</v>
      </c>
      <c r="U17212" s="2">
        <v>3.6339999999999999</v>
      </c>
      <c r="V17212" s="2">
        <v>2.952</v>
      </c>
      <c r="W17212" s="2">
        <v>0.02</v>
      </c>
      <c r="X17212" s="2">
        <v>159.1</v>
      </c>
      <c r="Y17212" s="2">
        <v>7.6</v>
      </c>
      <c r="Z17212" s="2">
        <v>16.7</v>
      </c>
      <c r="AA17212" s="5"/>
      <c r="AB17212" s="5" t="s">
        <v>43</v>
      </c>
      <c r="AC17212" s="5" t="s">
        <v>44</v>
      </c>
      <c r="AD17212" s="2"/>
      <c r="AE17212" s="1"/>
    </row>
    <row r="17213" spans="1:31" ht="14.45">
      <c r="A17213" s="11"/>
      <c r="B17213" s="20"/>
      <c r="C17213" s="2" t="s">
        <v>52597</v>
      </c>
      <c r="D17213" s="14" t="s">
        <v>52598</v>
      </c>
      <c r="E17213" s="2" t="s">
        <v>52599</v>
      </c>
      <c r="F17213" s="2" t="s">
        <v>36377</v>
      </c>
      <c r="G17213" s="8">
        <v>345</v>
      </c>
      <c r="H17213" s="5">
        <v>6</v>
      </c>
      <c r="I17213" s="5" t="s">
        <v>1518</v>
      </c>
      <c r="J17213" s="5" t="s">
        <v>36264</v>
      </c>
      <c r="K17213" s="2" t="s">
        <v>36265</v>
      </c>
      <c r="L17213" s="5" t="s">
        <v>36264</v>
      </c>
      <c r="M17213" s="2" t="s">
        <v>36265</v>
      </c>
      <c r="N17213" s="5" t="s">
        <v>36266</v>
      </c>
      <c r="O17213" s="5" t="s">
        <v>38</v>
      </c>
      <c r="P17213" s="5" t="s">
        <v>39</v>
      </c>
      <c r="Q17213" s="5" t="s">
        <v>40</v>
      </c>
      <c r="R17213" s="5" t="s">
        <v>1522</v>
      </c>
      <c r="S17213" s="5" t="s">
        <v>1523</v>
      </c>
      <c r="T17213" s="5" t="s">
        <v>42</v>
      </c>
      <c r="U17213" s="2">
        <v>3.52</v>
      </c>
      <c r="V17213" s="2">
        <v>2.8380000000000001</v>
      </c>
      <c r="W17213" s="2">
        <v>0.02</v>
      </c>
      <c r="X17213" s="2">
        <v>159.1</v>
      </c>
      <c r="Y17213" s="2">
        <v>7.6</v>
      </c>
      <c r="Z17213" s="2">
        <v>16.7</v>
      </c>
      <c r="AA17213" s="5"/>
      <c r="AB17213" s="5" t="s">
        <v>43</v>
      </c>
      <c r="AC17213" s="5" t="s">
        <v>44</v>
      </c>
      <c r="AD17213" s="2"/>
      <c r="AE17213" s="1"/>
    </row>
    <row r="17214" spans="1:31" ht="14.45">
      <c r="A17214" s="11"/>
      <c r="B17214" s="20"/>
      <c r="C17214" s="2" t="s">
        <v>52600</v>
      </c>
      <c r="D17214" s="14" t="s">
        <v>52601</v>
      </c>
      <c r="E17214" s="2" t="s">
        <v>52602</v>
      </c>
      <c r="F17214" s="2" t="s">
        <v>36381</v>
      </c>
      <c r="G17214" s="8">
        <v>345</v>
      </c>
      <c r="H17214" s="5">
        <v>6</v>
      </c>
      <c r="I17214" s="5" t="s">
        <v>1518</v>
      </c>
      <c r="J17214" s="5" t="s">
        <v>36264</v>
      </c>
      <c r="K17214" s="2" t="s">
        <v>36265</v>
      </c>
      <c r="L17214" s="5" t="s">
        <v>36264</v>
      </c>
      <c r="M17214" s="2" t="s">
        <v>36265</v>
      </c>
      <c r="N17214" s="5" t="s">
        <v>36266</v>
      </c>
      <c r="O17214" s="5" t="s">
        <v>38</v>
      </c>
      <c r="P17214" s="5" t="s">
        <v>39</v>
      </c>
      <c r="Q17214" s="5" t="s">
        <v>40</v>
      </c>
      <c r="R17214" s="5" t="s">
        <v>1522</v>
      </c>
      <c r="S17214" s="5" t="s">
        <v>1523</v>
      </c>
      <c r="T17214" s="5" t="s">
        <v>42</v>
      </c>
      <c r="U17214" s="2">
        <v>3.6339999999999999</v>
      </c>
      <c r="V17214" s="2">
        <v>2.952</v>
      </c>
      <c r="W17214" s="2">
        <v>0.02</v>
      </c>
      <c r="X17214" s="2">
        <v>159.1</v>
      </c>
      <c r="Y17214" s="2">
        <v>7.6</v>
      </c>
      <c r="Z17214" s="2">
        <v>16.7</v>
      </c>
      <c r="AA17214" s="5"/>
      <c r="AB17214" s="5" t="s">
        <v>43</v>
      </c>
      <c r="AC17214" s="5" t="s">
        <v>44</v>
      </c>
      <c r="AD17214" s="2"/>
      <c r="AE17214" s="1"/>
    </row>
    <row r="17215" spans="1:31" ht="14.45">
      <c r="A17215" s="11"/>
      <c r="B17215" s="20"/>
      <c r="C17215" s="2" t="s">
        <v>52603</v>
      </c>
      <c r="D17215" s="14" t="s">
        <v>52604</v>
      </c>
      <c r="E17215" s="2" t="s">
        <v>52605</v>
      </c>
      <c r="F17215" s="2" t="s">
        <v>36385</v>
      </c>
      <c r="G17215" s="8">
        <v>345</v>
      </c>
      <c r="H17215" s="5">
        <v>6</v>
      </c>
      <c r="I17215" s="5" t="s">
        <v>1518</v>
      </c>
      <c r="J17215" s="5" t="s">
        <v>36264</v>
      </c>
      <c r="K17215" s="2" t="s">
        <v>36265</v>
      </c>
      <c r="L17215" s="5" t="s">
        <v>36264</v>
      </c>
      <c r="M17215" s="2" t="s">
        <v>36265</v>
      </c>
      <c r="N17215" s="5" t="s">
        <v>36266</v>
      </c>
      <c r="O17215" s="5" t="s">
        <v>38</v>
      </c>
      <c r="P17215" s="5" t="s">
        <v>39</v>
      </c>
      <c r="Q17215" s="5" t="s">
        <v>40</v>
      </c>
      <c r="R17215" s="5" t="s">
        <v>1522</v>
      </c>
      <c r="S17215" s="5" t="s">
        <v>1523</v>
      </c>
      <c r="T17215" s="5" t="s">
        <v>42</v>
      </c>
      <c r="U17215" s="2">
        <v>3.52</v>
      </c>
      <c r="V17215" s="2">
        <v>2.8380000000000001</v>
      </c>
      <c r="W17215" s="2">
        <v>0.02</v>
      </c>
      <c r="X17215" s="2">
        <v>159.1</v>
      </c>
      <c r="Y17215" s="2">
        <v>7.6</v>
      </c>
      <c r="Z17215" s="2">
        <v>16.7</v>
      </c>
      <c r="AA17215" s="5"/>
      <c r="AB17215" s="5" t="s">
        <v>43</v>
      </c>
      <c r="AC17215" s="5" t="s">
        <v>44</v>
      </c>
      <c r="AD17215" s="2"/>
      <c r="AE17215" s="1"/>
    </row>
    <row r="17216" spans="1:31" ht="14.45">
      <c r="A17216" s="11"/>
      <c r="B17216" s="20"/>
      <c r="C17216" s="2" t="s">
        <v>52606</v>
      </c>
      <c r="D17216" s="14" t="s">
        <v>52607</v>
      </c>
      <c r="E17216" s="2" t="s">
        <v>52608</v>
      </c>
      <c r="F17216" s="2" t="s">
        <v>36389</v>
      </c>
      <c r="G17216" s="8">
        <v>345</v>
      </c>
      <c r="H17216" s="5">
        <v>6</v>
      </c>
      <c r="I17216" s="5" t="s">
        <v>1518</v>
      </c>
      <c r="J17216" s="5" t="s">
        <v>36264</v>
      </c>
      <c r="K17216" s="2" t="s">
        <v>36265</v>
      </c>
      <c r="L17216" s="5" t="s">
        <v>36264</v>
      </c>
      <c r="M17216" s="2" t="s">
        <v>36265</v>
      </c>
      <c r="N17216" s="5" t="s">
        <v>36266</v>
      </c>
      <c r="O17216" s="5" t="s">
        <v>38</v>
      </c>
      <c r="P17216" s="5" t="s">
        <v>39</v>
      </c>
      <c r="Q17216" s="5" t="s">
        <v>40</v>
      </c>
      <c r="R17216" s="5" t="s">
        <v>1522</v>
      </c>
      <c r="S17216" s="5" t="s">
        <v>1523</v>
      </c>
      <c r="T17216" s="5" t="s">
        <v>42</v>
      </c>
      <c r="U17216" s="2">
        <v>3.6339999999999999</v>
      </c>
      <c r="V17216" s="2">
        <v>2.952</v>
      </c>
      <c r="W17216" s="2">
        <v>0.02</v>
      </c>
      <c r="X17216" s="2">
        <v>159.1</v>
      </c>
      <c r="Y17216" s="2">
        <v>7.6</v>
      </c>
      <c r="Z17216" s="2">
        <v>16.7</v>
      </c>
      <c r="AA17216" s="5"/>
      <c r="AB17216" s="5" t="s">
        <v>43</v>
      </c>
      <c r="AC17216" s="5" t="s">
        <v>44</v>
      </c>
      <c r="AD17216" s="2"/>
      <c r="AE17216" s="1"/>
    </row>
    <row r="17217" spans="1:31" ht="14.45">
      <c r="A17217" s="11"/>
      <c r="B17217" s="20"/>
      <c r="C17217" s="2" t="s">
        <v>52609</v>
      </c>
      <c r="D17217" s="14" t="s">
        <v>52610</v>
      </c>
      <c r="E17217" s="2" t="s">
        <v>52611</v>
      </c>
      <c r="F17217" s="2" t="s">
        <v>7204</v>
      </c>
      <c r="G17217" s="8">
        <v>311</v>
      </c>
      <c r="H17217" s="5">
        <v>6</v>
      </c>
      <c r="I17217" s="5" t="s">
        <v>1518</v>
      </c>
      <c r="J17217" s="5" t="s">
        <v>36264</v>
      </c>
      <c r="K17217" s="2" t="s">
        <v>36265</v>
      </c>
      <c r="L17217" s="5" t="s">
        <v>36264</v>
      </c>
      <c r="M17217" s="2" t="s">
        <v>36265</v>
      </c>
      <c r="N17217" s="5" t="s">
        <v>36266</v>
      </c>
      <c r="O17217" s="5" t="s">
        <v>38</v>
      </c>
      <c r="P17217" s="5" t="s">
        <v>39</v>
      </c>
      <c r="Q17217" s="5" t="s">
        <v>40</v>
      </c>
      <c r="R17217" s="5" t="s">
        <v>1522</v>
      </c>
      <c r="S17217" s="5" t="s">
        <v>1523</v>
      </c>
      <c r="T17217" s="5" t="s">
        <v>42</v>
      </c>
      <c r="U17217" s="2">
        <v>3.1549999999999998</v>
      </c>
      <c r="V17217" s="2">
        <v>2.5569999999999999</v>
      </c>
      <c r="W17217" s="2">
        <v>1.7999999999999999E-2</v>
      </c>
      <c r="X17217" s="2">
        <v>139.1</v>
      </c>
      <c r="Y17217" s="2">
        <v>7.6</v>
      </c>
      <c r="Z17217" s="2">
        <v>16.7</v>
      </c>
      <c r="AA17217" s="5"/>
      <c r="AB17217" s="5" t="s">
        <v>43</v>
      </c>
      <c r="AC17217" s="5" t="s">
        <v>44</v>
      </c>
      <c r="AD17217" s="2"/>
      <c r="AE17217" s="1"/>
    </row>
    <row r="17218" spans="1:31" ht="14.45">
      <c r="A17218" s="11"/>
      <c r="B17218" s="20"/>
      <c r="C17218" s="2" t="s">
        <v>52612</v>
      </c>
      <c r="D17218" s="14" t="s">
        <v>52613</v>
      </c>
      <c r="E17218" s="2" t="s">
        <v>52614</v>
      </c>
      <c r="F17218" s="2" t="s">
        <v>7514</v>
      </c>
      <c r="G17218" s="8">
        <v>311</v>
      </c>
      <c r="H17218" s="5">
        <v>6</v>
      </c>
      <c r="I17218" s="5" t="s">
        <v>1518</v>
      </c>
      <c r="J17218" s="5" t="s">
        <v>36264</v>
      </c>
      <c r="K17218" s="2" t="s">
        <v>36265</v>
      </c>
      <c r="L17218" s="5" t="s">
        <v>36264</v>
      </c>
      <c r="M17218" s="2" t="s">
        <v>36265</v>
      </c>
      <c r="N17218" s="5" t="s">
        <v>36266</v>
      </c>
      <c r="O17218" s="5" t="s">
        <v>38</v>
      </c>
      <c r="P17218" s="5" t="s">
        <v>39</v>
      </c>
      <c r="Q17218" s="5" t="s">
        <v>40</v>
      </c>
      <c r="R17218" s="5" t="s">
        <v>1522</v>
      </c>
      <c r="S17218" s="5" t="s">
        <v>1523</v>
      </c>
      <c r="T17218" s="5" t="s">
        <v>42</v>
      </c>
      <c r="U17218" s="2">
        <v>3.24</v>
      </c>
      <c r="V17218" s="2">
        <v>2.6419999999999999</v>
      </c>
      <c r="W17218" s="2">
        <v>1.7999999999999999E-2</v>
      </c>
      <c r="X17218" s="2">
        <v>139.1</v>
      </c>
      <c r="Y17218" s="2">
        <v>7.6</v>
      </c>
      <c r="Z17218" s="2">
        <v>16.7</v>
      </c>
      <c r="AA17218" s="5"/>
      <c r="AB17218" s="5" t="s">
        <v>43</v>
      </c>
      <c r="AC17218" s="5" t="s">
        <v>44</v>
      </c>
      <c r="AD17218" s="2"/>
      <c r="AE17218" s="1"/>
    </row>
    <row r="17219" spans="1:31" ht="14.45">
      <c r="A17219" s="11"/>
      <c r="B17219" s="20"/>
      <c r="C17219" s="2" t="s">
        <v>52615</v>
      </c>
      <c r="D17219" s="14" t="s">
        <v>52616</v>
      </c>
      <c r="E17219" s="2" t="s">
        <v>52617</v>
      </c>
      <c r="F17219" s="2" t="s">
        <v>36273</v>
      </c>
      <c r="G17219" s="8">
        <v>311</v>
      </c>
      <c r="H17219" s="5">
        <v>6</v>
      </c>
      <c r="I17219" s="5" t="s">
        <v>1518</v>
      </c>
      <c r="J17219" s="5" t="s">
        <v>36264</v>
      </c>
      <c r="K17219" s="2" t="s">
        <v>36265</v>
      </c>
      <c r="L17219" s="5" t="s">
        <v>36264</v>
      </c>
      <c r="M17219" s="2" t="s">
        <v>36265</v>
      </c>
      <c r="N17219" s="5" t="s">
        <v>36266</v>
      </c>
      <c r="O17219" s="5" t="s">
        <v>38</v>
      </c>
      <c r="P17219" s="5" t="s">
        <v>39</v>
      </c>
      <c r="Q17219" s="5" t="s">
        <v>40</v>
      </c>
      <c r="R17219" s="5" t="s">
        <v>1522</v>
      </c>
      <c r="S17219" s="5" t="s">
        <v>1523</v>
      </c>
      <c r="T17219" s="5" t="s">
        <v>42</v>
      </c>
      <c r="U17219" s="2">
        <v>3.1549999999999998</v>
      </c>
      <c r="V17219" s="2">
        <v>2.5569999999999999</v>
      </c>
      <c r="W17219" s="2">
        <v>1.7999999999999999E-2</v>
      </c>
      <c r="X17219" s="2">
        <v>139.1</v>
      </c>
      <c r="Y17219" s="2">
        <v>7.6</v>
      </c>
      <c r="Z17219" s="2">
        <v>16.7</v>
      </c>
      <c r="AA17219" s="5"/>
      <c r="AB17219" s="5" t="s">
        <v>43</v>
      </c>
      <c r="AC17219" s="5" t="s">
        <v>44</v>
      </c>
      <c r="AD17219" s="2"/>
      <c r="AE17219" s="1"/>
    </row>
    <row r="17220" spans="1:31" ht="14.45">
      <c r="A17220" s="11"/>
      <c r="B17220" s="20"/>
      <c r="C17220" s="2" t="s">
        <v>52618</v>
      </c>
      <c r="D17220" s="14" t="s">
        <v>52619</v>
      </c>
      <c r="E17220" s="2" t="s">
        <v>52620</v>
      </c>
      <c r="F17220" s="2" t="s">
        <v>36277</v>
      </c>
      <c r="G17220" s="8">
        <v>311</v>
      </c>
      <c r="H17220" s="5">
        <v>6</v>
      </c>
      <c r="I17220" s="5" t="s">
        <v>1518</v>
      </c>
      <c r="J17220" s="5" t="s">
        <v>36264</v>
      </c>
      <c r="K17220" s="2" t="s">
        <v>36265</v>
      </c>
      <c r="L17220" s="5" t="s">
        <v>36264</v>
      </c>
      <c r="M17220" s="2" t="s">
        <v>36265</v>
      </c>
      <c r="N17220" s="5" t="s">
        <v>36266</v>
      </c>
      <c r="O17220" s="5" t="s">
        <v>38</v>
      </c>
      <c r="P17220" s="5" t="s">
        <v>39</v>
      </c>
      <c r="Q17220" s="5" t="s">
        <v>40</v>
      </c>
      <c r="R17220" s="5" t="s">
        <v>1522</v>
      </c>
      <c r="S17220" s="5" t="s">
        <v>1523</v>
      </c>
      <c r="T17220" s="5" t="s">
        <v>42</v>
      </c>
      <c r="U17220" s="2">
        <v>3.24</v>
      </c>
      <c r="V17220" s="2">
        <v>2.6419999999999999</v>
      </c>
      <c r="W17220" s="2">
        <v>1.7999999999999999E-2</v>
      </c>
      <c r="X17220" s="2">
        <v>139.1</v>
      </c>
      <c r="Y17220" s="2">
        <v>7.6</v>
      </c>
      <c r="Z17220" s="2">
        <v>16.7</v>
      </c>
      <c r="AA17220" s="5"/>
      <c r="AB17220" s="5" t="s">
        <v>43</v>
      </c>
      <c r="AC17220" s="5" t="s">
        <v>44</v>
      </c>
      <c r="AD17220" s="2"/>
      <c r="AE17220" s="1"/>
    </row>
    <row r="17221" spans="1:31" ht="14.45">
      <c r="A17221" s="11"/>
      <c r="B17221" s="20"/>
      <c r="C17221" s="2" t="s">
        <v>52621</v>
      </c>
      <c r="D17221" s="14" t="s">
        <v>52622</v>
      </c>
      <c r="E17221" s="2" t="s">
        <v>52623</v>
      </c>
      <c r="F17221" s="2" t="s">
        <v>36289</v>
      </c>
      <c r="G17221" s="8">
        <v>338</v>
      </c>
      <c r="H17221" s="5">
        <v>6</v>
      </c>
      <c r="I17221" s="5" t="s">
        <v>1518</v>
      </c>
      <c r="J17221" s="5" t="s">
        <v>36264</v>
      </c>
      <c r="K17221" s="2" t="s">
        <v>36265</v>
      </c>
      <c r="L17221" s="5" t="s">
        <v>36264</v>
      </c>
      <c r="M17221" s="2" t="s">
        <v>36265</v>
      </c>
      <c r="N17221" s="5" t="s">
        <v>36266</v>
      </c>
      <c r="O17221" s="5" t="s">
        <v>38</v>
      </c>
      <c r="P17221" s="5" t="s">
        <v>39</v>
      </c>
      <c r="Q17221" s="5" t="s">
        <v>40</v>
      </c>
      <c r="R17221" s="5" t="s">
        <v>1522</v>
      </c>
      <c r="S17221" s="5" t="s">
        <v>1523</v>
      </c>
      <c r="T17221" s="5" t="s">
        <v>42</v>
      </c>
      <c r="U17221" s="2">
        <v>3.1549999999999998</v>
      </c>
      <c r="V17221" s="2">
        <v>2.5569999999999999</v>
      </c>
      <c r="W17221" s="2">
        <v>1.7999999999999999E-2</v>
      </c>
      <c r="X17221" s="2">
        <v>139.1</v>
      </c>
      <c r="Y17221" s="2">
        <v>7.6</v>
      </c>
      <c r="Z17221" s="2">
        <v>16.7</v>
      </c>
      <c r="AA17221" s="5"/>
      <c r="AB17221" s="5" t="s">
        <v>43</v>
      </c>
      <c r="AC17221" s="5" t="s">
        <v>44</v>
      </c>
      <c r="AD17221" s="2"/>
      <c r="AE17221" s="1"/>
    </row>
    <row r="17222" spans="1:31" ht="14.45">
      <c r="A17222" s="11"/>
      <c r="B17222" s="20"/>
      <c r="C17222" s="2" t="s">
        <v>52624</v>
      </c>
      <c r="D17222" s="14" t="s">
        <v>52625</v>
      </c>
      <c r="E17222" s="2" t="s">
        <v>52626</v>
      </c>
      <c r="F17222" s="2" t="s">
        <v>36293</v>
      </c>
      <c r="G17222" s="8">
        <v>338</v>
      </c>
      <c r="H17222" s="5">
        <v>6</v>
      </c>
      <c r="I17222" s="5" t="s">
        <v>1518</v>
      </c>
      <c r="J17222" s="5" t="s">
        <v>36264</v>
      </c>
      <c r="K17222" s="2" t="s">
        <v>36265</v>
      </c>
      <c r="L17222" s="5" t="s">
        <v>36264</v>
      </c>
      <c r="M17222" s="2" t="s">
        <v>36265</v>
      </c>
      <c r="N17222" s="5" t="s">
        <v>36266</v>
      </c>
      <c r="O17222" s="5" t="s">
        <v>38</v>
      </c>
      <c r="P17222" s="5" t="s">
        <v>39</v>
      </c>
      <c r="Q17222" s="5" t="s">
        <v>40</v>
      </c>
      <c r="R17222" s="5" t="s">
        <v>1522</v>
      </c>
      <c r="S17222" s="5" t="s">
        <v>1523</v>
      </c>
      <c r="T17222" s="5" t="s">
        <v>42</v>
      </c>
      <c r="U17222" s="2">
        <v>3.24</v>
      </c>
      <c r="V17222" s="2">
        <v>2.6419999999999999</v>
      </c>
      <c r="W17222" s="2">
        <v>1.7999999999999999E-2</v>
      </c>
      <c r="X17222" s="2">
        <v>139.1</v>
      </c>
      <c r="Y17222" s="2">
        <v>7.6</v>
      </c>
      <c r="Z17222" s="2">
        <v>16.7</v>
      </c>
      <c r="AA17222" s="5"/>
      <c r="AB17222" s="5" t="s">
        <v>43</v>
      </c>
      <c r="AC17222" s="5" t="s">
        <v>44</v>
      </c>
      <c r="AD17222" s="2"/>
      <c r="AE17222" s="1"/>
    </row>
    <row r="17223" spans="1:31" ht="14.45">
      <c r="A17223" s="11"/>
      <c r="B17223" s="20"/>
      <c r="C17223" s="2" t="s">
        <v>52627</v>
      </c>
      <c r="D17223" s="14" t="s">
        <v>52628</v>
      </c>
      <c r="E17223" s="2" t="s">
        <v>52629</v>
      </c>
      <c r="F17223" s="2" t="s">
        <v>36297</v>
      </c>
      <c r="G17223" s="8">
        <v>311</v>
      </c>
      <c r="H17223" s="5">
        <v>6</v>
      </c>
      <c r="I17223" s="5" t="s">
        <v>1518</v>
      </c>
      <c r="J17223" s="5" t="s">
        <v>36264</v>
      </c>
      <c r="K17223" s="2" t="s">
        <v>36265</v>
      </c>
      <c r="L17223" s="5" t="s">
        <v>36264</v>
      </c>
      <c r="M17223" s="2" t="s">
        <v>36265</v>
      </c>
      <c r="N17223" s="5" t="s">
        <v>36266</v>
      </c>
      <c r="O17223" s="5" t="s">
        <v>38</v>
      </c>
      <c r="P17223" s="5" t="s">
        <v>39</v>
      </c>
      <c r="Q17223" s="5" t="s">
        <v>40</v>
      </c>
      <c r="R17223" s="5" t="s">
        <v>1522</v>
      </c>
      <c r="S17223" s="5" t="s">
        <v>1523</v>
      </c>
      <c r="T17223" s="5" t="s">
        <v>42</v>
      </c>
      <c r="U17223" s="2">
        <v>3.1549999999999998</v>
      </c>
      <c r="V17223" s="2">
        <v>2.5569999999999999</v>
      </c>
      <c r="W17223" s="2">
        <v>1.7999999999999999E-2</v>
      </c>
      <c r="X17223" s="2">
        <v>139.1</v>
      </c>
      <c r="Y17223" s="2">
        <v>7.6</v>
      </c>
      <c r="Z17223" s="2">
        <v>16.7</v>
      </c>
      <c r="AA17223" s="5"/>
      <c r="AB17223" s="5" t="s">
        <v>43</v>
      </c>
      <c r="AC17223" s="5" t="s">
        <v>44</v>
      </c>
      <c r="AD17223" s="2"/>
      <c r="AE17223" s="1"/>
    </row>
    <row r="17224" spans="1:31" ht="14.45">
      <c r="A17224" s="11"/>
      <c r="B17224" s="20"/>
      <c r="C17224" s="2" t="s">
        <v>52630</v>
      </c>
      <c r="D17224" s="14" t="s">
        <v>52631</v>
      </c>
      <c r="E17224" s="2" t="s">
        <v>52632</v>
      </c>
      <c r="F17224" s="2" t="s">
        <v>36301</v>
      </c>
      <c r="G17224" s="8">
        <v>311</v>
      </c>
      <c r="H17224" s="5">
        <v>6</v>
      </c>
      <c r="I17224" s="5" t="s">
        <v>1518</v>
      </c>
      <c r="J17224" s="5" t="s">
        <v>36264</v>
      </c>
      <c r="K17224" s="2" t="s">
        <v>36265</v>
      </c>
      <c r="L17224" s="5" t="s">
        <v>36264</v>
      </c>
      <c r="M17224" s="2" t="s">
        <v>36265</v>
      </c>
      <c r="N17224" s="5" t="s">
        <v>36266</v>
      </c>
      <c r="O17224" s="5" t="s">
        <v>38</v>
      </c>
      <c r="P17224" s="5" t="s">
        <v>39</v>
      </c>
      <c r="Q17224" s="5" t="s">
        <v>40</v>
      </c>
      <c r="R17224" s="5" t="s">
        <v>1522</v>
      </c>
      <c r="S17224" s="5" t="s">
        <v>1523</v>
      </c>
      <c r="T17224" s="5" t="s">
        <v>42</v>
      </c>
      <c r="U17224" s="2">
        <v>3.24</v>
      </c>
      <c r="V17224" s="2">
        <v>2.6419999999999999</v>
      </c>
      <c r="W17224" s="2">
        <v>1.7999999999999999E-2</v>
      </c>
      <c r="X17224" s="2">
        <v>139.1</v>
      </c>
      <c r="Y17224" s="2">
        <v>7.6</v>
      </c>
      <c r="Z17224" s="2">
        <v>16.7</v>
      </c>
      <c r="AA17224" s="5"/>
      <c r="AB17224" s="5" t="s">
        <v>43</v>
      </c>
      <c r="AC17224" s="5" t="s">
        <v>44</v>
      </c>
      <c r="AD17224" s="2"/>
      <c r="AE17224" s="1"/>
    </row>
    <row r="17225" spans="1:31" ht="14.45">
      <c r="A17225" s="11"/>
      <c r="B17225" s="20"/>
      <c r="C17225" s="2" t="s">
        <v>52633</v>
      </c>
      <c r="D17225" s="14" t="s">
        <v>52634</v>
      </c>
      <c r="E17225" s="2" t="s">
        <v>52635</v>
      </c>
      <c r="F17225" s="2" t="s">
        <v>36305</v>
      </c>
      <c r="G17225" s="8">
        <v>311</v>
      </c>
      <c r="H17225" s="5">
        <v>6</v>
      </c>
      <c r="I17225" s="5" t="s">
        <v>1518</v>
      </c>
      <c r="J17225" s="5" t="s">
        <v>36264</v>
      </c>
      <c r="K17225" s="2" t="s">
        <v>36265</v>
      </c>
      <c r="L17225" s="5" t="s">
        <v>36264</v>
      </c>
      <c r="M17225" s="2" t="s">
        <v>36265</v>
      </c>
      <c r="N17225" s="5" t="s">
        <v>36266</v>
      </c>
      <c r="O17225" s="5" t="s">
        <v>38</v>
      </c>
      <c r="P17225" s="5" t="s">
        <v>39</v>
      </c>
      <c r="Q17225" s="5" t="s">
        <v>40</v>
      </c>
      <c r="R17225" s="5" t="s">
        <v>1522</v>
      </c>
      <c r="S17225" s="5" t="s">
        <v>1523</v>
      </c>
      <c r="T17225" s="5" t="s">
        <v>42</v>
      </c>
      <c r="U17225" s="2">
        <v>3.1549999999999998</v>
      </c>
      <c r="V17225" s="2">
        <v>2.5569999999999999</v>
      </c>
      <c r="W17225" s="2">
        <v>1.7999999999999999E-2</v>
      </c>
      <c r="X17225" s="2">
        <v>139.1</v>
      </c>
      <c r="Y17225" s="2">
        <v>7.6</v>
      </c>
      <c r="Z17225" s="2">
        <v>16.7</v>
      </c>
      <c r="AA17225" s="5"/>
      <c r="AB17225" s="5" t="s">
        <v>43</v>
      </c>
      <c r="AC17225" s="5" t="s">
        <v>44</v>
      </c>
      <c r="AD17225" s="2"/>
      <c r="AE17225" s="1"/>
    </row>
    <row r="17226" spans="1:31" ht="14.45">
      <c r="A17226" s="11"/>
      <c r="B17226" s="20"/>
      <c r="C17226" s="2" t="s">
        <v>52636</v>
      </c>
      <c r="D17226" s="14" t="s">
        <v>52637</v>
      </c>
      <c r="E17226" s="2" t="s">
        <v>52638</v>
      </c>
      <c r="F17226" s="2" t="s">
        <v>36309</v>
      </c>
      <c r="G17226" s="8">
        <v>311</v>
      </c>
      <c r="H17226" s="5">
        <v>6</v>
      </c>
      <c r="I17226" s="5" t="s">
        <v>1518</v>
      </c>
      <c r="J17226" s="5" t="s">
        <v>36264</v>
      </c>
      <c r="K17226" s="2" t="s">
        <v>36265</v>
      </c>
      <c r="L17226" s="5" t="s">
        <v>36264</v>
      </c>
      <c r="M17226" s="2" t="s">
        <v>36265</v>
      </c>
      <c r="N17226" s="5" t="s">
        <v>36266</v>
      </c>
      <c r="O17226" s="5" t="s">
        <v>38</v>
      </c>
      <c r="P17226" s="5" t="s">
        <v>39</v>
      </c>
      <c r="Q17226" s="5" t="s">
        <v>40</v>
      </c>
      <c r="R17226" s="5" t="s">
        <v>1522</v>
      </c>
      <c r="S17226" s="5" t="s">
        <v>1523</v>
      </c>
      <c r="T17226" s="5" t="s">
        <v>42</v>
      </c>
      <c r="U17226" s="2">
        <v>3.24</v>
      </c>
      <c r="V17226" s="2">
        <v>2.6419999999999999</v>
      </c>
      <c r="W17226" s="2">
        <v>1.7999999999999999E-2</v>
      </c>
      <c r="X17226" s="2">
        <v>139.1</v>
      </c>
      <c r="Y17226" s="2">
        <v>7.6</v>
      </c>
      <c r="Z17226" s="2">
        <v>16.7</v>
      </c>
      <c r="AA17226" s="5"/>
      <c r="AB17226" s="5" t="s">
        <v>43</v>
      </c>
      <c r="AC17226" s="5" t="s">
        <v>44</v>
      </c>
      <c r="AD17226" s="2"/>
      <c r="AE17226" s="1"/>
    </row>
    <row r="17227" spans="1:31" ht="14.45">
      <c r="A17227" s="11"/>
      <c r="B17227" s="20"/>
      <c r="C17227" s="2" t="s">
        <v>52639</v>
      </c>
      <c r="D17227" s="14" t="s">
        <v>52640</v>
      </c>
      <c r="E17227" s="2" t="s">
        <v>52641</v>
      </c>
      <c r="F17227" s="2" t="s">
        <v>36317</v>
      </c>
      <c r="G17227" s="8">
        <v>338</v>
      </c>
      <c r="H17227" s="5">
        <v>6</v>
      </c>
      <c r="I17227" s="5" t="s">
        <v>1518</v>
      </c>
      <c r="J17227" s="5" t="s">
        <v>36264</v>
      </c>
      <c r="K17227" s="2" t="s">
        <v>36265</v>
      </c>
      <c r="L17227" s="5" t="s">
        <v>36264</v>
      </c>
      <c r="M17227" s="2" t="s">
        <v>36265</v>
      </c>
      <c r="N17227" s="5" t="s">
        <v>36266</v>
      </c>
      <c r="O17227" s="5" t="s">
        <v>38</v>
      </c>
      <c r="P17227" s="5" t="s">
        <v>39</v>
      </c>
      <c r="Q17227" s="5" t="s">
        <v>40</v>
      </c>
      <c r="R17227" s="5" t="s">
        <v>1522</v>
      </c>
      <c r="S17227" s="5" t="s">
        <v>1523</v>
      </c>
      <c r="T17227" s="5" t="s">
        <v>42</v>
      </c>
      <c r="U17227" s="2">
        <v>3.24</v>
      </c>
      <c r="V17227" s="2">
        <v>2.6419999999999999</v>
      </c>
      <c r="W17227" s="2">
        <v>1.7999999999999999E-2</v>
      </c>
      <c r="X17227" s="2">
        <v>139.1</v>
      </c>
      <c r="Y17227" s="2">
        <v>7.6</v>
      </c>
      <c r="Z17227" s="2">
        <v>16.7</v>
      </c>
      <c r="AA17227" s="5"/>
      <c r="AB17227" s="5" t="s">
        <v>43</v>
      </c>
      <c r="AC17227" s="5" t="s">
        <v>44</v>
      </c>
      <c r="AD17227" s="2"/>
      <c r="AE17227" s="1"/>
    </row>
    <row r="17228" spans="1:31" ht="14.45">
      <c r="A17228" s="11"/>
      <c r="B17228" s="20"/>
      <c r="C17228" s="2" t="s">
        <v>52642</v>
      </c>
      <c r="D17228" s="14" t="s">
        <v>52643</v>
      </c>
      <c r="E17228" s="2" t="s">
        <v>52644</v>
      </c>
      <c r="F17228" s="2" t="s">
        <v>36325</v>
      </c>
      <c r="G17228" s="8">
        <v>338</v>
      </c>
      <c r="H17228" s="5">
        <v>6</v>
      </c>
      <c r="I17228" s="5" t="s">
        <v>1518</v>
      </c>
      <c r="J17228" s="5" t="s">
        <v>36264</v>
      </c>
      <c r="K17228" s="2" t="s">
        <v>36265</v>
      </c>
      <c r="L17228" s="5" t="s">
        <v>36264</v>
      </c>
      <c r="M17228" s="2" t="s">
        <v>36265</v>
      </c>
      <c r="N17228" s="5" t="s">
        <v>36266</v>
      </c>
      <c r="O17228" s="5" t="s">
        <v>38</v>
      </c>
      <c r="P17228" s="5" t="s">
        <v>39</v>
      </c>
      <c r="Q17228" s="5" t="s">
        <v>40</v>
      </c>
      <c r="R17228" s="5" t="s">
        <v>1522</v>
      </c>
      <c r="S17228" s="5" t="s">
        <v>1523</v>
      </c>
      <c r="T17228" s="5" t="s">
        <v>42</v>
      </c>
      <c r="U17228" s="2">
        <v>3.24</v>
      </c>
      <c r="V17228" s="2">
        <v>2.6419999999999999</v>
      </c>
      <c r="W17228" s="2">
        <v>1.7999999999999999E-2</v>
      </c>
      <c r="X17228" s="2">
        <v>139.1</v>
      </c>
      <c r="Y17228" s="2">
        <v>7.6</v>
      </c>
      <c r="Z17228" s="2">
        <v>16.7</v>
      </c>
      <c r="AA17228" s="5"/>
      <c r="AB17228" s="5" t="s">
        <v>43</v>
      </c>
      <c r="AC17228" s="5" t="s">
        <v>44</v>
      </c>
      <c r="AD17228" s="2"/>
      <c r="AE17228" s="1"/>
    </row>
    <row r="17229" spans="1:31" ht="14.45">
      <c r="A17229" s="11"/>
      <c r="B17229" s="20"/>
      <c r="C17229" s="2" t="s">
        <v>52645</v>
      </c>
      <c r="D17229" s="14" t="s">
        <v>52646</v>
      </c>
      <c r="E17229" s="2" t="s">
        <v>52647</v>
      </c>
      <c r="F17229" s="2" t="s">
        <v>36329</v>
      </c>
      <c r="G17229" s="8">
        <v>338</v>
      </c>
      <c r="H17229" s="5">
        <v>6</v>
      </c>
      <c r="I17229" s="5" t="s">
        <v>1518</v>
      </c>
      <c r="J17229" s="5" t="s">
        <v>36264</v>
      </c>
      <c r="K17229" s="2" t="s">
        <v>36265</v>
      </c>
      <c r="L17229" s="5" t="s">
        <v>36264</v>
      </c>
      <c r="M17229" s="2" t="s">
        <v>36265</v>
      </c>
      <c r="N17229" s="5" t="s">
        <v>36266</v>
      </c>
      <c r="O17229" s="5" t="s">
        <v>38</v>
      </c>
      <c r="P17229" s="5" t="s">
        <v>39</v>
      </c>
      <c r="Q17229" s="5" t="s">
        <v>40</v>
      </c>
      <c r="R17229" s="5" t="s">
        <v>1522</v>
      </c>
      <c r="S17229" s="5" t="s">
        <v>1523</v>
      </c>
      <c r="T17229" s="5" t="s">
        <v>42</v>
      </c>
      <c r="U17229" s="2">
        <v>3.1549999999999998</v>
      </c>
      <c r="V17229" s="2">
        <v>2.5569999999999999</v>
      </c>
      <c r="W17229" s="2">
        <v>1.7999999999999999E-2</v>
      </c>
      <c r="X17229" s="2">
        <v>139.1</v>
      </c>
      <c r="Y17229" s="2">
        <v>7.6</v>
      </c>
      <c r="Z17229" s="2">
        <v>16.7</v>
      </c>
      <c r="AA17229" s="5"/>
      <c r="AB17229" s="5" t="s">
        <v>43</v>
      </c>
      <c r="AC17229" s="5" t="s">
        <v>44</v>
      </c>
      <c r="AD17229" s="2"/>
      <c r="AE17229" s="1"/>
    </row>
    <row r="17230" spans="1:31" ht="14.45">
      <c r="A17230" s="11"/>
      <c r="B17230" s="20"/>
      <c r="C17230" s="2" t="s">
        <v>52648</v>
      </c>
      <c r="D17230" s="14" t="s">
        <v>52649</v>
      </c>
      <c r="E17230" s="2" t="s">
        <v>52650</v>
      </c>
      <c r="F17230" s="2" t="s">
        <v>36333</v>
      </c>
      <c r="G17230" s="8">
        <v>338</v>
      </c>
      <c r="H17230" s="5">
        <v>6</v>
      </c>
      <c r="I17230" s="5" t="s">
        <v>1518</v>
      </c>
      <c r="J17230" s="5" t="s">
        <v>36264</v>
      </c>
      <c r="K17230" s="2" t="s">
        <v>36265</v>
      </c>
      <c r="L17230" s="5" t="s">
        <v>36264</v>
      </c>
      <c r="M17230" s="2" t="s">
        <v>36265</v>
      </c>
      <c r="N17230" s="5" t="s">
        <v>36266</v>
      </c>
      <c r="O17230" s="5" t="s">
        <v>38</v>
      </c>
      <c r="P17230" s="5" t="s">
        <v>39</v>
      </c>
      <c r="Q17230" s="5" t="s">
        <v>40</v>
      </c>
      <c r="R17230" s="5" t="s">
        <v>1522</v>
      </c>
      <c r="S17230" s="5" t="s">
        <v>1523</v>
      </c>
      <c r="T17230" s="5" t="s">
        <v>42</v>
      </c>
      <c r="U17230" s="2">
        <v>3.24</v>
      </c>
      <c r="V17230" s="2">
        <v>2.6419999999999999</v>
      </c>
      <c r="W17230" s="2">
        <v>1.7999999999999999E-2</v>
      </c>
      <c r="X17230" s="2">
        <v>139.1</v>
      </c>
      <c r="Y17230" s="2">
        <v>7.6</v>
      </c>
      <c r="Z17230" s="2">
        <v>16.7</v>
      </c>
      <c r="AA17230" s="5"/>
      <c r="AB17230" s="5" t="s">
        <v>43</v>
      </c>
      <c r="AC17230" s="5" t="s">
        <v>44</v>
      </c>
      <c r="AD17230" s="2"/>
      <c r="AE17230" s="1"/>
    </row>
    <row r="17231" spans="1:31" ht="14.45">
      <c r="A17231" s="11"/>
      <c r="B17231" s="20"/>
      <c r="C17231" s="2" t="s">
        <v>52651</v>
      </c>
      <c r="D17231" s="14" t="s">
        <v>52652</v>
      </c>
      <c r="E17231" s="2" t="s">
        <v>52653</v>
      </c>
      <c r="F17231" s="2" t="s">
        <v>36337</v>
      </c>
      <c r="G17231" s="8">
        <v>338</v>
      </c>
      <c r="H17231" s="5">
        <v>6</v>
      </c>
      <c r="I17231" s="5" t="s">
        <v>1518</v>
      </c>
      <c r="J17231" s="5" t="s">
        <v>36264</v>
      </c>
      <c r="K17231" s="2" t="s">
        <v>36265</v>
      </c>
      <c r="L17231" s="5" t="s">
        <v>36264</v>
      </c>
      <c r="M17231" s="2" t="s">
        <v>36265</v>
      </c>
      <c r="N17231" s="5" t="s">
        <v>36266</v>
      </c>
      <c r="O17231" s="5" t="s">
        <v>38</v>
      </c>
      <c r="P17231" s="5" t="s">
        <v>39</v>
      </c>
      <c r="Q17231" s="5" t="s">
        <v>40</v>
      </c>
      <c r="R17231" s="5" t="s">
        <v>1522</v>
      </c>
      <c r="S17231" s="5" t="s">
        <v>1523</v>
      </c>
      <c r="T17231" s="5" t="s">
        <v>42</v>
      </c>
      <c r="U17231" s="2">
        <v>3.1549999999999998</v>
      </c>
      <c r="V17231" s="2">
        <v>2.5569999999999999</v>
      </c>
      <c r="W17231" s="2">
        <v>1.7999999999999999E-2</v>
      </c>
      <c r="X17231" s="2">
        <v>139.1</v>
      </c>
      <c r="Y17231" s="2">
        <v>7.6</v>
      </c>
      <c r="Z17231" s="2">
        <v>16.7</v>
      </c>
      <c r="AA17231" s="5"/>
      <c r="AB17231" s="5" t="s">
        <v>43</v>
      </c>
      <c r="AC17231" s="5" t="s">
        <v>44</v>
      </c>
      <c r="AD17231" s="2"/>
      <c r="AE17231" s="1"/>
    </row>
    <row r="17232" spans="1:31" ht="14.45">
      <c r="A17232" s="11"/>
      <c r="B17232" s="20"/>
      <c r="C17232" s="2" t="s">
        <v>52654</v>
      </c>
      <c r="D17232" s="14" t="s">
        <v>52655</v>
      </c>
      <c r="E17232" s="2" t="s">
        <v>52656</v>
      </c>
      <c r="F17232" s="2" t="s">
        <v>36349</v>
      </c>
      <c r="G17232" s="8">
        <v>338</v>
      </c>
      <c r="H17232" s="5">
        <v>6</v>
      </c>
      <c r="I17232" s="5" t="s">
        <v>1518</v>
      </c>
      <c r="J17232" s="5" t="s">
        <v>36264</v>
      </c>
      <c r="K17232" s="2" t="s">
        <v>36265</v>
      </c>
      <c r="L17232" s="5" t="s">
        <v>36264</v>
      </c>
      <c r="M17232" s="2" t="s">
        <v>36265</v>
      </c>
      <c r="N17232" s="5" t="s">
        <v>36266</v>
      </c>
      <c r="O17232" s="5" t="s">
        <v>38</v>
      </c>
      <c r="P17232" s="5" t="s">
        <v>39</v>
      </c>
      <c r="Q17232" s="5" t="s">
        <v>40</v>
      </c>
      <c r="R17232" s="5" t="s">
        <v>1522</v>
      </c>
      <c r="S17232" s="5" t="s">
        <v>1523</v>
      </c>
      <c r="T17232" s="5" t="s">
        <v>42</v>
      </c>
      <c r="U17232" s="2">
        <v>3.24</v>
      </c>
      <c r="V17232" s="2">
        <v>2.6419999999999999</v>
      </c>
      <c r="W17232" s="2">
        <v>1.7999999999999999E-2</v>
      </c>
      <c r="X17232" s="2">
        <v>139.1</v>
      </c>
      <c r="Y17232" s="2">
        <v>7.6</v>
      </c>
      <c r="Z17232" s="2">
        <v>16.7</v>
      </c>
      <c r="AA17232" s="5"/>
      <c r="AB17232" s="5" t="s">
        <v>43</v>
      </c>
      <c r="AC17232" s="5" t="s">
        <v>44</v>
      </c>
      <c r="AD17232" s="2"/>
      <c r="AE17232" s="1"/>
    </row>
    <row r="17233" spans="1:31" ht="14.45">
      <c r="A17233" s="11"/>
      <c r="B17233" s="20"/>
      <c r="C17233" s="2" t="s">
        <v>52657</v>
      </c>
      <c r="D17233" s="14" t="s">
        <v>52658</v>
      </c>
      <c r="E17233" s="2" t="s">
        <v>52659</v>
      </c>
      <c r="F17233" s="2" t="s">
        <v>36357</v>
      </c>
      <c r="G17233" s="8">
        <v>338</v>
      </c>
      <c r="H17233" s="5">
        <v>6</v>
      </c>
      <c r="I17233" s="5" t="s">
        <v>1518</v>
      </c>
      <c r="J17233" s="5" t="s">
        <v>36264</v>
      </c>
      <c r="K17233" s="2" t="s">
        <v>36265</v>
      </c>
      <c r="L17233" s="5" t="s">
        <v>36264</v>
      </c>
      <c r="M17233" s="2" t="s">
        <v>36265</v>
      </c>
      <c r="N17233" s="5" t="s">
        <v>36266</v>
      </c>
      <c r="O17233" s="5" t="s">
        <v>38</v>
      </c>
      <c r="P17233" s="5" t="s">
        <v>39</v>
      </c>
      <c r="Q17233" s="5" t="s">
        <v>40</v>
      </c>
      <c r="R17233" s="5" t="s">
        <v>1522</v>
      </c>
      <c r="S17233" s="5" t="s">
        <v>1523</v>
      </c>
      <c r="T17233" s="5" t="s">
        <v>42</v>
      </c>
      <c r="U17233" s="2">
        <v>3.24</v>
      </c>
      <c r="V17233" s="2">
        <v>2.6419999999999999</v>
      </c>
      <c r="W17233" s="2">
        <v>1.7999999999999999E-2</v>
      </c>
      <c r="X17233" s="2">
        <v>139.1</v>
      </c>
      <c r="Y17233" s="2">
        <v>7.6</v>
      </c>
      <c r="Z17233" s="2">
        <v>16.7</v>
      </c>
      <c r="AA17233" s="5"/>
      <c r="AB17233" s="5" t="s">
        <v>43</v>
      </c>
      <c r="AC17233" s="5" t="s">
        <v>44</v>
      </c>
      <c r="AD17233" s="2"/>
      <c r="AE17233" s="1"/>
    </row>
    <row r="17234" spans="1:31" ht="14.45">
      <c r="A17234" s="11"/>
      <c r="B17234" s="20"/>
      <c r="C17234" s="2" t="s">
        <v>52660</v>
      </c>
      <c r="D17234" s="14" t="s">
        <v>52661</v>
      </c>
      <c r="E17234" s="2" t="s">
        <v>52662</v>
      </c>
      <c r="F17234" s="2" t="s">
        <v>45598</v>
      </c>
      <c r="G17234" s="8">
        <v>338</v>
      </c>
      <c r="H17234" s="5">
        <v>6</v>
      </c>
      <c r="I17234" s="5" t="s">
        <v>1518</v>
      </c>
      <c r="J17234" s="5" t="s">
        <v>36264</v>
      </c>
      <c r="K17234" s="2" t="s">
        <v>36265</v>
      </c>
      <c r="L17234" s="5" t="s">
        <v>36264</v>
      </c>
      <c r="M17234" s="2" t="s">
        <v>36265</v>
      </c>
      <c r="N17234" s="5" t="s">
        <v>36266</v>
      </c>
      <c r="O17234" s="5" t="s">
        <v>38</v>
      </c>
      <c r="P17234" s="5" t="s">
        <v>39</v>
      </c>
      <c r="Q17234" s="5" t="s">
        <v>40</v>
      </c>
      <c r="R17234" s="5" t="s">
        <v>1522</v>
      </c>
      <c r="S17234" s="5" t="s">
        <v>1523</v>
      </c>
      <c r="T17234" s="5" t="s">
        <v>42</v>
      </c>
      <c r="U17234" s="2">
        <v>3.1549999999999998</v>
      </c>
      <c r="V17234" s="2">
        <v>2.5569999999999999</v>
      </c>
      <c r="W17234" s="2">
        <v>1.7999999999999999E-2</v>
      </c>
      <c r="X17234" s="2">
        <v>139.1</v>
      </c>
      <c r="Y17234" s="2">
        <v>7.6</v>
      </c>
      <c r="Z17234" s="2">
        <v>16.7</v>
      </c>
      <c r="AA17234" s="5"/>
      <c r="AB17234" s="5" t="s">
        <v>43</v>
      </c>
      <c r="AC17234" s="5" t="s">
        <v>44</v>
      </c>
      <c r="AD17234" s="2"/>
      <c r="AE17234" s="1"/>
    </row>
    <row r="17235" spans="1:31" ht="14.45">
      <c r="A17235" s="11"/>
      <c r="B17235" s="20"/>
      <c r="C17235" s="2" t="s">
        <v>52663</v>
      </c>
      <c r="D17235" s="14" t="s">
        <v>52664</v>
      </c>
      <c r="E17235" s="2" t="s">
        <v>52665</v>
      </c>
      <c r="F17235" s="2" t="s">
        <v>36373</v>
      </c>
      <c r="G17235" s="8">
        <v>338</v>
      </c>
      <c r="H17235" s="5">
        <v>6</v>
      </c>
      <c r="I17235" s="5" t="s">
        <v>1518</v>
      </c>
      <c r="J17235" s="5" t="s">
        <v>36264</v>
      </c>
      <c r="K17235" s="2" t="s">
        <v>36265</v>
      </c>
      <c r="L17235" s="5" t="s">
        <v>36264</v>
      </c>
      <c r="M17235" s="2" t="s">
        <v>36265</v>
      </c>
      <c r="N17235" s="5" t="s">
        <v>36266</v>
      </c>
      <c r="O17235" s="5" t="s">
        <v>38</v>
      </c>
      <c r="P17235" s="5" t="s">
        <v>39</v>
      </c>
      <c r="Q17235" s="5" t="s">
        <v>40</v>
      </c>
      <c r="R17235" s="5" t="s">
        <v>1522</v>
      </c>
      <c r="S17235" s="5" t="s">
        <v>1523</v>
      </c>
      <c r="T17235" s="5" t="s">
        <v>42</v>
      </c>
      <c r="U17235" s="2">
        <v>3.24</v>
      </c>
      <c r="V17235" s="2">
        <v>2.6419999999999999</v>
      </c>
      <c r="W17235" s="2">
        <v>1.7999999999999999E-2</v>
      </c>
      <c r="X17235" s="2">
        <v>139.1</v>
      </c>
      <c r="Y17235" s="2">
        <v>7.6</v>
      </c>
      <c r="Z17235" s="2">
        <v>16.7</v>
      </c>
      <c r="AA17235" s="5"/>
      <c r="AB17235" s="5" t="s">
        <v>43</v>
      </c>
      <c r="AC17235" s="5" t="s">
        <v>44</v>
      </c>
      <c r="AD17235" s="2"/>
      <c r="AE17235" s="1"/>
    </row>
    <row r="17236" spans="1:31" ht="14.45">
      <c r="A17236" s="11"/>
      <c r="B17236" s="20"/>
      <c r="C17236" s="2" t="s">
        <v>52666</v>
      </c>
      <c r="D17236" s="14" t="s">
        <v>52667</v>
      </c>
      <c r="E17236" s="2" t="s">
        <v>52668</v>
      </c>
      <c r="F17236" s="2" t="s">
        <v>36377</v>
      </c>
      <c r="G17236" s="8">
        <v>338</v>
      </c>
      <c r="H17236" s="5">
        <v>6</v>
      </c>
      <c r="I17236" s="5" t="s">
        <v>1518</v>
      </c>
      <c r="J17236" s="5" t="s">
        <v>36264</v>
      </c>
      <c r="K17236" s="2" t="s">
        <v>36265</v>
      </c>
      <c r="L17236" s="5" t="s">
        <v>36264</v>
      </c>
      <c r="M17236" s="2" t="s">
        <v>36265</v>
      </c>
      <c r="N17236" s="5" t="s">
        <v>36266</v>
      </c>
      <c r="O17236" s="5" t="s">
        <v>38</v>
      </c>
      <c r="P17236" s="5" t="s">
        <v>39</v>
      </c>
      <c r="Q17236" s="5" t="s">
        <v>40</v>
      </c>
      <c r="R17236" s="5" t="s">
        <v>1522</v>
      </c>
      <c r="S17236" s="5" t="s">
        <v>1523</v>
      </c>
      <c r="T17236" s="5" t="s">
        <v>42</v>
      </c>
      <c r="U17236" s="2">
        <v>3.1549999999999998</v>
      </c>
      <c r="V17236" s="2">
        <v>2.5569999999999999</v>
      </c>
      <c r="W17236" s="2">
        <v>1.7999999999999999E-2</v>
      </c>
      <c r="X17236" s="2">
        <v>139.1</v>
      </c>
      <c r="Y17236" s="2">
        <v>7.6</v>
      </c>
      <c r="Z17236" s="2">
        <v>16.7</v>
      </c>
      <c r="AA17236" s="5"/>
      <c r="AB17236" s="5" t="s">
        <v>43</v>
      </c>
      <c r="AC17236" s="5" t="s">
        <v>44</v>
      </c>
      <c r="AD17236" s="2"/>
      <c r="AE17236" s="1"/>
    </row>
    <row r="17237" spans="1:31" ht="14.45">
      <c r="A17237" s="11"/>
      <c r="B17237" s="20"/>
      <c r="C17237" s="2" t="s">
        <v>52669</v>
      </c>
      <c r="D17237" s="14" t="s">
        <v>52670</v>
      </c>
      <c r="E17237" s="2" t="s">
        <v>52671</v>
      </c>
      <c r="F17237" s="2" t="s">
        <v>36381</v>
      </c>
      <c r="G17237" s="8">
        <v>338</v>
      </c>
      <c r="H17237" s="5">
        <v>6</v>
      </c>
      <c r="I17237" s="5" t="s">
        <v>1518</v>
      </c>
      <c r="J17237" s="5" t="s">
        <v>36264</v>
      </c>
      <c r="K17237" s="2" t="s">
        <v>36265</v>
      </c>
      <c r="L17237" s="5" t="s">
        <v>36264</v>
      </c>
      <c r="M17237" s="2" t="s">
        <v>36265</v>
      </c>
      <c r="N17237" s="5" t="s">
        <v>36266</v>
      </c>
      <c r="O17237" s="5" t="s">
        <v>38</v>
      </c>
      <c r="P17237" s="5" t="s">
        <v>39</v>
      </c>
      <c r="Q17237" s="5" t="s">
        <v>40</v>
      </c>
      <c r="R17237" s="5" t="s">
        <v>1522</v>
      </c>
      <c r="S17237" s="5" t="s">
        <v>1523</v>
      </c>
      <c r="T17237" s="5" t="s">
        <v>42</v>
      </c>
      <c r="U17237" s="2">
        <v>3.24</v>
      </c>
      <c r="V17237" s="2">
        <v>2.6419999999999999</v>
      </c>
      <c r="W17237" s="2">
        <v>1.7999999999999999E-2</v>
      </c>
      <c r="X17237" s="2">
        <v>139.1</v>
      </c>
      <c r="Y17237" s="2">
        <v>7.6</v>
      </c>
      <c r="Z17237" s="2">
        <v>16.7</v>
      </c>
      <c r="AA17237" s="5"/>
      <c r="AB17237" s="5" t="s">
        <v>43</v>
      </c>
      <c r="AC17237" s="5" t="s">
        <v>44</v>
      </c>
      <c r="AD17237" s="2"/>
      <c r="AE17237" s="1"/>
    </row>
    <row r="17238" spans="1:31" ht="14.45">
      <c r="A17238" s="11"/>
      <c r="B17238" s="20"/>
      <c r="C17238" s="2" t="s">
        <v>52672</v>
      </c>
      <c r="D17238" s="14" t="s">
        <v>52673</v>
      </c>
      <c r="E17238" s="2" t="s">
        <v>52674</v>
      </c>
      <c r="F17238" s="2" t="s">
        <v>36385</v>
      </c>
      <c r="G17238" s="8">
        <v>338</v>
      </c>
      <c r="H17238" s="5">
        <v>6</v>
      </c>
      <c r="I17238" s="5" t="s">
        <v>1518</v>
      </c>
      <c r="J17238" s="5" t="s">
        <v>36264</v>
      </c>
      <c r="K17238" s="2" t="s">
        <v>36265</v>
      </c>
      <c r="L17238" s="5" t="s">
        <v>36264</v>
      </c>
      <c r="M17238" s="2" t="s">
        <v>36265</v>
      </c>
      <c r="N17238" s="5" t="s">
        <v>36266</v>
      </c>
      <c r="O17238" s="5" t="s">
        <v>38</v>
      </c>
      <c r="P17238" s="5" t="s">
        <v>39</v>
      </c>
      <c r="Q17238" s="5" t="s">
        <v>40</v>
      </c>
      <c r="R17238" s="5" t="s">
        <v>1522</v>
      </c>
      <c r="S17238" s="5" t="s">
        <v>1523</v>
      </c>
      <c r="T17238" s="5" t="s">
        <v>42</v>
      </c>
      <c r="U17238" s="2">
        <v>3.1549999999999998</v>
      </c>
      <c r="V17238" s="2">
        <v>2.5569999999999999</v>
      </c>
      <c r="W17238" s="2">
        <v>1.7999999999999999E-2</v>
      </c>
      <c r="X17238" s="2">
        <v>139.1</v>
      </c>
      <c r="Y17238" s="2">
        <v>7.6</v>
      </c>
      <c r="Z17238" s="2">
        <v>16.7</v>
      </c>
      <c r="AA17238" s="5"/>
      <c r="AB17238" s="5" t="s">
        <v>43</v>
      </c>
      <c r="AC17238" s="5" t="s">
        <v>44</v>
      </c>
      <c r="AD17238" s="2"/>
      <c r="AE17238" s="1"/>
    </row>
    <row r="17239" spans="1:31" ht="14.45">
      <c r="A17239" s="11"/>
      <c r="B17239" s="20"/>
      <c r="C17239" s="2" t="s">
        <v>52675</v>
      </c>
      <c r="D17239" s="14" t="s">
        <v>52676</v>
      </c>
      <c r="E17239" s="2" t="s">
        <v>52677</v>
      </c>
      <c r="F17239" s="2" t="s">
        <v>36389</v>
      </c>
      <c r="G17239" s="8">
        <v>338</v>
      </c>
      <c r="H17239" s="5">
        <v>6</v>
      </c>
      <c r="I17239" s="5" t="s">
        <v>1518</v>
      </c>
      <c r="J17239" s="5" t="s">
        <v>36264</v>
      </c>
      <c r="K17239" s="2" t="s">
        <v>36265</v>
      </c>
      <c r="L17239" s="5" t="s">
        <v>36264</v>
      </c>
      <c r="M17239" s="2" t="s">
        <v>36265</v>
      </c>
      <c r="N17239" s="5" t="s">
        <v>36266</v>
      </c>
      <c r="O17239" s="5" t="s">
        <v>38</v>
      </c>
      <c r="P17239" s="5" t="s">
        <v>39</v>
      </c>
      <c r="Q17239" s="5" t="s">
        <v>40</v>
      </c>
      <c r="R17239" s="5" t="s">
        <v>1522</v>
      </c>
      <c r="S17239" s="5" t="s">
        <v>1523</v>
      </c>
      <c r="T17239" s="5" t="s">
        <v>42</v>
      </c>
      <c r="U17239" s="2">
        <v>3.24</v>
      </c>
      <c r="V17239" s="2">
        <v>2.6419999999999999</v>
      </c>
      <c r="W17239" s="2">
        <v>1.7999999999999999E-2</v>
      </c>
      <c r="X17239" s="2">
        <v>139.1</v>
      </c>
      <c r="Y17239" s="2">
        <v>7.6</v>
      </c>
      <c r="Z17239" s="2">
        <v>16.7</v>
      </c>
      <c r="AA17239" s="5"/>
      <c r="AB17239" s="5" t="s">
        <v>43</v>
      </c>
      <c r="AC17239" s="5" t="s">
        <v>44</v>
      </c>
      <c r="AD17239" s="2"/>
      <c r="AE17239" s="1"/>
    </row>
    <row r="17240" spans="1:31" ht="14.45">
      <c r="A17240" s="11"/>
      <c r="B17240" s="20"/>
      <c r="C17240" s="2" t="s">
        <v>52678</v>
      </c>
      <c r="D17240" s="14" t="s">
        <v>52679</v>
      </c>
      <c r="E17240" s="2" t="s">
        <v>52680</v>
      </c>
      <c r="F17240" s="2" t="s">
        <v>7204</v>
      </c>
      <c r="G17240" s="8">
        <v>311</v>
      </c>
      <c r="H17240" s="5">
        <v>6</v>
      </c>
      <c r="I17240" s="5" t="s">
        <v>1518</v>
      </c>
      <c r="J17240" s="5" t="s">
        <v>36264</v>
      </c>
      <c r="K17240" s="2" t="s">
        <v>36265</v>
      </c>
      <c r="L17240" s="5" t="s">
        <v>36264</v>
      </c>
      <c r="M17240" s="2" t="s">
        <v>36265</v>
      </c>
      <c r="N17240" s="5" t="s">
        <v>36266</v>
      </c>
      <c r="O17240" s="5" t="s">
        <v>38</v>
      </c>
      <c r="P17240" s="5" t="s">
        <v>39</v>
      </c>
      <c r="Q17240" s="5" t="s">
        <v>40</v>
      </c>
      <c r="R17240" s="5" t="s">
        <v>1522</v>
      </c>
      <c r="S17240" s="5" t="s">
        <v>1523</v>
      </c>
      <c r="T17240" s="5" t="s">
        <v>42</v>
      </c>
      <c r="U17240" s="2">
        <v>3.3279999999999998</v>
      </c>
      <c r="V17240" s="2">
        <v>2.7389999999999999</v>
      </c>
      <c r="W17240" s="2">
        <v>1.7999999999999999E-2</v>
      </c>
      <c r="X17240" s="2">
        <v>139.1</v>
      </c>
      <c r="Y17240" s="2">
        <v>7.6</v>
      </c>
      <c r="Z17240" s="2">
        <v>16.7</v>
      </c>
      <c r="AA17240" s="5"/>
      <c r="AB17240" s="5" t="s">
        <v>43</v>
      </c>
      <c r="AC17240" s="5" t="s">
        <v>44</v>
      </c>
      <c r="AD17240" s="2"/>
      <c r="AE17240" s="1"/>
    </row>
    <row r="17241" spans="1:31" ht="14.45">
      <c r="A17241" s="11"/>
      <c r="B17241" s="20"/>
      <c r="C17241" s="2" t="s">
        <v>52681</v>
      </c>
      <c r="D17241" s="14" t="s">
        <v>52682</v>
      </c>
      <c r="E17241" s="2" t="s">
        <v>52683</v>
      </c>
      <c r="F17241" s="2" t="s">
        <v>7514</v>
      </c>
      <c r="G17241" s="8">
        <v>311</v>
      </c>
      <c r="H17241" s="5">
        <v>6</v>
      </c>
      <c r="I17241" s="5" t="s">
        <v>1518</v>
      </c>
      <c r="J17241" s="5" t="s">
        <v>36264</v>
      </c>
      <c r="K17241" s="2" t="s">
        <v>36265</v>
      </c>
      <c r="L17241" s="5" t="s">
        <v>36264</v>
      </c>
      <c r="M17241" s="2" t="s">
        <v>36265</v>
      </c>
      <c r="N17241" s="5" t="s">
        <v>36266</v>
      </c>
      <c r="O17241" s="5" t="s">
        <v>38</v>
      </c>
      <c r="P17241" s="5" t="s">
        <v>39</v>
      </c>
      <c r="Q17241" s="5" t="s">
        <v>40</v>
      </c>
      <c r="R17241" s="5" t="s">
        <v>1522</v>
      </c>
      <c r="S17241" s="5" t="s">
        <v>1523</v>
      </c>
      <c r="T17241" s="5" t="s">
        <v>42</v>
      </c>
      <c r="U17241" s="2">
        <v>3.4239999999999999</v>
      </c>
      <c r="V17241" s="2">
        <v>2.835</v>
      </c>
      <c r="W17241" s="2">
        <v>1.7999999999999999E-2</v>
      </c>
      <c r="X17241" s="2">
        <v>139.1</v>
      </c>
      <c r="Y17241" s="2">
        <v>7.6</v>
      </c>
      <c r="Z17241" s="2">
        <v>16.7</v>
      </c>
      <c r="AA17241" s="5"/>
      <c r="AB17241" s="5" t="s">
        <v>43</v>
      </c>
      <c r="AC17241" s="5" t="s">
        <v>44</v>
      </c>
      <c r="AD17241" s="2"/>
      <c r="AE17241" s="1"/>
    </row>
    <row r="17242" spans="1:31" ht="14.45">
      <c r="A17242" s="11"/>
      <c r="B17242" s="20"/>
      <c r="C17242" s="2" t="s">
        <v>52684</v>
      </c>
      <c r="D17242" s="14" t="s">
        <v>52685</v>
      </c>
      <c r="E17242" s="2" t="s">
        <v>52686</v>
      </c>
      <c r="F17242" s="2" t="s">
        <v>36273</v>
      </c>
      <c r="G17242" s="8">
        <v>311</v>
      </c>
      <c r="H17242" s="5">
        <v>6</v>
      </c>
      <c r="I17242" s="5" t="s">
        <v>1518</v>
      </c>
      <c r="J17242" s="5" t="s">
        <v>36264</v>
      </c>
      <c r="K17242" s="2" t="s">
        <v>36265</v>
      </c>
      <c r="L17242" s="5" t="s">
        <v>36264</v>
      </c>
      <c r="M17242" s="2" t="s">
        <v>36265</v>
      </c>
      <c r="N17242" s="5" t="s">
        <v>36266</v>
      </c>
      <c r="O17242" s="5" t="s">
        <v>38</v>
      </c>
      <c r="P17242" s="5" t="s">
        <v>39</v>
      </c>
      <c r="Q17242" s="5" t="s">
        <v>40</v>
      </c>
      <c r="R17242" s="5" t="s">
        <v>1522</v>
      </c>
      <c r="S17242" s="5" t="s">
        <v>1523</v>
      </c>
      <c r="T17242" s="5" t="s">
        <v>42</v>
      </c>
      <c r="U17242" s="2">
        <v>3.3279999999999998</v>
      </c>
      <c r="V17242" s="2">
        <v>2.7389999999999999</v>
      </c>
      <c r="W17242" s="2">
        <v>1.7999999999999999E-2</v>
      </c>
      <c r="X17242" s="2">
        <v>139.1</v>
      </c>
      <c r="Y17242" s="2">
        <v>7.6</v>
      </c>
      <c r="Z17242" s="2">
        <v>16.7</v>
      </c>
      <c r="AA17242" s="5"/>
      <c r="AB17242" s="5" t="s">
        <v>43</v>
      </c>
      <c r="AC17242" s="5" t="s">
        <v>44</v>
      </c>
      <c r="AD17242" s="2"/>
      <c r="AE17242" s="1"/>
    </row>
    <row r="17243" spans="1:31" ht="14.45">
      <c r="A17243" s="11"/>
      <c r="B17243" s="20"/>
      <c r="C17243" s="2" t="s">
        <v>52687</v>
      </c>
      <c r="D17243" s="14" t="s">
        <v>52688</v>
      </c>
      <c r="E17243" s="2" t="s">
        <v>52689</v>
      </c>
      <c r="F17243" s="2" t="s">
        <v>36277</v>
      </c>
      <c r="G17243" s="8">
        <v>311</v>
      </c>
      <c r="H17243" s="5">
        <v>6</v>
      </c>
      <c r="I17243" s="5" t="s">
        <v>1518</v>
      </c>
      <c r="J17243" s="5" t="s">
        <v>36264</v>
      </c>
      <c r="K17243" s="2" t="s">
        <v>36265</v>
      </c>
      <c r="L17243" s="5" t="s">
        <v>36264</v>
      </c>
      <c r="M17243" s="2" t="s">
        <v>36265</v>
      </c>
      <c r="N17243" s="5" t="s">
        <v>36266</v>
      </c>
      <c r="O17243" s="5" t="s">
        <v>38</v>
      </c>
      <c r="P17243" s="5" t="s">
        <v>39</v>
      </c>
      <c r="Q17243" s="5" t="s">
        <v>40</v>
      </c>
      <c r="R17243" s="5" t="s">
        <v>1522</v>
      </c>
      <c r="S17243" s="5" t="s">
        <v>1523</v>
      </c>
      <c r="T17243" s="5" t="s">
        <v>42</v>
      </c>
      <c r="U17243" s="2">
        <v>3.4239999999999999</v>
      </c>
      <c r="V17243" s="2">
        <v>2.835</v>
      </c>
      <c r="W17243" s="2">
        <v>1.7999999999999999E-2</v>
      </c>
      <c r="X17243" s="2">
        <v>139.1</v>
      </c>
      <c r="Y17243" s="2">
        <v>7.6</v>
      </c>
      <c r="Z17243" s="2">
        <v>16.7</v>
      </c>
      <c r="AA17243" s="5"/>
      <c r="AB17243" s="5" t="s">
        <v>43</v>
      </c>
      <c r="AC17243" s="5" t="s">
        <v>44</v>
      </c>
      <c r="AD17243" s="2"/>
      <c r="AE17243" s="1"/>
    </row>
    <row r="17244" spans="1:31" ht="14.45">
      <c r="A17244" s="11"/>
      <c r="B17244" s="20"/>
      <c r="C17244" s="2" t="s">
        <v>52690</v>
      </c>
      <c r="D17244" s="14" t="s">
        <v>52691</v>
      </c>
      <c r="E17244" s="2" t="s">
        <v>52692</v>
      </c>
      <c r="F17244" s="2" t="s">
        <v>36281</v>
      </c>
      <c r="G17244" s="8">
        <v>338</v>
      </c>
      <c r="H17244" s="5">
        <v>6</v>
      </c>
      <c r="I17244" s="5" t="s">
        <v>1518</v>
      </c>
      <c r="J17244" s="5" t="s">
        <v>36264</v>
      </c>
      <c r="K17244" s="2" t="s">
        <v>36265</v>
      </c>
      <c r="L17244" s="5" t="s">
        <v>36264</v>
      </c>
      <c r="M17244" s="2" t="s">
        <v>36265</v>
      </c>
      <c r="N17244" s="5" t="s">
        <v>36266</v>
      </c>
      <c r="O17244" s="5" t="s">
        <v>38</v>
      </c>
      <c r="P17244" s="5" t="s">
        <v>39</v>
      </c>
      <c r="Q17244" s="5" t="s">
        <v>40</v>
      </c>
      <c r="R17244" s="5" t="s">
        <v>1522</v>
      </c>
      <c r="S17244" s="5" t="s">
        <v>1523</v>
      </c>
      <c r="T17244" s="5" t="s">
        <v>42</v>
      </c>
      <c r="U17244" s="2">
        <v>3.3279999999999998</v>
      </c>
      <c r="V17244" s="2">
        <v>2.7389999999999999</v>
      </c>
      <c r="W17244" s="2">
        <v>1.7999999999999999E-2</v>
      </c>
      <c r="X17244" s="2">
        <v>139.1</v>
      </c>
      <c r="Y17244" s="2">
        <v>7.6</v>
      </c>
      <c r="Z17244" s="2">
        <v>16.7</v>
      </c>
      <c r="AA17244" s="5"/>
      <c r="AB17244" s="5" t="s">
        <v>43</v>
      </c>
      <c r="AC17244" s="5" t="s">
        <v>44</v>
      </c>
      <c r="AD17244" s="2"/>
      <c r="AE17244" s="1"/>
    </row>
    <row r="17245" spans="1:31" ht="14.45">
      <c r="A17245" s="11"/>
      <c r="B17245" s="20"/>
      <c r="C17245" s="2" t="s">
        <v>52693</v>
      </c>
      <c r="D17245" s="14" t="s">
        <v>52694</v>
      </c>
      <c r="E17245" s="2" t="s">
        <v>52695</v>
      </c>
      <c r="F17245" s="2" t="s">
        <v>36289</v>
      </c>
      <c r="G17245" s="8">
        <v>338</v>
      </c>
      <c r="H17245" s="5">
        <v>6</v>
      </c>
      <c r="I17245" s="5" t="s">
        <v>1518</v>
      </c>
      <c r="J17245" s="5" t="s">
        <v>36264</v>
      </c>
      <c r="K17245" s="2" t="s">
        <v>36265</v>
      </c>
      <c r="L17245" s="5" t="s">
        <v>36264</v>
      </c>
      <c r="M17245" s="2" t="s">
        <v>36265</v>
      </c>
      <c r="N17245" s="5" t="s">
        <v>36266</v>
      </c>
      <c r="O17245" s="5" t="s">
        <v>38</v>
      </c>
      <c r="P17245" s="5" t="s">
        <v>39</v>
      </c>
      <c r="Q17245" s="5" t="s">
        <v>40</v>
      </c>
      <c r="R17245" s="5" t="s">
        <v>1522</v>
      </c>
      <c r="S17245" s="5" t="s">
        <v>1523</v>
      </c>
      <c r="T17245" s="5" t="s">
        <v>42</v>
      </c>
      <c r="U17245" s="2">
        <v>3.3279999999999998</v>
      </c>
      <c r="V17245" s="2">
        <v>2.7389999999999999</v>
      </c>
      <c r="W17245" s="2">
        <v>1.7999999999999999E-2</v>
      </c>
      <c r="X17245" s="2">
        <v>139.1</v>
      </c>
      <c r="Y17245" s="2">
        <v>7.6</v>
      </c>
      <c r="Z17245" s="2">
        <v>16.7</v>
      </c>
      <c r="AA17245" s="5"/>
      <c r="AB17245" s="5" t="s">
        <v>43</v>
      </c>
      <c r="AC17245" s="5" t="s">
        <v>44</v>
      </c>
      <c r="AD17245" s="2"/>
      <c r="AE17245" s="1"/>
    </row>
    <row r="17246" spans="1:31" ht="14.45">
      <c r="A17246" s="11"/>
      <c r="B17246" s="20"/>
      <c r="C17246" s="2" t="s">
        <v>52696</v>
      </c>
      <c r="D17246" s="14" t="s">
        <v>52697</v>
      </c>
      <c r="E17246" s="2" t="s">
        <v>52698</v>
      </c>
      <c r="F17246" s="2" t="s">
        <v>36293</v>
      </c>
      <c r="G17246" s="8">
        <v>338</v>
      </c>
      <c r="H17246" s="5">
        <v>6</v>
      </c>
      <c r="I17246" s="5" t="s">
        <v>1518</v>
      </c>
      <c r="J17246" s="5" t="s">
        <v>36264</v>
      </c>
      <c r="K17246" s="2" t="s">
        <v>36265</v>
      </c>
      <c r="L17246" s="5" t="s">
        <v>36264</v>
      </c>
      <c r="M17246" s="2" t="s">
        <v>36265</v>
      </c>
      <c r="N17246" s="5" t="s">
        <v>36266</v>
      </c>
      <c r="O17246" s="5" t="s">
        <v>38</v>
      </c>
      <c r="P17246" s="5" t="s">
        <v>39</v>
      </c>
      <c r="Q17246" s="5" t="s">
        <v>40</v>
      </c>
      <c r="R17246" s="5" t="s">
        <v>1522</v>
      </c>
      <c r="S17246" s="5" t="s">
        <v>1523</v>
      </c>
      <c r="T17246" s="5" t="s">
        <v>42</v>
      </c>
      <c r="U17246" s="2">
        <v>3.4239999999999999</v>
      </c>
      <c r="V17246" s="2">
        <v>2.835</v>
      </c>
      <c r="W17246" s="2">
        <v>1.7999999999999999E-2</v>
      </c>
      <c r="X17246" s="2">
        <v>139.1</v>
      </c>
      <c r="Y17246" s="2">
        <v>7.6</v>
      </c>
      <c r="Z17246" s="2">
        <v>16.7</v>
      </c>
      <c r="AA17246" s="5"/>
      <c r="AB17246" s="5" t="s">
        <v>43</v>
      </c>
      <c r="AC17246" s="5" t="s">
        <v>44</v>
      </c>
      <c r="AD17246" s="2"/>
      <c r="AE17246" s="1"/>
    </row>
    <row r="17247" spans="1:31" ht="14.45">
      <c r="A17247" s="11"/>
      <c r="B17247" s="20"/>
      <c r="C17247" s="2" t="s">
        <v>52699</v>
      </c>
      <c r="D17247" s="14" t="s">
        <v>52700</v>
      </c>
      <c r="E17247" s="2" t="s">
        <v>52701</v>
      </c>
      <c r="F17247" s="2" t="s">
        <v>36297</v>
      </c>
      <c r="G17247" s="8">
        <v>311</v>
      </c>
      <c r="H17247" s="5">
        <v>6</v>
      </c>
      <c r="I17247" s="5" t="s">
        <v>1518</v>
      </c>
      <c r="J17247" s="5" t="s">
        <v>36264</v>
      </c>
      <c r="K17247" s="2" t="s">
        <v>36265</v>
      </c>
      <c r="L17247" s="5" t="s">
        <v>36264</v>
      </c>
      <c r="M17247" s="2" t="s">
        <v>36265</v>
      </c>
      <c r="N17247" s="5" t="s">
        <v>36266</v>
      </c>
      <c r="O17247" s="5" t="s">
        <v>38</v>
      </c>
      <c r="P17247" s="5" t="s">
        <v>39</v>
      </c>
      <c r="Q17247" s="5" t="s">
        <v>40</v>
      </c>
      <c r="R17247" s="5" t="s">
        <v>1522</v>
      </c>
      <c r="S17247" s="5" t="s">
        <v>1523</v>
      </c>
      <c r="T17247" s="5" t="s">
        <v>42</v>
      </c>
      <c r="U17247" s="2">
        <v>3.3279999999999998</v>
      </c>
      <c r="V17247" s="2">
        <v>2.7389999999999999</v>
      </c>
      <c r="W17247" s="2">
        <v>1.7999999999999999E-2</v>
      </c>
      <c r="X17247" s="2">
        <v>139.1</v>
      </c>
      <c r="Y17247" s="2">
        <v>7.6</v>
      </c>
      <c r="Z17247" s="2">
        <v>16.7</v>
      </c>
      <c r="AA17247" s="5"/>
      <c r="AB17247" s="5" t="s">
        <v>43</v>
      </c>
      <c r="AC17247" s="5" t="s">
        <v>44</v>
      </c>
      <c r="AD17247" s="2"/>
      <c r="AE17247" s="1"/>
    </row>
    <row r="17248" spans="1:31" ht="14.45">
      <c r="A17248" s="11"/>
      <c r="B17248" s="20"/>
      <c r="C17248" s="2" t="s">
        <v>52702</v>
      </c>
      <c r="D17248" s="14" t="s">
        <v>52703</v>
      </c>
      <c r="E17248" s="2" t="s">
        <v>52704</v>
      </c>
      <c r="F17248" s="2" t="s">
        <v>36301</v>
      </c>
      <c r="G17248" s="8">
        <v>311</v>
      </c>
      <c r="H17248" s="5">
        <v>6</v>
      </c>
      <c r="I17248" s="5" t="s">
        <v>1518</v>
      </c>
      <c r="J17248" s="5" t="s">
        <v>36264</v>
      </c>
      <c r="K17248" s="2" t="s">
        <v>36265</v>
      </c>
      <c r="L17248" s="5" t="s">
        <v>36264</v>
      </c>
      <c r="M17248" s="2" t="s">
        <v>36265</v>
      </c>
      <c r="N17248" s="5" t="s">
        <v>36266</v>
      </c>
      <c r="O17248" s="5" t="s">
        <v>38</v>
      </c>
      <c r="P17248" s="5" t="s">
        <v>39</v>
      </c>
      <c r="Q17248" s="5" t="s">
        <v>40</v>
      </c>
      <c r="R17248" s="5" t="s">
        <v>1522</v>
      </c>
      <c r="S17248" s="5" t="s">
        <v>1523</v>
      </c>
      <c r="T17248" s="5" t="s">
        <v>42</v>
      </c>
      <c r="U17248" s="2">
        <v>3.4239999999999999</v>
      </c>
      <c r="V17248" s="2">
        <v>2.835</v>
      </c>
      <c r="W17248" s="2">
        <v>1.7999999999999999E-2</v>
      </c>
      <c r="X17248" s="2">
        <v>139.1</v>
      </c>
      <c r="Y17248" s="2">
        <v>7.6</v>
      </c>
      <c r="Z17248" s="2">
        <v>16.7</v>
      </c>
      <c r="AA17248" s="5"/>
      <c r="AB17248" s="5" t="s">
        <v>43</v>
      </c>
      <c r="AC17248" s="5" t="s">
        <v>44</v>
      </c>
      <c r="AD17248" s="2"/>
      <c r="AE17248" s="1"/>
    </row>
    <row r="17249" spans="1:31" ht="14.45">
      <c r="A17249" s="11"/>
      <c r="B17249" s="20"/>
      <c r="C17249" s="2" t="s">
        <v>52705</v>
      </c>
      <c r="D17249" s="14" t="s">
        <v>52706</v>
      </c>
      <c r="E17249" s="2" t="s">
        <v>52707</v>
      </c>
      <c r="F17249" s="2" t="s">
        <v>36305</v>
      </c>
      <c r="G17249" s="8">
        <v>311</v>
      </c>
      <c r="H17249" s="5">
        <v>6</v>
      </c>
      <c r="I17249" s="5" t="s">
        <v>1518</v>
      </c>
      <c r="J17249" s="5" t="s">
        <v>36264</v>
      </c>
      <c r="K17249" s="2" t="s">
        <v>36265</v>
      </c>
      <c r="L17249" s="5" t="s">
        <v>36264</v>
      </c>
      <c r="M17249" s="2" t="s">
        <v>36265</v>
      </c>
      <c r="N17249" s="5" t="s">
        <v>36266</v>
      </c>
      <c r="O17249" s="5" t="s">
        <v>38</v>
      </c>
      <c r="P17249" s="5" t="s">
        <v>39</v>
      </c>
      <c r="Q17249" s="5" t="s">
        <v>40</v>
      </c>
      <c r="R17249" s="5" t="s">
        <v>1522</v>
      </c>
      <c r="S17249" s="5" t="s">
        <v>1523</v>
      </c>
      <c r="T17249" s="5" t="s">
        <v>42</v>
      </c>
      <c r="U17249" s="2">
        <v>3.3279999999999998</v>
      </c>
      <c r="V17249" s="2">
        <v>2.7389999999999999</v>
      </c>
      <c r="W17249" s="2">
        <v>1.7999999999999999E-2</v>
      </c>
      <c r="X17249" s="2">
        <v>139.1</v>
      </c>
      <c r="Y17249" s="2">
        <v>7.6</v>
      </c>
      <c r="Z17249" s="2">
        <v>16.7</v>
      </c>
      <c r="AA17249" s="5"/>
      <c r="AB17249" s="5" t="s">
        <v>43</v>
      </c>
      <c r="AC17249" s="5" t="s">
        <v>44</v>
      </c>
      <c r="AD17249" s="2"/>
      <c r="AE17249" s="1"/>
    </row>
    <row r="17250" spans="1:31" ht="14.45">
      <c r="A17250" s="11"/>
      <c r="B17250" s="20"/>
      <c r="C17250" s="2" t="s">
        <v>52708</v>
      </c>
      <c r="D17250" s="14" t="s">
        <v>52709</v>
      </c>
      <c r="E17250" s="2" t="s">
        <v>52710</v>
      </c>
      <c r="F17250" s="2" t="s">
        <v>36309</v>
      </c>
      <c r="G17250" s="8">
        <v>311</v>
      </c>
      <c r="H17250" s="5">
        <v>6</v>
      </c>
      <c r="I17250" s="5" t="s">
        <v>1518</v>
      </c>
      <c r="J17250" s="5" t="s">
        <v>36264</v>
      </c>
      <c r="K17250" s="2" t="s">
        <v>36265</v>
      </c>
      <c r="L17250" s="5" t="s">
        <v>36264</v>
      </c>
      <c r="M17250" s="2" t="s">
        <v>36265</v>
      </c>
      <c r="N17250" s="5" t="s">
        <v>36266</v>
      </c>
      <c r="O17250" s="5" t="s">
        <v>38</v>
      </c>
      <c r="P17250" s="5" t="s">
        <v>39</v>
      </c>
      <c r="Q17250" s="5" t="s">
        <v>40</v>
      </c>
      <c r="R17250" s="5" t="s">
        <v>1522</v>
      </c>
      <c r="S17250" s="5" t="s">
        <v>1523</v>
      </c>
      <c r="T17250" s="5" t="s">
        <v>42</v>
      </c>
      <c r="U17250" s="2">
        <v>3.4239999999999999</v>
      </c>
      <c r="V17250" s="2">
        <v>2.835</v>
      </c>
      <c r="W17250" s="2">
        <v>1.7999999999999999E-2</v>
      </c>
      <c r="X17250" s="2">
        <v>139.1</v>
      </c>
      <c r="Y17250" s="2">
        <v>7.6</v>
      </c>
      <c r="Z17250" s="2">
        <v>16.7</v>
      </c>
      <c r="AA17250" s="5"/>
      <c r="AB17250" s="5" t="s">
        <v>43</v>
      </c>
      <c r="AC17250" s="5" t="s">
        <v>44</v>
      </c>
      <c r="AD17250" s="2"/>
      <c r="AE17250" s="1"/>
    </row>
    <row r="17251" spans="1:31" ht="14.45">
      <c r="A17251" s="11"/>
      <c r="B17251" s="20"/>
      <c r="C17251" s="2" t="s">
        <v>52711</v>
      </c>
      <c r="D17251" s="14" t="s">
        <v>52712</v>
      </c>
      <c r="E17251" s="2" t="s">
        <v>52713</v>
      </c>
      <c r="F17251" s="2" t="s">
        <v>36313</v>
      </c>
      <c r="G17251" s="8">
        <v>338</v>
      </c>
      <c r="H17251" s="5">
        <v>6</v>
      </c>
      <c r="I17251" s="5" t="s">
        <v>1518</v>
      </c>
      <c r="J17251" s="5" t="s">
        <v>36264</v>
      </c>
      <c r="K17251" s="2" t="s">
        <v>36265</v>
      </c>
      <c r="L17251" s="5" t="s">
        <v>36264</v>
      </c>
      <c r="M17251" s="2" t="s">
        <v>36265</v>
      </c>
      <c r="N17251" s="5" t="s">
        <v>36266</v>
      </c>
      <c r="O17251" s="5" t="s">
        <v>38</v>
      </c>
      <c r="P17251" s="5" t="s">
        <v>39</v>
      </c>
      <c r="Q17251" s="5" t="s">
        <v>40</v>
      </c>
      <c r="R17251" s="5" t="s">
        <v>1522</v>
      </c>
      <c r="S17251" s="5" t="s">
        <v>1523</v>
      </c>
      <c r="T17251" s="5" t="s">
        <v>42</v>
      </c>
      <c r="U17251" s="2">
        <v>3.3279999999999998</v>
      </c>
      <c r="V17251" s="2">
        <v>2.7389999999999999</v>
      </c>
      <c r="W17251" s="2">
        <v>1.7999999999999999E-2</v>
      </c>
      <c r="X17251" s="2">
        <v>139.1</v>
      </c>
      <c r="Y17251" s="2">
        <v>7.6</v>
      </c>
      <c r="Z17251" s="2">
        <v>16.7</v>
      </c>
      <c r="AA17251" s="5"/>
      <c r="AB17251" s="5" t="s">
        <v>43</v>
      </c>
      <c r="AC17251" s="5" t="s">
        <v>44</v>
      </c>
      <c r="AD17251" s="2"/>
      <c r="AE17251" s="1"/>
    </row>
    <row r="17252" spans="1:31" ht="14.45">
      <c r="A17252" s="11"/>
      <c r="B17252" s="20"/>
      <c r="C17252" s="2" t="s">
        <v>52714</v>
      </c>
      <c r="D17252" s="14" t="s">
        <v>52715</v>
      </c>
      <c r="E17252" s="2" t="s">
        <v>52716</v>
      </c>
      <c r="F17252" s="2" t="s">
        <v>36317</v>
      </c>
      <c r="G17252" s="8">
        <v>338</v>
      </c>
      <c r="H17252" s="5">
        <v>6</v>
      </c>
      <c r="I17252" s="5" t="s">
        <v>1518</v>
      </c>
      <c r="J17252" s="5" t="s">
        <v>36264</v>
      </c>
      <c r="K17252" s="2" t="s">
        <v>36265</v>
      </c>
      <c r="L17252" s="5" t="s">
        <v>36264</v>
      </c>
      <c r="M17252" s="2" t="s">
        <v>36265</v>
      </c>
      <c r="N17252" s="5" t="s">
        <v>36266</v>
      </c>
      <c r="O17252" s="5" t="s">
        <v>38</v>
      </c>
      <c r="P17252" s="5" t="s">
        <v>39</v>
      </c>
      <c r="Q17252" s="5" t="s">
        <v>40</v>
      </c>
      <c r="R17252" s="5" t="s">
        <v>1522</v>
      </c>
      <c r="S17252" s="5" t="s">
        <v>1523</v>
      </c>
      <c r="T17252" s="5" t="s">
        <v>42</v>
      </c>
      <c r="U17252" s="2">
        <v>3.4239999999999999</v>
      </c>
      <c r="V17252" s="2">
        <v>2.835</v>
      </c>
      <c r="W17252" s="2">
        <v>1.7999999999999999E-2</v>
      </c>
      <c r="X17252" s="2">
        <v>139.1</v>
      </c>
      <c r="Y17252" s="2">
        <v>7.6</v>
      </c>
      <c r="Z17252" s="2">
        <v>16.7</v>
      </c>
      <c r="AA17252" s="5"/>
      <c r="AB17252" s="5" t="s">
        <v>43</v>
      </c>
      <c r="AC17252" s="5" t="s">
        <v>44</v>
      </c>
      <c r="AD17252" s="2"/>
      <c r="AE17252" s="1"/>
    </row>
    <row r="17253" spans="1:31" ht="14.45">
      <c r="A17253" s="11"/>
      <c r="B17253" s="20"/>
      <c r="C17253" s="2" t="s">
        <v>52717</v>
      </c>
      <c r="D17253" s="14" t="s">
        <v>52718</v>
      </c>
      <c r="E17253" s="2" t="s">
        <v>52719</v>
      </c>
      <c r="F17253" s="2" t="s">
        <v>36321</v>
      </c>
      <c r="G17253" s="8">
        <v>338</v>
      </c>
      <c r="H17253" s="5">
        <v>6</v>
      </c>
      <c r="I17253" s="5" t="s">
        <v>1518</v>
      </c>
      <c r="J17253" s="5" t="s">
        <v>36264</v>
      </c>
      <c r="K17253" s="2" t="s">
        <v>36265</v>
      </c>
      <c r="L17253" s="5" t="s">
        <v>36264</v>
      </c>
      <c r="M17253" s="2" t="s">
        <v>36265</v>
      </c>
      <c r="N17253" s="5" t="s">
        <v>36266</v>
      </c>
      <c r="O17253" s="5" t="s">
        <v>38</v>
      </c>
      <c r="P17253" s="5" t="s">
        <v>39</v>
      </c>
      <c r="Q17253" s="5" t="s">
        <v>40</v>
      </c>
      <c r="R17253" s="5" t="s">
        <v>1522</v>
      </c>
      <c r="S17253" s="5" t="s">
        <v>1523</v>
      </c>
      <c r="T17253" s="5" t="s">
        <v>42</v>
      </c>
      <c r="U17253" s="2">
        <v>3.3279999999999998</v>
      </c>
      <c r="V17253" s="2">
        <v>2.7389999999999999</v>
      </c>
      <c r="W17253" s="2">
        <v>1.7999999999999999E-2</v>
      </c>
      <c r="X17253" s="2">
        <v>139.1</v>
      </c>
      <c r="Y17253" s="2">
        <v>7.6</v>
      </c>
      <c r="Z17253" s="2">
        <v>16.7</v>
      </c>
      <c r="AA17253" s="5"/>
      <c r="AB17253" s="5" t="s">
        <v>43</v>
      </c>
      <c r="AC17253" s="5" t="s">
        <v>44</v>
      </c>
      <c r="AD17253" s="2"/>
      <c r="AE17253" s="1"/>
    </row>
    <row r="17254" spans="1:31" ht="14.45">
      <c r="A17254" s="11"/>
      <c r="B17254" s="20"/>
      <c r="C17254" s="2" t="s">
        <v>52720</v>
      </c>
      <c r="D17254" s="14" t="s">
        <v>52721</v>
      </c>
      <c r="E17254" s="2" t="s">
        <v>52722</v>
      </c>
      <c r="F17254" s="2" t="s">
        <v>36325</v>
      </c>
      <c r="G17254" s="8">
        <v>338</v>
      </c>
      <c r="H17254" s="5">
        <v>6</v>
      </c>
      <c r="I17254" s="5" t="s">
        <v>1518</v>
      </c>
      <c r="J17254" s="5" t="s">
        <v>36264</v>
      </c>
      <c r="K17254" s="2" t="s">
        <v>36265</v>
      </c>
      <c r="L17254" s="5" t="s">
        <v>36264</v>
      </c>
      <c r="M17254" s="2" t="s">
        <v>36265</v>
      </c>
      <c r="N17254" s="5" t="s">
        <v>36266</v>
      </c>
      <c r="O17254" s="5" t="s">
        <v>38</v>
      </c>
      <c r="P17254" s="5" t="s">
        <v>39</v>
      </c>
      <c r="Q17254" s="5" t="s">
        <v>40</v>
      </c>
      <c r="R17254" s="5" t="s">
        <v>1522</v>
      </c>
      <c r="S17254" s="5" t="s">
        <v>1523</v>
      </c>
      <c r="T17254" s="5" t="s">
        <v>42</v>
      </c>
      <c r="U17254" s="2">
        <v>3.4239999999999999</v>
      </c>
      <c r="V17254" s="2">
        <v>2.835</v>
      </c>
      <c r="W17254" s="2">
        <v>1.7999999999999999E-2</v>
      </c>
      <c r="X17254" s="2">
        <v>139.1</v>
      </c>
      <c r="Y17254" s="2">
        <v>7.6</v>
      </c>
      <c r="Z17254" s="2">
        <v>16.7</v>
      </c>
      <c r="AA17254" s="5"/>
      <c r="AB17254" s="5" t="s">
        <v>43</v>
      </c>
      <c r="AC17254" s="5" t="s">
        <v>44</v>
      </c>
      <c r="AD17254" s="2"/>
      <c r="AE17254" s="1"/>
    </row>
    <row r="17255" spans="1:31" ht="14.45">
      <c r="A17255" s="11"/>
      <c r="B17255" s="20"/>
      <c r="C17255" s="2" t="s">
        <v>52723</v>
      </c>
      <c r="D17255" s="14" t="s">
        <v>52724</v>
      </c>
      <c r="E17255" s="2" t="s">
        <v>52725</v>
      </c>
      <c r="F17255" s="2" t="s">
        <v>36329</v>
      </c>
      <c r="G17255" s="8">
        <v>338</v>
      </c>
      <c r="H17255" s="5">
        <v>6</v>
      </c>
      <c r="I17255" s="5" t="s">
        <v>1518</v>
      </c>
      <c r="J17255" s="5" t="s">
        <v>36264</v>
      </c>
      <c r="K17255" s="2" t="s">
        <v>36265</v>
      </c>
      <c r="L17255" s="5" t="s">
        <v>36264</v>
      </c>
      <c r="M17255" s="2" t="s">
        <v>36265</v>
      </c>
      <c r="N17255" s="5" t="s">
        <v>36266</v>
      </c>
      <c r="O17255" s="5" t="s">
        <v>38</v>
      </c>
      <c r="P17255" s="5" t="s">
        <v>39</v>
      </c>
      <c r="Q17255" s="5" t="s">
        <v>40</v>
      </c>
      <c r="R17255" s="5" t="s">
        <v>1522</v>
      </c>
      <c r="S17255" s="5" t="s">
        <v>1523</v>
      </c>
      <c r="T17255" s="5" t="s">
        <v>42</v>
      </c>
      <c r="U17255" s="2">
        <v>3.3279999999999998</v>
      </c>
      <c r="V17255" s="2">
        <v>2.7389999999999999</v>
      </c>
      <c r="W17255" s="2">
        <v>1.7999999999999999E-2</v>
      </c>
      <c r="X17255" s="2">
        <v>139.1</v>
      </c>
      <c r="Y17255" s="2">
        <v>7.6</v>
      </c>
      <c r="Z17255" s="2">
        <v>16.7</v>
      </c>
      <c r="AA17255" s="5"/>
      <c r="AB17255" s="5" t="s">
        <v>43</v>
      </c>
      <c r="AC17255" s="5" t="s">
        <v>44</v>
      </c>
      <c r="AD17255" s="2"/>
      <c r="AE17255" s="1"/>
    </row>
    <row r="17256" spans="1:31" ht="14.45">
      <c r="A17256" s="11"/>
      <c r="B17256" s="20"/>
      <c r="C17256" s="2" t="s">
        <v>52726</v>
      </c>
      <c r="D17256" s="14" t="s">
        <v>52727</v>
      </c>
      <c r="E17256" s="2" t="s">
        <v>52728</v>
      </c>
      <c r="F17256" s="2" t="s">
        <v>36333</v>
      </c>
      <c r="G17256" s="8">
        <v>338</v>
      </c>
      <c r="H17256" s="5">
        <v>6</v>
      </c>
      <c r="I17256" s="5" t="s">
        <v>1518</v>
      </c>
      <c r="J17256" s="5" t="s">
        <v>36264</v>
      </c>
      <c r="K17256" s="2" t="s">
        <v>36265</v>
      </c>
      <c r="L17256" s="5" t="s">
        <v>36264</v>
      </c>
      <c r="M17256" s="2" t="s">
        <v>36265</v>
      </c>
      <c r="N17256" s="5" t="s">
        <v>36266</v>
      </c>
      <c r="O17256" s="5" t="s">
        <v>38</v>
      </c>
      <c r="P17256" s="5" t="s">
        <v>39</v>
      </c>
      <c r="Q17256" s="5" t="s">
        <v>40</v>
      </c>
      <c r="R17256" s="5" t="s">
        <v>1522</v>
      </c>
      <c r="S17256" s="5" t="s">
        <v>1523</v>
      </c>
      <c r="T17256" s="5" t="s">
        <v>42</v>
      </c>
      <c r="U17256" s="2">
        <v>3.4239999999999999</v>
      </c>
      <c r="V17256" s="2">
        <v>2.835</v>
      </c>
      <c r="W17256" s="2">
        <v>1.7999999999999999E-2</v>
      </c>
      <c r="X17256" s="2">
        <v>139.1</v>
      </c>
      <c r="Y17256" s="2">
        <v>7.6</v>
      </c>
      <c r="Z17256" s="2">
        <v>16.7</v>
      </c>
      <c r="AA17256" s="5"/>
      <c r="AB17256" s="5" t="s">
        <v>43</v>
      </c>
      <c r="AC17256" s="5" t="s">
        <v>44</v>
      </c>
      <c r="AD17256" s="2"/>
      <c r="AE17256" s="1"/>
    </row>
    <row r="17257" spans="1:31" ht="14.45">
      <c r="A17257" s="11"/>
      <c r="B17257" s="20"/>
      <c r="C17257" s="2" t="s">
        <v>52729</v>
      </c>
      <c r="D17257" s="14" t="s">
        <v>52730</v>
      </c>
      <c r="E17257" s="2" t="s">
        <v>52731</v>
      </c>
      <c r="F17257" s="2" t="s">
        <v>36337</v>
      </c>
      <c r="G17257" s="8">
        <v>338</v>
      </c>
      <c r="H17257" s="5">
        <v>6</v>
      </c>
      <c r="I17257" s="5" t="s">
        <v>1518</v>
      </c>
      <c r="J17257" s="5" t="s">
        <v>36264</v>
      </c>
      <c r="K17257" s="2" t="s">
        <v>36265</v>
      </c>
      <c r="L17257" s="5" t="s">
        <v>36264</v>
      </c>
      <c r="M17257" s="2" t="s">
        <v>36265</v>
      </c>
      <c r="N17257" s="5" t="s">
        <v>36266</v>
      </c>
      <c r="O17257" s="5" t="s">
        <v>38</v>
      </c>
      <c r="P17257" s="5" t="s">
        <v>39</v>
      </c>
      <c r="Q17257" s="5" t="s">
        <v>40</v>
      </c>
      <c r="R17257" s="5" t="s">
        <v>1522</v>
      </c>
      <c r="S17257" s="5" t="s">
        <v>1523</v>
      </c>
      <c r="T17257" s="5" t="s">
        <v>42</v>
      </c>
      <c r="U17257" s="2">
        <v>3.3279999999999998</v>
      </c>
      <c r="V17257" s="2">
        <v>2.7389999999999999</v>
      </c>
      <c r="W17257" s="2">
        <v>1.7999999999999999E-2</v>
      </c>
      <c r="X17257" s="2">
        <v>139.1</v>
      </c>
      <c r="Y17257" s="2">
        <v>7.6</v>
      </c>
      <c r="Z17257" s="2">
        <v>16.7</v>
      </c>
      <c r="AA17257" s="5"/>
      <c r="AB17257" s="5" t="s">
        <v>43</v>
      </c>
      <c r="AC17257" s="5" t="s">
        <v>44</v>
      </c>
      <c r="AD17257" s="2"/>
      <c r="AE17257" s="1"/>
    </row>
    <row r="17258" spans="1:31" ht="14.45">
      <c r="A17258" s="11"/>
      <c r="B17258" s="20"/>
      <c r="C17258" s="2" t="s">
        <v>52732</v>
      </c>
      <c r="D17258" s="14" t="s">
        <v>52733</v>
      </c>
      <c r="E17258" s="2" t="s">
        <v>52734</v>
      </c>
      <c r="F17258" s="2" t="s">
        <v>36345</v>
      </c>
      <c r="G17258" s="8">
        <v>338</v>
      </c>
      <c r="H17258" s="5">
        <v>6</v>
      </c>
      <c r="I17258" s="5" t="s">
        <v>1518</v>
      </c>
      <c r="J17258" s="5" t="s">
        <v>36264</v>
      </c>
      <c r="K17258" s="2" t="s">
        <v>36265</v>
      </c>
      <c r="L17258" s="5" t="s">
        <v>36264</v>
      </c>
      <c r="M17258" s="2" t="s">
        <v>36265</v>
      </c>
      <c r="N17258" s="5" t="s">
        <v>36266</v>
      </c>
      <c r="O17258" s="5" t="s">
        <v>38</v>
      </c>
      <c r="P17258" s="5" t="s">
        <v>39</v>
      </c>
      <c r="Q17258" s="5" t="s">
        <v>40</v>
      </c>
      <c r="R17258" s="5" t="s">
        <v>1522</v>
      </c>
      <c r="S17258" s="5" t="s">
        <v>1523</v>
      </c>
      <c r="T17258" s="5" t="s">
        <v>42</v>
      </c>
      <c r="U17258" s="2">
        <v>3.3279999999999998</v>
      </c>
      <c r="V17258" s="2">
        <v>2.7389999999999999</v>
      </c>
      <c r="W17258" s="2">
        <v>1.7999999999999999E-2</v>
      </c>
      <c r="X17258" s="2">
        <v>139.1</v>
      </c>
      <c r="Y17258" s="2">
        <v>7.6</v>
      </c>
      <c r="Z17258" s="2">
        <v>16.7</v>
      </c>
      <c r="AA17258" s="5"/>
      <c r="AB17258" s="5" t="s">
        <v>43</v>
      </c>
      <c r="AC17258" s="5" t="s">
        <v>44</v>
      </c>
      <c r="AD17258" s="2"/>
      <c r="AE17258" s="1"/>
    </row>
    <row r="17259" spans="1:31" ht="14.45">
      <c r="A17259" s="11"/>
      <c r="B17259" s="20"/>
      <c r="C17259" s="2" t="s">
        <v>52735</v>
      </c>
      <c r="D17259" s="14" t="s">
        <v>52736</v>
      </c>
      <c r="E17259" s="2" t="s">
        <v>52737</v>
      </c>
      <c r="F17259" s="2" t="s">
        <v>36349</v>
      </c>
      <c r="G17259" s="8">
        <v>338</v>
      </c>
      <c r="H17259" s="5">
        <v>6</v>
      </c>
      <c r="I17259" s="5" t="s">
        <v>1518</v>
      </c>
      <c r="J17259" s="5" t="s">
        <v>36264</v>
      </c>
      <c r="K17259" s="2" t="s">
        <v>36265</v>
      </c>
      <c r="L17259" s="5" t="s">
        <v>36264</v>
      </c>
      <c r="M17259" s="2" t="s">
        <v>36265</v>
      </c>
      <c r="N17259" s="5" t="s">
        <v>36266</v>
      </c>
      <c r="O17259" s="5" t="s">
        <v>38</v>
      </c>
      <c r="P17259" s="5" t="s">
        <v>39</v>
      </c>
      <c r="Q17259" s="5" t="s">
        <v>40</v>
      </c>
      <c r="R17259" s="5" t="s">
        <v>1522</v>
      </c>
      <c r="S17259" s="5" t="s">
        <v>1523</v>
      </c>
      <c r="T17259" s="5" t="s">
        <v>42</v>
      </c>
      <c r="U17259" s="2">
        <v>3.4239999999999999</v>
      </c>
      <c r="V17259" s="2">
        <v>2.835</v>
      </c>
      <c r="W17259" s="2">
        <v>1.7999999999999999E-2</v>
      </c>
      <c r="X17259" s="2">
        <v>139.1</v>
      </c>
      <c r="Y17259" s="2">
        <v>7.6</v>
      </c>
      <c r="Z17259" s="2">
        <v>16.7</v>
      </c>
      <c r="AA17259" s="5"/>
      <c r="AB17259" s="5" t="s">
        <v>43</v>
      </c>
      <c r="AC17259" s="5" t="s">
        <v>44</v>
      </c>
      <c r="AD17259" s="2"/>
      <c r="AE17259" s="1"/>
    </row>
    <row r="17260" spans="1:31" ht="14.45">
      <c r="A17260" s="11"/>
      <c r="B17260" s="20"/>
      <c r="C17260" s="2" t="s">
        <v>52738</v>
      </c>
      <c r="D17260" s="14" t="s">
        <v>52739</v>
      </c>
      <c r="E17260" s="2" t="s">
        <v>52740</v>
      </c>
      <c r="F17260" s="2" t="s">
        <v>36353</v>
      </c>
      <c r="G17260" s="8">
        <v>338</v>
      </c>
      <c r="H17260" s="5">
        <v>6</v>
      </c>
      <c r="I17260" s="5" t="s">
        <v>1518</v>
      </c>
      <c r="J17260" s="5" t="s">
        <v>36264</v>
      </c>
      <c r="K17260" s="2" t="s">
        <v>36265</v>
      </c>
      <c r="L17260" s="5" t="s">
        <v>36264</v>
      </c>
      <c r="M17260" s="2" t="s">
        <v>36265</v>
      </c>
      <c r="N17260" s="5" t="s">
        <v>36266</v>
      </c>
      <c r="O17260" s="5" t="s">
        <v>38</v>
      </c>
      <c r="P17260" s="5" t="s">
        <v>39</v>
      </c>
      <c r="Q17260" s="5" t="s">
        <v>40</v>
      </c>
      <c r="R17260" s="5" t="s">
        <v>1522</v>
      </c>
      <c r="S17260" s="5" t="s">
        <v>1523</v>
      </c>
      <c r="T17260" s="5" t="s">
        <v>42</v>
      </c>
      <c r="U17260" s="2">
        <v>3.3279999999999998</v>
      </c>
      <c r="V17260" s="2">
        <v>2.7389999999999999</v>
      </c>
      <c r="W17260" s="2">
        <v>1.7999999999999999E-2</v>
      </c>
      <c r="X17260" s="2">
        <v>139.1</v>
      </c>
      <c r="Y17260" s="2">
        <v>7.6</v>
      </c>
      <c r="Z17260" s="2">
        <v>16.7</v>
      </c>
      <c r="AA17260" s="5"/>
      <c r="AB17260" s="5" t="s">
        <v>43</v>
      </c>
      <c r="AC17260" s="5" t="s">
        <v>44</v>
      </c>
      <c r="AD17260" s="2"/>
      <c r="AE17260" s="1"/>
    </row>
    <row r="17261" spans="1:31" ht="14.45">
      <c r="A17261" s="11"/>
      <c r="B17261" s="20"/>
      <c r="C17261" s="2" t="s">
        <v>52741</v>
      </c>
      <c r="D17261" s="14" t="s">
        <v>52742</v>
      </c>
      <c r="E17261" s="2" t="s">
        <v>52743</v>
      </c>
      <c r="F17261" s="2" t="s">
        <v>36357</v>
      </c>
      <c r="G17261" s="8">
        <v>338</v>
      </c>
      <c r="H17261" s="5">
        <v>6</v>
      </c>
      <c r="I17261" s="5" t="s">
        <v>1518</v>
      </c>
      <c r="J17261" s="5" t="s">
        <v>36264</v>
      </c>
      <c r="K17261" s="2" t="s">
        <v>36265</v>
      </c>
      <c r="L17261" s="5" t="s">
        <v>36264</v>
      </c>
      <c r="M17261" s="2" t="s">
        <v>36265</v>
      </c>
      <c r="N17261" s="5" t="s">
        <v>36266</v>
      </c>
      <c r="O17261" s="5" t="s">
        <v>38</v>
      </c>
      <c r="P17261" s="5" t="s">
        <v>39</v>
      </c>
      <c r="Q17261" s="5" t="s">
        <v>40</v>
      </c>
      <c r="R17261" s="5" t="s">
        <v>1522</v>
      </c>
      <c r="S17261" s="5" t="s">
        <v>1523</v>
      </c>
      <c r="T17261" s="5" t="s">
        <v>42</v>
      </c>
      <c r="U17261" s="2">
        <v>3.4239999999999999</v>
      </c>
      <c r="V17261" s="2">
        <v>2.835</v>
      </c>
      <c r="W17261" s="2">
        <v>1.7999999999999999E-2</v>
      </c>
      <c r="X17261" s="2">
        <v>139.1</v>
      </c>
      <c r="Y17261" s="2">
        <v>7.6</v>
      </c>
      <c r="Z17261" s="2">
        <v>16.7</v>
      </c>
      <c r="AA17261" s="5"/>
      <c r="AB17261" s="5" t="s">
        <v>43</v>
      </c>
      <c r="AC17261" s="5" t="s">
        <v>44</v>
      </c>
      <c r="AD17261" s="2"/>
      <c r="AE17261" s="1"/>
    </row>
    <row r="17262" spans="1:31" ht="14.45">
      <c r="A17262" s="11"/>
      <c r="B17262" s="20"/>
      <c r="C17262" s="2" t="s">
        <v>52744</v>
      </c>
      <c r="D17262" s="14" t="s">
        <v>52745</v>
      </c>
      <c r="E17262" s="2" t="s">
        <v>52746</v>
      </c>
      <c r="F17262" s="2" t="s">
        <v>45598</v>
      </c>
      <c r="G17262" s="8">
        <v>338</v>
      </c>
      <c r="H17262" s="5">
        <v>6</v>
      </c>
      <c r="I17262" s="5" t="s">
        <v>1518</v>
      </c>
      <c r="J17262" s="5" t="s">
        <v>36264</v>
      </c>
      <c r="K17262" s="2" t="s">
        <v>36265</v>
      </c>
      <c r="L17262" s="5" t="s">
        <v>36264</v>
      </c>
      <c r="M17262" s="2" t="s">
        <v>36265</v>
      </c>
      <c r="N17262" s="5" t="s">
        <v>36266</v>
      </c>
      <c r="O17262" s="5" t="s">
        <v>38</v>
      </c>
      <c r="P17262" s="5" t="s">
        <v>39</v>
      </c>
      <c r="Q17262" s="5" t="s">
        <v>40</v>
      </c>
      <c r="R17262" s="5" t="s">
        <v>1522</v>
      </c>
      <c r="S17262" s="5" t="s">
        <v>1523</v>
      </c>
      <c r="T17262" s="5" t="s">
        <v>42</v>
      </c>
      <c r="U17262" s="2">
        <v>3.3279999999999998</v>
      </c>
      <c r="V17262" s="2">
        <v>2.7389999999999999</v>
      </c>
      <c r="W17262" s="2">
        <v>1.7999999999999999E-2</v>
      </c>
      <c r="X17262" s="2">
        <v>139.1</v>
      </c>
      <c r="Y17262" s="2">
        <v>7.6</v>
      </c>
      <c r="Z17262" s="2">
        <v>16.7</v>
      </c>
      <c r="AA17262" s="5"/>
      <c r="AB17262" s="5" t="s">
        <v>43</v>
      </c>
      <c r="AC17262" s="5" t="s">
        <v>44</v>
      </c>
      <c r="AD17262" s="2"/>
      <c r="AE17262" s="1"/>
    </row>
    <row r="17263" spans="1:31" ht="14.45">
      <c r="A17263" s="11"/>
      <c r="B17263" s="20"/>
      <c r="C17263" s="2" t="s">
        <v>52747</v>
      </c>
      <c r="D17263" s="14" t="s">
        <v>52748</v>
      </c>
      <c r="E17263" s="2" t="s">
        <v>52749</v>
      </c>
      <c r="F17263" s="2" t="s">
        <v>45534</v>
      </c>
      <c r="G17263" s="8">
        <v>338</v>
      </c>
      <c r="H17263" s="5">
        <v>6</v>
      </c>
      <c r="I17263" s="5" t="s">
        <v>1518</v>
      </c>
      <c r="J17263" s="5" t="s">
        <v>36264</v>
      </c>
      <c r="K17263" s="2" t="s">
        <v>36265</v>
      </c>
      <c r="L17263" s="5" t="s">
        <v>36264</v>
      </c>
      <c r="M17263" s="2" t="s">
        <v>36265</v>
      </c>
      <c r="N17263" s="5" t="s">
        <v>36266</v>
      </c>
      <c r="O17263" s="5" t="s">
        <v>38</v>
      </c>
      <c r="P17263" s="5" t="s">
        <v>39</v>
      </c>
      <c r="Q17263" s="5" t="s">
        <v>40</v>
      </c>
      <c r="R17263" s="5" t="s">
        <v>1522</v>
      </c>
      <c r="S17263" s="5" t="s">
        <v>1523</v>
      </c>
      <c r="T17263" s="5" t="s">
        <v>42</v>
      </c>
      <c r="U17263" s="2">
        <v>3.4239999999999999</v>
      </c>
      <c r="V17263" s="2">
        <v>2.835</v>
      </c>
      <c r="W17263" s="2">
        <v>1.7999999999999999E-2</v>
      </c>
      <c r="X17263" s="2">
        <v>139.1</v>
      </c>
      <c r="Y17263" s="2">
        <v>7.6</v>
      </c>
      <c r="Z17263" s="2">
        <v>16.7</v>
      </c>
      <c r="AA17263" s="5"/>
      <c r="AB17263" s="5" t="s">
        <v>43</v>
      </c>
      <c r="AC17263" s="5" t="s">
        <v>44</v>
      </c>
      <c r="AD17263" s="2"/>
      <c r="AE17263" s="1"/>
    </row>
    <row r="17264" spans="1:31" ht="14.45">
      <c r="A17264" s="11"/>
      <c r="B17264" s="20"/>
      <c r="C17264" s="2" t="s">
        <v>52750</v>
      </c>
      <c r="D17264" s="14" t="s">
        <v>52751</v>
      </c>
      <c r="E17264" s="2" t="s">
        <v>52752</v>
      </c>
      <c r="F17264" s="2" t="s">
        <v>36369</v>
      </c>
      <c r="G17264" s="8">
        <v>338</v>
      </c>
      <c r="H17264" s="5">
        <v>6</v>
      </c>
      <c r="I17264" s="5" t="s">
        <v>1518</v>
      </c>
      <c r="J17264" s="5" t="s">
        <v>36264</v>
      </c>
      <c r="K17264" s="2" t="s">
        <v>36265</v>
      </c>
      <c r="L17264" s="5" t="s">
        <v>36264</v>
      </c>
      <c r="M17264" s="2" t="s">
        <v>36265</v>
      </c>
      <c r="N17264" s="5" t="s">
        <v>36266</v>
      </c>
      <c r="O17264" s="5" t="s">
        <v>38</v>
      </c>
      <c r="P17264" s="5" t="s">
        <v>39</v>
      </c>
      <c r="Q17264" s="5" t="s">
        <v>40</v>
      </c>
      <c r="R17264" s="5" t="s">
        <v>1522</v>
      </c>
      <c r="S17264" s="5" t="s">
        <v>1523</v>
      </c>
      <c r="T17264" s="5" t="s">
        <v>42</v>
      </c>
      <c r="U17264" s="2">
        <v>3.3279999999999998</v>
      </c>
      <c r="V17264" s="2">
        <v>2.7389999999999999</v>
      </c>
      <c r="W17264" s="2">
        <v>1.7999999999999999E-2</v>
      </c>
      <c r="X17264" s="2">
        <v>139.1</v>
      </c>
      <c r="Y17264" s="2">
        <v>7.6</v>
      </c>
      <c r="Z17264" s="2">
        <v>16.7</v>
      </c>
      <c r="AA17264" s="5"/>
      <c r="AB17264" s="5" t="s">
        <v>43</v>
      </c>
      <c r="AC17264" s="5" t="s">
        <v>44</v>
      </c>
      <c r="AD17264" s="2"/>
      <c r="AE17264" s="1"/>
    </row>
    <row r="17265" spans="1:31" ht="14.45">
      <c r="A17265" s="11"/>
      <c r="B17265" s="20"/>
      <c r="C17265" s="2" t="s">
        <v>52753</v>
      </c>
      <c r="D17265" s="14" t="s">
        <v>52754</v>
      </c>
      <c r="E17265" s="2" t="s">
        <v>52755</v>
      </c>
      <c r="F17265" s="2" t="s">
        <v>36373</v>
      </c>
      <c r="G17265" s="8">
        <v>338</v>
      </c>
      <c r="H17265" s="5">
        <v>6</v>
      </c>
      <c r="I17265" s="5" t="s">
        <v>1518</v>
      </c>
      <c r="J17265" s="5" t="s">
        <v>36264</v>
      </c>
      <c r="K17265" s="2" t="s">
        <v>36265</v>
      </c>
      <c r="L17265" s="5" t="s">
        <v>36264</v>
      </c>
      <c r="M17265" s="2" t="s">
        <v>36265</v>
      </c>
      <c r="N17265" s="5" t="s">
        <v>36266</v>
      </c>
      <c r="O17265" s="5" t="s">
        <v>38</v>
      </c>
      <c r="P17265" s="5" t="s">
        <v>39</v>
      </c>
      <c r="Q17265" s="5" t="s">
        <v>40</v>
      </c>
      <c r="R17265" s="5" t="s">
        <v>1522</v>
      </c>
      <c r="S17265" s="5" t="s">
        <v>1523</v>
      </c>
      <c r="T17265" s="5" t="s">
        <v>42</v>
      </c>
      <c r="U17265" s="2">
        <v>3.4239999999999999</v>
      </c>
      <c r="V17265" s="2">
        <v>2.835</v>
      </c>
      <c r="W17265" s="2">
        <v>1.7999999999999999E-2</v>
      </c>
      <c r="X17265" s="2">
        <v>139.1</v>
      </c>
      <c r="Y17265" s="2">
        <v>7.6</v>
      </c>
      <c r="Z17265" s="2">
        <v>16.7</v>
      </c>
      <c r="AA17265" s="5"/>
      <c r="AB17265" s="5" t="s">
        <v>43</v>
      </c>
      <c r="AC17265" s="5" t="s">
        <v>44</v>
      </c>
      <c r="AD17265" s="2"/>
      <c r="AE17265" s="1"/>
    </row>
    <row r="17266" spans="1:31" ht="14.45">
      <c r="A17266" s="11"/>
      <c r="B17266" s="20"/>
      <c r="C17266" s="2" t="s">
        <v>52756</v>
      </c>
      <c r="D17266" s="14" t="s">
        <v>52757</v>
      </c>
      <c r="E17266" s="2" t="s">
        <v>52758</v>
      </c>
      <c r="F17266" s="2" t="s">
        <v>36377</v>
      </c>
      <c r="G17266" s="8">
        <v>338</v>
      </c>
      <c r="H17266" s="5">
        <v>6</v>
      </c>
      <c r="I17266" s="5" t="s">
        <v>1518</v>
      </c>
      <c r="J17266" s="5" t="s">
        <v>36264</v>
      </c>
      <c r="K17266" s="2" t="s">
        <v>36265</v>
      </c>
      <c r="L17266" s="5" t="s">
        <v>36264</v>
      </c>
      <c r="M17266" s="2" t="s">
        <v>36265</v>
      </c>
      <c r="N17266" s="5" t="s">
        <v>36266</v>
      </c>
      <c r="O17266" s="5" t="s">
        <v>38</v>
      </c>
      <c r="P17266" s="5" t="s">
        <v>39</v>
      </c>
      <c r="Q17266" s="5" t="s">
        <v>40</v>
      </c>
      <c r="R17266" s="5" t="s">
        <v>1522</v>
      </c>
      <c r="S17266" s="5" t="s">
        <v>1523</v>
      </c>
      <c r="T17266" s="5" t="s">
        <v>42</v>
      </c>
      <c r="U17266" s="2">
        <v>3.3279999999999998</v>
      </c>
      <c r="V17266" s="2">
        <v>2.7389999999999999</v>
      </c>
      <c r="W17266" s="2">
        <v>1.7999999999999999E-2</v>
      </c>
      <c r="X17266" s="2">
        <v>139.1</v>
      </c>
      <c r="Y17266" s="2">
        <v>7.6</v>
      </c>
      <c r="Z17266" s="2">
        <v>16.7</v>
      </c>
      <c r="AA17266" s="5"/>
      <c r="AB17266" s="5" t="s">
        <v>43</v>
      </c>
      <c r="AC17266" s="5" t="s">
        <v>44</v>
      </c>
      <c r="AD17266" s="2"/>
      <c r="AE17266" s="1"/>
    </row>
    <row r="17267" spans="1:31" ht="14.45">
      <c r="A17267" s="11"/>
      <c r="B17267" s="20"/>
      <c r="C17267" s="2" t="s">
        <v>52759</v>
      </c>
      <c r="D17267" s="14" t="s">
        <v>52760</v>
      </c>
      <c r="E17267" s="2" t="s">
        <v>52761</v>
      </c>
      <c r="F17267" s="2" t="s">
        <v>36381</v>
      </c>
      <c r="G17267" s="8">
        <v>338</v>
      </c>
      <c r="H17267" s="5">
        <v>6</v>
      </c>
      <c r="I17267" s="5" t="s">
        <v>1518</v>
      </c>
      <c r="J17267" s="5" t="s">
        <v>36264</v>
      </c>
      <c r="K17267" s="2" t="s">
        <v>36265</v>
      </c>
      <c r="L17267" s="5" t="s">
        <v>36264</v>
      </c>
      <c r="M17267" s="2" t="s">
        <v>36265</v>
      </c>
      <c r="N17267" s="5" t="s">
        <v>36266</v>
      </c>
      <c r="O17267" s="5" t="s">
        <v>38</v>
      </c>
      <c r="P17267" s="5" t="s">
        <v>39</v>
      </c>
      <c r="Q17267" s="5" t="s">
        <v>40</v>
      </c>
      <c r="R17267" s="5" t="s">
        <v>1522</v>
      </c>
      <c r="S17267" s="5" t="s">
        <v>1523</v>
      </c>
      <c r="T17267" s="5" t="s">
        <v>42</v>
      </c>
      <c r="U17267" s="2">
        <v>3.4239999999999999</v>
      </c>
      <c r="V17267" s="2">
        <v>2.835</v>
      </c>
      <c r="W17267" s="2">
        <v>1.7999999999999999E-2</v>
      </c>
      <c r="X17267" s="2">
        <v>139.1</v>
      </c>
      <c r="Y17267" s="2">
        <v>7.6</v>
      </c>
      <c r="Z17267" s="2">
        <v>16.7</v>
      </c>
      <c r="AA17267" s="5"/>
      <c r="AB17267" s="5" t="s">
        <v>43</v>
      </c>
      <c r="AC17267" s="5" t="s">
        <v>44</v>
      </c>
      <c r="AD17267" s="2"/>
      <c r="AE17267" s="1"/>
    </row>
    <row r="17268" spans="1:31" ht="14.45">
      <c r="A17268" s="11"/>
      <c r="B17268" s="20"/>
      <c r="C17268" s="2" t="s">
        <v>52762</v>
      </c>
      <c r="D17268" s="14" t="s">
        <v>52763</v>
      </c>
      <c r="E17268" s="2" t="s">
        <v>52764</v>
      </c>
      <c r="F17268" s="2" t="s">
        <v>36385</v>
      </c>
      <c r="G17268" s="8">
        <v>338</v>
      </c>
      <c r="H17268" s="5">
        <v>6</v>
      </c>
      <c r="I17268" s="5" t="s">
        <v>1518</v>
      </c>
      <c r="J17268" s="5" t="s">
        <v>36264</v>
      </c>
      <c r="K17268" s="2" t="s">
        <v>36265</v>
      </c>
      <c r="L17268" s="5" t="s">
        <v>36264</v>
      </c>
      <c r="M17268" s="2" t="s">
        <v>36265</v>
      </c>
      <c r="N17268" s="5" t="s">
        <v>36266</v>
      </c>
      <c r="O17268" s="5" t="s">
        <v>38</v>
      </c>
      <c r="P17268" s="5" t="s">
        <v>39</v>
      </c>
      <c r="Q17268" s="5" t="s">
        <v>40</v>
      </c>
      <c r="R17268" s="5" t="s">
        <v>1522</v>
      </c>
      <c r="S17268" s="5" t="s">
        <v>1523</v>
      </c>
      <c r="T17268" s="5" t="s">
        <v>42</v>
      </c>
      <c r="U17268" s="2">
        <v>3.3279999999999998</v>
      </c>
      <c r="V17268" s="2">
        <v>2.7389999999999999</v>
      </c>
      <c r="W17268" s="2">
        <v>1.7999999999999999E-2</v>
      </c>
      <c r="X17268" s="2">
        <v>139.1</v>
      </c>
      <c r="Y17268" s="2">
        <v>7.6</v>
      </c>
      <c r="Z17268" s="2">
        <v>16.7</v>
      </c>
      <c r="AA17268" s="5"/>
      <c r="AB17268" s="5" t="s">
        <v>43</v>
      </c>
      <c r="AC17268" s="5" t="s">
        <v>44</v>
      </c>
      <c r="AD17268" s="2"/>
      <c r="AE17268" s="1"/>
    </row>
    <row r="17269" spans="1:31" ht="14.45">
      <c r="A17269" s="11"/>
      <c r="B17269" s="20"/>
      <c r="C17269" s="2" t="s">
        <v>52765</v>
      </c>
      <c r="D17269" s="14" t="s">
        <v>52766</v>
      </c>
      <c r="E17269" s="2" t="s">
        <v>52767</v>
      </c>
      <c r="F17269" s="2" t="s">
        <v>36389</v>
      </c>
      <c r="G17269" s="8">
        <v>338</v>
      </c>
      <c r="H17269" s="5">
        <v>6</v>
      </c>
      <c r="I17269" s="5" t="s">
        <v>1518</v>
      </c>
      <c r="J17269" s="5" t="s">
        <v>36264</v>
      </c>
      <c r="K17269" s="2" t="s">
        <v>36265</v>
      </c>
      <c r="L17269" s="5" t="s">
        <v>36264</v>
      </c>
      <c r="M17269" s="2" t="s">
        <v>36265</v>
      </c>
      <c r="N17269" s="5" t="s">
        <v>36266</v>
      </c>
      <c r="O17269" s="5" t="s">
        <v>38</v>
      </c>
      <c r="P17269" s="5" t="s">
        <v>39</v>
      </c>
      <c r="Q17269" s="5" t="s">
        <v>40</v>
      </c>
      <c r="R17269" s="5" t="s">
        <v>1522</v>
      </c>
      <c r="S17269" s="5" t="s">
        <v>1523</v>
      </c>
      <c r="T17269" s="5" t="s">
        <v>42</v>
      </c>
      <c r="U17269" s="2">
        <v>3.4239999999999999</v>
      </c>
      <c r="V17269" s="2">
        <v>2.835</v>
      </c>
      <c r="W17269" s="2">
        <v>1.7999999999999999E-2</v>
      </c>
      <c r="X17269" s="2">
        <v>139.1</v>
      </c>
      <c r="Y17269" s="2">
        <v>7.6</v>
      </c>
      <c r="Z17269" s="2">
        <v>16.7</v>
      </c>
      <c r="AA17269" s="5"/>
      <c r="AB17269" s="5" t="s">
        <v>43</v>
      </c>
      <c r="AC17269" s="5" t="s">
        <v>44</v>
      </c>
      <c r="AD17269" s="2"/>
      <c r="AE17269" s="1"/>
    </row>
    <row r="17270" spans="1:31" ht="14.45">
      <c r="A17270" s="11"/>
      <c r="B17270" s="20"/>
      <c r="C17270" s="2" t="s">
        <v>52768</v>
      </c>
      <c r="D17270" s="14" t="s">
        <v>52769</v>
      </c>
      <c r="E17270" s="2" t="s">
        <v>52770</v>
      </c>
      <c r="F17270" s="2" t="s">
        <v>7204</v>
      </c>
      <c r="G17270" s="8">
        <v>322</v>
      </c>
      <c r="H17270" s="5">
        <v>6</v>
      </c>
      <c r="I17270" s="5" t="s">
        <v>1518</v>
      </c>
      <c r="J17270" s="5" t="s">
        <v>36264</v>
      </c>
      <c r="K17270" s="2" t="s">
        <v>36265</v>
      </c>
      <c r="L17270" s="5" t="s">
        <v>36264</v>
      </c>
      <c r="M17270" s="2" t="s">
        <v>36265</v>
      </c>
      <c r="N17270" s="5" t="s">
        <v>36266</v>
      </c>
      <c r="O17270" s="5" t="s">
        <v>38</v>
      </c>
      <c r="P17270" s="5" t="s">
        <v>39</v>
      </c>
      <c r="Q17270" s="5" t="s">
        <v>40</v>
      </c>
      <c r="R17270" s="5" t="s">
        <v>1522</v>
      </c>
      <c r="S17270" s="5" t="s">
        <v>1523</v>
      </c>
      <c r="T17270" s="5" t="s">
        <v>42</v>
      </c>
      <c r="U17270" s="2">
        <v>3.5059999999999998</v>
      </c>
      <c r="V17270" s="2">
        <v>2.9279999999999999</v>
      </c>
      <c r="W17270" s="2">
        <v>1.7999999999999999E-2</v>
      </c>
      <c r="X17270" s="2">
        <v>139.1</v>
      </c>
      <c r="Y17270" s="2">
        <v>7.6</v>
      </c>
      <c r="Z17270" s="2">
        <v>16.7</v>
      </c>
      <c r="AA17270" s="5"/>
      <c r="AB17270" s="5" t="s">
        <v>43</v>
      </c>
      <c r="AC17270" s="5" t="s">
        <v>44</v>
      </c>
      <c r="AD17270" s="2"/>
      <c r="AE17270" s="1"/>
    </row>
    <row r="17271" spans="1:31" ht="14.45">
      <c r="A17271" s="11"/>
      <c r="B17271" s="20"/>
      <c r="C17271" s="2" t="s">
        <v>52771</v>
      </c>
      <c r="D17271" s="14" t="s">
        <v>52772</v>
      </c>
      <c r="E17271" s="2" t="s">
        <v>52773</v>
      </c>
      <c r="F17271" s="2" t="s">
        <v>7514</v>
      </c>
      <c r="G17271" s="8">
        <v>322</v>
      </c>
      <c r="H17271" s="5">
        <v>6</v>
      </c>
      <c r="I17271" s="5" t="s">
        <v>1518</v>
      </c>
      <c r="J17271" s="5" t="s">
        <v>36264</v>
      </c>
      <c r="K17271" s="2" t="s">
        <v>36265</v>
      </c>
      <c r="L17271" s="5" t="s">
        <v>36264</v>
      </c>
      <c r="M17271" s="2" t="s">
        <v>36265</v>
      </c>
      <c r="N17271" s="5" t="s">
        <v>36266</v>
      </c>
      <c r="O17271" s="5" t="s">
        <v>38</v>
      </c>
      <c r="P17271" s="5" t="s">
        <v>39</v>
      </c>
      <c r="Q17271" s="5" t="s">
        <v>40</v>
      </c>
      <c r="R17271" s="5" t="s">
        <v>1522</v>
      </c>
      <c r="S17271" s="5" t="s">
        <v>1523</v>
      </c>
      <c r="T17271" s="5" t="s">
        <v>42</v>
      </c>
      <c r="U17271" s="2">
        <v>3.6160000000000001</v>
      </c>
      <c r="V17271" s="2">
        <v>3.0379999999999998</v>
      </c>
      <c r="W17271" s="2">
        <v>1.7999999999999999E-2</v>
      </c>
      <c r="X17271" s="2">
        <v>139.1</v>
      </c>
      <c r="Y17271" s="2">
        <v>7.6</v>
      </c>
      <c r="Z17271" s="2">
        <v>16.7</v>
      </c>
      <c r="AA17271" s="5"/>
      <c r="AB17271" s="5" t="s">
        <v>43</v>
      </c>
      <c r="AC17271" s="5" t="s">
        <v>44</v>
      </c>
      <c r="AD17271" s="2"/>
      <c r="AE17271" s="1"/>
    </row>
    <row r="17272" spans="1:31" ht="14.45">
      <c r="A17272" s="11"/>
      <c r="B17272" s="20"/>
      <c r="C17272" s="2" t="s">
        <v>52774</v>
      </c>
      <c r="D17272" s="14" t="s">
        <v>52775</v>
      </c>
      <c r="E17272" s="2" t="s">
        <v>52776</v>
      </c>
      <c r="F17272" s="2" t="s">
        <v>36273</v>
      </c>
      <c r="G17272" s="8">
        <v>322</v>
      </c>
      <c r="H17272" s="5">
        <v>6</v>
      </c>
      <c r="I17272" s="5" t="s">
        <v>1518</v>
      </c>
      <c r="J17272" s="5" t="s">
        <v>36264</v>
      </c>
      <c r="K17272" s="2" t="s">
        <v>36265</v>
      </c>
      <c r="L17272" s="5" t="s">
        <v>36264</v>
      </c>
      <c r="M17272" s="2" t="s">
        <v>36265</v>
      </c>
      <c r="N17272" s="5" t="s">
        <v>36266</v>
      </c>
      <c r="O17272" s="5" t="s">
        <v>38</v>
      </c>
      <c r="P17272" s="5" t="s">
        <v>39</v>
      </c>
      <c r="Q17272" s="5" t="s">
        <v>40</v>
      </c>
      <c r="R17272" s="5" t="s">
        <v>1522</v>
      </c>
      <c r="S17272" s="5" t="s">
        <v>1523</v>
      </c>
      <c r="T17272" s="5" t="s">
        <v>42</v>
      </c>
      <c r="U17272" s="2">
        <v>3.5059999999999998</v>
      </c>
      <c r="V17272" s="2">
        <v>2.9279999999999999</v>
      </c>
      <c r="W17272" s="2">
        <v>1.7999999999999999E-2</v>
      </c>
      <c r="X17272" s="2">
        <v>139.1</v>
      </c>
      <c r="Y17272" s="2">
        <v>7.6</v>
      </c>
      <c r="Z17272" s="2">
        <v>16.7</v>
      </c>
      <c r="AA17272" s="5"/>
      <c r="AB17272" s="5" t="s">
        <v>43</v>
      </c>
      <c r="AC17272" s="5" t="s">
        <v>44</v>
      </c>
      <c r="AD17272" s="2"/>
      <c r="AE17272" s="1"/>
    </row>
    <row r="17273" spans="1:31" ht="14.45">
      <c r="A17273" s="11"/>
      <c r="B17273" s="20"/>
      <c r="C17273" s="2" t="s">
        <v>52777</v>
      </c>
      <c r="D17273" s="14" t="s">
        <v>52778</v>
      </c>
      <c r="E17273" s="2" t="s">
        <v>52779</v>
      </c>
      <c r="F17273" s="2" t="s">
        <v>36277</v>
      </c>
      <c r="G17273" s="8">
        <v>322</v>
      </c>
      <c r="H17273" s="5">
        <v>6</v>
      </c>
      <c r="I17273" s="5" t="s">
        <v>1518</v>
      </c>
      <c r="J17273" s="5" t="s">
        <v>36264</v>
      </c>
      <c r="K17273" s="2" t="s">
        <v>36265</v>
      </c>
      <c r="L17273" s="5" t="s">
        <v>36264</v>
      </c>
      <c r="M17273" s="2" t="s">
        <v>36265</v>
      </c>
      <c r="N17273" s="5" t="s">
        <v>36266</v>
      </c>
      <c r="O17273" s="5" t="s">
        <v>38</v>
      </c>
      <c r="P17273" s="5" t="s">
        <v>39</v>
      </c>
      <c r="Q17273" s="5" t="s">
        <v>40</v>
      </c>
      <c r="R17273" s="5" t="s">
        <v>1522</v>
      </c>
      <c r="S17273" s="5" t="s">
        <v>1523</v>
      </c>
      <c r="T17273" s="5" t="s">
        <v>42</v>
      </c>
      <c r="U17273" s="2">
        <v>3.6160000000000001</v>
      </c>
      <c r="V17273" s="2">
        <v>3.0379999999999998</v>
      </c>
      <c r="W17273" s="2">
        <v>1.7999999999999999E-2</v>
      </c>
      <c r="X17273" s="2">
        <v>139.1</v>
      </c>
      <c r="Y17273" s="2">
        <v>7.6</v>
      </c>
      <c r="Z17273" s="2">
        <v>16.7</v>
      </c>
      <c r="AA17273" s="5"/>
      <c r="AB17273" s="5" t="s">
        <v>43</v>
      </c>
      <c r="AC17273" s="5" t="s">
        <v>44</v>
      </c>
      <c r="AD17273" s="2"/>
      <c r="AE17273" s="1"/>
    </row>
    <row r="17274" spans="1:31" ht="14.45">
      <c r="A17274" s="11"/>
      <c r="B17274" s="20"/>
      <c r="C17274" s="2" t="s">
        <v>52780</v>
      </c>
      <c r="D17274" s="14" t="s">
        <v>52781</v>
      </c>
      <c r="E17274" s="2" t="s">
        <v>52782</v>
      </c>
      <c r="F17274" s="2" t="s">
        <v>36285</v>
      </c>
      <c r="G17274" s="8">
        <v>350</v>
      </c>
      <c r="H17274" s="5">
        <v>6</v>
      </c>
      <c r="I17274" s="5" t="s">
        <v>1518</v>
      </c>
      <c r="J17274" s="5" t="s">
        <v>36264</v>
      </c>
      <c r="K17274" s="2" t="s">
        <v>36265</v>
      </c>
      <c r="L17274" s="5" t="s">
        <v>36264</v>
      </c>
      <c r="M17274" s="2" t="s">
        <v>36265</v>
      </c>
      <c r="N17274" s="5" t="s">
        <v>36266</v>
      </c>
      <c r="O17274" s="5" t="s">
        <v>38</v>
      </c>
      <c r="P17274" s="5" t="s">
        <v>39</v>
      </c>
      <c r="Q17274" s="5" t="s">
        <v>40</v>
      </c>
      <c r="R17274" s="5" t="s">
        <v>1522</v>
      </c>
      <c r="S17274" s="5" t="s">
        <v>1523</v>
      </c>
      <c r="T17274" s="5" t="s">
        <v>42</v>
      </c>
      <c r="U17274" s="2">
        <v>3.6160000000000001</v>
      </c>
      <c r="V17274" s="2">
        <v>3.0379999999999998</v>
      </c>
      <c r="W17274" s="2">
        <v>1.7999999999999999E-2</v>
      </c>
      <c r="X17274" s="2">
        <v>139.1</v>
      </c>
      <c r="Y17274" s="2">
        <v>7.6</v>
      </c>
      <c r="Z17274" s="2">
        <v>16.7</v>
      </c>
      <c r="AA17274" s="5"/>
      <c r="AB17274" s="5" t="s">
        <v>43</v>
      </c>
      <c r="AC17274" s="5" t="s">
        <v>44</v>
      </c>
      <c r="AD17274" s="2"/>
      <c r="AE17274" s="1"/>
    </row>
    <row r="17275" spans="1:31" ht="14.45">
      <c r="A17275" s="11"/>
      <c r="B17275" s="20"/>
      <c r="C17275" s="2" t="s">
        <v>52783</v>
      </c>
      <c r="D17275" s="14" t="s">
        <v>52784</v>
      </c>
      <c r="E17275" s="2" t="s">
        <v>52785</v>
      </c>
      <c r="F17275" s="2" t="s">
        <v>36289</v>
      </c>
      <c r="G17275" s="8">
        <v>350</v>
      </c>
      <c r="H17275" s="5">
        <v>6</v>
      </c>
      <c r="I17275" s="5" t="s">
        <v>1518</v>
      </c>
      <c r="J17275" s="5" t="s">
        <v>36264</v>
      </c>
      <c r="K17275" s="2" t="s">
        <v>36265</v>
      </c>
      <c r="L17275" s="5" t="s">
        <v>36264</v>
      </c>
      <c r="M17275" s="2" t="s">
        <v>36265</v>
      </c>
      <c r="N17275" s="5" t="s">
        <v>36266</v>
      </c>
      <c r="O17275" s="5" t="s">
        <v>38</v>
      </c>
      <c r="P17275" s="5" t="s">
        <v>39</v>
      </c>
      <c r="Q17275" s="5" t="s">
        <v>40</v>
      </c>
      <c r="R17275" s="5" t="s">
        <v>1522</v>
      </c>
      <c r="S17275" s="5" t="s">
        <v>1523</v>
      </c>
      <c r="T17275" s="5" t="s">
        <v>42</v>
      </c>
      <c r="U17275" s="2">
        <v>3.5059999999999998</v>
      </c>
      <c r="V17275" s="2">
        <v>2.9279999999999999</v>
      </c>
      <c r="W17275" s="2">
        <v>1.7999999999999999E-2</v>
      </c>
      <c r="X17275" s="2">
        <v>139.1</v>
      </c>
      <c r="Y17275" s="2">
        <v>7.6</v>
      </c>
      <c r="Z17275" s="2">
        <v>16.7</v>
      </c>
      <c r="AA17275" s="5"/>
      <c r="AB17275" s="5" t="s">
        <v>43</v>
      </c>
      <c r="AC17275" s="5" t="s">
        <v>44</v>
      </c>
      <c r="AD17275" s="2"/>
      <c r="AE17275" s="1"/>
    </row>
    <row r="17276" spans="1:31" ht="14.45">
      <c r="A17276" s="11"/>
      <c r="B17276" s="20"/>
      <c r="C17276" s="2" t="s">
        <v>52786</v>
      </c>
      <c r="D17276" s="14" t="s">
        <v>52787</v>
      </c>
      <c r="E17276" s="2" t="s">
        <v>52788</v>
      </c>
      <c r="F17276" s="2" t="s">
        <v>36293</v>
      </c>
      <c r="G17276" s="8">
        <v>350</v>
      </c>
      <c r="H17276" s="5">
        <v>6</v>
      </c>
      <c r="I17276" s="5" t="s">
        <v>1518</v>
      </c>
      <c r="J17276" s="5" t="s">
        <v>36264</v>
      </c>
      <c r="K17276" s="2" t="s">
        <v>36265</v>
      </c>
      <c r="L17276" s="5" t="s">
        <v>36264</v>
      </c>
      <c r="M17276" s="2" t="s">
        <v>36265</v>
      </c>
      <c r="N17276" s="5" t="s">
        <v>36266</v>
      </c>
      <c r="O17276" s="5" t="s">
        <v>38</v>
      </c>
      <c r="P17276" s="5" t="s">
        <v>39</v>
      </c>
      <c r="Q17276" s="5" t="s">
        <v>40</v>
      </c>
      <c r="R17276" s="5" t="s">
        <v>1522</v>
      </c>
      <c r="S17276" s="5" t="s">
        <v>1523</v>
      </c>
      <c r="T17276" s="5" t="s">
        <v>42</v>
      </c>
      <c r="U17276" s="2">
        <v>3.6160000000000001</v>
      </c>
      <c r="V17276" s="2">
        <v>3.0379999999999998</v>
      </c>
      <c r="W17276" s="2">
        <v>1.7999999999999999E-2</v>
      </c>
      <c r="X17276" s="2">
        <v>139.1</v>
      </c>
      <c r="Y17276" s="2">
        <v>7.6</v>
      </c>
      <c r="Z17276" s="2">
        <v>16.7</v>
      </c>
      <c r="AA17276" s="5"/>
      <c r="AB17276" s="5" t="s">
        <v>43</v>
      </c>
      <c r="AC17276" s="5" t="s">
        <v>44</v>
      </c>
      <c r="AD17276" s="2"/>
      <c r="AE17276" s="1"/>
    </row>
    <row r="17277" spans="1:31" ht="14.45">
      <c r="A17277" s="11"/>
      <c r="B17277" s="20"/>
      <c r="C17277" s="2" t="s">
        <v>52789</v>
      </c>
      <c r="D17277" s="14" t="s">
        <v>52790</v>
      </c>
      <c r="E17277" s="2" t="s">
        <v>52791</v>
      </c>
      <c r="F17277" s="2" t="s">
        <v>36297</v>
      </c>
      <c r="G17277" s="8">
        <v>322</v>
      </c>
      <c r="H17277" s="5">
        <v>6</v>
      </c>
      <c r="I17277" s="5" t="s">
        <v>1518</v>
      </c>
      <c r="J17277" s="5" t="s">
        <v>36264</v>
      </c>
      <c r="K17277" s="2" t="s">
        <v>36265</v>
      </c>
      <c r="L17277" s="5" t="s">
        <v>36264</v>
      </c>
      <c r="M17277" s="2" t="s">
        <v>36265</v>
      </c>
      <c r="N17277" s="5" t="s">
        <v>36266</v>
      </c>
      <c r="O17277" s="5" t="s">
        <v>38</v>
      </c>
      <c r="P17277" s="5" t="s">
        <v>39</v>
      </c>
      <c r="Q17277" s="5" t="s">
        <v>40</v>
      </c>
      <c r="R17277" s="5" t="s">
        <v>1522</v>
      </c>
      <c r="S17277" s="5" t="s">
        <v>1523</v>
      </c>
      <c r="T17277" s="5" t="s">
        <v>42</v>
      </c>
      <c r="U17277" s="2">
        <v>3.5059999999999998</v>
      </c>
      <c r="V17277" s="2">
        <v>2.9279999999999999</v>
      </c>
      <c r="W17277" s="2">
        <v>1.7999999999999999E-2</v>
      </c>
      <c r="X17277" s="2">
        <v>139.1</v>
      </c>
      <c r="Y17277" s="2">
        <v>7.6</v>
      </c>
      <c r="Z17277" s="2">
        <v>16.7</v>
      </c>
      <c r="AA17277" s="5"/>
      <c r="AB17277" s="5" t="s">
        <v>43</v>
      </c>
      <c r="AC17277" s="5" t="s">
        <v>44</v>
      </c>
      <c r="AD17277" s="2"/>
      <c r="AE17277" s="1"/>
    </row>
    <row r="17278" spans="1:31" ht="14.45">
      <c r="A17278" s="11"/>
      <c r="B17278" s="20"/>
      <c r="C17278" s="2" t="s">
        <v>52792</v>
      </c>
      <c r="D17278" s="14" t="s">
        <v>52793</v>
      </c>
      <c r="E17278" s="2" t="s">
        <v>52794</v>
      </c>
      <c r="F17278" s="2" t="s">
        <v>36301</v>
      </c>
      <c r="G17278" s="8">
        <v>322</v>
      </c>
      <c r="H17278" s="5">
        <v>6</v>
      </c>
      <c r="I17278" s="5" t="s">
        <v>1518</v>
      </c>
      <c r="J17278" s="5" t="s">
        <v>36264</v>
      </c>
      <c r="K17278" s="2" t="s">
        <v>36265</v>
      </c>
      <c r="L17278" s="5" t="s">
        <v>36264</v>
      </c>
      <c r="M17278" s="2" t="s">
        <v>36265</v>
      </c>
      <c r="N17278" s="5" t="s">
        <v>36266</v>
      </c>
      <c r="O17278" s="5" t="s">
        <v>38</v>
      </c>
      <c r="P17278" s="5" t="s">
        <v>39</v>
      </c>
      <c r="Q17278" s="5" t="s">
        <v>40</v>
      </c>
      <c r="R17278" s="5" t="s">
        <v>1522</v>
      </c>
      <c r="S17278" s="5" t="s">
        <v>1523</v>
      </c>
      <c r="T17278" s="5" t="s">
        <v>42</v>
      </c>
      <c r="U17278" s="2">
        <v>3.6160000000000001</v>
      </c>
      <c r="V17278" s="2">
        <v>3.0379999999999998</v>
      </c>
      <c r="W17278" s="2">
        <v>1.7999999999999999E-2</v>
      </c>
      <c r="X17278" s="2">
        <v>139.1</v>
      </c>
      <c r="Y17278" s="2">
        <v>7.6</v>
      </c>
      <c r="Z17278" s="2">
        <v>16.7</v>
      </c>
      <c r="AA17278" s="5"/>
      <c r="AB17278" s="5" t="s">
        <v>43</v>
      </c>
      <c r="AC17278" s="5" t="s">
        <v>44</v>
      </c>
      <c r="AD17278" s="2"/>
      <c r="AE17278" s="1"/>
    </row>
    <row r="17279" spans="1:31" ht="14.45">
      <c r="A17279" s="11"/>
      <c r="B17279" s="20"/>
      <c r="C17279" s="2" t="s">
        <v>52795</v>
      </c>
      <c r="D17279" s="14" t="s">
        <v>52796</v>
      </c>
      <c r="E17279" s="2" t="s">
        <v>52797</v>
      </c>
      <c r="F17279" s="2" t="s">
        <v>36305</v>
      </c>
      <c r="G17279" s="8">
        <v>322</v>
      </c>
      <c r="H17279" s="5">
        <v>6</v>
      </c>
      <c r="I17279" s="5" t="s">
        <v>1518</v>
      </c>
      <c r="J17279" s="5" t="s">
        <v>36264</v>
      </c>
      <c r="K17279" s="2" t="s">
        <v>36265</v>
      </c>
      <c r="L17279" s="5" t="s">
        <v>36264</v>
      </c>
      <c r="M17279" s="2" t="s">
        <v>36265</v>
      </c>
      <c r="N17279" s="5" t="s">
        <v>36266</v>
      </c>
      <c r="O17279" s="5" t="s">
        <v>38</v>
      </c>
      <c r="P17279" s="5" t="s">
        <v>39</v>
      </c>
      <c r="Q17279" s="5" t="s">
        <v>40</v>
      </c>
      <c r="R17279" s="5" t="s">
        <v>1522</v>
      </c>
      <c r="S17279" s="5" t="s">
        <v>1523</v>
      </c>
      <c r="T17279" s="5" t="s">
        <v>42</v>
      </c>
      <c r="U17279" s="2">
        <v>3.5059999999999998</v>
      </c>
      <c r="V17279" s="2">
        <v>2.9279999999999999</v>
      </c>
      <c r="W17279" s="2">
        <v>1.7999999999999999E-2</v>
      </c>
      <c r="X17279" s="2">
        <v>139.1</v>
      </c>
      <c r="Y17279" s="2">
        <v>7.6</v>
      </c>
      <c r="Z17279" s="2">
        <v>16.7</v>
      </c>
      <c r="AA17279" s="5"/>
      <c r="AB17279" s="5" t="s">
        <v>43</v>
      </c>
      <c r="AC17279" s="5" t="s">
        <v>44</v>
      </c>
      <c r="AD17279" s="2"/>
      <c r="AE17279" s="1"/>
    </row>
    <row r="17280" spans="1:31" ht="14.45">
      <c r="A17280" s="11"/>
      <c r="B17280" s="20"/>
      <c r="C17280" s="2" t="s">
        <v>52798</v>
      </c>
      <c r="D17280" s="14" t="s">
        <v>52799</v>
      </c>
      <c r="E17280" s="2" t="s">
        <v>52800</v>
      </c>
      <c r="F17280" s="2" t="s">
        <v>36309</v>
      </c>
      <c r="G17280" s="8">
        <v>322</v>
      </c>
      <c r="H17280" s="5">
        <v>6</v>
      </c>
      <c r="I17280" s="5" t="s">
        <v>1518</v>
      </c>
      <c r="J17280" s="5" t="s">
        <v>36264</v>
      </c>
      <c r="K17280" s="2" t="s">
        <v>36265</v>
      </c>
      <c r="L17280" s="5" t="s">
        <v>36264</v>
      </c>
      <c r="M17280" s="2" t="s">
        <v>36265</v>
      </c>
      <c r="N17280" s="5" t="s">
        <v>36266</v>
      </c>
      <c r="O17280" s="5" t="s">
        <v>38</v>
      </c>
      <c r="P17280" s="5" t="s">
        <v>39</v>
      </c>
      <c r="Q17280" s="5" t="s">
        <v>40</v>
      </c>
      <c r="R17280" s="5" t="s">
        <v>1522</v>
      </c>
      <c r="S17280" s="5" t="s">
        <v>1523</v>
      </c>
      <c r="T17280" s="5" t="s">
        <v>42</v>
      </c>
      <c r="U17280" s="2">
        <v>3.6160000000000001</v>
      </c>
      <c r="V17280" s="2">
        <v>3.0379999999999998</v>
      </c>
      <c r="W17280" s="2">
        <v>1.7999999999999999E-2</v>
      </c>
      <c r="X17280" s="2">
        <v>139.1</v>
      </c>
      <c r="Y17280" s="2">
        <v>7.6</v>
      </c>
      <c r="Z17280" s="2">
        <v>16.7</v>
      </c>
      <c r="AA17280" s="5"/>
      <c r="AB17280" s="5" t="s">
        <v>43</v>
      </c>
      <c r="AC17280" s="5" t="s">
        <v>44</v>
      </c>
      <c r="AD17280" s="2"/>
      <c r="AE17280" s="1"/>
    </row>
    <row r="17281" spans="1:31" ht="14.45">
      <c r="A17281" s="11"/>
      <c r="B17281" s="20"/>
      <c r="C17281" s="2" t="s">
        <v>52801</v>
      </c>
      <c r="D17281" s="14" t="s">
        <v>52802</v>
      </c>
      <c r="E17281" s="2" t="s">
        <v>52803</v>
      </c>
      <c r="F17281" s="2" t="s">
        <v>36317</v>
      </c>
      <c r="G17281" s="8">
        <v>350</v>
      </c>
      <c r="H17281" s="5">
        <v>6</v>
      </c>
      <c r="I17281" s="5" t="s">
        <v>1518</v>
      </c>
      <c r="J17281" s="5" t="s">
        <v>36264</v>
      </c>
      <c r="K17281" s="2" t="s">
        <v>36265</v>
      </c>
      <c r="L17281" s="5" t="s">
        <v>36264</v>
      </c>
      <c r="M17281" s="2" t="s">
        <v>36265</v>
      </c>
      <c r="N17281" s="5" t="s">
        <v>36266</v>
      </c>
      <c r="O17281" s="5" t="s">
        <v>38</v>
      </c>
      <c r="P17281" s="5" t="s">
        <v>39</v>
      </c>
      <c r="Q17281" s="5" t="s">
        <v>40</v>
      </c>
      <c r="R17281" s="5" t="s">
        <v>1522</v>
      </c>
      <c r="S17281" s="5" t="s">
        <v>1523</v>
      </c>
      <c r="T17281" s="5" t="s">
        <v>42</v>
      </c>
      <c r="U17281" s="2">
        <v>3.6160000000000001</v>
      </c>
      <c r="V17281" s="2">
        <v>3.0379999999999998</v>
      </c>
      <c r="W17281" s="2">
        <v>1.7999999999999999E-2</v>
      </c>
      <c r="X17281" s="2">
        <v>139.1</v>
      </c>
      <c r="Y17281" s="2">
        <v>7.6</v>
      </c>
      <c r="Z17281" s="2">
        <v>16.7</v>
      </c>
      <c r="AA17281" s="5"/>
      <c r="AB17281" s="5" t="s">
        <v>43</v>
      </c>
      <c r="AC17281" s="5" t="s">
        <v>44</v>
      </c>
      <c r="AD17281" s="2"/>
      <c r="AE17281" s="1"/>
    </row>
    <row r="17282" spans="1:31" ht="14.45">
      <c r="A17282" s="11"/>
      <c r="B17282" s="20"/>
      <c r="C17282" s="2" t="s">
        <v>52804</v>
      </c>
      <c r="D17282" s="14" t="s">
        <v>52805</v>
      </c>
      <c r="E17282" s="2" t="s">
        <v>52806</v>
      </c>
      <c r="F17282" s="2" t="s">
        <v>36325</v>
      </c>
      <c r="G17282" s="8">
        <v>350</v>
      </c>
      <c r="H17282" s="5">
        <v>6</v>
      </c>
      <c r="I17282" s="5" t="s">
        <v>1518</v>
      </c>
      <c r="J17282" s="5" t="s">
        <v>36264</v>
      </c>
      <c r="K17282" s="2" t="s">
        <v>36265</v>
      </c>
      <c r="L17282" s="5" t="s">
        <v>36264</v>
      </c>
      <c r="M17282" s="2" t="s">
        <v>36265</v>
      </c>
      <c r="N17282" s="5" t="s">
        <v>36266</v>
      </c>
      <c r="O17282" s="5" t="s">
        <v>38</v>
      </c>
      <c r="P17282" s="5" t="s">
        <v>39</v>
      </c>
      <c r="Q17282" s="5" t="s">
        <v>40</v>
      </c>
      <c r="R17282" s="5" t="s">
        <v>1522</v>
      </c>
      <c r="S17282" s="5" t="s">
        <v>1523</v>
      </c>
      <c r="T17282" s="5" t="s">
        <v>42</v>
      </c>
      <c r="U17282" s="2">
        <v>3.6160000000000001</v>
      </c>
      <c r="V17282" s="2">
        <v>3.0379999999999998</v>
      </c>
      <c r="W17282" s="2">
        <v>1.7999999999999999E-2</v>
      </c>
      <c r="X17282" s="2">
        <v>139.1</v>
      </c>
      <c r="Y17282" s="2">
        <v>7.6</v>
      </c>
      <c r="Z17282" s="2">
        <v>16.7</v>
      </c>
      <c r="AA17282" s="5"/>
      <c r="AB17282" s="5" t="s">
        <v>43</v>
      </c>
      <c r="AC17282" s="5" t="s">
        <v>44</v>
      </c>
      <c r="AD17282" s="2"/>
      <c r="AE17282" s="1"/>
    </row>
    <row r="17283" spans="1:31" ht="14.45">
      <c r="A17283" s="11"/>
      <c r="B17283" s="20"/>
      <c r="C17283" s="2" t="s">
        <v>52807</v>
      </c>
      <c r="D17283" s="14" t="s">
        <v>52808</v>
      </c>
      <c r="E17283" s="2" t="s">
        <v>52809</v>
      </c>
      <c r="F17283" s="2" t="s">
        <v>36329</v>
      </c>
      <c r="G17283" s="8">
        <v>350</v>
      </c>
      <c r="H17283" s="5">
        <v>6</v>
      </c>
      <c r="I17283" s="5" t="s">
        <v>1518</v>
      </c>
      <c r="J17283" s="5" t="s">
        <v>36264</v>
      </c>
      <c r="K17283" s="2" t="s">
        <v>36265</v>
      </c>
      <c r="L17283" s="5" t="s">
        <v>36264</v>
      </c>
      <c r="M17283" s="2" t="s">
        <v>36265</v>
      </c>
      <c r="N17283" s="5" t="s">
        <v>36266</v>
      </c>
      <c r="O17283" s="5" t="s">
        <v>38</v>
      </c>
      <c r="P17283" s="5" t="s">
        <v>39</v>
      </c>
      <c r="Q17283" s="5" t="s">
        <v>40</v>
      </c>
      <c r="R17283" s="5" t="s">
        <v>1522</v>
      </c>
      <c r="S17283" s="5" t="s">
        <v>1523</v>
      </c>
      <c r="T17283" s="5" t="s">
        <v>42</v>
      </c>
      <c r="U17283" s="2">
        <v>3.5059999999999998</v>
      </c>
      <c r="V17283" s="2">
        <v>2.9279999999999999</v>
      </c>
      <c r="W17283" s="2">
        <v>1.7999999999999999E-2</v>
      </c>
      <c r="X17283" s="2">
        <v>139.1</v>
      </c>
      <c r="Y17283" s="2">
        <v>7.6</v>
      </c>
      <c r="Z17283" s="2">
        <v>16.7</v>
      </c>
      <c r="AA17283" s="5"/>
      <c r="AB17283" s="5" t="s">
        <v>43</v>
      </c>
      <c r="AC17283" s="5" t="s">
        <v>44</v>
      </c>
      <c r="AD17283" s="2"/>
      <c r="AE17283" s="1"/>
    </row>
    <row r="17284" spans="1:31" ht="14.45">
      <c r="A17284" s="11"/>
      <c r="B17284" s="20"/>
      <c r="C17284" s="2" t="s">
        <v>52810</v>
      </c>
      <c r="D17284" s="14" t="s">
        <v>52811</v>
      </c>
      <c r="E17284" s="2" t="s">
        <v>52812</v>
      </c>
      <c r="F17284" s="2" t="s">
        <v>36333</v>
      </c>
      <c r="G17284" s="8">
        <v>350</v>
      </c>
      <c r="H17284" s="5">
        <v>6</v>
      </c>
      <c r="I17284" s="5" t="s">
        <v>1518</v>
      </c>
      <c r="J17284" s="5" t="s">
        <v>36264</v>
      </c>
      <c r="K17284" s="2" t="s">
        <v>36265</v>
      </c>
      <c r="L17284" s="5" t="s">
        <v>36264</v>
      </c>
      <c r="M17284" s="2" t="s">
        <v>36265</v>
      </c>
      <c r="N17284" s="5" t="s">
        <v>36266</v>
      </c>
      <c r="O17284" s="5" t="s">
        <v>38</v>
      </c>
      <c r="P17284" s="5" t="s">
        <v>39</v>
      </c>
      <c r="Q17284" s="5" t="s">
        <v>40</v>
      </c>
      <c r="R17284" s="5" t="s">
        <v>1522</v>
      </c>
      <c r="S17284" s="5" t="s">
        <v>1523</v>
      </c>
      <c r="T17284" s="5" t="s">
        <v>42</v>
      </c>
      <c r="U17284" s="2">
        <v>3.6160000000000001</v>
      </c>
      <c r="V17284" s="2">
        <v>3.0379999999999998</v>
      </c>
      <c r="W17284" s="2">
        <v>1.7999999999999999E-2</v>
      </c>
      <c r="X17284" s="2">
        <v>139.1</v>
      </c>
      <c r="Y17284" s="2">
        <v>7.6</v>
      </c>
      <c r="Z17284" s="2">
        <v>16.7</v>
      </c>
      <c r="AA17284" s="5"/>
      <c r="AB17284" s="5" t="s">
        <v>43</v>
      </c>
      <c r="AC17284" s="5" t="s">
        <v>44</v>
      </c>
      <c r="AD17284" s="2"/>
      <c r="AE17284" s="1"/>
    </row>
    <row r="17285" spans="1:31" ht="14.45">
      <c r="A17285" s="11"/>
      <c r="B17285" s="20"/>
      <c r="C17285" s="2" t="s">
        <v>52813</v>
      </c>
      <c r="D17285" s="14" t="s">
        <v>52814</v>
      </c>
      <c r="E17285" s="2" t="s">
        <v>52815</v>
      </c>
      <c r="F17285" s="2" t="s">
        <v>36337</v>
      </c>
      <c r="G17285" s="8">
        <v>350</v>
      </c>
      <c r="H17285" s="5">
        <v>6</v>
      </c>
      <c r="I17285" s="5" t="s">
        <v>1518</v>
      </c>
      <c r="J17285" s="5" t="s">
        <v>36264</v>
      </c>
      <c r="K17285" s="2" t="s">
        <v>36265</v>
      </c>
      <c r="L17285" s="5" t="s">
        <v>36264</v>
      </c>
      <c r="M17285" s="2" t="s">
        <v>36265</v>
      </c>
      <c r="N17285" s="5" t="s">
        <v>36266</v>
      </c>
      <c r="O17285" s="5" t="s">
        <v>38</v>
      </c>
      <c r="P17285" s="5" t="s">
        <v>39</v>
      </c>
      <c r="Q17285" s="5" t="s">
        <v>40</v>
      </c>
      <c r="R17285" s="5" t="s">
        <v>1522</v>
      </c>
      <c r="S17285" s="5" t="s">
        <v>1523</v>
      </c>
      <c r="T17285" s="5" t="s">
        <v>42</v>
      </c>
      <c r="U17285" s="2">
        <v>3.5059999999999998</v>
      </c>
      <c r="V17285" s="2">
        <v>2.9279999999999999</v>
      </c>
      <c r="W17285" s="2">
        <v>1.7999999999999999E-2</v>
      </c>
      <c r="X17285" s="2">
        <v>139.1</v>
      </c>
      <c r="Y17285" s="2">
        <v>7.6</v>
      </c>
      <c r="Z17285" s="2">
        <v>16.7</v>
      </c>
      <c r="AA17285" s="5"/>
      <c r="AB17285" s="5" t="s">
        <v>43</v>
      </c>
      <c r="AC17285" s="5" t="s">
        <v>44</v>
      </c>
      <c r="AD17285" s="2"/>
      <c r="AE17285" s="1"/>
    </row>
    <row r="17286" spans="1:31" ht="14.45">
      <c r="A17286" s="11"/>
      <c r="B17286" s="20"/>
      <c r="C17286" s="2" t="s">
        <v>52816</v>
      </c>
      <c r="D17286" s="14" t="s">
        <v>52817</v>
      </c>
      <c r="E17286" s="2" t="s">
        <v>52818</v>
      </c>
      <c r="F17286" s="2" t="s">
        <v>36341</v>
      </c>
      <c r="G17286" s="8">
        <v>350</v>
      </c>
      <c r="H17286" s="5">
        <v>6</v>
      </c>
      <c r="I17286" s="5" t="s">
        <v>1518</v>
      </c>
      <c r="J17286" s="5" t="s">
        <v>36264</v>
      </c>
      <c r="K17286" s="2" t="s">
        <v>36265</v>
      </c>
      <c r="L17286" s="5" t="s">
        <v>36264</v>
      </c>
      <c r="M17286" s="2" t="s">
        <v>36265</v>
      </c>
      <c r="N17286" s="5" t="s">
        <v>36266</v>
      </c>
      <c r="O17286" s="5" t="s">
        <v>38</v>
      </c>
      <c r="P17286" s="5" t="s">
        <v>39</v>
      </c>
      <c r="Q17286" s="5" t="s">
        <v>40</v>
      </c>
      <c r="R17286" s="5" t="s">
        <v>1522</v>
      </c>
      <c r="S17286" s="5" t="s">
        <v>1523</v>
      </c>
      <c r="T17286" s="5" t="s">
        <v>42</v>
      </c>
      <c r="U17286" s="2">
        <v>3.6160000000000001</v>
      </c>
      <c r="V17286" s="2">
        <v>3.0379999999999998</v>
      </c>
      <c r="W17286" s="2">
        <v>1.7999999999999999E-2</v>
      </c>
      <c r="X17286" s="2">
        <v>139.1</v>
      </c>
      <c r="Y17286" s="2">
        <v>7.6</v>
      </c>
      <c r="Z17286" s="2">
        <v>16.7</v>
      </c>
      <c r="AA17286" s="5"/>
      <c r="AB17286" s="5" t="s">
        <v>43</v>
      </c>
      <c r="AC17286" s="5" t="s">
        <v>44</v>
      </c>
      <c r="AD17286" s="2"/>
      <c r="AE17286" s="1"/>
    </row>
    <row r="17287" spans="1:31" ht="14.45">
      <c r="A17287" s="11"/>
      <c r="B17287" s="20"/>
      <c r="C17287" s="2" t="s">
        <v>52819</v>
      </c>
      <c r="D17287" s="14" t="s">
        <v>52820</v>
      </c>
      <c r="E17287" s="2" t="s">
        <v>52821</v>
      </c>
      <c r="F17287" s="2" t="s">
        <v>36345</v>
      </c>
      <c r="G17287" s="8">
        <v>350</v>
      </c>
      <c r="H17287" s="5">
        <v>6</v>
      </c>
      <c r="I17287" s="5" t="s">
        <v>1518</v>
      </c>
      <c r="J17287" s="5" t="s">
        <v>36264</v>
      </c>
      <c r="K17287" s="2" t="s">
        <v>36265</v>
      </c>
      <c r="L17287" s="5" t="s">
        <v>36264</v>
      </c>
      <c r="M17287" s="2" t="s">
        <v>36265</v>
      </c>
      <c r="N17287" s="5" t="s">
        <v>36266</v>
      </c>
      <c r="O17287" s="5" t="s">
        <v>38</v>
      </c>
      <c r="P17287" s="5" t="s">
        <v>39</v>
      </c>
      <c r="Q17287" s="5" t="s">
        <v>40</v>
      </c>
      <c r="R17287" s="5" t="s">
        <v>1522</v>
      </c>
      <c r="S17287" s="5" t="s">
        <v>1523</v>
      </c>
      <c r="T17287" s="5" t="s">
        <v>42</v>
      </c>
      <c r="U17287" s="2">
        <v>3.5059999999999998</v>
      </c>
      <c r="V17287" s="2">
        <v>2.9279999999999999</v>
      </c>
      <c r="W17287" s="2">
        <v>1.7999999999999999E-2</v>
      </c>
      <c r="X17287" s="2">
        <v>139.1</v>
      </c>
      <c r="Y17287" s="2">
        <v>7.6</v>
      </c>
      <c r="Z17287" s="2">
        <v>16.7</v>
      </c>
      <c r="AA17287" s="5"/>
      <c r="AB17287" s="5" t="s">
        <v>43</v>
      </c>
      <c r="AC17287" s="5" t="s">
        <v>44</v>
      </c>
      <c r="AD17287" s="2"/>
      <c r="AE17287" s="1"/>
    </row>
    <row r="17288" spans="1:31" ht="14.45">
      <c r="A17288" s="11"/>
      <c r="B17288" s="20"/>
      <c r="C17288" s="2" t="s">
        <v>52822</v>
      </c>
      <c r="D17288" s="14" t="s">
        <v>52823</v>
      </c>
      <c r="E17288" s="2" t="s">
        <v>52824</v>
      </c>
      <c r="F17288" s="2" t="s">
        <v>36357</v>
      </c>
      <c r="G17288" s="8">
        <v>350</v>
      </c>
      <c r="H17288" s="5">
        <v>6</v>
      </c>
      <c r="I17288" s="5" t="s">
        <v>1518</v>
      </c>
      <c r="J17288" s="5" t="s">
        <v>36264</v>
      </c>
      <c r="K17288" s="2" t="s">
        <v>36265</v>
      </c>
      <c r="L17288" s="5" t="s">
        <v>36264</v>
      </c>
      <c r="M17288" s="2" t="s">
        <v>36265</v>
      </c>
      <c r="N17288" s="5" t="s">
        <v>36266</v>
      </c>
      <c r="O17288" s="5" t="s">
        <v>38</v>
      </c>
      <c r="P17288" s="5" t="s">
        <v>39</v>
      </c>
      <c r="Q17288" s="5" t="s">
        <v>40</v>
      </c>
      <c r="R17288" s="5" t="s">
        <v>1522</v>
      </c>
      <c r="S17288" s="5" t="s">
        <v>1523</v>
      </c>
      <c r="T17288" s="5" t="s">
        <v>42</v>
      </c>
      <c r="U17288" s="2">
        <v>3.6160000000000001</v>
      </c>
      <c r="V17288" s="2">
        <v>3.0379999999999998</v>
      </c>
      <c r="W17288" s="2">
        <v>1.7999999999999999E-2</v>
      </c>
      <c r="X17288" s="2">
        <v>139.1</v>
      </c>
      <c r="Y17288" s="2">
        <v>7.6</v>
      </c>
      <c r="Z17288" s="2">
        <v>16.7</v>
      </c>
      <c r="AA17288" s="5"/>
      <c r="AB17288" s="5" t="s">
        <v>43</v>
      </c>
      <c r="AC17288" s="5" t="s">
        <v>44</v>
      </c>
      <c r="AD17288" s="2"/>
      <c r="AE17288" s="1"/>
    </row>
    <row r="17289" spans="1:31" ht="14.45">
      <c r="A17289" s="11"/>
      <c r="B17289" s="20"/>
      <c r="C17289" s="2" t="s">
        <v>52825</v>
      </c>
      <c r="D17289" s="14" t="s">
        <v>52826</v>
      </c>
      <c r="E17289" s="2" t="s">
        <v>52827</v>
      </c>
      <c r="F17289" s="2" t="s">
        <v>45534</v>
      </c>
      <c r="G17289" s="8">
        <v>350</v>
      </c>
      <c r="H17289" s="5">
        <v>6</v>
      </c>
      <c r="I17289" s="5" t="s">
        <v>1518</v>
      </c>
      <c r="J17289" s="5" t="s">
        <v>36264</v>
      </c>
      <c r="K17289" s="2" t="s">
        <v>36265</v>
      </c>
      <c r="L17289" s="5" t="s">
        <v>36264</v>
      </c>
      <c r="M17289" s="2" t="s">
        <v>36265</v>
      </c>
      <c r="N17289" s="5" t="s">
        <v>36266</v>
      </c>
      <c r="O17289" s="5" t="s">
        <v>38</v>
      </c>
      <c r="P17289" s="5" t="s">
        <v>39</v>
      </c>
      <c r="Q17289" s="5" t="s">
        <v>40</v>
      </c>
      <c r="R17289" s="5" t="s">
        <v>1522</v>
      </c>
      <c r="S17289" s="5" t="s">
        <v>1523</v>
      </c>
      <c r="T17289" s="5" t="s">
        <v>42</v>
      </c>
      <c r="U17289" s="2">
        <v>3.6160000000000001</v>
      </c>
      <c r="V17289" s="2">
        <v>3.0379999999999998</v>
      </c>
      <c r="W17289" s="2">
        <v>1.7999999999999999E-2</v>
      </c>
      <c r="X17289" s="2">
        <v>139.1</v>
      </c>
      <c r="Y17289" s="2">
        <v>7.6</v>
      </c>
      <c r="Z17289" s="2">
        <v>16.7</v>
      </c>
      <c r="AA17289" s="5"/>
      <c r="AB17289" s="5" t="s">
        <v>43</v>
      </c>
      <c r="AC17289" s="5" t="s">
        <v>44</v>
      </c>
      <c r="AD17289" s="2"/>
      <c r="AE17289" s="1"/>
    </row>
    <row r="17290" spans="1:31" ht="14.45">
      <c r="A17290" s="11"/>
      <c r="B17290" s="20"/>
      <c r="C17290" s="2" t="s">
        <v>52828</v>
      </c>
      <c r="D17290" s="14" t="s">
        <v>52829</v>
      </c>
      <c r="E17290" s="2" t="s">
        <v>52830</v>
      </c>
      <c r="F17290" s="2" t="s">
        <v>36369</v>
      </c>
      <c r="G17290" s="8">
        <v>350</v>
      </c>
      <c r="H17290" s="5">
        <v>6</v>
      </c>
      <c r="I17290" s="5" t="s">
        <v>1518</v>
      </c>
      <c r="J17290" s="5" t="s">
        <v>36264</v>
      </c>
      <c r="K17290" s="2" t="s">
        <v>36265</v>
      </c>
      <c r="L17290" s="5" t="s">
        <v>36264</v>
      </c>
      <c r="M17290" s="2" t="s">
        <v>36265</v>
      </c>
      <c r="N17290" s="5" t="s">
        <v>36266</v>
      </c>
      <c r="O17290" s="5" t="s">
        <v>38</v>
      </c>
      <c r="P17290" s="5" t="s">
        <v>39</v>
      </c>
      <c r="Q17290" s="5" t="s">
        <v>40</v>
      </c>
      <c r="R17290" s="5" t="s">
        <v>1522</v>
      </c>
      <c r="S17290" s="5" t="s">
        <v>1523</v>
      </c>
      <c r="T17290" s="5" t="s">
        <v>42</v>
      </c>
      <c r="U17290" s="2">
        <v>3.5059999999999998</v>
      </c>
      <c r="V17290" s="2">
        <v>2.9279999999999999</v>
      </c>
      <c r="W17290" s="2">
        <v>1.7999999999999999E-2</v>
      </c>
      <c r="X17290" s="2">
        <v>139.1</v>
      </c>
      <c r="Y17290" s="2">
        <v>7.6</v>
      </c>
      <c r="Z17290" s="2">
        <v>16.7</v>
      </c>
      <c r="AA17290" s="5"/>
      <c r="AB17290" s="5" t="s">
        <v>43</v>
      </c>
      <c r="AC17290" s="5" t="s">
        <v>44</v>
      </c>
      <c r="AD17290" s="2"/>
      <c r="AE17290" s="1"/>
    </row>
    <row r="17291" spans="1:31" ht="14.45">
      <c r="A17291" s="11"/>
      <c r="B17291" s="20"/>
      <c r="C17291" s="2" t="s">
        <v>52831</v>
      </c>
      <c r="D17291" s="14" t="s">
        <v>52832</v>
      </c>
      <c r="E17291" s="2" t="s">
        <v>52833</v>
      </c>
      <c r="F17291" s="2" t="s">
        <v>36373</v>
      </c>
      <c r="G17291" s="8">
        <v>350</v>
      </c>
      <c r="H17291" s="5">
        <v>6</v>
      </c>
      <c r="I17291" s="5" t="s">
        <v>1518</v>
      </c>
      <c r="J17291" s="5" t="s">
        <v>36264</v>
      </c>
      <c r="K17291" s="2" t="s">
        <v>36265</v>
      </c>
      <c r="L17291" s="5" t="s">
        <v>36264</v>
      </c>
      <c r="M17291" s="2" t="s">
        <v>36265</v>
      </c>
      <c r="N17291" s="5" t="s">
        <v>36266</v>
      </c>
      <c r="O17291" s="5" t="s">
        <v>38</v>
      </c>
      <c r="P17291" s="5" t="s">
        <v>39</v>
      </c>
      <c r="Q17291" s="5" t="s">
        <v>40</v>
      </c>
      <c r="R17291" s="5" t="s">
        <v>1522</v>
      </c>
      <c r="S17291" s="5" t="s">
        <v>1523</v>
      </c>
      <c r="T17291" s="5" t="s">
        <v>42</v>
      </c>
      <c r="U17291" s="2">
        <v>3.6160000000000001</v>
      </c>
      <c r="V17291" s="2">
        <v>3.0379999999999998</v>
      </c>
      <c r="W17291" s="2">
        <v>1.7999999999999999E-2</v>
      </c>
      <c r="X17291" s="2">
        <v>139.1</v>
      </c>
      <c r="Y17291" s="2">
        <v>7.6</v>
      </c>
      <c r="Z17291" s="2">
        <v>16.7</v>
      </c>
      <c r="AA17291" s="5"/>
      <c r="AB17291" s="5" t="s">
        <v>43</v>
      </c>
      <c r="AC17291" s="5" t="s">
        <v>44</v>
      </c>
      <c r="AD17291" s="2"/>
      <c r="AE17291" s="1"/>
    </row>
    <row r="17292" spans="1:31" ht="14.45">
      <c r="A17292" s="11"/>
      <c r="B17292" s="20"/>
      <c r="C17292" s="2" t="s">
        <v>52834</v>
      </c>
      <c r="D17292" s="14" t="s">
        <v>52835</v>
      </c>
      <c r="E17292" s="2" t="s">
        <v>52836</v>
      </c>
      <c r="F17292" s="2" t="s">
        <v>36377</v>
      </c>
      <c r="G17292" s="8">
        <v>350</v>
      </c>
      <c r="H17292" s="5">
        <v>6</v>
      </c>
      <c r="I17292" s="5" t="s">
        <v>1518</v>
      </c>
      <c r="J17292" s="5" t="s">
        <v>36264</v>
      </c>
      <c r="K17292" s="2" t="s">
        <v>36265</v>
      </c>
      <c r="L17292" s="5" t="s">
        <v>36264</v>
      </c>
      <c r="M17292" s="2" t="s">
        <v>36265</v>
      </c>
      <c r="N17292" s="5" t="s">
        <v>36266</v>
      </c>
      <c r="O17292" s="5" t="s">
        <v>38</v>
      </c>
      <c r="P17292" s="5" t="s">
        <v>39</v>
      </c>
      <c r="Q17292" s="5" t="s">
        <v>40</v>
      </c>
      <c r="R17292" s="5" t="s">
        <v>1522</v>
      </c>
      <c r="S17292" s="5" t="s">
        <v>1523</v>
      </c>
      <c r="T17292" s="5" t="s">
        <v>42</v>
      </c>
      <c r="U17292" s="2">
        <v>3.5059999999999998</v>
      </c>
      <c r="V17292" s="2">
        <v>2.9279999999999999</v>
      </c>
      <c r="W17292" s="2">
        <v>1.7999999999999999E-2</v>
      </c>
      <c r="X17292" s="2">
        <v>139.1</v>
      </c>
      <c r="Y17292" s="2">
        <v>7.6</v>
      </c>
      <c r="Z17292" s="2">
        <v>16.7</v>
      </c>
      <c r="AA17292" s="5"/>
      <c r="AB17292" s="5" t="s">
        <v>43</v>
      </c>
      <c r="AC17292" s="5" t="s">
        <v>44</v>
      </c>
      <c r="AD17292" s="2"/>
      <c r="AE17292" s="1"/>
    </row>
    <row r="17293" spans="1:31" ht="14.45">
      <c r="A17293" s="11"/>
      <c r="B17293" s="20"/>
      <c r="C17293" s="2" t="s">
        <v>52837</v>
      </c>
      <c r="D17293" s="14" t="s">
        <v>52838</v>
      </c>
      <c r="E17293" s="2" t="s">
        <v>52839</v>
      </c>
      <c r="F17293" s="2" t="s">
        <v>36381</v>
      </c>
      <c r="G17293" s="8">
        <v>350</v>
      </c>
      <c r="H17293" s="5">
        <v>6</v>
      </c>
      <c r="I17293" s="5" t="s">
        <v>1518</v>
      </c>
      <c r="J17293" s="5" t="s">
        <v>36264</v>
      </c>
      <c r="K17293" s="2" t="s">
        <v>36265</v>
      </c>
      <c r="L17293" s="5" t="s">
        <v>36264</v>
      </c>
      <c r="M17293" s="2" t="s">
        <v>36265</v>
      </c>
      <c r="N17293" s="5" t="s">
        <v>36266</v>
      </c>
      <c r="O17293" s="5" t="s">
        <v>38</v>
      </c>
      <c r="P17293" s="5" t="s">
        <v>39</v>
      </c>
      <c r="Q17293" s="5" t="s">
        <v>40</v>
      </c>
      <c r="R17293" s="5" t="s">
        <v>1522</v>
      </c>
      <c r="S17293" s="5" t="s">
        <v>1523</v>
      </c>
      <c r="T17293" s="5" t="s">
        <v>42</v>
      </c>
      <c r="U17293" s="2">
        <v>3.6160000000000001</v>
      </c>
      <c r="V17293" s="2">
        <v>3.0379999999999998</v>
      </c>
      <c r="W17293" s="2">
        <v>1.7999999999999999E-2</v>
      </c>
      <c r="X17293" s="2">
        <v>139.1</v>
      </c>
      <c r="Y17293" s="2">
        <v>7.6</v>
      </c>
      <c r="Z17293" s="2">
        <v>16.7</v>
      </c>
      <c r="AA17293" s="5"/>
      <c r="AB17293" s="5" t="s">
        <v>43</v>
      </c>
      <c r="AC17293" s="5" t="s">
        <v>44</v>
      </c>
      <c r="AD17293" s="2"/>
      <c r="AE17293" s="1"/>
    </row>
    <row r="17294" spans="1:31" ht="14.45">
      <c r="A17294" s="11"/>
      <c r="B17294" s="20"/>
      <c r="C17294" s="2" t="s">
        <v>52840</v>
      </c>
      <c r="D17294" s="14" t="s">
        <v>52841</v>
      </c>
      <c r="E17294" s="2" t="s">
        <v>52842</v>
      </c>
      <c r="F17294" s="2" t="s">
        <v>36385</v>
      </c>
      <c r="G17294" s="8">
        <v>350</v>
      </c>
      <c r="H17294" s="5">
        <v>6</v>
      </c>
      <c r="I17294" s="5" t="s">
        <v>1518</v>
      </c>
      <c r="J17294" s="5" t="s">
        <v>36264</v>
      </c>
      <c r="K17294" s="2" t="s">
        <v>36265</v>
      </c>
      <c r="L17294" s="5" t="s">
        <v>36264</v>
      </c>
      <c r="M17294" s="2" t="s">
        <v>36265</v>
      </c>
      <c r="N17294" s="5" t="s">
        <v>36266</v>
      </c>
      <c r="O17294" s="5" t="s">
        <v>38</v>
      </c>
      <c r="P17294" s="5" t="s">
        <v>39</v>
      </c>
      <c r="Q17294" s="5" t="s">
        <v>40</v>
      </c>
      <c r="R17294" s="5" t="s">
        <v>1522</v>
      </c>
      <c r="S17294" s="5" t="s">
        <v>1523</v>
      </c>
      <c r="T17294" s="5" t="s">
        <v>42</v>
      </c>
      <c r="U17294" s="2">
        <v>3.5059999999999998</v>
      </c>
      <c r="V17294" s="2">
        <v>2.9279999999999999</v>
      </c>
      <c r="W17294" s="2">
        <v>1.7999999999999999E-2</v>
      </c>
      <c r="X17294" s="2">
        <v>139.1</v>
      </c>
      <c r="Y17294" s="2">
        <v>7.6</v>
      </c>
      <c r="Z17294" s="2">
        <v>16.7</v>
      </c>
      <c r="AA17294" s="5"/>
      <c r="AB17294" s="5" t="s">
        <v>43</v>
      </c>
      <c r="AC17294" s="5" t="s">
        <v>44</v>
      </c>
      <c r="AD17294" s="2"/>
      <c r="AE17294" s="1"/>
    </row>
    <row r="17295" spans="1:31" ht="14.45">
      <c r="A17295" s="11"/>
      <c r="B17295" s="20"/>
      <c r="C17295" s="2" t="s">
        <v>52843</v>
      </c>
      <c r="D17295" s="14" t="s">
        <v>52844</v>
      </c>
      <c r="E17295" s="2" t="s">
        <v>52845</v>
      </c>
      <c r="F17295" s="2" t="s">
        <v>36389</v>
      </c>
      <c r="G17295" s="8">
        <v>350</v>
      </c>
      <c r="H17295" s="5">
        <v>6</v>
      </c>
      <c r="I17295" s="5" t="s">
        <v>1518</v>
      </c>
      <c r="J17295" s="5" t="s">
        <v>36264</v>
      </c>
      <c r="K17295" s="2" t="s">
        <v>36265</v>
      </c>
      <c r="L17295" s="5" t="s">
        <v>36264</v>
      </c>
      <c r="M17295" s="2" t="s">
        <v>36265</v>
      </c>
      <c r="N17295" s="5" t="s">
        <v>36266</v>
      </c>
      <c r="O17295" s="5" t="s">
        <v>38</v>
      </c>
      <c r="P17295" s="5" t="s">
        <v>39</v>
      </c>
      <c r="Q17295" s="5" t="s">
        <v>40</v>
      </c>
      <c r="R17295" s="5" t="s">
        <v>1522</v>
      </c>
      <c r="S17295" s="5" t="s">
        <v>1523</v>
      </c>
      <c r="T17295" s="5" t="s">
        <v>42</v>
      </c>
      <c r="U17295" s="2">
        <v>3.6160000000000001</v>
      </c>
      <c r="V17295" s="2">
        <v>3.0379999999999998</v>
      </c>
      <c r="W17295" s="2">
        <v>1.7999999999999999E-2</v>
      </c>
      <c r="X17295" s="2">
        <v>139.1</v>
      </c>
      <c r="Y17295" s="2">
        <v>7.6</v>
      </c>
      <c r="Z17295" s="2">
        <v>16.7</v>
      </c>
      <c r="AA17295" s="5"/>
      <c r="AB17295" s="5" t="s">
        <v>43</v>
      </c>
      <c r="AC17295" s="5" t="s">
        <v>44</v>
      </c>
      <c r="AD17295" s="2"/>
      <c r="AE17295" s="1"/>
    </row>
    <row r="17296" spans="1:31" ht="14.45">
      <c r="A17296" s="11"/>
      <c r="B17296" s="20"/>
      <c r="C17296" s="2" t="s">
        <v>52846</v>
      </c>
      <c r="D17296" s="14" t="s">
        <v>52847</v>
      </c>
      <c r="E17296" s="2" t="s">
        <v>52848</v>
      </c>
      <c r="F17296" s="2" t="s">
        <v>7204</v>
      </c>
      <c r="G17296" s="8">
        <v>345</v>
      </c>
      <c r="H17296" s="5">
        <v>6</v>
      </c>
      <c r="I17296" s="5" t="s">
        <v>1518</v>
      </c>
      <c r="J17296" s="5" t="s">
        <v>36264</v>
      </c>
      <c r="K17296" s="2" t="s">
        <v>36265</v>
      </c>
      <c r="L17296" s="5" t="s">
        <v>36264</v>
      </c>
      <c r="M17296" s="2" t="s">
        <v>36265</v>
      </c>
      <c r="N17296" s="5" t="s">
        <v>36266</v>
      </c>
      <c r="O17296" s="5" t="s">
        <v>38</v>
      </c>
      <c r="P17296" s="5" t="s">
        <v>39</v>
      </c>
      <c r="Q17296" s="5" t="s">
        <v>40</v>
      </c>
      <c r="R17296" s="5" t="s">
        <v>1522</v>
      </c>
      <c r="S17296" s="5" t="s">
        <v>1523</v>
      </c>
      <c r="T17296" s="5" t="s">
        <v>42</v>
      </c>
      <c r="U17296" s="2">
        <v>3.6859999999999999</v>
      </c>
      <c r="V17296" s="2">
        <v>3.1139999999999999</v>
      </c>
      <c r="W17296" s="2">
        <v>1.7999999999999999E-2</v>
      </c>
      <c r="X17296" s="2">
        <v>139.1</v>
      </c>
      <c r="Y17296" s="2">
        <v>7.6</v>
      </c>
      <c r="Z17296" s="2">
        <v>16.7</v>
      </c>
      <c r="AA17296" s="5"/>
      <c r="AB17296" s="5" t="s">
        <v>43</v>
      </c>
      <c r="AC17296" s="5" t="s">
        <v>44</v>
      </c>
      <c r="AD17296" s="2"/>
      <c r="AE17296" s="1"/>
    </row>
    <row r="17297" spans="1:31" ht="14.45">
      <c r="A17297" s="11"/>
      <c r="B17297" s="20"/>
      <c r="C17297" s="2" t="s">
        <v>52849</v>
      </c>
      <c r="D17297" s="14" t="s">
        <v>52850</v>
      </c>
      <c r="E17297" s="2" t="s">
        <v>52851</v>
      </c>
      <c r="F17297" s="2" t="s">
        <v>7514</v>
      </c>
      <c r="G17297" s="8">
        <v>345</v>
      </c>
      <c r="H17297" s="5">
        <v>6</v>
      </c>
      <c r="I17297" s="5" t="s">
        <v>1518</v>
      </c>
      <c r="J17297" s="5" t="s">
        <v>36264</v>
      </c>
      <c r="K17297" s="2" t="s">
        <v>36265</v>
      </c>
      <c r="L17297" s="5" t="s">
        <v>36264</v>
      </c>
      <c r="M17297" s="2" t="s">
        <v>36265</v>
      </c>
      <c r="N17297" s="5" t="s">
        <v>36266</v>
      </c>
      <c r="O17297" s="5" t="s">
        <v>38</v>
      </c>
      <c r="P17297" s="5" t="s">
        <v>39</v>
      </c>
      <c r="Q17297" s="5" t="s">
        <v>40</v>
      </c>
      <c r="R17297" s="5" t="s">
        <v>1522</v>
      </c>
      <c r="S17297" s="5" t="s">
        <v>1523</v>
      </c>
      <c r="T17297" s="5" t="s">
        <v>42</v>
      </c>
      <c r="U17297" s="2">
        <v>3.806</v>
      </c>
      <c r="V17297" s="2">
        <v>3.234</v>
      </c>
      <c r="W17297" s="2">
        <v>1.7999999999999999E-2</v>
      </c>
      <c r="X17297" s="2">
        <v>139.1</v>
      </c>
      <c r="Y17297" s="2">
        <v>7.6</v>
      </c>
      <c r="Z17297" s="2">
        <v>16.7</v>
      </c>
      <c r="AA17297" s="5"/>
      <c r="AB17297" s="5" t="s">
        <v>43</v>
      </c>
      <c r="AC17297" s="5" t="s">
        <v>44</v>
      </c>
      <c r="AD17297" s="2"/>
      <c r="AE17297" s="1"/>
    </row>
    <row r="17298" spans="1:31" ht="14.45">
      <c r="A17298" s="11"/>
      <c r="B17298" s="20"/>
      <c r="C17298" s="2" t="s">
        <v>52852</v>
      </c>
      <c r="D17298" s="14" t="s">
        <v>52853</v>
      </c>
      <c r="E17298" s="2" t="s">
        <v>52854</v>
      </c>
      <c r="F17298" s="2" t="s">
        <v>36273</v>
      </c>
      <c r="G17298" s="8">
        <v>345</v>
      </c>
      <c r="H17298" s="5">
        <v>6</v>
      </c>
      <c r="I17298" s="5" t="s">
        <v>1518</v>
      </c>
      <c r="J17298" s="5" t="s">
        <v>36264</v>
      </c>
      <c r="K17298" s="2" t="s">
        <v>36265</v>
      </c>
      <c r="L17298" s="5" t="s">
        <v>36264</v>
      </c>
      <c r="M17298" s="2" t="s">
        <v>36265</v>
      </c>
      <c r="N17298" s="5" t="s">
        <v>36266</v>
      </c>
      <c r="O17298" s="5" t="s">
        <v>38</v>
      </c>
      <c r="P17298" s="5" t="s">
        <v>39</v>
      </c>
      <c r="Q17298" s="5" t="s">
        <v>40</v>
      </c>
      <c r="R17298" s="5" t="s">
        <v>1522</v>
      </c>
      <c r="S17298" s="5" t="s">
        <v>1523</v>
      </c>
      <c r="T17298" s="5" t="s">
        <v>42</v>
      </c>
      <c r="U17298" s="2">
        <v>3.6859999999999999</v>
      </c>
      <c r="V17298" s="2">
        <v>3.1139999999999999</v>
      </c>
      <c r="W17298" s="2">
        <v>1.7999999999999999E-2</v>
      </c>
      <c r="X17298" s="2">
        <v>139.1</v>
      </c>
      <c r="Y17298" s="2">
        <v>7.6</v>
      </c>
      <c r="Z17298" s="2">
        <v>16.7</v>
      </c>
      <c r="AA17298" s="5"/>
      <c r="AB17298" s="5" t="s">
        <v>43</v>
      </c>
      <c r="AC17298" s="5" t="s">
        <v>44</v>
      </c>
      <c r="AD17298" s="2"/>
      <c r="AE17298" s="1"/>
    </row>
    <row r="17299" spans="1:31" ht="14.45">
      <c r="A17299" s="11"/>
      <c r="B17299" s="20"/>
      <c r="C17299" s="2" t="s">
        <v>52855</v>
      </c>
      <c r="D17299" s="14" t="s">
        <v>52856</v>
      </c>
      <c r="E17299" s="2" t="s">
        <v>52857</v>
      </c>
      <c r="F17299" s="2" t="s">
        <v>36305</v>
      </c>
      <c r="G17299" s="8">
        <v>345</v>
      </c>
      <c r="H17299" s="5">
        <v>6</v>
      </c>
      <c r="I17299" s="5" t="s">
        <v>1518</v>
      </c>
      <c r="J17299" s="5" t="s">
        <v>36264</v>
      </c>
      <c r="K17299" s="2" t="s">
        <v>36265</v>
      </c>
      <c r="L17299" s="5" t="s">
        <v>36264</v>
      </c>
      <c r="M17299" s="2" t="s">
        <v>36265</v>
      </c>
      <c r="N17299" s="5" t="s">
        <v>36266</v>
      </c>
      <c r="O17299" s="5" t="s">
        <v>38</v>
      </c>
      <c r="P17299" s="5" t="s">
        <v>39</v>
      </c>
      <c r="Q17299" s="5" t="s">
        <v>40</v>
      </c>
      <c r="R17299" s="5" t="s">
        <v>1522</v>
      </c>
      <c r="S17299" s="5" t="s">
        <v>1523</v>
      </c>
      <c r="T17299" s="5" t="s">
        <v>42</v>
      </c>
      <c r="U17299" s="2">
        <v>3.6859999999999999</v>
      </c>
      <c r="V17299" s="2">
        <v>3.1139999999999999</v>
      </c>
      <c r="W17299" s="2">
        <v>1.7999999999999999E-2</v>
      </c>
      <c r="X17299" s="2">
        <v>139.1</v>
      </c>
      <c r="Y17299" s="2">
        <v>7.6</v>
      </c>
      <c r="Z17299" s="2">
        <v>16.7</v>
      </c>
      <c r="AA17299" s="5"/>
      <c r="AB17299" s="5" t="s">
        <v>43</v>
      </c>
      <c r="AC17299" s="5" t="s">
        <v>44</v>
      </c>
      <c r="AD17299" s="2"/>
      <c r="AE17299" s="1"/>
    </row>
    <row r="17300" spans="1:31" ht="14.45">
      <c r="A17300" s="11"/>
      <c r="B17300" s="20"/>
      <c r="C17300" s="2" t="s">
        <v>52858</v>
      </c>
      <c r="D17300" s="14" t="s">
        <v>52859</v>
      </c>
      <c r="E17300" s="2" t="s">
        <v>52860</v>
      </c>
      <c r="F17300" s="2" t="s">
        <v>36309</v>
      </c>
      <c r="G17300" s="8">
        <v>345</v>
      </c>
      <c r="H17300" s="5">
        <v>6</v>
      </c>
      <c r="I17300" s="5" t="s">
        <v>1518</v>
      </c>
      <c r="J17300" s="5" t="s">
        <v>36264</v>
      </c>
      <c r="K17300" s="2" t="s">
        <v>36265</v>
      </c>
      <c r="L17300" s="5" t="s">
        <v>36264</v>
      </c>
      <c r="M17300" s="2" t="s">
        <v>36265</v>
      </c>
      <c r="N17300" s="5" t="s">
        <v>36266</v>
      </c>
      <c r="O17300" s="5" t="s">
        <v>38</v>
      </c>
      <c r="P17300" s="5" t="s">
        <v>39</v>
      </c>
      <c r="Q17300" s="5" t="s">
        <v>40</v>
      </c>
      <c r="R17300" s="5" t="s">
        <v>1522</v>
      </c>
      <c r="S17300" s="5" t="s">
        <v>1523</v>
      </c>
      <c r="T17300" s="5" t="s">
        <v>42</v>
      </c>
      <c r="U17300" s="2">
        <v>3.806</v>
      </c>
      <c r="V17300" s="2">
        <v>3.234</v>
      </c>
      <c r="W17300" s="2">
        <v>1.7999999999999999E-2</v>
      </c>
      <c r="X17300" s="2">
        <v>139.1</v>
      </c>
      <c r="Y17300" s="2">
        <v>7.6</v>
      </c>
      <c r="Z17300" s="2">
        <v>16.7</v>
      </c>
      <c r="AA17300" s="5"/>
      <c r="AB17300" s="5" t="s">
        <v>43</v>
      </c>
      <c r="AC17300" s="5" t="s">
        <v>44</v>
      </c>
      <c r="AD17300" s="2"/>
      <c r="AE17300" s="1"/>
    </row>
    <row r="17301" spans="1:31" ht="14.45">
      <c r="A17301" s="11"/>
      <c r="B17301" s="20"/>
      <c r="C17301" s="2" t="s">
        <v>52861</v>
      </c>
      <c r="D17301" s="14" t="s">
        <v>52862</v>
      </c>
      <c r="E17301" s="2" t="s">
        <v>52863</v>
      </c>
      <c r="F17301" s="2" t="s">
        <v>36313</v>
      </c>
      <c r="G17301" s="8">
        <v>377</v>
      </c>
      <c r="H17301" s="5">
        <v>6</v>
      </c>
      <c r="I17301" s="5" t="s">
        <v>1518</v>
      </c>
      <c r="J17301" s="5" t="s">
        <v>36264</v>
      </c>
      <c r="K17301" s="2" t="s">
        <v>36265</v>
      </c>
      <c r="L17301" s="5" t="s">
        <v>36264</v>
      </c>
      <c r="M17301" s="2" t="s">
        <v>36265</v>
      </c>
      <c r="N17301" s="5" t="s">
        <v>36266</v>
      </c>
      <c r="O17301" s="5" t="s">
        <v>38</v>
      </c>
      <c r="P17301" s="5" t="s">
        <v>39</v>
      </c>
      <c r="Q17301" s="5" t="s">
        <v>40</v>
      </c>
      <c r="R17301" s="5" t="s">
        <v>1522</v>
      </c>
      <c r="S17301" s="5" t="s">
        <v>1523</v>
      </c>
      <c r="T17301" s="5" t="s">
        <v>42</v>
      </c>
      <c r="U17301" s="2">
        <v>3.6859999999999999</v>
      </c>
      <c r="V17301" s="2">
        <v>3.1139999999999999</v>
      </c>
      <c r="W17301" s="2">
        <v>1.7999999999999999E-2</v>
      </c>
      <c r="X17301" s="2">
        <v>139.1</v>
      </c>
      <c r="Y17301" s="2">
        <v>7.6</v>
      </c>
      <c r="Z17301" s="2">
        <v>16.7</v>
      </c>
      <c r="AA17301" s="5"/>
      <c r="AB17301" s="5" t="s">
        <v>43</v>
      </c>
      <c r="AC17301" s="5" t="s">
        <v>44</v>
      </c>
      <c r="AD17301" s="2"/>
      <c r="AE17301" s="1"/>
    </row>
    <row r="17302" spans="1:31" ht="14.45">
      <c r="A17302" s="11"/>
      <c r="B17302" s="20"/>
      <c r="C17302" s="2" t="s">
        <v>52864</v>
      </c>
      <c r="D17302" s="14" t="s">
        <v>52865</v>
      </c>
      <c r="E17302" s="2" t="s">
        <v>52866</v>
      </c>
      <c r="F17302" s="2" t="s">
        <v>36321</v>
      </c>
      <c r="G17302" s="8">
        <v>377</v>
      </c>
      <c r="H17302" s="5">
        <v>6</v>
      </c>
      <c r="I17302" s="5" t="s">
        <v>1518</v>
      </c>
      <c r="J17302" s="5" t="s">
        <v>36264</v>
      </c>
      <c r="K17302" s="2" t="s">
        <v>36265</v>
      </c>
      <c r="L17302" s="5" t="s">
        <v>36264</v>
      </c>
      <c r="M17302" s="2" t="s">
        <v>36265</v>
      </c>
      <c r="N17302" s="5" t="s">
        <v>36266</v>
      </c>
      <c r="O17302" s="5" t="s">
        <v>38</v>
      </c>
      <c r="P17302" s="5" t="s">
        <v>39</v>
      </c>
      <c r="Q17302" s="5" t="s">
        <v>40</v>
      </c>
      <c r="R17302" s="5" t="s">
        <v>1522</v>
      </c>
      <c r="S17302" s="5" t="s">
        <v>1523</v>
      </c>
      <c r="T17302" s="5" t="s">
        <v>42</v>
      </c>
      <c r="U17302" s="2">
        <v>3.6859999999999999</v>
      </c>
      <c r="V17302" s="2">
        <v>3.1139999999999999</v>
      </c>
      <c r="W17302" s="2">
        <v>1.7999999999999999E-2</v>
      </c>
      <c r="X17302" s="2">
        <v>139.1</v>
      </c>
      <c r="Y17302" s="2">
        <v>7.6</v>
      </c>
      <c r="Z17302" s="2">
        <v>16.7</v>
      </c>
      <c r="AA17302" s="5"/>
      <c r="AB17302" s="5" t="s">
        <v>43</v>
      </c>
      <c r="AC17302" s="5" t="s">
        <v>44</v>
      </c>
      <c r="AD17302" s="2"/>
      <c r="AE17302" s="1"/>
    </row>
    <row r="17303" spans="1:31" ht="14.45">
      <c r="A17303" s="11"/>
      <c r="B17303" s="20"/>
      <c r="C17303" s="2" t="s">
        <v>52867</v>
      </c>
      <c r="D17303" s="14" t="s">
        <v>52868</v>
      </c>
      <c r="E17303" s="2" t="s">
        <v>52869</v>
      </c>
      <c r="F17303" s="2" t="s">
        <v>36329</v>
      </c>
      <c r="G17303" s="8">
        <v>377</v>
      </c>
      <c r="H17303" s="5">
        <v>6</v>
      </c>
      <c r="I17303" s="5" t="s">
        <v>1518</v>
      </c>
      <c r="J17303" s="5" t="s">
        <v>36264</v>
      </c>
      <c r="K17303" s="2" t="s">
        <v>36265</v>
      </c>
      <c r="L17303" s="5" t="s">
        <v>36264</v>
      </c>
      <c r="M17303" s="2" t="s">
        <v>36265</v>
      </c>
      <c r="N17303" s="5" t="s">
        <v>36266</v>
      </c>
      <c r="O17303" s="5" t="s">
        <v>38</v>
      </c>
      <c r="P17303" s="5" t="s">
        <v>39</v>
      </c>
      <c r="Q17303" s="5" t="s">
        <v>40</v>
      </c>
      <c r="R17303" s="5" t="s">
        <v>1522</v>
      </c>
      <c r="S17303" s="5" t="s">
        <v>1523</v>
      </c>
      <c r="T17303" s="5" t="s">
        <v>42</v>
      </c>
      <c r="U17303" s="2">
        <v>3.6859999999999999</v>
      </c>
      <c r="V17303" s="2">
        <v>3.1139999999999999</v>
      </c>
      <c r="W17303" s="2">
        <v>1.7999999999999999E-2</v>
      </c>
      <c r="X17303" s="2">
        <v>139.1</v>
      </c>
      <c r="Y17303" s="2">
        <v>7.6</v>
      </c>
      <c r="Z17303" s="2">
        <v>16.7</v>
      </c>
      <c r="AA17303" s="5"/>
      <c r="AB17303" s="5" t="s">
        <v>43</v>
      </c>
      <c r="AC17303" s="5" t="s">
        <v>44</v>
      </c>
      <c r="AD17303" s="2"/>
      <c r="AE17303" s="1"/>
    </row>
    <row r="17304" spans="1:31" ht="14.45">
      <c r="A17304" s="11"/>
      <c r="B17304" s="20"/>
      <c r="C17304" s="2" t="s">
        <v>52870</v>
      </c>
      <c r="D17304" s="14" t="s">
        <v>52871</v>
      </c>
      <c r="E17304" s="2" t="s">
        <v>52872</v>
      </c>
      <c r="F17304" s="2" t="s">
        <v>36333</v>
      </c>
      <c r="G17304" s="8">
        <v>377</v>
      </c>
      <c r="H17304" s="5">
        <v>6</v>
      </c>
      <c r="I17304" s="5" t="s">
        <v>1518</v>
      </c>
      <c r="J17304" s="5" t="s">
        <v>36264</v>
      </c>
      <c r="K17304" s="2" t="s">
        <v>36265</v>
      </c>
      <c r="L17304" s="5" t="s">
        <v>36264</v>
      </c>
      <c r="M17304" s="2" t="s">
        <v>36265</v>
      </c>
      <c r="N17304" s="5" t="s">
        <v>36266</v>
      </c>
      <c r="O17304" s="5" t="s">
        <v>38</v>
      </c>
      <c r="P17304" s="5" t="s">
        <v>39</v>
      </c>
      <c r="Q17304" s="5" t="s">
        <v>40</v>
      </c>
      <c r="R17304" s="5" t="s">
        <v>1522</v>
      </c>
      <c r="S17304" s="5" t="s">
        <v>1523</v>
      </c>
      <c r="T17304" s="5" t="s">
        <v>42</v>
      </c>
      <c r="U17304" s="2">
        <v>3.806</v>
      </c>
      <c r="V17304" s="2">
        <v>3.234</v>
      </c>
      <c r="W17304" s="2">
        <v>1.7999999999999999E-2</v>
      </c>
      <c r="X17304" s="2">
        <v>139.1</v>
      </c>
      <c r="Y17304" s="2">
        <v>7.6</v>
      </c>
      <c r="Z17304" s="2">
        <v>16.7</v>
      </c>
      <c r="AA17304" s="5"/>
      <c r="AB17304" s="5" t="s">
        <v>43</v>
      </c>
      <c r="AC17304" s="5" t="s">
        <v>44</v>
      </c>
      <c r="AD17304" s="2"/>
      <c r="AE17304" s="1"/>
    </row>
    <row r="17305" spans="1:31" ht="14.45">
      <c r="A17305" s="11"/>
      <c r="B17305" s="20"/>
      <c r="C17305" s="2" t="s">
        <v>52873</v>
      </c>
      <c r="D17305" s="14" t="s">
        <v>52874</v>
      </c>
      <c r="E17305" s="2" t="s">
        <v>52875</v>
      </c>
      <c r="F17305" s="2" t="s">
        <v>36353</v>
      </c>
      <c r="G17305" s="8">
        <v>377</v>
      </c>
      <c r="H17305" s="5">
        <v>6</v>
      </c>
      <c r="I17305" s="5" t="s">
        <v>1518</v>
      </c>
      <c r="J17305" s="5" t="s">
        <v>36264</v>
      </c>
      <c r="K17305" s="2" t="s">
        <v>36265</v>
      </c>
      <c r="L17305" s="5" t="s">
        <v>36264</v>
      </c>
      <c r="M17305" s="2" t="s">
        <v>36265</v>
      </c>
      <c r="N17305" s="5" t="s">
        <v>36266</v>
      </c>
      <c r="O17305" s="5" t="s">
        <v>38</v>
      </c>
      <c r="P17305" s="5" t="s">
        <v>39</v>
      </c>
      <c r="Q17305" s="5" t="s">
        <v>40</v>
      </c>
      <c r="R17305" s="5" t="s">
        <v>1522</v>
      </c>
      <c r="S17305" s="5" t="s">
        <v>1523</v>
      </c>
      <c r="T17305" s="5" t="s">
        <v>42</v>
      </c>
      <c r="U17305" s="2">
        <v>3.6859999999999999</v>
      </c>
      <c r="V17305" s="2">
        <v>3.1139999999999999</v>
      </c>
      <c r="W17305" s="2">
        <v>1.7999999999999999E-2</v>
      </c>
      <c r="X17305" s="2">
        <v>139.1</v>
      </c>
      <c r="Y17305" s="2">
        <v>7.6</v>
      </c>
      <c r="Z17305" s="2">
        <v>16.7</v>
      </c>
      <c r="AA17305" s="5"/>
      <c r="AB17305" s="5" t="s">
        <v>43</v>
      </c>
      <c r="AC17305" s="5" t="s">
        <v>44</v>
      </c>
      <c r="AD17305" s="2"/>
      <c r="AE17305" s="1"/>
    </row>
    <row r="17306" spans="1:31" ht="14.45">
      <c r="A17306" s="11"/>
      <c r="B17306" s="20"/>
      <c r="C17306" s="2" t="s">
        <v>52876</v>
      </c>
      <c r="D17306" s="14" t="s">
        <v>52877</v>
      </c>
      <c r="E17306" s="2" t="s">
        <v>52878</v>
      </c>
      <c r="F17306" s="2" t="s">
        <v>36377</v>
      </c>
      <c r="G17306" s="8">
        <v>377</v>
      </c>
      <c r="H17306" s="5">
        <v>6</v>
      </c>
      <c r="I17306" s="5" t="s">
        <v>1518</v>
      </c>
      <c r="J17306" s="5" t="s">
        <v>36264</v>
      </c>
      <c r="K17306" s="2" t="s">
        <v>36265</v>
      </c>
      <c r="L17306" s="5" t="s">
        <v>36264</v>
      </c>
      <c r="M17306" s="2" t="s">
        <v>36265</v>
      </c>
      <c r="N17306" s="5" t="s">
        <v>36266</v>
      </c>
      <c r="O17306" s="5" t="s">
        <v>38</v>
      </c>
      <c r="P17306" s="5" t="s">
        <v>39</v>
      </c>
      <c r="Q17306" s="5" t="s">
        <v>40</v>
      </c>
      <c r="R17306" s="5" t="s">
        <v>1522</v>
      </c>
      <c r="S17306" s="5" t="s">
        <v>1523</v>
      </c>
      <c r="T17306" s="5" t="s">
        <v>42</v>
      </c>
      <c r="U17306" s="2">
        <v>3.6859999999999999</v>
      </c>
      <c r="V17306" s="2">
        <v>3.1139999999999999</v>
      </c>
      <c r="W17306" s="2">
        <v>1.7999999999999999E-2</v>
      </c>
      <c r="X17306" s="2">
        <v>139.1</v>
      </c>
      <c r="Y17306" s="2">
        <v>7.6</v>
      </c>
      <c r="Z17306" s="2">
        <v>16.7</v>
      </c>
      <c r="AA17306" s="5"/>
      <c r="AB17306" s="5" t="s">
        <v>43</v>
      </c>
      <c r="AC17306" s="5" t="s">
        <v>44</v>
      </c>
      <c r="AD17306" s="2"/>
      <c r="AE17306" s="1"/>
    </row>
    <row r="17307" spans="1:31" ht="14.45">
      <c r="A17307" s="11"/>
      <c r="B17307" s="20"/>
      <c r="C17307" s="2" t="s">
        <v>52879</v>
      </c>
      <c r="D17307" s="14" t="s">
        <v>52880</v>
      </c>
      <c r="E17307" s="2" t="s">
        <v>52881</v>
      </c>
      <c r="F17307" s="2" t="s">
        <v>36317</v>
      </c>
      <c r="G17307" s="8">
        <v>338</v>
      </c>
      <c r="H17307" s="5">
        <v>6</v>
      </c>
      <c r="I17307" s="5" t="s">
        <v>1518</v>
      </c>
      <c r="J17307" s="5" t="s">
        <v>36264</v>
      </c>
      <c r="K17307" s="2" t="s">
        <v>36265</v>
      </c>
      <c r="L17307" s="5" t="s">
        <v>36264</v>
      </c>
      <c r="M17307" s="2" t="s">
        <v>36265</v>
      </c>
      <c r="N17307" s="5" t="s">
        <v>36266</v>
      </c>
      <c r="O17307" s="5" t="s">
        <v>38</v>
      </c>
      <c r="P17307" s="5" t="s">
        <v>39</v>
      </c>
      <c r="Q17307" s="5" t="s">
        <v>40</v>
      </c>
      <c r="R17307" s="5" t="s">
        <v>1522</v>
      </c>
      <c r="S17307" s="5" t="s">
        <v>1523</v>
      </c>
      <c r="T17307" s="5" t="s">
        <v>42</v>
      </c>
      <c r="U17307" s="2">
        <v>2.92</v>
      </c>
      <c r="V17307" s="2">
        <v>2.3079999999999998</v>
      </c>
      <c r="W17307" s="2">
        <v>1.7999999999999999E-2</v>
      </c>
      <c r="X17307" s="2">
        <v>139.1</v>
      </c>
      <c r="Y17307" s="2">
        <v>7.6</v>
      </c>
      <c r="Z17307" s="2">
        <v>16.7</v>
      </c>
      <c r="AA17307" s="5"/>
      <c r="AB17307" s="5" t="s">
        <v>43</v>
      </c>
      <c r="AC17307" s="5" t="s">
        <v>44</v>
      </c>
      <c r="AD17307" s="2"/>
      <c r="AE17307" s="1"/>
    </row>
    <row r="17308" spans="1:31" ht="14.45">
      <c r="A17308" s="11"/>
      <c r="B17308" s="20"/>
      <c r="C17308" s="2" t="s">
        <v>52882</v>
      </c>
      <c r="D17308" s="14" t="s">
        <v>52883</v>
      </c>
      <c r="E17308" s="2" t="s">
        <v>52884</v>
      </c>
      <c r="F17308" s="2" t="s">
        <v>7204</v>
      </c>
      <c r="G17308" s="8">
        <v>311</v>
      </c>
      <c r="H17308" s="5">
        <v>6</v>
      </c>
      <c r="I17308" s="5" t="s">
        <v>1518</v>
      </c>
      <c r="J17308" s="5" t="s">
        <v>36264</v>
      </c>
      <c r="K17308" s="2" t="s">
        <v>36265</v>
      </c>
      <c r="L17308" s="5" t="s">
        <v>36264</v>
      </c>
      <c r="M17308" s="2" t="s">
        <v>36265</v>
      </c>
      <c r="N17308" s="5" t="s">
        <v>36266</v>
      </c>
      <c r="O17308" s="5" t="s">
        <v>38</v>
      </c>
      <c r="P17308" s="5" t="s">
        <v>39</v>
      </c>
      <c r="Q17308" s="5" t="s">
        <v>40</v>
      </c>
      <c r="R17308" s="5" t="s">
        <v>1522</v>
      </c>
      <c r="S17308" s="5" t="s">
        <v>1523</v>
      </c>
      <c r="T17308" s="5" t="s">
        <v>42</v>
      </c>
      <c r="U17308" s="2">
        <v>3.37</v>
      </c>
      <c r="V17308" s="2">
        <v>2.7829999999999999</v>
      </c>
      <c r="W17308" s="2">
        <v>1.7999999999999999E-2</v>
      </c>
      <c r="X17308" s="2">
        <v>139.1</v>
      </c>
      <c r="Y17308" s="2">
        <v>7.6</v>
      </c>
      <c r="Z17308" s="2">
        <v>16.7</v>
      </c>
      <c r="AA17308" s="5"/>
      <c r="AB17308" s="5" t="s">
        <v>43</v>
      </c>
      <c r="AC17308" s="5" t="s">
        <v>44</v>
      </c>
      <c r="AD17308" s="2"/>
      <c r="AE17308" s="1"/>
    </row>
    <row r="17309" spans="1:31" ht="14.45">
      <c r="A17309" s="11"/>
      <c r="B17309" s="20"/>
      <c r="C17309" s="2" t="s">
        <v>52885</v>
      </c>
      <c r="D17309" s="14" t="s">
        <v>52886</v>
      </c>
      <c r="E17309" s="2" t="s">
        <v>52887</v>
      </c>
      <c r="F17309" s="2" t="s">
        <v>7514</v>
      </c>
      <c r="G17309" s="8">
        <v>311</v>
      </c>
      <c r="H17309" s="5">
        <v>6</v>
      </c>
      <c r="I17309" s="5" t="s">
        <v>1518</v>
      </c>
      <c r="J17309" s="5" t="s">
        <v>36264</v>
      </c>
      <c r="K17309" s="2" t="s">
        <v>36265</v>
      </c>
      <c r="L17309" s="5" t="s">
        <v>36264</v>
      </c>
      <c r="M17309" s="2" t="s">
        <v>36265</v>
      </c>
      <c r="N17309" s="5" t="s">
        <v>36266</v>
      </c>
      <c r="O17309" s="5" t="s">
        <v>38</v>
      </c>
      <c r="P17309" s="5" t="s">
        <v>39</v>
      </c>
      <c r="Q17309" s="5" t="s">
        <v>40</v>
      </c>
      <c r="R17309" s="5" t="s">
        <v>1522</v>
      </c>
      <c r="S17309" s="5" t="s">
        <v>1523</v>
      </c>
      <c r="T17309" s="5" t="s">
        <v>42</v>
      </c>
      <c r="U17309" s="2">
        <v>3.47</v>
      </c>
      <c r="V17309" s="2">
        <v>2.883</v>
      </c>
      <c r="W17309" s="2">
        <v>1.7999999999999999E-2</v>
      </c>
      <c r="X17309" s="2">
        <v>139.1</v>
      </c>
      <c r="Y17309" s="2">
        <v>7.6</v>
      </c>
      <c r="Z17309" s="2">
        <v>16.7</v>
      </c>
      <c r="AA17309" s="5"/>
      <c r="AB17309" s="5" t="s">
        <v>43</v>
      </c>
      <c r="AC17309" s="5" t="s">
        <v>44</v>
      </c>
      <c r="AD17309" s="2"/>
      <c r="AE17309" s="1"/>
    </row>
    <row r="17310" spans="1:31" ht="14.45">
      <c r="A17310" s="11"/>
      <c r="B17310" s="20"/>
      <c r="C17310" s="2" t="s">
        <v>52888</v>
      </c>
      <c r="D17310" s="14" t="s">
        <v>52889</v>
      </c>
      <c r="E17310" s="2" t="s">
        <v>52890</v>
      </c>
      <c r="F17310" s="2" t="s">
        <v>36273</v>
      </c>
      <c r="G17310" s="8">
        <v>311</v>
      </c>
      <c r="H17310" s="5">
        <v>6</v>
      </c>
      <c r="I17310" s="5" t="s">
        <v>1518</v>
      </c>
      <c r="J17310" s="5" t="s">
        <v>36264</v>
      </c>
      <c r="K17310" s="2" t="s">
        <v>36265</v>
      </c>
      <c r="L17310" s="5" t="s">
        <v>36264</v>
      </c>
      <c r="M17310" s="2" t="s">
        <v>36265</v>
      </c>
      <c r="N17310" s="5" t="s">
        <v>36266</v>
      </c>
      <c r="O17310" s="5" t="s">
        <v>38</v>
      </c>
      <c r="P17310" s="5" t="s">
        <v>39</v>
      </c>
      <c r="Q17310" s="5" t="s">
        <v>40</v>
      </c>
      <c r="R17310" s="5" t="s">
        <v>1522</v>
      </c>
      <c r="S17310" s="5" t="s">
        <v>1523</v>
      </c>
      <c r="T17310" s="5" t="s">
        <v>42</v>
      </c>
      <c r="U17310" s="2">
        <v>3.37</v>
      </c>
      <c r="V17310" s="2">
        <v>2.7829999999999999</v>
      </c>
      <c r="W17310" s="2">
        <v>1.7999999999999999E-2</v>
      </c>
      <c r="X17310" s="2">
        <v>139.1</v>
      </c>
      <c r="Y17310" s="2">
        <v>7.6</v>
      </c>
      <c r="Z17310" s="2">
        <v>16.7</v>
      </c>
      <c r="AA17310" s="5"/>
      <c r="AB17310" s="5" t="s">
        <v>43</v>
      </c>
      <c r="AC17310" s="5" t="s">
        <v>44</v>
      </c>
      <c r="AD17310" s="2"/>
      <c r="AE17310" s="1"/>
    </row>
    <row r="17311" spans="1:31" ht="14.45">
      <c r="A17311" s="11"/>
      <c r="B17311" s="20"/>
      <c r="C17311" s="2" t="s">
        <v>52891</v>
      </c>
      <c r="D17311" s="14" t="s">
        <v>52892</v>
      </c>
      <c r="E17311" s="2" t="s">
        <v>52893</v>
      </c>
      <c r="F17311" s="2" t="s">
        <v>36277</v>
      </c>
      <c r="G17311" s="8">
        <v>311</v>
      </c>
      <c r="H17311" s="5">
        <v>6</v>
      </c>
      <c r="I17311" s="5" t="s">
        <v>1518</v>
      </c>
      <c r="J17311" s="5" t="s">
        <v>36264</v>
      </c>
      <c r="K17311" s="2" t="s">
        <v>36265</v>
      </c>
      <c r="L17311" s="5" t="s">
        <v>36264</v>
      </c>
      <c r="M17311" s="2" t="s">
        <v>36265</v>
      </c>
      <c r="N17311" s="5" t="s">
        <v>36266</v>
      </c>
      <c r="O17311" s="5" t="s">
        <v>38</v>
      </c>
      <c r="P17311" s="5" t="s">
        <v>39</v>
      </c>
      <c r="Q17311" s="5" t="s">
        <v>40</v>
      </c>
      <c r="R17311" s="5" t="s">
        <v>1522</v>
      </c>
      <c r="S17311" s="5" t="s">
        <v>1523</v>
      </c>
      <c r="T17311" s="5" t="s">
        <v>42</v>
      </c>
      <c r="U17311" s="2">
        <v>3.47</v>
      </c>
      <c r="V17311" s="2">
        <v>2.883</v>
      </c>
      <c r="W17311" s="2">
        <v>1.7999999999999999E-2</v>
      </c>
      <c r="X17311" s="2">
        <v>139.1</v>
      </c>
      <c r="Y17311" s="2">
        <v>7.6</v>
      </c>
      <c r="Z17311" s="2">
        <v>16.7</v>
      </c>
      <c r="AA17311" s="5"/>
      <c r="AB17311" s="5" t="s">
        <v>43</v>
      </c>
      <c r="AC17311" s="5" t="s">
        <v>44</v>
      </c>
      <c r="AD17311" s="2"/>
      <c r="AE17311" s="1"/>
    </row>
    <row r="17312" spans="1:31" ht="14.45">
      <c r="A17312" s="11"/>
      <c r="B17312" s="20"/>
      <c r="C17312" s="2" t="s">
        <v>52894</v>
      </c>
      <c r="D17312" s="14" t="s">
        <v>52895</v>
      </c>
      <c r="E17312" s="2" t="s">
        <v>52896</v>
      </c>
      <c r="F17312" s="2" t="s">
        <v>36281</v>
      </c>
      <c r="G17312" s="8">
        <v>338</v>
      </c>
      <c r="H17312" s="5">
        <v>6</v>
      </c>
      <c r="I17312" s="5" t="s">
        <v>1518</v>
      </c>
      <c r="J17312" s="5" t="s">
        <v>36264</v>
      </c>
      <c r="K17312" s="2" t="s">
        <v>36265</v>
      </c>
      <c r="L17312" s="5" t="s">
        <v>36264</v>
      </c>
      <c r="M17312" s="2" t="s">
        <v>36265</v>
      </c>
      <c r="N17312" s="5" t="s">
        <v>36266</v>
      </c>
      <c r="O17312" s="5" t="s">
        <v>38</v>
      </c>
      <c r="P17312" s="5" t="s">
        <v>39</v>
      </c>
      <c r="Q17312" s="5" t="s">
        <v>40</v>
      </c>
      <c r="R17312" s="5" t="s">
        <v>1522</v>
      </c>
      <c r="S17312" s="5" t="s">
        <v>1523</v>
      </c>
      <c r="T17312" s="5" t="s">
        <v>42</v>
      </c>
      <c r="U17312" s="2">
        <v>3.37</v>
      </c>
      <c r="V17312" s="2">
        <v>2.7829999999999999</v>
      </c>
      <c r="W17312" s="2">
        <v>1.7999999999999999E-2</v>
      </c>
      <c r="X17312" s="2">
        <v>139.1</v>
      </c>
      <c r="Y17312" s="2">
        <v>7.6</v>
      </c>
      <c r="Z17312" s="2">
        <v>16.7</v>
      </c>
      <c r="AA17312" s="5"/>
      <c r="AB17312" s="5" t="s">
        <v>43</v>
      </c>
      <c r="AC17312" s="5" t="s">
        <v>44</v>
      </c>
      <c r="AD17312" s="2"/>
      <c r="AE17312" s="1"/>
    </row>
    <row r="17313" spans="1:31" ht="14.45">
      <c r="A17313" s="11"/>
      <c r="B17313" s="20"/>
      <c r="C17313" s="2" t="s">
        <v>52897</v>
      </c>
      <c r="D17313" s="14" t="s">
        <v>52898</v>
      </c>
      <c r="E17313" s="2" t="s">
        <v>52899</v>
      </c>
      <c r="F17313" s="2" t="s">
        <v>36285</v>
      </c>
      <c r="G17313" s="8">
        <v>338</v>
      </c>
      <c r="H17313" s="5">
        <v>6</v>
      </c>
      <c r="I17313" s="5" t="s">
        <v>1518</v>
      </c>
      <c r="J17313" s="5" t="s">
        <v>36264</v>
      </c>
      <c r="K17313" s="2" t="s">
        <v>36265</v>
      </c>
      <c r="L17313" s="5" t="s">
        <v>36264</v>
      </c>
      <c r="M17313" s="2" t="s">
        <v>36265</v>
      </c>
      <c r="N17313" s="5" t="s">
        <v>36266</v>
      </c>
      <c r="O17313" s="5" t="s">
        <v>38</v>
      </c>
      <c r="P17313" s="5" t="s">
        <v>39</v>
      </c>
      <c r="Q17313" s="5" t="s">
        <v>40</v>
      </c>
      <c r="R17313" s="5" t="s">
        <v>1522</v>
      </c>
      <c r="S17313" s="5" t="s">
        <v>1523</v>
      </c>
      <c r="T17313" s="5" t="s">
        <v>42</v>
      </c>
      <c r="U17313" s="2">
        <v>3.47</v>
      </c>
      <c r="V17313" s="2">
        <v>2.883</v>
      </c>
      <c r="W17313" s="2">
        <v>1.7999999999999999E-2</v>
      </c>
      <c r="X17313" s="2">
        <v>139.1</v>
      </c>
      <c r="Y17313" s="2">
        <v>7.6</v>
      </c>
      <c r="Z17313" s="2">
        <v>16.7</v>
      </c>
      <c r="AA17313" s="5"/>
      <c r="AB17313" s="5" t="s">
        <v>43</v>
      </c>
      <c r="AC17313" s="5" t="s">
        <v>44</v>
      </c>
      <c r="AD17313" s="2"/>
      <c r="AE17313" s="1"/>
    </row>
    <row r="17314" spans="1:31" ht="14.45">
      <c r="A17314" s="11"/>
      <c r="B17314" s="20"/>
      <c r="C17314" s="2" t="s">
        <v>52900</v>
      </c>
      <c r="D17314" s="14" t="s">
        <v>52901</v>
      </c>
      <c r="E17314" s="2" t="s">
        <v>52902</v>
      </c>
      <c r="F17314" s="2" t="s">
        <v>36289</v>
      </c>
      <c r="G17314" s="8">
        <v>338</v>
      </c>
      <c r="H17314" s="5">
        <v>6</v>
      </c>
      <c r="I17314" s="5" t="s">
        <v>1518</v>
      </c>
      <c r="J17314" s="5" t="s">
        <v>36264</v>
      </c>
      <c r="K17314" s="2" t="s">
        <v>36265</v>
      </c>
      <c r="L17314" s="5" t="s">
        <v>36264</v>
      </c>
      <c r="M17314" s="2" t="s">
        <v>36265</v>
      </c>
      <c r="N17314" s="5" t="s">
        <v>36266</v>
      </c>
      <c r="O17314" s="5" t="s">
        <v>38</v>
      </c>
      <c r="P17314" s="5" t="s">
        <v>39</v>
      </c>
      <c r="Q17314" s="5" t="s">
        <v>40</v>
      </c>
      <c r="R17314" s="5" t="s">
        <v>1522</v>
      </c>
      <c r="S17314" s="5" t="s">
        <v>1523</v>
      </c>
      <c r="T17314" s="5" t="s">
        <v>42</v>
      </c>
      <c r="U17314" s="2">
        <v>3.37</v>
      </c>
      <c r="V17314" s="2">
        <v>2.7829999999999999</v>
      </c>
      <c r="W17314" s="2">
        <v>1.7999999999999999E-2</v>
      </c>
      <c r="X17314" s="2">
        <v>139.1</v>
      </c>
      <c r="Y17314" s="2">
        <v>7.6</v>
      </c>
      <c r="Z17314" s="2">
        <v>16.7</v>
      </c>
      <c r="AA17314" s="5"/>
      <c r="AB17314" s="5" t="s">
        <v>43</v>
      </c>
      <c r="AC17314" s="5" t="s">
        <v>44</v>
      </c>
      <c r="AD17314" s="2"/>
      <c r="AE17314" s="1"/>
    </row>
    <row r="17315" spans="1:31" ht="14.45">
      <c r="A17315" s="11"/>
      <c r="B17315" s="20"/>
      <c r="C17315" s="2" t="s">
        <v>52903</v>
      </c>
      <c r="D17315" s="14" t="s">
        <v>52904</v>
      </c>
      <c r="E17315" s="2" t="s">
        <v>52905</v>
      </c>
      <c r="F17315" s="2" t="s">
        <v>36293</v>
      </c>
      <c r="G17315" s="8">
        <v>338</v>
      </c>
      <c r="H17315" s="5">
        <v>6</v>
      </c>
      <c r="I17315" s="5" t="s">
        <v>1518</v>
      </c>
      <c r="J17315" s="5" t="s">
        <v>36264</v>
      </c>
      <c r="K17315" s="2" t="s">
        <v>36265</v>
      </c>
      <c r="L17315" s="5" t="s">
        <v>36264</v>
      </c>
      <c r="M17315" s="2" t="s">
        <v>36265</v>
      </c>
      <c r="N17315" s="5" t="s">
        <v>36266</v>
      </c>
      <c r="O17315" s="5" t="s">
        <v>38</v>
      </c>
      <c r="P17315" s="5" t="s">
        <v>39</v>
      </c>
      <c r="Q17315" s="5" t="s">
        <v>40</v>
      </c>
      <c r="R17315" s="5" t="s">
        <v>1522</v>
      </c>
      <c r="S17315" s="5" t="s">
        <v>1523</v>
      </c>
      <c r="T17315" s="5" t="s">
        <v>42</v>
      </c>
      <c r="U17315" s="2">
        <v>3.47</v>
      </c>
      <c r="V17315" s="2">
        <v>2.883</v>
      </c>
      <c r="W17315" s="2">
        <v>1.7999999999999999E-2</v>
      </c>
      <c r="X17315" s="2">
        <v>139.1</v>
      </c>
      <c r="Y17315" s="2">
        <v>7.6</v>
      </c>
      <c r="Z17315" s="2">
        <v>16.7</v>
      </c>
      <c r="AA17315" s="5"/>
      <c r="AB17315" s="5" t="s">
        <v>43</v>
      </c>
      <c r="AC17315" s="5" t="s">
        <v>44</v>
      </c>
      <c r="AD17315" s="2"/>
      <c r="AE17315" s="1"/>
    </row>
    <row r="17316" spans="1:31" ht="14.45">
      <c r="A17316" s="11"/>
      <c r="B17316" s="20"/>
      <c r="C17316" s="2" t="s">
        <v>52906</v>
      </c>
      <c r="D17316" s="14" t="s">
        <v>52907</v>
      </c>
      <c r="E17316" s="2" t="s">
        <v>52908</v>
      </c>
      <c r="F17316" s="2" t="s">
        <v>36297</v>
      </c>
      <c r="G17316" s="8">
        <v>311</v>
      </c>
      <c r="H17316" s="5">
        <v>6</v>
      </c>
      <c r="I17316" s="5" t="s">
        <v>1518</v>
      </c>
      <c r="J17316" s="5" t="s">
        <v>36264</v>
      </c>
      <c r="K17316" s="2" t="s">
        <v>36265</v>
      </c>
      <c r="L17316" s="5" t="s">
        <v>36264</v>
      </c>
      <c r="M17316" s="2" t="s">
        <v>36265</v>
      </c>
      <c r="N17316" s="5" t="s">
        <v>36266</v>
      </c>
      <c r="O17316" s="5" t="s">
        <v>38</v>
      </c>
      <c r="P17316" s="5" t="s">
        <v>39</v>
      </c>
      <c r="Q17316" s="5" t="s">
        <v>40</v>
      </c>
      <c r="R17316" s="5" t="s">
        <v>1522</v>
      </c>
      <c r="S17316" s="5" t="s">
        <v>1523</v>
      </c>
      <c r="T17316" s="5" t="s">
        <v>42</v>
      </c>
      <c r="U17316" s="2">
        <v>3.37</v>
      </c>
      <c r="V17316" s="2">
        <v>2.7829999999999999</v>
      </c>
      <c r="W17316" s="2">
        <v>1.7999999999999999E-2</v>
      </c>
      <c r="X17316" s="2">
        <v>139.1</v>
      </c>
      <c r="Y17316" s="2">
        <v>7.6</v>
      </c>
      <c r="Z17316" s="2">
        <v>16.7</v>
      </c>
      <c r="AA17316" s="5"/>
      <c r="AB17316" s="5" t="s">
        <v>43</v>
      </c>
      <c r="AC17316" s="5" t="s">
        <v>44</v>
      </c>
      <c r="AD17316" s="2"/>
      <c r="AE17316" s="1"/>
    </row>
    <row r="17317" spans="1:31" ht="14.45">
      <c r="A17317" s="11"/>
      <c r="B17317" s="20"/>
      <c r="C17317" s="2" t="s">
        <v>52909</v>
      </c>
      <c r="D17317" s="14" t="s">
        <v>52910</v>
      </c>
      <c r="E17317" s="2" t="s">
        <v>52911</v>
      </c>
      <c r="F17317" s="2" t="s">
        <v>36301</v>
      </c>
      <c r="G17317" s="8">
        <v>311</v>
      </c>
      <c r="H17317" s="5">
        <v>6</v>
      </c>
      <c r="I17317" s="5" t="s">
        <v>1518</v>
      </c>
      <c r="J17317" s="5" t="s">
        <v>36264</v>
      </c>
      <c r="K17317" s="2" t="s">
        <v>36265</v>
      </c>
      <c r="L17317" s="5" t="s">
        <v>36264</v>
      </c>
      <c r="M17317" s="2" t="s">
        <v>36265</v>
      </c>
      <c r="N17317" s="5" t="s">
        <v>36266</v>
      </c>
      <c r="O17317" s="5" t="s">
        <v>38</v>
      </c>
      <c r="P17317" s="5" t="s">
        <v>39</v>
      </c>
      <c r="Q17317" s="5" t="s">
        <v>40</v>
      </c>
      <c r="R17317" s="5" t="s">
        <v>1522</v>
      </c>
      <c r="S17317" s="5" t="s">
        <v>1523</v>
      </c>
      <c r="T17317" s="5" t="s">
        <v>42</v>
      </c>
      <c r="U17317" s="2">
        <v>3.47</v>
      </c>
      <c r="V17317" s="2">
        <v>2.883</v>
      </c>
      <c r="W17317" s="2">
        <v>1.7999999999999999E-2</v>
      </c>
      <c r="X17317" s="2">
        <v>139.1</v>
      </c>
      <c r="Y17317" s="2">
        <v>7.6</v>
      </c>
      <c r="Z17317" s="2">
        <v>16.7</v>
      </c>
      <c r="AA17317" s="5"/>
      <c r="AB17317" s="5" t="s">
        <v>43</v>
      </c>
      <c r="AC17317" s="5" t="s">
        <v>44</v>
      </c>
      <c r="AD17317" s="2"/>
      <c r="AE17317" s="1"/>
    </row>
    <row r="17318" spans="1:31" ht="14.45">
      <c r="A17318" s="11"/>
      <c r="B17318" s="20"/>
      <c r="C17318" s="2" t="s">
        <v>52912</v>
      </c>
      <c r="D17318" s="14" t="s">
        <v>52913</v>
      </c>
      <c r="E17318" s="2" t="s">
        <v>52914</v>
      </c>
      <c r="F17318" s="2" t="s">
        <v>36305</v>
      </c>
      <c r="G17318" s="8">
        <v>311</v>
      </c>
      <c r="H17318" s="5">
        <v>6</v>
      </c>
      <c r="I17318" s="5" t="s">
        <v>1518</v>
      </c>
      <c r="J17318" s="5" t="s">
        <v>36264</v>
      </c>
      <c r="K17318" s="2" t="s">
        <v>36265</v>
      </c>
      <c r="L17318" s="5" t="s">
        <v>36264</v>
      </c>
      <c r="M17318" s="2" t="s">
        <v>36265</v>
      </c>
      <c r="N17318" s="5" t="s">
        <v>36266</v>
      </c>
      <c r="O17318" s="5" t="s">
        <v>38</v>
      </c>
      <c r="P17318" s="5" t="s">
        <v>39</v>
      </c>
      <c r="Q17318" s="5" t="s">
        <v>40</v>
      </c>
      <c r="R17318" s="5" t="s">
        <v>1522</v>
      </c>
      <c r="S17318" s="5" t="s">
        <v>1523</v>
      </c>
      <c r="T17318" s="5" t="s">
        <v>42</v>
      </c>
      <c r="U17318" s="2">
        <v>3.37</v>
      </c>
      <c r="V17318" s="2">
        <v>2.7829999999999999</v>
      </c>
      <c r="W17318" s="2">
        <v>1.7999999999999999E-2</v>
      </c>
      <c r="X17318" s="2">
        <v>139.1</v>
      </c>
      <c r="Y17318" s="2">
        <v>7.6</v>
      </c>
      <c r="Z17318" s="2">
        <v>16.7</v>
      </c>
      <c r="AA17318" s="5"/>
      <c r="AB17318" s="5" t="s">
        <v>43</v>
      </c>
      <c r="AC17318" s="5" t="s">
        <v>44</v>
      </c>
      <c r="AD17318" s="2"/>
      <c r="AE17318" s="1"/>
    </row>
    <row r="17319" spans="1:31" ht="14.45">
      <c r="A17319" s="11"/>
      <c r="B17319" s="20"/>
      <c r="C17319" s="2" t="s">
        <v>52915</v>
      </c>
      <c r="D17319" s="14" t="s">
        <v>52916</v>
      </c>
      <c r="E17319" s="2" t="s">
        <v>52917</v>
      </c>
      <c r="F17319" s="2" t="s">
        <v>36309</v>
      </c>
      <c r="G17319" s="8">
        <v>311</v>
      </c>
      <c r="H17319" s="5">
        <v>6</v>
      </c>
      <c r="I17319" s="5" t="s">
        <v>1518</v>
      </c>
      <c r="J17319" s="5" t="s">
        <v>36264</v>
      </c>
      <c r="K17319" s="2" t="s">
        <v>36265</v>
      </c>
      <c r="L17319" s="5" t="s">
        <v>36264</v>
      </c>
      <c r="M17319" s="2" t="s">
        <v>36265</v>
      </c>
      <c r="N17319" s="5" t="s">
        <v>36266</v>
      </c>
      <c r="O17319" s="5" t="s">
        <v>38</v>
      </c>
      <c r="P17319" s="5" t="s">
        <v>39</v>
      </c>
      <c r="Q17319" s="5" t="s">
        <v>40</v>
      </c>
      <c r="R17319" s="5" t="s">
        <v>1522</v>
      </c>
      <c r="S17319" s="5" t="s">
        <v>1523</v>
      </c>
      <c r="T17319" s="5" t="s">
        <v>42</v>
      </c>
      <c r="U17319" s="2">
        <v>3.47</v>
      </c>
      <c r="V17319" s="2">
        <v>2.883</v>
      </c>
      <c r="W17319" s="2">
        <v>1.7999999999999999E-2</v>
      </c>
      <c r="X17319" s="2">
        <v>139.1</v>
      </c>
      <c r="Y17319" s="2">
        <v>7.6</v>
      </c>
      <c r="Z17319" s="2">
        <v>16.7</v>
      </c>
      <c r="AA17319" s="5"/>
      <c r="AB17319" s="5" t="s">
        <v>43</v>
      </c>
      <c r="AC17319" s="5" t="s">
        <v>44</v>
      </c>
      <c r="AD17319" s="2"/>
      <c r="AE17319" s="1"/>
    </row>
    <row r="17320" spans="1:31" ht="14.45">
      <c r="A17320" s="11"/>
      <c r="B17320" s="20"/>
      <c r="C17320" s="2" t="s">
        <v>52918</v>
      </c>
      <c r="D17320" s="14" t="s">
        <v>52919</v>
      </c>
      <c r="E17320" s="2" t="s">
        <v>52920</v>
      </c>
      <c r="F17320" s="2" t="s">
        <v>36313</v>
      </c>
      <c r="G17320" s="8">
        <v>338</v>
      </c>
      <c r="H17320" s="5">
        <v>6</v>
      </c>
      <c r="I17320" s="5" t="s">
        <v>1518</v>
      </c>
      <c r="J17320" s="5" t="s">
        <v>36264</v>
      </c>
      <c r="K17320" s="2" t="s">
        <v>36265</v>
      </c>
      <c r="L17320" s="5" t="s">
        <v>36264</v>
      </c>
      <c r="M17320" s="2" t="s">
        <v>36265</v>
      </c>
      <c r="N17320" s="5" t="s">
        <v>36266</v>
      </c>
      <c r="O17320" s="5" t="s">
        <v>38</v>
      </c>
      <c r="P17320" s="5" t="s">
        <v>39</v>
      </c>
      <c r="Q17320" s="5" t="s">
        <v>40</v>
      </c>
      <c r="R17320" s="5" t="s">
        <v>1522</v>
      </c>
      <c r="S17320" s="5" t="s">
        <v>1523</v>
      </c>
      <c r="T17320" s="5" t="s">
        <v>42</v>
      </c>
      <c r="U17320" s="2">
        <v>3.37</v>
      </c>
      <c r="V17320" s="2">
        <v>2.7829999999999999</v>
      </c>
      <c r="W17320" s="2">
        <v>1.7999999999999999E-2</v>
      </c>
      <c r="X17320" s="2">
        <v>139.1</v>
      </c>
      <c r="Y17320" s="2">
        <v>7.6</v>
      </c>
      <c r="Z17320" s="2">
        <v>16.7</v>
      </c>
      <c r="AA17320" s="5"/>
      <c r="AB17320" s="5" t="s">
        <v>43</v>
      </c>
      <c r="AC17320" s="5" t="s">
        <v>44</v>
      </c>
      <c r="AD17320" s="2"/>
      <c r="AE17320" s="1"/>
    </row>
    <row r="17321" spans="1:31" ht="14.45">
      <c r="A17321" s="11"/>
      <c r="B17321" s="20"/>
      <c r="C17321" s="2" t="s">
        <v>52921</v>
      </c>
      <c r="D17321" s="14" t="s">
        <v>52922</v>
      </c>
      <c r="E17321" s="2" t="s">
        <v>52923</v>
      </c>
      <c r="F17321" s="2" t="s">
        <v>36317</v>
      </c>
      <c r="G17321" s="8">
        <v>338</v>
      </c>
      <c r="H17321" s="5">
        <v>6</v>
      </c>
      <c r="I17321" s="5" t="s">
        <v>1518</v>
      </c>
      <c r="J17321" s="5" t="s">
        <v>36264</v>
      </c>
      <c r="K17321" s="2" t="s">
        <v>36265</v>
      </c>
      <c r="L17321" s="5" t="s">
        <v>36264</v>
      </c>
      <c r="M17321" s="2" t="s">
        <v>36265</v>
      </c>
      <c r="N17321" s="5" t="s">
        <v>36266</v>
      </c>
      <c r="O17321" s="5" t="s">
        <v>38</v>
      </c>
      <c r="P17321" s="5" t="s">
        <v>39</v>
      </c>
      <c r="Q17321" s="5" t="s">
        <v>40</v>
      </c>
      <c r="R17321" s="5" t="s">
        <v>1522</v>
      </c>
      <c r="S17321" s="5" t="s">
        <v>1523</v>
      </c>
      <c r="T17321" s="5" t="s">
        <v>42</v>
      </c>
      <c r="U17321" s="2">
        <v>3.47</v>
      </c>
      <c r="V17321" s="2">
        <v>2.883</v>
      </c>
      <c r="W17321" s="2">
        <v>1.7999999999999999E-2</v>
      </c>
      <c r="X17321" s="2">
        <v>139.1</v>
      </c>
      <c r="Y17321" s="2">
        <v>7.6</v>
      </c>
      <c r="Z17321" s="2">
        <v>16.7</v>
      </c>
      <c r="AA17321" s="5"/>
      <c r="AB17321" s="5" t="s">
        <v>43</v>
      </c>
      <c r="AC17321" s="5" t="s">
        <v>44</v>
      </c>
      <c r="AD17321" s="2"/>
      <c r="AE17321" s="1"/>
    </row>
    <row r="17322" spans="1:31" ht="14.45">
      <c r="A17322" s="11"/>
      <c r="B17322" s="20"/>
      <c r="C17322" s="2" t="s">
        <v>52924</v>
      </c>
      <c r="D17322" s="14" t="s">
        <v>52925</v>
      </c>
      <c r="E17322" s="2" t="s">
        <v>52926</v>
      </c>
      <c r="F17322" s="2" t="s">
        <v>36321</v>
      </c>
      <c r="G17322" s="8">
        <v>338</v>
      </c>
      <c r="H17322" s="5">
        <v>6</v>
      </c>
      <c r="I17322" s="5" t="s">
        <v>1518</v>
      </c>
      <c r="J17322" s="5" t="s">
        <v>36264</v>
      </c>
      <c r="K17322" s="2" t="s">
        <v>36265</v>
      </c>
      <c r="L17322" s="5" t="s">
        <v>36264</v>
      </c>
      <c r="M17322" s="2" t="s">
        <v>36265</v>
      </c>
      <c r="N17322" s="5" t="s">
        <v>36266</v>
      </c>
      <c r="O17322" s="5" t="s">
        <v>38</v>
      </c>
      <c r="P17322" s="5" t="s">
        <v>39</v>
      </c>
      <c r="Q17322" s="5" t="s">
        <v>40</v>
      </c>
      <c r="R17322" s="5" t="s">
        <v>1522</v>
      </c>
      <c r="S17322" s="5" t="s">
        <v>1523</v>
      </c>
      <c r="T17322" s="5" t="s">
        <v>42</v>
      </c>
      <c r="U17322" s="2">
        <v>3.37</v>
      </c>
      <c r="V17322" s="2">
        <v>2.7829999999999999</v>
      </c>
      <c r="W17322" s="2">
        <v>1.7999999999999999E-2</v>
      </c>
      <c r="X17322" s="2">
        <v>139.1</v>
      </c>
      <c r="Y17322" s="2">
        <v>7.6</v>
      </c>
      <c r="Z17322" s="2">
        <v>16.7</v>
      </c>
      <c r="AA17322" s="5"/>
      <c r="AB17322" s="5" t="s">
        <v>43</v>
      </c>
      <c r="AC17322" s="5" t="s">
        <v>44</v>
      </c>
      <c r="AD17322" s="2"/>
      <c r="AE17322" s="1"/>
    </row>
    <row r="17323" spans="1:31" ht="14.45">
      <c r="A17323" s="11"/>
      <c r="B17323" s="20"/>
      <c r="C17323" s="2" t="s">
        <v>52927</v>
      </c>
      <c r="D17323" s="14" t="s">
        <v>52928</v>
      </c>
      <c r="E17323" s="2" t="s">
        <v>52929</v>
      </c>
      <c r="F17323" s="2" t="s">
        <v>36325</v>
      </c>
      <c r="G17323" s="8">
        <v>338</v>
      </c>
      <c r="H17323" s="5">
        <v>6</v>
      </c>
      <c r="I17323" s="5" t="s">
        <v>1518</v>
      </c>
      <c r="J17323" s="5" t="s">
        <v>36264</v>
      </c>
      <c r="K17323" s="2" t="s">
        <v>36265</v>
      </c>
      <c r="L17323" s="5" t="s">
        <v>36264</v>
      </c>
      <c r="M17323" s="2" t="s">
        <v>36265</v>
      </c>
      <c r="N17323" s="5" t="s">
        <v>36266</v>
      </c>
      <c r="O17323" s="5" t="s">
        <v>38</v>
      </c>
      <c r="P17323" s="5" t="s">
        <v>39</v>
      </c>
      <c r="Q17323" s="5" t="s">
        <v>40</v>
      </c>
      <c r="R17323" s="5" t="s">
        <v>1522</v>
      </c>
      <c r="S17323" s="5" t="s">
        <v>1523</v>
      </c>
      <c r="T17323" s="5" t="s">
        <v>42</v>
      </c>
      <c r="U17323" s="2">
        <v>3.47</v>
      </c>
      <c r="V17323" s="2">
        <v>2.883</v>
      </c>
      <c r="W17323" s="2">
        <v>1.7999999999999999E-2</v>
      </c>
      <c r="X17323" s="2">
        <v>139.1</v>
      </c>
      <c r="Y17323" s="2">
        <v>7.6</v>
      </c>
      <c r="Z17323" s="2">
        <v>16.7</v>
      </c>
      <c r="AA17323" s="5"/>
      <c r="AB17323" s="5" t="s">
        <v>43</v>
      </c>
      <c r="AC17323" s="5" t="s">
        <v>44</v>
      </c>
      <c r="AD17323" s="2"/>
      <c r="AE17323" s="1"/>
    </row>
    <row r="17324" spans="1:31" ht="14.45">
      <c r="A17324" s="11"/>
      <c r="B17324" s="20"/>
      <c r="C17324" s="2" t="s">
        <v>52930</v>
      </c>
      <c r="D17324" s="14" t="s">
        <v>52931</v>
      </c>
      <c r="E17324" s="2" t="s">
        <v>52932</v>
      </c>
      <c r="F17324" s="2" t="s">
        <v>36329</v>
      </c>
      <c r="G17324" s="8">
        <v>338</v>
      </c>
      <c r="H17324" s="5">
        <v>6</v>
      </c>
      <c r="I17324" s="5" t="s">
        <v>1518</v>
      </c>
      <c r="J17324" s="5" t="s">
        <v>36264</v>
      </c>
      <c r="K17324" s="2" t="s">
        <v>36265</v>
      </c>
      <c r="L17324" s="5" t="s">
        <v>36264</v>
      </c>
      <c r="M17324" s="2" t="s">
        <v>36265</v>
      </c>
      <c r="N17324" s="5" t="s">
        <v>36266</v>
      </c>
      <c r="O17324" s="5" t="s">
        <v>38</v>
      </c>
      <c r="P17324" s="5" t="s">
        <v>39</v>
      </c>
      <c r="Q17324" s="5" t="s">
        <v>40</v>
      </c>
      <c r="R17324" s="5" t="s">
        <v>1522</v>
      </c>
      <c r="S17324" s="5" t="s">
        <v>1523</v>
      </c>
      <c r="T17324" s="5" t="s">
        <v>42</v>
      </c>
      <c r="U17324" s="2">
        <v>3.37</v>
      </c>
      <c r="V17324" s="2">
        <v>2.7829999999999999</v>
      </c>
      <c r="W17324" s="2">
        <v>1.7999999999999999E-2</v>
      </c>
      <c r="X17324" s="2">
        <v>139.1</v>
      </c>
      <c r="Y17324" s="2">
        <v>7.6</v>
      </c>
      <c r="Z17324" s="2">
        <v>16.7</v>
      </c>
      <c r="AA17324" s="5"/>
      <c r="AB17324" s="5" t="s">
        <v>43</v>
      </c>
      <c r="AC17324" s="5" t="s">
        <v>44</v>
      </c>
      <c r="AD17324" s="2"/>
      <c r="AE17324" s="1"/>
    </row>
    <row r="17325" spans="1:31" ht="14.45">
      <c r="A17325" s="11"/>
      <c r="B17325" s="20"/>
      <c r="C17325" s="2" t="s">
        <v>52933</v>
      </c>
      <c r="D17325" s="14" t="s">
        <v>52934</v>
      </c>
      <c r="E17325" s="2" t="s">
        <v>52935</v>
      </c>
      <c r="F17325" s="2" t="s">
        <v>36333</v>
      </c>
      <c r="G17325" s="8">
        <v>338</v>
      </c>
      <c r="H17325" s="5">
        <v>6</v>
      </c>
      <c r="I17325" s="5" t="s">
        <v>1518</v>
      </c>
      <c r="J17325" s="5" t="s">
        <v>36264</v>
      </c>
      <c r="K17325" s="2" t="s">
        <v>36265</v>
      </c>
      <c r="L17325" s="5" t="s">
        <v>36264</v>
      </c>
      <c r="M17325" s="2" t="s">
        <v>36265</v>
      </c>
      <c r="N17325" s="5" t="s">
        <v>36266</v>
      </c>
      <c r="O17325" s="5" t="s">
        <v>38</v>
      </c>
      <c r="P17325" s="5" t="s">
        <v>39</v>
      </c>
      <c r="Q17325" s="5" t="s">
        <v>40</v>
      </c>
      <c r="R17325" s="5" t="s">
        <v>1522</v>
      </c>
      <c r="S17325" s="5" t="s">
        <v>1523</v>
      </c>
      <c r="T17325" s="5" t="s">
        <v>42</v>
      </c>
      <c r="U17325" s="2">
        <v>3.47</v>
      </c>
      <c r="V17325" s="2">
        <v>2.883</v>
      </c>
      <c r="W17325" s="2">
        <v>1.7999999999999999E-2</v>
      </c>
      <c r="X17325" s="2">
        <v>139.1</v>
      </c>
      <c r="Y17325" s="2">
        <v>7.6</v>
      </c>
      <c r="Z17325" s="2">
        <v>16.7</v>
      </c>
      <c r="AA17325" s="5"/>
      <c r="AB17325" s="5" t="s">
        <v>43</v>
      </c>
      <c r="AC17325" s="5" t="s">
        <v>44</v>
      </c>
      <c r="AD17325" s="2"/>
      <c r="AE17325" s="1"/>
    </row>
    <row r="17326" spans="1:31" ht="14.45">
      <c r="A17326" s="11"/>
      <c r="B17326" s="20"/>
      <c r="C17326" s="2" t="s">
        <v>52936</v>
      </c>
      <c r="D17326" s="14" t="s">
        <v>52937</v>
      </c>
      <c r="E17326" s="2" t="s">
        <v>52938</v>
      </c>
      <c r="F17326" s="2" t="s">
        <v>36337</v>
      </c>
      <c r="G17326" s="8">
        <v>338</v>
      </c>
      <c r="H17326" s="5">
        <v>6</v>
      </c>
      <c r="I17326" s="5" t="s">
        <v>1518</v>
      </c>
      <c r="J17326" s="5" t="s">
        <v>36264</v>
      </c>
      <c r="K17326" s="2" t="s">
        <v>36265</v>
      </c>
      <c r="L17326" s="5" t="s">
        <v>36264</v>
      </c>
      <c r="M17326" s="2" t="s">
        <v>36265</v>
      </c>
      <c r="N17326" s="5" t="s">
        <v>36266</v>
      </c>
      <c r="O17326" s="5" t="s">
        <v>38</v>
      </c>
      <c r="P17326" s="5" t="s">
        <v>39</v>
      </c>
      <c r="Q17326" s="5" t="s">
        <v>40</v>
      </c>
      <c r="R17326" s="5" t="s">
        <v>1522</v>
      </c>
      <c r="S17326" s="5" t="s">
        <v>1523</v>
      </c>
      <c r="T17326" s="5" t="s">
        <v>42</v>
      </c>
      <c r="U17326" s="2">
        <v>3.37</v>
      </c>
      <c r="V17326" s="2">
        <v>2.7829999999999999</v>
      </c>
      <c r="W17326" s="2">
        <v>1.7999999999999999E-2</v>
      </c>
      <c r="X17326" s="2">
        <v>139.1</v>
      </c>
      <c r="Y17326" s="2">
        <v>7.6</v>
      </c>
      <c r="Z17326" s="2">
        <v>16.7</v>
      </c>
      <c r="AA17326" s="5"/>
      <c r="AB17326" s="5" t="s">
        <v>43</v>
      </c>
      <c r="AC17326" s="5" t="s">
        <v>44</v>
      </c>
      <c r="AD17326" s="2"/>
      <c r="AE17326" s="1"/>
    </row>
    <row r="17327" spans="1:31" ht="14.45">
      <c r="A17327" s="11"/>
      <c r="B17327" s="20"/>
      <c r="C17327" s="2" t="s">
        <v>52939</v>
      </c>
      <c r="D17327" s="14" t="s">
        <v>52940</v>
      </c>
      <c r="E17327" s="2" t="s">
        <v>52941</v>
      </c>
      <c r="F17327" s="2" t="s">
        <v>36341</v>
      </c>
      <c r="G17327" s="8">
        <v>338</v>
      </c>
      <c r="H17327" s="5">
        <v>6</v>
      </c>
      <c r="I17327" s="5" t="s">
        <v>1518</v>
      </c>
      <c r="J17327" s="5" t="s">
        <v>36264</v>
      </c>
      <c r="K17327" s="2" t="s">
        <v>36265</v>
      </c>
      <c r="L17327" s="5" t="s">
        <v>36264</v>
      </c>
      <c r="M17327" s="2" t="s">
        <v>36265</v>
      </c>
      <c r="N17327" s="5" t="s">
        <v>36266</v>
      </c>
      <c r="O17327" s="5" t="s">
        <v>38</v>
      </c>
      <c r="P17327" s="5" t="s">
        <v>39</v>
      </c>
      <c r="Q17327" s="5" t="s">
        <v>40</v>
      </c>
      <c r="R17327" s="5" t="s">
        <v>1522</v>
      </c>
      <c r="S17327" s="5" t="s">
        <v>1523</v>
      </c>
      <c r="T17327" s="5" t="s">
        <v>42</v>
      </c>
      <c r="U17327" s="2">
        <v>3.47</v>
      </c>
      <c r="V17327" s="2">
        <v>2.883</v>
      </c>
      <c r="W17327" s="2">
        <v>1.7999999999999999E-2</v>
      </c>
      <c r="X17327" s="2">
        <v>139.1</v>
      </c>
      <c r="Y17327" s="2">
        <v>7.6</v>
      </c>
      <c r="Z17327" s="2">
        <v>16.7</v>
      </c>
      <c r="AA17327" s="5"/>
      <c r="AB17327" s="5" t="s">
        <v>43</v>
      </c>
      <c r="AC17327" s="5" t="s">
        <v>44</v>
      </c>
      <c r="AD17327" s="2"/>
      <c r="AE17327" s="1"/>
    </row>
    <row r="17328" spans="1:31" ht="14.45">
      <c r="A17328" s="11"/>
      <c r="B17328" s="20"/>
      <c r="C17328" s="2" t="s">
        <v>52942</v>
      </c>
      <c r="D17328" s="14" t="s">
        <v>52943</v>
      </c>
      <c r="E17328" s="2" t="s">
        <v>52944</v>
      </c>
      <c r="F17328" s="2" t="s">
        <v>36345</v>
      </c>
      <c r="G17328" s="8">
        <v>338</v>
      </c>
      <c r="H17328" s="5">
        <v>6</v>
      </c>
      <c r="I17328" s="5" t="s">
        <v>1518</v>
      </c>
      <c r="J17328" s="5" t="s">
        <v>36264</v>
      </c>
      <c r="K17328" s="2" t="s">
        <v>36265</v>
      </c>
      <c r="L17328" s="5" t="s">
        <v>36264</v>
      </c>
      <c r="M17328" s="2" t="s">
        <v>36265</v>
      </c>
      <c r="N17328" s="5" t="s">
        <v>36266</v>
      </c>
      <c r="O17328" s="5" t="s">
        <v>38</v>
      </c>
      <c r="P17328" s="5" t="s">
        <v>39</v>
      </c>
      <c r="Q17328" s="5" t="s">
        <v>40</v>
      </c>
      <c r="R17328" s="5" t="s">
        <v>1522</v>
      </c>
      <c r="S17328" s="5" t="s">
        <v>1523</v>
      </c>
      <c r="T17328" s="5" t="s">
        <v>42</v>
      </c>
      <c r="U17328" s="2">
        <v>3.37</v>
      </c>
      <c r="V17328" s="2">
        <v>2.7829999999999999</v>
      </c>
      <c r="W17328" s="2">
        <v>1.7999999999999999E-2</v>
      </c>
      <c r="X17328" s="2">
        <v>139.1</v>
      </c>
      <c r="Y17328" s="2">
        <v>7.6</v>
      </c>
      <c r="Z17328" s="2">
        <v>16.7</v>
      </c>
      <c r="AA17328" s="5"/>
      <c r="AB17328" s="5" t="s">
        <v>43</v>
      </c>
      <c r="AC17328" s="5" t="s">
        <v>44</v>
      </c>
      <c r="AD17328" s="2"/>
      <c r="AE17328" s="1"/>
    </row>
    <row r="17329" spans="1:31" ht="14.45">
      <c r="A17329" s="11"/>
      <c r="B17329" s="20"/>
      <c r="C17329" s="2" t="s">
        <v>52945</v>
      </c>
      <c r="D17329" s="14" t="s">
        <v>52946</v>
      </c>
      <c r="E17329" s="2" t="s">
        <v>52947</v>
      </c>
      <c r="F17329" s="2" t="s">
        <v>36349</v>
      </c>
      <c r="G17329" s="8">
        <v>338</v>
      </c>
      <c r="H17329" s="5">
        <v>6</v>
      </c>
      <c r="I17329" s="5" t="s">
        <v>1518</v>
      </c>
      <c r="J17329" s="5" t="s">
        <v>36264</v>
      </c>
      <c r="K17329" s="2" t="s">
        <v>36265</v>
      </c>
      <c r="L17329" s="5" t="s">
        <v>36264</v>
      </c>
      <c r="M17329" s="2" t="s">
        <v>36265</v>
      </c>
      <c r="N17329" s="5" t="s">
        <v>36266</v>
      </c>
      <c r="O17329" s="5" t="s">
        <v>38</v>
      </c>
      <c r="P17329" s="5" t="s">
        <v>39</v>
      </c>
      <c r="Q17329" s="5" t="s">
        <v>40</v>
      </c>
      <c r="R17329" s="5" t="s">
        <v>1522</v>
      </c>
      <c r="S17329" s="5" t="s">
        <v>1523</v>
      </c>
      <c r="T17329" s="5" t="s">
        <v>42</v>
      </c>
      <c r="U17329" s="2">
        <v>3.47</v>
      </c>
      <c r="V17329" s="2">
        <v>2.883</v>
      </c>
      <c r="W17329" s="2">
        <v>1.7999999999999999E-2</v>
      </c>
      <c r="X17329" s="2">
        <v>139.1</v>
      </c>
      <c r="Y17329" s="2">
        <v>7.6</v>
      </c>
      <c r="Z17329" s="2">
        <v>16.7</v>
      </c>
      <c r="AA17329" s="5"/>
      <c r="AB17329" s="5" t="s">
        <v>43</v>
      </c>
      <c r="AC17329" s="5" t="s">
        <v>44</v>
      </c>
      <c r="AD17329" s="2"/>
      <c r="AE17329" s="1"/>
    </row>
    <row r="17330" spans="1:31" ht="14.45">
      <c r="A17330" s="11"/>
      <c r="B17330" s="20"/>
      <c r="C17330" s="2" t="s">
        <v>52948</v>
      </c>
      <c r="D17330" s="14" t="s">
        <v>52949</v>
      </c>
      <c r="E17330" s="2" t="s">
        <v>52950</v>
      </c>
      <c r="F17330" s="2" t="s">
        <v>36353</v>
      </c>
      <c r="G17330" s="8">
        <v>338</v>
      </c>
      <c r="H17330" s="5">
        <v>6</v>
      </c>
      <c r="I17330" s="5" t="s">
        <v>1518</v>
      </c>
      <c r="J17330" s="5" t="s">
        <v>36264</v>
      </c>
      <c r="K17330" s="2" t="s">
        <v>36265</v>
      </c>
      <c r="L17330" s="5" t="s">
        <v>36264</v>
      </c>
      <c r="M17330" s="2" t="s">
        <v>36265</v>
      </c>
      <c r="N17330" s="5" t="s">
        <v>36266</v>
      </c>
      <c r="O17330" s="5" t="s">
        <v>38</v>
      </c>
      <c r="P17330" s="5" t="s">
        <v>39</v>
      </c>
      <c r="Q17330" s="5" t="s">
        <v>40</v>
      </c>
      <c r="R17330" s="5" t="s">
        <v>1522</v>
      </c>
      <c r="S17330" s="5" t="s">
        <v>1523</v>
      </c>
      <c r="T17330" s="5" t="s">
        <v>42</v>
      </c>
      <c r="U17330" s="2">
        <v>3.37</v>
      </c>
      <c r="V17330" s="2">
        <v>2.7829999999999999</v>
      </c>
      <c r="W17330" s="2">
        <v>1.7999999999999999E-2</v>
      </c>
      <c r="X17330" s="2">
        <v>139.1</v>
      </c>
      <c r="Y17330" s="2">
        <v>7.6</v>
      </c>
      <c r="Z17330" s="2">
        <v>16.7</v>
      </c>
      <c r="AA17330" s="5"/>
      <c r="AB17330" s="5" t="s">
        <v>43</v>
      </c>
      <c r="AC17330" s="5" t="s">
        <v>44</v>
      </c>
      <c r="AD17330" s="2"/>
      <c r="AE17330" s="1"/>
    </row>
    <row r="17331" spans="1:31" ht="14.45">
      <c r="A17331" s="11"/>
      <c r="B17331" s="20"/>
      <c r="C17331" s="2" t="s">
        <v>52951</v>
      </c>
      <c r="D17331" s="14" t="s">
        <v>52952</v>
      </c>
      <c r="E17331" s="2" t="s">
        <v>52953</v>
      </c>
      <c r="F17331" s="2" t="s">
        <v>36357</v>
      </c>
      <c r="G17331" s="8">
        <v>338</v>
      </c>
      <c r="H17331" s="5">
        <v>6</v>
      </c>
      <c r="I17331" s="5" t="s">
        <v>1518</v>
      </c>
      <c r="J17331" s="5" t="s">
        <v>36264</v>
      </c>
      <c r="K17331" s="2" t="s">
        <v>36265</v>
      </c>
      <c r="L17331" s="5" t="s">
        <v>36264</v>
      </c>
      <c r="M17331" s="2" t="s">
        <v>36265</v>
      </c>
      <c r="N17331" s="5" t="s">
        <v>36266</v>
      </c>
      <c r="O17331" s="5" t="s">
        <v>38</v>
      </c>
      <c r="P17331" s="5" t="s">
        <v>39</v>
      </c>
      <c r="Q17331" s="5" t="s">
        <v>40</v>
      </c>
      <c r="R17331" s="5" t="s">
        <v>1522</v>
      </c>
      <c r="S17331" s="5" t="s">
        <v>1523</v>
      </c>
      <c r="T17331" s="5" t="s">
        <v>42</v>
      </c>
      <c r="U17331" s="2">
        <v>3.47</v>
      </c>
      <c r="V17331" s="2">
        <v>2.883</v>
      </c>
      <c r="W17331" s="2">
        <v>1.7999999999999999E-2</v>
      </c>
      <c r="X17331" s="2">
        <v>139.1</v>
      </c>
      <c r="Y17331" s="2">
        <v>7.6</v>
      </c>
      <c r="Z17331" s="2">
        <v>16.7</v>
      </c>
      <c r="AA17331" s="5"/>
      <c r="AB17331" s="5" t="s">
        <v>43</v>
      </c>
      <c r="AC17331" s="5" t="s">
        <v>44</v>
      </c>
      <c r="AD17331" s="2"/>
      <c r="AE17331" s="1"/>
    </row>
    <row r="17332" spans="1:31" ht="14.45">
      <c r="A17332" s="11"/>
      <c r="B17332" s="20"/>
      <c r="C17332" s="2" t="s">
        <v>52954</v>
      </c>
      <c r="D17332" s="14" t="s">
        <v>52955</v>
      </c>
      <c r="E17332" s="2" t="s">
        <v>52956</v>
      </c>
      <c r="F17332" s="2" t="s">
        <v>45598</v>
      </c>
      <c r="G17332" s="8">
        <v>338</v>
      </c>
      <c r="H17332" s="5">
        <v>6</v>
      </c>
      <c r="I17332" s="5" t="s">
        <v>1518</v>
      </c>
      <c r="J17332" s="5" t="s">
        <v>36264</v>
      </c>
      <c r="K17332" s="2" t="s">
        <v>36265</v>
      </c>
      <c r="L17332" s="5" t="s">
        <v>36264</v>
      </c>
      <c r="M17332" s="2" t="s">
        <v>36265</v>
      </c>
      <c r="N17332" s="5" t="s">
        <v>36266</v>
      </c>
      <c r="O17332" s="5" t="s">
        <v>38</v>
      </c>
      <c r="P17332" s="5" t="s">
        <v>39</v>
      </c>
      <c r="Q17332" s="5" t="s">
        <v>40</v>
      </c>
      <c r="R17332" s="5" t="s">
        <v>1522</v>
      </c>
      <c r="S17332" s="5" t="s">
        <v>1523</v>
      </c>
      <c r="T17332" s="5" t="s">
        <v>42</v>
      </c>
      <c r="U17332" s="2">
        <v>3.37</v>
      </c>
      <c r="V17332" s="2">
        <v>2.7829999999999999</v>
      </c>
      <c r="W17332" s="2">
        <v>1.7999999999999999E-2</v>
      </c>
      <c r="X17332" s="2">
        <v>139.1</v>
      </c>
      <c r="Y17332" s="2">
        <v>7.6</v>
      </c>
      <c r="Z17332" s="2">
        <v>16.7</v>
      </c>
      <c r="AA17332" s="5"/>
      <c r="AB17332" s="5" t="s">
        <v>43</v>
      </c>
      <c r="AC17332" s="5" t="s">
        <v>44</v>
      </c>
      <c r="AD17332" s="2"/>
      <c r="AE17332" s="1"/>
    </row>
    <row r="17333" spans="1:31" ht="14.45">
      <c r="A17333" s="11"/>
      <c r="B17333" s="20"/>
      <c r="C17333" s="2" t="s">
        <v>52957</v>
      </c>
      <c r="D17333" s="14" t="s">
        <v>52958</v>
      </c>
      <c r="E17333" s="2" t="s">
        <v>52959</v>
      </c>
      <c r="F17333" s="2" t="s">
        <v>45534</v>
      </c>
      <c r="G17333" s="8">
        <v>338</v>
      </c>
      <c r="H17333" s="5">
        <v>6</v>
      </c>
      <c r="I17333" s="5" t="s">
        <v>1518</v>
      </c>
      <c r="J17333" s="5" t="s">
        <v>36264</v>
      </c>
      <c r="K17333" s="2" t="s">
        <v>36265</v>
      </c>
      <c r="L17333" s="5" t="s">
        <v>36264</v>
      </c>
      <c r="M17333" s="2" t="s">
        <v>36265</v>
      </c>
      <c r="N17333" s="5" t="s">
        <v>36266</v>
      </c>
      <c r="O17333" s="5" t="s">
        <v>38</v>
      </c>
      <c r="P17333" s="5" t="s">
        <v>39</v>
      </c>
      <c r="Q17333" s="5" t="s">
        <v>40</v>
      </c>
      <c r="R17333" s="5" t="s">
        <v>1522</v>
      </c>
      <c r="S17333" s="5" t="s">
        <v>1523</v>
      </c>
      <c r="T17333" s="5" t="s">
        <v>42</v>
      </c>
      <c r="U17333" s="2">
        <v>3.47</v>
      </c>
      <c r="V17333" s="2">
        <v>2.883</v>
      </c>
      <c r="W17333" s="2">
        <v>1.7999999999999999E-2</v>
      </c>
      <c r="X17333" s="2">
        <v>139.1</v>
      </c>
      <c r="Y17333" s="2">
        <v>7.6</v>
      </c>
      <c r="Z17333" s="2">
        <v>16.7</v>
      </c>
      <c r="AA17333" s="5"/>
      <c r="AB17333" s="5" t="s">
        <v>43</v>
      </c>
      <c r="AC17333" s="5" t="s">
        <v>44</v>
      </c>
      <c r="AD17333" s="2"/>
      <c r="AE17333" s="1"/>
    </row>
    <row r="17334" spans="1:31" ht="14.45">
      <c r="A17334" s="11"/>
      <c r="B17334" s="20"/>
      <c r="C17334" s="2" t="s">
        <v>52960</v>
      </c>
      <c r="D17334" s="14" t="s">
        <v>52961</v>
      </c>
      <c r="E17334" s="2" t="s">
        <v>52962</v>
      </c>
      <c r="F17334" s="2" t="s">
        <v>36369</v>
      </c>
      <c r="G17334" s="8">
        <v>338</v>
      </c>
      <c r="H17334" s="5">
        <v>6</v>
      </c>
      <c r="I17334" s="5" t="s">
        <v>1518</v>
      </c>
      <c r="J17334" s="5" t="s">
        <v>36264</v>
      </c>
      <c r="K17334" s="2" t="s">
        <v>36265</v>
      </c>
      <c r="L17334" s="5" t="s">
        <v>36264</v>
      </c>
      <c r="M17334" s="2" t="s">
        <v>36265</v>
      </c>
      <c r="N17334" s="5" t="s">
        <v>36266</v>
      </c>
      <c r="O17334" s="5" t="s">
        <v>38</v>
      </c>
      <c r="P17334" s="5" t="s">
        <v>39</v>
      </c>
      <c r="Q17334" s="5" t="s">
        <v>40</v>
      </c>
      <c r="R17334" s="5" t="s">
        <v>1522</v>
      </c>
      <c r="S17334" s="5" t="s">
        <v>1523</v>
      </c>
      <c r="T17334" s="5" t="s">
        <v>42</v>
      </c>
      <c r="U17334" s="2">
        <v>3.37</v>
      </c>
      <c r="V17334" s="2">
        <v>2.7829999999999999</v>
      </c>
      <c r="W17334" s="2">
        <v>1.7999999999999999E-2</v>
      </c>
      <c r="X17334" s="2">
        <v>139.1</v>
      </c>
      <c r="Y17334" s="2">
        <v>7.6</v>
      </c>
      <c r="Z17334" s="2">
        <v>16.7</v>
      </c>
      <c r="AA17334" s="5"/>
      <c r="AB17334" s="5" t="s">
        <v>43</v>
      </c>
      <c r="AC17334" s="5" t="s">
        <v>44</v>
      </c>
      <c r="AD17334" s="2"/>
      <c r="AE17334" s="1"/>
    </row>
    <row r="17335" spans="1:31" ht="14.45">
      <c r="A17335" s="11"/>
      <c r="B17335" s="20"/>
      <c r="C17335" s="2" t="s">
        <v>52963</v>
      </c>
      <c r="D17335" s="14" t="s">
        <v>52964</v>
      </c>
      <c r="E17335" s="2" t="s">
        <v>52965</v>
      </c>
      <c r="F17335" s="2" t="s">
        <v>36373</v>
      </c>
      <c r="G17335" s="8">
        <v>338</v>
      </c>
      <c r="H17335" s="5">
        <v>6</v>
      </c>
      <c r="I17335" s="5" t="s">
        <v>1518</v>
      </c>
      <c r="J17335" s="5" t="s">
        <v>36264</v>
      </c>
      <c r="K17335" s="2" t="s">
        <v>36265</v>
      </c>
      <c r="L17335" s="5" t="s">
        <v>36264</v>
      </c>
      <c r="M17335" s="2" t="s">
        <v>36265</v>
      </c>
      <c r="N17335" s="5" t="s">
        <v>36266</v>
      </c>
      <c r="O17335" s="5" t="s">
        <v>38</v>
      </c>
      <c r="P17335" s="5" t="s">
        <v>39</v>
      </c>
      <c r="Q17335" s="5" t="s">
        <v>40</v>
      </c>
      <c r="R17335" s="5" t="s">
        <v>1522</v>
      </c>
      <c r="S17335" s="5" t="s">
        <v>1523</v>
      </c>
      <c r="T17335" s="5" t="s">
        <v>42</v>
      </c>
      <c r="U17335" s="2">
        <v>3.47</v>
      </c>
      <c r="V17335" s="2">
        <v>2.883</v>
      </c>
      <c r="W17335" s="2">
        <v>1.7999999999999999E-2</v>
      </c>
      <c r="X17335" s="2">
        <v>139.1</v>
      </c>
      <c r="Y17335" s="2">
        <v>7.6</v>
      </c>
      <c r="Z17335" s="2">
        <v>16.7</v>
      </c>
      <c r="AA17335" s="5"/>
      <c r="AB17335" s="5" t="s">
        <v>43</v>
      </c>
      <c r="AC17335" s="5" t="s">
        <v>44</v>
      </c>
      <c r="AD17335" s="2"/>
      <c r="AE17335" s="1"/>
    </row>
    <row r="17336" spans="1:31" ht="14.45">
      <c r="A17336" s="11"/>
      <c r="B17336" s="20"/>
      <c r="C17336" s="2" t="s">
        <v>52966</v>
      </c>
      <c r="D17336" s="14" t="s">
        <v>52967</v>
      </c>
      <c r="E17336" s="2" t="s">
        <v>52968</v>
      </c>
      <c r="F17336" s="2" t="s">
        <v>36377</v>
      </c>
      <c r="G17336" s="8">
        <v>338</v>
      </c>
      <c r="H17336" s="5">
        <v>6</v>
      </c>
      <c r="I17336" s="5" t="s">
        <v>1518</v>
      </c>
      <c r="J17336" s="5" t="s">
        <v>36264</v>
      </c>
      <c r="K17336" s="2" t="s">
        <v>36265</v>
      </c>
      <c r="L17336" s="5" t="s">
        <v>36264</v>
      </c>
      <c r="M17336" s="2" t="s">
        <v>36265</v>
      </c>
      <c r="N17336" s="5" t="s">
        <v>36266</v>
      </c>
      <c r="O17336" s="5" t="s">
        <v>38</v>
      </c>
      <c r="P17336" s="5" t="s">
        <v>39</v>
      </c>
      <c r="Q17336" s="5" t="s">
        <v>40</v>
      </c>
      <c r="R17336" s="5" t="s">
        <v>1522</v>
      </c>
      <c r="S17336" s="5" t="s">
        <v>1523</v>
      </c>
      <c r="T17336" s="5" t="s">
        <v>42</v>
      </c>
      <c r="U17336" s="2">
        <v>3.37</v>
      </c>
      <c r="V17336" s="2">
        <v>2.7829999999999999</v>
      </c>
      <c r="W17336" s="2">
        <v>1.7999999999999999E-2</v>
      </c>
      <c r="X17336" s="2">
        <v>139.1</v>
      </c>
      <c r="Y17336" s="2">
        <v>7.6</v>
      </c>
      <c r="Z17336" s="2">
        <v>16.7</v>
      </c>
      <c r="AA17336" s="5"/>
      <c r="AB17336" s="5" t="s">
        <v>43</v>
      </c>
      <c r="AC17336" s="5" t="s">
        <v>44</v>
      </c>
      <c r="AD17336" s="2"/>
      <c r="AE17336" s="1"/>
    </row>
    <row r="17337" spans="1:31" ht="14.45">
      <c r="A17337" s="11"/>
      <c r="B17337" s="20"/>
      <c r="C17337" s="2" t="s">
        <v>52969</v>
      </c>
      <c r="D17337" s="14" t="s">
        <v>52970</v>
      </c>
      <c r="E17337" s="2" t="s">
        <v>52971</v>
      </c>
      <c r="F17337" s="2" t="s">
        <v>36381</v>
      </c>
      <c r="G17337" s="8">
        <v>338</v>
      </c>
      <c r="H17337" s="5">
        <v>6</v>
      </c>
      <c r="I17337" s="5" t="s">
        <v>1518</v>
      </c>
      <c r="J17337" s="5" t="s">
        <v>36264</v>
      </c>
      <c r="K17337" s="2" t="s">
        <v>36265</v>
      </c>
      <c r="L17337" s="5" t="s">
        <v>36264</v>
      </c>
      <c r="M17337" s="2" t="s">
        <v>36265</v>
      </c>
      <c r="N17337" s="5" t="s">
        <v>36266</v>
      </c>
      <c r="O17337" s="5" t="s">
        <v>38</v>
      </c>
      <c r="P17337" s="5" t="s">
        <v>39</v>
      </c>
      <c r="Q17337" s="5" t="s">
        <v>40</v>
      </c>
      <c r="R17337" s="5" t="s">
        <v>1522</v>
      </c>
      <c r="S17337" s="5" t="s">
        <v>1523</v>
      </c>
      <c r="T17337" s="5" t="s">
        <v>42</v>
      </c>
      <c r="U17337" s="2">
        <v>3.47</v>
      </c>
      <c r="V17337" s="2">
        <v>2.883</v>
      </c>
      <c r="W17337" s="2">
        <v>1.7999999999999999E-2</v>
      </c>
      <c r="X17337" s="2">
        <v>139.1</v>
      </c>
      <c r="Y17337" s="2">
        <v>7.6</v>
      </c>
      <c r="Z17337" s="2">
        <v>16.7</v>
      </c>
      <c r="AA17337" s="5"/>
      <c r="AB17337" s="5" t="s">
        <v>43</v>
      </c>
      <c r="AC17337" s="5" t="s">
        <v>44</v>
      </c>
      <c r="AD17337" s="2"/>
      <c r="AE17337" s="1"/>
    </row>
    <row r="17338" spans="1:31" ht="14.45">
      <c r="A17338" s="11"/>
      <c r="B17338" s="20"/>
      <c r="C17338" s="2" t="s">
        <v>52972</v>
      </c>
      <c r="D17338" s="14" t="s">
        <v>52973</v>
      </c>
      <c r="E17338" s="2" t="s">
        <v>52974</v>
      </c>
      <c r="F17338" s="2" t="s">
        <v>36385</v>
      </c>
      <c r="G17338" s="8">
        <v>338</v>
      </c>
      <c r="H17338" s="5">
        <v>6</v>
      </c>
      <c r="I17338" s="5" t="s">
        <v>1518</v>
      </c>
      <c r="J17338" s="5" t="s">
        <v>36264</v>
      </c>
      <c r="K17338" s="2" t="s">
        <v>36265</v>
      </c>
      <c r="L17338" s="5" t="s">
        <v>36264</v>
      </c>
      <c r="M17338" s="2" t="s">
        <v>36265</v>
      </c>
      <c r="N17338" s="5" t="s">
        <v>36266</v>
      </c>
      <c r="O17338" s="5" t="s">
        <v>38</v>
      </c>
      <c r="P17338" s="5" t="s">
        <v>39</v>
      </c>
      <c r="Q17338" s="5" t="s">
        <v>40</v>
      </c>
      <c r="R17338" s="5" t="s">
        <v>1522</v>
      </c>
      <c r="S17338" s="5" t="s">
        <v>1523</v>
      </c>
      <c r="T17338" s="5" t="s">
        <v>42</v>
      </c>
      <c r="U17338" s="2">
        <v>3.37</v>
      </c>
      <c r="V17338" s="2">
        <v>2.7829999999999999</v>
      </c>
      <c r="W17338" s="2">
        <v>1.7999999999999999E-2</v>
      </c>
      <c r="X17338" s="2">
        <v>139.1</v>
      </c>
      <c r="Y17338" s="2">
        <v>7.6</v>
      </c>
      <c r="Z17338" s="2">
        <v>16.7</v>
      </c>
      <c r="AA17338" s="5"/>
      <c r="AB17338" s="5" t="s">
        <v>43</v>
      </c>
      <c r="AC17338" s="5" t="s">
        <v>44</v>
      </c>
      <c r="AD17338" s="2"/>
      <c r="AE17338" s="1"/>
    </row>
    <row r="17339" spans="1:31" ht="14.45">
      <c r="A17339" s="11"/>
      <c r="B17339" s="20"/>
      <c r="C17339" s="2" t="s">
        <v>52975</v>
      </c>
      <c r="D17339" s="14" t="s">
        <v>52976</v>
      </c>
      <c r="E17339" s="2" t="s">
        <v>52977</v>
      </c>
      <c r="F17339" s="2" t="s">
        <v>36389</v>
      </c>
      <c r="G17339" s="8">
        <v>338</v>
      </c>
      <c r="H17339" s="5">
        <v>6</v>
      </c>
      <c r="I17339" s="5" t="s">
        <v>1518</v>
      </c>
      <c r="J17339" s="5" t="s">
        <v>36264</v>
      </c>
      <c r="K17339" s="2" t="s">
        <v>36265</v>
      </c>
      <c r="L17339" s="5" t="s">
        <v>36264</v>
      </c>
      <c r="M17339" s="2" t="s">
        <v>36265</v>
      </c>
      <c r="N17339" s="5" t="s">
        <v>36266</v>
      </c>
      <c r="O17339" s="5" t="s">
        <v>38</v>
      </c>
      <c r="P17339" s="5" t="s">
        <v>39</v>
      </c>
      <c r="Q17339" s="5" t="s">
        <v>40</v>
      </c>
      <c r="R17339" s="5" t="s">
        <v>1522</v>
      </c>
      <c r="S17339" s="5" t="s">
        <v>1523</v>
      </c>
      <c r="T17339" s="5" t="s">
        <v>42</v>
      </c>
      <c r="U17339" s="2">
        <v>3.47</v>
      </c>
      <c r="V17339" s="2">
        <v>2.883</v>
      </c>
      <c r="W17339" s="2">
        <v>1.7999999999999999E-2</v>
      </c>
      <c r="X17339" s="2">
        <v>139.1</v>
      </c>
      <c r="Y17339" s="2">
        <v>7.6</v>
      </c>
      <c r="Z17339" s="2">
        <v>16.7</v>
      </c>
      <c r="AA17339" s="5"/>
      <c r="AB17339" s="5" t="s">
        <v>43</v>
      </c>
      <c r="AC17339" s="5" t="s">
        <v>44</v>
      </c>
      <c r="AD17339" s="2"/>
      <c r="AE17339" s="1"/>
    </row>
    <row r="17340" spans="1:31" ht="14.45">
      <c r="A17340" s="11"/>
      <c r="B17340" s="20"/>
      <c r="C17340" s="2" t="s">
        <v>52978</v>
      </c>
      <c r="D17340" s="14" t="s">
        <v>52979</v>
      </c>
      <c r="E17340" s="2" t="s">
        <v>52980</v>
      </c>
      <c r="F17340" s="2" t="s">
        <v>7204</v>
      </c>
      <c r="G17340" s="8">
        <v>322</v>
      </c>
      <c r="H17340" s="5">
        <v>6</v>
      </c>
      <c r="I17340" s="5" t="s">
        <v>1518</v>
      </c>
      <c r="J17340" s="5" t="s">
        <v>36264</v>
      </c>
      <c r="K17340" s="2" t="s">
        <v>36265</v>
      </c>
      <c r="L17340" s="5" t="s">
        <v>36264</v>
      </c>
      <c r="M17340" s="2" t="s">
        <v>36265</v>
      </c>
      <c r="N17340" s="5" t="s">
        <v>36266</v>
      </c>
      <c r="O17340" s="5" t="s">
        <v>38</v>
      </c>
      <c r="P17340" s="5" t="s">
        <v>39</v>
      </c>
      <c r="Q17340" s="5" t="s">
        <v>40</v>
      </c>
      <c r="R17340" s="5" t="s">
        <v>1522</v>
      </c>
      <c r="S17340" s="5" t="s">
        <v>1523</v>
      </c>
      <c r="T17340" s="5" t="s">
        <v>42</v>
      </c>
      <c r="U17340" s="2">
        <v>3.5569999999999999</v>
      </c>
      <c r="V17340" s="2">
        <v>2.9809999999999999</v>
      </c>
      <c r="W17340" s="2">
        <v>1.7999999999999999E-2</v>
      </c>
      <c r="X17340" s="2">
        <v>139.1</v>
      </c>
      <c r="Y17340" s="2">
        <v>7.6</v>
      </c>
      <c r="Z17340" s="2">
        <v>16.7</v>
      </c>
      <c r="AA17340" s="5"/>
      <c r="AB17340" s="5" t="s">
        <v>43</v>
      </c>
      <c r="AC17340" s="5" t="s">
        <v>44</v>
      </c>
      <c r="AD17340" s="2"/>
      <c r="AE17340" s="1"/>
    </row>
    <row r="17341" spans="1:31" ht="14.45">
      <c r="A17341" s="11"/>
      <c r="B17341" s="20"/>
      <c r="C17341" s="2" t="s">
        <v>52981</v>
      </c>
      <c r="D17341" s="14" t="s">
        <v>52982</v>
      </c>
      <c r="E17341" s="2" t="s">
        <v>52983</v>
      </c>
      <c r="F17341" s="2" t="s">
        <v>7514</v>
      </c>
      <c r="G17341" s="8">
        <v>322</v>
      </c>
      <c r="H17341" s="5">
        <v>6</v>
      </c>
      <c r="I17341" s="5" t="s">
        <v>1518</v>
      </c>
      <c r="J17341" s="5" t="s">
        <v>36264</v>
      </c>
      <c r="K17341" s="2" t="s">
        <v>36265</v>
      </c>
      <c r="L17341" s="5" t="s">
        <v>36264</v>
      </c>
      <c r="M17341" s="2" t="s">
        <v>36265</v>
      </c>
      <c r="N17341" s="5" t="s">
        <v>36266</v>
      </c>
      <c r="O17341" s="5" t="s">
        <v>38</v>
      </c>
      <c r="P17341" s="5" t="s">
        <v>39</v>
      </c>
      <c r="Q17341" s="5" t="s">
        <v>40</v>
      </c>
      <c r="R17341" s="5" t="s">
        <v>1522</v>
      </c>
      <c r="S17341" s="5" t="s">
        <v>1523</v>
      </c>
      <c r="T17341" s="5" t="s">
        <v>42</v>
      </c>
      <c r="U17341" s="2">
        <v>3.669</v>
      </c>
      <c r="V17341" s="2">
        <v>3.093</v>
      </c>
      <c r="W17341" s="2">
        <v>1.7999999999999999E-2</v>
      </c>
      <c r="X17341" s="2">
        <v>139.1</v>
      </c>
      <c r="Y17341" s="2">
        <v>7.6</v>
      </c>
      <c r="Z17341" s="2">
        <v>16.7</v>
      </c>
      <c r="AA17341" s="5"/>
      <c r="AB17341" s="5" t="s">
        <v>43</v>
      </c>
      <c r="AC17341" s="5" t="s">
        <v>44</v>
      </c>
      <c r="AD17341" s="2"/>
      <c r="AE17341" s="1"/>
    </row>
    <row r="17342" spans="1:31" ht="14.45">
      <c r="A17342" s="11"/>
      <c r="B17342" s="20"/>
      <c r="C17342" s="2" t="s">
        <v>52984</v>
      </c>
      <c r="D17342" s="14" t="s">
        <v>52985</v>
      </c>
      <c r="E17342" s="2" t="s">
        <v>52986</v>
      </c>
      <c r="F17342" s="2" t="s">
        <v>36273</v>
      </c>
      <c r="G17342" s="8">
        <v>322</v>
      </c>
      <c r="H17342" s="5">
        <v>6</v>
      </c>
      <c r="I17342" s="5" t="s">
        <v>1518</v>
      </c>
      <c r="J17342" s="5" t="s">
        <v>36264</v>
      </c>
      <c r="K17342" s="2" t="s">
        <v>36265</v>
      </c>
      <c r="L17342" s="5" t="s">
        <v>36264</v>
      </c>
      <c r="M17342" s="2" t="s">
        <v>36265</v>
      </c>
      <c r="N17342" s="5" t="s">
        <v>36266</v>
      </c>
      <c r="O17342" s="5" t="s">
        <v>38</v>
      </c>
      <c r="P17342" s="5" t="s">
        <v>39</v>
      </c>
      <c r="Q17342" s="5" t="s">
        <v>40</v>
      </c>
      <c r="R17342" s="5" t="s">
        <v>1522</v>
      </c>
      <c r="S17342" s="5" t="s">
        <v>1523</v>
      </c>
      <c r="T17342" s="5" t="s">
        <v>42</v>
      </c>
      <c r="U17342" s="2">
        <v>3.5569999999999999</v>
      </c>
      <c r="V17342" s="2">
        <v>2.9809999999999999</v>
      </c>
      <c r="W17342" s="2">
        <v>1.7999999999999999E-2</v>
      </c>
      <c r="X17342" s="2">
        <v>139.1</v>
      </c>
      <c r="Y17342" s="2">
        <v>7.6</v>
      </c>
      <c r="Z17342" s="2">
        <v>16.7</v>
      </c>
      <c r="AA17342" s="5"/>
      <c r="AB17342" s="5" t="s">
        <v>43</v>
      </c>
      <c r="AC17342" s="5" t="s">
        <v>44</v>
      </c>
      <c r="AD17342" s="2"/>
      <c r="AE17342" s="1"/>
    </row>
    <row r="17343" spans="1:31" ht="14.45">
      <c r="A17343" s="11"/>
      <c r="B17343" s="20"/>
      <c r="C17343" s="2" t="s">
        <v>52987</v>
      </c>
      <c r="D17343" s="14" t="s">
        <v>52988</v>
      </c>
      <c r="E17343" s="2" t="s">
        <v>52989</v>
      </c>
      <c r="F17343" s="2" t="s">
        <v>36277</v>
      </c>
      <c r="G17343" s="8">
        <v>322</v>
      </c>
      <c r="H17343" s="5">
        <v>6</v>
      </c>
      <c r="I17343" s="5" t="s">
        <v>1518</v>
      </c>
      <c r="J17343" s="5" t="s">
        <v>36264</v>
      </c>
      <c r="K17343" s="2" t="s">
        <v>36265</v>
      </c>
      <c r="L17343" s="5" t="s">
        <v>36264</v>
      </c>
      <c r="M17343" s="2" t="s">
        <v>36265</v>
      </c>
      <c r="N17343" s="5" t="s">
        <v>36266</v>
      </c>
      <c r="O17343" s="5" t="s">
        <v>38</v>
      </c>
      <c r="P17343" s="5" t="s">
        <v>39</v>
      </c>
      <c r="Q17343" s="5" t="s">
        <v>40</v>
      </c>
      <c r="R17343" s="5" t="s">
        <v>1522</v>
      </c>
      <c r="S17343" s="5" t="s">
        <v>1523</v>
      </c>
      <c r="T17343" s="5" t="s">
        <v>42</v>
      </c>
      <c r="U17343" s="2">
        <v>3.669</v>
      </c>
      <c r="V17343" s="2">
        <v>3.093</v>
      </c>
      <c r="W17343" s="2">
        <v>1.7999999999999999E-2</v>
      </c>
      <c r="X17343" s="2">
        <v>139.1</v>
      </c>
      <c r="Y17343" s="2">
        <v>7.6</v>
      </c>
      <c r="Z17343" s="2">
        <v>16.7</v>
      </c>
      <c r="AA17343" s="5"/>
      <c r="AB17343" s="5" t="s">
        <v>43</v>
      </c>
      <c r="AC17343" s="5" t="s">
        <v>44</v>
      </c>
      <c r="AD17343" s="2"/>
      <c r="AE17343" s="1"/>
    </row>
    <row r="17344" spans="1:31" ht="14.45">
      <c r="A17344" s="11"/>
      <c r="B17344" s="20"/>
      <c r="C17344" s="2" t="s">
        <v>52990</v>
      </c>
      <c r="D17344" s="14" t="s">
        <v>52991</v>
      </c>
      <c r="E17344" s="2" t="s">
        <v>52992</v>
      </c>
      <c r="F17344" s="2" t="s">
        <v>36281</v>
      </c>
      <c r="G17344" s="8">
        <v>350</v>
      </c>
      <c r="H17344" s="5">
        <v>6</v>
      </c>
      <c r="I17344" s="5" t="s">
        <v>1518</v>
      </c>
      <c r="J17344" s="5" t="s">
        <v>36264</v>
      </c>
      <c r="K17344" s="2" t="s">
        <v>36265</v>
      </c>
      <c r="L17344" s="5" t="s">
        <v>36264</v>
      </c>
      <c r="M17344" s="2" t="s">
        <v>36265</v>
      </c>
      <c r="N17344" s="5" t="s">
        <v>36266</v>
      </c>
      <c r="O17344" s="5" t="s">
        <v>38</v>
      </c>
      <c r="P17344" s="5" t="s">
        <v>39</v>
      </c>
      <c r="Q17344" s="5" t="s">
        <v>40</v>
      </c>
      <c r="R17344" s="5" t="s">
        <v>1522</v>
      </c>
      <c r="S17344" s="5" t="s">
        <v>1523</v>
      </c>
      <c r="T17344" s="5" t="s">
        <v>42</v>
      </c>
      <c r="U17344" s="2">
        <v>3.5569999999999999</v>
      </c>
      <c r="V17344" s="2">
        <v>2.9809999999999999</v>
      </c>
      <c r="W17344" s="2">
        <v>1.7999999999999999E-2</v>
      </c>
      <c r="X17344" s="2">
        <v>139.1</v>
      </c>
      <c r="Y17344" s="2">
        <v>7.6</v>
      </c>
      <c r="Z17344" s="2">
        <v>16.7</v>
      </c>
      <c r="AA17344" s="5"/>
      <c r="AB17344" s="5" t="s">
        <v>43</v>
      </c>
      <c r="AC17344" s="5" t="s">
        <v>44</v>
      </c>
      <c r="AD17344" s="2"/>
      <c r="AE17344" s="1"/>
    </row>
    <row r="17345" spans="1:31" ht="14.45">
      <c r="A17345" s="11"/>
      <c r="B17345" s="20"/>
      <c r="C17345" s="2" t="s">
        <v>52993</v>
      </c>
      <c r="D17345" s="14" t="s">
        <v>52994</v>
      </c>
      <c r="E17345" s="2" t="s">
        <v>52995</v>
      </c>
      <c r="F17345" s="2" t="s">
        <v>36285</v>
      </c>
      <c r="G17345" s="8">
        <v>350</v>
      </c>
      <c r="H17345" s="5">
        <v>6</v>
      </c>
      <c r="I17345" s="5" t="s">
        <v>1518</v>
      </c>
      <c r="J17345" s="5" t="s">
        <v>36264</v>
      </c>
      <c r="K17345" s="2" t="s">
        <v>36265</v>
      </c>
      <c r="L17345" s="5" t="s">
        <v>36264</v>
      </c>
      <c r="M17345" s="2" t="s">
        <v>36265</v>
      </c>
      <c r="N17345" s="5" t="s">
        <v>36266</v>
      </c>
      <c r="O17345" s="5" t="s">
        <v>38</v>
      </c>
      <c r="P17345" s="5" t="s">
        <v>39</v>
      </c>
      <c r="Q17345" s="5" t="s">
        <v>40</v>
      </c>
      <c r="R17345" s="5" t="s">
        <v>1522</v>
      </c>
      <c r="S17345" s="5" t="s">
        <v>1523</v>
      </c>
      <c r="T17345" s="5" t="s">
        <v>42</v>
      </c>
      <c r="U17345" s="2">
        <v>3.669</v>
      </c>
      <c r="V17345" s="2">
        <v>3.093</v>
      </c>
      <c r="W17345" s="2">
        <v>1.7999999999999999E-2</v>
      </c>
      <c r="X17345" s="2">
        <v>139.1</v>
      </c>
      <c r="Y17345" s="2">
        <v>7.6</v>
      </c>
      <c r="Z17345" s="2">
        <v>16.7</v>
      </c>
      <c r="AA17345" s="5"/>
      <c r="AB17345" s="5" t="s">
        <v>43</v>
      </c>
      <c r="AC17345" s="5" t="s">
        <v>44</v>
      </c>
      <c r="AD17345" s="2"/>
      <c r="AE17345" s="1"/>
    </row>
    <row r="17346" spans="1:31" ht="14.45">
      <c r="A17346" s="11"/>
      <c r="B17346" s="20"/>
      <c r="C17346" s="2" t="s">
        <v>52996</v>
      </c>
      <c r="D17346" s="14" t="s">
        <v>52997</v>
      </c>
      <c r="E17346" s="2" t="s">
        <v>52998</v>
      </c>
      <c r="F17346" s="2" t="s">
        <v>36289</v>
      </c>
      <c r="G17346" s="8">
        <v>350</v>
      </c>
      <c r="H17346" s="5">
        <v>6</v>
      </c>
      <c r="I17346" s="5" t="s">
        <v>1518</v>
      </c>
      <c r="J17346" s="5" t="s">
        <v>36264</v>
      </c>
      <c r="K17346" s="2" t="s">
        <v>36265</v>
      </c>
      <c r="L17346" s="5" t="s">
        <v>36264</v>
      </c>
      <c r="M17346" s="2" t="s">
        <v>36265</v>
      </c>
      <c r="N17346" s="5" t="s">
        <v>36266</v>
      </c>
      <c r="O17346" s="5" t="s">
        <v>38</v>
      </c>
      <c r="P17346" s="5" t="s">
        <v>39</v>
      </c>
      <c r="Q17346" s="5" t="s">
        <v>40</v>
      </c>
      <c r="R17346" s="5" t="s">
        <v>1522</v>
      </c>
      <c r="S17346" s="5" t="s">
        <v>1523</v>
      </c>
      <c r="T17346" s="5" t="s">
        <v>42</v>
      </c>
      <c r="U17346" s="2">
        <v>3.5569999999999999</v>
      </c>
      <c r="V17346" s="2">
        <v>2.9809999999999999</v>
      </c>
      <c r="W17346" s="2">
        <v>1.7999999999999999E-2</v>
      </c>
      <c r="X17346" s="2">
        <v>139.1</v>
      </c>
      <c r="Y17346" s="2">
        <v>7.6</v>
      </c>
      <c r="Z17346" s="2">
        <v>16.7</v>
      </c>
      <c r="AA17346" s="5"/>
      <c r="AB17346" s="5" t="s">
        <v>43</v>
      </c>
      <c r="AC17346" s="5" t="s">
        <v>44</v>
      </c>
      <c r="AD17346" s="2"/>
      <c r="AE17346" s="1"/>
    </row>
    <row r="17347" spans="1:31" ht="14.45">
      <c r="A17347" s="11"/>
      <c r="B17347" s="20"/>
      <c r="C17347" s="2" t="s">
        <v>52999</v>
      </c>
      <c r="D17347" s="14" t="s">
        <v>53000</v>
      </c>
      <c r="E17347" s="2" t="s">
        <v>53001</v>
      </c>
      <c r="F17347" s="2" t="s">
        <v>36293</v>
      </c>
      <c r="G17347" s="8">
        <v>350</v>
      </c>
      <c r="H17347" s="5">
        <v>6</v>
      </c>
      <c r="I17347" s="5" t="s">
        <v>1518</v>
      </c>
      <c r="J17347" s="5" t="s">
        <v>36264</v>
      </c>
      <c r="K17347" s="2" t="s">
        <v>36265</v>
      </c>
      <c r="L17347" s="5" t="s">
        <v>36264</v>
      </c>
      <c r="M17347" s="2" t="s">
        <v>36265</v>
      </c>
      <c r="N17347" s="5" t="s">
        <v>36266</v>
      </c>
      <c r="O17347" s="5" t="s">
        <v>38</v>
      </c>
      <c r="P17347" s="5" t="s">
        <v>39</v>
      </c>
      <c r="Q17347" s="5" t="s">
        <v>40</v>
      </c>
      <c r="R17347" s="5" t="s">
        <v>1522</v>
      </c>
      <c r="S17347" s="5" t="s">
        <v>1523</v>
      </c>
      <c r="T17347" s="5" t="s">
        <v>42</v>
      </c>
      <c r="U17347" s="2">
        <v>3.669</v>
      </c>
      <c r="V17347" s="2">
        <v>3.093</v>
      </c>
      <c r="W17347" s="2">
        <v>1.7999999999999999E-2</v>
      </c>
      <c r="X17347" s="2">
        <v>139.1</v>
      </c>
      <c r="Y17347" s="2">
        <v>7.6</v>
      </c>
      <c r="Z17347" s="2">
        <v>16.7</v>
      </c>
      <c r="AA17347" s="5"/>
      <c r="AB17347" s="5" t="s">
        <v>43</v>
      </c>
      <c r="AC17347" s="5" t="s">
        <v>44</v>
      </c>
      <c r="AD17347" s="2"/>
      <c r="AE17347" s="1"/>
    </row>
    <row r="17348" spans="1:31" ht="14.45">
      <c r="A17348" s="11"/>
      <c r="B17348" s="20"/>
      <c r="C17348" s="2" t="s">
        <v>53002</v>
      </c>
      <c r="D17348" s="14" t="s">
        <v>53003</v>
      </c>
      <c r="E17348" s="2" t="s">
        <v>53004</v>
      </c>
      <c r="F17348" s="2" t="s">
        <v>36297</v>
      </c>
      <c r="G17348" s="8">
        <v>322</v>
      </c>
      <c r="H17348" s="5">
        <v>6</v>
      </c>
      <c r="I17348" s="5" t="s">
        <v>1518</v>
      </c>
      <c r="J17348" s="5" t="s">
        <v>36264</v>
      </c>
      <c r="K17348" s="2" t="s">
        <v>36265</v>
      </c>
      <c r="L17348" s="5" t="s">
        <v>36264</v>
      </c>
      <c r="M17348" s="2" t="s">
        <v>36265</v>
      </c>
      <c r="N17348" s="5" t="s">
        <v>36266</v>
      </c>
      <c r="O17348" s="5" t="s">
        <v>38</v>
      </c>
      <c r="P17348" s="5" t="s">
        <v>39</v>
      </c>
      <c r="Q17348" s="5" t="s">
        <v>40</v>
      </c>
      <c r="R17348" s="5" t="s">
        <v>1522</v>
      </c>
      <c r="S17348" s="5" t="s">
        <v>1523</v>
      </c>
      <c r="T17348" s="5" t="s">
        <v>42</v>
      </c>
      <c r="U17348" s="2">
        <v>3.5569999999999999</v>
      </c>
      <c r="V17348" s="2">
        <v>2.9809999999999999</v>
      </c>
      <c r="W17348" s="2">
        <v>1.7999999999999999E-2</v>
      </c>
      <c r="X17348" s="2">
        <v>139.1</v>
      </c>
      <c r="Y17348" s="2">
        <v>7.6</v>
      </c>
      <c r="Z17348" s="2">
        <v>16.7</v>
      </c>
      <c r="AA17348" s="5"/>
      <c r="AB17348" s="5" t="s">
        <v>43</v>
      </c>
      <c r="AC17348" s="5" t="s">
        <v>44</v>
      </c>
      <c r="AD17348" s="2"/>
      <c r="AE17348" s="1"/>
    </row>
    <row r="17349" spans="1:31" ht="14.45">
      <c r="A17349" s="11"/>
      <c r="B17349" s="20"/>
      <c r="C17349" s="2" t="s">
        <v>53005</v>
      </c>
      <c r="D17349" s="14" t="s">
        <v>53006</v>
      </c>
      <c r="E17349" s="2" t="s">
        <v>53007</v>
      </c>
      <c r="F17349" s="2" t="s">
        <v>36301</v>
      </c>
      <c r="G17349" s="8">
        <v>322</v>
      </c>
      <c r="H17349" s="5">
        <v>6</v>
      </c>
      <c r="I17349" s="5" t="s">
        <v>1518</v>
      </c>
      <c r="J17349" s="5" t="s">
        <v>36264</v>
      </c>
      <c r="K17349" s="2" t="s">
        <v>36265</v>
      </c>
      <c r="L17349" s="5" t="s">
        <v>36264</v>
      </c>
      <c r="M17349" s="2" t="s">
        <v>36265</v>
      </c>
      <c r="N17349" s="5" t="s">
        <v>36266</v>
      </c>
      <c r="O17349" s="5" t="s">
        <v>38</v>
      </c>
      <c r="P17349" s="5" t="s">
        <v>39</v>
      </c>
      <c r="Q17349" s="5" t="s">
        <v>40</v>
      </c>
      <c r="R17349" s="5" t="s">
        <v>1522</v>
      </c>
      <c r="S17349" s="5" t="s">
        <v>1523</v>
      </c>
      <c r="T17349" s="5" t="s">
        <v>42</v>
      </c>
      <c r="U17349" s="2">
        <v>3.669</v>
      </c>
      <c r="V17349" s="2">
        <v>3.093</v>
      </c>
      <c r="W17349" s="2">
        <v>1.7999999999999999E-2</v>
      </c>
      <c r="X17349" s="2">
        <v>139.1</v>
      </c>
      <c r="Y17349" s="2">
        <v>7.6</v>
      </c>
      <c r="Z17349" s="2">
        <v>16.7</v>
      </c>
      <c r="AA17349" s="5"/>
      <c r="AB17349" s="5" t="s">
        <v>43</v>
      </c>
      <c r="AC17349" s="5" t="s">
        <v>44</v>
      </c>
      <c r="AD17349" s="2"/>
      <c r="AE17349" s="1"/>
    </row>
    <row r="17350" spans="1:31" ht="14.45">
      <c r="A17350" s="11"/>
      <c r="B17350" s="20"/>
      <c r="C17350" s="2" t="s">
        <v>53008</v>
      </c>
      <c r="D17350" s="14" t="s">
        <v>53009</v>
      </c>
      <c r="E17350" s="2" t="s">
        <v>53010</v>
      </c>
      <c r="F17350" s="2" t="s">
        <v>36305</v>
      </c>
      <c r="G17350" s="8">
        <v>322</v>
      </c>
      <c r="H17350" s="5">
        <v>6</v>
      </c>
      <c r="I17350" s="5" t="s">
        <v>1518</v>
      </c>
      <c r="J17350" s="5" t="s">
        <v>36264</v>
      </c>
      <c r="K17350" s="2" t="s">
        <v>36265</v>
      </c>
      <c r="L17350" s="5" t="s">
        <v>36264</v>
      </c>
      <c r="M17350" s="2" t="s">
        <v>36265</v>
      </c>
      <c r="N17350" s="5" t="s">
        <v>36266</v>
      </c>
      <c r="O17350" s="5" t="s">
        <v>38</v>
      </c>
      <c r="P17350" s="5" t="s">
        <v>39</v>
      </c>
      <c r="Q17350" s="5" t="s">
        <v>40</v>
      </c>
      <c r="R17350" s="5" t="s">
        <v>1522</v>
      </c>
      <c r="S17350" s="5" t="s">
        <v>1523</v>
      </c>
      <c r="T17350" s="5" t="s">
        <v>42</v>
      </c>
      <c r="U17350" s="2">
        <v>3.5569999999999999</v>
      </c>
      <c r="V17350" s="2">
        <v>2.9809999999999999</v>
      </c>
      <c r="W17350" s="2">
        <v>1.7999999999999999E-2</v>
      </c>
      <c r="X17350" s="2">
        <v>139.1</v>
      </c>
      <c r="Y17350" s="2">
        <v>7.6</v>
      </c>
      <c r="Z17350" s="2">
        <v>16.7</v>
      </c>
      <c r="AA17350" s="5"/>
      <c r="AB17350" s="5" t="s">
        <v>43</v>
      </c>
      <c r="AC17350" s="5" t="s">
        <v>44</v>
      </c>
      <c r="AD17350" s="2"/>
      <c r="AE17350" s="1"/>
    </row>
    <row r="17351" spans="1:31" ht="14.45">
      <c r="A17351" s="11"/>
      <c r="B17351" s="20"/>
      <c r="C17351" s="2" t="s">
        <v>53011</v>
      </c>
      <c r="D17351" s="14" t="s">
        <v>53012</v>
      </c>
      <c r="E17351" s="2" t="s">
        <v>53013</v>
      </c>
      <c r="F17351" s="2" t="s">
        <v>36309</v>
      </c>
      <c r="G17351" s="8">
        <v>322</v>
      </c>
      <c r="H17351" s="5">
        <v>6</v>
      </c>
      <c r="I17351" s="5" t="s">
        <v>1518</v>
      </c>
      <c r="J17351" s="5" t="s">
        <v>36264</v>
      </c>
      <c r="K17351" s="2" t="s">
        <v>36265</v>
      </c>
      <c r="L17351" s="5" t="s">
        <v>36264</v>
      </c>
      <c r="M17351" s="2" t="s">
        <v>36265</v>
      </c>
      <c r="N17351" s="5" t="s">
        <v>36266</v>
      </c>
      <c r="O17351" s="5" t="s">
        <v>38</v>
      </c>
      <c r="P17351" s="5" t="s">
        <v>39</v>
      </c>
      <c r="Q17351" s="5" t="s">
        <v>40</v>
      </c>
      <c r="R17351" s="5" t="s">
        <v>1522</v>
      </c>
      <c r="S17351" s="5" t="s">
        <v>1523</v>
      </c>
      <c r="T17351" s="5" t="s">
        <v>42</v>
      </c>
      <c r="U17351" s="2">
        <v>3.669</v>
      </c>
      <c r="V17351" s="2">
        <v>3.093</v>
      </c>
      <c r="W17351" s="2">
        <v>1.7999999999999999E-2</v>
      </c>
      <c r="X17351" s="2">
        <v>139.1</v>
      </c>
      <c r="Y17351" s="2">
        <v>7.6</v>
      </c>
      <c r="Z17351" s="2">
        <v>16.7</v>
      </c>
      <c r="AA17351" s="5"/>
      <c r="AB17351" s="5" t="s">
        <v>43</v>
      </c>
      <c r="AC17351" s="5" t="s">
        <v>44</v>
      </c>
      <c r="AD17351" s="2"/>
      <c r="AE17351" s="1"/>
    </row>
    <row r="17352" spans="1:31" ht="14.45">
      <c r="A17352" s="11"/>
      <c r="B17352" s="20"/>
      <c r="C17352" s="2" t="s">
        <v>53014</v>
      </c>
      <c r="D17352" s="14" t="s">
        <v>53015</v>
      </c>
      <c r="E17352" s="2" t="s">
        <v>53016</v>
      </c>
      <c r="F17352" s="2" t="s">
        <v>36313</v>
      </c>
      <c r="G17352" s="8">
        <v>350</v>
      </c>
      <c r="H17352" s="5">
        <v>6</v>
      </c>
      <c r="I17352" s="5" t="s">
        <v>1518</v>
      </c>
      <c r="J17352" s="5" t="s">
        <v>36264</v>
      </c>
      <c r="K17352" s="2" t="s">
        <v>36265</v>
      </c>
      <c r="L17352" s="5" t="s">
        <v>36264</v>
      </c>
      <c r="M17352" s="2" t="s">
        <v>36265</v>
      </c>
      <c r="N17352" s="5" t="s">
        <v>36266</v>
      </c>
      <c r="O17352" s="5" t="s">
        <v>38</v>
      </c>
      <c r="P17352" s="5" t="s">
        <v>39</v>
      </c>
      <c r="Q17352" s="5" t="s">
        <v>40</v>
      </c>
      <c r="R17352" s="5" t="s">
        <v>1522</v>
      </c>
      <c r="S17352" s="5" t="s">
        <v>1523</v>
      </c>
      <c r="T17352" s="5" t="s">
        <v>42</v>
      </c>
      <c r="U17352" s="2">
        <v>3.5569999999999999</v>
      </c>
      <c r="V17352" s="2">
        <v>2.9809999999999999</v>
      </c>
      <c r="W17352" s="2">
        <v>1.7999999999999999E-2</v>
      </c>
      <c r="X17352" s="2">
        <v>139.1</v>
      </c>
      <c r="Y17352" s="2">
        <v>7.6</v>
      </c>
      <c r="Z17352" s="2">
        <v>16.7</v>
      </c>
      <c r="AA17352" s="5"/>
      <c r="AB17352" s="5" t="s">
        <v>43</v>
      </c>
      <c r="AC17352" s="5" t="s">
        <v>44</v>
      </c>
      <c r="AD17352" s="2"/>
      <c r="AE17352" s="1"/>
    </row>
    <row r="17353" spans="1:31" ht="14.45">
      <c r="A17353" s="11"/>
      <c r="B17353" s="20"/>
      <c r="C17353" s="2" t="s">
        <v>53017</v>
      </c>
      <c r="D17353" s="14" t="s">
        <v>53018</v>
      </c>
      <c r="E17353" s="2" t="s">
        <v>53019</v>
      </c>
      <c r="F17353" s="2" t="s">
        <v>36317</v>
      </c>
      <c r="G17353" s="8">
        <v>350</v>
      </c>
      <c r="H17353" s="5">
        <v>6</v>
      </c>
      <c r="I17353" s="5" t="s">
        <v>1518</v>
      </c>
      <c r="J17353" s="5" t="s">
        <v>36264</v>
      </c>
      <c r="K17353" s="2" t="s">
        <v>36265</v>
      </c>
      <c r="L17353" s="5" t="s">
        <v>36264</v>
      </c>
      <c r="M17353" s="2" t="s">
        <v>36265</v>
      </c>
      <c r="N17353" s="5" t="s">
        <v>36266</v>
      </c>
      <c r="O17353" s="5" t="s">
        <v>38</v>
      </c>
      <c r="P17353" s="5" t="s">
        <v>39</v>
      </c>
      <c r="Q17353" s="5" t="s">
        <v>40</v>
      </c>
      <c r="R17353" s="5" t="s">
        <v>1522</v>
      </c>
      <c r="S17353" s="5" t="s">
        <v>1523</v>
      </c>
      <c r="T17353" s="5" t="s">
        <v>42</v>
      </c>
      <c r="U17353" s="2">
        <v>3.669</v>
      </c>
      <c r="V17353" s="2">
        <v>3.093</v>
      </c>
      <c r="W17353" s="2">
        <v>1.7999999999999999E-2</v>
      </c>
      <c r="X17353" s="2">
        <v>139.1</v>
      </c>
      <c r="Y17353" s="2">
        <v>7.6</v>
      </c>
      <c r="Z17353" s="2">
        <v>16.7</v>
      </c>
      <c r="AA17353" s="5"/>
      <c r="AB17353" s="5" t="s">
        <v>43</v>
      </c>
      <c r="AC17353" s="5" t="s">
        <v>44</v>
      </c>
      <c r="AD17353" s="2"/>
      <c r="AE17353" s="1"/>
    </row>
    <row r="17354" spans="1:31" ht="14.45">
      <c r="A17354" s="11"/>
      <c r="B17354" s="20"/>
      <c r="C17354" s="2" t="s">
        <v>53020</v>
      </c>
      <c r="D17354" s="14" t="s">
        <v>53021</v>
      </c>
      <c r="E17354" s="2" t="s">
        <v>53022</v>
      </c>
      <c r="F17354" s="2" t="s">
        <v>36321</v>
      </c>
      <c r="G17354" s="8">
        <v>350</v>
      </c>
      <c r="H17354" s="5">
        <v>6</v>
      </c>
      <c r="I17354" s="5" t="s">
        <v>1518</v>
      </c>
      <c r="J17354" s="5" t="s">
        <v>36264</v>
      </c>
      <c r="K17354" s="2" t="s">
        <v>36265</v>
      </c>
      <c r="L17354" s="5" t="s">
        <v>36264</v>
      </c>
      <c r="M17354" s="2" t="s">
        <v>36265</v>
      </c>
      <c r="N17354" s="5" t="s">
        <v>36266</v>
      </c>
      <c r="O17354" s="5" t="s">
        <v>38</v>
      </c>
      <c r="P17354" s="5" t="s">
        <v>39</v>
      </c>
      <c r="Q17354" s="5" t="s">
        <v>40</v>
      </c>
      <c r="R17354" s="5" t="s">
        <v>1522</v>
      </c>
      <c r="S17354" s="5" t="s">
        <v>1523</v>
      </c>
      <c r="T17354" s="5" t="s">
        <v>42</v>
      </c>
      <c r="U17354" s="2">
        <v>3.5569999999999999</v>
      </c>
      <c r="V17354" s="2">
        <v>2.9809999999999999</v>
      </c>
      <c r="W17354" s="2">
        <v>1.7999999999999999E-2</v>
      </c>
      <c r="X17354" s="2">
        <v>139.1</v>
      </c>
      <c r="Y17354" s="2">
        <v>7.6</v>
      </c>
      <c r="Z17354" s="2">
        <v>16.7</v>
      </c>
      <c r="AA17354" s="5"/>
      <c r="AB17354" s="5" t="s">
        <v>43</v>
      </c>
      <c r="AC17354" s="5" t="s">
        <v>44</v>
      </c>
      <c r="AD17354" s="2"/>
      <c r="AE17354" s="1"/>
    </row>
    <row r="17355" spans="1:31" ht="14.45">
      <c r="A17355" s="11"/>
      <c r="B17355" s="20"/>
      <c r="C17355" s="2" t="s">
        <v>53023</v>
      </c>
      <c r="D17355" s="14" t="s">
        <v>53024</v>
      </c>
      <c r="E17355" s="2" t="s">
        <v>53025</v>
      </c>
      <c r="F17355" s="2" t="s">
        <v>36325</v>
      </c>
      <c r="G17355" s="8">
        <v>350</v>
      </c>
      <c r="H17355" s="5">
        <v>6</v>
      </c>
      <c r="I17355" s="5" t="s">
        <v>1518</v>
      </c>
      <c r="J17355" s="5" t="s">
        <v>36264</v>
      </c>
      <c r="K17355" s="2" t="s">
        <v>36265</v>
      </c>
      <c r="L17355" s="5" t="s">
        <v>36264</v>
      </c>
      <c r="M17355" s="2" t="s">
        <v>36265</v>
      </c>
      <c r="N17355" s="5" t="s">
        <v>36266</v>
      </c>
      <c r="O17355" s="5" t="s">
        <v>38</v>
      </c>
      <c r="P17355" s="5" t="s">
        <v>39</v>
      </c>
      <c r="Q17355" s="5" t="s">
        <v>40</v>
      </c>
      <c r="R17355" s="5" t="s">
        <v>1522</v>
      </c>
      <c r="S17355" s="5" t="s">
        <v>1523</v>
      </c>
      <c r="T17355" s="5" t="s">
        <v>42</v>
      </c>
      <c r="U17355" s="2">
        <v>3.669</v>
      </c>
      <c r="V17355" s="2">
        <v>3.093</v>
      </c>
      <c r="W17355" s="2">
        <v>1.7999999999999999E-2</v>
      </c>
      <c r="X17355" s="2">
        <v>139.1</v>
      </c>
      <c r="Y17355" s="2">
        <v>7.6</v>
      </c>
      <c r="Z17355" s="2">
        <v>16.7</v>
      </c>
      <c r="AA17355" s="5"/>
      <c r="AB17355" s="5" t="s">
        <v>43</v>
      </c>
      <c r="AC17355" s="5" t="s">
        <v>44</v>
      </c>
      <c r="AD17355" s="2"/>
      <c r="AE17355" s="1"/>
    </row>
    <row r="17356" spans="1:31" ht="14.45">
      <c r="A17356" s="11"/>
      <c r="B17356" s="20"/>
      <c r="C17356" s="2" t="s">
        <v>53026</v>
      </c>
      <c r="D17356" s="14" t="s">
        <v>53027</v>
      </c>
      <c r="E17356" s="2" t="s">
        <v>53028</v>
      </c>
      <c r="F17356" s="2" t="s">
        <v>36329</v>
      </c>
      <c r="G17356" s="8">
        <v>350</v>
      </c>
      <c r="H17356" s="5">
        <v>6</v>
      </c>
      <c r="I17356" s="5" t="s">
        <v>1518</v>
      </c>
      <c r="J17356" s="5" t="s">
        <v>36264</v>
      </c>
      <c r="K17356" s="2" t="s">
        <v>36265</v>
      </c>
      <c r="L17356" s="5" t="s">
        <v>36264</v>
      </c>
      <c r="M17356" s="2" t="s">
        <v>36265</v>
      </c>
      <c r="N17356" s="5" t="s">
        <v>36266</v>
      </c>
      <c r="O17356" s="5" t="s">
        <v>38</v>
      </c>
      <c r="P17356" s="5" t="s">
        <v>39</v>
      </c>
      <c r="Q17356" s="5" t="s">
        <v>40</v>
      </c>
      <c r="R17356" s="5" t="s">
        <v>1522</v>
      </c>
      <c r="S17356" s="5" t="s">
        <v>1523</v>
      </c>
      <c r="T17356" s="5" t="s">
        <v>42</v>
      </c>
      <c r="U17356" s="2">
        <v>3.5569999999999999</v>
      </c>
      <c r="V17356" s="2">
        <v>2.9809999999999999</v>
      </c>
      <c r="W17356" s="2">
        <v>1.7999999999999999E-2</v>
      </c>
      <c r="X17356" s="2">
        <v>139.1</v>
      </c>
      <c r="Y17356" s="2">
        <v>7.6</v>
      </c>
      <c r="Z17356" s="2">
        <v>16.7</v>
      </c>
      <c r="AA17356" s="5"/>
      <c r="AB17356" s="5" t="s">
        <v>43</v>
      </c>
      <c r="AC17356" s="5" t="s">
        <v>44</v>
      </c>
      <c r="AD17356" s="2"/>
      <c r="AE17356" s="1"/>
    </row>
    <row r="17357" spans="1:31" ht="14.45">
      <c r="A17357" s="11"/>
      <c r="B17357" s="20"/>
      <c r="C17357" s="2" t="s">
        <v>53029</v>
      </c>
      <c r="D17357" s="14" t="s">
        <v>53030</v>
      </c>
      <c r="E17357" s="2" t="s">
        <v>53031</v>
      </c>
      <c r="F17357" s="2" t="s">
        <v>36333</v>
      </c>
      <c r="G17357" s="8">
        <v>350</v>
      </c>
      <c r="H17357" s="5">
        <v>6</v>
      </c>
      <c r="I17357" s="5" t="s">
        <v>1518</v>
      </c>
      <c r="J17357" s="5" t="s">
        <v>36264</v>
      </c>
      <c r="K17357" s="2" t="s">
        <v>36265</v>
      </c>
      <c r="L17357" s="5" t="s">
        <v>36264</v>
      </c>
      <c r="M17357" s="2" t="s">
        <v>36265</v>
      </c>
      <c r="N17357" s="5" t="s">
        <v>36266</v>
      </c>
      <c r="O17357" s="5" t="s">
        <v>38</v>
      </c>
      <c r="P17357" s="5" t="s">
        <v>39</v>
      </c>
      <c r="Q17357" s="5" t="s">
        <v>40</v>
      </c>
      <c r="R17357" s="5" t="s">
        <v>1522</v>
      </c>
      <c r="S17357" s="5" t="s">
        <v>1523</v>
      </c>
      <c r="T17357" s="5" t="s">
        <v>42</v>
      </c>
      <c r="U17357" s="2">
        <v>3.669</v>
      </c>
      <c r="V17357" s="2">
        <v>3.093</v>
      </c>
      <c r="W17357" s="2">
        <v>1.7999999999999999E-2</v>
      </c>
      <c r="X17357" s="2">
        <v>139.1</v>
      </c>
      <c r="Y17357" s="2">
        <v>7.6</v>
      </c>
      <c r="Z17357" s="2">
        <v>16.7</v>
      </c>
      <c r="AA17357" s="5"/>
      <c r="AB17357" s="5" t="s">
        <v>43</v>
      </c>
      <c r="AC17357" s="5" t="s">
        <v>44</v>
      </c>
      <c r="AD17357" s="2"/>
      <c r="AE17357" s="1"/>
    </row>
    <row r="17358" spans="1:31" ht="14.45">
      <c r="A17358" s="11"/>
      <c r="B17358" s="20"/>
      <c r="C17358" s="2" t="s">
        <v>53032</v>
      </c>
      <c r="D17358" s="14" t="s">
        <v>53033</v>
      </c>
      <c r="E17358" s="2" t="s">
        <v>53034</v>
      </c>
      <c r="F17358" s="2" t="s">
        <v>36341</v>
      </c>
      <c r="G17358" s="8">
        <v>350</v>
      </c>
      <c r="H17358" s="5">
        <v>6</v>
      </c>
      <c r="I17358" s="5" t="s">
        <v>1518</v>
      </c>
      <c r="J17358" s="5" t="s">
        <v>36264</v>
      </c>
      <c r="K17358" s="2" t="s">
        <v>36265</v>
      </c>
      <c r="L17358" s="5" t="s">
        <v>36264</v>
      </c>
      <c r="M17358" s="2" t="s">
        <v>36265</v>
      </c>
      <c r="N17358" s="5" t="s">
        <v>36266</v>
      </c>
      <c r="O17358" s="5" t="s">
        <v>38</v>
      </c>
      <c r="P17358" s="5" t="s">
        <v>39</v>
      </c>
      <c r="Q17358" s="5" t="s">
        <v>40</v>
      </c>
      <c r="R17358" s="5" t="s">
        <v>1522</v>
      </c>
      <c r="S17358" s="5" t="s">
        <v>1523</v>
      </c>
      <c r="T17358" s="5" t="s">
        <v>42</v>
      </c>
      <c r="U17358" s="2">
        <v>3.669</v>
      </c>
      <c r="V17358" s="2">
        <v>3.093</v>
      </c>
      <c r="W17358" s="2">
        <v>1.7999999999999999E-2</v>
      </c>
      <c r="X17358" s="2">
        <v>139.1</v>
      </c>
      <c r="Y17358" s="2">
        <v>7.6</v>
      </c>
      <c r="Z17358" s="2">
        <v>16.7</v>
      </c>
      <c r="AA17358" s="5"/>
      <c r="AB17358" s="5" t="s">
        <v>43</v>
      </c>
      <c r="AC17358" s="5" t="s">
        <v>44</v>
      </c>
      <c r="AD17358" s="2"/>
      <c r="AE17358" s="1"/>
    </row>
    <row r="17359" spans="1:31" ht="14.45">
      <c r="A17359" s="11"/>
      <c r="B17359" s="20"/>
      <c r="C17359" s="2" t="s">
        <v>53035</v>
      </c>
      <c r="D17359" s="14" t="s">
        <v>53036</v>
      </c>
      <c r="E17359" s="2" t="s">
        <v>53037</v>
      </c>
      <c r="F17359" s="2" t="s">
        <v>36345</v>
      </c>
      <c r="G17359" s="8">
        <v>350</v>
      </c>
      <c r="H17359" s="5">
        <v>6</v>
      </c>
      <c r="I17359" s="5" t="s">
        <v>1518</v>
      </c>
      <c r="J17359" s="5" t="s">
        <v>36264</v>
      </c>
      <c r="K17359" s="2" t="s">
        <v>36265</v>
      </c>
      <c r="L17359" s="5" t="s">
        <v>36264</v>
      </c>
      <c r="M17359" s="2" t="s">
        <v>36265</v>
      </c>
      <c r="N17359" s="5" t="s">
        <v>36266</v>
      </c>
      <c r="O17359" s="5" t="s">
        <v>38</v>
      </c>
      <c r="P17359" s="5" t="s">
        <v>39</v>
      </c>
      <c r="Q17359" s="5" t="s">
        <v>40</v>
      </c>
      <c r="R17359" s="5" t="s">
        <v>1522</v>
      </c>
      <c r="S17359" s="5" t="s">
        <v>1523</v>
      </c>
      <c r="T17359" s="5" t="s">
        <v>42</v>
      </c>
      <c r="U17359" s="2">
        <v>3.5569999999999999</v>
      </c>
      <c r="V17359" s="2">
        <v>2.9809999999999999</v>
      </c>
      <c r="W17359" s="2">
        <v>1.7999999999999999E-2</v>
      </c>
      <c r="X17359" s="2">
        <v>139.1</v>
      </c>
      <c r="Y17359" s="2">
        <v>7.6</v>
      </c>
      <c r="Z17359" s="2">
        <v>16.7</v>
      </c>
      <c r="AA17359" s="5"/>
      <c r="AB17359" s="5" t="s">
        <v>43</v>
      </c>
      <c r="AC17359" s="5" t="s">
        <v>44</v>
      </c>
      <c r="AD17359" s="2"/>
      <c r="AE17359" s="1"/>
    </row>
    <row r="17360" spans="1:31" ht="14.45">
      <c r="A17360" s="11"/>
      <c r="B17360" s="20"/>
      <c r="C17360" s="2" t="s">
        <v>53038</v>
      </c>
      <c r="D17360" s="14" t="s">
        <v>53039</v>
      </c>
      <c r="E17360" s="2" t="s">
        <v>53040</v>
      </c>
      <c r="F17360" s="2" t="s">
        <v>36349</v>
      </c>
      <c r="G17360" s="8">
        <v>350</v>
      </c>
      <c r="H17360" s="5">
        <v>6</v>
      </c>
      <c r="I17360" s="5" t="s">
        <v>1518</v>
      </c>
      <c r="J17360" s="5" t="s">
        <v>36264</v>
      </c>
      <c r="K17360" s="2" t="s">
        <v>36265</v>
      </c>
      <c r="L17360" s="5" t="s">
        <v>36264</v>
      </c>
      <c r="M17360" s="2" t="s">
        <v>36265</v>
      </c>
      <c r="N17360" s="5" t="s">
        <v>36266</v>
      </c>
      <c r="O17360" s="5" t="s">
        <v>38</v>
      </c>
      <c r="P17360" s="5" t="s">
        <v>39</v>
      </c>
      <c r="Q17360" s="5" t="s">
        <v>40</v>
      </c>
      <c r="R17360" s="5" t="s">
        <v>1522</v>
      </c>
      <c r="S17360" s="5" t="s">
        <v>1523</v>
      </c>
      <c r="T17360" s="5" t="s">
        <v>42</v>
      </c>
      <c r="U17360" s="2">
        <v>3.669</v>
      </c>
      <c r="V17360" s="2">
        <v>3.093</v>
      </c>
      <c r="W17360" s="2">
        <v>1.7999999999999999E-2</v>
      </c>
      <c r="X17360" s="2">
        <v>139.1</v>
      </c>
      <c r="Y17360" s="2">
        <v>7.6</v>
      </c>
      <c r="Z17360" s="2">
        <v>16.7</v>
      </c>
      <c r="AA17360" s="5"/>
      <c r="AB17360" s="5" t="s">
        <v>43</v>
      </c>
      <c r="AC17360" s="5" t="s">
        <v>44</v>
      </c>
      <c r="AD17360" s="2"/>
      <c r="AE17360" s="1"/>
    </row>
    <row r="17361" spans="1:31" ht="14.45">
      <c r="A17361" s="11"/>
      <c r="B17361" s="20"/>
      <c r="C17361" s="2" t="s">
        <v>53041</v>
      </c>
      <c r="D17361" s="14" t="s">
        <v>53042</v>
      </c>
      <c r="E17361" s="2" t="s">
        <v>53043</v>
      </c>
      <c r="F17361" s="2" t="s">
        <v>36353</v>
      </c>
      <c r="G17361" s="8">
        <v>350</v>
      </c>
      <c r="H17361" s="5">
        <v>6</v>
      </c>
      <c r="I17361" s="5" t="s">
        <v>1518</v>
      </c>
      <c r="J17361" s="5" t="s">
        <v>36264</v>
      </c>
      <c r="K17361" s="2" t="s">
        <v>36265</v>
      </c>
      <c r="L17361" s="5" t="s">
        <v>36264</v>
      </c>
      <c r="M17361" s="2" t="s">
        <v>36265</v>
      </c>
      <c r="N17361" s="5" t="s">
        <v>36266</v>
      </c>
      <c r="O17361" s="5" t="s">
        <v>38</v>
      </c>
      <c r="P17361" s="5" t="s">
        <v>39</v>
      </c>
      <c r="Q17361" s="5" t="s">
        <v>40</v>
      </c>
      <c r="R17361" s="5" t="s">
        <v>1522</v>
      </c>
      <c r="S17361" s="5" t="s">
        <v>1523</v>
      </c>
      <c r="T17361" s="5" t="s">
        <v>42</v>
      </c>
      <c r="U17361" s="2">
        <v>3.5569999999999999</v>
      </c>
      <c r="V17361" s="2">
        <v>2.9809999999999999</v>
      </c>
      <c r="W17361" s="2">
        <v>1.7999999999999999E-2</v>
      </c>
      <c r="X17361" s="2">
        <v>139.1</v>
      </c>
      <c r="Y17361" s="2">
        <v>7.6</v>
      </c>
      <c r="Z17361" s="2">
        <v>16.7</v>
      </c>
      <c r="AA17361" s="5"/>
      <c r="AB17361" s="5" t="s">
        <v>43</v>
      </c>
      <c r="AC17361" s="5" t="s">
        <v>44</v>
      </c>
      <c r="AD17361" s="2"/>
      <c r="AE17361" s="1"/>
    </row>
    <row r="17362" spans="1:31" ht="14.45">
      <c r="A17362" s="11"/>
      <c r="B17362" s="20"/>
      <c r="C17362" s="2" t="s">
        <v>53044</v>
      </c>
      <c r="D17362" s="14" t="s">
        <v>53045</v>
      </c>
      <c r="E17362" s="2" t="s">
        <v>53046</v>
      </c>
      <c r="F17362" s="2" t="s">
        <v>36357</v>
      </c>
      <c r="G17362" s="8">
        <v>350</v>
      </c>
      <c r="H17362" s="5">
        <v>6</v>
      </c>
      <c r="I17362" s="5" t="s">
        <v>1518</v>
      </c>
      <c r="J17362" s="5" t="s">
        <v>36264</v>
      </c>
      <c r="K17362" s="2" t="s">
        <v>36265</v>
      </c>
      <c r="L17362" s="5" t="s">
        <v>36264</v>
      </c>
      <c r="M17362" s="2" t="s">
        <v>36265</v>
      </c>
      <c r="N17362" s="5" t="s">
        <v>36266</v>
      </c>
      <c r="O17362" s="5" t="s">
        <v>38</v>
      </c>
      <c r="P17362" s="5" t="s">
        <v>39</v>
      </c>
      <c r="Q17362" s="5" t="s">
        <v>40</v>
      </c>
      <c r="R17362" s="5" t="s">
        <v>1522</v>
      </c>
      <c r="S17362" s="5" t="s">
        <v>1523</v>
      </c>
      <c r="T17362" s="5" t="s">
        <v>42</v>
      </c>
      <c r="U17362" s="2">
        <v>3.669</v>
      </c>
      <c r="V17362" s="2">
        <v>3.093</v>
      </c>
      <c r="W17362" s="2">
        <v>1.7999999999999999E-2</v>
      </c>
      <c r="X17362" s="2">
        <v>139.1</v>
      </c>
      <c r="Y17362" s="2">
        <v>7.6</v>
      </c>
      <c r="Z17362" s="2">
        <v>16.7</v>
      </c>
      <c r="AA17362" s="5"/>
      <c r="AB17362" s="5" t="s">
        <v>43</v>
      </c>
      <c r="AC17362" s="5" t="s">
        <v>44</v>
      </c>
      <c r="AD17362" s="2"/>
      <c r="AE17362" s="1"/>
    </row>
    <row r="17363" spans="1:31" ht="14.45">
      <c r="A17363" s="11"/>
      <c r="B17363" s="20"/>
      <c r="C17363" s="2" t="s">
        <v>53047</v>
      </c>
      <c r="D17363" s="14" t="s">
        <v>53048</v>
      </c>
      <c r="E17363" s="2" t="s">
        <v>53049</v>
      </c>
      <c r="F17363" s="2" t="s">
        <v>45598</v>
      </c>
      <c r="G17363" s="8">
        <v>350</v>
      </c>
      <c r="H17363" s="5">
        <v>6</v>
      </c>
      <c r="I17363" s="5" t="s">
        <v>1518</v>
      </c>
      <c r="J17363" s="5" t="s">
        <v>36264</v>
      </c>
      <c r="K17363" s="2" t="s">
        <v>36265</v>
      </c>
      <c r="L17363" s="5" t="s">
        <v>36264</v>
      </c>
      <c r="M17363" s="2" t="s">
        <v>36265</v>
      </c>
      <c r="N17363" s="5" t="s">
        <v>36266</v>
      </c>
      <c r="O17363" s="5" t="s">
        <v>38</v>
      </c>
      <c r="P17363" s="5" t="s">
        <v>39</v>
      </c>
      <c r="Q17363" s="5" t="s">
        <v>40</v>
      </c>
      <c r="R17363" s="5" t="s">
        <v>1522</v>
      </c>
      <c r="S17363" s="5" t="s">
        <v>1523</v>
      </c>
      <c r="T17363" s="5" t="s">
        <v>42</v>
      </c>
      <c r="U17363" s="2">
        <v>3.5569999999999999</v>
      </c>
      <c r="V17363" s="2">
        <v>2.9809999999999999</v>
      </c>
      <c r="W17363" s="2">
        <v>1.7999999999999999E-2</v>
      </c>
      <c r="X17363" s="2">
        <v>139.1</v>
      </c>
      <c r="Y17363" s="2">
        <v>7.6</v>
      </c>
      <c r="Z17363" s="2">
        <v>16.7</v>
      </c>
      <c r="AA17363" s="5"/>
      <c r="AB17363" s="5" t="s">
        <v>43</v>
      </c>
      <c r="AC17363" s="5" t="s">
        <v>44</v>
      </c>
      <c r="AD17363" s="2"/>
      <c r="AE17363" s="1"/>
    </row>
    <row r="17364" spans="1:31" ht="14.45">
      <c r="A17364" s="11"/>
      <c r="B17364" s="20"/>
      <c r="C17364" s="2" t="s">
        <v>53050</v>
      </c>
      <c r="D17364" s="14" t="s">
        <v>53051</v>
      </c>
      <c r="E17364" s="2" t="s">
        <v>53052</v>
      </c>
      <c r="F17364" s="2" t="s">
        <v>45534</v>
      </c>
      <c r="G17364" s="8">
        <v>350</v>
      </c>
      <c r="H17364" s="5">
        <v>6</v>
      </c>
      <c r="I17364" s="5" t="s">
        <v>1518</v>
      </c>
      <c r="J17364" s="5" t="s">
        <v>36264</v>
      </c>
      <c r="K17364" s="2" t="s">
        <v>36265</v>
      </c>
      <c r="L17364" s="5" t="s">
        <v>36264</v>
      </c>
      <c r="M17364" s="2" t="s">
        <v>36265</v>
      </c>
      <c r="N17364" s="5" t="s">
        <v>36266</v>
      </c>
      <c r="O17364" s="5" t="s">
        <v>38</v>
      </c>
      <c r="P17364" s="5" t="s">
        <v>39</v>
      </c>
      <c r="Q17364" s="5" t="s">
        <v>40</v>
      </c>
      <c r="R17364" s="5" t="s">
        <v>1522</v>
      </c>
      <c r="S17364" s="5" t="s">
        <v>1523</v>
      </c>
      <c r="T17364" s="5" t="s">
        <v>42</v>
      </c>
      <c r="U17364" s="2">
        <v>3.669</v>
      </c>
      <c r="V17364" s="2">
        <v>3.093</v>
      </c>
      <c r="W17364" s="2">
        <v>1.7999999999999999E-2</v>
      </c>
      <c r="X17364" s="2">
        <v>139.1</v>
      </c>
      <c r="Y17364" s="2">
        <v>7.6</v>
      </c>
      <c r="Z17364" s="2">
        <v>16.7</v>
      </c>
      <c r="AA17364" s="5"/>
      <c r="AB17364" s="5" t="s">
        <v>43</v>
      </c>
      <c r="AC17364" s="5" t="s">
        <v>44</v>
      </c>
      <c r="AD17364" s="2"/>
      <c r="AE17364" s="1"/>
    </row>
    <row r="17365" spans="1:31" ht="14.45">
      <c r="A17365" s="11"/>
      <c r="B17365" s="20"/>
      <c r="C17365" s="2" t="s">
        <v>53053</v>
      </c>
      <c r="D17365" s="14" t="s">
        <v>53054</v>
      </c>
      <c r="E17365" s="2" t="s">
        <v>53055</v>
      </c>
      <c r="F17365" s="2" t="s">
        <v>36369</v>
      </c>
      <c r="G17365" s="8">
        <v>350</v>
      </c>
      <c r="H17365" s="5">
        <v>6</v>
      </c>
      <c r="I17365" s="5" t="s">
        <v>1518</v>
      </c>
      <c r="J17365" s="5" t="s">
        <v>36264</v>
      </c>
      <c r="K17365" s="2" t="s">
        <v>36265</v>
      </c>
      <c r="L17365" s="5" t="s">
        <v>36264</v>
      </c>
      <c r="M17365" s="2" t="s">
        <v>36265</v>
      </c>
      <c r="N17365" s="5" t="s">
        <v>36266</v>
      </c>
      <c r="O17365" s="5" t="s">
        <v>38</v>
      </c>
      <c r="P17365" s="5" t="s">
        <v>39</v>
      </c>
      <c r="Q17365" s="5" t="s">
        <v>40</v>
      </c>
      <c r="R17365" s="5" t="s">
        <v>1522</v>
      </c>
      <c r="S17365" s="5" t="s">
        <v>1523</v>
      </c>
      <c r="T17365" s="5" t="s">
        <v>42</v>
      </c>
      <c r="U17365" s="2">
        <v>3.5569999999999999</v>
      </c>
      <c r="V17365" s="2">
        <v>2.9809999999999999</v>
      </c>
      <c r="W17365" s="2">
        <v>1.7999999999999999E-2</v>
      </c>
      <c r="X17365" s="2">
        <v>139.1</v>
      </c>
      <c r="Y17365" s="2">
        <v>7.6</v>
      </c>
      <c r="Z17365" s="2">
        <v>16.7</v>
      </c>
      <c r="AA17365" s="5"/>
      <c r="AB17365" s="5" t="s">
        <v>43</v>
      </c>
      <c r="AC17365" s="5" t="s">
        <v>44</v>
      </c>
      <c r="AD17365" s="2"/>
      <c r="AE17365" s="1"/>
    </row>
    <row r="17366" spans="1:31" ht="14.45">
      <c r="A17366" s="11"/>
      <c r="B17366" s="20"/>
      <c r="C17366" s="2" t="s">
        <v>53056</v>
      </c>
      <c r="D17366" s="14" t="s">
        <v>53057</v>
      </c>
      <c r="E17366" s="2" t="s">
        <v>53058</v>
      </c>
      <c r="F17366" s="2" t="s">
        <v>36373</v>
      </c>
      <c r="G17366" s="8">
        <v>350</v>
      </c>
      <c r="H17366" s="5">
        <v>6</v>
      </c>
      <c r="I17366" s="5" t="s">
        <v>1518</v>
      </c>
      <c r="J17366" s="5" t="s">
        <v>36264</v>
      </c>
      <c r="K17366" s="2" t="s">
        <v>36265</v>
      </c>
      <c r="L17366" s="5" t="s">
        <v>36264</v>
      </c>
      <c r="M17366" s="2" t="s">
        <v>36265</v>
      </c>
      <c r="N17366" s="5" t="s">
        <v>36266</v>
      </c>
      <c r="O17366" s="5" t="s">
        <v>38</v>
      </c>
      <c r="P17366" s="5" t="s">
        <v>39</v>
      </c>
      <c r="Q17366" s="5" t="s">
        <v>40</v>
      </c>
      <c r="R17366" s="5" t="s">
        <v>1522</v>
      </c>
      <c r="S17366" s="5" t="s">
        <v>1523</v>
      </c>
      <c r="T17366" s="5" t="s">
        <v>42</v>
      </c>
      <c r="U17366" s="2">
        <v>3.669</v>
      </c>
      <c r="V17366" s="2">
        <v>3.093</v>
      </c>
      <c r="W17366" s="2">
        <v>1.7999999999999999E-2</v>
      </c>
      <c r="X17366" s="2">
        <v>139.1</v>
      </c>
      <c r="Y17366" s="2">
        <v>7.6</v>
      </c>
      <c r="Z17366" s="2">
        <v>16.7</v>
      </c>
      <c r="AA17366" s="5"/>
      <c r="AB17366" s="5" t="s">
        <v>43</v>
      </c>
      <c r="AC17366" s="5" t="s">
        <v>44</v>
      </c>
      <c r="AD17366" s="2"/>
      <c r="AE17366" s="1"/>
    </row>
    <row r="17367" spans="1:31" ht="14.45">
      <c r="A17367" s="11"/>
      <c r="B17367" s="20"/>
      <c r="C17367" s="2" t="s">
        <v>53059</v>
      </c>
      <c r="D17367" s="14" t="s">
        <v>53060</v>
      </c>
      <c r="E17367" s="2" t="s">
        <v>53061</v>
      </c>
      <c r="F17367" s="2" t="s">
        <v>36377</v>
      </c>
      <c r="G17367" s="8">
        <v>350</v>
      </c>
      <c r="H17367" s="5">
        <v>6</v>
      </c>
      <c r="I17367" s="5" t="s">
        <v>1518</v>
      </c>
      <c r="J17367" s="5" t="s">
        <v>36264</v>
      </c>
      <c r="K17367" s="2" t="s">
        <v>36265</v>
      </c>
      <c r="L17367" s="5" t="s">
        <v>36264</v>
      </c>
      <c r="M17367" s="2" t="s">
        <v>36265</v>
      </c>
      <c r="N17367" s="5" t="s">
        <v>36266</v>
      </c>
      <c r="O17367" s="5" t="s">
        <v>38</v>
      </c>
      <c r="P17367" s="5" t="s">
        <v>39</v>
      </c>
      <c r="Q17367" s="5" t="s">
        <v>40</v>
      </c>
      <c r="R17367" s="5" t="s">
        <v>1522</v>
      </c>
      <c r="S17367" s="5" t="s">
        <v>1523</v>
      </c>
      <c r="T17367" s="5" t="s">
        <v>42</v>
      </c>
      <c r="U17367" s="2">
        <v>3.5569999999999999</v>
      </c>
      <c r="V17367" s="2">
        <v>2.9809999999999999</v>
      </c>
      <c r="W17367" s="2">
        <v>1.7999999999999999E-2</v>
      </c>
      <c r="X17367" s="2">
        <v>139.1</v>
      </c>
      <c r="Y17367" s="2">
        <v>7.6</v>
      </c>
      <c r="Z17367" s="2">
        <v>16.7</v>
      </c>
      <c r="AA17367" s="5"/>
      <c r="AB17367" s="5" t="s">
        <v>43</v>
      </c>
      <c r="AC17367" s="5" t="s">
        <v>44</v>
      </c>
      <c r="AD17367" s="2"/>
      <c r="AE17367" s="1"/>
    </row>
    <row r="17368" spans="1:31" ht="14.45">
      <c r="A17368" s="11"/>
      <c r="B17368" s="20"/>
      <c r="C17368" s="2" t="s">
        <v>53062</v>
      </c>
      <c r="D17368" s="14" t="s">
        <v>53063</v>
      </c>
      <c r="E17368" s="2" t="s">
        <v>53064</v>
      </c>
      <c r="F17368" s="2" t="s">
        <v>36381</v>
      </c>
      <c r="G17368" s="8">
        <v>350</v>
      </c>
      <c r="H17368" s="5">
        <v>6</v>
      </c>
      <c r="I17368" s="5" t="s">
        <v>1518</v>
      </c>
      <c r="J17368" s="5" t="s">
        <v>36264</v>
      </c>
      <c r="K17368" s="2" t="s">
        <v>36265</v>
      </c>
      <c r="L17368" s="5" t="s">
        <v>36264</v>
      </c>
      <c r="M17368" s="2" t="s">
        <v>36265</v>
      </c>
      <c r="N17368" s="5" t="s">
        <v>36266</v>
      </c>
      <c r="O17368" s="5" t="s">
        <v>38</v>
      </c>
      <c r="P17368" s="5" t="s">
        <v>39</v>
      </c>
      <c r="Q17368" s="5" t="s">
        <v>40</v>
      </c>
      <c r="R17368" s="5" t="s">
        <v>1522</v>
      </c>
      <c r="S17368" s="5" t="s">
        <v>1523</v>
      </c>
      <c r="T17368" s="5" t="s">
        <v>42</v>
      </c>
      <c r="U17368" s="2">
        <v>3.669</v>
      </c>
      <c r="V17368" s="2">
        <v>3.093</v>
      </c>
      <c r="W17368" s="2">
        <v>1.7999999999999999E-2</v>
      </c>
      <c r="X17368" s="2">
        <v>139.1</v>
      </c>
      <c r="Y17368" s="2">
        <v>7.6</v>
      </c>
      <c r="Z17368" s="2">
        <v>16.7</v>
      </c>
      <c r="AA17368" s="5"/>
      <c r="AB17368" s="5" t="s">
        <v>43</v>
      </c>
      <c r="AC17368" s="5" t="s">
        <v>44</v>
      </c>
      <c r="AD17368" s="2"/>
      <c r="AE17368" s="1"/>
    </row>
    <row r="17369" spans="1:31" ht="14.45">
      <c r="A17369" s="11"/>
      <c r="B17369" s="20"/>
      <c r="C17369" s="2" t="s">
        <v>53065</v>
      </c>
      <c r="D17369" s="14" t="s">
        <v>53066</v>
      </c>
      <c r="E17369" s="2" t="s">
        <v>53067</v>
      </c>
      <c r="F17369" s="2" t="s">
        <v>36385</v>
      </c>
      <c r="G17369" s="8">
        <v>350</v>
      </c>
      <c r="H17369" s="5">
        <v>6</v>
      </c>
      <c r="I17369" s="5" t="s">
        <v>1518</v>
      </c>
      <c r="J17369" s="5" t="s">
        <v>36264</v>
      </c>
      <c r="K17369" s="2" t="s">
        <v>36265</v>
      </c>
      <c r="L17369" s="5" t="s">
        <v>36264</v>
      </c>
      <c r="M17369" s="2" t="s">
        <v>36265</v>
      </c>
      <c r="N17369" s="5" t="s">
        <v>36266</v>
      </c>
      <c r="O17369" s="5" t="s">
        <v>38</v>
      </c>
      <c r="P17369" s="5" t="s">
        <v>39</v>
      </c>
      <c r="Q17369" s="5" t="s">
        <v>40</v>
      </c>
      <c r="R17369" s="5" t="s">
        <v>1522</v>
      </c>
      <c r="S17369" s="5" t="s">
        <v>1523</v>
      </c>
      <c r="T17369" s="5" t="s">
        <v>42</v>
      </c>
      <c r="U17369" s="2">
        <v>3.5569999999999999</v>
      </c>
      <c r="V17369" s="2">
        <v>2.9809999999999999</v>
      </c>
      <c r="W17369" s="2">
        <v>1.7999999999999999E-2</v>
      </c>
      <c r="X17369" s="2">
        <v>139.1</v>
      </c>
      <c r="Y17369" s="2">
        <v>7.6</v>
      </c>
      <c r="Z17369" s="2">
        <v>16.7</v>
      </c>
      <c r="AA17369" s="5"/>
      <c r="AB17369" s="5" t="s">
        <v>43</v>
      </c>
      <c r="AC17369" s="5" t="s">
        <v>44</v>
      </c>
      <c r="AD17369" s="2"/>
      <c r="AE17369" s="1"/>
    </row>
    <row r="17370" spans="1:31" ht="14.45">
      <c r="A17370" s="11"/>
      <c r="B17370" s="20"/>
      <c r="C17370" s="2" t="s">
        <v>53068</v>
      </c>
      <c r="D17370" s="14" t="s">
        <v>53069</v>
      </c>
      <c r="E17370" s="2" t="s">
        <v>53070</v>
      </c>
      <c r="F17370" s="2" t="s">
        <v>36389</v>
      </c>
      <c r="G17370" s="8">
        <v>350</v>
      </c>
      <c r="H17370" s="5">
        <v>6</v>
      </c>
      <c r="I17370" s="5" t="s">
        <v>1518</v>
      </c>
      <c r="J17370" s="5" t="s">
        <v>36264</v>
      </c>
      <c r="K17370" s="2" t="s">
        <v>36265</v>
      </c>
      <c r="L17370" s="5" t="s">
        <v>36264</v>
      </c>
      <c r="M17370" s="2" t="s">
        <v>36265</v>
      </c>
      <c r="N17370" s="5" t="s">
        <v>36266</v>
      </c>
      <c r="O17370" s="5" t="s">
        <v>38</v>
      </c>
      <c r="P17370" s="5" t="s">
        <v>39</v>
      </c>
      <c r="Q17370" s="5" t="s">
        <v>40</v>
      </c>
      <c r="R17370" s="5" t="s">
        <v>1522</v>
      </c>
      <c r="S17370" s="5" t="s">
        <v>1523</v>
      </c>
      <c r="T17370" s="5" t="s">
        <v>42</v>
      </c>
      <c r="U17370" s="2">
        <v>3.669</v>
      </c>
      <c r="V17370" s="2">
        <v>3.093</v>
      </c>
      <c r="W17370" s="2">
        <v>1.7999999999999999E-2</v>
      </c>
      <c r="X17370" s="2">
        <v>139.1</v>
      </c>
      <c r="Y17370" s="2">
        <v>7.6</v>
      </c>
      <c r="Z17370" s="2">
        <v>16.7</v>
      </c>
      <c r="AA17370" s="5"/>
      <c r="AB17370" s="5" t="s">
        <v>43</v>
      </c>
      <c r="AC17370" s="5" t="s">
        <v>44</v>
      </c>
      <c r="AD17370" s="2"/>
      <c r="AE17370" s="1"/>
    </row>
    <row r="17371" spans="1:31" ht="14.45">
      <c r="A17371" s="11"/>
      <c r="B17371" s="20"/>
      <c r="C17371" s="2" t="s">
        <v>53071</v>
      </c>
      <c r="D17371" s="14" t="s">
        <v>53072</v>
      </c>
      <c r="E17371" s="2" t="s">
        <v>53073</v>
      </c>
      <c r="F17371" s="2" t="s">
        <v>7204</v>
      </c>
      <c r="G17371" s="8">
        <v>345</v>
      </c>
      <c r="H17371" s="5">
        <v>6</v>
      </c>
      <c r="I17371" s="5" t="s">
        <v>1518</v>
      </c>
      <c r="J17371" s="5" t="s">
        <v>36264</v>
      </c>
      <c r="K17371" s="2" t="s">
        <v>36265</v>
      </c>
      <c r="L17371" s="5" t="s">
        <v>36264</v>
      </c>
      <c r="M17371" s="2" t="s">
        <v>36265</v>
      </c>
      <c r="N17371" s="5" t="s">
        <v>36266</v>
      </c>
      <c r="O17371" s="5" t="s">
        <v>38</v>
      </c>
      <c r="P17371" s="5" t="s">
        <v>39</v>
      </c>
      <c r="Q17371" s="5" t="s">
        <v>40</v>
      </c>
      <c r="R17371" s="5" t="s">
        <v>1522</v>
      </c>
      <c r="S17371" s="5" t="s">
        <v>1523</v>
      </c>
      <c r="T17371" s="5" t="s">
        <v>42</v>
      </c>
      <c r="U17371" s="2">
        <v>3.827</v>
      </c>
      <c r="V17371" s="2">
        <v>3.1680000000000001</v>
      </c>
      <c r="W17371" s="2">
        <v>0.02</v>
      </c>
      <c r="X17371" s="2">
        <v>159.1</v>
      </c>
      <c r="Y17371" s="2">
        <v>7.6</v>
      </c>
      <c r="Z17371" s="2">
        <v>16.7</v>
      </c>
      <c r="AA17371" s="5"/>
      <c r="AB17371" s="5" t="s">
        <v>43</v>
      </c>
      <c r="AC17371" s="5" t="s">
        <v>44</v>
      </c>
      <c r="AD17371" s="2"/>
      <c r="AE17371" s="1"/>
    </row>
    <row r="17372" spans="1:31" ht="14.45">
      <c r="A17372" s="11"/>
      <c r="B17372" s="20"/>
      <c r="C17372" s="2" t="s">
        <v>53074</v>
      </c>
      <c r="D17372" s="14" t="s">
        <v>53075</v>
      </c>
      <c r="E17372" s="2" t="s">
        <v>53076</v>
      </c>
      <c r="F17372" s="2" t="s">
        <v>7514</v>
      </c>
      <c r="G17372" s="8">
        <v>345</v>
      </c>
      <c r="H17372" s="5">
        <v>6</v>
      </c>
      <c r="I17372" s="5" t="s">
        <v>1518</v>
      </c>
      <c r="J17372" s="5" t="s">
        <v>36264</v>
      </c>
      <c r="K17372" s="2" t="s">
        <v>36265</v>
      </c>
      <c r="L17372" s="5" t="s">
        <v>36264</v>
      </c>
      <c r="M17372" s="2" t="s">
        <v>36265</v>
      </c>
      <c r="N17372" s="5" t="s">
        <v>36266</v>
      </c>
      <c r="O17372" s="5" t="s">
        <v>38</v>
      </c>
      <c r="P17372" s="5" t="s">
        <v>39</v>
      </c>
      <c r="Q17372" s="5" t="s">
        <v>40</v>
      </c>
      <c r="R17372" s="5" t="s">
        <v>1522</v>
      </c>
      <c r="S17372" s="5" t="s">
        <v>1523</v>
      </c>
      <c r="T17372" s="5" t="s">
        <v>42</v>
      </c>
      <c r="U17372" s="2">
        <v>3.9510000000000001</v>
      </c>
      <c r="V17372" s="2">
        <v>3.2919999999999998</v>
      </c>
      <c r="W17372" s="2">
        <v>0.02</v>
      </c>
      <c r="X17372" s="2">
        <v>159.1</v>
      </c>
      <c r="Y17372" s="2">
        <v>7.6</v>
      </c>
      <c r="Z17372" s="2">
        <v>16.7</v>
      </c>
      <c r="AA17372" s="5"/>
      <c r="AB17372" s="5" t="s">
        <v>43</v>
      </c>
      <c r="AC17372" s="5" t="s">
        <v>44</v>
      </c>
      <c r="AD17372" s="2"/>
      <c r="AE17372" s="1"/>
    </row>
    <row r="17373" spans="1:31" ht="14.45">
      <c r="A17373" s="11"/>
      <c r="B17373" s="20"/>
      <c r="C17373" s="2" t="s">
        <v>53077</v>
      </c>
      <c r="D17373" s="14" t="s">
        <v>53078</v>
      </c>
      <c r="E17373" s="2" t="s">
        <v>53079</v>
      </c>
      <c r="F17373" s="2" t="s">
        <v>36273</v>
      </c>
      <c r="G17373" s="8">
        <v>345</v>
      </c>
      <c r="H17373" s="5">
        <v>6</v>
      </c>
      <c r="I17373" s="5" t="s">
        <v>1518</v>
      </c>
      <c r="J17373" s="5" t="s">
        <v>36264</v>
      </c>
      <c r="K17373" s="2" t="s">
        <v>36265</v>
      </c>
      <c r="L17373" s="5" t="s">
        <v>36264</v>
      </c>
      <c r="M17373" s="2" t="s">
        <v>36265</v>
      </c>
      <c r="N17373" s="5" t="s">
        <v>36266</v>
      </c>
      <c r="O17373" s="5" t="s">
        <v>38</v>
      </c>
      <c r="P17373" s="5" t="s">
        <v>39</v>
      </c>
      <c r="Q17373" s="5" t="s">
        <v>40</v>
      </c>
      <c r="R17373" s="5" t="s">
        <v>1522</v>
      </c>
      <c r="S17373" s="5" t="s">
        <v>1523</v>
      </c>
      <c r="T17373" s="5" t="s">
        <v>42</v>
      </c>
      <c r="U17373" s="2">
        <v>3.827</v>
      </c>
      <c r="V17373" s="2">
        <v>3.1680000000000001</v>
      </c>
      <c r="W17373" s="2">
        <v>0.02</v>
      </c>
      <c r="X17373" s="2">
        <v>159.1</v>
      </c>
      <c r="Y17373" s="2">
        <v>7.6</v>
      </c>
      <c r="Z17373" s="2">
        <v>16.7</v>
      </c>
      <c r="AA17373" s="5"/>
      <c r="AB17373" s="5" t="s">
        <v>43</v>
      </c>
      <c r="AC17373" s="5" t="s">
        <v>44</v>
      </c>
      <c r="AD17373" s="2"/>
      <c r="AE17373" s="1"/>
    </row>
    <row r="17374" spans="1:31" ht="14.45">
      <c r="A17374" s="11"/>
      <c r="B17374" s="20"/>
      <c r="C17374" s="2" t="s">
        <v>53080</v>
      </c>
      <c r="D17374" s="14" t="s">
        <v>53081</v>
      </c>
      <c r="E17374" s="2" t="s">
        <v>53082</v>
      </c>
      <c r="F17374" s="2" t="s">
        <v>36277</v>
      </c>
      <c r="G17374" s="8">
        <v>345</v>
      </c>
      <c r="H17374" s="5">
        <v>6</v>
      </c>
      <c r="I17374" s="5" t="s">
        <v>1518</v>
      </c>
      <c r="J17374" s="5" t="s">
        <v>36264</v>
      </c>
      <c r="K17374" s="2" t="s">
        <v>36265</v>
      </c>
      <c r="L17374" s="5" t="s">
        <v>36264</v>
      </c>
      <c r="M17374" s="2" t="s">
        <v>36265</v>
      </c>
      <c r="N17374" s="5" t="s">
        <v>36266</v>
      </c>
      <c r="O17374" s="5" t="s">
        <v>38</v>
      </c>
      <c r="P17374" s="5" t="s">
        <v>39</v>
      </c>
      <c r="Q17374" s="5" t="s">
        <v>40</v>
      </c>
      <c r="R17374" s="5" t="s">
        <v>1522</v>
      </c>
      <c r="S17374" s="5" t="s">
        <v>1523</v>
      </c>
      <c r="T17374" s="5" t="s">
        <v>42</v>
      </c>
      <c r="U17374" s="2">
        <v>3.9510000000000001</v>
      </c>
      <c r="V17374" s="2">
        <v>3.2919999999999998</v>
      </c>
      <c r="W17374" s="2">
        <v>0.02</v>
      </c>
      <c r="X17374" s="2">
        <v>159.1</v>
      </c>
      <c r="Y17374" s="2">
        <v>7.6</v>
      </c>
      <c r="Z17374" s="2">
        <v>16.7</v>
      </c>
      <c r="AA17374" s="5"/>
      <c r="AB17374" s="5" t="s">
        <v>43</v>
      </c>
      <c r="AC17374" s="5" t="s">
        <v>44</v>
      </c>
      <c r="AD17374" s="2"/>
      <c r="AE17374" s="1"/>
    </row>
    <row r="17375" spans="1:31" ht="14.45">
      <c r="A17375" s="11"/>
      <c r="B17375" s="20"/>
      <c r="C17375" s="2" t="s">
        <v>53083</v>
      </c>
      <c r="D17375" s="14" t="s">
        <v>53084</v>
      </c>
      <c r="E17375" s="2" t="s">
        <v>53085</v>
      </c>
      <c r="F17375" s="2" t="s">
        <v>36281</v>
      </c>
      <c r="G17375" s="8">
        <v>377</v>
      </c>
      <c r="H17375" s="5">
        <v>6</v>
      </c>
      <c r="I17375" s="5" t="s">
        <v>1518</v>
      </c>
      <c r="J17375" s="5" t="s">
        <v>36264</v>
      </c>
      <c r="K17375" s="2" t="s">
        <v>36265</v>
      </c>
      <c r="L17375" s="5" t="s">
        <v>36264</v>
      </c>
      <c r="M17375" s="2" t="s">
        <v>36265</v>
      </c>
      <c r="N17375" s="5" t="s">
        <v>36266</v>
      </c>
      <c r="O17375" s="5" t="s">
        <v>38</v>
      </c>
      <c r="P17375" s="5" t="s">
        <v>39</v>
      </c>
      <c r="Q17375" s="5" t="s">
        <v>40</v>
      </c>
      <c r="R17375" s="5" t="s">
        <v>1522</v>
      </c>
      <c r="S17375" s="5" t="s">
        <v>1523</v>
      </c>
      <c r="T17375" s="5" t="s">
        <v>42</v>
      </c>
      <c r="U17375" s="2">
        <v>3.827</v>
      </c>
      <c r="V17375" s="2">
        <v>3.1680000000000001</v>
      </c>
      <c r="W17375" s="2">
        <v>0.02</v>
      </c>
      <c r="X17375" s="2">
        <v>159.1</v>
      </c>
      <c r="Y17375" s="2">
        <v>7.6</v>
      </c>
      <c r="Z17375" s="2">
        <v>16.7</v>
      </c>
      <c r="AA17375" s="5"/>
      <c r="AB17375" s="5" t="s">
        <v>43</v>
      </c>
      <c r="AC17375" s="5" t="s">
        <v>44</v>
      </c>
      <c r="AD17375" s="2"/>
      <c r="AE17375" s="1"/>
    </row>
    <row r="17376" spans="1:31" ht="14.45">
      <c r="A17376" s="11"/>
      <c r="B17376" s="20"/>
      <c r="C17376" s="2" t="s">
        <v>53086</v>
      </c>
      <c r="D17376" s="14" t="s">
        <v>53087</v>
      </c>
      <c r="E17376" s="2" t="s">
        <v>53088</v>
      </c>
      <c r="F17376" s="2" t="s">
        <v>36285</v>
      </c>
      <c r="G17376" s="8">
        <v>377</v>
      </c>
      <c r="H17376" s="5">
        <v>6</v>
      </c>
      <c r="I17376" s="5" t="s">
        <v>1518</v>
      </c>
      <c r="J17376" s="5" t="s">
        <v>36264</v>
      </c>
      <c r="K17376" s="2" t="s">
        <v>36265</v>
      </c>
      <c r="L17376" s="5" t="s">
        <v>36264</v>
      </c>
      <c r="M17376" s="2" t="s">
        <v>36265</v>
      </c>
      <c r="N17376" s="5" t="s">
        <v>36266</v>
      </c>
      <c r="O17376" s="5" t="s">
        <v>38</v>
      </c>
      <c r="P17376" s="5" t="s">
        <v>39</v>
      </c>
      <c r="Q17376" s="5" t="s">
        <v>40</v>
      </c>
      <c r="R17376" s="5" t="s">
        <v>1522</v>
      </c>
      <c r="S17376" s="5" t="s">
        <v>1523</v>
      </c>
      <c r="T17376" s="5" t="s">
        <v>42</v>
      </c>
      <c r="U17376" s="2">
        <v>3.9510000000000001</v>
      </c>
      <c r="V17376" s="2">
        <v>3.2919999999999998</v>
      </c>
      <c r="W17376" s="2">
        <v>0.02</v>
      </c>
      <c r="X17376" s="2">
        <v>159.1</v>
      </c>
      <c r="Y17376" s="2">
        <v>7.6</v>
      </c>
      <c r="Z17376" s="2">
        <v>16.7</v>
      </c>
      <c r="AA17376" s="5"/>
      <c r="AB17376" s="5" t="s">
        <v>43</v>
      </c>
      <c r="AC17376" s="5" t="s">
        <v>44</v>
      </c>
      <c r="AD17376" s="2"/>
      <c r="AE17376" s="1"/>
    </row>
    <row r="17377" spans="1:31" ht="14.45">
      <c r="A17377" s="11"/>
      <c r="B17377" s="20"/>
      <c r="C17377" s="2" t="s">
        <v>53089</v>
      </c>
      <c r="D17377" s="14" t="s">
        <v>53090</v>
      </c>
      <c r="E17377" s="2" t="s">
        <v>53091</v>
      </c>
      <c r="F17377" s="2" t="s">
        <v>36289</v>
      </c>
      <c r="G17377" s="8">
        <v>377</v>
      </c>
      <c r="H17377" s="5">
        <v>6</v>
      </c>
      <c r="I17377" s="5" t="s">
        <v>1518</v>
      </c>
      <c r="J17377" s="5" t="s">
        <v>36264</v>
      </c>
      <c r="K17377" s="2" t="s">
        <v>36265</v>
      </c>
      <c r="L17377" s="5" t="s">
        <v>36264</v>
      </c>
      <c r="M17377" s="2" t="s">
        <v>36265</v>
      </c>
      <c r="N17377" s="5" t="s">
        <v>36266</v>
      </c>
      <c r="O17377" s="5" t="s">
        <v>38</v>
      </c>
      <c r="P17377" s="5" t="s">
        <v>39</v>
      </c>
      <c r="Q17377" s="5" t="s">
        <v>40</v>
      </c>
      <c r="R17377" s="5" t="s">
        <v>1522</v>
      </c>
      <c r="S17377" s="5" t="s">
        <v>1523</v>
      </c>
      <c r="T17377" s="5" t="s">
        <v>42</v>
      </c>
      <c r="U17377" s="2">
        <v>3.827</v>
      </c>
      <c r="V17377" s="2">
        <v>3.1680000000000001</v>
      </c>
      <c r="W17377" s="2">
        <v>0.02</v>
      </c>
      <c r="X17377" s="2">
        <v>159.1</v>
      </c>
      <c r="Y17377" s="2">
        <v>7.6</v>
      </c>
      <c r="Z17377" s="2">
        <v>16.7</v>
      </c>
      <c r="AA17377" s="5"/>
      <c r="AB17377" s="5" t="s">
        <v>43</v>
      </c>
      <c r="AC17377" s="5" t="s">
        <v>44</v>
      </c>
      <c r="AD17377" s="2"/>
      <c r="AE17377" s="1"/>
    </row>
    <row r="17378" spans="1:31" ht="14.45">
      <c r="A17378" s="11"/>
      <c r="B17378" s="20"/>
      <c r="C17378" s="2" t="s">
        <v>53092</v>
      </c>
      <c r="D17378" s="14" t="s">
        <v>53093</v>
      </c>
      <c r="E17378" s="2" t="s">
        <v>53094</v>
      </c>
      <c r="F17378" s="2" t="s">
        <v>36293</v>
      </c>
      <c r="G17378" s="8">
        <v>377</v>
      </c>
      <c r="H17378" s="5">
        <v>6</v>
      </c>
      <c r="I17378" s="5" t="s">
        <v>1518</v>
      </c>
      <c r="J17378" s="5" t="s">
        <v>36264</v>
      </c>
      <c r="K17378" s="2" t="s">
        <v>36265</v>
      </c>
      <c r="L17378" s="5" t="s">
        <v>36264</v>
      </c>
      <c r="M17378" s="2" t="s">
        <v>36265</v>
      </c>
      <c r="N17378" s="5" t="s">
        <v>36266</v>
      </c>
      <c r="O17378" s="5" t="s">
        <v>38</v>
      </c>
      <c r="P17378" s="5" t="s">
        <v>39</v>
      </c>
      <c r="Q17378" s="5" t="s">
        <v>40</v>
      </c>
      <c r="R17378" s="5" t="s">
        <v>1522</v>
      </c>
      <c r="S17378" s="5" t="s">
        <v>1523</v>
      </c>
      <c r="T17378" s="5" t="s">
        <v>42</v>
      </c>
      <c r="U17378" s="2">
        <v>3.9510000000000001</v>
      </c>
      <c r="V17378" s="2">
        <v>3.2919999999999998</v>
      </c>
      <c r="W17378" s="2">
        <v>0.02</v>
      </c>
      <c r="X17378" s="2">
        <v>159.1</v>
      </c>
      <c r="Y17378" s="2">
        <v>7.6</v>
      </c>
      <c r="Z17378" s="2">
        <v>16.7</v>
      </c>
      <c r="AA17378" s="5"/>
      <c r="AB17378" s="5" t="s">
        <v>43</v>
      </c>
      <c r="AC17378" s="5" t="s">
        <v>44</v>
      </c>
      <c r="AD17378" s="2"/>
      <c r="AE17378" s="1"/>
    </row>
    <row r="17379" spans="1:31" ht="14.45">
      <c r="A17379" s="11"/>
      <c r="B17379" s="20"/>
      <c r="C17379" s="2" t="s">
        <v>53095</v>
      </c>
      <c r="D17379" s="14" t="s">
        <v>53096</v>
      </c>
      <c r="E17379" s="2" t="s">
        <v>53097</v>
      </c>
      <c r="F17379" s="2" t="s">
        <v>36297</v>
      </c>
      <c r="G17379" s="8">
        <v>345</v>
      </c>
      <c r="H17379" s="5">
        <v>6</v>
      </c>
      <c r="I17379" s="5" t="s">
        <v>1518</v>
      </c>
      <c r="J17379" s="5" t="s">
        <v>36264</v>
      </c>
      <c r="K17379" s="2" t="s">
        <v>36265</v>
      </c>
      <c r="L17379" s="5" t="s">
        <v>36264</v>
      </c>
      <c r="M17379" s="2" t="s">
        <v>36265</v>
      </c>
      <c r="N17379" s="5" t="s">
        <v>36266</v>
      </c>
      <c r="O17379" s="5" t="s">
        <v>38</v>
      </c>
      <c r="P17379" s="5" t="s">
        <v>39</v>
      </c>
      <c r="Q17379" s="5" t="s">
        <v>40</v>
      </c>
      <c r="R17379" s="5" t="s">
        <v>1522</v>
      </c>
      <c r="S17379" s="5" t="s">
        <v>1523</v>
      </c>
      <c r="T17379" s="5" t="s">
        <v>42</v>
      </c>
      <c r="U17379" s="2">
        <v>3.827</v>
      </c>
      <c r="V17379" s="2">
        <v>3.1680000000000001</v>
      </c>
      <c r="W17379" s="2">
        <v>0.02</v>
      </c>
      <c r="X17379" s="2">
        <v>159.1</v>
      </c>
      <c r="Y17379" s="2">
        <v>7.6</v>
      </c>
      <c r="Z17379" s="2">
        <v>16.7</v>
      </c>
      <c r="AA17379" s="5"/>
      <c r="AB17379" s="5" t="s">
        <v>43</v>
      </c>
      <c r="AC17379" s="5" t="s">
        <v>44</v>
      </c>
      <c r="AD17379" s="2"/>
      <c r="AE17379" s="1"/>
    </row>
    <row r="17380" spans="1:31" ht="14.45">
      <c r="A17380" s="11"/>
      <c r="B17380" s="20"/>
      <c r="C17380" s="2" t="s">
        <v>53098</v>
      </c>
      <c r="D17380" s="14" t="s">
        <v>53099</v>
      </c>
      <c r="E17380" s="2" t="s">
        <v>53100</v>
      </c>
      <c r="F17380" s="2" t="s">
        <v>36301</v>
      </c>
      <c r="G17380" s="8">
        <v>345</v>
      </c>
      <c r="H17380" s="5">
        <v>6</v>
      </c>
      <c r="I17380" s="5" t="s">
        <v>1518</v>
      </c>
      <c r="J17380" s="5" t="s">
        <v>36264</v>
      </c>
      <c r="K17380" s="2" t="s">
        <v>36265</v>
      </c>
      <c r="L17380" s="5" t="s">
        <v>36264</v>
      </c>
      <c r="M17380" s="2" t="s">
        <v>36265</v>
      </c>
      <c r="N17380" s="5" t="s">
        <v>36266</v>
      </c>
      <c r="O17380" s="5" t="s">
        <v>38</v>
      </c>
      <c r="P17380" s="5" t="s">
        <v>39</v>
      </c>
      <c r="Q17380" s="5" t="s">
        <v>40</v>
      </c>
      <c r="R17380" s="5" t="s">
        <v>1522</v>
      </c>
      <c r="S17380" s="5" t="s">
        <v>1523</v>
      </c>
      <c r="T17380" s="5" t="s">
        <v>42</v>
      </c>
      <c r="U17380" s="2">
        <v>3.9510000000000001</v>
      </c>
      <c r="V17380" s="2">
        <v>3.2919999999999998</v>
      </c>
      <c r="W17380" s="2">
        <v>0.02</v>
      </c>
      <c r="X17380" s="2">
        <v>159.1</v>
      </c>
      <c r="Y17380" s="2">
        <v>7.6</v>
      </c>
      <c r="Z17380" s="2">
        <v>16.7</v>
      </c>
      <c r="AA17380" s="5"/>
      <c r="AB17380" s="5" t="s">
        <v>43</v>
      </c>
      <c r="AC17380" s="5" t="s">
        <v>44</v>
      </c>
      <c r="AD17380" s="2"/>
      <c r="AE17380" s="1"/>
    </row>
    <row r="17381" spans="1:31" ht="14.45">
      <c r="A17381" s="11"/>
      <c r="B17381" s="20"/>
      <c r="C17381" s="2" t="s">
        <v>53101</v>
      </c>
      <c r="D17381" s="14" t="s">
        <v>53102</v>
      </c>
      <c r="E17381" s="2" t="s">
        <v>53103</v>
      </c>
      <c r="F17381" s="2" t="s">
        <v>36305</v>
      </c>
      <c r="G17381" s="8">
        <v>345</v>
      </c>
      <c r="H17381" s="5">
        <v>6</v>
      </c>
      <c r="I17381" s="5" t="s">
        <v>1518</v>
      </c>
      <c r="J17381" s="5" t="s">
        <v>36264</v>
      </c>
      <c r="K17381" s="2" t="s">
        <v>36265</v>
      </c>
      <c r="L17381" s="5" t="s">
        <v>36264</v>
      </c>
      <c r="M17381" s="2" t="s">
        <v>36265</v>
      </c>
      <c r="N17381" s="5" t="s">
        <v>36266</v>
      </c>
      <c r="O17381" s="5" t="s">
        <v>38</v>
      </c>
      <c r="P17381" s="5" t="s">
        <v>39</v>
      </c>
      <c r="Q17381" s="5" t="s">
        <v>40</v>
      </c>
      <c r="R17381" s="5" t="s">
        <v>1522</v>
      </c>
      <c r="S17381" s="5" t="s">
        <v>1523</v>
      </c>
      <c r="T17381" s="5" t="s">
        <v>42</v>
      </c>
      <c r="U17381" s="2">
        <v>3.827</v>
      </c>
      <c r="V17381" s="2">
        <v>3.1680000000000001</v>
      </c>
      <c r="W17381" s="2">
        <v>0.02</v>
      </c>
      <c r="X17381" s="2">
        <v>159.1</v>
      </c>
      <c r="Y17381" s="2">
        <v>7.6</v>
      </c>
      <c r="Z17381" s="2">
        <v>16.7</v>
      </c>
      <c r="AA17381" s="5"/>
      <c r="AB17381" s="5" t="s">
        <v>43</v>
      </c>
      <c r="AC17381" s="5" t="s">
        <v>44</v>
      </c>
      <c r="AD17381" s="2"/>
      <c r="AE17381" s="1"/>
    </row>
    <row r="17382" spans="1:31" ht="14.45">
      <c r="A17382" s="11"/>
      <c r="B17382" s="20"/>
      <c r="C17382" s="2" t="s">
        <v>53104</v>
      </c>
      <c r="D17382" s="14" t="s">
        <v>53105</v>
      </c>
      <c r="E17382" s="2" t="s">
        <v>53106</v>
      </c>
      <c r="F17382" s="2" t="s">
        <v>36309</v>
      </c>
      <c r="G17382" s="8">
        <v>345</v>
      </c>
      <c r="H17382" s="5">
        <v>6</v>
      </c>
      <c r="I17382" s="5" t="s">
        <v>1518</v>
      </c>
      <c r="J17382" s="5" t="s">
        <v>36264</v>
      </c>
      <c r="K17382" s="2" t="s">
        <v>36265</v>
      </c>
      <c r="L17382" s="5" t="s">
        <v>36264</v>
      </c>
      <c r="M17382" s="2" t="s">
        <v>36265</v>
      </c>
      <c r="N17382" s="5" t="s">
        <v>36266</v>
      </c>
      <c r="O17382" s="5" t="s">
        <v>38</v>
      </c>
      <c r="P17382" s="5" t="s">
        <v>39</v>
      </c>
      <c r="Q17382" s="5" t="s">
        <v>40</v>
      </c>
      <c r="R17382" s="5" t="s">
        <v>1522</v>
      </c>
      <c r="S17382" s="5" t="s">
        <v>1523</v>
      </c>
      <c r="T17382" s="5" t="s">
        <v>42</v>
      </c>
      <c r="U17382" s="2">
        <v>3.9510000000000001</v>
      </c>
      <c r="V17382" s="2">
        <v>3.2919999999999998</v>
      </c>
      <c r="W17382" s="2">
        <v>0.02</v>
      </c>
      <c r="X17382" s="2">
        <v>159.1</v>
      </c>
      <c r="Y17382" s="2">
        <v>7.6</v>
      </c>
      <c r="Z17382" s="2">
        <v>16.7</v>
      </c>
      <c r="AA17382" s="5"/>
      <c r="AB17382" s="5" t="s">
        <v>43</v>
      </c>
      <c r="AC17382" s="5" t="s">
        <v>44</v>
      </c>
      <c r="AD17382" s="2"/>
      <c r="AE17382" s="1"/>
    </row>
    <row r="17383" spans="1:31" ht="14.45">
      <c r="A17383" s="11"/>
      <c r="B17383" s="20"/>
      <c r="C17383" s="2" t="s">
        <v>53107</v>
      </c>
      <c r="D17383" s="14" t="s">
        <v>53108</v>
      </c>
      <c r="E17383" s="2" t="s">
        <v>53109</v>
      </c>
      <c r="F17383" s="2" t="s">
        <v>36317</v>
      </c>
      <c r="G17383" s="8">
        <v>377</v>
      </c>
      <c r="H17383" s="5">
        <v>6</v>
      </c>
      <c r="I17383" s="5" t="s">
        <v>1518</v>
      </c>
      <c r="J17383" s="5" t="s">
        <v>36264</v>
      </c>
      <c r="K17383" s="2" t="s">
        <v>36265</v>
      </c>
      <c r="L17383" s="5" t="s">
        <v>36264</v>
      </c>
      <c r="M17383" s="2" t="s">
        <v>36265</v>
      </c>
      <c r="N17383" s="5" t="s">
        <v>36266</v>
      </c>
      <c r="O17383" s="5" t="s">
        <v>38</v>
      </c>
      <c r="P17383" s="5" t="s">
        <v>39</v>
      </c>
      <c r="Q17383" s="5" t="s">
        <v>40</v>
      </c>
      <c r="R17383" s="5" t="s">
        <v>1522</v>
      </c>
      <c r="S17383" s="5" t="s">
        <v>1523</v>
      </c>
      <c r="T17383" s="5" t="s">
        <v>42</v>
      </c>
      <c r="U17383" s="2">
        <v>3.9510000000000001</v>
      </c>
      <c r="V17383" s="2">
        <v>3.2919999999999998</v>
      </c>
      <c r="W17383" s="2">
        <v>0.02</v>
      </c>
      <c r="X17383" s="2">
        <v>159.1</v>
      </c>
      <c r="Y17383" s="2">
        <v>7.6</v>
      </c>
      <c r="Z17383" s="2">
        <v>16.7</v>
      </c>
      <c r="AA17383" s="5"/>
      <c r="AB17383" s="5" t="s">
        <v>43</v>
      </c>
      <c r="AC17383" s="5" t="s">
        <v>44</v>
      </c>
      <c r="AD17383" s="2"/>
      <c r="AE17383" s="1"/>
    </row>
    <row r="17384" spans="1:31" ht="14.45">
      <c r="A17384" s="11"/>
      <c r="B17384" s="20"/>
      <c r="C17384" s="2" t="s">
        <v>53110</v>
      </c>
      <c r="D17384" s="14" t="s">
        <v>53111</v>
      </c>
      <c r="E17384" s="2" t="s">
        <v>53112</v>
      </c>
      <c r="F17384" s="2" t="s">
        <v>36325</v>
      </c>
      <c r="G17384" s="8">
        <v>377</v>
      </c>
      <c r="H17384" s="5">
        <v>6</v>
      </c>
      <c r="I17384" s="5" t="s">
        <v>1518</v>
      </c>
      <c r="J17384" s="5" t="s">
        <v>36264</v>
      </c>
      <c r="K17384" s="2" t="s">
        <v>36265</v>
      </c>
      <c r="L17384" s="5" t="s">
        <v>36264</v>
      </c>
      <c r="M17384" s="2" t="s">
        <v>36265</v>
      </c>
      <c r="N17384" s="5" t="s">
        <v>36266</v>
      </c>
      <c r="O17384" s="5" t="s">
        <v>38</v>
      </c>
      <c r="P17384" s="5" t="s">
        <v>39</v>
      </c>
      <c r="Q17384" s="5" t="s">
        <v>40</v>
      </c>
      <c r="R17384" s="5" t="s">
        <v>1522</v>
      </c>
      <c r="S17384" s="5" t="s">
        <v>1523</v>
      </c>
      <c r="T17384" s="5" t="s">
        <v>42</v>
      </c>
      <c r="U17384" s="2">
        <v>3.9510000000000001</v>
      </c>
      <c r="V17384" s="2">
        <v>3.2919999999999998</v>
      </c>
      <c r="W17384" s="2">
        <v>0.02</v>
      </c>
      <c r="X17384" s="2">
        <v>159.1</v>
      </c>
      <c r="Y17384" s="2">
        <v>7.6</v>
      </c>
      <c r="Z17384" s="2">
        <v>16.7</v>
      </c>
      <c r="AA17384" s="5"/>
      <c r="AB17384" s="5" t="s">
        <v>43</v>
      </c>
      <c r="AC17384" s="5" t="s">
        <v>44</v>
      </c>
      <c r="AD17384" s="2"/>
      <c r="AE17384" s="1"/>
    </row>
    <row r="17385" spans="1:31" ht="14.45">
      <c r="A17385" s="11"/>
      <c r="B17385" s="20"/>
      <c r="C17385" s="2" t="s">
        <v>53113</v>
      </c>
      <c r="D17385" s="14" t="s">
        <v>53114</v>
      </c>
      <c r="E17385" s="2" t="s">
        <v>53115</v>
      </c>
      <c r="F17385" s="2" t="s">
        <v>36329</v>
      </c>
      <c r="G17385" s="8">
        <v>377</v>
      </c>
      <c r="H17385" s="5">
        <v>6</v>
      </c>
      <c r="I17385" s="5" t="s">
        <v>1518</v>
      </c>
      <c r="J17385" s="5" t="s">
        <v>36264</v>
      </c>
      <c r="K17385" s="2" t="s">
        <v>36265</v>
      </c>
      <c r="L17385" s="5" t="s">
        <v>36264</v>
      </c>
      <c r="M17385" s="2" t="s">
        <v>36265</v>
      </c>
      <c r="N17385" s="5" t="s">
        <v>36266</v>
      </c>
      <c r="O17385" s="5" t="s">
        <v>38</v>
      </c>
      <c r="P17385" s="5" t="s">
        <v>39</v>
      </c>
      <c r="Q17385" s="5" t="s">
        <v>40</v>
      </c>
      <c r="R17385" s="5" t="s">
        <v>1522</v>
      </c>
      <c r="S17385" s="5" t="s">
        <v>1523</v>
      </c>
      <c r="T17385" s="5" t="s">
        <v>42</v>
      </c>
      <c r="U17385" s="2">
        <v>3.827</v>
      </c>
      <c r="V17385" s="2">
        <v>3.1680000000000001</v>
      </c>
      <c r="W17385" s="2">
        <v>0.02</v>
      </c>
      <c r="X17385" s="2">
        <v>159.1</v>
      </c>
      <c r="Y17385" s="2">
        <v>7.6</v>
      </c>
      <c r="Z17385" s="2">
        <v>16.7</v>
      </c>
      <c r="AA17385" s="5"/>
      <c r="AB17385" s="5" t="s">
        <v>43</v>
      </c>
      <c r="AC17385" s="5" t="s">
        <v>44</v>
      </c>
      <c r="AD17385" s="2"/>
      <c r="AE17385" s="1"/>
    </row>
    <row r="17386" spans="1:31" ht="14.45">
      <c r="A17386" s="11"/>
      <c r="B17386" s="20"/>
      <c r="C17386" s="2" t="s">
        <v>53116</v>
      </c>
      <c r="D17386" s="14" t="s">
        <v>53117</v>
      </c>
      <c r="E17386" s="2" t="s">
        <v>53118</v>
      </c>
      <c r="F17386" s="2" t="s">
        <v>36333</v>
      </c>
      <c r="G17386" s="8">
        <v>377</v>
      </c>
      <c r="H17386" s="5">
        <v>6</v>
      </c>
      <c r="I17386" s="5" t="s">
        <v>1518</v>
      </c>
      <c r="J17386" s="5" t="s">
        <v>36264</v>
      </c>
      <c r="K17386" s="2" t="s">
        <v>36265</v>
      </c>
      <c r="L17386" s="5" t="s">
        <v>36264</v>
      </c>
      <c r="M17386" s="2" t="s">
        <v>36265</v>
      </c>
      <c r="N17386" s="5" t="s">
        <v>36266</v>
      </c>
      <c r="O17386" s="5" t="s">
        <v>38</v>
      </c>
      <c r="P17386" s="5" t="s">
        <v>39</v>
      </c>
      <c r="Q17386" s="5" t="s">
        <v>40</v>
      </c>
      <c r="R17386" s="5" t="s">
        <v>1522</v>
      </c>
      <c r="S17386" s="5" t="s">
        <v>1523</v>
      </c>
      <c r="T17386" s="5" t="s">
        <v>42</v>
      </c>
      <c r="U17386" s="2">
        <v>3.9510000000000001</v>
      </c>
      <c r="V17386" s="2">
        <v>3.2919999999999998</v>
      </c>
      <c r="W17386" s="2">
        <v>0.02</v>
      </c>
      <c r="X17386" s="2">
        <v>159.1</v>
      </c>
      <c r="Y17386" s="2">
        <v>7.6</v>
      </c>
      <c r="Z17386" s="2">
        <v>16.7</v>
      </c>
      <c r="AA17386" s="5"/>
      <c r="AB17386" s="5" t="s">
        <v>43</v>
      </c>
      <c r="AC17386" s="5" t="s">
        <v>44</v>
      </c>
      <c r="AD17386" s="2"/>
      <c r="AE17386" s="1"/>
    </row>
    <row r="17387" spans="1:31" ht="14.45">
      <c r="A17387" s="11"/>
      <c r="B17387" s="20"/>
      <c r="C17387" s="2" t="s">
        <v>53119</v>
      </c>
      <c r="D17387" s="14" t="s">
        <v>53120</v>
      </c>
      <c r="E17387" s="2" t="s">
        <v>53121</v>
      </c>
      <c r="F17387" s="2" t="s">
        <v>36341</v>
      </c>
      <c r="G17387" s="8">
        <v>377</v>
      </c>
      <c r="H17387" s="5">
        <v>6</v>
      </c>
      <c r="I17387" s="5" t="s">
        <v>1518</v>
      </c>
      <c r="J17387" s="5" t="s">
        <v>36264</v>
      </c>
      <c r="K17387" s="2" t="s">
        <v>36265</v>
      </c>
      <c r="L17387" s="5" t="s">
        <v>36264</v>
      </c>
      <c r="M17387" s="2" t="s">
        <v>36265</v>
      </c>
      <c r="N17387" s="5" t="s">
        <v>36266</v>
      </c>
      <c r="O17387" s="5" t="s">
        <v>38</v>
      </c>
      <c r="P17387" s="5" t="s">
        <v>39</v>
      </c>
      <c r="Q17387" s="5" t="s">
        <v>40</v>
      </c>
      <c r="R17387" s="5" t="s">
        <v>1522</v>
      </c>
      <c r="S17387" s="5" t="s">
        <v>1523</v>
      </c>
      <c r="T17387" s="5" t="s">
        <v>42</v>
      </c>
      <c r="U17387" s="2">
        <v>3.9510000000000001</v>
      </c>
      <c r="V17387" s="2">
        <v>3.2919999999999998</v>
      </c>
      <c r="W17387" s="2">
        <v>0.02</v>
      </c>
      <c r="X17387" s="2">
        <v>159.1</v>
      </c>
      <c r="Y17387" s="2">
        <v>7.6</v>
      </c>
      <c r="Z17387" s="2">
        <v>16.7</v>
      </c>
      <c r="AA17387" s="5"/>
      <c r="AB17387" s="5" t="s">
        <v>43</v>
      </c>
      <c r="AC17387" s="5" t="s">
        <v>44</v>
      </c>
      <c r="AD17387" s="2"/>
      <c r="AE17387" s="1"/>
    </row>
    <row r="17388" spans="1:31" ht="14.45">
      <c r="A17388" s="11"/>
      <c r="B17388" s="20"/>
      <c r="C17388" s="2" t="s">
        <v>53122</v>
      </c>
      <c r="D17388" s="14" t="s">
        <v>53123</v>
      </c>
      <c r="E17388" s="2" t="s">
        <v>53124</v>
      </c>
      <c r="F17388" s="2" t="s">
        <v>36345</v>
      </c>
      <c r="G17388" s="8">
        <v>377</v>
      </c>
      <c r="H17388" s="5">
        <v>6</v>
      </c>
      <c r="I17388" s="5" t="s">
        <v>1518</v>
      </c>
      <c r="J17388" s="5" t="s">
        <v>36264</v>
      </c>
      <c r="K17388" s="2" t="s">
        <v>36265</v>
      </c>
      <c r="L17388" s="5" t="s">
        <v>36264</v>
      </c>
      <c r="M17388" s="2" t="s">
        <v>36265</v>
      </c>
      <c r="N17388" s="5" t="s">
        <v>36266</v>
      </c>
      <c r="O17388" s="5" t="s">
        <v>38</v>
      </c>
      <c r="P17388" s="5" t="s">
        <v>39</v>
      </c>
      <c r="Q17388" s="5" t="s">
        <v>40</v>
      </c>
      <c r="R17388" s="5" t="s">
        <v>1522</v>
      </c>
      <c r="S17388" s="5" t="s">
        <v>1523</v>
      </c>
      <c r="T17388" s="5" t="s">
        <v>42</v>
      </c>
      <c r="U17388" s="2">
        <v>3.827</v>
      </c>
      <c r="V17388" s="2">
        <v>3.1680000000000001</v>
      </c>
      <c r="W17388" s="2">
        <v>0.02</v>
      </c>
      <c r="X17388" s="2">
        <v>159.1</v>
      </c>
      <c r="Y17388" s="2">
        <v>7.6</v>
      </c>
      <c r="Z17388" s="2">
        <v>16.7</v>
      </c>
      <c r="AA17388" s="5"/>
      <c r="AB17388" s="5" t="s">
        <v>43</v>
      </c>
      <c r="AC17388" s="5" t="s">
        <v>44</v>
      </c>
      <c r="AD17388" s="2"/>
      <c r="AE17388" s="1"/>
    </row>
    <row r="17389" spans="1:31" ht="14.45">
      <c r="A17389" s="11"/>
      <c r="B17389" s="20"/>
      <c r="C17389" s="2" t="s">
        <v>53125</v>
      </c>
      <c r="D17389" s="14" t="s">
        <v>53126</v>
      </c>
      <c r="E17389" s="2" t="s">
        <v>53127</v>
      </c>
      <c r="F17389" s="2" t="s">
        <v>36349</v>
      </c>
      <c r="G17389" s="8">
        <v>377</v>
      </c>
      <c r="H17389" s="5">
        <v>6</v>
      </c>
      <c r="I17389" s="5" t="s">
        <v>1518</v>
      </c>
      <c r="J17389" s="5" t="s">
        <v>36264</v>
      </c>
      <c r="K17389" s="2" t="s">
        <v>36265</v>
      </c>
      <c r="L17389" s="5" t="s">
        <v>36264</v>
      </c>
      <c r="M17389" s="2" t="s">
        <v>36265</v>
      </c>
      <c r="N17389" s="5" t="s">
        <v>36266</v>
      </c>
      <c r="O17389" s="5" t="s">
        <v>38</v>
      </c>
      <c r="P17389" s="5" t="s">
        <v>39</v>
      </c>
      <c r="Q17389" s="5" t="s">
        <v>40</v>
      </c>
      <c r="R17389" s="5" t="s">
        <v>1522</v>
      </c>
      <c r="S17389" s="5" t="s">
        <v>1523</v>
      </c>
      <c r="T17389" s="5" t="s">
        <v>42</v>
      </c>
      <c r="U17389" s="2">
        <v>3.9510000000000001</v>
      </c>
      <c r="V17389" s="2">
        <v>3.2919999999999998</v>
      </c>
      <c r="W17389" s="2">
        <v>0.02</v>
      </c>
      <c r="X17389" s="2">
        <v>159.1</v>
      </c>
      <c r="Y17389" s="2">
        <v>7.6</v>
      </c>
      <c r="Z17389" s="2">
        <v>16.7</v>
      </c>
      <c r="AA17389" s="5"/>
      <c r="AB17389" s="5" t="s">
        <v>43</v>
      </c>
      <c r="AC17389" s="5" t="s">
        <v>44</v>
      </c>
      <c r="AD17389" s="2"/>
      <c r="AE17389" s="1"/>
    </row>
    <row r="17390" spans="1:31" ht="14.45">
      <c r="A17390" s="11"/>
      <c r="B17390" s="20"/>
      <c r="C17390" s="2" t="s">
        <v>53128</v>
      </c>
      <c r="D17390" s="14" t="s">
        <v>53129</v>
      </c>
      <c r="E17390" s="2" t="s">
        <v>53130</v>
      </c>
      <c r="F17390" s="2" t="s">
        <v>36357</v>
      </c>
      <c r="G17390" s="8">
        <v>377</v>
      </c>
      <c r="H17390" s="5">
        <v>6</v>
      </c>
      <c r="I17390" s="5" t="s">
        <v>1518</v>
      </c>
      <c r="J17390" s="5" t="s">
        <v>36264</v>
      </c>
      <c r="K17390" s="2" t="s">
        <v>36265</v>
      </c>
      <c r="L17390" s="5" t="s">
        <v>36264</v>
      </c>
      <c r="M17390" s="2" t="s">
        <v>36265</v>
      </c>
      <c r="N17390" s="5" t="s">
        <v>36266</v>
      </c>
      <c r="O17390" s="5" t="s">
        <v>38</v>
      </c>
      <c r="P17390" s="5" t="s">
        <v>39</v>
      </c>
      <c r="Q17390" s="5" t="s">
        <v>40</v>
      </c>
      <c r="R17390" s="5" t="s">
        <v>1522</v>
      </c>
      <c r="S17390" s="5" t="s">
        <v>1523</v>
      </c>
      <c r="T17390" s="5" t="s">
        <v>42</v>
      </c>
      <c r="U17390" s="2">
        <v>3.9510000000000001</v>
      </c>
      <c r="V17390" s="2">
        <v>3.2919999999999998</v>
      </c>
      <c r="W17390" s="2">
        <v>0.02</v>
      </c>
      <c r="X17390" s="2">
        <v>159.1</v>
      </c>
      <c r="Y17390" s="2">
        <v>7.6</v>
      </c>
      <c r="Z17390" s="2">
        <v>16.7</v>
      </c>
      <c r="AA17390" s="5"/>
      <c r="AB17390" s="5" t="s">
        <v>43</v>
      </c>
      <c r="AC17390" s="5" t="s">
        <v>44</v>
      </c>
      <c r="AD17390" s="2"/>
      <c r="AE17390" s="1"/>
    </row>
    <row r="17391" spans="1:31" ht="14.45">
      <c r="A17391" s="11"/>
      <c r="B17391" s="20"/>
      <c r="C17391" s="2" t="s">
        <v>53131</v>
      </c>
      <c r="D17391" s="14" t="s">
        <v>53132</v>
      </c>
      <c r="E17391" s="2" t="s">
        <v>53133</v>
      </c>
      <c r="F17391" s="2" t="s">
        <v>45598</v>
      </c>
      <c r="G17391" s="8">
        <v>377</v>
      </c>
      <c r="H17391" s="5">
        <v>6</v>
      </c>
      <c r="I17391" s="5" t="s">
        <v>1518</v>
      </c>
      <c r="J17391" s="5" t="s">
        <v>36264</v>
      </c>
      <c r="K17391" s="2" t="s">
        <v>36265</v>
      </c>
      <c r="L17391" s="5" t="s">
        <v>36264</v>
      </c>
      <c r="M17391" s="2" t="s">
        <v>36265</v>
      </c>
      <c r="N17391" s="5" t="s">
        <v>36266</v>
      </c>
      <c r="O17391" s="5" t="s">
        <v>38</v>
      </c>
      <c r="P17391" s="5" t="s">
        <v>39</v>
      </c>
      <c r="Q17391" s="5" t="s">
        <v>40</v>
      </c>
      <c r="R17391" s="5" t="s">
        <v>1522</v>
      </c>
      <c r="S17391" s="5" t="s">
        <v>1523</v>
      </c>
      <c r="T17391" s="5" t="s">
        <v>42</v>
      </c>
      <c r="U17391" s="2">
        <v>3.827</v>
      </c>
      <c r="V17391" s="2">
        <v>3.1680000000000001</v>
      </c>
      <c r="W17391" s="2">
        <v>0.02</v>
      </c>
      <c r="X17391" s="2">
        <v>159.1</v>
      </c>
      <c r="Y17391" s="2">
        <v>7.6</v>
      </c>
      <c r="Z17391" s="2">
        <v>16.7</v>
      </c>
      <c r="AA17391" s="5"/>
      <c r="AB17391" s="5" t="s">
        <v>43</v>
      </c>
      <c r="AC17391" s="5" t="s">
        <v>44</v>
      </c>
      <c r="AD17391" s="2"/>
      <c r="AE17391" s="1"/>
    </row>
    <row r="17392" spans="1:31" ht="14.45">
      <c r="A17392" s="11"/>
      <c r="B17392" s="20"/>
      <c r="C17392" s="2" t="s">
        <v>53134</v>
      </c>
      <c r="D17392" s="14" t="s">
        <v>53135</v>
      </c>
      <c r="E17392" s="2" t="s">
        <v>53136</v>
      </c>
      <c r="F17392" s="2" t="s">
        <v>45534</v>
      </c>
      <c r="G17392" s="8">
        <v>377</v>
      </c>
      <c r="H17392" s="5">
        <v>6</v>
      </c>
      <c r="I17392" s="5" t="s">
        <v>1518</v>
      </c>
      <c r="J17392" s="5" t="s">
        <v>36264</v>
      </c>
      <c r="K17392" s="2" t="s">
        <v>36265</v>
      </c>
      <c r="L17392" s="5" t="s">
        <v>36264</v>
      </c>
      <c r="M17392" s="2" t="s">
        <v>36265</v>
      </c>
      <c r="N17392" s="5" t="s">
        <v>36266</v>
      </c>
      <c r="O17392" s="5" t="s">
        <v>38</v>
      </c>
      <c r="P17392" s="5" t="s">
        <v>39</v>
      </c>
      <c r="Q17392" s="5" t="s">
        <v>40</v>
      </c>
      <c r="R17392" s="5" t="s">
        <v>1522</v>
      </c>
      <c r="S17392" s="5" t="s">
        <v>1523</v>
      </c>
      <c r="T17392" s="5" t="s">
        <v>42</v>
      </c>
      <c r="U17392" s="2">
        <v>3.9510000000000001</v>
      </c>
      <c r="V17392" s="2">
        <v>3.2919999999999998</v>
      </c>
      <c r="W17392" s="2">
        <v>0.02</v>
      </c>
      <c r="X17392" s="2">
        <v>159.1</v>
      </c>
      <c r="Y17392" s="2">
        <v>7.6</v>
      </c>
      <c r="Z17392" s="2">
        <v>16.7</v>
      </c>
      <c r="AA17392" s="5"/>
      <c r="AB17392" s="5" t="s">
        <v>43</v>
      </c>
      <c r="AC17392" s="5" t="s">
        <v>44</v>
      </c>
      <c r="AD17392" s="2"/>
      <c r="AE17392" s="1"/>
    </row>
    <row r="17393" spans="1:31" ht="14.45">
      <c r="A17393" s="11"/>
      <c r="B17393" s="20"/>
      <c r="C17393" s="2" t="s">
        <v>53137</v>
      </c>
      <c r="D17393" s="14" t="s">
        <v>53138</v>
      </c>
      <c r="E17393" s="2" t="s">
        <v>53139</v>
      </c>
      <c r="F17393" s="2" t="s">
        <v>36369</v>
      </c>
      <c r="G17393" s="8">
        <v>377</v>
      </c>
      <c r="H17393" s="5">
        <v>6</v>
      </c>
      <c r="I17393" s="5" t="s">
        <v>1518</v>
      </c>
      <c r="J17393" s="5" t="s">
        <v>36264</v>
      </c>
      <c r="K17393" s="2" t="s">
        <v>36265</v>
      </c>
      <c r="L17393" s="5" t="s">
        <v>36264</v>
      </c>
      <c r="M17393" s="2" t="s">
        <v>36265</v>
      </c>
      <c r="N17393" s="5" t="s">
        <v>36266</v>
      </c>
      <c r="O17393" s="5" t="s">
        <v>38</v>
      </c>
      <c r="P17393" s="5" t="s">
        <v>39</v>
      </c>
      <c r="Q17393" s="5" t="s">
        <v>40</v>
      </c>
      <c r="R17393" s="5" t="s">
        <v>1522</v>
      </c>
      <c r="S17393" s="5" t="s">
        <v>1523</v>
      </c>
      <c r="T17393" s="5" t="s">
        <v>42</v>
      </c>
      <c r="U17393" s="2">
        <v>3.827</v>
      </c>
      <c r="V17393" s="2">
        <v>3.1680000000000001</v>
      </c>
      <c r="W17393" s="2">
        <v>0.02</v>
      </c>
      <c r="X17393" s="2">
        <v>159.1</v>
      </c>
      <c r="Y17393" s="2">
        <v>7.6</v>
      </c>
      <c r="Z17393" s="2">
        <v>16.7</v>
      </c>
      <c r="AA17393" s="5"/>
      <c r="AB17393" s="5" t="s">
        <v>43</v>
      </c>
      <c r="AC17393" s="5" t="s">
        <v>44</v>
      </c>
      <c r="AD17393" s="2"/>
      <c r="AE17393" s="1"/>
    </row>
    <row r="17394" spans="1:31" ht="14.45">
      <c r="A17394" s="11"/>
      <c r="B17394" s="20"/>
      <c r="C17394" s="2" t="s">
        <v>53140</v>
      </c>
      <c r="D17394" s="14" t="s">
        <v>53141</v>
      </c>
      <c r="E17394" s="2" t="s">
        <v>53142</v>
      </c>
      <c r="F17394" s="2" t="s">
        <v>36373</v>
      </c>
      <c r="G17394" s="8">
        <v>377</v>
      </c>
      <c r="H17394" s="5">
        <v>6</v>
      </c>
      <c r="I17394" s="5" t="s">
        <v>1518</v>
      </c>
      <c r="J17394" s="5" t="s">
        <v>36264</v>
      </c>
      <c r="K17394" s="2" t="s">
        <v>36265</v>
      </c>
      <c r="L17394" s="5" t="s">
        <v>36264</v>
      </c>
      <c r="M17394" s="2" t="s">
        <v>36265</v>
      </c>
      <c r="N17394" s="5" t="s">
        <v>36266</v>
      </c>
      <c r="O17394" s="5" t="s">
        <v>38</v>
      </c>
      <c r="P17394" s="5" t="s">
        <v>39</v>
      </c>
      <c r="Q17394" s="5" t="s">
        <v>40</v>
      </c>
      <c r="R17394" s="5" t="s">
        <v>1522</v>
      </c>
      <c r="S17394" s="5" t="s">
        <v>1523</v>
      </c>
      <c r="T17394" s="5" t="s">
        <v>42</v>
      </c>
      <c r="U17394" s="2">
        <v>3.9510000000000001</v>
      </c>
      <c r="V17394" s="2">
        <v>3.2919999999999998</v>
      </c>
      <c r="W17394" s="2">
        <v>0.02</v>
      </c>
      <c r="X17394" s="2">
        <v>159.1</v>
      </c>
      <c r="Y17394" s="2">
        <v>7.6</v>
      </c>
      <c r="Z17394" s="2">
        <v>16.7</v>
      </c>
      <c r="AA17394" s="5"/>
      <c r="AB17394" s="5" t="s">
        <v>43</v>
      </c>
      <c r="AC17394" s="5" t="s">
        <v>44</v>
      </c>
      <c r="AD17394" s="2"/>
      <c r="AE17394" s="1"/>
    </row>
    <row r="17395" spans="1:31" ht="14.45">
      <c r="A17395" s="11"/>
      <c r="B17395" s="20"/>
      <c r="C17395" s="2" t="s">
        <v>53143</v>
      </c>
      <c r="D17395" s="14" t="s">
        <v>53144</v>
      </c>
      <c r="E17395" s="2" t="s">
        <v>53145</v>
      </c>
      <c r="F17395" s="2" t="s">
        <v>36377</v>
      </c>
      <c r="G17395" s="8">
        <v>377</v>
      </c>
      <c r="H17395" s="5">
        <v>6</v>
      </c>
      <c r="I17395" s="5" t="s">
        <v>1518</v>
      </c>
      <c r="J17395" s="5" t="s">
        <v>36264</v>
      </c>
      <c r="K17395" s="2" t="s">
        <v>36265</v>
      </c>
      <c r="L17395" s="5" t="s">
        <v>36264</v>
      </c>
      <c r="M17395" s="2" t="s">
        <v>36265</v>
      </c>
      <c r="N17395" s="5" t="s">
        <v>36266</v>
      </c>
      <c r="O17395" s="5" t="s">
        <v>38</v>
      </c>
      <c r="P17395" s="5" t="s">
        <v>39</v>
      </c>
      <c r="Q17395" s="5" t="s">
        <v>40</v>
      </c>
      <c r="R17395" s="5" t="s">
        <v>1522</v>
      </c>
      <c r="S17395" s="5" t="s">
        <v>1523</v>
      </c>
      <c r="T17395" s="5" t="s">
        <v>42</v>
      </c>
      <c r="U17395" s="2">
        <v>3.827</v>
      </c>
      <c r="V17395" s="2">
        <v>3.1680000000000001</v>
      </c>
      <c r="W17395" s="2">
        <v>0.02</v>
      </c>
      <c r="X17395" s="2">
        <v>159.1</v>
      </c>
      <c r="Y17395" s="2">
        <v>7.6</v>
      </c>
      <c r="Z17395" s="2">
        <v>16.7</v>
      </c>
      <c r="AA17395" s="5"/>
      <c r="AB17395" s="5" t="s">
        <v>43</v>
      </c>
      <c r="AC17395" s="5" t="s">
        <v>44</v>
      </c>
      <c r="AD17395" s="2"/>
      <c r="AE17395" s="1"/>
    </row>
    <row r="17396" spans="1:31" ht="14.45">
      <c r="A17396" s="11"/>
      <c r="B17396" s="20"/>
      <c r="C17396" s="2" t="s">
        <v>53146</v>
      </c>
      <c r="D17396" s="14" t="s">
        <v>53147</v>
      </c>
      <c r="E17396" s="2" t="s">
        <v>53148</v>
      </c>
      <c r="F17396" s="2" t="s">
        <v>36381</v>
      </c>
      <c r="G17396" s="8">
        <v>377</v>
      </c>
      <c r="H17396" s="5">
        <v>6</v>
      </c>
      <c r="I17396" s="5" t="s">
        <v>1518</v>
      </c>
      <c r="J17396" s="5" t="s">
        <v>36264</v>
      </c>
      <c r="K17396" s="2" t="s">
        <v>36265</v>
      </c>
      <c r="L17396" s="5" t="s">
        <v>36264</v>
      </c>
      <c r="M17396" s="2" t="s">
        <v>36265</v>
      </c>
      <c r="N17396" s="5" t="s">
        <v>36266</v>
      </c>
      <c r="O17396" s="5" t="s">
        <v>38</v>
      </c>
      <c r="P17396" s="5" t="s">
        <v>39</v>
      </c>
      <c r="Q17396" s="5" t="s">
        <v>40</v>
      </c>
      <c r="R17396" s="5" t="s">
        <v>1522</v>
      </c>
      <c r="S17396" s="5" t="s">
        <v>1523</v>
      </c>
      <c r="T17396" s="5" t="s">
        <v>42</v>
      </c>
      <c r="U17396" s="2">
        <v>3.9510000000000001</v>
      </c>
      <c r="V17396" s="2">
        <v>3.2919999999999998</v>
      </c>
      <c r="W17396" s="2">
        <v>0.02</v>
      </c>
      <c r="X17396" s="2">
        <v>159.1</v>
      </c>
      <c r="Y17396" s="2">
        <v>7.6</v>
      </c>
      <c r="Z17396" s="2">
        <v>16.7</v>
      </c>
      <c r="AA17396" s="5"/>
      <c r="AB17396" s="5" t="s">
        <v>43</v>
      </c>
      <c r="AC17396" s="5" t="s">
        <v>44</v>
      </c>
      <c r="AD17396" s="2"/>
      <c r="AE17396" s="1"/>
    </row>
    <row r="17397" spans="1:31" ht="14.45">
      <c r="A17397" s="11"/>
      <c r="B17397" s="20"/>
      <c r="C17397" s="2" t="s">
        <v>53149</v>
      </c>
      <c r="D17397" s="14" t="s">
        <v>53150</v>
      </c>
      <c r="E17397" s="2" t="s">
        <v>53151</v>
      </c>
      <c r="F17397" s="2" t="s">
        <v>36385</v>
      </c>
      <c r="G17397" s="8">
        <v>377</v>
      </c>
      <c r="H17397" s="5">
        <v>6</v>
      </c>
      <c r="I17397" s="5" t="s">
        <v>1518</v>
      </c>
      <c r="J17397" s="5" t="s">
        <v>36264</v>
      </c>
      <c r="K17397" s="2" t="s">
        <v>36265</v>
      </c>
      <c r="L17397" s="5" t="s">
        <v>36264</v>
      </c>
      <c r="M17397" s="2" t="s">
        <v>36265</v>
      </c>
      <c r="N17397" s="5" t="s">
        <v>36266</v>
      </c>
      <c r="O17397" s="5" t="s">
        <v>38</v>
      </c>
      <c r="P17397" s="5" t="s">
        <v>39</v>
      </c>
      <c r="Q17397" s="5" t="s">
        <v>40</v>
      </c>
      <c r="R17397" s="5" t="s">
        <v>1522</v>
      </c>
      <c r="S17397" s="5" t="s">
        <v>1523</v>
      </c>
      <c r="T17397" s="5" t="s">
        <v>42</v>
      </c>
      <c r="U17397" s="2">
        <v>3.827</v>
      </c>
      <c r="V17397" s="2">
        <v>3.1680000000000001</v>
      </c>
      <c r="W17397" s="2">
        <v>0.02</v>
      </c>
      <c r="X17397" s="2">
        <v>159.1</v>
      </c>
      <c r="Y17397" s="2">
        <v>7.6</v>
      </c>
      <c r="Z17397" s="2">
        <v>16.7</v>
      </c>
      <c r="AA17397" s="5"/>
      <c r="AB17397" s="5" t="s">
        <v>43</v>
      </c>
      <c r="AC17397" s="5" t="s">
        <v>44</v>
      </c>
      <c r="AD17397" s="2"/>
      <c r="AE17397" s="1"/>
    </row>
    <row r="17398" spans="1:31" ht="14.45">
      <c r="A17398" s="11"/>
      <c r="B17398" s="20"/>
      <c r="C17398" s="2" t="s">
        <v>53152</v>
      </c>
      <c r="D17398" s="14" t="s">
        <v>53153</v>
      </c>
      <c r="E17398" s="2" t="s">
        <v>53154</v>
      </c>
      <c r="F17398" s="2" t="s">
        <v>36389</v>
      </c>
      <c r="G17398" s="8">
        <v>377</v>
      </c>
      <c r="H17398" s="5">
        <v>6</v>
      </c>
      <c r="I17398" s="5" t="s">
        <v>1518</v>
      </c>
      <c r="J17398" s="5" t="s">
        <v>36264</v>
      </c>
      <c r="K17398" s="2" t="s">
        <v>36265</v>
      </c>
      <c r="L17398" s="5" t="s">
        <v>36264</v>
      </c>
      <c r="M17398" s="2" t="s">
        <v>36265</v>
      </c>
      <c r="N17398" s="5" t="s">
        <v>36266</v>
      </c>
      <c r="O17398" s="5" t="s">
        <v>38</v>
      </c>
      <c r="P17398" s="5" t="s">
        <v>39</v>
      </c>
      <c r="Q17398" s="5" t="s">
        <v>40</v>
      </c>
      <c r="R17398" s="5" t="s">
        <v>1522</v>
      </c>
      <c r="S17398" s="5" t="s">
        <v>1523</v>
      </c>
      <c r="T17398" s="5" t="s">
        <v>42</v>
      </c>
      <c r="U17398" s="2">
        <v>3.9510000000000001</v>
      </c>
      <c r="V17398" s="2">
        <v>3.2919999999999998</v>
      </c>
      <c r="W17398" s="2">
        <v>0.02</v>
      </c>
      <c r="X17398" s="2">
        <v>159.1</v>
      </c>
      <c r="Y17398" s="2">
        <v>7.6</v>
      </c>
      <c r="Z17398" s="2">
        <v>16.7</v>
      </c>
      <c r="AA17398" s="5"/>
      <c r="AB17398" s="5" t="s">
        <v>43</v>
      </c>
      <c r="AC17398" s="5" t="s">
        <v>44</v>
      </c>
      <c r="AD17398" s="2"/>
      <c r="AE17398" s="1"/>
    </row>
    <row r="17399" spans="1:31" ht="14.45">
      <c r="A17399" s="11"/>
      <c r="B17399" s="20"/>
      <c r="C17399" s="2" t="s">
        <v>53155</v>
      </c>
      <c r="D17399" s="14" t="s">
        <v>53156</v>
      </c>
      <c r="E17399" s="2" t="s">
        <v>53157</v>
      </c>
      <c r="F17399" s="2" t="s">
        <v>7204</v>
      </c>
      <c r="G17399" s="8">
        <v>322</v>
      </c>
      <c r="H17399" s="5">
        <v>6</v>
      </c>
      <c r="I17399" s="5" t="s">
        <v>1518</v>
      </c>
      <c r="J17399" s="5" t="s">
        <v>36264</v>
      </c>
      <c r="K17399" s="2" t="s">
        <v>36265</v>
      </c>
      <c r="L17399" s="5" t="s">
        <v>36264</v>
      </c>
      <c r="M17399" s="2" t="s">
        <v>36265</v>
      </c>
      <c r="N17399" s="5" t="s">
        <v>36266</v>
      </c>
      <c r="O17399" s="5" t="s">
        <v>38</v>
      </c>
      <c r="P17399" s="5" t="s">
        <v>39</v>
      </c>
      <c r="Q17399" s="5" t="s">
        <v>40</v>
      </c>
      <c r="R17399" s="5" t="s">
        <v>1522</v>
      </c>
      <c r="S17399" s="5" t="s">
        <v>1523</v>
      </c>
      <c r="T17399" s="5" t="s">
        <v>42</v>
      </c>
      <c r="U17399" s="2">
        <v>3.5259999999999998</v>
      </c>
      <c r="V17399" s="2">
        <v>2.86</v>
      </c>
      <c r="W17399" s="2">
        <v>0.02</v>
      </c>
      <c r="X17399" s="2">
        <v>159.1</v>
      </c>
      <c r="Y17399" s="2">
        <v>7.6</v>
      </c>
      <c r="Z17399" s="2">
        <v>16.7</v>
      </c>
      <c r="AA17399" s="5"/>
      <c r="AB17399" s="5" t="s">
        <v>43</v>
      </c>
      <c r="AC17399" s="5" t="s">
        <v>44</v>
      </c>
      <c r="AD17399" s="2"/>
      <c r="AE17399" s="1"/>
    </row>
    <row r="17400" spans="1:31" ht="14.45">
      <c r="A17400" s="11"/>
      <c r="B17400" s="20"/>
      <c r="C17400" s="2" t="s">
        <v>53158</v>
      </c>
      <c r="D17400" s="14" t="s">
        <v>53159</v>
      </c>
      <c r="E17400" s="2" t="s">
        <v>53160</v>
      </c>
      <c r="F17400" s="2" t="s">
        <v>7514</v>
      </c>
      <c r="G17400" s="8">
        <v>322</v>
      </c>
      <c r="H17400" s="5">
        <v>6</v>
      </c>
      <c r="I17400" s="5" t="s">
        <v>1518</v>
      </c>
      <c r="J17400" s="5" t="s">
        <v>36264</v>
      </c>
      <c r="K17400" s="2" t="s">
        <v>36265</v>
      </c>
      <c r="L17400" s="5" t="s">
        <v>36264</v>
      </c>
      <c r="M17400" s="2" t="s">
        <v>36265</v>
      </c>
      <c r="N17400" s="5" t="s">
        <v>36266</v>
      </c>
      <c r="O17400" s="5" t="s">
        <v>38</v>
      </c>
      <c r="P17400" s="5" t="s">
        <v>39</v>
      </c>
      <c r="Q17400" s="5" t="s">
        <v>40</v>
      </c>
      <c r="R17400" s="5" t="s">
        <v>1522</v>
      </c>
      <c r="S17400" s="5" t="s">
        <v>1523</v>
      </c>
      <c r="T17400" s="5" t="s">
        <v>42</v>
      </c>
      <c r="U17400" s="2">
        <v>3.621</v>
      </c>
      <c r="V17400" s="2">
        <v>2.9550000000000001</v>
      </c>
      <c r="W17400" s="2">
        <v>0.02</v>
      </c>
      <c r="X17400" s="2">
        <v>159.1</v>
      </c>
      <c r="Y17400" s="2">
        <v>7.6</v>
      </c>
      <c r="Z17400" s="2">
        <v>16.7</v>
      </c>
      <c r="AA17400" s="5"/>
      <c r="AB17400" s="5" t="s">
        <v>43</v>
      </c>
      <c r="AC17400" s="5" t="s">
        <v>44</v>
      </c>
      <c r="AD17400" s="2"/>
      <c r="AE17400" s="1"/>
    </row>
    <row r="17401" spans="1:31" ht="14.45">
      <c r="A17401" s="11"/>
      <c r="B17401" s="20"/>
      <c r="C17401" s="2" t="s">
        <v>53161</v>
      </c>
      <c r="D17401" s="14" t="s">
        <v>53162</v>
      </c>
      <c r="E17401" s="2" t="s">
        <v>53163</v>
      </c>
      <c r="F17401" s="2" t="s">
        <v>36273</v>
      </c>
      <c r="G17401" s="8">
        <v>322</v>
      </c>
      <c r="H17401" s="5">
        <v>6</v>
      </c>
      <c r="I17401" s="5" t="s">
        <v>1518</v>
      </c>
      <c r="J17401" s="5" t="s">
        <v>36264</v>
      </c>
      <c r="K17401" s="2" t="s">
        <v>36265</v>
      </c>
      <c r="L17401" s="5" t="s">
        <v>36264</v>
      </c>
      <c r="M17401" s="2" t="s">
        <v>36265</v>
      </c>
      <c r="N17401" s="5" t="s">
        <v>36266</v>
      </c>
      <c r="O17401" s="5" t="s">
        <v>38</v>
      </c>
      <c r="P17401" s="5" t="s">
        <v>39</v>
      </c>
      <c r="Q17401" s="5" t="s">
        <v>40</v>
      </c>
      <c r="R17401" s="5" t="s">
        <v>1522</v>
      </c>
      <c r="S17401" s="5" t="s">
        <v>1523</v>
      </c>
      <c r="T17401" s="5" t="s">
        <v>42</v>
      </c>
      <c r="U17401" s="2">
        <v>3.5259999999999998</v>
      </c>
      <c r="V17401" s="2">
        <v>2.86</v>
      </c>
      <c r="W17401" s="2">
        <v>0.02</v>
      </c>
      <c r="X17401" s="2">
        <v>159.1</v>
      </c>
      <c r="Y17401" s="2">
        <v>7.6</v>
      </c>
      <c r="Z17401" s="2">
        <v>16.7</v>
      </c>
      <c r="AA17401" s="5"/>
      <c r="AB17401" s="5" t="s">
        <v>43</v>
      </c>
      <c r="AC17401" s="5" t="s">
        <v>44</v>
      </c>
      <c r="AD17401" s="2"/>
      <c r="AE17401" s="1"/>
    </row>
    <row r="17402" spans="1:31" ht="14.45">
      <c r="A17402" s="11"/>
      <c r="B17402" s="20"/>
      <c r="C17402" s="2" t="s">
        <v>53164</v>
      </c>
      <c r="D17402" s="14" t="s">
        <v>53165</v>
      </c>
      <c r="E17402" s="2" t="s">
        <v>53166</v>
      </c>
      <c r="F17402" s="2" t="s">
        <v>36277</v>
      </c>
      <c r="G17402" s="8">
        <v>322</v>
      </c>
      <c r="H17402" s="5">
        <v>6</v>
      </c>
      <c r="I17402" s="5" t="s">
        <v>1518</v>
      </c>
      <c r="J17402" s="5" t="s">
        <v>36264</v>
      </c>
      <c r="K17402" s="2" t="s">
        <v>36265</v>
      </c>
      <c r="L17402" s="5" t="s">
        <v>36264</v>
      </c>
      <c r="M17402" s="2" t="s">
        <v>36265</v>
      </c>
      <c r="N17402" s="5" t="s">
        <v>36266</v>
      </c>
      <c r="O17402" s="5" t="s">
        <v>38</v>
      </c>
      <c r="P17402" s="5" t="s">
        <v>39</v>
      </c>
      <c r="Q17402" s="5" t="s">
        <v>40</v>
      </c>
      <c r="R17402" s="5" t="s">
        <v>1522</v>
      </c>
      <c r="S17402" s="5" t="s">
        <v>1523</v>
      </c>
      <c r="T17402" s="5" t="s">
        <v>42</v>
      </c>
      <c r="U17402" s="2">
        <v>3.621</v>
      </c>
      <c r="V17402" s="2">
        <v>2.9550000000000001</v>
      </c>
      <c r="W17402" s="2">
        <v>0.02</v>
      </c>
      <c r="X17402" s="2">
        <v>159.1</v>
      </c>
      <c r="Y17402" s="2">
        <v>7.6</v>
      </c>
      <c r="Z17402" s="2">
        <v>16.7</v>
      </c>
      <c r="AA17402" s="5"/>
      <c r="AB17402" s="5" t="s">
        <v>43</v>
      </c>
      <c r="AC17402" s="5" t="s">
        <v>44</v>
      </c>
      <c r="AD17402" s="2"/>
      <c r="AE17402" s="1"/>
    </row>
    <row r="17403" spans="1:31" ht="14.45">
      <c r="A17403" s="11"/>
      <c r="B17403" s="20"/>
      <c r="C17403" s="2" t="s">
        <v>53167</v>
      </c>
      <c r="D17403" s="14" t="s">
        <v>53168</v>
      </c>
      <c r="E17403" s="2" t="s">
        <v>53169</v>
      </c>
      <c r="F17403" s="2" t="s">
        <v>36285</v>
      </c>
      <c r="G17403" s="8">
        <v>350</v>
      </c>
      <c r="H17403" s="5">
        <v>6</v>
      </c>
      <c r="I17403" s="5" t="s">
        <v>1518</v>
      </c>
      <c r="J17403" s="5" t="s">
        <v>36264</v>
      </c>
      <c r="K17403" s="2" t="s">
        <v>36265</v>
      </c>
      <c r="L17403" s="5" t="s">
        <v>36264</v>
      </c>
      <c r="M17403" s="2" t="s">
        <v>36265</v>
      </c>
      <c r="N17403" s="5" t="s">
        <v>36266</v>
      </c>
      <c r="O17403" s="5" t="s">
        <v>38</v>
      </c>
      <c r="P17403" s="5" t="s">
        <v>39</v>
      </c>
      <c r="Q17403" s="5" t="s">
        <v>40</v>
      </c>
      <c r="R17403" s="5" t="s">
        <v>1522</v>
      </c>
      <c r="S17403" s="5" t="s">
        <v>1523</v>
      </c>
      <c r="T17403" s="5" t="s">
        <v>42</v>
      </c>
      <c r="U17403" s="2">
        <v>3.621</v>
      </c>
      <c r="V17403" s="2">
        <v>2.9550000000000001</v>
      </c>
      <c r="W17403" s="2">
        <v>0.02</v>
      </c>
      <c r="X17403" s="2">
        <v>159.1</v>
      </c>
      <c r="Y17403" s="2">
        <v>7.6</v>
      </c>
      <c r="Z17403" s="2">
        <v>16.7</v>
      </c>
      <c r="AA17403" s="5"/>
      <c r="AB17403" s="5" t="s">
        <v>43</v>
      </c>
      <c r="AC17403" s="5" t="s">
        <v>44</v>
      </c>
      <c r="AD17403" s="2"/>
      <c r="AE17403" s="1"/>
    </row>
    <row r="17404" spans="1:31" ht="14.45">
      <c r="A17404" s="11"/>
      <c r="B17404" s="20"/>
      <c r="C17404" s="2" t="s">
        <v>53170</v>
      </c>
      <c r="D17404" s="14" t="s">
        <v>53171</v>
      </c>
      <c r="E17404" s="2" t="s">
        <v>53172</v>
      </c>
      <c r="F17404" s="2" t="s">
        <v>36289</v>
      </c>
      <c r="G17404" s="8">
        <v>350</v>
      </c>
      <c r="H17404" s="5">
        <v>6</v>
      </c>
      <c r="I17404" s="5" t="s">
        <v>1518</v>
      </c>
      <c r="J17404" s="5" t="s">
        <v>36264</v>
      </c>
      <c r="K17404" s="2" t="s">
        <v>36265</v>
      </c>
      <c r="L17404" s="5" t="s">
        <v>36264</v>
      </c>
      <c r="M17404" s="2" t="s">
        <v>36265</v>
      </c>
      <c r="N17404" s="5" t="s">
        <v>36266</v>
      </c>
      <c r="O17404" s="5" t="s">
        <v>38</v>
      </c>
      <c r="P17404" s="5" t="s">
        <v>39</v>
      </c>
      <c r="Q17404" s="5" t="s">
        <v>40</v>
      </c>
      <c r="R17404" s="5" t="s">
        <v>1522</v>
      </c>
      <c r="S17404" s="5" t="s">
        <v>1523</v>
      </c>
      <c r="T17404" s="5" t="s">
        <v>42</v>
      </c>
      <c r="U17404" s="2">
        <v>3.5259999999999998</v>
      </c>
      <c r="V17404" s="2">
        <v>2.86</v>
      </c>
      <c r="W17404" s="2">
        <v>0.02</v>
      </c>
      <c r="X17404" s="2">
        <v>159.1</v>
      </c>
      <c r="Y17404" s="2">
        <v>7.6</v>
      </c>
      <c r="Z17404" s="2">
        <v>16.7</v>
      </c>
      <c r="AA17404" s="5"/>
      <c r="AB17404" s="5" t="s">
        <v>43</v>
      </c>
      <c r="AC17404" s="5" t="s">
        <v>44</v>
      </c>
      <c r="AD17404" s="2"/>
      <c r="AE17404" s="1"/>
    </row>
    <row r="17405" spans="1:31" ht="14.45">
      <c r="A17405" s="11"/>
      <c r="B17405" s="20"/>
      <c r="C17405" s="2" t="s">
        <v>53173</v>
      </c>
      <c r="D17405" s="14" t="s">
        <v>53174</v>
      </c>
      <c r="E17405" s="2" t="s">
        <v>53175</v>
      </c>
      <c r="F17405" s="2" t="s">
        <v>36293</v>
      </c>
      <c r="G17405" s="8">
        <v>350</v>
      </c>
      <c r="H17405" s="5">
        <v>6</v>
      </c>
      <c r="I17405" s="5" t="s">
        <v>1518</v>
      </c>
      <c r="J17405" s="5" t="s">
        <v>36264</v>
      </c>
      <c r="K17405" s="2" t="s">
        <v>36265</v>
      </c>
      <c r="L17405" s="5" t="s">
        <v>36264</v>
      </c>
      <c r="M17405" s="2" t="s">
        <v>36265</v>
      </c>
      <c r="N17405" s="5" t="s">
        <v>36266</v>
      </c>
      <c r="O17405" s="5" t="s">
        <v>38</v>
      </c>
      <c r="P17405" s="5" t="s">
        <v>39</v>
      </c>
      <c r="Q17405" s="5" t="s">
        <v>40</v>
      </c>
      <c r="R17405" s="5" t="s">
        <v>1522</v>
      </c>
      <c r="S17405" s="5" t="s">
        <v>1523</v>
      </c>
      <c r="T17405" s="5" t="s">
        <v>42</v>
      </c>
      <c r="U17405" s="2">
        <v>3.621</v>
      </c>
      <c r="V17405" s="2">
        <v>2.9550000000000001</v>
      </c>
      <c r="W17405" s="2">
        <v>0.02</v>
      </c>
      <c r="X17405" s="2">
        <v>159.1</v>
      </c>
      <c r="Y17405" s="2">
        <v>7.6</v>
      </c>
      <c r="Z17405" s="2">
        <v>16.7</v>
      </c>
      <c r="AA17405" s="5"/>
      <c r="AB17405" s="5" t="s">
        <v>43</v>
      </c>
      <c r="AC17405" s="5" t="s">
        <v>44</v>
      </c>
      <c r="AD17405" s="2"/>
      <c r="AE17405" s="1"/>
    </row>
    <row r="17406" spans="1:31" ht="14.45">
      <c r="A17406" s="11"/>
      <c r="B17406" s="20"/>
      <c r="C17406" s="2" t="s">
        <v>53176</v>
      </c>
      <c r="D17406" s="14" t="s">
        <v>53177</v>
      </c>
      <c r="E17406" s="2" t="s">
        <v>53178</v>
      </c>
      <c r="F17406" s="2" t="s">
        <v>36297</v>
      </c>
      <c r="G17406" s="8">
        <v>322</v>
      </c>
      <c r="H17406" s="5">
        <v>6</v>
      </c>
      <c r="I17406" s="5" t="s">
        <v>1518</v>
      </c>
      <c r="J17406" s="5" t="s">
        <v>36264</v>
      </c>
      <c r="K17406" s="2" t="s">
        <v>36265</v>
      </c>
      <c r="L17406" s="5" t="s">
        <v>36264</v>
      </c>
      <c r="M17406" s="2" t="s">
        <v>36265</v>
      </c>
      <c r="N17406" s="5" t="s">
        <v>36266</v>
      </c>
      <c r="O17406" s="5" t="s">
        <v>38</v>
      </c>
      <c r="P17406" s="5" t="s">
        <v>39</v>
      </c>
      <c r="Q17406" s="5" t="s">
        <v>40</v>
      </c>
      <c r="R17406" s="5" t="s">
        <v>1522</v>
      </c>
      <c r="S17406" s="5" t="s">
        <v>1523</v>
      </c>
      <c r="T17406" s="5" t="s">
        <v>42</v>
      </c>
      <c r="U17406" s="2">
        <v>3.5259999999999998</v>
      </c>
      <c r="V17406" s="2">
        <v>2.86</v>
      </c>
      <c r="W17406" s="2">
        <v>0.02</v>
      </c>
      <c r="X17406" s="2">
        <v>159.1</v>
      </c>
      <c r="Y17406" s="2">
        <v>7.6</v>
      </c>
      <c r="Z17406" s="2">
        <v>16.7</v>
      </c>
      <c r="AA17406" s="5"/>
      <c r="AB17406" s="5" t="s">
        <v>43</v>
      </c>
      <c r="AC17406" s="5" t="s">
        <v>44</v>
      </c>
      <c r="AD17406" s="2"/>
      <c r="AE17406" s="1"/>
    </row>
    <row r="17407" spans="1:31" ht="14.45">
      <c r="A17407" s="11"/>
      <c r="B17407" s="20"/>
      <c r="C17407" s="2" t="s">
        <v>53179</v>
      </c>
      <c r="D17407" s="14" t="s">
        <v>53180</v>
      </c>
      <c r="E17407" s="2" t="s">
        <v>53181</v>
      </c>
      <c r="F17407" s="2" t="s">
        <v>36301</v>
      </c>
      <c r="G17407" s="8">
        <v>322</v>
      </c>
      <c r="H17407" s="5">
        <v>6</v>
      </c>
      <c r="I17407" s="5" t="s">
        <v>1518</v>
      </c>
      <c r="J17407" s="5" t="s">
        <v>36264</v>
      </c>
      <c r="K17407" s="2" t="s">
        <v>36265</v>
      </c>
      <c r="L17407" s="5" t="s">
        <v>36264</v>
      </c>
      <c r="M17407" s="2" t="s">
        <v>36265</v>
      </c>
      <c r="N17407" s="5" t="s">
        <v>36266</v>
      </c>
      <c r="O17407" s="5" t="s">
        <v>38</v>
      </c>
      <c r="P17407" s="5" t="s">
        <v>39</v>
      </c>
      <c r="Q17407" s="5" t="s">
        <v>40</v>
      </c>
      <c r="R17407" s="5" t="s">
        <v>1522</v>
      </c>
      <c r="S17407" s="5" t="s">
        <v>1523</v>
      </c>
      <c r="T17407" s="5" t="s">
        <v>42</v>
      </c>
      <c r="U17407" s="2">
        <v>3.621</v>
      </c>
      <c r="V17407" s="2">
        <v>2.9550000000000001</v>
      </c>
      <c r="W17407" s="2">
        <v>0.02</v>
      </c>
      <c r="X17407" s="2">
        <v>159.1</v>
      </c>
      <c r="Y17407" s="2">
        <v>7.6</v>
      </c>
      <c r="Z17407" s="2">
        <v>16.7</v>
      </c>
      <c r="AA17407" s="5"/>
      <c r="AB17407" s="5" t="s">
        <v>43</v>
      </c>
      <c r="AC17407" s="5" t="s">
        <v>44</v>
      </c>
      <c r="AD17407" s="2"/>
      <c r="AE17407" s="1"/>
    </row>
    <row r="17408" spans="1:31" ht="14.45">
      <c r="A17408" s="11"/>
      <c r="B17408" s="20"/>
      <c r="C17408" s="2" t="s">
        <v>53182</v>
      </c>
      <c r="D17408" s="14" t="s">
        <v>53183</v>
      </c>
      <c r="E17408" s="2" t="s">
        <v>53184</v>
      </c>
      <c r="F17408" s="2" t="s">
        <v>36305</v>
      </c>
      <c r="G17408" s="8">
        <v>322</v>
      </c>
      <c r="H17408" s="5">
        <v>6</v>
      </c>
      <c r="I17408" s="5" t="s">
        <v>1518</v>
      </c>
      <c r="J17408" s="5" t="s">
        <v>36264</v>
      </c>
      <c r="K17408" s="2" t="s">
        <v>36265</v>
      </c>
      <c r="L17408" s="5" t="s">
        <v>36264</v>
      </c>
      <c r="M17408" s="2" t="s">
        <v>36265</v>
      </c>
      <c r="N17408" s="5" t="s">
        <v>36266</v>
      </c>
      <c r="O17408" s="5" t="s">
        <v>38</v>
      </c>
      <c r="P17408" s="5" t="s">
        <v>39</v>
      </c>
      <c r="Q17408" s="5" t="s">
        <v>40</v>
      </c>
      <c r="R17408" s="5" t="s">
        <v>1522</v>
      </c>
      <c r="S17408" s="5" t="s">
        <v>1523</v>
      </c>
      <c r="T17408" s="5" t="s">
        <v>42</v>
      </c>
      <c r="U17408" s="2">
        <v>3.5259999999999998</v>
      </c>
      <c r="V17408" s="2">
        <v>2.86</v>
      </c>
      <c r="W17408" s="2">
        <v>0.02</v>
      </c>
      <c r="X17408" s="2">
        <v>159.1</v>
      </c>
      <c r="Y17408" s="2">
        <v>7.6</v>
      </c>
      <c r="Z17408" s="2">
        <v>16.7</v>
      </c>
      <c r="AA17408" s="5"/>
      <c r="AB17408" s="5" t="s">
        <v>43</v>
      </c>
      <c r="AC17408" s="5" t="s">
        <v>44</v>
      </c>
      <c r="AD17408" s="2"/>
      <c r="AE17408" s="1"/>
    </row>
    <row r="17409" spans="1:31" ht="14.45">
      <c r="A17409" s="11"/>
      <c r="B17409" s="20"/>
      <c r="C17409" s="2" t="s">
        <v>53185</v>
      </c>
      <c r="D17409" s="14" t="s">
        <v>53186</v>
      </c>
      <c r="E17409" s="2" t="s">
        <v>53187</v>
      </c>
      <c r="F17409" s="2" t="s">
        <v>36309</v>
      </c>
      <c r="G17409" s="8">
        <v>322</v>
      </c>
      <c r="H17409" s="5">
        <v>6</v>
      </c>
      <c r="I17409" s="5" t="s">
        <v>1518</v>
      </c>
      <c r="J17409" s="5" t="s">
        <v>36264</v>
      </c>
      <c r="K17409" s="2" t="s">
        <v>36265</v>
      </c>
      <c r="L17409" s="5" t="s">
        <v>36264</v>
      </c>
      <c r="M17409" s="2" t="s">
        <v>36265</v>
      </c>
      <c r="N17409" s="5" t="s">
        <v>36266</v>
      </c>
      <c r="O17409" s="5" t="s">
        <v>38</v>
      </c>
      <c r="P17409" s="5" t="s">
        <v>39</v>
      </c>
      <c r="Q17409" s="5" t="s">
        <v>40</v>
      </c>
      <c r="R17409" s="5" t="s">
        <v>1522</v>
      </c>
      <c r="S17409" s="5" t="s">
        <v>1523</v>
      </c>
      <c r="T17409" s="5" t="s">
        <v>42</v>
      </c>
      <c r="U17409" s="2">
        <v>3.621</v>
      </c>
      <c r="V17409" s="2">
        <v>2.9550000000000001</v>
      </c>
      <c r="W17409" s="2">
        <v>0.02</v>
      </c>
      <c r="X17409" s="2">
        <v>159.1</v>
      </c>
      <c r="Y17409" s="2">
        <v>7.6</v>
      </c>
      <c r="Z17409" s="2">
        <v>16.7</v>
      </c>
      <c r="AA17409" s="5"/>
      <c r="AB17409" s="5" t="s">
        <v>43</v>
      </c>
      <c r="AC17409" s="5" t="s">
        <v>44</v>
      </c>
      <c r="AD17409" s="2"/>
      <c r="AE17409" s="1"/>
    </row>
    <row r="17410" spans="1:31" ht="14.45">
      <c r="A17410" s="11"/>
      <c r="B17410" s="20"/>
      <c r="C17410" s="2" t="s">
        <v>53188</v>
      </c>
      <c r="D17410" s="14" t="s">
        <v>53189</v>
      </c>
      <c r="E17410" s="2" t="s">
        <v>53190</v>
      </c>
      <c r="F17410" s="2" t="s">
        <v>36313</v>
      </c>
      <c r="G17410" s="8">
        <v>350</v>
      </c>
      <c r="H17410" s="5">
        <v>6</v>
      </c>
      <c r="I17410" s="5" t="s">
        <v>1518</v>
      </c>
      <c r="J17410" s="5" t="s">
        <v>36264</v>
      </c>
      <c r="K17410" s="2" t="s">
        <v>36265</v>
      </c>
      <c r="L17410" s="5" t="s">
        <v>36264</v>
      </c>
      <c r="M17410" s="2" t="s">
        <v>36265</v>
      </c>
      <c r="N17410" s="5" t="s">
        <v>36266</v>
      </c>
      <c r="O17410" s="5" t="s">
        <v>38</v>
      </c>
      <c r="P17410" s="5" t="s">
        <v>39</v>
      </c>
      <c r="Q17410" s="5" t="s">
        <v>40</v>
      </c>
      <c r="R17410" s="5" t="s">
        <v>1522</v>
      </c>
      <c r="S17410" s="5" t="s">
        <v>1523</v>
      </c>
      <c r="T17410" s="5" t="s">
        <v>42</v>
      </c>
      <c r="U17410" s="2">
        <v>3.5259999999999998</v>
      </c>
      <c r="V17410" s="2">
        <v>2.86</v>
      </c>
      <c r="W17410" s="2">
        <v>0.02</v>
      </c>
      <c r="X17410" s="2">
        <v>159.1</v>
      </c>
      <c r="Y17410" s="2">
        <v>7.6</v>
      </c>
      <c r="Z17410" s="2">
        <v>16.7</v>
      </c>
      <c r="AA17410" s="5"/>
      <c r="AB17410" s="5" t="s">
        <v>43</v>
      </c>
      <c r="AC17410" s="5" t="s">
        <v>44</v>
      </c>
      <c r="AD17410" s="2"/>
      <c r="AE17410" s="1"/>
    </row>
    <row r="17411" spans="1:31" ht="14.45">
      <c r="A17411" s="11"/>
      <c r="B17411" s="20"/>
      <c r="C17411" s="2" t="s">
        <v>53191</v>
      </c>
      <c r="D17411" s="14" t="s">
        <v>53192</v>
      </c>
      <c r="E17411" s="2" t="s">
        <v>53193</v>
      </c>
      <c r="F17411" s="2" t="s">
        <v>36317</v>
      </c>
      <c r="G17411" s="8">
        <v>350</v>
      </c>
      <c r="H17411" s="5">
        <v>6</v>
      </c>
      <c r="I17411" s="5" t="s">
        <v>1518</v>
      </c>
      <c r="J17411" s="5" t="s">
        <v>36264</v>
      </c>
      <c r="K17411" s="2" t="s">
        <v>36265</v>
      </c>
      <c r="L17411" s="5" t="s">
        <v>36264</v>
      </c>
      <c r="M17411" s="2" t="s">
        <v>36265</v>
      </c>
      <c r="N17411" s="5" t="s">
        <v>36266</v>
      </c>
      <c r="O17411" s="5" t="s">
        <v>38</v>
      </c>
      <c r="P17411" s="5" t="s">
        <v>39</v>
      </c>
      <c r="Q17411" s="5" t="s">
        <v>40</v>
      </c>
      <c r="R17411" s="5" t="s">
        <v>1522</v>
      </c>
      <c r="S17411" s="5" t="s">
        <v>1523</v>
      </c>
      <c r="T17411" s="5" t="s">
        <v>42</v>
      </c>
      <c r="U17411" s="2">
        <v>3.621</v>
      </c>
      <c r="V17411" s="2">
        <v>2.9550000000000001</v>
      </c>
      <c r="W17411" s="2">
        <v>0.02</v>
      </c>
      <c r="X17411" s="2">
        <v>159.1</v>
      </c>
      <c r="Y17411" s="2">
        <v>7.6</v>
      </c>
      <c r="Z17411" s="2">
        <v>16.7</v>
      </c>
      <c r="AA17411" s="5"/>
      <c r="AB17411" s="5" t="s">
        <v>43</v>
      </c>
      <c r="AC17411" s="5" t="s">
        <v>44</v>
      </c>
      <c r="AD17411" s="2"/>
      <c r="AE17411" s="1"/>
    </row>
    <row r="17412" spans="1:31" ht="14.45">
      <c r="A17412" s="11"/>
      <c r="B17412" s="20"/>
      <c r="C17412" s="2" t="s">
        <v>53194</v>
      </c>
      <c r="D17412" s="14" t="s">
        <v>53195</v>
      </c>
      <c r="E17412" s="2" t="s">
        <v>53196</v>
      </c>
      <c r="F17412" s="2" t="s">
        <v>36321</v>
      </c>
      <c r="G17412" s="8">
        <v>350</v>
      </c>
      <c r="H17412" s="5">
        <v>6</v>
      </c>
      <c r="I17412" s="5" t="s">
        <v>1518</v>
      </c>
      <c r="J17412" s="5" t="s">
        <v>36264</v>
      </c>
      <c r="K17412" s="2" t="s">
        <v>36265</v>
      </c>
      <c r="L17412" s="5" t="s">
        <v>36264</v>
      </c>
      <c r="M17412" s="2" t="s">
        <v>36265</v>
      </c>
      <c r="N17412" s="5" t="s">
        <v>36266</v>
      </c>
      <c r="O17412" s="5" t="s">
        <v>38</v>
      </c>
      <c r="P17412" s="5" t="s">
        <v>39</v>
      </c>
      <c r="Q17412" s="5" t="s">
        <v>40</v>
      </c>
      <c r="R17412" s="5" t="s">
        <v>1522</v>
      </c>
      <c r="S17412" s="5" t="s">
        <v>1523</v>
      </c>
      <c r="T17412" s="5" t="s">
        <v>42</v>
      </c>
      <c r="U17412" s="2">
        <v>3.5259999999999998</v>
      </c>
      <c r="V17412" s="2">
        <v>2.86</v>
      </c>
      <c r="W17412" s="2">
        <v>0.02</v>
      </c>
      <c r="X17412" s="2">
        <v>159.1</v>
      </c>
      <c r="Y17412" s="2">
        <v>7.6</v>
      </c>
      <c r="Z17412" s="2">
        <v>16.7</v>
      </c>
      <c r="AA17412" s="5"/>
      <c r="AB17412" s="5" t="s">
        <v>43</v>
      </c>
      <c r="AC17412" s="5" t="s">
        <v>44</v>
      </c>
      <c r="AD17412" s="2"/>
      <c r="AE17412" s="1"/>
    </row>
    <row r="17413" spans="1:31" ht="14.45">
      <c r="A17413" s="11"/>
      <c r="B17413" s="20"/>
      <c r="C17413" s="2" t="s">
        <v>53197</v>
      </c>
      <c r="D17413" s="14" t="s">
        <v>53198</v>
      </c>
      <c r="E17413" s="2" t="s">
        <v>53199</v>
      </c>
      <c r="F17413" s="2" t="s">
        <v>36325</v>
      </c>
      <c r="G17413" s="8">
        <v>350</v>
      </c>
      <c r="H17413" s="5">
        <v>6</v>
      </c>
      <c r="I17413" s="5" t="s">
        <v>1518</v>
      </c>
      <c r="J17413" s="5" t="s">
        <v>36264</v>
      </c>
      <c r="K17413" s="2" t="s">
        <v>36265</v>
      </c>
      <c r="L17413" s="5" t="s">
        <v>36264</v>
      </c>
      <c r="M17413" s="2" t="s">
        <v>36265</v>
      </c>
      <c r="N17413" s="5" t="s">
        <v>36266</v>
      </c>
      <c r="O17413" s="5" t="s">
        <v>38</v>
      </c>
      <c r="P17413" s="5" t="s">
        <v>39</v>
      </c>
      <c r="Q17413" s="5" t="s">
        <v>40</v>
      </c>
      <c r="R17413" s="5" t="s">
        <v>1522</v>
      </c>
      <c r="S17413" s="5" t="s">
        <v>1523</v>
      </c>
      <c r="T17413" s="5" t="s">
        <v>42</v>
      </c>
      <c r="U17413" s="2">
        <v>3.621</v>
      </c>
      <c r="V17413" s="2">
        <v>2.9550000000000001</v>
      </c>
      <c r="W17413" s="2">
        <v>0.02</v>
      </c>
      <c r="X17413" s="2">
        <v>159.1</v>
      </c>
      <c r="Y17413" s="2">
        <v>7.6</v>
      </c>
      <c r="Z17413" s="2">
        <v>16.7</v>
      </c>
      <c r="AA17413" s="5"/>
      <c r="AB17413" s="5" t="s">
        <v>43</v>
      </c>
      <c r="AC17413" s="5" t="s">
        <v>44</v>
      </c>
      <c r="AD17413" s="2"/>
      <c r="AE17413" s="1"/>
    </row>
    <row r="17414" spans="1:31" ht="14.45">
      <c r="A17414" s="11"/>
      <c r="B17414" s="20"/>
      <c r="C17414" s="2" t="s">
        <v>53200</v>
      </c>
      <c r="D17414" s="14" t="s">
        <v>53201</v>
      </c>
      <c r="E17414" s="2" t="s">
        <v>53202</v>
      </c>
      <c r="F17414" s="2" t="s">
        <v>36329</v>
      </c>
      <c r="G17414" s="8">
        <v>350</v>
      </c>
      <c r="H17414" s="5">
        <v>6</v>
      </c>
      <c r="I17414" s="5" t="s">
        <v>1518</v>
      </c>
      <c r="J17414" s="5" t="s">
        <v>36264</v>
      </c>
      <c r="K17414" s="2" t="s">
        <v>36265</v>
      </c>
      <c r="L17414" s="5" t="s">
        <v>36264</v>
      </c>
      <c r="M17414" s="2" t="s">
        <v>36265</v>
      </c>
      <c r="N17414" s="5" t="s">
        <v>36266</v>
      </c>
      <c r="O17414" s="5" t="s">
        <v>38</v>
      </c>
      <c r="P17414" s="5" t="s">
        <v>39</v>
      </c>
      <c r="Q17414" s="5" t="s">
        <v>40</v>
      </c>
      <c r="R17414" s="5" t="s">
        <v>1522</v>
      </c>
      <c r="S17414" s="5" t="s">
        <v>1523</v>
      </c>
      <c r="T17414" s="5" t="s">
        <v>42</v>
      </c>
      <c r="U17414" s="2">
        <v>3.5259999999999998</v>
      </c>
      <c r="V17414" s="2">
        <v>2.86</v>
      </c>
      <c r="W17414" s="2">
        <v>0.02</v>
      </c>
      <c r="X17414" s="2">
        <v>159.1</v>
      </c>
      <c r="Y17414" s="2">
        <v>7.6</v>
      </c>
      <c r="Z17414" s="2">
        <v>16.7</v>
      </c>
      <c r="AA17414" s="5"/>
      <c r="AB17414" s="5" t="s">
        <v>43</v>
      </c>
      <c r="AC17414" s="5" t="s">
        <v>44</v>
      </c>
      <c r="AD17414" s="2"/>
      <c r="AE17414" s="1"/>
    </row>
    <row r="17415" spans="1:31" ht="14.45">
      <c r="A17415" s="11"/>
      <c r="B17415" s="20"/>
      <c r="C17415" s="2" t="s">
        <v>53203</v>
      </c>
      <c r="D17415" s="14" t="s">
        <v>53204</v>
      </c>
      <c r="E17415" s="2" t="s">
        <v>53205</v>
      </c>
      <c r="F17415" s="2" t="s">
        <v>36333</v>
      </c>
      <c r="G17415" s="8">
        <v>350</v>
      </c>
      <c r="H17415" s="5">
        <v>6</v>
      </c>
      <c r="I17415" s="5" t="s">
        <v>1518</v>
      </c>
      <c r="J17415" s="5" t="s">
        <v>36264</v>
      </c>
      <c r="K17415" s="2" t="s">
        <v>36265</v>
      </c>
      <c r="L17415" s="5" t="s">
        <v>36264</v>
      </c>
      <c r="M17415" s="2" t="s">
        <v>36265</v>
      </c>
      <c r="N17415" s="5" t="s">
        <v>36266</v>
      </c>
      <c r="O17415" s="5" t="s">
        <v>38</v>
      </c>
      <c r="P17415" s="5" t="s">
        <v>39</v>
      </c>
      <c r="Q17415" s="5" t="s">
        <v>40</v>
      </c>
      <c r="R17415" s="5" t="s">
        <v>1522</v>
      </c>
      <c r="S17415" s="5" t="s">
        <v>1523</v>
      </c>
      <c r="T17415" s="5" t="s">
        <v>42</v>
      </c>
      <c r="U17415" s="2">
        <v>3.621</v>
      </c>
      <c r="V17415" s="2">
        <v>2.9550000000000001</v>
      </c>
      <c r="W17415" s="2">
        <v>0.02</v>
      </c>
      <c r="X17415" s="2">
        <v>159.1</v>
      </c>
      <c r="Y17415" s="2">
        <v>7.6</v>
      </c>
      <c r="Z17415" s="2">
        <v>16.7</v>
      </c>
      <c r="AA17415" s="5"/>
      <c r="AB17415" s="5" t="s">
        <v>43</v>
      </c>
      <c r="AC17415" s="5" t="s">
        <v>44</v>
      </c>
      <c r="AD17415" s="2"/>
      <c r="AE17415" s="1"/>
    </row>
    <row r="17416" spans="1:31" ht="14.45">
      <c r="A17416" s="11"/>
      <c r="B17416" s="20"/>
      <c r="C17416" s="2" t="s">
        <v>53206</v>
      </c>
      <c r="D17416" s="14" t="s">
        <v>53207</v>
      </c>
      <c r="E17416" s="2" t="s">
        <v>53208</v>
      </c>
      <c r="F17416" s="2" t="s">
        <v>36341</v>
      </c>
      <c r="G17416" s="8">
        <v>350</v>
      </c>
      <c r="H17416" s="5">
        <v>6</v>
      </c>
      <c r="I17416" s="5" t="s">
        <v>1518</v>
      </c>
      <c r="J17416" s="5" t="s">
        <v>36264</v>
      </c>
      <c r="K17416" s="2" t="s">
        <v>36265</v>
      </c>
      <c r="L17416" s="5" t="s">
        <v>36264</v>
      </c>
      <c r="M17416" s="2" t="s">
        <v>36265</v>
      </c>
      <c r="N17416" s="5" t="s">
        <v>36266</v>
      </c>
      <c r="O17416" s="5" t="s">
        <v>38</v>
      </c>
      <c r="P17416" s="5" t="s">
        <v>39</v>
      </c>
      <c r="Q17416" s="5" t="s">
        <v>40</v>
      </c>
      <c r="R17416" s="5" t="s">
        <v>1522</v>
      </c>
      <c r="S17416" s="5" t="s">
        <v>1523</v>
      </c>
      <c r="T17416" s="5" t="s">
        <v>42</v>
      </c>
      <c r="U17416" s="2">
        <v>3.621</v>
      </c>
      <c r="V17416" s="2">
        <v>2.9550000000000001</v>
      </c>
      <c r="W17416" s="2">
        <v>0.02</v>
      </c>
      <c r="X17416" s="2">
        <v>159.1</v>
      </c>
      <c r="Y17416" s="2">
        <v>7.6</v>
      </c>
      <c r="Z17416" s="2">
        <v>16.7</v>
      </c>
      <c r="AA17416" s="5"/>
      <c r="AB17416" s="5" t="s">
        <v>43</v>
      </c>
      <c r="AC17416" s="5" t="s">
        <v>44</v>
      </c>
      <c r="AD17416" s="2"/>
      <c r="AE17416" s="1"/>
    </row>
    <row r="17417" spans="1:31" ht="14.45">
      <c r="A17417" s="11"/>
      <c r="B17417" s="20"/>
      <c r="C17417" s="2" t="s">
        <v>53209</v>
      </c>
      <c r="D17417" s="14" t="s">
        <v>53210</v>
      </c>
      <c r="E17417" s="2" t="s">
        <v>53211</v>
      </c>
      <c r="F17417" s="2" t="s">
        <v>36345</v>
      </c>
      <c r="G17417" s="8">
        <v>350</v>
      </c>
      <c r="H17417" s="5">
        <v>6</v>
      </c>
      <c r="I17417" s="5" t="s">
        <v>1518</v>
      </c>
      <c r="J17417" s="5" t="s">
        <v>36264</v>
      </c>
      <c r="K17417" s="2" t="s">
        <v>36265</v>
      </c>
      <c r="L17417" s="5" t="s">
        <v>36264</v>
      </c>
      <c r="M17417" s="2" t="s">
        <v>36265</v>
      </c>
      <c r="N17417" s="5" t="s">
        <v>36266</v>
      </c>
      <c r="O17417" s="5" t="s">
        <v>38</v>
      </c>
      <c r="P17417" s="5" t="s">
        <v>39</v>
      </c>
      <c r="Q17417" s="5" t="s">
        <v>40</v>
      </c>
      <c r="R17417" s="5" t="s">
        <v>1522</v>
      </c>
      <c r="S17417" s="5" t="s">
        <v>1523</v>
      </c>
      <c r="T17417" s="5" t="s">
        <v>42</v>
      </c>
      <c r="U17417" s="2">
        <v>3.5259999999999998</v>
      </c>
      <c r="V17417" s="2">
        <v>2.86</v>
      </c>
      <c r="W17417" s="2">
        <v>0.02</v>
      </c>
      <c r="X17417" s="2">
        <v>159.1</v>
      </c>
      <c r="Y17417" s="2">
        <v>7.6</v>
      </c>
      <c r="Z17417" s="2">
        <v>16.7</v>
      </c>
      <c r="AA17417" s="5"/>
      <c r="AB17417" s="5" t="s">
        <v>43</v>
      </c>
      <c r="AC17417" s="5" t="s">
        <v>44</v>
      </c>
      <c r="AD17417" s="2"/>
      <c r="AE17417" s="1"/>
    </row>
    <row r="17418" spans="1:31" ht="14.45">
      <c r="A17418" s="11"/>
      <c r="B17418" s="20"/>
      <c r="C17418" s="2" t="s">
        <v>53212</v>
      </c>
      <c r="D17418" s="14" t="s">
        <v>53213</v>
      </c>
      <c r="E17418" s="2" t="s">
        <v>53214</v>
      </c>
      <c r="F17418" s="2" t="s">
        <v>36349</v>
      </c>
      <c r="G17418" s="8">
        <v>350</v>
      </c>
      <c r="H17418" s="5">
        <v>6</v>
      </c>
      <c r="I17418" s="5" t="s">
        <v>1518</v>
      </c>
      <c r="J17418" s="5" t="s">
        <v>36264</v>
      </c>
      <c r="K17418" s="2" t="s">
        <v>36265</v>
      </c>
      <c r="L17418" s="5" t="s">
        <v>36264</v>
      </c>
      <c r="M17418" s="2" t="s">
        <v>36265</v>
      </c>
      <c r="N17418" s="5" t="s">
        <v>36266</v>
      </c>
      <c r="O17418" s="5" t="s">
        <v>38</v>
      </c>
      <c r="P17418" s="5" t="s">
        <v>39</v>
      </c>
      <c r="Q17418" s="5" t="s">
        <v>40</v>
      </c>
      <c r="R17418" s="5" t="s">
        <v>1522</v>
      </c>
      <c r="S17418" s="5" t="s">
        <v>1523</v>
      </c>
      <c r="T17418" s="5" t="s">
        <v>42</v>
      </c>
      <c r="U17418" s="2">
        <v>3.621</v>
      </c>
      <c r="V17418" s="2">
        <v>2.9550000000000001</v>
      </c>
      <c r="W17418" s="2">
        <v>0.02</v>
      </c>
      <c r="X17418" s="2">
        <v>159.1</v>
      </c>
      <c r="Y17418" s="2">
        <v>7.6</v>
      </c>
      <c r="Z17418" s="2">
        <v>16.7</v>
      </c>
      <c r="AA17418" s="5"/>
      <c r="AB17418" s="5" t="s">
        <v>43</v>
      </c>
      <c r="AC17418" s="5" t="s">
        <v>44</v>
      </c>
      <c r="AD17418" s="2"/>
      <c r="AE17418" s="1"/>
    </row>
    <row r="17419" spans="1:31" ht="14.45">
      <c r="A17419" s="11"/>
      <c r="B17419" s="20"/>
      <c r="C17419" s="2" t="s">
        <v>53215</v>
      </c>
      <c r="D17419" s="14" t="s">
        <v>53216</v>
      </c>
      <c r="E17419" s="2" t="s">
        <v>53217</v>
      </c>
      <c r="F17419" s="2" t="s">
        <v>36353</v>
      </c>
      <c r="G17419" s="8">
        <v>350</v>
      </c>
      <c r="H17419" s="5">
        <v>6</v>
      </c>
      <c r="I17419" s="5" t="s">
        <v>1518</v>
      </c>
      <c r="J17419" s="5" t="s">
        <v>36264</v>
      </c>
      <c r="K17419" s="2" t="s">
        <v>36265</v>
      </c>
      <c r="L17419" s="5" t="s">
        <v>36264</v>
      </c>
      <c r="M17419" s="2" t="s">
        <v>36265</v>
      </c>
      <c r="N17419" s="5" t="s">
        <v>36266</v>
      </c>
      <c r="O17419" s="5" t="s">
        <v>38</v>
      </c>
      <c r="P17419" s="5" t="s">
        <v>39</v>
      </c>
      <c r="Q17419" s="5" t="s">
        <v>40</v>
      </c>
      <c r="R17419" s="5" t="s">
        <v>1522</v>
      </c>
      <c r="S17419" s="5" t="s">
        <v>1523</v>
      </c>
      <c r="T17419" s="5" t="s">
        <v>42</v>
      </c>
      <c r="U17419" s="2">
        <v>3.5259999999999998</v>
      </c>
      <c r="V17419" s="2">
        <v>2.86</v>
      </c>
      <c r="W17419" s="2">
        <v>0.02</v>
      </c>
      <c r="X17419" s="2">
        <v>159.1</v>
      </c>
      <c r="Y17419" s="2">
        <v>7.6</v>
      </c>
      <c r="Z17419" s="2">
        <v>16.7</v>
      </c>
      <c r="AA17419" s="5"/>
      <c r="AB17419" s="5" t="s">
        <v>43</v>
      </c>
      <c r="AC17419" s="5" t="s">
        <v>44</v>
      </c>
      <c r="AD17419" s="2"/>
      <c r="AE17419" s="1"/>
    </row>
    <row r="17420" spans="1:31" ht="14.45">
      <c r="A17420" s="11"/>
      <c r="B17420" s="20"/>
      <c r="C17420" s="2" t="s">
        <v>53218</v>
      </c>
      <c r="D17420" s="14" t="s">
        <v>53219</v>
      </c>
      <c r="E17420" s="2" t="s">
        <v>53220</v>
      </c>
      <c r="F17420" s="2" t="s">
        <v>36357</v>
      </c>
      <c r="G17420" s="8">
        <v>350</v>
      </c>
      <c r="H17420" s="5">
        <v>6</v>
      </c>
      <c r="I17420" s="5" t="s">
        <v>1518</v>
      </c>
      <c r="J17420" s="5" t="s">
        <v>36264</v>
      </c>
      <c r="K17420" s="2" t="s">
        <v>36265</v>
      </c>
      <c r="L17420" s="5" t="s">
        <v>36264</v>
      </c>
      <c r="M17420" s="2" t="s">
        <v>36265</v>
      </c>
      <c r="N17420" s="5" t="s">
        <v>36266</v>
      </c>
      <c r="O17420" s="5" t="s">
        <v>38</v>
      </c>
      <c r="P17420" s="5" t="s">
        <v>39</v>
      </c>
      <c r="Q17420" s="5" t="s">
        <v>40</v>
      </c>
      <c r="R17420" s="5" t="s">
        <v>1522</v>
      </c>
      <c r="S17420" s="5" t="s">
        <v>1523</v>
      </c>
      <c r="T17420" s="5" t="s">
        <v>42</v>
      </c>
      <c r="U17420" s="2">
        <v>3.621</v>
      </c>
      <c r="V17420" s="2">
        <v>2.9550000000000001</v>
      </c>
      <c r="W17420" s="2">
        <v>0.02</v>
      </c>
      <c r="X17420" s="2">
        <v>159.1</v>
      </c>
      <c r="Y17420" s="2">
        <v>7.6</v>
      </c>
      <c r="Z17420" s="2">
        <v>16.7</v>
      </c>
      <c r="AA17420" s="5"/>
      <c r="AB17420" s="5" t="s">
        <v>43</v>
      </c>
      <c r="AC17420" s="5" t="s">
        <v>44</v>
      </c>
      <c r="AD17420" s="2"/>
      <c r="AE17420" s="1"/>
    </row>
    <row r="17421" spans="1:31" ht="14.45">
      <c r="A17421" s="11"/>
      <c r="B17421" s="20"/>
      <c r="C17421" s="2" t="s">
        <v>53221</v>
      </c>
      <c r="D17421" s="14" t="s">
        <v>53222</v>
      </c>
      <c r="E17421" s="2" t="s">
        <v>53223</v>
      </c>
      <c r="F17421" s="2" t="s">
        <v>45598</v>
      </c>
      <c r="G17421" s="8">
        <v>350</v>
      </c>
      <c r="H17421" s="5">
        <v>6</v>
      </c>
      <c r="I17421" s="5" t="s">
        <v>1518</v>
      </c>
      <c r="J17421" s="5" t="s">
        <v>36264</v>
      </c>
      <c r="K17421" s="2" t="s">
        <v>36265</v>
      </c>
      <c r="L17421" s="5" t="s">
        <v>36264</v>
      </c>
      <c r="M17421" s="2" t="s">
        <v>36265</v>
      </c>
      <c r="N17421" s="5" t="s">
        <v>36266</v>
      </c>
      <c r="O17421" s="5" t="s">
        <v>38</v>
      </c>
      <c r="P17421" s="5" t="s">
        <v>39</v>
      </c>
      <c r="Q17421" s="5" t="s">
        <v>40</v>
      </c>
      <c r="R17421" s="5" t="s">
        <v>1522</v>
      </c>
      <c r="S17421" s="5" t="s">
        <v>1523</v>
      </c>
      <c r="T17421" s="5" t="s">
        <v>42</v>
      </c>
      <c r="U17421" s="2">
        <v>3.5259999999999998</v>
      </c>
      <c r="V17421" s="2">
        <v>2.86</v>
      </c>
      <c r="W17421" s="2">
        <v>0.02</v>
      </c>
      <c r="X17421" s="2">
        <v>159.1</v>
      </c>
      <c r="Y17421" s="2">
        <v>7.6</v>
      </c>
      <c r="Z17421" s="2">
        <v>16.7</v>
      </c>
      <c r="AA17421" s="5"/>
      <c r="AB17421" s="5" t="s">
        <v>43</v>
      </c>
      <c r="AC17421" s="5" t="s">
        <v>44</v>
      </c>
      <c r="AD17421" s="2"/>
      <c r="AE17421" s="1"/>
    </row>
    <row r="17422" spans="1:31" ht="14.45">
      <c r="A17422" s="11"/>
      <c r="B17422" s="20"/>
      <c r="C17422" s="2" t="s">
        <v>53224</v>
      </c>
      <c r="D17422" s="14" t="s">
        <v>53225</v>
      </c>
      <c r="E17422" s="2" t="s">
        <v>53226</v>
      </c>
      <c r="F17422" s="2" t="s">
        <v>45534</v>
      </c>
      <c r="G17422" s="8">
        <v>350</v>
      </c>
      <c r="H17422" s="5">
        <v>6</v>
      </c>
      <c r="I17422" s="5" t="s">
        <v>1518</v>
      </c>
      <c r="J17422" s="5" t="s">
        <v>36264</v>
      </c>
      <c r="K17422" s="2" t="s">
        <v>36265</v>
      </c>
      <c r="L17422" s="5" t="s">
        <v>36264</v>
      </c>
      <c r="M17422" s="2" t="s">
        <v>36265</v>
      </c>
      <c r="N17422" s="5" t="s">
        <v>36266</v>
      </c>
      <c r="O17422" s="5" t="s">
        <v>38</v>
      </c>
      <c r="P17422" s="5" t="s">
        <v>39</v>
      </c>
      <c r="Q17422" s="5" t="s">
        <v>40</v>
      </c>
      <c r="R17422" s="5" t="s">
        <v>1522</v>
      </c>
      <c r="S17422" s="5" t="s">
        <v>1523</v>
      </c>
      <c r="T17422" s="5" t="s">
        <v>42</v>
      </c>
      <c r="U17422" s="2">
        <v>3.621</v>
      </c>
      <c r="V17422" s="2">
        <v>2.9550000000000001</v>
      </c>
      <c r="W17422" s="2">
        <v>0.02</v>
      </c>
      <c r="X17422" s="2">
        <v>159.1</v>
      </c>
      <c r="Y17422" s="2">
        <v>7.6</v>
      </c>
      <c r="Z17422" s="2">
        <v>16.7</v>
      </c>
      <c r="AA17422" s="5"/>
      <c r="AB17422" s="5" t="s">
        <v>43</v>
      </c>
      <c r="AC17422" s="5" t="s">
        <v>44</v>
      </c>
      <c r="AD17422" s="2"/>
      <c r="AE17422" s="1"/>
    </row>
    <row r="17423" spans="1:31" ht="14.45">
      <c r="A17423" s="11"/>
      <c r="B17423" s="20"/>
      <c r="C17423" s="2" t="s">
        <v>53227</v>
      </c>
      <c r="D17423" s="14" t="s">
        <v>53228</v>
      </c>
      <c r="E17423" s="2" t="s">
        <v>53229</v>
      </c>
      <c r="F17423" s="2" t="s">
        <v>36369</v>
      </c>
      <c r="G17423" s="8">
        <v>350</v>
      </c>
      <c r="H17423" s="5">
        <v>6</v>
      </c>
      <c r="I17423" s="5" t="s">
        <v>1518</v>
      </c>
      <c r="J17423" s="5" t="s">
        <v>36264</v>
      </c>
      <c r="K17423" s="2" t="s">
        <v>36265</v>
      </c>
      <c r="L17423" s="5" t="s">
        <v>36264</v>
      </c>
      <c r="M17423" s="2" t="s">
        <v>36265</v>
      </c>
      <c r="N17423" s="5" t="s">
        <v>36266</v>
      </c>
      <c r="O17423" s="5" t="s">
        <v>38</v>
      </c>
      <c r="P17423" s="5" t="s">
        <v>39</v>
      </c>
      <c r="Q17423" s="5" t="s">
        <v>40</v>
      </c>
      <c r="R17423" s="5" t="s">
        <v>1522</v>
      </c>
      <c r="S17423" s="5" t="s">
        <v>1523</v>
      </c>
      <c r="T17423" s="5" t="s">
        <v>42</v>
      </c>
      <c r="U17423" s="2">
        <v>3.5259999999999998</v>
      </c>
      <c r="V17423" s="2">
        <v>2.86</v>
      </c>
      <c r="W17423" s="2">
        <v>0.02</v>
      </c>
      <c r="X17423" s="2">
        <v>159.1</v>
      </c>
      <c r="Y17423" s="2">
        <v>7.6</v>
      </c>
      <c r="Z17423" s="2">
        <v>16.7</v>
      </c>
      <c r="AA17423" s="5"/>
      <c r="AB17423" s="5" t="s">
        <v>43</v>
      </c>
      <c r="AC17423" s="5" t="s">
        <v>44</v>
      </c>
      <c r="AD17423" s="2"/>
      <c r="AE17423" s="1"/>
    </row>
    <row r="17424" spans="1:31" ht="14.45">
      <c r="A17424" s="11"/>
      <c r="B17424" s="20"/>
      <c r="C17424" s="2" t="s">
        <v>53230</v>
      </c>
      <c r="D17424" s="14" t="s">
        <v>53231</v>
      </c>
      <c r="E17424" s="2" t="s">
        <v>53232</v>
      </c>
      <c r="F17424" s="2" t="s">
        <v>36373</v>
      </c>
      <c r="G17424" s="8">
        <v>350</v>
      </c>
      <c r="H17424" s="5">
        <v>6</v>
      </c>
      <c r="I17424" s="5" t="s">
        <v>1518</v>
      </c>
      <c r="J17424" s="5" t="s">
        <v>36264</v>
      </c>
      <c r="K17424" s="2" t="s">
        <v>36265</v>
      </c>
      <c r="L17424" s="5" t="s">
        <v>36264</v>
      </c>
      <c r="M17424" s="2" t="s">
        <v>36265</v>
      </c>
      <c r="N17424" s="5" t="s">
        <v>36266</v>
      </c>
      <c r="O17424" s="5" t="s">
        <v>38</v>
      </c>
      <c r="P17424" s="5" t="s">
        <v>39</v>
      </c>
      <c r="Q17424" s="5" t="s">
        <v>40</v>
      </c>
      <c r="R17424" s="5" t="s">
        <v>1522</v>
      </c>
      <c r="S17424" s="5" t="s">
        <v>1523</v>
      </c>
      <c r="T17424" s="5" t="s">
        <v>42</v>
      </c>
      <c r="U17424" s="2">
        <v>3.621</v>
      </c>
      <c r="V17424" s="2">
        <v>2.9550000000000001</v>
      </c>
      <c r="W17424" s="2">
        <v>0.02</v>
      </c>
      <c r="X17424" s="2">
        <v>159.1</v>
      </c>
      <c r="Y17424" s="2">
        <v>7.6</v>
      </c>
      <c r="Z17424" s="2">
        <v>16.7</v>
      </c>
      <c r="AA17424" s="5"/>
      <c r="AB17424" s="5" t="s">
        <v>43</v>
      </c>
      <c r="AC17424" s="5" t="s">
        <v>44</v>
      </c>
      <c r="AD17424" s="2"/>
      <c r="AE17424" s="1"/>
    </row>
    <row r="17425" spans="1:31" ht="14.45">
      <c r="A17425" s="11"/>
      <c r="B17425" s="20"/>
      <c r="C17425" s="2" t="s">
        <v>53233</v>
      </c>
      <c r="D17425" s="14" t="s">
        <v>53234</v>
      </c>
      <c r="E17425" s="2" t="s">
        <v>53235</v>
      </c>
      <c r="F17425" s="2" t="s">
        <v>36377</v>
      </c>
      <c r="G17425" s="8">
        <v>350</v>
      </c>
      <c r="H17425" s="5">
        <v>6</v>
      </c>
      <c r="I17425" s="5" t="s">
        <v>1518</v>
      </c>
      <c r="J17425" s="5" t="s">
        <v>36264</v>
      </c>
      <c r="K17425" s="2" t="s">
        <v>36265</v>
      </c>
      <c r="L17425" s="5" t="s">
        <v>36264</v>
      </c>
      <c r="M17425" s="2" t="s">
        <v>36265</v>
      </c>
      <c r="N17425" s="5" t="s">
        <v>36266</v>
      </c>
      <c r="O17425" s="5" t="s">
        <v>38</v>
      </c>
      <c r="P17425" s="5" t="s">
        <v>39</v>
      </c>
      <c r="Q17425" s="5" t="s">
        <v>40</v>
      </c>
      <c r="R17425" s="5" t="s">
        <v>1522</v>
      </c>
      <c r="S17425" s="5" t="s">
        <v>1523</v>
      </c>
      <c r="T17425" s="5" t="s">
        <v>42</v>
      </c>
      <c r="U17425" s="2">
        <v>3.5259999999999998</v>
      </c>
      <c r="V17425" s="2">
        <v>2.86</v>
      </c>
      <c r="W17425" s="2">
        <v>0.02</v>
      </c>
      <c r="X17425" s="2">
        <v>159.1</v>
      </c>
      <c r="Y17425" s="2">
        <v>7.6</v>
      </c>
      <c r="Z17425" s="2">
        <v>16.7</v>
      </c>
      <c r="AA17425" s="5"/>
      <c r="AB17425" s="5" t="s">
        <v>43</v>
      </c>
      <c r="AC17425" s="5" t="s">
        <v>44</v>
      </c>
      <c r="AD17425" s="2"/>
      <c r="AE17425" s="1"/>
    </row>
    <row r="17426" spans="1:31" ht="14.45">
      <c r="A17426" s="11"/>
      <c r="B17426" s="20"/>
      <c r="C17426" s="2" t="s">
        <v>53236</v>
      </c>
      <c r="D17426" s="14" t="s">
        <v>53237</v>
      </c>
      <c r="E17426" s="2" t="s">
        <v>53238</v>
      </c>
      <c r="F17426" s="2" t="s">
        <v>36381</v>
      </c>
      <c r="G17426" s="8">
        <v>350</v>
      </c>
      <c r="H17426" s="5">
        <v>6</v>
      </c>
      <c r="I17426" s="5" t="s">
        <v>1518</v>
      </c>
      <c r="J17426" s="5" t="s">
        <v>36264</v>
      </c>
      <c r="K17426" s="2" t="s">
        <v>36265</v>
      </c>
      <c r="L17426" s="5" t="s">
        <v>36264</v>
      </c>
      <c r="M17426" s="2" t="s">
        <v>36265</v>
      </c>
      <c r="N17426" s="5" t="s">
        <v>36266</v>
      </c>
      <c r="O17426" s="5" t="s">
        <v>38</v>
      </c>
      <c r="P17426" s="5" t="s">
        <v>39</v>
      </c>
      <c r="Q17426" s="5" t="s">
        <v>40</v>
      </c>
      <c r="R17426" s="5" t="s">
        <v>1522</v>
      </c>
      <c r="S17426" s="5" t="s">
        <v>1523</v>
      </c>
      <c r="T17426" s="5" t="s">
        <v>42</v>
      </c>
      <c r="U17426" s="2">
        <v>3.621</v>
      </c>
      <c r="V17426" s="2">
        <v>2.9550000000000001</v>
      </c>
      <c r="W17426" s="2">
        <v>0.02</v>
      </c>
      <c r="X17426" s="2">
        <v>159.1</v>
      </c>
      <c r="Y17426" s="2">
        <v>7.6</v>
      </c>
      <c r="Z17426" s="2">
        <v>16.7</v>
      </c>
      <c r="AA17426" s="5"/>
      <c r="AB17426" s="5" t="s">
        <v>43</v>
      </c>
      <c r="AC17426" s="5" t="s">
        <v>44</v>
      </c>
      <c r="AD17426" s="2"/>
      <c r="AE17426" s="1"/>
    </row>
    <row r="17427" spans="1:31" ht="14.45">
      <c r="A17427" s="11"/>
      <c r="B17427" s="20"/>
      <c r="C17427" s="2" t="s">
        <v>53239</v>
      </c>
      <c r="D17427" s="14" t="s">
        <v>53240</v>
      </c>
      <c r="E17427" s="2" t="s">
        <v>53241</v>
      </c>
      <c r="F17427" s="2" t="s">
        <v>36385</v>
      </c>
      <c r="G17427" s="8">
        <v>350</v>
      </c>
      <c r="H17427" s="5">
        <v>6</v>
      </c>
      <c r="I17427" s="5" t="s">
        <v>1518</v>
      </c>
      <c r="J17427" s="5" t="s">
        <v>36264</v>
      </c>
      <c r="K17427" s="2" t="s">
        <v>36265</v>
      </c>
      <c r="L17427" s="5" t="s">
        <v>36264</v>
      </c>
      <c r="M17427" s="2" t="s">
        <v>36265</v>
      </c>
      <c r="N17427" s="5" t="s">
        <v>36266</v>
      </c>
      <c r="O17427" s="5" t="s">
        <v>38</v>
      </c>
      <c r="P17427" s="5" t="s">
        <v>39</v>
      </c>
      <c r="Q17427" s="5" t="s">
        <v>40</v>
      </c>
      <c r="R17427" s="5" t="s">
        <v>1522</v>
      </c>
      <c r="S17427" s="5" t="s">
        <v>1523</v>
      </c>
      <c r="T17427" s="5" t="s">
        <v>42</v>
      </c>
      <c r="U17427" s="2">
        <v>3.5259999999999998</v>
      </c>
      <c r="V17427" s="2">
        <v>2.86</v>
      </c>
      <c r="W17427" s="2">
        <v>0.02</v>
      </c>
      <c r="X17427" s="2">
        <v>159.1</v>
      </c>
      <c r="Y17427" s="2">
        <v>7.6</v>
      </c>
      <c r="Z17427" s="2">
        <v>16.7</v>
      </c>
      <c r="AA17427" s="5"/>
      <c r="AB17427" s="5" t="s">
        <v>43</v>
      </c>
      <c r="AC17427" s="5" t="s">
        <v>44</v>
      </c>
      <c r="AD17427" s="2"/>
      <c r="AE17427" s="1"/>
    </row>
    <row r="17428" spans="1:31" ht="14.45">
      <c r="A17428" s="11"/>
      <c r="B17428" s="20"/>
      <c r="C17428" s="2" t="s">
        <v>53242</v>
      </c>
      <c r="D17428" s="14" t="s">
        <v>53243</v>
      </c>
      <c r="E17428" s="2" t="s">
        <v>53244</v>
      </c>
      <c r="F17428" s="2" t="s">
        <v>7204</v>
      </c>
      <c r="G17428" s="8">
        <v>338</v>
      </c>
      <c r="H17428" s="5">
        <v>6</v>
      </c>
      <c r="I17428" s="5" t="s">
        <v>1518</v>
      </c>
      <c r="J17428" s="5" t="s">
        <v>36264</v>
      </c>
      <c r="K17428" s="2" t="s">
        <v>36265</v>
      </c>
      <c r="L17428" s="5" t="s">
        <v>36264</v>
      </c>
      <c r="M17428" s="2" t="s">
        <v>36265</v>
      </c>
      <c r="N17428" s="5" t="s">
        <v>36266</v>
      </c>
      <c r="O17428" s="5" t="s">
        <v>38</v>
      </c>
      <c r="P17428" s="5" t="s">
        <v>39</v>
      </c>
      <c r="Q17428" s="5" t="s">
        <v>40</v>
      </c>
      <c r="R17428" s="5" t="s">
        <v>1522</v>
      </c>
      <c r="S17428" s="5" t="s">
        <v>1523</v>
      </c>
      <c r="T17428" s="5" t="s">
        <v>42</v>
      </c>
      <c r="U17428" s="2">
        <v>3.8980000000000001</v>
      </c>
      <c r="V17428" s="2">
        <v>3.2509999999999999</v>
      </c>
      <c r="W17428" s="2">
        <v>0.02</v>
      </c>
      <c r="X17428" s="2">
        <v>159.1</v>
      </c>
      <c r="Y17428" s="2">
        <v>7.6</v>
      </c>
      <c r="Z17428" s="2">
        <v>16.7</v>
      </c>
      <c r="AA17428" s="5"/>
      <c r="AB17428" s="5" t="s">
        <v>43</v>
      </c>
      <c r="AC17428" s="5" t="s">
        <v>44</v>
      </c>
      <c r="AD17428" s="2"/>
      <c r="AE17428" s="1"/>
    </row>
    <row r="17429" spans="1:31" ht="14.45">
      <c r="A17429" s="11"/>
      <c r="B17429" s="20"/>
      <c r="C17429" s="2" t="s">
        <v>53245</v>
      </c>
      <c r="D17429" s="14" t="s">
        <v>53246</v>
      </c>
      <c r="E17429" s="2" t="s">
        <v>53247</v>
      </c>
      <c r="F17429" s="2" t="s">
        <v>7514</v>
      </c>
      <c r="G17429" s="8">
        <v>338</v>
      </c>
      <c r="H17429" s="5">
        <v>6</v>
      </c>
      <c r="I17429" s="5" t="s">
        <v>1518</v>
      </c>
      <c r="J17429" s="5" t="s">
        <v>36264</v>
      </c>
      <c r="K17429" s="2" t="s">
        <v>36265</v>
      </c>
      <c r="L17429" s="5" t="s">
        <v>36264</v>
      </c>
      <c r="M17429" s="2" t="s">
        <v>36265</v>
      </c>
      <c r="N17429" s="5" t="s">
        <v>36266</v>
      </c>
      <c r="O17429" s="5" t="s">
        <v>38</v>
      </c>
      <c r="P17429" s="5" t="s">
        <v>39</v>
      </c>
      <c r="Q17429" s="5" t="s">
        <v>40</v>
      </c>
      <c r="R17429" s="5" t="s">
        <v>1522</v>
      </c>
      <c r="S17429" s="5" t="s">
        <v>1523</v>
      </c>
      <c r="T17429" s="5" t="s">
        <v>42</v>
      </c>
      <c r="U17429" s="2">
        <v>4.0179999999999998</v>
      </c>
      <c r="V17429" s="2">
        <v>3.371</v>
      </c>
      <c r="W17429" s="2">
        <v>0.02</v>
      </c>
      <c r="X17429" s="2">
        <v>159.1</v>
      </c>
      <c r="Y17429" s="2">
        <v>7.6</v>
      </c>
      <c r="Z17429" s="2">
        <v>16.7</v>
      </c>
      <c r="AA17429" s="5"/>
      <c r="AB17429" s="5" t="s">
        <v>43</v>
      </c>
      <c r="AC17429" s="5" t="s">
        <v>44</v>
      </c>
      <c r="AD17429" s="2"/>
      <c r="AE17429" s="1"/>
    </row>
    <row r="17430" spans="1:31" ht="14.45">
      <c r="A17430" s="11"/>
      <c r="B17430" s="20"/>
      <c r="C17430" s="2" t="s">
        <v>53248</v>
      </c>
      <c r="D17430" s="14" t="s">
        <v>53249</v>
      </c>
      <c r="E17430" s="2" t="s">
        <v>53250</v>
      </c>
      <c r="F17430" s="2" t="s">
        <v>36273</v>
      </c>
      <c r="G17430" s="8">
        <v>338</v>
      </c>
      <c r="H17430" s="5">
        <v>6</v>
      </c>
      <c r="I17430" s="5" t="s">
        <v>1518</v>
      </c>
      <c r="J17430" s="5" t="s">
        <v>36264</v>
      </c>
      <c r="K17430" s="2" t="s">
        <v>36265</v>
      </c>
      <c r="L17430" s="5" t="s">
        <v>36264</v>
      </c>
      <c r="M17430" s="2" t="s">
        <v>36265</v>
      </c>
      <c r="N17430" s="5" t="s">
        <v>36266</v>
      </c>
      <c r="O17430" s="5" t="s">
        <v>38</v>
      </c>
      <c r="P17430" s="5" t="s">
        <v>39</v>
      </c>
      <c r="Q17430" s="5" t="s">
        <v>40</v>
      </c>
      <c r="R17430" s="5" t="s">
        <v>1522</v>
      </c>
      <c r="S17430" s="5" t="s">
        <v>1523</v>
      </c>
      <c r="T17430" s="5" t="s">
        <v>42</v>
      </c>
      <c r="U17430" s="2">
        <v>3.8980000000000001</v>
      </c>
      <c r="V17430" s="2">
        <v>3.2509999999999999</v>
      </c>
      <c r="W17430" s="2">
        <v>0.02</v>
      </c>
      <c r="X17430" s="2">
        <v>159.1</v>
      </c>
      <c r="Y17430" s="2">
        <v>7.6</v>
      </c>
      <c r="Z17430" s="2">
        <v>16.7</v>
      </c>
      <c r="AA17430" s="5"/>
      <c r="AB17430" s="5" t="s">
        <v>43</v>
      </c>
      <c r="AC17430" s="5" t="s">
        <v>44</v>
      </c>
      <c r="AD17430" s="2"/>
      <c r="AE17430" s="1"/>
    </row>
    <row r="17431" spans="1:31" ht="14.45">
      <c r="A17431" s="11"/>
      <c r="B17431" s="20"/>
      <c r="C17431" s="2" t="s">
        <v>53251</v>
      </c>
      <c r="D17431" s="14" t="s">
        <v>53252</v>
      </c>
      <c r="E17431" s="2" t="s">
        <v>53253</v>
      </c>
      <c r="F17431" s="2" t="s">
        <v>36277</v>
      </c>
      <c r="G17431" s="8">
        <v>338</v>
      </c>
      <c r="H17431" s="5">
        <v>6</v>
      </c>
      <c r="I17431" s="5" t="s">
        <v>1518</v>
      </c>
      <c r="J17431" s="5" t="s">
        <v>36264</v>
      </c>
      <c r="K17431" s="2" t="s">
        <v>36265</v>
      </c>
      <c r="L17431" s="5" t="s">
        <v>36264</v>
      </c>
      <c r="M17431" s="2" t="s">
        <v>36265</v>
      </c>
      <c r="N17431" s="5" t="s">
        <v>36266</v>
      </c>
      <c r="O17431" s="5" t="s">
        <v>38</v>
      </c>
      <c r="P17431" s="5" t="s">
        <v>39</v>
      </c>
      <c r="Q17431" s="5" t="s">
        <v>40</v>
      </c>
      <c r="R17431" s="5" t="s">
        <v>1522</v>
      </c>
      <c r="S17431" s="5" t="s">
        <v>1523</v>
      </c>
      <c r="T17431" s="5" t="s">
        <v>42</v>
      </c>
      <c r="U17431" s="2">
        <v>4.0179999999999998</v>
      </c>
      <c r="V17431" s="2">
        <v>3.371</v>
      </c>
      <c r="W17431" s="2">
        <v>0.02</v>
      </c>
      <c r="X17431" s="2">
        <v>159.1</v>
      </c>
      <c r="Y17431" s="2">
        <v>7.6</v>
      </c>
      <c r="Z17431" s="2">
        <v>16.7</v>
      </c>
      <c r="AA17431" s="5"/>
      <c r="AB17431" s="5" t="s">
        <v>43</v>
      </c>
      <c r="AC17431" s="5" t="s">
        <v>44</v>
      </c>
      <c r="AD17431" s="2"/>
      <c r="AE17431" s="1"/>
    </row>
    <row r="17432" spans="1:31" ht="14.45">
      <c r="A17432" s="11"/>
      <c r="B17432" s="20"/>
      <c r="C17432" s="2" t="s">
        <v>53254</v>
      </c>
      <c r="D17432" s="14" t="s">
        <v>53255</v>
      </c>
      <c r="E17432" s="2" t="s">
        <v>53256</v>
      </c>
      <c r="F17432" s="2" t="s">
        <v>36281</v>
      </c>
      <c r="G17432" s="8">
        <v>369</v>
      </c>
      <c r="H17432" s="5">
        <v>6</v>
      </c>
      <c r="I17432" s="5" t="s">
        <v>1518</v>
      </c>
      <c r="J17432" s="5" t="s">
        <v>36264</v>
      </c>
      <c r="K17432" s="2" t="s">
        <v>36265</v>
      </c>
      <c r="L17432" s="5" t="s">
        <v>36264</v>
      </c>
      <c r="M17432" s="2" t="s">
        <v>36265</v>
      </c>
      <c r="N17432" s="5" t="s">
        <v>36266</v>
      </c>
      <c r="O17432" s="5" t="s">
        <v>38</v>
      </c>
      <c r="P17432" s="5" t="s">
        <v>39</v>
      </c>
      <c r="Q17432" s="5" t="s">
        <v>40</v>
      </c>
      <c r="R17432" s="5" t="s">
        <v>1522</v>
      </c>
      <c r="S17432" s="5" t="s">
        <v>1523</v>
      </c>
      <c r="T17432" s="5" t="s">
        <v>42</v>
      </c>
      <c r="U17432" s="2">
        <v>3.8980000000000001</v>
      </c>
      <c r="V17432" s="2">
        <v>3.2509999999999999</v>
      </c>
      <c r="W17432" s="2">
        <v>0.02</v>
      </c>
      <c r="X17432" s="2">
        <v>159.1</v>
      </c>
      <c r="Y17432" s="2">
        <v>7.6</v>
      </c>
      <c r="Z17432" s="2">
        <v>16.7</v>
      </c>
      <c r="AA17432" s="5"/>
      <c r="AB17432" s="5" t="s">
        <v>43</v>
      </c>
      <c r="AC17432" s="5" t="s">
        <v>44</v>
      </c>
      <c r="AD17432" s="2"/>
      <c r="AE17432" s="1"/>
    </row>
    <row r="17433" spans="1:31" ht="14.45">
      <c r="A17433" s="11"/>
      <c r="B17433" s="20"/>
      <c r="C17433" s="2" t="s">
        <v>53257</v>
      </c>
      <c r="D17433" s="14" t="s">
        <v>53258</v>
      </c>
      <c r="E17433" s="2" t="s">
        <v>53259</v>
      </c>
      <c r="F17433" s="2" t="s">
        <v>36285</v>
      </c>
      <c r="G17433" s="8">
        <v>369</v>
      </c>
      <c r="H17433" s="5">
        <v>6</v>
      </c>
      <c r="I17433" s="5" t="s">
        <v>1518</v>
      </c>
      <c r="J17433" s="5" t="s">
        <v>36264</v>
      </c>
      <c r="K17433" s="2" t="s">
        <v>36265</v>
      </c>
      <c r="L17433" s="5" t="s">
        <v>36264</v>
      </c>
      <c r="M17433" s="2" t="s">
        <v>36265</v>
      </c>
      <c r="N17433" s="5" t="s">
        <v>36266</v>
      </c>
      <c r="O17433" s="5" t="s">
        <v>38</v>
      </c>
      <c r="P17433" s="5" t="s">
        <v>39</v>
      </c>
      <c r="Q17433" s="5" t="s">
        <v>40</v>
      </c>
      <c r="R17433" s="5" t="s">
        <v>1522</v>
      </c>
      <c r="S17433" s="5" t="s">
        <v>1523</v>
      </c>
      <c r="T17433" s="5" t="s">
        <v>42</v>
      </c>
      <c r="U17433" s="2">
        <v>4.0179999999999998</v>
      </c>
      <c r="V17433" s="2">
        <v>3.371</v>
      </c>
      <c r="W17433" s="2">
        <v>0.02</v>
      </c>
      <c r="X17433" s="2">
        <v>159.1</v>
      </c>
      <c r="Y17433" s="2">
        <v>7.6</v>
      </c>
      <c r="Z17433" s="2">
        <v>16.7</v>
      </c>
      <c r="AA17433" s="5"/>
      <c r="AB17433" s="5" t="s">
        <v>43</v>
      </c>
      <c r="AC17433" s="5" t="s">
        <v>44</v>
      </c>
      <c r="AD17433" s="2"/>
      <c r="AE17433" s="1"/>
    </row>
    <row r="17434" spans="1:31" ht="14.45">
      <c r="A17434" s="11"/>
      <c r="B17434" s="20"/>
      <c r="C17434" s="2" t="s">
        <v>53260</v>
      </c>
      <c r="D17434" s="14" t="s">
        <v>53261</v>
      </c>
      <c r="E17434" s="2" t="s">
        <v>53262</v>
      </c>
      <c r="F17434" s="2" t="s">
        <v>36289</v>
      </c>
      <c r="G17434" s="8">
        <v>369</v>
      </c>
      <c r="H17434" s="5">
        <v>6</v>
      </c>
      <c r="I17434" s="5" t="s">
        <v>1518</v>
      </c>
      <c r="J17434" s="5" t="s">
        <v>36264</v>
      </c>
      <c r="K17434" s="2" t="s">
        <v>36265</v>
      </c>
      <c r="L17434" s="5" t="s">
        <v>36264</v>
      </c>
      <c r="M17434" s="2" t="s">
        <v>36265</v>
      </c>
      <c r="N17434" s="5" t="s">
        <v>36266</v>
      </c>
      <c r="O17434" s="5" t="s">
        <v>38</v>
      </c>
      <c r="P17434" s="5" t="s">
        <v>39</v>
      </c>
      <c r="Q17434" s="5" t="s">
        <v>40</v>
      </c>
      <c r="R17434" s="5" t="s">
        <v>1522</v>
      </c>
      <c r="S17434" s="5" t="s">
        <v>1523</v>
      </c>
      <c r="T17434" s="5" t="s">
        <v>42</v>
      </c>
      <c r="U17434" s="2">
        <v>3.8980000000000001</v>
      </c>
      <c r="V17434" s="2">
        <v>3.2509999999999999</v>
      </c>
      <c r="W17434" s="2">
        <v>0.02</v>
      </c>
      <c r="X17434" s="2">
        <v>159.1</v>
      </c>
      <c r="Y17434" s="2">
        <v>7.6</v>
      </c>
      <c r="Z17434" s="2">
        <v>16.7</v>
      </c>
      <c r="AA17434" s="5"/>
      <c r="AB17434" s="5" t="s">
        <v>43</v>
      </c>
      <c r="AC17434" s="5" t="s">
        <v>44</v>
      </c>
      <c r="AD17434" s="2"/>
      <c r="AE17434" s="1"/>
    </row>
    <row r="17435" spans="1:31" ht="14.45">
      <c r="A17435" s="11"/>
      <c r="B17435" s="20"/>
      <c r="C17435" s="2" t="s">
        <v>53263</v>
      </c>
      <c r="D17435" s="14" t="s">
        <v>53264</v>
      </c>
      <c r="E17435" s="2" t="s">
        <v>53265</v>
      </c>
      <c r="F17435" s="2" t="s">
        <v>36293</v>
      </c>
      <c r="G17435" s="8">
        <v>369</v>
      </c>
      <c r="H17435" s="5">
        <v>6</v>
      </c>
      <c r="I17435" s="5" t="s">
        <v>1518</v>
      </c>
      <c r="J17435" s="5" t="s">
        <v>36264</v>
      </c>
      <c r="K17435" s="2" t="s">
        <v>36265</v>
      </c>
      <c r="L17435" s="5" t="s">
        <v>36264</v>
      </c>
      <c r="M17435" s="2" t="s">
        <v>36265</v>
      </c>
      <c r="N17435" s="5" t="s">
        <v>36266</v>
      </c>
      <c r="O17435" s="5" t="s">
        <v>38</v>
      </c>
      <c r="P17435" s="5" t="s">
        <v>39</v>
      </c>
      <c r="Q17435" s="5" t="s">
        <v>40</v>
      </c>
      <c r="R17435" s="5" t="s">
        <v>1522</v>
      </c>
      <c r="S17435" s="5" t="s">
        <v>1523</v>
      </c>
      <c r="T17435" s="5" t="s">
        <v>42</v>
      </c>
      <c r="U17435" s="2">
        <v>4.0179999999999998</v>
      </c>
      <c r="V17435" s="2">
        <v>3.371</v>
      </c>
      <c r="W17435" s="2">
        <v>0.02</v>
      </c>
      <c r="X17435" s="2">
        <v>159.1</v>
      </c>
      <c r="Y17435" s="2">
        <v>7.6</v>
      </c>
      <c r="Z17435" s="2">
        <v>16.7</v>
      </c>
      <c r="AA17435" s="5"/>
      <c r="AB17435" s="5" t="s">
        <v>43</v>
      </c>
      <c r="AC17435" s="5" t="s">
        <v>44</v>
      </c>
      <c r="AD17435" s="2"/>
      <c r="AE17435" s="1"/>
    </row>
    <row r="17436" spans="1:31" ht="14.45">
      <c r="A17436" s="11"/>
      <c r="B17436" s="20"/>
      <c r="C17436" s="2" t="s">
        <v>53266</v>
      </c>
      <c r="D17436" s="14" t="s">
        <v>53267</v>
      </c>
      <c r="E17436" s="2" t="s">
        <v>53268</v>
      </c>
      <c r="F17436" s="2" t="s">
        <v>36297</v>
      </c>
      <c r="G17436" s="8">
        <v>338</v>
      </c>
      <c r="H17436" s="5">
        <v>6</v>
      </c>
      <c r="I17436" s="5" t="s">
        <v>1518</v>
      </c>
      <c r="J17436" s="5" t="s">
        <v>36264</v>
      </c>
      <c r="K17436" s="2" t="s">
        <v>36265</v>
      </c>
      <c r="L17436" s="5" t="s">
        <v>36264</v>
      </c>
      <c r="M17436" s="2" t="s">
        <v>36265</v>
      </c>
      <c r="N17436" s="5" t="s">
        <v>36266</v>
      </c>
      <c r="O17436" s="5" t="s">
        <v>38</v>
      </c>
      <c r="P17436" s="5" t="s">
        <v>39</v>
      </c>
      <c r="Q17436" s="5" t="s">
        <v>40</v>
      </c>
      <c r="R17436" s="5" t="s">
        <v>1522</v>
      </c>
      <c r="S17436" s="5" t="s">
        <v>1523</v>
      </c>
      <c r="T17436" s="5" t="s">
        <v>42</v>
      </c>
      <c r="U17436" s="2">
        <v>3.8980000000000001</v>
      </c>
      <c r="V17436" s="2">
        <v>3.2509999999999999</v>
      </c>
      <c r="W17436" s="2">
        <v>0.02</v>
      </c>
      <c r="X17436" s="2">
        <v>159.1</v>
      </c>
      <c r="Y17436" s="2">
        <v>7.6</v>
      </c>
      <c r="Z17436" s="2">
        <v>16.7</v>
      </c>
      <c r="AA17436" s="5"/>
      <c r="AB17436" s="5" t="s">
        <v>43</v>
      </c>
      <c r="AC17436" s="5" t="s">
        <v>44</v>
      </c>
      <c r="AD17436" s="2"/>
      <c r="AE17436" s="1"/>
    </row>
    <row r="17437" spans="1:31" ht="14.45">
      <c r="A17437" s="11"/>
      <c r="B17437" s="20"/>
      <c r="C17437" s="2" t="s">
        <v>53269</v>
      </c>
      <c r="D17437" s="14" t="s">
        <v>53270</v>
      </c>
      <c r="E17437" s="2" t="s">
        <v>53271</v>
      </c>
      <c r="F17437" s="2" t="s">
        <v>36305</v>
      </c>
      <c r="G17437" s="8">
        <v>338</v>
      </c>
      <c r="H17437" s="5">
        <v>6</v>
      </c>
      <c r="I17437" s="5" t="s">
        <v>1518</v>
      </c>
      <c r="J17437" s="5" t="s">
        <v>36264</v>
      </c>
      <c r="K17437" s="2" t="s">
        <v>36265</v>
      </c>
      <c r="L17437" s="5" t="s">
        <v>36264</v>
      </c>
      <c r="M17437" s="2" t="s">
        <v>36265</v>
      </c>
      <c r="N17437" s="5" t="s">
        <v>36266</v>
      </c>
      <c r="O17437" s="5" t="s">
        <v>38</v>
      </c>
      <c r="P17437" s="5" t="s">
        <v>39</v>
      </c>
      <c r="Q17437" s="5" t="s">
        <v>40</v>
      </c>
      <c r="R17437" s="5" t="s">
        <v>1522</v>
      </c>
      <c r="S17437" s="5" t="s">
        <v>1523</v>
      </c>
      <c r="T17437" s="5" t="s">
        <v>42</v>
      </c>
      <c r="U17437" s="2">
        <v>3.8980000000000001</v>
      </c>
      <c r="V17437" s="2">
        <v>3.2509999999999999</v>
      </c>
      <c r="W17437" s="2">
        <v>0.02</v>
      </c>
      <c r="X17437" s="2">
        <v>159.1</v>
      </c>
      <c r="Y17437" s="2">
        <v>7.6</v>
      </c>
      <c r="Z17437" s="2">
        <v>16.7</v>
      </c>
      <c r="AA17437" s="5"/>
      <c r="AB17437" s="5" t="s">
        <v>43</v>
      </c>
      <c r="AC17437" s="5" t="s">
        <v>44</v>
      </c>
      <c r="AD17437" s="2"/>
      <c r="AE17437" s="1"/>
    </row>
    <row r="17438" spans="1:31" ht="14.45">
      <c r="A17438" s="11"/>
      <c r="B17438" s="20"/>
      <c r="C17438" s="2" t="s">
        <v>53272</v>
      </c>
      <c r="D17438" s="14" t="s">
        <v>53273</v>
      </c>
      <c r="E17438" s="2" t="s">
        <v>53274</v>
      </c>
      <c r="F17438" s="2" t="s">
        <v>36309</v>
      </c>
      <c r="G17438" s="8">
        <v>338</v>
      </c>
      <c r="H17438" s="5">
        <v>6</v>
      </c>
      <c r="I17438" s="5" t="s">
        <v>1518</v>
      </c>
      <c r="J17438" s="5" t="s">
        <v>36264</v>
      </c>
      <c r="K17438" s="2" t="s">
        <v>36265</v>
      </c>
      <c r="L17438" s="5" t="s">
        <v>36264</v>
      </c>
      <c r="M17438" s="2" t="s">
        <v>36265</v>
      </c>
      <c r="N17438" s="5" t="s">
        <v>36266</v>
      </c>
      <c r="O17438" s="5" t="s">
        <v>38</v>
      </c>
      <c r="P17438" s="5" t="s">
        <v>39</v>
      </c>
      <c r="Q17438" s="5" t="s">
        <v>40</v>
      </c>
      <c r="R17438" s="5" t="s">
        <v>1522</v>
      </c>
      <c r="S17438" s="5" t="s">
        <v>1523</v>
      </c>
      <c r="T17438" s="5" t="s">
        <v>42</v>
      </c>
      <c r="U17438" s="2">
        <v>4.0179999999999998</v>
      </c>
      <c r="V17438" s="2">
        <v>3.371</v>
      </c>
      <c r="W17438" s="2">
        <v>0.02</v>
      </c>
      <c r="X17438" s="2">
        <v>159.1</v>
      </c>
      <c r="Y17438" s="2">
        <v>7.6</v>
      </c>
      <c r="Z17438" s="2">
        <v>16.7</v>
      </c>
      <c r="AA17438" s="5"/>
      <c r="AB17438" s="5" t="s">
        <v>43</v>
      </c>
      <c r="AC17438" s="5" t="s">
        <v>44</v>
      </c>
      <c r="AD17438" s="2"/>
      <c r="AE17438" s="1"/>
    </row>
    <row r="17439" spans="1:31" ht="14.45">
      <c r="A17439" s="11"/>
      <c r="B17439" s="20"/>
      <c r="C17439" s="2" t="s">
        <v>53275</v>
      </c>
      <c r="D17439" s="14" t="s">
        <v>53276</v>
      </c>
      <c r="E17439" s="2" t="s">
        <v>53277</v>
      </c>
      <c r="F17439" s="2" t="s">
        <v>36313</v>
      </c>
      <c r="G17439" s="8">
        <v>369</v>
      </c>
      <c r="H17439" s="5">
        <v>6</v>
      </c>
      <c r="I17439" s="5" t="s">
        <v>1518</v>
      </c>
      <c r="J17439" s="5" t="s">
        <v>36264</v>
      </c>
      <c r="K17439" s="2" t="s">
        <v>36265</v>
      </c>
      <c r="L17439" s="5" t="s">
        <v>36264</v>
      </c>
      <c r="M17439" s="2" t="s">
        <v>36265</v>
      </c>
      <c r="N17439" s="5" t="s">
        <v>36266</v>
      </c>
      <c r="O17439" s="5" t="s">
        <v>38</v>
      </c>
      <c r="P17439" s="5" t="s">
        <v>39</v>
      </c>
      <c r="Q17439" s="5" t="s">
        <v>40</v>
      </c>
      <c r="R17439" s="5" t="s">
        <v>1522</v>
      </c>
      <c r="S17439" s="5" t="s">
        <v>1523</v>
      </c>
      <c r="T17439" s="5" t="s">
        <v>42</v>
      </c>
      <c r="U17439" s="2">
        <v>3.8980000000000001</v>
      </c>
      <c r="V17439" s="2">
        <v>3.2509999999999999</v>
      </c>
      <c r="W17439" s="2">
        <v>0.02</v>
      </c>
      <c r="X17439" s="2">
        <v>159.1</v>
      </c>
      <c r="Y17439" s="2">
        <v>7.6</v>
      </c>
      <c r="Z17439" s="2">
        <v>16.7</v>
      </c>
      <c r="AA17439" s="5"/>
      <c r="AB17439" s="5" t="s">
        <v>43</v>
      </c>
      <c r="AC17439" s="5" t="s">
        <v>44</v>
      </c>
      <c r="AD17439" s="2"/>
      <c r="AE17439" s="1"/>
    </row>
    <row r="17440" spans="1:31" ht="14.45">
      <c r="A17440" s="11"/>
      <c r="B17440" s="20"/>
      <c r="C17440" s="2" t="s">
        <v>53278</v>
      </c>
      <c r="D17440" s="14" t="s">
        <v>53279</v>
      </c>
      <c r="E17440" s="2" t="s">
        <v>53280</v>
      </c>
      <c r="F17440" s="2" t="s">
        <v>36317</v>
      </c>
      <c r="G17440" s="8">
        <v>369</v>
      </c>
      <c r="H17440" s="5">
        <v>6</v>
      </c>
      <c r="I17440" s="5" t="s">
        <v>1518</v>
      </c>
      <c r="J17440" s="5" t="s">
        <v>36264</v>
      </c>
      <c r="K17440" s="2" t="s">
        <v>36265</v>
      </c>
      <c r="L17440" s="5" t="s">
        <v>36264</v>
      </c>
      <c r="M17440" s="2" t="s">
        <v>36265</v>
      </c>
      <c r="N17440" s="5" t="s">
        <v>36266</v>
      </c>
      <c r="O17440" s="5" t="s">
        <v>38</v>
      </c>
      <c r="P17440" s="5" t="s">
        <v>39</v>
      </c>
      <c r="Q17440" s="5" t="s">
        <v>40</v>
      </c>
      <c r="R17440" s="5" t="s">
        <v>1522</v>
      </c>
      <c r="S17440" s="5" t="s">
        <v>1523</v>
      </c>
      <c r="T17440" s="5" t="s">
        <v>42</v>
      </c>
      <c r="U17440" s="2">
        <v>4.0179999999999998</v>
      </c>
      <c r="V17440" s="2">
        <v>3.371</v>
      </c>
      <c r="W17440" s="2">
        <v>0.02</v>
      </c>
      <c r="X17440" s="2">
        <v>159.1</v>
      </c>
      <c r="Y17440" s="2">
        <v>7.6</v>
      </c>
      <c r="Z17440" s="2">
        <v>16.7</v>
      </c>
      <c r="AA17440" s="5"/>
      <c r="AB17440" s="5" t="s">
        <v>43</v>
      </c>
      <c r="AC17440" s="5" t="s">
        <v>44</v>
      </c>
      <c r="AD17440" s="2"/>
      <c r="AE17440" s="1"/>
    </row>
    <row r="17441" spans="1:31" ht="14.45">
      <c r="A17441" s="11"/>
      <c r="B17441" s="20"/>
      <c r="C17441" s="2" t="s">
        <v>53281</v>
      </c>
      <c r="D17441" s="14" t="s">
        <v>53282</v>
      </c>
      <c r="E17441" s="2" t="s">
        <v>53283</v>
      </c>
      <c r="F17441" s="2" t="s">
        <v>36321</v>
      </c>
      <c r="G17441" s="8">
        <v>369</v>
      </c>
      <c r="H17441" s="5">
        <v>6</v>
      </c>
      <c r="I17441" s="5" t="s">
        <v>1518</v>
      </c>
      <c r="J17441" s="5" t="s">
        <v>36264</v>
      </c>
      <c r="K17441" s="2" t="s">
        <v>36265</v>
      </c>
      <c r="L17441" s="5" t="s">
        <v>36264</v>
      </c>
      <c r="M17441" s="2" t="s">
        <v>36265</v>
      </c>
      <c r="N17441" s="5" t="s">
        <v>36266</v>
      </c>
      <c r="O17441" s="5" t="s">
        <v>38</v>
      </c>
      <c r="P17441" s="5" t="s">
        <v>39</v>
      </c>
      <c r="Q17441" s="5" t="s">
        <v>40</v>
      </c>
      <c r="R17441" s="5" t="s">
        <v>1522</v>
      </c>
      <c r="S17441" s="5" t="s">
        <v>1523</v>
      </c>
      <c r="T17441" s="5" t="s">
        <v>42</v>
      </c>
      <c r="U17441" s="2">
        <v>3.8980000000000001</v>
      </c>
      <c r="V17441" s="2">
        <v>3.2509999999999999</v>
      </c>
      <c r="W17441" s="2">
        <v>0.02</v>
      </c>
      <c r="X17441" s="2">
        <v>159.1</v>
      </c>
      <c r="Y17441" s="2">
        <v>7.6</v>
      </c>
      <c r="Z17441" s="2">
        <v>16.7</v>
      </c>
      <c r="AA17441" s="5"/>
      <c r="AB17441" s="5" t="s">
        <v>43</v>
      </c>
      <c r="AC17441" s="5" t="s">
        <v>44</v>
      </c>
      <c r="AD17441" s="2"/>
      <c r="AE17441" s="1"/>
    </row>
    <row r="17442" spans="1:31" ht="14.45">
      <c r="A17442" s="11"/>
      <c r="B17442" s="20"/>
      <c r="C17442" s="2" t="s">
        <v>53284</v>
      </c>
      <c r="D17442" s="14" t="s">
        <v>53285</v>
      </c>
      <c r="E17442" s="2" t="s">
        <v>53286</v>
      </c>
      <c r="F17442" s="2" t="s">
        <v>36325</v>
      </c>
      <c r="G17442" s="8">
        <v>369</v>
      </c>
      <c r="H17442" s="5">
        <v>6</v>
      </c>
      <c r="I17442" s="5" t="s">
        <v>1518</v>
      </c>
      <c r="J17442" s="5" t="s">
        <v>36264</v>
      </c>
      <c r="K17442" s="2" t="s">
        <v>36265</v>
      </c>
      <c r="L17442" s="5" t="s">
        <v>36264</v>
      </c>
      <c r="M17442" s="2" t="s">
        <v>36265</v>
      </c>
      <c r="N17442" s="5" t="s">
        <v>36266</v>
      </c>
      <c r="O17442" s="5" t="s">
        <v>38</v>
      </c>
      <c r="P17442" s="5" t="s">
        <v>39</v>
      </c>
      <c r="Q17442" s="5" t="s">
        <v>40</v>
      </c>
      <c r="R17442" s="5" t="s">
        <v>1522</v>
      </c>
      <c r="S17442" s="5" t="s">
        <v>1523</v>
      </c>
      <c r="T17442" s="5" t="s">
        <v>42</v>
      </c>
      <c r="U17442" s="2">
        <v>4.0179999999999998</v>
      </c>
      <c r="V17442" s="2">
        <v>3.371</v>
      </c>
      <c r="W17442" s="2">
        <v>0.02</v>
      </c>
      <c r="X17442" s="2">
        <v>159.1</v>
      </c>
      <c r="Y17442" s="2">
        <v>7.6</v>
      </c>
      <c r="Z17442" s="2">
        <v>16.7</v>
      </c>
      <c r="AA17442" s="5"/>
      <c r="AB17442" s="5" t="s">
        <v>43</v>
      </c>
      <c r="AC17442" s="5" t="s">
        <v>44</v>
      </c>
      <c r="AD17442" s="2"/>
      <c r="AE17442" s="1"/>
    </row>
    <row r="17443" spans="1:31" ht="14.45">
      <c r="A17443" s="11"/>
      <c r="B17443" s="20"/>
      <c r="C17443" s="2" t="s">
        <v>53287</v>
      </c>
      <c r="D17443" s="14" t="s">
        <v>53288</v>
      </c>
      <c r="E17443" s="2" t="s">
        <v>53289</v>
      </c>
      <c r="F17443" s="2" t="s">
        <v>36329</v>
      </c>
      <c r="G17443" s="8">
        <v>369</v>
      </c>
      <c r="H17443" s="5">
        <v>6</v>
      </c>
      <c r="I17443" s="5" t="s">
        <v>1518</v>
      </c>
      <c r="J17443" s="5" t="s">
        <v>36264</v>
      </c>
      <c r="K17443" s="2" t="s">
        <v>36265</v>
      </c>
      <c r="L17443" s="5" t="s">
        <v>36264</v>
      </c>
      <c r="M17443" s="2" t="s">
        <v>36265</v>
      </c>
      <c r="N17443" s="5" t="s">
        <v>36266</v>
      </c>
      <c r="O17443" s="5" t="s">
        <v>38</v>
      </c>
      <c r="P17443" s="5" t="s">
        <v>39</v>
      </c>
      <c r="Q17443" s="5" t="s">
        <v>40</v>
      </c>
      <c r="R17443" s="5" t="s">
        <v>1522</v>
      </c>
      <c r="S17443" s="5" t="s">
        <v>1523</v>
      </c>
      <c r="T17443" s="5" t="s">
        <v>42</v>
      </c>
      <c r="U17443" s="2">
        <v>3.8980000000000001</v>
      </c>
      <c r="V17443" s="2">
        <v>3.2509999999999999</v>
      </c>
      <c r="W17443" s="2">
        <v>0.02</v>
      </c>
      <c r="X17443" s="2">
        <v>159.1</v>
      </c>
      <c r="Y17443" s="2">
        <v>7.6</v>
      </c>
      <c r="Z17443" s="2">
        <v>16.7</v>
      </c>
      <c r="AA17443" s="5"/>
      <c r="AB17443" s="5" t="s">
        <v>43</v>
      </c>
      <c r="AC17443" s="5" t="s">
        <v>44</v>
      </c>
      <c r="AD17443" s="2"/>
      <c r="AE17443" s="1"/>
    </row>
    <row r="17444" spans="1:31" ht="14.45">
      <c r="A17444" s="11"/>
      <c r="B17444" s="20"/>
      <c r="C17444" s="2" t="s">
        <v>53290</v>
      </c>
      <c r="D17444" s="14" t="s">
        <v>53291</v>
      </c>
      <c r="E17444" s="2" t="s">
        <v>53292</v>
      </c>
      <c r="F17444" s="2" t="s">
        <v>36333</v>
      </c>
      <c r="G17444" s="8">
        <v>369</v>
      </c>
      <c r="H17444" s="5">
        <v>6</v>
      </c>
      <c r="I17444" s="5" t="s">
        <v>1518</v>
      </c>
      <c r="J17444" s="5" t="s">
        <v>36264</v>
      </c>
      <c r="K17444" s="2" t="s">
        <v>36265</v>
      </c>
      <c r="L17444" s="5" t="s">
        <v>36264</v>
      </c>
      <c r="M17444" s="2" t="s">
        <v>36265</v>
      </c>
      <c r="N17444" s="5" t="s">
        <v>36266</v>
      </c>
      <c r="O17444" s="5" t="s">
        <v>38</v>
      </c>
      <c r="P17444" s="5" t="s">
        <v>39</v>
      </c>
      <c r="Q17444" s="5" t="s">
        <v>40</v>
      </c>
      <c r="R17444" s="5" t="s">
        <v>1522</v>
      </c>
      <c r="S17444" s="5" t="s">
        <v>1523</v>
      </c>
      <c r="T17444" s="5" t="s">
        <v>42</v>
      </c>
      <c r="U17444" s="2">
        <v>4.0179999999999998</v>
      </c>
      <c r="V17444" s="2">
        <v>3.371</v>
      </c>
      <c r="W17444" s="2">
        <v>0.02</v>
      </c>
      <c r="X17444" s="2">
        <v>159.1</v>
      </c>
      <c r="Y17444" s="2">
        <v>7.6</v>
      </c>
      <c r="Z17444" s="2">
        <v>16.7</v>
      </c>
      <c r="AA17444" s="5"/>
      <c r="AB17444" s="5" t="s">
        <v>43</v>
      </c>
      <c r="AC17444" s="5" t="s">
        <v>44</v>
      </c>
      <c r="AD17444" s="2"/>
      <c r="AE17444" s="1"/>
    </row>
    <row r="17445" spans="1:31" ht="14.45">
      <c r="A17445" s="11"/>
      <c r="B17445" s="20"/>
      <c r="C17445" s="2" t="s">
        <v>53293</v>
      </c>
      <c r="D17445" s="14" t="s">
        <v>53294</v>
      </c>
      <c r="E17445" s="2" t="s">
        <v>53295</v>
      </c>
      <c r="F17445" s="2" t="s">
        <v>36345</v>
      </c>
      <c r="G17445" s="8">
        <v>369</v>
      </c>
      <c r="H17445" s="5">
        <v>6</v>
      </c>
      <c r="I17445" s="5" t="s">
        <v>1518</v>
      </c>
      <c r="J17445" s="5" t="s">
        <v>36264</v>
      </c>
      <c r="K17445" s="2" t="s">
        <v>36265</v>
      </c>
      <c r="L17445" s="5" t="s">
        <v>36264</v>
      </c>
      <c r="M17445" s="2" t="s">
        <v>36265</v>
      </c>
      <c r="N17445" s="5" t="s">
        <v>36266</v>
      </c>
      <c r="O17445" s="5" t="s">
        <v>38</v>
      </c>
      <c r="P17445" s="5" t="s">
        <v>39</v>
      </c>
      <c r="Q17445" s="5" t="s">
        <v>40</v>
      </c>
      <c r="R17445" s="5" t="s">
        <v>1522</v>
      </c>
      <c r="S17445" s="5" t="s">
        <v>1523</v>
      </c>
      <c r="T17445" s="5" t="s">
        <v>42</v>
      </c>
      <c r="U17445" s="2">
        <v>3.8980000000000001</v>
      </c>
      <c r="V17445" s="2">
        <v>3.2509999999999999</v>
      </c>
      <c r="W17445" s="2">
        <v>0.02</v>
      </c>
      <c r="X17445" s="2">
        <v>159.1</v>
      </c>
      <c r="Y17445" s="2">
        <v>7.6</v>
      </c>
      <c r="Z17445" s="2">
        <v>16.7</v>
      </c>
      <c r="AA17445" s="5"/>
      <c r="AB17445" s="5" t="s">
        <v>43</v>
      </c>
      <c r="AC17445" s="5" t="s">
        <v>44</v>
      </c>
      <c r="AD17445" s="2"/>
      <c r="AE17445" s="1"/>
    </row>
    <row r="17446" spans="1:31" ht="14.45">
      <c r="A17446" s="11"/>
      <c r="B17446" s="20"/>
      <c r="C17446" s="2" t="s">
        <v>53296</v>
      </c>
      <c r="D17446" s="14" t="s">
        <v>53297</v>
      </c>
      <c r="E17446" s="2" t="s">
        <v>53298</v>
      </c>
      <c r="F17446" s="2" t="s">
        <v>36349</v>
      </c>
      <c r="G17446" s="8">
        <v>369</v>
      </c>
      <c r="H17446" s="5">
        <v>6</v>
      </c>
      <c r="I17446" s="5" t="s">
        <v>1518</v>
      </c>
      <c r="J17446" s="5" t="s">
        <v>36264</v>
      </c>
      <c r="K17446" s="2" t="s">
        <v>36265</v>
      </c>
      <c r="L17446" s="5" t="s">
        <v>36264</v>
      </c>
      <c r="M17446" s="2" t="s">
        <v>36265</v>
      </c>
      <c r="N17446" s="5" t="s">
        <v>36266</v>
      </c>
      <c r="O17446" s="5" t="s">
        <v>38</v>
      </c>
      <c r="P17446" s="5" t="s">
        <v>39</v>
      </c>
      <c r="Q17446" s="5" t="s">
        <v>40</v>
      </c>
      <c r="R17446" s="5" t="s">
        <v>1522</v>
      </c>
      <c r="S17446" s="5" t="s">
        <v>1523</v>
      </c>
      <c r="T17446" s="5" t="s">
        <v>42</v>
      </c>
      <c r="U17446" s="2">
        <v>4.0179999999999998</v>
      </c>
      <c r="V17446" s="2">
        <v>3.371</v>
      </c>
      <c r="W17446" s="2">
        <v>0.02</v>
      </c>
      <c r="X17446" s="2">
        <v>159.1</v>
      </c>
      <c r="Y17446" s="2">
        <v>7.6</v>
      </c>
      <c r="Z17446" s="2">
        <v>16.7</v>
      </c>
      <c r="AA17446" s="5"/>
      <c r="AB17446" s="5" t="s">
        <v>43</v>
      </c>
      <c r="AC17446" s="5" t="s">
        <v>44</v>
      </c>
      <c r="AD17446" s="2"/>
      <c r="AE17446" s="1"/>
    </row>
    <row r="17447" spans="1:31" ht="14.45">
      <c r="A17447" s="11"/>
      <c r="B17447" s="20"/>
      <c r="C17447" s="2" t="s">
        <v>53299</v>
      </c>
      <c r="D17447" s="14" t="s">
        <v>53300</v>
      </c>
      <c r="E17447" s="2" t="s">
        <v>53301</v>
      </c>
      <c r="F17447" s="2" t="s">
        <v>36353</v>
      </c>
      <c r="G17447" s="8">
        <v>369</v>
      </c>
      <c r="H17447" s="5">
        <v>6</v>
      </c>
      <c r="I17447" s="5" t="s">
        <v>1518</v>
      </c>
      <c r="J17447" s="5" t="s">
        <v>36264</v>
      </c>
      <c r="K17447" s="2" t="s">
        <v>36265</v>
      </c>
      <c r="L17447" s="5" t="s">
        <v>36264</v>
      </c>
      <c r="M17447" s="2" t="s">
        <v>36265</v>
      </c>
      <c r="N17447" s="5" t="s">
        <v>36266</v>
      </c>
      <c r="O17447" s="5" t="s">
        <v>38</v>
      </c>
      <c r="P17447" s="5" t="s">
        <v>39</v>
      </c>
      <c r="Q17447" s="5" t="s">
        <v>40</v>
      </c>
      <c r="R17447" s="5" t="s">
        <v>1522</v>
      </c>
      <c r="S17447" s="5" t="s">
        <v>1523</v>
      </c>
      <c r="T17447" s="5" t="s">
        <v>42</v>
      </c>
      <c r="U17447" s="2">
        <v>3.8980000000000001</v>
      </c>
      <c r="V17447" s="2">
        <v>3.2509999999999999</v>
      </c>
      <c r="W17447" s="2">
        <v>0.02</v>
      </c>
      <c r="X17447" s="2">
        <v>159.1</v>
      </c>
      <c r="Y17447" s="2">
        <v>7.6</v>
      </c>
      <c r="Z17447" s="2">
        <v>16.7</v>
      </c>
      <c r="AA17447" s="5"/>
      <c r="AB17447" s="5" t="s">
        <v>43</v>
      </c>
      <c r="AC17447" s="5" t="s">
        <v>44</v>
      </c>
      <c r="AD17447" s="2"/>
      <c r="AE17447" s="1"/>
    </row>
    <row r="17448" spans="1:31" ht="14.45">
      <c r="A17448" s="11"/>
      <c r="B17448" s="20"/>
      <c r="C17448" s="2" t="s">
        <v>53302</v>
      </c>
      <c r="D17448" s="14" t="s">
        <v>53303</v>
      </c>
      <c r="E17448" s="2" t="s">
        <v>53304</v>
      </c>
      <c r="F17448" s="2" t="s">
        <v>45598</v>
      </c>
      <c r="G17448" s="8">
        <v>369</v>
      </c>
      <c r="H17448" s="5">
        <v>6</v>
      </c>
      <c r="I17448" s="5" t="s">
        <v>1518</v>
      </c>
      <c r="J17448" s="5" t="s">
        <v>36264</v>
      </c>
      <c r="K17448" s="2" t="s">
        <v>36265</v>
      </c>
      <c r="L17448" s="5" t="s">
        <v>36264</v>
      </c>
      <c r="M17448" s="2" t="s">
        <v>36265</v>
      </c>
      <c r="N17448" s="5" t="s">
        <v>36266</v>
      </c>
      <c r="O17448" s="5" t="s">
        <v>38</v>
      </c>
      <c r="P17448" s="5" t="s">
        <v>39</v>
      </c>
      <c r="Q17448" s="5" t="s">
        <v>40</v>
      </c>
      <c r="R17448" s="5" t="s">
        <v>1522</v>
      </c>
      <c r="S17448" s="5" t="s">
        <v>1523</v>
      </c>
      <c r="T17448" s="5" t="s">
        <v>42</v>
      </c>
      <c r="U17448" s="2">
        <v>3.8980000000000001</v>
      </c>
      <c r="V17448" s="2">
        <v>3.2509999999999999</v>
      </c>
      <c r="W17448" s="2">
        <v>0.02</v>
      </c>
      <c r="X17448" s="2">
        <v>159.1</v>
      </c>
      <c r="Y17448" s="2">
        <v>7.6</v>
      </c>
      <c r="Z17448" s="2">
        <v>16.7</v>
      </c>
      <c r="AA17448" s="5"/>
      <c r="AB17448" s="5" t="s">
        <v>43</v>
      </c>
      <c r="AC17448" s="5" t="s">
        <v>44</v>
      </c>
      <c r="AD17448" s="2"/>
      <c r="AE17448" s="1"/>
    </row>
    <row r="17449" spans="1:31" ht="14.45">
      <c r="A17449" s="11"/>
      <c r="B17449" s="20"/>
      <c r="C17449" s="2" t="s">
        <v>53305</v>
      </c>
      <c r="D17449" s="14" t="s">
        <v>53306</v>
      </c>
      <c r="E17449" s="2" t="s">
        <v>53307</v>
      </c>
      <c r="F17449" s="2" t="s">
        <v>45534</v>
      </c>
      <c r="G17449" s="8">
        <v>369</v>
      </c>
      <c r="H17449" s="5">
        <v>6</v>
      </c>
      <c r="I17449" s="5" t="s">
        <v>1518</v>
      </c>
      <c r="J17449" s="5" t="s">
        <v>36264</v>
      </c>
      <c r="K17449" s="2" t="s">
        <v>36265</v>
      </c>
      <c r="L17449" s="5" t="s">
        <v>36264</v>
      </c>
      <c r="M17449" s="2" t="s">
        <v>36265</v>
      </c>
      <c r="N17449" s="5" t="s">
        <v>36266</v>
      </c>
      <c r="O17449" s="5" t="s">
        <v>38</v>
      </c>
      <c r="P17449" s="5" t="s">
        <v>39</v>
      </c>
      <c r="Q17449" s="5" t="s">
        <v>40</v>
      </c>
      <c r="R17449" s="5" t="s">
        <v>1522</v>
      </c>
      <c r="S17449" s="5" t="s">
        <v>1523</v>
      </c>
      <c r="T17449" s="5" t="s">
        <v>42</v>
      </c>
      <c r="U17449" s="2">
        <v>4.0179999999999998</v>
      </c>
      <c r="V17449" s="2">
        <v>3.371</v>
      </c>
      <c r="W17449" s="2">
        <v>0.02</v>
      </c>
      <c r="X17449" s="2">
        <v>159.1</v>
      </c>
      <c r="Y17449" s="2">
        <v>7.6</v>
      </c>
      <c r="Z17449" s="2">
        <v>16.7</v>
      </c>
      <c r="AA17449" s="5"/>
      <c r="AB17449" s="5" t="s">
        <v>43</v>
      </c>
      <c r="AC17449" s="5" t="s">
        <v>44</v>
      </c>
      <c r="AD17449" s="2"/>
      <c r="AE17449" s="1"/>
    </row>
    <row r="17450" spans="1:31" ht="14.45">
      <c r="A17450" s="11"/>
      <c r="B17450" s="20"/>
      <c r="C17450" s="2" t="s">
        <v>53308</v>
      </c>
      <c r="D17450" s="14" t="s">
        <v>53309</v>
      </c>
      <c r="E17450" s="2" t="s">
        <v>53310</v>
      </c>
      <c r="F17450" s="2" t="s">
        <v>36373</v>
      </c>
      <c r="G17450" s="8">
        <v>369</v>
      </c>
      <c r="H17450" s="5">
        <v>6</v>
      </c>
      <c r="I17450" s="5" t="s">
        <v>1518</v>
      </c>
      <c r="J17450" s="5" t="s">
        <v>36264</v>
      </c>
      <c r="K17450" s="2" t="s">
        <v>36265</v>
      </c>
      <c r="L17450" s="5" t="s">
        <v>36264</v>
      </c>
      <c r="M17450" s="2" t="s">
        <v>36265</v>
      </c>
      <c r="N17450" s="5" t="s">
        <v>36266</v>
      </c>
      <c r="O17450" s="5" t="s">
        <v>38</v>
      </c>
      <c r="P17450" s="5" t="s">
        <v>39</v>
      </c>
      <c r="Q17450" s="5" t="s">
        <v>40</v>
      </c>
      <c r="R17450" s="5" t="s">
        <v>1522</v>
      </c>
      <c r="S17450" s="5" t="s">
        <v>1523</v>
      </c>
      <c r="T17450" s="5" t="s">
        <v>42</v>
      </c>
      <c r="U17450" s="2">
        <v>4.0179999999999998</v>
      </c>
      <c r="V17450" s="2">
        <v>3.371</v>
      </c>
      <c r="W17450" s="2">
        <v>0.02</v>
      </c>
      <c r="X17450" s="2">
        <v>159.1</v>
      </c>
      <c r="Y17450" s="2">
        <v>7.6</v>
      </c>
      <c r="Z17450" s="2">
        <v>16.7</v>
      </c>
      <c r="AA17450" s="5"/>
      <c r="AB17450" s="5" t="s">
        <v>43</v>
      </c>
      <c r="AC17450" s="5" t="s">
        <v>44</v>
      </c>
      <c r="AD17450" s="2"/>
      <c r="AE17450" s="1"/>
    </row>
    <row r="17451" spans="1:31" ht="14.45">
      <c r="A17451" s="11"/>
      <c r="B17451" s="20"/>
      <c r="C17451" s="2" t="s">
        <v>53311</v>
      </c>
      <c r="D17451" s="14" t="s">
        <v>53312</v>
      </c>
      <c r="E17451" s="2" t="s">
        <v>53313</v>
      </c>
      <c r="F17451" s="2" t="s">
        <v>36377</v>
      </c>
      <c r="G17451" s="8">
        <v>369</v>
      </c>
      <c r="H17451" s="5">
        <v>6</v>
      </c>
      <c r="I17451" s="5" t="s">
        <v>1518</v>
      </c>
      <c r="J17451" s="5" t="s">
        <v>36264</v>
      </c>
      <c r="K17451" s="2" t="s">
        <v>36265</v>
      </c>
      <c r="L17451" s="5" t="s">
        <v>36264</v>
      </c>
      <c r="M17451" s="2" t="s">
        <v>36265</v>
      </c>
      <c r="N17451" s="5" t="s">
        <v>36266</v>
      </c>
      <c r="O17451" s="5" t="s">
        <v>38</v>
      </c>
      <c r="P17451" s="5" t="s">
        <v>39</v>
      </c>
      <c r="Q17451" s="5" t="s">
        <v>40</v>
      </c>
      <c r="R17451" s="5" t="s">
        <v>1522</v>
      </c>
      <c r="S17451" s="5" t="s">
        <v>1523</v>
      </c>
      <c r="T17451" s="5" t="s">
        <v>42</v>
      </c>
      <c r="U17451" s="2">
        <v>3.8980000000000001</v>
      </c>
      <c r="V17451" s="2">
        <v>3.2509999999999999</v>
      </c>
      <c r="W17451" s="2">
        <v>0.02</v>
      </c>
      <c r="X17451" s="2">
        <v>159.1</v>
      </c>
      <c r="Y17451" s="2">
        <v>7.6</v>
      </c>
      <c r="Z17451" s="2">
        <v>16.7</v>
      </c>
      <c r="AA17451" s="5"/>
      <c r="AB17451" s="5" t="s">
        <v>43</v>
      </c>
      <c r="AC17451" s="5" t="s">
        <v>44</v>
      </c>
      <c r="AD17451" s="2"/>
      <c r="AE17451" s="1"/>
    </row>
    <row r="17452" spans="1:31" ht="14.45">
      <c r="A17452" s="11"/>
      <c r="B17452" s="20"/>
      <c r="C17452" s="2" t="s">
        <v>53314</v>
      </c>
      <c r="D17452" s="14" t="s">
        <v>53315</v>
      </c>
      <c r="E17452" s="2" t="s">
        <v>53316</v>
      </c>
      <c r="F17452" s="2" t="s">
        <v>36381</v>
      </c>
      <c r="G17452" s="8">
        <v>369</v>
      </c>
      <c r="H17452" s="5">
        <v>6</v>
      </c>
      <c r="I17452" s="5" t="s">
        <v>1518</v>
      </c>
      <c r="J17452" s="5" t="s">
        <v>36264</v>
      </c>
      <c r="K17452" s="2" t="s">
        <v>36265</v>
      </c>
      <c r="L17452" s="5" t="s">
        <v>36264</v>
      </c>
      <c r="M17452" s="2" t="s">
        <v>36265</v>
      </c>
      <c r="N17452" s="5" t="s">
        <v>36266</v>
      </c>
      <c r="O17452" s="5" t="s">
        <v>38</v>
      </c>
      <c r="P17452" s="5" t="s">
        <v>39</v>
      </c>
      <c r="Q17452" s="5" t="s">
        <v>40</v>
      </c>
      <c r="R17452" s="5" t="s">
        <v>1522</v>
      </c>
      <c r="S17452" s="5" t="s">
        <v>1523</v>
      </c>
      <c r="T17452" s="5" t="s">
        <v>42</v>
      </c>
      <c r="U17452" s="2">
        <v>4.0179999999999998</v>
      </c>
      <c r="V17452" s="2">
        <v>3.371</v>
      </c>
      <c r="W17452" s="2">
        <v>0.02</v>
      </c>
      <c r="X17452" s="2">
        <v>159.1</v>
      </c>
      <c r="Y17452" s="2">
        <v>7.6</v>
      </c>
      <c r="Z17452" s="2">
        <v>16.7</v>
      </c>
      <c r="AA17452" s="5"/>
      <c r="AB17452" s="5" t="s">
        <v>43</v>
      </c>
      <c r="AC17452" s="5" t="s">
        <v>44</v>
      </c>
      <c r="AD17452" s="2"/>
      <c r="AE17452" s="1"/>
    </row>
    <row r="17453" spans="1:31" ht="14.45">
      <c r="A17453" s="11"/>
      <c r="B17453" s="20"/>
      <c r="C17453" s="2" t="s">
        <v>53317</v>
      </c>
      <c r="D17453" s="14" t="s">
        <v>53318</v>
      </c>
      <c r="E17453" s="2" t="s">
        <v>53319</v>
      </c>
      <c r="F17453" s="2" t="s">
        <v>36385</v>
      </c>
      <c r="G17453" s="8">
        <v>369</v>
      </c>
      <c r="H17453" s="5">
        <v>6</v>
      </c>
      <c r="I17453" s="5" t="s">
        <v>1518</v>
      </c>
      <c r="J17453" s="5" t="s">
        <v>36264</v>
      </c>
      <c r="K17453" s="2" t="s">
        <v>36265</v>
      </c>
      <c r="L17453" s="5" t="s">
        <v>36264</v>
      </c>
      <c r="M17453" s="2" t="s">
        <v>36265</v>
      </c>
      <c r="N17453" s="5" t="s">
        <v>36266</v>
      </c>
      <c r="O17453" s="5" t="s">
        <v>38</v>
      </c>
      <c r="P17453" s="5" t="s">
        <v>39</v>
      </c>
      <c r="Q17453" s="5" t="s">
        <v>40</v>
      </c>
      <c r="R17453" s="5" t="s">
        <v>1522</v>
      </c>
      <c r="S17453" s="5" t="s">
        <v>1523</v>
      </c>
      <c r="T17453" s="5" t="s">
        <v>42</v>
      </c>
      <c r="U17453" s="2">
        <v>3.8980000000000001</v>
      </c>
      <c r="V17453" s="2">
        <v>3.2509999999999999</v>
      </c>
      <c r="W17453" s="2">
        <v>0.02</v>
      </c>
      <c r="X17453" s="2">
        <v>159.1</v>
      </c>
      <c r="Y17453" s="2">
        <v>7.6</v>
      </c>
      <c r="Z17453" s="2">
        <v>16.7</v>
      </c>
      <c r="AA17453" s="5"/>
      <c r="AB17453" s="5" t="s">
        <v>43</v>
      </c>
      <c r="AC17453" s="5" t="s">
        <v>44</v>
      </c>
      <c r="AD17453" s="2"/>
      <c r="AE17453" s="1"/>
    </row>
    <row r="17454" spans="1:31" ht="14.45">
      <c r="A17454" s="11"/>
      <c r="B17454" s="20"/>
      <c r="C17454" s="2" t="s">
        <v>53320</v>
      </c>
      <c r="D17454" s="14" t="s">
        <v>53321</v>
      </c>
      <c r="E17454" s="2" t="s">
        <v>53322</v>
      </c>
      <c r="F17454" s="2" t="s">
        <v>7204</v>
      </c>
      <c r="G17454" s="8">
        <v>360</v>
      </c>
      <c r="H17454" s="5">
        <v>6</v>
      </c>
      <c r="I17454" s="5" t="s">
        <v>1518</v>
      </c>
      <c r="J17454" s="5" t="s">
        <v>36264</v>
      </c>
      <c r="K17454" s="2" t="s">
        <v>36265</v>
      </c>
      <c r="L17454" s="5" t="s">
        <v>36264</v>
      </c>
      <c r="M17454" s="2" t="s">
        <v>36265</v>
      </c>
      <c r="N17454" s="5" t="s">
        <v>36266</v>
      </c>
      <c r="O17454" s="5" t="s">
        <v>38</v>
      </c>
      <c r="P17454" s="5" t="s">
        <v>39</v>
      </c>
      <c r="Q17454" s="5" t="s">
        <v>40</v>
      </c>
      <c r="R17454" s="5" t="s">
        <v>1522</v>
      </c>
      <c r="S17454" s="5" t="s">
        <v>1523</v>
      </c>
      <c r="T17454" s="5" t="s">
        <v>42</v>
      </c>
      <c r="U17454" s="2">
        <v>4.0839999999999996</v>
      </c>
      <c r="V17454" s="2">
        <v>3.4460000000000002</v>
      </c>
      <c r="W17454" s="2">
        <v>0.02</v>
      </c>
      <c r="X17454" s="2">
        <v>159.1</v>
      </c>
      <c r="Y17454" s="2">
        <v>7.6</v>
      </c>
      <c r="Z17454" s="2">
        <v>16.7</v>
      </c>
      <c r="AA17454" s="5"/>
      <c r="AB17454" s="5" t="s">
        <v>43</v>
      </c>
      <c r="AC17454" s="5" t="s">
        <v>44</v>
      </c>
      <c r="AD17454" s="2"/>
      <c r="AE17454" s="1"/>
    </row>
    <row r="17455" spans="1:31" ht="14.45">
      <c r="A17455" s="11"/>
      <c r="B17455" s="20"/>
      <c r="C17455" s="2" t="s">
        <v>53323</v>
      </c>
      <c r="D17455" s="14" t="s">
        <v>53324</v>
      </c>
      <c r="E17455" s="2" t="s">
        <v>53325</v>
      </c>
      <c r="F17455" s="2" t="s">
        <v>36273</v>
      </c>
      <c r="G17455" s="8">
        <v>360</v>
      </c>
      <c r="H17455" s="5">
        <v>6</v>
      </c>
      <c r="I17455" s="5" t="s">
        <v>1518</v>
      </c>
      <c r="J17455" s="5" t="s">
        <v>36264</v>
      </c>
      <c r="K17455" s="2" t="s">
        <v>36265</v>
      </c>
      <c r="L17455" s="5" t="s">
        <v>36264</v>
      </c>
      <c r="M17455" s="2" t="s">
        <v>36265</v>
      </c>
      <c r="N17455" s="5" t="s">
        <v>36266</v>
      </c>
      <c r="O17455" s="5" t="s">
        <v>38</v>
      </c>
      <c r="P17455" s="5" t="s">
        <v>39</v>
      </c>
      <c r="Q17455" s="5" t="s">
        <v>40</v>
      </c>
      <c r="R17455" s="5" t="s">
        <v>1522</v>
      </c>
      <c r="S17455" s="5" t="s">
        <v>1523</v>
      </c>
      <c r="T17455" s="5" t="s">
        <v>42</v>
      </c>
      <c r="U17455" s="2">
        <v>4.0839999999999996</v>
      </c>
      <c r="V17455" s="2">
        <v>3.4460000000000002</v>
      </c>
      <c r="W17455" s="2">
        <v>0.02</v>
      </c>
      <c r="X17455" s="2">
        <v>159.1</v>
      </c>
      <c r="Y17455" s="2">
        <v>7.6</v>
      </c>
      <c r="Z17455" s="2">
        <v>16.7</v>
      </c>
      <c r="AA17455" s="5"/>
      <c r="AB17455" s="5" t="s">
        <v>43</v>
      </c>
      <c r="AC17455" s="5" t="s">
        <v>44</v>
      </c>
      <c r="AD17455" s="2"/>
      <c r="AE17455" s="1"/>
    </row>
    <row r="17456" spans="1:31" ht="14.45">
      <c r="A17456" s="11"/>
      <c r="B17456" s="20"/>
      <c r="C17456" s="2" t="s">
        <v>53326</v>
      </c>
      <c r="D17456" s="14" t="s">
        <v>53327</v>
      </c>
      <c r="E17456" s="2" t="s">
        <v>53328</v>
      </c>
      <c r="F17456" s="2" t="s">
        <v>36289</v>
      </c>
      <c r="G17456" s="8">
        <v>394</v>
      </c>
      <c r="H17456" s="5">
        <v>6</v>
      </c>
      <c r="I17456" s="5" t="s">
        <v>1518</v>
      </c>
      <c r="J17456" s="5" t="s">
        <v>36264</v>
      </c>
      <c r="K17456" s="2" t="s">
        <v>36265</v>
      </c>
      <c r="L17456" s="5" t="s">
        <v>36264</v>
      </c>
      <c r="M17456" s="2" t="s">
        <v>36265</v>
      </c>
      <c r="N17456" s="5" t="s">
        <v>36266</v>
      </c>
      <c r="O17456" s="5" t="s">
        <v>38</v>
      </c>
      <c r="P17456" s="5" t="s">
        <v>39</v>
      </c>
      <c r="Q17456" s="5" t="s">
        <v>40</v>
      </c>
      <c r="R17456" s="5" t="s">
        <v>1522</v>
      </c>
      <c r="S17456" s="5" t="s">
        <v>1523</v>
      </c>
      <c r="T17456" s="5" t="s">
        <v>42</v>
      </c>
      <c r="U17456" s="2">
        <v>4.0839999999999996</v>
      </c>
      <c r="V17456" s="2">
        <v>3.4460000000000002</v>
      </c>
      <c r="W17456" s="2">
        <v>0.02</v>
      </c>
      <c r="X17456" s="2">
        <v>159.1</v>
      </c>
      <c r="Y17456" s="2">
        <v>7.6</v>
      </c>
      <c r="Z17456" s="2">
        <v>16.7</v>
      </c>
      <c r="AA17456" s="5"/>
      <c r="AB17456" s="5" t="s">
        <v>43</v>
      </c>
      <c r="AC17456" s="5" t="s">
        <v>44</v>
      </c>
      <c r="AD17456" s="2"/>
      <c r="AE17456" s="1"/>
    </row>
    <row r="17457" spans="1:31" ht="14.45">
      <c r="A17457" s="11"/>
      <c r="B17457" s="20"/>
      <c r="C17457" s="2" t="s">
        <v>53329</v>
      </c>
      <c r="D17457" s="14" t="s">
        <v>53330</v>
      </c>
      <c r="E17457" s="2" t="s">
        <v>53331</v>
      </c>
      <c r="F17457" s="2" t="s">
        <v>36305</v>
      </c>
      <c r="G17457" s="8">
        <v>360</v>
      </c>
      <c r="H17457" s="5">
        <v>6</v>
      </c>
      <c r="I17457" s="5" t="s">
        <v>1518</v>
      </c>
      <c r="J17457" s="5" t="s">
        <v>36264</v>
      </c>
      <c r="K17457" s="2" t="s">
        <v>36265</v>
      </c>
      <c r="L17457" s="5" t="s">
        <v>36264</v>
      </c>
      <c r="M17457" s="2" t="s">
        <v>36265</v>
      </c>
      <c r="N17457" s="5" t="s">
        <v>36266</v>
      </c>
      <c r="O17457" s="5" t="s">
        <v>38</v>
      </c>
      <c r="P17457" s="5" t="s">
        <v>39</v>
      </c>
      <c r="Q17457" s="5" t="s">
        <v>40</v>
      </c>
      <c r="R17457" s="5" t="s">
        <v>1522</v>
      </c>
      <c r="S17457" s="5" t="s">
        <v>1523</v>
      </c>
      <c r="T17457" s="5" t="s">
        <v>42</v>
      </c>
      <c r="U17457" s="2">
        <v>4.0839999999999996</v>
      </c>
      <c r="V17457" s="2">
        <v>3.4460000000000002</v>
      </c>
      <c r="W17457" s="2">
        <v>0.02</v>
      </c>
      <c r="X17457" s="2">
        <v>159.1</v>
      </c>
      <c r="Y17457" s="2">
        <v>7.6</v>
      </c>
      <c r="Z17457" s="2">
        <v>16.7</v>
      </c>
      <c r="AA17457" s="5"/>
      <c r="AB17457" s="5" t="s">
        <v>43</v>
      </c>
      <c r="AC17457" s="5" t="s">
        <v>44</v>
      </c>
      <c r="AD17457" s="2"/>
      <c r="AE17457" s="1"/>
    </row>
    <row r="17458" spans="1:31" ht="14.45">
      <c r="A17458" s="11"/>
      <c r="B17458" s="20"/>
      <c r="C17458" s="2" t="s">
        <v>53332</v>
      </c>
      <c r="D17458" s="14" t="s">
        <v>53333</v>
      </c>
      <c r="E17458" s="2" t="s">
        <v>53334</v>
      </c>
      <c r="F17458" s="2" t="s">
        <v>36309</v>
      </c>
      <c r="G17458" s="8">
        <v>360</v>
      </c>
      <c r="H17458" s="5">
        <v>6</v>
      </c>
      <c r="I17458" s="5" t="s">
        <v>1518</v>
      </c>
      <c r="J17458" s="5" t="s">
        <v>36264</v>
      </c>
      <c r="K17458" s="2" t="s">
        <v>36265</v>
      </c>
      <c r="L17458" s="5" t="s">
        <v>36264</v>
      </c>
      <c r="M17458" s="2" t="s">
        <v>36265</v>
      </c>
      <c r="N17458" s="5" t="s">
        <v>36266</v>
      </c>
      <c r="O17458" s="5" t="s">
        <v>38</v>
      </c>
      <c r="P17458" s="5" t="s">
        <v>39</v>
      </c>
      <c r="Q17458" s="5" t="s">
        <v>40</v>
      </c>
      <c r="R17458" s="5" t="s">
        <v>1522</v>
      </c>
      <c r="S17458" s="5" t="s">
        <v>1523</v>
      </c>
      <c r="T17458" s="5" t="s">
        <v>42</v>
      </c>
      <c r="U17458" s="2">
        <v>4.2140000000000004</v>
      </c>
      <c r="V17458" s="2">
        <v>3.5760000000000001</v>
      </c>
      <c r="W17458" s="2">
        <v>0.02</v>
      </c>
      <c r="X17458" s="2">
        <v>159.1</v>
      </c>
      <c r="Y17458" s="2">
        <v>7.6</v>
      </c>
      <c r="Z17458" s="2">
        <v>16.7</v>
      </c>
      <c r="AA17458" s="5"/>
      <c r="AB17458" s="5" t="s">
        <v>43</v>
      </c>
      <c r="AC17458" s="5" t="s">
        <v>44</v>
      </c>
      <c r="AD17458" s="2"/>
      <c r="AE17458" s="1"/>
    </row>
    <row r="17459" spans="1:31" ht="14.45">
      <c r="A17459" s="11"/>
      <c r="B17459" s="20"/>
      <c r="C17459" s="2" t="s">
        <v>53335</v>
      </c>
      <c r="D17459" s="14" t="s">
        <v>53336</v>
      </c>
      <c r="E17459" s="2" t="s">
        <v>53337</v>
      </c>
      <c r="F17459" s="2" t="s">
        <v>36349</v>
      </c>
      <c r="G17459" s="8">
        <v>394</v>
      </c>
      <c r="H17459" s="5">
        <v>6</v>
      </c>
      <c r="I17459" s="5" t="s">
        <v>1518</v>
      </c>
      <c r="J17459" s="5" t="s">
        <v>36264</v>
      </c>
      <c r="K17459" s="2" t="s">
        <v>36265</v>
      </c>
      <c r="L17459" s="5" t="s">
        <v>36264</v>
      </c>
      <c r="M17459" s="2" t="s">
        <v>36265</v>
      </c>
      <c r="N17459" s="5" t="s">
        <v>36266</v>
      </c>
      <c r="O17459" s="5" t="s">
        <v>38</v>
      </c>
      <c r="P17459" s="5" t="s">
        <v>39</v>
      </c>
      <c r="Q17459" s="5" t="s">
        <v>40</v>
      </c>
      <c r="R17459" s="5" t="s">
        <v>1522</v>
      </c>
      <c r="S17459" s="5" t="s">
        <v>1523</v>
      </c>
      <c r="T17459" s="5" t="s">
        <v>42</v>
      </c>
      <c r="U17459" s="2">
        <v>4.2140000000000004</v>
      </c>
      <c r="V17459" s="2">
        <v>3.5760000000000001</v>
      </c>
      <c r="W17459" s="2">
        <v>0.02</v>
      </c>
      <c r="X17459" s="2">
        <v>159.1</v>
      </c>
      <c r="Y17459" s="2">
        <v>7.6</v>
      </c>
      <c r="Z17459" s="2">
        <v>16.7</v>
      </c>
      <c r="AA17459" s="5"/>
      <c r="AB17459" s="5" t="s">
        <v>43</v>
      </c>
      <c r="AC17459" s="5" t="s">
        <v>44</v>
      </c>
      <c r="AD17459" s="2"/>
      <c r="AE17459" s="1"/>
    </row>
    <row r="17460" spans="1:31" ht="14.45">
      <c r="A17460" s="11"/>
      <c r="B17460" s="20"/>
      <c r="C17460" s="2" t="s">
        <v>53338</v>
      </c>
      <c r="D17460" s="14" t="s">
        <v>53339</v>
      </c>
      <c r="E17460" s="2" t="s">
        <v>53340</v>
      </c>
      <c r="F17460" s="2" t="s">
        <v>45598</v>
      </c>
      <c r="G17460" s="8">
        <v>394</v>
      </c>
      <c r="H17460" s="5">
        <v>6</v>
      </c>
      <c r="I17460" s="5" t="s">
        <v>1518</v>
      </c>
      <c r="J17460" s="5" t="s">
        <v>36264</v>
      </c>
      <c r="K17460" s="2" t="s">
        <v>36265</v>
      </c>
      <c r="L17460" s="5" t="s">
        <v>36264</v>
      </c>
      <c r="M17460" s="2" t="s">
        <v>36265</v>
      </c>
      <c r="N17460" s="5" t="s">
        <v>36266</v>
      </c>
      <c r="O17460" s="5" t="s">
        <v>38</v>
      </c>
      <c r="P17460" s="5" t="s">
        <v>39</v>
      </c>
      <c r="Q17460" s="5" t="s">
        <v>40</v>
      </c>
      <c r="R17460" s="5" t="s">
        <v>1522</v>
      </c>
      <c r="S17460" s="5" t="s">
        <v>1523</v>
      </c>
      <c r="T17460" s="5" t="s">
        <v>42</v>
      </c>
      <c r="U17460" s="2">
        <v>4.0839999999999996</v>
      </c>
      <c r="V17460" s="2">
        <v>3.4460000000000002</v>
      </c>
      <c r="W17460" s="2">
        <v>0.02</v>
      </c>
      <c r="X17460" s="2">
        <v>159.1</v>
      </c>
      <c r="Y17460" s="2">
        <v>7.6</v>
      </c>
      <c r="Z17460" s="2">
        <v>16.7</v>
      </c>
      <c r="AA17460" s="5"/>
      <c r="AB17460" s="5" t="s">
        <v>43</v>
      </c>
      <c r="AC17460" s="5" t="s">
        <v>44</v>
      </c>
      <c r="AD17460" s="2"/>
      <c r="AE17460" s="1"/>
    </row>
    <row r="17461" spans="1:31" ht="14.45">
      <c r="A17461" s="11"/>
      <c r="B17461" s="20"/>
      <c r="C17461" s="2" t="s">
        <v>53341</v>
      </c>
      <c r="D17461" s="14" t="s">
        <v>53342</v>
      </c>
      <c r="E17461" s="2" t="s">
        <v>53343</v>
      </c>
      <c r="F17461" s="2" t="s">
        <v>36377</v>
      </c>
      <c r="G17461" s="8">
        <v>394</v>
      </c>
      <c r="H17461" s="5">
        <v>6</v>
      </c>
      <c r="I17461" s="5" t="s">
        <v>1518</v>
      </c>
      <c r="J17461" s="5" t="s">
        <v>36264</v>
      </c>
      <c r="K17461" s="2" t="s">
        <v>36265</v>
      </c>
      <c r="L17461" s="5" t="s">
        <v>36264</v>
      </c>
      <c r="M17461" s="2" t="s">
        <v>36265</v>
      </c>
      <c r="N17461" s="5" t="s">
        <v>36266</v>
      </c>
      <c r="O17461" s="5" t="s">
        <v>38</v>
      </c>
      <c r="P17461" s="5" t="s">
        <v>39</v>
      </c>
      <c r="Q17461" s="5" t="s">
        <v>40</v>
      </c>
      <c r="R17461" s="5" t="s">
        <v>1522</v>
      </c>
      <c r="S17461" s="5" t="s">
        <v>1523</v>
      </c>
      <c r="T17461" s="5" t="s">
        <v>42</v>
      </c>
      <c r="U17461" s="2">
        <v>4.0839999999999996</v>
      </c>
      <c r="V17461" s="2">
        <v>3.4460000000000002</v>
      </c>
      <c r="W17461" s="2">
        <v>0.02</v>
      </c>
      <c r="X17461" s="2">
        <v>159.1</v>
      </c>
      <c r="Y17461" s="2">
        <v>7.6</v>
      </c>
      <c r="Z17461" s="2">
        <v>16.7</v>
      </c>
      <c r="AA17461" s="5"/>
      <c r="AB17461" s="5" t="s">
        <v>43</v>
      </c>
      <c r="AC17461" s="5" t="s">
        <v>44</v>
      </c>
      <c r="AD17461" s="2"/>
      <c r="AE17461" s="1"/>
    </row>
    <row r="17462" spans="1:31" ht="14.45">
      <c r="A17462" s="11"/>
      <c r="B17462" s="20"/>
      <c r="C17462" s="2" t="s">
        <v>53344</v>
      </c>
      <c r="D17462" s="14" t="s">
        <v>53345</v>
      </c>
      <c r="E17462" s="2" t="s">
        <v>53346</v>
      </c>
      <c r="F17462" s="2" t="s">
        <v>36381</v>
      </c>
      <c r="G17462" s="8">
        <v>394</v>
      </c>
      <c r="H17462" s="5">
        <v>6</v>
      </c>
      <c r="I17462" s="5" t="s">
        <v>1518</v>
      </c>
      <c r="J17462" s="5" t="s">
        <v>36264</v>
      </c>
      <c r="K17462" s="2" t="s">
        <v>36265</v>
      </c>
      <c r="L17462" s="5" t="s">
        <v>36264</v>
      </c>
      <c r="M17462" s="2" t="s">
        <v>36265</v>
      </c>
      <c r="N17462" s="5" t="s">
        <v>36266</v>
      </c>
      <c r="O17462" s="5" t="s">
        <v>38</v>
      </c>
      <c r="P17462" s="5" t="s">
        <v>39</v>
      </c>
      <c r="Q17462" s="5" t="s">
        <v>40</v>
      </c>
      <c r="R17462" s="5" t="s">
        <v>1522</v>
      </c>
      <c r="S17462" s="5" t="s">
        <v>1523</v>
      </c>
      <c r="T17462" s="5" t="s">
        <v>42</v>
      </c>
      <c r="U17462" s="2">
        <v>4.2140000000000004</v>
      </c>
      <c r="V17462" s="2">
        <v>3.5760000000000001</v>
      </c>
      <c r="W17462" s="2">
        <v>0.02</v>
      </c>
      <c r="X17462" s="2">
        <v>159.1</v>
      </c>
      <c r="Y17462" s="2">
        <v>7.6</v>
      </c>
      <c r="Z17462" s="2">
        <v>16.7</v>
      </c>
      <c r="AA17462" s="5"/>
      <c r="AB17462" s="5" t="s">
        <v>43</v>
      </c>
      <c r="AC17462" s="5" t="s">
        <v>44</v>
      </c>
      <c r="AD17462" s="2"/>
      <c r="AE17462" s="1"/>
    </row>
    <row r="17463" spans="1:31" ht="14.45">
      <c r="A17463" s="11"/>
      <c r="B17463" s="20"/>
      <c r="C17463" s="2" t="s">
        <v>53347</v>
      </c>
      <c r="D17463" s="14" t="s">
        <v>53348</v>
      </c>
      <c r="E17463" s="2" t="s">
        <v>53349</v>
      </c>
      <c r="F17463" s="2" t="s">
        <v>7514</v>
      </c>
      <c r="G17463" s="8">
        <v>322</v>
      </c>
      <c r="H17463" s="5">
        <v>6</v>
      </c>
      <c r="I17463" s="5" t="s">
        <v>1518</v>
      </c>
      <c r="J17463" s="5" t="s">
        <v>36264</v>
      </c>
      <c r="K17463" s="2" t="s">
        <v>36265</v>
      </c>
      <c r="L17463" s="5" t="s">
        <v>36264</v>
      </c>
      <c r="M17463" s="2" t="s">
        <v>36265</v>
      </c>
      <c r="N17463" s="5" t="s">
        <v>36266</v>
      </c>
      <c r="O17463" s="5" t="s">
        <v>38</v>
      </c>
      <c r="P17463" s="5" t="s">
        <v>39</v>
      </c>
      <c r="Q17463" s="5" t="s">
        <v>40</v>
      </c>
      <c r="R17463" s="5" t="s">
        <v>1522</v>
      </c>
      <c r="S17463" s="5" t="s">
        <v>1523</v>
      </c>
      <c r="T17463" s="5" t="s">
        <v>42</v>
      </c>
      <c r="U17463" s="2">
        <v>3.2850000000000001</v>
      </c>
      <c r="V17463" s="2">
        <v>2.6040000000000001</v>
      </c>
      <c r="W17463" s="2">
        <v>0.02</v>
      </c>
      <c r="X17463" s="2">
        <v>159.1</v>
      </c>
      <c r="Y17463" s="2">
        <v>7.6</v>
      </c>
      <c r="Z17463" s="2">
        <v>16.7</v>
      </c>
      <c r="AA17463" s="5"/>
      <c r="AB17463" s="5" t="s">
        <v>43</v>
      </c>
      <c r="AC17463" s="5" t="s">
        <v>44</v>
      </c>
      <c r="AD17463" s="2"/>
      <c r="AE17463" s="1"/>
    </row>
    <row r="17464" spans="1:31" ht="14.45">
      <c r="A17464" s="11"/>
      <c r="B17464" s="20"/>
      <c r="C17464" s="2" t="s">
        <v>53350</v>
      </c>
      <c r="D17464" s="14" t="s">
        <v>53351</v>
      </c>
      <c r="E17464" s="2" t="s">
        <v>53352</v>
      </c>
      <c r="F17464" s="2" t="s">
        <v>7204</v>
      </c>
      <c r="G17464" s="8">
        <v>322</v>
      </c>
      <c r="H17464" s="5">
        <v>6</v>
      </c>
      <c r="I17464" s="5" t="s">
        <v>1518</v>
      </c>
      <c r="J17464" s="5" t="s">
        <v>36264</v>
      </c>
      <c r="K17464" s="2" t="s">
        <v>36265</v>
      </c>
      <c r="L17464" s="5" t="s">
        <v>36264</v>
      </c>
      <c r="M17464" s="2" t="s">
        <v>36265</v>
      </c>
      <c r="N17464" s="5" t="s">
        <v>36266</v>
      </c>
      <c r="O17464" s="5" t="s">
        <v>38</v>
      </c>
      <c r="P17464" s="5" t="s">
        <v>39</v>
      </c>
      <c r="Q17464" s="5" t="s">
        <v>40</v>
      </c>
      <c r="R17464" s="5" t="s">
        <v>1522</v>
      </c>
      <c r="S17464" s="5" t="s">
        <v>1523</v>
      </c>
      <c r="T17464" s="5" t="s">
        <v>42</v>
      </c>
      <c r="U17464" s="2">
        <v>3.5710000000000002</v>
      </c>
      <c r="V17464" s="2">
        <v>2.907</v>
      </c>
      <c r="W17464" s="2">
        <v>0.02</v>
      </c>
      <c r="X17464" s="2">
        <v>159.1</v>
      </c>
      <c r="Y17464" s="2">
        <v>7.6</v>
      </c>
      <c r="Z17464" s="2">
        <v>16.7</v>
      </c>
      <c r="AA17464" s="5"/>
      <c r="AB17464" s="5" t="s">
        <v>43</v>
      </c>
      <c r="AC17464" s="5" t="s">
        <v>44</v>
      </c>
      <c r="AD17464" s="2"/>
      <c r="AE17464" s="1"/>
    </row>
    <row r="17465" spans="1:31" ht="14.45">
      <c r="A17465" s="11"/>
      <c r="B17465" s="20"/>
      <c r="C17465" s="2" t="s">
        <v>53353</v>
      </c>
      <c r="D17465" s="14" t="s">
        <v>53354</v>
      </c>
      <c r="E17465" s="2" t="s">
        <v>53355</v>
      </c>
      <c r="F17465" s="2" t="s">
        <v>7514</v>
      </c>
      <c r="G17465" s="8">
        <v>322</v>
      </c>
      <c r="H17465" s="5">
        <v>6</v>
      </c>
      <c r="I17465" s="5" t="s">
        <v>1518</v>
      </c>
      <c r="J17465" s="5" t="s">
        <v>36264</v>
      </c>
      <c r="K17465" s="2" t="s">
        <v>36265</v>
      </c>
      <c r="L17465" s="5" t="s">
        <v>36264</v>
      </c>
      <c r="M17465" s="2" t="s">
        <v>36265</v>
      </c>
      <c r="N17465" s="5" t="s">
        <v>36266</v>
      </c>
      <c r="O17465" s="5" t="s">
        <v>38</v>
      </c>
      <c r="P17465" s="5" t="s">
        <v>39</v>
      </c>
      <c r="Q17465" s="5" t="s">
        <v>40</v>
      </c>
      <c r="R17465" s="5" t="s">
        <v>1522</v>
      </c>
      <c r="S17465" s="5" t="s">
        <v>1523</v>
      </c>
      <c r="T17465" s="5" t="s">
        <v>42</v>
      </c>
      <c r="U17465" s="2">
        <v>3.67</v>
      </c>
      <c r="V17465" s="2">
        <v>3.0059999999999998</v>
      </c>
      <c r="W17465" s="2">
        <v>0.02</v>
      </c>
      <c r="X17465" s="2">
        <v>159.1</v>
      </c>
      <c r="Y17465" s="2">
        <v>7.6</v>
      </c>
      <c r="Z17465" s="2">
        <v>16.7</v>
      </c>
      <c r="AA17465" s="5"/>
      <c r="AB17465" s="5" t="s">
        <v>43</v>
      </c>
      <c r="AC17465" s="5" t="s">
        <v>44</v>
      </c>
      <c r="AD17465" s="2"/>
      <c r="AE17465" s="1"/>
    </row>
    <row r="17466" spans="1:31" ht="14.45">
      <c r="A17466" s="11"/>
      <c r="B17466" s="20"/>
      <c r="C17466" s="2" t="s">
        <v>53356</v>
      </c>
      <c r="D17466" s="14" t="s">
        <v>53357</v>
      </c>
      <c r="E17466" s="2" t="s">
        <v>53358</v>
      </c>
      <c r="F17466" s="2" t="s">
        <v>36273</v>
      </c>
      <c r="G17466" s="8">
        <v>322</v>
      </c>
      <c r="H17466" s="5">
        <v>6</v>
      </c>
      <c r="I17466" s="5" t="s">
        <v>1518</v>
      </c>
      <c r="J17466" s="5" t="s">
        <v>36264</v>
      </c>
      <c r="K17466" s="2" t="s">
        <v>36265</v>
      </c>
      <c r="L17466" s="5" t="s">
        <v>36264</v>
      </c>
      <c r="M17466" s="2" t="s">
        <v>36265</v>
      </c>
      <c r="N17466" s="5" t="s">
        <v>36266</v>
      </c>
      <c r="O17466" s="5" t="s">
        <v>38</v>
      </c>
      <c r="P17466" s="5" t="s">
        <v>39</v>
      </c>
      <c r="Q17466" s="5" t="s">
        <v>40</v>
      </c>
      <c r="R17466" s="5" t="s">
        <v>1522</v>
      </c>
      <c r="S17466" s="5" t="s">
        <v>1523</v>
      </c>
      <c r="T17466" s="5" t="s">
        <v>42</v>
      </c>
      <c r="U17466" s="2">
        <v>3.5710000000000002</v>
      </c>
      <c r="V17466" s="2">
        <v>2.907</v>
      </c>
      <c r="W17466" s="2">
        <v>0.02</v>
      </c>
      <c r="X17466" s="2">
        <v>159.1</v>
      </c>
      <c r="Y17466" s="2">
        <v>7.6</v>
      </c>
      <c r="Z17466" s="2">
        <v>16.7</v>
      </c>
      <c r="AA17466" s="5"/>
      <c r="AB17466" s="5" t="s">
        <v>43</v>
      </c>
      <c r="AC17466" s="5" t="s">
        <v>44</v>
      </c>
      <c r="AD17466" s="2"/>
      <c r="AE17466" s="1"/>
    </row>
    <row r="17467" spans="1:31" ht="14.45">
      <c r="A17467" s="11"/>
      <c r="B17467" s="20"/>
      <c r="C17467" s="2" t="s">
        <v>53359</v>
      </c>
      <c r="D17467" s="14" t="s">
        <v>53360</v>
      </c>
      <c r="E17467" s="2" t="s">
        <v>53361</v>
      </c>
      <c r="F17467" s="2" t="s">
        <v>36277</v>
      </c>
      <c r="G17467" s="8">
        <v>322</v>
      </c>
      <c r="H17467" s="5">
        <v>6</v>
      </c>
      <c r="I17467" s="5" t="s">
        <v>1518</v>
      </c>
      <c r="J17467" s="5" t="s">
        <v>36264</v>
      </c>
      <c r="K17467" s="2" t="s">
        <v>36265</v>
      </c>
      <c r="L17467" s="5" t="s">
        <v>36264</v>
      </c>
      <c r="M17467" s="2" t="s">
        <v>36265</v>
      </c>
      <c r="N17467" s="5" t="s">
        <v>36266</v>
      </c>
      <c r="O17467" s="5" t="s">
        <v>38</v>
      </c>
      <c r="P17467" s="5" t="s">
        <v>39</v>
      </c>
      <c r="Q17467" s="5" t="s">
        <v>40</v>
      </c>
      <c r="R17467" s="5" t="s">
        <v>1522</v>
      </c>
      <c r="S17467" s="5" t="s">
        <v>1523</v>
      </c>
      <c r="T17467" s="5" t="s">
        <v>42</v>
      </c>
      <c r="U17467" s="2">
        <v>3.67</v>
      </c>
      <c r="V17467" s="2">
        <v>3.0059999999999998</v>
      </c>
      <c r="W17467" s="2">
        <v>0.02</v>
      </c>
      <c r="X17467" s="2">
        <v>159.1</v>
      </c>
      <c r="Y17467" s="2">
        <v>7.6</v>
      </c>
      <c r="Z17467" s="2">
        <v>16.7</v>
      </c>
      <c r="AA17467" s="5"/>
      <c r="AB17467" s="5" t="s">
        <v>43</v>
      </c>
      <c r="AC17467" s="5" t="s">
        <v>44</v>
      </c>
      <c r="AD17467" s="2"/>
      <c r="AE17467" s="1"/>
    </row>
    <row r="17468" spans="1:31" ht="14.45">
      <c r="A17468" s="11"/>
      <c r="B17468" s="20"/>
      <c r="C17468" s="2" t="s">
        <v>53362</v>
      </c>
      <c r="D17468" s="14" t="s">
        <v>53363</v>
      </c>
      <c r="E17468" s="2" t="s">
        <v>53364</v>
      </c>
      <c r="F17468" s="2" t="s">
        <v>36281</v>
      </c>
      <c r="G17468" s="8">
        <v>350</v>
      </c>
      <c r="H17468" s="5">
        <v>6</v>
      </c>
      <c r="I17468" s="5" t="s">
        <v>1518</v>
      </c>
      <c r="J17468" s="5" t="s">
        <v>36264</v>
      </c>
      <c r="K17468" s="2" t="s">
        <v>36265</v>
      </c>
      <c r="L17468" s="5" t="s">
        <v>36264</v>
      </c>
      <c r="M17468" s="2" t="s">
        <v>36265</v>
      </c>
      <c r="N17468" s="5" t="s">
        <v>36266</v>
      </c>
      <c r="O17468" s="5" t="s">
        <v>38</v>
      </c>
      <c r="P17468" s="5" t="s">
        <v>39</v>
      </c>
      <c r="Q17468" s="5" t="s">
        <v>40</v>
      </c>
      <c r="R17468" s="5" t="s">
        <v>1522</v>
      </c>
      <c r="S17468" s="5" t="s">
        <v>1523</v>
      </c>
      <c r="T17468" s="5" t="s">
        <v>42</v>
      </c>
      <c r="U17468" s="2">
        <v>3.5710000000000002</v>
      </c>
      <c r="V17468" s="2">
        <v>2.907</v>
      </c>
      <c r="W17468" s="2">
        <v>0.02</v>
      </c>
      <c r="X17468" s="2">
        <v>159.1</v>
      </c>
      <c r="Y17468" s="2">
        <v>7.6</v>
      </c>
      <c r="Z17468" s="2">
        <v>16.7</v>
      </c>
      <c r="AA17468" s="5"/>
      <c r="AB17468" s="5" t="s">
        <v>43</v>
      </c>
      <c r="AC17468" s="5" t="s">
        <v>44</v>
      </c>
      <c r="AD17468" s="2"/>
      <c r="AE17468" s="1"/>
    </row>
    <row r="17469" spans="1:31" ht="14.45">
      <c r="A17469" s="11"/>
      <c r="B17469" s="20"/>
      <c r="C17469" s="2" t="s">
        <v>53365</v>
      </c>
      <c r="D17469" s="14" t="s">
        <v>53366</v>
      </c>
      <c r="E17469" s="2" t="s">
        <v>53367</v>
      </c>
      <c r="F17469" s="2" t="s">
        <v>36285</v>
      </c>
      <c r="G17469" s="8">
        <v>350</v>
      </c>
      <c r="H17469" s="5">
        <v>6</v>
      </c>
      <c r="I17469" s="5" t="s">
        <v>1518</v>
      </c>
      <c r="J17469" s="5" t="s">
        <v>36264</v>
      </c>
      <c r="K17469" s="2" t="s">
        <v>36265</v>
      </c>
      <c r="L17469" s="5" t="s">
        <v>36264</v>
      </c>
      <c r="M17469" s="2" t="s">
        <v>36265</v>
      </c>
      <c r="N17469" s="5" t="s">
        <v>36266</v>
      </c>
      <c r="O17469" s="5" t="s">
        <v>38</v>
      </c>
      <c r="P17469" s="5" t="s">
        <v>39</v>
      </c>
      <c r="Q17469" s="5" t="s">
        <v>40</v>
      </c>
      <c r="R17469" s="5" t="s">
        <v>1522</v>
      </c>
      <c r="S17469" s="5" t="s">
        <v>1523</v>
      </c>
      <c r="T17469" s="5" t="s">
        <v>42</v>
      </c>
      <c r="U17469" s="2">
        <v>3.67</v>
      </c>
      <c r="V17469" s="2">
        <v>3.0059999999999998</v>
      </c>
      <c r="W17469" s="2">
        <v>0.02</v>
      </c>
      <c r="X17469" s="2">
        <v>159.1</v>
      </c>
      <c r="Y17469" s="2">
        <v>7.6</v>
      </c>
      <c r="Z17469" s="2">
        <v>16.7</v>
      </c>
      <c r="AA17469" s="5"/>
      <c r="AB17469" s="5" t="s">
        <v>43</v>
      </c>
      <c r="AC17469" s="5" t="s">
        <v>44</v>
      </c>
      <c r="AD17469" s="2"/>
      <c r="AE17469" s="1"/>
    </row>
    <row r="17470" spans="1:31" ht="14.45">
      <c r="A17470" s="11"/>
      <c r="B17470" s="20"/>
      <c r="C17470" s="2" t="s">
        <v>53368</v>
      </c>
      <c r="D17470" s="14" t="s">
        <v>53369</v>
      </c>
      <c r="E17470" s="2" t="s">
        <v>53370</v>
      </c>
      <c r="F17470" s="2" t="s">
        <v>36289</v>
      </c>
      <c r="G17470" s="8">
        <v>350</v>
      </c>
      <c r="H17470" s="5">
        <v>6</v>
      </c>
      <c r="I17470" s="5" t="s">
        <v>1518</v>
      </c>
      <c r="J17470" s="5" t="s">
        <v>36264</v>
      </c>
      <c r="K17470" s="2" t="s">
        <v>36265</v>
      </c>
      <c r="L17470" s="5" t="s">
        <v>36264</v>
      </c>
      <c r="M17470" s="2" t="s">
        <v>36265</v>
      </c>
      <c r="N17470" s="5" t="s">
        <v>36266</v>
      </c>
      <c r="O17470" s="5" t="s">
        <v>38</v>
      </c>
      <c r="P17470" s="5" t="s">
        <v>39</v>
      </c>
      <c r="Q17470" s="5" t="s">
        <v>40</v>
      </c>
      <c r="R17470" s="5" t="s">
        <v>1522</v>
      </c>
      <c r="S17470" s="5" t="s">
        <v>1523</v>
      </c>
      <c r="T17470" s="5" t="s">
        <v>42</v>
      </c>
      <c r="U17470" s="2">
        <v>3.5710000000000002</v>
      </c>
      <c r="V17470" s="2">
        <v>2.907</v>
      </c>
      <c r="W17470" s="2">
        <v>0.02</v>
      </c>
      <c r="X17470" s="2">
        <v>159.1</v>
      </c>
      <c r="Y17470" s="2">
        <v>7.6</v>
      </c>
      <c r="Z17470" s="2">
        <v>16.7</v>
      </c>
      <c r="AA17470" s="5"/>
      <c r="AB17470" s="5" t="s">
        <v>43</v>
      </c>
      <c r="AC17470" s="5" t="s">
        <v>44</v>
      </c>
      <c r="AD17470" s="2"/>
      <c r="AE17470" s="1"/>
    </row>
    <row r="17471" spans="1:31" ht="14.45">
      <c r="A17471" s="11"/>
      <c r="B17471" s="20"/>
      <c r="C17471" s="2" t="s">
        <v>53371</v>
      </c>
      <c r="D17471" s="14" t="s">
        <v>53372</v>
      </c>
      <c r="E17471" s="2" t="s">
        <v>53373</v>
      </c>
      <c r="F17471" s="2" t="s">
        <v>36293</v>
      </c>
      <c r="G17471" s="8">
        <v>350</v>
      </c>
      <c r="H17471" s="5">
        <v>6</v>
      </c>
      <c r="I17471" s="5" t="s">
        <v>1518</v>
      </c>
      <c r="J17471" s="5" t="s">
        <v>36264</v>
      </c>
      <c r="K17471" s="2" t="s">
        <v>36265</v>
      </c>
      <c r="L17471" s="5" t="s">
        <v>36264</v>
      </c>
      <c r="M17471" s="2" t="s">
        <v>36265</v>
      </c>
      <c r="N17471" s="5" t="s">
        <v>36266</v>
      </c>
      <c r="O17471" s="5" t="s">
        <v>38</v>
      </c>
      <c r="P17471" s="5" t="s">
        <v>39</v>
      </c>
      <c r="Q17471" s="5" t="s">
        <v>40</v>
      </c>
      <c r="R17471" s="5" t="s">
        <v>1522</v>
      </c>
      <c r="S17471" s="5" t="s">
        <v>1523</v>
      </c>
      <c r="T17471" s="5" t="s">
        <v>42</v>
      </c>
      <c r="U17471" s="2">
        <v>3.67</v>
      </c>
      <c r="V17471" s="2">
        <v>3.0059999999999998</v>
      </c>
      <c r="W17471" s="2">
        <v>0.02</v>
      </c>
      <c r="X17471" s="2">
        <v>159.1</v>
      </c>
      <c r="Y17471" s="2">
        <v>7.6</v>
      </c>
      <c r="Z17471" s="2">
        <v>16.7</v>
      </c>
      <c r="AA17471" s="5"/>
      <c r="AB17471" s="5" t="s">
        <v>43</v>
      </c>
      <c r="AC17471" s="5" t="s">
        <v>44</v>
      </c>
      <c r="AD17471" s="2"/>
      <c r="AE17471" s="1"/>
    </row>
    <row r="17472" spans="1:31" ht="14.45">
      <c r="A17472" s="11"/>
      <c r="B17472" s="20"/>
      <c r="C17472" s="2" t="s">
        <v>53374</v>
      </c>
      <c r="D17472" s="14" t="s">
        <v>53375</v>
      </c>
      <c r="E17472" s="2" t="s">
        <v>53376</v>
      </c>
      <c r="F17472" s="2" t="s">
        <v>36297</v>
      </c>
      <c r="G17472" s="8">
        <v>322</v>
      </c>
      <c r="H17472" s="5">
        <v>6</v>
      </c>
      <c r="I17472" s="5" t="s">
        <v>1518</v>
      </c>
      <c r="J17472" s="5" t="s">
        <v>36264</v>
      </c>
      <c r="K17472" s="2" t="s">
        <v>36265</v>
      </c>
      <c r="L17472" s="5" t="s">
        <v>36264</v>
      </c>
      <c r="M17472" s="2" t="s">
        <v>36265</v>
      </c>
      <c r="N17472" s="5" t="s">
        <v>36266</v>
      </c>
      <c r="O17472" s="5" t="s">
        <v>38</v>
      </c>
      <c r="P17472" s="5" t="s">
        <v>39</v>
      </c>
      <c r="Q17472" s="5" t="s">
        <v>40</v>
      </c>
      <c r="R17472" s="5" t="s">
        <v>1522</v>
      </c>
      <c r="S17472" s="5" t="s">
        <v>1523</v>
      </c>
      <c r="T17472" s="5" t="s">
        <v>42</v>
      </c>
      <c r="U17472" s="2">
        <v>3.5710000000000002</v>
      </c>
      <c r="V17472" s="2">
        <v>2.907</v>
      </c>
      <c r="W17472" s="2">
        <v>0.02</v>
      </c>
      <c r="X17472" s="2">
        <v>159.1</v>
      </c>
      <c r="Y17472" s="2">
        <v>7.6</v>
      </c>
      <c r="Z17472" s="2">
        <v>16.7</v>
      </c>
      <c r="AA17472" s="5"/>
      <c r="AB17472" s="5" t="s">
        <v>43</v>
      </c>
      <c r="AC17472" s="5" t="s">
        <v>44</v>
      </c>
      <c r="AD17472" s="2"/>
      <c r="AE17472" s="1"/>
    </row>
    <row r="17473" spans="1:31" ht="14.45">
      <c r="A17473" s="11"/>
      <c r="B17473" s="20"/>
      <c r="C17473" s="2" t="s">
        <v>53377</v>
      </c>
      <c r="D17473" s="14" t="s">
        <v>53378</v>
      </c>
      <c r="E17473" s="2" t="s">
        <v>53379</v>
      </c>
      <c r="F17473" s="2" t="s">
        <v>36301</v>
      </c>
      <c r="G17473" s="8">
        <v>322</v>
      </c>
      <c r="H17473" s="5">
        <v>6</v>
      </c>
      <c r="I17473" s="5" t="s">
        <v>1518</v>
      </c>
      <c r="J17473" s="5" t="s">
        <v>36264</v>
      </c>
      <c r="K17473" s="2" t="s">
        <v>36265</v>
      </c>
      <c r="L17473" s="5" t="s">
        <v>36264</v>
      </c>
      <c r="M17473" s="2" t="s">
        <v>36265</v>
      </c>
      <c r="N17473" s="5" t="s">
        <v>36266</v>
      </c>
      <c r="O17473" s="5" t="s">
        <v>38</v>
      </c>
      <c r="P17473" s="5" t="s">
        <v>39</v>
      </c>
      <c r="Q17473" s="5" t="s">
        <v>40</v>
      </c>
      <c r="R17473" s="5" t="s">
        <v>1522</v>
      </c>
      <c r="S17473" s="5" t="s">
        <v>1523</v>
      </c>
      <c r="T17473" s="5" t="s">
        <v>42</v>
      </c>
      <c r="U17473" s="2">
        <v>3.67</v>
      </c>
      <c r="V17473" s="2">
        <v>3.0059999999999998</v>
      </c>
      <c r="W17473" s="2">
        <v>0.02</v>
      </c>
      <c r="X17473" s="2">
        <v>159.1</v>
      </c>
      <c r="Y17473" s="2">
        <v>7.6</v>
      </c>
      <c r="Z17473" s="2">
        <v>16.7</v>
      </c>
      <c r="AA17473" s="5"/>
      <c r="AB17473" s="5" t="s">
        <v>43</v>
      </c>
      <c r="AC17473" s="5" t="s">
        <v>44</v>
      </c>
      <c r="AD17473" s="2"/>
      <c r="AE17473" s="1"/>
    </row>
    <row r="17474" spans="1:31" ht="14.45">
      <c r="A17474" s="11"/>
      <c r="B17474" s="20"/>
      <c r="C17474" s="2" t="s">
        <v>53380</v>
      </c>
      <c r="D17474" s="14" t="s">
        <v>53381</v>
      </c>
      <c r="E17474" s="2" t="s">
        <v>53382</v>
      </c>
      <c r="F17474" s="2" t="s">
        <v>36305</v>
      </c>
      <c r="G17474" s="8">
        <v>322</v>
      </c>
      <c r="H17474" s="5">
        <v>6</v>
      </c>
      <c r="I17474" s="5" t="s">
        <v>1518</v>
      </c>
      <c r="J17474" s="5" t="s">
        <v>36264</v>
      </c>
      <c r="K17474" s="2" t="s">
        <v>36265</v>
      </c>
      <c r="L17474" s="5" t="s">
        <v>36264</v>
      </c>
      <c r="M17474" s="2" t="s">
        <v>36265</v>
      </c>
      <c r="N17474" s="5" t="s">
        <v>36266</v>
      </c>
      <c r="O17474" s="5" t="s">
        <v>38</v>
      </c>
      <c r="P17474" s="5" t="s">
        <v>39</v>
      </c>
      <c r="Q17474" s="5" t="s">
        <v>40</v>
      </c>
      <c r="R17474" s="5" t="s">
        <v>1522</v>
      </c>
      <c r="S17474" s="5" t="s">
        <v>1523</v>
      </c>
      <c r="T17474" s="5" t="s">
        <v>42</v>
      </c>
      <c r="U17474" s="2">
        <v>3.5710000000000002</v>
      </c>
      <c r="V17474" s="2">
        <v>2.907</v>
      </c>
      <c r="W17474" s="2">
        <v>0.02</v>
      </c>
      <c r="X17474" s="2">
        <v>159.1</v>
      </c>
      <c r="Y17474" s="2">
        <v>7.6</v>
      </c>
      <c r="Z17474" s="2">
        <v>16.7</v>
      </c>
      <c r="AA17474" s="5"/>
      <c r="AB17474" s="5" t="s">
        <v>43</v>
      </c>
      <c r="AC17474" s="5" t="s">
        <v>44</v>
      </c>
      <c r="AD17474" s="2"/>
      <c r="AE17474" s="1"/>
    </row>
    <row r="17475" spans="1:31" ht="14.45">
      <c r="A17475" s="11"/>
      <c r="B17475" s="20"/>
      <c r="C17475" s="2" t="s">
        <v>53383</v>
      </c>
      <c r="D17475" s="14" t="s">
        <v>53384</v>
      </c>
      <c r="E17475" s="2" t="s">
        <v>53385</v>
      </c>
      <c r="F17475" s="2" t="s">
        <v>36309</v>
      </c>
      <c r="G17475" s="8">
        <v>322</v>
      </c>
      <c r="H17475" s="5">
        <v>6</v>
      </c>
      <c r="I17475" s="5" t="s">
        <v>1518</v>
      </c>
      <c r="J17475" s="5" t="s">
        <v>36264</v>
      </c>
      <c r="K17475" s="2" t="s">
        <v>36265</v>
      </c>
      <c r="L17475" s="5" t="s">
        <v>36264</v>
      </c>
      <c r="M17475" s="2" t="s">
        <v>36265</v>
      </c>
      <c r="N17475" s="5" t="s">
        <v>36266</v>
      </c>
      <c r="O17475" s="5" t="s">
        <v>38</v>
      </c>
      <c r="P17475" s="5" t="s">
        <v>39</v>
      </c>
      <c r="Q17475" s="5" t="s">
        <v>40</v>
      </c>
      <c r="R17475" s="5" t="s">
        <v>1522</v>
      </c>
      <c r="S17475" s="5" t="s">
        <v>1523</v>
      </c>
      <c r="T17475" s="5" t="s">
        <v>42</v>
      </c>
      <c r="U17475" s="2">
        <v>3.67</v>
      </c>
      <c r="V17475" s="2">
        <v>3.0059999999999998</v>
      </c>
      <c r="W17475" s="2">
        <v>0.02</v>
      </c>
      <c r="X17475" s="2">
        <v>159.1</v>
      </c>
      <c r="Y17475" s="2">
        <v>7.6</v>
      </c>
      <c r="Z17475" s="2">
        <v>16.7</v>
      </c>
      <c r="AA17475" s="5"/>
      <c r="AB17475" s="5" t="s">
        <v>43</v>
      </c>
      <c r="AC17475" s="5" t="s">
        <v>44</v>
      </c>
      <c r="AD17475" s="2"/>
      <c r="AE17475" s="1"/>
    </row>
    <row r="17476" spans="1:31" ht="14.45">
      <c r="A17476" s="11"/>
      <c r="B17476" s="20"/>
      <c r="C17476" s="2" t="s">
        <v>53386</v>
      </c>
      <c r="D17476" s="14" t="s">
        <v>53387</v>
      </c>
      <c r="E17476" s="2" t="s">
        <v>53388</v>
      </c>
      <c r="F17476" s="2" t="s">
        <v>36313</v>
      </c>
      <c r="G17476" s="8">
        <v>350</v>
      </c>
      <c r="H17476" s="5">
        <v>6</v>
      </c>
      <c r="I17476" s="5" t="s">
        <v>1518</v>
      </c>
      <c r="J17476" s="5" t="s">
        <v>36264</v>
      </c>
      <c r="K17476" s="2" t="s">
        <v>36265</v>
      </c>
      <c r="L17476" s="5" t="s">
        <v>36264</v>
      </c>
      <c r="M17476" s="2" t="s">
        <v>36265</v>
      </c>
      <c r="N17476" s="5" t="s">
        <v>36266</v>
      </c>
      <c r="O17476" s="5" t="s">
        <v>38</v>
      </c>
      <c r="P17476" s="5" t="s">
        <v>39</v>
      </c>
      <c r="Q17476" s="5" t="s">
        <v>40</v>
      </c>
      <c r="R17476" s="5" t="s">
        <v>1522</v>
      </c>
      <c r="S17476" s="5" t="s">
        <v>1523</v>
      </c>
      <c r="T17476" s="5" t="s">
        <v>42</v>
      </c>
      <c r="U17476" s="2">
        <v>3.5710000000000002</v>
      </c>
      <c r="V17476" s="2">
        <v>2.907</v>
      </c>
      <c r="W17476" s="2">
        <v>0.02</v>
      </c>
      <c r="X17476" s="2">
        <v>159.1</v>
      </c>
      <c r="Y17476" s="2">
        <v>7.6</v>
      </c>
      <c r="Z17476" s="2">
        <v>16.7</v>
      </c>
      <c r="AA17476" s="5"/>
      <c r="AB17476" s="5" t="s">
        <v>43</v>
      </c>
      <c r="AC17476" s="5" t="s">
        <v>44</v>
      </c>
      <c r="AD17476" s="2"/>
      <c r="AE17476" s="1"/>
    </row>
    <row r="17477" spans="1:31" ht="14.45">
      <c r="A17477" s="11"/>
      <c r="B17477" s="20"/>
      <c r="C17477" s="2" t="s">
        <v>53389</v>
      </c>
      <c r="D17477" s="14" t="s">
        <v>53390</v>
      </c>
      <c r="E17477" s="2" t="s">
        <v>53391</v>
      </c>
      <c r="F17477" s="2" t="s">
        <v>36317</v>
      </c>
      <c r="G17477" s="8">
        <v>350</v>
      </c>
      <c r="H17477" s="5">
        <v>6</v>
      </c>
      <c r="I17477" s="5" t="s">
        <v>1518</v>
      </c>
      <c r="J17477" s="5" t="s">
        <v>36264</v>
      </c>
      <c r="K17477" s="2" t="s">
        <v>36265</v>
      </c>
      <c r="L17477" s="5" t="s">
        <v>36264</v>
      </c>
      <c r="M17477" s="2" t="s">
        <v>36265</v>
      </c>
      <c r="N17477" s="5" t="s">
        <v>36266</v>
      </c>
      <c r="O17477" s="5" t="s">
        <v>38</v>
      </c>
      <c r="P17477" s="5" t="s">
        <v>39</v>
      </c>
      <c r="Q17477" s="5" t="s">
        <v>40</v>
      </c>
      <c r="R17477" s="5" t="s">
        <v>1522</v>
      </c>
      <c r="S17477" s="5" t="s">
        <v>1523</v>
      </c>
      <c r="T17477" s="5" t="s">
        <v>42</v>
      </c>
      <c r="U17477" s="2">
        <v>3.67</v>
      </c>
      <c r="V17477" s="2">
        <v>3.0059999999999998</v>
      </c>
      <c r="W17477" s="2">
        <v>0.02</v>
      </c>
      <c r="X17477" s="2">
        <v>159.1</v>
      </c>
      <c r="Y17477" s="2">
        <v>7.6</v>
      </c>
      <c r="Z17477" s="2">
        <v>16.7</v>
      </c>
      <c r="AA17477" s="5"/>
      <c r="AB17477" s="5" t="s">
        <v>43</v>
      </c>
      <c r="AC17477" s="5" t="s">
        <v>44</v>
      </c>
      <c r="AD17477" s="2"/>
      <c r="AE17477" s="1"/>
    </row>
    <row r="17478" spans="1:31" ht="14.45">
      <c r="A17478" s="11"/>
      <c r="B17478" s="20"/>
      <c r="C17478" s="2" t="s">
        <v>53392</v>
      </c>
      <c r="D17478" s="14" t="s">
        <v>53393</v>
      </c>
      <c r="E17478" s="2" t="s">
        <v>53394</v>
      </c>
      <c r="F17478" s="2" t="s">
        <v>36321</v>
      </c>
      <c r="G17478" s="8">
        <v>350</v>
      </c>
      <c r="H17478" s="5">
        <v>6</v>
      </c>
      <c r="I17478" s="5" t="s">
        <v>1518</v>
      </c>
      <c r="J17478" s="5" t="s">
        <v>36264</v>
      </c>
      <c r="K17478" s="2" t="s">
        <v>36265</v>
      </c>
      <c r="L17478" s="5" t="s">
        <v>36264</v>
      </c>
      <c r="M17478" s="2" t="s">
        <v>36265</v>
      </c>
      <c r="N17478" s="5" t="s">
        <v>36266</v>
      </c>
      <c r="O17478" s="5" t="s">
        <v>38</v>
      </c>
      <c r="P17478" s="5" t="s">
        <v>39</v>
      </c>
      <c r="Q17478" s="5" t="s">
        <v>40</v>
      </c>
      <c r="R17478" s="5" t="s">
        <v>1522</v>
      </c>
      <c r="S17478" s="5" t="s">
        <v>1523</v>
      </c>
      <c r="T17478" s="5" t="s">
        <v>42</v>
      </c>
      <c r="U17478" s="2">
        <v>3.5710000000000002</v>
      </c>
      <c r="V17478" s="2">
        <v>2.907</v>
      </c>
      <c r="W17478" s="2">
        <v>0.02</v>
      </c>
      <c r="X17478" s="2">
        <v>159.1</v>
      </c>
      <c r="Y17478" s="2">
        <v>7.6</v>
      </c>
      <c r="Z17478" s="2">
        <v>16.7</v>
      </c>
      <c r="AA17478" s="5"/>
      <c r="AB17478" s="5" t="s">
        <v>43</v>
      </c>
      <c r="AC17478" s="5" t="s">
        <v>44</v>
      </c>
      <c r="AD17478" s="2"/>
      <c r="AE17478" s="1"/>
    </row>
    <row r="17479" spans="1:31" ht="14.45">
      <c r="A17479" s="11"/>
      <c r="B17479" s="20"/>
      <c r="C17479" s="2" t="s">
        <v>53395</v>
      </c>
      <c r="D17479" s="14" t="s">
        <v>53396</v>
      </c>
      <c r="E17479" s="2" t="s">
        <v>53397</v>
      </c>
      <c r="F17479" s="2" t="s">
        <v>36329</v>
      </c>
      <c r="G17479" s="8">
        <v>350</v>
      </c>
      <c r="H17479" s="5">
        <v>6</v>
      </c>
      <c r="I17479" s="5" t="s">
        <v>1518</v>
      </c>
      <c r="J17479" s="5" t="s">
        <v>36264</v>
      </c>
      <c r="K17479" s="2" t="s">
        <v>36265</v>
      </c>
      <c r="L17479" s="5" t="s">
        <v>36264</v>
      </c>
      <c r="M17479" s="2" t="s">
        <v>36265</v>
      </c>
      <c r="N17479" s="5" t="s">
        <v>36266</v>
      </c>
      <c r="O17479" s="5" t="s">
        <v>38</v>
      </c>
      <c r="P17479" s="5" t="s">
        <v>39</v>
      </c>
      <c r="Q17479" s="5" t="s">
        <v>40</v>
      </c>
      <c r="R17479" s="5" t="s">
        <v>1522</v>
      </c>
      <c r="S17479" s="5" t="s">
        <v>1523</v>
      </c>
      <c r="T17479" s="5" t="s">
        <v>42</v>
      </c>
      <c r="U17479" s="2">
        <v>3.5710000000000002</v>
      </c>
      <c r="V17479" s="2">
        <v>2.907</v>
      </c>
      <c r="W17479" s="2">
        <v>0.02</v>
      </c>
      <c r="X17479" s="2">
        <v>159.1</v>
      </c>
      <c r="Y17479" s="2">
        <v>7.6</v>
      </c>
      <c r="Z17479" s="2">
        <v>16.7</v>
      </c>
      <c r="AA17479" s="5"/>
      <c r="AB17479" s="5" t="s">
        <v>43</v>
      </c>
      <c r="AC17479" s="5" t="s">
        <v>44</v>
      </c>
      <c r="AD17479" s="2"/>
      <c r="AE17479" s="1"/>
    </row>
    <row r="17480" spans="1:31" ht="14.45">
      <c r="A17480" s="11"/>
      <c r="B17480" s="20"/>
      <c r="C17480" s="2" t="s">
        <v>53398</v>
      </c>
      <c r="D17480" s="14" t="s">
        <v>53399</v>
      </c>
      <c r="E17480" s="2" t="s">
        <v>53400</v>
      </c>
      <c r="F17480" s="2" t="s">
        <v>36333</v>
      </c>
      <c r="G17480" s="8">
        <v>350</v>
      </c>
      <c r="H17480" s="5">
        <v>6</v>
      </c>
      <c r="I17480" s="5" t="s">
        <v>1518</v>
      </c>
      <c r="J17480" s="5" t="s">
        <v>36264</v>
      </c>
      <c r="K17480" s="2" t="s">
        <v>36265</v>
      </c>
      <c r="L17480" s="5" t="s">
        <v>36264</v>
      </c>
      <c r="M17480" s="2" t="s">
        <v>36265</v>
      </c>
      <c r="N17480" s="5" t="s">
        <v>36266</v>
      </c>
      <c r="O17480" s="5" t="s">
        <v>38</v>
      </c>
      <c r="P17480" s="5" t="s">
        <v>39</v>
      </c>
      <c r="Q17480" s="5" t="s">
        <v>40</v>
      </c>
      <c r="R17480" s="5" t="s">
        <v>1522</v>
      </c>
      <c r="S17480" s="5" t="s">
        <v>1523</v>
      </c>
      <c r="T17480" s="5" t="s">
        <v>42</v>
      </c>
      <c r="U17480" s="2">
        <v>3.67</v>
      </c>
      <c r="V17480" s="2">
        <v>3.0059999999999998</v>
      </c>
      <c r="W17480" s="2">
        <v>0.02</v>
      </c>
      <c r="X17480" s="2">
        <v>159.1</v>
      </c>
      <c r="Y17480" s="2">
        <v>7.6</v>
      </c>
      <c r="Z17480" s="2">
        <v>16.7</v>
      </c>
      <c r="AA17480" s="5"/>
      <c r="AB17480" s="5" t="s">
        <v>43</v>
      </c>
      <c r="AC17480" s="5" t="s">
        <v>44</v>
      </c>
      <c r="AD17480" s="2"/>
      <c r="AE17480" s="1"/>
    </row>
    <row r="17481" spans="1:31" ht="14.45">
      <c r="A17481" s="11"/>
      <c r="B17481" s="20"/>
      <c r="C17481" s="2" t="s">
        <v>53401</v>
      </c>
      <c r="D17481" s="14" t="s">
        <v>53402</v>
      </c>
      <c r="E17481" s="2" t="s">
        <v>53403</v>
      </c>
      <c r="F17481" s="2" t="s">
        <v>36341</v>
      </c>
      <c r="G17481" s="8">
        <v>350</v>
      </c>
      <c r="H17481" s="5">
        <v>6</v>
      </c>
      <c r="I17481" s="5" t="s">
        <v>1518</v>
      </c>
      <c r="J17481" s="5" t="s">
        <v>36264</v>
      </c>
      <c r="K17481" s="2" t="s">
        <v>36265</v>
      </c>
      <c r="L17481" s="5" t="s">
        <v>36264</v>
      </c>
      <c r="M17481" s="2" t="s">
        <v>36265</v>
      </c>
      <c r="N17481" s="5" t="s">
        <v>36266</v>
      </c>
      <c r="O17481" s="5" t="s">
        <v>38</v>
      </c>
      <c r="P17481" s="5" t="s">
        <v>39</v>
      </c>
      <c r="Q17481" s="5" t="s">
        <v>40</v>
      </c>
      <c r="R17481" s="5" t="s">
        <v>1522</v>
      </c>
      <c r="S17481" s="5" t="s">
        <v>1523</v>
      </c>
      <c r="T17481" s="5" t="s">
        <v>42</v>
      </c>
      <c r="U17481" s="2">
        <v>3.67</v>
      </c>
      <c r="V17481" s="2">
        <v>3.0059999999999998</v>
      </c>
      <c r="W17481" s="2">
        <v>0.02</v>
      </c>
      <c r="X17481" s="2">
        <v>159.1</v>
      </c>
      <c r="Y17481" s="2">
        <v>7.6</v>
      </c>
      <c r="Z17481" s="2">
        <v>16.7</v>
      </c>
      <c r="AA17481" s="5"/>
      <c r="AB17481" s="5" t="s">
        <v>43</v>
      </c>
      <c r="AC17481" s="5" t="s">
        <v>44</v>
      </c>
      <c r="AD17481" s="2"/>
      <c r="AE17481" s="1"/>
    </row>
    <row r="17482" spans="1:31" ht="14.45">
      <c r="A17482" s="11"/>
      <c r="B17482" s="20"/>
      <c r="C17482" s="2" t="s">
        <v>53404</v>
      </c>
      <c r="D17482" s="14" t="s">
        <v>53405</v>
      </c>
      <c r="E17482" s="2" t="s">
        <v>53406</v>
      </c>
      <c r="F17482" s="2" t="s">
        <v>36345</v>
      </c>
      <c r="G17482" s="8">
        <v>350</v>
      </c>
      <c r="H17482" s="5">
        <v>6</v>
      </c>
      <c r="I17482" s="5" t="s">
        <v>1518</v>
      </c>
      <c r="J17482" s="5" t="s">
        <v>36264</v>
      </c>
      <c r="K17482" s="2" t="s">
        <v>36265</v>
      </c>
      <c r="L17482" s="5" t="s">
        <v>36264</v>
      </c>
      <c r="M17482" s="2" t="s">
        <v>36265</v>
      </c>
      <c r="N17482" s="5" t="s">
        <v>36266</v>
      </c>
      <c r="O17482" s="5" t="s">
        <v>38</v>
      </c>
      <c r="P17482" s="5" t="s">
        <v>39</v>
      </c>
      <c r="Q17482" s="5" t="s">
        <v>40</v>
      </c>
      <c r="R17482" s="5" t="s">
        <v>1522</v>
      </c>
      <c r="S17482" s="5" t="s">
        <v>1523</v>
      </c>
      <c r="T17482" s="5" t="s">
        <v>42</v>
      </c>
      <c r="U17482" s="2">
        <v>3.5710000000000002</v>
      </c>
      <c r="V17482" s="2">
        <v>2.907</v>
      </c>
      <c r="W17482" s="2">
        <v>0.02</v>
      </c>
      <c r="X17482" s="2">
        <v>159.1</v>
      </c>
      <c r="Y17482" s="2">
        <v>7.6</v>
      </c>
      <c r="Z17482" s="2">
        <v>16.7</v>
      </c>
      <c r="AA17482" s="5"/>
      <c r="AB17482" s="5" t="s">
        <v>43</v>
      </c>
      <c r="AC17482" s="5" t="s">
        <v>44</v>
      </c>
      <c r="AD17482" s="2"/>
      <c r="AE17482" s="1"/>
    </row>
    <row r="17483" spans="1:31" ht="14.45">
      <c r="A17483" s="11"/>
      <c r="B17483" s="20"/>
      <c r="C17483" s="2" t="s">
        <v>53407</v>
      </c>
      <c r="D17483" s="14" t="s">
        <v>53408</v>
      </c>
      <c r="E17483" s="2" t="s">
        <v>53409</v>
      </c>
      <c r="F17483" s="2" t="s">
        <v>36349</v>
      </c>
      <c r="G17483" s="8">
        <v>350</v>
      </c>
      <c r="H17483" s="5">
        <v>6</v>
      </c>
      <c r="I17483" s="5" t="s">
        <v>1518</v>
      </c>
      <c r="J17483" s="5" t="s">
        <v>36264</v>
      </c>
      <c r="K17483" s="2" t="s">
        <v>36265</v>
      </c>
      <c r="L17483" s="5" t="s">
        <v>36264</v>
      </c>
      <c r="M17483" s="2" t="s">
        <v>36265</v>
      </c>
      <c r="N17483" s="5" t="s">
        <v>36266</v>
      </c>
      <c r="O17483" s="5" t="s">
        <v>38</v>
      </c>
      <c r="P17483" s="5" t="s">
        <v>39</v>
      </c>
      <c r="Q17483" s="5" t="s">
        <v>40</v>
      </c>
      <c r="R17483" s="5" t="s">
        <v>1522</v>
      </c>
      <c r="S17483" s="5" t="s">
        <v>1523</v>
      </c>
      <c r="T17483" s="5" t="s">
        <v>42</v>
      </c>
      <c r="U17483" s="2">
        <v>3.67</v>
      </c>
      <c r="V17483" s="2">
        <v>3.0059999999999998</v>
      </c>
      <c r="W17483" s="2">
        <v>0.02</v>
      </c>
      <c r="X17483" s="2">
        <v>159.1</v>
      </c>
      <c r="Y17483" s="2">
        <v>7.6</v>
      </c>
      <c r="Z17483" s="2">
        <v>16.7</v>
      </c>
      <c r="AA17483" s="5"/>
      <c r="AB17483" s="5" t="s">
        <v>43</v>
      </c>
      <c r="AC17483" s="5" t="s">
        <v>44</v>
      </c>
      <c r="AD17483" s="2"/>
      <c r="AE17483" s="1"/>
    </row>
    <row r="17484" spans="1:31" ht="14.45">
      <c r="A17484" s="11"/>
      <c r="B17484" s="20"/>
      <c r="C17484" s="2" t="s">
        <v>53410</v>
      </c>
      <c r="D17484" s="14" t="s">
        <v>53411</v>
      </c>
      <c r="E17484" s="2" t="s">
        <v>53412</v>
      </c>
      <c r="F17484" s="2" t="s">
        <v>36353</v>
      </c>
      <c r="G17484" s="8">
        <v>350</v>
      </c>
      <c r="H17484" s="5">
        <v>6</v>
      </c>
      <c r="I17484" s="5" t="s">
        <v>1518</v>
      </c>
      <c r="J17484" s="5" t="s">
        <v>36264</v>
      </c>
      <c r="K17484" s="2" t="s">
        <v>36265</v>
      </c>
      <c r="L17484" s="5" t="s">
        <v>36264</v>
      </c>
      <c r="M17484" s="2" t="s">
        <v>36265</v>
      </c>
      <c r="N17484" s="5" t="s">
        <v>36266</v>
      </c>
      <c r="O17484" s="5" t="s">
        <v>38</v>
      </c>
      <c r="P17484" s="5" t="s">
        <v>39</v>
      </c>
      <c r="Q17484" s="5" t="s">
        <v>40</v>
      </c>
      <c r="R17484" s="5" t="s">
        <v>1522</v>
      </c>
      <c r="S17484" s="5" t="s">
        <v>1523</v>
      </c>
      <c r="T17484" s="5" t="s">
        <v>42</v>
      </c>
      <c r="U17484" s="2">
        <v>3.5710000000000002</v>
      </c>
      <c r="V17484" s="2">
        <v>2.907</v>
      </c>
      <c r="W17484" s="2">
        <v>0.02</v>
      </c>
      <c r="X17484" s="2">
        <v>159.1</v>
      </c>
      <c r="Y17484" s="2">
        <v>7.6</v>
      </c>
      <c r="Z17484" s="2">
        <v>16.7</v>
      </c>
      <c r="AA17484" s="5"/>
      <c r="AB17484" s="5" t="s">
        <v>43</v>
      </c>
      <c r="AC17484" s="5" t="s">
        <v>44</v>
      </c>
      <c r="AD17484" s="2"/>
      <c r="AE17484" s="1"/>
    </row>
    <row r="17485" spans="1:31" ht="14.45">
      <c r="A17485" s="11"/>
      <c r="B17485" s="20"/>
      <c r="C17485" s="2" t="s">
        <v>53413</v>
      </c>
      <c r="D17485" s="14" t="s">
        <v>53414</v>
      </c>
      <c r="E17485" s="2" t="s">
        <v>53415</v>
      </c>
      <c r="F17485" s="2" t="s">
        <v>36357</v>
      </c>
      <c r="G17485" s="8">
        <v>350</v>
      </c>
      <c r="H17485" s="5">
        <v>6</v>
      </c>
      <c r="I17485" s="5" t="s">
        <v>1518</v>
      </c>
      <c r="J17485" s="5" t="s">
        <v>36264</v>
      </c>
      <c r="K17485" s="2" t="s">
        <v>36265</v>
      </c>
      <c r="L17485" s="5" t="s">
        <v>36264</v>
      </c>
      <c r="M17485" s="2" t="s">
        <v>36265</v>
      </c>
      <c r="N17485" s="5" t="s">
        <v>36266</v>
      </c>
      <c r="O17485" s="5" t="s">
        <v>38</v>
      </c>
      <c r="P17485" s="5" t="s">
        <v>39</v>
      </c>
      <c r="Q17485" s="5" t="s">
        <v>40</v>
      </c>
      <c r="R17485" s="5" t="s">
        <v>1522</v>
      </c>
      <c r="S17485" s="5" t="s">
        <v>1523</v>
      </c>
      <c r="T17485" s="5" t="s">
        <v>42</v>
      </c>
      <c r="U17485" s="2">
        <v>3.67</v>
      </c>
      <c r="V17485" s="2">
        <v>3.0059999999999998</v>
      </c>
      <c r="W17485" s="2">
        <v>0.02</v>
      </c>
      <c r="X17485" s="2">
        <v>159.1</v>
      </c>
      <c r="Y17485" s="2">
        <v>7.6</v>
      </c>
      <c r="Z17485" s="2">
        <v>16.7</v>
      </c>
      <c r="AA17485" s="5"/>
      <c r="AB17485" s="5" t="s">
        <v>43</v>
      </c>
      <c r="AC17485" s="5" t="s">
        <v>44</v>
      </c>
      <c r="AD17485" s="2"/>
      <c r="AE17485" s="1"/>
    </row>
    <row r="17486" spans="1:31" ht="14.45">
      <c r="A17486" s="11"/>
      <c r="B17486" s="20"/>
      <c r="C17486" s="2" t="s">
        <v>53416</v>
      </c>
      <c r="D17486" s="14" t="s">
        <v>53417</v>
      </c>
      <c r="E17486" s="2" t="s">
        <v>53418</v>
      </c>
      <c r="F17486" s="2" t="s">
        <v>45598</v>
      </c>
      <c r="G17486" s="8">
        <v>350</v>
      </c>
      <c r="H17486" s="5">
        <v>6</v>
      </c>
      <c r="I17486" s="5" t="s">
        <v>1518</v>
      </c>
      <c r="J17486" s="5" t="s">
        <v>36264</v>
      </c>
      <c r="K17486" s="2" t="s">
        <v>36265</v>
      </c>
      <c r="L17486" s="5" t="s">
        <v>36264</v>
      </c>
      <c r="M17486" s="2" t="s">
        <v>36265</v>
      </c>
      <c r="N17486" s="5" t="s">
        <v>36266</v>
      </c>
      <c r="O17486" s="5" t="s">
        <v>38</v>
      </c>
      <c r="P17486" s="5" t="s">
        <v>39</v>
      </c>
      <c r="Q17486" s="5" t="s">
        <v>40</v>
      </c>
      <c r="R17486" s="5" t="s">
        <v>1522</v>
      </c>
      <c r="S17486" s="5" t="s">
        <v>1523</v>
      </c>
      <c r="T17486" s="5" t="s">
        <v>42</v>
      </c>
      <c r="U17486" s="2">
        <v>3.5710000000000002</v>
      </c>
      <c r="V17486" s="2">
        <v>2.907</v>
      </c>
      <c r="W17486" s="2">
        <v>0.02</v>
      </c>
      <c r="X17486" s="2">
        <v>159.1</v>
      </c>
      <c r="Y17486" s="2">
        <v>7.6</v>
      </c>
      <c r="Z17486" s="2">
        <v>16.7</v>
      </c>
      <c r="AA17486" s="5"/>
      <c r="AB17486" s="5" t="s">
        <v>43</v>
      </c>
      <c r="AC17486" s="5" t="s">
        <v>44</v>
      </c>
      <c r="AD17486" s="2"/>
      <c r="AE17486" s="1"/>
    </row>
    <row r="17487" spans="1:31" ht="14.45">
      <c r="A17487" s="11"/>
      <c r="B17487" s="20"/>
      <c r="C17487" s="2" t="s">
        <v>53419</v>
      </c>
      <c r="D17487" s="14" t="s">
        <v>53420</v>
      </c>
      <c r="E17487" s="2" t="s">
        <v>53421</v>
      </c>
      <c r="F17487" s="2" t="s">
        <v>45534</v>
      </c>
      <c r="G17487" s="8">
        <v>350</v>
      </c>
      <c r="H17487" s="5">
        <v>6</v>
      </c>
      <c r="I17487" s="5" t="s">
        <v>1518</v>
      </c>
      <c r="J17487" s="5" t="s">
        <v>36264</v>
      </c>
      <c r="K17487" s="2" t="s">
        <v>36265</v>
      </c>
      <c r="L17487" s="5" t="s">
        <v>36264</v>
      </c>
      <c r="M17487" s="2" t="s">
        <v>36265</v>
      </c>
      <c r="N17487" s="5" t="s">
        <v>36266</v>
      </c>
      <c r="O17487" s="5" t="s">
        <v>38</v>
      </c>
      <c r="P17487" s="5" t="s">
        <v>39</v>
      </c>
      <c r="Q17487" s="5" t="s">
        <v>40</v>
      </c>
      <c r="R17487" s="5" t="s">
        <v>1522</v>
      </c>
      <c r="S17487" s="5" t="s">
        <v>1523</v>
      </c>
      <c r="T17487" s="5" t="s">
        <v>42</v>
      </c>
      <c r="U17487" s="2">
        <v>3.67</v>
      </c>
      <c r="V17487" s="2">
        <v>3.0059999999999998</v>
      </c>
      <c r="W17487" s="2">
        <v>0.02</v>
      </c>
      <c r="X17487" s="2">
        <v>159.1</v>
      </c>
      <c r="Y17487" s="2">
        <v>7.6</v>
      </c>
      <c r="Z17487" s="2">
        <v>16.7</v>
      </c>
      <c r="AA17487" s="5"/>
      <c r="AB17487" s="5" t="s">
        <v>43</v>
      </c>
      <c r="AC17487" s="5" t="s">
        <v>44</v>
      </c>
      <c r="AD17487" s="2"/>
      <c r="AE17487" s="1"/>
    </row>
    <row r="17488" spans="1:31" ht="14.45">
      <c r="A17488" s="11"/>
      <c r="B17488" s="20"/>
      <c r="C17488" s="2" t="s">
        <v>53422</v>
      </c>
      <c r="D17488" s="14" t="s">
        <v>53423</v>
      </c>
      <c r="E17488" s="2" t="s">
        <v>53424</v>
      </c>
      <c r="F17488" s="2" t="s">
        <v>36369</v>
      </c>
      <c r="G17488" s="8">
        <v>350</v>
      </c>
      <c r="H17488" s="5">
        <v>6</v>
      </c>
      <c r="I17488" s="5" t="s">
        <v>1518</v>
      </c>
      <c r="J17488" s="5" t="s">
        <v>36264</v>
      </c>
      <c r="K17488" s="2" t="s">
        <v>36265</v>
      </c>
      <c r="L17488" s="5" t="s">
        <v>36264</v>
      </c>
      <c r="M17488" s="2" t="s">
        <v>36265</v>
      </c>
      <c r="N17488" s="5" t="s">
        <v>36266</v>
      </c>
      <c r="O17488" s="5" t="s">
        <v>38</v>
      </c>
      <c r="P17488" s="5" t="s">
        <v>39</v>
      </c>
      <c r="Q17488" s="5" t="s">
        <v>40</v>
      </c>
      <c r="R17488" s="5" t="s">
        <v>1522</v>
      </c>
      <c r="S17488" s="5" t="s">
        <v>1523</v>
      </c>
      <c r="T17488" s="5" t="s">
        <v>42</v>
      </c>
      <c r="U17488" s="2">
        <v>3.5710000000000002</v>
      </c>
      <c r="V17488" s="2">
        <v>2.907</v>
      </c>
      <c r="W17488" s="2">
        <v>0.02</v>
      </c>
      <c r="X17488" s="2">
        <v>159.1</v>
      </c>
      <c r="Y17488" s="2">
        <v>7.6</v>
      </c>
      <c r="Z17488" s="2">
        <v>16.7</v>
      </c>
      <c r="AA17488" s="5"/>
      <c r="AB17488" s="5" t="s">
        <v>43</v>
      </c>
      <c r="AC17488" s="5" t="s">
        <v>44</v>
      </c>
      <c r="AD17488" s="2"/>
      <c r="AE17488" s="1"/>
    </row>
    <row r="17489" spans="1:31" ht="14.45">
      <c r="A17489" s="11"/>
      <c r="B17489" s="20"/>
      <c r="C17489" s="2" t="s">
        <v>53425</v>
      </c>
      <c r="D17489" s="14" t="s">
        <v>53426</v>
      </c>
      <c r="E17489" s="2" t="s">
        <v>53427</v>
      </c>
      <c r="F17489" s="2" t="s">
        <v>36373</v>
      </c>
      <c r="G17489" s="8">
        <v>350</v>
      </c>
      <c r="H17489" s="5">
        <v>6</v>
      </c>
      <c r="I17489" s="5" t="s">
        <v>1518</v>
      </c>
      <c r="J17489" s="5" t="s">
        <v>36264</v>
      </c>
      <c r="K17489" s="2" t="s">
        <v>36265</v>
      </c>
      <c r="L17489" s="5" t="s">
        <v>36264</v>
      </c>
      <c r="M17489" s="2" t="s">
        <v>36265</v>
      </c>
      <c r="N17489" s="5" t="s">
        <v>36266</v>
      </c>
      <c r="O17489" s="5" t="s">
        <v>38</v>
      </c>
      <c r="P17489" s="5" t="s">
        <v>39</v>
      </c>
      <c r="Q17489" s="5" t="s">
        <v>40</v>
      </c>
      <c r="R17489" s="5" t="s">
        <v>1522</v>
      </c>
      <c r="S17489" s="5" t="s">
        <v>1523</v>
      </c>
      <c r="T17489" s="5" t="s">
        <v>42</v>
      </c>
      <c r="U17489" s="2">
        <v>3.67</v>
      </c>
      <c r="V17489" s="2">
        <v>3.0059999999999998</v>
      </c>
      <c r="W17489" s="2">
        <v>0.02</v>
      </c>
      <c r="X17489" s="2">
        <v>159.1</v>
      </c>
      <c r="Y17489" s="2">
        <v>7.6</v>
      </c>
      <c r="Z17489" s="2">
        <v>16.7</v>
      </c>
      <c r="AA17489" s="5"/>
      <c r="AB17489" s="5" t="s">
        <v>43</v>
      </c>
      <c r="AC17489" s="5" t="s">
        <v>44</v>
      </c>
      <c r="AD17489" s="2"/>
      <c r="AE17489" s="1"/>
    </row>
    <row r="17490" spans="1:31" ht="14.45">
      <c r="A17490" s="11"/>
      <c r="B17490" s="20"/>
      <c r="C17490" s="2" t="s">
        <v>53428</v>
      </c>
      <c r="D17490" s="14" t="s">
        <v>53429</v>
      </c>
      <c r="E17490" s="2" t="s">
        <v>53430</v>
      </c>
      <c r="F17490" s="2" t="s">
        <v>36377</v>
      </c>
      <c r="G17490" s="8">
        <v>350</v>
      </c>
      <c r="H17490" s="5">
        <v>6</v>
      </c>
      <c r="I17490" s="5" t="s">
        <v>1518</v>
      </c>
      <c r="J17490" s="5" t="s">
        <v>36264</v>
      </c>
      <c r="K17490" s="2" t="s">
        <v>36265</v>
      </c>
      <c r="L17490" s="5" t="s">
        <v>36264</v>
      </c>
      <c r="M17490" s="2" t="s">
        <v>36265</v>
      </c>
      <c r="N17490" s="5" t="s">
        <v>36266</v>
      </c>
      <c r="O17490" s="5" t="s">
        <v>38</v>
      </c>
      <c r="P17490" s="5" t="s">
        <v>39</v>
      </c>
      <c r="Q17490" s="5" t="s">
        <v>40</v>
      </c>
      <c r="R17490" s="5" t="s">
        <v>1522</v>
      </c>
      <c r="S17490" s="5" t="s">
        <v>1523</v>
      </c>
      <c r="T17490" s="5" t="s">
        <v>42</v>
      </c>
      <c r="U17490" s="2">
        <v>3.5710000000000002</v>
      </c>
      <c r="V17490" s="2">
        <v>2.907</v>
      </c>
      <c r="W17490" s="2">
        <v>0.02</v>
      </c>
      <c r="X17490" s="2">
        <v>159.1</v>
      </c>
      <c r="Y17490" s="2">
        <v>7.6</v>
      </c>
      <c r="Z17490" s="2">
        <v>16.7</v>
      </c>
      <c r="AA17490" s="5"/>
      <c r="AB17490" s="5" t="s">
        <v>43</v>
      </c>
      <c r="AC17490" s="5" t="s">
        <v>44</v>
      </c>
      <c r="AD17490" s="2"/>
      <c r="AE17490" s="1"/>
    </row>
    <row r="17491" spans="1:31" ht="14.45">
      <c r="A17491" s="11"/>
      <c r="B17491" s="20"/>
      <c r="C17491" s="2" t="s">
        <v>53431</v>
      </c>
      <c r="D17491" s="14" t="s">
        <v>53432</v>
      </c>
      <c r="E17491" s="2" t="s">
        <v>53433</v>
      </c>
      <c r="F17491" s="2" t="s">
        <v>36381</v>
      </c>
      <c r="G17491" s="8">
        <v>350</v>
      </c>
      <c r="H17491" s="5">
        <v>6</v>
      </c>
      <c r="I17491" s="5" t="s">
        <v>1518</v>
      </c>
      <c r="J17491" s="5" t="s">
        <v>36264</v>
      </c>
      <c r="K17491" s="2" t="s">
        <v>36265</v>
      </c>
      <c r="L17491" s="5" t="s">
        <v>36264</v>
      </c>
      <c r="M17491" s="2" t="s">
        <v>36265</v>
      </c>
      <c r="N17491" s="5" t="s">
        <v>36266</v>
      </c>
      <c r="O17491" s="5" t="s">
        <v>38</v>
      </c>
      <c r="P17491" s="5" t="s">
        <v>39</v>
      </c>
      <c r="Q17491" s="5" t="s">
        <v>40</v>
      </c>
      <c r="R17491" s="5" t="s">
        <v>1522</v>
      </c>
      <c r="S17491" s="5" t="s">
        <v>1523</v>
      </c>
      <c r="T17491" s="5" t="s">
        <v>42</v>
      </c>
      <c r="U17491" s="2">
        <v>3.67</v>
      </c>
      <c r="V17491" s="2">
        <v>3.0059999999999998</v>
      </c>
      <c r="W17491" s="2">
        <v>0.02</v>
      </c>
      <c r="X17491" s="2">
        <v>159.1</v>
      </c>
      <c r="Y17491" s="2">
        <v>7.6</v>
      </c>
      <c r="Z17491" s="2">
        <v>16.7</v>
      </c>
      <c r="AA17491" s="5"/>
      <c r="AB17491" s="5" t="s">
        <v>43</v>
      </c>
      <c r="AC17491" s="5" t="s">
        <v>44</v>
      </c>
      <c r="AD17491" s="2"/>
      <c r="AE17491" s="1"/>
    </row>
    <row r="17492" spans="1:31" ht="14.45">
      <c r="A17492" s="11"/>
      <c r="B17492" s="20"/>
      <c r="C17492" s="2" t="s">
        <v>53434</v>
      </c>
      <c r="D17492" s="14" t="s">
        <v>53435</v>
      </c>
      <c r="E17492" s="2" t="s">
        <v>53436</v>
      </c>
      <c r="F17492" s="2" t="s">
        <v>36385</v>
      </c>
      <c r="G17492" s="8">
        <v>350</v>
      </c>
      <c r="H17492" s="5">
        <v>6</v>
      </c>
      <c r="I17492" s="5" t="s">
        <v>1518</v>
      </c>
      <c r="J17492" s="5" t="s">
        <v>36264</v>
      </c>
      <c r="K17492" s="2" t="s">
        <v>36265</v>
      </c>
      <c r="L17492" s="5" t="s">
        <v>36264</v>
      </c>
      <c r="M17492" s="2" t="s">
        <v>36265</v>
      </c>
      <c r="N17492" s="5" t="s">
        <v>36266</v>
      </c>
      <c r="O17492" s="5" t="s">
        <v>38</v>
      </c>
      <c r="P17492" s="5" t="s">
        <v>39</v>
      </c>
      <c r="Q17492" s="5" t="s">
        <v>40</v>
      </c>
      <c r="R17492" s="5" t="s">
        <v>1522</v>
      </c>
      <c r="S17492" s="5" t="s">
        <v>1523</v>
      </c>
      <c r="T17492" s="5" t="s">
        <v>42</v>
      </c>
      <c r="U17492" s="2">
        <v>3.5710000000000002</v>
      </c>
      <c r="V17492" s="2">
        <v>2.907</v>
      </c>
      <c r="W17492" s="2">
        <v>0.02</v>
      </c>
      <c r="X17492" s="2">
        <v>159.1</v>
      </c>
      <c r="Y17492" s="2">
        <v>7.6</v>
      </c>
      <c r="Z17492" s="2">
        <v>16.7</v>
      </c>
      <c r="AA17492" s="5"/>
      <c r="AB17492" s="5" t="s">
        <v>43</v>
      </c>
      <c r="AC17492" s="5" t="s">
        <v>44</v>
      </c>
      <c r="AD17492" s="2"/>
      <c r="AE17492" s="1"/>
    </row>
    <row r="17493" spans="1:31" ht="14.45">
      <c r="A17493" s="11"/>
      <c r="B17493" s="20"/>
      <c r="C17493" s="2" t="s">
        <v>53437</v>
      </c>
      <c r="D17493" s="14" t="s">
        <v>53438</v>
      </c>
      <c r="E17493" s="2" t="s">
        <v>53439</v>
      </c>
      <c r="F17493" s="2" t="s">
        <v>36389</v>
      </c>
      <c r="G17493" s="8">
        <v>350</v>
      </c>
      <c r="H17493" s="5">
        <v>6</v>
      </c>
      <c r="I17493" s="5" t="s">
        <v>1518</v>
      </c>
      <c r="J17493" s="5" t="s">
        <v>36264</v>
      </c>
      <c r="K17493" s="2" t="s">
        <v>36265</v>
      </c>
      <c r="L17493" s="5" t="s">
        <v>36264</v>
      </c>
      <c r="M17493" s="2" t="s">
        <v>36265</v>
      </c>
      <c r="N17493" s="5" t="s">
        <v>36266</v>
      </c>
      <c r="O17493" s="5" t="s">
        <v>38</v>
      </c>
      <c r="P17493" s="5" t="s">
        <v>39</v>
      </c>
      <c r="Q17493" s="5" t="s">
        <v>40</v>
      </c>
      <c r="R17493" s="5" t="s">
        <v>1522</v>
      </c>
      <c r="S17493" s="5" t="s">
        <v>1523</v>
      </c>
      <c r="T17493" s="5" t="s">
        <v>42</v>
      </c>
      <c r="U17493" s="2">
        <v>3.67</v>
      </c>
      <c r="V17493" s="2">
        <v>3.0059999999999998</v>
      </c>
      <c r="W17493" s="2">
        <v>0.02</v>
      </c>
      <c r="X17493" s="2">
        <v>159.1</v>
      </c>
      <c r="Y17493" s="2">
        <v>7.6</v>
      </c>
      <c r="Z17493" s="2">
        <v>16.7</v>
      </c>
      <c r="AA17493" s="5"/>
      <c r="AB17493" s="5" t="s">
        <v>43</v>
      </c>
      <c r="AC17493" s="5" t="s">
        <v>44</v>
      </c>
      <c r="AD17493" s="2"/>
      <c r="AE17493" s="1"/>
    </row>
    <row r="17494" spans="1:31" ht="14.45">
      <c r="A17494" s="11"/>
      <c r="B17494" s="20"/>
      <c r="C17494" s="2" t="s">
        <v>53440</v>
      </c>
      <c r="D17494" s="14" t="s">
        <v>53441</v>
      </c>
      <c r="E17494" s="2" t="s">
        <v>53442</v>
      </c>
      <c r="F17494" s="2" t="s">
        <v>7204</v>
      </c>
      <c r="G17494" s="8">
        <v>338</v>
      </c>
      <c r="H17494" s="5">
        <v>6</v>
      </c>
      <c r="I17494" s="5" t="s">
        <v>1518</v>
      </c>
      <c r="J17494" s="5" t="s">
        <v>36264</v>
      </c>
      <c r="K17494" s="2" t="s">
        <v>36265</v>
      </c>
      <c r="L17494" s="5" t="s">
        <v>36264</v>
      </c>
      <c r="M17494" s="2" t="s">
        <v>36265</v>
      </c>
      <c r="N17494" s="5" t="s">
        <v>36266</v>
      </c>
      <c r="O17494" s="5" t="s">
        <v>38</v>
      </c>
      <c r="P17494" s="5" t="s">
        <v>39</v>
      </c>
      <c r="Q17494" s="5" t="s">
        <v>40</v>
      </c>
      <c r="R17494" s="5" t="s">
        <v>1522</v>
      </c>
      <c r="S17494" s="5" t="s">
        <v>1523</v>
      </c>
      <c r="T17494" s="5" t="s">
        <v>42</v>
      </c>
      <c r="U17494" s="2">
        <v>3.952</v>
      </c>
      <c r="V17494" s="2">
        <v>3.3069999999999999</v>
      </c>
      <c r="W17494" s="2">
        <v>0.02</v>
      </c>
      <c r="X17494" s="2">
        <v>159.1</v>
      </c>
      <c r="Y17494" s="2">
        <v>7.6</v>
      </c>
      <c r="Z17494" s="2">
        <v>16.7</v>
      </c>
      <c r="AA17494" s="5"/>
      <c r="AB17494" s="5" t="s">
        <v>43</v>
      </c>
      <c r="AC17494" s="5" t="s">
        <v>44</v>
      </c>
      <c r="AD17494" s="2"/>
      <c r="AE17494" s="1"/>
    </row>
    <row r="17495" spans="1:31" ht="14.45">
      <c r="A17495" s="11"/>
      <c r="B17495" s="20"/>
      <c r="C17495" s="2" t="s">
        <v>53443</v>
      </c>
      <c r="D17495" s="14" t="s">
        <v>53444</v>
      </c>
      <c r="E17495" s="2" t="s">
        <v>53445</v>
      </c>
      <c r="F17495" s="2" t="s">
        <v>7514</v>
      </c>
      <c r="G17495" s="8">
        <v>338</v>
      </c>
      <c r="H17495" s="5">
        <v>6</v>
      </c>
      <c r="I17495" s="5" t="s">
        <v>1518</v>
      </c>
      <c r="J17495" s="5" t="s">
        <v>36264</v>
      </c>
      <c r="K17495" s="2" t="s">
        <v>36265</v>
      </c>
      <c r="L17495" s="5" t="s">
        <v>36264</v>
      </c>
      <c r="M17495" s="2" t="s">
        <v>36265</v>
      </c>
      <c r="N17495" s="5" t="s">
        <v>36266</v>
      </c>
      <c r="O17495" s="5" t="s">
        <v>38</v>
      </c>
      <c r="P17495" s="5" t="s">
        <v>39</v>
      </c>
      <c r="Q17495" s="5" t="s">
        <v>40</v>
      </c>
      <c r="R17495" s="5" t="s">
        <v>1522</v>
      </c>
      <c r="S17495" s="5" t="s">
        <v>1523</v>
      </c>
      <c r="T17495" s="5" t="s">
        <v>42</v>
      </c>
      <c r="U17495" s="2">
        <v>4.0739999999999998</v>
      </c>
      <c r="V17495" s="2">
        <v>3.4289999999999998</v>
      </c>
      <c r="W17495" s="2">
        <v>0.02</v>
      </c>
      <c r="X17495" s="2">
        <v>159.1</v>
      </c>
      <c r="Y17495" s="2">
        <v>7.6</v>
      </c>
      <c r="Z17495" s="2">
        <v>16.7</v>
      </c>
      <c r="AA17495" s="5"/>
      <c r="AB17495" s="5" t="s">
        <v>43</v>
      </c>
      <c r="AC17495" s="5" t="s">
        <v>44</v>
      </c>
      <c r="AD17495" s="2"/>
      <c r="AE17495" s="1"/>
    </row>
    <row r="17496" spans="1:31" ht="14.45">
      <c r="A17496" s="11"/>
      <c r="B17496" s="20"/>
      <c r="C17496" s="2" t="s">
        <v>53446</v>
      </c>
      <c r="D17496" s="14" t="s">
        <v>53447</v>
      </c>
      <c r="E17496" s="2" t="s">
        <v>53448</v>
      </c>
      <c r="F17496" s="2" t="s">
        <v>36273</v>
      </c>
      <c r="G17496" s="8">
        <v>338</v>
      </c>
      <c r="H17496" s="5">
        <v>6</v>
      </c>
      <c r="I17496" s="5" t="s">
        <v>1518</v>
      </c>
      <c r="J17496" s="5" t="s">
        <v>36264</v>
      </c>
      <c r="K17496" s="2" t="s">
        <v>36265</v>
      </c>
      <c r="L17496" s="5" t="s">
        <v>36264</v>
      </c>
      <c r="M17496" s="2" t="s">
        <v>36265</v>
      </c>
      <c r="N17496" s="5" t="s">
        <v>36266</v>
      </c>
      <c r="O17496" s="5" t="s">
        <v>38</v>
      </c>
      <c r="P17496" s="5" t="s">
        <v>39</v>
      </c>
      <c r="Q17496" s="5" t="s">
        <v>40</v>
      </c>
      <c r="R17496" s="5" t="s">
        <v>1522</v>
      </c>
      <c r="S17496" s="5" t="s">
        <v>1523</v>
      </c>
      <c r="T17496" s="5" t="s">
        <v>42</v>
      </c>
      <c r="U17496" s="2">
        <v>3.952</v>
      </c>
      <c r="V17496" s="2">
        <v>3.3069999999999999</v>
      </c>
      <c r="W17496" s="2">
        <v>0.02</v>
      </c>
      <c r="X17496" s="2">
        <v>159.1</v>
      </c>
      <c r="Y17496" s="2">
        <v>7.6</v>
      </c>
      <c r="Z17496" s="2">
        <v>16.7</v>
      </c>
      <c r="AA17496" s="5"/>
      <c r="AB17496" s="5" t="s">
        <v>43</v>
      </c>
      <c r="AC17496" s="5" t="s">
        <v>44</v>
      </c>
      <c r="AD17496" s="2"/>
      <c r="AE17496" s="1"/>
    </row>
    <row r="17497" spans="1:31" ht="14.45">
      <c r="A17497" s="11"/>
      <c r="B17497" s="20"/>
      <c r="C17497" s="2" t="s">
        <v>53449</v>
      </c>
      <c r="D17497" s="14" t="s">
        <v>53450</v>
      </c>
      <c r="E17497" s="2" t="s">
        <v>53451</v>
      </c>
      <c r="F17497" s="2" t="s">
        <v>36277</v>
      </c>
      <c r="G17497" s="8">
        <v>338</v>
      </c>
      <c r="H17497" s="5">
        <v>6</v>
      </c>
      <c r="I17497" s="5" t="s">
        <v>1518</v>
      </c>
      <c r="J17497" s="5" t="s">
        <v>36264</v>
      </c>
      <c r="K17497" s="2" t="s">
        <v>36265</v>
      </c>
      <c r="L17497" s="5" t="s">
        <v>36264</v>
      </c>
      <c r="M17497" s="2" t="s">
        <v>36265</v>
      </c>
      <c r="N17497" s="5" t="s">
        <v>36266</v>
      </c>
      <c r="O17497" s="5" t="s">
        <v>38</v>
      </c>
      <c r="P17497" s="5" t="s">
        <v>39</v>
      </c>
      <c r="Q17497" s="5" t="s">
        <v>40</v>
      </c>
      <c r="R17497" s="5" t="s">
        <v>1522</v>
      </c>
      <c r="S17497" s="5" t="s">
        <v>1523</v>
      </c>
      <c r="T17497" s="5" t="s">
        <v>42</v>
      </c>
      <c r="U17497" s="2">
        <v>4.0739999999999998</v>
      </c>
      <c r="V17497" s="2">
        <v>3.4289999999999998</v>
      </c>
      <c r="W17497" s="2">
        <v>0.02</v>
      </c>
      <c r="X17497" s="2">
        <v>159.1</v>
      </c>
      <c r="Y17497" s="2">
        <v>7.6</v>
      </c>
      <c r="Z17497" s="2">
        <v>16.7</v>
      </c>
      <c r="AA17497" s="5"/>
      <c r="AB17497" s="5" t="s">
        <v>43</v>
      </c>
      <c r="AC17497" s="5" t="s">
        <v>44</v>
      </c>
      <c r="AD17497" s="2"/>
      <c r="AE17497" s="1"/>
    </row>
    <row r="17498" spans="1:31" ht="14.45">
      <c r="A17498" s="11"/>
      <c r="B17498" s="20"/>
      <c r="C17498" s="2" t="s">
        <v>53452</v>
      </c>
      <c r="D17498" s="14" t="s">
        <v>53453</v>
      </c>
      <c r="E17498" s="2" t="s">
        <v>53454</v>
      </c>
      <c r="F17498" s="2" t="s">
        <v>36285</v>
      </c>
      <c r="G17498" s="8">
        <v>369</v>
      </c>
      <c r="H17498" s="5">
        <v>6</v>
      </c>
      <c r="I17498" s="5" t="s">
        <v>1518</v>
      </c>
      <c r="J17498" s="5" t="s">
        <v>36264</v>
      </c>
      <c r="K17498" s="2" t="s">
        <v>36265</v>
      </c>
      <c r="L17498" s="5" t="s">
        <v>36264</v>
      </c>
      <c r="M17498" s="2" t="s">
        <v>36265</v>
      </c>
      <c r="N17498" s="5" t="s">
        <v>36266</v>
      </c>
      <c r="O17498" s="5" t="s">
        <v>38</v>
      </c>
      <c r="P17498" s="5" t="s">
        <v>39</v>
      </c>
      <c r="Q17498" s="5" t="s">
        <v>40</v>
      </c>
      <c r="R17498" s="5" t="s">
        <v>1522</v>
      </c>
      <c r="S17498" s="5" t="s">
        <v>1523</v>
      </c>
      <c r="T17498" s="5" t="s">
        <v>42</v>
      </c>
      <c r="U17498" s="2">
        <v>4.0739999999999998</v>
      </c>
      <c r="V17498" s="2">
        <v>3.4289999999999998</v>
      </c>
      <c r="W17498" s="2">
        <v>0.02</v>
      </c>
      <c r="X17498" s="2">
        <v>159.1</v>
      </c>
      <c r="Y17498" s="2">
        <v>7.6</v>
      </c>
      <c r="Z17498" s="2">
        <v>16.7</v>
      </c>
      <c r="AA17498" s="5"/>
      <c r="AB17498" s="5" t="s">
        <v>43</v>
      </c>
      <c r="AC17498" s="5" t="s">
        <v>44</v>
      </c>
      <c r="AD17498" s="2"/>
      <c r="AE17498" s="1"/>
    </row>
    <row r="17499" spans="1:31" ht="14.45">
      <c r="A17499" s="11"/>
      <c r="B17499" s="20"/>
      <c r="C17499" s="2" t="s">
        <v>53455</v>
      </c>
      <c r="D17499" s="14" t="s">
        <v>53456</v>
      </c>
      <c r="E17499" s="2" t="s">
        <v>53457</v>
      </c>
      <c r="F17499" s="2" t="s">
        <v>36289</v>
      </c>
      <c r="G17499" s="8">
        <v>369</v>
      </c>
      <c r="H17499" s="5">
        <v>6</v>
      </c>
      <c r="I17499" s="5" t="s">
        <v>1518</v>
      </c>
      <c r="J17499" s="5" t="s">
        <v>36264</v>
      </c>
      <c r="K17499" s="2" t="s">
        <v>36265</v>
      </c>
      <c r="L17499" s="5" t="s">
        <v>36264</v>
      </c>
      <c r="M17499" s="2" t="s">
        <v>36265</v>
      </c>
      <c r="N17499" s="5" t="s">
        <v>36266</v>
      </c>
      <c r="O17499" s="5" t="s">
        <v>38</v>
      </c>
      <c r="P17499" s="5" t="s">
        <v>39</v>
      </c>
      <c r="Q17499" s="5" t="s">
        <v>40</v>
      </c>
      <c r="R17499" s="5" t="s">
        <v>1522</v>
      </c>
      <c r="S17499" s="5" t="s">
        <v>1523</v>
      </c>
      <c r="T17499" s="5" t="s">
        <v>42</v>
      </c>
      <c r="U17499" s="2">
        <v>3.952</v>
      </c>
      <c r="V17499" s="2">
        <v>3.3069999999999999</v>
      </c>
      <c r="W17499" s="2">
        <v>0.02</v>
      </c>
      <c r="X17499" s="2">
        <v>159.1</v>
      </c>
      <c r="Y17499" s="2">
        <v>7.6</v>
      </c>
      <c r="Z17499" s="2">
        <v>16.7</v>
      </c>
      <c r="AA17499" s="5"/>
      <c r="AB17499" s="5" t="s">
        <v>43</v>
      </c>
      <c r="AC17499" s="5" t="s">
        <v>44</v>
      </c>
      <c r="AD17499" s="2"/>
      <c r="AE17499" s="1"/>
    </row>
    <row r="17500" spans="1:31" ht="14.45">
      <c r="A17500" s="11"/>
      <c r="B17500" s="20"/>
      <c r="C17500" s="2" t="s">
        <v>53458</v>
      </c>
      <c r="D17500" s="14" t="s">
        <v>53459</v>
      </c>
      <c r="E17500" s="2" t="s">
        <v>53460</v>
      </c>
      <c r="F17500" s="2" t="s">
        <v>36293</v>
      </c>
      <c r="G17500" s="8">
        <v>369</v>
      </c>
      <c r="H17500" s="5">
        <v>6</v>
      </c>
      <c r="I17500" s="5" t="s">
        <v>1518</v>
      </c>
      <c r="J17500" s="5" t="s">
        <v>36264</v>
      </c>
      <c r="K17500" s="2" t="s">
        <v>36265</v>
      </c>
      <c r="L17500" s="5" t="s">
        <v>36264</v>
      </c>
      <c r="M17500" s="2" t="s">
        <v>36265</v>
      </c>
      <c r="N17500" s="5" t="s">
        <v>36266</v>
      </c>
      <c r="O17500" s="5" t="s">
        <v>38</v>
      </c>
      <c r="P17500" s="5" t="s">
        <v>39</v>
      </c>
      <c r="Q17500" s="5" t="s">
        <v>40</v>
      </c>
      <c r="R17500" s="5" t="s">
        <v>1522</v>
      </c>
      <c r="S17500" s="5" t="s">
        <v>1523</v>
      </c>
      <c r="T17500" s="5" t="s">
        <v>42</v>
      </c>
      <c r="U17500" s="2">
        <v>4.0739999999999998</v>
      </c>
      <c r="V17500" s="2">
        <v>3.4289999999999998</v>
      </c>
      <c r="W17500" s="2">
        <v>0.02</v>
      </c>
      <c r="X17500" s="2">
        <v>159.1</v>
      </c>
      <c r="Y17500" s="2">
        <v>7.6</v>
      </c>
      <c r="Z17500" s="2">
        <v>16.7</v>
      </c>
      <c r="AA17500" s="5"/>
      <c r="AB17500" s="5" t="s">
        <v>43</v>
      </c>
      <c r="AC17500" s="5" t="s">
        <v>44</v>
      </c>
      <c r="AD17500" s="2"/>
      <c r="AE17500" s="1"/>
    </row>
    <row r="17501" spans="1:31" ht="14.45">
      <c r="A17501" s="11"/>
      <c r="B17501" s="20"/>
      <c r="C17501" s="2" t="s">
        <v>53461</v>
      </c>
      <c r="D17501" s="14" t="s">
        <v>53462</v>
      </c>
      <c r="E17501" s="2" t="s">
        <v>53463</v>
      </c>
      <c r="F17501" s="2" t="s">
        <v>36297</v>
      </c>
      <c r="G17501" s="8">
        <v>338</v>
      </c>
      <c r="H17501" s="5">
        <v>6</v>
      </c>
      <c r="I17501" s="5" t="s">
        <v>1518</v>
      </c>
      <c r="J17501" s="5" t="s">
        <v>36264</v>
      </c>
      <c r="K17501" s="2" t="s">
        <v>36265</v>
      </c>
      <c r="L17501" s="5" t="s">
        <v>36264</v>
      </c>
      <c r="M17501" s="2" t="s">
        <v>36265</v>
      </c>
      <c r="N17501" s="5" t="s">
        <v>36266</v>
      </c>
      <c r="O17501" s="5" t="s">
        <v>38</v>
      </c>
      <c r="P17501" s="5" t="s">
        <v>39</v>
      </c>
      <c r="Q17501" s="5" t="s">
        <v>40</v>
      </c>
      <c r="R17501" s="5" t="s">
        <v>1522</v>
      </c>
      <c r="S17501" s="5" t="s">
        <v>1523</v>
      </c>
      <c r="T17501" s="5" t="s">
        <v>42</v>
      </c>
      <c r="U17501" s="2">
        <v>3.952</v>
      </c>
      <c r="V17501" s="2">
        <v>3.3069999999999999</v>
      </c>
      <c r="W17501" s="2">
        <v>0.02</v>
      </c>
      <c r="X17501" s="2">
        <v>159.1</v>
      </c>
      <c r="Y17501" s="2">
        <v>7.6</v>
      </c>
      <c r="Z17501" s="2">
        <v>16.7</v>
      </c>
      <c r="AA17501" s="5"/>
      <c r="AB17501" s="5" t="s">
        <v>43</v>
      </c>
      <c r="AC17501" s="5" t="s">
        <v>44</v>
      </c>
      <c r="AD17501" s="2"/>
      <c r="AE17501" s="1"/>
    </row>
    <row r="17502" spans="1:31" ht="14.45">
      <c r="A17502" s="11"/>
      <c r="B17502" s="20"/>
      <c r="C17502" s="2" t="s">
        <v>53464</v>
      </c>
      <c r="D17502" s="14" t="s">
        <v>53465</v>
      </c>
      <c r="E17502" s="2" t="s">
        <v>53466</v>
      </c>
      <c r="F17502" s="2" t="s">
        <v>36301</v>
      </c>
      <c r="G17502" s="8">
        <v>338</v>
      </c>
      <c r="H17502" s="5">
        <v>6</v>
      </c>
      <c r="I17502" s="5" t="s">
        <v>1518</v>
      </c>
      <c r="J17502" s="5" t="s">
        <v>36264</v>
      </c>
      <c r="K17502" s="2" t="s">
        <v>36265</v>
      </c>
      <c r="L17502" s="5" t="s">
        <v>36264</v>
      </c>
      <c r="M17502" s="2" t="s">
        <v>36265</v>
      </c>
      <c r="N17502" s="5" t="s">
        <v>36266</v>
      </c>
      <c r="O17502" s="5" t="s">
        <v>38</v>
      </c>
      <c r="P17502" s="5" t="s">
        <v>39</v>
      </c>
      <c r="Q17502" s="5" t="s">
        <v>40</v>
      </c>
      <c r="R17502" s="5" t="s">
        <v>1522</v>
      </c>
      <c r="S17502" s="5" t="s">
        <v>1523</v>
      </c>
      <c r="T17502" s="5" t="s">
        <v>42</v>
      </c>
      <c r="U17502" s="2">
        <v>4.0739999999999998</v>
      </c>
      <c r="V17502" s="2">
        <v>3.4289999999999998</v>
      </c>
      <c r="W17502" s="2">
        <v>0.02</v>
      </c>
      <c r="X17502" s="2">
        <v>159.1</v>
      </c>
      <c r="Y17502" s="2">
        <v>7.6</v>
      </c>
      <c r="Z17502" s="2">
        <v>16.7</v>
      </c>
      <c r="AA17502" s="5"/>
      <c r="AB17502" s="5" t="s">
        <v>43</v>
      </c>
      <c r="AC17502" s="5" t="s">
        <v>44</v>
      </c>
      <c r="AD17502" s="2"/>
      <c r="AE17502" s="1"/>
    </row>
    <row r="17503" spans="1:31" ht="14.45">
      <c r="A17503" s="11"/>
      <c r="B17503" s="20"/>
      <c r="C17503" s="2" t="s">
        <v>53467</v>
      </c>
      <c r="D17503" s="14" t="s">
        <v>53468</v>
      </c>
      <c r="E17503" s="2" t="s">
        <v>53469</v>
      </c>
      <c r="F17503" s="2" t="s">
        <v>36305</v>
      </c>
      <c r="G17503" s="8">
        <v>338</v>
      </c>
      <c r="H17503" s="5">
        <v>6</v>
      </c>
      <c r="I17503" s="5" t="s">
        <v>1518</v>
      </c>
      <c r="J17503" s="5" t="s">
        <v>36264</v>
      </c>
      <c r="K17503" s="2" t="s">
        <v>36265</v>
      </c>
      <c r="L17503" s="5" t="s">
        <v>36264</v>
      </c>
      <c r="M17503" s="2" t="s">
        <v>36265</v>
      </c>
      <c r="N17503" s="5" t="s">
        <v>36266</v>
      </c>
      <c r="O17503" s="5" t="s">
        <v>38</v>
      </c>
      <c r="P17503" s="5" t="s">
        <v>39</v>
      </c>
      <c r="Q17503" s="5" t="s">
        <v>40</v>
      </c>
      <c r="R17503" s="5" t="s">
        <v>1522</v>
      </c>
      <c r="S17503" s="5" t="s">
        <v>1523</v>
      </c>
      <c r="T17503" s="5" t="s">
        <v>42</v>
      </c>
      <c r="U17503" s="2">
        <v>3.952</v>
      </c>
      <c r="V17503" s="2">
        <v>3.3069999999999999</v>
      </c>
      <c r="W17503" s="2">
        <v>0.02</v>
      </c>
      <c r="X17503" s="2">
        <v>159.1</v>
      </c>
      <c r="Y17503" s="2">
        <v>7.6</v>
      </c>
      <c r="Z17503" s="2">
        <v>16.7</v>
      </c>
      <c r="AA17503" s="5"/>
      <c r="AB17503" s="5" t="s">
        <v>43</v>
      </c>
      <c r="AC17503" s="5" t="s">
        <v>44</v>
      </c>
      <c r="AD17503" s="2"/>
      <c r="AE17503" s="1"/>
    </row>
    <row r="17504" spans="1:31" ht="14.45">
      <c r="A17504" s="11"/>
      <c r="B17504" s="20"/>
      <c r="C17504" s="2" t="s">
        <v>53470</v>
      </c>
      <c r="D17504" s="14" t="s">
        <v>53471</v>
      </c>
      <c r="E17504" s="2" t="s">
        <v>53472</v>
      </c>
      <c r="F17504" s="2" t="s">
        <v>36309</v>
      </c>
      <c r="G17504" s="8">
        <v>338</v>
      </c>
      <c r="H17504" s="5">
        <v>6</v>
      </c>
      <c r="I17504" s="5" t="s">
        <v>1518</v>
      </c>
      <c r="J17504" s="5" t="s">
        <v>36264</v>
      </c>
      <c r="K17504" s="2" t="s">
        <v>36265</v>
      </c>
      <c r="L17504" s="5" t="s">
        <v>36264</v>
      </c>
      <c r="M17504" s="2" t="s">
        <v>36265</v>
      </c>
      <c r="N17504" s="5" t="s">
        <v>36266</v>
      </c>
      <c r="O17504" s="5" t="s">
        <v>38</v>
      </c>
      <c r="P17504" s="5" t="s">
        <v>39</v>
      </c>
      <c r="Q17504" s="5" t="s">
        <v>40</v>
      </c>
      <c r="R17504" s="5" t="s">
        <v>1522</v>
      </c>
      <c r="S17504" s="5" t="s">
        <v>1523</v>
      </c>
      <c r="T17504" s="5" t="s">
        <v>42</v>
      </c>
      <c r="U17504" s="2">
        <v>4.0739999999999998</v>
      </c>
      <c r="V17504" s="2">
        <v>3.4289999999999998</v>
      </c>
      <c r="W17504" s="2">
        <v>0.02</v>
      </c>
      <c r="X17504" s="2">
        <v>159.1</v>
      </c>
      <c r="Y17504" s="2">
        <v>7.6</v>
      </c>
      <c r="Z17504" s="2">
        <v>16.7</v>
      </c>
      <c r="AA17504" s="5"/>
      <c r="AB17504" s="5" t="s">
        <v>43</v>
      </c>
      <c r="AC17504" s="5" t="s">
        <v>44</v>
      </c>
      <c r="AD17504" s="2"/>
      <c r="AE17504" s="1"/>
    </row>
    <row r="17505" spans="1:31" ht="14.45">
      <c r="A17505" s="11"/>
      <c r="B17505" s="20"/>
      <c r="C17505" s="2" t="s">
        <v>53473</v>
      </c>
      <c r="D17505" s="14" t="s">
        <v>53474</v>
      </c>
      <c r="E17505" s="2" t="s">
        <v>53475</v>
      </c>
      <c r="F17505" s="2" t="s">
        <v>36313</v>
      </c>
      <c r="G17505" s="8">
        <v>369</v>
      </c>
      <c r="H17505" s="5">
        <v>6</v>
      </c>
      <c r="I17505" s="5" t="s">
        <v>1518</v>
      </c>
      <c r="J17505" s="5" t="s">
        <v>36264</v>
      </c>
      <c r="K17505" s="2" t="s">
        <v>36265</v>
      </c>
      <c r="L17505" s="5" t="s">
        <v>36264</v>
      </c>
      <c r="M17505" s="2" t="s">
        <v>36265</v>
      </c>
      <c r="N17505" s="5" t="s">
        <v>36266</v>
      </c>
      <c r="O17505" s="5" t="s">
        <v>38</v>
      </c>
      <c r="P17505" s="5" t="s">
        <v>39</v>
      </c>
      <c r="Q17505" s="5" t="s">
        <v>40</v>
      </c>
      <c r="R17505" s="5" t="s">
        <v>1522</v>
      </c>
      <c r="S17505" s="5" t="s">
        <v>1523</v>
      </c>
      <c r="T17505" s="5" t="s">
        <v>42</v>
      </c>
      <c r="U17505" s="2">
        <v>3.952</v>
      </c>
      <c r="V17505" s="2">
        <v>3.3069999999999999</v>
      </c>
      <c r="W17505" s="2">
        <v>0.02</v>
      </c>
      <c r="X17505" s="2">
        <v>159.1</v>
      </c>
      <c r="Y17505" s="2">
        <v>7.6</v>
      </c>
      <c r="Z17505" s="2">
        <v>16.7</v>
      </c>
      <c r="AA17505" s="5"/>
      <c r="AB17505" s="5" t="s">
        <v>43</v>
      </c>
      <c r="AC17505" s="5" t="s">
        <v>44</v>
      </c>
      <c r="AD17505" s="2"/>
      <c r="AE17505" s="1"/>
    </row>
    <row r="17506" spans="1:31" ht="14.45">
      <c r="A17506" s="11"/>
      <c r="B17506" s="20"/>
      <c r="C17506" s="2" t="s">
        <v>53476</v>
      </c>
      <c r="D17506" s="14" t="s">
        <v>53477</v>
      </c>
      <c r="E17506" s="2" t="s">
        <v>53478</v>
      </c>
      <c r="F17506" s="2" t="s">
        <v>36317</v>
      </c>
      <c r="G17506" s="8">
        <v>369</v>
      </c>
      <c r="H17506" s="5">
        <v>6</v>
      </c>
      <c r="I17506" s="5" t="s">
        <v>1518</v>
      </c>
      <c r="J17506" s="5" t="s">
        <v>36264</v>
      </c>
      <c r="K17506" s="2" t="s">
        <v>36265</v>
      </c>
      <c r="L17506" s="5" t="s">
        <v>36264</v>
      </c>
      <c r="M17506" s="2" t="s">
        <v>36265</v>
      </c>
      <c r="N17506" s="5" t="s">
        <v>36266</v>
      </c>
      <c r="O17506" s="5" t="s">
        <v>38</v>
      </c>
      <c r="P17506" s="5" t="s">
        <v>39</v>
      </c>
      <c r="Q17506" s="5" t="s">
        <v>40</v>
      </c>
      <c r="R17506" s="5" t="s">
        <v>1522</v>
      </c>
      <c r="S17506" s="5" t="s">
        <v>1523</v>
      </c>
      <c r="T17506" s="5" t="s">
        <v>42</v>
      </c>
      <c r="U17506" s="2">
        <v>4.0739999999999998</v>
      </c>
      <c r="V17506" s="2">
        <v>3.4289999999999998</v>
      </c>
      <c r="W17506" s="2">
        <v>0.02</v>
      </c>
      <c r="X17506" s="2">
        <v>159.1</v>
      </c>
      <c r="Y17506" s="2">
        <v>7.6</v>
      </c>
      <c r="Z17506" s="2">
        <v>16.7</v>
      </c>
      <c r="AA17506" s="5"/>
      <c r="AB17506" s="5" t="s">
        <v>43</v>
      </c>
      <c r="AC17506" s="5" t="s">
        <v>44</v>
      </c>
      <c r="AD17506" s="2"/>
      <c r="AE17506" s="1"/>
    </row>
    <row r="17507" spans="1:31" ht="14.45">
      <c r="A17507" s="11"/>
      <c r="B17507" s="20"/>
      <c r="C17507" s="2" t="s">
        <v>53479</v>
      </c>
      <c r="D17507" s="14" t="s">
        <v>53480</v>
      </c>
      <c r="E17507" s="2" t="s">
        <v>53481</v>
      </c>
      <c r="F17507" s="2" t="s">
        <v>36325</v>
      </c>
      <c r="G17507" s="8">
        <v>369</v>
      </c>
      <c r="H17507" s="5">
        <v>6</v>
      </c>
      <c r="I17507" s="5" t="s">
        <v>1518</v>
      </c>
      <c r="J17507" s="5" t="s">
        <v>36264</v>
      </c>
      <c r="K17507" s="2" t="s">
        <v>36265</v>
      </c>
      <c r="L17507" s="5" t="s">
        <v>36264</v>
      </c>
      <c r="M17507" s="2" t="s">
        <v>36265</v>
      </c>
      <c r="N17507" s="5" t="s">
        <v>36266</v>
      </c>
      <c r="O17507" s="5" t="s">
        <v>38</v>
      </c>
      <c r="P17507" s="5" t="s">
        <v>39</v>
      </c>
      <c r="Q17507" s="5" t="s">
        <v>40</v>
      </c>
      <c r="R17507" s="5" t="s">
        <v>1522</v>
      </c>
      <c r="S17507" s="5" t="s">
        <v>1523</v>
      </c>
      <c r="T17507" s="5" t="s">
        <v>42</v>
      </c>
      <c r="U17507" s="2">
        <v>4.0739999999999998</v>
      </c>
      <c r="V17507" s="2">
        <v>3.4289999999999998</v>
      </c>
      <c r="W17507" s="2">
        <v>0.02</v>
      </c>
      <c r="X17507" s="2">
        <v>159.1</v>
      </c>
      <c r="Y17507" s="2">
        <v>7.6</v>
      </c>
      <c r="Z17507" s="2">
        <v>16.7</v>
      </c>
      <c r="AA17507" s="5"/>
      <c r="AB17507" s="5" t="s">
        <v>43</v>
      </c>
      <c r="AC17507" s="5" t="s">
        <v>44</v>
      </c>
      <c r="AD17507" s="2"/>
      <c r="AE17507" s="1"/>
    </row>
    <row r="17508" spans="1:31" ht="14.45">
      <c r="A17508" s="11"/>
      <c r="B17508" s="20"/>
      <c r="C17508" s="2" t="s">
        <v>53482</v>
      </c>
      <c r="D17508" s="14" t="s">
        <v>53483</v>
      </c>
      <c r="E17508" s="2" t="s">
        <v>53484</v>
      </c>
      <c r="F17508" s="2" t="s">
        <v>36329</v>
      </c>
      <c r="G17508" s="8">
        <v>369</v>
      </c>
      <c r="H17508" s="5">
        <v>6</v>
      </c>
      <c r="I17508" s="5" t="s">
        <v>1518</v>
      </c>
      <c r="J17508" s="5" t="s">
        <v>36264</v>
      </c>
      <c r="K17508" s="2" t="s">
        <v>36265</v>
      </c>
      <c r="L17508" s="5" t="s">
        <v>36264</v>
      </c>
      <c r="M17508" s="2" t="s">
        <v>36265</v>
      </c>
      <c r="N17508" s="5" t="s">
        <v>36266</v>
      </c>
      <c r="O17508" s="5" t="s">
        <v>38</v>
      </c>
      <c r="P17508" s="5" t="s">
        <v>39</v>
      </c>
      <c r="Q17508" s="5" t="s">
        <v>40</v>
      </c>
      <c r="R17508" s="5" t="s">
        <v>1522</v>
      </c>
      <c r="S17508" s="5" t="s">
        <v>1523</v>
      </c>
      <c r="T17508" s="5" t="s">
        <v>42</v>
      </c>
      <c r="U17508" s="2">
        <v>3.952</v>
      </c>
      <c r="V17508" s="2">
        <v>3.3069999999999999</v>
      </c>
      <c r="W17508" s="2">
        <v>0.02</v>
      </c>
      <c r="X17508" s="2">
        <v>159.1</v>
      </c>
      <c r="Y17508" s="2">
        <v>7.6</v>
      </c>
      <c r="Z17508" s="2">
        <v>16.7</v>
      </c>
      <c r="AA17508" s="5"/>
      <c r="AB17508" s="5" t="s">
        <v>43</v>
      </c>
      <c r="AC17508" s="5" t="s">
        <v>44</v>
      </c>
      <c r="AD17508" s="2"/>
      <c r="AE17508" s="1"/>
    </row>
    <row r="17509" spans="1:31" ht="14.45">
      <c r="A17509" s="11"/>
      <c r="B17509" s="20"/>
      <c r="C17509" s="2" t="s">
        <v>53485</v>
      </c>
      <c r="D17509" s="14" t="s">
        <v>53486</v>
      </c>
      <c r="E17509" s="2" t="s">
        <v>53487</v>
      </c>
      <c r="F17509" s="2" t="s">
        <v>36333</v>
      </c>
      <c r="G17509" s="8">
        <v>369</v>
      </c>
      <c r="H17509" s="5">
        <v>6</v>
      </c>
      <c r="I17509" s="5" t="s">
        <v>1518</v>
      </c>
      <c r="J17509" s="5" t="s">
        <v>36264</v>
      </c>
      <c r="K17509" s="2" t="s">
        <v>36265</v>
      </c>
      <c r="L17509" s="5" t="s">
        <v>36264</v>
      </c>
      <c r="M17509" s="2" t="s">
        <v>36265</v>
      </c>
      <c r="N17509" s="5" t="s">
        <v>36266</v>
      </c>
      <c r="O17509" s="5" t="s">
        <v>38</v>
      </c>
      <c r="P17509" s="5" t="s">
        <v>39</v>
      </c>
      <c r="Q17509" s="5" t="s">
        <v>40</v>
      </c>
      <c r="R17509" s="5" t="s">
        <v>1522</v>
      </c>
      <c r="S17509" s="5" t="s">
        <v>1523</v>
      </c>
      <c r="T17509" s="5" t="s">
        <v>42</v>
      </c>
      <c r="U17509" s="2">
        <v>4.0739999999999998</v>
      </c>
      <c r="V17509" s="2">
        <v>3.4289999999999998</v>
      </c>
      <c r="W17509" s="2">
        <v>0.02</v>
      </c>
      <c r="X17509" s="2">
        <v>159.1</v>
      </c>
      <c r="Y17509" s="2">
        <v>7.6</v>
      </c>
      <c r="Z17509" s="2">
        <v>16.7</v>
      </c>
      <c r="AA17509" s="5"/>
      <c r="AB17509" s="5" t="s">
        <v>43</v>
      </c>
      <c r="AC17509" s="5" t="s">
        <v>44</v>
      </c>
      <c r="AD17509" s="2"/>
      <c r="AE17509" s="1"/>
    </row>
    <row r="17510" spans="1:31" ht="14.45">
      <c r="A17510" s="11"/>
      <c r="B17510" s="20"/>
      <c r="C17510" s="2" t="s">
        <v>53488</v>
      </c>
      <c r="D17510" s="14" t="s">
        <v>53489</v>
      </c>
      <c r="E17510" s="2" t="s">
        <v>53490</v>
      </c>
      <c r="F17510" s="2" t="s">
        <v>36341</v>
      </c>
      <c r="G17510" s="8">
        <v>369</v>
      </c>
      <c r="H17510" s="5">
        <v>6</v>
      </c>
      <c r="I17510" s="5" t="s">
        <v>1518</v>
      </c>
      <c r="J17510" s="5" t="s">
        <v>36264</v>
      </c>
      <c r="K17510" s="2" t="s">
        <v>36265</v>
      </c>
      <c r="L17510" s="5" t="s">
        <v>36264</v>
      </c>
      <c r="M17510" s="2" t="s">
        <v>36265</v>
      </c>
      <c r="N17510" s="5" t="s">
        <v>36266</v>
      </c>
      <c r="O17510" s="5" t="s">
        <v>38</v>
      </c>
      <c r="P17510" s="5" t="s">
        <v>39</v>
      </c>
      <c r="Q17510" s="5" t="s">
        <v>40</v>
      </c>
      <c r="R17510" s="5" t="s">
        <v>1522</v>
      </c>
      <c r="S17510" s="5" t="s">
        <v>1523</v>
      </c>
      <c r="T17510" s="5" t="s">
        <v>42</v>
      </c>
      <c r="U17510" s="2">
        <v>4.0739999999999998</v>
      </c>
      <c r="V17510" s="2">
        <v>3.4289999999999998</v>
      </c>
      <c r="W17510" s="2">
        <v>0.02</v>
      </c>
      <c r="X17510" s="2">
        <v>159.1</v>
      </c>
      <c r="Y17510" s="2">
        <v>7.6</v>
      </c>
      <c r="Z17510" s="2">
        <v>16.7</v>
      </c>
      <c r="AA17510" s="5"/>
      <c r="AB17510" s="5" t="s">
        <v>43</v>
      </c>
      <c r="AC17510" s="5" t="s">
        <v>44</v>
      </c>
      <c r="AD17510" s="2"/>
      <c r="AE17510" s="1"/>
    </row>
    <row r="17511" spans="1:31" ht="14.45">
      <c r="A17511" s="11"/>
      <c r="B17511" s="20"/>
      <c r="C17511" s="2" t="s">
        <v>53491</v>
      </c>
      <c r="D17511" s="14" t="s">
        <v>53492</v>
      </c>
      <c r="E17511" s="2" t="s">
        <v>53493</v>
      </c>
      <c r="F17511" s="2" t="s">
        <v>36349</v>
      </c>
      <c r="G17511" s="8">
        <v>369</v>
      </c>
      <c r="H17511" s="5">
        <v>6</v>
      </c>
      <c r="I17511" s="5" t="s">
        <v>1518</v>
      </c>
      <c r="J17511" s="5" t="s">
        <v>36264</v>
      </c>
      <c r="K17511" s="2" t="s">
        <v>36265</v>
      </c>
      <c r="L17511" s="5" t="s">
        <v>36264</v>
      </c>
      <c r="M17511" s="2" t="s">
        <v>36265</v>
      </c>
      <c r="N17511" s="5" t="s">
        <v>36266</v>
      </c>
      <c r="O17511" s="5" t="s">
        <v>38</v>
      </c>
      <c r="P17511" s="5" t="s">
        <v>39</v>
      </c>
      <c r="Q17511" s="5" t="s">
        <v>40</v>
      </c>
      <c r="R17511" s="5" t="s">
        <v>1522</v>
      </c>
      <c r="S17511" s="5" t="s">
        <v>1523</v>
      </c>
      <c r="T17511" s="5" t="s">
        <v>42</v>
      </c>
      <c r="U17511" s="2">
        <v>4.0739999999999998</v>
      </c>
      <c r="V17511" s="2">
        <v>3.4289999999999998</v>
      </c>
      <c r="W17511" s="2">
        <v>0.02</v>
      </c>
      <c r="X17511" s="2">
        <v>159.1</v>
      </c>
      <c r="Y17511" s="2">
        <v>7.6</v>
      </c>
      <c r="Z17511" s="2">
        <v>16.7</v>
      </c>
      <c r="AA17511" s="5"/>
      <c r="AB17511" s="5" t="s">
        <v>43</v>
      </c>
      <c r="AC17511" s="5" t="s">
        <v>44</v>
      </c>
      <c r="AD17511" s="2"/>
      <c r="AE17511" s="1"/>
    </row>
    <row r="17512" spans="1:31" ht="14.45">
      <c r="A17512" s="11"/>
      <c r="B17512" s="20"/>
      <c r="C17512" s="2" t="s">
        <v>53494</v>
      </c>
      <c r="D17512" s="14" t="s">
        <v>53495</v>
      </c>
      <c r="E17512" s="2" t="s">
        <v>53496</v>
      </c>
      <c r="F17512" s="2" t="s">
        <v>36353</v>
      </c>
      <c r="G17512" s="8">
        <v>369</v>
      </c>
      <c r="H17512" s="5">
        <v>6</v>
      </c>
      <c r="I17512" s="5" t="s">
        <v>1518</v>
      </c>
      <c r="J17512" s="5" t="s">
        <v>36264</v>
      </c>
      <c r="K17512" s="2" t="s">
        <v>36265</v>
      </c>
      <c r="L17512" s="5" t="s">
        <v>36264</v>
      </c>
      <c r="M17512" s="2" t="s">
        <v>36265</v>
      </c>
      <c r="N17512" s="5" t="s">
        <v>36266</v>
      </c>
      <c r="O17512" s="5" t="s">
        <v>38</v>
      </c>
      <c r="P17512" s="5" t="s">
        <v>39</v>
      </c>
      <c r="Q17512" s="5" t="s">
        <v>40</v>
      </c>
      <c r="R17512" s="5" t="s">
        <v>1522</v>
      </c>
      <c r="S17512" s="5" t="s">
        <v>1523</v>
      </c>
      <c r="T17512" s="5" t="s">
        <v>42</v>
      </c>
      <c r="U17512" s="2">
        <v>3.952</v>
      </c>
      <c r="V17512" s="2">
        <v>3.3069999999999999</v>
      </c>
      <c r="W17512" s="2">
        <v>0.02</v>
      </c>
      <c r="X17512" s="2">
        <v>159.1</v>
      </c>
      <c r="Y17512" s="2">
        <v>7.6</v>
      </c>
      <c r="Z17512" s="2">
        <v>16.7</v>
      </c>
      <c r="AA17512" s="5"/>
      <c r="AB17512" s="5" t="s">
        <v>43</v>
      </c>
      <c r="AC17512" s="5" t="s">
        <v>44</v>
      </c>
      <c r="AD17512" s="2"/>
      <c r="AE17512" s="1"/>
    </row>
    <row r="17513" spans="1:31" ht="14.45">
      <c r="A17513" s="11"/>
      <c r="B17513" s="20"/>
      <c r="C17513" s="2" t="s">
        <v>53497</v>
      </c>
      <c r="D17513" s="14" t="s">
        <v>53498</v>
      </c>
      <c r="E17513" s="2" t="s">
        <v>53499</v>
      </c>
      <c r="F17513" s="2" t="s">
        <v>36357</v>
      </c>
      <c r="G17513" s="8">
        <v>369</v>
      </c>
      <c r="H17513" s="5">
        <v>6</v>
      </c>
      <c r="I17513" s="5" t="s">
        <v>1518</v>
      </c>
      <c r="J17513" s="5" t="s">
        <v>36264</v>
      </c>
      <c r="K17513" s="2" t="s">
        <v>36265</v>
      </c>
      <c r="L17513" s="5" t="s">
        <v>36264</v>
      </c>
      <c r="M17513" s="2" t="s">
        <v>36265</v>
      </c>
      <c r="N17513" s="5" t="s">
        <v>36266</v>
      </c>
      <c r="O17513" s="5" t="s">
        <v>38</v>
      </c>
      <c r="P17513" s="5" t="s">
        <v>39</v>
      </c>
      <c r="Q17513" s="5" t="s">
        <v>40</v>
      </c>
      <c r="R17513" s="5" t="s">
        <v>1522</v>
      </c>
      <c r="S17513" s="5" t="s">
        <v>1523</v>
      </c>
      <c r="T17513" s="5" t="s">
        <v>42</v>
      </c>
      <c r="U17513" s="2">
        <v>4.0739999999999998</v>
      </c>
      <c r="V17513" s="2">
        <v>3.4289999999999998</v>
      </c>
      <c r="W17513" s="2">
        <v>0.02</v>
      </c>
      <c r="X17513" s="2">
        <v>159.1</v>
      </c>
      <c r="Y17513" s="2">
        <v>7.6</v>
      </c>
      <c r="Z17513" s="2">
        <v>16.7</v>
      </c>
      <c r="AA17513" s="5"/>
      <c r="AB17513" s="5" t="s">
        <v>43</v>
      </c>
      <c r="AC17513" s="5" t="s">
        <v>44</v>
      </c>
      <c r="AD17513" s="2"/>
      <c r="AE17513" s="1"/>
    </row>
    <row r="17514" spans="1:31" ht="14.45">
      <c r="A17514" s="11"/>
      <c r="B17514" s="20"/>
      <c r="C17514" s="2" t="s">
        <v>53500</v>
      </c>
      <c r="D17514" s="14" t="s">
        <v>53501</v>
      </c>
      <c r="E17514" s="2" t="s">
        <v>53502</v>
      </c>
      <c r="F17514" s="2" t="s">
        <v>45598</v>
      </c>
      <c r="G17514" s="8">
        <v>369</v>
      </c>
      <c r="H17514" s="5">
        <v>6</v>
      </c>
      <c r="I17514" s="5" t="s">
        <v>1518</v>
      </c>
      <c r="J17514" s="5" t="s">
        <v>36264</v>
      </c>
      <c r="K17514" s="2" t="s">
        <v>36265</v>
      </c>
      <c r="L17514" s="5" t="s">
        <v>36264</v>
      </c>
      <c r="M17514" s="2" t="s">
        <v>36265</v>
      </c>
      <c r="N17514" s="5" t="s">
        <v>36266</v>
      </c>
      <c r="O17514" s="5" t="s">
        <v>38</v>
      </c>
      <c r="P17514" s="5" t="s">
        <v>39</v>
      </c>
      <c r="Q17514" s="5" t="s">
        <v>40</v>
      </c>
      <c r="R17514" s="5" t="s">
        <v>1522</v>
      </c>
      <c r="S17514" s="5" t="s">
        <v>1523</v>
      </c>
      <c r="T17514" s="5" t="s">
        <v>42</v>
      </c>
      <c r="U17514" s="2">
        <v>3.952</v>
      </c>
      <c r="V17514" s="2">
        <v>3.3069999999999999</v>
      </c>
      <c r="W17514" s="2">
        <v>0.02</v>
      </c>
      <c r="X17514" s="2">
        <v>159.1</v>
      </c>
      <c r="Y17514" s="2">
        <v>7.6</v>
      </c>
      <c r="Z17514" s="2">
        <v>16.7</v>
      </c>
      <c r="AA17514" s="5"/>
      <c r="AB17514" s="5" t="s">
        <v>43</v>
      </c>
      <c r="AC17514" s="5" t="s">
        <v>44</v>
      </c>
      <c r="AD17514" s="2"/>
      <c r="AE17514" s="1"/>
    </row>
    <row r="17515" spans="1:31" ht="14.45">
      <c r="A17515" s="11"/>
      <c r="B17515" s="20"/>
      <c r="C17515" s="2" t="s">
        <v>53503</v>
      </c>
      <c r="D17515" s="14" t="s">
        <v>53504</v>
      </c>
      <c r="E17515" s="2" t="s">
        <v>53505</v>
      </c>
      <c r="F17515" s="2" t="s">
        <v>45534</v>
      </c>
      <c r="G17515" s="8">
        <v>369</v>
      </c>
      <c r="H17515" s="5">
        <v>6</v>
      </c>
      <c r="I17515" s="5" t="s">
        <v>1518</v>
      </c>
      <c r="J17515" s="5" t="s">
        <v>36264</v>
      </c>
      <c r="K17515" s="2" t="s">
        <v>36265</v>
      </c>
      <c r="L17515" s="5" t="s">
        <v>36264</v>
      </c>
      <c r="M17515" s="2" t="s">
        <v>36265</v>
      </c>
      <c r="N17515" s="5" t="s">
        <v>36266</v>
      </c>
      <c r="O17515" s="5" t="s">
        <v>38</v>
      </c>
      <c r="P17515" s="5" t="s">
        <v>39</v>
      </c>
      <c r="Q17515" s="5" t="s">
        <v>40</v>
      </c>
      <c r="R17515" s="5" t="s">
        <v>1522</v>
      </c>
      <c r="S17515" s="5" t="s">
        <v>1523</v>
      </c>
      <c r="T17515" s="5" t="s">
        <v>42</v>
      </c>
      <c r="U17515" s="2">
        <v>4.0739999999999998</v>
      </c>
      <c r="V17515" s="2">
        <v>3.4289999999999998</v>
      </c>
      <c r="W17515" s="2">
        <v>0.02</v>
      </c>
      <c r="X17515" s="2">
        <v>159.1</v>
      </c>
      <c r="Y17515" s="2">
        <v>7.6</v>
      </c>
      <c r="Z17515" s="2">
        <v>16.7</v>
      </c>
      <c r="AA17515" s="5"/>
      <c r="AB17515" s="5" t="s">
        <v>43</v>
      </c>
      <c r="AC17515" s="5" t="s">
        <v>44</v>
      </c>
      <c r="AD17515" s="2"/>
      <c r="AE17515" s="1"/>
    </row>
    <row r="17516" spans="1:31" ht="14.45">
      <c r="A17516" s="11"/>
      <c r="B17516" s="20"/>
      <c r="C17516" s="2" t="s">
        <v>53506</v>
      </c>
      <c r="D17516" s="14" t="s">
        <v>53507</v>
      </c>
      <c r="E17516" s="2" t="s">
        <v>53508</v>
      </c>
      <c r="F17516" s="2" t="s">
        <v>36369</v>
      </c>
      <c r="G17516" s="8">
        <v>369</v>
      </c>
      <c r="H17516" s="5">
        <v>6</v>
      </c>
      <c r="I17516" s="5" t="s">
        <v>1518</v>
      </c>
      <c r="J17516" s="5" t="s">
        <v>36264</v>
      </c>
      <c r="K17516" s="2" t="s">
        <v>36265</v>
      </c>
      <c r="L17516" s="5" t="s">
        <v>36264</v>
      </c>
      <c r="M17516" s="2" t="s">
        <v>36265</v>
      </c>
      <c r="N17516" s="5" t="s">
        <v>36266</v>
      </c>
      <c r="O17516" s="5" t="s">
        <v>38</v>
      </c>
      <c r="P17516" s="5" t="s">
        <v>39</v>
      </c>
      <c r="Q17516" s="5" t="s">
        <v>40</v>
      </c>
      <c r="R17516" s="5" t="s">
        <v>1522</v>
      </c>
      <c r="S17516" s="5" t="s">
        <v>1523</v>
      </c>
      <c r="T17516" s="5" t="s">
        <v>42</v>
      </c>
      <c r="U17516" s="2">
        <v>3.952</v>
      </c>
      <c r="V17516" s="2">
        <v>3.3069999999999999</v>
      </c>
      <c r="W17516" s="2">
        <v>0.02</v>
      </c>
      <c r="X17516" s="2">
        <v>159.1</v>
      </c>
      <c r="Y17516" s="2">
        <v>7.6</v>
      </c>
      <c r="Z17516" s="2">
        <v>16.7</v>
      </c>
      <c r="AA17516" s="5"/>
      <c r="AB17516" s="5" t="s">
        <v>43</v>
      </c>
      <c r="AC17516" s="5" t="s">
        <v>44</v>
      </c>
      <c r="AD17516" s="2"/>
      <c r="AE17516" s="1"/>
    </row>
    <row r="17517" spans="1:31" ht="14.45">
      <c r="A17517" s="11"/>
      <c r="B17517" s="20"/>
      <c r="C17517" s="2" t="s">
        <v>53509</v>
      </c>
      <c r="D17517" s="14" t="s">
        <v>53510</v>
      </c>
      <c r="E17517" s="2" t="s">
        <v>53511</v>
      </c>
      <c r="F17517" s="2" t="s">
        <v>36373</v>
      </c>
      <c r="G17517" s="8">
        <v>369</v>
      </c>
      <c r="H17517" s="5">
        <v>6</v>
      </c>
      <c r="I17517" s="5" t="s">
        <v>1518</v>
      </c>
      <c r="J17517" s="5" t="s">
        <v>36264</v>
      </c>
      <c r="K17517" s="2" t="s">
        <v>36265</v>
      </c>
      <c r="L17517" s="5" t="s">
        <v>36264</v>
      </c>
      <c r="M17517" s="2" t="s">
        <v>36265</v>
      </c>
      <c r="N17517" s="5" t="s">
        <v>36266</v>
      </c>
      <c r="O17517" s="5" t="s">
        <v>38</v>
      </c>
      <c r="P17517" s="5" t="s">
        <v>39</v>
      </c>
      <c r="Q17517" s="5" t="s">
        <v>40</v>
      </c>
      <c r="R17517" s="5" t="s">
        <v>1522</v>
      </c>
      <c r="S17517" s="5" t="s">
        <v>1523</v>
      </c>
      <c r="T17517" s="5" t="s">
        <v>42</v>
      </c>
      <c r="U17517" s="2">
        <v>4.0739999999999998</v>
      </c>
      <c r="V17517" s="2">
        <v>3.4289999999999998</v>
      </c>
      <c r="W17517" s="2">
        <v>0.02</v>
      </c>
      <c r="X17517" s="2">
        <v>159.1</v>
      </c>
      <c r="Y17517" s="2">
        <v>7.6</v>
      </c>
      <c r="Z17517" s="2">
        <v>16.7</v>
      </c>
      <c r="AA17517" s="5"/>
      <c r="AB17517" s="5" t="s">
        <v>43</v>
      </c>
      <c r="AC17517" s="5" t="s">
        <v>44</v>
      </c>
      <c r="AD17517" s="2"/>
      <c r="AE17517" s="1"/>
    </row>
    <row r="17518" spans="1:31" ht="14.45">
      <c r="A17518" s="11"/>
      <c r="B17518" s="20"/>
      <c r="C17518" s="2" t="s">
        <v>53512</v>
      </c>
      <c r="D17518" s="14" t="s">
        <v>53513</v>
      </c>
      <c r="E17518" s="2" t="s">
        <v>53514</v>
      </c>
      <c r="F17518" s="2" t="s">
        <v>36377</v>
      </c>
      <c r="G17518" s="8">
        <v>369</v>
      </c>
      <c r="H17518" s="5">
        <v>6</v>
      </c>
      <c r="I17518" s="5" t="s">
        <v>1518</v>
      </c>
      <c r="J17518" s="5" t="s">
        <v>36264</v>
      </c>
      <c r="K17518" s="2" t="s">
        <v>36265</v>
      </c>
      <c r="L17518" s="5" t="s">
        <v>36264</v>
      </c>
      <c r="M17518" s="2" t="s">
        <v>36265</v>
      </c>
      <c r="N17518" s="5" t="s">
        <v>36266</v>
      </c>
      <c r="O17518" s="5" t="s">
        <v>38</v>
      </c>
      <c r="P17518" s="5" t="s">
        <v>39</v>
      </c>
      <c r="Q17518" s="5" t="s">
        <v>40</v>
      </c>
      <c r="R17518" s="5" t="s">
        <v>1522</v>
      </c>
      <c r="S17518" s="5" t="s">
        <v>1523</v>
      </c>
      <c r="T17518" s="5" t="s">
        <v>42</v>
      </c>
      <c r="U17518" s="2">
        <v>3.952</v>
      </c>
      <c r="V17518" s="2">
        <v>3.3069999999999999</v>
      </c>
      <c r="W17518" s="2">
        <v>0.02</v>
      </c>
      <c r="X17518" s="2">
        <v>159.1</v>
      </c>
      <c r="Y17518" s="2">
        <v>7.6</v>
      </c>
      <c r="Z17518" s="2">
        <v>16.7</v>
      </c>
      <c r="AA17518" s="5"/>
      <c r="AB17518" s="5" t="s">
        <v>43</v>
      </c>
      <c r="AC17518" s="5" t="s">
        <v>44</v>
      </c>
      <c r="AD17518" s="2"/>
      <c r="AE17518" s="1"/>
    </row>
    <row r="17519" spans="1:31" ht="14.45">
      <c r="A17519" s="11"/>
      <c r="B17519" s="20"/>
      <c r="C17519" s="2" t="s">
        <v>53515</v>
      </c>
      <c r="D17519" s="14" t="s">
        <v>53516</v>
      </c>
      <c r="E17519" s="2" t="s">
        <v>53517</v>
      </c>
      <c r="F17519" s="2" t="s">
        <v>36381</v>
      </c>
      <c r="G17519" s="8">
        <v>369</v>
      </c>
      <c r="H17519" s="5">
        <v>6</v>
      </c>
      <c r="I17519" s="5" t="s">
        <v>1518</v>
      </c>
      <c r="J17519" s="5" t="s">
        <v>36264</v>
      </c>
      <c r="K17519" s="2" t="s">
        <v>36265</v>
      </c>
      <c r="L17519" s="5" t="s">
        <v>36264</v>
      </c>
      <c r="M17519" s="2" t="s">
        <v>36265</v>
      </c>
      <c r="N17519" s="5" t="s">
        <v>36266</v>
      </c>
      <c r="O17519" s="5" t="s">
        <v>38</v>
      </c>
      <c r="P17519" s="5" t="s">
        <v>39</v>
      </c>
      <c r="Q17519" s="5" t="s">
        <v>40</v>
      </c>
      <c r="R17519" s="5" t="s">
        <v>1522</v>
      </c>
      <c r="S17519" s="5" t="s">
        <v>1523</v>
      </c>
      <c r="T17519" s="5" t="s">
        <v>42</v>
      </c>
      <c r="U17519" s="2">
        <v>4.0739999999999998</v>
      </c>
      <c r="V17519" s="2">
        <v>3.4289999999999998</v>
      </c>
      <c r="W17519" s="2">
        <v>0.02</v>
      </c>
      <c r="X17519" s="2">
        <v>159.1</v>
      </c>
      <c r="Y17519" s="2">
        <v>7.6</v>
      </c>
      <c r="Z17519" s="2">
        <v>16.7</v>
      </c>
      <c r="AA17519" s="5"/>
      <c r="AB17519" s="5" t="s">
        <v>43</v>
      </c>
      <c r="AC17519" s="5" t="s">
        <v>44</v>
      </c>
      <c r="AD17519" s="2"/>
      <c r="AE17519" s="1"/>
    </row>
    <row r="17520" spans="1:31" ht="14.45">
      <c r="A17520" s="11"/>
      <c r="B17520" s="20"/>
      <c r="C17520" s="2" t="s">
        <v>53518</v>
      </c>
      <c r="D17520" s="14" t="s">
        <v>53519</v>
      </c>
      <c r="E17520" s="2" t="s">
        <v>53520</v>
      </c>
      <c r="F17520" s="2" t="s">
        <v>36385</v>
      </c>
      <c r="G17520" s="8">
        <v>369</v>
      </c>
      <c r="H17520" s="5">
        <v>6</v>
      </c>
      <c r="I17520" s="5" t="s">
        <v>1518</v>
      </c>
      <c r="J17520" s="5" t="s">
        <v>36264</v>
      </c>
      <c r="K17520" s="2" t="s">
        <v>36265</v>
      </c>
      <c r="L17520" s="5" t="s">
        <v>36264</v>
      </c>
      <c r="M17520" s="2" t="s">
        <v>36265</v>
      </c>
      <c r="N17520" s="5" t="s">
        <v>36266</v>
      </c>
      <c r="O17520" s="5" t="s">
        <v>38</v>
      </c>
      <c r="P17520" s="5" t="s">
        <v>39</v>
      </c>
      <c r="Q17520" s="5" t="s">
        <v>40</v>
      </c>
      <c r="R17520" s="5" t="s">
        <v>1522</v>
      </c>
      <c r="S17520" s="5" t="s">
        <v>1523</v>
      </c>
      <c r="T17520" s="5" t="s">
        <v>42</v>
      </c>
      <c r="U17520" s="2">
        <v>3.952</v>
      </c>
      <c r="V17520" s="2">
        <v>3.3069999999999999</v>
      </c>
      <c r="W17520" s="2">
        <v>0.02</v>
      </c>
      <c r="X17520" s="2">
        <v>159.1</v>
      </c>
      <c r="Y17520" s="2">
        <v>7.6</v>
      </c>
      <c r="Z17520" s="2">
        <v>16.7</v>
      </c>
      <c r="AA17520" s="5"/>
      <c r="AB17520" s="5" t="s">
        <v>43</v>
      </c>
      <c r="AC17520" s="5" t="s">
        <v>44</v>
      </c>
      <c r="AD17520" s="2"/>
      <c r="AE17520" s="1"/>
    </row>
    <row r="17521" spans="1:31" ht="14.45">
      <c r="A17521" s="11"/>
      <c r="B17521" s="20"/>
      <c r="C17521" s="2" t="s">
        <v>53521</v>
      </c>
      <c r="D17521" s="14" t="s">
        <v>53522</v>
      </c>
      <c r="E17521" s="2" t="s">
        <v>53523</v>
      </c>
      <c r="F17521" s="2" t="s">
        <v>36389</v>
      </c>
      <c r="G17521" s="8">
        <v>369</v>
      </c>
      <c r="H17521" s="5">
        <v>6</v>
      </c>
      <c r="I17521" s="5" t="s">
        <v>1518</v>
      </c>
      <c r="J17521" s="5" t="s">
        <v>36264</v>
      </c>
      <c r="K17521" s="2" t="s">
        <v>36265</v>
      </c>
      <c r="L17521" s="5" t="s">
        <v>36264</v>
      </c>
      <c r="M17521" s="2" t="s">
        <v>36265</v>
      </c>
      <c r="N17521" s="5" t="s">
        <v>36266</v>
      </c>
      <c r="O17521" s="5" t="s">
        <v>38</v>
      </c>
      <c r="P17521" s="5" t="s">
        <v>39</v>
      </c>
      <c r="Q17521" s="5" t="s">
        <v>40</v>
      </c>
      <c r="R17521" s="5" t="s">
        <v>1522</v>
      </c>
      <c r="S17521" s="5" t="s">
        <v>1523</v>
      </c>
      <c r="T17521" s="5" t="s">
        <v>42</v>
      </c>
      <c r="U17521" s="2">
        <v>4.0739999999999998</v>
      </c>
      <c r="V17521" s="2">
        <v>3.4289999999999998</v>
      </c>
      <c r="W17521" s="2">
        <v>0.02</v>
      </c>
      <c r="X17521" s="2">
        <v>159.1</v>
      </c>
      <c r="Y17521" s="2">
        <v>7.6</v>
      </c>
      <c r="Z17521" s="2">
        <v>16.7</v>
      </c>
      <c r="AA17521" s="5"/>
      <c r="AB17521" s="5" t="s">
        <v>43</v>
      </c>
      <c r="AC17521" s="5" t="s">
        <v>44</v>
      </c>
      <c r="AD17521" s="2"/>
      <c r="AE17521" s="1"/>
    </row>
    <row r="17522" spans="1:31" ht="14.45">
      <c r="A17522" s="11"/>
      <c r="B17522" s="20"/>
      <c r="C17522" s="2" t="s">
        <v>53524</v>
      </c>
      <c r="D17522" s="14" t="s">
        <v>53525</v>
      </c>
      <c r="E17522" s="2" t="s">
        <v>53526</v>
      </c>
      <c r="F17522" s="2" t="s">
        <v>7204</v>
      </c>
      <c r="G17522" s="8">
        <v>360</v>
      </c>
      <c r="H17522" s="5">
        <v>6</v>
      </c>
      <c r="I17522" s="5" t="s">
        <v>1518</v>
      </c>
      <c r="J17522" s="5" t="s">
        <v>36264</v>
      </c>
      <c r="K17522" s="2" t="s">
        <v>36265</v>
      </c>
      <c r="L17522" s="5" t="s">
        <v>36264</v>
      </c>
      <c r="M17522" s="2" t="s">
        <v>36265</v>
      </c>
      <c r="N17522" s="5" t="s">
        <v>36266</v>
      </c>
      <c r="O17522" s="5" t="s">
        <v>38</v>
      </c>
      <c r="P17522" s="5" t="s">
        <v>39</v>
      </c>
      <c r="Q17522" s="5" t="s">
        <v>40</v>
      </c>
      <c r="R17522" s="5" t="s">
        <v>1522</v>
      </c>
      <c r="S17522" s="5" t="s">
        <v>1523</v>
      </c>
      <c r="T17522" s="5" t="s">
        <v>42</v>
      </c>
      <c r="U17522" s="2">
        <v>4.1390000000000002</v>
      </c>
      <c r="V17522" s="2">
        <v>3.5030000000000001</v>
      </c>
      <c r="W17522" s="2">
        <v>0.02</v>
      </c>
      <c r="X17522" s="2">
        <v>159.1</v>
      </c>
      <c r="Y17522" s="2">
        <v>7.6</v>
      </c>
      <c r="Z17522" s="2">
        <v>16.7</v>
      </c>
      <c r="AA17522" s="5"/>
      <c r="AB17522" s="5" t="s">
        <v>43</v>
      </c>
      <c r="AC17522" s="5" t="s">
        <v>44</v>
      </c>
      <c r="AD17522" s="2"/>
      <c r="AE17522" s="1"/>
    </row>
    <row r="17523" spans="1:31" ht="14.45">
      <c r="A17523" s="11"/>
      <c r="B17523" s="20"/>
      <c r="C17523" s="2" t="s">
        <v>53527</v>
      </c>
      <c r="D17523" s="14" t="s">
        <v>53528</v>
      </c>
      <c r="E17523" s="2" t="s">
        <v>53529</v>
      </c>
      <c r="F17523" s="2" t="s">
        <v>7514</v>
      </c>
      <c r="G17523" s="8">
        <v>360</v>
      </c>
      <c r="H17523" s="5">
        <v>6</v>
      </c>
      <c r="I17523" s="5" t="s">
        <v>1518</v>
      </c>
      <c r="J17523" s="5" t="s">
        <v>36264</v>
      </c>
      <c r="K17523" s="2" t="s">
        <v>36265</v>
      </c>
      <c r="L17523" s="5" t="s">
        <v>36264</v>
      </c>
      <c r="M17523" s="2" t="s">
        <v>36265</v>
      </c>
      <c r="N17523" s="5" t="s">
        <v>36266</v>
      </c>
      <c r="O17523" s="5" t="s">
        <v>38</v>
      </c>
      <c r="P17523" s="5" t="s">
        <v>39</v>
      </c>
      <c r="Q17523" s="5" t="s">
        <v>40</v>
      </c>
      <c r="R17523" s="5" t="s">
        <v>1522</v>
      </c>
      <c r="S17523" s="5" t="s">
        <v>1523</v>
      </c>
      <c r="T17523" s="5" t="s">
        <v>42</v>
      </c>
      <c r="U17523" s="2">
        <v>4.2729999999999997</v>
      </c>
      <c r="V17523" s="2">
        <v>3.637</v>
      </c>
      <c r="W17523" s="2">
        <v>0.02</v>
      </c>
      <c r="X17523" s="2">
        <v>159.1</v>
      </c>
      <c r="Y17523" s="2">
        <v>7.6</v>
      </c>
      <c r="Z17523" s="2">
        <v>16.7</v>
      </c>
      <c r="AA17523" s="5"/>
      <c r="AB17523" s="5" t="s">
        <v>43</v>
      </c>
      <c r="AC17523" s="5" t="s">
        <v>44</v>
      </c>
      <c r="AD17523" s="2"/>
      <c r="AE17523" s="1"/>
    </row>
    <row r="17524" spans="1:31" ht="14.45">
      <c r="A17524" s="11"/>
      <c r="B17524" s="20"/>
      <c r="C17524" s="2" t="s">
        <v>53530</v>
      </c>
      <c r="D17524" s="14" t="s">
        <v>53531</v>
      </c>
      <c r="E17524" s="2" t="s">
        <v>53532</v>
      </c>
      <c r="F17524" s="2" t="s">
        <v>36273</v>
      </c>
      <c r="G17524" s="8">
        <v>360</v>
      </c>
      <c r="H17524" s="5">
        <v>6</v>
      </c>
      <c r="I17524" s="5" t="s">
        <v>1518</v>
      </c>
      <c r="J17524" s="5" t="s">
        <v>36264</v>
      </c>
      <c r="K17524" s="2" t="s">
        <v>36265</v>
      </c>
      <c r="L17524" s="5" t="s">
        <v>36264</v>
      </c>
      <c r="M17524" s="2" t="s">
        <v>36265</v>
      </c>
      <c r="N17524" s="5" t="s">
        <v>36266</v>
      </c>
      <c r="O17524" s="5" t="s">
        <v>38</v>
      </c>
      <c r="P17524" s="5" t="s">
        <v>39</v>
      </c>
      <c r="Q17524" s="5" t="s">
        <v>40</v>
      </c>
      <c r="R17524" s="5" t="s">
        <v>1522</v>
      </c>
      <c r="S17524" s="5" t="s">
        <v>1523</v>
      </c>
      <c r="T17524" s="5" t="s">
        <v>42</v>
      </c>
      <c r="U17524" s="2">
        <v>4.1390000000000002</v>
      </c>
      <c r="V17524" s="2">
        <v>3.5030000000000001</v>
      </c>
      <c r="W17524" s="2">
        <v>0.02</v>
      </c>
      <c r="X17524" s="2">
        <v>159.1</v>
      </c>
      <c r="Y17524" s="2">
        <v>7.6</v>
      </c>
      <c r="Z17524" s="2">
        <v>16.7</v>
      </c>
      <c r="AA17524" s="5"/>
      <c r="AB17524" s="5" t="s">
        <v>43</v>
      </c>
      <c r="AC17524" s="5" t="s">
        <v>44</v>
      </c>
      <c r="AD17524" s="2"/>
      <c r="AE17524" s="1"/>
    </row>
    <row r="17525" spans="1:31" ht="14.45">
      <c r="A17525" s="11"/>
      <c r="B17525" s="20"/>
      <c r="C17525" s="2" t="s">
        <v>53533</v>
      </c>
      <c r="D17525" s="14" t="s">
        <v>53534</v>
      </c>
      <c r="E17525" s="2" t="s">
        <v>53535</v>
      </c>
      <c r="F17525" s="2" t="s">
        <v>36277</v>
      </c>
      <c r="G17525" s="8">
        <v>360</v>
      </c>
      <c r="H17525" s="5">
        <v>6</v>
      </c>
      <c r="I17525" s="5" t="s">
        <v>1518</v>
      </c>
      <c r="J17525" s="5" t="s">
        <v>36264</v>
      </c>
      <c r="K17525" s="2" t="s">
        <v>36265</v>
      </c>
      <c r="L17525" s="5" t="s">
        <v>36264</v>
      </c>
      <c r="M17525" s="2" t="s">
        <v>36265</v>
      </c>
      <c r="N17525" s="5" t="s">
        <v>36266</v>
      </c>
      <c r="O17525" s="5" t="s">
        <v>38</v>
      </c>
      <c r="P17525" s="5" t="s">
        <v>39</v>
      </c>
      <c r="Q17525" s="5" t="s">
        <v>40</v>
      </c>
      <c r="R17525" s="5" t="s">
        <v>1522</v>
      </c>
      <c r="S17525" s="5" t="s">
        <v>1523</v>
      </c>
      <c r="T17525" s="5" t="s">
        <v>42</v>
      </c>
      <c r="U17525" s="2">
        <v>4.2729999999999997</v>
      </c>
      <c r="V17525" s="2">
        <v>3.637</v>
      </c>
      <c r="W17525" s="2">
        <v>0.02</v>
      </c>
      <c r="X17525" s="2">
        <v>159.1</v>
      </c>
      <c r="Y17525" s="2">
        <v>7.6</v>
      </c>
      <c r="Z17525" s="2">
        <v>16.7</v>
      </c>
      <c r="AA17525" s="5"/>
      <c r="AB17525" s="5" t="s">
        <v>43</v>
      </c>
      <c r="AC17525" s="5" t="s">
        <v>44</v>
      </c>
      <c r="AD17525" s="2"/>
      <c r="AE17525" s="1"/>
    </row>
    <row r="17526" spans="1:31" ht="14.45">
      <c r="A17526" s="11"/>
      <c r="B17526" s="20"/>
      <c r="C17526" s="2" t="s">
        <v>53536</v>
      </c>
      <c r="D17526" s="14" t="s">
        <v>53537</v>
      </c>
      <c r="E17526" s="2" t="s">
        <v>53538</v>
      </c>
      <c r="F17526" s="2" t="s">
        <v>36285</v>
      </c>
      <c r="G17526" s="8">
        <v>394</v>
      </c>
      <c r="H17526" s="5">
        <v>6</v>
      </c>
      <c r="I17526" s="5" t="s">
        <v>1518</v>
      </c>
      <c r="J17526" s="5" t="s">
        <v>36264</v>
      </c>
      <c r="K17526" s="2" t="s">
        <v>36265</v>
      </c>
      <c r="L17526" s="5" t="s">
        <v>36264</v>
      </c>
      <c r="M17526" s="2" t="s">
        <v>36265</v>
      </c>
      <c r="N17526" s="5" t="s">
        <v>36266</v>
      </c>
      <c r="O17526" s="5" t="s">
        <v>38</v>
      </c>
      <c r="P17526" s="5" t="s">
        <v>39</v>
      </c>
      <c r="Q17526" s="5" t="s">
        <v>40</v>
      </c>
      <c r="R17526" s="5" t="s">
        <v>1522</v>
      </c>
      <c r="S17526" s="5" t="s">
        <v>1523</v>
      </c>
      <c r="T17526" s="5" t="s">
        <v>42</v>
      </c>
      <c r="U17526" s="2">
        <v>4.2729999999999997</v>
      </c>
      <c r="V17526" s="2">
        <v>3.637</v>
      </c>
      <c r="W17526" s="2">
        <v>0.02</v>
      </c>
      <c r="X17526" s="2">
        <v>159.1</v>
      </c>
      <c r="Y17526" s="2">
        <v>7.6</v>
      </c>
      <c r="Z17526" s="2">
        <v>16.7</v>
      </c>
      <c r="AA17526" s="5"/>
      <c r="AB17526" s="5" t="s">
        <v>43</v>
      </c>
      <c r="AC17526" s="5" t="s">
        <v>44</v>
      </c>
      <c r="AD17526" s="2"/>
      <c r="AE17526" s="1"/>
    </row>
    <row r="17527" spans="1:31" ht="14.45">
      <c r="A17527" s="11"/>
      <c r="B17527" s="20"/>
      <c r="C17527" s="2" t="s">
        <v>53539</v>
      </c>
      <c r="D17527" s="14" t="s">
        <v>53540</v>
      </c>
      <c r="E17527" s="2" t="s">
        <v>53541</v>
      </c>
      <c r="F17527" s="2" t="s">
        <v>36289</v>
      </c>
      <c r="G17527" s="8">
        <v>394</v>
      </c>
      <c r="H17527" s="5">
        <v>6</v>
      </c>
      <c r="I17527" s="5" t="s">
        <v>1518</v>
      </c>
      <c r="J17527" s="5" t="s">
        <v>36264</v>
      </c>
      <c r="K17527" s="2" t="s">
        <v>36265</v>
      </c>
      <c r="L17527" s="5" t="s">
        <v>36264</v>
      </c>
      <c r="M17527" s="2" t="s">
        <v>36265</v>
      </c>
      <c r="N17527" s="5" t="s">
        <v>36266</v>
      </c>
      <c r="O17527" s="5" t="s">
        <v>38</v>
      </c>
      <c r="P17527" s="5" t="s">
        <v>39</v>
      </c>
      <c r="Q17527" s="5" t="s">
        <v>40</v>
      </c>
      <c r="R17527" s="5" t="s">
        <v>1522</v>
      </c>
      <c r="S17527" s="5" t="s">
        <v>1523</v>
      </c>
      <c r="T17527" s="5" t="s">
        <v>42</v>
      </c>
      <c r="U17527" s="2">
        <v>4.1390000000000002</v>
      </c>
      <c r="V17527" s="2">
        <v>3.5030000000000001</v>
      </c>
      <c r="W17527" s="2">
        <v>0.02</v>
      </c>
      <c r="X17527" s="2">
        <v>159.1</v>
      </c>
      <c r="Y17527" s="2">
        <v>7.6</v>
      </c>
      <c r="Z17527" s="2">
        <v>16.7</v>
      </c>
      <c r="AA17527" s="5"/>
      <c r="AB17527" s="5" t="s">
        <v>43</v>
      </c>
      <c r="AC17527" s="5" t="s">
        <v>44</v>
      </c>
      <c r="AD17527" s="2"/>
      <c r="AE17527" s="1"/>
    </row>
    <row r="17528" spans="1:31" ht="14.45">
      <c r="A17528" s="11"/>
      <c r="B17528" s="20"/>
      <c r="C17528" s="2" t="s">
        <v>53542</v>
      </c>
      <c r="D17528" s="14" t="s">
        <v>53543</v>
      </c>
      <c r="E17528" s="2" t="s">
        <v>53544</v>
      </c>
      <c r="F17528" s="2" t="s">
        <v>36293</v>
      </c>
      <c r="G17528" s="8">
        <v>394</v>
      </c>
      <c r="H17528" s="5">
        <v>6</v>
      </c>
      <c r="I17528" s="5" t="s">
        <v>1518</v>
      </c>
      <c r="J17528" s="5" t="s">
        <v>36264</v>
      </c>
      <c r="K17528" s="2" t="s">
        <v>36265</v>
      </c>
      <c r="L17528" s="5" t="s">
        <v>36264</v>
      </c>
      <c r="M17528" s="2" t="s">
        <v>36265</v>
      </c>
      <c r="N17528" s="5" t="s">
        <v>36266</v>
      </c>
      <c r="O17528" s="5" t="s">
        <v>38</v>
      </c>
      <c r="P17528" s="5" t="s">
        <v>39</v>
      </c>
      <c r="Q17528" s="5" t="s">
        <v>40</v>
      </c>
      <c r="R17528" s="5" t="s">
        <v>1522</v>
      </c>
      <c r="S17528" s="5" t="s">
        <v>1523</v>
      </c>
      <c r="T17528" s="5" t="s">
        <v>42</v>
      </c>
      <c r="U17528" s="2">
        <v>4.2729999999999997</v>
      </c>
      <c r="V17528" s="2">
        <v>3.637</v>
      </c>
      <c r="W17528" s="2">
        <v>0.02</v>
      </c>
      <c r="X17528" s="2">
        <v>159.1</v>
      </c>
      <c r="Y17528" s="2">
        <v>7.6</v>
      </c>
      <c r="Z17528" s="2">
        <v>16.7</v>
      </c>
      <c r="AA17528" s="5"/>
      <c r="AB17528" s="5" t="s">
        <v>43</v>
      </c>
      <c r="AC17528" s="5" t="s">
        <v>44</v>
      </c>
      <c r="AD17528" s="2"/>
      <c r="AE17528" s="1"/>
    </row>
    <row r="17529" spans="1:31" ht="14.45">
      <c r="A17529" s="11"/>
      <c r="B17529" s="20"/>
      <c r="C17529" s="2" t="s">
        <v>53545</v>
      </c>
      <c r="D17529" s="14" t="s">
        <v>53546</v>
      </c>
      <c r="E17529" s="2" t="s">
        <v>53547</v>
      </c>
      <c r="F17529" s="2" t="s">
        <v>36297</v>
      </c>
      <c r="G17529" s="8">
        <v>360</v>
      </c>
      <c r="H17529" s="5">
        <v>6</v>
      </c>
      <c r="I17529" s="5" t="s">
        <v>1518</v>
      </c>
      <c r="J17529" s="5" t="s">
        <v>36264</v>
      </c>
      <c r="K17529" s="2" t="s">
        <v>36265</v>
      </c>
      <c r="L17529" s="5" t="s">
        <v>36264</v>
      </c>
      <c r="M17529" s="2" t="s">
        <v>36265</v>
      </c>
      <c r="N17529" s="5" t="s">
        <v>36266</v>
      </c>
      <c r="O17529" s="5" t="s">
        <v>38</v>
      </c>
      <c r="P17529" s="5" t="s">
        <v>39</v>
      </c>
      <c r="Q17529" s="5" t="s">
        <v>40</v>
      </c>
      <c r="R17529" s="5" t="s">
        <v>1522</v>
      </c>
      <c r="S17529" s="5" t="s">
        <v>1523</v>
      </c>
      <c r="T17529" s="5" t="s">
        <v>42</v>
      </c>
      <c r="U17529" s="2">
        <v>4.1390000000000002</v>
      </c>
      <c r="V17529" s="2">
        <v>3.5030000000000001</v>
      </c>
      <c r="W17529" s="2">
        <v>0.02</v>
      </c>
      <c r="X17529" s="2">
        <v>159.1</v>
      </c>
      <c r="Y17529" s="2">
        <v>7.6</v>
      </c>
      <c r="Z17529" s="2">
        <v>16.7</v>
      </c>
      <c r="AA17529" s="5"/>
      <c r="AB17529" s="5" t="s">
        <v>43</v>
      </c>
      <c r="AC17529" s="5" t="s">
        <v>44</v>
      </c>
      <c r="AD17529" s="2"/>
      <c r="AE17529" s="1"/>
    </row>
    <row r="17530" spans="1:31" ht="14.45">
      <c r="A17530" s="11"/>
      <c r="B17530" s="20"/>
      <c r="C17530" s="2" t="s">
        <v>53548</v>
      </c>
      <c r="D17530" s="14" t="s">
        <v>53549</v>
      </c>
      <c r="E17530" s="2" t="s">
        <v>53550</v>
      </c>
      <c r="F17530" s="2" t="s">
        <v>36301</v>
      </c>
      <c r="G17530" s="8">
        <v>360</v>
      </c>
      <c r="H17530" s="5">
        <v>6</v>
      </c>
      <c r="I17530" s="5" t="s">
        <v>1518</v>
      </c>
      <c r="J17530" s="5" t="s">
        <v>36264</v>
      </c>
      <c r="K17530" s="2" t="s">
        <v>36265</v>
      </c>
      <c r="L17530" s="5" t="s">
        <v>36264</v>
      </c>
      <c r="M17530" s="2" t="s">
        <v>36265</v>
      </c>
      <c r="N17530" s="5" t="s">
        <v>36266</v>
      </c>
      <c r="O17530" s="5" t="s">
        <v>38</v>
      </c>
      <c r="P17530" s="5" t="s">
        <v>39</v>
      </c>
      <c r="Q17530" s="5" t="s">
        <v>40</v>
      </c>
      <c r="R17530" s="5" t="s">
        <v>1522</v>
      </c>
      <c r="S17530" s="5" t="s">
        <v>1523</v>
      </c>
      <c r="T17530" s="5" t="s">
        <v>42</v>
      </c>
      <c r="U17530" s="2">
        <v>4.2729999999999997</v>
      </c>
      <c r="V17530" s="2">
        <v>3.637</v>
      </c>
      <c r="W17530" s="2">
        <v>0.02</v>
      </c>
      <c r="X17530" s="2">
        <v>159.1</v>
      </c>
      <c r="Y17530" s="2">
        <v>7.6</v>
      </c>
      <c r="Z17530" s="2">
        <v>16.7</v>
      </c>
      <c r="AA17530" s="5"/>
      <c r="AB17530" s="5" t="s">
        <v>43</v>
      </c>
      <c r="AC17530" s="5" t="s">
        <v>44</v>
      </c>
      <c r="AD17530" s="2"/>
      <c r="AE17530" s="1"/>
    </row>
    <row r="17531" spans="1:31" ht="14.45">
      <c r="A17531" s="11"/>
      <c r="B17531" s="20"/>
      <c r="C17531" s="2" t="s">
        <v>53551</v>
      </c>
      <c r="D17531" s="14" t="s">
        <v>53552</v>
      </c>
      <c r="E17531" s="2" t="s">
        <v>53553</v>
      </c>
      <c r="F17531" s="2" t="s">
        <v>36305</v>
      </c>
      <c r="G17531" s="8">
        <v>360</v>
      </c>
      <c r="H17531" s="5">
        <v>6</v>
      </c>
      <c r="I17531" s="5" t="s">
        <v>1518</v>
      </c>
      <c r="J17531" s="5" t="s">
        <v>36264</v>
      </c>
      <c r="K17531" s="2" t="s">
        <v>36265</v>
      </c>
      <c r="L17531" s="5" t="s">
        <v>36264</v>
      </c>
      <c r="M17531" s="2" t="s">
        <v>36265</v>
      </c>
      <c r="N17531" s="5" t="s">
        <v>36266</v>
      </c>
      <c r="O17531" s="5" t="s">
        <v>38</v>
      </c>
      <c r="P17531" s="5" t="s">
        <v>39</v>
      </c>
      <c r="Q17531" s="5" t="s">
        <v>40</v>
      </c>
      <c r="R17531" s="5" t="s">
        <v>1522</v>
      </c>
      <c r="S17531" s="5" t="s">
        <v>1523</v>
      </c>
      <c r="T17531" s="5" t="s">
        <v>42</v>
      </c>
      <c r="U17531" s="2">
        <v>4.1390000000000002</v>
      </c>
      <c r="V17531" s="2">
        <v>3.5030000000000001</v>
      </c>
      <c r="W17531" s="2">
        <v>0.02</v>
      </c>
      <c r="X17531" s="2">
        <v>159.1</v>
      </c>
      <c r="Y17531" s="2">
        <v>7.6</v>
      </c>
      <c r="Z17531" s="2">
        <v>16.7</v>
      </c>
      <c r="AA17531" s="5"/>
      <c r="AB17531" s="5" t="s">
        <v>43</v>
      </c>
      <c r="AC17531" s="5" t="s">
        <v>44</v>
      </c>
      <c r="AD17531" s="2"/>
      <c r="AE17531" s="1"/>
    </row>
    <row r="17532" spans="1:31" ht="14.45">
      <c r="A17532" s="11"/>
      <c r="B17532" s="20"/>
      <c r="C17532" s="2" t="s">
        <v>53554</v>
      </c>
      <c r="D17532" s="14" t="s">
        <v>53555</v>
      </c>
      <c r="E17532" s="2" t="s">
        <v>53556</v>
      </c>
      <c r="F17532" s="2" t="s">
        <v>36309</v>
      </c>
      <c r="G17532" s="8">
        <v>360</v>
      </c>
      <c r="H17532" s="5">
        <v>6</v>
      </c>
      <c r="I17532" s="5" t="s">
        <v>1518</v>
      </c>
      <c r="J17532" s="5" t="s">
        <v>36264</v>
      </c>
      <c r="K17532" s="2" t="s">
        <v>36265</v>
      </c>
      <c r="L17532" s="5" t="s">
        <v>36264</v>
      </c>
      <c r="M17532" s="2" t="s">
        <v>36265</v>
      </c>
      <c r="N17532" s="5" t="s">
        <v>36266</v>
      </c>
      <c r="O17532" s="5" t="s">
        <v>38</v>
      </c>
      <c r="P17532" s="5" t="s">
        <v>39</v>
      </c>
      <c r="Q17532" s="5" t="s">
        <v>40</v>
      </c>
      <c r="R17532" s="5" t="s">
        <v>1522</v>
      </c>
      <c r="S17532" s="5" t="s">
        <v>1523</v>
      </c>
      <c r="T17532" s="5" t="s">
        <v>42</v>
      </c>
      <c r="U17532" s="2">
        <v>4.2729999999999997</v>
      </c>
      <c r="V17532" s="2">
        <v>3.637</v>
      </c>
      <c r="W17532" s="2">
        <v>0.02</v>
      </c>
      <c r="X17532" s="2">
        <v>159.1</v>
      </c>
      <c r="Y17532" s="2">
        <v>7.6</v>
      </c>
      <c r="Z17532" s="2">
        <v>16.7</v>
      </c>
      <c r="AA17532" s="5"/>
      <c r="AB17532" s="5" t="s">
        <v>43</v>
      </c>
      <c r="AC17532" s="5" t="s">
        <v>44</v>
      </c>
      <c r="AD17532" s="2"/>
      <c r="AE17532" s="1"/>
    </row>
    <row r="17533" spans="1:31" ht="14.45">
      <c r="A17533" s="11"/>
      <c r="B17533" s="20"/>
      <c r="C17533" s="2" t="s">
        <v>53557</v>
      </c>
      <c r="D17533" s="14" t="s">
        <v>53558</v>
      </c>
      <c r="E17533" s="2" t="s">
        <v>53559</v>
      </c>
      <c r="F17533" s="2" t="s">
        <v>36313</v>
      </c>
      <c r="G17533" s="8">
        <v>394</v>
      </c>
      <c r="H17533" s="5">
        <v>6</v>
      </c>
      <c r="I17533" s="5" t="s">
        <v>1518</v>
      </c>
      <c r="J17533" s="5" t="s">
        <v>36264</v>
      </c>
      <c r="K17533" s="2" t="s">
        <v>36265</v>
      </c>
      <c r="L17533" s="5" t="s">
        <v>36264</v>
      </c>
      <c r="M17533" s="2" t="s">
        <v>36265</v>
      </c>
      <c r="N17533" s="5" t="s">
        <v>36266</v>
      </c>
      <c r="O17533" s="5" t="s">
        <v>38</v>
      </c>
      <c r="P17533" s="5" t="s">
        <v>39</v>
      </c>
      <c r="Q17533" s="5" t="s">
        <v>40</v>
      </c>
      <c r="R17533" s="5" t="s">
        <v>1522</v>
      </c>
      <c r="S17533" s="5" t="s">
        <v>1523</v>
      </c>
      <c r="T17533" s="5" t="s">
        <v>42</v>
      </c>
      <c r="U17533" s="2">
        <v>4.1390000000000002</v>
      </c>
      <c r="V17533" s="2">
        <v>3.5030000000000001</v>
      </c>
      <c r="W17533" s="2">
        <v>0.02</v>
      </c>
      <c r="X17533" s="2">
        <v>159.1</v>
      </c>
      <c r="Y17533" s="2">
        <v>7.6</v>
      </c>
      <c r="Z17533" s="2">
        <v>16.7</v>
      </c>
      <c r="AA17533" s="5"/>
      <c r="AB17533" s="5" t="s">
        <v>43</v>
      </c>
      <c r="AC17533" s="5" t="s">
        <v>44</v>
      </c>
      <c r="AD17533" s="2"/>
      <c r="AE17533" s="1"/>
    </row>
    <row r="17534" spans="1:31" ht="14.45">
      <c r="A17534" s="11"/>
      <c r="B17534" s="20"/>
      <c r="C17534" s="2" t="s">
        <v>53560</v>
      </c>
      <c r="D17534" s="14" t="s">
        <v>53561</v>
      </c>
      <c r="E17534" s="2" t="s">
        <v>53562</v>
      </c>
      <c r="F17534" s="2" t="s">
        <v>36317</v>
      </c>
      <c r="G17534" s="8">
        <v>394</v>
      </c>
      <c r="H17534" s="5">
        <v>6</v>
      </c>
      <c r="I17534" s="5" t="s">
        <v>1518</v>
      </c>
      <c r="J17534" s="5" t="s">
        <v>36264</v>
      </c>
      <c r="K17534" s="2" t="s">
        <v>36265</v>
      </c>
      <c r="L17534" s="5" t="s">
        <v>36264</v>
      </c>
      <c r="M17534" s="2" t="s">
        <v>36265</v>
      </c>
      <c r="N17534" s="5" t="s">
        <v>36266</v>
      </c>
      <c r="O17534" s="5" t="s">
        <v>38</v>
      </c>
      <c r="P17534" s="5" t="s">
        <v>39</v>
      </c>
      <c r="Q17534" s="5" t="s">
        <v>40</v>
      </c>
      <c r="R17534" s="5" t="s">
        <v>1522</v>
      </c>
      <c r="S17534" s="5" t="s">
        <v>1523</v>
      </c>
      <c r="T17534" s="5" t="s">
        <v>42</v>
      </c>
      <c r="U17534" s="2">
        <v>4.2729999999999997</v>
      </c>
      <c r="V17534" s="2">
        <v>3.637</v>
      </c>
      <c r="W17534" s="2">
        <v>0.02</v>
      </c>
      <c r="X17534" s="2">
        <v>159.1</v>
      </c>
      <c r="Y17534" s="2">
        <v>7.6</v>
      </c>
      <c r="Z17534" s="2">
        <v>16.7</v>
      </c>
      <c r="AA17534" s="5"/>
      <c r="AB17534" s="5" t="s">
        <v>43</v>
      </c>
      <c r="AC17534" s="5" t="s">
        <v>44</v>
      </c>
      <c r="AD17534" s="2"/>
      <c r="AE17534" s="1"/>
    </row>
    <row r="17535" spans="1:31" ht="14.45">
      <c r="A17535" s="11"/>
      <c r="B17535" s="20"/>
      <c r="C17535" s="2" t="s">
        <v>53563</v>
      </c>
      <c r="D17535" s="14" t="s">
        <v>53564</v>
      </c>
      <c r="E17535" s="2" t="s">
        <v>53565</v>
      </c>
      <c r="F17535" s="2" t="s">
        <v>36333</v>
      </c>
      <c r="G17535" s="8">
        <v>394</v>
      </c>
      <c r="H17535" s="5">
        <v>6</v>
      </c>
      <c r="I17535" s="5" t="s">
        <v>1518</v>
      </c>
      <c r="J17535" s="5" t="s">
        <v>36264</v>
      </c>
      <c r="K17535" s="2" t="s">
        <v>36265</v>
      </c>
      <c r="L17535" s="5" t="s">
        <v>36264</v>
      </c>
      <c r="M17535" s="2" t="s">
        <v>36265</v>
      </c>
      <c r="N17535" s="5" t="s">
        <v>36266</v>
      </c>
      <c r="O17535" s="5" t="s">
        <v>38</v>
      </c>
      <c r="P17535" s="5" t="s">
        <v>39</v>
      </c>
      <c r="Q17535" s="5" t="s">
        <v>40</v>
      </c>
      <c r="R17535" s="5" t="s">
        <v>1522</v>
      </c>
      <c r="S17535" s="5" t="s">
        <v>1523</v>
      </c>
      <c r="T17535" s="5" t="s">
        <v>42</v>
      </c>
      <c r="U17535" s="2">
        <v>4.2729999999999997</v>
      </c>
      <c r="V17535" s="2">
        <v>3.637</v>
      </c>
      <c r="W17535" s="2">
        <v>0.02</v>
      </c>
      <c r="X17535" s="2">
        <v>159.1</v>
      </c>
      <c r="Y17535" s="2">
        <v>7.6</v>
      </c>
      <c r="Z17535" s="2">
        <v>16.7</v>
      </c>
      <c r="AA17535" s="5"/>
      <c r="AB17535" s="5" t="s">
        <v>43</v>
      </c>
      <c r="AC17535" s="5" t="s">
        <v>44</v>
      </c>
      <c r="AD17535" s="2"/>
      <c r="AE17535" s="1"/>
    </row>
    <row r="17536" spans="1:31" ht="14.45">
      <c r="A17536" s="11"/>
      <c r="B17536" s="20"/>
      <c r="C17536" s="2" t="s">
        <v>53566</v>
      </c>
      <c r="D17536" s="14" t="s">
        <v>53567</v>
      </c>
      <c r="E17536" s="2" t="s">
        <v>53568</v>
      </c>
      <c r="F17536" s="2" t="s">
        <v>36349</v>
      </c>
      <c r="G17536" s="8">
        <v>394</v>
      </c>
      <c r="H17536" s="5">
        <v>6</v>
      </c>
      <c r="I17536" s="5" t="s">
        <v>1518</v>
      </c>
      <c r="J17536" s="5" t="s">
        <v>36264</v>
      </c>
      <c r="K17536" s="2" t="s">
        <v>36265</v>
      </c>
      <c r="L17536" s="5" t="s">
        <v>36264</v>
      </c>
      <c r="M17536" s="2" t="s">
        <v>36265</v>
      </c>
      <c r="N17536" s="5" t="s">
        <v>36266</v>
      </c>
      <c r="O17536" s="5" t="s">
        <v>38</v>
      </c>
      <c r="P17536" s="5" t="s">
        <v>39</v>
      </c>
      <c r="Q17536" s="5" t="s">
        <v>40</v>
      </c>
      <c r="R17536" s="5" t="s">
        <v>1522</v>
      </c>
      <c r="S17536" s="5" t="s">
        <v>1523</v>
      </c>
      <c r="T17536" s="5" t="s">
        <v>42</v>
      </c>
      <c r="U17536" s="2">
        <v>4.2729999999999997</v>
      </c>
      <c r="V17536" s="2">
        <v>3.637</v>
      </c>
      <c r="W17536" s="2">
        <v>0.02</v>
      </c>
      <c r="X17536" s="2">
        <v>159.1</v>
      </c>
      <c r="Y17536" s="2">
        <v>7.6</v>
      </c>
      <c r="Z17536" s="2">
        <v>16.7</v>
      </c>
      <c r="AA17536" s="5"/>
      <c r="AB17536" s="5" t="s">
        <v>43</v>
      </c>
      <c r="AC17536" s="5" t="s">
        <v>44</v>
      </c>
      <c r="AD17536" s="2"/>
      <c r="AE17536" s="1"/>
    </row>
    <row r="17537" spans="1:31" ht="14.45">
      <c r="A17537" s="11"/>
      <c r="B17537" s="20"/>
      <c r="C17537" s="2" t="s">
        <v>53569</v>
      </c>
      <c r="D17537" s="14" t="s">
        <v>53570</v>
      </c>
      <c r="E17537" s="2" t="s">
        <v>53571</v>
      </c>
      <c r="F17537" s="2" t="s">
        <v>45534</v>
      </c>
      <c r="G17537" s="8">
        <v>394</v>
      </c>
      <c r="H17537" s="5">
        <v>6</v>
      </c>
      <c r="I17537" s="5" t="s">
        <v>1518</v>
      </c>
      <c r="J17537" s="5" t="s">
        <v>36264</v>
      </c>
      <c r="K17537" s="2" t="s">
        <v>36265</v>
      </c>
      <c r="L17537" s="5" t="s">
        <v>36264</v>
      </c>
      <c r="M17537" s="2" t="s">
        <v>36265</v>
      </c>
      <c r="N17537" s="5" t="s">
        <v>36266</v>
      </c>
      <c r="O17537" s="5" t="s">
        <v>38</v>
      </c>
      <c r="P17537" s="5" t="s">
        <v>39</v>
      </c>
      <c r="Q17537" s="5" t="s">
        <v>40</v>
      </c>
      <c r="R17537" s="5" t="s">
        <v>1522</v>
      </c>
      <c r="S17537" s="5" t="s">
        <v>1523</v>
      </c>
      <c r="T17537" s="5" t="s">
        <v>42</v>
      </c>
      <c r="U17537" s="2">
        <v>4.2729999999999997</v>
      </c>
      <c r="V17537" s="2">
        <v>3.637</v>
      </c>
      <c r="W17537" s="2">
        <v>0.02</v>
      </c>
      <c r="X17537" s="2">
        <v>159.1</v>
      </c>
      <c r="Y17537" s="2">
        <v>7.6</v>
      </c>
      <c r="Z17537" s="2">
        <v>16.7</v>
      </c>
      <c r="AA17537" s="5"/>
      <c r="AB17537" s="5" t="s">
        <v>43</v>
      </c>
      <c r="AC17537" s="5" t="s">
        <v>44</v>
      </c>
      <c r="AD17537" s="2"/>
      <c r="AE17537" s="1"/>
    </row>
    <row r="17538" spans="1:31" ht="14.45">
      <c r="A17538" s="11"/>
      <c r="B17538" s="20"/>
      <c r="C17538" s="2" t="s">
        <v>53572</v>
      </c>
      <c r="D17538" s="14" t="s">
        <v>53573</v>
      </c>
      <c r="E17538" s="2" t="s">
        <v>53574</v>
      </c>
      <c r="F17538" s="2" t="s">
        <v>36377</v>
      </c>
      <c r="G17538" s="8">
        <v>394</v>
      </c>
      <c r="H17538" s="5">
        <v>6</v>
      </c>
      <c r="I17538" s="5" t="s">
        <v>1518</v>
      </c>
      <c r="J17538" s="5" t="s">
        <v>36264</v>
      </c>
      <c r="K17538" s="2" t="s">
        <v>36265</v>
      </c>
      <c r="L17538" s="5" t="s">
        <v>36264</v>
      </c>
      <c r="M17538" s="2" t="s">
        <v>36265</v>
      </c>
      <c r="N17538" s="5" t="s">
        <v>36266</v>
      </c>
      <c r="O17538" s="5" t="s">
        <v>38</v>
      </c>
      <c r="P17538" s="5" t="s">
        <v>39</v>
      </c>
      <c r="Q17538" s="5" t="s">
        <v>40</v>
      </c>
      <c r="R17538" s="5" t="s">
        <v>1522</v>
      </c>
      <c r="S17538" s="5" t="s">
        <v>1523</v>
      </c>
      <c r="T17538" s="5" t="s">
        <v>42</v>
      </c>
      <c r="U17538" s="2">
        <v>4.1390000000000002</v>
      </c>
      <c r="V17538" s="2">
        <v>3.5030000000000001</v>
      </c>
      <c r="W17538" s="2">
        <v>0.02</v>
      </c>
      <c r="X17538" s="2">
        <v>159.1</v>
      </c>
      <c r="Y17538" s="2">
        <v>7.6</v>
      </c>
      <c r="Z17538" s="2">
        <v>16.7</v>
      </c>
      <c r="AA17538" s="5"/>
      <c r="AB17538" s="5" t="s">
        <v>43</v>
      </c>
      <c r="AC17538" s="5" t="s">
        <v>44</v>
      </c>
      <c r="AD17538" s="2"/>
      <c r="AE17538" s="1"/>
    </row>
    <row r="17539" spans="1:31" ht="14.45">
      <c r="A17539" s="11"/>
      <c r="B17539" s="20"/>
      <c r="C17539" s="2" t="s">
        <v>53575</v>
      </c>
      <c r="D17539" s="14" t="s">
        <v>53576</v>
      </c>
      <c r="E17539" s="2" t="s">
        <v>53577</v>
      </c>
      <c r="F17539" s="2" t="s">
        <v>36381</v>
      </c>
      <c r="G17539" s="8">
        <v>394</v>
      </c>
      <c r="H17539" s="5">
        <v>6</v>
      </c>
      <c r="I17539" s="5" t="s">
        <v>1518</v>
      </c>
      <c r="J17539" s="5" t="s">
        <v>36264</v>
      </c>
      <c r="K17539" s="2" t="s">
        <v>36265</v>
      </c>
      <c r="L17539" s="5" t="s">
        <v>36264</v>
      </c>
      <c r="M17539" s="2" t="s">
        <v>36265</v>
      </c>
      <c r="N17539" s="5" t="s">
        <v>36266</v>
      </c>
      <c r="O17539" s="5" t="s">
        <v>38</v>
      </c>
      <c r="P17539" s="5" t="s">
        <v>39</v>
      </c>
      <c r="Q17539" s="5" t="s">
        <v>40</v>
      </c>
      <c r="R17539" s="5" t="s">
        <v>1522</v>
      </c>
      <c r="S17539" s="5" t="s">
        <v>1523</v>
      </c>
      <c r="T17539" s="5" t="s">
        <v>42</v>
      </c>
      <c r="U17539" s="2">
        <v>4.2729999999999997</v>
      </c>
      <c r="V17539" s="2">
        <v>3.637</v>
      </c>
      <c r="W17539" s="2">
        <v>0.02</v>
      </c>
      <c r="X17539" s="2">
        <v>159.1</v>
      </c>
      <c r="Y17539" s="2">
        <v>7.6</v>
      </c>
      <c r="Z17539" s="2">
        <v>16.7</v>
      </c>
      <c r="AA17539" s="5"/>
      <c r="AB17539" s="5" t="s">
        <v>43</v>
      </c>
      <c r="AC17539" s="5" t="s">
        <v>44</v>
      </c>
      <c r="AD17539" s="2"/>
      <c r="AE17539" s="1"/>
    </row>
    <row r="17540" spans="1:31" ht="14.45">
      <c r="A17540" s="11"/>
      <c r="B17540" s="20"/>
      <c r="C17540" s="2" t="s">
        <v>53578</v>
      </c>
      <c r="D17540" s="14" t="s">
        <v>53579</v>
      </c>
      <c r="E17540" s="2" t="s">
        <v>53580</v>
      </c>
      <c r="F17540" s="2" t="s">
        <v>7514</v>
      </c>
      <c r="G17540" s="8">
        <v>354</v>
      </c>
      <c r="H17540" s="5">
        <v>6</v>
      </c>
      <c r="I17540" s="5" t="s">
        <v>1518</v>
      </c>
      <c r="J17540" s="5" t="s">
        <v>36264</v>
      </c>
      <c r="K17540" s="2" t="s">
        <v>36265</v>
      </c>
      <c r="L17540" s="5" t="s">
        <v>36264</v>
      </c>
      <c r="M17540" s="2" t="s">
        <v>36265</v>
      </c>
      <c r="N17540" s="5" t="s">
        <v>36266</v>
      </c>
      <c r="O17540" s="5" t="s">
        <v>38</v>
      </c>
      <c r="P17540" s="5" t="s">
        <v>39</v>
      </c>
      <c r="Q17540" s="5" t="s">
        <v>40</v>
      </c>
      <c r="R17540" s="5" t="s">
        <v>1522</v>
      </c>
      <c r="S17540" s="5" t="s">
        <v>1523</v>
      </c>
      <c r="T17540" s="5" t="s">
        <v>42</v>
      </c>
      <c r="U17540" s="2">
        <v>2.052</v>
      </c>
      <c r="V17540" s="2">
        <v>1.5920000000000001</v>
      </c>
      <c r="W17540" s="2">
        <v>0.01</v>
      </c>
      <c r="X17540" s="2">
        <v>76.900000000000006</v>
      </c>
      <c r="Y17540" s="2">
        <v>7.6</v>
      </c>
      <c r="Z17540" s="2">
        <v>16.7</v>
      </c>
      <c r="AA17540" s="5"/>
      <c r="AB17540" s="5" t="s">
        <v>43</v>
      </c>
      <c r="AC17540" s="5" t="s">
        <v>44</v>
      </c>
      <c r="AD17540" s="2"/>
      <c r="AE17540" s="1"/>
    </row>
    <row r="17541" spans="1:31" ht="14.45">
      <c r="A17541" s="11"/>
      <c r="B17541" s="20"/>
      <c r="C17541" s="2" t="s">
        <v>53581</v>
      </c>
      <c r="D17541" s="14" t="s">
        <v>53582</v>
      </c>
      <c r="E17541" s="2" t="s">
        <v>53583</v>
      </c>
      <c r="F17541" s="2" t="s">
        <v>36277</v>
      </c>
      <c r="G17541" s="8">
        <v>354</v>
      </c>
      <c r="H17541" s="5">
        <v>6</v>
      </c>
      <c r="I17541" s="5" t="s">
        <v>1518</v>
      </c>
      <c r="J17541" s="5" t="s">
        <v>36264</v>
      </c>
      <c r="K17541" s="2" t="s">
        <v>36265</v>
      </c>
      <c r="L17541" s="5" t="s">
        <v>36264</v>
      </c>
      <c r="M17541" s="2" t="s">
        <v>36265</v>
      </c>
      <c r="N17541" s="5" t="s">
        <v>36266</v>
      </c>
      <c r="O17541" s="5" t="s">
        <v>38</v>
      </c>
      <c r="P17541" s="5" t="s">
        <v>39</v>
      </c>
      <c r="Q17541" s="5" t="s">
        <v>40</v>
      </c>
      <c r="R17541" s="5" t="s">
        <v>1522</v>
      </c>
      <c r="S17541" s="5" t="s">
        <v>1523</v>
      </c>
      <c r="T17541" s="5" t="s">
        <v>42</v>
      </c>
      <c r="U17541" s="2">
        <v>2.052</v>
      </c>
      <c r="V17541" s="2">
        <v>1.5920000000000001</v>
      </c>
      <c r="W17541" s="2">
        <v>0.01</v>
      </c>
      <c r="X17541" s="2">
        <v>76.900000000000006</v>
      </c>
      <c r="Y17541" s="2">
        <v>7.6</v>
      </c>
      <c r="Z17541" s="2">
        <v>16.7</v>
      </c>
      <c r="AA17541" s="5"/>
      <c r="AB17541" s="5" t="s">
        <v>43</v>
      </c>
      <c r="AC17541" s="5" t="s">
        <v>44</v>
      </c>
      <c r="AD17541" s="2"/>
      <c r="AE17541" s="1"/>
    </row>
    <row r="17542" spans="1:31" ht="14.45">
      <c r="A17542" s="11"/>
      <c r="B17542" s="20"/>
      <c r="C17542" s="2" t="s">
        <v>53584</v>
      </c>
      <c r="D17542" s="14" t="s">
        <v>53585</v>
      </c>
      <c r="E17542" s="2" t="s">
        <v>53586</v>
      </c>
      <c r="F17542" s="2" t="s">
        <v>7514</v>
      </c>
      <c r="G17542" s="8">
        <v>356</v>
      </c>
      <c r="H17542" s="5">
        <v>6</v>
      </c>
      <c r="I17542" s="5" t="s">
        <v>1518</v>
      </c>
      <c r="J17542" s="5" t="s">
        <v>36264</v>
      </c>
      <c r="K17542" s="2" t="s">
        <v>36265</v>
      </c>
      <c r="L17542" s="5" t="s">
        <v>36264</v>
      </c>
      <c r="M17542" s="2" t="s">
        <v>36265</v>
      </c>
      <c r="N17542" s="5" t="s">
        <v>36266</v>
      </c>
      <c r="O17542" s="5" t="s">
        <v>38</v>
      </c>
      <c r="P17542" s="5" t="s">
        <v>39</v>
      </c>
      <c r="Q17542" s="5" t="s">
        <v>40</v>
      </c>
      <c r="R17542" s="5" t="s">
        <v>1522</v>
      </c>
      <c r="S17542" s="5" t="s">
        <v>1523</v>
      </c>
      <c r="T17542" s="5" t="s">
        <v>42</v>
      </c>
      <c r="U17542" s="2">
        <v>2.3119999999999998</v>
      </c>
      <c r="V17542" s="2">
        <v>1.833</v>
      </c>
      <c r="W17542" s="2">
        <v>1.0999999999999999E-2</v>
      </c>
      <c r="X17542" s="2">
        <v>82.9</v>
      </c>
      <c r="Y17542" s="2">
        <v>7.6</v>
      </c>
      <c r="Z17542" s="2">
        <v>16.7</v>
      </c>
      <c r="AA17542" s="5"/>
      <c r="AB17542" s="5" t="s">
        <v>43</v>
      </c>
      <c r="AC17542" s="5" t="s">
        <v>44</v>
      </c>
      <c r="AD17542" s="2"/>
      <c r="AE17542" s="1"/>
    </row>
    <row r="17543" spans="1:31" ht="14.45">
      <c r="A17543" s="11"/>
      <c r="B17543" s="20"/>
      <c r="C17543" s="2" t="s">
        <v>53587</v>
      </c>
      <c r="D17543" s="14" t="s">
        <v>53588</v>
      </c>
      <c r="E17543" s="2" t="s">
        <v>53589</v>
      </c>
      <c r="F17543" s="2" t="s">
        <v>36277</v>
      </c>
      <c r="G17543" s="8">
        <v>356</v>
      </c>
      <c r="H17543" s="5">
        <v>6</v>
      </c>
      <c r="I17543" s="5" t="s">
        <v>1518</v>
      </c>
      <c r="J17543" s="5" t="s">
        <v>36264</v>
      </c>
      <c r="K17543" s="2" t="s">
        <v>36265</v>
      </c>
      <c r="L17543" s="5" t="s">
        <v>36264</v>
      </c>
      <c r="M17543" s="2" t="s">
        <v>36265</v>
      </c>
      <c r="N17543" s="5" t="s">
        <v>36266</v>
      </c>
      <c r="O17543" s="5" t="s">
        <v>38</v>
      </c>
      <c r="P17543" s="5" t="s">
        <v>39</v>
      </c>
      <c r="Q17543" s="5" t="s">
        <v>40</v>
      </c>
      <c r="R17543" s="5" t="s">
        <v>1522</v>
      </c>
      <c r="S17543" s="5" t="s">
        <v>1523</v>
      </c>
      <c r="T17543" s="5" t="s">
        <v>42</v>
      </c>
      <c r="U17543" s="2">
        <v>2.3119999999999998</v>
      </c>
      <c r="V17543" s="2">
        <v>1.833</v>
      </c>
      <c r="W17543" s="2">
        <v>1.0999999999999999E-2</v>
      </c>
      <c r="X17543" s="2">
        <v>82.9</v>
      </c>
      <c r="Y17543" s="2">
        <v>7.6</v>
      </c>
      <c r="Z17543" s="2">
        <v>16.7</v>
      </c>
      <c r="AA17543" s="5"/>
      <c r="AB17543" s="5" t="s">
        <v>43</v>
      </c>
      <c r="AC17543" s="5" t="s">
        <v>44</v>
      </c>
      <c r="AD17543" s="2"/>
      <c r="AE17543" s="1"/>
    </row>
    <row r="17544" spans="1:31" ht="14.45">
      <c r="A17544" s="11"/>
      <c r="B17544" s="20"/>
      <c r="C17544" s="2" t="s">
        <v>53590</v>
      </c>
      <c r="D17544" s="14" t="s">
        <v>53591</v>
      </c>
      <c r="E17544" s="2" t="s">
        <v>53592</v>
      </c>
      <c r="F17544" s="2" t="s">
        <v>7514</v>
      </c>
      <c r="G17544" s="8">
        <v>362</v>
      </c>
      <c r="H17544" s="5">
        <v>6</v>
      </c>
      <c r="I17544" s="5" t="s">
        <v>1518</v>
      </c>
      <c r="J17544" s="5" t="s">
        <v>36264</v>
      </c>
      <c r="K17544" s="2" t="s">
        <v>36265</v>
      </c>
      <c r="L17544" s="5" t="s">
        <v>36264</v>
      </c>
      <c r="M17544" s="2" t="s">
        <v>36265</v>
      </c>
      <c r="N17544" s="5" t="s">
        <v>36266</v>
      </c>
      <c r="O17544" s="5" t="s">
        <v>38</v>
      </c>
      <c r="P17544" s="5" t="s">
        <v>39</v>
      </c>
      <c r="Q17544" s="5" t="s">
        <v>40</v>
      </c>
      <c r="R17544" s="5" t="s">
        <v>1522</v>
      </c>
      <c r="S17544" s="5" t="s">
        <v>1523</v>
      </c>
      <c r="T17544" s="5" t="s">
        <v>42</v>
      </c>
      <c r="U17544" s="2">
        <v>2.6040000000000001</v>
      </c>
      <c r="V17544" s="2">
        <v>2.0550000000000002</v>
      </c>
      <c r="W17544" s="2">
        <v>1.2999999999999999E-2</v>
      </c>
      <c r="X17544" s="2">
        <v>99.1</v>
      </c>
      <c r="Y17544" s="2">
        <v>7.6</v>
      </c>
      <c r="Z17544" s="2">
        <v>16.7</v>
      </c>
      <c r="AA17544" s="5"/>
      <c r="AB17544" s="5" t="s">
        <v>43</v>
      </c>
      <c r="AC17544" s="5" t="s">
        <v>44</v>
      </c>
      <c r="AD17544" s="2"/>
      <c r="AE17544" s="1"/>
    </row>
    <row r="17545" spans="1:31" ht="14.45">
      <c r="A17545" s="11"/>
      <c r="B17545" s="20"/>
      <c r="C17545" s="2" t="s">
        <v>53593</v>
      </c>
      <c r="D17545" s="14" t="s">
        <v>53594</v>
      </c>
      <c r="E17545" s="2" t="s">
        <v>53595</v>
      </c>
      <c r="F17545" s="2" t="s">
        <v>36277</v>
      </c>
      <c r="G17545" s="8">
        <v>362</v>
      </c>
      <c r="H17545" s="5">
        <v>6</v>
      </c>
      <c r="I17545" s="5" t="s">
        <v>1518</v>
      </c>
      <c r="J17545" s="5" t="s">
        <v>36264</v>
      </c>
      <c r="K17545" s="2" t="s">
        <v>36265</v>
      </c>
      <c r="L17545" s="5" t="s">
        <v>36264</v>
      </c>
      <c r="M17545" s="2" t="s">
        <v>36265</v>
      </c>
      <c r="N17545" s="5" t="s">
        <v>36266</v>
      </c>
      <c r="O17545" s="5" t="s">
        <v>38</v>
      </c>
      <c r="P17545" s="5" t="s">
        <v>39</v>
      </c>
      <c r="Q17545" s="5" t="s">
        <v>40</v>
      </c>
      <c r="R17545" s="5" t="s">
        <v>1522</v>
      </c>
      <c r="S17545" s="5" t="s">
        <v>1523</v>
      </c>
      <c r="T17545" s="5" t="s">
        <v>42</v>
      </c>
      <c r="U17545" s="2">
        <v>2.6040000000000001</v>
      </c>
      <c r="V17545" s="2">
        <v>2.0550000000000002</v>
      </c>
      <c r="W17545" s="2">
        <v>1.2999999999999999E-2</v>
      </c>
      <c r="X17545" s="2">
        <v>99.1</v>
      </c>
      <c r="Y17545" s="2">
        <v>7.6</v>
      </c>
      <c r="Z17545" s="2">
        <v>16.7</v>
      </c>
      <c r="AA17545" s="5"/>
      <c r="AB17545" s="5" t="s">
        <v>43</v>
      </c>
      <c r="AC17545" s="5" t="s">
        <v>44</v>
      </c>
      <c r="AD17545" s="2"/>
      <c r="AE17545" s="1"/>
    </row>
    <row r="17546" spans="1:31" ht="14.45">
      <c r="A17546" s="11"/>
      <c r="B17546" s="20"/>
      <c r="C17546" s="2" t="s">
        <v>53596</v>
      </c>
      <c r="D17546" s="14" t="s">
        <v>53597</v>
      </c>
      <c r="E17546" s="2" t="s">
        <v>53598</v>
      </c>
      <c r="F17546" s="2" t="s">
        <v>7514</v>
      </c>
      <c r="G17546" s="8">
        <v>367</v>
      </c>
      <c r="H17546" s="5">
        <v>6</v>
      </c>
      <c r="I17546" s="5" t="s">
        <v>1518</v>
      </c>
      <c r="J17546" s="5" t="s">
        <v>36264</v>
      </c>
      <c r="K17546" s="2" t="s">
        <v>36265</v>
      </c>
      <c r="L17546" s="5" t="s">
        <v>36264</v>
      </c>
      <c r="M17546" s="2" t="s">
        <v>36265</v>
      </c>
      <c r="N17546" s="5" t="s">
        <v>36266</v>
      </c>
      <c r="O17546" s="5" t="s">
        <v>38</v>
      </c>
      <c r="P17546" s="5" t="s">
        <v>39</v>
      </c>
      <c r="Q17546" s="5" t="s">
        <v>40</v>
      </c>
      <c r="R17546" s="5" t="s">
        <v>1522</v>
      </c>
      <c r="S17546" s="5" t="s">
        <v>1523</v>
      </c>
      <c r="T17546" s="5" t="s">
        <v>42</v>
      </c>
      <c r="U17546" s="2">
        <v>2.8450000000000002</v>
      </c>
      <c r="V17546" s="2">
        <v>2.3039999999999998</v>
      </c>
      <c r="W17546" s="2">
        <v>1.4999999999999999E-2</v>
      </c>
      <c r="X17546" s="2">
        <v>118.9</v>
      </c>
      <c r="Y17546" s="2">
        <v>7.6</v>
      </c>
      <c r="Z17546" s="2">
        <v>16.7</v>
      </c>
      <c r="AA17546" s="5"/>
      <c r="AB17546" s="5" t="s">
        <v>43</v>
      </c>
      <c r="AC17546" s="5" t="s">
        <v>44</v>
      </c>
      <c r="AD17546" s="2"/>
      <c r="AE17546" s="1"/>
    </row>
    <row r="17547" spans="1:31" ht="14.45">
      <c r="A17547" s="11"/>
      <c r="B17547" s="20"/>
      <c r="C17547" s="2" t="s">
        <v>53599</v>
      </c>
      <c r="D17547" s="14" t="s">
        <v>53600</v>
      </c>
      <c r="E17547" s="2" t="s">
        <v>53601</v>
      </c>
      <c r="F17547" s="2" t="s">
        <v>36277</v>
      </c>
      <c r="G17547" s="8">
        <v>367</v>
      </c>
      <c r="H17547" s="5">
        <v>6</v>
      </c>
      <c r="I17547" s="5" t="s">
        <v>1518</v>
      </c>
      <c r="J17547" s="5" t="s">
        <v>36264</v>
      </c>
      <c r="K17547" s="2" t="s">
        <v>36265</v>
      </c>
      <c r="L17547" s="5" t="s">
        <v>36264</v>
      </c>
      <c r="M17547" s="2" t="s">
        <v>36265</v>
      </c>
      <c r="N17547" s="5" t="s">
        <v>36266</v>
      </c>
      <c r="O17547" s="5" t="s">
        <v>38</v>
      </c>
      <c r="P17547" s="5" t="s">
        <v>39</v>
      </c>
      <c r="Q17547" s="5" t="s">
        <v>40</v>
      </c>
      <c r="R17547" s="5" t="s">
        <v>1522</v>
      </c>
      <c r="S17547" s="5" t="s">
        <v>1523</v>
      </c>
      <c r="T17547" s="5" t="s">
        <v>42</v>
      </c>
      <c r="U17547" s="2">
        <v>2.8450000000000002</v>
      </c>
      <c r="V17547" s="2">
        <v>2.3039999999999998</v>
      </c>
      <c r="W17547" s="2">
        <v>1.4999999999999999E-2</v>
      </c>
      <c r="X17547" s="2">
        <v>118.9</v>
      </c>
      <c r="Y17547" s="2">
        <v>7.6</v>
      </c>
      <c r="Z17547" s="2">
        <v>16.7</v>
      </c>
      <c r="AA17547" s="5"/>
      <c r="AB17547" s="5" t="s">
        <v>43</v>
      </c>
      <c r="AC17547" s="5" t="s">
        <v>44</v>
      </c>
      <c r="AD17547" s="2"/>
      <c r="AE17547" s="1"/>
    </row>
    <row r="17548" spans="1:31" ht="14.45">
      <c r="A17548" s="11"/>
      <c r="B17548" s="20"/>
      <c r="C17548" s="2" t="s">
        <v>53602</v>
      </c>
      <c r="D17548" s="14" t="s">
        <v>53603</v>
      </c>
      <c r="E17548" s="2" t="s">
        <v>53604</v>
      </c>
      <c r="F17548" s="2" t="s">
        <v>7514</v>
      </c>
      <c r="G17548" s="8">
        <v>369</v>
      </c>
      <c r="H17548" s="5">
        <v>6</v>
      </c>
      <c r="I17548" s="5" t="s">
        <v>1518</v>
      </c>
      <c r="J17548" s="5" t="s">
        <v>36264</v>
      </c>
      <c r="K17548" s="2" t="s">
        <v>36265</v>
      </c>
      <c r="L17548" s="5" t="s">
        <v>36264</v>
      </c>
      <c r="M17548" s="2" t="s">
        <v>36265</v>
      </c>
      <c r="N17548" s="5" t="s">
        <v>36266</v>
      </c>
      <c r="O17548" s="5" t="s">
        <v>38</v>
      </c>
      <c r="P17548" s="5" t="s">
        <v>39</v>
      </c>
      <c r="Q17548" s="5" t="s">
        <v>40</v>
      </c>
      <c r="R17548" s="5" t="s">
        <v>1522</v>
      </c>
      <c r="S17548" s="5" t="s">
        <v>1523</v>
      </c>
      <c r="T17548" s="5" t="s">
        <v>42</v>
      </c>
      <c r="U17548" s="2">
        <v>3.1059999999999999</v>
      </c>
      <c r="V17548" s="2">
        <v>2.5779999999999998</v>
      </c>
      <c r="W17548" s="2">
        <v>1.4999999999999999E-2</v>
      </c>
      <c r="X17548" s="2">
        <v>118.9</v>
      </c>
      <c r="Y17548" s="2">
        <v>7.6</v>
      </c>
      <c r="Z17548" s="2">
        <v>16.7</v>
      </c>
      <c r="AA17548" s="5"/>
      <c r="AB17548" s="5" t="s">
        <v>43</v>
      </c>
      <c r="AC17548" s="5" t="s">
        <v>44</v>
      </c>
      <c r="AD17548" s="2"/>
      <c r="AE17548" s="1"/>
    </row>
    <row r="17549" spans="1:31" ht="14.45">
      <c r="A17549" s="11"/>
      <c r="B17549" s="20"/>
      <c r="C17549" s="2" t="s">
        <v>53605</v>
      </c>
      <c r="D17549" s="14" t="s">
        <v>53606</v>
      </c>
      <c r="E17549" s="2" t="s">
        <v>53607</v>
      </c>
      <c r="F17549" s="2" t="s">
        <v>36277</v>
      </c>
      <c r="G17549" s="8">
        <v>369</v>
      </c>
      <c r="H17549" s="5">
        <v>6</v>
      </c>
      <c r="I17549" s="5" t="s">
        <v>1518</v>
      </c>
      <c r="J17549" s="5" t="s">
        <v>36264</v>
      </c>
      <c r="K17549" s="2" t="s">
        <v>36265</v>
      </c>
      <c r="L17549" s="5" t="s">
        <v>36264</v>
      </c>
      <c r="M17549" s="2" t="s">
        <v>36265</v>
      </c>
      <c r="N17549" s="5" t="s">
        <v>36266</v>
      </c>
      <c r="O17549" s="5" t="s">
        <v>38</v>
      </c>
      <c r="P17549" s="5" t="s">
        <v>39</v>
      </c>
      <c r="Q17549" s="5" t="s">
        <v>40</v>
      </c>
      <c r="R17549" s="5" t="s">
        <v>1522</v>
      </c>
      <c r="S17549" s="5" t="s">
        <v>1523</v>
      </c>
      <c r="T17549" s="5" t="s">
        <v>42</v>
      </c>
      <c r="U17549" s="2">
        <v>3.1059999999999999</v>
      </c>
      <c r="V17549" s="2">
        <v>2.5779999999999998</v>
      </c>
      <c r="W17549" s="2">
        <v>1.4999999999999999E-2</v>
      </c>
      <c r="X17549" s="2">
        <v>118.9</v>
      </c>
      <c r="Y17549" s="2">
        <v>7.6</v>
      </c>
      <c r="Z17549" s="2">
        <v>16.7</v>
      </c>
      <c r="AA17549" s="5"/>
      <c r="AB17549" s="5" t="s">
        <v>43</v>
      </c>
      <c r="AC17549" s="5" t="s">
        <v>44</v>
      </c>
      <c r="AD17549" s="2"/>
      <c r="AE17549" s="1"/>
    </row>
    <row r="17550" spans="1:31" ht="14.45">
      <c r="A17550" s="11"/>
      <c r="B17550" s="20"/>
      <c r="C17550" s="2" t="s">
        <v>53608</v>
      </c>
      <c r="D17550" s="14" t="s">
        <v>53609</v>
      </c>
      <c r="E17550" s="2" t="s">
        <v>53610</v>
      </c>
      <c r="F17550" s="2" t="s">
        <v>7514</v>
      </c>
      <c r="G17550" s="8">
        <v>367</v>
      </c>
      <c r="H17550" s="5">
        <v>6</v>
      </c>
      <c r="I17550" s="5" t="s">
        <v>1518</v>
      </c>
      <c r="J17550" s="5" t="s">
        <v>36264</v>
      </c>
      <c r="K17550" s="2" t="s">
        <v>36265</v>
      </c>
      <c r="L17550" s="5" t="s">
        <v>36264</v>
      </c>
      <c r="M17550" s="2" t="s">
        <v>36265</v>
      </c>
      <c r="N17550" s="5" t="s">
        <v>36266</v>
      </c>
      <c r="O17550" s="5" t="s">
        <v>38</v>
      </c>
      <c r="P17550" s="5" t="s">
        <v>39</v>
      </c>
      <c r="Q17550" s="5" t="s">
        <v>40</v>
      </c>
      <c r="R17550" s="5" t="s">
        <v>1522</v>
      </c>
      <c r="S17550" s="5" t="s">
        <v>1523</v>
      </c>
      <c r="T17550" s="5" t="s">
        <v>42</v>
      </c>
      <c r="U17550" s="2">
        <v>3.0779999999999998</v>
      </c>
      <c r="V17550" s="2">
        <v>2.552</v>
      </c>
      <c r="W17550" s="2">
        <v>1.4999999999999999E-2</v>
      </c>
      <c r="X17550" s="2">
        <v>118.9</v>
      </c>
      <c r="Y17550" s="2">
        <v>7.6</v>
      </c>
      <c r="Z17550" s="2">
        <v>16.7</v>
      </c>
      <c r="AA17550" s="5"/>
      <c r="AB17550" s="5" t="s">
        <v>43</v>
      </c>
      <c r="AC17550" s="5" t="s">
        <v>44</v>
      </c>
      <c r="AD17550" s="2"/>
      <c r="AE17550" s="1"/>
    </row>
    <row r="17551" spans="1:31" ht="14.45">
      <c r="A17551" s="11"/>
      <c r="B17551" s="20"/>
      <c r="C17551" s="2" t="s">
        <v>53611</v>
      </c>
      <c r="D17551" s="14" t="s">
        <v>53612</v>
      </c>
      <c r="E17551" s="2" t="s">
        <v>53613</v>
      </c>
      <c r="F17551" s="2" t="s">
        <v>36277</v>
      </c>
      <c r="G17551" s="8">
        <v>367</v>
      </c>
      <c r="H17551" s="5">
        <v>6</v>
      </c>
      <c r="I17551" s="5" t="s">
        <v>1518</v>
      </c>
      <c r="J17551" s="5" t="s">
        <v>36264</v>
      </c>
      <c r="K17551" s="2" t="s">
        <v>36265</v>
      </c>
      <c r="L17551" s="5" t="s">
        <v>36264</v>
      </c>
      <c r="M17551" s="2" t="s">
        <v>36265</v>
      </c>
      <c r="N17551" s="5" t="s">
        <v>36266</v>
      </c>
      <c r="O17551" s="5" t="s">
        <v>38</v>
      </c>
      <c r="P17551" s="5" t="s">
        <v>39</v>
      </c>
      <c r="Q17551" s="5" t="s">
        <v>40</v>
      </c>
      <c r="R17551" s="5" t="s">
        <v>1522</v>
      </c>
      <c r="S17551" s="5" t="s">
        <v>1523</v>
      </c>
      <c r="T17551" s="5" t="s">
        <v>42</v>
      </c>
      <c r="U17551" s="2">
        <v>3.0779999999999998</v>
      </c>
      <c r="V17551" s="2">
        <v>2.552</v>
      </c>
      <c r="W17551" s="2">
        <v>1.4999999999999999E-2</v>
      </c>
      <c r="X17551" s="2">
        <v>118.9</v>
      </c>
      <c r="Y17551" s="2">
        <v>7.6</v>
      </c>
      <c r="Z17551" s="2">
        <v>16.7</v>
      </c>
      <c r="AA17551" s="5"/>
      <c r="AB17551" s="5" t="s">
        <v>43</v>
      </c>
      <c r="AC17551" s="5" t="s">
        <v>44</v>
      </c>
      <c r="AD17551" s="2"/>
      <c r="AE17551" s="1"/>
    </row>
    <row r="17552" spans="1:31" ht="14.45">
      <c r="A17552" s="11"/>
      <c r="B17552" s="20"/>
      <c r="C17552" s="2" t="s">
        <v>53614</v>
      </c>
      <c r="D17552" s="14" t="s">
        <v>53615</v>
      </c>
      <c r="E17552" s="2" t="s">
        <v>53616</v>
      </c>
      <c r="F17552" s="2" t="s">
        <v>7514</v>
      </c>
      <c r="G17552" s="8">
        <v>389</v>
      </c>
      <c r="H17552" s="5">
        <v>6</v>
      </c>
      <c r="I17552" s="5" t="s">
        <v>1518</v>
      </c>
      <c r="J17552" s="5" t="s">
        <v>36264</v>
      </c>
      <c r="K17552" s="2" t="s">
        <v>36265</v>
      </c>
      <c r="L17552" s="5" t="s">
        <v>36264</v>
      </c>
      <c r="M17552" s="2" t="s">
        <v>36265</v>
      </c>
      <c r="N17552" s="5" t="s">
        <v>36266</v>
      </c>
      <c r="O17552" s="5" t="s">
        <v>38</v>
      </c>
      <c r="P17552" s="5" t="s">
        <v>39</v>
      </c>
      <c r="Q17552" s="5" t="s">
        <v>40</v>
      </c>
      <c r="R17552" s="5" t="s">
        <v>1522</v>
      </c>
      <c r="S17552" s="5" t="s">
        <v>1523</v>
      </c>
      <c r="T17552" s="5" t="s">
        <v>42</v>
      </c>
      <c r="U17552" s="2">
        <v>3.6</v>
      </c>
      <c r="V17552" s="2">
        <v>3.0110000000000001</v>
      </c>
      <c r="W17552" s="2">
        <v>1.7999999999999999E-2</v>
      </c>
      <c r="X17552" s="2">
        <v>139.1</v>
      </c>
      <c r="Y17552" s="2">
        <v>7.6</v>
      </c>
      <c r="Z17552" s="2">
        <v>16.7</v>
      </c>
      <c r="AA17552" s="5"/>
      <c r="AB17552" s="5" t="s">
        <v>43</v>
      </c>
      <c r="AC17552" s="5" t="s">
        <v>44</v>
      </c>
      <c r="AD17552" s="2"/>
      <c r="AE17552" s="1"/>
    </row>
    <row r="17553" spans="1:31" ht="14.45">
      <c r="A17553" s="11"/>
      <c r="B17553" s="20"/>
      <c r="C17553" s="2" t="s">
        <v>53617</v>
      </c>
      <c r="D17553" s="14" t="s">
        <v>53618</v>
      </c>
      <c r="E17553" s="2" t="s">
        <v>53619</v>
      </c>
      <c r="F17553" s="2" t="s">
        <v>36277</v>
      </c>
      <c r="G17553" s="8">
        <v>389</v>
      </c>
      <c r="H17553" s="5">
        <v>6</v>
      </c>
      <c r="I17553" s="5" t="s">
        <v>1518</v>
      </c>
      <c r="J17553" s="5" t="s">
        <v>36264</v>
      </c>
      <c r="K17553" s="2" t="s">
        <v>36265</v>
      </c>
      <c r="L17553" s="5" t="s">
        <v>36264</v>
      </c>
      <c r="M17553" s="2" t="s">
        <v>36265</v>
      </c>
      <c r="N17553" s="5" t="s">
        <v>36266</v>
      </c>
      <c r="O17553" s="5" t="s">
        <v>38</v>
      </c>
      <c r="P17553" s="5" t="s">
        <v>39</v>
      </c>
      <c r="Q17553" s="5" t="s">
        <v>40</v>
      </c>
      <c r="R17553" s="5" t="s">
        <v>1522</v>
      </c>
      <c r="S17553" s="5" t="s">
        <v>1523</v>
      </c>
      <c r="T17553" s="5" t="s">
        <v>42</v>
      </c>
      <c r="U17553" s="2">
        <v>3.6</v>
      </c>
      <c r="V17553" s="2">
        <v>3.0110000000000001</v>
      </c>
      <c r="W17553" s="2">
        <v>1.7999999999999999E-2</v>
      </c>
      <c r="X17553" s="2">
        <v>139.1</v>
      </c>
      <c r="Y17553" s="2">
        <v>7.6</v>
      </c>
      <c r="Z17553" s="2">
        <v>16.7</v>
      </c>
      <c r="AA17553" s="5"/>
      <c r="AB17553" s="5" t="s">
        <v>43</v>
      </c>
      <c r="AC17553" s="5" t="s">
        <v>44</v>
      </c>
      <c r="AD17553" s="2"/>
      <c r="AE17553" s="1"/>
    </row>
    <row r="17554" spans="1:31" ht="14.45">
      <c r="A17554" s="11"/>
      <c r="B17554" s="20"/>
      <c r="C17554" s="2" t="s">
        <v>53620</v>
      </c>
      <c r="D17554" s="14" t="s">
        <v>53621</v>
      </c>
      <c r="E17554" s="2" t="s">
        <v>53622</v>
      </c>
      <c r="F17554" s="2" t="s">
        <v>7514</v>
      </c>
      <c r="G17554" s="8">
        <v>382</v>
      </c>
      <c r="H17554" s="5">
        <v>6</v>
      </c>
      <c r="I17554" s="5" t="s">
        <v>1518</v>
      </c>
      <c r="J17554" s="5" t="s">
        <v>36264</v>
      </c>
      <c r="K17554" s="2" t="s">
        <v>36265</v>
      </c>
      <c r="L17554" s="5" t="s">
        <v>36264</v>
      </c>
      <c r="M17554" s="2" t="s">
        <v>36265</v>
      </c>
      <c r="N17554" s="5" t="s">
        <v>36266</v>
      </c>
      <c r="O17554" s="5" t="s">
        <v>38</v>
      </c>
      <c r="P17554" s="5" t="s">
        <v>39</v>
      </c>
      <c r="Q17554" s="5" t="s">
        <v>40</v>
      </c>
      <c r="R17554" s="5" t="s">
        <v>1522</v>
      </c>
      <c r="S17554" s="5" t="s">
        <v>1523</v>
      </c>
      <c r="T17554" s="5" t="s">
        <v>42</v>
      </c>
      <c r="U17554" s="2">
        <v>3.645</v>
      </c>
      <c r="V17554" s="2">
        <v>3.0659999999999998</v>
      </c>
      <c r="W17554" s="2">
        <v>1.7999999999999999E-2</v>
      </c>
      <c r="X17554" s="2">
        <v>139.1</v>
      </c>
      <c r="Y17554" s="2">
        <v>7.6</v>
      </c>
      <c r="Z17554" s="2">
        <v>16.7</v>
      </c>
      <c r="AA17554" s="5"/>
      <c r="AB17554" s="5" t="s">
        <v>43</v>
      </c>
      <c r="AC17554" s="5" t="s">
        <v>44</v>
      </c>
      <c r="AD17554" s="2"/>
      <c r="AE17554" s="1"/>
    </row>
    <row r="17555" spans="1:31" ht="14.45">
      <c r="A17555" s="11"/>
      <c r="B17555" s="20"/>
      <c r="C17555" s="2" t="s">
        <v>53623</v>
      </c>
      <c r="D17555" s="14" t="s">
        <v>53624</v>
      </c>
      <c r="E17555" s="2" t="s">
        <v>53625</v>
      </c>
      <c r="F17555" s="2" t="s">
        <v>36277</v>
      </c>
      <c r="G17555" s="8">
        <v>382</v>
      </c>
      <c r="H17555" s="5">
        <v>6</v>
      </c>
      <c r="I17555" s="5" t="s">
        <v>1518</v>
      </c>
      <c r="J17555" s="5" t="s">
        <v>36264</v>
      </c>
      <c r="K17555" s="2" t="s">
        <v>36265</v>
      </c>
      <c r="L17555" s="5" t="s">
        <v>36264</v>
      </c>
      <c r="M17555" s="2" t="s">
        <v>36265</v>
      </c>
      <c r="N17555" s="5" t="s">
        <v>36266</v>
      </c>
      <c r="O17555" s="5" t="s">
        <v>38</v>
      </c>
      <c r="P17555" s="5" t="s">
        <v>39</v>
      </c>
      <c r="Q17555" s="5" t="s">
        <v>40</v>
      </c>
      <c r="R17555" s="5" t="s">
        <v>1522</v>
      </c>
      <c r="S17555" s="5" t="s">
        <v>1523</v>
      </c>
      <c r="T17555" s="5" t="s">
        <v>42</v>
      </c>
      <c r="U17555" s="2">
        <v>3.645</v>
      </c>
      <c r="V17555" s="2">
        <v>3.0659999999999998</v>
      </c>
      <c r="W17555" s="2">
        <v>1.7999999999999999E-2</v>
      </c>
      <c r="X17555" s="2">
        <v>139.1</v>
      </c>
      <c r="Y17555" s="2">
        <v>7.6</v>
      </c>
      <c r="Z17555" s="2">
        <v>16.7</v>
      </c>
      <c r="AA17555" s="5"/>
      <c r="AB17555" s="5" t="s">
        <v>43</v>
      </c>
      <c r="AC17555" s="5" t="s">
        <v>44</v>
      </c>
      <c r="AD17555" s="2"/>
      <c r="AE17555" s="1"/>
    </row>
    <row r="17556" spans="1:31" ht="14.45">
      <c r="A17556" s="11"/>
      <c r="B17556" s="20"/>
      <c r="C17556" s="2" t="s">
        <v>53626</v>
      </c>
      <c r="D17556" s="14" t="s">
        <v>53627</v>
      </c>
      <c r="E17556" s="2" t="s">
        <v>53628</v>
      </c>
      <c r="F17556" s="2" t="s">
        <v>7514</v>
      </c>
      <c r="G17556" s="8">
        <v>409</v>
      </c>
      <c r="H17556" s="5">
        <v>6</v>
      </c>
      <c r="I17556" s="5" t="s">
        <v>1518</v>
      </c>
      <c r="J17556" s="5" t="s">
        <v>36264</v>
      </c>
      <c r="K17556" s="2" t="s">
        <v>36265</v>
      </c>
      <c r="L17556" s="5" t="s">
        <v>36264</v>
      </c>
      <c r="M17556" s="2" t="s">
        <v>36265</v>
      </c>
      <c r="N17556" s="5" t="s">
        <v>36266</v>
      </c>
      <c r="O17556" s="5" t="s">
        <v>38</v>
      </c>
      <c r="P17556" s="5" t="s">
        <v>39</v>
      </c>
      <c r="Q17556" s="5" t="s">
        <v>40</v>
      </c>
      <c r="R17556" s="5" t="s">
        <v>1522</v>
      </c>
      <c r="S17556" s="5" t="s">
        <v>1523</v>
      </c>
      <c r="T17556" s="5" t="s">
        <v>42</v>
      </c>
      <c r="U17556" s="2">
        <v>4.5570000000000004</v>
      </c>
      <c r="V17556" s="2">
        <v>3.86</v>
      </c>
      <c r="W17556" s="2">
        <v>2.1000000000000001E-2</v>
      </c>
      <c r="X17556" s="2">
        <v>165.1</v>
      </c>
      <c r="Y17556" s="2">
        <v>7.6</v>
      </c>
      <c r="Z17556" s="2">
        <v>16.7</v>
      </c>
      <c r="AA17556" s="5"/>
      <c r="AB17556" s="5" t="s">
        <v>43</v>
      </c>
      <c r="AC17556" s="5" t="s">
        <v>44</v>
      </c>
      <c r="AD17556" s="2"/>
      <c r="AE17556" s="1"/>
    </row>
    <row r="17557" spans="1:31" ht="14.45">
      <c r="A17557" s="11"/>
      <c r="B17557" s="20"/>
      <c r="C17557" s="2" t="s">
        <v>53629</v>
      </c>
      <c r="D17557" s="14" t="s">
        <v>53630</v>
      </c>
      <c r="E17557" s="2" t="s">
        <v>53631</v>
      </c>
      <c r="F17557" s="2" t="s">
        <v>36277</v>
      </c>
      <c r="G17557" s="8">
        <v>409</v>
      </c>
      <c r="H17557" s="5">
        <v>6</v>
      </c>
      <c r="I17557" s="5" t="s">
        <v>1518</v>
      </c>
      <c r="J17557" s="5" t="s">
        <v>36264</v>
      </c>
      <c r="K17557" s="2" t="s">
        <v>36265</v>
      </c>
      <c r="L17557" s="5" t="s">
        <v>36264</v>
      </c>
      <c r="M17557" s="2" t="s">
        <v>36265</v>
      </c>
      <c r="N17557" s="5" t="s">
        <v>36266</v>
      </c>
      <c r="O17557" s="5" t="s">
        <v>38</v>
      </c>
      <c r="P17557" s="5" t="s">
        <v>39</v>
      </c>
      <c r="Q17557" s="5" t="s">
        <v>40</v>
      </c>
      <c r="R17557" s="5" t="s">
        <v>1522</v>
      </c>
      <c r="S17557" s="5" t="s">
        <v>1523</v>
      </c>
      <c r="T17557" s="5" t="s">
        <v>42</v>
      </c>
      <c r="U17557" s="2">
        <v>4.5570000000000004</v>
      </c>
      <c r="V17557" s="2">
        <v>3.86</v>
      </c>
      <c r="W17557" s="2">
        <v>2.1000000000000001E-2</v>
      </c>
      <c r="X17557" s="2">
        <v>165.1</v>
      </c>
      <c r="Y17557" s="2">
        <v>7.6</v>
      </c>
      <c r="Z17557" s="2">
        <v>16.7</v>
      </c>
      <c r="AA17557" s="5"/>
      <c r="AB17557" s="5" t="s">
        <v>43</v>
      </c>
      <c r="AC17557" s="5" t="s">
        <v>44</v>
      </c>
      <c r="AD17557" s="2"/>
      <c r="AE17557" s="1"/>
    </row>
    <row r="17558" spans="1:31" ht="14.45">
      <c r="A17558" s="11"/>
      <c r="B17558" s="20"/>
      <c r="C17558" s="2" t="s">
        <v>53632</v>
      </c>
      <c r="D17558" s="14" t="s">
        <v>53633</v>
      </c>
      <c r="E17558" s="2" t="s">
        <v>53634</v>
      </c>
      <c r="F17558" s="2" t="s">
        <v>7204</v>
      </c>
      <c r="G17558" s="8">
        <v>228</v>
      </c>
      <c r="H17558" s="5">
        <v>6</v>
      </c>
      <c r="I17558" s="5" t="s">
        <v>1518</v>
      </c>
      <c r="J17558" s="5" t="s">
        <v>40939</v>
      </c>
      <c r="K17558" s="2" t="s">
        <v>40940</v>
      </c>
      <c r="L17558" s="5" t="s">
        <v>40939</v>
      </c>
      <c r="M17558" s="2" t="s">
        <v>40940</v>
      </c>
      <c r="N17558" s="5" t="s">
        <v>36266</v>
      </c>
      <c r="O17558" s="5" t="s">
        <v>38</v>
      </c>
      <c r="P17558" s="5" t="s">
        <v>39</v>
      </c>
      <c r="Q17558" s="5" t="s">
        <v>40</v>
      </c>
      <c r="R17558" s="5" t="s">
        <v>1522</v>
      </c>
      <c r="S17558" s="5" t="s">
        <v>1523</v>
      </c>
      <c r="T17558" s="5" t="s">
        <v>42</v>
      </c>
      <c r="U17558" s="2">
        <v>1.9650000000000001</v>
      </c>
      <c r="V17558" s="2">
        <v>1.5029999999999999</v>
      </c>
      <c r="W17558" s="2">
        <v>0.01</v>
      </c>
      <c r="X17558" s="2">
        <v>76.900000000000006</v>
      </c>
      <c r="Y17558" s="2">
        <v>7.6</v>
      </c>
      <c r="Z17558" s="2">
        <v>16.7</v>
      </c>
      <c r="AA17558" s="5"/>
      <c r="AB17558" s="5" t="s">
        <v>43</v>
      </c>
      <c r="AC17558" s="5" t="s">
        <v>44</v>
      </c>
      <c r="AD17558" s="2"/>
      <c r="AE17558" s="1"/>
    </row>
    <row r="17559" spans="1:31" ht="14.45">
      <c r="A17559" s="11"/>
      <c r="B17559" s="20"/>
      <c r="C17559" s="2" t="s">
        <v>53635</v>
      </c>
      <c r="D17559" s="14" t="s">
        <v>53636</v>
      </c>
      <c r="E17559" s="2" t="s">
        <v>53637</v>
      </c>
      <c r="F17559" s="2" t="s">
        <v>7514</v>
      </c>
      <c r="G17559" s="8">
        <v>228</v>
      </c>
      <c r="H17559" s="5">
        <v>6</v>
      </c>
      <c r="I17559" s="5" t="s">
        <v>1518</v>
      </c>
      <c r="J17559" s="5" t="s">
        <v>40939</v>
      </c>
      <c r="K17559" s="2" t="s">
        <v>40940</v>
      </c>
      <c r="L17559" s="5" t="s">
        <v>40939</v>
      </c>
      <c r="M17559" s="2" t="s">
        <v>40940</v>
      </c>
      <c r="N17559" s="5" t="s">
        <v>36266</v>
      </c>
      <c r="O17559" s="5" t="s">
        <v>38</v>
      </c>
      <c r="P17559" s="5" t="s">
        <v>39</v>
      </c>
      <c r="Q17559" s="5" t="s">
        <v>40</v>
      </c>
      <c r="R17559" s="5" t="s">
        <v>1522</v>
      </c>
      <c r="S17559" s="5" t="s">
        <v>1523</v>
      </c>
      <c r="T17559" s="5" t="s">
        <v>42</v>
      </c>
      <c r="U17559" s="2">
        <v>2.012</v>
      </c>
      <c r="V17559" s="2">
        <v>1.55</v>
      </c>
      <c r="W17559" s="2">
        <v>0.01</v>
      </c>
      <c r="X17559" s="2">
        <v>76.900000000000006</v>
      </c>
      <c r="Y17559" s="2">
        <v>7.6</v>
      </c>
      <c r="Z17559" s="2">
        <v>16.7</v>
      </c>
      <c r="AA17559" s="5"/>
      <c r="AB17559" s="5" t="s">
        <v>43</v>
      </c>
      <c r="AC17559" s="5" t="s">
        <v>44</v>
      </c>
      <c r="AD17559" s="2"/>
      <c r="AE17559" s="1"/>
    </row>
    <row r="17560" spans="1:31" ht="14.45">
      <c r="A17560" s="11"/>
      <c r="B17560" s="20"/>
      <c r="C17560" s="2" t="s">
        <v>53638</v>
      </c>
      <c r="D17560" s="14" t="s">
        <v>53639</v>
      </c>
      <c r="E17560" s="2" t="s">
        <v>53640</v>
      </c>
      <c r="F17560" s="2" t="s">
        <v>47266</v>
      </c>
      <c r="G17560" s="8">
        <v>242</v>
      </c>
      <c r="H17560" s="5">
        <v>6</v>
      </c>
      <c r="I17560" s="5" t="s">
        <v>1518</v>
      </c>
      <c r="J17560" s="5" t="s">
        <v>40939</v>
      </c>
      <c r="K17560" s="2" t="s">
        <v>40940</v>
      </c>
      <c r="L17560" s="5" t="s">
        <v>40939</v>
      </c>
      <c r="M17560" s="2" t="s">
        <v>40940</v>
      </c>
      <c r="N17560" s="5" t="s">
        <v>36266</v>
      </c>
      <c r="O17560" s="5" t="s">
        <v>38</v>
      </c>
      <c r="P17560" s="5" t="s">
        <v>39</v>
      </c>
      <c r="Q17560" s="5" t="s">
        <v>40</v>
      </c>
      <c r="R17560" s="5" t="s">
        <v>1522</v>
      </c>
      <c r="S17560" s="5" t="s">
        <v>1523</v>
      </c>
      <c r="T17560" s="5" t="s">
        <v>42</v>
      </c>
      <c r="U17560" s="2">
        <v>1.9710000000000001</v>
      </c>
      <c r="V17560" s="2">
        <v>1.5089999999999999</v>
      </c>
      <c r="W17560" s="2">
        <v>0.01</v>
      </c>
      <c r="X17560" s="2">
        <v>76.900000000000006</v>
      </c>
      <c r="Y17560" s="2">
        <v>7.6</v>
      </c>
      <c r="Z17560" s="2">
        <v>16.7</v>
      </c>
      <c r="AA17560" s="5"/>
      <c r="AB17560" s="5" t="s">
        <v>43</v>
      </c>
      <c r="AC17560" s="5" t="s">
        <v>44</v>
      </c>
      <c r="AD17560" s="2"/>
      <c r="AE17560" s="1"/>
    </row>
    <row r="17561" spans="1:31" ht="14.45">
      <c r="A17561" s="11"/>
      <c r="B17561" s="20"/>
      <c r="C17561" s="2" t="s">
        <v>53641</v>
      </c>
      <c r="D17561" s="14" t="s">
        <v>53642</v>
      </c>
      <c r="E17561" s="2" t="s">
        <v>53643</v>
      </c>
      <c r="F17561" s="2" t="s">
        <v>7208</v>
      </c>
      <c r="G17561" s="8">
        <v>228</v>
      </c>
      <c r="H17561" s="5">
        <v>6</v>
      </c>
      <c r="I17561" s="5" t="s">
        <v>1518</v>
      </c>
      <c r="J17561" s="5" t="s">
        <v>40939</v>
      </c>
      <c r="K17561" s="2" t="s">
        <v>40940</v>
      </c>
      <c r="L17561" s="5" t="s">
        <v>40939</v>
      </c>
      <c r="M17561" s="2" t="s">
        <v>40940</v>
      </c>
      <c r="N17561" s="5" t="s">
        <v>36266</v>
      </c>
      <c r="O17561" s="5" t="s">
        <v>38</v>
      </c>
      <c r="P17561" s="5" t="s">
        <v>39</v>
      </c>
      <c r="Q17561" s="5" t="s">
        <v>40</v>
      </c>
      <c r="R17561" s="5" t="s">
        <v>1522</v>
      </c>
      <c r="S17561" s="5" t="s">
        <v>1523</v>
      </c>
      <c r="T17561" s="5" t="s">
        <v>42</v>
      </c>
      <c r="U17561" s="2">
        <v>1.974</v>
      </c>
      <c r="V17561" s="2">
        <v>1.512</v>
      </c>
      <c r="W17561" s="2">
        <v>0.01</v>
      </c>
      <c r="X17561" s="2">
        <v>76.900000000000006</v>
      </c>
      <c r="Y17561" s="2">
        <v>7.6</v>
      </c>
      <c r="Z17561" s="2">
        <v>16.7</v>
      </c>
      <c r="AA17561" s="5"/>
      <c r="AB17561" s="5" t="s">
        <v>43</v>
      </c>
      <c r="AC17561" s="5" t="s">
        <v>44</v>
      </c>
      <c r="AD17561" s="2"/>
      <c r="AE17561" s="1"/>
    </row>
    <row r="17562" spans="1:31" ht="14.45">
      <c r="A17562" s="11"/>
      <c r="B17562" s="20"/>
      <c r="C17562" s="2" t="s">
        <v>53644</v>
      </c>
      <c r="D17562" s="14" t="s">
        <v>53645</v>
      </c>
      <c r="E17562" s="2" t="s">
        <v>53646</v>
      </c>
      <c r="F17562" s="2" t="s">
        <v>41023</v>
      </c>
      <c r="G17562" s="8">
        <v>242</v>
      </c>
      <c r="H17562" s="5">
        <v>6</v>
      </c>
      <c r="I17562" s="5" t="s">
        <v>1518</v>
      </c>
      <c r="J17562" s="5" t="s">
        <v>40939</v>
      </c>
      <c r="K17562" s="2" t="s">
        <v>40940</v>
      </c>
      <c r="L17562" s="5" t="s">
        <v>40939</v>
      </c>
      <c r="M17562" s="2" t="s">
        <v>40940</v>
      </c>
      <c r="N17562" s="5" t="s">
        <v>36266</v>
      </c>
      <c r="O17562" s="5" t="s">
        <v>38</v>
      </c>
      <c r="P17562" s="5" t="s">
        <v>39</v>
      </c>
      <c r="Q17562" s="5" t="s">
        <v>40</v>
      </c>
      <c r="R17562" s="5" t="s">
        <v>1522</v>
      </c>
      <c r="S17562" s="5" t="s">
        <v>1523</v>
      </c>
      <c r="T17562" s="5" t="s">
        <v>42</v>
      </c>
      <c r="U17562" s="2">
        <v>1.962</v>
      </c>
      <c r="V17562" s="2">
        <v>1.5</v>
      </c>
      <c r="W17562" s="2">
        <v>0.01</v>
      </c>
      <c r="X17562" s="2">
        <v>76.900000000000006</v>
      </c>
      <c r="Y17562" s="2">
        <v>7.6</v>
      </c>
      <c r="Z17562" s="2">
        <v>16.7</v>
      </c>
      <c r="AA17562" s="5"/>
      <c r="AB17562" s="5" t="s">
        <v>43</v>
      </c>
      <c r="AC17562" s="5" t="s">
        <v>44</v>
      </c>
      <c r="AD17562" s="2"/>
      <c r="AE17562" s="1"/>
    </row>
    <row r="17563" spans="1:31" ht="14.45">
      <c r="A17563" s="11"/>
      <c r="B17563" s="20"/>
      <c r="C17563" s="2" t="s">
        <v>53647</v>
      </c>
      <c r="D17563" s="14" t="s">
        <v>53648</v>
      </c>
      <c r="E17563" s="2" t="s">
        <v>53649</v>
      </c>
      <c r="F17563" s="2" t="s">
        <v>7204</v>
      </c>
      <c r="G17563" s="8">
        <v>241</v>
      </c>
      <c r="H17563" s="5">
        <v>6</v>
      </c>
      <c r="I17563" s="5" t="s">
        <v>1518</v>
      </c>
      <c r="J17563" s="5" t="s">
        <v>40939</v>
      </c>
      <c r="K17563" s="2" t="s">
        <v>40940</v>
      </c>
      <c r="L17563" s="5" t="s">
        <v>40939</v>
      </c>
      <c r="M17563" s="2" t="s">
        <v>40940</v>
      </c>
      <c r="N17563" s="5" t="s">
        <v>36266</v>
      </c>
      <c r="O17563" s="5" t="s">
        <v>38</v>
      </c>
      <c r="P17563" s="5" t="s">
        <v>39</v>
      </c>
      <c r="Q17563" s="5" t="s">
        <v>40</v>
      </c>
      <c r="R17563" s="5" t="s">
        <v>1522</v>
      </c>
      <c r="S17563" s="5" t="s">
        <v>1523</v>
      </c>
      <c r="T17563" s="5" t="s">
        <v>42</v>
      </c>
      <c r="U17563" s="2">
        <v>2.1080000000000001</v>
      </c>
      <c r="V17563" s="2">
        <v>1.6519999999999999</v>
      </c>
      <c r="W17563" s="2">
        <v>0.01</v>
      </c>
      <c r="X17563" s="2">
        <v>76.900000000000006</v>
      </c>
      <c r="Y17563" s="2">
        <v>7.6</v>
      </c>
      <c r="Z17563" s="2">
        <v>16.7</v>
      </c>
      <c r="AA17563" s="5"/>
      <c r="AB17563" s="5" t="s">
        <v>43</v>
      </c>
      <c r="AC17563" s="5" t="s">
        <v>44</v>
      </c>
      <c r="AD17563" s="2"/>
      <c r="AE17563" s="1"/>
    </row>
    <row r="17564" spans="1:31" ht="14.45">
      <c r="A17564" s="11"/>
      <c r="B17564" s="20"/>
      <c r="C17564" s="2" t="s">
        <v>53650</v>
      </c>
      <c r="D17564" s="14" t="s">
        <v>53651</v>
      </c>
      <c r="E17564" s="2" t="s">
        <v>53652</v>
      </c>
      <c r="F17564" s="2" t="s">
        <v>7514</v>
      </c>
      <c r="G17564" s="8">
        <v>241</v>
      </c>
      <c r="H17564" s="5">
        <v>6</v>
      </c>
      <c r="I17564" s="5" t="s">
        <v>1518</v>
      </c>
      <c r="J17564" s="5" t="s">
        <v>40939</v>
      </c>
      <c r="K17564" s="2" t="s">
        <v>40940</v>
      </c>
      <c r="L17564" s="5" t="s">
        <v>40939</v>
      </c>
      <c r="M17564" s="2" t="s">
        <v>40940</v>
      </c>
      <c r="N17564" s="5" t="s">
        <v>36266</v>
      </c>
      <c r="O17564" s="5" t="s">
        <v>38</v>
      </c>
      <c r="P17564" s="5" t="s">
        <v>39</v>
      </c>
      <c r="Q17564" s="5" t="s">
        <v>40</v>
      </c>
      <c r="R17564" s="5" t="s">
        <v>1522</v>
      </c>
      <c r="S17564" s="5" t="s">
        <v>1523</v>
      </c>
      <c r="T17564" s="5" t="s">
        <v>42</v>
      </c>
      <c r="U17564" s="2">
        <v>2.1659999999999999</v>
      </c>
      <c r="V17564" s="2">
        <v>1.71</v>
      </c>
      <c r="W17564" s="2">
        <v>0.01</v>
      </c>
      <c r="X17564" s="2">
        <v>76.900000000000006</v>
      </c>
      <c r="Y17564" s="2">
        <v>7.6</v>
      </c>
      <c r="Z17564" s="2">
        <v>16.7</v>
      </c>
      <c r="AA17564" s="5"/>
      <c r="AB17564" s="5" t="s">
        <v>43</v>
      </c>
      <c r="AC17564" s="5" t="s">
        <v>44</v>
      </c>
      <c r="AD17564" s="2"/>
      <c r="AE17564" s="1"/>
    </row>
    <row r="17565" spans="1:31" ht="14.45">
      <c r="A17565" s="11"/>
      <c r="B17565" s="20"/>
      <c r="C17565" s="2" t="s">
        <v>53653</v>
      </c>
      <c r="D17565" s="14" t="s">
        <v>53654</v>
      </c>
      <c r="E17565" s="2" t="s">
        <v>53655</v>
      </c>
      <c r="F17565" s="2" t="s">
        <v>7208</v>
      </c>
      <c r="G17565" s="8">
        <v>241</v>
      </c>
      <c r="H17565" s="5">
        <v>6</v>
      </c>
      <c r="I17565" s="5" t="s">
        <v>1518</v>
      </c>
      <c r="J17565" s="5" t="s">
        <v>40939</v>
      </c>
      <c r="K17565" s="2" t="s">
        <v>40940</v>
      </c>
      <c r="L17565" s="5" t="s">
        <v>40939</v>
      </c>
      <c r="M17565" s="2" t="s">
        <v>40940</v>
      </c>
      <c r="N17565" s="5" t="s">
        <v>36266</v>
      </c>
      <c r="O17565" s="5" t="s">
        <v>38</v>
      </c>
      <c r="P17565" s="5" t="s">
        <v>39</v>
      </c>
      <c r="Q17565" s="5" t="s">
        <v>40</v>
      </c>
      <c r="R17565" s="5" t="s">
        <v>1522</v>
      </c>
      <c r="S17565" s="5" t="s">
        <v>1523</v>
      </c>
      <c r="T17565" s="5" t="s">
        <v>42</v>
      </c>
      <c r="U17565" s="2">
        <v>2.1190000000000002</v>
      </c>
      <c r="V17565" s="2">
        <v>1.663</v>
      </c>
      <c r="W17565" s="2">
        <v>0.01</v>
      </c>
      <c r="X17565" s="2">
        <v>76.900000000000006</v>
      </c>
      <c r="Y17565" s="2">
        <v>7.6</v>
      </c>
      <c r="Z17565" s="2">
        <v>16.7</v>
      </c>
      <c r="AA17565" s="5"/>
      <c r="AB17565" s="5" t="s">
        <v>43</v>
      </c>
      <c r="AC17565" s="5" t="s">
        <v>44</v>
      </c>
      <c r="AD17565" s="2"/>
      <c r="AE17565" s="1"/>
    </row>
    <row r="17566" spans="1:31" ht="14.45">
      <c r="A17566" s="11"/>
      <c r="B17566" s="20"/>
      <c r="C17566" s="2" t="s">
        <v>53656</v>
      </c>
      <c r="D17566" s="14" t="s">
        <v>53657</v>
      </c>
      <c r="E17566" s="2" t="s">
        <v>53658</v>
      </c>
      <c r="F17566" s="2" t="s">
        <v>36273</v>
      </c>
      <c r="G17566" s="8">
        <v>241</v>
      </c>
      <c r="H17566" s="5">
        <v>6</v>
      </c>
      <c r="I17566" s="5" t="s">
        <v>1518</v>
      </c>
      <c r="J17566" s="5" t="s">
        <v>40939</v>
      </c>
      <c r="K17566" s="2" t="s">
        <v>40940</v>
      </c>
      <c r="L17566" s="5" t="s">
        <v>40939</v>
      </c>
      <c r="M17566" s="2" t="s">
        <v>40940</v>
      </c>
      <c r="N17566" s="5" t="s">
        <v>36266</v>
      </c>
      <c r="O17566" s="5" t="s">
        <v>38</v>
      </c>
      <c r="P17566" s="5" t="s">
        <v>39</v>
      </c>
      <c r="Q17566" s="5" t="s">
        <v>40</v>
      </c>
      <c r="R17566" s="5" t="s">
        <v>1522</v>
      </c>
      <c r="S17566" s="5" t="s">
        <v>1523</v>
      </c>
      <c r="T17566" s="5" t="s">
        <v>42</v>
      </c>
      <c r="U17566" s="2">
        <v>2.1259999999999999</v>
      </c>
      <c r="V17566" s="2">
        <v>1.67</v>
      </c>
      <c r="W17566" s="2">
        <v>0.01</v>
      </c>
      <c r="X17566" s="2">
        <v>76.900000000000006</v>
      </c>
      <c r="Y17566" s="2">
        <v>7.6</v>
      </c>
      <c r="Z17566" s="2">
        <v>16.7</v>
      </c>
      <c r="AA17566" s="5"/>
      <c r="AB17566" s="5" t="s">
        <v>43</v>
      </c>
      <c r="AC17566" s="5" t="s">
        <v>44</v>
      </c>
      <c r="AD17566" s="2"/>
      <c r="AE17566" s="1"/>
    </row>
    <row r="17567" spans="1:31" ht="14.45">
      <c r="A17567" s="11"/>
      <c r="B17567" s="20"/>
      <c r="C17567" s="2" t="s">
        <v>53659</v>
      </c>
      <c r="D17567" s="14" t="s">
        <v>53660</v>
      </c>
      <c r="E17567" s="2" t="s">
        <v>53661</v>
      </c>
      <c r="F17567" s="2" t="s">
        <v>36277</v>
      </c>
      <c r="G17567" s="8">
        <v>241</v>
      </c>
      <c r="H17567" s="5">
        <v>6</v>
      </c>
      <c r="I17567" s="5" t="s">
        <v>1518</v>
      </c>
      <c r="J17567" s="5" t="s">
        <v>40939</v>
      </c>
      <c r="K17567" s="2" t="s">
        <v>40940</v>
      </c>
      <c r="L17567" s="5" t="s">
        <v>40939</v>
      </c>
      <c r="M17567" s="2" t="s">
        <v>40940</v>
      </c>
      <c r="N17567" s="5" t="s">
        <v>36266</v>
      </c>
      <c r="O17567" s="5" t="s">
        <v>38</v>
      </c>
      <c r="P17567" s="5" t="s">
        <v>39</v>
      </c>
      <c r="Q17567" s="5" t="s">
        <v>40</v>
      </c>
      <c r="R17567" s="5" t="s">
        <v>1522</v>
      </c>
      <c r="S17567" s="5" t="s">
        <v>1523</v>
      </c>
      <c r="T17567" s="5" t="s">
        <v>42</v>
      </c>
      <c r="U17567" s="2">
        <v>2.1840000000000002</v>
      </c>
      <c r="V17567" s="2">
        <v>1.728</v>
      </c>
      <c r="W17567" s="2">
        <v>0.01</v>
      </c>
      <c r="X17567" s="2">
        <v>76.900000000000006</v>
      </c>
      <c r="Y17567" s="2">
        <v>7.6</v>
      </c>
      <c r="Z17567" s="2">
        <v>16.7</v>
      </c>
      <c r="AA17567" s="5"/>
      <c r="AB17567" s="5" t="s">
        <v>43</v>
      </c>
      <c r="AC17567" s="5" t="s">
        <v>44</v>
      </c>
      <c r="AD17567" s="2"/>
      <c r="AE17567" s="1"/>
    </row>
    <row r="17568" spans="1:31" ht="14.45">
      <c r="A17568" s="11"/>
      <c r="B17568" s="20"/>
      <c r="C17568" s="2" t="s">
        <v>53662</v>
      </c>
      <c r="D17568" s="14" t="s">
        <v>53663</v>
      </c>
      <c r="E17568" s="2" t="s">
        <v>53664</v>
      </c>
      <c r="F17568" s="2" t="s">
        <v>40967</v>
      </c>
      <c r="G17568" s="8">
        <v>258</v>
      </c>
      <c r="H17568" s="5">
        <v>6</v>
      </c>
      <c r="I17568" s="5" t="s">
        <v>1518</v>
      </c>
      <c r="J17568" s="5" t="s">
        <v>40939</v>
      </c>
      <c r="K17568" s="2" t="s">
        <v>40940</v>
      </c>
      <c r="L17568" s="5" t="s">
        <v>40939</v>
      </c>
      <c r="M17568" s="2" t="s">
        <v>40940</v>
      </c>
      <c r="N17568" s="5" t="s">
        <v>36266</v>
      </c>
      <c r="O17568" s="5" t="s">
        <v>38</v>
      </c>
      <c r="P17568" s="5" t="s">
        <v>39</v>
      </c>
      <c r="Q17568" s="5" t="s">
        <v>40</v>
      </c>
      <c r="R17568" s="5" t="s">
        <v>1522</v>
      </c>
      <c r="S17568" s="5" t="s">
        <v>1523</v>
      </c>
      <c r="T17568" s="5" t="s">
        <v>42</v>
      </c>
      <c r="U17568" s="2">
        <v>2.1190000000000002</v>
      </c>
      <c r="V17568" s="2">
        <v>1.663</v>
      </c>
      <c r="W17568" s="2">
        <v>0.01</v>
      </c>
      <c r="X17568" s="2">
        <v>76.900000000000006</v>
      </c>
      <c r="Y17568" s="2">
        <v>7.6</v>
      </c>
      <c r="Z17568" s="2">
        <v>16.7</v>
      </c>
      <c r="AA17568" s="5"/>
      <c r="AB17568" s="5" t="s">
        <v>43</v>
      </c>
      <c r="AC17568" s="5" t="s">
        <v>44</v>
      </c>
      <c r="AD17568" s="2"/>
      <c r="AE17568" s="1"/>
    </row>
    <row r="17569" spans="1:31" ht="14.45">
      <c r="A17569" s="11"/>
      <c r="B17569" s="20"/>
      <c r="C17569" s="2" t="s">
        <v>53665</v>
      </c>
      <c r="D17569" s="14" t="s">
        <v>53666</v>
      </c>
      <c r="E17569" s="2" t="s">
        <v>53667</v>
      </c>
      <c r="F17569" s="2" t="s">
        <v>47226</v>
      </c>
      <c r="G17569" s="8">
        <v>258</v>
      </c>
      <c r="H17569" s="5">
        <v>6</v>
      </c>
      <c r="I17569" s="5" t="s">
        <v>1518</v>
      </c>
      <c r="J17569" s="5" t="s">
        <v>40939</v>
      </c>
      <c r="K17569" s="2" t="s">
        <v>40940</v>
      </c>
      <c r="L17569" s="5" t="s">
        <v>40939</v>
      </c>
      <c r="M17569" s="2" t="s">
        <v>40940</v>
      </c>
      <c r="N17569" s="5" t="s">
        <v>36266</v>
      </c>
      <c r="O17569" s="5" t="s">
        <v>38</v>
      </c>
      <c r="P17569" s="5" t="s">
        <v>39</v>
      </c>
      <c r="Q17569" s="5" t="s">
        <v>40</v>
      </c>
      <c r="R17569" s="5" t="s">
        <v>1522</v>
      </c>
      <c r="S17569" s="5" t="s">
        <v>1523</v>
      </c>
      <c r="T17569" s="5" t="s">
        <v>42</v>
      </c>
      <c r="U17569" s="2">
        <v>2.1190000000000002</v>
      </c>
      <c r="V17569" s="2">
        <v>1.663</v>
      </c>
      <c r="W17569" s="2">
        <v>0.01</v>
      </c>
      <c r="X17569" s="2">
        <v>76.900000000000006</v>
      </c>
      <c r="Y17569" s="2">
        <v>7.6</v>
      </c>
      <c r="Z17569" s="2">
        <v>16.7</v>
      </c>
      <c r="AA17569" s="5"/>
      <c r="AB17569" s="5" t="s">
        <v>43</v>
      </c>
      <c r="AC17569" s="5" t="s">
        <v>44</v>
      </c>
      <c r="AD17569" s="2"/>
      <c r="AE17569" s="1"/>
    </row>
    <row r="17570" spans="1:31" ht="14.45">
      <c r="A17570" s="11"/>
      <c r="B17570" s="20"/>
      <c r="C17570" s="2" t="s">
        <v>53668</v>
      </c>
      <c r="D17570" s="14" t="s">
        <v>53669</v>
      </c>
      <c r="E17570" s="2" t="s">
        <v>53670</v>
      </c>
      <c r="F17570" s="2" t="s">
        <v>40989</v>
      </c>
      <c r="G17570" s="8">
        <v>258</v>
      </c>
      <c r="H17570" s="5">
        <v>6</v>
      </c>
      <c r="I17570" s="5" t="s">
        <v>1518</v>
      </c>
      <c r="J17570" s="5" t="s">
        <v>40939</v>
      </c>
      <c r="K17570" s="2" t="s">
        <v>40940</v>
      </c>
      <c r="L17570" s="5" t="s">
        <v>40939</v>
      </c>
      <c r="M17570" s="2" t="s">
        <v>40940</v>
      </c>
      <c r="N17570" s="5" t="s">
        <v>36266</v>
      </c>
      <c r="O17570" s="5" t="s">
        <v>38</v>
      </c>
      <c r="P17570" s="5" t="s">
        <v>39</v>
      </c>
      <c r="Q17570" s="5" t="s">
        <v>40</v>
      </c>
      <c r="R17570" s="5" t="s">
        <v>1522</v>
      </c>
      <c r="S17570" s="5" t="s">
        <v>1523</v>
      </c>
      <c r="T17570" s="5" t="s">
        <v>42</v>
      </c>
      <c r="U17570" s="2">
        <v>2.1190000000000002</v>
      </c>
      <c r="V17570" s="2">
        <v>1.663</v>
      </c>
      <c r="W17570" s="2">
        <v>0.01</v>
      </c>
      <c r="X17570" s="2">
        <v>76.900000000000006</v>
      </c>
      <c r="Y17570" s="2">
        <v>7.6</v>
      </c>
      <c r="Z17570" s="2">
        <v>16.7</v>
      </c>
      <c r="AA17570" s="5"/>
      <c r="AB17570" s="5" t="s">
        <v>43</v>
      </c>
      <c r="AC17570" s="5" t="s">
        <v>44</v>
      </c>
      <c r="AD17570" s="2"/>
      <c r="AE17570" s="1"/>
    </row>
    <row r="17571" spans="1:31" ht="14.45">
      <c r="A17571" s="11"/>
      <c r="B17571" s="20"/>
      <c r="C17571" s="2" t="s">
        <v>53671</v>
      </c>
      <c r="D17571" s="14" t="s">
        <v>53672</v>
      </c>
      <c r="E17571" s="2" t="s">
        <v>53673</v>
      </c>
      <c r="F17571" s="2" t="s">
        <v>41009</v>
      </c>
      <c r="G17571" s="8">
        <v>258</v>
      </c>
      <c r="H17571" s="5">
        <v>6</v>
      </c>
      <c r="I17571" s="5" t="s">
        <v>1518</v>
      </c>
      <c r="J17571" s="5" t="s">
        <v>40939</v>
      </c>
      <c r="K17571" s="2" t="s">
        <v>40940</v>
      </c>
      <c r="L17571" s="5" t="s">
        <v>40939</v>
      </c>
      <c r="M17571" s="2" t="s">
        <v>40940</v>
      </c>
      <c r="N17571" s="5" t="s">
        <v>36266</v>
      </c>
      <c r="O17571" s="5" t="s">
        <v>38</v>
      </c>
      <c r="P17571" s="5" t="s">
        <v>39</v>
      </c>
      <c r="Q17571" s="5" t="s">
        <v>40</v>
      </c>
      <c r="R17571" s="5" t="s">
        <v>1522</v>
      </c>
      <c r="S17571" s="5" t="s">
        <v>1523</v>
      </c>
      <c r="T17571" s="5" t="s">
        <v>42</v>
      </c>
      <c r="U17571" s="2">
        <v>2.1219999999999999</v>
      </c>
      <c r="V17571" s="2">
        <v>1.6659999999999999</v>
      </c>
      <c r="W17571" s="2">
        <v>0.01</v>
      </c>
      <c r="X17571" s="2">
        <v>76.900000000000006</v>
      </c>
      <c r="Y17571" s="2">
        <v>7.6</v>
      </c>
      <c r="Z17571" s="2">
        <v>16.7</v>
      </c>
      <c r="AA17571" s="5"/>
      <c r="AB17571" s="5" t="s">
        <v>43</v>
      </c>
      <c r="AC17571" s="5" t="s">
        <v>44</v>
      </c>
      <c r="AD17571" s="2"/>
      <c r="AE17571" s="1"/>
    </row>
    <row r="17572" spans="1:31" ht="14.45">
      <c r="A17572" s="11"/>
      <c r="B17572" s="20"/>
      <c r="C17572" s="2" t="s">
        <v>53674</v>
      </c>
      <c r="D17572" s="14" t="s">
        <v>53675</v>
      </c>
      <c r="E17572" s="2" t="s">
        <v>53676</v>
      </c>
      <c r="F17572" s="2" t="s">
        <v>7507</v>
      </c>
      <c r="G17572" s="8">
        <v>241</v>
      </c>
      <c r="H17572" s="5">
        <v>6</v>
      </c>
      <c r="I17572" s="5" t="s">
        <v>1518</v>
      </c>
      <c r="J17572" s="5" t="s">
        <v>40939</v>
      </c>
      <c r="K17572" s="2" t="s">
        <v>40940</v>
      </c>
      <c r="L17572" s="5" t="s">
        <v>40939</v>
      </c>
      <c r="M17572" s="2" t="s">
        <v>40940</v>
      </c>
      <c r="N17572" s="5" t="s">
        <v>36266</v>
      </c>
      <c r="O17572" s="5" t="s">
        <v>38</v>
      </c>
      <c r="P17572" s="5" t="s">
        <v>39</v>
      </c>
      <c r="Q17572" s="5" t="s">
        <v>40</v>
      </c>
      <c r="R17572" s="5" t="s">
        <v>1522</v>
      </c>
      <c r="S17572" s="5" t="s">
        <v>1523</v>
      </c>
      <c r="T17572" s="5" t="s">
        <v>42</v>
      </c>
      <c r="U17572" s="2">
        <v>2.1800000000000002</v>
      </c>
      <c r="V17572" s="2">
        <v>1.724</v>
      </c>
      <c r="W17572" s="2">
        <v>0.01</v>
      </c>
      <c r="X17572" s="2">
        <v>76.900000000000006</v>
      </c>
      <c r="Y17572" s="2">
        <v>7.6</v>
      </c>
      <c r="Z17572" s="2">
        <v>16.7</v>
      </c>
      <c r="AA17572" s="5"/>
      <c r="AB17572" s="5" t="s">
        <v>43</v>
      </c>
      <c r="AC17572" s="5" t="s">
        <v>44</v>
      </c>
      <c r="AD17572" s="2"/>
      <c r="AE17572" s="1"/>
    </row>
    <row r="17573" spans="1:31" ht="14.45">
      <c r="A17573" s="11"/>
      <c r="B17573" s="20"/>
      <c r="C17573" s="2" t="s">
        <v>53677</v>
      </c>
      <c r="D17573" s="14" t="s">
        <v>53678</v>
      </c>
      <c r="E17573" s="2" t="s">
        <v>53679</v>
      </c>
      <c r="F17573" s="2" t="s">
        <v>41023</v>
      </c>
      <c r="G17573" s="8">
        <v>258</v>
      </c>
      <c r="H17573" s="5">
        <v>6</v>
      </c>
      <c r="I17573" s="5" t="s">
        <v>1518</v>
      </c>
      <c r="J17573" s="5" t="s">
        <v>40939</v>
      </c>
      <c r="K17573" s="2" t="s">
        <v>40940</v>
      </c>
      <c r="L17573" s="5" t="s">
        <v>40939</v>
      </c>
      <c r="M17573" s="2" t="s">
        <v>40940</v>
      </c>
      <c r="N17573" s="5" t="s">
        <v>36266</v>
      </c>
      <c r="O17573" s="5" t="s">
        <v>38</v>
      </c>
      <c r="P17573" s="5" t="s">
        <v>39</v>
      </c>
      <c r="Q17573" s="5" t="s">
        <v>40</v>
      </c>
      <c r="R17573" s="5" t="s">
        <v>1522</v>
      </c>
      <c r="S17573" s="5" t="s">
        <v>1523</v>
      </c>
      <c r="T17573" s="5" t="s">
        <v>42</v>
      </c>
      <c r="U17573" s="2">
        <v>2.1040000000000001</v>
      </c>
      <c r="V17573" s="2">
        <v>1.6479999999999999</v>
      </c>
      <c r="W17573" s="2">
        <v>0.01</v>
      </c>
      <c r="X17573" s="2">
        <v>76.900000000000006</v>
      </c>
      <c r="Y17573" s="2">
        <v>7.6</v>
      </c>
      <c r="Z17573" s="2">
        <v>16.7</v>
      </c>
      <c r="AA17573" s="5"/>
      <c r="AB17573" s="5" t="s">
        <v>43</v>
      </c>
      <c r="AC17573" s="5" t="s">
        <v>44</v>
      </c>
      <c r="AD17573" s="2"/>
      <c r="AE17573" s="1"/>
    </row>
    <row r="17574" spans="1:31" ht="14.45">
      <c r="A17574" s="11"/>
      <c r="B17574" s="20"/>
      <c r="C17574" s="2" t="s">
        <v>53680</v>
      </c>
      <c r="D17574" s="14" t="s">
        <v>53681</v>
      </c>
      <c r="E17574" s="2" t="s">
        <v>53682</v>
      </c>
      <c r="F17574" s="2" t="s">
        <v>41045</v>
      </c>
      <c r="G17574" s="8">
        <v>258</v>
      </c>
      <c r="H17574" s="5">
        <v>6</v>
      </c>
      <c r="I17574" s="5" t="s">
        <v>1518</v>
      </c>
      <c r="J17574" s="5" t="s">
        <v>40939</v>
      </c>
      <c r="K17574" s="2" t="s">
        <v>40940</v>
      </c>
      <c r="L17574" s="5" t="s">
        <v>40939</v>
      </c>
      <c r="M17574" s="2" t="s">
        <v>40940</v>
      </c>
      <c r="N17574" s="5" t="s">
        <v>36266</v>
      </c>
      <c r="O17574" s="5" t="s">
        <v>38</v>
      </c>
      <c r="P17574" s="5" t="s">
        <v>39</v>
      </c>
      <c r="Q17574" s="5" t="s">
        <v>40</v>
      </c>
      <c r="R17574" s="5" t="s">
        <v>1522</v>
      </c>
      <c r="S17574" s="5" t="s">
        <v>1523</v>
      </c>
      <c r="T17574" s="5" t="s">
        <v>42</v>
      </c>
      <c r="U17574" s="2">
        <v>2.1259999999999999</v>
      </c>
      <c r="V17574" s="2">
        <v>1.67</v>
      </c>
      <c r="W17574" s="2">
        <v>0.01</v>
      </c>
      <c r="X17574" s="2">
        <v>76.900000000000006</v>
      </c>
      <c r="Y17574" s="2">
        <v>7.6</v>
      </c>
      <c r="Z17574" s="2">
        <v>16.7</v>
      </c>
      <c r="AA17574" s="5"/>
      <c r="AB17574" s="5" t="s">
        <v>43</v>
      </c>
      <c r="AC17574" s="5" t="s">
        <v>44</v>
      </c>
      <c r="AD17574" s="2"/>
      <c r="AE17574" s="1"/>
    </row>
    <row r="17575" spans="1:31" ht="14.45">
      <c r="A17575" s="11"/>
      <c r="B17575" s="20"/>
      <c r="C17575" s="2" t="s">
        <v>53683</v>
      </c>
      <c r="D17575" s="14" t="s">
        <v>53684</v>
      </c>
      <c r="E17575" s="2" t="s">
        <v>53685</v>
      </c>
      <c r="F17575" s="2" t="s">
        <v>7204</v>
      </c>
      <c r="G17575" s="8">
        <v>228</v>
      </c>
      <c r="H17575" s="5">
        <v>6</v>
      </c>
      <c r="I17575" s="5" t="s">
        <v>1518</v>
      </c>
      <c r="J17575" s="5" t="s">
        <v>40939</v>
      </c>
      <c r="K17575" s="2" t="s">
        <v>40940</v>
      </c>
      <c r="L17575" s="5" t="s">
        <v>40939</v>
      </c>
      <c r="M17575" s="2" t="s">
        <v>40940</v>
      </c>
      <c r="N17575" s="5" t="s">
        <v>36266</v>
      </c>
      <c r="O17575" s="5" t="s">
        <v>38</v>
      </c>
      <c r="P17575" s="5" t="s">
        <v>39</v>
      </c>
      <c r="Q17575" s="5" t="s">
        <v>40</v>
      </c>
      <c r="R17575" s="5" t="s">
        <v>1522</v>
      </c>
      <c r="S17575" s="5" t="s">
        <v>1523</v>
      </c>
      <c r="T17575" s="5" t="s">
        <v>42</v>
      </c>
      <c r="U17575" s="2">
        <v>2.0089999999999999</v>
      </c>
      <c r="V17575" s="2">
        <v>1.5489999999999999</v>
      </c>
      <c r="W17575" s="2">
        <v>0.01</v>
      </c>
      <c r="X17575" s="2">
        <v>76.900000000000006</v>
      </c>
      <c r="Y17575" s="2">
        <v>7.6</v>
      </c>
      <c r="Z17575" s="2">
        <v>16.7</v>
      </c>
      <c r="AA17575" s="5"/>
      <c r="AB17575" s="5" t="s">
        <v>43</v>
      </c>
      <c r="AC17575" s="5" t="s">
        <v>44</v>
      </c>
      <c r="AD17575" s="2"/>
      <c r="AE17575" s="1"/>
    </row>
    <row r="17576" spans="1:31" ht="14.45">
      <c r="A17576" s="11"/>
      <c r="B17576" s="20"/>
      <c r="C17576" s="2" t="s">
        <v>53686</v>
      </c>
      <c r="D17576" s="14" t="s">
        <v>53687</v>
      </c>
      <c r="E17576" s="2" t="s">
        <v>53688</v>
      </c>
      <c r="F17576" s="2" t="s">
        <v>7514</v>
      </c>
      <c r="G17576" s="8">
        <v>228</v>
      </c>
      <c r="H17576" s="5">
        <v>6</v>
      </c>
      <c r="I17576" s="5" t="s">
        <v>1518</v>
      </c>
      <c r="J17576" s="5" t="s">
        <v>40939</v>
      </c>
      <c r="K17576" s="2" t="s">
        <v>40940</v>
      </c>
      <c r="L17576" s="5" t="s">
        <v>40939</v>
      </c>
      <c r="M17576" s="2" t="s">
        <v>40940</v>
      </c>
      <c r="N17576" s="5" t="s">
        <v>36266</v>
      </c>
      <c r="O17576" s="5" t="s">
        <v>38</v>
      </c>
      <c r="P17576" s="5" t="s">
        <v>39</v>
      </c>
      <c r="Q17576" s="5" t="s">
        <v>40</v>
      </c>
      <c r="R17576" s="5" t="s">
        <v>1522</v>
      </c>
      <c r="S17576" s="5" t="s">
        <v>1523</v>
      </c>
      <c r="T17576" s="5" t="s">
        <v>42</v>
      </c>
      <c r="U17576" s="2">
        <v>2.0590000000000002</v>
      </c>
      <c r="V17576" s="2">
        <v>1.599</v>
      </c>
      <c r="W17576" s="2">
        <v>0.01</v>
      </c>
      <c r="X17576" s="2">
        <v>76.900000000000006</v>
      </c>
      <c r="Y17576" s="2">
        <v>7.6</v>
      </c>
      <c r="Z17576" s="2">
        <v>16.7</v>
      </c>
      <c r="AA17576" s="5"/>
      <c r="AB17576" s="5" t="s">
        <v>43</v>
      </c>
      <c r="AC17576" s="5" t="s">
        <v>44</v>
      </c>
      <c r="AD17576" s="2"/>
      <c r="AE17576" s="1"/>
    </row>
    <row r="17577" spans="1:31" ht="14.45">
      <c r="A17577" s="11"/>
      <c r="B17577" s="20"/>
      <c r="C17577" s="2" t="s">
        <v>53689</v>
      </c>
      <c r="D17577" s="14" t="s">
        <v>53690</v>
      </c>
      <c r="E17577" s="2" t="s">
        <v>53691</v>
      </c>
      <c r="F17577" s="2" t="s">
        <v>47195</v>
      </c>
      <c r="G17577" s="8">
        <v>242</v>
      </c>
      <c r="H17577" s="5">
        <v>6</v>
      </c>
      <c r="I17577" s="5" t="s">
        <v>1518</v>
      </c>
      <c r="J17577" s="5" t="s">
        <v>40939</v>
      </c>
      <c r="K17577" s="2" t="s">
        <v>40940</v>
      </c>
      <c r="L17577" s="5" t="s">
        <v>40939</v>
      </c>
      <c r="M17577" s="2" t="s">
        <v>40940</v>
      </c>
      <c r="N17577" s="5" t="s">
        <v>36266</v>
      </c>
      <c r="O17577" s="5" t="s">
        <v>38</v>
      </c>
      <c r="P17577" s="5" t="s">
        <v>39</v>
      </c>
      <c r="Q17577" s="5" t="s">
        <v>40</v>
      </c>
      <c r="R17577" s="5" t="s">
        <v>1522</v>
      </c>
      <c r="S17577" s="5" t="s">
        <v>1523</v>
      </c>
      <c r="T17577" s="5" t="s">
        <v>42</v>
      </c>
      <c r="U17577" s="2">
        <v>2.0649999999999999</v>
      </c>
      <c r="V17577" s="2">
        <v>1.605</v>
      </c>
      <c r="W17577" s="2">
        <v>0.01</v>
      </c>
      <c r="X17577" s="2">
        <v>76.900000000000006</v>
      </c>
      <c r="Y17577" s="2">
        <v>7.6</v>
      </c>
      <c r="Z17577" s="2">
        <v>16.7</v>
      </c>
      <c r="AA17577" s="5"/>
      <c r="AB17577" s="5" t="s">
        <v>43</v>
      </c>
      <c r="AC17577" s="5" t="s">
        <v>44</v>
      </c>
      <c r="AD17577" s="2"/>
      <c r="AE17577" s="1"/>
    </row>
    <row r="17578" spans="1:31" ht="14.45">
      <c r="A17578" s="11"/>
      <c r="B17578" s="20"/>
      <c r="C17578" s="2" t="s">
        <v>53692</v>
      </c>
      <c r="D17578" s="14" t="s">
        <v>53693</v>
      </c>
      <c r="E17578" s="2" t="s">
        <v>53694</v>
      </c>
      <c r="F17578" s="2" t="s">
        <v>7208</v>
      </c>
      <c r="G17578" s="8">
        <v>228</v>
      </c>
      <c r="H17578" s="5">
        <v>6</v>
      </c>
      <c r="I17578" s="5" t="s">
        <v>1518</v>
      </c>
      <c r="J17578" s="5" t="s">
        <v>40939</v>
      </c>
      <c r="K17578" s="2" t="s">
        <v>40940</v>
      </c>
      <c r="L17578" s="5" t="s">
        <v>40939</v>
      </c>
      <c r="M17578" s="2" t="s">
        <v>40940</v>
      </c>
      <c r="N17578" s="5" t="s">
        <v>36266</v>
      </c>
      <c r="O17578" s="5" t="s">
        <v>38</v>
      </c>
      <c r="P17578" s="5" t="s">
        <v>39</v>
      </c>
      <c r="Q17578" s="5" t="s">
        <v>40</v>
      </c>
      <c r="R17578" s="5" t="s">
        <v>1522</v>
      </c>
      <c r="S17578" s="5" t="s">
        <v>1523</v>
      </c>
      <c r="T17578" s="5" t="s">
        <v>42</v>
      </c>
      <c r="U17578" s="2">
        <v>2.0179999999999998</v>
      </c>
      <c r="V17578" s="2">
        <v>1.5580000000000001</v>
      </c>
      <c r="W17578" s="2">
        <v>0.01</v>
      </c>
      <c r="X17578" s="2">
        <v>76.900000000000006</v>
      </c>
      <c r="Y17578" s="2">
        <v>7.6</v>
      </c>
      <c r="Z17578" s="2">
        <v>16.7</v>
      </c>
      <c r="AA17578" s="5"/>
      <c r="AB17578" s="5" t="s">
        <v>43</v>
      </c>
      <c r="AC17578" s="5" t="s">
        <v>44</v>
      </c>
      <c r="AD17578" s="2"/>
      <c r="AE17578" s="1"/>
    </row>
    <row r="17579" spans="1:31" ht="14.45">
      <c r="A17579" s="11"/>
      <c r="B17579" s="20"/>
      <c r="C17579" s="2" t="s">
        <v>53695</v>
      </c>
      <c r="D17579" s="14" t="s">
        <v>53696</v>
      </c>
      <c r="E17579" s="2" t="s">
        <v>53697</v>
      </c>
      <c r="F17579" s="2" t="s">
        <v>7521</v>
      </c>
      <c r="G17579" s="8">
        <v>228</v>
      </c>
      <c r="H17579" s="5">
        <v>6</v>
      </c>
      <c r="I17579" s="5" t="s">
        <v>1518</v>
      </c>
      <c r="J17579" s="5" t="s">
        <v>40939</v>
      </c>
      <c r="K17579" s="2" t="s">
        <v>40940</v>
      </c>
      <c r="L17579" s="5" t="s">
        <v>40939</v>
      </c>
      <c r="M17579" s="2" t="s">
        <v>40940</v>
      </c>
      <c r="N17579" s="5" t="s">
        <v>36266</v>
      </c>
      <c r="O17579" s="5" t="s">
        <v>38</v>
      </c>
      <c r="P17579" s="5" t="s">
        <v>39</v>
      </c>
      <c r="Q17579" s="5" t="s">
        <v>40</v>
      </c>
      <c r="R17579" s="5" t="s">
        <v>1522</v>
      </c>
      <c r="S17579" s="5" t="s">
        <v>1523</v>
      </c>
      <c r="T17579" s="5" t="s">
        <v>42</v>
      </c>
      <c r="U17579" s="2">
        <v>2.0680000000000001</v>
      </c>
      <c r="V17579" s="2">
        <v>1.6080000000000001</v>
      </c>
      <c r="W17579" s="2">
        <v>0.01</v>
      </c>
      <c r="X17579" s="2">
        <v>76.900000000000006</v>
      </c>
      <c r="Y17579" s="2">
        <v>7.6</v>
      </c>
      <c r="Z17579" s="2">
        <v>16.7</v>
      </c>
      <c r="AA17579" s="5"/>
      <c r="AB17579" s="5" t="s">
        <v>43</v>
      </c>
      <c r="AC17579" s="5" t="s">
        <v>44</v>
      </c>
      <c r="AD17579" s="2"/>
      <c r="AE17579" s="1"/>
    </row>
    <row r="17580" spans="1:31" ht="14.45">
      <c r="A17580" s="11"/>
      <c r="B17580" s="20"/>
      <c r="C17580" s="2" t="s">
        <v>53698</v>
      </c>
      <c r="D17580" s="14" t="s">
        <v>53699</v>
      </c>
      <c r="E17580" s="2" t="s">
        <v>53700</v>
      </c>
      <c r="F17580" s="2" t="s">
        <v>36273</v>
      </c>
      <c r="G17580" s="8">
        <v>228</v>
      </c>
      <c r="H17580" s="5">
        <v>6</v>
      </c>
      <c r="I17580" s="5" t="s">
        <v>1518</v>
      </c>
      <c r="J17580" s="5" t="s">
        <v>40939</v>
      </c>
      <c r="K17580" s="2" t="s">
        <v>40940</v>
      </c>
      <c r="L17580" s="5" t="s">
        <v>40939</v>
      </c>
      <c r="M17580" s="2" t="s">
        <v>40940</v>
      </c>
      <c r="N17580" s="5" t="s">
        <v>36266</v>
      </c>
      <c r="O17580" s="5" t="s">
        <v>38</v>
      </c>
      <c r="P17580" s="5" t="s">
        <v>39</v>
      </c>
      <c r="Q17580" s="5" t="s">
        <v>40</v>
      </c>
      <c r="R17580" s="5" t="s">
        <v>1522</v>
      </c>
      <c r="S17580" s="5" t="s">
        <v>1523</v>
      </c>
      <c r="T17580" s="5" t="s">
        <v>42</v>
      </c>
      <c r="U17580" s="2">
        <v>2.024</v>
      </c>
      <c r="V17580" s="2">
        <v>1.5640000000000001</v>
      </c>
      <c r="W17580" s="2">
        <v>0.01</v>
      </c>
      <c r="X17580" s="2">
        <v>76.900000000000006</v>
      </c>
      <c r="Y17580" s="2">
        <v>7.6</v>
      </c>
      <c r="Z17580" s="2">
        <v>16.7</v>
      </c>
      <c r="AA17580" s="5"/>
      <c r="AB17580" s="5" t="s">
        <v>43</v>
      </c>
      <c r="AC17580" s="5" t="s">
        <v>44</v>
      </c>
      <c r="AD17580" s="2"/>
      <c r="AE17580" s="1"/>
    </row>
    <row r="17581" spans="1:31" ht="14.45">
      <c r="A17581" s="11"/>
      <c r="B17581" s="20"/>
      <c r="C17581" s="2" t="s">
        <v>53701</v>
      </c>
      <c r="D17581" s="14" t="s">
        <v>53702</v>
      </c>
      <c r="E17581" s="2" t="s">
        <v>53703</v>
      </c>
      <c r="F17581" s="2" t="s">
        <v>36277</v>
      </c>
      <c r="G17581" s="8">
        <v>228</v>
      </c>
      <c r="H17581" s="5">
        <v>6</v>
      </c>
      <c r="I17581" s="5" t="s">
        <v>1518</v>
      </c>
      <c r="J17581" s="5" t="s">
        <v>40939</v>
      </c>
      <c r="K17581" s="2" t="s">
        <v>40940</v>
      </c>
      <c r="L17581" s="5" t="s">
        <v>40939</v>
      </c>
      <c r="M17581" s="2" t="s">
        <v>40940</v>
      </c>
      <c r="N17581" s="5" t="s">
        <v>36266</v>
      </c>
      <c r="O17581" s="5" t="s">
        <v>38</v>
      </c>
      <c r="P17581" s="5" t="s">
        <v>39</v>
      </c>
      <c r="Q17581" s="5" t="s">
        <v>40</v>
      </c>
      <c r="R17581" s="5" t="s">
        <v>1522</v>
      </c>
      <c r="S17581" s="5" t="s">
        <v>1523</v>
      </c>
      <c r="T17581" s="5" t="s">
        <v>42</v>
      </c>
      <c r="U17581" s="2">
        <v>2.0739999999999998</v>
      </c>
      <c r="V17581" s="2">
        <v>1.6140000000000001</v>
      </c>
      <c r="W17581" s="2">
        <v>0.01</v>
      </c>
      <c r="X17581" s="2">
        <v>76.900000000000006</v>
      </c>
      <c r="Y17581" s="2">
        <v>7.6</v>
      </c>
      <c r="Z17581" s="2">
        <v>16.7</v>
      </c>
      <c r="AA17581" s="5"/>
      <c r="AB17581" s="5" t="s">
        <v>43</v>
      </c>
      <c r="AC17581" s="5" t="s">
        <v>44</v>
      </c>
      <c r="AD17581" s="2"/>
      <c r="AE17581" s="1"/>
    </row>
    <row r="17582" spans="1:31" ht="14.45">
      <c r="A17582" s="11"/>
      <c r="B17582" s="20"/>
      <c r="C17582" s="2" t="s">
        <v>53704</v>
      </c>
      <c r="D17582" s="14" t="s">
        <v>53705</v>
      </c>
      <c r="E17582" s="2" t="s">
        <v>53706</v>
      </c>
      <c r="F17582" s="2" t="s">
        <v>40967</v>
      </c>
      <c r="G17582" s="8">
        <v>242</v>
      </c>
      <c r="H17582" s="5">
        <v>6</v>
      </c>
      <c r="I17582" s="5" t="s">
        <v>1518</v>
      </c>
      <c r="J17582" s="5" t="s">
        <v>40939</v>
      </c>
      <c r="K17582" s="2" t="s">
        <v>40940</v>
      </c>
      <c r="L17582" s="5" t="s">
        <v>40939</v>
      </c>
      <c r="M17582" s="2" t="s">
        <v>40940</v>
      </c>
      <c r="N17582" s="5" t="s">
        <v>36266</v>
      </c>
      <c r="O17582" s="5" t="s">
        <v>38</v>
      </c>
      <c r="P17582" s="5" t="s">
        <v>39</v>
      </c>
      <c r="Q17582" s="5" t="s">
        <v>40</v>
      </c>
      <c r="R17582" s="5" t="s">
        <v>1522</v>
      </c>
      <c r="S17582" s="5" t="s">
        <v>1523</v>
      </c>
      <c r="T17582" s="5" t="s">
        <v>42</v>
      </c>
      <c r="U17582" s="2">
        <v>2.0179999999999998</v>
      </c>
      <c r="V17582" s="2">
        <v>1.5580000000000001</v>
      </c>
      <c r="W17582" s="2">
        <v>0.01</v>
      </c>
      <c r="X17582" s="2">
        <v>76.900000000000006</v>
      </c>
      <c r="Y17582" s="2">
        <v>7.6</v>
      </c>
      <c r="Z17582" s="2">
        <v>16.7</v>
      </c>
      <c r="AA17582" s="5"/>
      <c r="AB17582" s="5" t="s">
        <v>43</v>
      </c>
      <c r="AC17582" s="5" t="s">
        <v>44</v>
      </c>
      <c r="AD17582" s="2"/>
      <c r="AE17582" s="1"/>
    </row>
    <row r="17583" spans="1:31" ht="14.45">
      <c r="A17583" s="11"/>
      <c r="B17583" s="20"/>
      <c r="C17583" s="2" t="s">
        <v>53707</v>
      </c>
      <c r="D17583" s="14" t="s">
        <v>53708</v>
      </c>
      <c r="E17583" s="2" t="s">
        <v>53709</v>
      </c>
      <c r="F17583" s="2" t="s">
        <v>40971</v>
      </c>
      <c r="G17583" s="8">
        <v>242</v>
      </c>
      <c r="H17583" s="5">
        <v>6</v>
      </c>
      <c r="I17583" s="5" t="s">
        <v>1518</v>
      </c>
      <c r="J17583" s="5" t="s">
        <v>40939</v>
      </c>
      <c r="K17583" s="2" t="s">
        <v>40940</v>
      </c>
      <c r="L17583" s="5" t="s">
        <v>40939</v>
      </c>
      <c r="M17583" s="2" t="s">
        <v>40940</v>
      </c>
      <c r="N17583" s="5" t="s">
        <v>36266</v>
      </c>
      <c r="O17583" s="5" t="s">
        <v>38</v>
      </c>
      <c r="P17583" s="5" t="s">
        <v>39</v>
      </c>
      <c r="Q17583" s="5" t="s">
        <v>40</v>
      </c>
      <c r="R17583" s="5" t="s">
        <v>1522</v>
      </c>
      <c r="S17583" s="5" t="s">
        <v>1523</v>
      </c>
      <c r="T17583" s="5" t="s">
        <v>42</v>
      </c>
      <c r="U17583" s="2">
        <v>2.0680000000000001</v>
      </c>
      <c r="V17583" s="2">
        <v>1.6080000000000001</v>
      </c>
      <c r="W17583" s="2">
        <v>0.01</v>
      </c>
      <c r="X17583" s="2">
        <v>76.900000000000006</v>
      </c>
      <c r="Y17583" s="2">
        <v>7.6</v>
      </c>
      <c r="Z17583" s="2">
        <v>16.7</v>
      </c>
      <c r="AA17583" s="5"/>
      <c r="AB17583" s="5" t="s">
        <v>43</v>
      </c>
      <c r="AC17583" s="5" t="s">
        <v>44</v>
      </c>
      <c r="AD17583" s="2"/>
      <c r="AE17583" s="1"/>
    </row>
    <row r="17584" spans="1:31" ht="14.45">
      <c r="A17584" s="11"/>
      <c r="B17584" s="20"/>
      <c r="C17584" s="2" t="s">
        <v>53710</v>
      </c>
      <c r="D17584" s="14" t="s">
        <v>53711</v>
      </c>
      <c r="E17584" s="2" t="s">
        <v>53712</v>
      </c>
      <c r="F17584" s="2" t="s">
        <v>40989</v>
      </c>
      <c r="G17584" s="8">
        <v>242</v>
      </c>
      <c r="H17584" s="5">
        <v>6</v>
      </c>
      <c r="I17584" s="5" t="s">
        <v>1518</v>
      </c>
      <c r="J17584" s="5" t="s">
        <v>40939</v>
      </c>
      <c r="K17584" s="2" t="s">
        <v>40940</v>
      </c>
      <c r="L17584" s="5" t="s">
        <v>40939</v>
      </c>
      <c r="M17584" s="2" t="s">
        <v>40940</v>
      </c>
      <c r="N17584" s="5" t="s">
        <v>36266</v>
      </c>
      <c r="O17584" s="5" t="s">
        <v>38</v>
      </c>
      <c r="P17584" s="5" t="s">
        <v>39</v>
      </c>
      <c r="Q17584" s="5" t="s">
        <v>40</v>
      </c>
      <c r="R17584" s="5" t="s">
        <v>1522</v>
      </c>
      <c r="S17584" s="5" t="s">
        <v>1523</v>
      </c>
      <c r="T17584" s="5" t="s">
        <v>42</v>
      </c>
      <c r="U17584" s="2">
        <v>2.0179999999999998</v>
      </c>
      <c r="V17584" s="2">
        <v>1.5580000000000001</v>
      </c>
      <c r="W17584" s="2">
        <v>0.01</v>
      </c>
      <c r="X17584" s="2">
        <v>76.900000000000006</v>
      </c>
      <c r="Y17584" s="2">
        <v>7.6</v>
      </c>
      <c r="Z17584" s="2">
        <v>16.7</v>
      </c>
      <c r="AA17584" s="5"/>
      <c r="AB17584" s="5" t="s">
        <v>43</v>
      </c>
      <c r="AC17584" s="5" t="s">
        <v>44</v>
      </c>
      <c r="AD17584" s="2"/>
      <c r="AE17584" s="1"/>
    </row>
    <row r="17585" spans="1:31" ht="14.45">
      <c r="A17585" s="11"/>
      <c r="B17585" s="20"/>
      <c r="C17585" s="2" t="s">
        <v>53713</v>
      </c>
      <c r="D17585" s="14" t="s">
        <v>53714</v>
      </c>
      <c r="E17585" s="2" t="s">
        <v>53715</v>
      </c>
      <c r="F17585" s="2" t="s">
        <v>40993</v>
      </c>
      <c r="G17585" s="8">
        <v>242</v>
      </c>
      <c r="H17585" s="5">
        <v>6</v>
      </c>
      <c r="I17585" s="5" t="s">
        <v>1518</v>
      </c>
      <c r="J17585" s="5" t="s">
        <v>40939</v>
      </c>
      <c r="K17585" s="2" t="s">
        <v>40940</v>
      </c>
      <c r="L17585" s="5" t="s">
        <v>40939</v>
      </c>
      <c r="M17585" s="2" t="s">
        <v>40940</v>
      </c>
      <c r="N17585" s="5" t="s">
        <v>36266</v>
      </c>
      <c r="O17585" s="5" t="s">
        <v>38</v>
      </c>
      <c r="P17585" s="5" t="s">
        <v>39</v>
      </c>
      <c r="Q17585" s="5" t="s">
        <v>40</v>
      </c>
      <c r="R17585" s="5" t="s">
        <v>1522</v>
      </c>
      <c r="S17585" s="5" t="s">
        <v>1523</v>
      </c>
      <c r="T17585" s="5" t="s">
        <v>42</v>
      </c>
      <c r="U17585" s="2">
        <v>2.0680000000000001</v>
      </c>
      <c r="V17585" s="2">
        <v>1.6080000000000001</v>
      </c>
      <c r="W17585" s="2">
        <v>0.01</v>
      </c>
      <c r="X17585" s="2">
        <v>76.900000000000006</v>
      </c>
      <c r="Y17585" s="2">
        <v>7.6</v>
      </c>
      <c r="Z17585" s="2">
        <v>16.7</v>
      </c>
      <c r="AA17585" s="5"/>
      <c r="AB17585" s="5" t="s">
        <v>43</v>
      </c>
      <c r="AC17585" s="5" t="s">
        <v>44</v>
      </c>
      <c r="AD17585" s="2"/>
      <c r="AE17585" s="1"/>
    </row>
    <row r="17586" spans="1:31" ht="14.45">
      <c r="A17586" s="11"/>
      <c r="B17586" s="20"/>
      <c r="C17586" s="2" t="s">
        <v>53716</v>
      </c>
      <c r="D17586" s="14" t="s">
        <v>53717</v>
      </c>
      <c r="E17586" s="2" t="s">
        <v>53718</v>
      </c>
      <c r="F17586" s="2" t="s">
        <v>41005</v>
      </c>
      <c r="G17586" s="8">
        <v>242</v>
      </c>
      <c r="H17586" s="5">
        <v>6</v>
      </c>
      <c r="I17586" s="5" t="s">
        <v>1518</v>
      </c>
      <c r="J17586" s="5" t="s">
        <v>40939</v>
      </c>
      <c r="K17586" s="2" t="s">
        <v>40940</v>
      </c>
      <c r="L17586" s="5" t="s">
        <v>40939</v>
      </c>
      <c r="M17586" s="2" t="s">
        <v>40940</v>
      </c>
      <c r="N17586" s="5" t="s">
        <v>36266</v>
      </c>
      <c r="O17586" s="5" t="s">
        <v>38</v>
      </c>
      <c r="P17586" s="5" t="s">
        <v>39</v>
      </c>
      <c r="Q17586" s="5" t="s">
        <v>40</v>
      </c>
      <c r="R17586" s="5" t="s">
        <v>1522</v>
      </c>
      <c r="S17586" s="5" t="s">
        <v>1523</v>
      </c>
      <c r="T17586" s="5" t="s">
        <v>42</v>
      </c>
      <c r="U17586" s="2">
        <v>2.0680000000000001</v>
      </c>
      <c r="V17586" s="2">
        <v>1.6080000000000001</v>
      </c>
      <c r="W17586" s="2">
        <v>0.01</v>
      </c>
      <c r="X17586" s="2">
        <v>76.900000000000006</v>
      </c>
      <c r="Y17586" s="2">
        <v>7.6</v>
      </c>
      <c r="Z17586" s="2">
        <v>16.7</v>
      </c>
      <c r="AA17586" s="5"/>
      <c r="AB17586" s="5" t="s">
        <v>43</v>
      </c>
      <c r="AC17586" s="5" t="s">
        <v>44</v>
      </c>
      <c r="AD17586" s="2"/>
      <c r="AE17586" s="1"/>
    </row>
    <row r="17587" spans="1:31" ht="14.45">
      <c r="A17587" s="11"/>
      <c r="B17587" s="20"/>
      <c r="C17587" s="2" t="s">
        <v>53719</v>
      </c>
      <c r="D17587" s="14" t="s">
        <v>53720</v>
      </c>
      <c r="E17587" s="2" t="s">
        <v>53721</v>
      </c>
      <c r="F17587" s="2" t="s">
        <v>7507</v>
      </c>
      <c r="G17587" s="8">
        <v>228</v>
      </c>
      <c r="H17587" s="5">
        <v>6</v>
      </c>
      <c r="I17587" s="5" t="s">
        <v>1518</v>
      </c>
      <c r="J17587" s="5" t="s">
        <v>40939</v>
      </c>
      <c r="K17587" s="2" t="s">
        <v>40940</v>
      </c>
      <c r="L17587" s="5" t="s">
        <v>40939</v>
      </c>
      <c r="M17587" s="2" t="s">
        <v>40940</v>
      </c>
      <c r="N17587" s="5" t="s">
        <v>36266</v>
      </c>
      <c r="O17587" s="5" t="s">
        <v>38</v>
      </c>
      <c r="P17587" s="5" t="s">
        <v>39</v>
      </c>
      <c r="Q17587" s="5" t="s">
        <v>40</v>
      </c>
      <c r="R17587" s="5" t="s">
        <v>1522</v>
      </c>
      <c r="S17587" s="5" t="s">
        <v>1523</v>
      </c>
      <c r="T17587" s="5" t="s">
        <v>42</v>
      </c>
      <c r="U17587" s="2">
        <v>2.0710000000000002</v>
      </c>
      <c r="V17587" s="2">
        <v>1.611</v>
      </c>
      <c r="W17587" s="2">
        <v>0.01</v>
      </c>
      <c r="X17587" s="2">
        <v>76.900000000000006</v>
      </c>
      <c r="Y17587" s="2">
        <v>7.6</v>
      </c>
      <c r="Z17587" s="2">
        <v>16.7</v>
      </c>
      <c r="AA17587" s="5"/>
      <c r="AB17587" s="5" t="s">
        <v>43</v>
      </c>
      <c r="AC17587" s="5" t="s">
        <v>44</v>
      </c>
      <c r="AD17587" s="2"/>
      <c r="AE17587" s="1"/>
    </row>
    <row r="17588" spans="1:31" ht="14.45">
      <c r="A17588" s="11"/>
      <c r="B17588" s="20"/>
      <c r="C17588" s="2" t="s">
        <v>53722</v>
      </c>
      <c r="D17588" s="14" t="s">
        <v>53723</v>
      </c>
      <c r="E17588" s="2" t="s">
        <v>53724</v>
      </c>
      <c r="F17588" s="2" t="s">
        <v>41023</v>
      </c>
      <c r="G17588" s="8">
        <v>242</v>
      </c>
      <c r="H17588" s="5">
        <v>6</v>
      </c>
      <c r="I17588" s="5" t="s">
        <v>1518</v>
      </c>
      <c r="J17588" s="5" t="s">
        <v>40939</v>
      </c>
      <c r="K17588" s="2" t="s">
        <v>40940</v>
      </c>
      <c r="L17588" s="5" t="s">
        <v>40939</v>
      </c>
      <c r="M17588" s="2" t="s">
        <v>40940</v>
      </c>
      <c r="N17588" s="5" t="s">
        <v>36266</v>
      </c>
      <c r="O17588" s="5" t="s">
        <v>38</v>
      </c>
      <c r="P17588" s="5" t="s">
        <v>39</v>
      </c>
      <c r="Q17588" s="5" t="s">
        <v>40</v>
      </c>
      <c r="R17588" s="5" t="s">
        <v>1522</v>
      </c>
      <c r="S17588" s="5" t="s">
        <v>1523</v>
      </c>
      <c r="T17588" s="5" t="s">
        <v>42</v>
      </c>
      <c r="U17588" s="2">
        <v>2.0059999999999998</v>
      </c>
      <c r="V17588" s="2">
        <v>1.546</v>
      </c>
      <c r="W17588" s="2">
        <v>0.01</v>
      </c>
      <c r="X17588" s="2">
        <v>76.900000000000006</v>
      </c>
      <c r="Y17588" s="2">
        <v>7.6</v>
      </c>
      <c r="Z17588" s="2">
        <v>16.7</v>
      </c>
      <c r="AA17588" s="5"/>
      <c r="AB17588" s="5" t="s">
        <v>43</v>
      </c>
      <c r="AC17588" s="5" t="s">
        <v>44</v>
      </c>
      <c r="AD17588" s="2"/>
      <c r="AE17588" s="1"/>
    </row>
    <row r="17589" spans="1:31" ht="14.45">
      <c r="A17589" s="11"/>
      <c r="B17589" s="20"/>
      <c r="C17589" s="2" t="s">
        <v>53725</v>
      </c>
      <c r="D17589" s="14" t="s">
        <v>53726</v>
      </c>
      <c r="E17589" s="2" t="s">
        <v>53727</v>
      </c>
      <c r="F17589" s="2" t="s">
        <v>41031</v>
      </c>
      <c r="G17589" s="8">
        <v>242</v>
      </c>
      <c r="H17589" s="5">
        <v>6</v>
      </c>
      <c r="I17589" s="5" t="s">
        <v>1518</v>
      </c>
      <c r="J17589" s="5" t="s">
        <v>40939</v>
      </c>
      <c r="K17589" s="2" t="s">
        <v>40940</v>
      </c>
      <c r="L17589" s="5" t="s">
        <v>40939</v>
      </c>
      <c r="M17589" s="2" t="s">
        <v>40940</v>
      </c>
      <c r="N17589" s="5" t="s">
        <v>36266</v>
      </c>
      <c r="O17589" s="5" t="s">
        <v>38</v>
      </c>
      <c r="P17589" s="5" t="s">
        <v>39</v>
      </c>
      <c r="Q17589" s="5" t="s">
        <v>40</v>
      </c>
      <c r="R17589" s="5" t="s">
        <v>1522</v>
      </c>
      <c r="S17589" s="5" t="s">
        <v>1523</v>
      </c>
      <c r="T17589" s="5" t="s">
        <v>42</v>
      </c>
      <c r="U17589" s="2">
        <v>2.0059999999999998</v>
      </c>
      <c r="V17589" s="2">
        <v>1.546</v>
      </c>
      <c r="W17589" s="2">
        <v>0.01</v>
      </c>
      <c r="X17589" s="2">
        <v>76.900000000000006</v>
      </c>
      <c r="Y17589" s="2">
        <v>7.6</v>
      </c>
      <c r="Z17589" s="2">
        <v>16.7</v>
      </c>
      <c r="AA17589" s="5"/>
      <c r="AB17589" s="5" t="s">
        <v>43</v>
      </c>
      <c r="AC17589" s="5" t="s">
        <v>44</v>
      </c>
      <c r="AD17589" s="2"/>
      <c r="AE17589" s="1"/>
    </row>
    <row r="17590" spans="1:31" ht="14.45">
      <c r="A17590" s="11"/>
      <c r="B17590" s="20"/>
      <c r="C17590" s="2" t="s">
        <v>53728</v>
      </c>
      <c r="D17590" s="14" t="s">
        <v>53729</v>
      </c>
      <c r="E17590" s="2" t="s">
        <v>53730</v>
      </c>
      <c r="F17590" s="2" t="s">
        <v>41035</v>
      </c>
      <c r="G17590" s="8">
        <v>242</v>
      </c>
      <c r="H17590" s="5">
        <v>6</v>
      </c>
      <c r="I17590" s="5" t="s">
        <v>1518</v>
      </c>
      <c r="J17590" s="5" t="s">
        <v>40939</v>
      </c>
      <c r="K17590" s="2" t="s">
        <v>40940</v>
      </c>
      <c r="L17590" s="5" t="s">
        <v>40939</v>
      </c>
      <c r="M17590" s="2" t="s">
        <v>40940</v>
      </c>
      <c r="N17590" s="5" t="s">
        <v>36266</v>
      </c>
      <c r="O17590" s="5" t="s">
        <v>38</v>
      </c>
      <c r="P17590" s="5" t="s">
        <v>39</v>
      </c>
      <c r="Q17590" s="5" t="s">
        <v>40</v>
      </c>
      <c r="R17590" s="5" t="s">
        <v>1522</v>
      </c>
      <c r="S17590" s="5" t="s">
        <v>1523</v>
      </c>
      <c r="T17590" s="5" t="s">
        <v>42</v>
      </c>
      <c r="U17590" s="2">
        <v>2.056</v>
      </c>
      <c r="V17590" s="2">
        <v>1.5960000000000001</v>
      </c>
      <c r="W17590" s="2">
        <v>0.01</v>
      </c>
      <c r="X17590" s="2">
        <v>76.900000000000006</v>
      </c>
      <c r="Y17590" s="2">
        <v>7.6</v>
      </c>
      <c r="Z17590" s="2">
        <v>16.7</v>
      </c>
      <c r="AA17590" s="5"/>
      <c r="AB17590" s="5" t="s">
        <v>43</v>
      </c>
      <c r="AC17590" s="5" t="s">
        <v>44</v>
      </c>
      <c r="AD17590" s="2"/>
      <c r="AE17590" s="1"/>
    </row>
    <row r="17591" spans="1:31" ht="14.45">
      <c r="A17591" s="11"/>
      <c r="B17591" s="20"/>
      <c r="C17591" s="2" t="s">
        <v>53731</v>
      </c>
      <c r="D17591" s="14" t="s">
        <v>53732</v>
      </c>
      <c r="E17591" s="2" t="s">
        <v>53733</v>
      </c>
      <c r="F17591" s="2" t="s">
        <v>7449</v>
      </c>
      <c r="G17591" s="8">
        <v>242</v>
      </c>
      <c r="H17591" s="5">
        <v>6</v>
      </c>
      <c r="I17591" s="5" t="s">
        <v>1518</v>
      </c>
      <c r="J17591" s="5" t="s">
        <v>40939</v>
      </c>
      <c r="K17591" s="2" t="s">
        <v>40940</v>
      </c>
      <c r="L17591" s="5" t="s">
        <v>40939</v>
      </c>
      <c r="M17591" s="2" t="s">
        <v>40940</v>
      </c>
      <c r="N17591" s="5" t="s">
        <v>36266</v>
      </c>
      <c r="O17591" s="5" t="s">
        <v>38</v>
      </c>
      <c r="P17591" s="5" t="s">
        <v>39</v>
      </c>
      <c r="Q17591" s="5" t="s">
        <v>40</v>
      </c>
      <c r="R17591" s="5" t="s">
        <v>1522</v>
      </c>
      <c r="S17591" s="5" t="s">
        <v>1523</v>
      </c>
      <c r="T17591" s="5" t="s">
        <v>42</v>
      </c>
      <c r="U17591" s="2">
        <v>2.0059999999999998</v>
      </c>
      <c r="V17591" s="2">
        <v>1.546</v>
      </c>
      <c r="W17591" s="2">
        <v>0.01</v>
      </c>
      <c r="X17591" s="2">
        <v>76.900000000000006</v>
      </c>
      <c r="Y17591" s="2">
        <v>7.6</v>
      </c>
      <c r="Z17591" s="2">
        <v>16.7</v>
      </c>
      <c r="AA17591" s="5"/>
      <c r="AB17591" s="5" t="s">
        <v>43</v>
      </c>
      <c r="AC17591" s="5" t="s">
        <v>44</v>
      </c>
      <c r="AD17591" s="2"/>
      <c r="AE17591" s="1"/>
    </row>
    <row r="17592" spans="1:31" ht="14.45">
      <c r="A17592" s="11"/>
      <c r="B17592" s="20"/>
      <c r="C17592" s="2" t="s">
        <v>53734</v>
      </c>
      <c r="D17592" s="14" t="s">
        <v>53735</v>
      </c>
      <c r="E17592" s="2" t="s">
        <v>53736</v>
      </c>
      <c r="F17592" s="2" t="s">
        <v>41045</v>
      </c>
      <c r="G17592" s="8">
        <v>242</v>
      </c>
      <c r="H17592" s="5">
        <v>6</v>
      </c>
      <c r="I17592" s="5" t="s">
        <v>1518</v>
      </c>
      <c r="J17592" s="5" t="s">
        <v>40939</v>
      </c>
      <c r="K17592" s="2" t="s">
        <v>40940</v>
      </c>
      <c r="L17592" s="5" t="s">
        <v>40939</v>
      </c>
      <c r="M17592" s="2" t="s">
        <v>40940</v>
      </c>
      <c r="N17592" s="5" t="s">
        <v>36266</v>
      </c>
      <c r="O17592" s="5" t="s">
        <v>38</v>
      </c>
      <c r="P17592" s="5" t="s">
        <v>39</v>
      </c>
      <c r="Q17592" s="5" t="s">
        <v>40</v>
      </c>
      <c r="R17592" s="5" t="s">
        <v>1522</v>
      </c>
      <c r="S17592" s="5" t="s">
        <v>1523</v>
      </c>
      <c r="T17592" s="5" t="s">
        <v>42</v>
      </c>
      <c r="U17592" s="2">
        <v>2.024</v>
      </c>
      <c r="V17592" s="2">
        <v>1.5640000000000001</v>
      </c>
      <c r="W17592" s="2">
        <v>0.01</v>
      </c>
      <c r="X17592" s="2">
        <v>76.900000000000006</v>
      </c>
      <c r="Y17592" s="2">
        <v>7.6</v>
      </c>
      <c r="Z17592" s="2">
        <v>16.7</v>
      </c>
      <c r="AA17592" s="5"/>
      <c r="AB17592" s="5" t="s">
        <v>43</v>
      </c>
      <c r="AC17592" s="5" t="s">
        <v>44</v>
      </c>
      <c r="AD17592" s="2"/>
      <c r="AE17592" s="1"/>
    </row>
    <row r="17593" spans="1:31" ht="14.45">
      <c r="A17593" s="11"/>
      <c r="B17593" s="20"/>
      <c r="C17593" s="2" t="s">
        <v>53737</v>
      </c>
      <c r="D17593" s="14" t="s">
        <v>53738</v>
      </c>
      <c r="E17593" s="2" t="s">
        <v>53739</v>
      </c>
      <c r="F17593" s="2" t="s">
        <v>41049</v>
      </c>
      <c r="G17593" s="8">
        <v>242</v>
      </c>
      <c r="H17593" s="5">
        <v>6</v>
      </c>
      <c r="I17593" s="5" t="s">
        <v>1518</v>
      </c>
      <c r="J17593" s="5" t="s">
        <v>40939</v>
      </c>
      <c r="K17593" s="2" t="s">
        <v>40940</v>
      </c>
      <c r="L17593" s="5" t="s">
        <v>40939</v>
      </c>
      <c r="M17593" s="2" t="s">
        <v>40940</v>
      </c>
      <c r="N17593" s="5" t="s">
        <v>36266</v>
      </c>
      <c r="O17593" s="5" t="s">
        <v>38</v>
      </c>
      <c r="P17593" s="5" t="s">
        <v>39</v>
      </c>
      <c r="Q17593" s="5" t="s">
        <v>40</v>
      </c>
      <c r="R17593" s="5" t="s">
        <v>1522</v>
      </c>
      <c r="S17593" s="5" t="s">
        <v>1523</v>
      </c>
      <c r="T17593" s="5" t="s">
        <v>42</v>
      </c>
      <c r="U17593" s="2">
        <v>2.0739999999999998</v>
      </c>
      <c r="V17593" s="2">
        <v>1.6140000000000001</v>
      </c>
      <c r="W17593" s="2">
        <v>0.01</v>
      </c>
      <c r="X17593" s="2">
        <v>76.900000000000006</v>
      </c>
      <c r="Y17593" s="2">
        <v>7.6</v>
      </c>
      <c r="Z17593" s="2">
        <v>16.7</v>
      </c>
      <c r="AA17593" s="5"/>
      <c r="AB17593" s="5" t="s">
        <v>43</v>
      </c>
      <c r="AC17593" s="5" t="s">
        <v>44</v>
      </c>
      <c r="AD17593" s="2"/>
      <c r="AE17593" s="1"/>
    </row>
    <row r="17594" spans="1:31" ht="14.45">
      <c r="A17594" s="11"/>
      <c r="B17594" s="20"/>
      <c r="C17594" s="2" t="s">
        <v>53740</v>
      </c>
      <c r="D17594" s="14" t="s">
        <v>53741</v>
      </c>
      <c r="E17594" s="2" t="s">
        <v>53742</v>
      </c>
      <c r="F17594" s="2" t="s">
        <v>7204</v>
      </c>
      <c r="G17594" s="8">
        <v>241</v>
      </c>
      <c r="H17594" s="5">
        <v>6</v>
      </c>
      <c r="I17594" s="5" t="s">
        <v>1518</v>
      </c>
      <c r="J17594" s="5" t="s">
        <v>40939</v>
      </c>
      <c r="K17594" s="2" t="s">
        <v>40940</v>
      </c>
      <c r="L17594" s="5" t="s">
        <v>40939</v>
      </c>
      <c r="M17594" s="2" t="s">
        <v>40940</v>
      </c>
      <c r="N17594" s="5" t="s">
        <v>36266</v>
      </c>
      <c r="O17594" s="5" t="s">
        <v>38</v>
      </c>
      <c r="P17594" s="5" t="s">
        <v>39</v>
      </c>
      <c r="Q17594" s="5" t="s">
        <v>40</v>
      </c>
      <c r="R17594" s="5" t="s">
        <v>1522</v>
      </c>
      <c r="S17594" s="5" t="s">
        <v>1523</v>
      </c>
      <c r="T17594" s="5" t="s">
        <v>42</v>
      </c>
      <c r="U17594" s="2">
        <v>2.1659999999999999</v>
      </c>
      <c r="V17594" s="2">
        <v>1.6839999999999999</v>
      </c>
      <c r="W17594" s="2">
        <v>1.0999999999999999E-2</v>
      </c>
      <c r="X17594" s="2">
        <v>82.9</v>
      </c>
      <c r="Y17594" s="2">
        <v>7.6</v>
      </c>
      <c r="Z17594" s="2">
        <v>16.7</v>
      </c>
      <c r="AA17594" s="5"/>
      <c r="AB17594" s="5" t="s">
        <v>43</v>
      </c>
      <c r="AC17594" s="5" t="s">
        <v>44</v>
      </c>
      <c r="AD17594" s="2"/>
      <c r="AE17594" s="1"/>
    </row>
    <row r="17595" spans="1:31" ht="14.45">
      <c r="A17595" s="11"/>
      <c r="B17595" s="20"/>
      <c r="C17595" s="2" t="s">
        <v>53743</v>
      </c>
      <c r="D17595" s="14" t="s">
        <v>53744</v>
      </c>
      <c r="E17595" s="2" t="s">
        <v>53745</v>
      </c>
      <c r="F17595" s="2" t="s">
        <v>7514</v>
      </c>
      <c r="G17595" s="8">
        <v>241</v>
      </c>
      <c r="H17595" s="5">
        <v>6</v>
      </c>
      <c r="I17595" s="5" t="s">
        <v>1518</v>
      </c>
      <c r="J17595" s="5" t="s">
        <v>40939</v>
      </c>
      <c r="K17595" s="2" t="s">
        <v>40940</v>
      </c>
      <c r="L17595" s="5" t="s">
        <v>40939</v>
      </c>
      <c r="M17595" s="2" t="s">
        <v>40940</v>
      </c>
      <c r="N17595" s="5" t="s">
        <v>36266</v>
      </c>
      <c r="O17595" s="5" t="s">
        <v>38</v>
      </c>
      <c r="P17595" s="5" t="s">
        <v>39</v>
      </c>
      <c r="Q17595" s="5" t="s">
        <v>40</v>
      </c>
      <c r="R17595" s="5" t="s">
        <v>1522</v>
      </c>
      <c r="S17595" s="5" t="s">
        <v>1523</v>
      </c>
      <c r="T17595" s="5" t="s">
        <v>42</v>
      </c>
      <c r="U17595" s="2">
        <v>2.2280000000000002</v>
      </c>
      <c r="V17595" s="2">
        <v>1.746</v>
      </c>
      <c r="W17595" s="2">
        <v>1.0999999999999999E-2</v>
      </c>
      <c r="X17595" s="2">
        <v>82.9</v>
      </c>
      <c r="Y17595" s="2">
        <v>7.6</v>
      </c>
      <c r="Z17595" s="2">
        <v>16.7</v>
      </c>
      <c r="AA17595" s="5"/>
      <c r="AB17595" s="5" t="s">
        <v>43</v>
      </c>
      <c r="AC17595" s="5" t="s">
        <v>44</v>
      </c>
      <c r="AD17595" s="2"/>
      <c r="AE17595" s="1"/>
    </row>
    <row r="17596" spans="1:31" ht="14.45">
      <c r="A17596" s="11"/>
      <c r="B17596" s="20"/>
      <c r="C17596" s="2" t="s">
        <v>53746</v>
      </c>
      <c r="D17596" s="14" t="s">
        <v>53747</v>
      </c>
      <c r="E17596" s="2" t="s">
        <v>53748</v>
      </c>
      <c r="F17596" s="2" t="s">
        <v>47266</v>
      </c>
      <c r="G17596" s="8">
        <v>258</v>
      </c>
      <c r="H17596" s="5">
        <v>6</v>
      </c>
      <c r="I17596" s="5" t="s">
        <v>1518</v>
      </c>
      <c r="J17596" s="5" t="s">
        <v>40939</v>
      </c>
      <c r="K17596" s="2" t="s">
        <v>40940</v>
      </c>
      <c r="L17596" s="5" t="s">
        <v>40939</v>
      </c>
      <c r="M17596" s="2" t="s">
        <v>40940</v>
      </c>
      <c r="N17596" s="5" t="s">
        <v>36266</v>
      </c>
      <c r="O17596" s="5" t="s">
        <v>38</v>
      </c>
      <c r="P17596" s="5" t="s">
        <v>39</v>
      </c>
      <c r="Q17596" s="5" t="s">
        <v>40</v>
      </c>
      <c r="R17596" s="5" t="s">
        <v>1522</v>
      </c>
      <c r="S17596" s="5" t="s">
        <v>1523</v>
      </c>
      <c r="T17596" s="5" t="s">
        <v>42</v>
      </c>
      <c r="U17596" s="2">
        <v>2.1739999999999999</v>
      </c>
      <c r="V17596" s="2">
        <v>1.6919999999999999</v>
      </c>
      <c r="W17596" s="2">
        <v>1.0999999999999999E-2</v>
      </c>
      <c r="X17596" s="2">
        <v>82.9</v>
      </c>
      <c r="Y17596" s="2">
        <v>7.6</v>
      </c>
      <c r="Z17596" s="2">
        <v>16.7</v>
      </c>
      <c r="AA17596" s="5"/>
      <c r="AB17596" s="5" t="s">
        <v>43</v>
      </c>
      <c r="AC17596" s="5" t="s">
        <v>44</v>
      </c>
      <c r="AD17596" s="2"/>
      <c r="AE17596" s="1"/>
    </row>
    <row r="17597" spans="1:31" ht="14.45">
      <c r="A17597" s="11"/>
      <c r="B17597" s="20"/>
      <c r="C17597" s="2" t="s">
        <v>53749</v>
      </c>
      <c r="D17597" s="14" t="s">
        <v>53750</v>
      </c>
      <c r="E17597" s="2" t="s">
        <v>53751</v>
      </c>
      <c r="F17597" s="2" t="s">
        <v>47195</v>
      </c>
      <c r="G17597" s="8">
        <v>258</v>
      </c>
      <c r="H17597" s="5">
        <v>6</v>
      </c>
      <c r="I17597" s="5" t="s">
        <v>1518</v>
      </c>
      <c r="J17597" s="5" t="s">
        <v>40939</v>
      </c>
      <c r="K17597" s="2" t="s">
        <v>40940</v>
      </c>
      <c r="L17597" s="5" t="s">
        <v>40939</v>
      </c>
      <c r="M17597" s="2" t="s">
        <v>40940</v>
      </c>
      <c r="N17597" s="5" t="s">
        <v>36266</v>
      </c>
      <c r="O17597" s="5" t="s">
        <v>38</v>
      </c>
      <c r="P17597" s="5" t="s">
        <v>39</v>
      </c>
      <c r="Q17597" s="5" t="s">
        <v>40</v>
      </c>
      <c r="R17597" s="5" t="s">
        <v>1522</v>
      </c>
      <c r="S17597" s="5" t="s">
        <v>1523</v>
      </c>
      <c r="T17597" s="5" t="s">
        <v>42</v>
      </c>
      <c r="U17597" s="2">
        <v>2.2360000000000002</v>
      </c>
      <c r="V17597" s="2">
        <v>1.754</v>
      </c>
      <c r="W17597" s="2">
        <v>1.0999999999999999E-2</v>
      </c>
      <c r="X17597" s="2">
        <v>82.9</v>
      </c>
      <c r="Y17597" s="2">
        <v>7.6</v>
      </c>
      <c r="Z17597" s="2">
        <v>16.7</v>
      </c>
      <c r="AA17597" s="5"/>
      <c r="AB17597" s="5" t="s">
        <v>43</v>
      </c>
      <c r="AC17597" s="5" t="s">
        <v>44</v>
      </c>
      <c r="AD17597" s="2"/>
      <c r="AE17597" s="1"/>
    </row>
    <row r="17598" spans="1:31" ht="14.45">
      <c r="A17598" s="11"/>
      <c r="B17598" s="20"/>
      <c r="C17598" s="2" t="s">
        <v>53752</v>
      </c>
      <c r="D17598" s="14" t="s">
        <v>53753</v>
      </c>
      <c r="E17598" s="2" t="s">
        <v>53754</v>
      </c>
      <c r="F17598" s="2" t="s">
        <v>7208</v>
      </c>
      <c r="G17598" s="8">
        <v>241</v>
      </c>
      <c r="H17598" s="5">
        <v>6</v>
      </c>
      <c r="I17598" s="5" t="s">
        <v>1518</v>
      </c>
      <c r="J17598" s="5" t="s">
        <v>40939</v>
      </c>
      <c r="K17598" s="2" t="s">
        <v>40940</v>
      </c>
      <c r="L17598" s="5" t="s">
        <v>40939</v>
      </c>
      <c r="M17598" s="2" t="s">
        <v>40940</v>
      </c>
      <c r="N17598" s="5" t="s">
        <v>36266</v>
      </c>
      <c r="O17598" s="5" t="s">
        <v>38</v>
      </c>
      <c r="P17598" s="5" t="s">
        <v>39</v>
      </c>
      <c r="Q17598" s="5" t="s">
        <v>40</v>
      </c>
      <c r="R17598" s="5" t="s">
        <v>1522</v>
      </c>
      <c r="S17598" s="5" t="s">
        <v>1523</v>
      </c>
      <c r="T17598" s="5" t="s">
        <v>42</v>
      </c>
      <c r="U17598" s="2">
        <v>2.1779999999999999</v>
      </c>
      <c r="V17598" s="2">
        <v>1.696</v>
      </c>
      <c r="W17598" s="2">
        <v>1.0999999999999999E-2</v>
      </c>
      <c r="X17598" s="2">
        <v>82.9</v>
      </c>
      <c r="Y17598" s="2">
        <v>7.6</v>
      </c>
      <c r="Z17598" s="2">
        <v>16.7</v>
      </c>
      <c r="AA17598" s="5"/>
      <c r="AB17598" s="5" t="s">
        <v>43</v>
      </c>
      <c r="AC17598" s="5" t="s">
        <v>44</v>
      </c>
      <c r="AD17598" s="2"/>
      <c r="AE17598" s="1"/>
    </row>
    <row r="17599" spans="1:31" ht="14.45">
      <c r="A17599" s="11"/>
      <c r="B17599" s="20"/>
      <c r="C17599" s="2" t="s">
        <v>53755</v>
      </c>
      <c r="D17599" s="14" t="s">
        <v>53756</v>
      </c>
      <c r="E17599" s="2" t="s">
        <v>53757</v>
      </c>
      <c r="F17599" s="2" t="s">
        <v>7521</v>
      </c>
      <c r="G17599" s="8">
        <v>241</v>
      </c>
      <c r="H17599" s="5">
        <v>6</v>
      </c>
      <c r="I17599" s="5" t="s">
        <v>1518</v>
      </c>
      <c r="J17599" s="5" t="s">
        <v>40939</v>
      </c>
      <c r="K17599" s="2" t="s">
        <v>40940</v>
      </c>
      <c r="L17599" s="5" t="s">
        <v>40939</v>
      </c>
      <c r="M17599" s="2" t="s">
        <v>40940</v>
      </c>
      <c r="N17599" s="5" t="s">
        <v>36266</v>
      </c>
      <c r="O17599" s="5" t="s">
        <v>38</v>
      </c>
      <c r="P17599" s="5" t="s">
        <v>39</v>
      </c>
      <c r="Q17599" s="5" t="s">
        <v>40</v>
      </c>
      <c r="R17599" s="5" t="s">
        <v>1522</v>
      </c>
      <c r="S17599" s="5" t="s">
        <v>1523</v>
      </c>
      <c r="T17599" s="5" t="s">
        <v>42</v>
      </c>
      <c r="U17599" s="2">
        <v>2.2400000000000002</v>
      </c>
      <c r="V17599" s="2">
        <v>1.758</v>
      </c>
      <c r="W17599" s="2">
        <v>1.0999999999999999E-2</v>
      </c>
      <c r="X17599" s="2">
        <v>82.9</v>
      </c>
      <c r="Y17599" s="2">
        <v>7.6</v>
      </c>
      <c r="Z17599" s="2">
        <v>16.7</v>
      </c>
      <c r="AA17599" s="5"/>
      <c r="AB17599" s="5" t="s">
        <v>43</v>
      </c>
      <c r="AC17599" s="5" t="s">
        <v>44</v>
      </c>
      <c r="AD17599" s="2"/>
      <c r="AE17599" s="1"/>
    </row>
    <row r="17600" spans="1:31" ht="14.45">
      <c r="A17600" s="11"/>
      <c r="B17600" s="20"/>
      <c r="C17600" s="2" t="s">
        <v>53758</v>
      </c>
      <c r="D17600" s="14" t="s">
        <v>53759</v>
      </c>
      <c r="E17600" s="2" t="s">
        <v>53760</v>
      </c>
      <c r="F17600" s="2" t="s">
        <v>36277</v>
      </c>
      <c r="G17600" s="8">
        <v>241</v>
      </c>
      <c r="H17600" s="5">
        <v>6</v>
      </c>
      <c r="I17600" s="5" t="s">
        <v>1518</v>
      </c>
      <c r="J17600" s="5" t="s">
        <v>40939</v>
      </c>
      <c r="K17600" s="2" t="s">
        <v>40940</v>
      </c>
      <c r="L17600" s="5" t="s">
        <v>40939</v>
      </c>
      <c r="M17600" s="2" t="s">
        <v>40940</v>
      </c>
      <c r="N17600" s="5" t="s">
        <v>36266</v>
      </c>
      <c r="O17600" s="5" t="s">
        <v>38</v>
      </c>
      <c r="P17600" s="5" t="s">
        <v>39</v>
      </c>
      <c r="Q17600" s="5" t="s">
        <v>40</v>
      </c>
      <c r="R17600" s="5" t="s">
        <v>1522</v>
      </c>
      <c r="S17600" s="5" t="s">
        <v>1523</v>
      </c>
      <c r="T17600" s="5" t="s">
        <v>42</v>
      </c>
      <c r="U17600" s="2">
        <v>2.2480000000000002</v>
      </c>
      <c r="V17600" s="2">
        <v>1.766</v>
      </c>
      <c r="W17600" s="2">
        <v>1.0999999999999999E-2</v>
      </c>
      <c r="X17600" s="2">
        <v>82.9</v>
      </c>
      <c r="Y17600" s="2">
        <v>7.6</v>
      </c>
      <c r="Z17600" s="2">
        <v>16.7</v>
      </c>
      <c r="AA17600" s="5"/>
      <c r="AB17600" s="5" t="s">
        <v>43</v>
      </c>
      <c r="AC17600" s="5" t="s">
        <v>44</v>
      </c>
      <c r="AD17600" s="2"/>
      <c r="AE17600" s="1"/>
    </row>
    <row r="17601" spans="1:31" ht="14.45">
      <c r="A17601" s="11"/>
      <c r="B17601" s="20"/>
      <c r="C17601" s="2" t="s">
        <v>53761</v>
      </c>
      <c r="D17601" s="14" t="s">
        <v>53762</v>
      </c>
      <c r="E17601" s="2" t="s">
        <v>53763</v>
      </c>
      <c r="F17601" s="2" t="s">
        <v>40971</v>
      </c>
      <c r="G17601" s="8">
        <v>258</v>
      </c>
      <c r="H17601" s="5">
        <v>6</v>
      </c>
      <c r="I17601" s="5" t="s">
        <v>1518</v>
      </c>
      <c r="J17601" s="5" t="s">
        <v>40939</v>
      </c>
      <c r="K17601" s="2" t="s">
        <v>40940</v>
      </c>
      <c r="L17601" s="5" t="s">
        <v>40939</v>
      </c>
      <c r="M17601" s="2" t="s">
        <v>40940</v>
      </c>
      <c r="N17601" s="5" t="s">
        <v>36266</v>
      </c>
      <c r="O17601" s="5" t="s">
        <v>38</v>
      </c>
      <c r="P17601" s="5" t="s">
        <v>39</v>
      </c>
      <c r="Q17601" s="5" t="s">
        <v>40</v>
      </c>
      <c r="R17601" s="5" t="s">
        <v>1522</v>
      </c>
      <c r="S17601" s="5" t="s">
        <v>1523</v>
      </c>
      <c r="T17601" s="5" t="s">
        <v>42</v>
      </c>
      <c r="U17601" s="2">
        <v>2.2400000000000002</v>
      </c>
      <c r="V17601" s="2">
        <v>1.758</v>
      </c>
      <c r="W17601" s="2">
        <v>1.0999999999999999E-2</v>
      </c>
      <c r="X17601" s="2">
        <v>82.9</v>
      </c>
      <c r="Y17601" s="2">
        <v>7.6</v>
      </c>
      <c r="Z17601" s="2">
        <v>16.7</v>
      </c>
      <c r="AA17601" s="5"/>
      <c r="AB17601" s="5" t="s">
        <v>43</v>
      </c>
      <c r="AC17601" s="5" t="s">
        <v>44</v>
      </c>
      <c r="AD17601" s="2"/>
      <c r="AE17601" s="1"/>
    </row>
    <row r="17602" spans="1:31" ht="14.45">
      <c r="A17602" s="11"/>
      <c r="B17602" s="20"/>
      <c r="C17602" s="2" t="s">
        <v>53764</v>
      </c>
      <c r="D17602" s="14" t="s">
        <v>53765</v>
      </c>
      <c r="E17602" s="2" t="s">
        <v>53766</v>
      </c>
      <c r="F17602" s="2" t="s">
        <v>7539</v>
      </c>
      <c r="G17602" s="8">
        <v>258</v>
      </c>
      <c r="H17602" s="5">
        <v>6</v>
      </c>
      <c r="I17602" s="5" t="s">
        <v>1518</v>
      </c>
      <c r="J17602" s="5" t="s">
        <v>40939</v>
      </c>
      <c r="K17602" s="2" t="s">
        <v>40940</v>
      </c>
      <c r="L17602" s="5" t="s">
        <v>40939</v>
      </c>
      <c r="M17602" s="2" t="s">
        <v>40940</v>
      </c>
      <c r="N17602" s="5" t="s">
        <v>36266</v>
      </c>
      <c r="O17602" s="5" t="s">
        <v>38</v>
      </c>
      <c r="P17602" s="5" t="s">
        <v>39</v>
      </c>
      <c r="Q17602" s="5" t="s">
        <v>40</v>
      </c>
      <c r="R17602" s="5" t="s">
        <v>1522</v>
      </c>
      <c r="S17602" s="5" t="s">
        <v>1523</v>
      </c>
      <c r="T17602" s="5" t="s">
        <v>42</v>
      </c>
      <c r="U17602" s="2">
        <v>2.1589999999999998</v>
      </c>
      <c r="V17602" s="2">
        <v>1.677</v>
      </c>
      <c r="W17602" s="2">
        <v>1.0999999999999999E-2</v>
      </c>
      <c r="X17602" s="2">
        <v>82.9</v>
      </c>
      <c r="Y17602" s="2">
        <v>7.6</v>
      </c>
      <c r="Z17602" s="2">
        <v>16.7</v>
      </c>
      <c r="AA17602" s="5"/>
      <c r="AB17602" s="5" t="s">
        <v>43</v>
      </c>
      <c r="AC17602" s="5" t="s">
        <v>44</v>
      </c>
      <c r="AD17602" s="2"/>
      <c r="AE17602" s="1"/>
    </row>
    <row r="17603" spans="1:31" ht="14.45">
      <c r="A17603" s="11"/>
      <c r="B17603" s="20"/>
      <c r="C17603" s="2" t="s">
        <v>53767</v>
      </c>
      <c r="D17603" s="14" t="s">
        <v>53768</v>
      </c>
      <c r="E17603" s="2" t="s">
        <v>53769</v>
      </c>
      <c r="F17603" s="2" t="s">
        <v>7543</v>
      </c>
      <c r="G17603" s="8">
        <v>258</v>
      </c>
      <c r="H17603" s="5">
        <v>6</v>
      </c>
      <c r="I17603" s="5" t="s">
        <v>1518</v>
      </c>
      <c r="J17603" s="5" t="s">
        <v>40939</v>
      </c>
      <c r="K17603" s="2" t="s">
        <v>40940</v>
      </c>
      <c r="L17603" s="5" t="s">
        <v>40939</v>
      </c>
      <c r="M17603" s="2" t="s">
        <v>40940</v>
      </c>
      <c r="N17603" s="5" t="s">
        <v>36266</v>
      </c>
      <c r="O17603" s="5" t="s">
        <v>38</v>
      </c>
      <c r="P17603" s="5" t="s">
        <v>39</v>
      </c>
      <c r="Q17603" s="5" t="s">
        <v>40</v>
      </c>
      <c r="R17603" s="5" t="s">
        <v>1522</v>
      </c>
      <c r="S17603" s="5" t="s">
        <v>1523</v>
      </c>
      <c r="T17603" s="5" t="s">
        <v>42</v>
      </c>
      <c r="U17603" s="2">
        <v>2.2210000000000001</v>
      </c>
      <c r="V17603" s="2">
        <v>1.7390000000000001</v>
      </c>
      <c r="W17603" s="2">
        <v>1.0999999999999999E-2</v>
      </c>
      <c r="X17603" s="2">
        <v>82.9</v>
      </c>
      <c r="Y17603" s="2">
        <v>7.6</v>
      </c>
      <c r="Z17603" s="2">
        <v>16.7</v>
      </c>
      <c r="AA17603" s="5"/>
      <c r="AB17603" s="5" t="s">
        <v>43</v>
      </c>
      <c r="AC17603" s="5" t="s">
        <v>44</v>
      </c>
      <c r="AD17603" s="2"/>
      <c r="AE17603" s="1"/>
    </row>
    <row r="17604" spans="1:31" ht="14.45">
      <c r="A17604" s="11"/>
      <c r="B17604" s="20"/>
      <c r="C17604" s="2" t="s">
        <v>53770</v>
      </c>
      <c r="D17604" s="14" t="s">
        <v>53771</v>
      </c>
      <c r="E17604" s="2" t="s">
        <v>53772</v>
      </c>
      <c r="F17604" s="2" t="s">
        <v>40989</v>
      </c>
      <c r="G17604" s="8">
        <v>258</v>
      </c>
      <c r="H17604" s="5">
        <v>6</v>
      </c>
      <c r="I17604" s="5" t="s">
        <v>1518</v>
      </c>
      <c r="J17604" s="5" t="s">
        <v>40939</v>
      </c>
      <c r="K17604" s="2" t="s">
        <v>40940</v>
      </c>
      <c r="L17604" s="5" t="s">
        <v>40939</v>
      </c>
      <c r="M17604" s="2" t="s">
        <v>40940</v>
      </c>
      <c r="N17604" s="5" t="s">
        <v>36266</v>
      </c>
      <c r="O17604" s="5" t="s">
        <v>38</v>
      </c>
      <c r="P17604" s="5" t="s">
        <v>39</v>
      </c>
      <c r="Q17604" s="5" t="s">
        <v>40</v>
      </c>
      <c r="R17604" s="5" t="s">
        <v>1522</v>
      </c>
      <c r="S17604" s="5" t="s">
        <v>1523</v>
      </c>
      <c r="T17604" s="5" t="s">
        <v>42</v>
      </c>
      <c r="U17604" s="2">
        <v>2.1779999999999999</v>
      </c>
      <c r="V17604" s="2">
        <v>1.696</v>
      </c>
      <c r="W17604" s="2">
        <v>1.0999999999999999E-2</v>
      </c>
      <c r="X17604" s="2">
        <v>82.9</v>
      </c>
      <c r="Y17604" s="2">
        <v>7.6</v>
      </c>
      <c r="Z17604" s="2">
        <v>16.7</v>
      </c>
      <c r="AA17604" s="5"/>
      <c r="AB17604" s="5" t="s">
        <v>43</v>
      </c>
      <c r="AC17604" s="5" t="s">
        <v>44</v>
      </c>
      <c r="AD17604" s="2"/>
      <c r="AE17604" s="1"/>
    </row>
    <row r="17605" spans="1:31" ht="14.45">
      <c r="A17605" s="11"/>
      <c r="B17605" s="20"/>
      <c r="C17605" s="2" t="s">
        <v>53773</v>
      </c>
      <c r="D17605" s="14" t="s">
        <v>53774</v>
      </c>
      <c r="E17605" s="2" t="s">
        <v>53775</v>
      </c>
      <c r="F17605" s="2" t="s">
        <v>40993</v>
      </c>
      <c r="G17605" s="8">
        <v>258</v>
      </c>
      <c r="H17605" s="5">
        <v>6</v>
      </c>
      <c r="I17605" s="5" t="s">
        <v>1518</v>
      </c>
      <c r="J17605" s="5" t="s">
        <v>40939</v>
      </c>
      <c r="K17605" s="2" t="s">
        <v>40940</v>
      </c>
      <c r="L17605" s="5" t="s">
        <v>40939</v>
      </c>
      <c r="M17605" s="2" t="s">
        <v>40940</v>
      </c>
      <c r="N17605" s="5" t="s">
        <v>36266</v>
      </c>
      <c r="O17605" s="5" t="s">
        <v>38</v>
      </c>
      <c r="P17605" s="5" t="s">
        <v>39</v>
      </c>
      <c r="Q17605" s="5" t="s">
        <v>40</v>
      </c>
      <c r="R17605" s="5" t="s">
        <v>1522</v>
      </c>
      <c r="S17605" s="5" t="s">
        <v>1523</v>
      </c>
      <c r="T17605" s="5" t="s">
        <v>42</v>
      </c>
      <c r="U17605" s="2">
        <v>2.2400000000000002</v>
      </c>
      <c r="V17605" s="2">
        <v>1.758</v>
      </c>
      <c r="W17605" s="2">
        <v>1.0999999999999999E-2</v>
      </c>
      <c r="X17605" s="2">
        <v>82.9</v>
      </c>
      <c r="Y17605" s="2">
        <v>7.6</v>
      </c>
      <c r="Z17605" s="2">
        <v>16.7</v>
      </c>
      <c r="AA17605" s="5"/>
      <c r="AB17605" s="5" t="s">
        <v>43</v>
      </c>
      <c r="AC17605" s="5" t="s">
        <v>44</v>
      </c>
      <c r="AD17605" s="2"/>
      <c r="AE17605" s="1"/>
    </row>
    <row r="17606" spans="1:31" ht="14.45">
      <c r="A17606" s="11"/>
      <c r="B17606" s="20"/>
      <c r="C17606" s="2" t="s">
        <v>53776</v>
      </c>
      <c r="D17606" s="14" t="s">
        <v>53777</v>
      </c>
      <c r="E17606" s="2" t="s">
        <v>53778</v>
      </c>
      <c r="F17606" s="2" t="s">
        <v>40997</v>
      </c>
      <c r="G17606" s="8">
        <v>258</v>
      </c>
      <c r="H17606" s="5">
        <v>6</v>
      </c>
      <c r="I17606" s="5" t="s">
        <v>1518</v>
      </c>
      <c r="J17606" s="5" t="s">
        <v>40939</v>
      </c>
      <c r="K17606" s="2" t="s">
        <v>40940</v>
      </c>
      <c r="L17606" s="5" t="s">
        <v>40939</v>
      </c>
      <c r="M17606" s="2" t="s">
        <v>40940</v>
      </c>
      <c r="N17606" s="5" t="s">
        <v>36266</v>
      </c>
      <c r="O17606" s="5" t="s">
        <v>38</v>
      </c>
      <c r="P17606" s="5" t="s">
        <v>39</v>
      </c>
      <c r="Q17606" s="5" t="s">
        <v>40</v>
      </c>
      <c r="R17606" s="5" t="s">
        <v>1522</v>
      </c>
      <c r="S17606" s="5" t="s">
        <v>1523</v>
      </c>
      <c r="T17606" s="5" t="s">
        <v>42</v>
      </c>
      <c r="U17606" s="2">
        <v>2.1619999999999999</v>
      </c>
      <c r="V17606" s="2">
        <v>1.68</v>
      </c>
      <c r="W17606" s="2">
        <v>1.0999999999999999E-2</v>
      </c>
      <c r="X17606" s="2">
        <v>82.9</v>
      </c>
      <c r="Y17606" s="2">
        <v>7.6</v>
      </c>
      <c r="Z17606" s="2">
        <v>16.7</v>
      </c>
      <c r="AA17606" s="5"/>
      <c r="AB17606" s="5" t="s">
        <v>43</v>
      </c>
      <c r="AC17606" s="5" t="s">
        <v>44</v>
      </c>
      <c r="AD17606" s="2"/>
      <c r="AE17606" s="1"/>
    </row>
    <row r="17607" spans="1:31" ht="14.45">
      <c r="A17607" s="11"/>
      <c r="B17607" s="20"/>
      <c r="C17607" s="2" t="s">
        <v>53779</v>
      </c>
      <c r="D17607" s="14" t="s">
        <v>53780</v>
      </c>
      <c r="E17607" s="2" t="s">
        <v>53781</v>
      </c>
      <c r="F17607" s="2" t="s">
        <v>41005</v>
      </c>
      <c r="G17607" s="8">
        <v>258</v>
      </c>
      <c r="H17607" s="5">
        <v>6</v>
      </c>
      <c r="I17607" s="5" t="s">
        <v>1518</v>
      </c>
      <c r="J17607" s="5" t="s">
        <v>40939</v>
      </c>
      <c r="K17607" s="2" t="s">
        <v>40940</v>
      </c>
      <c r="L17607" s="5" t="s">
        <v>40939</v>
      </c>
      <c r="M17607" s="2" t="s">
        <v>40940</v>
      </c>
      <c r="N17607" s="5" t="s">
        <v>36266</v>
      </c>
      <c r="O17607" s="5" t="s">
        <v>38</v>
      </c>
      <c r="P17607" s="5" t="s">
        <v>39</v>
      </c>
      <c r="Q17607" s="5" t="s">
        <v>40</v>
      </c>
      <c r="R17607" s="5" t="s">
        <v>1522</v>
      </c>
      <c r="S17607" s="5" t="s">
        <v>1523</v>
      </c>
      <c r="T17607" s="5" t="s">
        <v>42</v>
      </c>
      <c r="U17607" s="2">
        <v>2.2400000000000002</v>
      </c>
      <c r="V17607" s="2">
        <v>1.758</v>
      </c>
      <c r="W17607" s="2">
        <v>1.0999999999999999E-2</v>
      </c>
      <c r="X17607" s="2">
        <v>82.9</v>
      </c>
      <c r="Y17607" s="2">
        <v>7.6</v>
      </c>
      <c r="Z17607" s="2">
        <v>16.7</v>
      </c>
      <c r="AA17607" s="5"/>
      <c r="AB17607" s="5" t="s">
        <v>43</v>
      </c>
      <c r="AC17607" s="5" t="s">
        <v>44</v>
      </c>
      <c r="AD17607" s="2"/>
      <c r="AE17607" s="1"/>
    </row>
    <row r="17608" spans="1:31" ht="14.45">
      <c r="A17608" s="11"/>
      <c r="B17608" s="20"/>
      <c r="C17608" s="2" t="s">
        <v>53782</v>
      </c>
      <c r="D17608" s="14" t="s">
        <v>53783</v>
      </c>
      <c r="E17608" s="2" t="s">
        <v>53784</v>
      </c>
      <c r="F17608" s="2" t="s">
        <v>41009</v>
      </c>
      <c r="G17608" s="8">
        <v>258</v>
      </c>
      <c r="H17608" s="5">
        <v>6</v>
      </c>
      <c r="I17608" s="5" t="s">
        <v>1518</v>
      </c>
      <c r="J17608" s="5" t="s">
        <v>40939</v>
      </c>
      <c r="K17608" s="2" t="s">
        <v>40940</v>
      </c>
      <c r="L17608" s="5" t="s">
        <v>40939</v>
      </c>
      <c r="M17608" s="2" t="s">
        <v>40940</v>
      </c>
      <c r="N17608" s="5" t="s">
        <v>36266</v>
      </c>
      <c r="O17608" s="5" t="s">
        <v>38</v>
      </c>
      <c r="P17608" s="5" t="s">
        <v>39</v>
      </c>
      <c r="Q17608" s="5" t="s">
        <v>40</v>
      </c>
      <c r="R17608" s="5" t="s">
        <v>1522</v>
      </c>
      <c r="S17608" s="5" t="s">
        <v>1523</v>
      </c>
      <c r="T17608" s="5" t="s">
        <v>42</v>
      </c>
      <c r="U17608" s="2">
        <v>2.1819999999999999</v>
      </c>
      <c r="V17608" s="2">
        <v>1.7</v>
      </c>
      <c r="W17608" s="2">
        <v>1.0999999999999999E-2</v>
      </c>
      <c r="X17608" s="2">
        <v>82.9</v>
      </c>
      <c r="Y17608" s="2">
        <v>7.6</v>
      </c>
      <c r="Z17608" s="2">
        <v>16.7</v>
      </c>
      <c r="AA17608" s="5"/>
      <c r="AB17608" s="5" t="s">
        <v>43</v>
      </c>
      <c r="AC17608" s="5" t="s">
        <v>44</v>
      </c>
      <c r="AD17608" s="2"/>
      <c r="AE17608" s="1"/>
    </row>
    <row r="17609" spans="1:31" ht="14.45">
      <c r="A17609" s="11"/>
      <c r="B17609" s="20"/>
      <c r="C17609" s="2" t="s">
        <v>53785</v>
      </c>
      <c r="D17609" s="14" t="s">
        <v>53786</v>
      </c>
      <c r="E17609" s="2" t="s">
        <v>53787</v>
      </c>
      <c r="F17609" s="2" t="s">
        <v>41013</v>
      </c>
      <c r="G17609" s="8">
        <v>258</v>
      </c>
      <c r="H17609" s="5">
        <v>6</v>
      </c>
      <c r="I17609" s="5" t="s">
        <v>1518</v>
      </c>
      <c r="J17609" s="5" t="s">
        <v>40939</v>
      </c>
      <c r="K17609" s="2" t="s">
        <v>40940</v>
      </c>
      <c r="L17609" s="5" t="s">
        <v>40939</v>
      </c>
      <c r="M17609" s="2" t="s">
        <v>40940</v>
      </c>
      <c r="N17609" s="5" t="s">
        <v>36266</v>
      </c>
      <c r="O17609" s="5" t="s">
        <v>38</v>
      </c>
      <c r="P17609" s="5" t="s">
        <v>39</v>
      </c>
      <c r="Q17609" s="5" t="s">
        <v>40</v>
      </c>
      <c r="R17609" s="5" t="s">
        <v>1522</v>
      </c>
      <c r="S17609" s="5" t="s">
        <v>1523</v>
      </c>
      <c r="T17609" s="5" t="s">
        <v>42</v>
      </c>
      <c r="U17609" s="2">
        <v>2.2440000000000002</v>
      </c>
      <c r="V17609" s="2">
        <v>1.762</v>
      </c>
      <c r="W17609" s="2">
        <v>1.0999999999999999E-2</v>
      </c>
      <c r="X17609" s="2">
        <v>82.9</v>
      </c>
      <c r="Y17609" s="2">
        <v>7.6</v>
      </c>
      <c r="Z17609" s="2">
        <v>16.7</v>
      </c>
      <c r="AA17609" s="5"/>
      <c r="AB17609" s="5" t="s">
        <v>43</v>
      </c>
      <c r="AC17609" s="5" t="s">
        <v>44</v>
      </c>
      <c r="AD17609" s="2"/>
      <c r="AE17609" s="1"/>
    </row>
    <row r="17610" spans="1:31" ht="14.45">
      <c r="A17610" s="11"/>
      <c r="B17610" s="20"/>
      <c r="C17610" s="2" t="s">
        <v>53788</v>
      </c>
      <c r="D17610" s="14" t="s">
        <v>53789</v>
      </c>
      <c r="E17610" s="2" t="s">
        <v>53790</v>
      </c>
      <c r="F17610" s="2" t="s">
        <v>7396</v>
      </c>
      <c r="G17610" s="8">
        <v>241</v>
      </c>
      <c r="H17610" s="5">
        <v>6</v>
      </c>
      <c r="I17610" s="5" t="s">
        <v>1518</v>
      </c>
      <c r="J17610" s="5" t="s">
        <v>40939</v>
      </c>
      <c r="K17610" s="2" t="s">
        <v>40940</v>
      </c>
      <c r="L17610" s="5" t="s">
        <v>40939</v>
      </c>
      <c r="M17610" s="2" t="s">
        <v>40940</v>
      </c>
      <c r="N17610" s="5" t="s">
        <v>36266</v>
      </c>
      <c r="O17610" s="5" t="s">
        <v>38</v>
      </c>
      <c r="P17610" s="5" t="s">
        <v>39</v>
      </c>
      <c r="Q17610" s="5" t="s">
        <v>40</v>
      </c>
      <c r="R17610" s="5" t="s">
        <v>1522</v>
      </c>
      <c r="S17610" s="5" t="s">
        <v>1523</v>
      </c>
      <c r="T17610" s="5" t="s">
        <v>42</v>
      </c>
      <c r="U17610" s="2">
        <v>2.1819999999999999</v>
      </c>
      <c r="V17610" s="2">
        <v>1.7</v>
      </c>
      <c r="W17610" s="2">
        <v>1.0999999999999999E-2</v>
      </c>
      <c r="X17610" s="2">
        <v>82.9</v>
      </c>
      <c r="Y17610" s="2">
        <v>7.6</v>
      </c>
      <c r="Z17610" s="2">
        <v>16.7</v>
      </c>
      <c r="AA17610" s="5"/>
      <c r="AB17610" s="5" t="s">
        <v>43</v>
      </c>
      <c r="AC17610" s="5" t="s">
        <v>44</v>
      </c>
      <c r="AD17610" s="2"/>
      <c r="AE17610" s="1"/>
    </row>
    <row r="17611" spans="1:31" ht="14.45">
      <c r="A17611" s="11"/>
      <c r="B17611" s="20"/>
      <c r="C17611" s="2" t="s">
        <v>53791</v>
      </c>
      <c r="D17611" s="14" t="s">
        <v>53792</v>
      </c>
      <c r="E17611" s="2" t="s">
        <v>53793</v>
      </c>
      <c r="F17611" s="2" t="s">
        <v>7507</v>
      </c>
      <c r="G17611" s="8">
        <v>241</v>
      </c>
      <c r="H17611" s="5">
        <v>6</v>
      </c>
      <c r="I17611" s="5" t="s">
        <v>1518</v>
      </c>
      <c r="J17611" s="5" t="s">
        <v>40939</v>
      </c>
      <c r="K17611" s="2" t="s">
        <v>40940</v>
      </c>
      <c r="L17611" s="5" t="s">
        <v>40939</v>
      </c>
      <c r="M17611" s="2" t="s">
        <v>40940</v>
      </c>
      <c r="N17611" s="5" t="s">
        <v>36266</v>
      </c>
      <c r="O17611" s="5" t="s">
        <v>38</v>
      </c>
      <c r="P17611" s="5" t="s">
        <v>39</v>
      </c>
      <c r="Q17611" s="5" t="s">
        <v>40</v>
      </c>
      <c r="R17611" s="5" t="s">
        <v>1522</v>
      </c>
      <c r="S17611" s="5" t="s">
        <v>1523</v>
      </c>
      <c r="T17611" s="5" t="s">
        <v>42</v>
      </c>
      <c r="U17611" s="2">
        <v>2.2440000000000002</v>
      </c>
      <c r="V17611" s="2">
        <v>1.762</v>
      </c>
      <c r="W17611" s="2">
        <v>1.0999999999999999E-2</v>
      </c>
      <c r="X17611" s="2">
        <v>82.9</v>
      </c>
      <c r="Y17611" s="2">
        <v>7.6</v>
      </c>
      <c r="Z17611" s="2">
        <v>16.7</v>
      </c>
      <c r="AA17611" s="5"/>
      <c r="AB17611" s="5" t="s">
        <v>43</v>
      </c>
      <c r="AC17611" s="5" t="s">
        <v>44</v>
      </c>
      <c r="AD17611" s="2"/>
      <c r="AE17611" s="1"/>
    </row>
    <row r="17612" spans="1:31" ht="14.45">
      <c r="A17612" s="11"/>
      <c r="B17612" s="20"/>
      <c r="C17612" s="2" t="s">
        <v>53794</v>
      </c>
      <c r="D17612" s="14" t="s">
        <v>53795</v>
      </c>
      <c r="E17612" s="2" t="s">
        <v>53796</v>
      </c>
      <c r="F17612" s="2" t="s">
        <v>41023</v>
      </c>
      <c r="G17612" s="8">
        <v>258</v>
      </c>
      <c r="H17612" s="5">
        <v>6</v>
      </c>
      <c r="I17612" s="5" t="s">
        <v>1518</v>
      </c>
      <c r="J17612" s="5" t="s">
        <v>40939</v>
      </c>
      <c r="K17612" s="2" t="s">
        <v>40940</v>
      </c>
      <c r="L17612" s="5" t="s">
        <v>40939</v>
      </c>
      <c r="M17612" s="2" t="s">
        <v>40940</v>
      </c>
      <c r="N17612" s="5" t="s">
        <v>36266</v>
      </c>
      <c r="O17612" s="5" t="s">
        <v>38</v>
      </c>
      <c r="P17612" s="5" t="s">
        <v>39</v>
      </c>
      <c r="Q17612" s="5" t="s">
        <v>40</v>
      </c>
      <c r="R17612" s="5" t="s">
        <v>1522</v>
      </c>
      <c r="S17612" s="5" t="s">
        <v>1523</v>
      </c>
      <c r="T17612" s="5" t="s">
        <v>42</v>
      </c>
      <c r="U17612" s="2">
        <v>2.1619999999999999</v>
      </c>
      <c r="V17612" s="2">
        <v>1.68</v>
      </c>
      <c r="W17612" s="2">
        <v>1.0999999999999999E-2</v>
      </c>
      <c r="X17612" s="2">
        <v>82.9</v>
      </c>
      <c r="Y17612" s="2">
        <v>7.6</v>
      </c>
      <c r="Z17612" s="2">
        <v>16.7</v>
      </c>
      <c r="AA17612" s="5"/>
      <c r="AB17612" s="5" t="s">
        <v>43</v>
      </c>
      <c r="AC17612" s="5" t="s">
        <v>44</v>
      </c>
      <c r="AD17612" s="2"/>
      <c r="AE17612" s="1"/>
    </row>
    <row r="17613" spans="1:31" ht="14.45">
      <c r="A17613" s="11"/>
      <c r="B17613" s="20"/>
      <c r="C17613" s="2" t="s">
        <v>53797</v>
      </c>
      <c r="D17613" s="14" t="s">
        <v>53798</v>
      </c>
      <c r="E17613" s="2" t="s">
        <v>53799</v>
      </c>
      <c r="F17613" s="2" t="s">
        <v>41027</v>
      </c>
      <c r="G17613" s="8">
        <v>258</v>
      </c>
      <c r="H17613" s="5">
        <v>6</v>
      </c>
      <c r="I17613" s="5" t="s">
        <v>1518</v>
      </c>
      <c r="J17613" s="5" t="s">
        <v>40939</v>
      </c>
      <c r="K17613" s="2" t="s">
        <v>40940</v>
      </c>
      <c r="L17613" s="5" t="s">
        <v>40939</v>
      </c>
      <c r="M17613" s="2" t="s">
        <v>40940</v>
      </c>
      <c r="N17613" s="5" t="s">
        <v>36266</v>
      </c>
      <c r="O17613" s="5" t="s">
        <v>38</v>
      </c>
      <c r="P17613" s="5" t="s">
        <v>39</v>
      </c>
      <c r="Q17613" s="5" t="s">
        <v>40</v>
      </c>
      <c r="R17613" s="5" t="s">
        <v>1522</v>
      </c>
      <c r="S17613" s="5" t="s">
        <v>1523</v>
      </c>
      <c r="T17613" s="5" t="s">
        <v>42</v>
      </c>
      <c r="U17613" s="2">
        <v>2.2240000000000002</v>
      </c>
      <c r="V17613" s="2">
        <v>1.742</v>
      </c>
      <c r="W17613" s="2">
        <v>1.0999999999999999E-2</v>
      </c>
      <c r="X17613" s="2">
        <v>82.9</v>
      </c>
      <c r="Y17613" s="2">
        <v>7.6</v>
      </c>
      <c r="Z17613" s="2">
        <v>16.7</v>
      </c>
      <c r="AA17613" s="5"/>
      <c r="AB17613" s="5" t="s">
        <v>43</v>
      </c>
      <c r="AC17613" s="5" t="s">
        <v>44</v>
      </c>
      <c r="AD17613" s="2"/>
      <c r="AE17613" s="1"/>
    </row>
    <row r="17614" spans="1:31" ht="14.45">
      <c r="A17614" s="11"/>
      <c r="B17614" s="20"/>
      <c r="C17614" s="2" t="s">
        <v>53800</v>
      </c>
      <c r="D17614" s="14" t="s">
        <v>53801</v>
      </c>
      <c r="E17614" s="2" t="s">
        <v>53802</v>
      </c>
      <c r="F17614" s="2" t="s">
        <v>41035</v>
      </c>
      <c r="G17614" s="8">
        <v>258</v>
      </c>
      <c r="H17614" s="5">
        <v>6</v>
      </c>
      <c r="I17614" s="5" t="s">
        <v>1518</v>
      </c>
      <c r="J17614" s="5" t="s">
        <v>40939</v>
      </c>
      <c r="K17614" s="2" t="s">
        <v>40940</v>
      </c>
      <c r="L17614" s="5" t="s">
        <v>40939</v>
      </c>
      <c r="M17614" s="2" t="s">
        <v>40940</v>
      </c>
      <c r="N17614" s="5" t="s">
        <v>36266</v>
      </c>
      <c r="O17614" s="5" t="s">
        <v>38</v>
      </c>
      <c r="P17614" s="5" t="s">
        <v>39</v>
      </c>
      <c r="Q17614" s="5" t="s">
        <v>40</v>
      </c>
      <c r="R17614" s="5" t="s">
        <v>1522</v>
      </c>
      <c r="S17614" s="5" t="s">
        <v>1523</v>
      </c>
      <c r="T17614" s="5" t="s">
        <v>42</v>
      </c>
      <c r="U17614" s="2">
        <v>2.2240000000000002</v>
      </c>
      <c r="V17614" s="2">
        <v>1.742</v>
      </c>
      <c r="W17614" s="2">
        <v>1.0999999999999999E-2</v>
      </c>
      <c r="X17614" s="2">
        <v>82.9</v>
      </c>
      <c r="Y17614" s="2">
        <v>7.6</v>
      </c>
      <c r="Z17614" s="2">
        <v>16.7</v>
      </c>
      <c r="AA17614" s="5"/>
      <c r="AB17614" s="5" t="s">
        <v>43</v>
      </c>
      <c r="AC17614" s="5" t="s">
        <v>44</v>
      </c>
      <c r="AD17614" s="2"/>
      <c r="AE17614" s="1"/>
    </row>
    <row r="17615" spans="1:31" ht="14.45">
      <c r="A17615" s="11"/>
      <c r="B17615" s="20"/>
      <c r="C17615" s="2" t="s">
        <v>53803</v>
      </c>
      <c r="D17615" s="14" t="s">
        <v>53804</v>
      </c>
      <c r="E17615" s="2" t="s">
        <v>53805</v>
      </c>
      <c r="F17615" s="2" t="s">
        <v>41045</v>
      </c>
      <c r="G17615" s="8">
        <v>258</v>
      </c>
      <c r="H17615" s="5">
        <v>6</v>
      </c>
      <c r="I17615" s="5" t="s">
        <v>1518</v>
      </c>
      <c r="J17615" s="5" t="s">
        <v>40939</v>
      </c>
      <c r="K17615" s="2" t="s">
        <v>40940</v>
      </c>
      <c r="L17615" s="5" t="s">
        <v>40939</v>
      </c>
      <c r="M17615" s="2" t="s">
        <v>40940</v>
      </c>
      <c r="N17615" s="5" t="s">
        <v>36266</v>
      </c>
      <c r="O17615" s="5" t="s">
        <v>38</v>
      </c>
      <c r="P17615" s="5" t="s">
        <v>39</v>
      </c>
      <c r="Q17615" s="5" t="s">
        <v>40</v>
      </c>
      <c r="R17615" s="5" t="s">
        <v>1522</v>
      </c>
      <c r="S17615" s="5" t="s">
        <v>1523</v>
      </c>
      <c r="T17615" s="5" t="s">
        <v>42</v>
      </c>
      <c r="U17615" s="2">
        <v>2.1859999999999999</v>
      </c>
      <c r="V17615" s="2">
        <v>1.704</v>
      </c>
      <c r="W17615" s="2">
        <v>1.0999999999999999E-2</v>
      </c>
      <c r="X17615" s="2">
        <v>82.9</v>
      </c>
      <c r="Y17615" s="2">
        <v>7.6</v>
      </c>
      <c r="Z17615" s="2">
        <v>16.7</v>
      </c>
      <c r="AA17615" s="5"/>
      <c r="AB17615" s="5" t="s">
        <v>43</v>
      </c>
      <c r="AC17615" s="5" t="s">
        <v>44</v>
      </c>
      <c r="AD17615" s="2"/>
      <c r="AE17615" s="1"/>
    </row>
    <row r="17616" spans="1:31" ht="14.45">
      <c r="A17616" s="11"/>
      <c r="B17616" s="20"/>
      <c r="C17616" s="2" t="s">
        <v>53806</v>
      </c>
      <c r="D17616" s="14" t="s">
        <v>53807</v>
      </c>
      <c r="E17616" s="2" t="s">
        <v>53808</v>
      </c>
      <c r="F17616" s="2" t="s">
        <v>41049</v>
      </c>
      <c r="G17616" s="8">
        <v>258</v>
      </c>
      <c r="H17616" s="5">
        <v>6</v>
      </c>
      <c r="I17616" s="5" t="s">
        <v>1518</v>
      </c>
      <c r="J17616" s="5" t="s">
        <v>40939</v>
      </c>
      <c r="K17616" s="2" t="s">
        <v>40940</v>
      </c>
      <c r="L17616" s="5" t="s">
        <v>40939</v>
      </c>
      <c r="M17616" s="2" t="s">
        <v>40940</v>
      </c>
      <c r="N17616" s="5" t="s">
        <v>36266</v>
      </c>
      <c r="O17616" s="5" t="s">
        <v>38</v>
      </c>
      <c r="P17616" s="5" t="s">
        <v>39</v>
      </c>
      <c r="Q17616" s="5" t="s">
        <v>40</v>
      </c>
      <c r="R17616" s="5" t="s">
        <v>1522</v>
      </c>
      <c r="S17616" s="5" t="s">
        <v>1523</v>
      </c>
      <c r="T17616" s="5" t="s">
        <v>42</v>
      </c>
      <c r="U17616" s="2">
        <v>2.2480000000000002</v>
      </c>
      <c r="V17616" s="2">
        <v>1.766</v>
      </c>
      <c r="W17616" s="2">
        <v>1.0999999999999999E-2</v>
      </c>
      <c r="X17616" s="2">
        <v>82.9</v>
      </c>
      <c r="Y17616" s="2">
        <v>7.6</v>
      </c>
      <c r="Z17616" s="2">
        <v>16.7</v>
      </c>
      <c r="AA17616" s="5"/>
      <c r="AB17616" s="5" t="s">
        <v>43</v>
      </c>
      <c r="AC17616" s="5" t="s">
        <v>44</v>
      </c>
      <c r="AD17616" s="2"/>
      <c r="AE17616" s="1"/>
    </row>
    <row r="17617" spans="1:31" ht="14.45">
      <c r="A17617" s="11"/>
      <c r="B17617" s="20"/>
      <c r="C17617" s="2" t="s">
        <v>53809</v>
      </c>
      <c r="D17617" s="14" t="s">
        <v>53810</v>
      </c>
      <c r="E17617" s="2" t="s">
        <v>53811</v>
      </c>
      <c r="F17617" s="2" t="s">
        <v>7204</v>
      </c>
      <c r="G17617" s="8">
        <v>254</v>
      </c>
      <c r="H17617" s="5">
        <v>6</v>
      </c>
      <c r="I17617" s="5" t="s">
        <v>1518</v>
      </c>
      <c r="J17617" s="5" t="s">
        <v>40939</v>
      </c>
      <c r="K17617" s="2" t="s">
        <v>40940</v>
      </c>
      <c r="L17617" s="5" t="s">
        <v>40939</v>
      </c>
      <c r="M17617" s="2" t="s">
        <v>40940</v>
      </c>
      <c r="N17617" s="5" t="s">
        <v>36266</v>
      </c>
      <c r="O17617" s="5" t="s">
        <v>38</v>
      </c>
      <c r="P17617" s="5" t="s">
        <v>39</v>
      </c>
      <c r="Q17617" s="5" t="s">
        <v>40</v>
      </c>
      <c r="R17617" s="5" t="s">
        <v>1522</v>
      </c>
      <c r="S17617" s="5" t="s">
        <v>1523</v>
      </c>
      <c r="T17617" s="5" t="s">
        <v>42</v>
      </c>
      <c r="U17617" s="2">
        <v>2.4009999999999998</v>
      </c>
      <c r="V17617" s="2">
        <v>1.831</v>
      </c>
      <c r="W17617" s="2">
        <v>1.4999999999999999E-2</v>
      </c>
      <c r="X17617" s="2">
        <v>118.9</v>
      </c>
      <c r="Y17617" s="2">
        <v>7.6</v>
      </c>
      <c r="Z17617" s="2">
        <v>16.7</v>
      </c>
      <c r="AA17617" s="5"/>
      <c r="AB17617" s="5" t="s">
        <v>43</v>
      </c>
      <c r="AC17617" s="5" t="s">
        <v>44</v>
      </c>
      <c r="AD17617" s="2"/>
      <c r="AE17617" s="1"/>
    </row>
    <row r="17618" spans="1:31" ht="14.45">
      <c r="A17618" s="11"/>
      <c r="B17618" s="20"/>
      <c r="C17618" s="2" t="s">
        <v>53812</v>
      </c>
      <c r="D17618" s="14" t="s">
        <v>53813</v>
      </c>
      <c r="E17618" s="2" t="s">
        <v>53814</v>
      </c>
      <c r="F17618" s="2" t="s">
        <v>7514</v>
      </c>
      <c r="G17618" s="8">
        <v>254</v>
      </c>
      <c r="H17618" s="5">
        <v>6</v>
      </c>
      <c r="I17618" s="5" t="s">
        <v>1518</v>
      </c>
      <c r="J17618" s="5" t="s">
        <v>40939</v>
      </c>
      <c r="K17618" s="2" t="s">
        <v>40940</v>
      </c>
      <c r="L17618" s="5" t="s">
        <v>40939</v>
      </c>
      <c r="M17618" s="2" t="s">
        <v>40940</v>
      </c>
      <c r="N17618" s="5" t="s">
        <v>36266</v>
      </c>
      <c r="O17618" s="5" t="s">
        <v>38</v>
      </c>
      <c r="P17618" s="5" t="s">
        <v>39</v>
      </c>
      <c r="Q17618" s="5" t="s">
        <v>40</v>
      </c>
      <c r="R17618" s="5" t="s">
        <v>1522</v>
      </c>
      <c r="S17618" s="5" t="s">
        <v>1523</v>
      </c>
      <c r="T17618" s="5" t="s">
        <v>42</v>
      </c>
      <c r="U17618" s="2">
        <v>2.4740000000000002</v>
      </c>
      <c r="V17618" s="2">
        <v>1.9039999999999999</v>
      </c>
      <c r="W17618" s="2">
        <v>1.4999999999999999E-2</v>
      </c>
      <c r="X17618" s="2">
        <v>118.9</v>
      </c>
      <c r="Y17618" s="2">
        <v>7.6</v>
      </c>
      <c r="Z17618" s="2">
        <v>16.7</v>
      </c>
      <c r="AA17618" s="5"/>
      <c r="AB17618" s="5" t="s">
        <v>43</v>
      </c>
      <c r="AC17618" s="5" t="s">
        <v>44</v>
      </c>
      <c r="AD17618" s="2"/>
      <c r="AE17618" s="1"/>
    </row>
    <row r="17619" spans="1:31" ht="14.45">
      <c r="A17619" s="11"/>
      <c r="B17619" s="20"/>
      <c r="C17619" s="2" t="s">
        <v>53815</v>
      </c>
      <c r="D17619" s="14" t="s">
        <v>53816</v>
      </c>
      <c r="E17619" s="2" t="s">
        <v>53817</v>
      </c>
      <c r="F17619" s="2" t="s">
        <v>47195</v>
      </c>
      <c r="G17619" s="8">
        <v>272</v>
      </c>
      <c r="H17619" s="5">
        <v>6</v>
      </c>
      <c r="I17619" s="5" t="s">
        <v>1518</v>
      </c>
      <c r="J17619" s="5" t="s">
        <v>40939</v>
      </c>
      <c r="K17619" s="2" t="s">
        <v>40940</v>
      </c>
      <c r="L17619" s="5" t="s">
        <v>40939</v>
      </c>
      <c r="M17619" s="2" t="s">
        <v>40940</v>
      </c>
      <c r="N17619" s="5" t="s">
        <v>36266</v>
      </c>
      <c r="O17619" s="5" t="s">
        <v>38</v>
      </c>
      <c r="P17619" s="5" t="s">
        <v>39</v>
      </c>
      <c r="Q17619" s="5" t="s">
        <v>40</v>
      </c>
      <c r="R17619" s="5" t="s">
        <v>1522</v>
      </c>
      <c r="S17619" s="5" t="s">
        <v>1523</v>
      </c>
      <c r="T17619" s="5" t="s">
        <v>42</v>
      </c>
      <c r="U17619" s="2">
        <v>2.4830000000000001</v>
      </c>
      <c r="V17619" s="2">
        <v>1.913</v>
      </c>
      <c r="W17619" s="2">
        <v>1.4999999999999999E-2</v>
      </c>
      <c r="X17619" s="2">
        <v>118.9</v>
      </c>
      <c r="Y17619" s="2">
        <v>7.6</v>
      </c>
      <c r="Z17619" s="2">
        <v>16.7</v>
      </c>
      <c r="AA17619" s="5"/>
      <c r="AB17619" s="5" t="s">
        <v>43</v>
      </c>
      <c r="AC17619" s="5" t="s">
        <v>44</v>
      </c>
      <c r="AD17619" s="2"/>
      <c r="AE17619" s="1"/>
    </row>
    <row r="17620" spans="1:31" ht="14.45">
      <c r="A17620" s="11"/>
      <c r="B17620" s="20"/>
      <c r="C17620" s="2" t="s">
        <v>53818</v>
      </c>
      <c r="D17620" s="14" t="s">
        <v>53819</v>
      </c>
      <c r="E17620" s="2" t="s">
        <v>53820</v>
      </c>
      <c r="F17620" s="2" t="s">
        <v>7208</v>
      </c>
      <c r="G17620" s="8">
        <v>254</v>
      </c>
      <c r="H17620" s="5">
        <v>6</v>
      </c>
      <c r="I17620" s="5" t="s">
        <v>1518</v>
      </c>
      <c r="J17620" s="5" t="s">
        <v>40939</v>
      </c>
      <c r="K17620" s="2" t="s">
        <v>40940</v>
      </c>
      <c r="L17620" s="5" t="s">
        <v>40939</v>
      </c>
      <c r="M17620" s="2" t="s">
        <v>40940</v>
      </c>
      <c r="N17620" s="5" t="s">
        <v>36266</v>
      </c>
      <c r="O17620" s="5" t="s">
        <v>38</v>
      </c>
      <c r="P17620" s="5" t="s">
        <v>39</v>
      </c>
      <c r="Q17620" s="5" t="s">
        <v>40</v>
      </c>
      <c r="R17620" s="5" t="s">
        <v>1522</v>
      </c>
      <c r="S17620" s="5" t="s">
        <v>1523</v>
      </c>
      <c r="T17620" s="5" t="s">
        <v>42</v>
      </c>
      <c r="U17620" s="2">
        <v>2.415</v>
      </c>
      <c r="V17620" s="2">
        <v>1.845</v>
      </c>
      <c r="W17620" s="2">
        <v>1.4999999999999999E-2</v>
      </c>
      <c r="X17620" s="2">
        <v>118.9</v>
      </c>
      <c r="Y17620" s="2">
        <v>7.6</v>
      </c>
      <c r="Z17620" s="2">
        <v>16.7</v>
      </c>
      <c r="AA17620" s="5"/>
      <c r="AB17620" s="5" t="s">
        <v>43</v>
      </c>
      <c r="AC17620" s="5" t="s">
        <v>44</v>
      </c>
      <c r="AD17620" s="2"/>
      <c r="AE17620" s="1"/>
    </row>
    <row r="17621" spans="1:31" ht="14.45">
      <c r="A17621" s="11"/>
      <c r="B17621" s="20"/>
      <c r="C17621" s="2" t="s">
        <v>53821</v>
      </c>
      <c r="D17621" s="14" t="s">
        <v>53822</v>
      </c>
      <c r="E17621" s="2" t="s">
        <v>53823</v>
      </c>
      <c r="F17621" s="2" t="s">
        <v>7521</v>
      </c>
      <c r="G17621" s="8">
        <v>254</v>
      </c>
      <c r="H17621" s="5">
        <v>6</v>
      </c>
      <c r="I17621" s="5" t="s">
        <v>1518</v>
      </c>
      <c r="J17621" s="5" t="s">
        <v>40939</v>
      </c>
      <c r="K17621" s="2" t="s">
        <v>40940</v>
      </c>
      <c r="L17621" s="5" t="s">
        <v>40939</v>
      </c>
      <c r="M17621" s="2" t="s">
        <v>40940</v>
      </c>
      <c r="N17621" s="5" t="s">
        <v>36266</v>
      </c>
      <c r="O17621" s="5" t="s">
        <v>38</v>
      </c>
      <c r="P17621" s="5" t="s">
        <v>39</v>
      </c>
      <c r="Q17621" s="5" t="s">
        <v>40</v>
      </c>
      <c r="R17621" s="5" t="s">
        <v>1522</v>
      </c>
      <c r="S17621" s="5" t="s">
        <v>1523</v>
      </c>
      <c r="T17621" s="5" t="s">
        <v>42</v>
      </c>
      <c r="U17621" s="2">
        <v>2.488</v>
      </c>
      <c r="V17621" s="2">
        <v>1.9179999999999999</v>
      </c>
      <c r="W17621" s="2">
        <v>1.4999999999999999E-2</v>
      </c>
      <c r="X17621" s="2">
        <v>118.9</v>
      </c>
      <c r="Y17621" s="2">
        <v>7.6</v>
      </c>
      <c r="Z17621" s="2">
        <v>16.7</v>
      </c>
      <c r="AA17621" s="5"/>
      <c r="AB17621" s="5" t="s">
        <v>43</v>
      </c>
      <c r="AC17621" s="5" t="s">
        <v>44</v>
      </c>
      <c r="AD17621" s="2"/>
      <c r="AE17621" s="1"/>
    </row>
    <row r="17622" spans="1:31" ht="14.45">
      <c r="A17622" s="11"/>
      <c r="B17622" s="20"/>
      <c r="C17622" s="2" t="s">
        <v>53824</v>
      </c>
      <c r="D17622" s="14" t="s">
        <v>53825</v>
      </c>
      <c r="E17622" s="2" t="s">
        <v>53826</v>
      </c>
      <c r="F17622" s="2" t="s">
        <v>36277</v>
      </c>
      <c r="G17622" s="8">
        <v>254</v>
      </c>
      <c r="H17622" s="5">
        <v>6</v>
      </c>
      <c r="I17622" s="5" t="s">
        <v>1518</v>
      </c>
      <c r="J17622" s="5" t="s">
        <v>40939</v>
      </c>
      <c r="K17622" s="2" t="s">
        <v>40940</v>
      </c>
      <c r="L17622" s="5" t="s">
        <v>40939</v>
      </c>
      <c r="M17622" s="2" t="s">
        <v>40940</v>
      </c>
      <c r="N17622" s="5" t="s">
        <v>36266</v>
      </c>
      <c r="O17622" s="5" t="s">
        <v>38</v>
      </c>
      <c r="P17622" s="5" t="s">
        <v>39</v>
      </c>
      <c r="Q17622" s="5" t="s">
        <v>40</v>
      </c>
      <c r="R17622" s="5" t="s">
        <v>1522</v>
      </c>
      <c r="S17622" s="5" t="s">
        <v>1523</v>
      </c>
      <c r="T17622" s="5" t="s">
        <v>42</v>
      </c>
      <c r="U17622" s="2">
        <v>2.4969999999999999</v>
      </c>
      <c r="V17622" s="2">
        <v>1.927</v>
      </c>
      <c r="W17622" s="2">
        <v>1.4999999999999999E-2</v>
      </c>
      <c r="X17622" s="2">
        <v>118.9</v>
      </c>
      <c r="Y17622" s="2">
        <v>7.6</v>
      </c>
      <c r="Z17622" s="2">
        <v>16.7</v>
      </c>
      <c r="AA17622" s="5"/>
      <c r="AB17622" s="5" t="s">
        <v>43</v>
      </c>
      <c r="AC17622" s="5" t="s">
        <v>44</v>
      </c>
      <c r="AD17622" s="2"/>
      <c r="AE17622" s="1"/>
    </row>
    <row r="17623" spans="1:31" ht="14.45">
      <c r="A17623" s="11"/>
      <c r="B17623" s="20"/>
      <c r="C17623" s="2" t="s">
        <v>53827</v>
      </c>
      <c r="D17623" s="14" t="s">
        <v>53828</v>
      </c>
      <c r="E17623" s="2" t="s">
        <v>53829</v>
      </c>
      <c r="F17623" s="2" t="s">
        <v>40971</v>
      </c>
      <c r="G17623" s="8">
        <v>272</v>
      </c>
      <c r="H17623" s="5">
        <v>6</v>
      </c>
      <c r="I17623" s="5" t="s">
        <v>1518</v>
      </c>
      <c r="J17623" s="5" t="s">
        <v>40939</v>
      </c>
      <c r="K17623" s="2" t="s">
        <v>40940</v>
      </c>
      <c r="L17623" s="5" t="s">
        <v>40939</v>
      </c>
      <c r="M17623" s="2" t="s">
        <v>40940</v>
      </c>
      <c r="N17623" s="5" t="s">
        <v>36266</v>
      </c>
      <c r="O17623" s="5" t="s">
        <v>38</v>
      </c>
      <c r="P17623" s="5" t="s">
        <v>39</v>
      </c>
      <c r="Q17623" s="5" t="s">
        <v>40</v>
      </c>
      <c r="R17623" s="5" t="s">
        <v>1522</v>
      </c>
      <c r="S17623" s="5" t="s">
        <v>1523</v>
      </c>
      <c r="T17623" s="5" t="s">
        <v>42</v>
      </c>
      <c r="U17623" s="2">
        <v>2.488</v>
      </c>
      <c r="V17623" s="2">
        <v>1.9179999999999999</v>
      </c>
      <c r="W17623" s="2">
        <v>1.4999999999999999E-2</v>
      </c>
      <c r="X17623" s="2">
        <v>118.9</v>
      </c>
      <c r="Y17623" s="2">
        <v>7.6</v>
      </c>
      <c r="Z17623" s="2">
        <v>16.7</v>
      </c>
      <c r="AA17623" s="5"/>
      <c r="AB17623" s="5" t="s">
        <v>43</v>
      </c>
      <c r="AC17623" s="5" t="s">
        <v>44</v>
      </c>
      <c r="AD17623" s="2"/>
      <c r="AE17623" s="1"/>
    </row>
    <row r="17624" spans="1:31" ht="14.45">
      <c r="A17624" s="11"/>
      <c r="B17624" s="20"/>
      <c r="C17624" s="2" t="s">
        <v>53830</v>
      </c>
      <c r="D17624" s="14" t="s">
        <v>53831</v>
      </c>
      <c r="E17624" s="2" t="s">
        <v>53832</v>
      </c>
      <c r="F17624" s="2" t="s">
        <v>40989</v>
      </c>
      <c r="G17624" s="8">
        <v>272</v>
      </c>
      <c r="H17624" s="5">
        <v>6</v>
      </c>
      <c r="I17624" s="5" t="s">
        <v>1518</v>
      </c>
      <c r="J17624" s="5" t="s">
        <v>40939</v>
      </c>
      <c r="K17624" s="2" t="s">
        <v>40940</v>
      </c>
      <c r="L17624" s="5" t="s">
        <v>40939</v>
      </c>
      <c r="M17624" s="2" t="s">
        <v>40940</v>
      </c>
      <c r="N17624" s="5" t="s">
        <v>36266</v>
      </c>
      <c r="O17624" s="5" t="s">
        <v>38</v>
      </c>
      <c r="P17624" s="5" t="s">
        <v>39</v>
      </c>
      <c r="Q17624" s="5" t="s">
        <v>40</v>
      </c>
      <c r="R17624" s="5" t="s">
        <v>1522</v>
      </c>
      <c r="S17624" s="5" t="s">
        <v>1523</v>
      </c>
      <c r="T17624" s="5" t="s">
        <v>42</v>
      </c>
      <c r="U17624" s="2">
        <v>2.415</v>
      </c>
      <c r="V17624" s="2">
        <v>1.845</v>
      </c>
      <c r="W17624" s="2">
        <v>1.4999999999999999E-2</v>
      </c>
      <c r="X17624" s="2">
        <v>118.9</v>
      </c>
      <c r="Y17624" s="2">
        <v>7.6</v>
      </c>
      <c r="Z17624" s="2">
        <v>16.7</v>
      </c>
      <c r="AA17624" s="5"/>
      <c r="AB17624" s="5" t="s">
        <v>43</v>
      </c>
      <c r="AC17624" s="5" t="s">
        <v>44</v>
      </c>
      <c r="AD17624" s="2"/>
      <c r="AE17624" s="1"/>
    </row>
    <row r="17625" spans="1:31" ht="14.45">
      <c r="A17625" s="11"/>
      <c r="B17625" s="20"/>
      <c r="C17625" s="2" t="s">
        <v>53833</v>
      </c>
      <c r="D17625" s="14" t="s">
        <v>53834</v>
      </c>
      <c r="E17625" s="2" t="s">
        <v>53835</v>
      </c>
      <c r="F17625" s="2" t="s">
        <v>40993</v>
      </c>
      <c r="G17625" s="8">
        <v>272</v>
      </c>
      <c r="H17625" s="5">
        <v>6</v>
      </c>
      <c r="I17625" s="5" t="s">
        <v>1518</v>
      </c>
      <c r="J17625" s="5" t="s">
        <v>40939</v>
      </c>
      <c r="K17625" s="2" t="s">
        <v>40940</v>
      </c>
      <c r="L17625" s="5" t="s">
        <v>40939</v>
      </c>
      <c r="M17625" s="2" t="s">
        <v>40940</v>
      </c>
      <c r="N17625" s="5" t="s">
        <v>36266</v>
      </c>
      <c r="O17625" s="5" t="s">
        <v>38</v>
      </c>
      <c r="P17625" s="5" t="s">
        <v>39</v>
      </c>
      <c r="Q17625" s="5" t="s">
        <v>40</v>
      </c>
      <c r="R17625" s="5" t="s">
        <v>1522</v>
      </c>
      <c r="S17625" s="5" t="s">
        <v>1523</v>
      </c>
      <c r="T17625" s="5" t="s">
        <v>42</v>
      </c>
      <c r="U17625" s="2">
        <v>2.488</v>
      </c>
      <c r="V17625" s="2">
        <v>1.9179999999999999</v>
      </c>
      <c r="W17625" s="2">
        <v>1.4999999999999999E-2</v>
      </c>
      <c r="X17625" s="2">
        <v>118.9</v>
      </c>
      <c r="Y17625" s="2">
        <v>7.6</v>
      </c>
      <c r="Z17625" s="2">
        <v>16.7</v>
      </c>
      <c r="AA17625" s="5"/>
      <c r="AB17625" s="5" t="s">
        <v>43</v>
      </c>
      <c r="AC17625" s="5" t="s">
        <v>44</v>
      </c>
      <c r="AD17625" s="2"/>
      <c r="AE17625" s="1"/>
    </row>
    <row r="17626" spans="1:31" ht="14.45">
      <c r="A17626" s="11"/>
      <c r="B17626" s="20"/>
      <c r="C17626" s="2" t="s">
        <v>53836</v>
      </c>
      <c r="D17626" s="14" t="s">
        <v>53837</v>
      </c>
      <c r="E17626" s="2" t="s">
        <v>53838</v>
      </c>
      <c r="F17626" s="2" t="s">
        <v>7507</v>
      </c>
      <c r="G17626" s="8">
        <v>254</v>
      </c>
      <c r="H17626" s="5">
        <v>6</v>
      </c>
      <c r="I17626" s="5" t="s">
        <v>1518</v>
      </c>
      <c r="J17626" s="5" t="s">
        <v>40939</v>
      </c>
      <c r="K17626" s="2" t="s">
        <v>40940</v>
      </c>
      <c r="L17626" s="5" t="s">
        <v>40939</v>
      </c>
      <c r="M17626" s="2" t="s">
        <v>40940</v>
      </c>
      <c r="N17626" s="5" t="s">
        <v>36266</v>
      </c>
      <c r="O17626" s="5" t="s">
        <v>38</v>
      </c>
      <c r="P17626" s="5" t="s">
        <v>39</v>
      </c>
      <c r="Q17626" s="5" t="s">
        <v>40</v>
      </c>
      <c r="R17626" s="5" t="s">
        <v>1522</v>
      </c>
      <c r="S17626" s="5" t="s">
        <v>1523</v>
      </c>
      <c r="T17626" s="5" t="s">
        <v>42</v>
      </c>
      <c r="U17626" s="2">
        <v>2.492</v>
      </c>
      <c r="V17626" s="2">
        <v>1.9219999999999999</v>
      </c>
      <c r="W17626" s="2">
        <v>1.4999999999999999E-2</v>
      </c>
      <c r="X17626" s="2">
        <v>118.9</v>
      </c>
      <c r="Y17626" s="2">
        <v>7.6</v>
      </c>
      <c r="Z17626" s="2">
        <v>16.7</v>
      </c>
      <c r="AA17626" s="5"/>
      <c r="AB17626" s="5" t="s">
        <v>43</v>
      </c>
      <c r="AC17626" s="5" t="s">
        <v>44</v>
      </c>
      <c r="AD17626" s="2"/>
      <c r="AE17626" s="1"/>
    </row>
    <row r="17627" spans="1:31" ht="14.45">
      <c r="A17627" s="11"/>
      <c r="B17627" s="20"/>
      <c r="C17627" s="2" t="s">
        <v>53839</v>
      </c>
      <c r="D17627" s="14" t="s">
        <v>53840</v>
      </c>
      <c r="E17627" s="2" t="s">
        <v>53841</v>
      </c>
      <c r="F17627" s="2" t="s">
        <v>41023</v>
      </c>
      <c r="G17627" s="8">
        <v>272</v>
      </c>
      <c r="H17627" s="5">
        <v>6</v>
      </c>
      <c r="I17627" s="5" t="s">
        <v>1518</v>
      </c>
      <c r="J17627" s="5" t="s">
        <v>40939</v>
      </c>
      <c r="K17627" s="2" t="s">
        <v>40940</v>
      </c>
      <c r="L17627" s="5" t="s">
        <v>40939</v>
      </c>
      <c r="M17627" s="2" t="s">
        <v>40940</v>
      </c>
      <c r="N17627" s="5" t="s">
        <v>36266</v>
      </c>
      <c r="O17627" s="5" t="s">
        <v>38</v>
      </c>
      <c r="P17627" s="5" t="s">
        <v>39</v>
      </c>
      <c r="Q17627" s="5" t="s">
        <v>40</v>
      </c>
      <c r="R17627" s="5" t="s">
        <v>1522</v>
      </c>
      <c r="S17627" s="5" t="s">
        <v>1523</v>
      </c>
      <c r="T17627" s="5" t="s">
        <v>42</v>
      </c>
      <c r="U17627" s="2">
        <v>2.3959999999999999</v>
      </c>
      <c r="V17627" s="2">
        <v>1.8260000000000001</v>
      </c>
      <c r="W17627" s="2">
        <v>1.4999999999999999E-2</v>
      </c>
      <c r="X17627" s="2">
        <v>118.9</v>
      </c>
      <c r="Y17627" s="2">
        <v>7.6</v>
      </c>
      <c r="Z17627" s="2">
        <v>16.7</v>
      </c>
      <c r="AA17627" s="5"/>
      <c r="AB17627" s="5" t="s">
        <v>43</v>
      </c>
      <c r="AC17627" s="5" t="s">
        <v>44</v>
      </c>
      <c r="AD17627" s="2"/>
      <c r="AE17627" s="1"/>
    </row>
    <row r="17628" spans="1:31" ht="14.45">
      <c r="A17628" s="11"/>
      <c r="B17628" s="20"/>
      <c r="C17628" s="2" t="s">
        <v>53842</v>
      </c>
      <c r="D17628" s="14" t="s">
        <v>53843</v>
      </c>
      <c r="E17628" s="2" t="s">
        <v>53844</v>
      </c>
      <c r="F17628" s="2" t="s">
        <v>41035</v>
      </c>
      <c r="G17628" s="8">
        <v>272</v>
      </c>
      <c r="H17628" s="5">
        <v>6</v>
      </c>
      <c r="I17628" s="5" t="s">
        <v>1518</v>
      </c>
      <c r="J17628" s="5" t="s">
        <v>40939</v>
      </c>
      <c r="K17628" s="2" t="s">
        <v>40940</v>
      </c>
      <c r="L17628" s="5" t="s">
        <v>40939</v>
      </c>
      <c r="M17628" s="2" t="s">
        <v>40940</v>
      </c>
      <c r="N17628" s="5" t="s">
        <v>36266</v>
      </c>
      <c r="O17628" s="5" t="s">
        <v>38</v>
      </c>
      <c r="P17628" s="5" t="s">
        <v>39</v>
      </c>
      <c r="Q17628" s="5" t="s">
        <v>40</v>
      </c>
      <c r="R17628" s="5" t="s">
        <v>1522</v>
      </c>
      <c r="S17628" s="5" t="s">
        <v>1523</v>
      </c>
      <c r="T17628" s="5" t="s">
        <v>42</v>
      </c>
      <c r="U17628" s="2">
        <v>2.4689999999999999</v>
      </c>
      <c r="V17628" s="2">
        <v>1.899</v>
      </c>
      <c r="W17628" s="2">
        <v>1.4999999999999999E-2</v>
      </c>
      <c r="X17628" s="2">
        <v>118.9</v>
      </c>
      <c r="Y17628" s="2">
        <v>7.6</v>
      </c>
      <c r="Z17628" s="2">
        <v>16.7</v>
      </c>
      <c r="AA17628" s="5"/>
      <c r="AB17628" s="5" t="s">
        <v>43</v>
      </c>
      <c r="AC17628" s="5" t="s">
        <v>44</v>
      </c>
      <c r="AD17628" s="2"/>
      <c r="AE17628" s="1"/>
    </row>
    <row r="17629" spans="1:31" ht="14.45">
      <c r="A17629" s="11"/>
      <c r="B17629" s="20"/>
      <c r="C17629" s="2" t="s">
        <v>53845</v>
      </c>
      <c r="D17629" s="14" t="s">
        <v>53846</v>
      </c>
      <c r="E17629" s="2" t="s">
        <v>53847</v>
      </c>
      <c r="F17629" s="2" t="s">
        <v>7514</v>
      </c>
      <c r="G17629" s="8">
        <v>252</v>
      </c>
      <c r="H17629" s="5">
        <v>6</v>
      </c>
      <c r="I17629" s="5" t="s">
        <v>1518</v>
      </c>
      <c r="J17629" s="5" t="s">
        <v>40939</v>
      </c>
      <c r="K17629" s="2" t="s">
        <v>40940</v>
      </c>
      <c r="L17629" s="5" t="s">
        <v>40939</v>
      </c>
      <c r="M17629" s="2" t="s">
        <v>40940</v>
      </c>
      <c r="N17629" s="5" t="s">
        <v>36266</v>
      </c>
      <c r="O17629" s="5" t="s">
        <v>38</v>
      </c>
      <c r="P17629" s="5" t="s">
        <v>39</v>
      </c>
      <c r="Q17629" s="5" t="s">
        <v>40</v>
      </c>
      <c r="R17629" s="5" t="s">
        <v>1522</v>
      </c>
      <c r="S17629" s="5" t="s">
        <v>1523</v>
      </c>
      <c r="T17629" s="5" t="s">
        <v>42</v>
      </c>
      <c r="U17629" s="2">
        <v>2.3530000000000002</v>
      </c>
      <c r="V17629" s="2">
        <v>1.881</v>
      </c>
      <c r="W17629" s="2">
        <v>1.0999999999999999E-2</v>
      </c>
      <c r="X17629" s="2">
        <v>82.9</v>
      </c>
      <c r="Y17629" s="2">
        <v>7.6</v>
      </c>
      <c r="Z17629" s="2">
        <v>16.7</v>
      </c>
      <c r="AA17629" s="5"/>
      <c r="AB17629" s="5" t="s">
        <v>43</v>
      </c>
      <c r="AC17629" s="5" t="s">
        <v>44</v>
      </c>
      <c r="AD17629" s="2"/>
      <c r="AE17629" s="1"/>
    </row>
    <row r="17630" spans="1:31" ht="14.45">
      <c r="A17630" s="11"/>
      <c r="B17630" s="20"/>
      <c r="C17630" s="2" t="s">
        <v>53848</v>
      </c>
      <c r="D17630" s="14" t="s">
        <v>53849</v>
      </c>
      <c r="E17630" s="2" t="s">
        <v>53850</v>
      </c>
      <c r="F17630" s="2" t="s">
        <v>7204</v>
      </c>
      <c r="G17630" s="8">
        <v>265</v>
      </c>
      <c r="H17630" s="5">
        <v>6</v>
      </c>
      <c r="I17630" s="5" t="s">
        <v>1518</v>
      </c>
      <c r="J17630" s="5" t="s">
        <v>40939</v>
      </c>
      <c r="K17630" s="2" t="s">
        <v>40940</v>
      </c>
      <c r="L17630" s="5" t="s">
        <v>40939</v>
      </c>
      <c r="M17630" s="2" t="s">
        <v>40940</v>
      </c>
      <c r="N17630" s="5" t="s">
        <v>36266</v>
      </c>
      <c r="O17630" s="5" t="s">
        <v>38</v>
      </c>
      <c r="P17630" s="5" t="s">
        <v>39</v>
      </c>
      <c r="Q17630" s="5" t="s">
        <v>40</v>
      </c>
      <c r="R17630" s="5" t="s">
        <v>1522</v>
      </c>
      <c r="S17630" s="5" t="s">
        <v>1523</v>
      </c>
      <c r="T17630" s="5" t="s">
        <v>42</v>
      </c>
      <c r="U17630" s="2">
        <v>2.52</v>
      </c>
      <c r="V17630" s="2">
        <v>1.9690000000000001</v>
      </c>
      <c r="W17630" s="2">
        <v>1.2999999999999999E-2</v>
      </c>
      <c r="X17630" s="2">
        <v>99.1</v>
      </c>
      <c r="Y17630" s="2">
        <v>7.6</v>
      </c>
      <c r="Z17630" s="2">
        <v>16.7</v>
      </c>
      <c r="AA17630" s="5"/>
      <c r="AB17630" s="5" t="s">
        <v>43</v>
      </c>
      <c r="AC17630" s="5" t="s">
        <v>44</v>
      </c>
      <c r="AD17630" s="2"/>
      <c r="AE17630" s="1"/>
    </row>
    <row r="17631" spans="1:31" ht="14.45">
      <c r="A17631" s="11"/>
      <c r="B17631" s="20"/>
      <c r="C17631" s="2" t="s">
        <v>53851</v>
      </c>
      <c r="D17631" s="14" t="s">
        <v>53852</v>
      </c>
      <c r="E17631" s="2" t="s">
        <v>53853</v>
      </c>
      <c r="F17631" s="2" t="s">
        <v>7514</v>
      </c>
      <c r="G17631" s="8">
        <v>265</v>
      </c>
      <c r="H17631" s="5">
        <v>6</v>
      </c>
      <c r="I17631" s="5" t="s">
        <v>1518</v>
      </c>
      <c r="J17631" s="5" t="s">
        <v>40939</v>
      </c>
      <c r="K17631" s="2" t="s">
        <v>40940</v>
      </c>
      <c r="L17631" s="5" t="s">
        <v>40939</v>
      </c>
      <c r="M17631" s="2" t="s">
        <v>40940</v>
      </c>
      <c r="N17631" s="5" t="s">
        <v>36266</v>
      </c>
      <c r="O17631" s="5" t="s">
        <v>38</v>
      </c>
      <c r="P17631" s="5" t="s">
        <v>39</v>
      </c>
      <c r="Q17631" s="5" t="s">
        <v>40</v>
      </c>
      <c r="R17631" s="5" t="s">
        <v>1522</v>
      </c>
      <c r="S17631" s="5" t="s">
        <v>1523</v>
      </c>
      <c r="T17631" s="5" t="s">
        <v>42</v>
      </c>
      <c r="U17631" s="2">
        <v>2.593</v>
      </c>
      <c r="V17631" s="2">
        <v>2.0419999999999998</v>
      </c>
      <c r="W17631" s="2">
        <v>1.2999999999999999E-2</v>
      </c>
      <c r="X17631" s="2">
        <v>99.1</v>
      </c>
      <c r="Y17631" s="2">
        <v>7.6</v>
      </c>
      <c r="Z17631" s="2">
        <v>16.7</v>
      </c>
      <c r="AA17631" s="5"/>
      <c r="AB17631" s="5" t="s">
        <v>43</v>
      </c>
      <c r="AC17631" s="5" t="s">
        <v>44</v>
      </c>
      <c r="AD17631" s="2"/>
      <c r="AE17631" s="1"/>
    </row>
    <row r="17632" spans="1:31" ht="14.45">
      <c r="A17632" s="11"/>
      <c r="B17632" s="20"/>
      <c r="C17632" s="2" t="s">
        <v>53854</v>
      </c>
      <c r="D17632" s="14" t="s">
        <v>53855</v>
      </c>
      <c r="E17632" s="2" t="s">
        <v>53856</v>
      </c>
      <c r="F17632" s="2" t="s">
        <v>47266</v>
      </c>
      <c r="G17632" s="8">
        <v>285</v>
      </c>
      <c r="H17632" s="5">
        <v>6</v>
      </c>
      <c r="I17632" s="5" t="s">
        <v>1518</v>
      </c>
      <c r="J17632" s="5" t="s">
        <v>40939</v>
      </c>
      <c r="K17632" s="2" t="s">
        <v>40940</v>
      </c>
      <c r="L17632" s="5" t="s">
        <v>40939</v>
      </c>
      <c r="M17632" s="2" t="s">
        <v>40940</v>
      </c>
      <c r="N17632" s="5" t="s">
        <v>36266</v>
      </c>
      <c r="O17632" s="5" t="s">
        <v>38</v>
      </c>
      <c r="P17632" s="5" t="s">
        <v>39</v>
      </c>
      <c r="Q17632" s="5" t="s">
        <v>40</v>
      </c>
      <c r="R17632" s="5" t="s">
        <v>1522</v>
      </c>
      <c r="S17632" s="5" t="s">
        <v>1523</v>
      </c>
      <c r="T17632" s="5" t="s">
        <v>42</v>
      </c>
      <c r="U17632" s="2">
        <v>2.532</v>
      </c>
      <c r="V17632" s="2">
        <v>1.9810000000000001</v>
      </c>
      <c r="W17632" s="2">
        <v>1.2999999999999999E-2</v>
      </c>
      <c r="X17632" s="2">
        <v>99.1</v>
      </c>
      <c r="Y17632" s="2">
        <v>7.6</v>
      </c>
      <c r="Z17632" s="2">
        <v>16.7</v>
      </c>
      <c r="AA17632" s="5"/>
      <c r="AB17632" s="5" t="s">
        <v>43</v>
      </c>
      <c r="AC17632" s="5" t="s">
        <v>44</v>
      </c>
      <c r="AD17632" s="2"/>
      <c r="AE17632" s="1"/>
    </row>
    <row r="17633" spans="1:31" ht="14.45">
      <c r="A17633" s="11"/>
      <c r="B17633" s="20"/>
      <c r="C17633" s="2" t="s">
        <v>53857</v>
      </c>
      <c r="D17633" s="14" t="s">
        <v>53858</v>
      </c>
      <c r="E17633" s="2" t="s">
        <v>53859</v>
      </c>
      <c r="F17633" s="2" t="s">
        <v>47195</v>
      </c>
      <c r="G17633" s="8">
        <v>285</v>
      </c>
      <c r="H17633" s="5">
        <v>6</v>
      </c>
      <c r="I17633" s="5" t="s">
        <v>1518</v>
      </c>
      <c r="J17633" s="5" t="s">
        <v>40939</v>
      </c>
      <c r="K17633" s="2" t="s">
        <v>40940</v>
      </c>
      <c r="L17633" s="5" t="s">
        <v>40939</v>
      </c>
      <c r="M17633" s="2" t="s">
        <v>40940</v>
      </c>
      <c r="N17633" s="5" t="s">
        <v>36266</v>
      </c>
      <c r="O17633" s="5" t="s">
        <v>38</v>
      </c>
      <c r="P17633" s="5" t="s">
        <v>39</v>
      </c>
      <c r="Q17633" s="5" t="s">
        <v>40</v>
      </c>
      <c r="R17633" s="5" t="s">
        <v>1522</v>
      </c>
      <c r="S17633" s="5" t="s">
        <v>1523</v>
      </c>
      <c r="T17633" s="5" t="s">
        <v>42</v>
      </c>
      <c r="U17633" s="2">
        <v>2.605</v>
      </c>
      <c r="V17633" s="2">
        <v>2.0539999999999998</v>
      </c>
      <c r="W17633" s="2">
        <v>1.2999999999999999E-2</v>
      </c>
      <c r="X17633" s="2">
        <v>99.1</v>
      </c>
      <c r="Y17633" s="2">
        <v>7.6</v>
      </c>
      <c r="Z17633" s="2">
        <v>16.7</v>
      </c>
      <c r="AA17633" s="5"/>
      <c r="AB17633" s="5" t="s">
        <v>43</v>
      </c>
      <c r="AC17633" s="5" t="s">
        <v>44</v>
      </c>
      <c r="AD17633" s="2"/>
      <c r="AE17633" s="1"/>
    </row>
    <row r="17634" spans="1:31" ht="14.45">
      <c r="A17634" s="11"/>
      <c r="B17634" s="20"/>
      <c r="C17634" s="2" t="s">
        <v>53860</v>
      </c>
      <c r="D17634" s="14" t="s">
        <v>53861</v>
      </c>
      <c r="E17634" s="2" t="s">
        <v>53862</v>
      </c>
      <c r="F17634" s="2" t="s">
        <v>7208</v>
      </c>
      <c r="G17634" s="8">
        <v>265</v>
      </c>
      <c r="H17634" s="5">
        <v>6</v>
      </c>
      <c r="I17634" s="5" t="s">
        <v>1518</v>
      </c>
      <c r="J17634" s="5" t="s">
        <v>40939</v>
      </c>
      <c r="K17634" s="2" t="s">
        <v>40940</v>
      </c>
      <c r="L17634" s="5" t="s">
        <v>40939</v>
      </c>
      <c r="M17634" s="2" t="s">
        <v>40940</v>
      </c>
      <c r="N17634" s="5" t="s">
        <v>36266</v>
      </c>
      <c r="O17634" s="5" t="s">
        <v>38</v>
      </c>
      <c r="P17634" s="5" t="s">
        <v>39</v>
      </c>
      <c r="Q17634" s="5" t="s">
        <v>40</v>
      </c>
      <c r="R17634" s="5" t="s">
        <v>1522</v>
      </c>
      <c r="S17634" s="5" t="s">
        <v>1523</v>
      </c>
      <c r="T17634" s="5" t="s">
        <v>42</v>
      </c>
      <c r="U17634" s="2">
        <v>2.5379999999999998</v>
      </c>
      <c r="V17634" s="2">
        <v>1.9870000000000001</v>
      </c>
      <c r="W17634" s="2">
        <v>1.2999999999999999E-2</v>
      </c>
      <c r="X17634" s="2">
        <v>99.1</v>
      </c>
      <c r="Y17634" s="2">
        <v>7.6</v>
      </c>
      <c r="Z17634" s="2">
        <v>16.7</v>
      </c>
      <c r="AA17634" s="5"/>
      <c r="AB17634" s="5" t="s">
        <v>43</v>
      </c>
      <c r="AC17634" s="5" t="s">
        <v>44</v>
      </c>
      <c r="AD17634" s="2"/>
      <c r="AE17634" s="1"/>
    </row>
    <row r="17635" spans="1:31" ht="14.45">
      <c r="A17635" s="11"/>
      <c r="B17635" s="20"/>
      <c r="C17635" s="2" t="s">
        <v>53863</v>
      </c>
      <c r="D17635" s="14" t="s">
        <v>53864</v>
      </c>
      <c r="E17635" s="2" t="s">
        <v>53865</v>
      </c>
      <c r="F17635" s="2" t="s">
        <v>40967</v>
      </c>
      <c r="G17635" s="8">
        <v>285</v>
      </c>
      <c r="H17635" s="5">
        <v>6</v>
      </c>
      <c r="I17635" s="5" t="s">
        <v>1518</v>
      </c>
      <c r="J17635" s="5" t="s">
        <v>40939</v>
      </c>
      <c r="K17635" s="2" t="s">
        <v>40940</v>
      </c>
      <c r="L17635" s="5" t="s">
        <v>40939</v>
      </c>
      <c r="M17635" s="2" t="s">
        <v>40940</v>
      </c>
      <c r="N17635" s="5" t="s">
        <v>36266</v>
      </c>
      <c r="O17635" s="5" t="s">
        <v>38</v>
      </c>
      <c r="P17635" s="5" t="s">
        <v>39</v>
      </c>
      <c r="Q17635" s="5" t="s">
        <v>40</v>
      </c>
      <c r="R17635" s="5" t="s">
        <v>1522</v>
      </c>
      <c r="S17635" s="5" t="s">
        <v>1523</v>
      </c>
      <c r="T17635" s="5" t="s">
        <v>42</v>
      </c>
      <c r="U17635" s="2">
        <v>2.5379999999999998</v>
      </c>
      <c r="V17635" s="2">
        <v>1.9870000000000001</v>
      </c>
      <c r="W17635" s="2">
        <v>1.2999999999999999E-2</v>
      </c>
      <c r="X17635" s="2">
        <v>99.1</v>
      </c>
      <c r="Y17635" s="2">
        <v>7.6</v>
      </c>
      <c r="Z17635" s="2">
        <v>16.7</v>
      </c>
      <c r="AA17635" s="5"/>
      <c r="AB17635" s="5" t="s">
        <v>43</v>
      </c>
      <c r="AC17635" s="5" t="s">
        <v>44</v>
      </c>
      <c r="AD17635" s="2"/>
      <c r="AE17635" s="1"/>
    </row>
    <row r="17636" spans="1:31" ht="14.45">
      <c r="A17636" s="11"/>
      <c r="B17636" s="20"/>
      <c r="C17636" s="2" t="s">
        <v>53866</v>
      </c>
      <c r="D17636" s="14" t="s">
        <v>53867</v>
      </c>
      <c r="E17636" s="2" t="s">
        <v>53868</v>
      </c>
      <c r="F17636" s="2" t="s">
        <v>40971</v>
      </c>
      <c r="G17636" s="8">
        <v>285</v>
      </c>
      <c r="H17636" s="5">
        <v>6</v>
      </c>
      <c r="I17636" s="5" t="s">
        <v>1518</v>
      </c>
      <c r="J17636" s="5" t="s">
        <v>40939</v>
      </c>
      <c r="K17636" s="2" t="s">
        <v>40940</v>
      </c>
      <c r="L17636" s="5" t="s">
        <v>40939</v>
      </c>
      <c r="M17636" s="2" t="s">
        <v>40940</v>
      </c>
      <c r="N17636" s="5" t="s">
        <v>36266</v>
      </c>
      <c r="O17636" s="5" t="s">
        <v>38</v>
      </c>
      <c r="P17636" s="5" t="s">
        <v>39</v>
      </c>
      <c r="Q17636" s="5" t="s">
        <v>40</v>
      </c>
      <c r="R17636" s="5" t="s">
        <v>1522</v>
      </c>
      <c r="S17636" s="5" t="s">
        <v>1523</v>
      </c>
      <c r="T17636" s="5" t="s">
        <v>42</v>
      </c>
      <c r="U17636" s="2">
        <v>2.6110000000000002</v>
      </c>
      <c r="V17636" s="2">
        <v>2.06</v>
      </c>
      <c r="W17636" s="2">
        <v>1.2999999999999999E-2</v>
      </c>
      <c r="X17636" s="2">
        <v>99.1</v>
      </c>
      <c r="Y17636" s="2">
        <v>7.6</v>
      </c>
      <c r="Z17636" s="2">
        <v>16.7</v>
      </c>
      <c r="AA17636" s="5"/>
      <c r="AB17636" s="5" t="s">
        <v>43</v>
      </c>
      <c r="AC17636" s="5" t="s">
        <v>44</v>
      </c>
      <c r="AD17636" s="2"/>
      <c r="AE17636" s="1"/>
    </row>
    <row r="17637" spans="1:31" ht="14.45">
      <c r="A17637" s="11"/>
      <c r="B17637" s="20"/>
      <c r="C17637" s="2" t="s">
        <v>53869</v>
      </c>
      <c r="D17637" s="14" t="s">
        <v>53870</v>
      </c>
      <c r="E17637" s="2" t="s">
        <v>53871</v>
      </c>
      <c r="F17637" s="2" t="s">
        <v>40989</v>
      </c>
      <c r="G17637" s="8">
        <v>285</v>
      </c>
      <c r="H17637" s="5">
        <v>6</v>
      </c>
      <c r="I17637" s="5" t="s">
        <v>1518</v>
      </c>
      <c r="J17637" s="5" t="s">
        <v>40939</v>
      </c>
      <c r="K17637" s="2" t="s">
        <v>40940</v>
      </c>
      <c r="L17637" s="5" t="s">
        <v>40939</v>
      </c>
      <c r="M17637" s="2" t="s">
        <v>40940</v>
      </c>
      <c r="N17637" s="5" t="s">
        <v>36266</v>
      </c>
      <c r="O17637" s="5" t="s">
        <v>38</v>
      </c>
      <c r="P17637" s="5" t="s">
        <v>39</v>
      </c>
      <c r="Q17637" s="5" t="s">
        <v>40</v>
      </c>
      <c r="R17637" s="5" t="s">
        <v>1522</v>
      </c>
      <c r="S17637" s="5" t="s">
        <v>1523</v>
      </c>
      <c r="T17637" s="5" t="s">
        <v>42</v>
      </c>
      <c r="U17637" s="2">
        <v>2.5379999999999998</v>
      </c>
      <c r="V17637" s="2">
        <v>1.9870000000000001</v>
      </c>
      <c r="W17637" s="2">
        <v>1.2999999999999999E-2</v>
      </c>
      <c r="X17637" s="2">
        <v>99.1</v>
      </c>
      <c r="Y17637" s="2">
        <v>7.6</v>
      </c>
      <c r="Z17637" s="2">
        <v>16.7</v>
      </c>
      <c r="AA17637" s="5"/>
      <c r="AB17637" s="5" t="s">
        <v>43</v>
      </c>
      <c r="AC17637" s="5" t="s">
        <v>44</v>
      </c>
      <c r="AD17637" s="2"/>
      <c r="AE17637" s="1"/>
    </row>
    <row r="17638" spans="1:31" ht="14.45">
      <c r="A17638" s="11"/>
      <c r="B17638" s="20"/>
      <c r="C17638" s="2" t="s">
        <v>53872</v>
      </c>
      <c r="D17638" s="14" t="s">
        <v>53873</v>
      </c>
      <c r="E17638" s="2" t="s">
        <v>53874</v>
      </c>
      <c r="F17638" s="2" t="s">
        <v>40993</v>
      </c>
      <c r="G17638" s="8">
        <v>285</v>
      </c>
      <c r="H17638" s="5">
        <v>6</v>
      </c>
      <c r="I17638" s="5" t="s">
        <v>1518</v>
      </c>
      <c r="J17638" s="5" t="s">
        <v>40939</v>
      </c>
      <c r="K17638" s="2" t="s">
        <v>40940</v>
      </c>
      <c r="L17638" s="5" t="s">
        <v>40939</v>
      </c>
      <c r="M17638" s="2" t="s">
        <v>40940</v>
      </c>
      <c r="N17638" s="5" t="s">
        <v>36266</v>
      </c>
      <c r="O17638" s="5" t="s">
        <v>38</v>
      </c>
      <c r="P17638" s="5" t="s">
        <v>39</v>
      </c>
      <c r="Q17638" s="5" t="s">
        <v>40</v>
      </c>
      <c r="R17638" s="5" t="s">
        <v>1522</v>
      </c>
      <c r="S17638" s="5" t="s">
        <v>1523</v>
      </c>
      <c r="T17638" s="5" t="s">
        <v>42</v>
      </c>
      <c r="U17638" s="2">
        <v>2.6110000000000002</v>
      </c>
      <c r="V17638" s="2">
        <v>2.06</v>
      </c>
      <c r="W17638" s="2">
        <v>1.2999999999999999E-2</v>
      </c>
      <c r="X17638" s="2">
        <v>99.1</v>
      </c>
      <c r="Y17638" s="2">
        <v>7.6</v>
      </c>
      <c r="Z17638" s="2">
        <v>16.7</v>
      </c>
      <c r="AA17638" s="5"/>
      <c r="AB17638" s="5" t="s">
        <v>43</v>
      </c>
      <c r="AC17638" s="5" t="s">
        <v>44</v>
      </c>
      <c r="AD17638" s="2"/>
      <c r="AE17638" s="1"/>
    </row>
    <row r="17639" spans="1:31" ht="14.45">
      <c r="A17639" s="11"/>
      <c r="B17639" s="20"/>
      <c r="C17639" s="2" t="s">
        <v>53875</v>
      </c>
      <c r="D17639" s="14" t="s">
        <v>53876</v>
      </c>
      <c r="E17639" s="2" t="s">
        <v>53877</v>
      </c>
      <c r="F17639" s="2" t="s">
        <v>41001</v>
      </c>
      <c r="G17639" s="8">
        <v>285</v>
      </c>
      <c r="H17639" s="5">
        <v>6</v>
      </c>
      <c r="I17639" s="5" t="s">
        <v>1518</v>
      </c>
      <c r="J17639" s="5" t="s">
        <v>40939</v>
      </c>
      <c r="K17639" s="2" t="s">
        <v>40940</v>
      </c>
      <c r="L17639" s="5" t="s">
        <v>40939</v>
      </c>
      <c r="M17639" s="2" t="s">
        <v>40940</v>
      </c>
      <c r="N17639" s="5" t="s">
        <v>36266</v>
      </c>
      <c r="O17639" s="5" t="s">
        <v>38</v>
      </c>
      <c r="P17639" s="5" t="s">
        <v>39</v>
      </c>
      <c r="Q17639" s="5" t="s">
        <v>40</v>
      </c>
      <c r="R17639" s="5" t="s">
        <v>1522</v>
      </c>
      <c r="S17639" s="5" t="s">
        <v>1523</v>
      </c>
      <c r="T17639" s="5" t="s">
        <v>42</v>
      </c>
      <c r="U17639" s="2">
        <v>2.5379999999999998</v>
      </c>
      <c r="V17639" s="2">
        <v>1.9870000000000001</v>
      </c>
      <c r="W17639" s="2">
        <v>1.2999999999999999E-2</v>
      </c>
      <c r="X17639" s="2">
        <v>99.1</v>
      </c>
      <c r="Y17639" s="2">
        <v>7.6</v>
      </c>
      <c r="Z17639" s="2">
        <v>16.7</v>
      </c>
      <c r="AA17639" s="5"/>
      <c r="AB17639" s="5" t="s">
        <v>43</v>
      </c>
      <c r="AC17639" s="5" t="s">
        <v>44</v>
      </c>
      <c r="AD17639" s="2"/>
      <c r="AE17639" s="1"/>
    </row>
    <row r="17640" spans="1:31" ht="14.45">
      <c r="A17640" s="11"/>
      <c r="B17640" s="20"/>
      <c r="C17640" s="2" t="s">
        <v>53878</v>
      </c>
      <c r="D17640" s="14" t="s">
        <v>53879</v>
      </c>
      <c r="E17640" s="2" t="s">
        <v>53880</v>
      </c>
      <c r="F17640" s="2" t="s">
        <v>41009</v>
      </c>
      <c r="G17640" s="8">
        <v>285</v>
      </c>
      <c r="H17640" s="5">
        <v>6</v>
      </c>
      <c r="I17640" s="5" t="s">
        <v>1518</v>
      </c>
      <c r="J17640" s="5" t="s">
        <v>40939</v>
      </c>
      <c r="K17640" s="2" t="s">
        <v>40940</v>
      </c>
      <c r="L17640" s="5" t="s">
        <v>40939</v>
      </c>
      <c r="M17640" s="2" t="s">
        <v>40940</v>
      </c>
      <c r="N17640" s="5" t="s">
        <v>36266</v>
      </c>
      <c r="O17640" s="5" t="s">
        <v>38</v>
      </c>
      <c r="P17640" s="5" t="s">
        <v>39</v>
      </c>
      <c r="Q17640" s="5" t="s">
        <v>40</v>
      </c>
      <c r="R17640" s="5" t="s">
        <v>1522</v>
      </c>
      <c r="S17640" s="5" t="s">
        <v>1523</v>
      </c>
      <c r="T17640" s="5" t="s">
        <v>42</v>
      </c>
      <c r="U17640" s="2">
        <v>2.544</v>
      </c>
      <c r="V17640" s="2">
        <v>1.9930000000000001</v>
      </c>
      <c r="W17640" s="2">
        <v>1.2999999999999999E-2</v>
      </c>
      <c r="X17640" s="2">
        <v>99.1</v>
      </c>
      <c r="Y17640" s="2">
        <v>7.6</v>
      </c>
      <c r="Z17640" s="2">
        <v>16.7</v>
      </c>
      <c r="AA17640" s="5"/>
      <c r="AB17640" s="5" t="s">
        <v>43</v>
      </c>
      <c r="AC17640" s="5" t="s">
        <v>44</v>
      </c>
      <c r="AD17640" s="2"/>
      <c r="AE17640" s="1"/>
    </row>
    <row r="17641" spans="1:31" ht="14.45">
      <c r="A17641" s="11"/>
      <c r="B17641" s="20"/>
      <c r="C17641" s="2" t="s">
        <v>53881</v>
      </c>
      <c r="D17641" s="14" t="s">
        <v>53882</v>
      </c>
      <c r="E17641" s="2" t="s">
        <v>53883</v>
      </c>
      <c r="F17641" s="2" t="s">
        <v>7396</v>
      </c>
      <c r="G17641" s="8">
        <v>265</v>
      </c>
      <c r="H17641" s="5">
        <v>6</v>
      </c>
      <c r="I17641" s="5" t="s">
        <v>1518</v>
      </c>
      <c r="J17641" s="5" t="s">
        <v>40939</v>
      </c>
      <c r="K17641" s="2" t="s">
        <v>40940</v>
      </c>
      <c r="L17641" s="5" t="s">
        <v>40939</v>
      </c>
      <c r="M17641" s="2" t="s">
        <v>40940</v>
      </c>
      <c r="N17641" s="5" t="s">
        <v>36266</v>
      </c>
      <c r="O17641" s="5" t="s">
        <v>38</v>
      </c>
      <c r="P17641" s="5" t="s">
        <v>39</v>
      </c>
      <c r="Q17641" s="5" t="s">
        <v>40</v>
      </c>
      <c r="R17641" s="5" t="s">
        <v>1522</v>
      </c>
      <c r="S17641" s="5" t="s">
        <v>1523</v>
      </c>
      <c r="T17641" s="5" t="s">
        <v>42</v>
      </c>
      <c r="U17641" s="2">
        <v>2.544</v>
      </c>
      <c r="V17641" s="2">
        <v>1.9930000000000001</v>
      </c>
      <c r="W17641" s="2">
        <v>1.2999999999999999E-2</v>
      </c>
      <c r="X17641" s="2">
        <v>99.1</v>
      </c>
      <c r="Y17641" s="2">
        <v>7.6</v>
      </c>
      <c r="Z17641" s="2">
        <v>16.7</v>
      </c>
      <c r="AA17641" s="5"/>
      <c r="AB17641" s="5" t="s">
        <v>43</v>
      </c>
      <c r="AC17641" s="5" t="s">
        <v>44</v>
      </c>
      <c r="AD17641" s="2"/>
      <c r="AE17641" s="1"/>
    </row>
    <row r="17642" spans="1:31" ht="14.45">
      <c r="A17642" s="11"/>
      <c r="B17642" s="20"/>
      <c r="C17642" s="2" t="s">
        <v>53884</v>
      </c>
      <c r="D17642" s="14" t="s">
        <v>53885</v>
      </c>
      <c r="E17642" s="2" t="s">
        <v>53886</v>
      </c>
      <c r="F17642" s="2" t="s">
        <v>41035</v>
      </c>
      <c r="G17642" s="8">
        <v>285</v>
      </c>
      <c r="H17642" s="5">
        <v>6</v>
      </c>
      <c r="I17642" s="5" t="s">
        <v>1518</v>
      </c>
      <c r="J17642" s="5" t="s">
        <v>40939</v>
      </c>
      <c r="K17642" s="2" t="s">
        <v>40940</v>
      </c>
      <c r="L17642" s="5" t="s">
        <v>40939</v>
      </c>
      <c r="M17642" s="2" t="s">
        <v>40940</v>
      </c>
      <c r="N17642" s="5" t="s">
        <v>36266</v>
      </c>
      <c r="O17642" s="5" t="s">
        <v>38</v>
      </c>
      <c r="P17642" s="5" t="s">
        <v>39</v>
      </c>
      <c r="Q17642" s="5" t="s">
        <v>40</v>
      </c>
      <c r="R17642" s="5" t="s">
        <v>1522</v>
      </c>
      <c r="S17642" s="5" t="s">
        <v>1523</v>
      </c>
      <c r="T17642" s="5" t="s">
        <v>42</v>
      </c>
      <c r="U17642" s="2">
        <v>2.5880000000000001</v>
      </c>
      <c r="V17642" s="2">
        <v>2.0369999999999999</v>
      </c>
      <c r="W17642" s="2">
        <v>1.2999999999999999E-2</v>
      </c>
      <c r="X17642" s="2">
        <v>99.1</v>
      </c>
      <c r="Y17642" s="2">
        <v>7.6</v>
      </c>
      <c r="Z17642" s="2">
        <v>16.7</v>
      </c>
      <c r="AA17642" s="5"/>
      <c r="AB17642" s="5" t="s">
        <v>43</v>
      </c>
      <c r="AC17642" s="5" t="s">
        <v>44</v>
      </c>
      <c r="AD17642" s="2"/>
      <c r="AE17642" s="1"/>
    </row>
    <row r="17643" spans="1:31" ht="14.45">
      <c r="A17643" s="11"/>
      <c r="B17643" s="20"/>
      <c r="C17643" s="2" t="s">
        <v>53887</v>
      </c>
      <c r="D17643" s="14" t="s">
        <v>53888</v>
      </c>
      <c r="E17643" s="2" t="s">
        <v>53889</v>
      </c>
      <c r="F17643" s="2" t="s">
        <v>41045</v>
      </c>
      <c r="G17643" s="8">
        <v>285</v>
      </c>
      <c r="H17643" s="5">
        <v>6</v>
      </c>
      <c r="I17643" s="5" t="s">
        <v>1518</v>
      </c>
      <c r="J17643" s="5" t="s">
        <v>40939</v>
      </c>
      <c r="K17643" s="2" t="s">
        <v>40940</v>
      </c>
      <c r="L17643" s="5" t="s">
        <v>40939</v>
      </c>
      <c r="M17643" s="2" t="s">
        <v>40940</v>
      </c>
      <c r="N17643" s="5" t="s">
        <v>36266</v>
      </c>
      <c r="O17643" s="5" t="s">
        <v>38</v>
      </c>
      <c r="P17643" s="5" t="s">
        <v>39</v>
      </c>
      <c r="Q17643" s="5" t="s">
        <v>40</v>
      </c>
      <c r="R17643" s="5" t="s">
        <v>1522</v>
      </c>
      <c r="S17643" s="5" t="s">
        <v>1523</v>
      </c>
      <c r="T17643" s="5" t="s">
        <v>42</v>
      </c>
      <c r="U17643" s="2">
        <v>2.5489999999999999</v>
      </c>
      <c r="V17643" s="2">
        <v>1.998</v>
      </c>
      <c r="W17643" s="2">
        <v>1.2999999999999999E-2</v>
      </c>
      <c r="X17643" s="2">
        <v>99.1</v>
      </c>
      <c r="Y17643" s="2">
        <v>7.6</v>
      </c>
      <c r="Z17643" s="2">
        <v>16.7</v>
      </c>
      <c r="AA17643" s="5"/>
      <c r="AB17643" s="5" t="s">
        <v>43</v>
      </c>
      <c r="AC17643" s="5" t="s">
        <v>44</v>
      </c>
      <c r="AD17643" s="2"/>
      <c r="AE17643" s="1"/>
    </row>
    <row r="17644" spans="1:31" ht="14.45">
      <c r="A17644" s="11"/>
      <c r="B17644" s="20"/>
      <c r="C17644" s="2" t="s">
        <v>53890</v>
      </c>
      <c r="D17644" s="14" t="s">
        <v>53891</v>
      </c>
      <c r="E17644" s="2" t="s">
        <v>53892</v>
      </c>
      <c r="F17644" s="2" t="s">
        <v>41049</v>
      </c>
      <c r="G17644" s="8">
        <v>285</v>
      </c>
      <c r="H17644" s="5">
        <v>6</v>
      </c>
      <c r="I17644" s="5" t="s">
        <v>1518</v>
      </c>
      <c r="J17644" s="5" t="s">
        <v>40939</v>
      </c>
      <c r="K17644" s="2" t="s">
        <v>40940</v>
      </c>
      <c r="L17644" s="5" t="s">
        <v>40939</v>
      </c>
      <c r="M17644" s="2" t="s">
        <v>40940</v>
      </c>
      <c r="N17644" s="5" t="s">
        <v>36266</v>
      </c>
      <c r="O17644" s="5" t="s">
        <v>38</v>
      </c>
      <c r="P17644" s="5" t="s">
        <v>39</v>
      </c>
      <c r="Q17644" s="5" t="s">
        <v>40</v>
      </c>
      <c r="R17644" s="5" t="s">
        <v>1522</v>
      </c>
      <c r="S17644" s="5" t="s">
        <v>1523</v>
      </c>
      <c r="T17644" s="5" t="s">
        <v>42</v>
      </c>
      <c r="U17644" s="2">
        <v>2.6219999999999999</v>
      </c>
      <c r="V17644" s="2">
        <v>2.0710000000000002</v>
      </c>
      <c r="W17644" s="2">
        <v>1.2999999999999999E-2</v>
      </c>
      <c r="X17644" s="2">
        <v>99.1</v>
      </c>
      <c r="Y17644" s="2">
        <v>7.6</v>
      </c>
      <c r="Z17644" s="2">
        <v>16.7</v>
      </c>
      <c r="AA17644" s="5"/>
      <c r="AB17644" s="5" t="s">
        <v>43</v>
      </c>
      <c r="AC17644" s="5" t="s">
        <v>44</v>
      </c>
      <c r="AD17644" s="2"/>
      <c r="AE17644" s="1"/>
    </row>
    <row r="17645" spans="1:31" ht="14.45">
      <c r="A17645" s="11"/>
      <c r="B17645" s="20"/>
      <c r="C17645" s="2" t="s">
        <v>53893</v>
      </c>
      <c r="D17645" s="14" t="s">
        <v>53894</v>
      </c>
      <c r="E17645" s="2" t="s">
        <v>53895</v>
      </c>
      <c r="F17645" s="2" t="s">
        <v>7204</v>
      </c>
      <c r="G17645" s="8">
        <v>269</v>
      </c>
      <c r="H17645" s="5">
        <v>6</v>
      </c>
      <c r="I17645" s="5" t="s">
        <v>1518</v>
      </c>
      <c r="J17645" s="5" t="s">
        <v>40939</v>
      </c>
      <c r="K17645" s="2" t="s">
        <v>40940</v>
      </c>
      <c r="L17645" s="5" t="s">
        <v>40939</v>
      </c>
      <c r="M17645" s="2" t="s">
        <v>40940</v>
      </c>
      <c r="N17645" s="5" t="s">
        <v>36266</v>
      </c>
      <c r="O17645" s="5" t="s">
        <v>38</v>
      </c>
      <c r="P17645" s="5" t="s">
        <v>39</v>
      </c>
      <c r="Q17645" s="5" t="s">
        <v>40</v>
      </c>
      <c r="R17645" s="5" t="s">
        <v>1522</v>
      </c>
      <c r="S17645" s="5" t="s">
        <v>1523</v>
      </c>
      <c r="T17645" s="5" t="s">
        <v>42</v>
      </c>
      <c r="U17645" s="2">
        <v>2.6709999999999998</v>
      </c>
      <c r="V17645" s="2">
        <v>2.12</v>
      </c>
      <c r="W17645" s="2">
        <v>1.4999999999999999E-2</v>
      </c>
      <c r="X17645" s="2">
        <v>118.9</v>
      </c>
      <c r="Y17645" s="2">
        <v>7.6</v>
      </c>
      <c r="Z17645" s="2">
        <v>16.7</v>
      </c>
      <c r="AA17645" s="5"/>
      <c r="AB17645" s="5" t="s">
        <v>43</v>
      </c>
      <c r="AC17645" s="5" t="s">
        <v>44</v>
      </c>
      <c r="AD17645" s="2"/>
      <c r="AE17645" s="1"/>
    </row>
    <row r="17646" spans="1:31" ht="14.45">
      <c r="A17646" s="11"/>
      <c r="B17646" s="20"/>
      <c r="C17646" s="2" t="s">
        <v>53896</v>
      </c>
      <c r="D17646" s="14" t="s">
        <v>53897</v>
      </c>
      <c r="E17646" s="2" t="s">
        <v>53898</v>
      </c>
      <c r="F17646" s="2" t="s">
        <v>7514</v>
      </c>
      <c r="G17646" s="8">
        <v>269</v>
      </c>
      <c r="H17646" s="5">
        <v>6</v>
      </c>
      <c r="I17646" s="5" t="s">
        <v>1518</v>
      </c>
      <c r="J17646" s="5" t="s">
        <v>40939</v>
      </c>
      <c r="K17646" s="2" t="s">
        <v>40940</v>
      </c>
      <c r="L17646" s="5" t="s">
        <v>40939</v>
      </c>
      <c r="M17646" s="2" t="s">
        <v>40940</v>
      </c>
      <c r="N17646" s="5" t="s">
        <v>36266</v>
      </c>
      <c r="O17646" s="5" t="s">
        <v>38</v>
      </c>
      <c r="P17646" s="5" t="s">
        <v>39</v>
      </c>
      <c r="Q17646" s="5" t="s">
        <v>40</v>
      </c>
      <c r="R17646" s="5" t="s">
        <v>1522</v>
      </c>
      <c r="S17646" s="5" t="s">
        <v>1523</v>
      </c>
      <c r="T17646" s="5" t="s">
        <v>42</v>
      </c>
      <c r="U17646" s="2">
        <v>2.758</v>
      </c>
      <c r="V17646" s="2">
        <v>2.2069999999999999</v>
      </c>
      <c r="W17646" s="2">
        <v>1.4999999999999999E-2</v>
      </c>
      <c r="X17646" s="2">
        <v>118.9</v>
      </c>
      <c r="Y17646" s="2">
        <v>7.6</v>
      </c>
      <c r="Z17646" s="2">
        <v>16.7</v>
      </c>
      <c r="AA17646" s="5"/>
      <c r="AB17646" s="5" t="s">
        <v>43</v>
      </c>
      <c r="AC17646" s="5" t="s">
        <v>44</v>
      </c>
      <c r="AD17646" s="2"/>
      <c r="AE17646" s="1"/>
    </row>
    <row r="17647" spans="1:31" ht="14.45">
      <c r="A17647" s="11"/>
      <c r="B17647" s="20"/>
      <c r="C17647" s="2" t="s">
        <v>53899</v>
      </c>
      <c r="D17647" s="14" t="s">
        <v>53900</v>
      </c>
      <c r="E17647" s="2" t="s">
        <v>53901</v>
      </c>
      <c r="F17647" s="2" t="s">
        <v>7208</v>
      </c>
      <c r="G17647" s="8">
        <v>269</v>
      </c>
      <c r="H17647" s="5">
        <v>6</v>
      </c>
      <c r="I17647" s="5" t="s">
        <v>1518</v>
      </c>
      <c r="J17647" s="5" t="s">
        <v>40939</v>
      </c>
      <c r="K17647" s="2" t="s">
        <v>40940</v>
      </c>
      <c r="L17647" s="5" t="s">
        <v>40939</v>
      </c>
      <c r="M17647" s="2" t="s">
        <v>40940</v>
      </c>
      <c r="N17647" s="5" t="s">
        <v>36266</v>
      </c>
      <c r="O17647" s="5" t="s">
        <v>38</v>
      </c>
      <c r="P17647" s="5" t="s">
        <v>39</v>
      </c>
      <c r="Q17647" s="5" t="s">
        <v>40</v>
      </c>
      <c r="R17647" s="5" t="s">
        <v>1522</v>
      </c>
      <c r="S17647" s="5" t="s">
        <v>1523</v>
      </c>
      <c r="T17647" s="5" t="s">
        <v>42</v>
      </c>
      <c r="U17647" s="2">
        <v>2.6920000000000002</v>
      </c>
      <c r="V17647" s="2">
        <v>2.141</v>
      </c>
      <c r="W17647" s="2">
        <v>1.4999999999999999E-2</v>
      </c>
      <c r="X17647" s="2">
        <v>118.9</v>
      </c>
      <c r="Y17647" s="2">
        <v>7.6</v>
      </c>
      <c r="Z17647" s="2">
        <v>16.7</v>
      </c>
      <c r="AA17647" s="5"/>
      <c r="AB17647" s="5" t="s">
        <v>43</v>
      </c>
      <c r="AC17647" s="5" t="s">
        <v>44</v>
      </c>
      <c r="AD17647" s="2"/>
      <c r="AE17647" s="1"/>
    </row>
    <row r="17648" spans="1:31" ht="14.45">
      <c r="A17648" s="11"/>
      <c r="B17648" s="20"/>
      <c r="C17648" s="2" t="s">
        <v>53902</v>
      </c>
      <c r="D17648" s="14" t="s">
        <v>53903</v>
      </c>
      <c r="E17648" s="2" t="s">
        <v>53904</v>
      </c>
      <c r="F17648" s="2" t="s">
        <v>7204</v>
      </c>
      <c r="G17648" s="8">
        <v>252</v>
      </c>
      <c r="H17648" s="5">
        <v>6</v>
      </c>
      <c r="I17648" s="5" t="s">
        <v>1518</v>
      </c>
      <c r="J17648" s="5" t="s">
        <v>40939</v>
      </c>
      <c r="K17648" s="2" t="s">
        <v>40940</v>
      </c>
      <c r="L17648" s="5" t="s">
        <v>40939</v>
      </c>
      <c r="M17648" s="2" t="s">
        <v>40940</v>
      </c>
      <c r="N17648" s="5" t="s">
        <v>36266</v>
      </c>
      <c r="O17648" s="5" t="s">
        <v>38</v>
      </c>
      <c r="P17648" s="5" t="s">
        <v>39</v>
      </c>
      <c r="Q17648" s="5" t="s">
        <v>40</v>
      </c>
      <c r="R17648" s="5" t="s">
        <v>1522</v>
      </c>
      <c r="S17648" s="5" t="s">
        <v>1523</v>
      </c>
      <c r="T17648" s="5" t="s">
        <v>42</v>
      </c>
      <c r="U17648" s="2">
        <v>2.3220000000000001</v>
      </c>
      <c r="V17648" s="2">
        <v>1.8520000000000001</v>
      </c>
      <c r="W17648" s="2">
        <v>1.0999999999999999E-2</v>
      </c>
      <c r="X17648" s="2">
        <v>82.9</v>
      </c>
      <c r="Y17648" s="2">
        <v>7.6</v>
      </c>
      <c r="Z17648" s="2">
        <v>16.7</v>
      </c>
      <c r="AA17648" s="5"/>
      <c r="AB17648" s="5" t="s">
        <v>43</v>
      </c>
      <c r="AC17648" s="5" t="s">
        <v>44</v>
      </c>
      <c r="AD17648" s="2"/>
      <c r="AE17648" s="1"/>
    </row>
    <row r="17649" spans="1:31" ht="14.45">
      <c r="A17649" s="11"/>
      <c r="B17649" s="20"/>
      <c r="C17649" s="2" t="s">
        <v>53905</v>
      </c>
      <c r="D17649" s="14" t="s">
        <v>53906</v>
      </c>
      <c r="E17649" s="2" t="s">
        <v>53907</v>
      </c>
      <c r="F17649" s="2" t="s">
        <v>7514</v>
      </c>
      <c r="G17649" s="8">
        <v>252</v>
      </c>
      <c r="H17649" s="5">
        <v>6</v>
      </c>
      <c r="I17649" s="5" t="s">
        <v>1518</v>
      </c>
      <c r="J17649" s="5" t="s">
        <v>40939</v>
      </c>
      <c r="K17649" s="2" t="s">
        <v>40940</v>
      </c>
      <c r="L17649" s="5" t="s">
        <v>40939</v>
      </c>
      <c r="M17649" s="2" t="s">
        <v>40940</v>
      </c>
      <c r="N17649" s="5" t="s">
        <v>36266</v>
      </c>
      <c r="O17649" s="5" t="s">
        <v>38</v>
      </c>
      <c r="P17649" s="5" t="s">
        <v>39</v>
      </c>
      <c r="Q17649" s="5" t="s">
        <v>40</v>
      </c>
      <c r="R17649" s="5" t="s">
        <v>1522</v>
      </c>
      <c r="S17649" s="5" t="s">
        <v>1523</v>
      </c>
      <c r="T17649" s="5" t="s">
        <v>42</v>
      </c>
      <c r="U17649" s="2">
        <v>2.3879999999999999</v>
      </c>
      <c r="V17649" s="2">
        <v>1.9179999999999999</v>
      </c>
      <c r="W17649" s="2">
        <v>1.0999999999999999E-2</v>
      </c>
      <c r="X17649" s="2">
        <v>82.9</v>
      </c>
      <c r="Y17649" s="2">
        <v>7.6</v>
      </c>
      <c r="Z17649" s="2">
        <v>16.7</v>
      </c>
      <c r="AA17649" s="5"/>
      <c r="AB17649" s="5" t="s">
        <v>43</v>
      </c>
      <c r="AC17649" s="5" t="s">
        <v>44</v>
      </c>
      <c r="AD17649" s="2"/>
      <c r="AE17649" s="1"/>
    </row>
    <row r="17650" spans="1:31" ht="14.45">
      <c r="A17650" s="11"/>
      <c r="B17650" s="20"/>
      <c r="C17650" s="2" t="s">
        <v>53908</v>
      </c>
      <c r="D17650" s="14" t="s">
        <v>53909</v>
      </c>
      <c r="E17650" s="2" t="s">
        <v>53910</v>
      </c>
      <c r="F17650" s="2" t="s">
        <v>47195</v>
      </c>
      <c r="G17650" s="8">
        <v>270</v>
      </c>
      <c r="H17650" s="5">
        <v>6</v>
      </c>
      <c r="I17650" s="5" t="s">
        <v>1518</v>
      </c>
      <c r="J17650" s="5" t="s">
        <v>40939</v>
      </c>
      <c r="K17650" s="2" t="s">
        <v>40940</v>
      </c>
      <c r="L17650" s="5" t="s">
        <v>40939</v>
      </c>
      <c r="M17650" s="2" t="s">
        <v>40940</v>
      </c>
      <c r="N17650" s="5" t="s">
        <v>36266</v>
      </c>
      <c r="O17650" s="5" t="s">
        <v>38</v>
      </c>
      <c r="P17650" s="5" t="s">
        <v>39</v>
      </c>
      <c r="Q17650" s="5" t="s">
        <v>40</v>
      </c>
      <c r="R17650" s="5" t="s">
        <v>1522</v>
      </c>
      <c r="S17650" s="5" t="s">
        <v>1523</v>
      </c>
      <c r="T17650" s="5" t="s">
        <v>42</v>
      </c>
      <c r="U17650" s="2">
        <v>2.399</v>
      </c>
      <c r="V17650" s="2">
        <v>1.929</v>
      </c>
      <c r="W17650" s="2">
        <v>1.0999999999999999E-2</v>
      </c>
      <c r="X17650" s="2">
        <v>82.9</v>
      </c>
      <c r="Y17650" s="2">
        <v>7.6</v>
      </c>
      <c r="Z17650" s="2">
        <v>16.7</v>
      </c>
      <c r="AA17650" s="5"/>
      <c r="AB17650" s="5" t="s">
        <v>43</v>
      </c>
      <c r="AC17650" s="5" t="s">
        <v>44</v>
      </c>
      <c r="AD17650" s="2"/>
      <c r="AE17650" s="1"/>
    </row>
    <row r="17651" spans="1:31" ht="14.45">
      <c r="A17651" s="11"/>
      <c r="B17651" s="20"/>
      <c r="C17651" s="2" t="s">
        <v>53911</v>
      </c>
      <c r="D17651" s="14" t="s">
        <v>53912</v>
      </c>
      <c r="E17651" s="2" t="s">
        <v>53913</v>
      </c>
      <c r="F17651" s="2" t="s">
        <v>7208</v>
      </c>
      <c r="G17651" s="8">
        <v>252</v>
      </c>
      <c r="H17651" s="5">
        <v>6</v>
      </c>
      <c r="I17651" s="5" t="s">
        <v>1518</v>
      </c>
      <c r="J17651" s="5" t="s">
        <v>40939</v>
      </c>
      <c r="K17651" s="2" t="s">
        <v>40940</v>
      </c>
      <c r="L17651" s="5" t="s">
        <v>40939</v>
      </c>
      <c r="M17651" s="2" t="s">
        <v>40940</v>
      </c>
      <c r="N17651" s="5" t="s">
        <v>36266</v>
      </c>
      <c r="O17651" s="5" t="s">
        <v>38</v>
      </c>
      <c r="P17651" s="5" t="s">
        <v>39</v>
      </c>
      <c r="Q17651" s="5" t="s">
        <v>40</v>
      </c>
      <c r="R17651" s="5" t="s">
        <v>1522</v>
      </c>
      <c r="S17651" s="5" t="s">
        <v>1523</v>
      </c>
      <c r="T17651" s="5" t="s">
        <v>42</v>
      </c>
      <c r="U17651" s="2">
        <v>2.3380000000000001</v>
      </c>
      <c r="V17651" s="2">
        <v>1.8680000000000001</v>
      </c>
      <c r="W17651" s="2">
        <v>1.0999999999999999E-2</v>
      </c>
      <c r="X17651" s="2">
        <v>82.9</v>
      </c>
      <c r="Y17651" s="2">
        <v>7.6</v>
      </c>
      <c r="Z17651" s="2">
        <v>16.7</v>
      </c>
      <c r="AA17651" s="5"/>
      <c r="AB17651" s="5" t="s">
        <v>43</v>
      </c>
      <c r="AC17651" s="5" t="s">
        <v>44</v>
      </c>
      <c r="AD17651" s="2"/>
      <c r="AE17651" s="1"/>
    </row>
    <row r="17652" spans="1:31" ht="14.45">
      <c r="A17652" s="11"/>
      <c r="B17652" s="20"/>
      <c r="C17652" s="2" t="s">
        <v>53914</v>
      </c>
      <c r="D17652" s="14" t="s">
        <v>53915</v>
      </c>
      <c r="E17652" s="2" t="s">
        <v>53916</v>
      </c>
      <c r="F17652" s="2" t="s">
        <v>7521</v>
      </c>
      <c r="G17652" s="8">
        <v>252</v>
      </c>
      <c r="H17652" s="5">
        <v>6</v>
      </c>
      <c r="I17652" s="5" t="s">
        <v>1518</v>
      </c>
      <c r="J17652" s="5" t="s">
        <v>40939</v>
      </c>
      <c r="K17652" s="2" t="s">
        <v>40940</v>
      </c>
      <c r="L17652" s="5" t="s">
        <v>40939</v>
      </c>
      <c r="M17652" s="2" t="s">
        <v>40940</v>
      </c>
      <c r="N17652" s="5" t="s">
        <v>36266</v>
      </c>
      <c r="O17652" s="5" t="s">
        <v>38</v>
      </c>
      <c r="P17652" s="5" t="s">
        <v>39</v>
      </c>
      <c r="Q17652" s="5" t="s">
        <v>40</v>
      </c>
      <c r="R17652" s="5" t="s">
        <v>1522</v>
      </c>
      <c r="S17652" s="5" t="s">
        <v>1523</v>
      </c>
      <c r="T17652" s="5" t="s">
        <v>42</v>
      </c>
      <c r="U17652" s="2">
        <v>2.4039999999999999</v>
      </c>
      <c r="V17652" s="2">
        <v>1.9339999999999999</v>
      </c>
      <c r="W17652" s="2">
        <v>1.0999999999999999E-2</v>
      </c>
      <c r="X17652" s="2">
        <v>82.9</v>
      </c>
      <c r="Y17652" s="2">
        <v>7.6</v>
      </c>
      <c r="Z17652" s="2">
        <v>16.7</v>
      </c>
      <c r="AA17652" s="5"/>
      <c r="AB17652" s="5" t="s">
        <v>43</v>
      </c>
      <c r="AC17652" s="5" t="s">
        <v>44</v>
      </c>
      <c r="AD17652" s="2"/>
      <c r="AE17652" s="1"/>
    </row>
    <row r="17653" spans="1:31" ht="14.45">
      <c r="A17653" s="11"/>
      <c r="B17653" s="20"/>
      <c r="C17653" s="2" t="s">
        <v>53917</v>
      </c>
      <c r="D17653" s="14" t="s">
        <v>53918</v>
      </c>
      <c r="E17653" s="2" t="s">
        <v>53919</v>
      </c>
      <c r="F17653" s="2" t="s">
        <v>36273</v>
      </c>
      <c r="G17653" s="8">
        <v>252</v>
      </c>
      <c r="H17653" s="5">
        <v>6</v>
      </c>
      <c r="I17653" s="5" t="s">
        <v>1518</v>
      </c>
      <c r="J17653" s="5" t="s">
        <v>40939</v>
      </c>
      <c r="K17653" s="2" t="s">
        <v>40940</v>
      </c>
      <c r="L17653" s="5" t="s">
        <v>40939</v>
      </c>
      <c r="M17653" s="2" t="s">
        <v>40940</v>
      </c>
      <c r="N17653" s="5" t="s">
        <v>36266</v>
      </c>
      <c r="O17653" s="5" t="s">
        <v>38</v>
      </c>
      <c r="P17653" s="5" t="s">
        <v>39</v>
      </c>
      <c r="Q17653" s="5" t="s">
        <v>40</v>
      </c>
      <c r="R17653" s="5" t="s">
        <v>1522</v>
      </c>
      <c r="S17653" s="5" t="s">
        <v>1523</v>
      </c>
      <c r="T17653" s="5" t="s">
        <v>42</v>
      </c>
      <c r="U17653" s="2">
        <v>2.3479999999999999</v>
      </c>
      <c r="V17653" s="2">
        <v>1.8779999999999999</v>
      </c>
      <c r="W17653" s="2">
        <v>1.0999999999999999E-2</v>
      </c>
      <c r="X17653" s="2">
        <v>82.9</v>
      </c>
      <c r="Y17653" s="2">
        <v>7.6</v>
      </c>
      <c r="Z17653" s="2">
        <v>16.7</v>
      </c>
      <c r="AA17653" s="5"/>
      <c r="AB17653" s="5" t="s">
        <v>43</v>
      </c>
      <c r="AC17653" s="5" t="s">
        <v>44</v>
      </c>
      <c r="AD17653" s="2"/>
      <c r="AE17653" s="1"/>
    </row>
    <row r="17654" spans="1:31" ht="14.45">
      <c r="A17654" s="11"/>
      <c r="B17654" s="20"/>
      <c r="C17654" s="2" t="s">
        <v>53920</v>
      </c>
      <c r="D17654" s="14" t="s">
        <v>53921</v>
      </c>
      <c r="E17654" s="2" t="s">
        <v>53922</v>
      </c>
      <c r="F17654" s="2" t="s">
        <v>40971</v>
      </c>
      <c r="G17654" s="8">
        <v>270</v>
      </c>
      <c r="H17654" s="5">
        <v>6</v>
      </c>
      <c r="I17654" s="5" t="s">
        <v>1518</v>
      </c>
      <c r="J17654" s="5" t="s">
        <v>40939</v>
      </c>
      <c r="K17654" s="2" t="s">
        <v>40940</v>
      </c>
      <c r="L17654" s="5" t="s">
        <v>40939</v>
      </c>
      <c r="M17654" s="2" t="s">
        <v>40940</v>
      </c>
      <c r="N17654" s="5" t="s">
        <v>36266</v>
      </c>
      <c r="O17654" s="5" t="s">
        <v>38</v>
      </c>
      <c r="P17654" s="5" t="s">
        <v>39</v>
      </c>
      <c r="Q17654" s="5" t="s">
        <v>40</v>
      </c>
      <c r="R17654" s="5" t="s">
        <v>1522</v>
      </c>
      <c r="S17654" s="5" t="s">
        <v>1523</v>
      </c>
      <c r="T17654" s="5" t="s">
        <v>42</v>
      </c>
      <c r="U17654" s="2">
        <v>2.4039999999999999</v>
      </c>
      <c r="V17654" s="2">
        <v>1.9339999999999999</v>
      </c>
      <c r="W17654" s="2">
        <v>1.0999999999999999E-2</v>
      </c>
      <c r="X17654" s="2">
        <v>82.9</v>
      </c>
      <c r="Y17654" s="2">
        <v>7.6</v>
      </c>
      <c r="Z17654" s="2">
        <v>16.7</v>
      </c>
      <c r="AA17654" s="5"/>
      <c r="AB17654" s="5" t="s">
        <v>43</v>
      </c>
      <c r="AC17654" s="5" t="s">
        <v>44</v>
      </c>
      <c r="AD17654" s="2"/>
      <c r="AE17654" s="1"/>
    </row>
    <row r="17655" spans="1:31" ht="14.45">
      <c r="A17655" s="11"/>
      <c r="B17655" s="20"/>
      <c r="C17655" s="2" t="s">
        <v>53923</v>
      </c>
      <c r="D17655" s="14" t="s">
        <v>53924</v>
      </c>
      <c r="E17655" s="2" t="s">
        <v>53925</v>
      </c>
      <c r="F17655" s="2" t="s">
        <v>40993</v>
      </c>
      <c r="G17655" s="8">
        <v>270</v>
      </c>
      <c r="H17655" s="5">
        <v>6</v>
      </c>
      <c r="I17655" s="5" t="s">
        <v>1518</v>
      </c>
      <c r="J17655" s="5" t="s">
        <v>40939</v>
      </c>
      <c r="K17655" s="2" t="s">
        <v>40940</v>
      </c>
      <c r="L17655" s="5" t="s">
        <v>40939</v>
      </c>
      <c r="M17655" s="2" t="s">
        <v>40940</v>
      </c>
      <c r="N17655" s="5" t="s">
        <v>36266</v>
      </c>
      <c r="O17655" s="5" t="s">
        <v>38</v>
      </c>
      <c r="P17655" s="5" t="s">
        <v>39</v>
      </c>
      <c r="Q17655" s="5" t="s">
        <v>40</v>
      </c>
      <c r="R17655" s="5" t="s">
        <v>1522</v>
      </c>
      <c r="S17655" s="5" t="s">
        <v>1523</v>
      </c>
      <c r="T17655" s="5" t="s">
        <v>42</v>
      </c>
      <c r="U17655" s="2">
        <v>2.4039999999999999</v>
      </c>
      <c r="V17655" s="2">
        <v>1.9339999999999999</v>
      </c>
      <c r="W17655" s="2">
        <v>1.0999999999999999E-2</v>
      </c>
      <c r="X17655" s="2">
        <v>82.9</v>
      </c>
      <c r="Y17655" s="2">
        <v>7.6</v>
      </c>
      <c r="Z17655" s="2">
        <v>16.7</v>
      </c>
      <c r="AA17655" s="5"/>
      <c r="AB17655" s="5" t="s">
        <v>43</v>
      </c>
      <c r="AC17655" s="5" t="s">
        <v>44</v>
      </c>
      <c r="AD17655" s="2"/>
      <c r="AE17655" s="1"/>
    </row>
    <row r="17656" spans="1:31" ht="14.45">
      <c r="A17656" s="11"/>
      <c r="B17656" s="20"/>
      <c r="C17656" s="2" t="s">
        <v>53926</v>
      </c>
      <c r="D17656" s="14" t="s">
        <v>53927</v>
      </c>
      <c r="E17656" s="2" t="s">
        <v>53928</v>
      </c>
      <c r="F17656" s="2" t="s">
        <v>7507</v>
      </c>
      <c r="G17656" s="8">
        <v>252</v>
      </c>
      <c r="H17656" s="5">
        <v>6</v>
      </c>
      <c r="I17656" s="5" t="s">
        <v>1518</v>
      </c>
      <c r="J17656" s="5" t="s">
        <v>40939</v>
      </c>
      <c r="K17656" s="2" t="s">
        <v>40940</v>
      </c>
      <c r="L17656" s="5" t="s">
        <v>40939</v>
      </c>
      <c r="M17656" s="2" t="s">
        <v>40940</v>
      </c>
      <c r="N17656" s="5" t="s">
        <v>36266</v>
      </c>
      <c r="O17656" s="5" t="s">
        <v>38</v>
      </c>
      <c r="P17656" s="5" t="s">
        <v>39</v>
      </c>
      <c r="Q17656" s="5" t="s">
        <v>40</v>
      </c>
      <c r="R17656" s="5" t="s">
        <v>1522</v>
      </c>
      <c r="S17656" s="5" t="s">
        <v>1523</v>
      </c>
      <c r="T17656" s="5" t="s">
        <v>42</v>
      </c>
      <c r="U17656" s="2">
        <v>2.4089999999999998</v>
      </c>
      <c r="V17656" s="2">
        <v>1.9390000000000001</v>
      </c>
      <c r="W17656" s="2">
        <v>1.0999999999999999E-2</v>
      </c>
      <c r="X17656" s="2">
        <v>82.9</v>
      </c>
      <c r="Y17656" s="2">
        <v>7.6</v>
      </c>
      <c r="Z17656" s="2">
        <v>16.7</v>
      </c>
      <c r="AA17656" s="5"/>
      <c r="AB17656" s="5" t="s">
        <v>43</v>
      </c>
      <c r="AC17656" s="5" t="s">
        <v>44</v>
      </c>
      <c r="AD17656" s="2"/>
      <c r="AE17656" s="1"/>
    </row>
    <row r="17657" spans="1:31" ht="14.45">
      <c r="A17657" s="11"/>
      <c r="B17657" s="20"/>
      <c r="C17657" s="2" t="s">
        <v>53929</v>
      </c>
      <c r="D17657" s="14" t="s">
        <v>53930</v>
      </c>
      <c r="E17657" s="2" t="s">
        <v>53931</v>
      </c>
      <c r="F17657" s="2" t="s">
        <v>7204</v>
      </c>
      <c r="G17657" s="8">
        <v>265</v>
      </c>
      <c r="H17657" s="5">
        <v>6</v>
      </c>
      <c r="I17657" s="5" t="s">
        <v>1518</v>
      </c>
      <c r="J17657" s="5" t="s">
        <v>40939</v>
      </c>
      <c r="K17657" s="2" t="s">
        <v>40940</v>
      </c>
      <c r="L17657" s="5" t="s">
        <v>40939</v>
      </c>
      <c r="M17657" s="2" t="s">
        <v>40940</v>
      </c>
      <c r="N17657" s="5" t="s">
        <v>36266</v>
      </c>
      <c r="O17657" s="5" t="s">
        <v>38</v>
      </c>
      <c r="P17657" s="5" t="s">
        <v>39</v>
      </c>
      <c r="Q17657" s="5" t="s">
        <v>40</v>
      </c>
      <c r="R17657" s="5" t="s">
        <v>1522</v>
      </c>
      <c r="S17657" s="5" t="s">
        <v>1523</v>
      </c>
      <c r="T17657" s="5" t="s">
        <v>42</v>
      </c>
      <c r="U17657" s="2">
        <v>2.56</v>
      </c>
      <c r="V17657" s="2">
        <v>2.0030000000000001</v>
      </c>
      <c r="W17657" s="2">
        <v>1.4999999999999999E-2</v>
      </c>
      <c r="X17657" s="2">
        <v>118.9</v>
      </c>
      <c r="Y17657" s="2">
        <v>7.6</v>
      </c>
      <c r="Z17657" s="2">
        <v>16.7</v>
      </c>
      <c r="AA17657" s="5"/>
      <c r="AB17657" s="5" t="s">
        <v>43</v>
      </c>
      <c r="AC17657" s="5" t="s">
        <v>44</v>
      </c>
      <c r="AD17657" s="2"/>
      <c r="AE17657" s="1"/>
    </row>
    <row r="17658" spans="1:31" ht="14.45">
      <c r="A17658" s="11"/>
      <c r="B17658" s="20"/>
      <c r="C17658" s="2" t="s">
        <v>53932</v>
      </c>
      <c r="D17658" s="14" t="s">
        <v>53933</v>
      </c>
      <c r="E17658" s="2" t="s">
        <v>53934</v>
      </c>
      <c r="F17658" s="2" t="s">
        <v>7514</v>
      </c>
      <c r="G17658" s="8">
        <v>265</v>
      </c>
      <c r="H17658" s="5">
        <v>6</v>
      </c>
      <c r="I17658" s="5" t="s">
        <v>1518</v>
      </c>
      <c r="J17658" s="5" t="s">
        <v>40939</v>
      </c>
      <c r="K17658" s="2" t="s">
        <v>40940</v>
      </c>
      <c r="L17658" s="5" t="s">
        <v>40939</v>
      </c>
      <c r="M17658" s="2" t="s">
        <v>40940</v>
      </c>
      <c r="N17658" s="5" t="s">
        <v>36266</v>
      </c>
      <c r="O17658" s="5" t="s">
        <v>38</v>
      </c>
      <c r="P17658" s="5" t="s">
        <v>39</v>
      </c>
      <c r="Q17658" s="5" t="s">
        <v>40</v>
      </c>
      <c r="R17658" s="5" t="s">
        <v>1522</v>
      </c>
      <c r="S17658" s="5" t="s">
        <v>1523</v>
      </c>
      <c r="T17658" s="5" t="s">
        <v>42</v>
      </c>
      <c r="U17658" s="2">
        <v>2.637</v>
      </c>
      <c r="V17658" s="2">
        <v>2.08</v>
      </c>
      <c r="W17658" s="2">
        <v>1.4999999999999999E-2</v>
      </c>
      <c r="X17658" s="2">
        <v>118.9</v>
      </c>
      <c r="Y17658" s="2">
        <v>7.6</v>
      </c>
      <c r="Z17658" s="2">
        <v>16.7</v>
      </c>
      <c r="AA17658" s="5"/>
      <c r="AB17658" s="5" t="s">
        <v>43</v>
      </c>
      <c r="AC17658" s="5" t="s">
        <v>44</v>
      </c>
      <c r="AD17658" s="2"/>
      <c r="AE17658" s="1"/>
    </row>
    <row r="17659" spans="1:31" ht="14.45">
      <c r="A17659" s="11"/>
      <c r="B17659" s="20"/>
      <c r="C17659" s="2" t="s">
        <v>53935</v>
      </c>
      <c r="D17659" s="14" t="s">
        <v>53936</v>
      </c>
      <c r="E17659" s="2" t="s">
        <v>53937</v>
      </c>
      <c r="F17659" s="2" t="s">
        <v>47266</v>
      </c>
      <c r="G17659" s="8">
        <v>285</v>
      </c>
      <c r="H17659" s="5">
        <v>6</v>
      </c>
      <c r="I17659" s="5" t="s">
        <v>1518</v>
      </c>
      <c r="J17659" s="5" t="s">
        <v>40939</v>
      </c>
      <c r="K17659" s="2" t="s">
        <v>40940</v>
      </c>
      <c r="L17659" s="5" t="s">
        <v>40939</v>
      </c>
      <c r="M17659" s="2" t="s">
        <v>40940</v>
      </c>
      <c r="N17659" s="5" t="s">
        <v>36266</v>
      </c>
      <c r="O17659" s="5" t="s">
        <v>38</v>
      </c>
      <c r="P17659" s="5" t="s">
        <v>39</v>
      </c>
      <c r="Q17659" s="5" t="s">
        <v>40</v>
      </c>
      <c r="R17659" s="5" t="s">
        <v>1522</v>
      </c>
      <c r="S17659" s="5" t="s">
        <v>1523</v>
      </c>
      <c r="T17659" s="5" t="s">
        <v>42</v>
      </c>
      <c r="U17659" s="2">
        <v>2.5720000000000001</v>
      </c>
      <c r="V17659" s="2">
        <v>2.0150000000000001</v>
      </c>
      <c r="W17659" s="2">
        <v>1.4999999999999999E-2</v>
      </c>
      <c r="X17659" s="2">
        <v>118.9</v>
      </c>
      <c r="Y17659" s="2">
        <v>7.6</v>
      </c>
      <c r="Z17659" s="2">
        <v>16.7</v>
      </c>
      <c r="AA17659" s="5"/>
      <c r="AB17659" s="5" t="s">
        <v>43</v>
      </c>
      <c r="AC17659" s="5" t="s">
        <v>44</v>
      </c>
      <c r="AD17659" s="2"/>
      <c r="AE17659" s="1"/>
    </row>
    <row r="17660" spans="1:31" ht="14.45">
      <c r="A17660" s="11"/>
      <c r="B17660" s="20"/>
      <c r="C17660" s="2" t="s">
        <v>53938</v>
      </c>
      <c r="D17660" s="14" t="s">
        <v>53939</v>
      </c>
      <c r="E17660" s="2" t="s">
        <v>53940</v>
      </c>
      <c r="F17660" s="2" t="s">
        <v>47195</v>
      </c>
      <c r="G17660" s="8">
        <v>285</v>
      </c>
      <c r="H17660" s="5">
        <v>6</v>
      </c>
      <c r="I17660" s="5" t="s">
        <v>1518</v>
      </c>
      <c r="J17660" s="5" t="s">
        <v>40939</v>
      </c>
      <c r="K17660" s="2" t="s">
        <v>40940</v>
      </c>
      <c r="L17660" s="5" t="s">
        <v>40939</v>
      </c>
      <c r="M17660" s="2" t="s">
        <v>40940</v>
      </c>
      <c r="N17660" s="5" t="s">
        <v>36266</v>
      </c>
      <c r="O17660" s="5" t="s">
        <v>38</v>
      </c>
      <c r="P17660" s="5" t="s">
        <v>39</v>
      </c>
      <c r="Q17660" s="5" t="s">
        <v>40</v>
      </c>
      <c r="R17660" s="5" t="s">
        <v>1522</v>
      </c>
      <c r="S17660" s="5" t="s">
        <v>1523</v>
      </c>
      <c r="T17660" s="5" t="s">
        <v>42</v>
      </c>
      <c r="U17660" s="2">
        <v>2.649</v>
      </c>
      <c r="V17660" s="2">
        <v>2.0920000000000001</v>
      </c>
      <c r="W17660" s="2">
        <v>1.4999999999999999E-2</v>
      </c>
      <c r="X17660" s="2">
        <v>118.9</v>
      </c>
      <c r="Y17660" s="2">
        <v>7.6</v>
      </c>
      <c r="Z17660" s="2">
        <v>16.7</v>
      </c>
      <c r="AA17660" s="5"/>
      <c r="AB17660" s="5" t="s">
        <v>43</v>
      </c>
      <c r="AC17660" s="5" t="s">
        <v>44</v>
      </c>
      <c r="AD17660" s="2"/>
      <c r="AE17660" s="1"/>
    </row>
    <row r="17661" spans="1:31" ht="14.45">
      <c r="A17661" s="11"/>
      <c r="B17661" s="20"/>
      <c r="C17661" s="2" t="s">
        <v>53941</v>
      </c>
      <c r="D17661" s="14" t="s">
        <v>53942</v>
      </c>
      <c r="E17661" s="2" t="s">
        <v>53943</v>
      </c>
      <c r="F17661" s="2" t="s">
        <v>7208</v>
      </c>
      <c r="G17661" s="8">
        <v>265</v>
      </c>
      <c r="H17661" s="5">
        <v>6</v>
      </c>
      <c r="I17661" s="5" t="s">
        <v>1518</v>
      </c>
      <c r="J17661" s="5" t="s">
        <v>40939</v>
      </c>
      <c r="K17661" s="2" t="s">
        <v>40940</v>
      </c>
      <c r="L17661" s="5" t="s">
        <v>40939</v>
      </c>
      <c r="M17661" s="2" t="s">
        <v>40940</v>
      </c>
      <c r="N17661" s="5" t="s">
        <v>36266</v>
      </c>
      <c r="O17661" s="5" t="s">
        <v>38</v>
      </c>
      <c r="P17661" s="5" t="s">
        <v>39</v>
      </c>
      <c r="Q17661" s="5" t="s">
        <v>40</v>
      </c>
      <c r="R17661" s="5" t="s">
        <v>1522</v>
      </c>
      <c r="S17661" s="5" t="s">
        <v>1523</v>
      </c>
      <c r="T17661" s="5" t="s">
        <v>42</v>
      </c>
      <c r="U17661" s="2">
        <v>2.5779999999999998</v>
      </c>
      <c r="V17661" s="2">
        <v>2.0209999999999999</v>
      </c>
      <c r="W17661" s="2">
        <v>1.4999999999999999E-2</v>
      </c>
      <c r="X17661" s="2">
        <v>118.9</v>
      </c>
      <c r="Y17661" s="2">
        <v>7.6</v>
      </c>
      <c r="Z17661" s="2">
        <v>16.7</v>
      </c>
      <c r="AA17661" s="5"/>
      <c r="AB17661" s="5" t="s">
        <v>43</v>
      </c>
      <c r="AC17661" s="5" t="s">
        <v>44</v>
      </c>
      <c r="AD17661" s="2"/>
      <c r="AE17661" s="1"/>
    </row>
    <row r="17662" spans="1:31" ht="14.45">
      <c r="A17662" s="11"/>
      <c r="B17662" s="20"/>
      <c r="C17662" s="2" t="s">
        <v>53944</v>
      </c>
      <c r="D17662" s="14" t="s">
        <v>53945</v>
      </c>
      <c r="E17662" s="2" t="s">
        <v>53946</v>
      </c>
      <c r="F17662" s="2" t="s">
        <v>7521</v>
      </c>
      <c r="G17662" s="8">
        <v>265</v>
      </c>
      <c r="H17662" s="5">
        <v>6</v>
      </c>
      <c r="I17662" s="5" t="s">
        <v>1518</v>
      </c>
      <c r="J17662" s="5" t="s">
        <v>40939</v>
      </c>
      <c r="K17662" s="2" t="s">
        <v>40940</v>
      </c>
      <c r="L17662" s="5" t="s">
        <v>40939</v>
      </c>
      <c r="M17662" s="2" t="s">
        <v>40940</v>
      </c>
      <c r="N17662" s="5" t="s">
        <v>36266</v>
      </c>
      <c r="O17662" s="5" t="s">
        <v>38</v>
      </c>
      <c r="P17662" s="5" t="s">
        <v>39</v>
      </c>
      <c r="Q17662" s="5" t="s">
        <v>40</v>
      </c>
      <c r="R17662" s="5" t="s">
        <v>1522</v>
      </c>
      <c r="S17662" s="5" t="s">
        <v>1523</v>
      </c>
      <c r="T17662" s="5" t="s">
        <v>42</v>
      </c>
      <c r="U17662" s="2">
        <v>2.6549999999999998</v>
      </c>
      <c r="V17662" s="2">
        <v>2.0979999999999999</v>
      </c>
      <c r="W17662" s="2">
        <v>1.4999999999999999E-2</v>
      </c>
      <c r="X17662" s="2">
        <v>118.9</v>
      </c>
      <c r="Y17662" s="2">
        <v>7.6</v>
      </c>
      <c r="Z17662" s="2">
        <v>16.7</v>
      </c>
      <c r="AA17662" s="5"/>
      <c r="AB17662" s="5" t="s">
        <v>43</v>
      </c>
      <c r="AC17662" s="5" t="s">
        <v>44</v>
      </c>
      <c r="AD17662" s="2"/>
      <c r="AE17662" s="1"/>
    </row>
    <row r="17663" spans="1:31" ht="14.45">
      <c r="A17663" s="11"/>
      <c r="B17663" s="20"/>
      <c r="C17663" s="2" t="s">
        <v>53947</v>
      </c>
      <c r="D17663" s="14" t="s">
        <v>53948</v>
      </c>
      <c r="E17663" s="2" t="s">
        <v>53949</v>
      </c>
      <c r="F17663" s="2" t="s">
        <v>36277</v>
      </c>
      <c r="G17663" s="8">
        <v>265</v>
      </c>
      <c r="H17663" s="5">
        <v>6</v>
      </c>
      <c r="I17663" s="5" t="s">
        <v>1518</v>
      </c>
      <c r="J17663" s="5" t="s">
        <v>40939</v>
      </c>
      <c r="K17663" s="2" t="s">
        <v>40940</v>
      </c>
      <c r="L17663" s="5" t="s">
        <v>40939</v>
      </c>
      <c r="M17663" s="2" t="s">
        <v>40940</v>
      </c>
      <c r="N17663" s="5" t="s">
        <v>36266</v>
      </c>
      <c r="O17663" s="5" t="s">
        <v>38</v>
      </c>
      <c r="P17663" s="5" t="s">
        <v>39</v>
      </c>
      <c r="Q17663" s="5" t="s">
        <v>40</v>
      </c>
      <c r="R17663" s="5" t="s">
        <v>1522</v>
      </c>
      <c r="S17663" s="5" t="s">
        <v>1523</v>
      </c>
      <c r="T17663" s="5" t="s">
        <v>42</v>
      </c>
      <c r="U17663" s="2">
        <v>2.6669999999999998</v>
      </c>
      <c r="V17663" s="2">
        <v>2.11</v>
      </c>
      <c r="W17663" s="2">
        <v>1.4999999999999999E-2</v>
      </c>
      <c r="X17663" s="2">
        <v>118.9</v>
      </c>
      <c r="Y17663" s="2">
        <v>7.6</v>
      </c>
      <c r="Z17663" s="2">
        <v>16.7</v>
      </c>
      <c r="AA17663" s="5"/>
      <c r="AB17663" s="5" t="s">
        <v>43</v>
      </c>
      <c r="AC17663" s="5" t="s">
        <v>44</v>
      </c>
      <c r="AD17663" s="2"/>
      <c r="AE17663" s="1"/>
    </row>
    <row r="17664" spans="1:31" ht="14.45">
      <c r="A17664" s="11"/>
      <c r="B17664" s="20"/>
      <c r="C17664" s="2" t="s">
        <v>53950</v>
      </c>
      <c r="D17664" s="14" t="s">
        <v>53951</v>
      </c>
      <c r="E17664" s="2" t="s">
        <v>53952</v>
      </c>
      <c r="F17664" s="2" t="s">
        <v>40967</v>
      </c>
      <c r="G17664" s="8">
        <v>285</v>
      </c>
      <c r="H17664" s="5">
        <v>6</v>
      </c>
      <c r="I17664" s="5" t="s">
        <v>1518</v>
      </c>
      <c r="J17664" s="5" t="s">
        <v>40939</v>
      </c>
      <c r="K17664" s="2" t="s">
        <v>40940</v>
      </c>
      <c r="L17664" s="5" t="s">
        <v>40939</v>
      </c>
      <c r="M17664" s="2" t="s">
        <v>40940</v>
      </c>
      <c r="N17664" s="5" t="s">
        <v>36266</v>
      </c>
      <c r="O17664" s="5" t="s">
        <v>38</v>
      </c>
      <c r="P17664" s="5" t="s">
        <v>39</v>
      </c>
      <c r="Q17664" s="5" t="s">
        <v>40</v>
      </c>
      <c r="R17664" s="5" t="s">
        <v>1522</v>
      </c>
      <c r="S17664" s="5" t="s">
        <v>1523</v>
      </c>
      <c r="T17664" s="5" t="s">
        <v>42</v>
      </c>
      <c r="U17664" s="2">
        <v>2.5779999999999998</v>
      </c>
      <c r="V17664" s="2">
        <v>2.0209999999999999</v>
      </c>
      <c r="W17664" s="2">
        <v>1.4999999999999999E-2</v>
      </c>
      <c r="X17664" s="2">
        <v>118.9</v>
      </c>
      <c r="Y17664" s="2">
        <v>7.6</v>
      </c>
      <c r="Z17664" s="2">
        <v>16.7</v>
      </c>
      <c r="AA17664" s="5"/>
      <c r="AB17664" s="5" t="s">
        <v>43</v>
      </c>
      <c r="AC17664" s="5" t="s">
        <v>44</v>
      </c>
      <c r="AD17664" s="2"/>
      <c r="AE17664" s="1"/>
    </row>
    <row r="17665" spans="1:31" ht="14.45">
      <c r="A17665" s="11"/>
      <c r="B17665" s="20"/>
      <c r="C17665" s="2" t="s">
        <v>53953</v>
      </c>
      <c r="D17665" s="14" t="s">
        <v>53954</v>
      </c>
      <c r="E17665" s="2" t="s">
        <v>53955</v>
      </c>
      <c r="F17665" s="2" t="s">
        <v>40971</v>
      </c>
      <c r="G17665" s="8">
        <v>285</v>
      </c>
      <c r="H17665" s="5">
        <v>6</v>
      </c>
      <c r="I17665" s="5" t="s">
        <v>1518</v>
      </c>
      <c r="J17665" s="5" t="s">
        <v>40939</v>
      </c>
      <c r="K17665" s="2" t="s">
        <v>40940</v>
      </c>
      <c r="L17665" s="5" t="s">
        <v>40939</v>
      </c>
      <c r="M17665" s="2" t="s">
        <v>40940</v>
      </c>
      <c r="N17665" s="5" t="s">
        <v>36266</v>
      </c>
      <c r="O17665" s="5" t="s">
        <v>38</v>
      </c>
      <c r="P17665" s="5" t="s">
        <v>39</v>
      </c>
      <c r="Q17665" s="5" t="s">
        <v>40</v>
      </c>
      <c r="R17665" s="5" t="s">
        <v>1522</v>
      </c>
      <c r="S17665" s="5" t="s">
        <v>1523</v>
      </c>
      <c r="T17665" s="5" t="s">
        <v>42</v>
      </c>
      <c r="U17665" s="2">
        <v>2.6549999999999998</v>
      </c>
      <c r="V17665" s="2">
        <v>2.0979999999999999</v>
      </c>
      <c r="W17665" s="2">
        <v>1.4999999999999999E-2</v>
      </c>
      <c r="X17665" s="2">
        <v>118.9</v>
      </c>
      <c r="Y17665" s="2">
        <v>7.6</v>
      </c>
      <c r="Z17665" s="2">
        <v>16.7</v>
      </c>
      <c r="AA17665" s="5"/>
      <c r="AB17665" s="5" t="s">
        <v>43</v>
      </c>
      <c r="AC17665" s="5" t="s">
        <v>44</v>
      </c>
      <c r="AD17665" s="2"/>
      <c r="AE17665" s="1"/>
    </row>
    <row r="17666" spans="1:31" ht="14.45">
      <c r="A17666" s="11"/>
      <c r="B17666" s="20"/>
      <c r="C17666" s="2" t="s">
        <v>53956</v>
      </c>
      <c r="D17666" s="14" t="s">
        <v>53957</v>
      </c>
      <c r="E17666" s="2" t="s">
        <v>53958</v>
      </c>
      <c r="F17666" s="2" t="s">
        <v>47735</v>
      </c>
      <c r="G17666" s="8">
        <v>285</v>
      </c>
      <c r="H17666" s="5">
        <v>6</v>
      </c>
      <c r="I17666" s="5" t="s">
        <v>1518</v>
      </c>
      <c r="J17666" s="5" t="s">
        <v>40939</v>
      </c>
      <c r="K17666" s="2" t="s">
        <v>40940</v>
      </c>
      <c r="L17666" s="5" t="s">
        <v>40939</v>
      </c>
      <c r="M17666" s="2" t="s">
        <v>40940</v>
      </c>
      <c r="N17666" s="5" t="s">
        <v>36266</v>
      </c>
      <c r="O17666" s="5" t="s">
        <v>38</v>
      </c>
      <c r="P17666" s="5" t="s">
        <v>39</v>
      </c>
      <c r="Q17666" s="5" t="s">
        <v>40</v>
      </c>
      <c r="R17666" s="5" t="s">
        <v>1522</v>
      </c>
      <c r="S17666" s="5" t="s">
        <v>1523</v>
      </c>
      <c r="T17666" s="5" t="s">
        <v>42</v>
      </c>
      <c r="U17666" s="2">
        <v>2.6549999999999998</v>
      </c>
      <c r="V17666" s="2">
        <v>2.0979999999999999</v>
      </c>
      <c r="W17666" s="2">
        <v>1.4999999999999999E-2</v>
      </c>
      <c r="X17666" s="2">
        <v>118.9</v>
      </c>
      <c r="Y17666" s="2">
        <v>7.6</v>
      </c>
      <c r="Z17666" s="2">
        <v>16.7</v>
      </c>
      <c r="AA17666" s="5"/>
      <c r="AB17666" s="5" t="s">
        <v>43</v>
      </c>
      <c r="AC17666" s="5" t="s">
        <v>44</v>
      </c>
      <c r="AD17666" s="2"/>
      <c r="AE17666" s="1"/>
    </row>
    <row r="17667" spans="1:31" ht="14.45">
      <c r="A17667" s="11"/>
      <c r="B17667" s="20"/>
      <c r="C17667" s="2" t="s">
        <v>53959</v>
      </c>
      <c r="D17667" s="14" t="s">
        <v>53960</v>
      </c>
      <c r="E17667" s="2" t="s">
        <v>53961</v>
      </c>
      <c r="F17667" s="2" t="s">
        <v>7539</v>
      </c>
      <c r="G17667" s="8">
        <v>285</v>
      </c>
      <c r="H17667" s="5">
        <v>6</v>
      </c>
      <c r="I17667" s="5" t="s">
        <v>1518</v>
      </c>
      <c r="J17667" s="5" t="s">
        <v>40939</v>
      </c>
      <c r="K17667" s="2" t="s">
        <v>40940</v>
      </c>
      <c r="L17667" s="5" t="s">
        <v>40939</v>
      </c>
      <c r="M17667" s="2" t="s">
        <v>40940</v>
      </c>
      <c r="N17667" s="5" t="s">
        <v>36266</v>
      </c>
      <c r="O17667" s="5" t="s">
        <v>38</v>
      </c>
      <c r="P17667" s="5" t="s">
        <v>39</v>
      </c>
      <c r="Q17667" s="5" t="s">
        <v>40</v>
      </c>
      <c r="R17667" s="5" t="s">
        <v>1522</v>
      </c>
      <c r="S17667" s="5" t="s">
        <v>1523</v>
      </c>
      <c r="T17667" s="5" t="s">
        <v>42</v>
      </c>
      <c r="U17667" s="2">
        <v>2.548</v>
      </c>
      <c r="V17667" s="2">
        <v>1.9910000000000001</v>
      </c>
      <c r="W17667" s="2">
        <v>1.4999999999999999E-2</v>
      </c>
      <c r="X17667" s="2">
        <v>118.9</v>
      </c>
      <c r="Y17667" s="2">
        <v>7.6</v>
      </c>
      <c r="Z17667" s="2">
        <v>16.7</v>
      </c>
      <c r="AA17667" s="5"/>
      <c r="AB17667" s="5" t="s">
        <v>43</v>
      </c>
      <c r="AC17667" s="5" t="s">
        <v>44</v>
      </c>
      <c r="AD17667" s="2"/>
      <c r="AE17667" s="1"/>
    </row>
    <row r="17668" spans="1:31" ht="14.45">
      <c r="A17668" s="11"/>
      <c r="B17668" s="20"/>
      <c r="C17668" s="2" t="s">
        <v>53962</v>
      </c>
      <c r="D17668" s="14" t="s">
        <v>53963</v>
      </c>
      <c r="E17668" s="2" t="s">
        <v>53964</v>
      </c>
      <c r="F17668" s="2" t="s">
        <v>7543</v>
      </c>
      <c r="G17668" s="8">
        <v>285</v>
      </c>
      <c r="H17668" s="5">
        <v>6</v>
      </c>
      <c r="I17668" s="5" t="s">
        <v>1518</v>
      </c>
      <c r="J17668" s="5" t="s">
        <v>40939</v>
      </c>
      <c r="K17668" s="2" t="s">
        <v>40940</v>
      </c>
      <c r="L17668" s="5" t="s">
        <v>40939</v>
      </c>
      <c r="M17668" s="2" t="s">
        <v>40940</v>
      </c>
      <c r="N17668" s="5" t="s">
        <v>36266</v>
      </c>
      <c r="O17668" s="5" t="s">
        <v>38</v>
      </c>
      <c r="P17668" s="5" t="s">
        <v>39</v>
      </c>
      <c r="Q17668" s="5" t="s">
        <v>40</v>
      </c>
      <c r="R17668" s="5" t="s">
        <v>1522</v>
      </c>
      <c r="S17668" s="5" t="s">
        <v>1523</v>
      </c>
      <c r="T17668" s="5" t="s">
        <v>42</v>
      </c>
      <c r="U17668" s="2">
        <v>2.625</v>
      </c>
      <c r="V17668" s="2">
        <v>2.0680000000000001</v>
      </c>
      <c r="W17668" s="2">
        <v>1.4999999999999999E-2</v>
      </c>
      <c r="X17668" s="2">
        <v>118.9</v>
      </c>
      <c r="Y17668" s="2">
        <v>7.6</v>
      </c>
      <c r="Z17668" s="2">
        <v>16.7</v>
      </c>
      <c r="AA17668" s="5"/>
      <c r="AB17668" s="5" t="s">
        <v>43</v>
      </c>
      <c r="AC17668" s="5" t="s">
        <v>44</v>
      </c>
      <c r="AD17668" s="2"/>
      <c r="AE17668" s="1"/>
    </row>
    <row r="17669" spans="1:31" ht="14.45">
      <c r="A17669" s="11"/>
      <c r="B17669" s="20"/>
      <c r="C17669" s="2" t="s">
        <v>53965</v>
      </c>
      <c r="D17669" s="14" t="s">
        <v>53966</v>
      </c>
      <c r="E17669" s="2" t="s">
        <v>53967</v>
      </c>
      <c r="F17669" s="2" t="s">
        <v>40989</v>
      </c>
      <c r="G17669" s="8">
        <v>285</v>
      </c>
      <c r="H17669" s="5">
        <v>6</v>
      </c>
      <c r="I17669" s="5" t="s">
        <v>1518</v>
      </c>
      <c r="J17669" s="5" t="s">
        <v>40939</v>
      </c>
      <c r="K17669" s="2" t="s">
        <v>40940</v>
      </c>
      <c r="L17669" s="5" t="s">
        <v>40939</v>
      </c>
      <c r="M17669" s="2" t="s">
        <v>40940</v>
      </c>
      <c r="N17669" s="5" t="s">
        <v>36266</v>
      </c>
      <c r="O17669" s="5" t="s">
        <v>38</v>
      </c>
      <c r="P17669" s="5" t="s">
        <v>39</v>
      </c>
      <c r="Q17669" s="5" t="s">
        <v>40</v>
      </c>
      <c r="R17669" s="5" t="s">
        <v>1522</v>
      </c>
      <c r="S17669" s="5" t="s">
        <v>1523</v>
      </c>
      <c r="T17669" s="5" t="s">
        <v>42</v>
      </c>
      <c r="U17669" s="2">
        <v>2.5779999999999998</v>
      </c>
      <c r="V17669" s="2">
        <v>2.0209999999999999</v>
      </c>
      <c r="W17669" s="2">
        <v>1.4999999999999999E-2</v>
      </c>
      <c r="X17669" s="2">
        <v>118.9</v>
      </c>
      <c r="Y17669" s="2">
        <v>7.6</v>
      </c>
      <c r="Z17669" s="2">
        <v>16.7</v>
      </c>
      <c r="AA17669" s="5"/>
      <c r="AB17669" s="5" t="s">
        <v>43</v>
      </c>
      <c r="AC17669" s="5" t="s">
        <v>44</v>
      </c>
      <c r="AD17669" s="2"/>
      <c r="AE17669" s="1"/>
    </row>
    <row r="17670" spans="1:31" ht="14.45">
      <c r="A17670" s="11"/>
      <c r="B17670" s="20"/>
      <c r="C17670" s="2" t="s">
        <v>53968</v>
      </c>
      <c r="D17670" s="14" t="s">
        <v>53969</v>
      </c>
      <c r="E17670" s="2" t="s">
        <v>53970</v>
      </c>
      <c r="F17670" s="2" t="s">
        <v>40993</v>
      </c>
      <c r="G17670" s="8">
        <v>285</v>
      </c>
      <c r="H17670" s="5">
        <v>6</v>
      </c>
      <c r="I17670" s="5" t="s">
        <v>1518</v>
      </c>
      <c r="J17670" s="5" t="s">
        <v>40939</v>
      </c>
      <c r="K17670" s="2" t="s">
        <v>40940</v>
      </c>
      <c r="L17670" s="5" t="s">
        <v>40939</v>
      </c>
      <c r="M17670" s="2" t="s">
        <v>40940</v>
      </c>
      <c r="N17670" s="5" t="s">
        <v>36266</v>
      </c>
      <c r="O17670" s="5" t="s">
        <v>38</v>
      </c>
      <c r="P17670" s="5" t="s">
        <v>39</v>
      </c>
      <c r="Q17670" s="5" t="s">
        <v>40</v>
      </c>
      <c r="R17670" s="5" t="s">
        <v>1522</v>
      </c>
      <c r="S17670" s="5" t="s">
        <v>1523</v>
      </c>
      <c r="T17670" s="5" t="s">
        <v>42</v>
      </c>
      <c r="U17670" s="2">
        <v>2.6549999999999998</v>
      </c>
      <c r="V17670" s="2">
        <v>2.0979999999999999</v>
      </c>
      <c r="W17670" s="2">
        <v>1.4999999999999999E-2</v>
      </c>
      <c r="X17670" s="2">
        <v>118.9</v>
      </c>
      <c r="Y17670" s="2">
        <v>7.6</v>
      </c>
      <c r="Z17670" s="2">
        <v>16.7</v>
      </c>
      <c r="AA17670" s="5"/>
      <c r="AB17670" s="5" t="s">
        <v>43</v>
      </c>
      <c r="AC17670" s="5" t="s">
        <v>44</v>
      </c>
      <c r="AD17670" s="2"/>
      <c r="AE17670" s="1"/>
    </row>
    <row r="17671" spans="1:31" ht="14.45">
      <c r="A17671" s="11"/>
      <c r="B17671" s="20"/>
      <c r="C17671" s="2" t="s">
        <v>53971</v>
      </c>
      <c r="D17671" s="14" t="s">
        <v>53972</v>
      </c>
      <c r="E17671" s="2" t="s">
        <v>53973</v>
      </c>
      <c r="F17671" s="2" t="s">
        <v>40997</v>
      </c>
      <c r="G17671" s="8">
        <v>285</v>
      </c>
      <c r="H17671" s="5">
        <v>6</v>
      </c>
      <c r="I17671" s="5" t="s">
        <v>1518</v>
      </c>
      <c r="J17671" s="5" t="s">
        <v>40939</v>
      </c>
      <c r="K17671" s="2" t="s">
        <v>40940</v>
      </c>
      <c r="L17671" s="5" t="s">
        <v>40939</v>
      </c>
      <c r="M17671" s="2" t="s">
        <v>40940</v>
      </c>
      <c r="N17671" s="5" t="s">
        <v>36266</v>
      </c>
      <c r="O17671" s="5" t="s">
        <v>38</v>
      </c>
      <c r="P17671" s="5" t="s">
        <v>39</v>
      </c>
      <c r="Q17671" s="5" t="s">
        <v>40</v>
      </c>
      <c r="R17671" s="5" t="s">
        <v>1522</v>
      </c>
      <c r="S17671" s="5" t="s">
        <v>1523</v>
      </c>
      <c r="T17671" s="5" t="s">
        <v>42</v>
      </c>
      <c r="U17671" s="2">
        <v>2.5539999999999998</v>
      </c>
      <c r="V17671" s="2">
        <v>1.9970000000000001</v>
      </c>
      <c r="W17671" s="2">
        <v>1.4999999999999999E-2</v>
      </c>
      <c r="X17671" s="2">
        <v>118.9</v>
      </c>
      <c r="Y17671" s="2">
        <v>7.6</v>
      </c>
      <c r="Z17671" s="2">
        <v>16.7</v>
      </c>
      <c r="AA17671" s="5"/>
      <c r="AB17671" s="5" t="s">
        <v>43</v>
      </c>
      <c r="AC17671" s="5" t="s">
        <v>44</v>
      </c>
      <c r="AD17671" s="2"/>
      <c r="AE17671" s="1"/>
    </row>
    <row r="17672" spans="1:31" ht="14.45">
      <c r="A17672" s="11"/>
      <c r="B17672" s="20"/>
      <c r="C17672" s="2" t="s">
        <v>53974</v>
      </c>
      <c r="D17672" s="14" t="s">
        <v>53975</v>
      </c>
      <c r="E17672" s="2" t="s">
        <v>53976</v>
      </c>
      <c r="F17672" s="2" t="s">
        <v>41267</v>
      </c>
      <c r="G17672" s="8">
        <v>285</v>
      </c>
      <c r="H17672" s="5">
        <v>6</v>
      </c>
      <c r="I17672" s="5" t="s">
        <v>1518</v>
      </c>
      <c r="J17672" s="5" t="s">
        <v>40939</v>
      </c>
      <c r="K17672" s="2" t="s">
        <v>40940</v>
      </c>
      <c r="L17672" s="5" t="s">
        <v>40939</v>
      </c>
      <c r="M17672" s="2" t="s">
        <v>40940</v>
      </c>
      <c r="N17672" s="5" t="s">
        <v>36266</v>
      </c>
      <c r="O17672" s="5" t="s">
        <v>38</v>
      </c>
      <c r="P17672" s="5" t="s">
        <v>39</v>
      </c>
      <c r="Q17672" s="5" t="s">
        <v>40</v>
      </c>
      <c r="R17672" s="5" t="s">
        <v>1522</v>
      </c>
      <c r="S17672" s="5" t="s">
        <v>1523</v>
      </c>
      <c r="T17672" s="5" t="s">
        <v>42</v>
      </c>
      <c r="U17672" s="2">
        <v>2.6309999999999998</v>
      </c>
      <c r="V17672" s="2">
        <v>2.0739999999999998</v>
      </c>
      <c r="W17672" s="2">
        <v>1.4999999999999999E-2</v>
      </c>
      <c r="X17672" s="2">
        <v>118.9</v>
      </c>
      <c r="Y17672" s="2">
        <v>7.6</v>
      </c>
      <c r="Z17672" s="2">
        <v>16.7</v>
      </c>
      <c r="AA17672" s="5"/>
      <c r="AB17672" s="5" t="s">
        <v>43</v>
      </c>
      <c r="AC17672" s="5" t="s">
        <v>44</v>
      </c>
      <c r="AD17672" s="2"/>
      <c r="AE17672" s="1"/>
    </row>
    <row r="17673" spans="1:31" ht="14.45">
      <c r="A17673" s="11"/>
      <c r="B17673" s="20"/>
      <c r="C17673" s="2" t="s">
        <v>53977</v>
      </c>
      <c r="D17673" s="14" t="s">
        <v>53978</v>
      </c>
      <c r="E17673" s="2" t="s">
        <v>53979</v>
      </c>
      <c r="F17673" s="2" t="s">
        <v>41005</v>
      </c>
      <c r="G17673" s="8">
        <v>285</v>
      </c>
      <c r="H17673" s="5">
        <v>6</v>
      </c>
      <c r="I17673" s="5" t="s">
        <v>1518</v>
      </c>
      <c r="J17673" s="5" t="s">
        <v>40939</v>
      </c>
      <c r="K17673" s="2" t="s">
        <v>40940</v>
      </c>
      <c r="L17673" s="5" t="s">
        <v>40939</v>
      </c>
      <c r="M17673" s="2" t="s">
        <v>40940</v>
      </c>
      <c r="N17673" s="5" t="s">
        <v>36266</v>
      </c>
      <c r="O17673" s="5" t="s">
        <v>38</v>
      </c>
      <c r="P17673" s="5" t="s">
        <v>39</v>
      </c>
      <c r="Q17673" s="5" t="s">
        <v>40</v>
      </c>
      <c r="R17673" s="5" t="s">
        <v>1522</v>
      </c>
      <c r="S17673" s="5" t="s">
        <v>1523</v>
      </c>
      <c r="T17673" s="5" t="s">
        <v>42</v>
      </c>
      <c r="U17673" s="2">
        <v>2.6549999999999998</v>
      </c>
      <c r="V17673" s="2">
        <v>2.0979999999999999</v>
      </c>
      <c r="W17673" s="2">
        <v>1.4999999999999999E-2</v>
      </c>
      <c r="X17673" s="2">
        <v>118.9</v>
      </c>
      <c r="Y17673" s="2">
        <v>7.6</v>
      </c>
      <c r="Z17673" s="2">
        <v>16.7</v>
      </c>
      <c r="AA17673" s="5"/>
      <c r="AB17673" s="5" t="s">
        <v>43</v>
      </c>
      <c r="AC17673" s="5" t="s">
        <v>44</v>
      </c>
      <c r="AD17673" s="2"/>
      <c r="AE17673" s="1"/>
    </row>
    <row r="17674" spans="1:31" ht="14.45">
      <c r="A17674" s="11"/>
      <c r="B17674" s="20"/>
      <c r="C17674" s="2" t="s">
        <v>53980</v>
      </c>
      <c r="D17674" s="14" t="s">
        <v>53981</v>
      </c>
      <c r="E17674" s="2" t="s">
        <v>53982</v>
      </c>
      <c r="F17674" s="2" t="s">
        <v>41013</v>
      </c>
      <c r="G17674" s="8">
        <v>285</v>
      </c>
      <c r="H17674" s="5">
        <v>6</v>
      </c>
      <c r="I17674" s="5" t="s">
        <v>1518</v>
      </c>
      <c r="J17674" s="5" t="s">
        <v>40939</v>
      </c>
      <c r="K17674" s="2" t="s">
        <v>40940</v>
      </c>
      <c r="L17674" s="5" t="s">
        <v>40939</v>
      </c>
      <c r="M17674" s="2" t="s">
        <v>40940</v>
      </c>
      <c r="N17674" s="5" t="s">
        <v>36266</v>
      </c>
      <c r="O17674" s="5" t="s">
        <v>38</v>
      </c>
      <c r="P17674" s="5" t="s">
        <v>39</v>
      </c>
      <c r="Q17674" s="5" t="s">
        <v>40</v>
      </c>
      <c r="R17674" s="5" t="s">
        <v>1522</v>
      </c>
      <c r="S17674" s="5" t="s">
        <v>1523</v>
      </c>
      <c r="T17674" s="5" t="s">
        <v>42</v>
      </c>
      <c r="U17674" s="2">
        <v>2.661</v>
      </c>
      <c r="V17674" s="2">
        <v>2.1040000000000001</v>
      </c>
      <c r="W17674" s="2">
        <v>1.4999999999999999E-2</v>
      </c>
      <c r="X17674" s="2">
        <v>118.9</v>
      </c>
      <c r="Y17674" s="2">
        <v>7.6</v>
      </c>
      <c r="Z17674" s="2">
        <v>16.7</v>
      </c>
      <c r="AA17674" s="5"/>
      <c r="AB17674" s="5" t="s">
        <v>43</v>
      </c>
      <c r="AC17674" s="5" t="s">
        <v>44</v>
      </c>
      <c r="AD17674" s="2"/>
      <c r="AE17674" s="1"/>
    </row>
    <row r="17675" spans="1:31" ht="14.45">
      <c r="A17675" s="11"/>
      <c r="B17675" s="20"/>
      <c r="C17675" s="2" t="s">
        <v>53983</v>
      </c>
      <c r="D17675" s="14" t="s">
        <v>53984</v>
      </c>
      <c r="E17675" s="2" t="s">
        <v>53985</v>
      </c>
      <c r="F17675" s="2" t="s">
        <v>7396</v>
      </c>
      <c r="G17675" s="8">
        <v>265</v>
      </c>
      <c r="H17675" s="5">
        <v>6</v>
      </c>
      <c r="I17675" s="5" t="s">
        <v>1518</v>
      </c>
      <c r="J17675" s="5" t="s">
        <v>40939</v>
      </c>
      <c r="K17675" s="2" t="s">
        <v>40940</v>
      </c>
      <c r="L17675" s="5" t="s">
        <v>40939</v>
      </c>
      <c r="M17675" s="2" t="s">
        <v>40940</v>
      </c>
      <c r="N17675" s="5" t="s">
        <v>36266</v>
      </c>
      <c r="O17675" s="5" t="s">
        <v>38</v>
      </c>
      <c r="P17675" s="5" t="s">
        <v>39</v>
      </c>
      <c r="Q17675" s="5" t="s">
        <v>40</v>
      </c>
      <c r="R17675" s="5" t="s">
        <v>1522</v>
      </c>
      <c r="S17675" s="5" t="s">
        <v>1523</v>
      </c>
      <c r="T17675" s="5" t="s">
        <v>42</v>
      </c>
      <c r="U17675" s="2">
        <v>2.5840000000000001</v>
      </c>
      <c r="V17675" s="2">
        <v>2.0270000000000001</v>
      </c>
      <c r="W17675" s="2">
        <v>1.4999999999999999E-2</v>
      </c>
      <c r="X17675" s="2">
        <v>118.9</v>
      </c>
      <c r="Y17675" s="2">
        <v>7.6</v>
      </c>
      <c r="Z17675" s="2">
        <v>16.7</v>
      </c>
      <c r="AA17675" s="5"/>
      <c r="AB17675" s="5" t="s">
        <v>43</v>
      </c>
      <c r="AC17675" s="5" t="s">
        <v>44</v>
      </c>
      <c r="AD17675" s="2"/>
      <c r="AE17675" s="1"/>
    </row>
    <row r="17676" spans="1:31" ht="14.45">
      <c r="A17676" s="11"/>
      <c r="B17676" s="20"/>
      <c r="C17676" s="2" t="s">
        <v>53986</v>
      </c>
      <c r="D17676" s="14" t="s">
        <v>53987</v>
      </c>
      <c r="E17676" s="2" t="s">
        <v>53988</v>
      </c>
      <c r="F17676" s="2" t="s">
        <v>7507</v>
      </c>
      <c r="G17676" s="8">
        <v>265</v>
      </c>
      <c r="H17676" s="5">
        <v>6</v>
      </c>
      <c r="I17676" s="5" t="s">
        <v>1518</v>
      </c>
      <c r="J17676" s="5" t="s">
        <v>40939</v>
      </c>
      <c r="K17676" s="2" t="s">
        <v>40940</v>
      </c>
      <c r="L17676" s="5" t="s">
        <v>40939</v>
      </c>
      <c r="M17676" s="2" t="s">
        <v>40940</v>
      </c>
      <c r="N17676" s="5" t="s">
        <v>36266</v>
      </c>
      <c r="O17676" s="5" t="s">
        <v>38</v>
      </c>
      <c r="P17676" s="5" t="s">
        <v>39</v>
      </c>
      <c r="Q17676" s="5" t="s">
        <v>40</v>
      </c>
      <c r="R17676" s="5" t="s">
        <v>1522</v>
      </c>
      <c r="S17676" s="5" t="s">
        <v>1523</v>
      </c>
      <c r="T17676" s="5" t="s">
        <v>42</v>
      </c>
      <c r="U17676" s="2">
        <v>2.661</v>
      </c>
      <c r="V17676" s="2">
        <v>2.1040000000000001</v>
      </c>
      <c r="W17676" s="2">
        <v>1.4999999999999999E-2</v>
      </c>
      <c r="X17676" s="2">
        <v>118.9</v>
      </c>
      <c r="Y17676" s="2">
        <v>7.6</v>
      </c>
      <c r="Z17676" s="2">
        <v>16.7</v>
      </c>
      <c r="AA17676" s="5"/>
      <c r="AB17676" s="5" t="s">
        <v>43</v>
      </c>
      <c r="AC17676" s="5" t="s">
        <v>44</v>
      </c>
      <c r="AD17676" s="2"/>
      <c r="AE17676" s="1"/>
    </row>
    <row r="17677" spans="1:31" ht="14.45">
      <c r="A17677" s="11"/>
      <c r="B17677" s="20"/>
      <c r="C17677" s="2" t="s">
        <v>53989</v>
      </c>
      <c r="D17677" s="14" t="s">
        <v>53990</v>
      </c>
      <c r="E17677" s="2" t="s">
        <v>53991</v>
      </c>
      <c r="F17677" s="2" t="s">
        <v>41035</v>
      </c>
      <c r="G17677" s="8">
        <v>285</v>
      </c>
      <c r="H17677" s="5">
        <v>6</v>
      </c>
      <c r="I17677" s="5" t="s">
        <v>1518</v>
      </c>
      <c r="J17677" s="5" t="s">
        <v>40939</v>
      </c>
      <c r="K17677" s="2" t="s">
        <v>40940</v>
      </c>
      <c r="L17677" s="5" t="s">
        <v>40939</v>
      </c>
      <c r="M17677" s="2" t="s">
        <v>40940</v>
      </c>
      <c r="N17677" s="5" t="s">
        <v>36266</v>
      </c>
      <c r="O17677" s="5" t="s">
        <v>38</v>
      </c>
      <c r="P17677" s="5" t="s">
        <v>39</v>
      </c>
      <c r="Q17677" s="5" t="s">
        <v>40</v>
      </c>
      <c r="R17677" s="5" t="s">
        <v>1522</v>
      </c>
      <c r="S17677" s="5" t="s">
        <v>1523</v>
      </c>
      <c r="T17677" s="5" t="s">
        <v>42</v>
      </c>
      <c r="U17677" s="2">
        <v>2.6309999999999998</v>
      </c>
      <c r="V17677" s="2">
        <v>2.0739999999999998</v>
      </c>
      <c r="W17677" s="2">
        <v>1.4999999999999999E-2</v>
      </c>
      <c r="X17677" s="2">
        <v>118.9</v>
      </c>
      <c r="Y17677" s="2">
        <v>7.6</v>
      </c>
      <c r="Z17677" s="2">
        <v>16.7</v>
      </c>
      <c r="AA17677" s="5"/>
      <c r="AB17677" s="5" t="s">
        <v>43</v>
      </c>
      <c r="AC17677" s="5" t="s">
        <v>44</v>
      </c>
      <c r="AD17677" s="2"/>
      <c r="AE17677" s="1"/>
    </row>
    <row r="17678" spans="1:31" ht="14.45">
      <c r="A17678" s="11"/>
      <c r="B17678" s="20"/>
      <c r="C17678" s="2" t="s">
        <v>53992</v>
      </c>
      <c r="D17678" s="14" t="s">
        <v>53993</v>
      </c>
      <c r="E17678" s="2" t="s">
        <v>53994</v>
      </c>
      <c r="F17678" s="2" t="s">
        <v>7581</v>
      </c>
      <c r="G17678" s="8">
        <v>285</v>
      </c>
      <c r="H17678" s="5">
        <v>6</v>
      </c>
      <c r="I17678" s="5" t="s">
        <v>1518</v>
      </c>
      <c r="J17678" s="5" t="s">
        <v>40939</v>
      </c>
      <c r="K17678" s="2" t="s">
        <v>40940</v>
      </c>
      <c r="L17678" s="5" t="s">
        <v>40939</v>
      </c>
      <c r="M17678" s="2" t="s">
        <v>40940</v>
      </c>
      <c r="N17678" s="5" t="s">
        <v>36266</v>
      </c>
      <c r="O17678" s="5" t="s">
        <v>38</v>
      </c>
      <c r="P17678" s="5" t="s">
        <v>39</v>
      </c>
      <c r="Q17678" s="5" t="s">
        <v>40</v>
      </c>
      <c r="R17678" s="5" t="s">
        <v>1522</v>
      </c>
      <c r="S17678" s="5" t="s">
        <v>1523</v>
      </c>
      <c r="T17678" s="5" t="s">
        <v>42</v>
      </c>
      <c r="U17678" s="2">
        <v>2.6309999999999998</v>
      </c>
      <c r="V17678" s="2">
        <v>2.0739999999999998</v>
      </c>
      <c r="W17678" s="2">
        <v>1.4999999999999999E-2</v>
      </c>
      <c r="X17678" s="2">
        <v>118.9</v>
      </c>
      <c r="Y17678" s="2">
        <v>7.6</v>
      </c>
      <c r="Z17678" s="2">
        <v>16.7</v>
      </c>
      <c r="AA17678" s="5"/>
      <c r="AB17678" s="5" t="s">
        <v>43</v>
      </c>
      <c r="AC17678" s="5" t="s">
        <v>44</v>
      </c>
      <c r="AD17678" s="2"/>
      <c r="AE17678" s="1"/>
    </row>
    <row r="17679" spans="1:31" ht="14.45">
      <c r="A17679" s="11"/>
      <c r="B17679" s="20"/>
      <c r="C17679" s="2" t="s">
        <v>53995</v>
      </c>
      <c r="D17679" s="14" t="s">
        <v>53996</v>
      </c>
      <c r="E17679" s="2" t="s">
        <v>53997</v>
      </c>
      <c r="F17679" s="2" t="s">
        <v>41045</v>
      </c>
      <c r="G17679" s="8">
        <v>285</v>
      </c>
      <c r="H17679" s="5">
        <v>6</v>
      </c>
      <c r="I17679" s="5" t="s">
        <v>1518</v>
      </c>
      <c r="J17679" s="5" t="s">
        <v>40939</v>
      </c>
      <c r="K17679" s="2" t="s">
        <v>40940</v>
      </c>
      <c r="L17679" s="5" t="s">
        <v>40939</v>
      </c>
      <c r="M17679" s="2" t="s">
        <v>40940</v>
      </c>
      <c r="N17679" s="5" t="s">
        <v>36266</v>
      </c>
      <c r="O17679" s="5" t="s">
        <v>38</v>
      </c>
      <c r="P17679" s="5" t="s">
        <v>39</v>
      </c>
      <c r="Q17679" s="5" t="s">
        <v>40</v>
      </c>
      <c r="R17679" s="5" t="s">
        <v>1522</v>
      </c>
      <c r="S17679" s="5" t="s">
        <v>1523</v>
      </c>
      <c r="T17679" s="5" t="s">
        <v>42</v>
      </c>
      <c r="U17679" s="2">
        <v>2.59</v>
      </c>
      <c r="V17679" s="2">
        <v>2.0329999999999999</v>
      </c>
      <c r="W17679" s="2">
        <v>1.4999999999999999E-2</v>
      </c>
      <c r="X17679" s="2">
        <v>118.9</v>
      </c>
      <c r="Y17679" s="2">
        <v>7.6</v>
      </c>
      <c r="Z17679" s="2">
        <v>16.7</v>
      </c>
      <c r="AA17679" s="5"/>
      <c r="AB17679" s="5" t="s">
        <v>43</v>
      </c>
      <c r="AC17679" s="5" t="s">
        <v>44</v>
      </c>
      <c r="AD17679" s="2"/>
      <c r="AE17679" s="1"/>
    </row>
    <row r="17680" spans="1:31" ht="14.45">
      <c r="A17680" s="11"/>
      <c r="B17680" s="20"/>
      <c r="C17680" s="2" t="s">
        <v>53998</v>
      </c>
      <c r="D17680" s="14" t="s">
        <v>53999</v>
      </c>
      <c r="E17680" s="2" t="s">
        <v>54000</v>
      </c>
      <c r="F17680" s="2" t="s">
        <v>41049</v>
      </c>
      <c r="G17680" s="8">
        <v>285</v>
      </c>
      <c r="H17680" s="5">
        <v>6</v>
      </c>
      <c r="I17680" s="5" t="s">
        <v>1518</v>
      </c>
      <c r="J17680" s="5" t="s">
        <v>40939</v>
      </c>
      <c r="K17680" s="2" t="s">
        <v>40940</v>
      </c>
      <c r="L17680" s="5" t="s">
        <v>40939</v>
      </c>
      <c r="M17680" s="2" t="s">
        <v>40940</v>
      </c>
      <c r="N17680" s="5" t="s">
        <v>36266</v>
      </c>
      <c r="O17680" s="5" t="s">
        <v>38</v>
      </c>
      <c r="P17680" s="5" t="s">
        <v>39</v>
      </c>
      <c r="Q17680" s="5" t="s">
        <v>40</v>
      </c>
      <c r="R17680" s="5" t="s">
        <v>1522</v>
      </c>
      <c r="S17680" s="5" t="s">
        <v>1523</v>
      </c>
      <c r="T17680" s="5" t="s">
        <v>42</v>
      </c>
      <c r="U17680" s="2">
        <v>2.6669999999999998</v>
      </c>
      <c r="V17680" s="2">
        <v>2.11</v>
      </c>
      <c r="W17680" s="2">
        <v>1.4999999999999999E-2</v>
      </c>
      <c r="X17680" s="2">
        <v>118.9</v>
      </c>
      <c r="Y17680" s="2">
        <v>7.6</v>
      </c>
      <c r="Z17680" s="2">
        <v>16.7</v>
      </c>
      <c r="AA17680" s="5"/>
      <c r="AB17680" s="5" t="s">
        <v>43</v>
      </c>
      <c r="AC17680" s="5" t="s">
        <v>44</v>
      </c>
      <c r="AD17680" s="2"/>
      <c r="AE17680" s="1"/>
    </row>
    <row r="17681" spans="1:31" ht="14.45">
      <c r="A17681" s="11"/>
      <c r="B17681" s="20"/>
      <c r="C17681" s="2" t="s">
        <v>54001</v>
      </c>
      <c r="D17681" s="14" t="s">
        <v>54002</v>
      </c>
      <c r="E17681" s="2" t="s">
        <v>54003</v>
      </c>
      <c r="F17681" s="2" t="s">
        <v>7204</v>
      </c>
      <c r="G17681" s="8">
        <v>269</v>
      </c>
      <c r="H17681" s="5">
        <v>6</v>
      </c>
      <c r="I17681" s="5" t="s">
        <v>1518</v>
      </c>
      <c r="J17681" s="5" t="s">
        <v>40939</v>
      </c>
      <c r="K17681" s="2" t="s">
        <v>40940</v>
      </c>
      <c r="L17681" s="5" t="s">
        <v>40939</v>
      </c>
      <c r="M17681" s="2" t="s">
        <v>40940</v>
      </c>
      <c r="N17681" s="5" t="s">
        <v>36266</v>
      </c>
      <c r="O17681" s="5" t="s">
        <v>38</v>
      </c>
      <c r="P17681" s="5" t="s">
        <v>39</v>
      </c>
      <c r="Q17681" s="5" t="s">
        <v>40</v>
      </c>
      <c r="R17681" s="5" t="s">
        <v>1522</v>
      </c>
      <c r="S17681" s="5" t="s">
        <v>1523</v>
      </c>
      <c r="T17681" s="5" t="s">
        <v>42</v>
      </c>
      <c r="U17681" s="2">
        <v>2.7970000000000002</v>
      </c>
      <c r="V17681" s="2">
        <v>2.1659999999999999</v>
      </c>
      <c r="W17681" s="2">
        <v>1.7999999999999999E-2</v>
      </c>
      <c r="X17681" s="2">
        <v>139.1</v>
      </c>
      <c r="Y17681" s="2">
        <v>7.6</v>
      </c>
      <c r="Z17681" s="2">
        <v>16.7</v>
      </c>
      <c r="AA17681" s="5"/>
      <c r="AB17681" s="5" t="s">
        <v>43</v>
      </c>
      <c r="AC17681" s="5" t="s">
        <v>44</v>
      </c>
      <c r="AD17681" s="2"/>
      <c r="AE17681" s="1"/>
    </row>
    <row r="17682" spans="1:31" ht="14.45">
      <c r="A17682" s="11"/>
      <c r="B17682" s="20"/>
      <c r="C17682" s="2" t="s">
        <v>54004</v>
      </c>
      <c r="D17682" s="14" t="s">
        <v>54005</v>
      </c>
      <c r="E17682" s="2" t="s">
        <v>54006</v>
      </c>
      <c r="F17682" s="2" t="s">
        <v>7514</v>
      </c>
      <c r="G17682" s="8">
        <v>269</v>
      </c>
      <c r="H17682" s="5">
        <v>6</v>
      </c>
      <c r="I17682" s="5" t="s">
        <v>1518</v>
      </c>
      <c r="J17682" s="5" t="s">
        <v>40939</v>
      </c>
      <c r="K17682" s="2" t="s">
        <v>40940</v>
      </c>
      <c r="L17682" s="5" t="s">
        <v>40939</v>
      </c>
      <c r="M17682" s="2" t="s">
        <v>40940</v>
      </c>
      <c r="N17682" s="5" t="s">
        <v>36266</v>
      </c>
      <c r="O17682" s="5" t="s">
        <v>38</v>
      </c>
      <c r="P17682" s="5" t="s">
        <v>39</v>
      </c>
      <c r="Q17682" s="5" t="s">
        <v>40</v>
      </c>
      <c r="R17682" s="5" t="s">
        <v>1522</v>
      </c>
      <c r="S17682" s="5" t="s">
        <v>1523</v>
      </c>
      <c r="T17682" s="5" t="s">
        <v>42</v>
      </c>
      <c r="U17682" s="2">
        <v>2.8860000000000001</v>
      </c>
      <c r="V17682" s="2">
        <v>2.2549999999999999</v>
      </c>
      <c r="W17682" s="2">
        <v>1.7999999999999999E-2</v>
      </c>
      <c r="X17682" s="2">
        <v>139.1</v>
      </c>
      <c r="Y17682" s="2">
        <v>7.6</v>
      </c>
      <c r="Z17682" s="2">
        <v>16.7</v>
      </c>
      <c r="AA17682" s="5"/>
      <c r="AB17682" s="5" t="s">
        <v>43</v>
      </c>
      <c r="AC17682" s="5" t="s">
        <v>44</v>
      </c>
      <c r="AD17682" s="2"/>
      <c r="AE17682" s="1"/>
    </row>
    <row r="17683" spans="1:31" ht="14.45">
      <c r="A17683" s="11"/>
      <c r="B17683" s="20"/>
      <c r="C17683" s="2" t="s">
        <v>54007</v>
      </c>
      <c r="D17683" s="14" t="s">
        <v>54008</v>
      </c>
      <c r="E17683" s="2" t="s">
        <v>54009</v>
      </c>
      <c r="F17683" s="2" t="s">
        <v>47195</v>
      </c>
      <c r="G17683" s="8">
        <v>289</v>
      </c>
      <c r="H17683" s="5">
        <v>6</v>
      </c>
      <c r="I17683" s="5" t="s">
        <v>1518</v>
      </c>
      <c r="J17683" s="5" t="s">
        <v>40939</v>
      </c>
      <c r="K17683" s="2" t="s">
        <v>40940</v>
      </c>
      <c r="L17683" s="5" t="s">
        <v>40939</v>
      </c>
      <c r="M17683" s="2" t="s">
        <v>40940</v>
      </c>
      <c r="N17683" s="5" t="s">
        <v>36266</v>
      </c>
      <c r="O17683" s="5" t="s">
        <v>38</v>
      </c>
      <c r="P17683" s="5" t="s">
        <v>39</v>
      </c>
      <c r="Q17683" s="5" t="s">
        <v>40</v>
      </c>
      <c r="R17683" s="5" t="s">
        <v>1522</v>
      </c>
      <c r="S17683" s="5" t="s">
        <v>1523</v>
      </c>
      <c r="T17683" s="5" t="s">
        <v>42</v>
      </c>
      <c r="U17683" s="2">
        <v>2.9</v>
      </c>
      <c r="V17683" s="2">
        <v>2.2690000000000001</v>
      </c>
      <c r="W17683" s="2">
        <v>1.7999999999999999E-2</v>
      </c>
      <c r="X17683" s="2">
        <v>139.1</v>
      </c>
      <c r="Y17683" s="2">
        <v>7.6</v>
      </c>
      <c r="Z17683" s="2">
        <v>16.7</v>
      </c>
      <c r="AA17683" s="5"/>
      <c r="AB17683" s="5" t="s">
        <v>43</v>
      </c>
      <c r="AC17683" s="5" t="s">
        <v>44</v>
      </c>
      <c r="AD17683" s="2"/>
      <c r="AE17683" s="1"/>
    </row>
    <row r="17684" spans="1:31" ht="14.45">
      <c r="A17684" s="11"/>
      <c r="B17684" s="20"/>
      <c r="C17684" s="2" t="s">
        <v>54010</v>
      </c>
      <c r="D17684" s="14" t="s">
        <v>54011</v>
      </c>
      <c r="E17684" s="2" t="s">
        <v>54012</v>
      </c>
      <c r="F17684" s="2" t="s">
        <v>7208</v>
      </c>
      <c r="G17684" s="8">
        <v>269</v>
      </c>
      <c r="H17684" s="5">
        <v>6</v>
      </c>
      <c r="I17684" s="5" t="s">
        <v>1518</v>
      </c>
      <c r="J17684" s="5" t="s">
        <v>40939</v>
      </c>
      <c r="K17684" s="2" t="s">
        <v>40940</v>
      </c>
      <c r="L17684" s="5" t="s">
        <v>40939</v>
      </c>
      <c r="M17684" s="2" t="s">
        <v>40940</v>
      </c>
      <c r="N17684" s="5" t="s">
        <v>36266</v>
      </c>
      <c r="O17684" s="5" t="s">
        <v>38</v>
      </c>
      <c r="P17684" s="5" t="s">
        <v>39</v>
      </c>
      <c r="Q17684" s="5" t="s">
        <v>40</v>
      </c>
      <c r="R17684" s="5" t="s">
        <v>1522</v>
      </c>
      <c r="S17684" s="5" t="s">
        <v>1523</v>
      </c>
      <c r="T17684" s="5" t="s">
        <v>42</v>
      </c>
      <c r="U17684" s="2">
        <v>2.819</v>
      </c>
      <c r="V17684" s="2">
        <v>2.1880000000000002</v>
      </c>
      <c r="W17684" s="2">
        <v>1.7999999999999999E-2</v>
      </c>
      <c r="X17684" s="2">
        <v>139.1</v>
      </c>
      <c r="Y17684" s="2">
        <v>7.6</v>
      </c>
      <c r="Z17684" s="2">
        <v>16.7</v>
      </c>
      <c r="AA17684" s="5"/>
      <c r="AB17684" s="5" t="s">
        <v>43</v>
      </c>
      <c r="AC17684" s="5" t="s">
        <v>44</v>
      </c>
      <c r="AD17684" s="2"/>
      <c r="AE17684" s="1"/>
    </row>
    <row r="17685" spans="1:31" ht="14.45">
      <c r="A17685" s="11"/>
      <c r="B17685" s="20"/>
      <c r="C17685" s="2" t="s">
        <v>54013</v>
      </c>
      <c r="D17685" s="14" t="s">
        <v>54014</v>
      </c>
      <c r="E17685" s="2" t="s">
        <v>54015</v>
      </c>
      <c r="F17685" s="2" t="s">
        <v>7521</v>
      </c>
      <c r="G17685" s="8">
        <v>269</v>
      </c>
      <c r="H17685" s="5">
        <v>6</v>
      </c>
      <c r="I17685" s="5" t="s">
        <v>1518</v>
      </c>
      <c r="J17685" s="5" t="s">
        <v>40939</v>
      </c>
      <c r="K17685" s="2" t="s">
        <v>40940</v>
      </c>
      <c r="L17685" s="5" t="s">
        <v>40939</v>
      </c>
      <c r="M17685" s="2" t="s">
        <v>40940</v>
      </c>
      <c r="N17685" s="5" t="s">
        <v>36266</v>
      </c>
      <c r="O17685" s="5" t="s">
        <v>38</v>
      </c>
      <c r="P17685" s="5" t="s">
        <v>39</v>
      </c>
      <c r="Q17685" s="5" t="s">
        <v>40</v>
      </c>
      <c r="R17685" s="5" t="s">
        <v>1522</v>
      </c>
      <c r="S17685" s="5" t="s">
        <v>1523</v>
      </c>
      <c r="T17685" s="5" t="s">
        <v>42</v>
      </c>
      <c r="U17685" s="2">
        <v>2.9079999999999999</v>
      </c>
      <c r="V17685" s="2">
        <v>2.2770000000000001</v>
      </c>
      <c r="W17685" s="2">
        <v>1.7999999999999999E-2</v>
      </c>
      <c r="X17685" s="2">
        <v>139.1</v>
      </c>
      <c r="Y17685" s="2">
        <v>7.6</v>
      </c>
      <c r="Z17685" s="2">
        <v>16.7</v>
      </c>
      <c r="AA17685" s="5"/>
      <c r="AB17685" s="5" t="s">
        <v>43</v>
      </c>
      <c r="AC17685" s="5" t="s">
        <v>44</v>
      </c>
      <c r="AD17685" s="2"/>
      <c r="AE17685" s="1"/>
    </row>
    <row r="17686" spans="1:31" ht="14.45">
      <c r="A17686" s="11"/>
      <c r="B17686" s="20"/>
      <c r="C17686" s="2" t="s">
        <v>54016</v>
      </c>
      <c r="D17686" s="14" t="s">
        <v>54017</v>
      </c>
      <c r="E17686" s="2" t="s">
        <v>54018</v>
      </c>
      <c r="F17686" s="2" t="s">
        <v>36277</v>
      </c>
      <c r="G17686" s="8">
        <v>269</v>
      </c>
      <c r="H17686" s="5">
        <v>6</v>
      </c>
      <c r="I17686" s="5" t="s">
        <v>1518</v>
      </c>
      <c r="J17686" s="5" t="s">
        <v>40939</v>
      </c>
      <c r="K17686" s="2" t="s">
        <v>40940</v>
      </c>
      <c r="L17686" s="5" t="s">
        <v>40939</v>
      </c>
      <c r="M17686" s="2" t="s">
        <v>40940</v>
      </c>
      <c r="N17686" s="5" t="s">
        <v>36266</v>
      </c>
      <c r="O17686" s="5" t="s">
        <v>38</v>
      </c>
      <c r="P17686" s="5" t="s">
        <v>39</v>
      </c>
      <c r="Q17686" s="5" t="s">
        <v>40</v>
      </c>
      <c r="R17686" s="5" t="s">
        <v>1522</v>
      </c>
      <c r="S17686" s="5" t="s">
        <v>1523</v>
      </c>
      <c r="T17686" s="5" t="s">
        <v>42</v>
      </c>
      <c r="U17686" s="2">
        <v>2.9220000000000002</v>
      </c>
      <c r="V17686" s="2">
        <v>2.2909999999999999</v>
      </c>
      <c r="W17686" s="2">
        <v>1.7999999999999999E-2</v>
      </c>
      <c r="X17686" s="2">
        <v>139.1</v>
      </c>
      <c r="Y17686" s="2">
        <v>7.6</v>
      </c>
      <c r="Z17686" s="2">
        <v>16.7</v>
      </c>
      <c r="AA17686" s="5"/>
      <c r="AB17686" s="5" t="s">
        <v>43</v>
      </c>
      <c r="AC17686" s="5" t="s">
        <v>44</v>
      </c>
      <c r="AD17686" s="2"/>
      <c r="AE17686" s="1"/>
    </row>
    <row r="17687" spans="1:31" ht="14.45">
      <c r="A17687" s="11"/>
      <c r="B17687" s="20"/>
      <c r="C17687" s="2" t="s">
        <v>54019</v>
      </c>
      <c r="D17687" s="14" t="s">
        <v>54020</v>
      </c>
      <c r="E17687" s="2" t="s">
        <v>54021</v>
      </c>
      <c r="F17687" s="2" t="s">
        <v>40971</v>
      </c>
      <c r="G17687" s="8">
        <v>289</v>
      </c>
      <c r="H17687" s="5">
        <v>6</v>
      </c>
      <c r="I17687" s="5" t="s">
        <v>1518</v>
      </c>
      <c r="J17687" s="5" t="s">
        <v>40939</v>
      </c>
      <c r="K17687" s="2" t="s">
        <v>40940</v>
      </c>
      <c r="L17687" s="5" t="s">
        <v>40939</v>
      </c>
      <c r="M17687" s="2" t="s">
        <v>40940</v>
      </c>
      <c r="N17687" s="5" t="s">
        <v>36266</v>
      </c>
      <c r="O17687" s="5" t="s">
        <v>38</v>
      </c>
      <c r="P17687" s="5" t="s">
        <v>39</v>
      </c>
      <c r="Q17687" s="5" t="s">
        <v>40</v>
      </c>
      <c r="R17687" s="5" t="s">
        <v>1522</v>
      </c>
      <c r="S17687" s="5" t="s">
        <v>1523</v>
      </c>
      <c r="T17687" s="5" t="s">
        <v>42</v>
      </c>
      <c r="U17687" s="2">
        <v>2.9079999999999999</v>
      </c>
      <c r="V17687" s="2">
        <v>2.2770000000000001</v>
      </c>
      <c r="W17687" s="2">
        <v>1.7999999999999999E-2</v>
      </c>
      <c r="X17687" s="2">
        <v>139.1</v>
      </c>
      <c r="Y17687" s="2">
        <v>7.6</v>
      </c>
      <c r="Z17687" s="2">
        <v>16.7</v>
      </c>
      <c r="AA17687" s="5"/>
      <c r="AB17687" s="5" t="s">
        <v>43</v>
      </c>
      <c r="AC17687" s="5" t="s">
        <v>44</v>
      </c>
      <c r="AD17687" s="2"/>
      <c r="AE17687" s="1"/>
    </row>
    <row r="17688" spans="1:31" ht="14.45">
      <c r="A17688" s="11"/>
      <c r="B17688" s="20"/>
      <c r="C17688" s="2" t="s">
        <v>54022</v>
      </c>
      <c r="D17688" s="14" t="s">
        <v>54023</v>
      </c>
      <c r="E17688" s="2" t="s">
        <v>54024</v>
      </c>
      <c r="F17688" s="2" t="s">
        <v>47735</v>
      </c>
      <c r="G17688" s="8">
        <v>289</v>
      </c>
      <c r="H17688" s="5">
        <v>6</v>
      </c>
      <c r="I17688" s="5" t="s">
        <v>1518</v>
      </c>
      <c r="J17688" s="5" t="s">
        <v>40939</v>
      </c>
      <c r="K17688" s="2" t="s">
        <v>40940</v>
      </c>
      <c r="L17688" s="5" t="s">
        <v>40939</v>
      </c>
      <c r="M17688" s="2" t="s">
        <v>40940</v>
      </c>
      <c r="N17688" s="5" t="s">
        <v>36266</v>
      </c>
      <c r="O17688" s="5" t="s">
        <v>38</v>
      </c>
      <c r="P17688" s="5" t="s">
        <v>39</v>
      </c>
      <c r="Q17688" s="5" t="s">
        <v>40</v>
      </c>
      <c r="R17688" s="5" t="s">
        <v>1522</v>
      </c>
      <c r="S17688" s="5" t="s">
        <v>1523</v>
      </c>
      <c r="T17688" s="5" t="s">
        <v>42</v>
      </c>
      <c r="U17688" s="2">
        <v>2.9079999999999999</v>
      </c>
      <c r="V17688" s="2">
        <v>2.2770000000000001</v>
      </c>
      <c r="W17688" s="2">
        <v>1.7999999999999999E-2</v>
      </c>
      <c r="X17688" s="2">
        <v>139.1</v>
      </c>
      <c r="Y17688" s="2">
        <v>7.6</v>
      </c>
      <c r="Z17688" s="2">
        <v>16.7</v>
      </c>
      <c r="AA17688" s="5"/>
      <c r="AB17688" s="5" t="s">
        <v>43</v>
      </c>
      <c r="AC17688" s="5" t="s">
        <v>44</v>
      </c>
      <c r="AD17688" s="2"/>
      <c r="AE17688" s="1"/>
    </row>
    <row r="17689" spans="1:31" ht="14.45">
      <c r="A17689" s="11"/>
      <c r="B17689" s="20"/>
      <c r="C17689" s="2" t="s">
        <v>54025</v>
      </c>
      <c r="D17689" s="14" t="s">
        <v>54026</v>
      </c>
      <c r="E17689" s="2" t="s">
        <v>54027</v>
      </c>
      <c r="F17689" s="2" t="s">
        <v>7543</v>
      </c>
      <c r="G17689" s="8">
        <v>289</v>
      </c>
      <c r="H17689" s="5">
        <v>6</v>
      </c>
      <c r="I17689" s="5" t="s">
        <v>1518</v>
      </c>
      <c r="J17689" s="5" t="s">
        <v>40939</v>
      </c>
      <c r="K17689" s="2" t="s">
        <v>40940</v>
      </c>
      <c r="L17689" s="5" t="s">
        <v>40939</v>
      </c>
      <c r="M17689" s="2" t="s">
        <v>40940</v>
      </c>
      <c r="N17689" s="5" t="s">
        <v>36266</v>
      </c>
      <c r="O17689" s="5" t="s">
        <v>38</v>
      </c>
      <c r="P17689" s="5" t="s">
        <v>39</v>
      </c>
      <c r="Q17689" s="5" t="s">
        <v>40</v>
      </c>
      <c r="R17689" s="5" t="s">
        <v>1522</v>
      </c>
      <c r="S17689" s="5" t="s">
        <v>1523</v>
      </c>
      <c r="T17689" s="5" t="s">
        <v>42</v>
      </c>
      <c r="U17689" s="2">
        <v>2.8719999999999999</v>
      </c>
      <c r="V17689" s="2">
        <v>2.2410000000000001</v>
      </c>
      <c r="W17689" s="2">
        <v>1.7999999999999999E-2</v>
      </c>
      <c r="X17689" s="2">
        <v>139.1</v>
      </c>
      <c r="Y17689" s="2">
        <v>7.6</v>
      </c>
      <c r="Z17689" s="2">
        <v>16.7</v>
      </c>
      <c r="AA17689" s="5"/>
      <c r="AB17689" s="5" t="s">
        <v>43</v>
      </c>
      <c r="AC17689" s="5" t="s">
        <v>44</v>
      </c>
      <c r="AD17689" s="2"/>
      <c r="AE17689" s="1"/>
    </row>
    <row r="17690" spans="1:31" ht="14.45">
      <c r="A17690" s="11"/>
      <c r="B17690" s="20"/>
      <c r="C17690" s="2" t="s">
        <v>54028</v>
      </c>
      <c r="D17690" s="14" t="s">
        <v>54029</v>
      </c>
      <c r="E17690" s="2" t="s">
        <v>54030</v>
      </c>
      <c r="F17690" s="2" t="s">
        <v>40989</v>
      </c>
      <c r="G17690" s="8">
        <v>289</v>
      </c>
      <c r="H17690" s="5">
        <v>6</v>
      </c>
      <c r="I17690" s="5" t="s">
        <v>1518</v>
      </c>
      <c r="J17690" s="5" t="s">
        <v>40939</v>
      </c>
      <c r="K17690" s="2" t="s">
        <v>40940</v>
      </c>
      <c r="L17690" s="5" t="s">
        <v>40939</v>
      </c>
      <c r="M17690" s="2" t="s">
        <v>40940</v>
      </c>
      <c r="N17690" s="5" t="s">
        <v>36266</v>
      </c>
      <c r="O17690" s="5" t="s">
        <v>38</v>
      </c>
      <c r="P17690" s="5" t="s">
        <v>39</v>
      </c>
      <c r="Q17690" s="5" t="s">
        <v>40</v>
      </c>
      <c r="R17690" s="5" t="s">
        <v>1522</v>
      </c>
      <c r="S17690" s="5" t="s">
        <v>1523</v>
      </c>
      <c r="T17690" s="5" t="s">
        <v>42</v>
      </c>
      <c r="U17690" s="2">
        <v>2.819</v>
      </c>
      <c r="V17690" s="2">
        <v>2.1880000000000002</v>
      </c>
      <c r="W17690" s="2">
        <v>1.7999999999999999E-2</v>
      </c>
      <c r="X17690" s="2">
        <v>139.1</v>
      </c>
      <c r="Y17690" s="2">
        <v>7.6</v>
      </c>
      <c r="Z17690" s="2">
        <v>16.7</v>
      </c>
      <c r="AA17690" s="5"/>
      <c r="AB17690" s="5" t="s">
        <v>43</v>
      </c>
      <c r="AC17690" s="5" t="s">
        <v>44</v>
      </c>
      <c r="AD17690" s="2"/>
      <c r="AE17690" s="1"/>
    </row>
    <row r="17691" spans="1:31" ht="14.45">
      <c r="A17691" s="11"/>
      <c r="B17691" s="20"/>
      <c r="C17691" s="2" t="s">
        <v>54031</v>
      </c>
      <c r="D17691" s="14" t="s">
        <v>54032</v>
      </c>
      <c r="E17691" s="2" t="s">
        <v>54033</v>
      </c>
      <c r="F17691" s="2" t="s">
        <v>41267</v>
      </c>
      <c r="G17691" s="8">
        <v>289</v>
      </c>
      <c r="H17691" s="5">
        <v>6</v>
      </c>
      <c r="I17691" s="5" t="s">
        <v>1518</v>
      </c>
      <c r="J17691" s="5" t="s">
        <v>40939</v>
      </c>
      <c r="K17691" s="2" t="s">
        <v>40940</v>
      </c>
      <c r="L17691" s="5" t="s">
        <v>40939</v>
      </c>
      <c r="M17691" s="2" t="s">
        <v>40940</v>
      </c>
      <c r="N17691" s="5" t="s">
        <v>36266</v>
      </c>
      <c r="O17691" s="5" t="s">
        <v>38</v>
      </c>
      <c r="P17691" s="5" t="s">
        <v>39</v>
      </c>
      <c r="Q17691" s="5" t="s">
        <v>40</v>
      </c>
      <c r="R17691" s="5" t="s">
        <v>1522</v>
      </c>
      <c r="S17691" s="5" t="s">
        <v>1523</v>
      </c>
      <c r="T17691" s="5" t="s">
        <v>42</v>
      </c>
      <c r="U17691" s="2">
        <v>2.879</v>
      </c>
      <c r="V17691" s="2">
        <v>2.2480000000000002</v>
      </c>
      <c r="W17691" s="2">
        <v>1.7999999999999999E-2</v>
      </c>
      <c r="X17691" s="2">
        <v>139.1</v>
      </c>
      <c r="Y17691" s="2">
        <v>7.6</v>
      </c>
      <c r="Z17691" s="2">
        <v>16.7</v>
      </c>
      <c r="AA17691" s="5"/>
      <c r="AB17691" s="5" t="s">
        <v>43</v>
      </c>
      <c r="AC17691" s="5" t="s">
        <v>44</v>
      </c>
      <c r="AD17691" s="2"/>
      <c r="AE17691" s="1"/>
    </row>
    <row r="17692" spans="1:31" ht="14.45">
      <c r="A17692" s="11"/>
      <c r="B17692" s="20"/>
      <c r="C17692" s="2" t="s">
        <v>54034</v>
      </c>
      <c r="D17692" s="14" t="s">
        <v>54035</v>
      </c>
      <c r="E17692" s="2" t="s">
        <v>54036</v>
      </c>
      <c r="F17692" s="2" t="s">
        <v>41009</v>
      </c>
      <c r="G17692" s="8">
        <v>289</v>
      </c>
      <c r="H17692" s="5">
        <v>6</v>
      </c>
      <c r="I17692" s="5" t="s">
        <v>1518</v>
      </c>
      <c r="J17692" s="5" t="s">
        <v>40939</v>
      </c>
      <c r="K17692" s="2" t="s">
        <v>40940</v>
      </c>
      <c r="L17692" s="5" t="s">
        <v>40939</v>
      </c>
      <c r="M17692" s="2" t="s">
        <v>40940</v>
      </c>
      <c r="N17692" s="5" t="s">
        <v>36266</v>
      </c>
      <c r="O17692" s="5" t="s">
        <v>38</v>
      </c>
      <c r="P17692" s="5" t="s">
        <v>39</v>
      </c>
      <c r="Q17692" s="5" t="s">
        <v>40</v>
      </c>
      <c r="R17692" s="5" t="s">
        <v>1522</v>
      </c>
      <c r="S17692" s="5" t="s">
        <v>1523</v>
      </c>
      <c r="T17692" s="5" t="s">
        <v>42</v>
      </c>
      <c r="U17692" s="2">
        <v>2.8260000000000001</v>
      </c>
      <c r="V17692" s="2">
        <v>2.1949999999999998</v>
      </c>
      <c r="W17692" s="2">
        <v>1.7999999999999999E-2</v>
      </c>
      <c r="X17692" s="2">
        <v>139.1</v>
      </c>
      <c r="Y17692" s="2">
        <v>7.6</v>
      </c>
      <c r="Z17692" s="2">
        <v>16.7</v>
      </c>
      <c r="AA17692" s="5"/>
      <c r="AB17692" s="5" t="s">
        <v>43</v>
      </c>
      <c r="AC17692" s="5" t="s">
        <v>44</v>
      </c>
      <c r="AD17692" s="2"/>
      <c r="AE17692" s="1"/>
    </row>
    <row r="17693" spans="1:31" ht="14.45">
      <c r="A17693" s="11"/>
      <c r="B17693" s="20"/>
      <c r="C17693" s="2" t="s">
        <v>54037</v>
      </c>
      <c r="D17693" s="14" t="s">
        <v>54038</v>
      </c>
      <c r="E17693" s="2" t="s">
        <v>54039</v>
      </c>
      <c r="F17693" s="2" t="s">
        <v>41013</v>
      </c>
      <c r="G17693" s="8">
        <v>289</v>
      </c>
      <c r="H17693" s="5">
        <v>6</v>
      </c>
      <c r="I17693" s="5" t="s">
        <v>1518</v>
      </c>
      <c r="J17693" s="5" t="s">
        <v>40939</v>
      </c>
      <c r="K17693" s="2" t="s">
        <v>40940</v>
      </c>
      <c r="L17693" s="5" t="s">
        <v>40939</v>
      </c>
      <c r="M17693" s="2" t="s">
        <v>40940</v>
      </c>
      <c r="N17693" s="5" t="s">
        <v>36266</v>
      </c>
      <c r="O17693" s="5" t="s">
        <v>38</v>
      </c>
      <c r="P17693" s="5" t="s">
        <v>39</v>
      </c>
      <c r="Q17693" s="5" t="s">
        <v>40</v>
      </c>
      <c r="R17693" s="5" t="s">
        <v>1522</v>
      </c>
      <c r="S17693" s="5" t="s">
        <v>1523</v>
      </c>
      <c r="T17693" s="5" t="s">
        <v>42</v>
      </c>
      <c r="U17693" s="2">
        <v>2.915</v>
      </c>
      <c r="V17693" s="2">
        <v>2.2839999999999998</v>
      </c>
      <c r="W17693" s="2">
        <v>1.7999999999999999E-2</v>
      </c>
      <c r="X17693" s="2">
        <v>139.1</v>
      </c>
      <c r="Y17693" s="2">
        <v>7.6</v>
      </c>
      <c r="Z17693" s="2">
        <v>16.7</v>
      </c>
      <c r="AA17693" s="5"/>
      <c r="AB17693" s="5" t="s">
        <v>43</v>
      </c>
      <c r="AC17693" s="5" t="s">
        <v>44</v>
      </c>
      <c r="AD17693" s="2"/>
      <c r="AE17693" s="1"/>
    </row>
    <row r="17694" spans="1:31" ht="14.45">
      <c r="A17694" s="11"/>
      <c r="B17694" s="20"/>
      <c r="C17694" s="2" t="s">
        <v>54040</v>
      </c>
      <c r="D17694" s="14" t="s">
        <v>54041</v>
      </c>
      <c r="E17694" s="2" t="s">
        <v>54042</v>
      </c>
      <c r="F17694" s="2" t="s">
        <v>41027</v>
      </c>
      <c r="G17694" s="8">
        <v>289</v>
      </c>
      <c r="H17694" s="5">
        <v>6</v>
      </c>
      <c r="I17694" s="5" t="s">
        <v>1518</v>
      </c>
      <c r="J17694" s="5" t="s">
        <v>40939</v>
      </c>
      <c r="K17694" s="2" t="s">
        <v>40940</v>
      </c>
      <c r="L17694" s="5" t="s">
        <v>40939</v>
      </c>
      <c r="M17694" s="2" t="s">
        <v>40940</v>
      </c>
      <c r="N17694" s="5" t="s">
        <v>36266</v>
      </c>
      <c r="O17694" s="5" t="s">
        <v>38</v>
      </c>
      <c r="P17694" s="5" t="s">
        <v>39</v>
      </c>
      <c r="Q17694" s="5" t="s">
        <v>40</v>
      </c>
      <c r="R17694" s="5" t="s">
        <v>1522</v>
      </c>
      <c r="S17694" s="5" t="s">
        <v>1523</v>
      </c>
      <c r="T17694" s="5" t="s">
        <v>42</v>
      </c>
      <c r="U17694" s="2">
        <v>2.879</v>
      </c>
      <c r="V17694" s="2">
        <v>2.2480000000000002</v>
      </c>
      <c r="W17694" s="2">
        <v>1.7999999999999999E-2</v>
      </c>
      <c r="X17694" s="2">
        <v>139.1</v>
      </c>
      <c r="Y17694" s="2">
        <v>7.6</v>
      </c>
      <c r="Z17694" s="2">
        <v>16.7</v>
      </c>
      <c r="AA17694" s="5"/>
      <c r="AB17694" s="5" t="s">
        <v>43</v>
      </c>
      <c r="AC17694" s="5" t="s">
        <v>44</v>
      </c>
      <c r="AD17694" s="2"/>
      <c r="AE17694" s="1"/>
    </row>
    <row r="17695" spans="1:31" ht="14.45">
      <c r="A17695" s="11"/>
      <c r="B17695" s="20"/>
      <c r="C17695" s="2" t="s">
        <v>54043</v>
      </c>
      <c r="D17695" s="14" t="s">
        <v>54044</v>
      </c>
      <c r="E17695" s="2" t="s">
        <v>54045</v>
      </c>
      <c r="F17695" s="2" t="s">
        <v>41031</v>
      </c>
      <c r="G17695" s="8">
        <v>289</v>
      </c>
      <c r="H17695" s="5">
        <v>6</v>
      </c>
      <c r="I17695" s="5" t="s">
        <v>1518</v>
      </c>
      <c r="J17695" s="5" t="s">
        <v>40939</v>
      </c>
      <c r="K17695" s="2" t="s">
        <v>40940</v>
      </c>
      <c r="L17695" s="5" t="s">
        <v>40939</v>
      </c>
      <c r="M17695" s="2" t="s">
        <v>40940</v>
      </c>
      <c r="N17695" s="5" t="s">
        <v>36266</v>
      </c>
      <c r="O17695" s="5" t="s">
        <v>38</v>
      </c>
      <c r="P17695" s="5" t="s">
        <v>39</v>
      </c>
      <c r="Q17695" s="5" t="s">
        <v>40</v>
      </c>
      <c r="R17695" s="5" t="s">
        <v>1522</v>
      </c>
      <c r="S17695" s="5" t="s">
        <v>1523</v>
      </c>
      <c r="T17695" s="5" t="s">
        <v>42</v>
      </c>
      <c r="U17695" s="2">
        <v>2.79</v>
      </c>
      <c r="V17695" s="2">
        <v>2.1589999999999998</v>
      </c>
      <c r="W17695" s="2">
        <v>1.7999999999999999E-2</v>
      </c>
      <c r="X17695" s="2">
        <v>139.1</v>
      </c>
      <c r="Y17695" s="2">
        <v>7.6</v>
      </c>
      <c r="Z17695" s="2">
        <v>16.7</v>
      </c>
      <c r="AA17695" s="5"/>
      <c r="AB17695" s="5" t="s">
        <v>43</v>
      </c>
      <c r="AC17695" s="5" t="s">
        <v>44</v>
      </c>
      <c r="AD17695" s="2"/>
      <c r="AE17695" s="1"/>
    </row>
    <row r="17696" spans="1:31" ht="14.45">
      <c r="A17696" s="11"/>
      <c r="B17696" s="20"/>
      <c r="C17696" s="2" t="s">
        <v>54046</v>
      </c>
      <c r="D17696" s="14" t="s">
        <v>54047</v>
      </c>
      <c r="E17696" s="2" t="s">
        <v>54048</v>
      </c>
      <c r="F17696" s="2" t="s">
        <v>7581</v>
      </c>
      <c r="G17696" s="8">
        <v>289</v>
      </c>
      <c r="H17696" s="5">
        <v>6</v>
      </c>
      <c r="I17696" s="5" t="s">
        <v>1518</v>
      </c>
      <c r="J17696" s="5" t="s">
        <v>40939</v>
      </c>
      <c r="K17696" s="2" t="s">
        <v>40940</v>
      </c>
      <c r="L17696" s="5" t="s">
        <v>40939</v>
      </c>
      <c r="M17696" s="2" t="s">
        <v>40940</v>
      </c>
      <c r="N17696" s="5" t="s">
        <v>36266</v>
      </c>
      <c r="O17696" s="5" t="s">
        <v>38</v>
      </c>
      <c r="P17696" s="5" t="s">
        <v>39</v>
      </c>
      <c r="Q17696" s="5" t="s">
        <v>40</v>
      </c>
      <c r="R17696" s="5" t="s">
        <v>1522</v>
      </c>
      <c r="S17696" s="5" t="s">
        <v>1523</v>
      </c>
      <c r="T17696" s="5" t="s">
        <v>42</v>
      </c>
      <c r="U17696" s="2">
        <v>2.879</v>
      </c>
      <c r="V17696" s="2">
        <v>2.2480000000000002</v>
      </c>
      <c r="W17696" s="2">
        <v>1.7999999999999999E-2</v>
      </c>
      <c r="X17696" s="2">
        <v>139.1</v>
      </c>
      <c r="Y17696" s="2">
        <v>7.6</v>
      </c>
      <c r="Z17696" s="2">
        <v>16.7</v>
      </c>
      <c r="AA17696" s="5"/>
      <c r="AB17696" s="5" t="s">
        <v>43</v>
      </c>
      <c r="AC17696" s="5" t="s">
        <v>44</v>
      </c>
      <c r="AD17696" s="2"/>
      <c r="AE17696" s="1"/>
    </row>
    <row r="17697" spans="1:31" ht="14.45">
      <c r="A17697" s="11"/>
      <c r="B17697" s="20"/>
      <c r="C17697" s="2" t="s">
        <v>54049</v>
      </c>
      <c r="D17697" s="14" t="s">
        <v>54050</v>
      </c>
      <c r="E17697" s="2" t="s">
        <v>54051</v>
      </c>
      <c r="F17697" s="2" t="s">
        <v>41049</v>
      </c>
      <c r="G17697" s="8">
        <v>289</v>
      </c>
      <c r="H17697" s="5">
        <v>6</v>
      </c>
      <c r="I17697" s="5" t="s">
        <v>1518</v>
      </c>
      <c r="J17697" s="5" t="s">
        <v>40939</v>
      </c>
      <c r="K17697" s="2" t="s">
        <v>40940</v>
      </c>
      <c r="L17697" s="5" t="s">
        <v>40939</v>
      </c>
      <c r="M17697" s="2" t="s">
        <v>40940</v>
      </c>
      <c r="N17697" s="5" t="s">
        <v>36266</v>
      </c>
      <c r="O17697" s="5" t="s">
        <v>38</v>
      </c>
      <c r="P17697" s="5" t="s">
        <v>39</v>
      </c>
      <c r="Q17697" s="5" t="s">
        <v>40</v>
      </c>
      <c r="R17697" s="5" t="s">
        <v>1522</v>
      </c>
      <c r="S17697" s="5" t="s">
        <v>1523</v>
      </c>
      <c r="T17697" s="5" t="s">
        <v>42</v>
      </c>
      <c r="U17697" s="2">
        <v>2.9220000000000002</v>
      </c>
      <c r="V17697" s="2">
        <v>2.2909999999999999</v>
      </c>
      <c r="W17697" s="2">
        <v>1.7999999999999999E-2</v>
      </c>
      <c r="X17697" s="2">
        <v>139.1</v>
      </c>
      <c r="Y17697" s="2">
        <v>7.6</v>
      </c>
      <c r="Z17697" s="2">
        <v>16.7</v>
      </c>
      <c r="AA17697" s="5"/>
      <c r="AB17697" s="5" t="s">
        <v>43</v>
      </c>
      <c r="AC17697" s="5" t="s">
        <v>44</v>
      </c>
      <c r="AD17697" s="2"/>
      <c r="AE17697" s="1"/>
    </row>
    <row r="17698" spans="1:31" ht="14.45">
      <c r="A17698" s="11"/>
      <c r="B17698" s="20"/>
      <c r="C17698" s="2" t="s">
        <v>54052</v>
      </c>
      <c r="D17698" s="14" t="s">
        <v>54053</v>
      </c>
      <c r="E17698" s="2" t="s">
        <v>54054</v>
      </c>
      <c r="F17698" s="2" t="s">
        <v>7204</v>
      </c>
      <c r="G17698" s="8">
        <v>258</v>
      </c>
      <c r="H17698" s="5">
        <v>6</v>
      </c>
      <c r="I17698" s="5" t="s">
        <v>1518</v>
      </c>
      <c r="J17698" s="5" t="s">
        <v>40939</v>
      </c>
      <c r="K17698" s="2" t="s">
        <v>40940</v>
      </c>
      <c r="L17698" s="5" t="s">
        <v>40939</v>
      </c>
      <c r="M17698" s="2" t="s">
        <v>40940</v>
      </c>
      <c r="N17698" s="5" t="s">
        <v>36266</v>
      </c>
      <c r="O17698" s="5" t="s">
        <v>38</v>
      </c>
      <c r="P17698" s="5" t="s">
        <v>39</v>
      </c>
      <c r="Q17698" s="5" t="s">
        <v>40</v>
      </c>
      <c r="R17698" s="5" t="s">
        <v>1522</v>
      </c>
      <c r="S17698" s="5" t="s">
        <v>1523</v>
      </c>
      <c r="T17698" s="5" t="s">
        <v>42</v>
      </c>
      <c r="U17698" s="2">
        <v>2.544</v>
      </c>
      <c r="V17698" s="2">
        <v>1.998</v>
      </c>
      <c r="W17698" s="2">
        <v>1.2999999999999999E-2</v>
      </c>
      <c r="X17698" s="2">
        <v>99.1</v>
      </c>
      <c r="Y17698" s="2">
        <v>7.6</v>
      </c>
      <c r="Z17698" s="2">
        <v>16.7</v>
      </c>
      <c r="AA17698" s="5"/>
      <c r="AB17698" s="5" t="s">
        <v>43</v>
      </c>
      <c r="AC17698" s="5" t="s">
        <v>44</v>
      </c>
      <c r="AD17698" s="2"/>
      <c r="AE17698" s="1"/>
    </row>
    <row r="17699" spans="1:31" ht="14.45">
      <c r="A17699" s="11"/>
      <c r="B17699" s="20"/>
      <c r="C17699" s="2" t="s">
        <v>54055</v>
      </c>
      <c r="D17699" s="14" t="s">
        <v>54056</v>
      </c>
      <c r="E17699" s="2" t="s">
        <v>54057</v>
      </c>
      <c r="F17699" s="2" t="s">
        <v>7514</v>
      </c>
      <c r="G17699" s="8">
        <v>258</v>
      </c>
      <c r="H17699" s="5">
        <v>6</v>
      </c>
      <c r="I17699" s="5" t="s">
        <v>1518</v>
      </c>
      <c r="J17699" s="5" t="s">
        <v>40939</v>
      </c>
      <c r="K17699" s="2" t="s">
        <v>40940</v>
      </c>
      <c r="L17699" s="5" t="s">
        <v>40939</v>
      </c>
      <c r="M17699" s="2" t="s">
        <v>40940</v>
      </c>
      <c r="N17699" s="5" t="s">
        <v>36266</v>
      </c>
      <c r="O17699" s="5" t="s">
        <v>38</v>
      </c>
      <c r="P17699" s="5" t="s">
        <v>39</v>
      </c>
      <c r="Q17699" s="5" t="s">
        <v>40</v>
      </c>
      <c r="R17699" s="5" t="s">
        <v>1522</v>
      </c>
      <c r="S17699" s="5" t="s">
        <v>1523</v>
      </c>
      <c r="T17699" s="5" t="s">
        <v>42</v>
      </c>
      <c r="U17699" s="2">
        <v>2.6110000000000002</v>
      </c>
      <c r="V17699" s="2">
        <v>2.0649999999999999</v>
      </c>
      <c r="W17699" s="2">
        <v>1.2999999999999999E-2</v>
      </c>
      <c r="X17699" s="2">
        <v>99.1</v>
      </c>
      <c r="Y17699" s="2">
        <v>7.6</v>
      </c>
      <c r="Z17699" s="2">
        <v>16.7</v>
      </c>
      <c r="AA17699" s="5"/>
      <c r="AB17699" s="5" t="s">
        <v>43</v>
      </c>
      <c r="AC17699" s="5" t="s">
        <v>44</v>
      </c>
      <c r="AD17699" s="2"/>
      <c r="AE17699" s="1"/>
    </row>
    <row r="17700" spans="1:31" ht="14.45">
      <c r="A17700" s="11"/>
      <c r="B17700" s="20"/>
      <c r="C17700" s="2" t="s">
        <v>54058</v>
      </c>
      <c r="D17700" s="14" t="s">
        <v>54059</v>
      </c>
      <c r="E17700" s="2" t="s">
        <v>54060</v>
      </c>
      <c r="F17700" s="2" t="s">
        <v>47266</v>
      </c>
      <c r="G17700" s="8">
        <v>277</v>
      </c>
      <c r="H17700" s="5">
        <v>6</v>
      </c>
      <c r="I17700" s="5" t="s">
        <v>1518</v>
      </c>
      <c r="J17700" s="5" t="s">
        <v>40939</v>
      </c>
      <c r="K17700" s="2" t="s">
        <v>40940</v>
      </c>
      <c r="L17700" s="5" t="s">
        <v>40939</v>
      </c>
      <c r="M17700" s="2" t="s">
        <v>40940</v>
      </c>
      <c r="N17700" s="5" t="s">
        <v>36266</v>
      </c>
      <c r="O17700" s="5" t="s">
        <v>38</v>
      </c>
      <c r="P17700" s="5" t="s">
        <v>39</v>
      </c>
      <c r="Q17700" s="5" t="s">
        <v>40</v>
      </c>
      <c r="R17700" s="5" t="s">
        <v>1522</v>
      </c>
      <c r="S17700" s="5" t="s">
        <v>1523</v>
      </c>
      <c r="T17700" s="5" t="s">
        <v>42</v>
      </c>
      <c r="U17700" s="2">
        <v>2.556</v>
      </c>
      <c r="V17700" s="2">
        <v>2.0099999999999998</v>
      </c>
      <c r="W17700" s="2">
        <v>1.2999999999999999E-2</v>
      </c>
      <c r="X17700" s="2">
        <v>99.1</v>
      </c>
      <c r="Y17700" s="2">
        <v>7.6</v>
      </c>
      <c r="Z17700" s="2">
        <v>16.7</v>
      </c>
      <c r="AA17700" s="5"/>
      <c r="AB17700" s="5" t="s">
        <v>43</v>
      </c>
      <c r="AC17700" s="5" t="s">
        <v>44</v>
      </c>
      <c r="AD17700" s="2"/>
      <c r="AE17700" s="1"/>
    </row>
    <row r="17701" spans="1:31" ht="14.45">
      <c r="A17701" s="11"/>
      <c r="B17701" s="20"/>
      <c r="C17701" s="2" t="s">
        <v>54061</v>
      </c>
      <c r="D17701" s="14" t="s">
        <v>54062</v>
      </c>
      <c r="E17701" s="2" t="s">
        <v>54063</v>
      </c>
      <c r="F17701" s="2" t="s">
        <v>47195</v>
      </c>
      <c r="G17701" s="8">
        <v>277</v>
      </c>
      <c r="H17701" s="5">
        <v>6</v>
      </c>
      <c r="I17701" s="5" t="s">
        <v>1518</v>
      </c>
      <c r="J17701" s="5" t="s">
        <v>40939</v>
      </c>
      <c r="K17701" s="2" t="s">
        <v>40940</v>
      </c>
      <c r="L17701" s="5" t="s">
        <v>40939</v>
      </c>
      <c r="M17701" s="2" t="s">
        <v>40940</v>
      </c>
      <c r="N17701" s="5" t="s">
        <v>36266</v>
      </c>
      <c r="O17701" s="5" t="s">
        <v>38</v>
      </c>
      <c r="P17701" s="5" t="s">
        <v>39</v>
      </c>
      <c r="Q17701" s="5" t="s">
        <v>40</v>
      </c>
      <c r="R17701" s="5" t="s">
        <v>1522</v>
      </c>
      <c r="S17701" s="5" t="s">
        <v>1523</v>
      </c>
      <c r="T17701" s="5" t="s">
        <v>42</v>
      </c>
      <c r="U17701" s="2">
        <v>2.6230000000000002</v>
      </c>
      <c r="V17701" s="2">
        <v>2.077</v>
      </c>
      <c r="W17701" s="2">
        <v>1.2999999999999999E-2</v>
      </c>
      <c r="X17701" s="2">
        <v>99.1</v>
      </c>
      <c r="Y17701" s="2">
        <v>7.6</v>
      </c>
      <c r="Z17701" s="2">
        <v>16.7</v>
      </c>
      <c r="AA17701" s="5"/>
      <c r="AB17701" s="5" t="s">
        <v>43</v>
      </c>
      <c r="AC17701" s="5" t="s">
        <v>44</v>
      </c>
      <c r="AD17701" s="2"/>
      <c r="AE17701" s="1"/>
    </row>
    <row r="17702" spans="1:31" ht="14.45">
      <c r="A17702" s="11"/>
      <c r="B17702" s="20"/>
      <c r="C17702" s="2" t="s">
        <v>54064</v>
      </c>
      <c r="D17702" s="14" t="s">
        <v>54065</v>
      </c>
      <c r="E17702" s="2" t="s">
        <v>54066</v>
      </c>
      <c r="F17702" s="2" t="s">
        <v>7208</v>
      </c>
      <c r="G17702" s="8">
        <v>258</v>
      </c>
      <c r="H17702" s="5">
        <v>6</v>
      </c>
      <c r="I17702" s="5" t="s">
        <v>1518</v>
      </c>
      <c r="J17702" s="5" t="s">
        <v>40939</v>
      </c>
      <c r="K17702" s="2" t="s">
        <v>40940</v>
      </c>
      <c r="L17702" s="5" t="s">
        <v>40939</v>
      </c>
      <c r="M17702" s="2" t="s">
        <v>40940</v>
      </c>
      <c r="N17702" s="5" t="s">
        <v>36266</v>
      </c>
      <c r="O17702" s="5" t="s">
        <v>38</v>
      </c>
      <c r="P17702" s="5" t="s">
        <v>39</v>
      </c>
      <c r="Q17702" s="5" t="s">
        <v>40</v>
      </c>
      <c r="R17702" s="5" t="s">
        <v>1522</v>
      </c>
      <c r="S17702" s="5" t="s">
        <v>1523</v>
      </c>
      <c r="T17702" s="5" t="s">
        <v>42</v>
      </c>
      <c r="U17702" s="2">
        <v>2.5630000000000002</v>
      </c>
      <c r="V17702" s="2">
        <v>2.0169999999999999</v>
      </c>
      <c r="W17702" s="2">
        <v>1.2999999999999999E-2</v>
      </c>
      <c r="X17702" s="2">
        <v>99.1</v>
      </c>
      <c r="Y17702" s="2">
        <v>7.6</v>
      </c>
      <c r="Z17702" s="2">
        <v>16.7</v>
      </c>
      <c r="AA17702" s="5"/>
      <c r="AB17702" s="5" t="s">
        <v>43</v>
      </c>
      <c r="AC17702" s="5" t="s">
        <v>44</v>
      </c>
      <c r="AD17702" s="2"/>
      <c r="AE17702" s="1"/>
    </row>
    <row r="17703" spans="1:31" ht="14.45">
      <c r="A17703" s="11"/>
      <c r="B17703" s="20"/>
      <c r="C17703" s="2" t="s">
        <v>54067</v>
      </c>
      <c r="D17703" s="14" t="s">
        <v>54068</v>
      </c>
      <c r="E17703" s="2" t="s">
        <v>54069</v>
      </c>
      <c r="F17703" s="2" t="s">
        <v>7521</v>
      </c>
      <c r="G17703" s="8">
        <v>258</v>
      </c>
      <c r="H17703" s="5">
        <v>6</v>
      </c>
      <c r="I17703" s="5" t="s">
        <v>1518</v>
      </c>
      <c r="J17703" s="5" t="s">
        <v>40939</v>
      </c>
      <c r="K17703" s="2" t="s">
        <v>40940</v>
      </c>
      <c r="L17703" s="5" t="s">
        <v>40939</v>
      </c>
      <c r="M17703" s="2" t="s">
        <v>40940</v>
      </c>
      <c r="N17703" s="5" t="s">
        <v>36266</v>
      </c>
      <c r="O17703" s="5" t="s">
        <v>38</v>
      </c>
      <c r="P17703" s="5" t="s">
        <v>39</v>
      </c>
      <c r="Q17703" s="5" t="s">
        <v>40</v>
      </c>
      <c r="R17703" s="5" t="s">
        <v>1522</v>
      </c>
      <c r="S17703" s="5" t="s">
        <v>1523</v>
      </c>
      <c r="T17703" s="5" t="s">
        <v>42</v>
      </c>
      <c r="U17703" s="2">
        <v>2.63</v>
      </c>
      <c r="V17703" s="2">
        <v>2.0840000000000001</v>
      </c>
      <c r="W17703" s="2">
        <v>1.2999999999999999E-2</v>
      </c>
      <c r="X17703" s="2">
        <v>99.1</v>
      </c>
      <c r="Y17703" s="2">
        <v>7.6</v>
      </c>
      <c r="Z17703" s="2">
        <v>16.7</v>
      </c>
      <c r="AA17703" s="5"/>
      <c r="AB17703" s="5" t="s">
        <v>43</v>
      </c>
      <c r="AC17703" s="5" t="s">
        <v>44</v>
      </c>
      <c r="AD17703" s="2"/>
      <c r="AE17703" s="1"/>
    </row>
    <row r="17704" spans="1:31" ht="14.45">
      <c r="A17704" s="11"/>
      <c r="B17704" s="20"/>
      <c r="C17704" s="2" t="s">
        <v>54070</v>
      </c>
      <c r="D17704" s="14" t="s">
        <v>54071</v>
      </c>
      <c r="E17704" s="2" t="s">
        <v>54072</v>
      </c>
      <c r="F17704" s="2" t="s">
        <v>36273</v>
      </c>
      <c r="G17704" s="8">
        <v>258</v>
      </c>
      <c r="H17704" s="5">
        <v>6</v>
      </c>
      <c r="I17704" s="5" t="s">
        <v>1518</v>
      </c>
      <c r="J17704" s="5" t="s">
        <v>40939</v>
      </c>
      <c r="K17704" s="2" t="s">
        <v>40940</v>
      </c>
      <c r="L17704" s="5" t="s">
        <v>40939</v>
      </c>
      <c r="M17704" s="2" t="s">
        <v>40940</v>
      </c>
      <c r="N17704" s="5" t="s">
        <v>36266</v>
      </c>
      <c r="O17704" s="5" t="s">
        <v>38</v>
      </c>
      <c r="P17704" s="5" t="s">
        <v>39</v>
      </c>
      <c r="Q17704" s="5" t="s">
        <v>40</v>
      </c>
      <c r="R17704" s="5" t="s">
        <v>1522</v>
      </c>
      <c r="S17704" s="5" t="s">
        <v>1523</v>
      </c>
      <c r="T17704" s="5" t="s">
        <v>42</v>
      </c>
      <c r="U17704" s="2">
        <v>2.5750000000000002</v>
      </c>
      <c r="V17704" s="2">
        <v>2.0289999999999999</v>
      </c>
      <c r="W17704" s="2">
        <v>1.2999999999999999E-2</v>
      </c>
      <c r="X17704" s="2">
        <v>99.1</v>
      </c>
      <c r="Y17704" s="2">
        <v>7.6</v>
      </c>
      <c r="Z17704" s="2">
        <v>16.7</v>
      </c>
      <c r="AA17704" s="5"/>
      <c r="AB17704" s="5" t="s">
        <v>43</v>
      </c>
      <c r="AC17704" s="5" t="s">
        <v>44</v>
      </c>
      <c r="AD17704" s="2"/>
      <c r="AE17704" s="1"/>
    </row>
    <row r="17705" spans="1:31" ht="14.45">
      <c r="A17705" s="11"/>
      <c r="B17705" s="20"/>
      <c r="C17705" s="2" t="s">
        <v>54073</v>
      </c>
      <c r="D17705" s="14" t="s">
        <v>54074</v>
      </c>
      <c r="E17705" s="2" t="s">
        <v>54075</v>
      </c>
      <c r="F17705" s="2" t="s">
        <v>36277</v>
      </c>
      <c r="G17705" s="8">
        <v>258</v>
      </c>
      <c r="H17705" s="5">
        <v>6</v>
      </c>
      <c r="I17705" s="5" t="s">
        <v>1518</v>
      </c>
      <c r="J17705" s="5" t="s">
        <v>40939</v>
      </c>
      <c r="K17705" s="2" t="s">
        <v>40940</v>
      </c>
      <c r="L17705" s="5" t="s">
        <v>40939</v>
      </c>
      <c r="M17705" s="2" t="s">
        <v>40940</v>
      </c>
      <c r="N17705" s="5" t="s">
        <v>36266</v>
      </c>
      <c r="O17705" s="5" t="s">
        <v>38</v>
      </c>
      <c r="P17705" s="5" t="s">
        <v>39</v>
      </c>
      <c r="Q17705" s="5" t="s">
        <v>40</v>
      </c>
      <c r="R17705" s="5" t="s">
        <v>1522</v>
      </c>
      <c r="S17705" s="5" t="s">
        <v>1523</v>
      </c>
      <c r="T17705" s="5" t="s">
        <v>42</v>
      </c>
      <c r="U17705" s="2">
        <v>2.6419999999999999</v>
      </c>
      <c r="V17705" s="2">
        <v>2.0960000000000001</v>
      </c>
      <c r="W17705" s="2">
        <v>1.2999999999999999E-2</v>
      </c>
      <c r="X17705" s="2">
        <v>99.1</v>
      </c>
      <c r="Y17705" s="2">
        <v>7.6</v>
      </c>
      <c r="Z17705" s="2">
        <v>16.7</v>
      </c>
      <c r="AA17705" s="5"/>
      <c r="AB17705" s="5" t="s">
        <v>43</v>
      </c>
      <c r="AC17705" s="5" t="s">
        <v>44</v>
      </c>
      <c r="AD17705" s="2"/>
      <c r="AE17705" s="1"/>
    </row>
    <row r="17706" spans="1:31" ht="14.45">
      <c r="A17706" s="11"/>
      <c r="B17706" s="20"/>
      <c r="C17706" s="2" t="s">
        <v>54076</v>
      </c>
      <c r="D17706" s="14" t="s">
        <v>54077</v>
      </c>
      <c r="E17706" s="2" t="s">
        <v>54078</v>
      </c>
      <c r="F17706" s="2" t="s">
        <v>40967</v>
      </c>
      <c r="G17706" s="8">
        <v>277</v>
      </c>
      <c r="H17706" s="5">
        <v>6</v>
      </c>
      <c r="I17706" s="5" t="s">
        <v>1518</v>
      </c>
      <c r="J17706" s="5" t="s">
        <v>40939</v>
      </c>
      <c r="K17706" s="2" t="s">
        <v>40940</v>
      </c>
      <c r="L17706" s="5" t="s">
        <v>40939</v>
      </c>
      <c r="M17706" s="2" t="s">
        <v>40940</v>
      </c>
      <c r="N17706" s="5" t="s">
        <v>36266</v>
      </c>
      <c r="O17706" s="5" t="s">
        <v>38</v>
      </c>
      <c r="P17706" s="5" t="s">
        <v>39</v>
      </c>
      <c r="Q17706" s="5" t="s">
        <v>40</v>
      </c>
      <c r="R17706" s="5" t="s">
        <v>1522</v>
      </c>
      <c r="S17706" s="5" t="s">
        <v>1523</v>
      </c>
      <c r="T17706" s="5" t="s">
        <v>42</v>
      </c>
      <c r="U17706" s="2">
        <v>2.5630000000000002</v>
      </c>
      <c r="V17706" s="2">
        <v>2.0169999999999999</v>
      </c>
      <c r="W17706" s="2">
        <v>1.2999999999999999E-2</v>
      </c>
      <c r="X17706" s="2">
        <v>99.1</v>
      </c>
      <c r="Y17706" s="2">
        <v>7.6</v>
      </c>
      <c r="Z17706" s="2">
        <v>16.7</v>
      </c>
      <c r="AA17706" s="5"/>
      <c r="AB17706" s="5" t="s">
        <v>43</v>
      </c>
      <c r="AC17706" s="5" t="s">
        <v>44</v>
      </c>
      <c r="AD17706" s="2"/>
      <c r="AE17706" s="1"/>
    </row>
    <row r="17707" spans="1:31" ht="14.45">
      <c r="A17707" s="11"/>
      <c r="B17707" s="20"/>
      <c r="C17707" s="2" t="s">
        <v>54079</v>
      </c>
      <c r="D17707" s="14" t="s">
        <v>54080</v>
      </c>
      <c r="E17707" s="2" t="s">
        <v>54081</v>
      </c>
      <c r="F17707" s="2" t="s">
        <v>40971</v>
      </c>
      <c r="G17707" s="8">
        <v>277</v>
      </c>
      <c r="H17707" s="5">
        <v>6</v>
      </c>
      <c r="I17707" s="5" t="s">
        <v>1518</v>
      </c>
      <c r="J17707" s="5" t="s">
        <v>40939</v>
      </c>
      <c r="K17707" s="2" t="s">
        <v>40940</v>
      </c>
      <c r="L17707" s="5" t="s">
        <v>40939</v>
      </c>
      <c r="M17707" s="2" t="s">
        <v>40940</v>
      </c>
      <c r="N17707" s="5" t="s">
        <v>36266</v>
      </c>
      <c r="O17707" s="5" t="s">
        <v>38</v>
      </c>
      <c r="P17707" s="5" t="s">
        <v>39</v>
      </c>
      <c r="Q17707" s="5" t="s">
        <v>40</v>
      </c>
      <c r="R17707" s="5" t="s">
        <v>1522</v>
      </c>
      <c r="S17707" s="5" t="s">
        <v>1523</v>
      </c>
      <c r="T17707" s="5" t="s">
        <v>42</v>
      </c>
      <c r="U17707" s="2">
        <v>2.63</v>
      </c>
      <c r="V17707" s="2">
        <v>2.0840000000000001</v>
      </c>
      <c r="W17707" s="2">
        <v>1.2999999999999999E-2</v>
      </c>
      <c r="X17707" s="2">
        <v>99.1</v>
      </c>
      <c r="Y17707" s="2">
        <v>7.6</v>
      </c>
      <c r="Z17707" s="2">
        <v>16.7</v>
      </c>
      <c r="AA17707" s="5"/>
      <c r="AB17707" s="5" t="s">
        <v>43</v>
      </c>
      <c r="AC17707" s="5" t="s">
        <v>44</v>
      </c>
      <c r="AD17707" s="2"/>
      <c r="AE17707" s="1"/>
    </row>
    <row r="17708" spans="1:31" ht="14.45">
      <c r="A17708" s="11"/>
      <c r="B17708" s="20"/>
      <c r="C17708" s="2" t="s">
        <v>54082</v>
      </c>
      <c r="D17708" s="14" t="s">
        <v>54083</v>
      </c>
      <c r="E17708" s="2" t="s">
        <v>54084</v>
      </c>
      <c r="F17708" s="2" t="s">
        <v>7539</v>
      </c>
      <c r="G17708" s="8">
        <v>277</v>
      </c>
      <c r="H17708" s="5">
        <v>6</v>
      </c>
      <c r="I17708" s="5" t="s">
        <v>1518</v>
      </c>
      <c r="J17708" s="5" t="s">
        <v>40939</v>
      </c>
      <c r="K17708" s="2" t="s">
        <v>40940</v>
      </c>
      <c r="L17708" s="5" t="s">
        <v>40939</v>
      </c>
      <c r="M17708" s="2" t="s">
        <v>40940</v>
      </c>
      <c r="N17708" s="5" t="s">
        <v>36266</v>
      </c>
      <c r="O17708" s="5" t="s">
        <v>38</v>
      </c>
      <c r="P17708" s="5" t="s">
        <v>39</v>
      </c>
      <c r="Q17708" s="5" t="s">
        <v>40</v>
      </c>
      <c r="R17708" s="5" t="s">
        <v>1522</v>
      </c>
      <c r="S17708" s="5" t="s">
        <v>1523</v>
      </c>
      <c r="T17708" s="5" t="s">
        <v>42</v>
      </c>
      <c r="U17708" s="2">
        <v>2.532</v>
      </c>
      <c r="V17708" s="2">
        <v>1.986</v>
      </c>
      <c r="W17708" s="2">
        <v>1.2999999999999999E-2</v>
      </c>
      <c r="X17708" s="2">
        <v>99.1</v>
      </c>
      <c r="Y17708" s="2">
        <v>7.6</v>
      </c>
      <c r="Z17708" s="2">
        <v>16.7</v>
      </c>
      <c r="AA17708" s="5"/>
      <c r="AB17708" s="5" t="s">
        <v>43</v>
      </c>
      <c r="AC17708" s="5" t="s">
        <v>44</v>
      </c>
      <c r="AD17708" s="2"/>
      <c r="AE17708" s="1"/>
    </row>
    <row r="17709" spans="1:31" ht="14.45">
      <c r="A17709" s="11"/>
      <c r="B17709" s="20"/>
      <c r="C17709" s="2" t="s">
        <v>54085</v>
      </c>
      <c r="D17709" s="14" t="s">
        <v>54086</v>
      </c>
      <c r="E17709" s="2" t="s">
        <v>54087</v>
      </c>
      <c r="F17709" s="2" t="s">
        <v>40989</v>
      </c>
      <c r="G17709" s="8">
        <v>277</v>
      </c>
      <c r="H17709" s="5">
        <v>6</v>
      </c>
      <c r="I17709" s="5" t="s">
        <v>1518</v>
      </c>
      <c r="J17709" s="5" t="s">
        <v>40939</v>
      </c>
      <c r="K17709" s="2" t="s">
        <v>40940</v>
      </c>
      <c r="L17709" s="5" t="s">
        <v>40939</v>
      </c>
      <c r="M17709" s="2" t="s">
        <v>40940</v>
      </c>
      <c r="N17709" s="5" t="s">
        <v>36266</v>
      </c>
      <c r="O17709" s="5" t="s">
        <v>38</v>
      </c>
      <c r="P17709" s="5" t="s">
        <v>39</v>
      </c>
      <c r="Q17709" s="5" t="s">
        <v>40</v>
      </c>
      <c r="R17709" s="5" t="s">
        <v>1522</v>
      </c>
      <c r="S17709" s="5" t="s">
        <v>1523</v>
      </c>
      <c r="T17709" s="5" t="s">
        <v>42</v>
      </c>
      <c r="U17709" s="2">
        <v>2.5630000000000002</v>
      </c>
      <c r="V17709" s="2">
        <v>2.0169999999999999</v>
      </c>
      <c r="W17709" s="2">
        <v>1.2999999999999999E-2</v>
      </c>
      <c r="X17709" s="2">
        <v>99.1</v>
      </c>
      <c r="Y17709" s="2">
        <v>7.6</v>
      </c>
      <c r="Z17709" s="2">
        <v>16.7</v>
      </c>
      <c r="AA17709" s="5"/>
      <c r="AB17709" s="5" t="s">
        <v>43</v>
      </c>
      <c r="AC17709" s="5" t="s">
        <v>44</v>
      </c>
      <c r="AD17709" s="2"/>
      <c r="AE17709" s="1"/>
    </row>
    <row r="17710" spans="1:31" ht="14.45">
      <c r="A17710" s="11"/>
      <c r="B17710" s="20"/>
      <c r="C17710" s="2" t="s">
        <v>54088</v>
      </c>
      <c r="D17710" s="14" t="s">
        <v>54089</v>
      </c>
      <c r="E17710" s="2" t="s">
        <v>54090</v>
      </c>
      <c r="F17710" s="2" t="s">
        <v>40993</v>
      </c>
      <c r="G17710" s="8">
        <v>277</v>
      </c>
      <c r="H17710" s="5">
        <v>6</v>
      </c>
      <c r="I17710" s="5" t="s">
        <v>1518</v>
      </c>
      <c r="J17710" s="5" t="s">
        <v>40939</v>
      </c>
      <c r="K17710" s="2" t="s">
        <v>40940</v>
      </c>
      <c r="L17710" s="5" t="s">
        <v>40939</v>
      </c>
      <c r="M17710" s="2" t="s">
        <v>40940</v>
      </c>
      <c r="N17710" s="5" t="s">
        <v>36266</v>
      </c>
      <c r="O17710" s="5" t="s">
        <v>38</v>
      </c>
      <c r="P17710" s="5" t="s">
        <v>39</v>
      </c>
      <c r="Q17710" s="5" t="s">
        <v>40</v>
      </c>
      <c r="R17710" s="5" t="s">
        <v>1522</v>
      </c>
      <c r="S17710" s="5" t="s">
        <v>1523</v>
      </c>
      <c r="T17710" s="5" t="s">
        <v>42</v>
      </c>
      <c r="U17710" s="2">
        <v>2.63</v>
      </c>
      <c r="V17710" s="2">
        <v>2.0840000000000001</v>
      </c>
      <c r="W17710" s="2">
        <v>1.2999999999999999E-2</v>
      </c>
      <c r="X17710" s="2">
        <v>99.1</v>
      </c>
      <c r="Y17710" s="2">
        <v>7.6</v>
      </c>
      <c r="Z17710" s="2">
        <v>16.7</v>
      </c>
      <c r="AA17710" s="5"/>
      <c r="AB17710" s="5" t="s">
        <v>43</v>
      </c>
      <c r="AC17710" s="5" t="s">
        <v>44</v>
      </c>
      <c r="AD17710" s="2"/>
      <c r="AE17710" s="1"/>
    </row>
    <row r="17711" spans="1:31" ht="14.45">
      <c r="A17711" s="11"/>
      <c r="B17711" s="20"/>
      <c r="C17711" s="2" t="s">
        <v>54091</v>
      </c>
      <c r="D17711" s="14" t="s">
        <v>54092</v>
      </c>
      <c r="E17711" s="2" t="s">
        <v>54093</v>
      </c>
      <c r="F17711" s="2" t="s">
        <v>40997</v>
      </c>
      <c r="G17711" s="8">
        <v>277</v>
      </c>
      <c r="H17711" s="5">
        <v>6</v>
      </c>
      <c r="I17711" s="5" t="s">
        <v>1518</v>
      </c>
      <c r="J17711" s="5" t="s">
        <v>40939</v>
      </c>
      <c r="K17711" s="2" t="s">
        <v>40940</v>
      </c>
      <c r="L17711" s="5" t="s">
        <v>40939</v>
      </c>
      <c r="M17711" s="2" t="s">
        <v>40940</v>
      </c>
      <c r="N17711" s="5" t="s">
        <v>36266</v>
      </c>
      <c r="O17711" s="5" t="s">
        <v>38</v>
      </c>
      <c r="P17711" s="5" t="s">
        <v>39</v>
      </c>
      <c r="Q17711" s="5" t="s">
        <v>40</v>
      </c>
      <c r="R17711" s="5" t="s">
        <v>1522</v>
      </c>
      <c r="S17711" s="5" t="s">
        <v>1523</v>
      </c>
      <c r="T17711" s="5" t="s">
        <v>42</v>
      </c>
      <c r="U17711" s="2">
        <v>2.5379999999999998</v>
      </c>
      <c r="V17711" s="2">
        <v>1.992</v>
      </c>
      <c r="W17711" s="2">
        <v>1.2999999999999999E-2</v>
      </c>
      <c r="X17711" s="2">
        <v>99.1</v>
      </c>
      <c r="Y17711" s="2">
        <v>7.6</v>
      </c>
      <c r="Z17711" s="2">
        <v>16.7</v>
      </c>
      <c r="AA17711" s="5"/>
      <c r="AB17711" s="5" t="s">
        <v>43</v>
      </c>
      <c r="AC17711" s="5" t="s">
        <v>44</v>
      </c>
      <c r="AD17711" s="2"/>
      <c r="AE17711" s="1"/>
    </row>
    <row r="17712" spans="1:31" ht="14.45">
      <c r="A17712" s="11"/>
      <c r="B17712" s="20"/>
      <c r="C17712" s="2" t="s">
        <v>54094</v>
      </c>
      <c r="D17712" s="14" t="s">
        <v>54095</v>
      </c>
      <c r="E17712" s="2" t="s">
        <v>54096</v>
      </c>
      <c r="F17712" s="2" t="s">
        <v>41267</v>
      </c>
      <c r="G17712" s="8">
        <v>277</v>
      </c>
      <c r="H17712" s="5">
        <v>6</v>
      </c>
      <c r="I17712" s="5" t="s">
        <v>1518</v>
      </c>
      <c r="J17712" s="5" t="s">
        <v>40939</v>
      </c>
      <c r="K17712" s="2" t="s">
        <v>40940</v>
      </c>
      <c r="L17712" s="5" t="s">
        <v>40939</v>
      </c>
      <c r="M17712" s="2" t="s">
        <v>40940</v>
      </c>
      <c r="N17712" s="5" t="s">
        <v>36266</v>
      </c>
      <c r="O17712" s="5" t="s">
        <v>38</v>
      </c>
      <c r="P17712" s="5" t="s">
        <v>39</v>
      </c>
      <c r="Q17712" s="5" t="s">
        <v>40</v>
      </c>
      <c r="R17712" s="5" t="s">
        <v>1522</v>
      </c>
      <c r="S17712" s="5" t="s">
        <v>1523</v>
      </c>
      <c r="T17712" s="5" t="s">
        <v>42</v>
      </c>
      <c r="U17712" s="2">
        <v>2.605</v>
      </c>
      <c r="V17712" s="2">
        <v>2.0590000000000002</v>
      </c>
      <c r="W17712" s="2">
        <v>1.2999999999999999E-2</v>
      </c>
      <c r="X17712" s="2">
        <v>99.1</v>
      </c>
      <c r="Y17712" s="2">
        <v>7.6</v>
      </c>
      <c r="Z17712" s="2">
        <v>16.7</v>
      </c>
      <c r="AA17712" s="5"/>
      <c r="AB17712" s="5" t="s">
        <v>43</v>
      </c>
      <c r="AC17712" s="5" t="s">
        <v>44</v>
      </c>
      <c r="AD17712" s="2"/>
      <c r="AE17712" s="1"/>
    </row>
    <row r="17713" spans="1:31" ht="14.45">
      <c r="A17713" s="11"/>
      <c r="B17713" s="20"/>
      <c r="C17713" s="2" t="s">
        <v>54097</v>
      </c>
      <c r="D17713" s="14" t="s">
        <v>54098</v>
      </c>
      <c r="E17713" s="2" t="s">
        <v>54099</v>
      </c>
      <c r="F17713" s="2" t="s">
        <v>41001</v>
      </c>
      <c r="G17713" s="8">
        <v>277</v>
      </c>
      <c r="H17713" s="5">
        <v>6</v>
      </c>
      <c r="I17713" s="5" t="s">
        <v>1518</v>
      </c>
      <c r="J17713" s="5" t="s">
        <v>40939</v>
      </c>
      <c r="K17713" s="2" t="s">
        <v>40940</v>
      </c>
      <c r="L17713" s="5" t="s">
        <v>40939</v>
      </c>
      <c r="M17713" s="2" t="s">
        <v>40940</v>
      </c>
      <c r="N17713" s="5" t="s">
        <v>36266</v>
      </c>
      <c r="O17713" s="5" t="s">
        <v>38</v>
      </c>
      <c r="P17713" s="5" t="s">
        <v>39</v>
      </c>
      <c r="Q17713" s="5" t="s">
        <v>40</v>
      </c>
      <c r="R17713" s="5" t="s">
        <v>1522</v>
      </c>
      <c r="S17713" s="5" t="s">
        <v>1523</v>
      </c>
      <c r="T17713" s="5" t="s">
        <v>42</v>
      </c>
      <c r="U17713" s="2">
        <v>2.5630000000000002</v>
      </c>
      <c r="V17713" s="2">
        <v>2.0169999999999999</v>
      </c>
      <c r="W17713" s="2">
        <v>1.2999999999999999E-2</v>
      </c>
      <c r="X17713" s="2">
        <v>99.1</v>
      </c>
      <c r="Y17713" s="2">
        <v>7.6</v>
      </c>
      <c r="Z17713" s="2">
        <v>16.7</v>
      </c>
      <c r="AA17713" s="5"/>
      <c r="AB17713" s="5" t="s">
        <v>43</v>
      </c>
      <c r="AC17713" s="5" t="s">
        <v>44</v>
      </c>
      <c r="AD17713" s="2"/>
      <c r="AE17713" s="1"/>
    </row>
    <row r="17714" spans="1:31" ht="14.45">
      <c r="A17714" s="11"/>
      <c r="B17714" s="20"/>
      <c r="C17714" s="2" t="s">
        <v>54100</v>
      </c>
      <c r="D17714" s="14" t="s">
        <v>54101</v>
      </c>
      <c r="E17714" s="2" t="s">
        <v>54102</v>
      </c>
      <c r="F17714" s="2" t="s">
        <v>41013</v>
      </c>
      <c r="G17714" s="8">
        <v>277</v>
      </c>
      <c r="H17714" s="5">
        <v>6</v>
      </c>
      <c r="I17714" s="5" t="s">
        <v>1518</v>
      </c>
      <c r="J17714" s="5" t="s">
        <v>40939</v>
      </c>
      <c r="K17714" s="2" t="s">
        <v>40940</v>
      </c>
      <c r="L17714" s="5" t="s">
        <v>40939</v>
      </c>
      <c r="M17714" s="2" t="s">
        <v>40940</v>
      </c>
      <c r="N17714" s="5" t="s">
        <v>36266</v>
      </c>
      <c r="O17714" s="5" t="s">
        <v>38</v>
      </c>
      <c r="P17714" s="5" t="s">
        <v>39</v>
      </c>
      <c r="Q17714" s="5" t="s">
        <v>40</v>
      </c>
      <c r="R17714" s="5" t="s">
        <v>1522</v>
      </c>
      <c r="S17714" s="5" t="s">
        <v>1523</v>
      </c>
      <c r="T17714" s="5" t="s">
        <v>42</v>
      </c>
      <c r="U17714" s="2">
        <v>2.6360000000000001</v>
      </c>
      <c r="V17714" s="2">
        <v>2.09</v>
      </c>
      <c r="W17714" s="2">
        <v>1.2999999999999999E-2</v>
      </c>
      <c r="X17714" s="2">
        <v>99.1</v>
      </c>
      <c r="Y17714" s="2">
        <v>7.6</v>
      </c>
      <c r="Z17714" s="2">
        <v>16.7</v>
      </c>
      <c r="AA17714" s="5"/>
      <c r="AB17714" s="5" t="s">
        <v>43</v>
      </c>
      <c r="AC17714" s="5" t="s">
        <v>44</v>
      </c>
      <c r="AD17714" s="2"/>
      <c r="AE17714" s="1"/>
    </row>
    <row r="17715" spans="1:31" ht="14.45">
      <c r="A17715" s="11"/>
      <c r="B17715" s="20"/>
      <c r="C17715" s="2" t="s">
        <v>54103</v>
      </c>
      <c r="D17715" s="14" t="s">
        <v>54104</v>
      </c>
      <c r="E17715" s="2" t="s">
        <v>54105</v>
      </c>
      <c r="F17715" s="2" t="s">
        <v>7396</v>
      </c>
      <c r="G17715" s="8">
        <v>258</v>
      </c>
      <c r="H17715" s="5">
        <v>6</v>
      </c>
      <c r="I17715" s="5" t="s">
        <v>1518</v>
      </c>
      <c r="J17715" s="5" t="s">
        <v>40939</v>
      </c>
      <c r="K17715" s="2" t="s">
        <v>40940</v>
      </c>
      <c r="L17715" s="5" t="s">
        <v>40939</v>
      </c>
      <c r="M17715" s="2" t="s">
        <v>40940</v>
      </c>
      <c r="N17715" s="5" t="s">
        <v>36266</v>
      </c>
      <c r="O17715" s="5" t="s">
        <v>38</v>
      </c>
      <c r="P17715" s="5" t="s">
        <v>39</v>
      </c>
      <c r="Q17715" s="5" t="s">
        <v>40</v>
      </c>
      <c r="R17715" s="5" t="s">
        <v>1522</v>
      </c>
      <c r="S17715" s="5" t="s">
        <v>1523</v>
      </c>
      <c r="T17715" s="5" t="s">
        <v>42</v>
      </c>
      <c r="U17715" s="2">
        <v>2.569</v>
      </c>
      <c r="V17715" s="2">
        <v>2.0230000000000001</v>
      </c>
      <c r="W17715" s="2">
        <v>1.2999999999999999E-2</v>
      </c>
      <c r="X17715" s="2">
        <v>99.1</v>
      </c>
      <c r="Y17715" s="2">
        <v>7.6</v>
      </c>
      <c r="Z17715" s="2">
        <v>16.7</v>
      </c>
      <c r="AA17715" s="5"/>
      <c r="AB17715" s="5" t="s">
        <v>43</v>
      </c>
      <c r="AC17715" s="5" t="s">
        <v>44</v>
      </c>
      <c r="AD17715" s="2"/>
      <c r="AE17715" s="1"/>
    </row>
    <row r="17716" spans="1:31" ht="14.45">
      <c r="A17716" s="11"/>
      <c r="B17716" s="20"/>
      <c r="C17716" s="2" t="s">
        <v>54106</v>
      </c>
      <c r="D17716" s="14" t="s">
        <v>54107</v>
      </c>
      <c r="E17716" s="2" t="s">
        <v>54108</v>
      </c>
      <c r="F17716" s="2" t="s">
        <v>7507</v>
      </c>
      <c r="G17716" s="8">
        <v>258</v>
      </c>
      <c r="H17716" s="5">
        <v>6</v>
      </c>
      <c r="I17716" s="5" t="s">
        <v>1518</v>
      </c>
      <c r="J17716" s="5" t="s">
        <v>40939</v>
      </c>
      <c r="K17716" s="2" t="s">
        <v>40940</v>
      </c>
      <c r="L17716" s="5" t="s">
        <v>40939</v>
      </c>
      <c r="M17716" s="2" t="s">
        <v>40940</v>
      </c>
      <c r="N17716" s="5" t="s">
        <v>36266</v>
      </c>
      <c r="O17716" s="5" t="s">
        <v>38</v>
      </c>
      <c r="P17716" s="5" t="s">
        <v>39</v>
      </c>
      <c r="Q17716" s="5" t="s">
        <v>40</v>
      </c>
      <c r="R17716" s="5" t="s">
        <v>1522</v>
      </c>
      <c r="S17716" s="5" t="s">
        <v>1523</v>
      </c>
      <c r="T17716" s="5" t="s">
        <v>42</v>
      </c>
      <c r="U17716" s="2">
        <v>2.6360000000000001</v>
      </c>
      <c r="V17716" s="2">
        <v>2.09</v>
      </c>
      <c r="W17716" s="2">
        <v>1.2999999999999999E-2</v>
      </c>
      <c r="X17716" s="2">
        <v>99.1</v>
      </c>
      <c r="Y17716" s="2">
        <v>7.6</v>
      </c>
      <c r="Z17716" s="2">
        <v>16.7</v>
      </c>
      <c r="AA17716" s="5"/>
      <c r="AB17716" s="5" t="s">
        <v>43</v>
      </c>
      <c r="AC17716" s="5" t="s">
        <v>44</v>
      </c>
      <c r="AD17716" s="2"/>
      <c r="AE17716" s="1"/>
    </row>
    <row r="17717" spans="1:31" ht="14.45">
      <c r="A17717" s="11"/>
      <c r="B17717" s="20"/>
      <c r="C17717" s="2" t="s">
        <v>54109</v>
      </c>
      <c r="D17717" s="14" t="s">
        <v>54110</v>
      </c>
      <c r="E17717" s="2" t="s">
        <v>54111</v>
      </c>
      <c r="F17717" s="2" t="s">
        <v>41023</v>
      </c>
      <c r="G17717" s="8">
        <v>277</v>
      </c>
      <c r="H17717" s="5">
        <v>6</v>
      </c>
      <c r="I17717" s="5" t="s">
        <v>1518</v>
      </c>
      <c r="J17717" s="5" t="s">
        <v>40939</v>
      </c>
      <c r="K17717" s="2" t="s">
        <v>40940</v>
      </c>
      <c r="L17717" s="5" t="s">
        <v>40939</v>
      </c>
      <c r="M17717" s="2" t="s">
        <v>40940</v>
      </c>
      <c r="N17717" s="5" t="s">
        <v>36266</v>
      </c>
      <c r="O17717" s="5" t="s">
        <v>38</v>
      </c>
      <c r="P17717" s="5" t="s">
        <v>39</v>
      </c>
      <c r="Q17717" s="5" t="s">
        <v>40</v>
      </c>
      <c r="R17717" s="5" t="s">
        <v>1522</v>
      </c>
      <c r="S17717" s="5" t="s">
        <v>1523</v>
      </c>
      <c r="T17717" s="5" t="s">
        <v>42</v>
      </c>
      <c r="U17717" s="2">
        <v>2.5379999999999998</v>
      </c>
      <c r="V17717" s="2">
        <v>1.992</v>
      </c>
      <c r="W17717" s="2">
        <v>1.2999999999999999E-2</v>
      </c>
      <c r="X17717" s="2">
        <v>99.1</v>
      </c>
      <c r="Y17717" s="2">
        <v>7.6</v>
      </c>
      <c r="Z17717" s="2">
        <v>16.7</v>
      </c>
      <c r="AA17717" s="5"/>
      <c r="AB17717" s="5" t="s">
        <v>43</v>
      </c>
      <c r="AC17717" s="5" t="s">
        <v>44</v>
      </c>
      <c r="AD17717" s="2"/>
      <c r="AE17717" s="1"/>
    </row>
    <row r="17718" spans="1:31" ht="14.45">
      <c r="A17718" s="11"/>
      <c r="B17718" s="20"/>
      <c r="C17718" s="2" t="s">
        <v>54112</v>
      </c>
      <c r="D17718" s="14" t="s">
        <v>54113</v>
      </c>
      <c r="E17718" s="2" t="s">
        <v>54114</v>
      </c>
      <c r="F17718" s="2" t="s">
        <v>41027</v>
      </c>
      <c r="G17718" s="8">
        <v>277</v>
      </c>
      <c r="H17718" s="5">
        <v>6</v>
      </c>
      <c r="I17718" s="5" t="s">
        <v>1518</v>
      </c>
      <c r="J17718" s="5" t="s">
        <v>40939</v>
      </c>
      <c r="K17718" s="2" t="s">
        <v>40940</v>
      </c>
      <c r="L17718" s="5" t="s">
        <v>40939</v>
      </c>
      <c r="M17718" s="2" t="s">
        <v>40940</v>
      </c>
      <c r="N17718" s="5" t="s">
        <v>36266</v>
      </c>
      <c r="O17718" s="5" t="s">
        <v>38</v>
      </c>
      <c r="P17718" s="5" t="s">
        <v>39</v>
      </c>
      <c r="Q17718" s="5" t="s">
        <v>40</v>
      </c>
      <c r="R17718" s="5" t="s">
        <v>1522</v>
      </c>
      <c r="S17718" s="5" t="s">
        <v>1523</v>
      </c>
      <c r="T17718" s="5" t="s">
        <v>42</v>
      </c>
      <c r="U17718" s="2">
        <v>2.605</v>
      </c>
      <c r="V17718" s="2">
        <v>2.0590000000000002</v>
      </c>
      <c r="W17718" s="2">
        <v>1.2999999999999999E-2</v>
      </c>
      <c r="X17718" s="2">
        <v>99.1</v>
      </c>
      <c r="Y17718" s="2">
        <v>7.6</v>
      </c>
      <c r="Z17718" s="2">
        <v>16.7</v>
      </c>
      <c r="AA17718" s="5"/>
      <c r="AB17718" s="5" t="s">
        <v>43</v>
      </c>
      <c r="AC17718" s="5" t="s">
        <v>44</v>
      </c>
      <c r="AD17718" s="2"/>
      <c r="AE17718" s="1"/>
    </row>
    <row r="17719" spans="1:31" ht="14.45">
      <c r="A17719" s="11"/>
      <c r="B17719" s="20"/>
      <c r="C17719" s="2" t="s">
        <v>54115</v>
      </c>
      <c r="D17719" s="14" t="s">
        <v>54116</v>
      </c>
      <c r="E17719" s="2" t="s">
        <v>54117</v>
      </c>
      <c r="F17719" s="2" t="s">
        <v>41031</v>
      </c>
      <c r="G17719" s="8">
        <v>277</v>
      </c>
      <c r="H17719" s="5">
        <v>6</v>
      </c>
      <c r="I17719" s="5" t="s">
        <v>1518</v>
      </c>
      <c r="J17719" s="5" t="s">
        <v>40939</v>
      </c>
      <c r="K17719" s="2" t="s">
        <v>40940</v>
      </c>
      <c r="L17719" s="5" t="s">
        <v>40939</v>
      </c>
      <c r="M17719" s="2" t="s">
        <v>40940</v>
      </c>
      <c r="N17719" s="5" t="s">
        <v>36266</v>
      </c>
      <c r="O17719" s="5" t="s">
        <v>38</v>
      </c>
      <c r="P17719" s="5" t="s">
        <v>39</v>
      </c>
      <c r="Q17719" s="5" t="s">
        <v>40</v>
      </c>
      <c r="R17719" s="5" t="s">
        <v>1522</v>
      </c>
      <c r="S17719" s="5" t="s">
        <v>1523</v>
      </c>
      <c r="T17719" s="5" t="s">
        <v>42</v>
      </c>
      <c r="U17719" s="2">
        <v>2.5379999999999998</v>
      </c>
      <c r="V17719" s="2">
        <v>1.992</v>
      </c>
      <c r="W17719" s="2">
        <v>1.2999999999999999E-2</v>
      </c>
      <c r="X17719" s="2">
        <v>99.1</v>
      </c>
      <c r="Y17719" s="2">
        <v>7.6</v>
      </c>
      <c r="Z17719" s="2">
        <v>16.7</v>
      </c>
      <c r="AA17719" s="5"/>
      <c r="AB17719" s="5" t="s">
        <v>43</v>
      </c>
      <c r="AC17719" s="5" t="s">
        <v>44</v>
      </c>
      <c r="AD17719" s="2"/>
      <c r="AE17719" s="1"/>
    </row>
    <row r="17720" spans="1:31" ht="14.45">
      <c r="A17720" s="11"/>
      <c r="B17720" s="20"/>
      <c r="C17720" s="2" t="s">
        <v>54118</v>
      </c>
      <c r="D17720" s="14" t="s">
        <v>54119</v>
      </c>
      <c r="E17720" s="2" t="s">
        <v>54120</v>
      </c>
      <c r="F17720" s="2" t="s">
        <v>7449</v>
      </c>
      <c r="G17720" s="8">
        <v>277</v>
      </c>
      <c r="H17720" s="5">
        <v>6</v>
      </c>
      <c r="I17720" s="5" t="s">
        <v>1518</v>
      </c>
      <c r="J17720" s="5" t="s">
        <v>40939</v>
      </c>
      <c r="K17720" s="2" t="s">
        <v>40940</v>
      </c>
      <c r="L17720" s="5" t="s">
        <v>40939</v>
      </c>
      <c r="M17720" s="2" t="s">
        <v>40940</v>
      </c>
      <c r="N17720" s="5" t="s">
        <v>36266</v>
      </c>
      <c r="O17720" s="5" t="s">
        <v>38</v>
      </c>
      <c r="P17720" s="5" t="s">
        <v>39</v>
      </c>
      <c r="Q17720" s="5" t="s">
        <v>40</v>
      </c>
      <c r="R17720" s="5" t="s">
        <v>1522</v>
      </c>
      <c r="S17720" s="5" t="s">
        <v>1523</v>
      </c>
      <c r="T17720" s="5" t="s">
        <v>42</v>
      </c>
      <c r="U17720" s="2">
        <v>2.5379999999999998</v>
      </c>
      <c r="V17720" s="2">
        <v>1.992</v>
      </c>
      <c r="W17720" s="2">
        <v>1.2999999999999999E-2</v>
      </c>
      <c r="X17720" s="2">
        <v>99.1</v>
      </c>
      <c r="Y17720" s="2">
        <v>7.6</v>
      </c>
      <c r="Z17720" s="2">
        <v>16.7</v>
      </c>
      <c r="AA17720" s="5"/>
      <c r="AB17720" s="5" t="s">
        <v>43</v>
      </c>
      <c r="AC17720" s="5" t="s">
        <v>44</v>
      </c>
      <c r="AD17720" s="2"/>
      <c r="AE17720" s="1"/>
    </row>
    <row r="17721" spans="1:31" ht="14.45">
      <c r="A17721" s="11"/>
      <c r="B17721" s="20"/>
      <c r="C17721" s="2" t="s">
        <v>54121</v>
      </c>
      <c r="D17721" s="14" t="s">
        <v>54122</v>
      </c>
      <c r="E17721" s="2" t="s">
        <v>54123</v>
      </c>
      <c r="F17721" s="2" t="s">
        <v>7581</v>
      </c>
      <c r="G17721" s="8">
        <v>277</v>
      </c>
      <c r="H17721" s="5">
        <v>6</v>
      </c>
      <c r="I17721" s="5" t="s">
        <v>1518</v>
      </c>
      <c r="J17721" s="5" t="s">
        <v>40939</v>
      </c>
      <c r="K17721" s="2" t="s">
        <v>40940</v>
      </c>
      <c r="L17721" s="5" t="s">
        <v>40939</v>
      </c>
      <c r="M17721" s="2" t="s">
        <v>40940</v>
      </c>
      <c r="N17721" s="5" t="s">
        <v>36266</v>
      </c>
      <c r="O17721" s="5" t="s">
        <v>38</v>
      </c>
      <c r="P17721" s="5" t="s">
        <v>39</v>
      </c>
      <c r="Q17721" s="5" t="s">
        <v>40</v>
      </c>
      <c r="R17721" s="5" t="s">
        <v>1522</v>
      </c>
      <c r="S17721" s="5" t="s">
        <v>1523</v>
      </c>
      <c r="T17721" s="5" t="s">
        <v>42</v>
      </c>
      <c r="U17721" s="2">
        <v>2.605</v>
      </c>
      <c r="V17721" s="2">
        <v>2.0590000000000002</v>
      </c>
      <c r="W17721" s="2">
        <v>1.2999999999999999E-2</v>
      </c>
      <c r="X17721" s="2">
        <v>99.1</v>
      </c>
      <c r="Y17721" s="2">
        <v>7.6</v>
      </c>
      <c r="Z17721" s="2">
        <v>16.7</v>
      </c>
      <c r="AA17721" s="5"/>
      <c r="AB17721" s="5" t="s">
        <v>43</v>
      </c>
      <c r="AC17721" s="5" t="s">
        <v>44</v>
      </c>
      <c r="AD17721" s="2"/>
      <c r="AE17721" s="1"/>
    </row>
    <row r="17722" spans="1:31" ht="14.45">
      <c r="A17722" s="11"/>
      <c r="B17722" s="20"/>
      <c r="C17722" s="2" t="s">
        <v>54124</v>
      </c>
      <c r="D17722" s="14" t="s">
        <v>54125</v>
      </c>
      <c r="E17722" s="2" t="s">
        <v>54126</v>
      </c>
      <c r="F17722" s="2" t="s">
        <v>41045</v>
      </c>
      <c r="G17722" s="8">
        <v>277</v>
      </c>
      <c r="H17722" s="5">
        <v>6</v>
      </c>
      <c r="I17722" s="5" t="s">
        <v>1518</v>
      </c>
      <c r="J17722" s="5" t="s">
        <v>40939</v>
      </c>
      <c r="K17722" s="2" t="s">
        <v>40940</v>
      </c>
      <c r="L17722" s="5" t="s">
        <v>40939</v>
      </c>
      <c r="M17722" s="2" t="s">
        <v>40940</v>
      </c>
      <c r="N17722" s="5" t="s">
        <v>36266</v>
      </c>
      <c r="O17722" s="5" t="s">
        <v>38</v>
      </c>
      <c r="P17722" s="5" t="s">
        <v>39</v>
      </c>
      <c r="Q17722" s="5" t="s">
        <v>40</v>
      </c>
      <c r="R17722" s="5" t="s">
        <v>1522</v>
      </c>
      <c r="S17722" s="5" t="s">
        <v>1523</v>
      </c>
      <c r="T17722" s="5" t="s">
        <v>42</v>
      </c>
      <c r="U17722" s="2">
        <v>2.5750000000000002</v>
      </c>
      <c r="V17722" s="2">
        <v>2.0289999999999999</v>
      </c>
      <c r="W17722" s="2">
        <v>1.2999999999999999E-2</v>
      </c>
      <c r="X17722" s="2">
        <v>99.1</v>
      </c>
      <c r="Y17722" s="2">
        <v>7.6</v>
      </c>
      <c r="Z17722" s="2">
        <v>16.7</v>
      </c>
      <c r="AA17722" s="5"/>
      <c r="AB17722" s="5" t="s">
        <v>43</v>
      </c>
      <c r="AC17722" s="5" t="s">
        <v>44</v>
      </c>
      <c r="AD17722" s="2"/>
      <c r="AE17722" s="1"/>
    </row>
    <row r="17723" spans="1:31" ht="14.45">
      <c r="A17723" s="11"/>
      <c r="B17723" s="20"/>
      <c r="C17723" s="2" t="s">
        <v>54127</v>
      </c>
      <c r="D17723" s="14" t="s">
        <v>54128</v>
      </c>
      <c r="E17723" s="2" t="s">
        <v>54129</v>
      </c>
      <c r="F17723" s="2" t="s">
        <v>41049</v>
      </c>
      <c r="G17723" s="8">
        <v>277</v>
      </c>
      <c r="H17723" s="5">
        <v>6</v>
      </c>
      <c r="I17723" s="5" t="s">
        <v>1518</v>
      </c>
      <c r="J17723" s="5" t="s">
        <v>40939</v>
      </c>
      <c r="K17723" s="2" t="s">
        <v>40940</v>
      </c>
      <c r="L17723" s="5" t="s">
        <v>40939</v>
      </c>
      <c r="M17723" s="2" t="s">
        <v>40940</v>
      </c>
      <c r="N17723" s="5" t="s">
        <v>36266</v>
      </c>
      <c r="O17723" s="5" t="s">
        <v>38</v>
      </c>
      <c r="P17723" s="5" t="s">
        <v>39</v>
      </c>
      <c r="Q17723" s="5" t="s">
        <v>40</v>
      </c>
      <c r="R17723" s="5" t="s">
        <v>1522</v>
      </c>
      <c r="S17723" s="5" t="s">
        <v>1523</v>
      </c>
      <c r="T17723" s="5" t="s">
        <v>42</v>
      </c>
      <c r="U17723" s="2">
        <v>2.6419999999999999</v>
      </c>
      <c r="V17723" s="2">
        <v>2.0960000000000001</v>
      </c>
      <c r="W17723" s="2">
        <v>1.2999999999999999E-2</v>
      </c>
      <c r="X17723" s="2">
        <v>99.1</v>
      </c>
      <c r="Y17723" s="2">
        <v>7.6</v>
      </c>
      <c r="Z17723" s="2">
        <v>16.7</v>
      </c>
      <c r="AA17723" s="5"/>
      <c r="AB17723" s="5" t="s">
        <v>43</v>
      </c>
      <c r="AC17723" s="5" t="s">
        <v>44</v>
      </c>
      <c r="AD17723" s="2"/>
      <c r="AE17723" s="1"/>
    </row>
    <row r="17724" spans="1:31" ht="14.45">
      <c r="A17724" s="11"/>
      <c r="B17724" s="20"/>
      <c r="C17724" s="2" t="s">
        <v>54130</v>
      </c>
      <c r="D17724" s="14" t="s">
        <v>54131</v>
      </c>
      <c r="E17724" s="2" t="s">
        <v>54132</v>
      </c>
      <c r="F17724" s="2" t="s">
        <v>7204</v>
      </c>
      <c r="G17724" s="8">
        <v>269</v>
      </c>
      <c r="H17724" s="5">
        <v>6</v>
      </c>
      <c r="I17724" s="5" t="s">
        <v>1518</v>
      </c>
      <c r="J17724" s="5" t="s">
        <v>40939</v>
      </c>
      <c r="K17724" s="2" t="s">
        <v>40940</v>
      </c>
      <c r="L17724" s="5" t="s">
        <v>40939</v>
      </c>
      <c r="M17724" s="2" t="s">
        <v>40940</v>
      </c>
      <c r="N17724" s="5" t="s">
        <v>36266</v>
      </c>
      <c r="O17724" s="5" t="s">
        <v>38</v>
      </c>
      <c r="P17724" s="5" t="s">
        <v>39</v>
      </c>
      <c r="Q17724" s="5" t="s">
        <v>40</v>
      </c>
      <c r="R17724" s="5" t="s">
        <v>1522</v>
      </c>
      <c r="S17724" s="5" t="s">
        <v>1523</v>
      </c>
      <c r="T17724" s="5" t="s">
        <v>42</v>
      </c>
      <c r="U17724" s="2">
        <v>2.6859999999999999</v>
      </c>
      <c r="V17724" s="2">
        <v>2.149</v>
      </c>
      <c r="W17724" s="2">
        <v>1.2999999999999999E-2</v>
      </c>
      <c r="X17724" s="2">
        <v>99.1</v>
      </c>
      <c r="Y17724" s="2">
        <v>7.6</v>
      </c>
      <c r="Z17724" s="2">
        <v>16.7</v>
      </c>
      <c r="AA17724" s="5"/>
      <c r="AB17724" s="5" t="s">
        <v>43</v>
      </c>
      <c r="AC17724" s="5" t="s">
        <v>44</v>
      </c>
      <c r="AD17724" s="2"/>
      <c r="AE17724" s="1"/>
    </row>
    <row r="17725" spans="1:31" ht="14.45">
      <c r="A17725" s="11"/>
      <c r="B17725" s="20"/>
      <c r="C17725" s="2" t="s">
        <v>54133</v>
      </c>
      <c r="D17725" s="14" t="s">
        <v>54134</v>
      </c>
      <c r="E17725" s="2" t="s">
        <v>54135</v>
      </c>
      <c r="F17725" s="2" t="s">
        <v>7514</v>
      </c>
      <c r="G17725" s="8">
        <v>269</v>
      </c>
      <c r="H17725" s="5">
        <v>6</v>
      </c>
      <c r="I17725" s="5" t="s">
        <v>1518</v>
      </c>
      <c r="J17725" s="5" t="s">
        <v>40939</v>
      </c>
      <c r="K17725" s="2" t="s">
        <v>40940</v>
      </c>
      <c r="L17725" s="5" t="s">
        <v>40939</v>
      </c>
      <c r="M17725" s="2" t="s">
        <v>40940</v>
      </c>
      <c r="N17725" s="5" t="s">
        <v>36266</v>
      </c>
      <c r="O17725" s="5" t="s">
        <v>38</v>
      </c>
      <c r="P17725" s="5" t="s">
        <v>39</v>
      </c>
      <c r="Q17725" s="5" t="s">
        <v>40</v>
      </c>
      <c r="R17725" s="5" t="s">
        <v>1522</v>
      </c>
      <c r="S17725" s="5" t="s">
        <v>1523</v>
      </c>
      <c r="T17725" s="5" t="s">
        <v>42</v>
      </c>
      <c r="U17725" s="2">
        <v>2.7639999999999998</v>
      </c>
      <c r="V17725" s="2">
        <v>2.2269999999999999</v>
      </c>
      <c r="W17725" s="2">
        <v>1.2999999999999999E-2</v>
      </c>
      <c r="X17725" s="2">
        <v>99.1</v>
      </c>
      <c r="Y17725" s="2">
        <v>7.6</v>
      </c>
      <c r="Z17725" s="2">
        <v>16.7</v>
      </c>
      <c r="AA17725" s="5"/>
      <c r="AB17725" s="5" t="s">
        <v>43</v>
      </c>
      <c r="AC17725" s="5" t="s">
        <v>44</v>
      </c>
      <c r="AD17725" s="2"/>
      <c r="AE17725" s="1"/>
    </row>
    <row r="17726" spans="1:31" ht="14.45">
      <c r="A17726" s="11"/>
      <c r="B17726" s="20"/>
      <c r="C17726" s="2" t="s">
        <v>54136</v>
      </c>
      <c r="D17726" s="14" t="s">
        <v>54137</v>
      </c>
      <c r="E17726" s="2" t="s">
        <v>54138</v>
      </c>
      <c r="F17726" s="2" t="s">
        <v>47266</v>
      </c>
      <c r="G17726" s="8">
        <v>289</v>
      </c>
      <c r="H17726" s="5">
        <v>6</v>
      </c>
      <c r="I17726" s="5" t="s">
        <v>1518</v>
      </c>
      <c r="J17726" s="5" t="s">
        <v>40939</v>
      </c>
      <c r="K17726" s="2" t="s">
        <v>40940</v>
      </c>
      <c r="L17726" s="5" t="s">
        <v>40939</v>
      </c>
      <c r="M17726" s="2" t="s">
        <v>40940</v>
      </c>
      <c r="N17726" s="5" t="s">
        <v>36266</v>
      </c>
      <c r="O17726" s="5" t="s">
        <v>38</v>
      </c>
      <c r="P17726" s="5" t="s">
        <v>39</v>
      </c>
      <c r="Q17726" s="5" t="s">
        <v>40</v>
      </c>
      <c r="R17726" s="5" t="s">
        <v>1522</v>
      </c>
      <c r="S17726" s="5" t="s">
        <v>1523</v>
      </c>
      <c r="T17726" s="5" t="s">
        <v>42</v>
      </c>
      <c r="U17726" s="2">
        <v>2.7010000000000001</v>
      </c>
      <c r="V17726" s="2">
        <v>2.1640000000000001</v>
      </c>
      <c r="W17726" s="2">
        <v>1.2999999999999999E-2</v>
      </c>
      <c r="X17726" s="2">
        <v>99.1</v>
      </c>
      <c r="Y17726" s="2">
        <v>7.6</v>
      </c>
      <c r="Z17726" s="2">
        <v>16.7</v>
      </c>
      <c r="AA17726" s="5"/>
      <c r="AB17726" s="5" t="s">
        <v>43</v>
      </c>
      <c r="AC17726" s="5" t="s">
        <v>44</v>
      </c>
      <c r="AD17726" s="2"/>
      <c r="AE17726" s="1"/>
    </row>
    <row r="17727" spans="1:31" ht="14.45">
      <c r="A17727" s="11"/>
      <c r="B17727" s="20"/>
      <c r="C17727" s="2" t="s">
        <v>54139</v>
      </c>
      <c r="D17727" s="14" t="s">
        <v>54140</v>
      </c>
      <c r="E17727" s="2" t="s">
        <v>54141</v>
      </c>
      <c r="F17727" s="2" t="s">
        <v>47195</v>
      </c>
      <c r="G17727" s="8">
        <v>289</v>
      </c>
      <c r="H17727" s="5">
        <v>6</v>
      </c>
      <c r="I17727" s="5" t="s">
        <v>1518</v>
      </c>
      <c r="J17727" s="5" t="s">
        <v>40939</v>
      </c>
      <c r="K17727" s="2" t="s">
        <v>40940</v>
      </c>
      <c r="L17727" s="5" t="s">
        <v>40939</v>
      </c>
      <c r="M17727" s="2" t="s">
        <v>40940</v>
      </c>
      <c r="N17727" s="5" t="s">
        <v>36266</v>
      </c>
      <c r="O17727" s="5" t="s">
        <v>38</v>
      </c>
      <c r="P17727" s="5" t="s">
        <v>39</v>
      </c>
      <c r="Q17727" s="5" t="s">
        <v>40</v>
      </c>
      <c r="R17727" s="5" t="s">
        <v>1522</v>
      </c>
      <c r="S17727" s="5" t="s">
        <v>1523</v>
      </c>
      <c r="T17727" s="5" t="s">
        <v>42</v>
      </c>
      <c r="U17727" s="2">
        <v>2.7789999999999999</v>
      </c>
      <c r="V17727" s="2">
        <v>2.242</v>
      </c>
      <c r="W17727" s="2">
        <v>1.2999999999999999E-2</v>
      </c>
      <c r="X17727" s="2">
        <v>99.1</v>
      </c>
      <c r="Y17727" s="2">
        <v>7.6</v>
      </c>
      <c r="Z17727" s="2">
        <v>16.7</v>
      </c>
      <c r="AA17727" s="5"/>
      <c r="AB17727" s="5" t="s">
        <v>43</v>
      </c>
      <c r="AC17727" s="5" t="s">
        <v>44</v>
      </c>
      <c r="AD17727" s="2"/>
      <c r="AE17727" s="1"/>
    </row>
    <row r="17728" spans="1:31" ht="14.45">
      <c r="A17728" s="11"/>
      <c r="B17728" s="20"/>
      <c r="C17728" s="2" t="s">
        <v>54142</v>
      </c>
      <c r="D17728" s="14" t="s">
        <v>54143</v>
      </c>
      <c r="E17728" s="2" t="s">
        <v>54144</v>
      </c>
      <c r="F17728" s="2" t="s">
        <v>7208</v>
      </c>
      <c r="G17728" s="8">
        <v>269</v>
      </c>
      <c r="H17728" s="5">
        <v>6</v>
      </c>
      <c r="I17728" s="5" t="s">
        <v>1518</v>
      </c>
      <c r="J17728" s="5" t="s">
        <v>40939</v>
      </c>
      <c r="K17728" s="2" t="s">
        <v>40940</v>
      </c>
      <c r="L17728" s="5" t="s">
        <v>40939</v>
      </c>
      <c r="M17728" s="2" t="s">
        <v>40940</v>
      </c>
      <c r="N17728" s="5" t="s">
        <v>36266</v>
      </c>
      <c r="O17728" s="5" t="s">
        <v>38</v>
      </c>
      <c r="P17728" s="5" t="s">
        <v>39</v>
      </c>
      <c r="Q17728" s="5" t="s">
        <v>40</v>
      </c>
      <c r="R17728" s="5" t="s">
        <v>1522</v>
      </c>
      <c r="S17728" s="5" t="s">
        <v>1523</v>
      </c>
      <c r="T17728" s="5" t="s">
        <v>42</v>
      </c>
      <c r="U17728" s="2">
        <v>2.7080000000000002</v>
      </c>
      <c r="V17728" s="2">
        <v>2.1709999999999998</v>
      </c>
      <c r="W17728" s="2">
        <v>1.2999999999999999E-2</v>
      </c>
      <c r="X17728" s="2">
        <v>99.1</v>
      </c>
      <c r="Y17728" s="2">
        <v>7.6</v>
      </c>
      <c r="Z17728" s="2">
        <v>16.7</v>
      </c>
      <c r="AA17728" s="5"/>
      <c r="AB17728" s="5" t="s">
        <v>43</v>
      </c>
      <c r="AC17728" s="5" t="s">
        <v>44</v>
      </c>
      <c r="AD17728" s="2"/>
      <c r="AE17728" s="1"/>
    </row>
    <row r="17729" spans="1:31" ht="14.45">
      <c r="A17729" s="11"/>
      <c r="B17729" s="20"/>
      <c r="C17729" s="2" t="s">
        <v>54145</v>
      </c>
      <c r="D17729" s="14" t="s">
        <v>54146</v>
      </c>
      <c r="E17729" s="2" t="s">
        <v>54147</v>
      </c>
      <c r="F17729" s="2" t="s">
        <v>7521</v>
      </c>
      <c r="G17729" s="8">
        <v>269</v>
      </c>
      <c r="H17729" s="5">
        <v>6</v>
      </c>
      <c r="I17729" s="5" t="s">
        <v>1518</v>
      </c>
      <c r="J17729" s="5" t="s">
        <v>40939</v>
      </c>
      <c r="K17729" s="2" t="s">
        <v>40940</v>
      </c>
      <c r="L17729" s="5" t="s">
        <v>40939</v>
      </c>
      <c r="M17729" s="2" t="s">
        <v>40940</v>
      </c>
      <c r="N17729" s="5" t="s">
        <v>36266</v>
      </c>
      <c r="O17729" s="5" t="s">
        <v>38</v>
      </c>
      <c r="P17729" s="5" t="s">
        <v>39</v>
      </c>
      <c r="Q17729" s="5" t="s">
        <v>40</v>
      </c>
      <c r="R17729" s="5" t="s">
        <v>1522</v>
      </c>
      <c r="S17729" s="5" t="s">
        <v>1523</v>
      </c>
      <c r="T17729" s="5" t="s">
        <v>42</v>
      </c>
      <c r="U17729" s="2">
        <v>2.786</v>
      </c>
      <c r="V17729" s="2">
        <v>2.2490000000000001</v>
      </c>
      <c r="W17729" s="2">
        <v>1.2999999999999999E-2</v>
      </c>
      <c r="X17729" s="2">
        <v>99.1</v>
      </c>
      <c r="Y17729" s="2">
        <v>7.6</v>
      </c>
      <c r="Z17729" s="2">
        <v>16.7</v>
      </c>
      <c r="AA17729" s="5"/>
      <c r="AB17729" s="5" t="s">
        <v>43</v>
      </c>
      <c r="AC17729" s="5" t="s">
        <v>44</v>
      </c>
      <c r="AD17729" s="2"/>
      <c r="AE17729" s="1"/>
    </row>
    <row r="17730" spans="1:31" ht="14.45">
      <c r="A17730" s="11"/>
      <c r="B17730" s="20"/>
      <c r="C17730" s="2" t="s">
        <v>54148</v>
      </c>
      <c r="D17730" s="14" t="s">
        <v>54149</v>
      </c>
      <c r="E17730" s="2" t="s">
        <v>54150</v>
      </c>
      <c r="F17730" s="2" t="s">
        <v>40967</v>
      </c>
      <c r="G17730" s="8">
        <v>289</v>
      </c>
      <c r="H17730" s="5">
        <v>6</v>
      </c>
      <c r="I17730" s="5" t="s">
        <v>1518</v>
      </c>
      <c r="J17730" s="5" t="s">
        <v>40939</v>
      </c>
      <c r="K17730" s="2" t="s">
        <v>40940</v>
      </c>
      <c r="L17730" s="5" t="s">
        <v>40939</v>
      </c>
      <c r="M17730" s="2" t="s">
        <v>40940</v>
      </c>
      <c r="N17730" s="5" t="s">
        <v>36266</v>
      </c>
      <c r="O17730" s="5" t="s">
        <v>38</v>
      </c>
      <c r="P17730" s="5" t="s">
        <v>39</v>
      </c>
      <c r="Q17730" s="5" t="s">
        <v>40</v>
      </c>
      <c r="R17730" s="5" t="s">
        <v>1522</v>
      </c>
      <c r="S17730" s="5" t="s">
        <v>1523</v>
      </c>
      <c r="T17730" s="5" t="s">
        <v>42</v>
      </c>
      <c r="U17730" s="2">
        <v>2.7080000000000002</v>
      </c>
      <c r="V17730" s="2">
        <v>2.1709999999999998</v>
      </c>
      <c r="W17730" s="2">
        <v>1.2999999999999999E-2</v>
      </c>
      <c r="X17730" s="2">
        <v>99.1</v>
      </c>
      <c r="Y17730" s="2">
        <v>7.6</v>
      </c>
      <c r="Z17730" s="2">
        <v>16.7</v>
      </c>
      <c r="AA17730" s="5"/>
      <c r="AB17730" s="5" t="s">
        <v>43</v>
      </c>
      <c r="AC17730" s="5" t="s">
        <v>44</v>
      </c>
      <c r="AD17730" s="2"/>
      <c r="AE17730" s="1"/>
    </row>
    <row r="17731" spans="1:31" ht="14.45">
      <c r="A17731" s="11"/>
      <c r="B17731" s="20"/>
      <c r="C17731" s="2" t="s">
        <v>54151</v>
      </c>
      <c r="D17731" s="14" t="s">
        <v>54152</v>
      </c>
      <c r="E17731" s="2" t="s">
        <v>54153</v>
      </c>
      <c r="F17731" s="2" t="s">
        <v>40971</v>
      </c>
      <c r="G17731" s="8">
        <v>289</v>
      </c>
      <c r="H17731" s="5">
        <v>6</v>
      </c>
      <c r="I17731" s="5" t="s">
        <v>1518</v>
      </c>
      <c r="J17731" s="5" t="s">
        <v>40939</v>
      </c>
      <c r="K17731" s="2" t="s">
        <v>40940</v>
      </c>
      <c r="L17731" s="5" t="s">
        <v>40939</v>
      </c>
      <c r="M17731" s="2" t="s">
        <v>40940</v>
      </c>
      <c r="N17731" s="5" t="s">
        <v>36266</v>
      </c>
      <c r="O17731" s="5" t="s">
        <v>38</v>
      </c>
      <c r="P17731" s="5" t="s">
        <v>39</v>
      </c>
      <c r="Q17731" s="5" t="s">
        <v>40</v>
      </c>
      <c r="R17731" s="5" t="s">
        <v>1522</v>
      </c>
      <c r="S17731" s="5" t="s">
        <v>1523</v>
      </c>
      <c r="T17731" s="5" t="s">
        <v>42</v>
      </c>
      <c r="U17731" s="2">
        <v>2.786</v>
      </c>
      <c r="V17731" s="2">
        <v>2.2490000000000001</v>
      </c>
      <c r="W17731" s="2">
        <v>1.2999999999999999E-2</v>
      </c>
      <c r="X17731" s="2">
        <v>99.1</v>
      </c>
      <c r="Y17731" s="2">
        <v>7.6</v>
      </c>
      <c r="Z17731" s="2">
        <v>16.7</v>
      </c>
      <c r="AA17731" s="5"/>
      <c r="AB17731" s="5" t="s">
        <v>43</v>
      </c>
      <c r="AC17731" s="5" t="s">
        <v>44</v>
      </c>
      <c r="AD17731" s="2"/>
      <c r="AE17731" s="1"/>
    </row>
    <row r="17732" spans="1:31" ht="14.45">
      <c r="A17732" s="11"/>
      <c r="B17732" s="20"/>
      <c r="C17732" s="2" t="s">
        <v>54154</v>
      </c>
      <c r="D17732" s="14" t="s">
        <v>54155</v>
      </c>
      <c r="E17732" s="2" t="s">
        <v>54156</v>
      </c>
      <c r="F17732" s="2" t="s">
        <v>47226</v>
      </c>
      <c r="G17732" s="8">
        <v>289</v>
      </c>
      <c r="H17732" s="5">
        <v>6</v>
      </c>
      <c r="I17732" s="5" t="s">
        <v>1518</v>
      </c>
      <c r="J17732" s="5" t="s">
        <v>40939</v>
      </c>
      <c r="K17732" s="2" t="s">
        <v>40940</v>
      </c>
      <c r="L17732" s="5" t="s">
        <v>40939</v>
      </c>
      <c r="M17732" s="2" t="s">
        <v>40940</v>
      </c>
      <c r="N17732" s="5" t="s">
        <v>36266</v>
      </c>
      <c r="O17732" s="5" t="s">
        <v>38</v>
      </c>
      <c r="P17732" s="5" t="s">
        <v>39</v>
      </c>
      <c r="Q17732" s="5" t="s">
        <v>40</v>
      </c>
      <c r="R17732" s="5" t="s">
        <v>1522</v>
      </c>
      <c r="S17732" s="5" t="s">
        <v>1523</v>
      </c>
      <c r="T17732" s="5" t="s">
        <v>42</v>
      </c>
      <c r="U17732" s="2">
        <v>2.7080000000000002</v>
      </c>
      <c r="V17732" s="2">
        <v>2.1709999999999998</v>
      </c>
      <c r="W17732" s="2">
        <v>1.2999999999999999E-2</v>
      </c>
      <c r="X17732" s="2">
        <v>99.1</v>
      </c>
      <c r="Y17732" s="2">
        <v>7.6</v>
      </c>
      <c r="Z17732" s="2">
        <v>16.7</v>
      </c>
      <c r="AA17732" s="5"/>
      <c r="AB17732" s="5" t="s">
        <v>43</v>
      </c>
      <c r="AC17732" s="5" t="s">
        <v>44</v>
      </c>
      <c r="AD17732" s="2"/>
      <c r="AE17732" s="1"/>
    </row>
    <row r="17733" spans="1:31" ht="14.45">
      <c r="A17733" s="11"/>
      <c r="B17733" s="20"/>
      <c r="C17733" s="2" t="s">
        <v>54157</v>
      </c>
      <c r="D17733" s="14" t="s">
        <v>54158</v>
      </c>
      <c r="E17733" s="2" t="s">
        <v>54159</v>
      </c>
      <c r="F17733" s="2" t="s">
        <v>40989</v>
      </c>
      <c r="G17733" s="8">
        <v>289</v>
      </c>
      <c r="H17733" s="5">
        <v>6</v>
      </c>
      <c r="I17733" s="5" t="s">
        <v>1518</v>
      </c>
      <c r="J17733" s="5" t="s">
        <v>40939</v>
      </c>
      <c r="K17733" s="2" t="s">
        <v>40940</v>
      </c>
      <c r="L17733" s="5" t="s">
        <v>40939</v>
      </c>
      <c r="M17733" s="2" t="s">
        <v>40940</v>
      </c>
      <c r="N17733" s="5" t="s">
        <v>36266</v>
      </c>
      <c r="O17733" s="5" t="s">
        <v>38</v>
      </c>
      <c r="P17733" s="5" t="s">
        <v>39</v>
      </c>
      <c r="Q17733" s="5" t="s">
        <v>40</v>
      </c>
      <c r="R17733" s="5" t="s">
        <v>1522</v>
      </c>
      <c r="S17733" s="5" t="s">
        <v>1523</v>
      </c>
      <c r="T17733" s="5" t="s">
        <v>42</v>
      </c>
      <c r="U17733" s="2">
        <v>2.7080000000000002</v>
      </c>
      <c r="V17733" s="2">
        <v>2.1709999999999998</v>
      </c>
      <c r="W17733" s="2">
        <v>1.2999999999999999E-2</v>
      </c>
      <c r="X17733" s="2">
        <v>99.1</v>
      </c>
      <c r="Y17733" s="2">
        <v>7.6</v>
      </c>
      <c r="Z17733" s="2">
        <v>16.7</v>
      </c>
      <c r="AA17733" s="5"/>
      <c r="AB17733" s="5" t="s">
        <v>43</v>
      </c>
      <c r="AC17733" s="5" t="s">
        <v>44</v>
      </c>
      <c r="AD17733" s="2"/>
      <c r="AE17733" s="1"/>
    </row>
    <row r="17734" spans="1:31" ht="14.45">
      <c r="A17734" s="11"/>
      <c r="B17734" s="20"/>
      <c r="C17734" s="2" t="s">
        <v>54160</v>
      </c>
      <c r="D17734" s="14" t="s">
        <v>54161</v>
      </c>
      <c r="E17734" s="2" t="s">
        <v>54162</v>
      </c>
      <c r="F17734" s="2" t="s">
        <v>40993</v>
      </c>
      <c r="G17734" s="8">
        <v>289</v>
      </c>
      <c r="H17734" s="5">
        <v>6</v>
      </c>
      <c r="I17734" s="5" t="s">
        <v>1518</v>
      </c>
      <c r="J17734" s="5" t="s">
        <v>40939</v>
      </c>
      <c r="K17734" s="2" t="s">
        <v>40940</v>
      </c>
      <c r="L17734" s="5" t="s">
        <v>40939</v>
      </c>
      <c r="M17734" s="2" t="s">
        <v>40940</v>
      </c>
      <c r="N17734" s="5" t="s">
        <v>36266</v>
      </c>
      <c r="O17734" s="5" t="s">
        <v>38</v>
      </c>
      <c r="P17734" s="5" t="s">
        <v>39</v>
      </c>
      <c r="Q17734" s="5" t="s">
        <v>40</v>
      </c>
      <c r="R17734" s="5" t="s">
        <v>1522</v>
      </c>
      <c r="S17734" s="5" t="s">
        <v>1523</v>
      </c>
      <c r="T17734" s="5" t="s">
        <v>42</v>
      </c>
      <c r="U17734" s="2">
        <v>2.786</v>
      </c>
      <c r="V17734" s="2">
        <v>2.2490000000000001</v>
      </c>
      <c r="W17734" s="2">
        <v>1.2999999999999999E-2</v>
      </c>
      <c r="X17734" s="2">
        <v>99.1</v>
      </c>
      <c r="Y17734" s="2">
        <v>7.6</v>
      </c>
      <c r="Z17734" s="2">
        <v>16.7</v>
      </c>
      <c r="AA17734" s="5"/>
      <c r="AB17734" s="5" t="s">
        <v>43</v>
      </c>
      <c r="AC17734" s="5" t="s">
        <v>44</v>
      </c>
      <c r="AD17734" s="2"/>
      <c r="AE17734" s="1"/>
    </row>
    <row r="17735" spans="1:31" ht="14.45">
      <c r="A17735" s="11"/>
      <c r="B17735" s="20"/>
      <c r="C17735" s="2" t="s">
        <v>54163</v>
      </c>
      <c r="D17735" s="14" t="s">
        <v>54164</v>
      </c>
      <c r="E17735" s="2" t="s">
        <v>54165</v>
      </c>
      <c r="F17735" s="2" t="s">
        <v>41001</v>
      </c>
      <c r="G17735" s="8">
        <v>289</v>
      </c>
      <c r="H17735" s="5">
        <v>6</v>
      </c>
      <c r="I17735" s="5" t="s">
        <v>1518</v>
      </c>
      <c r="J17735" s="5" t="s">
        <v>40939</v>
      </c>
      <c r="K17735" s="2" t="s">
        <v>40940</v>
      </c>
      <c r="L17735" s="5" t="s">
        <v>40939</v>
      </c>
      <c r="M17735" s="2" t="s">
        <v>40940</v>
      </c>
      <c r="N17735" s="5" t="s">
        <v>36266</v>
      </c>
      <c r="O17735" s="5" t="s">
        <v>38</v>
      </c>
      <c r="P17735" s="5" t="s">
        <v>39</v>
      </c>
      <c r="Q17735" s="5" t="s">
        <v>40</v>
      </c>
      <c r="R17735" s="5" t="s">
        <v>1522</v>
      </c>
      <c r="S17735" s="5" t="s">
        <v>1523</v>
      </c>
      <c r="T17735" s="5" t="s">
        <v>42</v>
      </c>
      <c r="U17735" s="2">
        <v>2.7080000000000002</v>
      </c>
      <c r="V17735" s="2">
        <v>2.1709999999999998</v>
      </c>
      <c r="W17735" s="2">
        <v>1.2999999999999999E-2</v>
      </c>
      <c r="X17735" s="2">
        <v>99.1</v>
      </c>
      <c r="Y17735" s="2">
        <v>7.6</v>
      </c>
      <c r="Z17735" s="2">
        <v>16.7</v>
      </c>
      <c r="AA17735" s="5"/>
      <c r="AB17735" s="5" t="s">
        <v>43</v>
      </c>
      <c r="AC17735" s="5" t="s">
        <v>44</v>
      </c>
      <c r="AD17735" s="2"/>
      <c r="AE17735" s="1"/>
    </row>
    <row r="17736" spans="1:31" ht="14.45">
      <c r="A17736" s="11"/>
      <c r="B17736" s="20"/>
      <c r="C17736" s="2" t="s">
        <v>54166</v>
      </c>
      <c r="D17736" s="14" t="s">
        <v>54167</v>
      </c>
      <c r="E17736" s="2" t="s">
        <v>54168</v>
      </c>
      <c r="F17736" s="2" t="s">
        <v>7396</v>
      </c>
      <c r="G17736" s="8">
        <v>269</v>
      </c>
      <c r="H17736" s="5">
        <v>6</v>
      </c>
      <c r="I17736" s="5" t="s">
        <v>1518</v>
      </c>
      <c r="J17736" s="5" t="s">
        <v>40939</v>
      </c>
      <c r="K17736" s="2" t="s">
        <v>40940</v>
      </c>
      <c r="L17736" s="5" t="s">
        <v>40939</v>
      </c>
      <c r="M17736" s="2" t="s">
        <v>40940</v>
      </c>
      <c r="N17736" s="5" t="s">
        <v>36266</v>
      </c>
      <c r="O17736" s="5" t="s">
        <v>38</v>
      </c>
      <c r="P17736" s="5" t="s">
        <v>39</v>
      </c>
      <c r="Q17736" s="5" t="s">
        <v>40</v>
      </c>
      <c r="R17736" s="5" t="s">
        <v>1522</v>
      </c>
      <c r="S17736" s="5" t="s">
        <v>1523</v>
      </c>
      <c r="T17736" s="5" t="s">
        <v>42</v>
      </c>
      <c r="U17736" s="2">
        <v>2.7149999999999999</v>
      </c>
      <c r="V17736" s="2">
        <v>2.1779999999999999</v>
      </c>
      <c r="W17736" s="2">
        <v>1.2999999999999999E-2</v>
      </c>
      <c r="X17736" s="2">
        <v>99.1</v>
      </c>
      <c r="Y17736" s="2">
        <v>7.6</v>
      </c>
      <c r="Z17736" s="2">
        <v>16.7</v>
      </c>
      <c r="AA17736" s="5"/>
      <c r="AB17736" s="5" t="s">
        <v>43</v>
      </c>
      <c r="AC17736" s="5" t="s">
        <v>44</v>
      </c>
      <c r="AD17736" s="2"/>
      <c r="AE17736" s="1"/>
    </row>
    <row r="17737" spans="1:31" ht="14.45">
      <c r="A17737" s="11"/>
      <c r="B17737" s="20"/>
      <c r="C17737" s="2" t="s">
        <v>54169</v>
      </c>
      <c r="D17737" s="14" t="s">
        <v>54170</v>
      </c>
      <c r="E17737" s="2" t="s">
        <v>54171</v>
      </c>
      <c r="F17737" s="2" t="s">
        <v>7507</v>
      </c>
      <c r="G17737" s="8">
        <v>269</v>
      </c>
      <c r="H17737" s="5">
        <v>6</v>
      </c>
      <c r="I17737" s="5" t="s">
        <v>1518</v>
      </c>
      <c r="J17737" s="5" t="s">
        <v>40939</v>
      </c>
      <c r="K17737" s="2" t="s">
        <v>40940</v>
      </c>
      <c r="L17737" s="5" t="s">
        <v>40939</v>
      </c>
      <c r="M17737" s="2" t="s">
        <v>40940</v>
      </c>
      <c r="N17737" s="5" t="s">
        <v>36266</v>
      </c>
      <c r="O17737" s="5" t="s">
        <v>38</v>
      </c>
      <c r="P17737" s="5" t="s">
        <v>39</v>
      </c>
      <c r="Q17737" s="5" t="s">
        <v>40</v>
      </c>
      <c r="R17737" s="5" t="s">
        <v>1522</v>
      </c>
      <c r="S17737" s="5" t="s">
        <v>1523</v>
      </c>
      <c r="T17737" s="5" t="s">
        <v>42</v>
      </c>
      <c r="U17737" s="2">
        <v>2.7930000000000001</v>
      </c>
      <c r="V17737" s="2">
        <v>2.2559999999999998</v>
      </c>
      <c r="W17737" s="2">
        <v>1.2999999999999999E-2</v>
      </c>
      <c r="X17737" s="2">
        <v>99.1</v>
      </c>
      <c r="Y17737" s="2">
        <v>7.6</v>
      </c>
      <c r="Z17737" s="2">
        <v>16.7</v>
      </c>
      <c r="AA17737" s="5"/>
      <c r="AB17737" s="5" t="s">
        <v>43</v>
      </c>
      <c r="AC17737" s="5" t="s">
        <v>44</v>
      </c>
      <c r="AD17737" s="2"/>
      <c r="AE17737" s="1"/>
    </row>
    <row r="17738" spans="1:31" ht="14.45">
      <c r="A17738" s="11"/>
      <c r="B17738" s="20"/>
      <c r="C17738" s="2" t="s">
        <v>54172</v>
      </c>
      <c r="D17738" s="14" t="s">
        <v>54173</v>
      </c>
      <c r="E17738" s="2" t="s">
        <v>54174</v>
      </c>
      <c r="F17738" s="2" t="s">
        <v>41023</v>
      </c>
      <c r="G17738" s="8">
        <v>289</v>
      </c>
      <c r="H17738" s="5">
        <v>6</v>
      </c>
      <c r="I17738" s="5" t="s">
        <v>1518</v>
      </c>
      <c r="J17738" s="5" t="s">
        <v>40939</v>
      </c>
      <c r="K17738" s="2" t="s">
        <v>40940</v>
      </c>
      <c r="L17738" s="5" t="s">
        <v>40939</v>
      </c>
      <c r="M17738" s="2" t="s">
        <v>40940</v>
      </c>
      <c r="N17738" s="5" t="s">
        <v>36266</v>
      </c>
      <c r="O17738" s="5" t="s">
        <v>38</v>
      </c>
      <c r="P17738" s="5" t="s">
        <v>39</v>
      </c>
      <c r="Q17738" s="5" t="s">
        <v>40</v>
      </c>
      <c r="R17738" s="5" t="s">
        <v>1522</v>
      </c>
      <c r="S17738" s="5" t="s">
        <v>1523</v>
      </c>
      <c r="T17738" s="5" t="s">
        <v>42</v>
      </c>
      <c r="U17738" s="2">
        <v>2.6789999999999998</v>
      </c>
      <c r="V17738" s="2">
        <v>2.1419999999999999</v>
      </c>
      <c r="W17738" s="2">
        <v>1.2999999999999999E-2</v>
      </c>
      <c r="X17738" s="2">
        <v>99.1</v>
      </c>
      <c r="Y17738" s="2">
        <v>7.6</v>
      </c>
      <c r="Z17738" s="2">
        <v>16.7</v>
      </c>
      <c r="AA17738" s="5"/>
      <c r="AB17738" s="5" t="s">
        <v>43</v>
      </c>
      <c r="AC17738" s="5" t="s">
        <v>44</v>
      </c>
      <c r="AD17738" s="2"/>
      <c r="AE17738" s="1"/>
    </row>
    <row r="17739" spans="1:31" ht="14.45">
      <c r="A17739" s="11"/>
      <c r="B17739" s="20"/>
      <c r="C17739" s="2" t="s">
        <v>54175</v>
      </c>
      <c r="D17739" s="14" t="s">
        <v>54176</v>
      </c>
      <c r="E17739" s="2" t="s">
        <v>54177</v>
      </c>
      <c r="F17739" s="2" t="s">
        <v>41031</v>
      </c>
      <c r="G17739" s="8">
        <v>289</v>
      </c>
      <c r="H17739" s="5">
        <v>6</v>
      </c>
      <c r="I17739" s="5" t="s">
        <v>1518</v>
      </c>
      <c r="J17739" s="5" t="s">
        <v>40939</v>
      </c>
      <c r="K17739" s="2" t="s">
        <v>40940</v>
      </c>
      <c r="L17739" s="5" t="s">
        <v>40939</v>
      </c>
      <c r="M17739" s="2" t="s">
        <v>40940</v>
      </c>
      <c r="N17739" s="5" t="s">
        <v>36266</v>
      </c>
      <c r="O17739" s="5" t="s">
        <v>38</v>
      </c>
      <c r="P17739" s="5" t="s">
        <v>39</v>
      </c>
      <c r="Q17739" s="5" t="s">
        <v>40</v>
      </c>
      <c r="R17739" s="5" t="s">
        <v>1522</v>
      </c>
      <c r="S17739" s="5" t="s">
        <v>1523</v>
      </c>
      <c r="T17739" s="5" t="s">
        <v>42</v>
      </c>
      <c r="U17739" s="2">
        <v>2.6789999999999998</v>
      </c>
      <c r="V17739" s="2">
        <v>2.1419999999999999</v>
      </c>
      <c r="W17739" s="2">
        <v>1.2999999999999999E-2</v>
      </c>
      <c r="X17739" s="2">
        <v>99.1</v>
      </c>
      <c r="Y17739" s="2">
        <v>7.6</v>
      </c>
      <c r="Z17739" s="2">
        <v>16.7</v>
      </c>
      <c r="AA17739" s="5"/>
      <c r="AB17739" s="5" t="s">
        <v>43</v>
      </c>
      <c r="AC17739" s="5" t="s">
        <v>44</v>
      </c>
      <c r="AD17739" s="2"/>
      <c r="AE17739" s="1"/>
    </row>
    <row r="17740" spans="1:31" ht="14.45">
      <c r="A17740" s="11"/>
      <c r="B17740" s="20"/>
      <c r="C17740" s="2" t="s">
        <v>54178</v>
      </c>
      <c r="D17740" s="14" t="s">
        <v>54179</v>
      </c>
      <c r="E17740" s="2" t="s">
        <v>54180</v>
      </c>
      <c r="F17740" s="2" t="s">
        <v>41035</v>
      </c>
      <c r="G17740" s="8">
        <v>289</v>
      </c>
      <c r="H17740" s="5">
        <v>6</v>
      </c>
      <c r="I17740" s="5" t="s">
        <v>1518</v>
      </c>
      <c r="J17740" s="5" t="s">
        <v>40939</v>
      </c>
      <c r="K17740" s="2" t="s">
        <v>40940</v>
      </c>
      <c r="L17740" s="5" t="s">
        <v>40939</v>
      </c>
      <c r="M17740" s="2" t="s">
        <v>40940</v>
      </c>
      <c r="N17740" s="5" t="s">
        <v>36266</v>
      </c>
      <c r="O17740" s="5" t="s">
        <v>38</v>
      </c>
      <c r="P17740" s="5" t="s">
        <v>39</v>
      </c>
      <c r="Q17740" s="5" t="s">
        <v>40</v>
      </c>
      <c r="R17740" s="5" t="s">
        <v>1522</v>
      </c>
      <c r="S17740" s="5" t="s">
        <v>1523</v>
      </c>
      <c r="T17740" s="5" t="s">
        <v>42</v>
      </c>
      <c r="U17740" s="2">
        <v>2.7570000000000001</v>
      </c>
      <c r="V17740" s="2">
        <v>2.2200000000000002</v>
      </c>
      <c r="W17740" s="2">
        <v>1.2999999999999999E-2</v>
      </c>
      <c r="X17740" s="2">
        <v>99.1</v>
      </c>
      <c r="Y17740" s="2">
        <v>7.6</v>
      </c>
      <c r="Z17740" s="2">
        <v>16.7</v>
      </c>
      <c r="AA17740" s="5"/>
      <c r="AB17740" s="5" t="s">
        <v>43</v>
      </c>
      <c r="AC17740" s="5" t="s">
        <v>44</v>
      </c>
      <c r="AD17740" s="2"/>
      <c r="AE17740" s="1"/>
    </row>
    <row r="17741" spans="1:31" ht="14.45">
      <c r="A17741" s="11"/>
      <c r="B17741" s="20"/>
      <c r="C17741" s="2" t="s">
        <v>54181</v>
      </c>
      <c r="D17741" s="14" t="s">
        <v>54182</v>
      </c>
      <c r="E17741" s="2" t="s">
        <v>54183</v>
      </c>
      <c r="F17741" s="2" t="s">
        <v>41045</v>
      </c>
      <c r="G17741" s="8">
        <v>289</v>
      </c>
      <c r="H17741" s="5">
        <v>6</v>
      </c>
      <c r="I17741" s="5" t="s">
        <v>1518</v>
      </c>
      <c r="J17741" s="5" t="s">
        <v>40939</v>
      </c>
      <c r="K17741" s="2" t="s">
        <v>40940</v>
      </c>
      <c r="L17741" s="5" t="s">
        <v>40939</v>
      </c>
      <c r="M17741" s="2" t="s">
        <v>40940</v>
      </c>
      <c r="N17741" s="5" t="s">
        <v>36266</v>
      </c>
      <c r="O17741" s="5" t="s">
        <v>38</v>
      </c>
      <c r="P17741" s="5" t="s">
        <v>39</v>
      </c>
      <c r="Q17741" s="5" t="s">
        <v>40</v>
      </c>
      <c r="R17741" s="5" t="s">
        <v>1522</v>
      </c>
      <c r="S17741" s="5" t="s">
        <v>1523</v>
      </c>
      <c r="T17741" s="5" t="s">
        <v>42</v>
      </c>
      <c r="U17741" s="2">
        <v>2.7229999999999999</v>
      </c>
      <c r="V17741" s="2">
        <v>2.1859999999999999</v>
      </c>
      <c r="W17741" s="2">
        <v>1.2999999999999999E-2</v>
      </c>
      <c r="X17741" s="2">
        <v>99.1</v>
      </c>
      <c r="Y17741" s="2">
        <v>7.6</v>
      </c>
      <c r="Z17741" s="2">
        <v>16.7</v>
      </c>
      <c r="AA17741" s="5"/>
      <c r="AB17741" s="5" t="s">
        <v>43</v>
      </c>
      <c r="AC17741" s="5" t="s">
        <v>44</v>
      </c>
      <c r="AD17741" s="2"/>
      <c r="AE17741" s="1"/>
    </row>
    <row r="17742" spans="1:31" ht="14.45">
      <c r="A17742" s="11"/>
      <c r="B17742" s="20"/>
      <c r="C17742" s="2" t="s">
        <v>54184</v>
      </c>
      <c r="D17742" s="14" t="s">
        <v>54185</v>
      </c>
      <c r="E17742" s="2" t="s">
        <v>54186</v>
      </c>
      <c r="F17742" s="2" t="s">
        <v>7204</v>
      </c>
      <c r="G17742" s="8">
        <v>273</v>
      </c>
      <c r="H17742" s="5">
        <v>6</v>
      </c>
      <c r="I17742" s="5" t="s">
        <v>1518</v>
      </c>
      <c r="J17742" s="5" t="s">
        <v>40939</v>
      </c>
      <c r="K17742" s="2" t="s">
        <v>40940</v>
      </c>
      <c r="L17742" s="5" t="s">
        <v>40939</v>
      </c>
      <c r="M17742" s="2" t="s">
        <v>40940</v>
      </c>
      <c r="N17742" s="5" t="s">
        <v>36266</v>
      </c>
      <c r="O17742" s="5" t="s">
        <v>38</v>
      </c>
      <c r="P17742" s="5" t="s">
        <v>39</v>
      </c>
      <c r="Q17742" s="5" t="s">
        <v>40</v>
      </c>
      <c r="R17742" s="5" t="s">
        <v>1522</v>
      </c>
      <c r="S17742" s="5" t="s">
        <v>1523</v>
      </c>
      <c r="T17742" s="5" t="s">
        <v>42</v>
      </c>
      <c r="U17742" s="2">
        <v>2.84</v>
      </c>
      <c r="V17742" s="2">
        <v>2.3029999999999999</v>
      </c>
      <c r="W17742" s="2">
        <v>1.4999999999999999E-2</v>
      </c>
      <c r="X17742" s="2">
        <v>118.9</v>
      </c>
      <c r="Y17742" s="2">
        <v>7.6</v>
      </c>
      <c r="Z17742" s="2">
        <v>16.7</v>
      </c>
      <c r="AA17742" s="5"/>
      <c r="AB17742" s="5" t="s">
        <v>43</v>
      </c>
      <c r="AC17742" s="5" t="s">
        <v>44</v>
      </c>
      <c r="AD17742" s="2"/>
      <c r="AE17742" s="1"/>
    </row>
    <row r="17743" spans="1:31" ht="14.45">
      <c r="A17743" s="11"/>
      <c r="B17743" s="20"/>
      <c r="C17743" s="2" t="s">
        <v>54187</v>
      </c>
      <c r="D17743" s="14" t="s">
        <v>54188</v>
      </c>
      <c r="E17743" s="2" t="s">
        <v>54189</v>
      </c>
      <c r="F17743" s="2" t="s">
        <v>7514</v>
      </c>
      <c r="G17743" s="8">
        <v>273</v>
      </c>
      <c r="H17743" s="5">
        <v>6</v>
      </c>
      <c r="I17743" s="5" t="s">
        <v>1518</v>
      </c>
      <c r="J17743" s="5" t="s">
        <v>40939</v>
      </c>
      <c r="K17743" s="2" t="s">
        <v>40940</v>
      </c>
      <c r="L17743" s="5" t="s">
        <v>40939</v>
      </c>
      <c r="M17743" s="2" t="s">
        <v>40940</v>
      </c>
      <c r="N17743" s="5" t="s">
        <v>36266</v>
      </c>
      <c r="O17743" s="5" t="s">
        <v>38</v>
      </c>
      <c r="P17743" s="5" t="s">
        <v>39</v>
      </c>
      <c r="Q17743" s="5" t="s">
        <v>40</v>
      </c>
      <c r="R17743" s="5" t="s">
        <v>1522</v>
      </c>
      <c r="S17743" s="5" t="s">
        <v>1523</v>
      </c>
      <c r="T17743" s="5" t="s">
        <v>42</v>
      </c>
      <c r="U17743" s="2">
        <v>2.9319999999999999</v>
      </c>
      <c r="V17743" s="2">
        <v>2.395</v>
      </c>
      <c r="W17743" s="2">
        <v>1.4999999999999999E-2</v>
      </c>
      <c r="X17743" s="2">
        <v>118.9</v>
      </c>
      <c r="Y17743" s="2">
        <v>7.6</v>
      </c>
      <c r="Z17743" s="2">
        <v>16.7</v>
      </c>
      <c r="AA17743" s="5"/>
      <c r="AB17743" s="5" t="s">
        <v>43</v>
      </c>
      <c r="AC17743" s="5" t="s">
        <v>44</v>
      </c>
      <c r="AD17743" s="2"/>
      <c r="AE17743" s="1"/>
    </row>
    <row r="17744" spans="1:31" ht="14.45">
      <c r="A17744" s="11"/>
      <c r="B17744" s="20"/>
      <c r="C17744" s="2" t="s">
        <v>54190</v>
      </c>
      <c r="D17744" s="14" t="s">
        <v>54191</v>
      </c>
      <c r="E17744" s="2" t="s">
        <v>54192</v>
      </c>
      <c r="F17744" s="2" t="s">
        <v>47266</v>
      </c>
      <c r="G17744" s="8">
        <v>294</v>
      </c>
      <c r="H17744" s="5">
        <v>6</v>
      </c>
      <c r="I17744" s="5" t="s">
        <v>1518</v>
      </c>
      <c r="J17744" s="5" t="s">
        <v>40939</v>
      </c>
      <c r="K17744" s="2" t="s">
        <v>40940</v>
      </c>
      <c r="L17744" s="5" t="s">
        <v>40939</v>
      </c>
      <c r="M17744" s="2" t="s">
        <v>40940</v>
      </c>
      <c r="N17744" s="5" t="s">
        <v>36266</v>
      </c>
      <c r="O17744" s="5" t="s">
        <v>38</v>
      </c>
      <c r="P17744" s="5" t="s">
        <v>39</v>
      </c>
      <c r="Q17744" s="5" t="s">
        <v>40</v>
      </c>
      <c r="R17744" s="5" t="s">
        <v>1522</v>
      </c>
      <c r="S17744" s="5" t="s">
        <v>1523</v>
      </c>
      <c r="T17744" s="5" t="s">
        <v>42</v>
      </c>
      <c r="U17744" s="2">
        <v>2.8580000000000001</v>
      </c>
      <c r="V17744" s="2">
        <v>2.3210000000000002</v>
      </c>
      <c r="W17744" s="2">
        <v>1.4999999999999999E-2</v>
      </c>
      <c r="X17744" s="2">
        <v>118.9</v>
      </c>
      <c r="Y17744" s="2">
        <v>7.6</v>
      </c>
      <c r="Z17744" s="2">
        <v>16.7</v>
      </c>
      <c r="AA17744" s="5"/>
      <c r="AB17744" s="5" t="s">
        <v>43</v>
      </c>
      <c r="AC17744" s="5" t="s">
        <v>44</v>
      </c>
      <c r="AD17744" s="2"/>
      <c r="AE17744" s="1"/>
    </row>
    <row r="17745" spans="1:31" ht="14.45">
      <c r="A17745" s="11"/>
      <c r="B17745" s="20"/>
      <c r="C17745" s="2" t="s">
        <v>54193</v>
      </c>
      <c r="D17745" s="14" t="s">
        <v>54194</v>
      </c>
      <c r="E17745" s="2" t="s">
        <v>54195</v>
      </c>
      <c r="F17745" s="2" t="s">
        <v>47195</v>
      </c>
      <c r="G17745" s="8">
        <v>294</v>
      </c>
      <c r="H17745" s="5">
        <v>6</v>
      </c>
      <c r="I17745" s="5" t="s">
        <v>1518</v>
      </c>
      <c r="J17745" s="5" t="s">
        <v>40939</v>
      </c>
      <c r="K17745" s="2" t="s">
        <v>40940</v>
      </c>
      <c r="L17745" s="5" t="s">
        <v>40939</v>
      </c>
      <c r="M17745" s="2" t="s">
        <v>40940</v>
      </c>
      <c r="N17745" s="5" t="s">
        <v>36266</v>
      </c>
      <c r="O17745" s="5" t="s">
        <v>38</v>
      </c>
      <c r="P17745" s="5" t="s">
        <v>39</v>
      </c>
      <c r="Q17745" s="5" t="s">
        <v>40</v>
      </c>
      <c r="R17745" s="5" t="s">
        <v>1522</v>
      </c>
      <c r="S17745" s="5" t="s">
        <v>1523</v>
      </c>
      <c r="T17745" s="5" t="s">
        <v>42</v>
      </c>
      <c r="U17745" s="2">
        <v>2.95</v>
      </c>
      <c r="V17745" s="2">
        <v>2.4129999999999998</v>
      </c>
      <c r="W17745" s="2">
        <v>1.4999999999999999E-2</v>
      </c>
      <c r="X17745" s="2">
        <v>118.9</v>
      </c>
      <c r="Y17745" s="2">
        <v>7.6</v>
      </c>
      <c r="Z17745" s="2">
        <v>16.7</v>
      </c>
      <c r="AA17745" s="5"/>
      <c r="AB17745" s="5" t="s">
        <v>43</v>
      </c>
      <c r="AC17745" s="5" t="s">
        <v>44</v>
      </c>
      <c r="AD17745" s="2"/>
      <c r="AE17745" s="1"/>
    </row>
    <row r="17746" spans="1:31" ht="14.45">
      <c r="A17746" s="11"/>
      <c r="B17746" s="20"/>
      <c r="C17746" s="2" t="s">
        <v>54196</v>
      </c>
      <c r="D17746" s="14" t="s">
        <v>54197</v>
      </c>
      <c r="E17746" s="2" t="s">
        <v>54198</v>
      </c>
      <c r="F17746" s="2" t="s">
        <v>7208</v>
      </c>
      <c r="G17746" s="8">
        <v>273</v>
      </c>
      <c r="H17746" s="5">
        <v>6</v>
      </c>
      <c r="I17746" s="5" t="s">
        <v>1518</v>
      </c>
      <c r="J17746" s="5" t="s">
        <v>40939</v>
      </c>
      <c r="K17746" s="2" t="s">
        <v>40940</v>
      </c>
      <c r="L17746" s="5" t="s">
        <v>40939</v>
      </c>
      <c r="M17746" s="2" t="s">
        <v>40940</v>
      </c>
      <c r="N17746" s="5" t="s">
        <v>36266</v>
      </c>
      <c r="O17746" s="5" t="s">
        <v>38</v>
      </c>
      <c r="P17746" s="5" t="s">
        <v>39</v>
      </c>
      <c r="Q17746" s="5" t="s">
        <v>40</v>
      </c>
      <c r="R17746" s="5" t="s">
        <v>1522</v>
      </c>
      <c r="S17746" s="5" t="s">
        <v>1523</v>
      </c>
      <c r="T17746" s="5" t="s">
        <v>42</v>
      </c>
      <c r="U17746" s="2">
        <v>2.8660000000000001</v>
      </c>
      <c r="V17746" s="2">
        <v>2.3290000000000002</v>
      </c>
      <c r="W17746" s="2">
        <v>1.4999999999999999E-2</v>
      </c>
      <c r="X17746" s="2">
        <v>118.9</v>
      </c>
      <c r="Y17746" s="2">
        <v>7.6</v>
      </c>
      <c r="Z17746" s="2">
        <v>16.7</v>
      </c>
      <c r="AA17746" s="5"/>
      <c r="AB17746" s="5" t="s">
        <v>43</v>
      </c>
      <c r="AC17746" s="5" t="s">
        <v>44</v>
      </c>
      <c r="AD17746" s="2"/>
      <c r="AE17746" s="1"/>
    </row>
    <row r="17747" spans="1:31" ht="14.45">
      <c r="A17747" s="11"/>
      <c r="B17747" s="20"/>
      <c r="C17747" s="2" t="s">
        <v>54199</v>
      </c>
      <c r="D17747" s="14" t="s">
        <v>54200</v>
      </c>
      <c r="E17747" s="2" t="s">
        <v>54201</v>
      </c>
      <c r="F17747" s="2" t="s">
        <v>7521</v>
      </c>
      <c r="G17747" s="8">
        <v>273</v>
      </c>
      <c r="H17747" s="5">
        <v>6</v>
      </c>
      <c r="I17747" s="5" t="s">
        <v>1518</v>
      </c>
      <c r="J17747" s="5" t="s">
        <v>40939</v>
      </c>
      <c r="K17747" s="2" t="s">
        <v>40940</v>
      </c>
      <c r="L17747" s="5" t="s">
        <v>40939</v>
      </c>
      <c r="M17747" s="2" t="s">
        <v>40940</v>
      </c>
      <c r="N17747" s="5" t="s">
        <v>36266</v>
      </c>
      <c r="O17747" s="5" t="s">
        <v>38</v>
      </c>
      <c r="P17747" s="5" t="s">
        <v>39</v>
      </c>
      <c r="Q17747" s="5" t="s">
        <v>40</v>
      </c>
      <c r="R17747" s="5" t="s">
        <v>1522</v>
      </c>
      <c r="S17747" s="5" t="s">
        <v>1523</v>
      </c>
      <c r="T17747" s="5" t="s">
        <v>42</v>
      </c>
      <c r="U17747" s="2">
        <v>2.9580000000000002</v>
      </c>
      <c r="V17747" s="2">
        <v>2.4209999999999998</v>
      </c>
      <c r="W17747" s="2">
        <v>1.4999999999999999E-2</v>
      </c>
      <c r="X17747" s="2">
        <v>118.9</v>
      </c>
      <c r="Y17747" s="2">
        <v>7.6</v>
      </c>
      <c r="Z17747" s="2">
        <v>16.7</v>
      </c>
      <c r="AA17747" s="5"/>
      <c r="AB17747" s="5" t="s">
        <v>43</v>
      </c>
      <c r="AC17747" s="5" t="s">
        <v>44</v>
      </c>
      <c r="AD17747" s="2"/>
      <c r="AE17747" s="1"/>
    </row>
    <row r="17748" spans="1:31" ht="14.45">
      <c r="A17748" s="11"/>
      <c r="B17748" s="20"/>
      <c r="C17748" s="2" t="s">
        <v>54202</v>
      </c>
      <c r="D17748" s="14" t="s">
        <v>54203</v>
      </c>
      <c r="E17748" s="2" t="s">
        <v>54204</v>
      </c>
      <c r="F17748" s="2" t="s">
        <v>36273</v>
      </c>
      <c r="G17748" s="8">
        <v>273</v>
      </c>
      <c r="H17748" s="5">
        <v>6</v>
      </c>
      <c r="I17748" s="5" t="s">
        <v>1518</v>
      </c>
      <c r="J17748" s="5" t="s">
        <v>40939</v>
      </c>
      <c r="K17748" s="2" t="s">
        <v>40940</v>
      </c>
      <c r="L17748" s="5" t="s">
        <v>40939</v>
      </c>
      <c r="M17748" s="2" t="s">
        <v>40940</v>
      </c>
      <c r="N17748" s="5" t="s">
        <v>36266</v>
      </c>
      <c r="O17748" s="5" t="s">
        <v>38</v>
      </c>
      <c r="P17748" s="5" t="s">
        <v>39</v>
      </c>
      <c r="Q17748" s="5" t="s">
        <v>40</v>
      </c>
      <c r="R17748" s="5" t="s">
        <v>1522</v>
      </c>
      <c r="S17748" s="5" t="s">
        <v>1523</v>
      </c>
      <c r="T17748" s="5" t="s">
        <v>42</v>
      </c>
      <c r="U17748" s="2">
        <v>2.8839999999999999</v>
      </c>
      <c r="V17748" s="2">
        <v>2.347</v>
      </c>
      <c r="W17748" s="2">
        <v>1.4999999999999999E-2</v>
      </c>
      <c r="X17748" s="2">
        <v>118.9</v>
      </c>
      <c r="Y17748" s="2">
        <v>7.6</v>
      </c>
      <c r="Z17748" s="2">
        <v>16.7</v>
      </c>
      <c r="AA17748" s="5"/>
      <c r="AB17748" s="5" t="s">
        <v>43</v>
      </c>
      <c r="AC17748" s="5" t="s">
        <v>44</v>
      </c>
      <c r="AD17748" s="2"/>
      <c r="AE17748" s="1"/>
    </row>
    <row r="17749" spans="1:31" ht="14.45">
      <c r="A17749" s="11"/>
      <c r="B17749" s="20"/>
      <c r="C17749" s="2" t="s">
        <v>54205</v>
      </c>
      <c r="D17749" s="14" t="s">
        <v>54206</v>
      </c>
      <c r="E17749" s="2" t="s">
        <v>54207</v>
      </c>
      <c r="F17749" s="2" t="s">
        <v>36277</v>
      </c>
      <c r="G17749" s="8">
        <v>273</v>
      </c>
      <c r="H17749" s="5">
        <v>6</v>
      </c>
      <c r="I17749" s="5" t="s">
        <v>1518</v>
      </c>
      <c r="J17749" s="5" t="s">
        <v>40939</v>
      </c>
      <c r="K17749" s="2" t="s">
        <v>40940</v>
      </c>
      <c r="L17749" s="5" t="s">
        <v>40939</v>
      </c>
      <c r="M17749" s="2" t="s">
        <v>40940</v>
      </c>
      <c r="N17749" s="5" t="s">
        <v>36266</v>
      </c>
      <c r="O17749" s="5" t="s">
        <v>38</v>
      </c>
      <c r="P17749" s="5" t="s">
        <v>39</v>
      </c>
      <c r="Q17749" s="5" t="s">
        <v>40</v>
      </c>
      <c r="R17749" s="5" t="s">
        <v>1522</v>
      </c>
      <c r="S17749" s="5" t="s">
        <v>1523</v>
      </c>
      <c r="T17749" s="5" t="s">
        <v>42</v>
      </c>
      <c r="U17749" s="2">
        <v>2.976</v>
      </c>
      <c r="V17749" s="2">
        <v>2.4390000000000001</v>
      </c>
      <c r="W17749" s="2">
        <v>1.4999999999999999E-2</v>
      </c>
      <c r="X17749" s="2">
        <v>118.9</v>
      </c>
      <c r="Y17749" s="2">
        <v>7.6</v>
      </c>
      <c r="Z17749" s="2">
        <v>16.7</v>
      </c>
      <c r="AA17749" s="5"/>
      <c r="AB17749" s="5" t="s">
        <v>43</v>
      </c>
      <c r="AC17749" s="5" t="s">
        <v>44</v>
      </c>
      <c r="AD17749" s="2"/>
      <c r="AE17749" s="1"/>
    </row>
    <row r="17750" spans="1:31" ht="14.45">
      <c r="A17750" s="11"/>
      <c r="B17750" s="20"/>
      <c r="C17750" s="2" t="s">
        <v>54208</v>
      </c>
      <c r="D17750" s="14" t="s">
        <v>54209</v>
      </c>
      <c r="E17750" s="2" t="s">
        <v>54210</v>
      </c>
      <c r="F17750" s="2" t="s">
        <v>40967</v>
      </c>
      <c r="G17750" s="8">
        <v>294</v>
      </c>
      <c r="H17750" s="5">
        <v>6</v>
      </c>
      <c r="I17750" s="5" t="s">
        <v>1518</v>
      </c>
      <c r="J17750" s="5" t="s">
        <v>40939</v>
      </c>
      <c r="K17750" s="2" t="s">
        <v>40940</v>
      </c>
      <c r="L17750" s="5" t="s">
        <v>40939</v>
      </c>
      <c r="M17750" s="2" t="s">
        <v>40940</v>
      </c>
      <c r="N17750" s="5" t="s">
        <v>36266</v>
      </c>
      <c r="O17750" s="5" t="s">
        <v>38</v>
      </c>
      <c r="P17750" s="5" t="s">
        <v>39</v>
      </c>
      <c r="Q17750" s="5" t="s">
        <v>40</v>
      </c>
      <c r="R17750" s="5" t="s">
        <v>1522</v>
      </c>
      <c r="S17750" s="5" t="s">
        <v>1523</v>
      </c>
      <c r="T17750" s="5" t="s">
        <v>42</v>
      </c>
      <c r="U17750" s="2">
        <v>2.8660000000000001</v>
      </c>
      <c r="V17750" s="2">
        <v>2.3290000000000002</v>
      </c>
      <c r="W17750" s="2">
        <v>1.4999999999999999E-2</v>
      </c>
      <c r="X17750" s="2">
        <v>118.9</v>
      </c>
      <c r="Y17750" s="2">
        <v>7.6</v>
      </c>
      <c r="Z17750" s="2">
        <v>16.7</v>
      </c>
      <c r="AA17750" s="5"/>
      <c r="AB17750" s="5" t="s">
        <v>43</v>
      </c>
      <c r="AC17750" s="5" t="s">
        <v>44</v>
      </c>
      <c r="AD17750" s="2"/>
      <c r="AE17750" s="1"/>
    </row>
    <row r="17751" spans="1:31" ht="14.45">
      <c r="A17751" s="11"/>
      <c r="B17751" s="20"/>
      <c r="C17751" s="2" t="s">
        <v>54211</v>
      </c>
      <c r="D17751" s="14" t="s">
        <v>54212</v>
      </c>
      <c r="E17751" s="2" t="s">
        <v>54213</v>
      </c>
      <c r="F17751" s="2" t="s">
        <v>40971</v>
      </c>
      <c r="G17751" s="8">
        <v>294</v>
      </c>
      <c r="H17751" s="5">
        <v>6</v>
      </c>
      <c r="I17751" s="5" t="s">
        <v>1518</v>
      </c>
      <c r="J17751" s="5" t="s">
        <v>40939</v>
      </c>
      <c r="K17751" s="2" t="s">
        <v>40940</v>
      </c>
      <c r="L17751" s="5" t="s">
        <v>40939</v>
      </c>
      <c r="M17751" s="2" t="s">
        <v>40940</v>
      </c>
      <c r="N17751" s="5" t="s">
        <v>36266</v>
      </c>
      <c r="O17751" s="5" t="s">
        <v>38</v>
      </c>
      <c r="P17751" s="5" t="s">
        <v>39</v>
      </c>
      <c r="Q17751" s="5" t="s">
        <v>40</v>
      </c>
      <c r="R17751" s="5" t="s">
        <v>1522</v>
      </c>
      <c r="S17751" s="5" t="s">
        <v>1523</v>
      </c>
      <c r="T17751" s="5" t="s">
        <v>42</v>
      </c>
      <c r="U17751" s="2">
        <v>2.9580000000000002</v>
      </c>
      <c r="V17751" s="2">
        <v>2.4209999999999998</v>
      </c>
      <c r="W17751" s="2">
        <v>1.4999999999999999E-2</v>
      </c>
      <c r="X17751" s="2">
        <v>118.9</v>
      </c>
      <c r="Y17751" s="2">
        <v>7.6</v>
      </c>
      <c r="Z17751" s="2">
        <v>16.7</v>
      </c>
      <c r="AA17751" s="5"/>
      <c r="AB17751" s="5" t="s">
        <v>43</v>
      </c>
      <c r="AC17751" s="5" t="s">
        <v>44</v>
      </c>
      <c r="AD17751" s="2"/>
      <c r="AE17751" s="1"/>
    </row>
    <row r="17752" spans="1:31" ht="14.45">
      <c r="A17752" s="11"/>
      <c r="B17752" s="20"/>
      <c r="C17752" s="2" t="s">
        <v>54214</v>
      </c>
      <c r="D17752" s="14" t="s">
        <v>54215</v>
      </c>
      <c r="E17752" s="2" t="s">
        <v>54216</v>
      </c>
      <c r="F17752" s="2" t="s">
        <v>47735</v>
      </c>
      <c r="G17752" s="8">
        <v>294</v>
      </c>
      <c r="H17752" s="5">
        <v>6</v>
      </c>
      <c r="I17752" s="5" t="s">
        <v>1518</v>
      </c>
      <c r="J17752" s="5" t="s">
        <v>40939</v>
      </c>
      <c r="K17752" s="2" t="s">
        <v>40940</v>
      </c>
      <c r="L17752" s="5" t="s">
        <v>40939</v>
      </c>
      <c r="M17752" s="2" t="s">
        <v>40940</v>
      </c>
      <c r="N17752" s="5" t="s">
        <v>36266</v>
      </c>
      <c r="O17752" s="5" t="s">
        <v>38</v>
      </c>
      <c r="P17752" s="5" t="s">
        <v>39</v>
      </c>
      <c r="Q17752" s="5" t="s">
        <v>40</v>
      </c>
      <c r="R17752" s="5" t="s">
        <v>1522</v>
      </c>
      <c r="S17752" s="5" t="s">
        <v>1523</v>
      </c>
      <c r="T17752" s="5" t="s">
        <v>42</v>
      </c>
      <c r="U17752" s="2">
        <v>2.9580000000000002</v>
      </c>
      <c r="V17752" s="2">
        <v>2.4209999999999998</v>
      </c>
      <c r="W17752" s="2">
        <v>1.4999999999999999E-2</v>
      </c>
      <c r="X17752" s="2">
        <v>118.9</v>
      </c>
      <c r="Y17752" s="2">
        <v>7.6</v>
      </c>
      <c r="Z17752" s="2">
        <v>16.7</v>
      </c>
      <c r="AA17752" s="5"/>
      <c r="AB17752" s="5" t="s">
        <v>43</v>
      </c>
      <c r="AC17752" s="5" t="s">
        <v>44</v>
      </c>
      <c r="AD17752" s="2"/>
      <c r="AE17752" s="1"/>
    </row>
    <row r="17753" spans="1:31" ht="14.45">
      <c r="A17753" s="11"/>
      <c r="B17753" s="20"/>
      <c r="C17753" s="2" t="s">
        <v>54217</v>
      </c>
      <c r="D17753" s="14" t="s">
        <v>54218</v>
      </c>
      <c r="E17753" s="2" t="s">
        <v>54219</v>
      </c>
      <c r="F17753" s="2" t="s">
        <v>7539</v>
      </c>
      <c r="G17753" s="8">
        <v>294</v>
      </c>
      <c r="H17753" s="5">
        <v>6</v>
      </c>
      <c r="I17753" s="5" t="s">
        <v>1518</v>
      </c>
      <c r="J17753" s="5" t="s">
        <v>40939</v>
      </c>
      <c r="K17753" s="2" t="s">
        <v>40940</v>
      </c>
      <c r="L17753" s="5" t="s">
        <v>40939</v>
      </c>
      <c r="M17753" s="2" t="s">
        <v>40940</v>
      </c>
      <c r="N17753" s="5" t="s">
        <v>36266</v>
      </c>
      <c r="O17753" s="5" t="s">
        <v>38</v>
      </c>
      <c r="P17753" s="5" t="s">
        <v>39</v>
      </c>
      <c r="Q17753" s="5" t="s">
        <v>40</v>
      </c>
      <c r="R17753" s="5" t="s">
        <v>1522</v>
      </c>
      <c r="S17753" s="5" t="s">
        <v>1523</v>
      </c>
      <c r="T17753" s="5" t="s">
        <v>42</v>
      </c>
      <c r="U17753" s="2">
        <v>2.823</v>
      </c>
      <c r="V17753" s="2">
        <v>2.286</v>
      </c>
      <c r="W17753" s="2">
        <v>1.4999999999999999E-2</v>
      </c>
      <c r="X17753" s="2">
        <v>118.9</v>
      </c>
      <c r="Y17753" s="2">
        <v>7.6</v>
      </c>
      <c r="Z17753" s="2">
        <v>16.7</v>
      </c>
      <c r="AA17753" s="5"/>
      <c r="AB17753" s="5" t="s">
        <v>43</v>
      </c>
      <c r="AC17753" s="5" t="s">
        <v>44</v>
      </c>
      <c r="AD17753" s="2"/>
      <c r="AE17753" s="1"/>
    </row>
    <row r="17754" spans="1:31" ht="14.45">
      <c r="A17754" s="11"/>
      <c r="B17754" s="20"/>
      <c r="C17754" s="2" t="s">
        <v>54220</v>
      </c>
      <c r="D17754" s="14" t="s">
        <v>54221</v>
      </c>
      <c r="E17754" s="2" t="s">
        <v>54222</v>
      </c>
      <c r="F17754" s="2" t="s">
        <v>7543</v>
      </c>
      <c r="G17754" s="8">
        <v>294</v>
      </c>
      <c r="H17754" s="5">
        <v>6</v>
      </c>
      <c r="I17754" s="5" t="s">
        <v>1518</v>
      </c>
      <c r="J17754" s="5" t="s">
        <v>40939</v>
      </c>
      <c r="K17754" s="2" t="s">
        <v>40940</v>
      </c>
      <c r="L17754" s="5" t="s">
        <v>40939</v>
      </c>
      <c r="M17754" s="2" t="s">
        <v>40940</v>
      </c>
      <c r="N17754" s="5" t="s">
        <v>36266</v>
      </c>
      <c r="O17754" s="5" t="s">
        <v>38</v>
      </c>
      <c r="P17754" s="5" t="s">
        <v>39</v>
      </c>
      <c r="Q17754" s="5" t="s">
        <v>40</v>
      </c>
      <c r="R17754" s="5" t="s">
        <v>1522</v>
      </c>
      <c r="S17754" s="5" t="s">
        <v>1523</v>
      </c>
      <c r="T17754" s="5" t="s">
        <v>42</v>
      </c>
      <c r="U17754" s="2">
        <v>2.915</v>
      </c>
      <c r="V17754" s="2">
        <v>2.3780000000000001</v>
      </c>
      <c r="W17754" s="2">
        <v>1.4999999999999999E-2</v>
      </c>
      <c r="X17754" s="2">
        <v>118.9</v>
      </c>
      <c r="Y17754" s="2">
        <v>7.6</v>
      </c>
      <c r="Z17754" s="2">
        <v>16.7</v>
      </c>
      <c r="AA17754" s="5"/>
      <c r="AB17754" s="5" t="s">
        <v>43</v>
      </c>
      <c r="AC17754" s="5" t="s">
        <v>44</v>
      </c>
      <c r="AD17754" s="2"/>
      <c r="AE17754" s="1"/>
    </row>
    <row r="17755" spans="1:31" ht="14.45">
      <c r="A17755" s="11"/>
      <c r="B17755" s="20"/>
      <c r="C17755" s="2" t="s">
        <v>54223</v>
      </c>
      <c r="D17755" s="14" t="s">
        <v>54224</v>
      </c>
      <c r="E17755" s="2" t="s">
        <v>54225</v>
      </c>
      <c r="F17755" s="2" t="s">
        <v>40989</v>
      </c>
      <c r="G17755" s="8">
        <v>294</v>
      </c>
      <c r="H17755" s="5">
        <v>6</v>
      </c>
      <c r="I17755" s="5" t="s">
        <v>1518</v>
      </c>
      <c r="J17755" s="5" t="s">
        <v>40939</v>
      </c>
      <c r="K17755" s="2" t="s">
        <v>40940</v>
      </c>
      <c r="L17755" s="5" t="s">
        <v>40939</v>
      </c>
      <c r="M17755" s="2" t="s">
        <v>40940</v>
      </c>
      <c r="N17755" s="5" t="s">
        <v>36266</v>
      </c>
      <c r="O17755" s="5" t="s">
        <v>38</v>
      </c>
      <c r="P17755" s="5" t="s">
        <v>39</v>
      </c>
      <c r="Q17755" s="5" t="s">
        <v>40</v>
      </c>
      <c r="R17755" s="5" t="s">
        <v>1522</v>
      </c>
      <c r="S17755" s="5" t="s">
        <v>1523</v>
      </c>
      <c r="T17755" s="5" t="s">
        <v>42</v>
      </c>
      <c r="U17755" s="2">
        <v>2.8660000000000001</v>
      </c>
      <c r="V17755" s="2">
        <v>2.3290000000000002</v>
      </c>
      <c r="W17755" s="2">
        <v>1.4999999999999999E-2</v>
      </c>
      <c r="X17755" s="2">
        <v>118.9</v>
      </c>
      <c r="Y17755" s="2">
        <v>7.6</v>
      </c>
      <c r="Z17755" s="2">
        <v>16.7</v>
      </c>
      <c r="AA17755" s="5"/>
      <c r="AB17755" s="5" t="s">
        <v>43</v>
      </c>
      <c r="AC17755" s="5" t="s">
        <v>44</v>
      </c>
      <c r="AD17755" s="2"/>
      <c r="AE17755" s="1"/>
    </row>
    <row r="17756" spans="1:31" ht="14.45">
      <c r="A17756" s="11"/>
      <c r="B17756" s="20"/>
      <c r="C17756" s="2" t="s">
        <v>54226</v>
      </c>
      <c r="D17756" s="14" t="s">
        <v>54227</v>
      </c>
      <c r="E17756" s="2" t="s">
        <v>54228</v>
      </c>
      <c r="F17756" s="2" t="s">
        <v>40993</v>
      </c>
      <c r="G17756" s="8">
        <v>294</v>
      </c>
      <c r="H17756" s="5">
        <v>6</v>
      </c>
      <c r="I17756" s="5" t="s">
        <v>1518</v>
      </c>
      <c r="J17756" s="5" t="s">
        <v>40939</v>
      </c>
      <c r="K17756" s="2" t="s">
        <v>40940</v>
      </c>
      <c r="L17756" s="5" t="s">
        <v>40939</v>
      </c>
      <c r="M17756" s="2" t="s">
        <v>40940</v>
      </c>
      <c r="N17756" s="5" t="s">
        <v>36266</v>
      </c>
      <c r="O17756" s="5" t="s">
        <v>38</v>
      </c>
      <c r="P17756" s="5" t="s">
        <v>39</v>
      </c>
      <c r="Q17756" s="5" t="s">
        <v>40</v>
      </c>
      <c r="R17756" s="5" t="s">
        <v>1522</v>
      </c>
      <c r="S17756" s="5" t="s">
        <v>1523</v>
      </c>
      <c r="T17756" s="5" t="s">
        <v>42</v>
      </c>
      <c r="U17756" s="2">
        <v>2.9580000000000002</v>
      </c>
      <c r="V17756" s="2">
        <v>2.4209999999999998</v>
      </c>
      <c r="W17756" s="2">
        <v>1.4999999999999999E-2</v>
      </c>
      <c r="X17756" s="2">
        <v>118.9</v>
      </c>
      <c r="Y17756" s="2">
        <v>7.6</v>
      </c>
      <c r="Z17756" s="2">
        <v>16.7</v>
      </c>
      <c r="AA17756" s="5"/>
      <c r="AB17756" s="5" t="s">
        <v>43</v>
      </c>
      <c r="AC17756" s="5" t="s">
        <v>44</v>
      </c>
      <c r="AD17756" s="2"/>
      <c r="AE17756" s="1"/>
    </row>
    <row r="17757" spans="1:31" ht="14.45">
      <c r="A17757" s="11"/>
      <c r="B17757" s="20"/>
      <c r="C17757" s="2" t="s">
        <v>54229</v>
      </c>
      <c r="D17757" s="14" t="s">
        <v>54230</v>
      </c>
      <c r="E17757" s="2" t="s">
        <v>54231</v>
      </c>
      <c r="F17757" s="2" t="s">
        <v>41001</v>
      </c>
      <c r="G17757" s="8">
        <v>294</v>
      </c>
      <c r="H17757" s="5">
        <v>6</v>
      </c>
      <c r="I17757" s="5" t="s">
        <v>1518</v>
      </c>
      <c r="J17757" s="5" t="s">
        <v>40939</v>
      </c>
      <c r="K17757" s="2" t="s">
        <v>40940</v>
      </c>
      <c r="L17757" s="5" t="s">
        <v>40939</v>
      </c>
      <c r="M17757" s="2" t="s">
        <v>40940</v>
      </c>
      <c r="N17757" s="5" t="s">
        <v>36266</v>
      </c>
      <c r="O17757" s="5" t="s">
        <v>38</v>
      </c>
      <c r="P17757" s="5" t="s">
        <v>39</v>
      </c>
      <c r="Q17757" s="5" t="s">
        <v>40</v>
      </c>
      <c r="R17757" s="5" t="s">
        <v>1522</v>
      </c>
      <c r="S17757" s="5" t="s">
        <v>1523</v>
      </c>
      <c r="T17757" s="5" t="s">
        <v>42</v>
      </c>
      <c r="U17757" s="2">
        <v>2.8660000000000001</v>
      </c>
      <c r="V17757" s="2">
        <v>2.3290000000000002</v>
      </c>
      <c r="W17757" s="2">
        <v>1.4999999999999999E-2</v>
      </c>
      <c r="X17757" s="2">
        <v>118.9</v>
      </c>
      <c r="Y17757" s="2">
        <v>7.6</v>
      </c>
      <c r="Z17757" s="2">
        <v>16.7</v>
      </c>
      <c r="AA17757" s="5"/>
      <c r="AB17757" s="5" t="s">
        <v>43</v>
      </c>
      <c r="AC17757" s="5" t="s">
        <v>44</v>
      </c>
      <c r="AD17757" s="2"/>
      <c r="AE17757" s="1"/>
    </row>
    <row r="17758" spans="1:31" ht="14.45">
      <c r="A17758" s="11"/>
      <c r="B17758" s="20"/>
      <c r="C17758" s="2" t="s">
        <v>54232</v>
      </c>
      <c r="D17758" s="14" t="s">
        <v>54233</v>
      </c>
      <c r="E17758" s="2" t="s">
        <v>54234</v>
      </c>
      <c r="F17758" s="2" t="s">
        <v>41009</v>
      </c>
      <c r="G17758" s="8">
        <v>294</v>
      </c>
      <c r="H17758" s="5">
        <v>6</v>
      </c>
      <c r="I17758" s="5" t="s">
        <v>1518</v>
      </c>
      <c r="J17758" s="5" t="s">
        <v>40939</v>
      </c>
      <c r="K17758" s="2" t="s">
        <v>40940</v>
      </c>
      <c r="L17758" s="5" t="s">
        <v>40939</v>
      </c>
      <c r="M17758" s="2" t="s">
        <v>40940</v>
      </c>
      <c r="N17758" s="5" t="s">
        <v>36266</v>
      </c>
      <c r="O17758" s="5" t="s">
        <v>38</v>
      </c>
      <c r="P17758" s="5" t="s">
        <v>39</v>
      </c>
      <c r="Q17758" s="5" t="s">
        <v>40</v>
      </c>
      <c r="R17758" s="5" t="s">
        <v>1522</v>
      </c>
      <c r="S17758" s="5" t="s">
        <v>1523</v>
      </c>
      <c r="T17758" s="5" t="s">
        <v>42</v>
      </c>
      <c r="U17758" s="2">
        <v>2.875</v>
      </c>
      <c r="V17758" s="2">
        <v>2.3380000000000001</v>
      </c>
      <c r="W17758" s="2">
        <v>1.4999999999999999E-2</v>
      </c>
      <c r="X17758" s="2">
        <v>118.9</v>
      </c>
      <c r="Y17758" s="2">
        <v>7.6</v>
      </c>
      <c r="Z17758" s="2">
        <v>16.7</v>
      </c>
      <c r="AA17758" s="5"/>
      <c r="AB17758" s="5" t="s">
        <v>43</v>
      </c>
      <c r="AC17758" s="5" t="s">
        <v>44</v>
      </c>
      <c r="AD17758" s="2"/>
      <c r="AE17758" s="1"/>
    </row>
    <row r="17759" spans="1:31" ht="14.45">
      <c r="A17759" s="11"/>
      <c r="B17759" s="20"/>
      <c r="C17759" s="2" t="s">
        <v>54235</v>
      </c>
      <c r="D17759" s="14" t="s">
        <v>54236</v>
      </c>
      <c r="E17759" s="2" t="s">
        <v>54237</v>
      </c>
      <c r="F17759" s="2" t="s">
        <v>41013</v>
      </c>
      <c r="G17759" s="8">
        <v>294</v>
      </c>
      <c r="H17759" s="5">
        <v>6</v>
      </c>
      <c r="I17759" s="5" t="s">
        <v>1518</v>
      </c>
      <c r="J17759" s="5" t="s">
        <v>40939</v>
      </c>
      <c r="K17759" s="2" t="s">
        <v>40940</v>
      </c>
      <c r="L17759" s="5" t="s">
        <v>40939</v>
      </c>
      <c r="M17759" s="2" t="s">
        <v>40940</v>
      </c>
      <c r="N17759" s="5" t="s">
        <v>36266</v>
      </c>
      <c r="O17759" s="5" t="s">
        <v>38</v>
      </c>
      <c r="P17759" s="5" t="s">
        <v>39</v>
      </c>
      <c r="Q17759" s="5" t="s">
        <v>40</v>
      </c>
      <c r="R17759" s="5" t="s">
        <v>1522</v>
      </c>
      <c r="S17759" s="5" t="s">
        <v>1523</v>
      </c>
      <c r="T17759" s="5" t="s">
        <v>42</v>
      </c>
      <c r="U17759" s="2">
        <v>2.9670000000000001</v>
      </c>
      <c r="V17759" s="2">
        <v>2.4300000000000002</v>
      </c>
      <c r="W17759" s="2">
        <v>1.4999999999999999E-2</v>
      </c>
      <c r="X17759" s="2">
        <v>118.9</v>
      </c>
      <c r="Y17759" s="2">
        <v>7.6</v>
      </c>
      <c r="Z17759" s="2">
        <v>16.7</v>
      </c>
      <c r="AA17759" s="5"/>
      <c r="AB17759" s="5" t="s">
        <v>43</v>
      </c>
      <c r="AC17759" s="5" t="s">
        <v>44</v>
      </c>
      <c r="AD17759" s="2"/>
      <c r="AE17759" s="1"/>
    </row>
    <row r="17760" spans="1:31" ht="14.45">
      <c r="A17760" s="11"/>
      <c r="B17760" s="20"/>
      <c r="C17760" s="2" t="s">
        <v>54238</v>
      </c>
      <c r="D17760" s="14" t="s">
        <v>54239</v>
      </c>
      <c r="E17760" s="2" t="s">
        <v>54240</v>
      </c>
      <c r="F17760" s="2" t="s">
        <v>7396</v>
      </c>
      <c r="G17760" s="8">
        <v>273</v>
      </c>
      <c r="H17760" s="5">
        <v>6</v>
      </c>
      <c r="I17760" s="5" t="s">
        <v>1518</v>
      </c>
      <c r="J17760" s="5" t="s">
        <v>40939</v>
      </c>
      <c r="K17760" s="2" t="s">
        <v>40940</v>
      </c>
      <c r="L17760" s="5" t="s">
        <v>40939</v>
      </c>
      <c r="M17760" s="2" t="s">
        <v>40940</v>
      </c>
      <c r="N17760" s="5" t="s">
        <v>36266</v>
      </c>
      <c r="O17760" s="5" t="s">
        <v>38</v>
      </c>
      <c r="P17760" s="5" t="s">
        <v>39</v>
      </c>
      <c r="Q17760" s="5" t="s">
        <v>40</v>
      </c>
      <c r="R17760" s="5" t="s">
        <v>1522</v>
      </c>
      <c r="S17760" s="5" t="s">
        <v>1523</v>
      </c>
      <c r="T17760" s="5" t="s">
        <v>42</v>
      </c>
      <c r="U17760" s="2">
        <v>2.875</v>
      </c>
      <c r="V17760" s="2">
        <v>2.3380000000000001</v>
      </c>
      <c r="W17760" s="2">
        <v>1.4999999999999999E-2</v>
      </c>
      <c r="X17760" s="2">
        <v>118.9</v>
      </c>
      <c r="Y17760" s="2">
        <v>7.6</v>
      </c>
      <c r="Z17760" s="2">
        <v>16.7</v>
      </c>
      <c r="AA17760" s="5"/>
      <c r="AB17760" s="5" t="s">
        <v>43</v>
      </c>
      <c r="AC17760" s="5" t="s">
        <v>44</v>
      </c>
      <c r="AD17760" s="2"/>
      <c r="AE17760" s="1"/>
    </row>
    <row r="17761" spans="1:31" ht="14.45">
      <c r="A17761" s="11"/>
      <c r="B17761" s="20"/>
      <c r="C17761" s="2" t="s">
        <v>54241</v>
      </c>
      <c r="D17761" s="14" t="s">
        <v>54242</v>
      </c>
      <c r="E17761" s="2" t="s">
        <v>54243</v>
      </c>
      <c r="F17761" s="2" t="s">
        <v>7507</v>
      </c>
      <c r="G17761" s="8">
        <v>273</v>
      </c>
      <c r="H17761" s="5">
        <v>6</v>
      </c>
      <c r="I17761" s="5" t="s">
        <v>1518</v>
      </c>
      <c r="J17761" s="5" t="s">
        <v>40939</v>
      </c>
      <c r="K17761" s="2" t="s">
        <v>40940</v>
      </c>
      <c r="L17761" s="5" t="s">
        <v>40939</v>
      </c>
      <c r="M17761" s="2" t="s">
        <v>40940</v>
      </c>
      <c r="N17761" s="5" t="s">
        <v>36266</v>
      </c>
      <c r="O17761" s="5" t="s">
        <v>38</v>
      </c>
      <c r="P17761" s="5" t="s">
        <v>39</v>
      </c>
      <c r="Q17761" s="5" t="s">
        <v>40</v>
      </c>
      <c r="R17761" s="5" t="s">
        <v>1522</v>
      </c>
      <c r="S17761" s="5" t="s">
        <v>1523</v>
      </c>
      <c r="T17761" s="5" t="s">
        <v>42</v>
      </c>
      <c r="U17761" s="2">
        <v>2.9670000000000001</v>
      </c>
      <c r="V17761" s="2">
        <v>2.4300000000000002</v>
      </c>
      <c r="W17761" s="2">
        <v>1.4999999999999999E-2</v>
      </c>
      <c r="X17761" s="2">
        <v>118.9</v>
      </c>
      <c r="Y17761" s="2">
        <v>7.6</v>
      </c>
      <c r="Z17761" s="2">
        <v>16.7</v>
      </c>
      <c r="AA17761" s="5"/>
      <c r="AB17761" s="5" t="s">
        <v>43</v>
      </c>
      <c r="AC17761" s="5" t="s">
        <v>44</v>
      </c>
      <c r="AD17761" s="2"/>
      <c r="AE17761" s="1"/>
    </row>
    <row r="17762" spans="1:31" ht="14.45">
      <c r="A17762" s="11"/>
      <c r="B17762" s="20"/>
      <c r="C17762" s="2" t="s">
        <v>54244</v>
      </c>
      <c r="D17762" s="14" t="s">
        <v>54245</v>
      </c>
      <c r="E17762" s="2" t="s">
        <v>54246</v>
      </c>
      <c r="F17762" s="2" t="s">
        <v>41023</v>
      </c>
      <c r="G17762" s="8">
        <v>294</v>
      </c>
      <c r="H17762" s="5">
        <v>6</v>
      </c>
      <c r="I17762" s="5" t="s">
        <v>1518</v>
      </c>
      <c r="J17762" s="5" t="s">
        <v>40939</v>
      </c>
      <c r="K17762" s="2" t="s">
        <v>40940</v>
      </c>
      <c r="L17762" s="5" t="s">
        <v>40939</v>
      </c>
      <c r="M17762" s="2" t="s">
        <v>40940</v>
      </c>
      <c r="N17762" s="5" t="s">
        <v>36266</v>
      </c>
      <c r="O17762" s="5" t="s">
        <v>38</v>
      </c>
      <c r="P17762" s="5" t="s">
        <v>39</v>
      </c>
      <c r="Q17762" s="5" t="s">
        <v>40</v>
      </c>
      <c r="R17762" s="5" t="s">
        <v>1522</v>
      </c>
      <c r="S17762" s="5" t="s">
        <v>1523</v>
      </c>
      <c r="T17762" s="5" t="s">
        <v>42</v>
      </c>
      <c r="U17762" s="2">
        <v>2.8319999999999999</v>
      </c>
      <c r="V17762" s="2">
        <v>2.2949999999999999</v>
      </c>
      <c r="W17762" s="2">
        <v>1.4999999999999999E-2</v>
      </c>
      <c r="X17762" s="2">
        <v>118.9</v>
      </c>
      <c r="Y17762" s="2">
        <v>7.6</v>
      </c>
      <c r="Z17762" s="2">
        <v>16.7</v>
      </c>
      <c r="AA17762" s="5"/>
      <c r="AB17762" s="5" t="s">
        <v>43</v>
      </c>
      <c r="AC17762" s="5" t="s">
        <v>44</v>
      </c>
      <c r="AD17762" s="2"/>
      <c r="AE17762" s="1"/>
    </row>
    <row r="17763" spans="1:31" ht="14.45">
      <c r="A17763" s="11"/>
      <c r="B17763" s="20"/>
      <c r="C17763" s="2" t="s">
        <v>54247</v>
      </c>
      <c r="D17763" s="14" t="s">
        <v>54248</v>
      </c>
      <c r="E17763" s="2" t="s">
        <v>54249</v>
      </c>
      <c r="F17763" s="2" t="s">
        <v>41031</v>
      </c>
      <c r="G17763" s="8">
        <v>294</v>
      </c>
      <c r="H17763" s="5">
        <v>6</v>
      </c>
      <c r="I17763" s="5" t="s">
        <v>1518</v>
      </c>
      <c r="J17763" s="5" t="s">
        <v>40939</v>
      </c>
      <c r="K17763" s="2" t="s">
        <v>40940</v>
      </c>
      <c r="L17763" s="5" t="s">
        <v>40939</v>
      </c>
      <c r="M17763" s="2" t="s">
        <v>40940</v>
      </c>
      <c r="N17763" s="5" t="s">
        <v>36266</v>
      </c>
      <c r="O17763" s="5" t="s">
        <v>38</v>
      </c>
      <c r="P17763" s="5" t="s">
        <v>39</v>
      </c>
      <c r="Q17763" s="5" t="s">
        <v>40</v>
      </c>
      <c r="R17763" s="5" t="s">
        <v>1522</v>
      </c>
      <c r="S17763" s="5" t="s">
        <v>1523</v>
      </c>
      <c r="T17763" s="5" t="s">
        <v>42</v>
      </c>
      <c r="U17763" s="2">
        <v>2.8319999999999999</v>
      </c>
      <c r="V17763" s="2">
        <v>2.2949999999999999</v>
      </c>
      <c r="W17763" s="2">
        <v>1.4999999999999999E-2</v>
      </c>
      <c r="X17763" s="2">
        <v>118.9</v>
      </c>
      <c r="Y17763" s="2">
        <v>7.6</v>
      </c>
      <c r="Z17763" s="2">
        <v>16.7</v>
      </c>
      <c r="AA17763" s="5"/>
      <c r="AB17763" s="5" t="s">
        <v>43</v>
      </c>
      <c r="AC17763" s="5" t="s">
        <v>44</v>
      </c>
      <c r="AD17763" s="2"/>
      <c r="AE17763" s="1"/>
    </row>
    <row r="17764" spans="1:31" ht="14.45">
      <c r="A17764" s="11"/>
      <c r="B17764" s="20"/>
      <c r="C17764" s="2" t="s">
        <v>54250</v>
      </c>
      <c r="D17764" s="14" t="s">
        <v>54251</v>
      </c>
      <c r="E17764" s="2" t="s">
        <v>54252</v>
      </c>
      <c r="F17764" s="2" t="s">
        <v>41035</v>
      </c>
      <c r="G17764" s="8">
        <v>294</v>
      </c>
      <c r="H17764" s="5">
        <v>6</v>
      </c>
      <c r="I17764" s="5" t="s">
        <v>1518</v>
      </c>
      <c r="J17764" s="5" t="s">
        <v>40939</v>
      </c>
      <c r="K17764" s="2" t="s">
        <v>40940</v>
      </c>
      <c r="L17764" s="5" t="s">
        <v>40939</v>
      </c>
      <c r="M17764" s="2" t="s">
        <v>40940</v>
      </c>
      <c r="N17764" s="5" t="s">
        <v>36266</v>
      </c>
      <c r="O17764" s="5" t="s">
        <v>38</v>
      </c>
      <c r="P17764" s="5" t="s">
        <v>39</v>
      </c>
      <c r="Q17764" s="5" t="s">
        <v>40</v>
      </c>
      <c r="R17764" s="5" t="s">
        <v>1522</v>
      </c>
      <c r="S17764" s="5" t="s">
        <v>1523</v>
      </c>
      <c r="T17764" s="5" t="s">
        <v>42</v>
      </c>
      <c r="U17764" s="2">
        <v>2.9239999999999999</v>
      </c>
      <c r="V17764" s="2">
        <v>2.387</v>
      </c>
      <c r="W17764" s="2">
        <v>1.4999999999999999E-2</v>
      </c>
      <c r="X17764" s="2">
        <v>118.9</v>
      </c>
      <c r="Y17764" s="2">
        <v>7.6</v>
      </c>
      <c r="Z17764" s="2">
        <v>16.7</v>
      </c>
      <c r="AA17764" s="5"/>
      <c r="AB17764" s="5" t="s">
        <v>43</v>
      </c>
      <c r="AC17764" s="5" t="s">
        <v>44</v>
      </c>
      <c r="AD17764" s="2"/>
      <c r="AE17764" s="1"/>
    </row>
    <row r="17765" spans="1:31" ht="14.45">
      <c r="A17765" s="11"/>
      <c r="B17765" s="20"/>
      <c r="C17765" s="2" t="s">
        <v>54253</v>
      </c>
      <c r="D17765" s="14" t="s">
        <v>54254</v>
      </c>
      <c r="E17765" s="2" t="s">
        <v>54255</v>
      </c>
      <c r="F17765" s="2" t="s">
        <v>7449</v>
      </c>
      <c r="G17765" s="8">
        <v>294</v>
      </c>
      <c r="H17765" s="5">
        <v>6</v>
      </c>
      <c r="I17765" s="5" t="s">
        <v>1518</v>
      </c>
      <c r="J17765" s="5" t="s">
        <v>40939</v>
      </c>
      <c r="K17765" s="2" t="s">
        <v>40940</v>
      </c>
      <c r="L17765" s="5" t="s">
        <v>40939</v>
      </c>
      <c r="M17765" s="2" t="s">
        <v>40940</v>
      </c>
      <c r="N17765" s="5" t="s">
        <v>36266</v>
      </c>
      <c r="O17765" s="5" t="s">
        <v>38</v>
      </c>
      <c r="P17765" s="5" t="s">
        <v>39</v>
      </c>
      <c r="Q17765" s="5" t="s">
        <v>40</v>
      </c>
      <c r="R17765" s="5" t="s">
        <v>1522</v>
      </c>
      <c r="S17765" s="5" t="s">
        <v>1523</v>
      </c>
      <c r="T17765" s="5" t="s">
        <v>42</v>
      </c>
      <c r="U17765" s="2">
        <v>2.8319999999999999</v>
      </c>
      <c r="V17765" s="2">
        <v>2.2949999999999999</v>
      </c>
      <c r="W17765" s="2">
        <v>1.4999999999999999E-2</v>
      </c>
      <c r="X17765" s="2">
        <v>118.9</v>
      </c>
      <c r="Y17765" s="2">
        <v>7.6</v>
      </c>
      <c r="Z17765" s="2">
        <v>16.7</v>
      </c>
      <c r="AA17765" s="5"/>
      <c r="AB17765" s="5" t="s">
        <v>43</v>
      </c>
      <c r="AC17765" s="5" t="s">
        <v>44</v>
      </c>
      <c r="AD17765" s="2"/>
      <c r="AE17765" s="1"/>
    </row>
    <row r="17766" spans="1:31" ht="14.45">
      <c r="A17766" s="11"/>
      <c r="B17766" s="20"/>
      <c r="C17766" s="2" t="s">
        <v>54256</v>
      </c>
      <c r="D17766" s="14" t="s">
        <v>54257</v>
      </c>
      <c r="E17766" s="2" t="s">
        <v>54258</v>
      </c>
      <c r="F17766" s="2" t="s">
        <v>7581</v>
      </c>
      <c r="G17766" s="8">
        <v>294</v>
      </c>
      <c r="H17766" s="5">
        <v>6</v>
      </c>
      <c r="I17766" s="5" t="s">
        <v>1518</v>
      </c>
      <c r="J17766" s="5" t="s">
        <v>40939</v>
      </c>
      <c r="K17766" s="2" t="s">
        <v>40940</v>
      </c>
      <c r="L17766" s="5" t="s">
        <v>40939</v>
      </c>
      <c r="M17766" s="2" t="s">
        <v>40940</v>
      </c>
      <c r="N17766" s="5" t="s">
        <v>36266</v>
      </c>
      <c r="O17766" s="5" t="s">
        <v>38</v>
      </c>
      <c r="P17766" s="5" t="s">
        <v>39</v>
      </c>
      <c r="Q17766" s="5" t="s">
        <v>40</v>
      </c>
      <c r="R17766" s="5" t="s">
        <v>1522</v>
      </c>
      <c r="S17766" s="5" t="s">
        <v>1523</v>
      </c>
      <c r="T17766" s="5" t="s">
        <v>42</v>
      </c>
      <c r="U17766" s="2">
        <v>2.9239999999999999</v>
      </c>
      <c r="V17766" s="2">
        <v>2.387</v>
      </c>
      <c r="W17766" s="2">
        <v>1.4999999999999999E-2</v>
      </c>
      <c r="X17766" s="2">
        <v>118.9</v>
      </c>
      <c r="Y17766" s="2">
        <v>7.6</v>
      </c>
      <c r="Z17766" s="2">
        <v>16.7</v>
      </c>
      <c r="AA17766" s="5"/>
      <c r="AB17766" s="5" t="s">
        <v>43</v>
      </c>
      <c r="AC17766" s="5" t="s">
        <v>44</v>
      </c>
      <c r="AD17766" s="2"/>
      <c r="AE17766" s="1"/>
    </row>
    <row r="17767" spans="1:31" ht="14.45">
      <c r="A17767" s="11"/>
      <c r="B17767" s="20"/>
      <c r="C17767" s="2" t="s">
        <v>54259</v>
      </c>
      <c r="D17767" s="14" t="s">
        <v>54260</v>
      </c>
      <c r="E17767" s="2" t="s">
        <v>54261</v>
      </c>
      <c r="F17767" s="2" t="s">
        <v>41045</v>
      </c>
      <c r="G17767" s="8">
        <v>294</v>
      </c>
      <c r="H17767" s="5">
        <v>6</v>
      </c>
      <c r="I17767" s="5" t="s">
        <v>1518</v>
      </c>
      <c r="J17767" s="5" t="s">
        <v>40939</v>
      </c>
      <c r="K17767" s="2" t="s">
        <v>40940</v>
      </c>
      <c r="L17767" s="5" t="s">
        <v>40939</v>
      </c>
      <c r="M17767" s="2" t="s">
        <v>40940</v>
      </c>
      <c r="N17767" s="5" t="s">
        <v>36266</v>
      </c>
      <c r="O17767" s="5" t="s">
        <v>38</v>
      </c>
      <c r="P17767" s="5" t="s">
        <v>39</v>
      </c>
      <c r="Q17767" s="5" t="s">
        <v>40</v>
      </c>
      <c r="R17767" s="5" t="s">
        <v>1522</v>
      </c>
      <c r="S17767" s="5" t="s">
        <v>1523</v>
      </c>
      <c r="T17767" s="5" t="s">
        <v>42</v>
      </c>
      <c r="U17767" s="2">
        <v>2.8839999999999999</v>
      </c>
      <c r="V17767" s="2">
        <v>2.347</v>
      </c>
      <c r="W17767" s="2">
        <v>1.4999999999999999E-2</v>
      </c>
      <c r="X17767" s="2">
        <v>118.9</v>
      </c>
      <c r="Y17767" s="2">
        <v>7.6</v>
      </c>
      <c r="Z17767" s="2">
        <v>16.7</v>
      </c>
      <c r="AA17767" s="5"/>
      <c r="AB17767" s="5" t="s">
        <v>43</v>
      </c>
      <c r="AC17767" s="5" t="s">
        <v>44</v>
      </c>
      <c r="AD17767" s="2"/>
      <c r="AE17767" s="1"/>
    </row>
    <row r="17768" spans="1:31" ht="14.45">
      <c r="A17768" s="11"/>
      <c r="B17768" s="20"/>
      <c r="C17768" s="2" t="s">
        <v>54262</v>
      </c>
      <c r="D17768" s="14" t="s">
        <v>54263</v>
      </c>
      <c r="E17768" s="2" t="s">
        <v>54264</v>
      </c>
      <c r="F17768" s="2" t="s">
        <v>41049</v>
      </c>
      <c r="G17768" s="8">
        <v>294</v>
      </c>
      <c r="H17768" s="5">
        <v>6</v>
      </c>
      <c r="I17768" s="5" t="s">
        <v>1518</v>
      </c>
      <c r="J17768" s="5" t="s">
        <v>40939</v>
      </c>
      <c r="K17768" s="2" t="s">
        <v>40940</v>
      </c>
      <c r="L17768" s="5" t="s">
        <v>40939</v>
      </c>
      <c r="M17768" s="2" t="s">
        <v>40940</v>
      </c>
      <c r="N17768" s="5" t="s">
        <v>36266</v>
      </c>
      <c r="O17768" s="5" t="s">
        <v>38</v>
      </c>
      <c r="P17768" s="5" t="s">
        <v>39</v>
      </c>
      <c r="Q17768" s="5" t="s">
        <v>40</v>
      </c>
      <c r="R17768" s="5" t="s">
        <v>1522</v>
      </c>
      <c r="S17768" s="5" t="s">
        <v>1523</v>
      </c>
      <c r="T17768" s="5" t="s">
        <v>42</v>
      </c>
      <c r="U17768" s="2">
        <v>2.976</v>
      </c>
      <c r="V17768" s="2">
        <v>2.4390000000000001</v>
      </c>
      <c r="W17768" s="2">
        <v>1.4999999999999999E-2</v>
      </c>
      <c r="X17768" s="2">
        <v>118.9</v>
      </c>
      <c r="Y17768" s="2">
        <v>7.6</v>
      </c>
      <c r="Z17768" s="2">
        <v>16.7</v>
      </c>
      <c r="AA17768" s="5"/>
      <c r="AB17768" s="5" t="s">
        <v>43</v>
      </c>
      <c r="AC17768" s="5" t="s">
        <v>44</v>
      </c>
      <c r="AD17768" s="2"/>
      <c r="AE17768" s="1"/>
    </row>
    <row r="17769" spans="1:31" ht="14.45">
      <c r="A17769" s="11"/>
      <c r="B17769" s="20"/>
      <c r="C17769" s="2" t="s">
        <v>54265</v>
      </c>
      <c r="D17769" s="14" t="s">
        <v>54266</v>
      </c>
      <c r="E17769" s="2" t="s">
        <v>54267</v>
      </c>
      <c r="F17769" s="2" t="s">
        <v>7204</v>
      </c>
      <c r="G17769" s="8">
        <v>281</v>
      </c>
      <c r="H17769" s="5">
        <v>6</v>
      </c>
      <c r="I17769" s="5" t="s">
        <v>1518</v>
      </c>
      <c r="J17769" s="5" t="s">
        <v>40939</v>
      </c>
      <c r="K17769" s="2" t="s">
        <v>40940</v>
      </c>
      <c r="L17769" s="5" t="s">
        <v>40939</v>
      </c>
      <c r="M17769" s="2" t="s">
        <v>40940</v>
      </c>
      <c r="N17769" s="5" t="s">
        <v>36266</v>
      </c>
      <c r="O17769" s="5" t="s">
        <v>38</v>
      </c>
      <c r="P17769" s="5" t="s">
        <v>39</v>
      </c>
      <c r="Q17769" s="5" t="s">
        <v>40</v>
      </c>
      <c r="R17769" s="5" t="s">
        <v>1522</v>
      </c>
      <c r="S17769" s="5" t="s">
        <v>1523</v>
      </c>
      <c r="T17769" s="5" t="s">
        <v>42</v>
      </c>
      <c r="U17769" s="2">
        <v>3.0710000000000002</v>
      </c>
      <c r="V17769" s="2">
        <v>2.4580000000000002</v>
      </c>
      <c r="W17769" s="2">
        <v>1.7999999999999999E-2</v>
      </c>
      <c r="X17769" s="2">
        <v>139.1</v>
      </c>
      <c r="Y17769" s="2">
        <v>7.6</v>
      </c>
      <c r="Z17769" s="2">
        <v>16.7</v>
      </c>
      <c r="AA17769" s="5"/>
      <c r="AB17769" s="5" t="s">
        <v>43</v>
      </c>
      <c r="AC17769" s="5" t="s">
        <v>44</v>
      </c>
      <c r="AD17769" s="2"/>
      <c r="AE17769" s="1"/>
    </row>
    <row r="17770" spans="1:31" ht="14.45">
      <c r="A17770" s="11"/>
      <c r="B17770" s="20"/>
      <c r="C17770" s="2" t="s">
        <v>54268</v>
      </c>
      <c r="D17770" s="14" t="s">
        <v>54269</v>
      </c>
      <c r="E17770" s="2" t="s">
        <v>54270</v>
      </c>
      <c r="F17770" s="2" t="s">
        <v>47195</v>
      </c>
      <c r="G17770" s="8">
        <v>303</v>
      </c>
      <c r="H17770" s="5">
        <v>6</v>
      </c>
      <c r="I17770" s="5" t="s">
        <v>1518</v>
      </c>
      <c r="J17770" s="5" t="s">
        <v>40939</v>
      </c>
      <c r="K17770" s="2" t="s">
        <v>40940</v>
      </c>
      <c r="L17770" s="5" t="s">
        <v>40939</v>
      </c>
      <c r="M17770" s="2" t="s">
        <v>40940</v>
      </c>
      <c r="N17770" s="5" t="s">
        <v>36266</v>
      </c>
      <c r="O17770" s="5" t="s">
        <v>38</v>
      </c>
      <c r="P17770" s="5" t="s">
        <v>39</v>
      </c>
      <c r="Q17770" s="5" t="s">
        <v>40</v>
      </c>
      <c r="R17770" s="5" t="s">
        <v>1522</v>
      </c>
      <c r="S17770" s="5" t="s">
        <v>1523</v>
      </c>
      <c r="T17770" s="5" t="s">
        <v>42</v>
      </c>
      <c r="U17770" s="2">
        <v>3.1930000000000001</v>
      </c>
      <c r="V17770" s="2">
        <v>2.58</v>
      </c>
      <c r="W17770" s="2">
        <v>1.7999999999999999E-2</v>
      </c>
      <c r="X17770" s="2">
        <v>139.1</v>
      </c>
      <c r="Y17770" s="2">
        <v>7.6</v>
      </c>
      <c r="Z17770" s="2">
        <v>16.7</v>
      </c>
      <c r="AA17770" s="5"/>
      <c r="AB17770" s="5" t="s">
        <v>43</v>
      </c>
      <c r="AC17770" s="5" t="s">
        <v>44</v>
      </c>
      <c r="AD17770" s="2"/>
      <c r="AE17770" s="1"/>
    </row>
    <row r="17771" spans="1:31" ht="14.45">
      <c r="A17771" s="11"/>
      <c r="B17771" s="20"/>
      <c r="C17771" s="2" t="s">
        <v>54271</v>
      </c>
      <c r="D17771" s="14" t="s">
        <v>54272</v>
      </c>
      <c r="E17771" s="2" t="s">
        <v>54273</v>
      </c>
      <c r="F17771" s="2" t="s">
        <v>7521</v>
      </c>
      <c r="G17771" s="8">
        <v>281</v>
      </c>
      <c r="H17771" s="5">
        <v>6</v>
      </c>
      <c r="I17771" s="5" t="s">
        <v>1518</v>
      </c>
      <c r="J17771" s="5" t="s">
        <v>40939</v>
      </c>
      <c r="K17771" s="2" t="s">
        <v>40940</v>
      </c>
      <c r="L17771" s="5" t="s">
        <v>40939</v>
      </c>
      <c r="M17771" s="2" t="s">
        <v>40940</v>
      </c>
      <c r="N17771" s="5" t="s">
        <v>36266</v>
      </c>
      <c r="O17771" s="5" t="s">
        <v>38</v>
      </c>
      <c r="P17771" s="5" t="s">
        <v>39</v>
      </c>
      <c r="Q17771" s="5" t="s">
        <v>40</v>
      </c>
      <c r="R17771" s="5" t="s">
        <v>1522</v>
      </c>
      <c r="S17771" s="5" t="s">
        <v>1523</v>
      </c>
      <c r="T17771" s="5" t="s">
        <v>42</v>
      </c>
      <c r="U17771" s="2">
        <v>3.2029999999999998</v>
      </c>
      <c r="V17771" s="2">
        <v>2.59</v>
      </c>
      <c r="W17771" s="2">
        <v>1.7999999999999999E-2</v>
      </c>
      <c r="X17771" s="2">
        <v>139.1</v>
      </c>
      <c r="Y17771" s="2">
        <v>7.6</v>
      </c>
      <c r="Z17771" s="2">
        <v>16.7</v>
      </c>
      <c r="AA17771" s="5"/>
      <c r="AB17771" s="5" t="s">
        <v>43</v>
      </c>
      <c r="AC17771" s="5" t="s">
        <v>44</v>
      </c>
      <c r="AD17771" s="2"/>
      <c r="AE17771" s="1"/>
    </row>
    <row r="17772" spans="1:31" ht="14.45">
      <c r="A17772" s="11"/>
      <c r="B17772" s="20"/>
      <c r="C17772" s="2" t="s">
        <v>54274</v>
      </c>
      <c r="D17772" s="14" t="s">
        <v>54275</v>
      </c>
      <c r="E17772" s="2" t="s">
        <v>54276</v>
      </c>
      <c r="F17772" s="2" t="s">
        <v>36273</v>
      </c>
      <c r="G17772" s="8">
        <v>281</v>
      </c>
      <c r="H17772" s="5">
        <v>6</v>
      </c>
      <c r="I17772" s="5" t="s">
        <v>1518</v>
      </c>
      <c r="J17772" s="5" t="s">
        <v>40939</v>
      </c>
      <c r="K17772" s="2" t="s">
        <v>40940</v>
      </c>
      <c r="L17772" s="5" t="s">
        <v>40939</v>
      </c>
      <c r="M17772" s="2" t="s">
        <v>40940</v>
      </c>
      <c r="N17772" s="5" t="s">
        <v>36266</v>
      </c>
      <c r="O17772" s="5" t="s">
        <v>38</v>
      </c>
      <c r="P17772" s="5" t="s">
        <v>39</v>
      </c>
      <c r="Q17772" s="5" t="s">
        <v>40</v>
      </c>
      <c r="R17772" s="5" t="s">
        <v>1522</v>
      </c>
      <c r="S17772" s="5" t="s">
        <v>1523</v>
      </c>
      <c r="T17772" s="5" t="s">
        <v>42</v>
      </c>
      <c r="U17772" s="2">
        <v>3.121</v>
      </c>
      <c r="V17772" s="2">
        <v>2.508</v>
      </c>
      <c r="W17772" s="2">
        <v>1.7999999999999999E-2</v>
      </c>
      <c r="X17772" s="2">
        <v>139.1</v>
      </c>
      <c r="Y17772" s="2">
        <v>7.6</v>
      </c>
      <c r="Z17772" s="2">
        <v>16.7</v>
      </c>
      <c r="AA17772" s="5"/>
      <c r="AB17772" s="5" t="s">
        <v>43</v>
      </c>
      <c r="AC17772" s="5" t="s">
        <v>44</v>
      </c>
      <c r="AD17772" s="2"/>
      <c r="AE17772" s="1"/>
    </row>
    <row r="17773" spans="1:31" ht="14.45">
      <c r="A17773" s="11"/>
      <c r="B17773" s="20"/>
      <c r="C17773" s="2" t="s">
        <v>54277</v>
      </c>
      <c r="D17773" s="14" t="s">
        <v>54278</v>
      </c>
      <c r="E17773" s="2" t="s">
        <v>54279</v>
      </c>
      <c r="F17773" s="2" t="s">
        <v>41023</v>
      </c>
      <c r="G17773" s="8">
        <v>303</v>
      </c>
      <c r="H17773" s="5">
        <v>6</v>
      </c>
      <c r="I17773" s="5" t="s">
        <v>1518</v>
      </c>
      <c r="J17773" s="5" t="s">
        <v>40939</v>
      </c>
      <c r="K17773" s="2" t="s">
        <v>40940</v>
      </c>
      <c r="L17773" s="5" t="s">
        <v>40939</v>
      </c>
      <c r="M17773" s="2" t="s">
        <v>40940</v>
      </c>
      <c r="N17773" s="5" t="s">
        <v>36266</v>
      </c>
      <c r="O17773" s="5" t="s">
        <v>38</v>
      </c>
      <c r="P17773" s="5" t="s">
        <v>39</v>
      </c>
      <c r="Q17773" s="5" t="s">
        <v>40</v>
      </c>
      <c r="R17773" s="5" t="s">
        <v>1522</v>
      </c>
      <c r="S17773" s="5" t="s">
        <v>1523</v>
      </c>
      <c r="T17773" s="5" t="s">
        <v>42</v>
      </c>
      <c r="U17773" s="2">
        <v>3.0609999999999999</v>
      </c>
      <c r="V17773" s="2">
        <v>2.448</v>
      </c>
      <c r="W17773" s="2">
        <v>1.7999999999999999E-2</v>
      </c>
      <c r="X17773" s="2">
        <v>139.1</v>
      </c>
      <c r="Y17773" s="2">
        <v>7.6</v>
      </c>
      <c r="Z17773" s="2">
        <v>16.7</v>
      </c>
      <c r="AA17773" s="5"/>
      <c r="AB17773" s="5" t="s">
        <v>43</v>
      </c>
      <c r="AC17773" s="5" t="s">
        <v>44</v>
      </c>
      <c r="AD17773" s="2"/>
      <c r="AE17773" s="1"/>
    </row>
    <row r="17774" spans="1:31" ht="14.45">
      <c r="A17774" s="11"/>
      <c r="B17774" s="20"/>
      <c r="C17774" s="2" t="s">
        <v>54280</v>
      </c>
      <c r="D17774" s="14" t="s">
        <v>54281</v>
      </c>
      <c r="E17774" s="2" t="s">
        <v>54282</v>
      </c>
      <c r="F17774" s="2" t="s">
        <v>7449</v>
      </c>
      <c r="G17774" s="8">
        <v>303</v>
      </c>
      <c r="H17774" s="5">
        <v>6</v>
      </c>
      <c r="I17774" s="5" t="s">
        <v>1518</v>
      </c>
      <c r="J17774" s="5" t="s">
        <v>40939</v>
      </c>
      <c r="K17774" s="2" t="s">
        <v>40940</v>
      </c>
      <c r="L17774" s="5" t="s">
        <v>40939</v>
      </c>
      <c r="M17774" s="2" t="s">
        <v>40940</v>
      </c>
      <c r="N17774" s="5" t="s">
        <v>36266</v>
      </c>
      <c r="O17774" s="5" t="s">
        <v>38</v>
      </c>
      <c r="P17774" s="5" t="s">
        <v>39</v>
      </c>
      <c r="Q17774" s="5" t="s">
        <v>40</v>
      </c>
      <c r="R17774" s="5" t="s">
        <v>1522</v>
      </c>
      <c r="S17774" s="5" t="s">
        <v>1523</v>
      </c>
      <c r="T17774" s="5" t="s">
        <v>42</v>
      </c>
      <c r="U17774" s="2">
        <v>3.0609999999999999</v>
      </c>
      <c r="V17774" s="2">
        <v>2.448</v>
      </c>
      <c r="W17774" s="2">
        <v>1.7999999999999999E-2</v>
      </c>
      <c r="X17774" s="2">
        <v>139.1</v>
      </c>
      <c r="Y17774" s="2">
        <v>7.6</v>
      </c>
      <c r="Z17774" s="2">
        <v>16.7</v>
      </c>
      <c r="AA17774" s="5"/>
      <c r="AB17774" s="5" t="s">
        <v>43</v>
      </c>
      <c r="AC17774" s="5" t="s">
        <v>44</v>
      </c>
      <c r="AD17774" s="2"/>
      <c r="AE17774" s="1"/>
    </row>
    <row r="17775" spans="1:31" ht="14.45">
      <c r="A17775" s="11"/>
      <c r="B17775" s="20"/>
      <c r="C17775" s="2" t="s">
        <v>54283</v>
      </c>
      <c r="D17775" s="14" t="s">
        <v>54284</v>
      </c>
      <c r="E17775" s="2" t="s">
        <v>54285</v>
      </c>
      <c r="F17775" s="2" t="s">
        <v>7514</v>
      </c>
      <c r="G17775" s="8">
        <v>258</v>
      </c>
      <c r="H17775" s="5">
        <v>6</v>
      </c>
      <c r="I17775" s="5" t="s">
        <v>1518</v>
      </c>
      <c r="J17775" s="5" t="s">
        <v>40939</v>
      </c>
      <c r="K17775" s="2" t="s">
        <v>40940</v>
      </c>
      <c r="L17775" s="5" t="s">
        <v>40939</v>
      </c>
      <c r="M17775" s="2" t="s">
        <v>40940</v>
      </c>
      <c r="N17775" s="5" t="s">
        <v>36266</v>
      </c>
      <c r="O17775" s="5" t="s">
        <v>38</v>
      </c>
      <c r="P17775" s="5" t="s">
        <v>39</v>
      </c>
      <c r="Q17775" s="5" t="s">
        <v>40</v>
      </c>
      <c r="R17775" s="5" t="s">
        <v>1522</v>
      </c>
      <c r="S17775" s="5" t="s">
        <v>1523</v>
      </c>
      <c r="T17775" s="5" t="s">
        <v>42</v>
      </c>
      <c r="U17775" s="2">
        <v>2.339</v>
      </c>
      <c r="V17775" s="2">
        <v>1.7789999999999999</v>
      </c>
      <c r="W17775" s="2">
        <v>1.2999999999999999E-2</v>
      </c>
      <c r="X17775" s="2">
        <v>99.1</v>
      </c>
      <c r="Y17775" s="2">
        <v>7.6</v>
      </c>
      <c r="Z17775" s="2">
        <v>16.7</v>
      </c>
      <c r="AA17775" s="5"/>
      <c r="AB17775" s="5" t="s">
        <v>43</v>
      </c>
      <c r="AC17775" s="5" t="s">
        <v>44</v>
      </c>
      <c r="AD17775" s="2"/>
      <c r="AE17775" s="1"/>
    </row>
    <row r="17776" spans="1:31" ht="14.45">
      <c r="A17776" s="11"/>
      <c r="B17776" s="20"/>
      <c r="C17776" s="2" t="s">
        <v>54286</v>
      </c>
      <c r="D17776" s="14" t="s">
        <v>54287</v>
      </c>
      <c r="E17776" s="2" t="s">
        <v>54288</v>
      </c>
      <c r="F17776" s="2" t="s">
        <v>47266</v>
      </c>
      <c r="G17776" s="8">
        <v>277</v>
      </c>
      <c r="H17776" s="5">
        <v>6</v>
      </c>
      <c r="I17776" s="5" t="s">
        <v>1518</v>
      </c>
      <c r="J17776" s="5" t="s">
        <v>40939</v>
      </c>
      <c r="K17776" s="2" t="s">
        <v>40940</v>
      </c>
      <c r="L17776" s="5" t="s">
        <v>40939</v>
      </c>
      <c r="M17776" s="2" t="s">
        <v>40940</v>
      </c>
      <c r="N17776" s="5" t="s">
        <v>36266</v>
      </c>
      <c r="O17776" s="5" t="s">
        <v>38</v>
      </c>
      <c r="P17776" s="5" t="s">
        <v>39</v>
      </c>
      <c r="Q17776" s="5" t="s">
        <v>40</v>
      </c>
      <c r="R17776" s="5" t="s">
        <v>1522</v>
      </c>
      <c r="S17776" s="5" t="s">
        <v>1523</v>
      </c>
      <c r="T17776" s="5" t="s">
        <v>42</v>
      </c>
      <c r="U17776" s="2">
        <v>2.2989999999999999</v>
      </c>
      <c r="V17776" s="2">
        <v>1.7390000000000001</v>
      </c>
      <c r="W17776" s="2">
        <v>1.2999999999999999E-2</v>
      </c>
      <c r="X17776" s="2">
        <v>99.1</v>
      </c>
      <c r="Y17776" s="2">
        <v>7.6</v>
      </c>
      <c r="Z17776" s="2">
        <v>16.7</v>
      </c>
      <c r="AA17776" s="5"/>
      <c r="AB17776" s="5" t="s">
        <v>43</v>
      </c>
      <c r="AC17776" s="5" t="s">
        <v>44</v>
      </c>
      <c r="AD17776" s="2"/>
      <c r="AE17776" s="1"/>
    </row>
    <row r="17777" spans="1:31" ht="14.45">
      <c r="A17777" s="11"/>
      <c r="B17777" s="20"/>
      <c r="C17777" s="2" t="s">
        <v>54289</v>
      </c>
      <c r="D17777" s="14" t="s">
        <v>54290</v>
      </c>
      <c r="E17777" s="2" t="s">
        <v>54291</v>
      </c>
      <c r="F17777" s="2" t="s">
        <v>7521</v>
      </c>
      <c r="G17777" s="8">
        <v>258</v>
      </c>
      <c r="H17777" s="5">
        <v>6</v>
      </c>
      <c r="I17777" s="5" t="s">
        <v>1518</v>
      </c>
      <c r="J17777" s="5" t="s">
        <v>40939</v>
      </c>
      <c r="K17777" s="2" t="s">
        <v>40940</v>
      </c>
      <c r="L17777" s="5" t="s">
        <v>40939</v>
      </c>
      <c r="M17777" s="2" t="s">
        <v>40940</v>
      </c>
      <c r="N17777" s="5" t="s">
        <v>36266</v>
      </c>
      <c r="O17777" s="5" t="s">
        <v>38</v>
      </c>
      <c r="P17777" s="5" t="s">
        <v>39</v>
      </c>
      <c r="Q17777" s="5" t="s">
        <v>40</v>
      </c>
      <c r="R17777" s="5" t="s">
        <v>1522</v>
      </c>
      <c r="S17777" s="5" t="s">
        <v>1523</v>
      </c>
      <c r="T17777" s="5" t="s">
        <v>42</v>
      </c>
      <c r="U17777" s="2">
        <v>2.35</v>
      </c>
      <c r="V17777" s="2">
        <v>1.79</v>
      </c>
      <c r="W17777" s="2">
        <v>1.2999999999999999E-2</v>
      </c>
      <c r="X17777" s="2">
        <v>99.1</v>
      </c>
      <c r="Y17777" s="2">
        <v>7.6</v>
      </c>
      <c r="Z17777" s="2">
        <v>16.7</v>
      </c>
      <c r="AA17777" s="5"/>
      <c r="AB17777" s="5" t="s">
        <v>43</v>
      </c>
      <c r="AC17777" s="5" t="s">
        <v>44</v>
      </c>
      <c r="AD17777" s="2"/>
      <c r="AE17777" s="1"/>
    </row>
    <row r="17778" spans="1:31" ht="14.45">
      <c r="A17778" s="11"/>
      <c r="B17778" s="20"/>
      <c r="C17778" s="2" t="s">
        <v>54292</v>
      </c>
      <c r="D17778" s="14" t="s">
        <v>54293</v>
      </c>
      <c r="E17778" s="2" t="s">
        <v>54294</v>
      </c>
      <c r="F17778" s="2" t="s">
        <v>7204</v>
      </c>
      <c r="G17778" s="8">
        <v>258</v>
      </c>
      <c r="H17778" s="5">
        <v>6</v>
      </c>
      <c r="I17778" s="5" t="s">
        <v>1518</v>
      </c>
      <c r="J17778" s="5" t="s">
        <v>40939</v>
      </c>
      <c r="K17778" s="2" t="s">
        <v>40940</v>
      </c>
      <c r="L17778" s="5" t="s">
        <v>40939</v>
      </c>
      <c r="M17778" s="2" t="s">
        <v>40940</v>
      </c>
      <c r="N17778" s="5" t="s">
        <v>36266</v>
      </c>
      <c r="O17778" s="5" t="s">
        <v>38</v>
      </c>
      <c r="P17778" s="5" t="s">
        <v>39</v>
      </c>
      <c r="Q17778" s="5" t="s">
        <v>40</v>
      </c>
      <c r="R17778" s="5" t="s">
        <v>1522</v>
      </c>
      <c r="S17778" s="5" t="s">
        <v>1523</v>
      </c>
      <c r="T17778" s="5" t="s">
        <v>42</v>
      </c>
      <c r="U17778" s="2">
        <v>2.5750000000000002</v>
      </c>
      <c r="V17778" s="2">
        <v>2.032</v>
      </c>
      <c r="W17778" s="2">
        <v>1.2999999999999999E-2</v>
      </c>
      <c r="X17778" s="2">
        <v>99.1</v>
      </c>
      <c r="Y17778" s="2">
        <v>7.6</v>
      </c>
      <c r="Z17778" s="2">
        <v>16.7</v>
      </c>
      <c r="AA17778" s="5"/>
      <c r="AB17778" s="5" t="s">
        <v>43</v>
      </c>
      <c r="AC17778" s="5" t="s">
        <v>44</v>
      </c>
      <c r="AD17778" s="2"/>
      <c r="AE17778" s="1"/>
    </row>
    <row r="17779" spans="1:31" ht="14.45">
      <c r="A17779" s="11"/>
      <c r="B17779" s="20"/>
      <c r="C17779" s="2" t="s">
        <v>54295</v>
      </c>
      <c r="D17779" s="14" t="s">
        <v>54296</v>
      </c>
      <c r="E17779" s="2" t="s">
        <v>54297</v>
      </c>
      <c r="F17779" s="2" t="s">
        <v>7514</v>
      </c>
      <c r="G17779" s="8">
        <v>258</v>
      </c>
      <c r="H17779" s="5">
        <v>6</v>
      </c>
      <c r="I17779" s="5" t="s">
        <v>1518</v>
      </c>
      <c r="J17779" s="5" t="s">
        <v>40939</v>
      </c>
      <c r="K17779" s="2" t="s">
        <v>40940</v>
      </c>
      <c r="L17779" s="5" t="s">
        <v>40939</v>
      </c>
      <c r="M17779" s="2" t="s">
        <v>40940</v>
      </c>
      <c r="N17779" s="5" t="s">
        <v>36266</v>
      </c>
      <c r="O17779" s="5" t="s">
        <v>38</v>
      </c>
      <c r="P17779" s="5" t="s">
        <v>39</v>
      </c>
      <c r="Q17779" s="5" t="s">
        <v>40</v>
      </c>
      <c r="R17779" s="5" t="s">
        <v>1522</v>
      </c>
      <c r="S17779" s="5" t="s">
        <v>1523</v>
      </c>
      <c r="T17779" s="5" t="s">
        <v>42</v>
      </c>
      <c r="U17779" s="2">
        <v>2.6459999999999999</v>
      </c>
      <c r="V17779" s="2">
        <v>2.1030000000000002</v>
      </c>
      <c r="W17779" s="2">
        <v>1.2999999999999999E-2</v>
      </c>
      <c r="X17779" s="2">
        <v>99.1</v>
      </c>
      <c r="Y17779" s="2">
        <v>7.6</v>
      </c>
      <c r="Z17779" s="2">
        <v>16.7</v>
      </c>
      <c r="AA17779" s="5"/>
      <c r="AB17779" s="5" t="s">
        <v>43</v>
      </c>
      <c r="AC17779" s="5" t="s">
        <v>44</v>
      </c>
      <c r="AD17779" s="2"/>
      <c r="AE17779" s="1"/>
    </row>
    <row r="17780" spans="1:31" ht="14.45">
      <c r="A17780" s="11"/>
      <c r="B17780" s="20"/>
      <c r="C17780" s="2" t="s">
        <v>54298</v>
      </c>
      <c r="D17780" s="14" t="s">
        <v>54299</v>
      </c>
      <c r="E17780" s="2" t="s">
        <v>54300</v>
      </c>
      <c r="F17780" s="2" t="s">
        <v>47266</v>
      </c>
      <c r="G17780" s="8">
        <v>277</v>
      </c>
      <c r="H17780" s="5">
        <v>6</v>
      </c>
      <c r="I17780" s="5" t="s">
        <v>1518</v>
      </c>
      <c r="J17780" s="5" t="s">
        <v>40939</v>
      </c>
      <c r="K17780" s="2" t="s">
        <v>40940</v>
      </c>
      <c r="L17780" s="5" t="s">
        <v>40939</v>
      </c>
      <c r="M17780" s="2" t="s">
        <v>40940</v>
      </c>
      <c r="N17780" s="5" t="s">
        <v>36266</v>
      </c>
      <c r="O17780" s="5" t="s">
        <v>38</v>
      </c>
      <c r="P17780" s="5" t="s">
        <v>39</v>
      </c>
      <c r="Q17780" s="5" t="s">
        <v>40</v>
      </c>
      <c r="R17780" s="5" t="s">
        <v>1522</v>
      </c>
      <c r="S17780" s="5" t="s">
        <v>1523</v>
      </c>
      <c r="T17780" s="5" t="s">
        <v>42</v>
      </c>
      <c r="U17780" s="2">
        <v>2.5880000000000001</v>
      </c>
      <c r="V17780" s="2">
        <v>2.0449999999999999</v>
      </c>
      <c r="W17780" s="2">
        <v>1.2999999999999999E-2</v>
      </c>
      <c r="X17780" s="2">
        <v>99.1</v>
      </c>
      <c r="Y17780" s="2">
        <v>7.6</v>
      </c>
      <c r="Z17780" s="2">
        <v>16.7</v>
      </c>
      <c r="AA17780" s="5"/>
      <c r="AB17780" s="5" t="s">
        <v>43</v>
      </c>
      <c r="AC17780" s="5" t="s">
        <v>44</v>
      </c>
      <c r="AD17780" s="2"/>
      <c r="AE17780" s="1"/>
    </row>
    <row r="17781" spans="1:31" ht="14.45">
      <c r="A17781" s="11"/>
      <c r="B17781" s="20"/>
      <c r="C17781" s="2" t="s">
        <v>54301</v>
      </c>
      <c r="D17781" s="14" t="s">
        <v>54302</v>
      </c>
      <c r="E17781" s="2" t="s">
        <v>54303</v>
      </c>
      <c r="F17781" s="2" t="s">
        <v>47195</v>
      </c>
      <c r="G17781" s="8">
        <v>277</v>
      </c>
      <c r="H17781" s="5">
        <v>6</v>
      </c>
      <c r="I17781" s="5" t="s">
        <v>1518</v>
      </c>
      <c r="J17781" s="5" t="s">
        <v>40939</v>
      </c>
      <c r="K17781" s="2" t="s">
        <v>40940</v>
      </c>
      <c r="L17781" s="5" t="s">
        <v>40939</v>
      </c>
      <c r="M17781" s="2" t="s">
        <v>40940</v>
      </c>
      <c r="N17781" s="5" t="s">
        <v>36266</v>
      </c>
      <c r="O17781" s="5" t="s">
        <v>38</v>
      </c>
      <c r="P17781" s="5" t="s">
        <v>39</v>
      </c>
      <c r="Q17781" s="5" t="s">
        <v>40</v>
      </c>
      <c r="R17781" s="5" t="s">
        <v>1522</v>
      </c>
      <c r="S17781" s="5" t="s">
        <v>1523</v>
      </c>
      <c r="T17781" s="5" t="s">
        <v>42</v>
      </c>
      <c r="U17781" s="2">
        <v>2.6589999999999998</v>
      </c>
      <c r="V17781" s="2">
        <v>2.1160000000000001</v>
      </c>
      <c r="W17781" s="2">
        <v>1.2999999999999999E-2</v>
      </c>
      <c r="X17781" s="2">
        <v>99.1</v>
      </c>
      <c r="Y17781" s="2">
        <v>7.6</v>
      </c>
      <c r="Z17781" s="2">
        <v>16.7</v>
      </c>
      <c r="AA17781" s="5"/>
      <c r="AB17781" s="5" t="s">
        <v>43</v>
      </c>
      <c r="AC17781" s="5" t="s">
        <v>44</v>
      </c>
      <c r="AD17781" s="2"/>
      <c r="AE17781" s="1"/>
    </row>
    <row r="17782" spans="1:31" ht="14.45">
      <c r="A17782" s="11"/>
      <c r="B17782" s="20"/>
      <c r="C17782" s="2" t="s">
        <v>54304</v>
      </c>
      <c r="D17782" s="14" t="s">
        <v>54305</v>
      </c>
      <c r="E17782" s="2" t="s">
        <v>54306</v>
      </c>
      <c r="F17782" s="2" t="s">
        <v>7208</v>
      </c>
      <c r="G17782" s="8">
        <v>258</v>
      </c>
      <c r="H17782" s="5">
        <v>6</v>
      </c>
      <c r="I17782" s="5" t="s">
        <v>1518</v>
      </c>
      <c r="J17782" s="5" t="s">
        <v>40939</v>
      </c>
      <c r="K17782" s="2" t="s">
        <v>40940</v>
      </c>
      <c r="L17782" s="5" t="s">
        <v>40939</v>
      </c>
      <c r="M17782" s="2" t="s">
        <v>40940</v>
      </c>
      <c r="N17782" s="5" t="s">
        <v>36266</v>
      </c>
      <c r="O17782" s="5" t="s">
        <v>38</v>
      </c>
      <c r="P17782" s="5" t="s">
        <v>39</v>
      </c>
      <c r="Q17782" s="5" t="s">
        <v>40</v>
      </c>
      <c r="R17782" s="5" t="s">
        <v>1522</v>
      </c>
      <c r="S17782" s="5" t="s">
        <v>1523</v>
      </c>
      <c r="T17782" s="5" t="s">
        <v>42</v>
      </c>
      <c r="U17782" s="2">
        <v>2.5939999999999999</v>
      </c>
      <c r="V17782" s="2">
        <v>2.0510000000000002</v>
      </c>
      <c r="W17782" s="2">
        <v>1.2999999999999999E-2</v>
      </c>
      <c r="X17782" s="2">
        <v>99.1</v>
      </c>
      <c r="Y17782" s="2">
        <v>7.6</v>
      </c>
      <c r="Z17782" s="2">
        <v>16.7</v>
      </c>
      <c r="AA17782" s="5"/>
      <c r="AB17782" s="5" t="s">
        <v>43</v>
      </c>
      <c r="AC17782" s="5" t="s">
        <v>44</v>
      </c>
      <c r="AD17782" s="2"/>
      <c r="AE17782" s="1"/>
    </row>
    <row r="17783" spans="1:31" ht="14.45">
      <c r="A17783" s="11"/>
      <c r="B17783" s="20"/>
      <c r="C17783" s="2" t="s">
        <v>54307</v>
      </c>
      <c r="D17783" s="14" t="s">
        <v>54308</v>
      </c>
      <c r="E17783" s="2" t="s">
        <v>54309</v>
      </c>
      <c r="F17783" s="2" t="s">
        <v>7521</v>
      </c>
      <c r="G17783" s="8">
        <v>258</v>
      </c>
      <c r="H17783" s="5">
        <v>6</v>
      </c>
      <c r="I17783" s="5" t="s">
        <v>1518</v>
      </c>
      <c r="J17783" s="5" t="s">
        <v>40939</v>
      </c>
      <c r="K17783" s="2" t="s">
        <v>40940</v>
      </c>
      <c r="L17783" s="5" t="s">
        <v>40939</v>
      </c>
      <c r="M17783" s="2" t="s">
        <v>40940</v>
      </c>
      <c r="N17783" s="5" t="s">
        <v>36266</v>
      </c>
      <c r="O17783" s="5" t="s">
        <v>38</v>
      </c>
      <c r="P17783" s="5" t="s">
        <v>39</v>
      </c>
      <c r="Q17783" s="5" t="s">
        <v>40</v>
      </c>
      <c r="R17783" s="5" t="s">
        <v>1522</v>
      </c>
      <c r="S17783" s="5" t="s">
        <v>1523</v>
      </c>
      <c r="T17783" s="5" t="s">
        <v>42</v>
      </c>
      <c r="U17783" s="2">
        <v>2.665</v>
      </c>
      <c r="V17783" s="2">
        <v>2.1219999999999999</v>
      </c>
      <c r="W17783" s="2">
        <v>1.2999999999999999E-2</v>
      </c>
      <c r="X17783" s="2">
        <v>99.1</v>
      </c>
      <c r="Y17783" s="2">
        <v>7.6</v>
      </c>
      <c r="Z17783" s="2">
        <v>16.7</v>
      </c>
      <c r="AA17783" s="5"/>
      <c r="AB17783" s="5" t="s">
        <v>43</v>
      </c>
      <c r="AC17783" s="5" t="s">
        <v>44</v>
      </c>
      <c r="AD17783" s="2"/>
      <c r="AE17783" s="1"/>
    </row>
    <row r="17784" spans="1:31" ht="14.45">
      <c r="A17784" s="11"/>
      <c r="B17784" s="20"/>
      <c r="C17784" s="2" t="s">
        <v>54310</v>
      </c>
      <c r="D17784" s="14" t="s">
        <v>54311</v>
      </c>
      <c r="E17784" s="2" t="s">
        <v>54312</v>
      </c>
      <c r="F17784" s="2" t="s">
        <v>36273</v>
      </c>
      <c r="G17784" s="8">
        <v>258</v>
      </c>
      <c r="H17784" s="5">
        <v>6</v>
      </c>
      <c r="I17784" s="5" t="s">
        <v>1518</v>
      </c>
      <c r="J17784" s="5" t="s">
        <v>40939</v>
      </c>
      <c r="K17784" s="2" t="s">
        <v>40940</v>
      </c>
      <c r="L17784" s="5" t="s">
        <v>40939</v>
      </c>
      <c r="M17784" s="2" t="s">
        <v>40940</v>
      </c>
      <c r="N17784" s="5" t="s">
        <v>36266</v>
      </c>
      <c r="O17784" s="5" t="s">
        <v>38</v>
      </c>
      <c r="P17784" s="5" t="s">
        <v>39</v>
      </c>
      <c r="Q17784" s="5" t="s">
        <v>40</v>
      </c>
      <c r="R17784" s="5" t="s">
        <v>1522</v>
      </c>
      <c r="S17784" s="5" t="s">
        <v>1523</v>
      </c>
      <c r="T17784" s="5" t="s">
        <v>42</v>
      </c>
      <c r="U17784" s="2">
        <v>2.6070000000000002</v>
      </c>
      <c r="V17784" s="2">
        <v>2.0640000000000001</v>
      </c>
      <c r="W17784" s="2">
        <v>1.2999999999999999E-2</v>
      </c>
      <c r="X17784" s="2">
        <v>99.1</v>
      </c>
      <c r="Y17784" s="2">
        <v>7.6</v>
      </c>
      <c r="Z17784" s="2">
        <v>16.7</v>
      </c>
      <c r="AA17784" s="5"/>
      <c r="AB17784" s="5" t="s">
        <v>43</v>
      </c>
      <c r="AC17784" s="5" t="s">
        <v>44</v>
      </c>
      <c r="AD17784" s="2"/>
      <c r="AE17784" s="1"/>
    </row>
    <row r="17785" spans="1:31" ht="14.45">
      <c r="A17785" s="11"/>
      <c r="B17785" s="20"/>
      <c r="C17785" s="2" t="s">
        <v>54313</v>
      </c>
      <c r="D17785" s="14" t="s">
        <v>54314</v>
      </c>
      <c r="E17785" s="2" t="s">
        <v>54315</v>
      </c>
      <c r="F17785" s="2" t="s">
        <v>36277</v>
      </c>
      <c r="G17785" s="8">
        <v>258</v>
      </c>
      <c r="H17785" s="5">
        <v>6</v>
      </c>
      <c r="I17785" s="5" t="s">
        <v>1518</v>
      </c>
      <c r="J17785" s="5" t="s">
        <v>40939</v>
      </c>
      <c r="K17785" s="2" t="s">
        <v>40940</v>
      </c>
      <c r="L17785" s="5" t="s">
        <v>40939</v>
      </c>
      <c r="M17785" s="2" t="s">
        <v>40940</v>
      </c>
      <c r="N17785" s="5" t="s">
        <v>36266</v>
      </c>
      <c r="O17785" s="5" t="s">
        <v>38</v>
      </c>
      <c r="P17785" s="5" t="s">
        <v>39</v>
      </c>
      <c r="Q17785" s="5" t="s">
        <v>40</v>
      </c>
      <c r="R17785" s="5" t="s">
        <v>1522</v>
      </c>
      <c r="S17785" s="5" t="s">
        <v>1523</v>
      </c>
      <c r="T17785" s="5" t="s">
        <v>42</v>
      </c>
      <c r="U17785" s="2">
        <v>2.6779999999999999</v>
      </c>
      <c r="V17785" s="2">
        <v>2.1349999999999998</v>
      </c>
      <c r="W17785" s="2">
        <v>1.2999999999999999E-2</v>
      </c>
      <c r="X17785" s="2">
        <v>99.1</v>
      </c>
      <c r="Y17785" s="2">
        <v>7.6</v>
      </c>
      <c r="Z17785" s="2">
        <v>16.7</v>
      </c>
      <c r="AA17785" s="5"/>
      <c r="AB17785" s="5" t="s">
        <v>43</v>
      </c>
      <c r="AC17785" s="5" t="s">
        <v>44</v>
      </c>
      <c r="AD17785" s="2"/>
      <c r="AE17785" s="1"/>
    </row>
    <row r="17786" spans="1:31" ht="14.45">
      <c r="A17786" s="11"/>
      <c r="B17786" s="20"/>
      <c r="C17786" s="2" t="s">
        <v>54316</v>
      </c>
      <c r="D17786" s="14" t="s">
        <v>54317</v>
      </c>
      <c r="E17786" s="2" t="s">
        <v>54318</v>
      </c>
      <c r="F17786" s="2" t="s">
        <v>40967</v>
      </c>
      <c r="G17786" s="8">
        <v>277</v>
      </c>
      <c r="H17786" s="5">
        <v>6</v>
      </c>
      <c r="I17786" s="5" t="s">
        <v>1518</v>
      </c>
      <c r="J17786" s="5" t="s">
        <v>40939</v>
      </c>
      <c r="K17786" s="2" t="s">
        <v>40940</v>
      </c>
      <c r="L17786" s="5" t="s">
        <v>40939</v>
      </c>
      <c r="M17786" s="2" t="s">
        <v>40940</v>
      </c>
      <c r="N17786" s="5" t="s">
        <v>36266</v>
      </c>
      <c r="O17786" s="5" t="s">
        <v>38</v>
      </c>
      <c r="P17786" s="5" t="s">
        <v>39</v>
      </c>
      <c r="Q17786" s="5" t="s">
        <v>40</v>
      </c>
      <c r="R17786" s="5" t="s">
        <v>1522</v>
      </c>
      <c r="S17786" s="5" t="s">
        <v>1523</v>
      </c>
      <c r="T17786" s="5" t="s">
        <v>42</v>
      </c>
      <c r="U17786" s="2">
        <v>2.5939999999999999</v>
      </c>
      <c r="V17786" s="2">
        <v>2.0510000000000002</v>
      </c>
      <c r="W17786" s="2">
        <v>1.2999999999999999E-2</v>
      </c>
      <c r="X17786" s="2">
        <v>99.1</v>
      </c>
      <c r="Y17786" s="2">
        <v>7.6</v>
      </c>
      <c r="Z17786" s="2">
        <v>16.7</v>
      </c>
      <c r="AA17786" s="5"/>
      <c r="AB17786" s="5" t="s">
        <v>43</v>
      </c>
      <c r="AC17786" s="5" t="s">
        <v>44</v>
      </c>
      <c r="AD17786" s="2"/>
      <c r="AE17786" s="1"/>
    </row>
    <row r="17787" spans="1:31" ht="14.45">
      <c r="A17787" s="11"/>
      <c r="B17787" s="20"/>
      <c r="C17787" s="2" t="s">
        <v>54319</v>
      </c>
      <c r="D17787" s="14" t="s">
        <v>54320</v>
      </c>
      <c r="E17787" s="2" t="s">
        <v>54321</v>
      </c>
      <c r="F17787" s="2" t="s">
        <v>40971</v>
      </c>
      <c r="G17787" s="8">
        <v>277</v>
      </c>
      <c r="H17787" s="5">
        <v>6</v>
      </c>
      <c r="I17787" s="5" t="s">
        <v>1518</v>
      </c>
      <c r="J17787" s="5" t="s">
        <v>40939</v>
      </c>
      <c r="K17787" s="2" t="s">
        <v>40940</v>
      </c>
      <c r="L17787" s="5" t="s">
        <v>40939</v>
      </c>
      <c r="M17787" s="2" t="s">
        <v>40940</v>
      </c>
      <c r="N17787" s="5" t="s">
        <v>36266</v>
      </c>
      <c r="O17787" s="5" t="s">
        <v>38</v>
      </c>
      <c r="P17787" s="5" t="s">
        <v>39</v>
      </c>
      <c r="Q17787" s="5" t="s">
        <v>40</v>
      </c>
      <c r="R17787" s="5" t="s">
        <v>1522</v>
      </c>
      <c r="S17787" s="5" t="s">
        <v>1523</v>
      </c>
      <c r="T17787" s="5" t="s">
        <v>42</v>
      </c>
      <c r="U17787" s="2">
        <v>2.665</v>
      </c>
      <c r="V17787" s="2">
        <v>2.1219999999999999</v>
      </c>
      <c r="W17787" s="2">
        <v>1.2999999999999999E-2</v>
      </c>
      <c r="X17787" s="2">
        <v>99.1</v>
      </c>
      <c r="Y17787" s="2">
        <v>7.6</v>
      </c>
      <c r="Z17787" s="2">
        <v>16.7</v>
      </c>
      <c r="AA17787" s="5"/>
      <c r="AB17787" s="5" t="s">
        <v>43</v>
      </c>
      <c r="AC17787" s="5" t="s">
        <v>44</v>
      </c>
      <c r="AD17787" s="2"/>
      <c r="AE17787" s="1"/>
    </row>
    <row r="17788" spans="1:31" ht="14.45">
      <c r="A17788" s="11"/>
      <c r="B17788" s="20"/>
      <c r="C17788" s="2" t="s">
        <v>54322</v>
      </c>
      <c r="D17788" s="14" t="s">
        <v>54323</v>
      </c>
      <c r="E17788" s="2" t="s">
        <v>54324</v>
      </c>
      <c r="F17788" s="2" t="s">
        <v>7539</v>
      </c>
      <c r="G17788" s="8">
        <v>277</v>
      </c>
      <c r="H17788" s="5">
        <v>6</v>
      </c>
      <c r="I17788" s="5" t="s">
        <v>1518</v>
      </c>
      <c r="J17788" s="5" t="s">
        <v>40939</v>
      </c>
      <c r="K17788" s="2" t="s">
        <v>40940</v>
      </c>
      <c r="L17788" s="5" t="s">
        <v>40939</v>
      </c>
      <c r="M17788" s="2" t="s">
        <v>40940</v>
      </c>
      <c r="N17788" s="5" t="s">
        <v>36266</v>
      </c>
      <c r="O17788" s="5" t="s">
        <v>38</v>
      </c>
      <c r="P17788" s="5" t="s">
        <v>39</v>
      </c>
      <c r="Q17788" s="5" t="s">
        <v>40</v>
      </c>
      <c r="R17788" s="5" t="s">
        <v>1522</v>
      </c>
      <c r="S17788" s="5" t="s">
        <v>1523</v>
      </c>
      <c r="T17788" s="5" t="s">
        <v>42</v>
      </c>
      <c r="U17788" s="2">
        <v>2.5619999999999998</v>
      </c>
      <c r="V17788" s="2">
        <v>2.0190000000000001</v>
      </c>
      <c r="W17788" s="2">
        <v>1.2999999999999999E-2</v>
      </c>
      <c r="X17788" s="2">
        <v>99.1</v>
      </c>
      <c r="Y17788" s="2">
        <v>7.6</v>
      </c>
      <c r="Z17788" s="2">
        <v>16.7</v>
      </c>
      <c r="AA17788" s="5"/>
      <c r="AB17788" s="5" t="s">
        <v>43</v>
      </c>
      <c r="AC17788" s="5" t="s">
        <v>44</v>
      </c>
      <c r="AD17788" s="2"/>
      <c r="AE17788" s="1"/>
    </row>
    <row r="17789" spans="1:31" ht="14.45">
      <c r="A17789" s="11"/>
      <c r="B17789" s="20"/>
      <c r="C17789" s="2" t="s">
        <v>54325</v>
      </c>
      <c r="D17789" s="14" t="s">
        <v>54326</v>
      </c>
      <c r="E17789" s="2" t="s">
        <v>54327</v>
      </c>
      <c r="F17789" s="2" t="s">
        <v>40989</v>
      </c>
      <c r="G17789" s="8">
        <v>277</v>
      </c>
      <c r="H17789" s="5">
        <v>6</v>
      </c>
      <c r="I17789" s="5" t="s">
        <v>1518</v>
      </c>
      <c r="J17789" s="5" t="s">
        <v>40939</v>
      </c>
      <c r="K17789" s="2" t="s">
        <v>40940</v>
      </c>
      <c r="L17789" s="5" t="s">
        <v>40939</v>
      </c>
      <c r="M17789" s="2" t="s">
        <v>40940</v>
      </c>
      <c r="N17789" s="5" t="s">
        <v>36266</v>
      </c>
      <c r="O17789" s="5" t="s">
        <v>38</v>
      </c>
      <c r="P17789" s="5" t="s">
        <v>39</v>
      </c>
      <c r="Q17789" s="5" t="s">
        <v>40</v>
      </c>
      <c r="R17789" s="5" t="s">
        <v>1522</v>
      </c>
      <c r="S17789" s="5" t="s">
        <v>1523</v>
      </c>
      <c r="T17789" s="5" t="s">
        <v>42</v>
      </c>
      <c r="U17789" s="2">
        <v>2.5939999999999999</v>
      </c>
      <c r="V17789" s="2">
        <v>2.0510000000000002</v>
      </c>
      <c r="W17789" s="2">
        <v>1.2999999999999999E-2</v>
      </c>
      <c r="X17789" s="2">
        <v>99.1</v>
      </c>
      <c r="Y17789" s="2">
        <v>7.6</v>
      </c>
      <c r="Z17789" s="2">
        <v>16.7</v>
      </c>
      <c r="AA17789" s="5"/>
      <c r="AB17789" s="5" t="s">
        <v>43</v>
      </c>
      <c r="AC17789" s="5" t="s">
        <v>44</v>
      </c>
      <c r="AD17789" s="2"/>
      <c r="AE17789" s="1"/>
    </row>
    <row r="17790" spans="1:31" ht="14.45">
      <c r="A17790" s="11"/>
      <c r="B17790" s="20"/>
      <c r="C17790" s="2" t="s">
        <v>54328</v>
      </c>
      <c r="D17790" s="14" t="s">
        <v>54329</v>
      </c>
      <c r="E17790" s="2" t="s">
        <v>54330</v>
      </c>
      <c r="F17790" s="2" t="s">
        <v>40993</v>
      </c>
      <c r="G17790" s="8">
        <v>277</v>
      </c>
      <c r="H17790" s="5">
        <v>6</v>
      </c>
      <c r="I17790" s="5" t="s">
        <v>1518</v>
      </c>
      <c r="J17790" s="5" t="s">
        <v>40939</v>
      </c>
      <c r="K17790" s="2" t="s">
        <v>40940</v>
      </c>
      <c r="L17790" s="5" t="s">
        <v>40939</v>
      </c>
      <c r="M17790" s="2" t="s">
        <v>40940</v>
      </c>
      <c r="N17790" s="5" t="s">
        <v>36266</v>
      </c>
      <c r="O17790" s="5" t="s">
        <v>38</v>
      </c>
      <c r="P17790" s="5" t="s">
        <v>39</v>
      </c>
      <c r="Q17790" s="5" t="s">
        <v>40</v>
      </c>
      <c r="R17790" s="5" t="s">
        <v>1522</v>
      </c>
      <c r="S17790" s="5" t="s">
        <v>1523</v>
      </c>
      <c r="T17790" s="5" t="s">
        <v>42</v>
      </c>
      <c r="U17790" s="2">
        <v>2.665</v>
      </c>
      <c r="V17790" s="2">
        <v>2.1219999999999999</v>
      </c>
      <c r="W17790" s="2">
        <v>1.2999999999999999E-2</v>
      </c>
      <c r="X17790" s="2">
        <v>99.1</v>
      </c>
      <c r="Y17790" s="2">
        <v>7.6</v>
      </c>
      <c r="Z17790" s="2">
        <v>16.7</v>
      </c>
      <c r="AA17790" s="5"/>
      <c r="AB17790" s="5" t="s">
        <v>43</v>
      </c>
      <c r="AC17790" s="5" t="s">
        <v>44</v>
      </c>
      <c r="AD17790" s="2"/>
      <c r="AE17790" s="1"/>
    </row>
    <row r="17791" spans="1:31" ht="14.45">
      <c r="A17791" s="11"/>
      <c r="B17791" s="20"/>
      <c r="C17791" s="2" t="s">
        <v>54331</v>
      </c>
      <c r="D17791" s="14" t="s">
        <v>54332</v>
      </c>
      <c r="E17791" s="2" t="s">
        <v>54333</v>
      </c>
      <c r="F17791" s="2" t="s">
        <v>40997</v>
      </c>
      <c r="G17791" s="8">
        <v>277</v>
      </c>
      <c r="H17791" s="5">
        <v>6</v>
      </c>
      <c r="I17791" s="5" t="s">
        <v>1518</v>
      </c>
      <c r="J17791" s="5" t="s">
        <v>40939</v>
      </c>
      <c r="K17791" s="2" t="s">
        <v>40940</v>
      </c>
      <c r="L17791" s="5" t="s">
        <v>40939</v>
      </c>
      <c r="M17791" s="2" t="s">
        <v>40940</v>
      </c>
      <c r="N17791" s="5" t="s">
        <v>36266</v>
      </c>
      <c r="O17791" s="5" t="s">
        <v>38</v>
      </c>
      <c r="P17791" s="5" t="s">
        <v>39</v>
      </c>
      <c r="Q17791" s="5" t="s">
        <v>40</v>
      </c>
      <c r="R17791" s="5" t="s">
        <v>1522</v>
      </c>
      <c r="S17791" s="5" t="s">
        <v>1523</v>
      </c>
      <c r="T17791" s="5" t="s">
        <v>42</v>
      </c>
      <c r="U17791" s="2">
        <v>2.569</v>
      </c>
      <c r="V17791" s="2">
        <v>2.0259999999999998</v>
      </c>
      <c r="W17791" s="2">
        <v>1.2999999999999999E-2</v>
      </c>
      <c r="X17791" s="2">
        <v>99.1</v>
      </c>
      <c r="Y17791" s="2">
        <v>7.6</v>
      </c>
      <c r="Z17791" s="2">
        <v>16.7</v>
      </c>
      <c r="AA17791" s="5"/>
      <c r="AB17791" s="5" t="s">
        <v>43</v>
      </c>
      <c r="AC17791" s="5" t="s">
        <v>44</v>
      </c>
      <c r="AD17791" s="2"/>
      <c r="AE17791" s="1"/>
    </row>
    <row r="17792" spans="1:31" ht="14.45">
      <c r="A17792" s="11"/>
      <c r="B17792" s="20"/>
      <c r="C17792" s="2" t="s">
        <v>54334</v>
      </c>
      <c r="D17792" s="14" t="s">
        <v>54335</v>
      </c>
      <c r="E17792" s="2" t="s">
        <v>54336</v>
      </c>
      <c r="F17792" s="2" t="s">
        <v>41267</v>
      </c>
      <c r="G17792" s="8">
        <v>277</v>
      </c>
      <c r="H17792" s="5">
        <v>6</v>
      </c>
      <c r="I17792" s="5" t="s">
        <v>1518</v>
      </c>
      <c r="J17792" s="5" t="s">
        <v>40939</v>
      </c>
      <c r="K17792" s="2" t="s">
        <v>40940</v>
      </c>
      <c r="L17792" s="5" t="s">
        <v>40939</v>
      </c>
      <c r="M17792" s="2" t="s">
        <v>40940</v>
      </c>
      <c r="N17792" s="5" t="s">
        <v>36266</v>
      </c>
      <c r="O17792" s="5" t="s">
        <v>38</v>
      </c>
      <c r="P17792" s="5" t="s">
        <v>39</v>
      </c>
      <c r="Q17792" s="5" t="s">
        <v>40</v>
      </c>
      <c r="R17792" s="5" t="s">
        <v>1522</v>
      </c>
      <c r="S17792" s="5" t="s">
        <v>1523</v>
      </c>
      <c r="T17792" s="5" t="s">
        <v>42</v>
      </c>
      <c r="U17792" s="2">
        <v>2.64</v>
      </c>
      <c r="V17792" s="2">
        <v>2.097</v>
      </c>
      <c r="W17792" s="2">
        <v>1.2999999999999999E-2</v>
      </c>
      <c r="X17792" s="2">
        <v>99.1</v>
      </c>
      <c r="Y17792" s="2">
        <v>7.6</v>
      </c>
      <c r="Z17792" s="2">
        <v>16.7</v>
      </c>
      <c r="AA17792" s="5"/>
      <c r="AB17792" s="5" t="s">
        <v>43</v>
      </c>
      <c r="AC17792" s="5" t="s">
        <v>44</v>
      </c>
      <c r="AD17792" s="2"/>
      <c r="AE17792" s="1"/>
    </row>
    <row r="17793" spans="1:31" ht="14.45">
      <c r="A17793" s="11"/>
      <c r="B17793" s="20"/>
      <c r="C17793" s="2" t="s">
        <v>54337</v>
      </c>
      <c r="D17793" s="14" t="s">
        <v>54338</v>
      </c>
      <c r="E17793" s="2" t="s">
        <v>54339</v>
      </c>
      <c r="F17793" s="2" t="s">
        <v>41001</v>
      </c>
      <c r="G17793" s="8">
        <v>277</v>
      </c>
      <c r="H17793" s="5">
        <v>6</v>
      </c>
      <c r="I17793" s="5" t="s">
        <v>1518</v>
      </c>
      <c r="J17793" s="5" t="s">
        <v>40939</v>
      </c>
      <c r="K17793" s="2" t="s">
        <v>40940</v>
      </c>
      <c r="L17793" s="5" t="s">
        <v>40939</v>
      </c>
      <c r="M17793" s="2" t="s">
        <v>40940</v>
      </c>
      <c r="N17793" s="5" t="s">
        <v>36266</v>
      </c>
      <c r="O17793" s="5" t="s">
        <v>38</v>
      </c>
      <c r="P17793" s="5" t="s">
        <v>39</v>
      </c>
      <c r="Q17793" s="5" t="s">
        <v>40</v>
      </c>
      <c r="R17793" s="5" t="s">
        <v>1522</v>
      </c>
      <c r="S17793" s="5" t="s">
        <v>1523</v>
      </c>
      <c r="T17793" s="5" t="s">
        <v>42</v>
      </c>
      <c r="U17793" s="2">
        <v>2.5939999999999999</v>
      </c>
      <c r="V17793" s="2">
        <v>2.0510000000000002</v>
      </c>
      <c r="W17793" s="2">
        <v>1.2999999999999999E-2</v>
      </c>
      <c r="X17793" s="2">
        <v>99.1</v>
      </c>
      <c r="Y17793" s="2">
        <v>7.6</v>
      </c>
      <c r="Z17793" s="2">
        <v>16.7</v>
      </c>
      <c r="AA17793" s="5"/>
      <c r="AB17793" s="5" t="s">
        <v>43</v>
      </c>
      <c r="AC17793" s="5" t="s">
        <v>44</v>
      </c>
      <c r="AD17793" s="2"/>
      <c r="AE17793" s="1"/>
    </row>
    <row r="17794" spans="1:31" ht="14.45">
      <c r="A17794" s="11"/>
      <c r="B17794" s="20"/>
      <c r="C17794" s="2" t="s">
        <v>54340</v>
      </c>
      <c r="D17794" s="14" t="s">
        <v>54341</v>
      </c>
      <c r="E17794" s="2" t="s">
        <v>54342</v>
      </c>
      <c r="F17794" s="2" t="s">
        <v>41005</v>
      </c>
      <c r="G17794" s="8">
        <v>277</v>
      </c>
      <c r="H17794" s="5">
        <v>6</v>
      </c>
      <c r="I17794" s="5" t="s">
        <v>1518</v>
      </c>
      <c r="J17794" s="5" t="s">
        <v>40939</v>
      </c>
      <c r="K17794" s="2" t="s">
        <v>40940</v>
      </c>
      <c r="L17794" s="5" t="s">
        <v>40939</v>
      </c>
      <c r="M17794" s="2" t="s">
        <v>40940</v>
      </c>
      <c r="N17794" s="5" t="s">
        <v>36266</v>
      </c>
      <c r="O17794" s="5" t="s">
        <v>38</v>
      </c>
      <c r="P17794" s="5" t="s">
        <v>39</v>
      </c>
      <c r="Q17794" s="5" t="s">
        <v>40</v>
      </c>
      <c r="R17794" s="5" t="s">
        <v>1522</v>
      </c>
      <c r="S17794" s="5" t="s">
        <v>1523</v>
      </c>
      <c r="T17794" s="5" t="s">
        <v>42</v>
      </c>
      <c r="U17794" s="2">
        <v>2.665</v>
      </c>
      <c r="V17794" s="2">
        <v>2.1219999999999999</v>
      </c>
      <c r="W17794" s="2">
        <v>1.2999999999999999E-2</v>
      </c>
      <c r="X17794" s="2">
        <v>99.1</v>
      </c>
      <c r="Y17794" s="2">
        <v>7.6</v>
      </c>
      <c r="Z17794" s="2">
        <v>16.7</v>
      </c>
      <c r="AA17794" s="5"/>
      <c r="AB17794" s="5" t="s">
        <v>43</v>
      </c>
      <c r="AC17794" s="5" t="s">
        <v>44</v>
      </c>
      <c r="AD17794" s="2"/>
      <c r="AE17794" s="1"/>
    </row>
    <row r="17795" spans="1:31" ht="14.45">
      <c r="A17795" s="11"/>
      <c r="B17795" s="20"/>
      <c r="C17795" s="2" t="s">
        <v>54343</v>
      </c>
      <c r="D17795" s="14" t="s">
        <v>54344</v>
      </c>
      <c r="E17795" s="2" t="s">
        <v>54345</v>
      </c>
      <c r="F17795" s="2" t="s">
        <v>41013</v>
      </c>
      <c r="G17795" s="8">
        <v>277</v>
      </c>
      <c r="H17795" s="5">
        <v>6</v>
      </c>
      <c r="I17795" s="5" t="s">
        <v>1518</v>
      </c>
      <c r="J17795" s="5" t="s">
        <v>40939</v>
      </c>
      <c r="K17795" s="2" t="s">
        <v>40940</v>
      </c>
      <c r="L17795" s="5" t="s">
        <v>40939</v>
      </c>
      <c r="M17795" s="2" t="s">
        <v>40940</v>
      </c>
      <c r="N17795" s="5" t="s">
        <v>36266</v>
      </c>
      <c r="O17795" s="5" t="s">
        <v>38</v>
      </c>
      <c r="P17795" s="5" t="s">
        <v>39</v>
      </c>
      <c r="Q17795" s="5" t="s">
        <v>40</v>
      </c>
      <c r="R17795" s="5" t="s">
        <v>1522</v>
      </c>
      <c r="S17795" s="5" t="s">
        <v>1523</v>
      </c>
      <c r="T17795" s="5" t="s">
        <v>42</v>
      </c>
      <c r="U17795" s="2">
        <v>2.6709999999999998</v>
      </c>
      <c r="V17795" s="2">
        <v>2.1280000000000001</v>
      </c>
      <c r="W17795" s="2">
        <v>1.2999999999999999E-2</v>
      </c>
      <c r="X17795" s="2">
        <v>99.1</v>
      </c>
      <c r="Y17795" s="2">
        <v>7.6</v>
      </c>
      <c r="Z17795" s="2">
        <v>16.7</v>
      </c>
      <c r="AA17795" s="5"/>
      <c r="AB17795" s="5" t="s">
        <v>43</v>
      </c>
      <c r="AC17795" s="5" t="s">
        <v>44</v>
      </c>
      <c r="AD17795" s="2"/>
      <c r="AE17795" s="1"/>
    </row>
    <row r="17796" spans="1:31" ht="14.45">
      <c r="A17796" s="11"/>
      <c r="B17796" s="20"/>
      <c r="C17796" s="2" t="s">
        <v>54346</v>
      </c>
      <c r="D17796" s="14" t="s">
        <v>54347</v>
      </c>
      <c r="E17796" s="2" t="s">
        <v>54348</v>
      </c>
      <c r="F17796" s="2" t="s">
        <v>7396</v>
      </c>
      <c r="G17796" s="8">
        <v>258</v>
      </c>
      <c r="H17796" s="5">
        <v>6</v>
      </c>
      <c r="I17796" s="5" t="s">
        <v>1518</v>
      </c>
      <c r="J17796" s="5" t="s">
        <v>40939</v>
      </c>
      <c r="K17796" s="2" t="s">
        <v>40940</v>
      </c>
      <c r="L17796" s="5" t="s">
        <v>40939</v>
      </c>
      <c r="M17796" s="2" t="s">
        <v>40940</v>
      </c>
      <c r="N17796" s="5" t="s">
        <v>36266</v>
      </c>
      <c r="O17796" s="5" t="s">
        <v>38</v>
      </c>
      <c r="P17796" s="5" t="s">
        <v>39</v>
      </c>
      <c r="Q17796" s="5" t="s">
        <v>40</v>
      </c>
      <c r="R17796" s="5" t="s">
        <v>1522</v>
      </c>
      <c r="S17796" s="5" t="s">
        <v>1523</v>
      </c>
      <c r="T17796" s="5" t="s">
        <v>42</v>
      </c>
      <c r="U17796" s="2">
        <v>2.6</v>
      </c>
      <c r="V17796" s="2">
        <v>2.0569999999999999</v>
      </c>
      <c r="W17796" s="2">
        <v>1.2999999999999999E-2</v>
      </c>
      <c r="X17796" s="2">
        <v>99.1</v>
      </c>
      <c r="Y17796" s="2">
        <v>7.6</v>
      </c>
      <c r="Z17796" s="2">
        <v>16.7</v>
      </c>
      <c r="AA17796" s="5"/>
      <c r="AB17796" s="5" t="s">
        <v>43</v>
      </c>
      <c r="AC17796" s="5" t="s">
        <v>44</v>
      </c>
      <c r="AD17796" s="2"/>
      <c r="AE17796" s="1"/>
    </row>
    <row r="17797" spans="1:31" ht="14.45">
      <c r="A17797" s="11"/>
      <c r="B17797" s="20"/>
      <c r="C17797" s="2" t="s">
        <v>54349</v>
      </c>
      <c r="D17797" s="14" t="s">
        <v>54350</v>
      </c>
      <c r="E17797" s="2" t="s">
        <v>54351</v>
      </c>
      <c r="F17797" s="2" t="s">
        <v>7507</v>
      </c>
      <c r="G17797" s="8">
        <v>258</v>
      </c>
      <c r="H17797" s="5">
        <v>6</v>
      </c>
      <c r="I17797" s="5" t="s">
        <v>1518</v>
      </c>
      <c r="J17797" s="5" t="s">
        <v>40939</v>
      </c>
      <c r="K17797" s="2" t="s">
        <v>40940</v>
      </c>
      <c r="L17797" s="5" t="s">
        <v>40939</v>
      </c>
      <c r="M17797" s="2" t="s">
        <v>40940</v>
      </c>
      <c r="N17797" s="5" t="s">
        <v>36266</v>
      </c>
      <c r="O17797" s="5" t="s">
        <v>38</v>
      </c>
      <c r="P17797" s="5" t="s">
        <v>39</v>
      </c>
      <c r="Q17797" s="5" t="s">
        <v>40</v>
      </c>
      <c r="R17797" s="5" t="s">
        <v>1522</v>
      </c>
      <c r="S17797" s="5" t="s">
        <v>1523</v>
      </c>
      <c r="T17797" s="5" t="s">
        <v>42</v>
      </c>
      <c r="U17797" s="2">
        <v>2.6709999999999998</v>
      </c>
      <c r="V17797" s="2">
        <v>2.1280000000000001</v>
      </c>
      <c r="W17797" s="2">
        <v>1.2999999999999999E-2</v>
      </c>
      <c r="X17797" s="2">
        <v>99.1</v>
      </c>
      <c r="Y17797" s="2">
        <v>7.6</v>
      </c>
      <c r="Z17797" s="2">
        <v>16.7</v>
      </c>
      <c r="AA17797" s="5"/>
      <c r="AB17797" s="5" t="s">
        <v>43</v>
      </c>
      <c r="AC17797" s="5" t="s">
        <v>44</v>
      </c>
      <c r="AD17797" s="2"/>
      <c r="AE17797" s="1"/>
    </row>
    <row r="17798" spans="1:31" ht="14.45">
      <c r="A17798" s="11"/>
      <c r="B17798" s="20"/>
      <c r="C17798" s="2" t="s">
        <v>54352</v>
      </c>
      <c r="D17798" s="14" t="s">
        <v>54353</v>
      </c>
      <c r="E17798" s="2" t="s">
        <v>54354</v>
      </c>
      <c r="F17798" s="2" t="s">
        <v>41023</v>
      </c>
      <c r="G17798" s="8">
        <v>277</v>
      </c>
      <c r="H17798" s="5">
        <v>6</v>
      </c>
      <c r="I17798" s="5" t="s">
        <v>1518</v>
      </c>
      <c r="J17798" s="5" t="s">
        <v>40939</v>
      </c>
      <c r="K17798" s="2" t="s">
        <v>40940</v>
      </c>
      <c r="L17798" s="5" t="s">
        <v>40939</v>
      </c>
      <c r="M17798" s="2" t="s">
        <v>40940</v>
      </c>
      <c r="N17798" s="5" t="s">
        <v>36266</v>
      </c>
      <c r="O17798" s="5" t="s">
        <v>38</v>
      </c>
      <c r="P17798" s="5" t="s">
        <v>39</v>
      </c>
      <c r="Q17798" s="5" t="s">
        <v>40</v>
      </c>
      <c r="R17798" s="5" t="s">
        <v>1522</v>
      </c>
      <c r="S17798" s="5" t="s">
        <v>1523</v>
      </c>
      <c r="T17798" s="5" t="s">
        <v>42</v>
      </c>
      <c r="U17798" s="2">
        <v>2.569</v>
      </c>
      <c r="V17798" s="2">
        <v>2.0259999999999998</v>
      </c>
      <c r="W17798" s="2">
        <v>1.2999999999999999E-2</v>
      </c>
      <c r="X17798" s="2">
        <v>99.1</v>
      </c>
      <c r="Y17798" s="2">
        <v>7.6</v>
      </c>
      <c r="Z17798" s="2">
        <v>16.7</v>
      </c>
      <c r="AA17798" s="5"/>
      <c r="AB17798" s="5" t="s">
        <v>43</v>
      </c>
      <c r="AC17798" s="5" t="s">
        <v>44</v>
      </c>
      <c r="AD17798" s="2"/>
      <c r="AE17798" s="1"/>
    </row>
    <row r="17799" spans="1:31" ht="14.45">
      <c r="A17799" s="11"/>
      <c r="B17799" s="20"/>
      <c r="C17799" s="2" t="s">
        <v>54355</v>
      </c>
      <c r="D17799" s="14" t="s">
        <v>54356</v>
      </c>
      <c r="E17799" s="2" t="s">
        <v>54357</v>
      </c>
      <c r="F17799" s="2" t="s">
        <v>41027</v>
      </c>
      <c r="G17799" s="8">
        <v>277</v>
      </c>
      <c r="H17799" s="5">
        <v>6</v>
      </c>
      <c r="I17799" s="5" t="s">
        <v>1518</v>
      </c>
      <c r="J17799" s="5" t="s">
        <v>40939</v>
      </c>
      <c r="K17799" s="2" t="s">
        <v>40940</v>
      </c>
      <c r="L17799" s="5" t="s">
        <v>40939</v>
      </c>
      <c r="M17799" s="2" t="s">
        <v>40940</v>
      </c>
      <c r="N17799" s="5" t="s">
        <v>36266</v>
      </c>
      <c r="O17799" s="5" t="s">
        <v>38</v>
      </c>
      <c r="P17799" s="5" t="s">
        <v>39</v>
      </c>
      <c r="Q17799" s="5" t="s">
        <v>40</v>
      </c>
      <c r="R17799" s="5" t="s">
        <v>1522</v>
      </c>
      <c r="S17799" s="5" t="s">
        <v>1523</v>
      </c>
      <c r="T17799" s="5" t="s">
        <v>42</v>
      </c>
      <c r="U17799" s="2">
        <v>2.64</v>
      </c>
      <c r="V17799" s="2">
        <v>2.097</v>
      </c>
      <c r="W17799" s="2">
        <v>1.2999999999999999E-2</v>
      </c>
      <c r="X17799" s="2">
        <v>99.1</v>
      </c>
      <c r="Y17799" s="2">
        <v>7.6</v>
      </c>
      <c r="Z17799" s="2">
        <v>16.7</v>
      </c>
      <c r="AA17799" s="5"/>
      <c r="AB17799" s="5" t="s">
        <v>43</v>
      </c>
      <c r="AC17799" s="5" t="s">
        <v>44</v>
      </c>
      <c r="AD17799" s="2"/>
      <c r="AE17799" s="1"/>
    </row>
    <row r="17800" spans="1:31" ht="14.45">
      <c r="A17800" s="11"/>
      <c r="B17800" s="20"/>
      <c r="C17800" s="2" t="s">
        <v>54358</v>
      </c>
      <c r="D17800" s="14" t="s">
        <v>54359</v>
      </c>
      <c r="E17800" s="2" t="s">
        <v>54360</v>
      </c>
      <c r="F17800" s="2" t="s">
        <v>41031</v>
      </c>
      <c r="G17800" s="8">
        <v>277</v>
      </c>
      <c r="H17800" s="5">
        <v>6</v>
      </c>
      <c r="I17800" s="5" t="s">
        <v>1518</v>
      </c>
      <c r="J17800" s="5" t="s">
        <v>40939</v>
      </c>
      <c r="K17800" s="2" t="s">
        <v>40940</v>
      </c>
      <c r="L17800" s="5" t="s">
        <v>40939</v>
      </c>
      <c r="M17800" s="2" t="s">
        <v>40940</v>
      </c>
      <c r="N17800" s="5" t="s">
        <v>36266</v>
      </c>
      <c r="O17800" s="5" t="s">
        <v>38</v>
      </c>
      <c r="P17800" s="5" t="s">
        <v>39</v>
      </c>
      <c r="Q17800" s="5" t="s">
        <v>40</v>
      </c>
      <c r="R17800" s="5" t="s">
        <v>1522</v>
      </c>
      <c r="S17800" s="5" t="s">
        <v>1523</v>
      </c>
      <c r="T17800" s="5" t="s">
        <v>42</v>
      </c>
      <c r="U17800" s="2">
        <v>2.569</v>
      </c>
      <c r="V17800" s="2">
        <v>2.0259999999999998</v>
      </c>
      <c r="W17800" s="2">
        <v>1.2999999999999999E-2</v>
      </c>
      <c r="X17800" s="2">
        <v>99.1</v>
      </c>
      <c r="Y17800" s="2">
        <v>7.6</v>
      </c>
      <c r="Z17800" s="2">
        <v>16.7</v>
      </c>
      <c r="AA17800" s="5"/>
      <c r="AB17800" s="5" t="s">
        <v>43</v>
      </c>
      <c r="AC17800" s="5" t="s">
        <v>44</v>
      </c>
      <c r="AD17800" s="2"/>
      <c r="AE17800" s="1"/>
    </row>
    <row r="17801" spans="1:31" ht="14.45">
      <c r="A17801" s="11"/>
      <c r="B17801" s="20"/>
      <c r="C17801" s="2" t="s">
        <v>54361</v>
      </c>
      <c r="D17801" s="14" t="s">
        <v>54362</v>
      </c>
      <c r="E17801" s="2" t="s">
        <v>54363</v>
      </c>
      <c r="F17801" s="2" t="s">
        <v>41035</v>
      </c>
      <c r="G17801" s="8">
        <v>277</v>
      </c>
      <c r="H17801" s="5">
        <v>6</v>
      </c>
      <c r="I17801" s="5" t="s">
        <v>1518</v>
      </c>
      <c r="J17801" s="5" t="s">
        <v>40939</v>
      </c>
      <c r="K17801" s="2" t="s">
        <v>40940</v>
      </c>
      <c r="L17801" s="5" t="s">
        <v>40939</v>
      </c>
      <c r="M17801" s="2" t="s">
        <v>40940</v>
      </c>
      <c r="N17801" s="5" t="s">
        <v>36266</v>
      </c>
      <c r="O17801" s="5" t="s">
        <v>38</v>
      </c>
      <c r="P17801" s="5" t="s">
        <v>39</v>
      </c>
      <c r="Q17801" s="5" t="s">
        <v>40</v>
      </c>
      <c r="R17801" s="5" t="s">
        <v>1522</v>
      </c>
      <c r="S17801" s="5" t="s">
        <v>1523</v>
      </c>
      <c r="T17801" s="5" t="s">
        <v>42</v>
      </c>
      <c r="U17801" s="2">
        <v>2.64</v>
      </c>
      <c r="V17801" s="2">
        <v>2.097</v>
      </c>
      <c r="W17801" s="2">
        <v>1.2999999999999999E-2</v>
      </c>
      <c r="X17801" s="2">
        <v>99.1</v>
      </c>
      <c r="Y17801" s="2">
        <v>7.6</v>
      </c>
      <c r="Z17801" s="2">
        <v>16.7</v>
      </c>
      <c r="AA17801" s="5"/>
      <c r="AB17801" s="5" t="s">
        <v>43</v>
      </c>
      <c r="AC17801" s="5" t="s">
        <v>44</v>
      </c>
      <c r="AD17801" s="2"/>
      <c r="AE17801" s="1"/>
    </row>
    <row r="17802" spans="1:31" ht="14.45">
      <c r="A17802" s="11"/>
      <c r="B17802" s="20"/>
      <c r="C17802" s="2" t="s">
        <v>54364</v>
      </c>
      <c r="D17802" s="14" t="s">
        <v>54365</v>
      </c>
      <c r="E17802" s="2" t="s">
        <v>54366</v>
      </c>
      <c r="F17802" s="2" t="s">
        <v>7449</v>
      </c>
      <c r="G17802" s="8">
        <v>277</v>
      </c>
      <c r="H17802" s="5">
        <v>6</v>
      </c>
      <c r="I17802" s="5" t="s">
        <v>1518</v>
      </c>
      <c r="J17802" s="5" t="s">
        <v>40939</v>
      </c>
      <c r="K17802" s="2" t="s">
        <v>40940</v>
      </c>
      <c r="L17802" s="5" t="s">
        <v>40939</v>
      </c>
      <c r="M17802" s="2" t="s">
        <v>40940</v>
      </c>
      <c r="N17802" s="5" t="s">
        <v>36266</v>
      </c>
      <c r="O17802" s="5" t="s">
        <v>38</v>
      </c>
      <c r="P17802" s="5" t="s">
        <v>39</v>
      </c>
      <c r="Q17802" s="5" t="s">
        <v>40</v>
      </c>
      <c r="R17802" s="5" t="s">
        <v>1522</v>
      </c>
      <c r="S17802" s="5" t="s">
        <v>1523</v>
      </c>
      <c r="T17802" s="5" t="s">
        <v>42</v>
      </c>
      <c r="U17802" s="2">
        <v>2.569</v>
      </c>
      <c r="V17802" s="2">
        <v>2.0259999999999998</v>
      </c>
      <c r="W17802" s="2">
        <v>1.2999999999999999E-2</v>
      </c>
      <c r="X17802" s="2">
        <v>99.1</v>
      </c>
      <c r="Y17802" s="2">
        <v>7.6</v>
      </c>
      <c r="Z17802" s="2">
        <v>16.7</v>
      </c>
      <c r="AA17802" s="5"/>
      <c r="AB17802" s="5" t="s">
        <v>43</v>
      </c>
      <c r="AC17802" s="5" t="s">
        <v>44</v>
      </c>
      <c r="AD17802" s="2"/>
      <c r="AE17802" s="1"/>
    </row>
    <row r="17803" spans="1:31" ht="14.45">
      <c r="A17803" s="11"/>
      <c r="B17803" s="20"/>
      <c r="C17803" s="2" t="s">
        <v>54367</v>
      </c>
      <c r="D17803" s="14" t="s">
        <v>54368</v>
      </c>
      <c r="E17803" s="2" t="s">
        <v>54369</v>
      </c>
      <c r="F17803" s="2" t="s">
        <v>7581</v>
      </c>
      <c r="G17803" s="8">
        <v>277</v>
      </c>
      <c r="H17803" s="5">
        <v>6</v>
      </c>
      <c r="I17803" s="5" t="s">
        <v>1518</v>
      </c>
      <c r="J17803" s="5" t="s">
        <v>40939</v>
      </c>
      <c r="K17803" s="2" t="s">
        <v>40940</v>
      </c>
      <c r="L17803" s="5" t="s">
        <v>40939</v>
      </c>
      <c r="M17803" s="2" t="s">
        <v>40940</v>
      </c>
      <c r="N17803" s="5" t="s">
        <v>36266</v>
      </c>
      <c r="O17803" s="5" t="s">
        <v>38</v>
      </c>
      <c r="P17803" s="5" t="s">
        <v>39</v>
      </c>
      <c r="Q17803" s="5" t="s">
        <v>40</v>
      </c>
      <c r="R17803" s="5" t="s">
        <v>1522</v>
      </c>
      <c r="S17803" s="5" t="s">
        <v>1523</v>
      </c>
      <c r="T17803" s="5" t="s">
        <v>42</v>
      </c>
      <c r="U17803" s="2">
        <v>2.64</v>
      </c>
      <c r="V17803" s="2">
        <v>2.097</v>
      </c>
      <c r="W17803" s="2">
        <v>1.2999999999999999E-2</v>
      </c>
      <c r="X17803" s="2">
        <v>99.1</v>
      </c>
      <c r="Y17803" s="2">
        <v>7.6</v>
      </c>
      <c r="Z17803" s="2">
        <v>16.7</v>
      </c>
      <c r="AA17803" s="5"/>
      <c r="AB17803" s="5" t="s">
        <v>43</v>
      </c>
      <c r="AC17803" s="5" t="s">
        <v>44</v>
      </c>
      <c r="AD17803" s="2"/>
      <c r="AE17803" s="1"/>
    </row>
    <row r="17804" spans="1:31" ht="14.45">
      <c r="A17804" s="11"/>
      <c r="B17804" s="20"/>
      <c r="C17804" s="2" t="s">
        <v>54370</v>
      </c>
      <c r="D17804" s="14" t="s">
        <v>54371</v>
      </c>
      <c r="E17804" s="2" t="s">
        <v>54372</v>
      </c>
      <c r="F17804" s="2" t="s">
        <v>41045</v>
      </c>
      <c r="G17804" s="8">
        <v>277</v>
      </c>
      <c r="H17804" s="5">
        <v>6</v>
      </c>
      <c r="I17804" s="5" t="s">
        <v>1518</v>
      </c>
      <c r="J17804" s="5" t="s">
        <v>40939</v>
      </c>
      <c r="K17804" s="2" t="s">
        <v>40940</v>
      </c>
      <c r="L17804" s="5" t="s">
        <v>40939</v>
      </c>
      <c r="M17804" s="2" t="s">
        <v>40940</v>
      </c>
      <c r="N17804" s="5" t="s">
        <v>36266</v>
      </c>
      <c r="O17804" s="5" t="s">
        <v>38</v>
      </c>
      <c r="P17804" s="5" t="s">
        <v>39</v>
      </c>
      <c r="Q17804" s="5" t="s">
        <v>40</v>
      </c>
      <c r="R17804" s="5" t="s">
        <v>1522</v>
      </c>
      <c r="S17804" s="5" t="s">
        <v>1523</v>
      </c>
      <c r="T17804" s="5" t="s">
        <v>42</v>
      </c>
      <c r="U17804" s="2">
        <v>2.6070000000000002</v>
      </c>
      <c r="V17804" s="2">
        <v>2.0640000000000001</v>
      </c>
      <c r="W17804" s="2">
        <v>1.2999999999999999E-2</v>
      </c>
      <c r="X17804" s="2">
        <v>99.1</v>
      </c>
      <c r="Y17804" s="2">
        <v>7.6</v>
      </c>
      <c r="Z17804" s="2">
        <v>16.7</v>
      </c>
      <c r="AA17804" s="5"/>
      <c r="AB17804" s="5" t="s">
        <v>43</v>
      </c>
      <c r="AC17804" s="5" t="s">
        <v>44</v>
      </c>
      <c r="AD17804" s="2"/>
      <c r="AE17804" s="1"/>
    </row>
    <row r="17805" spans="1:31" ht="14.45">
      <c r="A17805" s="11"/>
      <c r="B17805" s="20"/>
      <c r="C17805" s="2" t="s">
        <v>54373</v>
      </c>
      <c r="D17805" s="14" t="s">
        <v>54374</v>
      </c>
      <c r="E17805" s="2" t="s">
        <v>54375</v>
      </c>
      <c r="F17805" s="2" t="s">
        <v>41049</v>
      </c>
      <c r="G17805" s="8">
        <v>277</v>
      </c>
      <c r="H17805" s="5">
        <v>6</v>
      </c>
      <c r="I17805" s="5" t="s">
        <v>1518</v>
      </c>
      <c r="J17805" s="5" t="s">
        <v>40939</v>
      </c>
      <c r="K17805" s="2" t="s">
        <v>40940</v>
      </c>
      <c r="L17805" s="5" t="s">
        <v>40939</v>
      </c>
      <c r="M17805" s="2" t="s">
        <v>40940</v>
      </c>
      <c r="N17805" s="5" t="s">
        <v>36266</v>
      </c>
      <c r="O17805" s="5" t="s">
        <v>38</v>
      </c>
      <c r="P17805" s="5" t="s">
        <v>39</v>
      </c>
      <c r="Q17805" s="5" t="s">
        <v>40</v>
      </c>
      <c r="R17805" s="5" t="s">
        <v>1522</v>
      </c>
      <c r="S17805" s="5" t="s">
        <v>1523</v>
      </c>
      <c r="T17805" s="5" t="s">
        <v>42</v>
      </c>
      <c r="U17805" s="2">
        <v>2.6779999999999999</v>
      </c>
      <c r="V17805" s="2">
        <v>2.1349999999999998</v>
      </c>
      <c r="W17805" s="2">
        <v>1.2999999999999999E-2</v>
      </c>
      <c r="X17805" s="2">
        <v>99.1</v>
      </c>
      <c r="Y17805" s="2">
        <v>7.6</v>
      </c>
      <c r="Z17805" s="2">
        <v>16.7</v>
      </c>
      <c r="AA17805" s="5"/>
      <c r="AB17805" s="5" t="s">
        <v>43</v>
      </c>
      <c r="AC17805" s="5" t="s">
        <v>44</v>
      </c>
      <c r="AD17805" s="2"/>
      <c r="AE17805" s="1"/>
    </row>
    <row r="17806" spans="1:31" ht="14.45">
      <c r="A17806" s="11"/>
      <c r="B17806" s="20"/>
      <c r="C17806" s="2" t="s">
        <v>54376</v>
      </c>
      <c r="D17806" s="14" t="s">
        <v>54377</v>
      </c>
      <c r="E17806" s="2" t="s">
        <v>54378</v>
      </c>
      <c r="F17806" s="2" t="s">
        <v>7204</v>
      </c>
      <c r="G17806" s="8">
        <v>269</v>
      </c>
      <c r="H17806" s="5">
        <v>6</v>
      </c>
      <c r="I17806" s="5" t="s">
        <v>1518</v>
      </c>
      <c r="J17806" s="5" t="s">
        <v>40939</v>
      </c>
      <c r="K17806" s="2" t="s">
        <v>40940</v>
      </c>
      <c r="L17806" s="5" t="s">
        <v>40939</v>
      </c>
      <c r="M17806" s="2" t="s">
        <v>40940</v>
      </c>
      <c r="N17806" s="5" t="s">
        <v>36266</v>
      </c>
      <c r="O17806" s="5" t="s">
        <v>38</v>
      </c>
      <c r="P17806" s="5" t="s">
        <v>39</v>
      </c>
      <c r="Q17806" s="5" t="s">
        <v>40</v>
      </c>
      <c r="R17806" s="5" t="s">
        <v>1522</v>
      </c>
      <c r="S17806" s="5" t="s">
        <v>1523</v>
      </c>
      <c r="T17806" s="5" t="s">
        <v>42</v>
      </c>
      <c r="U17806" s="2">
        <v>2.726</v>
      </c>
      <c r="V17806" s="2">
        <v>2.1829999999999998</v>
      </c>
      <c r="W17806" s="2">
        <v>1.4999999999999999E-2</v>
      </c>
      <c r="X17806" s="2">
        <v>118.9</v>
      </c>
      <c r="Y17806" s="2">
        <v>7.6</v>
      </c>
      <c r="Z17806" s="2">
        <v>16.7</v>
      </c>
      <c r="AA17806" s="5"/>
      <c r="AB17806" s="5" t="s">
        <v>43</v>
      </c>
      <c r="AC17806" s="5" t="s">
        <v>44</v>
      </c>
      <c r="AD17806" s="2"/>
      <c r="AE17806" s="1"/>
    </row>
    <row r="17807" spans="1:31" ht="14.45">
      <c r="A17807" s="11"/>
      <c r="B17807" s="20"/>
      <c r="C17807" s="2" t="s">
        <v>54379</v>
      </c>
      <c r="D17807" s="14" t="s">
        <v>54380</v>
      </c>
      <c r="E17807" s="2" t="s">
        <v>54381</v>
      </c>
      <c r="F17807" s="2" t="s">
        <v>7514</v>
      </c>
      <c r="G17807" s="8">
        <v>269</v>
      </c>
      <c r="H17807" s="5">
        <v>6</v>
      </c>
      <c r="I17807" s="5" t="s">
        <v>1518</v>
      </c>
      <c r="J17807" s="5" t="s">
        <v>40939</v>
      </c>
      <c r="K17807" s="2" t="s">
        <v>40940</v>
      </c>
      <c r="L17807" s="5" t="s">
        <v>40939</v>
      </c>
      <c r="M17807" s="2" t="s">
        <v>40940</v>
      </c>
      <c r="N17807" s="5" t="s">
        <v>36266</v>
      </c>
      <c r="O17807" s="5" t="s">
        <v>38</v>
      </c>
      <c r="P17807" s="5" t="s">
        <v>39</v>
      </c>
      <c r="Q17807" s="5" t="s">
        <v>40</v>
      </c>
      <c r="R17807" s="5" t="s">
        <v>1522</v>
      </c>
      <c r="S17807" s="5" t="s">
        <v>1523</v>
      </c>
      <c r="T17807" s="5" t="s">
        <v>42</v>
      </c>
      <c r="U17807" s="2">
        <v>2.8079999999999998</v>
      </c>
      <c r="V17807" s="2">
        <v>2.2650000000000001</v>
      </c>
      <c r="W17807" s="2">
        <v>1.4999999999999999E-2</v>
      </c>
      <c r="X17807" s="2">
        <v>118.9</v>
      </c>
      <c r="Y17807" s="2">
        <v>7.6</v>
      </c>
      <c r="Z17807" s="2">
        <v>16.7</v>
      </c>
      <c r="AA17807" s="5"/>
      <c r="AB17807" s="5" t="s">
        <v>43</v>
      </c>
      <c r="AC17807" s="5" t="s">
        <v>44</v>
      </c>
      <c r="AD17807" s="2"/>
      <c r="AE17807" s="1"/>
    </row>
    <row r="17808" spans="1:31" ht="14.45">
      <c r="A17808" s="11"/>
      <c r="B17808" s="20"/>
      <c r="C17808" s="2" t="s">
        <v>54382</v>
      </c>
      <c r="D17808" s="14" t="s">
        <v>54383</v>
      </c>
      <c r="E17808" s="2" t="s">
        <v>54384</v>
      </c>
      <c r="F17808" s="2" t="s">
        <v>47195</v>
      </c>
      <c r="G17808" s="8">
        <v>289</v>
      </c>
      <c r="H17808" s="5">
        <v>6</v>
      </c>
      <c r="I17808" s="5" t="s">
        <v>1518</v>
      </c>
      <c r="J17808" s="5" t="s">
        <v>40939</v>
      </c>
      <c r="K17808" s="2" t="s">
        <v>40940</v>
      </c>
      <c r="L17808" s="5" t="s">
        <v>40939</v>
      </c>
      <c r="M17808" s="2" t="s">
        <v>40940</v>
      </c>
      <c r="N17808" s="5" t="s">
        <v>36266</v>
      </c>
      <c r="O17808" s="5" t="s">
        <v>38</v>
      </c>
      <c r="P17808" s="5" t="s">
        <v>39</v>
      </c>
      <c r="Q17808" s="5" t="s">
        <v>40</v>
      </c>
      <c r="R17808" s="5" t="s">
        <v>1522</v>
      </c>
      <c r="S17808" s="5" t="s">
        <v>1523</v>
      </c>
      <c r="T17808" s="5" t="s">
        <v>42</v>
      </c>
      <c r="U17808" s="2">
        <v>2.823</v>
      </c>
      <c r="V17808" s="2">
        <v>2.2799999999999998</v>
      </c>
      <c r="W17808" s="2">
        <v>1.4999999999999999E-2</v>
      </c>
      <c r="X17808" s="2">
        <v>118.9</v>
      </c>
      <c r="Y17808" s="2">
        <v>7.6</v>
      </c>
      <c r="Z17808" s="2">
        <v>16.7</v>
      </c>
      <c r="AA17808" s="5"/>
      <c r="AB17808" s="5" t="s">
        <v>43</v>
      </c>
      <c r="AC17808" s="5" t="s">
        <v>44</v>
      </c>
      <c r="AD17808" s="2"/>
      <c r="AE17808" s="1"/>
    </row>
    <row r="17809" spans="1:31" ht="14.45">
      <c r="A17809" s="11"/>
      <c r="B17809" s="20"/>
      <c r="C17809" s="2" t="s">
        <v>54385</v>
      </c>
      <c r="D17809" s="14" t="s">
        <v>54386</v>
      </c>
      <c r="E17809" s="2" t="s">
        <v>54387</v>
      </c>
      <c r="F17809" s="2" t="s">
        <v>7208</v>
      </c>
      <c r="G17809" s="8">
        <v>269</v>
      </c>
      <c r="H17809" s="5">
        <v>6</v>
      </c>
      <c r="I17809" s="5" t="s">
        <v>1518</v>
      </c>
      <c r="J17809" s="5" t="s">
        <v>40939</v>
      </c>
      <c r="K17809" s="2" t="s">
        <v>40940</v>
      </c>
      <c r="L17809" s="5" t="s">
        <v>40939</v>
      </c>
      <c r="M17809" s="2" t="s">
        <v>40940</v>
      </c>
      <c r="N17809" s="5" t="s">
        <v>36266</v>
      </c>
      <c r="O17809" s="5" t="s">
        <v>38</v>
      </c>
      <c r="P17809" s="5" t="s">
        <v>39</v>
      </c>
      <c r="Q17809" s="5" t="s">
        <v>40</v>
      </c>
      <c r="R17809" s="5" t="s">
        <v>1522</v>
      </c>
      <c r="S17809" s="5" t="s">
        <v>1523</v>
      </c>
      <c r="T17809" s="5" t="s">
        <v>42</v>
      </c>
      <c r="U17809" s="2">
        <v>2.7490000000000001</v>
      </c>
      <c r="V17809" s="2">
        <v>2.206</v>
      </c>
      <c r="W17809" s="2">
        <v>1.4999999999999999E-2</v>
      </c>
      <c r="X17809" s="2">
        <v>118.9</v>
      </c>
      <c r="Y17809" s="2">
        <v>7.6</v>
      </c>
      <c r="Z17809" s="2">
        <v>16.7</v>
      </c>
      <c r="AA17809" s="5"/>
      <c r="AB17809" s="5" t="s">
        <v>43</v>
      </c>
      <c r="AC17809" s="5" t="s">
        <v>44</v>
      </c>
      <c r="AD17809" s="2"/>
      <c r="AE17809" s="1"/>
    </row>
    <row r="17810" spans="1:31" ht="14.45">
      <c r="A17810" s="11"/>
      <c r="B17810" s="20"/>
      <c r="C17810" s="2" t="s">
        <v>54388</v>
      </c>
      <c r="D17810" s="14" t="s">
        <v>54389</v>
      </c>
      <c r="E17810" s="2" t="s">
        <v>54390</v>
      </c>
      <c r="F17810" s="2" t="s">
        <v>7521</v>
      </c>
      <c r="G17810" s="8">
        <v>269</v>
      </c>
      <c r="H17810" s="5">
        <v>6</v>
      </c>
      <c r="I17810" s="5" t="s">
        <v>1518</v>
      </c>
      <c r="J17810" s="5" t="s">
        <v>40939</v>
      </c>
      <c r="K17810" s="2" t="s">
        <v>40940</v>
      </c>
      <c r="L17810" s="5" t="s">
        <v>40939</v>
      </c>
      <c r="M17810" s="2" t="s">
        <v>40940</v>
      </c>
      <c r="N17810" s="5" t="s">
        <v>36266</v>
      </c>
      <c r="O17810" s="5" t="s">
        <v>38</v>
      </c>
      <c r="P17810" s="5" t="s">
        <v>39</v>
      </c>
      <c r="Q17810" s="5" t="s">
        <v>40</v>
      </c>
      <c r="R17810" s="5" t="s">
        <v>1522</v>
      </c>
      <c r="S17810" s="5" t="s">
        <v>1523</v>
      </c>
      <c r="T17810" s="5" t="s">
        <v>42</v>
      </c>
      <c r="U17810" s="2">
        <v>2.831</v>
      </c>
      <c r="V17810" s="2">
        <v>2.2879999999999998</v>
      </c>
      <c r="W17810" s="2">
        <v>1.4999999999999999E-2</v>
      </c>
      <c r="X17810" s="2">
        <v>118.9</v>
      </c>
      <c r="Y17810" s="2">
        <v>7.6</v>
      </c>
      <c r="Z17810" s="2">
        <v>16.7</v>
      </c>
      <c r="AA17810" s="5"/>
      <c r="AB17810" s="5" t="s">
        <v>43</v>
      </c>
      <c r="AC17810" s="5" t="s">
        <v>44</v>
      </c>
      <c r="AD17810" s="2"/>
      <c r="AE17810" s="1"/>
    </row>
    <row r="17811" spans="1:31" ht="14.45">
      <c r="A17811" s="11"/>
      <c r="B17811" s="20"/>
      <c r="C17811" s="2" t="s">
        <v>54391</v>
      </c>
      <c r="D17811" s="14" t="s">
        <v>54392</v>
      </c>
      <c r="E17811" s="2" t="s">
        <v>54393</v>
      </c>
      <c r="F17811" s="2" t="s">
        <v>36273</v>
      </c>
      <c r="G17811" s="8">
        <v>269</v>
      </c>
      <c r="H17811" s="5">
        <v>6</v>
      </c>
      <c r="I17811" s="5" t="s">
        <v>1518</v>
      </c>
      <c r="J17811" s="5" t="s">
        <v>40939</v>
      </c>
      <c r="K17811" s="2" t="s">
        <v>40940</v>
      </c>
      <c r="L17811" s="5" t="s">
        <v>40939</v>
      </c>
      <c r="M17811" s="2" t="s">
        <v>40940</v>
      </c>
      <c r="N17811" s="5" t="s">
        <v>36266</v>
      </c>
      <c r="O17811" s="5" t="s">
        <v>38</v>
      </c>
      <c r="P17811" s="5" t="s">
        <v>39</v>
      </c>
      <c r="Q17811" s="5" t="s">
        <v>40</v>
      </c>
      <c r="R17811" s="5" t="s">
        <v>1522</v>
      </c>
      <c r="S17811" s="5" t="s">
        <v>1523</v>
      </c>
      <c r="T17811" s="5" t="s">
        <v>42</v>
      </c>
      <c r="U17811" s="2">
        <v>2.7639999999999998</v>
      </c>
      <c r="V17811" s="2">
        <v>2.2210000000000001</v>
      </c>
      <c r="W17811" s="2">
        <v>1.4999999999999999E-2</v>
      </c>
      <c r="X17811" s="2">
        <v>118.9</v>
      </c>
      <c r="Y17811" s="2">
        <v>7.6</v>
      </c>
      <c r="Z17811" s="2">
        <v>16.7</v>
      </c>
      <c r="AA17811" s="5"/>
      <c r="AB17811" s="5" t="s">
        <v>43</v>
      </c>
      <c r="AC17811" s="5" t="s">
        <v>44</v>
      </c>
      <c r="AD17811" s="2"/>
      <c r="AE17811" s="1"/>
    </row>
    <row r="17812" spans="1:31" ht="14.45">
      <c r="A17812" s="11"/>
      <c r="B17812" s="20"/>
      <c r="C17812" s="2" t="s">
        <v>54394</v>
      </c>
      <c r="D17812" s="14" t="s">
        <v>54395</v>
      </c>
      <c r="E17812" s="2" t="s">
        <v>54396</v>
      </c>
      <c r="F17812" s="2" t="s">
        <v>36277</v>
      </c>
      <c r="G17812" s="8">
        <v>269</v>
      </c>
      <c r="H17812" s="5">
        <v>6</v>
      </c>
      <c r="I17812" s="5" t="s">
        <v>1518</v>
      </c>
      <c r="J17812" s="5" t="s">
        <v>40939</v>
      </c>
      <c r="K17812" s="2" t="s">
        <v>40940</v>
      </c>
      <c r="L17812" s="5" t="s">
        <v>40939</v>
      </c>
      <c r="M17812" s="2" t="s">
        <v>40940</v>
      </c>
      <c r="N17812" s="5" t="s">
        <v>36266</v>
      </c>
      <c r="O17812" s="5" t="s">
        <v>38</v>
      </c>
      <c r="P17812" s="5" t="s">
        <v>39</v>
      </c>
      <c r="Q17812" s="5" t="s">
        <v>40</v>
      </c>
      <c r="R17812" s="5" t="s">
        <v>1522</v>
      </c>
      <c r="S17812" s="5" t="s">
        <v>1523</v>
      </c>
      <c r="T17812" s="5" t="s">
        <v>42</v>
      </c>
      <c r="U17812" s="2">
        <v>2.8460000000000001</v>
      </c>
      <c r="V17812" s="2">
        <v>2.3029999999999999</v>
      </c>
      <c r="W17812" s="2">
        <v>1.4999999999999999E-2</v>
      </c>
      <c r="X17812" s="2">
        <v>118.9</v>
      </c>
      <c r="Y17812" s="2">
        <v>7.6</v>
      </c>
      <c r="Z17812" s="2">
        <v>16.7</v>
      </c>
      <c r="AA17812" s="5"/>
      <c r="AB17812" s="5" t="s">
        <v>43</v>
      </c>
      <c r="AC17812" s="5" t="s">
        <v>44</v>
      </c>
      <c r="AD17812" s="2"/>
      <c r="AE17812" s="1"/>
    </row>
    <row r="17813" spans="1:31" ht="14.45">
      <c r="A17813" s="11"/>
      <c r="B17813" s="20"/>
      <c r="C17813" s="2" t="s">
        <v>54397</v>
      </c>
      <c r="D17813" s="14" t="s">
        <v>54398</v>
      </c>
      <c r="E17813" s="2" t="s">
        <v>54399</v>
      </c>
      <c r="F17813" s="2" t="s">
        <v>40967</v>
      </c>
      <c r="G17813" s="8">
        <v>289</v>
      </c>
      <c r="H17813" s="5">
        <v>6</v>
      </c>
      <c r="I17813" s="5" t="s">
        <v>1518</v>
      </c>
      <c r="J17813" s="5" t="s">
        <v>40939</v>
      </c>
      <c r="K17813" s="2" t="s">
        <v>40940</v>
      </c>
      <c r="L17813" s="5" t="s">
        <v>40939</v>
      </c>
      <c r="M17813" s="2" t="s">
        <v>40940</v>
      </c>
      <c r="N17813" s="5" t="s">
        <v>36266</v>
      </c>
      <c r="O17813" s="5" t="s">
        <v>38</v>
      </c>
      <c r="P17813" s="5" t="s">
        <v>39</v>
      </c>
      <c r="Q17813" s="5" t="s">
        <v>40</v>
      </c>
      <c r="R17813" s="5" t="s">
        <v>1522</v>
      </c>
      <c r="S17813" s="5" t="s">
        <v>1523</v>
      </c>
      <c r="T17813" s="5" t="s">
        <v>42</v>
      </c>
      <c r="U17813" s="2">
        <v>2.7490000000000001</v>
      </c>
      <c r="V17813" s="2">
        <v>2.206</v>
      </c>
      <c r="W17813" s="2">
        <v>1.4999999999999999E-2</v>
      </c>
      <c r="X17813" s="2">
        <v>118.9</v>
      </c>
      <c r="Y17813" s="2">
        <v>7.6</v>
      </c>
      <c r="Z17813" s="2">
        <v>16.7</v>
      </c>
      <c r="AA17813" s="5"/>
      <c r="AB17813" s="5" t="s">
        <v>43</v>
      </c>
      <c r="AC17813" s="5" t="s">
        <v>44</v>
      </c>
      <c r="AD17813" s="2"/>
      <c r="AE17813" s="1"/>
    </row>
    <row r="17814" spans="1:31" ht="14.45">
      <c r="A17814" s="11"/>
      <c r="B17814" s="20"/>
      <c r="C17814" s="2" t="s">
        <v>54400</v>
      </c>
      <c r="D17814" s="14" t="s">
        <v>54401</v>
      </c>
      <c r="E17814" s="2" t="s">
        <v>54402</v>
      </c>
      <c r="F17814" s="2" t="s">
        <v>40971</v>
      </c>
      <c r="G17814" s="8">
        <v>289</v>
      </c>
      <c r="H17814" s="5">
        <v>6</v>
      </c>
      <c r="I17814" s="5" t="s">
        <v>1518</v>
      </c>
      <c r="J17814" s="5" t="s">
        <v>40939</v>
      </c>
      <c r="K17814" s="2" t="s">
        <v>40940</v>
      </c>
      <c r="L17814" s="5" t="s">
        <v>40939</v>
      </c>
      <c r="M17814" s="2" t="s">
        <v>40940</v>
      </c>
      <c r="N17814" s="5" t="s">
        <v>36266</v>
      </c>
      <c r="O17814" s="5" t="s">
        <v>38</v>
      </c>
      <c r="P17814" s="5" t="s">
        <v>39</v>
      </c>
      <c r="Q17814" s="5" t="s">
        <v>40</v>
      </c>
      <c r="R17814" s="5" t="s">
        <v>1522</v>
      </c>
      <c r="S17814" s="5" t="s">
        <v>1523</v>
      </c>
      <c r="T17814" s="5" t="s">
        <v>42</v>
      </c>
      <c r="U17814" s="2">
        <v>2.831</v>
      </c>
      <c r="V17814" s="2">
        <v>2.2879999999999998</v>
      </c>
      <c r="W17814" s="2">
        <v>1.4999999999999999E-2</v>
      </c>
      <c r="X17814" s="2">
        <v>118.9</v>
      </c>
      <c r="Y17814" s="2">
        <v>7.6</v>
      </c>
      <c r="Z17814" s="2">
        <v>16.7</v>
      </c>
      <c r="AA17814" s="5"/>
      <c r="AB17814" s="5" t="s">
        <v>43</v>
      </c>
      <c r="AC17814" s="5" t="s">
        <v>44</v>
      </c>
      <c r="AD17814" s="2"/>
      <c r="AE17814" s="1"/>
    </row>
    <row r="17815" spans="1:31" ht="14.45">
      <c r="A17815" s="11"/>
      <c r="B17815" s="20"/>
      <c r="C17815" s="2" t="s">
        <v>54403</v>
      </c>
      <c r="D17815" s="14" t="s">
        <v>54404</v>
      </c>
      <c r="E17815" s="2" t="s">
        <v>54405</v>
      </c>
      <c r="F17815" s="2" t="s">
        <v>7539</v>
      </c>
      <c r="G17815" s="8">
        <v>289</v>
      </c>
      <c r="H17815" s="5">
        <v>6</v>
      </c>
      <c r="I17815" s="5" t="s">
        <v>1518</v>
      </c>
      <c r="J17815" s="5" t="s">
        <v>40939</v>
      </c>
      <c r="K17815" s="2" t="s">
        <v>40940</v>
      </c>
      <c r="L17815" s="5" t="s">
        <v>40939</v>
      </c>
      <c r="M17815" s="2" t="s">
        <v>40940</v>
      </c>
      <c r="N17815" s="5" t="s">
        <v>36266</v>
      </c>
      <c r="O17815" s="5" t="s">
        <v>38</v>
      </c>
      <c r="P17815" s="5" t="s">
        <v>39</v>
      </c>
      <c r="Q17815" s="5" t="s">
        <v>40</v>
      </c>
      <c r="R17815" s="5" t="s">
        <v>1522</v>
      </c>
      <c r="S17815" s="5" t="s">
        <v>1523</v>
      </c>
      <c r="T17815" s="5" t="s">
        <v>42</v>
      </c>
      <c r="U17815" s="2">
        <v>2.7109999999999999</v>
      </c>
      <c r="V17815" s="2">
        <v>2.1680000000000001</v>
      </c>
      <c r="W17815" s="2">
        <v>1.4999999999999999E-2</v>
      </c>
      <c r="X17815" s="2">
        <v>118.9</v>
      </c>
      <c r="Y17815" s="2">
        <v>7.6</v>
      </c>
      <c r="Z17815" s="2">
        <v>16.7</v>
      </c>
      <c r="AA17815" s="5"/>
      <c r="AB17815" s="5" t="s">
        <v>43</v>
      </c>
      <c r="AC17815" s="5" t="s">
        <v>44</v>
      </c>
      <c r="AD17815" s="2"/>
      <c r="AE17815" s="1"/>
    </row>
    <row r="17816" spans="1:31" ht="14.45">
      <c r="A17816" s="11"/>
      <c r="B17816" s="20"/>
      <c r="C17816" s="2" t="s">
        <v>54406</v>
      </c>
      <c r="D17816" s="14" t="s">
        <v>54407</v>
      </c>
      <c r="E17816" s="2" t="s">
        <v>54408</v>
      </c>
      <c r="F17816" s="2" t="s">
        <v>7543</v>
      </c>
      <c r="G17816" s="8">
        <v>289</v>
      </c>
      <c r="H17816" s="5">
        <v>6</v>
      </c>
      <c r="I17816" s="5" t="s">
        <v>1518</v>
      </c>
      <c r="J17816" s="5" t="s">
        <v>40939</v>
      </c>
      <c r="K17816" s="2" t="s">
        <v>40940</v>
      </c>
      <c r="L17816" s="5" t="s">
        <v>40939</v>
      </c>
      <c r="M17816" s="2" t="s">
        <v>40940</v>
      </c>
      <c r="N17816" s="5" t="s">
        <v>36266</v>
      </c>
      <c r="O17816" s="5" t="s">
        <v>38</v>
      </c>
      <c r="P17816" s="5" t="s">
        <v>39</v>
      </c>
      <c r="Q17816" s="5" t="s">
        <v>40</v>
      </c>
      <c r="R17816" s="5" t="s">
        <v>1522</v>
      </c>
      <c r="S17816" s="5" t="s">
        <v>1523</v>
      </c>
      <c r="T17816" s="5" t="s">
        <v>42</v>
      </c>
      <c r="U17816" s="2">
        <v>2.7930000000000001</v>
      </c>
      <c r="V17816" s="2">
        <v>2.25</v>
      </c>
      <c r="W17816" s="2">
        <v>1.4999999999999999E-2</v>
      </c>
      <c r="X17816" s="2">
        <v>118.9</v>
      </c>
      <c r="Y17816" s="2">
        <v>7.6</v>
      </c>
      <c r="Z17816" s="2">
        <v>16.7</v>
      </c>
      <c r="AA17816" s="5"/>
      <c r="AB17816" s="5" t="s">
        <v>43</v>
      </c>
      <c r="AC17816" s="5" t="s">
        <v>44</v>
      </c>
      <c r="AD17816" s="2"/>
      <c r="AE17816" s="1"/>
    </row>
    <row r="17817" spans="1:31" ht="14.45">
      <c r="A17817" s="11"/>
      <c r="B17817" s="20"/>
      <c r="C17817" s="2" t="s">
        <v>54409</v>
      </c>
      <c r="D17817" s="14" t="s">
        <v>54410</v>
      </c>
      <c r="E17817" s="2" t="s">
        <v>54411</v>
      </c>
      <c r="F17817" s="2" t="s">
        <v>40989</v>
      </c>
      <c r="G17817" s="8">
        <v>289</v>
      </c>
      <c r="H17817" s="5">
        <v>6</v>
      </c>
      <c r="I17817" s="5" t="s">
        <v>1518</v>
      </c>
      <c r="J17817" s="5" t="s">
        <v>40939</v>
      </c>
      <c r="K17817" s="2" t="s">
        <v>40940</v>
      </c>
      <c r="L17817" s="5" t="s">
        <v>40939</v>
      </c>
      <c r="M17817" s="2" t="s">
        <v>40940</v>
      </c>
      <c r="N17817" s="5" t="s">
        <v>36266</v>
      </c>
      <c r="O17817" s="5" t="s">
        <v>38</v>
      </c>
      <c r="P17817" s="5" t="s">
        <v>39</v>
      </c>
      <c r="Q17817" s="5" t="s">
        <v>40</v>
      </c>
      <c r="R17817" s="5" t="s">
        <v>1522</v>
      </c>
      <c r="S17817" s="5" t="s">
        <v>1523</v>
      </c>
      <c r="T17817" s="5" t="s">
        <v>42</v>
      </c>
      <c r="U17817" s="2">
        <v>2.7490000000000001</v>
      </c>
      <c r="V17817" s="2">
        <v>2.206</v>
      </c>
      <c r="W17817" s="2">
        <v>1.4999999999999999E-2</v>
      </c>
      <c r="X17817" s="2">
        <v>118.9</v>
      </c>
      <c r="Y17817" s="2">
        <v>7.6</v>
      </c>
      <c r="Z17817" s="2">
        <v>16.7</v>
      </c>
      <c r="AA17817" s="5"/>
      <c r="AB17817" s="5" t="s">
        <v>43</v>
      </c>
      <c r="AC17817" s="5" t="s">
        <v>44</v>
      </c>
      <c r="AD17817" s="2"/>
      <c r="AE17817" s="1"/>
    </row>
    <row r="17818" spans="1:31" ht="14.45">
      <c r="A17818" s="11"/>
      <c r="B17818" s="20"/>
      <c r="C17818" s="2" t="s">
        <v>54412</v>
      </c>
      <c r="D17818" s="14" t="s">
        <v>54413</v>
      </c>
      <c r="E17818" s="2" t="s">
        <v>54414</v>
      </c>
      <c r="F17818" s="2" t="s">
        <v>40993</v>
      </c>
      <c r="G17818" s="8">
        <v>289</v>
      </c>
      <c r="H17818" s="5">
        <v>6</v>
      </c>
      <c r="I17818" s="5" t="s">
        <v>1518</v>
      </c>
      <c r="J17818" s="5" t="s">
        <v>40939</v>
      </c>
      <c r="K17818" s="2" t="s">
        <v>40940</v>
      </c>
      <c r="L17818" s="5" t="s">
        <v>40939</v>
      </c>
      <c r="M17818" s="2" t="s">
        <v>40940</v>
      </c>
      <c r="N17818" s="5" t="s">
        <v>36266</v>
      </c>
      <c r="O17818" s="5" t="s">
        <v>38</v>
      </c>
      <c r="P17818" s="5" t="s">
        <v>39</v>
      </c>
      <c r="Q17818" s="5" t="s">
        <v>40</v>
      </c>
      <c r="R17818" s="5" t="s">
        <v>1522</v>
      </c>
      <c r="S17818" s="5" t="s">
        <v>1523</v>
      </c>
      <c r="T17818" s="5" t="s">
        <v>42</v>
      </c>
      <c r="U17818" s="2">
        <v>2.831</v>
      </c>
      <c r="V17818" s="2">
        <v>2.2879999999999998</v>
      </c>
      <c r="W17818" s="2">
        <v>1.4999999999999999E-2</v>
      </c>
      <c r="X17818" s="2">
        <v>118.9</v>
      </c>
      <c r="Y17818" s="2">
        <v>7.6</v>
      </c>
      <c r="Z17818" s="2">
        <v>16.7</v>
      </c>
      <c r="AA17818" s="5"/>
      <c r="AB17818" s="5" t="s">
        <v>43</v>
      </c>
      <c r="AC17818" s="5" t="s">
        <v>44</v>
      </c>
      <c r="AD17818" s="2"/>
      <c r="AE17818" s="1"/>
    </row>
    <row r="17819" spans="1:31" ht="14.45">
      <c r="A17819" s="11"/>
      <c r="B17819" s="20"/>
      <c r="C17819" s="2" t="s">
        <v>54415</v>
      </c>
      <c r="D17819" s="14" t="s">
        <v>54416</v>
      </c>
      <c r="E17819" s="2" t="s">
        <v>54417</v>
      </c>
      <c r="F17819" s="2" t="s">
        <v>40997</v>
      </c>
      <c r="G17819" s="8">
        <v>289</v>
      </c>
      <c r="H17819" s="5">
        <v>6</v>
      </c>
      <c r="I17819" s="5" t="s">
        <v>1518</v>
      </c>
      <c r="J17819" s="5" t="s">
        <v>40939</v>
      </c>
      <c r="K17819" s="2" t="s">
        <v>40940</v>
      </c>
      <c r="L17819" s="5" t="s">
        <v>40939</v>
      </c>
      <c r="M17819" s="2" t="s">
        <v>40940</v>
      </c>
      <c r="N17819" s="5" t="s">
        <v>36266</v>
      </c>
      <c r="O17819" s="5" t="s">
        <v>38</v>
      </c>
      <c r="P17819" s="5" t="s">
        <v>39</v>
      </c>
      <c r="Q17819" s="5" t="s">
        <v>40</v>
      </c>
      <c r="R17819" s="5" t="s">
        <v>1522</v>
      </c>
      <c r="S17819" s="5" t="s">
        <v>1523</v>
      </c>
      <c r="T17819" s="5" t="s">
        <v>42</v>
      </c>
      <c r="U17819" s="2">
        <v>2.7189999999999999</v>
      </c>
      <c r="V17819" s="2">
        <v>2.1760000000000002</v>
      </c>
      <c r="W17819" s="2">
        <v>1.4999999999999999E-2</v>
      </c>
      <c r="X17819" s="2">
        <v>118.9</v>
      </c>
      <c r="Y17819" s="2">
        <v>7.6</v>
      </c>
      <c r="Z17819" s="2">
        <v>16.7</v>
      </c>
      <c r="AA17819" s="5"/>
      <c r="AB17819" s="5" t="s">
        <v>43</v>
      </c>
      <c r="AC17819" s="5" t="s">
        <v>44</v>
      </c>
      <c r="AD17819" s="2"/>
      <c r="AE17819" s="1"/>
    </row>
    <row r="17820" spans="1:31" ht="14.45">
      <c r="A17820" s="11"/>
      <c r="B17820" s="20"/>
      <c r="C17820" s="2" t="s">
        <v>54418</v>
      </c>
      <c r="D17820" s="14" t="s">
        <v>54419</v>
      </c>
      <c r="E17820" s="2" t="s">
        <v>54420</v>
      </c>
      <c r="F17820" s="2" t="s">
        <v>41267</v>
      </c>
      <c r="G17820" s="8">
        <v>289</v>
      </c>
      <c r="H17820" s="5">
        <v>6</v>
      </c>
      <c r="I17820" s="5" t="s">
        <v>1518</v>
      </c>
      <c r="J17820" s="5" t="s">
        <v>40939</v>
      </c>
      <c r="K17820" s="2" t="s">
        <v>40940</v>
      </c>
      <c r="L17820" s="5" t="s">
        <v>40939</v>
      </c>
      <c r="M17820" s="2" t="s">
        <v>40940</v>
      </c>
      <c r="N17820" s="5" t="s">
        <v>36266</v>
      </c>
      <c r="O17820" s="5" t="s">
        <v>38</v>
      </c>
      <c r="P17820" s="5" t="s">
        <v>39</v>
      </c>
      <c r="Q17820" s="5" t="s">
        <v>40</v>
      </c>
      <c r="R17820" s="5" t="s">
        <v>1522</v>
      </c>
      <c r="S17820" s="5" t="s">
        <v>1523</v>
      </c>
      <c r="T17820" s="5" t="s">
        <v>42</v>
      </c>
      <c r="U17820" s="2">
        <v>2.8010000000000002</v>
      </c>
      <c r="V17820" s="2">
        <v>2.258</v>
      </c>
      <c r="W17820" s="2">
        <v>1.4999999999999999E-2</v>
      </c>
      <c r="X17820" s="2">
        <v>118.9</v>
      </c>
      <c r="Y17820" s="2">
        <v>7.6</v>
      </c>
      <c r="Z17820" s="2">
        <v>16.7</v>
      </c>
      <c r="AA17820" s="5"/>
      <c r="AB17820" s="5" t="s">
        <v>43</v>
      </c>
      <c r="AC17820" s="5" t="s">
        <v>44</v>
      </c>
      <c r="AD17820" s="2"/>
      <c r="AE17820" s="1"/>
    </row>
    <row r="17821" spans="1:31" ht="14.45">
      <c r="A17821" s="11"/>
      <c r="B17821" s="20"/>
      <c r="C17821" s="2" t="s">
        <v>54421</v>
      </c>
      <c r="D17821" s="14" t="s">
        <v>54422</v>
      </c>
      <c r="E17821" s="2" t="s">
        <v>54423</v>
      </c>
      <c r="F17821" s="2" t="s">
        <v>41005</v>
      </c>
      <c r="G17821" s="8">
        <v>289</v>
      </c>
      <c r="H17821" s="5">
        <v>6</v>
      </c>
      <c r="I17821" s="5" t="s">
        <v>1518</v>
      </c>
      <c r="J17821" s="5" t="s">
        <v>40939</v>
      </c>
      <c r="K17821" s="2" t="s">
        <v>40940</v>
      </c>
      <c r="L17821" s="5" t="s">
        <v>40939</v>
      </c>
      <c r="M17821" s="2" t="s">
        <v>40940</v>
      </c>
      <c r="N17821" s="5" t="s">
        <v>36266</v>
      </c>
      <c r="O17821" s="5" t="s">
        <v>38</v>
      </c>
      <c r="P17821" s="5" t="s">
        <v>39</v>
      </c>
      <c r="Q17821" s="5" t="s">
        <v>40</v>
      </c>
      <c r="R17821" s="5" t="s">
        <v>1522</v>
      </c>
      <c r="S17821" s="5" t="s">
        <v>1523</v>
      </c>
      <c r="T17821" s="5" t="s">
        <v>42</v>
      </c>
      <c r="U17821" s="2">
        <v>2.831</v>
      </c>
      <c r="V17821" s="2">
        <v>2.2879999999999998</v>
      </c>
      <c r="W17821" s="2">
        <v>1.4999999999999999E-2</v>
      </c>
      <c r="X17821" s="2">
        <v>118.9</v>
      </c>
      <c r="Y17821" s="2">
        <v>7.6</v>
      </c>
      <c r="Z17821" s="2">
        <v>16.7</v>
      </c>
      <c r="AA17821" s="5"/>
      <c r="AB17821" s="5" t="s">
        <v>43</v>
      </c>
      <c r="AC17821" s="5" t="s">
        <v>44</v>
      </c>
      <c r="AD17821" s="2"/>
      <c r="AE17821" s="1"/>
    </row>
    <row r="17822" spans="1:31" ht="14.45">
      <c r="A17822" s="11"/>
      <c r="B17822" s="20"/>
      <c r="C17822" s="2" t="s">
        <v>54424</v>
      </c>
      <c r="D17822" s="14" t="s">
        <v>54425</v>
      </c>
      <c r="E17822" s="2" t="s">
        <v>54426</v>
      </c>
      <c r="F17822" s="2" t="s">
        <v>41013</v>
      </c>
      <c r="G17822" s="8">
        <v>289</v>
      </c>
      <c r="H17822" s="5">
        <v>6</v>
      </c>
      <c r="I17822" s="5" t="s">
        <v>1518</v>
      </c>
      <c r="J17822" s="5" t="s">
        <v>40939</v>
      </c>
      <c r="K17822" s="2" t="s">
        <v>40940</v>
      </c>
      <c r="L17822" s="5" t="s">
        <v>40939</v>
      </c>
      <c r="M17822" s="2" t="s">
        <v>40940</v>
      </c>
      <c r="N17822" s="5" t="s">
        <v>36266</v>
      </c>
      <c r="O17822" s="5" t="s">
        <v>38</v>
      </c>
      <c r="P17822" s="5" t="s">
        <v>39</v>
      </c>
      <c r="Q17822" s="5" t="s">
        <v>40</v>
      </c>
      <c r="R17822" s="5" t="s">
        <v>1522</v>
      </c>
      <c r="S17822" s="5" t="s">
        <v>1523</v>
      </c>
      <c r="T17822" s="5" t="s">
        <v>42</v>
      </c>
      <c r="U17822" s="2">
        <v>2.8380000000000001</v>
      </c>
      <c r="V17822" s="2">
        <v>2.2949999999999999</v>
      </c>
      <c r="W17822" s="2">
        <v>1.4999999999999999E-2</v>
      </c>
      <c r="X17822" s="2">
        <v>118.9</v>
      </c>
      <c r="Y17822" s="2">
        <v>7.6</v>
      </c>
      <c r="Z17822" s="2">
        <v>16.7</v>
      </c>
      <c r="AA17822" s="5"/>
      <c r="AB17822" s="5" t="s">
        <v>43</v>
      </c>
      <c r="AC17822" s="5" t="s">
        <v>44</v>
      </c>
      <c r="AD17822" s="2"/>
      <c r="AE17822" s="1"/>
    </row>
    <row r="17823" spans="1:31" ht="14.45">
      <c r="A17823" s="11"/>
      <c r="B17823" s="20"/>
      <c r="C17823" s="2" t="s">
        <v>54427</v>
      </c>
      <c r="D17823" s="14" t="s">
        <v>54428</v>
      </c>
      <c r="E17823" s="2" t="s">
        <v>54429</v>
      </c>
      <c r="F17823" s="2" t="s">
        <v>7396</v>
      </c>
      <c r="G17823" s="8">
        <v>269</v>
      </c>
      <c r="H17823" s="5">
        <v>6</v>
      </c>
      <c r="I17823" s="5" t="s">
        <v>1518</v>
      </c>
      <c r="J17823" s="5" t="s">
        <v>40939</v>
      </c>
      <c r="K17823" s="2" t="s">
        <v>40940</v>
      </c>
      <c r="L17823" s="5" t="s">
        <v>40939</v>
      </c>
      <c r="M17823" s="2" t="s">
        <v>40940</v>
      </c>
      <c r="N17823" s="5" t="s">
        <v>36266</v>
      </c>
      <c r="O17823" s="5" t="s">
        <v>38</v>
      </c>
      <c r="P17823" s="5" t="s">
        <v>39</v>
      </c>
      <c r="Q17823" s="5" t="s">
        <v>40</v>
      </c>
      <c r="R17823" s="5" t="s">
        <v>1522</v>
      </c>
      <c r="S17823" s="5" t="s">
        <v>1523</v>
      </c>
      <c r="T17823" s="5" t="s">
        <v>42</v>
      </c>
      <c r="U17823" s="2">
        <v>2.7559999999999998</v>
      </c>
      <c r="V17823" s="2">
        <v>2.2130000000000001</v>
      </c>
      <c r="W17823" s="2">
        <v>1.4999999999999999E-2</v>
      </c>
      <c r="X17823" s="2">
        <v>118.9</v>
      </c>
      <c r="Y17823" s="2">
        <v>7.6</v>
      </c>
      <c r="Z17823" s="2">
        <v>16.7</v>
      </c>
      <c r="AA17823" s="5"/>
      <c r="AB17823" s="5" t="s">
        <v>43</v>
      </c>
      <c r="AC17823" s="5" t="s">
        <v>44</v>
      </c>
      <c r="AD17823" s="2"/>
      <c r="AE17823" s="1"/>
    </row>
    <row r="17824" spans="1:31" ht="14.45">
      <c r="A17824" s="11"/>
      <c r="B17824" s="20"/>
      <c r="C17824" s="2" t="s">
        <v>54430</v>
      </c>
      <c r="D17824" s="14" t="s">
        <v>54431</v>
      </c>
      <c r="E17824" s="2" t="s">
        <v>54432</v>
      </c>
      <c r="F17824" s="2" t="s">
        <v>7507</v>
      </c>
      <c r="G17824" s="8">
        <v>269</v>
      </c>
      <c r="H17824" s="5">
        <v>6</v>
      </c>
      <c r="I17824" s="5" t="s">
        <v>1518</v>
      </c>
      <c r="J17824" s="5" t="s">
        <v>40939</v>
      </c>
      <c r="K17824" s="2" t="s">
        <v>40940</v>
      </c>
      <c r="L17824" s="5" t="s">
        <v>40939</v>
      </c>
      <c r="M17824" s="2" t="s">
        <v>40940</v>
      </c>
      <c r="N17824" s="5" t="s">
        <v>36266</v>
      </c>
      <c r="O17824" s="5" t="s">
        <v>38</v>
      </c>
      <c r="P17824" s="5" t="s">
        <v>39</v>
      </c>
      <c r="Q17824" s="5" t="s">
        <v>40</v>
      </c>
      <c r="R17824" s="5" t="s">
        <v>1522</v>
      </c>
      <c r="S17824" s="5" t="s">
        <v>1523</v>
      </c>
      <c r="T17824" s="5" t="s">
        <v>42</v>
      </c>
      <c r="U17824" s="2">
        <v>2.8380000000000001</v>
      </c>
      <c r="V17824" s="2">
        <v>2.2949999999999999</v>
      </c>
      <c r="W17824" s="2">
        <v>1.4999999999999999E-2</v>
      </c>
      <c r="X17824" s="2">
        <v>118.9</v>
      </c>
      <c r="Y17824" s="2">
        <v>7.6</v>
      </c>
      <c r="Z17824" s="2">
        <v>16.7</v>
      </c>
      <c r="AA17824" s="5"/>
      <c r="AB17824" s="5" t="s">
        <v>43</v>
      </c>
      <c r="AC17824" s="5" t="s">
        <v>44</v>
      </c>
      <c r="AD17824" s="2"/>
      <c r="AE17824" s="1"/>
    </row>
    <row r="17825" spans="1:31" ht="14.45">
      <c r="A17825" s="11"/>
      <c r="B17825" s="20"/>
      <c r="C17825" s="2" t="s">
        <v>54433</v>
      </c>
      <c r="D17825" s="14" t="s">
        <v>54434</v>
      </c>
      <c r="E17825" s="2" t="s">
        <v>54435</v>
      </c>
      <c r="F17825" s="2" t="s">
        <v>41023</v>
      </c>
      <c r="G17825" s="8">
        <v>289</v>
      </c>
      <c r="H17825" s="5">
        <v>6</v>
      </c>
      <c r="I17825" s="5" t="s">
        <v>1518</v>
      </c>
      <c r="J17825" s="5" t="s">
        <v>40939</v>
      </c>
      <c r="K17825" s="2" t="s">
        <v>40940</v>
      </c>
      <c r="L17825" s="5" t="s">
        <v>40939</v>
      </c>
      <c r="M17825" s="2" t="s">
        <v>40940</v>
      </c>
      <c r="N17825" s="5" t="s">
        <v>36266</v>
      </c>
      <c r="O17825" s="5" t="s">
        <v>38</v>
      </c>
      <c r="P17825" s="5" t="s">
        <v>39</v>
      </c>
      <c r="Q17825" s="5" t="s">
        <v>40</v>
      </c>
      <c r="R17825" s="5" t="s">
        <v>1522</v>
      </c>
      <c r="S17825" s="5" t="s">
        <v>1523</v>
      </c>
      <c r="T17825" s="5" t="s">
        <v>42</v>
      </c>
      <c r="U17825" s="2">
        <v>2.7189999999999999</v>
      </c>
      <c r="V17825" s="2">
        <v>2.1760000000000002</v>
      </c>
      <c r="W17825" s="2">
        <v>1.4999999999999999E-2</v>
      </c>
      <c r="X17825" s="2">
        <v>118.9</v>
      </c>
      <c r="Y17825" s="2">
        <v>7.6</v>
      </c>
      <c r="Z17825" s="2">
        <v>16.7</v>
      </c>
      <c r="AA17825" s="5"/>
      <c r="AB17825" s="5" t="s">
        <v>43</v>
      </c>
      <c r="AC17825" s="5" t="s">
        <v>44</v>
      </c>
      <c r="AD17825" s="2"/>
      <c r="AE17825" s="1"/>
    </row>
    <row r="17826" spans="1:31" ht="14.45">
      <c r="A17826" s="11"/>
      <c r="B17826" s="20"/>
      <c r="C17826" s="2" t="s">
        <v>54436</v>
      </c>
      <c r="D17826" s="14" t="s">
        <v>54437</v>
      </c>
      <c r="E17826" s="2" t="s">
        <v>54438</v>
      </c>
      <c r="F17826" s="2" t="s">
        <v>41027</v>
      </c>
      <c r="G17826" s="8">
        <v>289</v>
      </c>
      <c r="H17826" s="5">
        <v>6</v>
      </c>
      <c r="I17826" s="5" t="s">
        <v>1518</v>
      </c>
      <c r="J17826" s="5" t="s">
        <v>40939</v>
      </c>
      <c r="K17826" s="2" t="s">
        <v>40940</v>
      </c>
      <c r="L17826" s="5" t="s">
        <v>40939</v>
      </c>
      <c r="M17826" s="2" t="s">
        <v>40940</v>
      </c>
      <c r="N17826" s="5" t="s">
        <v>36266</v>
      </c>
      <c r="O17826" s="5" t="s">
        <v>38</v>
      </c>
      <c r="P17826" s="5" t="s">
        <v>39</v>
      </c>
      <c r="Q17826" s="5" t="s">
        <v>40</v>
      </c>
      <c r="R17826" s="5" t="s">
        <v>1522</v>
      </c>
      <c r="S17826" s="5" t="s">
        <v>1523</v>
      </c>
      <c r="T17826" s="5" t="s">
        <v>42</v>
      </c>
      <c r="U17826" s="2">
        <v>2.8010000000000002</v>
      </c>
      <c r="V17826" s="2">
        <v>2.258</v>
      </c>
      <c r="W17826" s="2">
        <v>1.4999999999999999E-2</v>
      </c>
      <c r="X17826" s="2">
        <v>118.9</v>
      </c>
      <c r="Y17826" s="2">
        <v>7.6</v>
      </c>
      <c r="Z17826" s="2">
        <v>16.7</v>
      </c>
      <c r="AA17826" s="5"/>
      <c r="AB17826" s="5" t="s">
        <v>43</v>
      </c>
      <c r="AC17826" s="5" t="s">
        <v>44</v>
      </c>
      <c r="AD17826" s="2"/>
      <c r="AE17826" s="1"/>
    </row>
    <row r="17827" spans="1:31" ht="14.45">
      <c r="A17827" s="11"/>
      <c r="B17827" s="20"/>
      <c r="C17827" s="2" t="s">
        <v>54439</v>
      </c>
      <c r="D17827" s="14" t="s">
        <v>54440</v>
      </c>
      <c r="E17827" s="2" t="s">
        <v>54441</v>
      </c>
      <c r="F17827" s="2" t="s">
        <v>41031</v>
      </c>
      <c r="G17827" s="8">
        <v>289</v>
      </c>
      <c r="H17827" s="5">
        <v>6</v>
      </c>
      <c r="I17827" s="5" t="s">
        <v>1518</v>
      </c>
      <c r="J17827" s="5" t="s">
        <v>40939</v>
      </c>
      <c r="K17827" s="2" t="s">
        <v>40940</v>
      </c>
      <c r="L17827" s="5" t="s">
        <v>40939</v>
      </c>
      <c r="M17827" s="2" t="s">
        <v>40940</v>
      </c>
      <c r="N17827" s="5" t="s">
        <v>36266</v>
      </c>
      <c r="O17827" s="5" t="s">
        <v>38</v>
      </c>
      <c r="P17827" s="5" t="s">
        <v>39</v>
      </c>
      <c r="Q17827" s="5" t="s">
        <v>40</v>
      </c>
      <c r="R17827" s="5" t="s">
        <v>1522</v>
      </c>
      <c r="S17827" s="5" t="s">
        <v>1523</v>
      </c>
      <c r="T17827" s="5" t="s">
        <v>42</v>
      </c>
      <c r="U17827" s="2">
        <v>2.7189999999999999</v>
      </c>
      <c r="V17827" s="2">
        <v>2.1760000000000002</v>
      </c>
      <c r="W17827" s="2">
        <v>1.4999999999999999E-2</v>
      </c>
      <c r="X17827" s="2">
        <v>118.9</v>
      </c>
      <c r="Y17827" s="2">
        <v>7.6</v>
      </c>
      <c r="Z17827" s="2">
        <v>16.7</v>
      </c>
      <c r="AA17827" s="5"/>
      <c r="AB17827" s="5" t="s">
        <v>43</v>
      </c>
      <c r="AC17827" s="5" t="s">
        <v>44</v>
      </c>
      <c r="AD17827" s="2"/>
      <c r="AE17827" s="1"/>
    </row>
    <row r="17828" spans="1:31" ht="14.45">
      <c r="A17828" s="11"/>
      <c r="B17828" s="20"/>
      <c r="C17828" s="2" t="s">
        <v>54442</v>
      </c>
      <c r="D17828" s="14" t="s">
        <v>54443</v>
      </c>
      <c r="E17828" s="2" t="s">
        <v>54444</v>
      </c>
      <c r="F17828" s="2" t="s">
        <v>41035</v>
      </c>
      <c r="G17828" s="8">
        <v>289</v>
      </c>
      <c r="H17828" s="5">
        <v>6</v>
      </c>
      <c r="I17828" s="5" t="s">
        <v>1518</v>
      </c>
      <c r="J17828" s="5" t="s">
        <v>40939</v>
      </c>
      <c r="K17828" s="2" t="s">
        <v>40940</v>
      </c>
      <c r="L17828" s="5" t="s">
        <v>40939</v>
      </c>
      <c r="M17828" s="2" t="s">
        <v>40940</v>
      </c>
      <c r="N17828" s="5" t="s">
        <v>36266</v>
      </c>
      <c r="O17828" s="5" t="s">
        <v>38</v>
      </c>
      <c r="P17828" s="5" t="s">
        <v>39</v>
      </c>
      <c r="Q17828" s="5" t="s">
        <v>40</v>
      </c>
      <c r="R17828" s="5" t="s">
        <v>1522</v>
      </c>
      <c r="S17828" s="5" t="s">
        <v>1523</v>
      </c>
      <c r="T17828" s="5" t="s">
        <v>42</v>
      </c>
      <c r="U17828" s="2">
        <v>2.8010000000000002</v>
      </c>
      <c r="V17828" s="2">
        <v>2.258</v>
      </c>
      <c r="W17828" s="2">
        <v>1.4999999999999999E-2</v>
      </c>
      <c r="X17828" s="2">
        <v>118.9</v>
      </c>
      <c r="Y17828" s="2">
        <v>7.6</v>
      </c>
      <c r="Z17828" s="2">
        <v>16.7</v>
      </c>
      <c r="AA17828" s="5"/>
      <c r="AB17828" s="5" t="s">
        <v>43</v>
      </c>
      <c r="AC17828" s="5" t="s">
        <v>44</v>
      </c>
      <c r="AD17828" s="2"/>
      <c r="AE17828" s="1"/>
    </row>
    <row r="17829" spans="1:31" ht="14.45">
      <c r="A17829" s="11"/>
      <c r="B17829" s="20"/>
      <c r="C17829" s="2" t="s">
        <v>54445</v>
      </c>
      <c r="D17829" s="14" t="s">
        <v>54446</v>
      </c>
      <c r="E17829" s="2" t="s">
        <v>54447</v>
      </c>
      <c r="F17829" s="2" t="s">
        <v>7449</v>
      </c>
      <c r="G17829" s="8">
        <v>289</v>
      </c>
      <c r="H17829" s="5">
        <v>6</v>
      </c>
      <c r="I17829" s="5" t="s">
        <v>1518</v>
      </c>
      <c r="J17829" s="5" t="s">
        <v>40939</v>
      </c>
      <c r="K17829" s="2" t="s">
        <v>40940</v>
      </c>
      <c r="L17829" s="5" t="s">
        <v>40939</v>
      </c>
      <c r="M17829" s="2" t="s">
        <v>40940</v>
      </c>
      <c r="N17829" s="5" t="s">
        <v>36266</v>
      </c>
      <c r="O17829" s="5" t="s">
        <v>38</v>
      </c>
      <c r="P17829" s="5" t="s">
        <v>39</v>
      </c>
      <c r="Q17829" s="5" t="s">
        <v>40</v>
      </c>
      <c r="R17829" s="5" t="s">
        <v>1522</v>
      </c>
      <c r="S17829" s="5" t="s">
        <v>1523</v>
      </c>
      <c r="T17829" s="5" t="s">
        <v>42</v>
      </c>
      <c r="U17829" s="2">
        <v>2.7189999999999999</v>
      </c>
      <c r="V17829" s="2">
        <v>2.1760000000000002</v>
      </c>
      <c r="W17829" s="2">
        <v>1.4999999999999999E-2</v>
      </c>
      <c r="X17829" s="2">
        <v>118.9</v>
      </c>
      <c r="Y17829" s="2">
        <v>7.6</v>
      </c>
      <c r="Z17829" s="2">
        <v>16.7</v>
      </c>
      <c r="AA17829" s="5"/>
      <c r="AB17829" s="5" t="s">
        <v>43</v>
      </c>
      <c r="AC17829" s="5" t="s">
        <v>44</v>
      </c>
      <c r="AD17829" s="2"/>
      <c r="AE17829" s="1"/>
    </row>
    <row r="17830" spans="1:31" ht="14.45">
      <c r="A17830" s="11"/>
      <c r="B17830" s="20"/>
      <c r="C17830" s="2" t="s">
        <v>54448</v>
      </c>
      <c r="D17830" s="14" t="s">
        <v>54449</v>
      </c>
      <c r="E17830" s="2" t="s">
        <v>54450</v>
      </c>
      <c r="F17830" s="2" t="s">
        <v>7581</v>
      </c>
      <c r="G17830" s="8">
        <v>289</v>
      </c>
      <c r="H17830" s="5">
        <v>6</v>
      </c>
      <c r="I17830" s="5" t="s">
        <v>1518</v>
      </c>
      <c r="J17830" s="5" t="s">
        <v>40939</v>
      </c>
      <c r="K17830" s="2" t="s">
        <v>40940</v>
      </c>
      <c r="L17830" s="5" t="s">
        <v>40939</v>
      </c>
      <c r="M17830" s="2" t="s">
        <v>40940</v>
      </c>
      <c r="N17830" s="5" t="s">
        <v>36266</v>
      </c>
      <c r="O17830" s="5" t="s">
        <v>38</v>
      </c>
      <c r="P17830" s="5" t="s">
        <v>39</v>
      </c>
      <c r="Q17830" s="5" t="s">
        <v>40</v>
      </c>
      <c r="R17830" s="5" t="s">
        <v>1522</v>
      </c>
      <c r="S17830" s="5" t="s">
        <v>1523</v>
      </c>
      <c r="T17830" s="5" t="s">
        <v>42</v>
      </c>
      <c r="U17830" s="2">
        <v>2.8010000000000002</v>
      </c>
      <c r="V17830" s="2">
        <v>2.258</v>
      </c>
      <c r="W17830" s="2">
        <v>1.4999999999999999E-2</v>
      </c>
      <c r="X17830" s="2">
        <v>118.9</v>
      </c>
      <c r="Y17830" s="2">
        <v>7.6</v>
      </c>
      <c r="Z17830" s="2">
        <v>16.7</v>
      </c>
      <c r="AA17830" s="5"/>
      <c r="AB17830" s="5" t="s">
        <v>43</v>
      </c>
      <c r="AC17830" s="5" t="s">
        <v>44</v>
      </c>
      <c r="AD17830" s="2"/>
      <c r="AE17830" s="1"/>
    </row>
    <row r="17831" spans="1:31" ht="14.45">
      <c r="A17831" s="11"/>
      <c r="B17831" s="20"/>
      <c r="C17831" s="2" t="s">
        <v>54451</v>
      </c>
      <c r="D17831" s="14" t="s">
        <v>54452</v>
      </c>
      <c r="E17831" s="2" t="s">
        <v>54453</v>
      </c>
      <c r="F17831" s="2" t="s">
        <v>41045</v>
      </c>
      <c r="G17831" s="8">
        <v>289</v>
      </c>
      <c r="H17831" s="5">
        <v>6</v>
      </c>
      <c r="I17831" s="5" t="s">
        <v>1518</v>
      </c>
      <c r="J17831" s="5" t="s">
        <v>40939</v>
      </c>
      <c r="K17831" s="2" t="s">
        <v>40940</v>
      </c>
      <c r="L17831" s="5" t="s">
        <v>40939</v>
      </c>
      <c r="M17831" s="2" t="s">
        <v>40940</v>
      </c>
      <c r="N17831" s="5" t="s">
        <v>36266</v>
      </c>
      <c r="O17831" s="5" t="s">
        <v>38</v>
      </c>
      <c r="P17831" s="5" t="s">
        <v>39</v>
      </c>
      <c r="Q17831" s="5" t="s">
        <v>40</v>
      </c>
      <c r="R17831" s="5" t="s">
        <v>1522</v>
      </c>
      <c r="S17831" s="5" t="s">
        <v>1523</v>
      </c>
      <c r="T17831" s="5" t="s">
        <v>42</v>
      </c>
      <c r="U17831" s="2">
        <v>2.7639999999999998</v>
      </c>
      <c r="V17831" s="2">
        <v>2.2210000000000001</v>
      </c>
      <c r="W17831" s="2">
        <v>1.4999999999999999E-2</v>
      </c>
      <c r="X17831" s="2">
        <v>118.9</v>
      </c>
      <c r="Y17831" s="2">
        <v>7.6</v>
      </c>
      <c r="Z17831" s="2">
        <v>16.7</v>
      </c>
      <c r="AA17831" s="5"/>
      <c r="AB17831" s="5" t="s">
        <v>43</v>
      </c>
      <c r="AC17831" s="5" t="s">
        <v>44</v>
      </c>
      <c r="AD17831" s="2"/>
      <c r="AE17831" s="1"/>
    </row>
    <row r="17832" spans="1:31" ht="14.45">
      <c r="A17832" s="11"/>
      <c r="B17832" s="20"/>
      <c r="C17832" s="2" t="s">
        <v>54454</v>
      </c>
      <c r="D17832" s="14" t="s">
        <v>54455</v>
      </c>
      <c r="E17832" s="2" t="s">
        <v>54456</v>
      </c>
      <c r="F17832" s="2" t="s">
        <v>41049</v>
      </c>
      <c r="G17832" s="8">
        <v>289</v>
      </c>
      <c r="H17832" s="5">
        <v>6</v>
      </c>
      <c r="I17832" s="5" t="s">
        <v>1518</v>
      </c>
      <c r="J17832" s="5" t="s">
        <v>40939</v>
      </c>
      <c r="K17832" s="2" t="s">
        <v>40940</v>
      </c>
      <c r="L17832" s="5" t="s">
        <v>40939</v>
      </c>
      <c r="M17832" s="2" t="s">
        <v>40940</v>
      </c>
      <c r="N17832" s="5" t="s">
        <v>36266</v>
      </c>
      <c r="O17832" s="5" t="s">
        <v>38</v>
      </c>
      <c r="P17832" s="5" t="s">
        <v>39</v>
      </c>
      <c r="Q17832" s="5" t="s">
        <v>40</v>
      </c>
      <c r="R17832" s="5" t="s">
        <v>1522</v>
      </c>
      <c r="S17832" s="5" t="s">
        <v>1523</v>
      </c>
      <c r="T17832" s="5" t="s">
        <v>42</v>
      </c>
      <c r="U17832" s="2">
        <v>2.8460000000000001</v>
      </c>
      <c r="V17832" s="2">
        <v>2.3029999999999999</v>
      </c>
      <c r="W17832" s="2">
        <v>1.4999999999999999E-2</v>
      </c>
      <c r="X17832" s="2">
        <v>118.9</v>
      </c>
      <c r="Y17832" s="2">
        <v>7.6</v>
      </c>
      <c r="Z17832" s="2">
        <v>16.7</v>
      </c>
      <c r="AA17832" s="5"/>
      <c r="AB17832" s="5" t="s">
        <v>43</v>
      </c>
      <c r="AC17832" s="5" t="s">
        <v>44</v>
      </c>
      <c r="AD17832" s="2"/>
      <c r="AE17832" s="1"/>
    </row>
    <row r="17833" spans="1:31" ht="14.45">
      <c r="A17833" s="11"/>
      <c r="B17833" s="20"/>
      <c r="C17833" s="2" t="s">
        <v>54457</v>
      </c>
      <c r="D17833" s="14" t="s">
        <v>54458</v>
      </c>
      <c r="E17833" s="2" t="s">
        <v>54459</v>
      </c>
      <c r="F17833" s="2" t="s">
        <v>7204</v>
      </c>
      <c r="G17833" s="8">
        <v>273</v>
      </c>
      <c r="H17833" s="5">
        <v>6</v>
      </c>
      <c r="I17833" s="5" t="s">
        <v>1518</v>
      </c>
      <c r="J17833" s="5" t="s">
        <v>40939</v>
      </c>
      <c r="K17833" s="2" t="s">
        <v>40940</v>
      </c>
      <c r="L17833" s="5" t="s">
        <v>40939</v>
      </c>
      <c r="M17833" s="2" t="s">
        <v>40940</v>
      </c>
      <c r="N17833" s="5" t="s">
        <v>36266</v>
      </c>
      <c r="O17833" s="5" t="s">
        <v>38</v>
      </c>
      <c r="P17833" s="5" t="s">
        <v>39</v>
      </c>
      <c r="Q17833" s="5" t="s">
        <v>40</v>
      </c>
      <c r="R17833" s="5" t="s">
        <v>1522</v>
      </c>
      <c r="S17833" s="5" t="s">
        <v>1523</v>
      </c>
      <c r="T17833" s="5" t="s">
        <v>42</v>
      </c>
      <c r="U17833" s="2">
        <v>2.968</v>
      </c>
      <c r="V17833" s="2">
        <v>2.351</v>
      </c>
      <c r="W17833" s="2">
        <v>1.7999999999999999E-2</v>
      </c>
      <c r="X17833" s="2">
        <v>139.1</v>
      </c>
      <c r="Y17833" s="2">
        <v>7.6</v>
      </c>
      <c r="Z17833" s="2">
        <v>16.7</v>
      </c>
      <c r="AA17833" s="5"/>
      <c r="AB17833" s="5" t="s">
        <v>43</v>
      </c>
      <c r="AC17833" s="5" t="s">
        <v>44</v>
      </c>
      <c r="AD17833" s="2"/>
      <c r="AE17833" s="1"/>
    </row>
    <row r="17834" spans="1:31" ht="14.45">
      <c r="A17834" s="11"/>
      <c r="B17834" s="20"/>
      <c r="C17834" s="2" t="s">
        <v>54460</v>
      </c>
      <c r="D17834" s="14" t="s">
        <v>54461</v>
      </c>
      <c r="E17834" s="2" t="s">
        <v>54462</v>
      </c>
      <c r="F17834" s="2" t="s">
        <v>7514</v>
      </c>
      <c r="G17834" s="8">
        <v>273</v>
      </c>
      <c r="H17834" s="5">
        <v>6</v>
      </c>
      <c r="I17834" s="5" t="s">
        <v>1518</v>
      </c>
      <c r="J17834" s="5" t="s">
        <v>40939</v>
      </c>
      <c r="K17834" s="2" t="s">
        <v>40940</v>
      </c>
      <c r="L17834" s="5" t="s">
        <v>40939</v>
      </c>
      <c r="M17834" s="2" t="s">
        <v>40940</v>
      </c>
      <c r="N17834" s="5" t="s">
        <v>36266</v>
      </c>
      <c r="O17834" s="5" t="s">
        <v>38</v>
      </c>
      <c r="P17834" s="5" t="s">
        <v>39</v>
      </c>
      <c r="Q17834" s="5" t="s">
        <v>40</v>
      </c>
      <c r="R17834" s="5" t="s">
        <v>1522</v>
      </c>
      <c r="S17834" s="5" t="s">
        <v>1523</v>
      </c>
      <c r="T17834" s="5" t="s">
        <v>42</v>
      </c>
      <c r="U17834" s="2">
        <v>3.0619999999999998</v>
      </c>
      <c r="V17834" s="2">
        <v>2.4449999999999998</v>
      </c>
      <c r="W17834" s="2">
        <v>1.7999999999999999E-2</v>
      </c>
      <c r="X17834" s="2">
        <v>139.1</v>
      </c>
      <c r="Y17834" s="2">
        <v>7.6</v>
      </c>
      <c r="Z17834" s="2">
        <v>16.7</v>
      </c>
      <c r="AA17834" s="5"/>
      <c r="AB17834" s="5" t="s">
        <v>43</v>
      </c>
      <c r="AC17834" s="5" t="s">
        <v>44</v>
      </c>
      <c r="AD17834" s="2"/>
      <c r="AE17834" s="1"/>
    </row>
    <row r="17835" spans="1:31" ht="14.45">
      <c r="A17835" s="11"/>
      <c r="B17835" s="20"/>
      <c r="C17835" s="2" t="s">
        <v>54463</v>
      </c>
      <c r="D17835" s="14" t="s">
        <v>54464</v>
      </c>
      <c r="E17835" s="2" t="s">
        <v>54465</v>
      </c>
      <c r="F17835" s="2" t="s">
        <v>47266</v>
      </c>
      <c r="G17835" s="8">
        <v>294</v>
      </c>
      <c r="H17835" s="5">
        <v>6</v>
      </c>
      <c r="I17835" s="5" t="s">
        <v>1518</v>
      </c>
      <c r="J17835" s="5" t="s">
        <v>40939</v>
      </c>
      <c r="K17835" s="2" t="s">
        <v>40940</v>
      </c>
      <c r="L17835" s="5" t="s">
        <v>40939</v>
      </c>
      <c r="M17835" s="2" t="s">
        <v>40940</v>
      </c>
      <c r="N17835" s="5" t="s">
        <v>36266</v>
      </c>
      <c r="O17835" s="5" t="s">
        <v>38</v>
      </c>
      <c r="P17835" s="5" t="s">
        <v>39</v>
      </c>
      <c r="Q17835" s="5" t="s">
        <v>40</v>
      </c>
      <c r="R17835" s="5" t="s">
        <v>1522</v>
      </c>
      <c r="S17835" s="5" t="s">
        <v>1523</v>
      </c>
      <c r="T17835" s="5" t="s">
        <v>42</v>
      </c>
      <c r="U17835" s="2">
        <v>2.9860000000000002</v>
      </c>
      <c r="V17835" s="2">
        <v>2.3690000000000002</v>
      </c>
      <c r="W17835" s="2">
        <v>1.7999999999999999E-2</v>
      </c>
      <c r="X17835" s="2">
        <v>139.1</v>
      </c>
      <c r="Y17835" s="2">
        <v>7.6</v>
      </c>
      <c r="Z17835" s="2">
        <v>16.7</v>
      </c>
      <c r="AA17835" s="5"/>
      <c r="AB17835" s="5" t="s">
        <v>43</v>
      </c>
      <c r="AC17835" s="5" t="s">
        <v>44</v>
      </c>
      <c r="AD17835" s="2"/>
      <c r="AE17835" s="1"/>
    </row>
    <row r="17836" spans="1:31" ht="14.45">
      <c r="A17836" s="11"/>
      <c r="B17836" s="20"/>
      <c r="C17836" s="2" t="s">
        <v>54466</v>
      </c>
      <c r="D17836" s="14" t="s">
        <v>54467</v>
      </c>
      <c r="E17836" s="2" t="s">
        <v>54468</v>
      </c>
      <c r="F17836" s="2" t="s">
        <v>47195</v>
      </c>
      <c r="G17836" s="8">
        <v>294</v>
      </c>
      <c r="H17836" s="5">
        <v>6</v>
      </c>
      <c r="I17836" s="5" t="s">
        <v>1518</v>
      </c>
      <c r="J17836" s="5" t="s">
        <v>40939</v>
      </c>
      <c r="K17836" s="2" t="s">
        <v>40940</v>
      </c>
      <c r="L17836" s="5" t="s">
        <v>40939</v>
      </c>
      <c r="M17836" s="2" t="s">
        <v>40940</v>
      </c>
      <c r="N17836" s="5" t="s">
        <v>36266</v>
      </c>
      <c r="O17836" s="5" t="s">
        <v>38</v>
      </c>
      <c r="P17836" s="5" t="s">
        <v>39</v>
      </c>
      <c r="Q17836" s="5" t="s">
        <v>40</v>
      </c>
      <c r="R17836" s="5" t="s">
        <v>1522</v>
      </c>
      <c r="S17836" s="5" t="s">
        <v>1523</v>
      </c>
      <c r="T17836" s="5" t="s">
        <v>42</v>
      </c>
      <c r="U17836" s="2">
        <v>3.08</v>
      </c>
      <c r="V17836" s="2">
        <v>2.4630000000000001</v>
      </c>
      <c r="W17836" s="2">
        <v>1.7999999999999999E-2</v>
      </c>
      <c r="X17836" s="2">
        <v>139.1</v>
      </c>
      <c r="Y17836" s="2">
        <v>7.6</v>
      </c>
      <c r="Z17836" s="2">
        <v>16.7</v>
      </c>
      <c r="AA17836" s="5"/>
      <c r="AB17836" s="5" t="s">
        <v>43</v>
      </c>
      <c r="AC17836" s="5" t="s">
        <v>44</v>
      </c>
      <c r="AD17836" s="2"/>
      <c r="AE17836" s="1"/>
    </row>
    <row r="17837" spans="1:31" ht="14.45">
      <c r="A17837" s="11"/>
      <c r="B17837" s="20"/>
      <c r="C17837" s="2" t="s">
        <v>54469</v>
      </c>
      <c r="D17837" s="14" t="s">
        <v>54470</v>
      </c>
      <c r="E17837" s="2" t="s">
        <v>54471</v>
      </c>
      <c r="F17837" s="2" t="s">
        <v>7208</v>
      </c>
      <c r="G17837" s="8">
        <v>273</v>
      </c>
      <c r="H17837" s="5">
        <v>6</v>
      </c>
      <c r="I17837" s="5" t="s">
        <v>1518</v>
      </c>
      <c r="J17837" s="5" t="s">
        <v>40939</v>
      </c>
      <c r="K17837" s="2" t="s">
        <v>40940</v>
      </c>
      <c r="L17837" s="5" t="s">
        <v>40939</v>
      </c>
      <c r="M17837" s="2" t="s">
        <v>40940</v>
      </c>
      <c r="N17837" s="5" t="s">
        <v>36266</v>
      </c>
      <c r="O17837" s="5" t="s">
        <v>38</v>
      </c>
      <c r="P17837" s="5" t="s">
        <v>39</v>
      </c>
      <c r="Q17837" s="5" t="s">
        <v>40</v>
      </c>
      <c r="R17837" s="5" t="s">
        <v>1522</v>
      </c>
      <c r="S17837" s="5" t="s">
        <v>1523</v>
      </c>
      <c r="T17837" s="5" t="s">
        <v>42</v>
      </c>
      <c r="U17837" s="2">
        <v>2.9950000000000001</v>
      </c>
      <c r="V17837" s="2">
        <v>2.3780000000000001</v>
      </c>
      <c r="W17837" s="2">
        <v>1.7999999999999999E-2</v>
      </c>
      <c r="X17837" s="2">
        <v>139.1</v>
      </c>
      <c r="Y17837" s="2">
        <v>7.6</v>
      </c>
      <c r="Z17837" s="2">
        <v>16.7</v>
      </c>
      <c r="AA17837" s="5"/>
      <c r="AB17837" s="5" t="s">
        <v>43</v>
      </c>
      <c r="AC17837" s="5" t="s">
        <v>44</v>
      </c>
      <c r="AD17837" s="2"/>
      <c r="AE17837" s="1"/>
    </row>
    <row r="17838" spans="1:31" ht="14.45">
      <c r="A17838" s="11"/>
      <c r="B17838" s="20"/>
      <c r="C17838" s="2" t="s">
        <v>54472</v>
      </c>
      <c r="D17838" s="14" t="s">
        <v>54473</v>
      </c>
      <c r="E17838" s="2" t="s">
        <v>54474</v>
      </c>
      <c r="F17838" s="2" t="s">
        <v>7521</v>
      </c>
      <c r="G17838" s="8">
        <v>273</v>
      </c>
      <c r="H17838" s="5">
        <v>6</v>
      </c>
      <c r="I17838" s="5" t="s">
        <v>1518</v>
      </c>
      <c r="J17838" s="5" t="s">
        <v>40939</v>
      </c>
      <c r="K17838" s="2" t="s">
        <v>40940</v>
      </c>
      <c r="L17838" s="5" t="s">
        <v>40939</v>
      </c>
      <c r="M17838" s="2" t="s">
        <v>40940</v>
      </c>
      <c r="N17838" s="5" t="s">
        <v>36266</v>
      </c>
      <c r="O17838" s="5" t="s">
        <v>38</v>
      </c>
      <c r="P17838" s="5" t="s">
        <v>39</v>
      </c>
      <c r="Q17838" s="5" t="s">
        <v>40</v>
      </c>
      <c r="R17838" s="5" t="s">
        <v>1522</v>
      </c>
      <c r="S17838" s="5" t="s">
        <v>1523</v>
      </c>
      <c r="T17838" s="5" t="s">
        <v>42</v>
      </c>
      <c r="U17838" s="2">
        <v>3.089</v>
      </c>
      <c r="V17838" s="2">
        <v>2.472</v>
      </c>
      <c r="W17838" s="2">
        <v>1.7999999999999999E-2</v>
      </c>
      <c r="X17838" s="2">
        <v>139.1</v>
      </c>
      <c r="Y17838" s="2">
        <v>7.6</v>
      </c>
      <c r="Z17838" s="2">
        <v>16.7</v>
      </c>
      <c r="AA17838" s="5"/>
      <c r="AB17838" s="5" t="s">
        <v>43</v>
      </c>
      <c r="AC17838" s="5" t="s">
        <v>44</v>
      </c>
      <c r="AD17838" s="2"/>
      <c r="AE17838" s="1"/>
    </row>
    <row r="17839" spans="1:31" ht="14.45">
      <c r="A17839" s="11"/>
      <c r="B17839" s="20"/>
      <c r="C17839" s="2" t="s">
        <v>54475</v>
      </c>
      <c r="D17839" s="14" t="s">
        <v>54476</v>
      </c>
      <c r="E17839" s="2" t="s">
        <v>54477</v>
      </c>
      <c r="F17839" s="2" t="s">
        <v>36273</v>
      </c>
      <c r="G17839" s="8">
        <v>273</v>
      </c>
      <c r="H17839" s="5">
        <v>6</v>
      </c>
      <c r="I17839" s="5" t="s">
        <v>1518</v>
      </c>
      <c r="J17839" s="5" t="s">
        <v>40939</v>
      </c>
      <c r="K17839" s="2" t="s">
        <v>40940</v>
      </c>
      <c r="L17839" s="5" t="s">
        <v>40939</v>
      </c>
      <c r="M17839" s="2" t="s">
        <v>40940</v>
      </c>
      <c r="N17839" s="5" t="s">
        <v>36266</v>
      </c>
      <c r="O17839" s="5" t="s">
        <v>38</v>
      </c>
      <c r="P17839" s="5" t="s">
        <v>39</v>
      </c>
      <c r="Q17839" s="5" t="s">
        <v>40</v>
      </c>
      <c r="R17839" s="5" t="s">
        <v>1522</v>
      </c>
      <c r="S17839" s="5" t="s">
        <v>1523</v>
      </c>
      <c r="T17839" s="5" t="s">
        <v>42</v>
      </c>
      <c r="U17839" s="2">
        <v>3.0129999999999999</v>
      </c>
      <c r="V17839" s="2">
        <v>2.3959999999999999</v>
      </c>
      <c r="W17839" s="2">
        <v>1.7999999999999999E-2</v>
      </c>
      <c r="X17839" s="2">
        <v>139.1</v>
      </c>
      <c r="Y17839" s="2">
        <v>7.6</v>
      </c>
      <c r="Z17839" s="2">
        <v>16.7</v>
      </c>
      <c r="AA17839" s="5"/>
      <c r="AB17839" s="5" t="s">
        <v>43</v>
      </c>
      <c r="AC17839" s="5" t="s">
        <v>44</v>
      </c>
      <c r="AD17839" s="2"/>
      <c r="AE17839" s="1"/>
    </row>
    <row r="17840" spans="1:31" ht="14.45">
      <c r="A17840" s="11"/>
      <c r="B17840" s="20"/>
      <c r="C17840" s="2" t="s">
        <v>54478</v>
      </c>
      <c r="D17840" s="14" t="s">
        <v>54479</v>
      </c>
      <c r="E17840" s="2" t="s">
        <v>54480</v>
      </c>
      <c r="F17840" s="2" t="s">
        <v>36277</v>
      </c>
      <c r="G17840" s="8">
        <v>273</v>
      </c>
      <c r="H17840" s="5">
        <v>6</v>
      </c>
      <c r="I17840" s="5" t="s">
        <v>1518</v>
      </c>
      <c r="J17840" s="5" t="s">
        <v>40939</v>
      </c>
      <c r="K17840" s="2" t="s">
        <v>40940</v>
      </c>
      <c r="L17840" s="5" t="s">
        <v>40939</v>
      </c>
      <c r="M17840" s="2" t="s">
        <v>40940</v>
      </c>
      <c r="N17840" s="5" t="s">
        <v>36266</v>
      </c>
      <c r="O17840" s="5" t="s">
        <v>38</v>
      </c>
      <c r="P17840" s="5" t="s">
        <v>39</v>
      </c>
      <c r="Q17840" s="5" t="s">
        <v>40</v>
      </c>
      <c r="R17840" s="5" t="s">
        <v>1522</v>
      </c>
      <c r="S17840" s="5" t="s">
        <v>1523</v>
      </c>
      <c r="T17840" s="5" t="s">
        <v>42</v>
      </c>
      <c r="U17840" s="2">
        <v>3.1070000000000002</v>
      </c>
      <c r="V17840" s="2">
        <v>2.4900000000000002</v>
      </c>
      <c r="W17840" s="2">
        <v>1.7999999999999999E-2</v>
      </c>
      <c r="X17840" s="2">
        <v>139.1</v>
      </c>
      <c r="Y17840" s="2">
        <v>7.6</v>
      </c>
      <c r="Z17840" s="2">
        <v>16.7</v>
      </c>
      <c r="AA17840" s="5"/>
      <c r="AB17840" s="5" t="s">
        <v>43</v>
      </c>
      <c r="AC17840" s="5" t="s">
        <v>44</v>
      </c>
      <c r="AD17840" s="2"/>
      <c r="AE17840" s="1"/>
    </row>
    <row r="17841" spans="1:31" ht="14.45">
      <c r="A17841" s="11"/>
      <c r="B17841" s="20"/>
      <c r="C17841" s="2" t="s">
        <v>54481</v>
      </c>
      <c r="D17841" s="14" t="s">
        <v>54482</v>
      </c>
      <c r="E17841" s="2" t="s">
        <v>54483</v>
      </c>
      <c r="F17841" s="2" t="s">
        <v>40967</v>
      </c>
      <c r="G17841" s="8">
        <v>294</v>
      </c>
      <c r="H17841" s="5">
        <v>6</v>
      </c>
      <c r="I17841" s="5" t="s">
        <v>1518</v>
      </c>
      <c r="J17841" s="5" t="s">
        <v>40939</v>
      </c>
      <c r="K17841" s="2" t="s">
        <v>40940</v>
      </c>
      <c r="L17841" s="5" t="s">
        <v>40939</v>
      </c>
      <c r="M17841" s="2" t="s">
        <v>40940</v>
      </c>
      <c r="N17841" s="5" t="s">
        <v>36266</v>
      </c>
      <c r="O17841" s="5" t="s">
        <v>38</v>
      </c>
      <c r="P17841" s="5" t="s">
        <v>39</v>
      </c>
      <c r="Q17841" s="5" t="s">
        <v>40</v>
      </c>
      <c r="R17841" s="5" t="s">
        <v>1522</v>
      </c>
      <c r="S17841" s="5" t="s">
        <v>1523</v>
      </c>
      <c r="T17841" s="5" t="s">
        <v>42</v>
      </c>
      <c r="U17841" s="2">
        <v>2.9950000000000001</v>
      </c>
      <c r="V17841" s="2">
        <v>2.3780000000000001</v>
      </c>
      <c r="W17841" s="2">
        <v>1.7999999999999999E-2</v>
      </c>
      <c r="X17841" s="2">
        <v>139.1</v>
      </c>
      <c r="Y17841" s="2">
        <v>7.6</v>
      </c>
      <c r="Z17841" s="2">
        <v>16.7</v>
      </c>
      <c r="AA17841" s="5"/>
      <c r="AB17841" s="5" t="s">
        <v>43</v>
      </c>
      <c r="AC17841" s="5" t="s">
        <v>44</v>
      </c>
      <c r="AD17841" s="2"/>
      <c r="AE17841" s="1"/>
    </row>
    <row r="17842" spans="1:31" ht="14.45">
      <c r="A17842" s="11"/>
      <c r="B17842" s="20"/>
      <c r="C17842" s="2" t="s">
        <v>54484</v>
      </c>
      <c r="D17842" s="14" t="s">
        <v>54485</v>
      </c>
      <c r="E17842" s="2" t="s">
        <v>54486</v>
      </c>
      <c r="F17842" s="2" t="s">
        <v>40971</v>
      </c>
      <c r="G17842" s="8">
        <v>294</v>
      </c>
      <c r="H17842" s="5">
        <v>6</v>
      </c>
      <c r="I17842" s="5" t="s">
        <v>1518</v>
      </c>
      <c r="J17842" s="5" t="s">
        <v>40939</v>
      </c>
      <c r="K17842" s="2" t="s">
        <v>40940</v>
      </c>
      <c r="L17842" s="5" t="s">
        <v>40939</v>
      </c>
      <c r="M17842" s="2" t="s">
        <v>40940</v>
      </c>
      <c r="N17842" s="5" t="s">
        <v>36266</v>
      </c>
      <c r="O17842" s="5" t="s">
        <v>38</v>
      </c>
      <c r="P17842" s="5" t="s">
        <v>39</v>
      </c>
      <c r="Q17842" s="5" t="s">
        <v>40</v>
      </c>
      <c r="R17842" s="5" t="s">
        <v>1522</v>
      </c>
      <c r="S17842" s="5" t="s">
        <v>1523</v>
      </c>
      <c r="T17842" s="5" t="s">
        <v>42</v>
      </c>
      <c r="U17842" s="2">
        <v>3.089</v>
      </c>
      <c r="V17842" s="2">
        <v>2.472</v>
      </c>
      <c r="W17842" s="2">
        <v>1.7999999999999999E-2</v>
      </c>
      <c r="X17842" s="2">
        <v>139.1</v>
      </c>
      <c r="Y17842" s="2">
        <v>7.6</v>
      </c>
      <c r="Z17842" s="2">
        <v>16.7</v>
      </c>
      <c r="AA17842" s="5"/>
      <c r="AB17842" s="5" t="s">
        <v>43</v>
      </c>
      <c r="AC17842" s="5" t="s">
        <v>44</v>
      </c>
      <c r="AD17842" s="2"/>
      <c r="AE17842" s="1"/>
    </row>
    <row r="17843" spans="1:31" ht="14.45">
      <c r="A17843" s="11"/>
      <c r="B17843" s="20"/>
      <c r="C17843" s="2" t="s">
        <v>54487</v>
      </c>
      <c r="D17843" s="14" t="s">
        <v>54488</v>
      </c>
      <c r="E17843" s="2" t="s">
        <v>54489</v>
      </c>
      <c r="F17843" s="2" t="s">
        <v>7543</v>
      </c>
      <c r="G17843" s="8">
        <v>294</v>
      </c>
      <c r="H17843" s="5">
        <v>6</v>
      </c>
      <c r="I17843" s="5" t="s">
        <v>1518</v>
      </c>
      <c r="J17843" s="5" t="s">
        <v>40939</v>
      </c>
      <c r="K17843" s="2" t="s">
        <v>40940</v>
      </c>
      <c r="L17843" s="5" t="s">
        <v>40939</v>
      </c>
      <c r="M17843" s="2" t="s">
        <v>40940</v>
      </c>
      <c r="N17843" s="5" t="s">
        <v>36266</v>
      </c>
      <c r="O17843" s="5" t="s">
        <v>38</v>
      </c>
      <c r="P17843" s="5" t="s">
        <v>39</v>
      </c>
      <c r="Q17843" s="5" t="s">
        <v>40</v>
      </c>
      <c r="R17843" s="5" t="s">
        <v>1522</v>
      </c>
      <c r="S17843" s="5" t="s">
        <v>1523</v>
      </c>
      <c r="T17843" s="5" t="s">
        <v>42</v>
      </c>
      <c r="U17843" s="2">
        <v>3.044</v>
      </c>
      <c r="V17843" s="2">
        <v>2.427</v>
      </c>
      <c r="W17843" s="2">
        <v>1.7999999999999999E-2</v>
      </c>
      <c r="X17843" s="2">
        <v>139.1</v>
      </c>
      <c r="Y17843" s="2">
        <v>7.6</v>
      </c>
      <c r="Z17843" s="2">
        <v>16.7</v>
      </c>
      <c r="AA17843" s="5"/>
      <c r="AB17843" s="5" t="s">
        <v>43</v>
      </c>
      <c r="AC17843" s="5" t="s">
        <v>44</v>
      </c>
      <c r="AD17843" s="2"/>
      <c r="AE17843" s="1"/>
    </row>
    <row r="17844" spans="1:31" ht="14.45">
      <c r="A17844" s="11"/>
      <c r="B17844" s="20"/>
      <c r="C17844" s="2" t="s">
        <v>54490</v>
      </c>
      <c r="D17844" s="14" t="s">
        <v>54491</v>
      </c>
      <c r="E17844" s="2" t="s">
        <v>54492</v>
      </c>
      <c r="F17844" s="2" t="s">
        <v>40989</v>
      </c>
      <c r="G17844" s="8">
        <v>294</v>
      </c>
      <c r="H17844" s="5">
        <v>6</v>
      </c>
      <c r="I17844" s="5" t="s">
        <v>1518</v>
      </c>
      <c r="J17844" s="5" t="s">
        <v>40939</v>
      </c>
      <c r="K17844" s="2" t="s">
        <v>40940</v>
      </c>
      <c r="L17844" s="5" t="s">
        <v>40939</v>
      </c>
      <c r="M17844" s="2" t="s">
        <v>40940</v>
      </c>
      <c r="N17844" s="5" t="s">
        <v>36266</v>
      </c>
      <c r="O17844" s="5" t="s">
        <v>38</v>
      </c>
      <c r="P17844" s="5" t="s">
        <v>39</v>
      </c>
      <c r="Q17844" s="5" t="s">
        <v>40</v>
      </c>
      <c r="R17844" s="5" t="s">
        <v>1522</v>
      </c>
      <c r="S17844" s="5" t="s">
        <v>1523</v>
      </c>
      <c r="T17844" s="5" t="s">
        <v>42</v>
      </c>
      <c r="U17844" s="2">
        <v>2.9950000000000001</v>
      </c>
      <c r="V17844" s="2">
        <v>2.3780000000000001</v>
      </c>
      <c r="W17844" s="2">
        <v>1.7999999999999999E-2</v>
      </c>
      <c r="X17844" s="2">
        <v>139.1</v>
      </c>
      <c r="Y17844" s="2">
        <v>7.6</v>
      </c>
      <c r="Z17844" s="2">
        <v>16.7</v>
      </c>
      <c r="AA17844" s="5"/>
      <c r="AB17844" s="5" t="s">
        <v>43</v>
      </c>
      <c r="AC17844" s="5" t="s">
        <v>44</v>
      </c>
      <c r="AD17844" s="2"/>
      <c r="AE17844" s="1"/>
    </row>
    <row r="17845" spans="1:31" ht="14.45">
      <c r="A17845" s="11"/>
      <c r="B17845" s="20"/>
      <c r="C17845" s="2" t="s">
        <v>54493</v>
      </c>
      <c r="D17845" s="14" t="s">
        <v>54494</v>
      </c>
      <c r="E17845" s="2" t="s">
        <v>54495</v>
      </c>
      <c r="F17845" s="2" t="s">
        <v>40993</v>
      </c>
      <c r="G17845" s="8">
        <v>294</v>
      </c>
      <c r="H17845" s="5">
        <v>6</v>
      </c>
      <c r="I17845" s="5" t="s">
        <v>1518</v>
      </c>
      <c r="J17845" s="5" t="s">
        <v>40939</v>
      </c>
      <c r="K17845" s="2" t="s">
        <v>40940</v>
      </c>
      <c r="L17845" s="5" t="s">
        <v>40939</v>
      </c>
      <c r="M17845" s="2" t="s">
        <v>40940</v>
      </c>
      <c r="N17845" s="5" t="s">
        <v>36266</v>
      </c>
      <c r="O17845" s="5" t="s">
        <v>38</v>
      </c>
      <c r="P17845" s="5" t="s">
        <v>39</v>
      </c>
      <c r="Q17845" s="5" t="s">
        <v>40</v>
      </c>
      <c r="R17845" s="5" t="s">
        <v>1522</v>
      </c>
      <c r="S17845" s="5" t="s">
        <v>1523</v>
      </c>
      <c r="T17845" s="5" t="s">
        <v>42</v>
      </c>
      <c r="U17845" s="2">
        <v>3.089</v>
      </c>
      <c r="V17845" s="2">
        <v>2.472</v>
      </c>
      <c r="W17845" s="2">
        <v>1.7999999999999999E-2</v>
      </c>
      <c r="X17845" s="2">
        <v>139.1</v>
      </c>
      <c r="Y17845" s="2">
        <v>7.6</v>
      </c>
      <c r="Z17845" s="2">
        <v>16.7</v>
      </c>
      <c r="AA17845" s="5"/>
      <c r="AB17845" s="5" t="s">
        <v>43</v>
      </c>
      <c r="AC17845" s="5" t="s">
        <v>44</v>
      </c>
      <c r="AD17845" s="2"/>
      <c r="AE17845" s="1"/>
    </row>
    <row r="17846" spans="1:31" ht="14.45">
      <c r="A17846" s="11"/>
      <c r="B17846" s="20"/>
      <c r="C17846" s="2" t="s">
        <v>54496</v>
      </c>
      <c r="D17846" s="14" t="s">
        <v>54497</v>
      </c>
      <c r="E17846" s="2" t="s">
        <v>54498</v>
      </c>
      <c r="F17846" s="2" t="s">
        <v>40997</v>
      </c>
      <c r="G17846" s="8">
        <v>294</v>
      </c>
      <c r="H17846" s="5">
        <v>6</v>
      </c>
      <c r="I17846" s="5" t="s">
        <v>1518</v>
      </c>
      <c r="J17846" s="5" t="s">
        <v>40939</v>
      </c>
      <c r="K17846" s="2" t="s">
        <v>40940</v>
      </c>
      <c r="L17846" s="5" t="s">
        <v>40939</v>
      </c>
      <c r="M17846" s="2" t="s">
        <v>40940</v>
      </c>
      <c r="N17846" s="5" t="s">
        <v>36266</v>
      </c>
      <c r="O17846" s="5" t="s">
        <v>38</v>
      </c>
      <c r="P17846" s="5" t="s">
        <v>39</v>
      </c>
      <c r="Q17846" s="5" t="s">
        <v>40</v>
      </c>
      <c r="R17846" s="5" t="s">
        <v>1522</v>
      </c>
      <c r="S17846" s="5" t="s">
        <v>1523</v>
      </c>
      <c r="T17846" s="5" t="s">
        <v>42</v>
      </c>
      <c r="U17846" s="2">
        <v>2.9590000000000001</v>
      </c>
      <c r="V17846" s="2">
        <v>2.3420000000000001</v>
      </c>
      <c r="W17846" s="2">
        <v>1.7999999999999999E-2</v>
      </c>
      <c r="X17846" s="2">
        <v>139.1</v>
      </c>
      <c r="Y17846" s="2">
        <v>7.6</v>
      </c>
      <c r="Z17846" s="2">
        <v>16.7</v>
      </c>
      <c r="AA17846" s="5"/>
      <c r="AB17846" s="5" t="s">
        <v>43</v>
      </c>
      <c r="AC17846" s="5" t="s">
        <v>44</v>
      </c>
      <c r="AD17846" s="2"/>
      <c r="AE17846" s="1"/>
    </row>
    <row r="17847" spans="1:31" ht="14.45">
      <c r="A17847" s="11"/>
      <c r="B17847" s="20"/>
      <c r="C17847" s="2" t="s">
        <v>54499</v>
      </c>
      <c r="D17847" s="14" t="s">
        <v>54500</v>
      </c>
      <c r="E17847" s="2" t="s">
        <v>54501</v>
      </c>
      <c r="F17847" s="2" t="s">
        <v>41005</v>
      </c>
      <c r="G17847" s="8">
        <v>294</v>
      </c>
      <c r="H17847" s="5">
        <v>6</v>
      </c>
      <c r="I17847" s="5" t="s">
        <v>1518</v>
      </c>
      <c r="J17847" s="5" t="s">
        <v>40939</v>
      </c>
      <c r="K17847" s="2" t="s">
        <v>40940</v>
      </c>
      <c r="L17847" s="5" t="s">
        <v>40939</v>
      </c>
      <c r="M17847" s="2" t="s">
        <v>40940</v>
      </c>
      <c r="N17847" s="5" t="s">
        <v>36266</v>
      </c>
      <c r="O17847" s="5" t="s">
        <v>38</v>
      </c>
      <c r="P17847" s="5" t="s">
        <v>39</v>
      </c>
      <c r="Q17847" s="5" t="s">
        <v>40</v>
      </c>
      <c r="R17847" s="5" t="s">
        <v>1522</v>
      </c>
      <c r="S17847" s="5" t="s">
        <v>1523</v>
      </c>
      <c r="T17847" s="5" t="s">
        <v>42</v>
      </c>
      <c r="U17847" s="2">
        <v>3.089</v>
      </c>
      <c r="V17847" s="2">
        <v>2.472</v>
      </c>
      <c r="W17847" s="2">
        <v>1.7999999999999999E-2</v>
      </c>
      <c r="X17847" s="2">
        <v>139.1</v>
      </c>
      <c r="Y17847" s="2">
        <v>7.6</v>
      </c>
      <c r="Z17847" s="2">
        <v>16.7</v>
      </c>
      <c r="AA17847" s="5"/>
      <c r="AB17847" s="5" t="s">
        <v>43</v>
      </c>
      <c r="AC17847" s="5" t="s">
        <v>44</v>
      </c>
      <c r="AD17847" s="2"/>
      <c r="AE17847" s="1"/>
    </row>
    <row r="17848" spans="1:31" ht="14.45">
      <c r="A17848" s="11"/>
      <c r="B17848" s="20"/>
      <c r="C17848" s="2" t="s">
        <v>54502</v>
      </c>
      <c r="D17848" s="14" t="s">
        <v>54503</v>
      </c>
      <c r="E17848" s="2" t="s">
        <v>54504</v>
      </c>
      <c r="F17848" s="2" t="s">
        <v>41009</v>
      </c>
      <c r="G17848" s="8">
        <v>294</v>
      </c>
      <c r="H17848" s="5">
        <v>6</v>
      </c>
      <c r="I17848" s="5" t="s">
        <v>1518</v>
      </c>
      <c r="J17848" s="5" t="s">
        <v>40939</v>
      </c>
      <c r="K17848" s="2" t="s">
        <v>40940</v>
      </c>
      <c r="L17848" s="5" t="s">
        <v>40939</v>
      </c>
      <c r="M17848" s="2" t="s">
        <v>40940</v>
      </c>
      <c r="N17848" s="5" t="s">
        <v>36266</v>
      </c>
      <c r="O17848" s="5" t="s">
        <v>38</v>
      </c>
      <c r="P17848" s="5" t="s">
        <v>39</v>
      </c>
      <c r="Q17848" s="5" t="s">
        <v>40</v>
      </c>
      <c r="R17848" s="5" t="s">
        <v>1522</v>
      </c>
      <c r="S17848" s="5" t="s">
        <v>1523</v>
      </c>
      <c r="T17848" s="5" t="s">
        <v>42</v>
      </c>
      <c r="U17848" s="2">
        <v>3.004</v>
      </c>
      <c r="V17848" s="2">
        <v>2.387</v>
      </c>
      <c r="W17848" s="2">
        <v>1.7999999999999999E-2</v>
      </c>
      <c r="X17848" s="2">
        <v>139.1</v>
      </c>
      <c r="Y17848" s="2">
        <v>7.6</v>
      </c>
      <c r="Z17848" s="2">
        <v>16.7</v>
      </c>
      <c r="AA17848" s="5"/>
      <c r="AB17848" s="5" t="s">
        <v>43</v>
      </c>
      <c r="AC17848" s="5" t="s">
        <v>44</v>
      </c>
      <c r="AD17848" s="2"/>
      <c r="AE17848" s="1"/>
    </row>
    <row r="17849" spans="1:31" ht="14.45">
      <c r="A17849" s="11"/>
      <c r="B17849" s="20"/>
      <c r="C17849" s="2" t="s">
        <v>54505</v>
      </c>
      <c r="D17849" s="14" t="s">
        <v>54506</v>
      </c>
      <c r="E17849" s="2" t="s">
        <v>54507</v>
      </c>
      <c r="F17849" s="2" t="s">
        <v>41013</v>
      </c>
      <c r="G17849" s="8">
        <v>294</v>
      </c>
      <c r="H17849" s="5">
        <v>6</v>
      </c>
      <c r="I17849" s="5" t="s">
        <v>1518</v>
      </c>
      <c r="J17849" s="5" t="s">
        <v>40939</v>
      </c>
      <c r="K17849" s="2" t="s">
        <v>40940</v>
      </c>
      <c r="L17849" s="5" t="s">
        <v>40939</v>
      </c>
      <c r="M17849" s="2" t="s">
        <v>40940</v>
      </c>
      <c r="N17849" s="5" t="s">
        <v>36266</v>
      </c>
      <c r="O17849" s="5" t="s">
        <v>38</v>
      </c>
      <c r="P17849" s="5" t="s">
        <v>39</v>
      </c>
      <c r="Q17849" s="5" t="s">
        <v>40</v>
      </c>
      <c r="R17849" s="5" t="s">
        <v>1522</v>
      </c>
      <c r="S17849" s="5" t="s">
        <v>1523</v>
      </c>
      <c r="T17849" s="5" t="s">
        <v>42</v>
      </c>
      <c r="U17849" s="2">
        <v>3.0979999999999999</v>
      </c>
      <c r="V17849" s="2">
        <v>2.4809999999999999</v>
      </c>
      <c r="W17849" s="2">
        <v>1.7999999999999999E-2</v>
      </c>
      <c r="X17849" s="2">
        <v>139.1</v>
      </c>
      <c r="Y17849" s="2">
        <v>7.6</v>
      </c>
      <c r="Z17849" s="2">
        <v>16.7</v>
      </c>
      <c r="AA17849" s="5"/>
      <c r="AB17849" s="5" t="s">
        <v>43</v>
      </c>
      <c r="AC17849" s="5" t="s">
        <v>44</v>
      </c>
      <c r="AD17849" s="2"/>
      <c r="AE17849" s="1"/>
    </row>
    <row r="17850" spans="1:31" ht="14.45">
      <c r="A17850" s="11"/>
      <c r="B17850" s="20"/>
      <c r="C17850" s="2" t="s">
        <v>54508</v>
      </c>
      <c r="D17850" s="14" t="s">
        <v>54509</v>
      </c>
      <c r="E17850" s="2" t="s">
        <v>54510</v>
      </c>
      <c r="F17850" s="2" t="s">
        <v>7396</v>
      </c>
      <c r="G17850" s="8">
        <v>273</v>
      </c>
      <c r="H17850" s="5">
        <v>6</v>
      </c>
      <c r="I17850" s="5" t="s">
        <v>1518</v>
      </c>
      <c r="J17850" s="5" t="s">
        <v>40939</v>
      </c>
      <c r="K17850" s="2" t="s">
        <v>40940</v>
      </c>
      <c r="L17850" s="5" t="s">
        <v>40939</v>
      </c>
      <c r="M17850" s="2" t="s">
        <v>40940</v>
      </c>
      <c r="N17850" s="5" t="s">
        <v>36266</v>
      </c>
      <c r="O17850" s="5" t="s">
        <v>38</v>
      </c>
      <c r="P17850" s="5" t="s">
        <v>39</v>
      </c>
      <c r="Q17850" s="5" t="s">
        <v>40</v>
      </c>
      <c r="R17850" s="5" t="s">
        <v>1522</v>
      </c>
      <c r="S17850" s="5" t="s">
        <v>1523</v>
      </c>
      <c r="T17850" s="5" t="s">
        <v>42</v>
      </c>
      <c r="U17850" s="2">
        <v>3.004</v>
      </c>
      <c r="V17850" s="2">
        <v>2.387</v>
      </c>
      <c r="W17850" s="2">
        <v>1.7999999999999999E-2</v>
      </c>
      <c r="X17850" s="2">
        <v>139.1</v>
      </c>
      <c r="Y17850" s="2">
        <v>7.6</v>
      </c>
      <c r="Z17850" s="2">
        <v>16.7</v>
      </c>
      <c r="AA17850" s="5"/>
      <c r="AB17850" s="5" t="s">
        <v>43</v>
      </c>
      <c r="AC17850" s="5" t="s">
        <v>44</v>
      </c>
      <c r="AD17850" s="2"/>
      <c r="AE17850" s="1"/>
    </row>
    <row r="17851" spans="1:31" ht="14.45">
      <c r="A17851" s="11"/>
      <c r="B17851" s="20"/>
      <c r="C17851" s="2" t="s">
        <v>54511</v>
      </c>
      <c r="D17851" s="14" t="s">
        <v>54512</v>
      </c>
      <c r="E17851" s="2" t="s">
        <v>54513</v>
      </c>
      <c r="F17851" s="2" t="s">
        <v>7507</v>
      </c>
      <c r="G17851" s="8">
        <v>273</v>
      </c>
      <c r="H17851" s="5">
        <v>6</v>
      </c>
      <c r="I17851" s="5" t="s">
        <v>1518</v>
      </c>
      <c r="J17851" s="5" t="s">
        <v>40939</v>
      </c>
      <c r="K17851" s="2" t="s">
        <v>40940</v>
      </c>
      <c r="L17851" s="5" t="s">
        <v>40939</v>
      </c>
      <c r="M17851" s="2" t="s">
        <v>40940</v>
      </c>
      <c r="N17851" s="5" t="s">
        <v>36266</v>
      </c>
      <c r="O17851" s="5" t="s">
        <v>38</v>
      </c>
      <c r="P17851" s="5" t="s">
        <v>39</v>
      </c>
      <c r="Q17851" s="5" t="s">
        <v>40</v>
      </c>
      <c r="R17851" s="5" t="s">
        <v>1522</v>
      </c>
      <c r="S17851" s="5" t="s">
        <v>1523</v>
      </c>
      <c r="T17851" s="5" t="s">
        <v>42</v>
      </c>
      <c r="U17851" s="2">
        <v>3.0979999999999999</v>
      </c>
      <c r="V17851" s="2">
        <v>2.4809999999999999</v>
      </c>
      <c r="W17851" s="2">
        <v>1.7999999999999999E-2</v>
      </c>
      <c r="X17851" s="2">
        <v>139.1</v>
      </c>
      <c r="Y17851" s="2">
        <v>7.6</v>
      </c>
      <c r="Z17851" s="2">
        <v>16.7</v>
      </c>
      <c r="AA17851" s="5"/>
      <c r="AB17851" s="5" t="s">
        <v>43</v>
      </c>
      <c r="AC17851" s="5" t="s">
        <v>44</v>
      </c>
      <c r="AD17851" s="2"/>
      <c r="AE17851" s="1"/>
    </row>
    <row r="17852" spans="1:31" ht="14.45">
      <c r="A17852" s="11"/>
      <c r="B17852" s="20"/>
      <c r="C17852" s="2" t="s">
        <v>54514</v>
      </c>
      <c r="D17852" s="14" t="s">
        <v>54515</v>
      </c>
      <c r="E17852" s="2" t="s">
        <v>54516</v>
      </c>
      <c r="F17852" s="2" t="s">
        <v>41023</v>
      </c>
      <c r="G17852" s="8">
        <v>294</v>
      </c>
      <c r="H17852" s="5">
        <v>6</v>
      </c>
      <c r="I17852" s="5" t="s">
        <v>1518</v>
      </c>
      <c r="J17852" s="5" t="s">
        <v>40939</v>
      </c>
      <c r="K17852" s="2" t="s">
        <v>40940</v>
      </c>
      <c r="L17852" s="5" t="s">
        <v>40939</v>
      </c>
      <c r="M17852" s="2" t="s">
        <v>40940</v>
      </c>
      <c r="N17852" s="5" t="s">
        <v>36266</v>
      </c>
      <c r="O17852" s="5" t="s">
        <v>38</v>
      </c>
      <c r="P17852" s="5" t="s">
        <v>39</v>
      </c>
      <c r="Q17852" s="5" t="s">
        <v>40</v>
      </c>
      <c r="R17852" s="5" t="s">
        <v>1522</v>
      </c>
      <c r="S17852" s="5" t="s">
        <v>1523</v>
      </c>
      <c r="T17852" s="5" t="s">
        <v>42</v>
      </c>
      <c r="U17852" s="2">
        <v>2.9590000000000001</v>
      </c>
      <c r="V17852" s="2">
        <v>2.3420000000000001</v>
      </c>
      <c r="W17852" s="2">
        <v>1.7999999999999999E-2</v>
      </c>
      <c r="X17852" s="2">
        <v>139.1</v>
      </c>
      <c r="Y17852" s="2">
        <v>7.6</v>
      </c>
      <c r="Z17852" s="2">
        <v>16.7</v>
      </c>
      <c r="AA17852" s="5"/>
      <c r="AB17852" s="5" t="s">
        <v>43</v>
      </c>
      <c r="AC17852" s="5" t="s">
        <v>44</v>
      </c>
      <c r="AD17852" s="2"/>
      <c r="AE17852" s="1"/>
    </row>
    <row r="17853" spans="1:31" ht="14.45">
      <c r="A17853" s="11"/>
      <c r="B17853" s="20"/>
      <c r="C17853" s="2" t="s">
        <v>54517</v>
      </c>
      <c r="D17853" s="14" t="s">
        <v>54518</v>
      </c>
      <c r="E17853" s="2" t="s">
        <v>54519</v>
      </c>
      <c r="F17853" s="2" t="s">
        <v>41027</v>
      </c>
      <c r="G17853" s="8">
        <v>294</v>
      </c>
      <c r="H17853" s="5">
        <v>6</v>
      </c>
      <c r="I17853" s="5" t="s">
        <v>1518</v>
      </c>
      <c r="J17853" s="5" t="s">
        <v>40939</v>
      </c>
      <c r="K17853" s="2" t="s">
        <v>40940</v>
      </c>
      <c r="L17853" s="5" t="s">
        <v>40939</v>
      </c>
      <c r="M17853" s="2" t="s">
        <v>40940</v>
      </c>
      <c r="N17853" s="5" t="s">
        <v>36266</v>
      </c>
      <c r="O17853" s="5" t="s">
        <v>38</v>
      </c>
      <c r="P17853" s="5" t="s">
        <v>39</v>
      </c>
      <c r="Q17853" s="5" t="s">
        <v>40</v>
      </c>
      <c r="R17853" s="5" t="s">
        <v>1522</v>
      </c>
      <c r="S17853" s="5" t="s">
        <v>1523</v>
      </c>
      <c r="T17853" s="5" t="s">
        <v>42</v>
      </c>
      <c r="U17853" s="2">
        <v>3.0529999999999999</v>
      </c>
      <c r="V17853" s="2">
        <v>2.4359999999999999</v>
      </c>
      <c r="W17853" s="2">
        <v>1.7999999999999999E-2</v>
      </c>
      <c r="X17853" s="2">
        <v>139.1</v>
      </c>
      <c r="Y17853" s="2">
        <v>7.6</v>
      </c>
      <c r="Z17853" s="2">
        <v>16.7</v>
      </c>
      <c r="AA17853" s="5"/>
      <c r="AB17853" s="5" t="s">
        <v>43</v>
      </c>
      <c r="AC17853" s="5" t="s">
        <v>44</v>
      </c>
      <c r="AD17853" s="2"/>
      <c r="AE17853" s="1"/>
    </row>
    <row r="17854" spans="1:31" ht="14.45">
      <c r="A17854" s="11"/>
      <c r="B17854" s="20"/>
      <c r="C17854" s="2" t="s">
        <v>54520</v>
      </c>
      <c r="D17854" s="14" t="s">
        <v>54521</v>
      </c>
      <c r="E17854" s="2" t="s">
        <v>54522</v>
      </c>
      <c r="F17854" s="2" t="s">
        <v>41031</v>
      </c>
      <c r="G17854" s="8">
        <v>294</v>
      </c>
      <c r="H17854" s="5">
        <v>6</v>
      </c>
      <c r="I17854" s="5" t="s">
        <v>1518</v>
      </c>
      <c r="J17854" s="5" t="s">
        <v>40939</v>
      </c>
      <c r="K17854" s="2" t="s">
        <v>40940</v>
      </c>
      <c r="L17854" s="5" t="s">
        <v>40939</v>
      </c>
      <c r="M17854" s="2" t="s">
        <v>40940</v>
      </c>
      <c r="N17854" s="5" t="s">
        <v>36266</v>
      </c>
      <c r="O17854" s="5" t="s">
        <v>38</v>
      </c>
      <c r="P17854" s="5" t="s">
        <v>39</v>
      </c>
      <c r="Q17854" s="5" t="s">
        <v>40</v>
      </c>
      <c r="R17854" s="5" t="s">
        <v>1522</v>
      </c>
      <c r="S17854" s="5" t="s">
        <v>1523</v>
      </c>
      <c r="T17854" s="5" t="s">
        <v>42</v>
      </c>
      <c r="U17854" s="2">
        <v>2.9590000000000001</v>
      </c>
      <c r="V17854" s="2">
        <v>2.3420000000000001</v>
      </c>
      <c r="W17854" s="2">
        <v>1.7999999999999999E-2</v>
      </c>
      <c r="X17854" s="2">
        <v>139.1</v>
      </c>
      <c r="Y17854" s="2">
        <v>7.6</v>
      </c>
      <c r="Z17854" s="2">
        <v>16.7</v>
      </c>
      <c r="AA17854" s="5"/>
      <c r="AB17854" s="5" t="s">
        <v>43</v>
      </c>
      <c r="AC17854" s="5" t="s">
        <v>44</v>
      </c>
      <c r="AD17854" s="2"/>
      <c r="AE17854" s="1"/>
    </row>
    <row r="17855" spans="1:31" ht="14.45">
      <c r="A17855" s="11"/>
      <c r="B17855" s="20"/>
      <c r="C17855" s="2" t="s">
        <v>54523</v>
      </c>
      <c r="D17855" s="14" t="s">
        <v>54524</v>
      </c>
      <c r="E17855" s="2" t="s">
        <v>54525</v>
      </c>
      <c r="F17855" s="2" t="s">
        <v>41035</v>
      </c>
      <c r="G17855" s="8">
        <v>294</v>
      </c>
      <c r="H17855" s="5">
        <v>6</v>
      </c>
      <c r="I17855" s="5" t="s">
        <v>1518</v>
      </c>
      <c r="J17855" s="5" t="s">
        <v>40939</v>
      </c>
      <c r="K17855" s="2" t="s">
        <v>40940</v>
      </c>
      <c r="L17855" s="5" t="s">
        <v>40939</v>
      </c>
      <c r="M17855" s="2" t="s">
        <v>40940</v>
      </c>
      <c r="N17855" s="5" t="s">
        <v>36266</v>
      </c>
      <c r="O17855" s="5" t="s">
        <v>38</v>
      </c>
      <c r="P17855" s="5" t="s">
        <v>39</v>
      </c>
      <c r="Q17855" s="5" t="s">
        <v>40</v>
      </c>
      <c r="R17855" s="5" t="s">
        <v>1522</v>
      </c>
      <c r="S17855" s="5" t="s">
        <v>1523</v>
      </c>
      <c r="T17855" s="5" t="s">
        <v>42</v>
      </c>
      <c r="U17855" s="2">
        <v>3.0529999999999999</v>
      </c>
      <c r="V17855" s="2">
        <v>2.4359999999999999</v>
      </c>
      <c r="W17855" s="2">
        <v>1.7999999999999999E-2</v>
      </c>
      <c r="X17855" s="2">
        <v>139.1</v>
      </c>
      <c r="Y17855" s="2">
        <v>7.6</v>
      </c>
      <c r="Z17855" s="2">
        <v>16.7</v>
      </c>
      <c r="AA17855" s="5"/>
      <c r="AB17855" s="5" t="s">
        <v>43</v>
      </c>
      <c r="AC17855" s="5" t="s">
        <v>44</v>
      </c>
      <c r="AD17855" s="2"/>
      <c r="AE17855" s="1"/>
    </row>
    <row r="17856" spans="1:31" ht="14.45">
      <c r="A17856" s="11"/>
      <c r="B17856" s="20"/>
      <c r="C17856" s="2" t="s">
        <v>54526</v>
      </c>
      <c r="D17856" s="14" t="s">
        <v>54527</v>
      </c>
      <c r="E17856" s="2" t="s">
        <v>54528</v>
      </c>
      <c r="F17856" s="2" t="s">
        <v>7449</v>
      </c>
      <c r="G17856" s="8">
        <v>294</v>
      </c>
      <c r="H17856" s="5">
        <v>6</v>
      </c>
      <c r="I17856" s="5" t="s">
        <v>1518</v>
      </c>
      <c r="J17856" s="5" t="s">
        <v>40939</v>
      </c>
      <c r="K17856" s="2" t="s">
        <v>40940</v>
      </c>
      <c r="L17856" s="5" t="s">
        <v>40939</v>
      </c>
      <c r="M17856" s="2" t="s">
        <v>40940</v>
      </c>
      <c r="N17856" s="5" t="s">
        <v>36266</v>
      </c>
      <c r="O17856" s="5" t="s">
        <v>38</v>
      </c>
      <c r="P17856" s="5" t="s">
        <v>39</v>
      </c>
      <c r="Q17856" s="5" t="s">
        <v>40</v>
      </c>
      <c r="R17856" s="5" t="s">
        <v>1522</v>
      </c>
      <c r="S17856" s="5" t="s">
        <v>1523</v>
      </c>
      <c r="T17856" s="5" t="s">
        <v>42</v>
      </c>
      <c r="U17856" s="2">
        <v>2.9590000000000001</v>
      </c>
      <c r="V17856" s="2">
        <v>2.3420000000000001</v>
      </c>
      <c r="W17856" s="2">
        <v>1.7999999999999999E-2</v>
      </c>
      <c r="X17856" s="2">
        <v>139.1</v>
      </c>
      <c r="Y17856" s="2">
        <v>7.6</v>
      </c>
      <c r="Z17856" s="2">
        <v>16.7</v>
      </c>
      <c r="AA17856" s="5"/>
      <c r="AB17856" s="5" t="s">
        <v>43</v>
      </c>
      <c r="AC17856" s="5" t="s">
        <v>44</v>
      </c>
      <c r="AD17856" s="2"/>
      <c r="AE17856" s="1"/>
    </row>
    <row r="17857" spans="1:31" ht="14.45">
      <c r="A17857" s="11"/>
      <c r="B17857" s="20"/>
      <c r="C17857" s="2" t="s">
        <v>54529</v>
      </c>
      <c r="D17857" s="14" t="s">
        <v>54530</v>
      </c>
      <c r="E17857" s="2" t="s">
        <v>54531</v>
      </c>
      <c r="F17857" s="2" t="s">
        <v>7581</v>
      </c>
      <c r="G17857" s="8">
        <v>294</v>
      </c>
      <c r="H17857" s="5">
        <v>6</v>
      </c>
      <c r="I17857" s="5" t="s">
        <v>1518</v>
      </c>
      <c r="J17857" s="5" t="s">
        <v>40939</v>
      </c>
      <c r="K17857" s="2" t="s">
        <v>40940</v>
      </c>
      <c r="L17857" s="5" t="s">
        <v>40939</v>
      </c>
      <c r="M17857" s="2" t="s">
        <v>40940</v>
      </c>
      <c r="N17857" s="5" t="s">
        <v>36266</v>
      </c>
      <c r="O17857" s="5" t="s">
        <v>38</v>
      </c>
      <c r="P17857" s="5" t="s">
        <v>39</v>
      </c>
      <c r="Q17857" s="5" t="s">
        <v>40</v>
      </c>
      <c r="R17857" s="5" t="s">
        <v>1522</v>
      </c>
      <c r="S17857" s="5" t="s">
        <v>1523</v>
      </c>
      <c r="T17857" s="5" t="s">
        <v>42</v>
      </c>
      <c r="U17857" s="2">
        <v>3.0529999999999999</v>
      </c>
      <c r="V17857" s="2">
        <v>2.4359999999999999</v>
      </c>
      <c r="W17857" s="2">
        <v>1.7999999999999999E-2</v>
      </c>
      <c r="X17857" s="2">
        <v>139.1</v>
      </c>
      <c r="Y17857" s="2">
        <v>7.6</v>
      </c>
      <c r="Z17857" s="2">
        <v>16.7</v>
      </c>
      <c r="AA17857" s="5"/>
      <c r="AB17857" s="5" t="s">
        <v>43</v>
      </c>
      <c r="AC17857" s="5" t="s">
        <v>44</v>
      </c>
      <c r="AD17857" s="2"/>
      <c r="AE17857" s="1"/>
    </row>
    <row r="17858" spans="1:31" ht="14.45">
      <c r="A17858" s="11"/>
      <c r="B17858" s="20"/>
      <c r="C17858" s="2" t="s">
        <v>54532</v>
      </c>
      <c r="D17858" s="14" t="s">
        <v>54533</v>
      </c>
      <c r="E17858" s="2" t="s">
        <v>54534</v>
      </c>
      <c r="F17858" s="2" t="s">
        <v>41045</v>
      </c>
      <c r="G17858" s="8">
        <v>294</v>
      </c>
      <c r="H17858" s="5">
        <v>6</v>
      </c>
      <c r="I17858" s="5" t="s">
        <v>1518</v>
      </c>
      <c r="J17858" s="5" t="s">
        <v>40939</v>
      </c>
      <c r="K17858" s="2" t="s">
        <v>40940</v>
      </c>
      <c r="L17858" s="5" t="s">
        <v>40939</v>
      </c>
      <c r="M17858" s="2" t="s">
        <v>40940</v>
      </c>
      <c r="N17858" s="5" t="s">
        <v>36266</v>
      </c>
      <c r="O17858" s="5" t="s">
        <v>38</v>
      </c>
      <c r="P17858" s="5" t="s">
        <v>39</v>
      </c>
      <c r="Q17858" s="5" t="s">
        <v>40</v>
      </c>
      <c r="R17858" s="5" t="s">
        <v>1522</v>
      </c>
      <c r="S17858" s="5" t="s">
        <v>1523</v>
      </c>
      <c r="T17858" s="5" t="s">
        <v>42</v>
      </c>
      <c r="U17858" s="2">
        <v>3.0129999999999999</v>
      </c>
      <c r="V17858" s="2">
        <v>2.3959999999999999</v>
      </c>
      <c r="W17858" s="2">
        <v>1.7999999999999999E-2</v>
      </c>
      <c r="X17858" s="2">
        <v>139.1</v>
      </c>
      <c r="Y17858" s="2">
        <v>7.6</v>
      </c>
      <c r="Z17858" s="2">
        <v>16.7</v>
      </c>
      <c r="AA17858" s="5"/>
      <c r="AB17858" s="5" t="s">
        <v>43</v>
      </c>
      <c r="AC17858" s="5" t="s">
        <v>44</v>
      </c>
      <c r="AD17858" s="2"/>
      <c r="AE17858" s="1"/>
    </row>
    <row r="17859" spans="1:31" ht="14.45">
      <c r="A17859" s="11"/>
      <c r="B17859" s="20"/>
      <c r="C17859" s="2" t="s">
        <v>54535</v>
      </c>
      <c r="D17859" s="14" t="s">
        <v>54536</v>
      </c>
      <c r="E17859" s="2" t="s">
        <v>54537</v>
      </c>
      <c r="F17859" s="2" t="s">
        <v>41049</v>
      </c>
      <c r="G17859" s="8">
        <v>294</v>
      </c>
      <c r="H17859" s="5">
        <v>6</v>
      </c>
      <c r="I17859" s="5" t="s">
        <v>1518</v>
      </c>
      <c r="J17859" s="5" t="s">
        <v>40939</v>
      </c>
      <c r="K17859" s="2" t="s">
        <v>40940</v>
      </c>
      <c r="L17859" s="5" t="s">
        <v>40939</v>
      </c>
      <c r="M17859" s="2" t="s">
        <v>40940</v>
      </c>
      <c r="N17859" s="5" t="s">
        <v>36266</v>
      </c>
      <c r="O17859" s="5" t="s">
        <v>38</v>
      </c>
      <c r="P17859" s="5" t="s">
        <v>39</v>
      </c>
      <c r="Q17859" s="5" t="s">
        <v>40</v>
      </c>
      <c r="R17859" s="5" t="s">
        <v>1522</v>
      </c>
      <c r="S17859" s="5" t="s">
        <v>1523</v>
      </c>
      <c r="T17859" s="5" t="s">
        <v>42</v>
      </c>
      <c r="U17859" s="2">
        <v>3.1070000000000002</v>
      </c>
      <c r="V17859" s="2">
        <v>2.4900000000000002</v>
      </c>
      <c r="W17859" s="2">
        <v>1.7999999999999999E-2</v>
      </c>
      <c r="X17859" s="2">
        <v>139.1</v>
      </c>
      <c r="Y17859" s="2">
        <v>7.6</v>
      </c>
      <c r="Z17859" s="2">
        <v>16.7</v>
      </c>
      <c r="AA17859" s="5"/>
      <c r="AB17859" s="5" t="s">
        <v>43</v>
      </c>
      <c r="AC17859" s="5" t="s">
        <v>44</v>
      </c>
      <c r="AD17859" s="2"/>
      <c r="AE17859" s="1"/>
    </row>
    <row r="17860" spans="1:31" ht="14.45">
      <c r="A17860" s="11"/>
      <c r="B17860" s="20"/>
      <c r="C17860" s="2" t="s">
        <v>54538</v>
      </c>
      <c r="D17860" s="14" t="s">
        <v>54539</v>
      </c>
      <c r="E17860" s="2" t="s">
        <v>54540</v>
      </c>
      <c r="F17860" s="2" t="s">
        <v>7204</v>
      </c>
      <c r="G17860" s="8">
        <v>281</v>
      </c>
      <c r="H17860" s="5">
        <v>6</v>
      </c>
      <c r="I17860" s="5" t="s">
        <v>1518</v>
      </c>
      <c r="J17860" s="5" t="s">
        <v>40939</v>
      </c>
      <c r="K17860" s="2" t="s">
        <v>40940</v>
      </c>
      <c r="L17860" s="5" t="s">
        <v>40939</v>
      </c>
      <c r="M17860" s="2" t="s">
        <v>40940</v>
      </c>
      <c r="N17860" s="5" t="s">
        <v>36266</v>
      </c>
      <c r="O17860" s="5" t="s">
        <v>38</v>
      </c>
      <c r="P17860" s="5" t="s">
        <v>39</v>
      </c>
      <c r="Q17860" s="5" t="s">
        <v>40</v>
      </c>
      <c r="R17860" s="5" t="s">
        <v>1522</v>
      </c>
      <c r="S17860" s="5" t="s">
        <v>1523</v>
      </c>
      <c r="T17860" s="5" t="s">
        <v>42</v>
      </c>
      <c r="U17860" s="2">
        <v>3.206</v>
      </c>
      <c r="V17860" s="2">
        <v>2.5059999999999998</v>
      </c>
      <c r="W17860" s="2">
        <v>0.02</v>
      </c>
      <c r="X17860" s="2">
        <v>159.1</v>
      </c>
      <c r="Y17860" s="2">
        <v>7.6</v>
      </c>
      <c r="Z17860" s="2">
        <v>16.7</v>
      </c>
      <c r="AA17860" s="5"/>
      <c r="AB17860" s="5" t="s">
        <v>43</v>
      </c>
      <c r="AC17860" s="5" t="s">
        <v>44</v>
      </c>
      <c r="AD17860" s="2"/>
      <c r="AE17860" s="1"/>
    </row>
    <row r="17861" spans="1:31" ht="14.45">
      <c r="A17861" s="11"/>
      <c r="B17861" s="20"/>
      <c r="C17861" s="2" t="s">
        <v>54541</v>
      </c>
      <c r="D17861" s="14" t="s">
        <v>54542</v>
      </c>
      <c r="E17861" s="2" t="s">
        <v>54543</v>
      </c>
      <c r="F17861" s="2" t="s">
        <v>7514</v>
      </c>
      <c r="G17861" s="8">
        <v>281</v>
      </c>
      <c r="H17861" s="5">
        <v>6</v>
      </c>
      <c r="I17861" s="5" t="s">
        <v>1518</v>
      </c>
      <c r="J17861" s="5" t="s">
        <v>40939</v>
      </c>
      <c r="K17861" s="2" t="s">
        <v>40940</v>
      </c>
      <c r="L17861" s="5" t="s">
        <v>40939</v>
      </c>
      <c r="M17861" s="2" t="s">
        <v>40940</v>
      </c>
      <c r="N17861" s="5" t="s">
        <v>36266</v>
      </c>
      <c r="O17861" s="5" t="s">
        <v>38</v>
      </c>
      <c r="P17861" s="5" t="s">
        <v>39</v>
      </c>
      <c r="Q17861" s="5" t="s">
        <v>40</v>
      </c>
      <c r="R17861" s="5" t="s">
        <v>1522</v>
      </c>
      <c r="S17861" s="5" t="s">
        <v>1523</v>
      </c>
      <c r="T17861" s="5" t="s">
        <v>42</v>
      </c>
      <c r="U17861" s="2">
        <v>3.3119999999999998</v>
      </c>
      <c r="V17861" s="2">
        <v>2.6120000000000001</v>
      </c>
      <c r="W17861" s="2">
        <v>0.02</v>
      </c>
      <c r="X17861" s="2">
        <v>159.1</v>
      </c>
      <c r="Y17861" s="2">
        <v>7.6</v>
      </c>
      <c r="Z17861" s="2">
        <v>16.7</v>
      </c>
      <c r="AA17861" s="5"/>
      <c r="AB17861" s="5" t="s">
        <v>43</v>
      </c>
      <c r="AC17861" s="5" t="s">
        <v>44</v>
      </c>
      <c r="AD17861" s="2"/>
      <c r="AE17861" s="1"/>
    </row>
    <row r="17862" spans="1:31" ht="14.45">
      <c r="A17862" s="11"/>
      <c r="B17862" s="20"/>
      <c r="C17862" s="2" t="s">
        <v>54544</v>
      </c>
      <c r="D17862" s="14" t="s">
        <v>54545</v>
      </c>
      <c r="E17862" s="2" t="s">
        <v>54546</v>
      </c>
      <c r="F17862" s="2" t="s">
        <v>47195</v>
      </c>
      <c r="G17862" s="8">
        <v>303</v>
      </c>
      <c r="H17862" s="5">
        <v>6</v>
      </c>
      <c r="I17862" s="5" t="s">
        <v>1518</v>
      </c>
      <c r="J17862" s="5" t="s">
        <v>40939</v>
      </c>
      <c r="K17862" s="2" t="s">
        <v>40940</v>
      </c>
      <c r="L17862" s="5" t="s">
        <v>40939</v>
      </c>
      <c r="M17862" s="2" t="s">
        <v>40940</v>
      </c>
      <c r="N17862" s="5" t="s">
        <v>36266</v>
      </c>
      <c r="O17862" s="5" t="s">
        <v>38</v>
      </c>
      <c r="P17862" s="5" t="s">
        <v>39</v>
      </c>
      <c r="Q17862" s="5" t="s">
        <v>40</v>
      </c>
      <c r="R17862" s="5" t="s">
        <v>1522</v>
      </c>
      <c r="S17862" s="5" t="s">
        <v>1523</v>
      </c>
      <c r="T17862" s="5" t="s">
        <v>42</v>
      </c>
      <c r="U17862" s="2">
        <v>3.3330000000000002</v>
      </c>
      <c r="V17862" s="2">
        <v>2.633</v>
      </c>
      <c r="W17862" s="2">
        <v>0.02</v>
      </c>
      <c r="X17862" s="2">
        <v>159.1</v>
      </c>
      <c r="Y17862" s="2">
        <v>7.6</v>
      </c>
      <c r="Z17862" s="2">
        <v>16.7</v>
      </c>
      <c r="AA17862" s="5"/>
      <c r="AB17862" s="5" t="s">
        <v>43</v>
      </c>
      <c r="AC17862" s="5" t="s">
        <v>44</v>
      </c>
      <c r="AD17862" s="2"/>
      <c r="AE17862" s="1"/>
    </row>
    <row r="17863" spans="1:31" ht="14.45">
      <c r="A17863" s="11"/>
      <c r="B17863" s="20"/>
      <c r="C17863" s="2" t="s">
        <v>54547</v>
      </c>
      <c r="D17863" s="14" t="s">
        <v>54548</v>
      </c>
      <c r="E17863" s="2" t="s">
        <v>54549</v>
      </c>
      <c r="F17863" s="2" t="s">
        <v>7208</v>
      </c>
      <c r="G17863" s="8">
        <v>281</v>
      </c>
      <c r="H17863" s="5">
        <v>6</v>
      </c>
      <c r="I17863" s="5" t="s">
        <v>1518</v>
      </c>
      <c r="J17863" s="5" t="s">
        <v>40939</v>
      </c>
      <c r="K17863" s="2" t="s">
        <v>40940</v>
      </c>
      <c r="L17863" s="5" t="s">
        <v>40939</v>
      </c>
      <c r="M17863" s="2" t="s">
        <v>40940</v>
      </c>
      <c r="N17863" s="5" t="s">
        <v>36266</v>
      </c>
      <c r="O17863" s="5" t="s">
        <v>38</v>
      </c>
      <c r="P17863" s="5" t="s">
        <v>39</v>
      </c>
      <c r="Q17863" s="5" t="s">
        <v>40</v>
      </c>
      <c r="R17863" s="5" t="s">
        <v>1522</v>
      </c>
      <c r="S17863" s="5" t="s">
        <v>1523</v>
      </c>
      <c r="T17863" s="5" t="s">
        <v>42</v>
      </c>
      <c r="U17863" s="2">
        <v>3.2370000000000001</v>
      </c>
      <c r="V17863" s="2">
        <v>2.5369999999999999</v>
      </c>
      <c r="W17863" s="2">
        <v>0.02</v>
      </c>
      <c r="X17863" s="2">
        <v>159.1</v>
      </c>
      <c r="Y17863" s="2">
        <v>7.6</v>
      </c>
      <c r="Z17863" s="2">
        <v>16.7</v>
      </c>
      <c r="AA17863" s="5"/>
      <c r="AB17863" s="5" t="s">
        <v>43</v>
      </c>
      <c r="AC17863" s="5" t="s">
        <v>44</v>
      </c>
      <c r="AD17863" s="2"/>
      <c r="AE17863" s="1"/>
    </row>
    <row r="17864" spans="1:31" ht="14.45">
      <c r="A17864" s="11"/>
      <c r="B17864" s="20"/>
      <c r="C17864" s="2" t="s">
        <v>54550</v>
      </c>
      <c r="D17864" s="14" t="s">
        <v>54551</v>
      </c>
      <c r="E17864" s="2" t="s">
        <v>54552</v>
      </c>
      <c r="F17864" s="2" t="s">
        <v>7521</v>
      </c>
      <c r="G17864" s="8">
        <v>281</v>
      </c>
      <c r="H17864" s="5">
        <v>6</v>
      </c>
      <c r="I17864" s="5" t="s">
        <v>1518</v>
      </c>
      <c r="J17864" s="5" t="s">
        <v>40939</v>
      </c>
      <c r="K17864" s="2" t="s">
        <v>40940</v>
      </c>
      <c r="L17864" s="5" t="s">
        <v>40939</v>
      </c>
      <c r="M17864" s="2" t="s">
        <v>40940</v>
      </c>
      <c r="N17864" s="5" t="s">
        <v>36266</v>
      </c>
      <c r="O17864" s="5" t="s">
        <v>38</v>
      </c>
      <c r="P17864" s="5" t="s">
        <v>39</v>
      </c>
      <c r="Q17864" s="5" t="s">
        <v>40</v>
      </c>
      <c r="R17864" s="5" t="s">
        <v>1522</v>
      </c>
      <c r="S17864" s="5" t="s">
        <v>1523</v>
      </c>
      <c r="T17864" s="5" t="s">
        <v>42</v>
      </c>
      <c r="U17864" s="2">
        <v>3.343</v>
      </c>
      <c r="V17864" s="2">
        <v>2.6429999999999998</v>
      </c>
      <c r="W17864" s="2">
        <v>0.02</v>
      </c>
      <c r="X17864" s="2">
        <v>159.1</v>
      </c>
      <c r="Y17864" s="2">
        <v>7.6</v>
      </c>
      <c r="Z17864" s="2">
        <v>16.7</v>
      </c>
      <c r="AA17864" s="5"/>
      <c r="AB17864" s="5" t="s">
        <v>43</v>
      </c>
      <c r="AC17864" s="5" t="s">
        <v>44</v>
      </c>
      <c r="AD17864" s="2"/>
      <c r="AE17864" s="1"/>
    </row>
    <row r="17865" spans="1:31" ht="14.45">
      <c r="A17865" s="11"/>
      <c r="B17865" s="20"/>
      <c r="C17865" s="2" t="s">
        <v>54553</v>
      </c>
      <c r="D17865" s="14" t="s">
        <v>54554</v>
      </c>
      <c r="E17865" s="2" t="s">
        <v>54555</v>
      </c>
      <c r="F17865" s="2" t="s">
        <v>36277</v>
      </c>
      <c r="G17865" s="8">
        <v>281</v>
      </c>
      <c r="H17865" s="5">
        <v>6</v>
      </c>
      <c r="I17865" s="5" t="s">
        <v>1518</v>
      </c>
      <c r="J17865" s="5" t="s">
        <v>40939</v>
      </c>
      <c r="K17865" s="2" t="s">
        <v>40940</v>
      </c>
      <c r="L17865" s="5" t="s">
        <v>40939</v>
      </c>
      <c r="M17865" s="2" t="s">
        <v>40940</v>
      </c>
      <c r="N17865" s="5" t="s">
        <v>36266</v>
      </c>
      <c r="O17865" s="5" t="s">
        <v>38</v>
      </c>
      <c r="P17865" s="5" t="s">
        <v>39</v>
      </c>
      <c r="Q17865" s="5" t="s">
        <v>40</v>
      </c>
      <c r="R17865" s="5" t="s">
        <v>1522</v>
      </c>
      <c r="S17865" s="5" t="s">
        <v>1523</v>
      </c>
      <c r="T17865" s="5" t="s">
        <v>42</v>
      </c>
      <c r="U17865" s="2">
        <v>3.3639999999999999</v>
      </c>
      <c r="V17865" s="2">
        <v>2.6640000000000001</v>
      </c>
      <c r="W17865" s="2">
        <v>0.02</v>
      </c>
      <c r="X17865" s="2">
        <v>159.1</v>
      </c>
      <c r="Y17865" s="2">
        <v>7.6</v>
      </c>
      <c r="Z17865" s="2">
        <v>16.7</v>
      </c>
      <c r="AA17865" s="5"/>
      <c r="AB17865" s="5" t="s">
        <v>43</v>
      </c>
      <c r="AC17865" s="5" t="s">
        <v>44</v>
      </c>
      <c r="AD17865" s="2"/>
      <c r="AE17865" s="1"/>
    </row>
    <row r="17866" spans="1:31" ht="14.45">
      <c r="A17866" s="11"/>
      <c r="B17866" s="20"/>
      <c r="C17866" s="2" t="s">
        <v>54556</v>
      </c>
      <c r="D17866" s="14" t="s">
        <v>54557</v>
      </c>
      <c r="E17866" s="2" t="s">
        <v>54558</v>
      </c>
      <c r="F17866" s="2" t="s">
        <v>40967</v>
      </c>
      <c r="G17866" s="8">
        <v>303</v>
      </c>
      <c r="H17866" s="5">
        <v>6</v>
      </c>
      <c r="I17866" s="5" t="s">
        <v>1518</v>
      </c>
      <c r="J17866" s="5" t="s">
        <v>40939</v>
      </c>
      <c r="K17866" s="2" t="s">
        <v>40940</v>
      </c>
      <c r="L17866" s="5" t="s">
        <v>40939</v>
      </c>
      <c r="M17866" s="2" t="s">
        <v>40940</v>
      </c>
      <c r="N17866" s="5" t="s">
        <v>36266</v>
      </c>
      <c r="O17866" s="5" t="s">
        <v>38</v>
      </c>
      <c r="P17866" s="5" t="s">
        <v>39</v>
      </c>
      <c r="Q17866" s="5" t="s">
        <v>40</v>
      </c>
      <c r="R17866" s="5" t="s">
        <v>1522</v>
      </c>
      <c r="S17866" s="5" t="s">
        <v>1523</v>
      </c>
      <c r="T17866" s="5" t="s">
        <v>42</v>
      </c>
      <c r="U17866" s="2">
        <v>3.2370000000000001</v>
      </c>
      <c r="V17866" s="2">
        <v>2.5369999999999999</v>
      </c>
      <c r="W17866" s="2">
        <v>0.02</v>
      </c>
      <c r="X17866" s="2">
        <v>159.1</v>
      </c>
      <c r="Y17866" s="2">
        <v>7.6</v>
      </c>
      <c r="Z17866" s="2">
        <v>16.7</v>
      </c>
      <c r="AA17866" s="5"/>
      <c r="AB17866" s="5" t="s">
        <v>43</v>
      </c>
      <c r="AC17866" s="5" t="s">
        <v>44</v>
      </c>
      <c r="AD17866" s="2"/>
      <c r="AE17866" s="1"/>
    </row>
    <row r="17867" spans="1:31" ht="14.45">
      <c r="A17867" s="11"/>
      <c r="B17867" s="20"/>
      <c r="C17867" s="2" t="s">
        <v>54559</v>
      </c>
      <c r="D17867" s="14" t="s">
        <v>54560</v>
      </c>
      <c r="E17867" s="2" t="s">
        <v>54561</v>
      </c>
      <c r="F17867" s="2" t="s">
        <v>40971</v>
      </c>
      <c r="G17867" s="8">
        <v>303</v>
      </c>
      <c r="H17867" s="5">
        <v>6</v>
      </c>
      <c r="I17867" s="5" t="s">
        <v>1518</v>
      </c>
      <c r="J17867" s="5" t="s">
        <v>40939</v>
      </c>
      <c r="K17867" s="2" t="s">
        <v>40940</v>
      </c>
      <c r="L17867" s="5" t="s">
        <v>40939</v>
      </c>
      <c r="M17867" s="2" t="s">
        <v>40940</v>
      </c>
      <c r="N17867" s="5" t="s">
        <v>36266</v>
      </c>
      <c r="O17867" s="5" t="s">
        <v>38</v>
      </c>
      <c r="P17867" s="5" t="s">
        <v>39</v>
      </c>
      <c r="Q17867" s="5" t="s">
        <v>40</v>
      </c>
      <c r="R17867" s="5" t="s">
        <v>1522</v>
      </c>
      <c r="S17867" s="5" t="s">
        <v>1523</v>
      </c>
      <c r="T17867" s="5" t="s">
        <v>42</v>
      </c>
      <c r="U17867" s="2">
        <v>3.343</v>
      </c>
      <c r="V17867" s="2">
        <v>2.6429999999999998</v>
      </c>
      <c r="W17867" s="2">
        <v>0.02</v>
      </c>
      <c r="X17867" s="2">
        <v>159.1</v>
      </c>
      <c r="Y17867" s="2">
        <v>7.6</v>
      </c>
      <c r="Z17867" s="2">
        <v>16.7</v>
      </c>
      <c r="AA17867" s="5"/>
      <c r="AB17867" s="5" t="s">
        <v>43</v>
      </c>
      <c r="AC17867" s="5" t="s">
        <v>44</v>
      </c>
      <c r="AD17867" s="2"/>
      <c r="AE17867" s="1"/>
    </row>
    <row r="17868" spans="1:31" ht="14.45">
      <c r="A17868" s="11"/>
      <c r="B17868" s="20"/>
      <c r="C17868" s="2" t="s">
        <v>54562</v>
      </c>
      <c r="D17868" s="14" t="s">
        <v>54563</v>
      </c>
      <c r="E17868" s="2" t="s">
        <v>54564</v>
      </c>
      <c r="F17868" s="2" t="s">
        <v>47226</v>
      </c>
      <c r="G17868" s="8">
        <v>303</v>
      </c>
      <c r="H17868" s="5">
        <v>6</v>
      </c>
      <c r="I17868" s="5" t="s">
        <v>1518</v>
      </c>
      <c r="J17868" s="5" t="s">
        <v>40939</v>
      </c>
      <c r="K17868" s="2" t="s">
        <v>40940</v>
      </c>
      <c r="L17868" s="5" t="s">
        <v>40939</v>
      </c>
      <c r="M17868" s="2" t="s">
        <v>40940</v>
      </c>
      <c r="N17868" s="5" t="s">
        <v>36266</v>
      </c>
      <c r="O17868" s="5" t="s">
        <v>38</v>
      </c>
      <c r="P17868" s="5" t="s">
        <v>39</v>
      </c>
      <c r="Q17868" s="5" t="s">
        <v>40</v>
      </c>
      <c r="R17868" s="5" t="s">
        <v>1522</v>
      </c>
      <c r="S17868" s="5" t="s">
        <v>1523</v>
      </c>
      <c r="T17868" s="5" t="s">
        <v>42</v>
      </c>
      <c r="U17868" s="2">
        <v>3.2370000000000001</v>
      </c>
      <c r="V17868" s="2">
        <v>2.5369999999999999</v>
      </c>
      <c r="W17868" s="2">
        <v>0.02</v>
      </c>
      <c r="X17868" s="2">
        <v>159.1</v>
      </c>
      <c r="Y17868" s="2">
        <v>7.6</v>
      </c>
      <c r="Z17868" s="2">
        <v>16.7</v>
      </c>
      <c r="AA17868" s="5"/>
      <c r="AB17868" s="5" t="s">
        <v>43</v>
      </c>
      <c r="AC17868" s="5" t="s">
        <v>44</v>
      </c>
      <c r="AD17868" s="2"/>
      <c r="AE17868" s="1"/>
    </row>
    <row r="17869" spans="1:31" ht="14.45">
      <c r="A17869" s="11"/>
      <c r="B17869" s="20"/>
      <c r="C17869" s="2" t="s">
        <v>54565</v>
      </c>
      <c r="D17869" s="14" t="s">
        <v>54566</v>
      </c>
      <c r="E17869" s="2" t="s">
        <v>54567</v>
      </c>
      <c r="F17869" s="2" t="s">
        <v>40993</v>
      </c>
      <c r="G17869" s="8">
        <v>303</v>
      </c>
      <c r="H17869" s="5">
        <v>6</v>
      </c>
      <c r="I17869" s="5" t="s">
        <v>1518</v>
      </c>
      <c r="J17869" s="5" t="s">
        <v>40939</v>
      </c>
      <c r="K17869" s="2" t="s">
        <v>40940</v>
      </c>
      <c r="L17869" s="5" t="s">
        <v>40939</v>
      </c>
      <c r="M17869" s="2" t="s">
        <v>40940</v>
      </c>
      <c r="N17869" s="5" t="s">
        <v>36266</v>
      </c>
      <c r="O17869" s="5" t="s">
        <v>38</v>
      </c>
      <c r="P17869" s="5" t="s">
        <v>39</v>
      </c>
      <c r="Q17869" s="5" t="s">
        <v>40</v>
      </c>
      <c r="R17869" s="5" t="s">
        <v>1522</v>
      </c>
      <c r="S17869" s="5" t="s">
        <v>1523</v>
      </c>
      <c r="T17869" s="5" t="s">
        <v>42</v>
      </c>
      <c r="U17869" s="2">
        <v>3.343</v>
      </c>
      <c r="V17869" s="2">
        <v>2.6429999999999998</v>
      </c>
      <c r="W17869" s="2">
        <v>0.02</v>
      </c>
      <c r="X17869" s="2">
        <v>159.1</v>
      </c>
      <c r="Y17869" s="2">
        <v>7.6</v>
      </c>
      <c r="Z17869" s="2">
        <v>16.7</v>
      </c>
      <c r="AA17869" s="5"/>
      <c r="AB17869" s="5" t="s">
        <v>43</v>
      </c>
      <c r="AC17869" s="5" t="s">
        <v>44</v>
      </c>
      <c r="AD17869" s="2"/>
      <c r="AE17869" s="1"/>
    </row>
    <row r="17870" spans="1:31" ht="14.45">
      <c r="A17870" s="11"/>
      <c r="B17870" s="20"/>
      <c r="C17870" s="2" t="s">
        <v>54568</v>
      </c>
      <c r="D17870" s="14" t="s">
        <v>54569</v>
      </c>
      <c r="E17870" s="2" t="s">
        <v>54570</v>
      </c>
      <c r="F17870" s="2" t="s">
        <v>41267</v>
      </c>
      <c r="G17870" s="8">
        <v>303</v>
      </c>
      <c r="H17870" s="5">
        <v>6</v>
      </c>
      <c r="I17870" s="5" t="s">
        <v>1518</v>
      </c>
      <c r="J17870" s="5" t="s">
        <v>40939</v>
      </c>
      <c r="K17870" s="2" t="s">
        <v>40940</v>
      </c>
      <c r="L17870" s="5" t="s">
        <v>40939</v>
      </c>
      <c r="M17870" s="2" t="s">
        <v>40940</v>
      </c>
      <c r="N17870" s="5" t="s">
        <v>36266</v>
      </c>
      <c r="O17870" s="5" t="s">
        <v>38</v>
      </c>
      <c r="P17870" s="5" t="s">
        <v>39</v>
      </c>
      <c r="Q17870" s="5" t="s">
        <v>40</v>
      </c>
      <c r="R17870" s="5" t="s">
        <v>1522</v>
      </c>
      <c r="S17870" s="5" t="s">
        <v>1523</v>
      </c>
      <c r="T17870" s="5" t="s">
        <v>42</v>
      </c>
      <c r="U17870" s="2">
        <v>3.302</v>
      </c>
      <c r="V17870" s="2">
        <v>2.6019999999999999</v>
      </c>
      <c r="W17870" s="2">
        <v>0.02</v>
      </c>
      <c r="X17870" s="2">
        <v>159.1</v>
      </c>
      <c r="Y17870" s="2">
        <v>7.6</v>
      </c>
      <c r="Z17870" s="2">
        <v>16.7</v>
      </c>
      <c r="AA17870" s="5"/>
      <c r="AB17870" s="5" t="s">
        <v>43</v>
      </c>
      <c r="AC17870" s="5" t="s">
        <v>44</v>
      </c>
      <c r="AD17870" s="2"/>
      <c r="AE17870" s="1"/>
    </row>
    <row r="17871" spans="1:31" ht="14.45">
      <c r="A17871" s="11"/>
      <c r="B17871" s="20"/>
      <c r="C17871" s="2" t="s">
        <v>54571</v>
      </c>
      <c r="D17871" s="14" t="s">
        <v>54572</v>
      </c>
      <c r="E17871" s="2" t="s">
        <v>54573</v>
      </c>
      <c r="F17871" s="2" t="s">
        <v>41005</v>
      </c>
      <c r="G17871" s="8">
        <v>303</v>
      </c>
      <c r="H17871" s="5">
        <v>6</v>
      </c>
      <c r="I17871" s="5" t="s">
        <v>1518</v>
      </c>
      <c r="J17871" s="5" t="s">
        <v>40939</v>
      </c>
      <c r="K17871" s="2" t="s">
        <v>40940</v>
      </c>
      <c r="L17871" s="5" t="s">
        <v>40939</v>
      </c>
      <c r="M17871" s="2" t="s">
        <v>40940</v>
      </c>
      <c r="N17871" s="5" t="s">
        <v>36266</v>
      </c>
      <c r="O17871" s="5" t="s">
        <v>38</v>
      </c>
      <c r="P17871" s="5" t="s">
        <v>39</v>
      </c>
      <c r="Q17871" s="5" t="s">
        <v>40</v>
      </c>
      <c r="R17871" s="5" t="s">
        <v>1522</v>
      </c>
      <c r="S17871" s="5" t="s">
        <v>1523</v>
      </c>
      <c r="T17871" s="5" t="s">
        <v>42</v>
      </c>
      <c r="U17871" s="2">
        <v>3.343</v>
      </c>
      <c r="V17871" s="2">
        <v>2.6429999999999998</v>
      </c>
      <c r="W17871" s="2">
        <v>0.02</v>
      </c>
      <c r="X17871" s="2">
        <v>159.1</v>
      </c>
      <c r="Y17871" s="2">
        <v>7.6</v>
      </c>
      <c r="Z17871" s="2">
        <v>16.7</v>
      </c>
      <c r="AA17871" s="5"/>
      <c r="AB17871" s="5" t="s">
        <v>43</v>
      </c>
      <c r="AC17871" s="5" t="s">
        <v>44</v>
      </c>
      <c r="AD17871" s="2"/>
      <c r="AE17871" s="1"/>
    </row>
    <row r="17872" spans="1:31" ht="14.45">
      <c r="A17872" s="11"/>
      <c r="B17872" s="20"/>
      <c r="C17872" s="2" t="s">
        <v>54574</v>
      </c>
      <c r="D17872" s="14" t="s">
        <v>54575</v>
      </c>
      <c r="E17872" s="2" t="s">
        <v>54576</v>
      </c>
      <c r="F17872" s="2" t="s">
        <v>41013</v>
      </c>
      <c r="G17872" s="8">
        <v>303</v>
      </c>
      <c r="H17872" s="5">
        <v>6</v>
      </c>
      <c r="I17872" s="5" t="s">
        <v>1518</v>
      </c>
      <c r="J17872" s="5" t="s">
        <v>40939</v>
      </c>
      <c r="K17872" s="2" t="s">
        <v>40940</v>
      </c>
      <c r="L17872" s="5" t="s">
        <v>40939</v>
      </c>
      <c r="M17872" s="2" t="s">
        <v>40940</v>
      </c>
      <c r="N17872" s="5" t="s">
        <v>36266</v>
      </c>
      <c r="O17872" s="5" t="s">
        <v>38</v>
      </c>
      <c r="P17872" s="5" t="s">
        <v>39</v>
      </c>
      <c r="Q17872" s="5" t="s">
        <v>40</v>
      </c>
      <c r="R17872" s="5" t="s">
        <v>1522</v>
      </c>
      <c r="S17872" s="5" t="s">
        <v>1523</v>
      </c>
      <c r="T17872" s="5" t="s">
        <v>42</v>
      </c>
      <c r="U17872" s="2">
        <v>3.3530000000000002</v>
      </c>
      <c r="V17872" s="2">
        <v>2.653</v>
      </c>
      <c r="W17872" s="2">
        <v>0.02</v>
      </c>
      <c r="X17872" s="2">
        <v>159.1</v>
      </c>
      <c r="Y17872" s="2">
        <v>7.6</v>
      </c>
      <c r="Z17872" s="2">
        <v>16.7</v>
      </c>
      <c r="AA17872" s="5"/>
      <c r="AB17872" s="5" t="s">
        <v>43</v>
      </c>
      <c r="AC17872" s="5" t="s">
        <v>44</v>
      </c>
      <c r="AD17872" s="2"/>
      <c r="AE17872" s="1"/>
    </row>
    <row r="17873" spans="1:31" ht="14.45">
      <c r="A17873" s="11"/>
      <c r="B17873" s="20"/>
      <c r="C17873" s="2" t="s">
        <v>54577</v>
      </c>
      <c r="D17873" s="14" t="s">
        <v>54578</v>
      </c>
      <c r="E17873" s="2" t="s">
        <v>54579</v>
      </c>
      <c r="F17873" s="2" t="s">
        <v>7396</v>
      </c>
      <c r="G17873" s="8">
        <v>281</v>
      </c>
      <c r="H17873" s="5">
        <v>6</v>
      </c>
      <c r="I17873" s="5" t="s">
        <v>1518</v>
      </c>
      <c r="J17873" s="5" t="s">
        <v>40939</v>
      </c>
      <c r="K17873" s="2" t="s">
        <v>40940</v>
      </c>
      <c r="L17873" s="5" t="s">
        <v>40939</v>
      </c>
      <c r="M17873" s="2" t="s">
        <v>40940</v>
      </c>
      <c r="N17873" s="5" t="s">
        <v>36266</v>
      </c>
      <c r="O17873" s="5" t="s">
        <v>38</v>
      </c>
      <c r="P17873" s="5" t="s">
        <v>39</v>
      </c>
      <c r="Q17873" s="5" t="s">
        <v>40</v>
      </c>
      <c r="R17873" s="5" t="s">
        <v>1522</v>
      </c>
      <c r="S17873" s="5" t="s">
        <v>1523</v>
      </c>
      <c r="T17873" s="5" t="s">
        <v>42</v>
      </c>
      <c r="U17873" s="2">
        <v>3.2469999999999999</v>
      </c>
      <c r="V17873" s="2">
        <v>2.5470000000000002</v>
      </c>
      <c r="W17873" s="2">
        <v>0.02</v>
      </c>
      <c r="X17873" s="2">
        <v>159.1</v>
      </c>
      <c r="Y17873" s="2">
        <v>7.6</v>
      </c>
      <c r="Z17873" s="2">
        <v>16.7</v>
      </c>
      <c r="AA17873" s="5"/>
      <c r="AB17873" s="5" t="s">
        <v>43</v>
      </c>
      <c r="AC17873" s="5" t="s">
        <v>44</v>
      </c>
      <c r="AD17873" s="2"/>
      <c r="AE17873" s="1"/>
    </row>
    <row r="17874" spans="1:31" ht="14.45">
      <c r="A17874" s="11"/>
      <c r="B17874" s="20"/>
      <c r="C17874" s="2" t="s">
        <v>54580</v>
      </c>
      <c r="D17874" s="14" t="s">
        <v>54581</v>
      </c>
      <c r="E17874" s="2" t="s">
        <v>54582</v>
      </c>
      <c r="F17874" s="2" t="s">
        <v>7507</v>
      </c>
      <c r="G17874" s="8">
        <v>281</v>
      </c>
      <c r="H17874" s="5">
        <v>6</v>
      </c>
      <c r="I17874" s="5" t="s">
        <v>1518</v>
      </c>
      <c r="J17874" s="5" t="s">
        <v>40939</v>
      </c>
      <c r="K17874" s="2" t="s">
        <v>40940</v>
      </c>
      <c r="L17874" s="5" t="s">
        <v>40939</v>
      </c>
      <c r="M17874" s="2" t="s">
        <v>40940</v>
      </c>
      <c r="N17874" s="5" t="s">
        <v>36266</v>
      </c>
      <c r="O17874" s="5" t="s">
        <v>38</v>
      </c>
      <c r="P17874" s="5" t="s">
        <v>39</v>
      </c>
      <c r="Q17874" s="5" t="s">
        <v>40</v>
      </c>
      <c r="R17874" s="5" t="s">
        <v>1522</v>
      </c>
      <c r="S17874" s="5" t="s">
        <v>1523</v>
      </c>
      <c r="T17874" s="5" t="s">
        <v>42</v>
      </c>
      <c r="U17874" s="2">
        <v>3.3530000000000002</v>
      </c>
      <c r="V17874" s="2">
        <v>2.653</v>
      </c>
      <c r="W17874" s="2">
        <v>0.02</v>
      </c>
      <c r="X17874" s="2">
        <v>159.1</v>
      </c>
      <c r="Y17874" s="2">
        <v>7.6</v>
      </c>
      <c r="Z17874" s="2">
        <v>16.7</v>
      </c>
      <c r="AA17874" s="5"/>
      <c r="AB17874" s="5" t="s">
        <v>43</v>
      </c>
      <c r="AC17874" s="5" t="s">
        <v>44</v>
      </c>
      <c r="AD17874" s="2"/>
      <c r="AE17874" s="1"/>
    </row>
    <row r="17875" spans="1:31" ht="14.45">
      <c r="A17875" s="11"/>
      <c r="B17875" s="20"/>
      <c r="C17875" s="2" t="s">
        <v>54583</v>
      </c>
      <c r="D17875" s="14" t="s">
        <v>54584</v>
      </c>
      <c r="E17875" s="2" t="s">
        <v>54585</v>
      </c>
      <c r="F17875" s="2" t="s">
        <v>41031</v>
      </c>
      <c r="G17875" s="8">
        <v>303</v>
      </c>
      <c r="H17875" s="5">
        <v>6</v>
      </c>
      <c r="I17875" s="5" t="s">
        <v>1518</v>
      </c>
      <c r="J17875" s="5" t="s">
        <v>40939</v>
      </c>
      <c r="K17875" s="2" t="s">
        <v>40940</v>
      </c>
      <c r="L17875" s="5" t="s">
        <v>40939</v>
      </c>
      <c r="M17875" s="2" t="s">
        <v>40940</v>
      </c>
      <c r="N17875" s="5" t="s">
        <v>36266</v>
      </c>
      <c r="O17875" s="5" t="s">
        <v>38</v>
      </c>
      <c r="P17875" s="5" t="s">
        <v>39</v>
      </c>
      <c r="Q17875" s="5" t="s">
        <v>40</v>
      </c>
      <c r="R17875" s="5" t="s">
        <v>1522</v>
      </c>
      <c r="S17875" s="5" t="s">
        <v>1523</v>
      </c>
      <c r="T17875" s="5" t="s">
        <v>42</v>
      </c>
      <c r="U17875" s="2">
        <v>3.1960000000000002</v>
      </c>
      <c r="V17875" s="2">
        <v>2.496</v>
      </c>
      <c r="W17875" s="2">
        <v>0.02</v>
      </c>
      <c r="X17875" s="2">
        <v>159.1</v>
      </c>
      <c r="Y17875" s="2">
        <v>7.6</v>
      </c>
      <c r="Z17875" s="2">
        <v>16.7</v>
      </c>
      <c r="AA17875" s="5"/>
      <c r="AB17875" s="5" t="s">
        <v>43</v>
      </c>
      <c r="AC17875" s="5" t="s">
        <v>44</v>
      </c>
      <c r="AD17875" s="2"/>
      <c r="AE17875" s="1"/>
    </row>
    <row r="17876" spans="1:31" ht="14.45">
      <c r="A17876" s="11"/>
      <c r="B17876" s="20"/>
      <c r="C17876" s="2" t="s">
        <v>54586</v>
      </c>
      <c r="D17876" s="14" t="s">
        <v>54587</v>
      </c>
      <c r="E17876" s="2" t="s">
        <v>54588</v>
      </c>
      <c r="F17876" s="2" t="s">
        <v>41035</v>
      </c>
      <c r="G17876" s="8">
        <v>303</v>
      </c>
      <c r="H17876" s="5">
        <v>6</v>
      </c>
      <c r="I17876" s="5" t="s">
        <v>1518</v>
      </c>
      <c r="J17876" s="5" t="s">
        <v>40939</v>
      </c>
      <c r="K17876" s="2" t="s">
        <v>40940</v>
      </c>
      <c r="L17876" s="5" t="s">
        <v>40939</v>
      </c>
      <c r="M17876" s="2" t="s">
        <v>40940</v>
      </c>
      <c r="N17876" s="5" t="s">
        <v>36266</v>
      </c>
      <c r="O17876" s="5" t="s">
        <v>38</v>
      </c>
      <c r="P17876" s="5" t="s">
        <v>39</v>
      </c>
      <c r="Q17876" s="5" t="s">
        <v>40</v>
      </c>
      <c r="R17876" s="5" t="s">
        <v>1522</v>
      </c>
      <c r="S17876" s="5" t="s">
        <v>1523</v>
      </c>
      <c r="T17876" s="5" t="s">
        <v>42</v>
      </c>
      <c r="U17876" s="2">
        <v>3.302</v>
      </c>
      <c r="V17876" s="2">
        <v>2.6019999999999999</v>
      </c>
      <c r="W17876" s="2">
        <v>0.02</v>
      </c>
      <c r="X17876" s="2">
        <v>159.1</v>
      </c>
      <c r="Y17876" s="2">
        <v>7.6</v>
      </c>
      <c r="Z17876" s="2">
        <v>16.7</v>
      </c>
      <c r="AA17876" s="5"/>
      <c r="AB17876" s="5" t="s">
        <v>43</v>
      </c>
      <c r="AC17876" s="5" t="s">
        <v>44</v>
      </c>
      <c r="AD17876" s="2"/>
      <c r="AE17876" s="1"/>
    </row>
    <row r="17877" spans="1:31" ht="14.45">
      <c r="A17877" s="11"/>
      <c r="B17877" s="20"/>
      <c r="C17877" s="2" t="s">
        <v>54589</v>
      </c>
      <c r="D17877" s="14" t="s">
        <v>54590</v>
      </c>
      <c r="E17877" s="2" t="s">
        <v>54591</v>
      </c>
      <c r="F17877" s="2" t="s">
        <v>7581</v>
      </c>
      <c r="G17877" s="8">
        <v>303</v>
      </c>
      <c r="H17877" s="5">
        <v>6</v>
      </c>
      <c r="I17877" s="5" t="s">
        <v>1518</v>
      </c>
      <c r="J17877" s="5" t="s">
        <v>40939</v>
      </c>
      <c r="K17877" s="2" t="s">
        <v>40940</v>
      </c>
      <c r="L17877" s="5" t="s">
        <v>40939</v>
      </c>
      <c r="M17877" s="2" t="s">
        <v>40940</v>
      </c>
      <c r="N17877" s="5" t="s">
        <v>36266</v>
      </c>
      <c r="O17877" s="5" t="s">
        <v>38</v>
      </c>
      <c r="P17877" s="5" t="s">
        <v>39</v>
      </c>
      <c r="Q17877" s="5" t="s">
        <v>40</v>
      </c>
      <c r="R17877" s="5" t="s">
        <v>1522</v>
      </c>
      <c r="S17877" s="5" t="s">
        <v>1523</v>
      </c>
      <c r="T17877" s="5" t="s">
        <v>42</v>
      </c>
      <c r="U17877" s="2">
        <v>3.302</v>
      </c>
      <c r="V17877" s="2">
        <v>2.6019999999999999</v>
      </c>
      <c r="W17877" s="2">
        <v>0.02</v>
      </c>
      <c r="X17877" s="2">
        <v>159.1</v>
      </c>
      <c r="Y17877" s="2">
        <v>7.6</v>
      </c>
      <c r="Z17877" s="2">
        <v>16.7</v>
      </c>
      <c r="AA17877" s="5"/>
      <c r="AB17877" s="5" t="s">
        <v>43</v>
      </c>
      <c r="AC17877" s="5" t="s">
        <v>44</v>
      </c>
      <c r="AD17877" s="2"/>
      <c r="AE17877" s="1"/>
    </row>
    <row r="17878" spans="1:31" ht="14.45">
      <c r="A17878" s="11"/>
      <c r="B17878" s="20"/>
      <c r="C17878" s="2" t="s">
        <v>54592</v>
      </c>
      <c r="D17878" s="14" t="s">
        <v>54593</v>
      </c>
      <c r="E17878" s="2" t="s">
        <v>54594</v>
      </c>
      <c r="F17878" s="2" t="s">
        <v>41049</v>
      </c>
      <c r="G17878" s="8">
        <v>303</v>
      </c>
      <c r="H17878" s="5">
        <v>6</v>
      </c>
      <c r="I17878" s="5" t="s">
        <v>1518</v>
      </c>
      <c r="J17878" s="5" t="s">
        <v>40939</v>
      </c>
      <c r="K17878" s="2" t="s">
        <v>40940</v>
      </c>
      <c r="L17878" s="5" t="s">
        <v>40939</v>
      </c>
      <c r="M17878" s="2" t="s">
        <v>40940</v>
      </c>
      <c r="N17878" s="5" t="s">
        <v>36266</v>
      </c>
      <c r="O17878" s="5" t="s">
        <v>38</v>
      </c>
      <c r="P17878" s="5" t="s">
        <v>39</v>
      </c>
      <c r="Q17878" s="5" t="s">
        <v>40</v>
      </c>
      <c r="R17878" s="5" t="s">
        <v>1522</v>
      </c>
      <c r="S17878" s="5" t="s">
        <v>1523</v>
      </c>
      <c r="T17878" s="5" t="s">
        <v>42</v>
      </c>
      <c r="U17878" s="2">
        <v>3.3639999999999999</v>
      </c>
      <c r="V17878" s="2">
        <v>2.6640000000000001</v>
      </c>
      <c r="W17878" s="2">
        <v>0.02</v>
      </c>
      <c r="X17878" s="2">
        <v>159.1</v>
      </c>
      <c r="Y17878" s="2">
        <v>7.6</v>
      </c>
      <c r="Z17878" s="2">
        <v>16.7</v>
      </c>
      <c r="AA17878" s="5"/>
      <c r="AB17878" s="5" t="s">
        <v>43</v>
      </c>
      <c r="AC17878" s="5" t="s">
        <v>44</v>
      </c>
      <c r="AD17878" s="2"/>
      <c r="AE17878" s="1"/>
    </row>
    <row r="17879" spans="1:31" ht="14.45">
      <c r="A17879" s="11"/>
      <c r="B17879" s="20"/>
      <c r="C17879" s="2" t="s">
        <v>54595</v>
      </c>
      <c r="D17879" s="14" t="s">
        <v>54596</v>
      </c>
      <c r="E17879" s="2" t="s">
        <v>54597</v>
      </c>
      <c r="F17879" s="2" t="s">
        <v>7204</v>
      </c>
      <c r="G17879" s="8">
        <v>293</v>
      </c>
      <c r="H17879" s="5">
        <v>6</v>
      </c>
      <c r="I17879" s="5" t="s">
        <v>1518</v>
      </c>
      <c r="J17879" s="5" t="s">
        <v>40939</v>
      </c>
      <c r="K17879" s="2" t="s">
        <v>40940</v>
      </c>
      <c r="L17879" s="5" t="s">
        <v>40939</v>
      </c>
      <c r="M17879" s="2" t="s">
        <v>40940</v>
      </c>
      <c r="N17879" s="5" t="s">
        <v>36266</v>
      </c>
      <c r="O17879" s="5" t="s">
        <v>38</v>
      </c>
      <c r="P17879" s="5" t="s">
        <v>39</v>
      </c>
      <c r="Q17879" s="5" t="s">
        <v>40</v>
      </c>
      <c r="R17879" s="5" t="s">
        <v>1522</v>
      </c>
      <c r="S17879" s="5" t="s">
        <v>1523</v>
      </c>
      <c r="T17879" s="5" t="s">
        <v>42</v>
      </c>
      <c r="U17879" s="2">
        <v>3.415</v>
      </c>
      <c r="V17879" s="2">
        <v>2.6469999999999998</v>
      </c>
      <c r="W17879" s="2">
        <v>2.1000000000000001E-2</v>
      </c>
      <c r="X17879" s="2">
        <v>165.1</v>
      </c>
      <c r="Y17879" s="2">
        <v>7.6</v>
      </c>
      <c r="Z17879" s="2">
        <v>16.7</v>
      </c>
      <c r="AA17879" s="5"/>
      <c r="AB17879" s="5" t="s">
        <v>43</v>
      </c>
      <c r="AC17879" s="5" t="s">
        <v>44</v>
      </c>
      <c r="AD17879" s="2"/>
      <c r="AE17879" s="1"/>
    </row>
    <row r="17880" spans="1:31" ht="14.45">
      <c r="A17880" s="11"/>
      <c r="B17880" s="20"/>
      <c r="C17880" s="2" t="s">
        <v>54598</v>
      </c>
      <c r="D17880" s="14" t="s">
        <v>54599</v>
      </c>
      <c r="E17880" s="2" t="s">
        <v>54600</v>
      </c>
      <c r="F17880" s="2" t="s">
        <v>7514</v>
      </c>
      <c r="G17880" s="8">
        <v>293</v>
      </c>
      <c r="H17880" s="5">
        <v>6</v>
      </c>
      <c r="I17880" s="5" t="s">
        <v>1518</v>
      </c>
      <c r="J17880" s="5" t="s">
        <v>40939</v>
      </c>
      <c r="K17880" s="2" t="s">
        <v>40940</v>
      </c>
      <c r="L17880" s="5" t="s">
        <v>40939</v>
      </c>
      <c r="M17880" s="2" t="s">
        <v>40940</v>
      </c>
      <c r="N17880" s="5" t="s">
        <v>36266</v>
      </c>
      <c r="O17880" s="5" t="s">
        <v>38</v>
      </c>
      <c r="P17880" s="5" t="s">
        <v>39</v>
      </c>
      <c r="Q17880" s="5" t="s">
        <v>40</v>
      </c>
      <c r="R17880" s="5" t="s">
        <v>1522</v>
      </c>
      <c r="S17880" s="5" t="s">
        <v>1523</v>
      </c>
      <c r="T17880" s="5" t="s">
        <v>42</v>
      </c>
      <c r="U17880" s="2">
        <v>3.532</v>
      </c>
      <c r="V17880" s="2">
        <v>2.7639999999999998</v>
      </c>
      <c r="W17880" s="2">
        <v>2.1000000000000001E-2</v>
      </c>
      <c r="X17880" s="2">
        <v>165.1</v>
      </c>
      <c r="Y17880" s="2">
        <v>7.6</v>
      </c>
      <c r="Z17880" s="2">
        <v>16.7</v>
      </c>
      <c r="AA17880" s="5"/>
      <c r="AB17880" s="5" t="s">
        <v>43</v>
      </c>
      <c r="AC17880" s="5" t="s">
        <v>44</v>
      </c>
      <c r="AD17880" s="2"/>
      <c r="AE17880" s="1"/>
    </row>
    <row r="17881" spans="1:31" ht="14.45">
      <c r="A17881" s="11"/>
      <c r="B17881" s="20"/>
      <c r="C17881" s="2" t="s">
        <v>54601</v>
      </c>
      <c r="D17881" s="14" t="s">
        <v>54602</v>
      </c>
      <c r="E17881" s="2" t="s">
        <v>54603</v>
      </c>
      <c r="F17881" s="2" t="s">
        <v>7208</v>
      </c>
      <c r="G17881" s="8">
        <v>293</v>
      </c>
      <c r="H17881" s="5">
        <v>6</v>
      </c>
      <c r="I17881" s="5" t="s">
        <v>1518</v>
      </c>
      <c r="J17881" s="5" t="s">
        <v>40939</v>
      </c>
      <c r="K17881" s="2" t="s">
        <v>40940</v>
      </c>
      <c r="L17881" s="5" t="s">
        <v>40939</v>
      </c>
      <c r="M17881" s="2" t="s">
        <v>40940</v>
      </c>
      <c r="N17881" s="5" t="s">
        <v>36266</v>
      </c>
      <c r="O17881" s="5" t="s">
        <v>38</v>
      </c>
      <c r="P17881" s="5" t="s">
        <v>39</v>
      </c>
      <c r="Q17881" s="5" t="s">
        <v>40</v>
      </c>
      <c r="R17881" s="5" t="s">
        <v>1522</v>
      </c>
      <c r="S17881" s="5" t="s">
        <v>1523</v>
      </c>
      <c r="T17881" s="5" t="s">
        <v>42</v>
      </c>
      <c r="U17881" s="2">
        <v>3.45</v>
      </c>
      <c r="V17881" s="2">
        <v>2.6819999999999999</v>
      </c>
      <c r="W17881" s="2">
        <v>2.1000000000000001E-2</v>
      </c>
      <c r="X17881" s="2">
        <v>165.1</v>
      </c>
      <c r="Y17881" s="2">
        <v>7.6</v>
      </c>
      <c r="Z17881" s="2">
        <v>16.7</v>
      </c>
      <c r="AA17881" s="5"/>
      <c r="AB17881" s="5" t="s">
        <v>43</v>
      </c>
      <c r="AC17881" s="5" t="s">
        <v>44</v>
      </c>
      <c r="AD17881" s="2"/>
      <c r="AE17881" s="1"/>
    </row>
    <row r="17882" spans="1:31" ht="14.45">
      <c r="A17882" s="11"/>
      <c r="B17882" s="20"/>
      <c r="C17882" s="2" t="s">
        <v>54604</v>
      </c>
      <c r="D17882" s="14" t="s">
        <v>54605</v>
      </c>
      <c r="E17882" s="2" t="s">
        <v>54606</v>
      </c>
      <c r="F17882" s="2" t="s">
        <v>7521</v>
      </c>
      <c r="G17882" s="8">
        <v>293</v>
      </c>
      <c r="H17882" s="5">
        <v>6</v>
      </c>
      <c r="I17882" s="5" t="s">
        <v>1518</v>
      </c>
      <c r="J17882" s="5" t="s">
        <v>40939</v>
      </c>
      <c r="K17882" s="2" t="s">
        <v>40940</v>
      </c>
      <c r="L17882" s="5" t="s">
        <v>40939</v>
      </c>
      <c r="M17882" s="2" t="s">
        <v>40940</v>
      </c>
      <c r="N17882" s="5" t="s">
        <v>36266</v>
      </c>
      <c r="O17882" s="5" t="s">
        <v>38</v>
      </c>
      <c r="P17882" s="5" t="s">
        <v>39</v>
      </c>
      <c r="Q17882" s="5" t="s">
        <v>40</v>
      </c>
      <c r="R17882" s="5" t="s">
        <v>1522</v>
      </c>
      <c r="S17882" s="5" t="s">
        <v>1523</v>
      </c>
      <c r="T17882" s="5" t="s">
        <v>42</v>
      </c>
      <c r="U17882" s="2">
        <v>3.5670000000000002</v>
      </c>
      <c r="V17882" s="2">
        <v>2.7989999999999999</v>
      </c>
      <c r="W17882" s="2">
        <v>2.1000000000000001E-2</v>
      </c>
      <c r="X17882" s="2">
        <v>165.1</v>
      </c>
      <c r="Y17882" s="2">
        <v>7.6</v>
      </c>
      <c r="Z17882" s="2">
        <v>16.7</v>
      </c>
      <c r="AA17882" s="5"/>
      <c r="AB17882" s="5" t="s">
        <v>43</v>
      </c>
      <c r="AC17882" s="5" t="s">
        <v>44</v>
      </c>
      <c r="AD17882" s="2"/>
      <c r="AE17882" s="1"/>
    </row>
    <row r="17883" spans="1:31" ht="14.45">
      <c r="A17883" s="11"/>
      <c r="B17883" s="20"/>
      <c r="C17883" s="2" t="s">
        <v>54607</v>
      </c>
      <c r="D17883" s="14" t="s">
        <v>54608</v>
      </c>
      <c r="E17883" s="2" t="s">
        <v>54609</v>
      </c>
      <c r="F17883" s="2" t="s">
        <v>40967</v>
      </c>
      <c r="G17883" s="8">
        <v>318</v>
      </c>
      <c r="H17883" s="5">
        <v>6</v>
      </c>
      <c r="I17883" s="5" t="s">
        <v>1518</v>
      </c>
      <c r="J17883" s="5" t="s">
        <v>40939</v>
      </c>
      <c r="K17883" s="2" t="s">
        <v>40940</v>
      </c>
      <c r="L17883" s="5" t="s">
        <v>40939</v>
      </c>
      <c r="M17883" s="2" t="s">
        <v>40940</v>
      </c>
      <c r="N17883" s="5" t="s">
        <v>36266</v>
      </c>
      <c r="O17883" s="5" t="s">
        <v>38</v>
      </c>
      <c r="P17883" s="5" t="s">
        <v>39</v>
      </c>
      <c r="Q17883" s="5" t="s">
        <v>40</v>
      </c>
      <c r="R17883" s="5" t="s">
        <v>1522</v>
      </c>
      <c r="S17883" s="5" t="s">
        <v>1523</v>
      </c>
      <c r="T17883" s="5" t="s">
        <v>42</v>
      </c>
      <c r="U17883" s="2">
        <v>3.45</v>
      </c>
      <c r="V17883" s="2">
        <v>2.6819999999999999</v>
      </c>
      <c r="W17883" s="2">
        <v>2.1000000000000001E-2</v>
      </c>
      <c r="X17883" s="2">
        <v>165.1</v>
      </c>
      <c r="Y17883" s="2">
        <v>7.6</v>
      </c>
      <c r="Z17883" s="2">
        <v>16.7</v>
      </c>
      <c r="AA17883" s="5"/>
      <c r="AB17883" s="5" t="s">
        <v>43</v>
      </c>
      <c r="AC17883" s="5" t="s">
        <v>44</v>
      </c>
      <c r="AD17883" s="2"/>
      <c r="AE17883" s="1"/>
    </row>
    <row r="17884" spans="1:31" ht="14.45">
      <c r="A17884" s="11"/>
      <c r="B17884" s="20"/>
      <c r="C17884" s="2" t="s">
        <v>54610</v>
      </c>
      <c r="D17884" s="14" t="s">
        <v>54611</v>
      </c>
      <c r="E17884" s="2" t="s">
        <v>54612</v>
      </c>
      <c r="F17884" s="2" t="s">
        <v>40971</v>
      </c>
      <c r="G17884" s="8">
        <v>318</v>
      </c>
      <c r="H17884" s="5">
        <v>6</v>
      </c>
      <c r="I17884" s="5" t="s">
        <v>1518</v>
      </c>
      <c r="J17884" s="5" t="s">
        <v>40939</v>
      </c>
      <c r="K17884" s="2" t="s">
        <v>40940</v>
      </c>
      <c r="L17884" s="5" t="s">
        <v>40939</v>
      </c>
      <c r="M17884" s="2" t="s">
        <v>40940</v>
      </c>
      <c r="N17884" s="5" t="s">
        <v>36266</v>
      </c>
      <c r="O17884" s="5" t="s">
        <v>38</v>
      </c>
      <c r="P17884" s="5" t="s">
        <v>39</v>
      </c>
      <c r="Q17884" s="5" t="s">
        <v>40</v>
      </c>
      <c r="R17884" s="5" t="s">
        <v>1522</v>
      </c>
      <c r="S17884" s="5" t="s">
        <v>1523</v>
      </c>
      <c r="T17884" s="5" t="s">
        <v>42</v>
      </c>
      <c r="U17884" s="2">
        <v>3.5670000000000002</v>
      </c>
      <c r="V17884" s="2">
        <v>2.7989999999999999</v>
      </c>
      <c r="W17884" s="2">
        <v>2.1000000000000001E-2</v>
      </c>
      <c r="X17884" s="2">
        <v>165.1</v>
      </c>
      <c r="Y17884" s="2">
        <v>7.6</v>
      </c>
      <c r="Z17884" s="2">
        <v>16.7</v>
      </c>
      <c r="AA17884" s="5"/>
      <c r="AB17884" s="5" t="s">
        <v>43</v>
      </c>
      <c r="AC17884" s="5" t="s">
        <v>44</v>
      </c>
      <c r="AD17884" s="2"/>
      <c r="AE17884" s="1"/>
    </row>
    <row r="17885" spans="1:31" ht="14.45">
      <c r="A17885" s="11"/>
      <c r="B17885" s="20"/>
      <c r="C17885" s="2" t="s">
        <v>54613</v>
      </c>
      <c r="D17885" s="14" t="s">
        <v>54614</v>
      </c>
      <c r="E17885" s="2" t="s">
        <v>54615</v>
      </c>
      <c r="F17885" s="2" t="s">
        <v>41027</v>
      </c>
      <c r="G17885" s="8">
        <v>318</v>
      </c>
      <c r="H17885" s="5">
        <v>6</v>
      </c>
      <c r="I17885" s="5" t="s">
        <v>1518</v>
      </c>
      <c r="J17885" s="5" t="s">
        <v>40939</v>
      </c>
      <c r="K17885" s="2" t="s">
        <v>40940</v>
      </c>
      <c r="L17885" s="5" t="s">
        <v>40939</v>
      </c>
      <c r="M17885" s="2" t="s">
        <v>40940</v>
      </c>
      <c r="N17885" s="5" t="s">
        <v>36266</v>
      </c>
      <c r="O17885" s="5" t="s">
        <v>38</v>
      </c>
      <c r="P17885" s="5" t="s">
        <v>39</v>
      </c>
      <c r="Q17885" s="5" t="s">
        <v>40</v>
      </c>
      <c r="R17885" s="5" t="s">
        <v>1522</v>
      </c>
      <c r="S17885" s="5" t="s">
        <v>1523</v>
      </c>
      <c r="T17885" s="5" t="s">
        <v>42</v>
      </c>
      <c r="U17885" s="2">
        <v>3.5209999999999999</v>
      </c>
      <c r="V17885" s="2">
        <v>2.7530000000000001</v>
      </c>
      <c r="W17885" s="2">
        <v>2.1000000000000001E-2</v>
      </c>
      <c r="X17885" s="2">
        <v>165.1</v>
      </c>
      <c r="Y17885" s="2">
        <v>7.6</v>
      </c>
      <c r="Z17885" s="2">
        <v>16.7</v>
      </c>
      <c r="AA17885" s="5"/>
      <c r="AB17885" s="5" t="s">
        <v>43</v>
      </c>
      <c r="AC17885" s="5" t="s">
        <v>44</v>
      </c>
      <c r="AD17885" s="2"/>
      <c r="AE17885" s="1"/>
    </row>
    <row r="17886" spans="1:31" ht="14.45">
      <c r="A17886" s="11"/>
      <c r="B17886" s="20"/>
      <c r="C17886" s="2" t="s">
        <v>54616</v>
      </c>
      <c r="D17886" s="14" t="s">
        <v>54617</v>
      </c>
      <c r="E17886" s="2" t="s">
        <v>54618</v>
      </c>
      <c r="F17886" s="2" t="s">
        <v>7204</v>
      </c>
      <c r="G17886" s="8">
        <v>278</v>
      </c>
      <c r="H17886" s="5">
        <v>6</v>
      </c>
      <c r="I17886" s="5" t="s">
        <v>1518</v>
      </c>
      <c r="J17886" s="5" t="s">
        <v>40939</v>
      </c>
      <c r="K17886" s="2" t="s">
        <v>40940</v>
      </c>
      <c r="L17886" s="5" t="s">
        <v>40939</v>
      </c>
      <c r="M17886" s="2" t="s">
        <v>40940</v>
      </c>
      <c r="N17886" s="5" t="s">
        <v>36266</v>
      </c>
      <c r="O17886" s="5" t="s">
        <v>38</v>
      </c>
      <c r="P17886" s="5" t="s">
        <v>39</v>
      </c>
      <c r="Q17886" s="5" t="s">
        <v>40</v>
      </c>
      <c r="R17886" s="5" t="s">
        <v>1522</v>
      </c>
      <c r="S17886" s="5" t="s">
        <v>1523</v>
      </c>
      <c r="T17886" s="5" t="s">
        <v>42</v>
      </c>
      <c r="U17886" s="2">
        <v>2.7730000000000001</v>
      </c>
      <c r="V17886" s="2">
        <v>2.238</v>
      </c>
      <c r="W17886" s="2">
        <v>1.4999999999999999E-2</v>
      </c>
      <c r="X17886" s="2">
        <v>118.9</v>
      </c>
      <c r="Y17886" s="2">
        <v>7.6</v>
      </c>
      <c r="Z17886" s="2">
        <v>16.7</v>
      </c>
      <c r="AA17886" s="5"/>
      <c r="AB17886" s="5" t="s">
        <v>43</v>
      </c>
      <c r="AC17886" s="5" t="s">
        <v>44</v>
      </c>
      <c r="AD17886" s="2"/>
      <c r="AE17886" s="1"/>
    </row>
    <row r="17887" spans="1:31" ht="14.45">
      <c r="A17887" s="11"/>
      <c r="B17887" s="20"/>
      <c r="C17887" s="2" t="s">
        <v>54619</v>
      </c>
      <c r="D17887" s="14" t="s">
        <v>54620</v>
      </c>
      <c r="E17887" s="2" t="s">
        <v>54621</v>
      </c>
      <c r="F17887" s="2" t="s">
        <v>7514</v>
      </c>
      <c r="G17887" s="8">
        <v>278</v>
      </c>
      <c r="H17887" s="5">
        <v>6</v>
      </c>
      <c r="I17887" s="5" t="s">
        <v>1518</v>
      </c>
      <c r="J17887" s="5" t="s">
        <v>40939</v>
      </c>
      <c r="K17887" s="2" t="s">
        <v>40940</v>
      </c>
      <c r="L17887" s="5" t="s">
        <v>40939</v>
      </c>
      <c r="M17887" s="2" t="s">
        <v>40940</v>
      </c>
      <c r="N17887" s="5" t="s">
        <v>36266</v>
      </c>
      <c r="O17887" s="5" t="s">
        <v>38</v>
      </c>
      <c r="P17887" s="5" t="s">
        <v>39</v>
      </c>
      <c r="Q17887" s="5" t="s">
        <v>40</v>
      </c>
      <c r="R17887" s="5" t="s">
        <v>1522</v>
      </c>
      <c r="S17887" s="5" t="s">
        <v>1523</v>
      </c>
      <c r="T17887" s="5" t="s">
        <v>42</v>
      </c>
      <c r="U17887" s="2">
        <v>2.8479999999999999</v>
      </c>
      <c r="V17887" s="2">
        <v>2.3130000000000002</v>
      </c>
      <c r="W17887" s="2">
        <v>1.4999999999999999E-2</v>
      </c>
      <c r="X17887" s="2">
        <v>118.9</v>
      </c>
      <c r="Y17887" s="2">
        <v>7.6</v>
      </c>
      <c r="Z17887" s="2">
        <v>16.7</v>
      </c>
      <c r="AA17887" s="5"/>
      <c r="AB17887" s="5" t="s">
        <v>43</v>
      </c>
      <c r="AC17887" s="5" t="s">
        <v>44</v>
      </c>
      <c r="AD17887" s="2"/>
      <c r="AE17887" s="1"/>
    </row>
    <row r="17888" spans="1:31" ht="14.45">
      <c r="A17888" s="11"/>
      <c r="B17888" s="20"/>
      <c r="C17888" s="2" t="s">
        <v>54622</v>
      </c>
      <c r="D17888" s="14" t="s">
        <v>54623</v>
      </c>
      <c r="E17888" s="2" t="s">
        <v>54624</v>
      </c>
      <c r="F17888" s="2" t="s">
        <v>7208</v>
      </c>
      <c r="G17888" s="8">
        <v>278</v>
      </c>
      <c r="H17888" s="5">
        <v>6</v>
      </c>
      <c r="I17888" s="5" t="s">
        <v>1518</v>
      </c>
      <c r="J17888" s="5" t="s">
        <v>40939</v>
      </c>
      <c r="K17888" s="2" t="s">
        <v>40940</v>
      </c>
      <c r="L17888" s="5" t="s">
        <v>40939</v>
      </c>
      <c r="M17888" s="2" t="s">
        <v>40940</v>
      </c>
      <c r="N17888" s="5" t="s">
        <v>36266</v>
      </c>
      <c r="O17888" s="5" t="s">
        <v>38</v>
      </c>
      <c r="P17888" s="5" t="s">
        <v>39</v>
      </c>
      <c r="Q17888" s="5" t="s">
        <v>40</v>
      </c>
      <c r="R17888" s="5" t="s">
        <v>1522</v>
      </c>
      <c r="S17888" s="5" t="s">
        <v>1523</v>
      </c>
      <c r="T17888" s="5" t="s">
        <v>42</v>
      </c>
      <c r="U17888" s="2">
        <v>2.7970000000000002</v>
      </c>
      <c r="V17888" s="2">
        <v>2.262</v>
      </c>
      <c r="W17888" s="2">
        <v>1.4999999999999999E-2</v>
      </c>
      <c r="X17888" s="2">
        <v>118.9</v>
      </c>
      <c r="Y17888" s="2">
        <v>7.6</v>
      </c>
      <c r="Z17888" s="2">
        <v>16.7</v>
      </c>
      <c r="AA17888" s="5"/>
      <c r="AB17888" s="5" t="s">
        <v>43</v>
      </c>
      <c r="AC17888" s="5" t="s">
        <v>44</v>
      </c>
      <c r="AD17888" s="2"/>
      <c r="AE17888" s="1"/>
    </row>
    <row r="17889" spans="1:31" ht="14.45">
      <c r="A17889" s="11"/>
      <c r="B17889" s="20"/>
      <c r="C17889" s="2" t="s">
        <v>54625</v>
      </c>
      <c r="D17889" s="14" t="s">
        <v>54626</v>
      </c>
      <c r="E17889" s="2" t="s">
        <v>54627</v>
      </c>
      <c r="F17889" s="2" t="s">
        <v>7521</v>
      </c>
      <c r="G17889" s="8">
        <v>278</v>
      </c>
      <c r="H17889" s="5">
        <v>6</v>
      </c>
      <c r="I17889" s="5" t="s">
        <v>1518</v>
      </c>
      <c r="J17889" s="5" t="s">
        <v>40939</v>
      </c>
      <c r="K17889" s="2" t="s">
        <v>40940</v>
      </c>
      <c r="L17889" s="5" t="s">
        <v>40939</v>
      </c>
      <c r="M17889" s="2" t="s">
        <v>40940</v>
      </c>
      <c r="N17889" s="5" t="s">
        <v>36266</v>
      </c>
      <c r="O17889" s="5" t="s">
        <v>38</v>
      </c>
      <c r="P17889" s="5" t="s">
        <v>39</v>
      </c>
      <c r="Q17889" s="5" t="s">
        <v>40</v>
      </c>
      <c r="R17889" s="5" t="s">
        <v>1522</v>
      </c>
      <c r="S17889" s="5" t="s">
        <v>1523</v>
      </c>
      <c r="T17889" s="5" t="s">
        <v>42</v>
      </c>
      <c r="U17889" s="2">
        <v>2.8719999999999999</v>
      </c>
      <c r="V17889" s="2">
        <v>2.3370000000000002</v>
      </c>
      <c r="W17889" s="2">
        <v>1.4999999999999999E-2</v>
      </c>
      <c r="X17889" s="2">
        <v>118.9</v>
      </c>
      <c r="Y17889" s="2">
        <v>7.6</v>
      </c>
      <c r="Z17889" s="2">
        <v>16.7</v>
      </c>
      <c r="AA17889" s="5"/>
      <c r="AB17889" s="5" t="s">
        <v>43</v>
      </c>
      <c r="AC17889" s="5" t="s">
        <v>44</v>
      </c>
      <c r="AD17889" s="2"/>
      <c r="AE17889" s="1"/>
    </row>
    <row r="17890" spans="1:31" ht="14.45">
      <c r="A17890" s="11"/>
      <c r="B17890" s="20"/>
      <c r="C17890" s="2" t="s">
        <v>54628</v>
      </c>
      <c r="D17890" s="14" t="s">
        <v>54629</v>
      </c>
      <c r="E17890" s="2" t="s">
        <v>54630</v>
      </c>
      <c r="F17890" s="2" t="s">
        <v>36273</v>
      </c>
      <c r="G17890" s="8">
        <v>278</v>
      </c>
      <c r="H17890" s="5">
        <v>6</v>
      </c>
      <c r="I17890" s="5" t="s">
        <v>1518</v>
      </c>
      <c r="J17890" s="5" t="s">
        <v>40939</v>
      </c>
      <c r="K17890" s="2" t="s">
        <v>40940</v>
      </c>
      <c r="L17890" s="5" t="s">
        <v>40939</v>
      </c>
      <c r="M17890" s="2" t="s">
        <v>40940</v>
      </c>
      <c r="N17890" s="5" t="s">
        <v>36266</v>
      </c>
      <c r="O17890" s="5" t="s">
        <v>38</v>
      </c>
      <c r="P17890" s="5" t="s">
        <v>39</v>
      </c>
      <c r="Q17890" s="5" t="s">
        <v>40</v>
      </c>
      <c r="R17890" s="5" t="s">
        <v>1522</v>
      </c>
      <c r="S17890" s="5" t="s">
        <v>1523</v>
      </c>
      <c r="T17890" s="5" t="s">
        <v>42</v>
      </c>
      <c r="U17890" s="2">
        <v>2.8119999999999998</v>
      </c>
      <c r="V17890" s="2">
        <v>2.2770000000000001</v>
      </c>
      <c r="W17890" s="2">
        <v>1.4999999999999999E-2</v>
      </c>
      <c r="X17890" s="2">
        <v>118.9</v>
      </c>
      <c r="Y17890" s="2">
        <v>7.6</v>
      </c>
      <c r="Z17890" s="2">
        <v>16.7</v>
      </c>
      <c r="AA17890" s="5"/>
      <c r="AB17890" s="5" t="s">
        <v>43</v>
      </c>
      <c r="AC17890" s="5" t="s">
        <v>44</v>
      </c>
      <c r="AD17890" s="2"/>
      <c r="AE17890" s="1"/>
    </row>
    <row r="17891" spans="1:31" ht="14.45">
      <c r="A17891" s="11"/>
      <c r="B17891" s="20"/>
      <c r="C17891" s="2" t="s">
        <v>54631</v>
      </c>
      <c r="D17891" s="14" t="s">
        <v>54632</v>
      </c>
      <c r="E17891" s="2" t="s">
        <v>54633</v>
      </c>
      <c r="F17891" s="2" t="s">
        <v>36277</v>
      </c>
      <c r="G17891" s="8">
        <v>278</v>
      </c>
      <c r="H17891" s="5">
        <v>6</v>
      </c>
      <c r="I17891" s="5" t="s">
        <v>1518</v>
      </c>
      <c r="J17891" s="5" t="s">
        <v>40939</v>
      </c>
      <c r="K17891" s="2" t="s">
        <v>40940</v>
      </c>
      <c r="L17891" s="5" t="s">
        <v>40939</v>
      </c>
      <c r="M17891" s="2" t="s">
        <v>40940</v>
      </c>
      <c r="N17891" s="5" t="s">
        <v>36266</v>
      </c>
      <c r="O17891" s="5" t="s">
        <v>38</v>
      </c>
      <c r="P17891" s="5" t="s">
        <v>39</v>
      </c>
      <c r="Q17891" s="5" t="s">
        <v>40</v>
      </c>
      <c r="R17891" s="5" t="s">
        <v>1522</v>
      </c>
      <c r="S17891" s="5" t="s">
        <v>1523</v>
      </c>
      <c r="T17891" s="5" t="s">
        <v>42</v>
      </c>
      <c r="U17891" s="2">
        <v>2.887</v>
      </c>
      <c r="V17891" s="2">
        <v>2.3519999999999999</v>
      </c>
      <c r="W17891" s="2">
        <v>1.4999999999999999E-2</v>
      </c>
      <c r="X17891" s="2">
        <v>118.9</v>
      </c>
      <c r="Y17891" s="2">
        <v>7.6</v>
      </c>
      <c r="Z17891" s="2">
        <v>16.7</v>
      </c>
      <c r="AA17891" s="5"/>
      <c r="AB17891" s="5" t="s">
        <v>43</v>
      </c>
      <c r="AC17891" s="5" t="s">
        <v>44</v>
      </c>
      <c r="AD17891" s="2"/>
      <c r="AE17891" s="1"/>
    </row>
    <row r="17892" spans="1:31" ht="14.45">
      <c r="A17892" s="11"/>
      <c r="B17892" s="20"/>
      <c r="C17892" s="2" t="s">
        <v>54634</v>
      </c>
      <c r="D17892" s="14" t="s">
        <v>54635</v>
      </c>
      <c r="E17892" s="2" t="s">
        <v>54636</v>
      </c>
      <c r="F17892" s="2" t="s">
        <v>40967</v>
      </c>
      <c r="G17892" s="8">
        <v>300</v>
      </c>
      <c r="H17892" s="5">
        <v>6</v>
      </c>
      <c r="I17892" s="5" t="s">
        <v>1518</v>
      </c>
      <c r="J17892" s="5" t="s">
        <v>40939</v>
      </c>
      <c r="K17892" s="2" t="s">
        <v>40940</v>
      </c>
      <c r="L17892" s="5" t="s">
        <v>40939</v>
      </c>
      <c r="M17892" s="2" t="s">
        <v>40940</v>
      </c>
      <c r="N17892" s="5" t="s">
        <v>36266</v>
      </c>
      <c r="O17892" s="5" t="s">
        <v>38</v>
      </c>
      <c r="P17892" s="5" t="s">
        <v>39</v>
      </c>
      <c r="Q17892" s="5" t="s">
        <v>40</v>
      </c>
      <c r="R17892" s="5" t="s">
        <v>1522</v>
      </c>
      <c r="S17892" s="5" t="s">
        <v>1523</v>
      </c>
      <c r="T17892" s="5" t="s">
        <v>42</v>
      </c>
      <c r="U17892" s="2">
        <v>2.7970000000000002</v>
      </c>
      <c r="V17892" s="2">
        <v>2.262</v>
      </c>
      <c r="W17892" s="2">
        <v>1.4999999999999999E-2</v>
      </c>
      <c r="X17892" s="2">
        <v>118.9</v>
      </c>
      <c r="Y17892" s="2">
        <v>7.6</v>
      </c>
      <c r="Z17892" s="2">
        <v>16.7</v>
      </c>
      <c r="AA17892" s="5"/>
      <c r="AB17892" s="5" t="s">
        <v>43</v>
      </c>
      <c r="AC17892" s="5" t="s">
        <v>44</v>
      </c>
      <c r="AD17892" s="2"/>
      <c r="AE17892" s="1"/>
    </row>
    <row r="17893" spans="1:31" ht="14.45">
      <c r="A17893" s="11"/>
      <c r="B17893" s="20"/>
      <c r="C17893" s="2" t="s">
        <v>54637</v>
      </c>
      <c r="D17893" s="14" t="s">
        <v>54638</v>
      </c>
      <c r="E17893" s="2" t="s">
        <v>54639</v>
      </c>
      <c r="F17893" s="2" t="s">
        <v>40971</v>
      </c>
      <c r="G17893" s="8">
        <v>300</v>
      </c>
      <c r="H17893" s="5">
        <v>6</v>
      </c>
      <c r="I17893" s="5" t="s">
        <v>1518</v>
      </c>
      <c r="J17893" s="5" t="s">
        <v>40939</v>
      </c>
      <c r="K17893" s="2" t="s">
        <v>40940</v>
      </c>
      <c r="L17893" s="5" t="s">
        <v>40939</v>
      </c>
      <c r="M17893" s="2" t="s">
        <v>40940</v>
      </c>
      <c r="N17893" s="5" t="s">
        <v>36266</v>
      </c>
      <c r="O17893" s="5" t="s">
        <v>38</v>
      </c>
      <c r="P17893" s="5" t="s">
        <v>39</v>
      </c>
      <c r="Q17893" s="5" t="s">
        <v>40</v>
      </c>
      <c r="R17893" s="5" t="s">
        <v>1522</v>
      </c>
      <c r="S17893" s="5" t="s">
        <v>1523</v>
      </c>
      <c r="T17893" s="5" t="s">
        <v>42</v>
      </c>
      <c r="U17893" s="2">
        <v>2.8719999999999999</v>
      </c>
      <c r="V17893" s="2">
        <v>2.3370000000000002</v>
      </c>
      <c r="W17893" s="2">
        <v>1.4999999999999999E-2</v>
      </c>
      <c r="X17893" s="2">
        <v>118.9</v>
      </c>
      <c r="Y17893" s="2">
        <v>7.6</v>
      </c>
      <c r="Z17893" s="2">
        <v>16.7</v>
      </c>
      <c r="AA17893" s="5"/>
      <c r="AB17893" s="5" t="s">
        <v>43</v>
      </c>
      <c r="AC17893" s="5" t="s">
        <v>44</v>
      </c>
      <c r="AD17893" s="2"/>
      <c r="AE17893" s="1"/>
    </row>
    <row r="17894" spans="1:31" ht="14.45">
      <c r="A17894" s="11"/>
      <c r="B17894" s="20"/>
      <c r="C17894" s="2" t="s">
        <v>54640</v>
      </c>
      <c r="D17894" s="14" t="s">
        <v>54641</v>
      </c>
      <c r="E17894" s="2" t="s">
        <v>54642</v>
      </c>
      <c r="F17894" s="2" t="s">
        <v>40989</v>
      </c>
      <c r="G17894" s="8">
        <v>300</v>
      </c>
      <c r="H17894" s="5">
        <v>6</v>
      </c>
      <c r="I17894" s="5" t="s">
        <v>1518</v>
      </c>
      <c r="J17894" s="5" t="s">
        <v>40939</v>
      </c>
      <c r="K17894" s="2" t="s">
        <v>40940</v>
      </c>
      <c r="L17894" s="5" t="s">
        <v>40939</v>
      </c>
      <c r="M17894" s="2" t="s">
        <v>40940</v>
      </c>
      <c r="N17894" s="5" t="s">
        <v>36266</v>
      </c>
      <c r="O17894" s="5" t="s">
        <v>38</v>
      </c>
      <c r="P17894" s="5" t="s">
        <v>39</v>
      </c>
      <c r="Q17894" s="5" t="s">
        <v>40</v>
      </c>
      <c r="R17894" s="5" t="s">
        <v>1522</v>
      </c>
      <c r="S17894" s="5" t="s">
        <v>1523</v>
      </c>
      <c r="T17894" s="5" t="s">
        <v>42</v>
      </c>
      <c r="U17894" s="2">
        <v>2.7970000000000002</v>
      </c>
      <c r="V17894" s="2">
        <v>2.262</v>
      </c>
      <c r="W17894" s="2">
        <v>1.4999999999999999E-2</v>
      </c>
      <c r="X17894" s="2">
        <v>118.9</v>
      </c>
      <c r="Y17894" s="2">
        <v>7.6</v>
      </c>
      <c r="Z17894" s="2">
        <v>16.7</v>
      </c>
      <c r="AA17894" s="5"/>
      <c r="AB17894" s="5" t="s">
        <v>43</v>
      </c>
      <c r="AC17894" s="5" t="s">
        <v>44</v>
      </c>
      <c r="AD17894" s="2"/>
      <c r="AE17894" s="1"/>
    </row>
    <row r="17895" spans="1:31" ht="14.45">
      <c r="A17895" s="11"/>
      <c r="B17895" s="20"/>
      <c r="C17895" s="2" t="s">
        <v>54643</v>
      </c>
      <c r="D17895" s="14" t="s">
        <v>54644</v>
      </c>
      <c r="E17895" s="2" t="s">
        <v>54645</v>
      </c>
      <c r="F17895" s="2" t="s">
        <v>40993</v>
      </c>
      <c r="G17895" s="8">
        <v>300</v>
      </c>
      <c r="H17895" s="5">
        <v>6</v>
      </c>
      <c r="I17895" s="5" t="s">
        <v>1518</v>
      </c>
      <c r="J17895" s="5" t="s">
        <v>40939</v>
      </c>
      <c r="K17895" s="2" t="s">
        <v>40940</v>
      </c>
      <c r="L17895" s="5" t="s">
        <v>40939</v>
      </c>
      <c r="M17895" s="2" t="s">
        <v>40940</v>
      </c>
      <c r="N17895" s="5" t="s">
        <v>36266</v>
      </c>
      <c r="O17895" s="5" t="s">
        <v>38</v>
      </c>
      <c r="P17895" s="5" t="s">
        <v>39</v>
      </c>
      <c r="Q17895" s="5" t="s">
        <v>40</v>
      </c>
      <c r="R17895" s="5" t="s">
        <v>1522</v>
      </c>
      <c r="S17895" s="5" t="s">
        <v>1523</v>
      </c>
      <c r="T17895" s="5" t="s">
        <v>42</v>
      </c>
      <c r="U17895" s="2">
        <v>2.8719999999999999</v>
      </c>
      <c r="V17895" s="2">
        <v>2.3370000000000002</v>
      </c>
      <c r="W17895" s="2">
        <v>1.4999999999999999E-2</v>
      </c>
      <c r="X17895" s="2">
        <v>118.9</v>
      </c>
      <c r="Y17895" s="2">
        <v>7.6</v>
      </c>
      <c r="Z17895" s="2">
        <v>16.7</v>
      </c>
      <c r="AA17895" s="5"/>
      <c r="AB17895" s="5" t="s">
        <v>43</v>
      </c>
      <c r="AC17895" s="5" t="s">
        <v>44</v>
      </c>
      <c r="AD17895" s="2"/>
      <c r="AE17895" s="1"/>
    </row>
    <row r="17896" spans="1:31" ht="14.45">
      <c r="A17896" s="11"/>
      <c r="B17896" s="20"/>
      <c r="C17896" s="2" t="s">
        <v>54646</v>
      </c>
      <c r="D17896" s="14" t="s">
        <v>54647</v>
      </c>
      <c r="E17896" s="2" t="s">
        <v>54648</v>
      </c>
      <c r="F17896" s="2" t="s">
        <v>7396</v>
      </c>
      <c r="G17896" s="8">
        <v>278</v>
      </c>
      <c r="H17896" s="5">
        <v>6</v>
      </c>
      <c r="I17896" s="5" t="s">
        <v>1518</v>
      </c>
      <c r="J17896" s="5" t="s">
        <v>40939</v>
      </c>
      <c r="K17896" s="2" t="s">
        <v>40940</v>
      </c>
      <c r="L17896" s="5" t="s">
        <v>40939</v>
      </c>
      <c r="M17896" s="2" t="s">
        <v>40940</v>
      </c>
      <c r="N17896" s="5" t="s">
        <v>36266</v>
      </c>
      <c r="O17896" s="5" t="s">
        <v>38</v>
      </c>
      <c r="P17896" s="5" t="s">
        <v>39</v>
      </c>
      <c r="Q17896" s="5" t="s">
        <v>40</v>
      </c>
      <c r="R17896" s="5" t="s">
        <v>1522</v>
      </c>
      <c r="S17896" s="5" t="s">
        <v>1523</v>
      </c>
      <c r="T17896" s="5" t="s">
        <v>42</v>
      </c>
      <c r="U17896" s="2">
        <v>2.8050000000000002</v>
      </c>
      <c r="V17896" s="2">
        <v>2.27</v>
      </c>
      <c r="W17896" s="2">
        <v>1.4999999999999999E-2</v>
      </c>
      <c r="X17896" s="2">
        <v>118.9</v>
      </c>
      <c r="Y17896" s="2">
        <v>7.6</v>
      </c>
      <c r="Z17896" s="2">
        <v>16.7</v>
      </c>
      <c r="AA17896" s="5"/>
      <c r="AB17896" s="5" t="s">
        <v>43</v>
      </c>
      <c r="AC17896" s="5" t="s">
        <v>44</v>
      </c>
      <c r="AD17896" s="2"/>
      <c r="AE17896" s="1"/>
    </row>
    <row r="17897" spans="1:31" ht="14.45">
      <c r="A17897" s="11"/>
      <c r="B17897" s="20"/>
      <c r="C17897" s="2" t="s">
        <v>54649</v>
      </c>
      <c r="D17897" s="14" t="s">
        <v>54650</v>
      </c>
      <c r="E17897" s="2" t="s">
        <v>54651</v>
      </c>
      <c r="F17897" s="2" t="s">
        <v>7507</v>
      </c>
      <c r="G17897" s="8">
        <v>278</v>
      </c>
      <c r="H17897" s="5">
        <v>6</v>
      </c>
      <c r="I17897" s="5" t="s">
        <v>1518</v>
      </c>
      <c r="J17897" s="5" t="s">
        <v>40939</v>
      </c>
      <c r="K17897" s="2" t="s">
        <v>40940</v>
      </c>
      <c r="L17897" s="5" t="s">
        <v>40939</v>
      </c>
      <c r="M17897" s="2" t="s">
        <v>40940</v>
      </c>
      <c r="N17897" s="5" t="s">
        <v>36266</v>
      </c>
      <c r="O17897" s="5" t="s">
        <v>38</v>
      </c>
      <c r="P17897" s="5" t="s">
        <v>39</v>
      </c>
      <c r="Q17897" s="5" t="s">
        <v>40</v>
      </c>
      <c r="R17897" s="5" t="s">
        <v>1522</v>
      </c>
      <c r="S17897" s="5" t="s">
        <v>1523</v>
      </c>
      <c r="T17897" s="5" t="s">
        <v>42</v>
      </c>
      <c r="U17897" s="2">
        <v>2.88</v>
      </c>
      <c r="V17897" s="2">
        <v>2.3450000000000002</v>
      </c>
      <c r="W17897" s="2">
        <v>1.4999999999999999E-2</v>
      </c>
      <c r="X17897" s="2">
        <v>118.9</v>
      </c>
      <c r="Y17897" s="2">
        <v>7.6</v>
      </c>
      <c r="Z17897" s="2">
        <v>16.7</v>
      </c>
      <c r="AA17897" s="5"/>
      <c r="AB17897" s="5" t="s">
        <v>43</v>
      </c>
      <c r="AC17897" s="5" t="s">
        <v>44</v>
      </c>
      <c r="AD17897" s="2"/>
      <c r="AE17897" s="1"/>
    </row>
    <row r="17898" spans="1:31" ht="14.45">
      <c r="A17898" s="11"/>
      <c r="B17898" s="20"/>
      <c r="C17898" s="2" t="s">
        <v>54652</v>
      </c>
      <c r="D17898" s="14" t="s">
        <v>54653</v>
      </c>
      <c r="E17898" s="2" t="s">
        <v>54654</v>
      </c>
      <c r="F17898" s="2" t="s">
        <v>41023</v>
      </c>
      <c r="G17898" s="8">
        <v>300</v>
      </c>
      <c r="H17898" s="5">
        <v>6</v>
      </c>
      <c r="I17898" s="5" t="s">
        <v>1518</v>
      </c>
      <c r="J17898" s="5" t="s">
        <v>40939</v>
      </c>
      <c r="K17898" s="2" t="s">
        <v>40940</v>
      </c>
      <c r="L17898" s="5" t="s">
        <v>40939</v>
      </c>
      <c r="M17898" s="2" t="s">
        <v>40940</v>
      </c>
      <c r="N17898" s="5" t="s">
        <v>36266</v>
      </c>
      <c r="O17898" s="5" t="s">
        <v>38</v>
      </c>
      <c r="P17898" s="5" t="s">
        <v>39</v>
      </c>
      <c r="Q17898" s="5" t="s">
        <v>40</v>
      </c>
      <c r="R17898" s="5" t="s">
        <v>1522</v>
      </c>
      <c r="S17898" s="5" t="s">
        <v>1523</v>
      </c>
      <c r="T17898" s="5" t="s">
        <v>42</v>
      </c>
      <c r="U17898" s="2">
        <v>2.766</v>
      </c>
      <c r="V17898" s="2">
        <v>2.2309999999999999</v>
      </c>
      <c r="W17898" s="2">
        <v>1.4999999999999999E-2</v>
      </c>
      <c r="X17898" s="2">
        <v>118.9</v>
      </c>
      <c r="Y17898" s="2">
        <v>7.6</v>
      </c>
      <c r="Z17898" s="2">
        <v>16.7</v>
      </c>
      <c r="AA17898" s="5"/>
      <c r="AB17898" s="5" t="s">
        <v>43</v>
      </c>
      <c r="AC17898" s="5" t="s">
        <v>44</v>
      </c>
      <c r="AD17898" s="2"/>
      <c r="AE17898" s="1"/>
    </row>
    <row r="17899" spans="1:31" ht="14.45">
      <c r="A17899" s="11"/>
      <c r="B17899" s="20"/>
      <c r="C17899" s="2" t="s">
        <v>54655</v>
      </c>
      <c r="D17899" s="14" t="s">
        <v>54656</v>
      </c>
      <c r="E17899" s="2" t="s">
        <v>54657</v>
      </c>
      <c r="F17899" s="2" t="s">
        <v>41031</v>
      </c>
      <c r="G17899" s="8">
        <v>300</v>
      </c>
      <c r="H17899" s="5">
        <v>6</v>
      </c>
      <c r="I17899" s="5" t="s">
        <v>1518</v>
      </c>
      <c r="J17899" s="5" t="s">
        <v>40939</v>
      </c>
      <c r="K17899" s="2" t="s">
        <v>40940</v>
      </c>
      <c r="L17899" s="5" t="s">
        <v>40939</v>
      </c>
      <c r="M17899" s="2" t="s">
        <v>40940</v>
      </c>
      <c r="N17899" s="5" t="s">
        <v>36266</v>
      </c>
      <c r="O17899" s="5" t="s">
        <v>38</v>
      </c>
      <c r="P17899" s="5" t="s">
        <v>39</v>
      </c>
      <c r="Q17899" s="5" t="s">
        <v>40</v>
      </c>
      <c r="R17899" s="5" t="s">
        <v>1522</v>
      </c>
      <c r="S17899" s="5" t="s">
        <v>1523</v>
      </c>
      <c r="T17899" s="5" t="s">
        <v>42</v>
      </c>
      <c r="U17899" s="2">
        <v>2.766</v>
      </c>
      <c r="V17899" s="2">
        <v>2.2309999999999999</v>
      </c>
      <c r="W17899" s="2">
        <v>1.4999999999999999E-2</v>
      </c>
      <c r="X17899" s="2">
        <v>118.9</v>
      </c>
      <c r="Y17899" s="2">
        <v>7.6</v>
      </c>
      <c r="Z17899" s="2">
        <v>16.7</v>
      </c>
      <c r="AA17899" s="5"/>
      <c r="AB17899" s="5" t="s">
        <v>43</v>
      </c>
      <c r="AC17899" s="5" t="s">
        <v>44</v>
      </c>
      <c r="AD17899" s="2"/>
      <c r="AE17899" s="1"/>
    </row>
    <row r="17900" spans="1:31" ht="14.45">
      <c r="A17900" s="11"/>
      <c r="B17900" s="20"/>
      <c r="C17900" s="2" t="s">
        <v>54658</v>
      </c>
      <c r="D17900" s="14" t="s">
        <v>54659</v>
      </c>
      <c r="E17900" s="2" t="s">
        <v>54660</v>
      </c>
      <c r="F17900" s="2" t="s">
        <v>41045</v>
      </c>
      <c r="G17900" s="8">
        <v>300</v>
      </c>
      <c r="H17900" s="5">
        <v>6</v>
      </c>
      <c r="I17900" s="5" t="s">
        <v>1518</v>
      </c>
      <c r="J17900" s="5" t="s">
        <v>40939</v>
      </c>
      <c r="K17900" s="2" t="s">
        <v>40940</v>
      </c>
      <c r="L17900" s="5" t="s">
        <v>40939</v>
      </c>
      <c r="M17900" s="2" t="s">
        <v>40940</v>
      </c>
      <c r="N17900" s="5" t="s">
        <v>36266</v>
      </c>
      <c r="O17900" s="5" t="s">
        <v>38</v>
      </c>
      <c r="P17900" s="5" t="s">
        <v>39</v>
      </c>
      <c r="Q17900" s="5" t="s">
        <v>40</v>
      </c>
      <c r="R17900" s="5" t="s">
        <v>1522</v>
      </c>
      <c r="S17900" s="5" t="s">
        <v>1523</v>
      </c>
      <c r="T17900" s="5" t="s">
        <v>42</v>
      </c>
      <c r="U17900" s="2">
        <v>2.8119999999999998</v>
      </c>
      <c r="V17900" s="2">
        <v>2.2770000000000001</v>
      </c>
      <c r="W17900" s="2">
        <v>1.4999999999999999E-2</v>
      </c>
      <c r="X17900" s="2">
        <v>118.9</v>
      </c>
      <c r="Y17900" s="2">
        <v>7.6</v>
      </c>
      <c r="Z17900" s="2">
        <v>16.7</v>
      </c>
      <c r="AA17900" s="5"/>
      <c r="AB17900" s="5" t="s">
        <v>43</v>
      </c>
      <c r="AC17900" s="5" t="s">
        <v>44</v>
      </c>
      <c r="AD17900" s="2"/>
      <c r="AE17900" s="1"/>
    </row>
    <row r="17901" spans="1:31" ht="14.45">
      <c r="A17901" s="11"/>
      <c r="B17901" s="20"/>
      <c r="C17901" s="2" t="s">
        <v>54661</v>
      </c>
      <c r="D17901" s="14" t="s">
        <v>54662</v>
      </c>
      <c r="E17901" s="2" t="s">
        <v>54663</v>
      </c>
      <c r="F17901" s="2" t="s">
        <v>41049</v>
      </c>
      <c r="G17901" s="8">
        <v>300</v>
      </c>
      <c r="H17901" s="5">
        <v>6</v>
      </c>
      <c r="I17901" s="5" t="s">
        <v>1518</v>
      </c>
      <c r="J17901" s="5" t="s">
        <v>40939</v>
      </c>
      <c r="K17901" s="2" t="s">
        <v>40940</v>
      </c>
      <c r="L17901" s="5" t="s">
        <v>40939</v>
      </c>
      <c r="M17901" s="2" t="s">
        <v>40940</v>
      </c>
      <c r="N17901" s="5" t="s">
        <v>36266</v>
      </c>
      <c r="O17901" s="5" t="s">
        <v>38</v>
      </c>
      <c r="P17901" s="5" t="s">
        <v>39</v>
      </c>
      <c r="Q17901" s="5" t="s">
        <v>40</v>
      </c>
      <c r="R17901" s="5" t="s">
        <v>1522</v>
      </c>
      <c r="S17901" s="5" t="s">
        <v>1523</v>
      </c>
      <c r="T17901" s="5" t="s">
        <v>42</v>
      </c>
      <c r="U17901" s="2">
        <v>2.887</v>
      </c>
      <c r="V17901" s="2">
        <v>2.3519999999999999</v>
      </c>
      <c r="W17901" s="2">
        <v>1.4999999999999999E-2</v>
      </c>
      <c r="X17901" s="2">
        <v>118.9</v>
      </c>
      <c r="Y17901" s="2">
        <v>7.6</v>
      </c>
      <c r="Z17901" s="2">
        <v>16.7</v>
      </c>
      <c r="AA17901" s="5"/>
      <c r="AB17901" s="5" t="s">
        <v>43</v>
      </c>
      <c r="AC17901" s="5" t="s">
        <v>44</v>
      </c>
      <c r="AD17901" s="2"/>
      <c r="AE17901" s="1"/>
    </row>
    <row r="17902" spans="1:31" ht="14.45">
      <c r="A17902" s="11"/>
      <c r="B17902" s="20"/>
      <c r="C17902" s="2" t="s">
        <v>54664</v>
      </c>
      <c r="D17902" s="14" t="s">
        <v>54665</v>
      </c>
      <c r="E17902" s="2" t="s">
        <v>54666</v>
      </c>
      <c r="F17902" s="2" t="s">
        <v>7204</v>
      </c>
      <c r="G17902" s="8">
        <v>278</v>
      </c>
      <c r="H17902" s="5">
        <v>6</v>
      </c>
      <c r="I17902" s="5" t="s">
        <v>1518</v>
      </c>
      <c r="J17902" s="5" t="s">
        <v>40939</v>
      </c>
      <c r="K17902" s="2" t="s">
        <v>40940</v>
      </c>
      <c r="L17902" s="5" t="s">
        <v>40939</v>
      </c>
      <c r="M17902" s="2" t="s">
        <v>40940</v>
      </c>
      <c r="N17902" s="5" t="s">
        <v>36266</v>
      </c>
      <c r="O17902" s="5" t="s">
        <v>38</v>
      </c>
      <c r="P17902" s="5" t="s">
        <v>39</v>
      </c>
      <c r="Q17902" s="5" t="s">
        <v>40</v>
      </c>
      <c r="R17902" s="5" t="s">
        <v>1522</v>
      </c>
      <c r="S17902" s="5" t="s">
        <v>1523</v>
      </c>
      <c r="T17902" s="5" t="s">
        <v>42</v>
      </c>
      <c r="U17902" s="2">
        <v>2.92</v>
      </c>
      <c r="V17902" s="2">
        <v>2.3929999999999998</v>
      </c>
      <c r="W17902" s="2">
        <v>1.4999999999999999E-2</v>
      </c>
      <c r="X17902" s="2">
        <v>118.9</v>
      </c>
      <c r="Y17902" s="2">
        <v>7.6</v>
      </c>
      <c r="Z17902" s="2">
        <v>16.7</v>
      </c>
      <c r="AA17902" s="5"/>
      <c r="AB17902" s="5" t="s">
        <v>43</v>
      </c>
      <c r="AC17902" s="5" t="s">
        <v>44</v>
      </c>
      <c r="AD17902" s="2"/>
      <c r="AE17902" s="1"/>
    </row>
    <row r="17903" spans="1:31" ht="14.45">
      <c r="A17903" s="11"/>
      <c r="B17903" s="20"/>
      <c r="C17903" s="2" t="s">
        <v>54667</v>
      </c>
      <c r="D17903" s="14" t="s">
        <v>54668</v>
      </c>
      <c r="E17903" s="2" t="s">
        <v>54669</v>
      </c>
      <c r="F17903" s="2" t="s">
        <v>7514</v>
      </c>
      <c r="G17903" s="8">
        <v>278</v>
      </c>
      <c r="H17903" s="5">
        <v>6</v>
      </c>
      <c r="I17903" s="5" t="s">
        <v>1518</v>
      </c>
      <c r="J17903" s="5" t="s">
        <v>40939</v>
      </c>
      <c r="K17903" s="2" t="s">
        <v>40940</v>
      </c>
      <c r="L17903" s="5" t="s">
        <v>40939</v>
      </c>
      <c r="M17903" s="2" t="s">
        <v>40940</v>
      </c>
      <c r="N17903" s="5" t="s">
        <v>36266</v>
      </c>
      <c r="O17903" s="5" t="s">
        <v>38</v>
      </c>
      <c r="P17903" s="5" t="s">
        <v>39</v>
      </c>
      <c r="Q17903" s="5" t="s">
        <v>40</v>
      </c>
      <c r="R17903" s="5" t="s">
        <v>1522</v>
      </c>
      <c r="S17903" s="5" t="s">
        <v>1523</v>
      </c>
      <c r="T17903" s="5" t="s">
        <v>42</v>
      </c>
      <c r="U17903" s="2">
        <v>3.0059999999999998</v>
      </c>
      <c r="V17903" s="2">
        <v>2.4790000000000001</v>
      </c>
      <c r="W17903" s="2">
        <v>1.4999999999999999E-2</v>
      </c>
      <c r="X17903" s="2">
        <v>118.9</v>
      </c>
      <c r="Y17903" s="2">
        <v>7.6</v>
      </c>
      <c r="Z17903" s="2">
        <v>16.7</v>
      </c>
      <c r="AA17903" s="5"/>
      <c r="AB17903" s="5" t="s">
        <v>43</v>
      </c>
      <c r="AC17903" s="5" t="s">
        <v>44</v>
      </c>
      <c r="AD17903" s="2"/>
      <c r="AE17903" s="1"/>
    </row>
    <row r="17904" spans="1:31" ht="14.45">
      <c r="A17904" s="11"/>
      <c r="B17904" s="20"/>
      <c r="C17904" s="2" t="s">
        <v>54670</v>
      </c>
      <c r="D17904" s="14" t="s">
        <v>54671</v>
      </c>
      <c r="E17904" s="2" t="s">
        <v>54672</v>
      </c>
      <c r="F17904" s="2" t="s">
        <v>47266</v>
      </c>
      <c r="G17904" s="8">
        <v>300</v>
      </c>
      <c r="H17904" s="5">
        <v>6</v>
      </c>
      <c r="I17904" s="5" t="s">
        <v>1518</v>
      </c>
      <c r="J17904" s="5" t="s">
        <v>40939</v>
      </c>
      <c r="K17904" s="2" t="s">
        <v>40940</v>
      </c>
      <c r="L17904" s="5" t="s">
        <v>40939</v>
      </c>
      <c r="M17904" s="2" t="s">
        <v>40940</v>
      </c>
      <c r="N17904" s="5" t="s">
        <v>36266</v>
      </c>
      <c r="O17904" s="5" t="s">
        <v>38</v>
      </c>
      <c r="P17904" s="5" t="s">
        <v>39</v>
      </c>
      <c r="Q17904" s="5" t="s">
        <v>40</v>
      </c>
      <c r="R17904" s="5" t="s">
        <v>1522</v>
      </c>
      <c r="S17904" s="5" t="s">
        <v>1523</v>
      </c>
      <c r="T17904" s="5" t="s">
        <v>42</v>
      </c>
      <c r="U17904" s="2">
        <v>2.9390000000000001</v>
      </c>
      <c r="V17904" s="2">
        <v>2.4119999999999999</v>
      </c>
      <c r="W17904" s="2">
        <v>1.4999999999999999E-2</v>
      </c>
      <c r="X17904" s="2">
        <v>118.9</v>
      </c>
      <c r="Y17904" s="2">
        <v>7.6</v>
      </c>
      <c r="Z17904" s="2">
        <v>16.7</v>
      </c>
      <c r="AA17904" s="5"/>
      <c r="AB17904" s="5" t="s">
        <v>43</v>
      </c>
      <c r="AC17904" s="5" t="s">
        <v>44</v>
      </c>
      <c r="AD17904" s="2"/>
      <c r="AE17904" s="1"/>
    </row>
    <row r="17905" spans="1:31" ht="14.45">
      <c r="A17905" s="11"/>
      <c r="B17905" s="20"/>
      <c r="C17905" s="2" t="s">
        <v>54673</v>
      </c>
      <c r="D17905" s="14" t="s">
        <v>54674</v>
      </c>
      <c r="E17905" s="2" t="s">
        <v>54675</v>
      </c>
      <c r="F17905" s="2" t="s">
        <v>7208</v>
      </c>
      <c r="G17905" s="8">
        <v>278</v>
      </c>
      <c r="H17905" s="5">
        <v>6</v>
      </c>
      <c r="I17905" s="5" t="s">
        <v>1518</v>
      </c>
      <c r="J17905" s="5" t="s">
        <v>40939</v>
      </c>
      <c r="K17905" s="2" t="s">
        <v>40940</v>
      </c>
      <c r="L17905" s="5" t="s">
        <v>40939</v>
      </c>
      <c r="M17905" s="2" t="s">
        <v>40940</v>
      </c>
      <c r="N17905" s="5" t="s">
        <v>36266</v>
      </c>
      <c r="O17905" s="5" t="s">
        <v>38</v>
      </c>
      <c r="P17905" s="5" t="s">
        <v>39</v>
      </c>
      <c r="Q17905" s="5" t="s">
        <v>40</v>
      </c>
      <c r="R17905" s="5" t="s">
        <v>1522</v>
      </c>
      <c r="S17905" s="5" t="s">
        <v>1523</v>
      </c>
      <c r="T17905" s="5" t="s">
        <v>42</v>
      </c>
      <c r="U17905" s="2">
        <v>2.948</v>
      </c>
      <c r="V17905" s="2">
        <v>2.4209999999999998</v>
      </c>
      <c r="W17905" s="2">
        <v>1.4999999999999999E-2</v>
      </c>
      <c r="X17905" s="2">
        <v>118.9</v>
      </c>
      <c r="Y17905" s="2">
        <v>7.6</v>
      </c>
      <c r="Z17905" s="2">
        <v>16.7</v>
      </c>
      <c r="AA17905" s="5"/>
      <c r="AB17905" s="5" t="s">
        <v>43</v>
      </c>
      <c r="AC17905" s="5" t="s">
        <v>44</v>
      </c>
      <c r="AD17905" s="2"/>
      <c r="AE17905" s="1"/>
    </row>
    <row r="17906" spans="1:31" ht="14.45">
      <c r="A17906" s="11"/>
      <c r="B17906" s="20"/>
      <c r="C17906" s="2" t="s">
        <v>54676</v>
      </c>
      <c r="D17906" s="14" t="s">
        <v>54677</v>
      </c>
      <c r="E17906" s="2" t="s">
        <v>54678</v>
      </c>
      <c r="F17906" s="2" t="s">
        <v>36273</v>
      </c>
      <c r="G17906" s="8">
        <v>278</v>
      </c>
      <c r="H17906" s="5">
        <v>6</v>
      </c>
      <c r="I17906" s="5" t="s">
        <v>1518</v>
      </c>
      <c r="J17906" s="5" t="s">
        <v>40939</v>
      </c>
      <c r="K17906" s="2" t="s">
        <v>40940</v>
      </c>
      <c r="L17906" s="5" t="s">
        <v>40939</v>
      </c>
      <c r="M17906" s="2" t="s">
        <v>40940</v>
      </c>
      <c r="N17906" s="5" t="s">
        <v>36266</v>
      </c>
      <c r="O17906" s="5" t="s">
        <v>38</v>
      </c>
      <c r="P17906" s="5" t="s">
        <v>39</v>
      </c>
      <c r="Q17906" s="5" t="s">
        <v>40</v>
      </c>
      <c r="R17906" s="5" t="s">
        <v>1522</v>
      </c>
      <c r="S17906" s="5" t="s">
        <v>1523</v>
      </c>
      <c r="T17906" s="5" t="s">
        <v>42</v>
      </c>
      <c r="U17906" s="2">
        <v>2.9670000000000001</v>
      </c>
      <c r="V17906" s="2">
        <v>2.44</v>
      </c>
      <c r="W17906" s="2">
        <v>1.4999999999999999E-2</v>
      </c>
      <c r="X17906" s="2">
        <v>118.9</v>
      </c>
      <c r="Y17906" s="2">
        <v>7.6</v>
      </c>
      <c r="Z17906" s="2">
        <v>16.7</v>
      </c>
      <c r="AA17906" s="5"/>
      <c r="AB17906" s="5" t="s">
        <v>43</v>
      </c>
      <c r="AC17906" s="5" t="s">
        <v>44</v>
      </c>
      <c r="AD17906" s="2"/>
      <c r="AE17906" s="1"/>
    </row>
    <row r="17907" spans="1:31" ht="14.45">
      <c r="A17907" s="11"/>
      <c r="B17907" s="20"/>
      <c r="C17907" s="2" t="s">
        <v>54679</v>
      </c>
      <c r="D17907" s="14" t="s">
        <v>54680</v>
      </c>
      <c r="E17907" s="2" t="s">
        <v>54681</v>
      </c>
      <c r="F17907" s="2" t="s">
        <v>36277</v>
      </c>
      <c r="G17907" s="8">
        <v>278</v>
      </c>
      <c r="H17907" s="5">
        <v>6</v>
      </c>
      <c r="I17907" s="5" t="s">
        <v>1518</v>
      </c>
      <c r="J17907" s="5" t="s">
        <v>40939</v>
      </c>
      <c r="K17907" s="2" t="s">
        <v>40940</v>
      </c>
      <c r="L17907" s="5" t="s">
        <v>40939</v>
      </c>
      <c r="M17907" s="2" t="s">
        <v>40940</v>
      </c>
      <c r="N17907" s="5" t="s">
        <v>36266</v>
      </c>
      <c r="O17907" s="5" t="s">
        <v>38</v>
      </c>
      <c r="P17907" s="5" t="s">
        <v>39</v>
      </c>
      <c r="Q17907" s="5" t="s">
        <v>40</v>
      </c>
      <c r="R17907" s="5" t="s">
        <v>1522</v>
      </c>
      <c r="S17907" s="5" t="s">
        <v>1523</v>
      </c>
      <c r="T17907" s="5" t="s">
        <v>42</v>
      </c>
      <c r="U17907" s="2">
        <v>3.0529999999999999</v>
      </c>
      <c r="V17907" s="2">
        <v>2.5259999999999998</v>
      </c>
      <c r="W17907" s="2">
        <v>1.4999999999999999E-2</v>
      </c>
      <c r="X17907" s="2">
        <v>118.9</v>
      </c>
      <c r="Y17907" s="2">
        <v>7.6</v>
      </c>
      <c r="Z17907" s="2">
        <v>16.7</v>
      </c>
      <c r="AA17907" s="5"/>
      <c r="AB17907" s="5" t="s">
        <v>43</v>
      </c>
      <c r="AC17907" s="5" t="s">
        <v>44</v>
      </c>
      <c r="AD17907" s="2"/>
      <c r="AE17907" s="1"/>
    </row>
    <row r="17908" spans="1:31" ht="14.45">
      <c r="A17908" s="11"/>
      <c r="B17908" s="20"/>
      <c r="C17908" s="2" t="s">
        <v>54682</v>
      </c>
      <c r="D17908" s="14" t="s">
        <v>54683</v>
      </c>
      <c r="E17908" s="2" t="s">
        <v>54684</v>
      </c>
      <c r="F17908" s="2" t="s">
        <v>7543</v>
      </c>
      <c r="G17908" s="8">
        <v>300</v>
      </c>
      <c r="H17908" s="5">
        <v>6</v>
      </c>
      <c r="I17908" s="5" t="s">
        <v>1518</v>
      </c>
      <c r="J17908" s="5" t="s">
        <v>40939</v>
      </c>
      <c r="K17908" s="2" t="s">
        <v>40940</v>
      </c>
      <c r="L17908" s="5" t="s">
        <v>40939</v>
      </c>
      <c r="M17908" s="2" t="s">
        <v>40940</v>
      </c>
      <c r="N17908" s="5" t="s">
        <v>36266</v>
      </c>
      <c r="O17908" s="5" t="s">
        <v>38</v>
      </c>
      <c r="P17908" s="5" t="s">
        <v>39</v>
      </c>
      <c r="Q17908" s="5" t="s">
        <v>40</v>
      </c>
      <c r="R17908" s="5" t="s">
        <v>1522</v>
      </c>
      <c r="S17908" s="5" t="s">
        <v>1523</v>
      </c>
      <c r="T17908" s="5" t="s">
        <v>42</v>
      </c>
      <c r="U17908" s="2">
        <v>2.988</v>
      </c>
      <c r="V17908" s="2">
        <v>2.4609999999999999</v>
      </c>
      <c r="W17908" s="2">
        <v>1.4999999999999999E-2</v>
      </c>
      <c r="X17908" s="2">
        <v>118.9</v>
      </c>
      <c r="Y17908" s="2">
        <v>7.6</v>
      </c>
      <c r="Z17908" s="2">
        <v>16.7</v>
      </c>
      <c r="AA17908" s="5"/>
      <c r="AB17908" s="5" t="s">
        <v>43</v>
      </c>
      <c r="AC17908" s="5" t="s">
        <v>44</v>
      </c>
      <c r="AD17908" s="2"/>
      <c r="AE17908" s="1"/>
    </row>
    <row r="17909" spans="1:31" ht="14.45">
      <c r="A17909" s="11"/>
      <c r="B17909" s="20"/>
      <c r="C17909" s="2" t="s">
        <v>54685</v>
      </c>
      <c r="D17909" s="14" t="s">
        <v>54686</v>
      </c>
      <c r="E17909" s="2" t="s">
        <v>54687</v>
      </c>
      <c r="F17909" s="2" t="s">
        <v>40989</v>
      </c>
      <c r="G17909" s="8">
        <v>300</v>
      </c>
      <c r="H17909" s="5">
        <v>6</v>
      </c>
      <c r="I17909" s="5" t="s">
        <v>1518</v>
      </c>
      <c r="J17909" s="5" t="s">
        <v>40939</v>
      </c>
      <c r="K17909" s="2" t="s">
        <v>40940</v>
      </c>
      <c r="L17909" s="5" t="s">
        <v>40939</v>
      </c>
      <c r="M17909" s="2" t="s">
        <v>40940</v>
      </c>
      <c r="N17909" s="5" t="s">
        <v>36266</v>
      </c>
      <c r="O17909" s="5" t="s">
        <v>38</v>
      </c>
      <c r="P17909" s="5" t="s">
        <v>39</v>
      </c>
      <c r="Q17909" s="5" t="s">
        <v>40</v>
      </c>
      <c r="R17909" s="5" t="s">
        <v>1522</v>
      </c>
      <c r="S17909" s="5" t="s">
        <v>1523</v>
      </c>
      <c r="T17909" s="5" t="s">
        <v>42</v>
      </c>
      <c r="U17909" s="2">
        <v>2.948</v>
      </c>
      <c r="V17909" s="2">
        <v>2.4209999999999998</v>
      </c>
      <c r="W17909" s="2">
        <v>1.4999999999999999E-2</v>
      </c>
      <c r="X17909" s="2">
        <v>118.9</v>
      </c>
      <c r="Y17909" s="2">
        <v>7.6</v>
      </c>
      <c r="Z17909" s="2">
        <v>16.7</v>
      </c>
      <c r="AA17909" s="5"/>
      <c r="AB17909" s="5" t="s">
        <v>43</v>
      </c>
      <c r="AC17909" s="5" t="s">
        <v>44</v>
      </c>
      <c r="AD17909" s="2"/>
      <c r="AE17909" s="1"/>
    </row>
    <row r="17910" spans="1:31" ht="14.45">
      <c r="A17910" s="11"/>
      <c r="B17910" s="20"/>
      <c r="C17910" s="2" t="s">
        <v>54688</v>
      </c>
      <c r="D17910" s="14" t="s">
        <v>54689</v>
      </c>
      <c r="E17910" s="2" t="s">
        <v>54690</v>
      </c>
      <c r="F17910" s="2" t="s">
        <v>7396</v>
      </c>
      <c r="G17910" s="8">
        <v>278</v>
      </c>
      <c r="H17910" s="5">
        <v>6</v>
      </c>
      <c r="I17910" s="5" t="s">
        <v>1518</v>
      </c>
      <c r="J17910" s="5" t="s">
        <v>40939</v>
      </c>
      <c r="K17910" s="2" t="s">
        <v>40940</v>
      </c>
      <c r="L17910" s="5" t="s">
        <v>40939</v>
      </c>
      <c r="M17910" s="2" t="s">
        <v>40940</v>
      </c>
      <c r="N17910" s="5" t="s">
        <v>36266</v>
      </c>
      <c r="O17910" s="5" t="s">
        <v>38</v>
      </c>
      <c r="P17910" s="5" t="s">
        <v>39</v>
      </c>
      <c r="Q17910" s="5" t="s">
        <v>40</v>
      </c>
      <c r="R17910" s="5" t="s">
        <v>1522</v>
      </c>
      <c r="S17910" s="5" t="s">
        <v>1523</v>
      </c>
      <c r="T17910" s="5" t="s">
        <v>42</v>
      </c>
      <c r="U17910" s="2">
        <v>2.9580000000000002</v>
      </c>
      <c r="V17910" s="2">
        <v>2.431</v>
      </c>
      <c r="W17910" s="2">
        <v>1.4999999999999999E-2</v>
      </c>
      <c r="X17910" s="2">
        <v>118.9</v>
      </c>
      <c r="Y17910" s="2">
        <v>7.6</v>
      </c>
      <c r="Z17910" s="2">
        <v>16.7</v>
      </c>
      <c r="AA17910" s="5"/>
      <c r="AB17910" s="5" t="s">
        <v>43</v>
      </c>
      <c r="AC17910" s="5" t="s">
        <v>44</v>
      </c>
      <c r="AD17910" s="2"/>
      <c r="AE17910" s="1"/>
    </row>
    <row r="17911" spans="1:31" ht="14.45">
      <c r="A17911" s="11"/>
      <c r="B17911" s="20"/>
      <c r="C17911" s="2" t="s">
        <v>54691</v>
      </c>
      <c r="D17911" s="14" t="s">
        <v>54692</v>
      </c>
      <c r="E17911" s="2" t="s">
        <v>54693</v>
      </c>
      <c r="F17911" s="2" t="s">
        <v>7507</v>
      </c>
      <c r="G17911" s="8">
        <v>278</v>
      </c>
      <c r="H17911" s="5">
        <v>6</v>
      </c>
      <c r="I17911" s="5" t="s">
        <v>1518</v>
      </c>
      <c r="J17911" s="5" t="s">
        <v>40939</v>
      </c>
      <c r="K17911" s="2" t="s">
        <v>40940</v>
      </c>
      <c r="L17911" s="5" t="s">
        <v>40939</v>
      </c>
      <c r="M17911" s="2" t="s">
        <v>40940</v>
      </c>
      <c r="N17911" s="5" t="s">
        <v>36266</v>
      </c>
      <c r="O17911" s="5" t="s">
        <v>38</v>
      </c>
      <c r="P17911" s="5" t="s">
        <v>39</v>
      </c>
      <c r="Q17911" s="5" t="s">
        <v>40</v>
      </c>
      <c r="R17911" s="5" t="s">
        <v>1522</v>
      </c>
      <c r="S17911" s="5" t="s">
        <v>1523</v>
      </c>
      <c r="T17911" s="5" t="s">
        <v>42</v>
      </c>
      <c r="U17911" s="2">
        <v>3.044</v>
      </c>
      <c r="V17911" s="2">
        <v>2.5169999999999999</v>
      </c>
      <c r="W17911" s="2">
        <v>1.4999999999999999E-2</v>
      </c>
      <c r="X17911" s="2">
        <v>118.9</v>
      </c>
      <c r="Y17911" s="2">
        <v>7.6</v>
      </c>
      <c r="Z17911" s="2">
        <v>16.7</v>
      </c>
      <c r="AA17911" s="5"/>
      <c r="AB17911" s="5" t="s">
        <v>43</v>
      </c>
      <c r="AC17911" s="5" t="s">
        <v>44</v>
      </c>
      <c r="AD17911" s="2"/>
      <c r="AE17911" s="1"/>
    </row>
    <row r="17912" spans="1:31" ht="14.45">
      <c r="A17912" s="11"/>
      <c r="B17912" s="20"/>
      <c r="C17912" s="2" t="s">
        <v>54694</v>
      </c>
      <c r="D17912" s="14" t="s">
        <v>54695</v>
      </c>
      <c r="E17912" s="2" t="s">
        <v>54696</v>
      </c>
      <c r="F17912" s="2" t="s">
        <v>41031</v>
      </c>
      <c r="G17912" s="8">
        <v>300</v>
      </c>
      <c r="H17912" s="5">
        <v>6</v>
      </c>
      <c r="I17912" s="5" t="s">
        <v>1518</v>
      </c>
      <c r="J17912" s="5" t="s">
        <v>40939</v>
      </c>
      <c r="K17912" s="2" t="s">
        <v>40940</v>
      </c>
      <c r="L17912" s="5" t="s">
        <v>40939</v>
      </c>
      <c r="M17912" s="2" t="s">
        <v>40940</v>
      </c>
      <c r="N17912" s="5" t="s">
        <v>36266</v>
      </c>
      <c r="O17912" s="5" t="s">
        <v>38</v>
      </c>
      <c r="P17912" s="5" t="s">
        <v>39</v>
      </c>
      <c r="Q17912" s="5" t="s">
        <v>40</v>
      </c>
      <c r="R17912" s="5" t="s">
        <v>1522</v>
      </c>
      <c r="S17912" s="5" t="s">
        <v>1523</v>
      </c>
      <c r="T17912" s="5" t="s">
        <v>42</v>
      </c>
      <c r="U17912" s="2">
        <v>2.911</v>
      </c>
      <c r="V17912" s="2">
        <v>2.3839999999999999</v>
      </c>
      <c r="W17912" s="2">
        <v>1.4999999999999999E-2</v>
      </c>
      <c r="X17912" s="2">
        <v>118.9</v>
      </c>
      <c r="Y17912" s="2">
        <v>7.6</v>
      </c>
      <c r="Z17912" s="2">
        <v>16.7</v>
      </c>
      <c r="AA17912" s="5"/>
      <c r="AB17912" s="5" t="s">
        <v>43</v>
      </c>
      <c r="AC17912" s="5" t="s">
        <v>44</v>
      </c>
      <c r="AD17912" s="2"/>
      <c r="AE17912" s="1"/>
    </row>
    <row r="17913" spans="1:31" ht="14.45">
      <c r="A17913" s="11"/>
      <c r="B17913" s="20"/>
      <c r="C17913" s="2" t="s">
        <v>54697</v>
      </c>
      <c r="D17913" s="14" t="s">
        <v>54698</v>
      </c>
      <c r="E17913" s="2" t="s">
        <v>54699</v>
      </c>
      <c r="F17913" s="2" t="s">
        <v>41035</v>
      </c>
      <c r="G17913" s="8">
        <v>300</v>
      </c>
      <c r="H17913" s="5">
        <v>6</v>
      </c>
      <c r="I17913" s="5" t="s">
        <v>1518</v>
      </c>
      <c r="J17913" s="5" t="s">
        <v>40939</v>
      </c>
      <c r="K17913" s="2" t="s">
        <v>40940</v>
      </c>
      <c r="L17913" s="5" t="s">
        <v>40939</v>
      </c>
      <c r="M17913" s="2" t="s">
        <v>40940</v>
      </c>
      <c r="N17913" s="5" t="s">
        <v>36266</v>
      </c>
      <c r="O17913" s="5" t="s">
        <v>38</v>
      </c>
      <c r="P17913" s="5" t="s">
        <v>39</v>
      </c>
      <c r="Q17913" s="5" t="s">
        <v>40</v>
      </c>
      <c r="R17913" s="5" t="s">
        <v>1522</v>
      </c>
      <c r="S17913" s="5" t="s">
        <v>1523</v>
      </c>
      <c r="T17913" s="5" t="s">
        <v>42</v>
      </c>
      <c r="U17913" s="2">
        <v>2.9969999999999999</v>
      </c>
      <c r="V17913" s="2">
        <v>2.4700000000000002</v>
      </c>
      <c r="W17913" s="2">
        <v>1.4999999999999999E-2</v>
      </c>
      <c r="X17913" s="2">
        <v>118.9</v>
      </c>
      <c r="Y17913" s="2">
        <v>7.6</v>
      </c>
      <c r="Z17913" s="2">
        <v>16.7</v>
      </c>
      <c r="AA17913" s="5"/>
      <c r="AB17913" s="5" t="s">
        <v>43</v>
      </c>
      <c r="AC17913" s="5" t="s">
        <v>44</v>
      </c>
      <c r="AD17913" s="2"/>
      <c r="AE17913" s="1"/>
    </row>
    <row r="17914" spans="1:31" ht="14.45">
      <c r="A17914" s="11"/>
      <c r="B17914" s="20"/>
      <c r="C17914" s="2" t="s">
        <v>54700</v>
      </c>
      <c r="D17914" s="14" t="s">
        <v>54701</v>
      </c>
      <c r="E17914" s="2" t="s">
        <v>54702</v>
      </c>
      <c r="F17914" s="2" t="s">
        <v>7204</v>
      </c>
      <c r="G17914" s="8">
        <v>289</v>
      </c>
      <c r="H17914" s="5">
        <v>6</v>
      </c>
      <c r="I17914" s="5" t="s">
        <v>1518</v>
      </c>
      <c r="J17914" s="5" t="s">
        <v>40939</v>
      </c>
      <c r="K17914" s="2" t="s">
        <v>40940</v>
      </c>
      <c r="L17914" s="5" t="s">
        <v>40939</v>
      </c>
      <c r="M17914" s="2" t="s">
        <v>40940</v>
      </c>
      <c r="N17914" s="5" t="s">
        <v>36266</v>
      </c>
      <c r="O17914" s="5" t="s">
        <v>38</v>
      </c>
      <c r="P17914" s="5" t="s">
        <v>39</v>
      </c>
      <c r="Q17914" s="5" t="s">
        <v>40</v>
      </c>
      <c r="R17914" s="5" t="s">
        <v>1522</v>
      </c>
      <c r="S17914" s="5" t="s">
        <v>1523</v>
      </c>
      <c r="T17914" s="5" t="s">
        <v>42</v>
      </c>
      <c r="U17914" s="2">
        <v>3.0710000000000002</v>
      </c>
      <c r="V17914" s="2">
        <v>2.5529999999999999</v>
      </c>
      <c r="W17914" s="2">
        <v>1.4999999999999999E-2</v>
      </c>
      <c r="X17914" s="2">
        <v>118.9</v>
      </c>
      <c r="Y17914" s="2">
        <v>7.6</v>
      </c>
      <c r="Z17914" s="2">
        <v>16.7</v>
      </c>
      <c r="AA17914" s="5"/>
      <c r="AB17914" s="5" t="s">
        <v>43</v>
      </c>
      <c r="AC17914" s="5" t="s">
        <v>44</v>
      </c>
      <c r="AD17914" s="2"/>
      <c r="AE17914" s="1"/>
    </row>
    <row r="17915" spans="1:31" ht="14.45">
      <c r="A17915" s="11"/>
      <c r="B17915" s="20"/>
      <c r="C17915" s="2" t="s">
        <v>54703</v>
      </c>
      <c r="D17915" s="14" t="s">
        <v>54704</v>
      </c>
      <c r="E17915" s="2" t="s">
        <v>54705</v>
      </c>
      <c r="F17915" s="2" t="s">
        <v>7514</v>
      </c>
      <c r="G17915" s="8">
        <v>289</v>
      </c>
      <c r="H17915" s="5">
        <v>6</v>
      </c>
      <c r="I17915" s="5" t="s">
        <v>1518</v>
      </c>
      <c r="J17915" s="5" t="s">
        <v>40939</v>
      </c>
      <c r="K17915" s="2" t="s">
        <v>40940</v>
      </c>
      <c r="L17915" s="5" t="s">
        <v>40939</v>
      </c>
      <c r="M17915" s="2" t="s">
        <v>40940</v>
      </c>
      <c r="N17915" s="5" t="s">
        <v>36266</v>
      </c>
      <c r="O17915" s="5" t="s">
        <v>38</v>
      </c>
      <c r="P17915" s="5" t="s">
        <v>39</v>
      </c>
      <c r="Q17915" s="5" t="s">
        <v>40</v>
      </c>
      <c r="R17915" s="5" t="s">
        <v>1522</v>
      </c>
      <c r="S17915" s="5" t="s">
        <v>1523</v>
      </c>
      <c r="T17915" s="5" t="s">
        <v>42</v>
      </c>
      <c r="U17915" s="2">
        <v>3.1709999999999998</v>
      </c>
      <c r="V17915" s="2">
        <v>2.653</v>
      </c>
      <c r="W17915" s="2">
        <v>1.4999999999999999E-2</v>
      </c>
      <c r="X17915" s="2">
        <v>118.9</v>
      </c>
      <c r="Y17915" s="2">
        <v>7.6</v>
      </c>
      <c r="Z17915" s="2">
        <v>16.7</v>
      </c>
      <c r="AA17915" s="5"/>
      <c r="AB17915" s="5" t="s">
        <v>43</v>
      </c>
      <c r="AC17915" s="5" t="s">
        <v>44</v>
      </c>
      <c r="AD17915" s="2"/>
      <c r="AE17915" s="1"/>
    </row>
    <row r="17916" spans="1:31" ht="14.45">
      <c r="A17916" s="11"/>
      <c r="B17916" s="20"/>
      <c r="C17916" s="2" t="s">
        <v>54706</v>
      </c>
      <c r="D17916" s="14" t="s">
        <v>54707</v>
      </c>
      <c r="E17916" s="2" t="s">
        <v>54708</v>
      </c>
      <c r="F17916" s="2" t="s">
        <v>47195</v>
      </c>
      <c r="G17916" s="8">
        <v>313</v>
      </c>
      <c r="H17916" s="5">
        <v>6</v>
      </c>
      <c r="I17916" s="5" t="s">
        <v>1518</v>
      </c>
      <c r="J17916" s="5" t="s">
        <v>40939</v>
      </c>
      <c r="K17916" s="2" t="s">
        <v>40940</v>
      </c>
      <c r="L17916" s="5" t="s">
        <v>40939</v>
      </c>
      <c r="M17916" s="2" t="s">
        <v>40940</v>
      </c>
      <c r="N17916" s="5" t="s">
        <v>36266</v>
      </c>
      <c r="O17916" s="5" t="s">
        <v>38</v>
      </c>
      <c r="P17916" s="5" t="s">
        <v>39</v>
      </c>
      <c r="Q17916" s="5" t="s">
        <v>40</v>
      </c>
      <c r="R17916" s="5" t="s">
        <v>1522</v>
      </c>
      <c r="S17916" s="5" t="s">
        <v>1523</v>
      </c>
      <c r="T17916" s="5" t="s">
        <v>42</v>
      </c>
      <c r="U17916" s="2">
        <v>3.1930000000000001</v>
      </c>
      <c r="V17916" s="2">
        <v>2.6749999999999998</v>
      </c>
      <c r="W17916" s="2">
        <v>1.4999999999999999E-2</v>
      </c>
      <c r="X17916" s="2">
        <v>118.9</v>
      </c>
      <c r="Y17916" s="2">
        <v>7.6</v>
      </c>
      <c r="Z17916" s="2">
        <v>16.7</v>
      </c>
      <c r="AA17916" s="5"/>
      <c r="AB17916" s="5" t="s">
        <v>43</v>
      </c>
      <c r="AC17916" s="5" t="s">
        <v>44</v>
      </c>
      <c r="AD17916" s="2"/>
      <c r="AE17916" s="1"/>
    </row>
    <row r="17917" spans="1:31" ht="14.45">
      <c r="A17917" s="11"/>
      <c r="B17917" s="20"/>
      <c r="C17917" s="2" t="s">
        <v>54709</v>
      </c>
      <c r="D17917" s="14" t="s">
        <v>54710</v>
      </c>
      <c r="E17917" s="2" t="s">
        <v>54711</v>
      </c>
      <c r="F17917" s="2" t="s">
        <v>7208</v>
      </c>
      <c r="G17917" s="8">
        <v>289</v>
      </c>
      <c r="H17917" s="5">
        <v>6</v>
      </c>
      <c r="I17917" s="5" t="s">
        <v>1518</v>
      </c>
      <c r="J17917" s="5" t="s">
        <v>40939</v>
      </c>
      <c r="K17917" s="2" t="s">
        <v>40940</v>
      </c>
      <c r="L17917" s="5" t="s">
        <v>40939</v>
      </c>
      <c r="M17917" s="2" t="s">
        <v>40940</v>
      </c>
      <c r="N17917" s="5" t="s">
        <v>36266</v>
      </c>
      <c r="O17917" s="5" t="s">
        <v>38</v>
      </c>
      <c r="P17917" s="5" t="s">
        <v>39</v>
      </c>
      <c r="Q17917" s="5" t="s">
        <v>40</v>
      </c>
      <c r="R17917" s="5" t="s">
        <v>1522</v>
      </c>
      <c r="S17917" s="5" t="s">
        <v>1523</v>
      </c>
      <c r="T17917" s="5" t="s">
        <v>42</v>
      </c>
      <c r="U17917" s="2">
        <v>3.1040000000000001</v>
      </c>
      <c r="V17917" s="2">
        <v>2.5859999999999999</v>
      </c>
      <c r="W17917" s="2">
        <v>1.4999999999999999E-2</v>
      </c>
      <c r="X17917" s="2">
        <v>118.9</v>
      </c>
      <c r="Y17917" s="2">
        <v>7.6</v>
      </c>
      <c r="Z17917" s="2">
        <v>16.7</v>
      </c>
      <c r="AA17917" s="5"/>
      <c r="AB17917" s="5" t="s">
        <v>43</v>
      </c>
      <c r="AC17917" s="5" t="s">
        <v>44</v>
      </c>
      <c r="AD17917" s="2"/>
      <c r="AE17917" s="1"/>
    </row>
    <row r="17918" spans="1:31" ht="14.45">
      <c r="A17918" s="11"/>
      <c r="B17918" s="20"/>
      <c r="C17918" s="2" t="s">
        <v>54712</v>
      </c>
      <c r="D17918" s="14" t="s">
        <v>54713</v>
      </c>
      <c r="E17918" s="2" t="s">
        <v>54714</v>
      </c>
      <c r="F17918" s="2" t="s">
        <v>7521</v>
      </c>
      <c r="G17918" s="8">
        <v>289</v>
      </c>
      <c r="H17918" s="5">
        <v>6</v>
      </c>
      <c r="I17918" s="5" t="s">
        <v>1518</v>
      </c>
      <c r="J17918" s="5" t="s">
        <v>40939</v>
      </c>
      <c r="K17918" s="2" t="s">
        <v>40940</v>
      </c>
      <c r="L17918" s="5" t="s">
        <v>40939</v>
      </c>
      <c r="M17918" s="2" t="s">
        <v>40940</v>
      </c>
      <c r="N17918" s="5" t="s">
        <v>36266</v>
      </c>
      <c r="O17918" s="5" t="s">
        <v>38</v>
      </c>
      <c r="P17918" s="5" t="s">
        <v>39</v>
      </c>
      <c r="Q17918" s="5" t="s">
        <v>40</v>
      </c>
      <c r="R17918" s="5" t="s">
        <v>1522</v>
      </c>
      <c r="S17918" s="5" t="s">
        <v>1523</v>
      </c>
      <c r="T17918" s="5" t="s">
        <v>42</v>
      </c>
      <c r="U17918" s="2">
        <v>3.2040000000000002</v>
      </c>
      <c r="V17918" s="2">
        <v>2.6859999999999999</v>
      </c>
      <c r="W17918" s="2">
        <v>1.4999999999999999E-2</v>
      </c>
      <c r="X17918" s="2">
        <v>118.9</v>
      </c>
      <c r="Y17918" s="2">
        <v>7.6</v>
      </c>
      <c r="Z17918" s="2">
        <v>16.7</v>
      </c>
      <c r="AA17918" s="5"/>
      <c r="AB17918" s="5" t="s">
        <v>43</v>
      </c>
      <c r="AC17918" s="5" t="s">
        <v>44</v>
      </c>
      <c r="AD17918" s="2"/>
      <c r="AE17918" s="1"/>
    </row>
    <row r="17919" spans="1:31" ht="14.45">
      <c r="A17919" s="11"/>
      <c r="B17919" s="20"/>
      <c r="C17919" s="2" t="s">
        <v>54715</v>
      </c>
      <c r="D17919" s="14" t="s">
        <v>54716</v>
      </c>
      <c r="E17919" s="2" t="s">
        <v>54717</v>
      </c>
      <c r="F17919" s="2" t="s">
        <v>36273</v>
      </c>
      <c r="G17919" s="8">
        <v>289</v>
      </c>
      <c r="H17919" s="5">
        <v>6</v>
      </c>
      <c r="I17919" s="5" t="s">
        <v>1518</v>
      </c>
      <c r="J17919" s="5" t="s">
        <v>40939</v>
      </c>
      <c r="K17919" s="2" t="s">
        <v>40940</v>
      </c>
      <c r="L17919" s="5" t="s">
        <v>40939</v>
      </c>
      <c r="M17919" s="2" t="s">
        <v>40940</v>
      </c>
      <c r="N17919" s="5" t="s">
        <v>36266</v>
      </c>
      <c r="O17919" s="5" t="s">
        <v>38</v>
      </c>
      <c r="P17919" s="5" t="s">
        <v>39</v>
      </c>
      <c r="Q17919" s="5" t="s">
        <v>40</v>
      </c>
      <c r="R17919" s="5" t="s">
        <v>1522</v>
      </c>
      <c r="S17919" s="5" t="s">
        <v>1523</v>
      </c>
      <c r="T17919" s="5" t="s">
        <v>42</v>
      </c>
      <c r="U17919" s="2">
        <v>3.1269999999999998</v>
      </c>
      <c r="V17919" s="2">
        <v>2.609</v>
      </c>
      <c r="W17919" s="2">
        <v>1.4999999999999999E-2</v>
      </c>
      <c r="X17919" s="2">
        <v>118.9</v>
      </c>
      <c r="Y17919" s="2">
        <v>7.6</v>
      </c>
      <c r="Z17919" s="2">
        <v>16.7</v>
      </c>
      <c r="AA17919" s="5"/>
      <c r="AB17919" s="5" t="s">
        <v>43</v>
      </c>
      <c r="AC17919" s="5" t="s">
        <v>44</v>
      </c>
      <c r="AD17919" s="2"/>
      <c r="AE17919" s="1"/>
    </row>
    <row r="17920" spans="1:31" ht="14.45">
      <c r="A17920" s="11"/>
      <c r="B17920" s="20"/>
      <c r="C17920" s="2" t="s">
        <v>54718</v>
      </c>
      <c r="D17920" s="14" t="s">
        <v>54719</v>
      </c>
      <c r="E17920" s="2" t="s">
        <v>54720</v>
      </c>
      <c r="F17920" s="2" t="s">
        <v>40967</v>
      </c>
      <c r="G17920" s="8">
        <v>313</v>
      </c>
      <c r="H17920" s="5">
        <v>6</v>
      </c>
      <c r="I17920" s="5" t="s">
        <v>1518</v>
      </c>
      <c r="J17920" s="5" t="s">
        <v>40939</v>
      </c>
      <c r="K17920" s="2" t="s">
        <v>40940</v>
      </c>
      <c r="L17920" s="5" t="s">
        <v>40939</v>
      </c>
      <c r="M17920" s="2" t="s">
        <v>40940</v>
      </c>
      <c r="N17920" s="5" t="s">
        <v>36266</v>
      </c>
      <c r="O17920" s="5" t="s">
        <v>38</v>
      </c>
      <c r="P17920" s="5" t="s">
        <v>39</v>
      </c>
      <c r="Q17920" s="5" t="s">
        <v>40</v>
      </c>
      <c r="R17920" s="5" t="s">
        <v>1522</v>
      </c>
      <c r="S17920" s="5" t="s">
        <v>1523</v>
      </c>
      <c r="T17920" s="5" t="s">
        <v>42</v>
      </c>
      <c r="U17920" s="2">
        <v>3.1040000000000001</v>
      </c>
      <c r="V17920" s="2">
        <v>2.5859999999999999</v>
      </c>
      <c r="W17920" s="2">
        <v>1.4999999999999999E-2</v>
      </c>
      <c r="X17920" s="2">
        <v>118.9</v>
      </c>
      <c r="Y17920" s="2">
        <v>7.6</v>
      </c>
      <c r="Z17920" s="2">
        <v>16.7</v>
      </c>
      <c r="AA17920" s="5"/>
      <c r="AB17920" s="5" t="s">
        <v>43</v>
      </c>
      <c r="AC17920" s="5" t="s">
        <v>44</v>
      </c>
      <c r="AD17920" s="2"/>
      <c r="AE17920" s="1"/>
    </row>
    <row r="17921" spans="1:31" ht="14.45">
      <c r="A17921" s="11"/>
      <c r="B17921" s="20"/>
      <c r="C17921" s="2" t="s">
        <v>54721</v>
      </c>
      <c r="D17921" s="14" t="s">
        <v>54722</v>
      </c>
      <c r="E17921" s="2" t="s">
        <v>54723</v>
      </c>
      <c r="F17921" s="2" t="s">
        <v>40971</v>
      </c>
      <c r="G17921" s="8">
        <v>313</v>
      </c>
      <c r="H17921" s="5">
        <v>6</v>
      </c>
      <c r="I17921" s="5" t="s">
        <v>1518</v>
      </c>
      <c r="J17921" s="5" t="s">
        <v>40939</v>
      </c>
      <c r="K17921" s="2" t="s">
        <v>40940</v>
      </c>
      <c r="L17921" s="5" t="s">
        <v>40939</v>
      </c>
      <c r="M17921" s="2" t="s">
        <v>40940</v>
      </c>
      <c r="N17921" s="5" t="s">
        <v>36266</v>
      </c>
      <c r="O17921" s="5" t="s">
        <v>38</v>
      </c>
      <c r="P17921" s="5" t="s">
        <v>39</v>
      </c>
      <c r="Q17921" s="5" t="s">
        <v>40</v>
      </c>
      <c r="R17921" s="5" t="s">
        <v>1522</v>
      </c>
      <c r="S17921" s="5" t="s">
        <v>1523</v>
      </c>
      <c r="T17921" s="5" t="s">
        <v>42</v>
      </c>
      <c r="U17921" s="2">
        <v>3.2040000000000002</v>
      </c>
      <c r="V17921" s="2">
        <v>2.6859999999999999</v>
      </c>
      <c r="W17921" s="2">
        <v>1.4999999999999999E-2</v>
      </c>
      <c r="X17921" s="2">
        <v>118.9</v>
      </c>
      <c r="Y17921" s="2">
        <v>7.6</v>
      </c>
      <c r="Z17921" s="2">
        <v>16.7</v>
      </c>
      <c r="AA17921" s="5"/>
      <c r="AB17921" s="5" t="s">
        <v>43</v>
      </c>
      <c r="AC17921" s="5" t="s">
        <v>44</v>
      </c>
      <c r="AD17921" s="2"/>
      <c r="AE17921" s="1"/>
    </row>
    <row r="17922" spans="1:31" ht="14.45">
      <c r="A17922" s="11"/>
      <c r="B17922" s="20"/>
      <c r="C17922" s="2" t="s">
        <v>54724</v>
      </c>
      <c r="D17922" s="14" t="s">
        <v>54725</v>
      </c>
      <c r="E17922" s="2" t="s">
        <v>54726</v>
      </c>
      <c r="F17922" s="2" t="s">
        <v>47735</v>
      </c>
      <c r="G17922" s="8">
        <v>313</v>
      </c>
      <c r="H17922" s="5">
        <v>6</v>
      </c>
      <c r="I17922" s="5" t="s">
        <v>1518</v>
      </c>
      <c r="J17922" s="5" t="s">
        <v>40939</v>
      </c>
      <c r="K17922" s="2" t="s">
        <v>40940</v>
      </c>
      <c r="L17922" s="5" t="s">
        <v>40939</v>
      </c>
      <c r="M17922" s="2" t="s">
        <v>40940</v>
      </c>
      <c r="N17922" s="5" t="s">
        <v>36266</v>
      </c>
      <c r="O17922" s="5" t="s">
        <v>38</v>
      </c>
      <c r="P17922" s="5" t="s">
        <v>39</v>
      </c>
      <c r="Q17922" s="5" t="s">
        <v>40</v>
      </c>
      <c r="R17922" s="5" t="s">
        <v>1522</v>
      </c>
      <c r="S17922" s="5" t="s">
        <v>1523</v>
      </c>
      <c r="T17922" s="5" t="s">
        <v>42</v>
      </c>
      <c r="U17922" s="2">
        <v>3.2040000000000002</v>
      </c>
      <c r="V17922" s="2">
        <v>2.6859999999999999</v>
      </c>
      <c r="W17922" s="2">
        <v>1.4999999999999999E-2</v>
      </c>
      <c r="X17922" s="2">
        <v>118.9</v>
      </c>
      <c r="Y17922" s="2">
        <v>7.6</v>
      </c>
      <c r="Z17922" s="2">
        <v>16.7</v>
      </c>
      <c r="AA17922" s="5"/>
      <c r="AB17922" s="5" t="s">
        <v>43</v>
      </c>
      <c r="AC17922" s="5" t="s">
        <v>44</v>
      </c>
      <c r="AD17922" s="2"/>
      <c r="AE17922" s="1"/>
    </row>
    <row r="17923" spans="1:31" ht="14.45">
      <c r="A17923" s="11"/>
      <c r="B17923" s="20"/>
      <c r="C17923" s="2" t="s">
        <v>54727</v>
      </c>
      <c r="D17923" s="14" t="s">
        <v>54728</v>
      </c>
      <c r="E17923" s="2" t="s">
        <v>54729</v>
      </c>
      <c r="F17923" s="2" t="s">
        <v>7543</v>
      </c>
      <c r="G17923" s="8">
        <v>313</v>
      </c>
      <c r="H17923" s="5">
        <v>6</v>
      </c>
      <c r="I17923" s="5" t="s">
        <v>1518</v>
      </c>
      <c r="J17923" s="5" t="s">
        <v>40939</v>
      </c>
      <c r="K17923" s="2" t="s">
        <v>40940</v>
      </c>
      <c r="L17923" s="5" t="s">
        <v>40939</v>
      </c>
      <c r="M17923" s="2" t="s">
        <v>40940</v>
      </c>
      <c r="N17923" s="5" t="s">
        <v>36266</v>
      </c>
      <c r="O17923" s="5" t="s">
        <v>38</v>
      </c>
      <c r="P17923" s="5" t="s">
        <v>39</v>
      </c>
      <c r="Q17923" s="5" t="s">
        <v>40</v>
      </c>
      <c r="R17923" s="5" t="s">
        <v>1522</v>
      </c>
      <c r="S17923" s="5" t="s">
        <v>1523</v>
      </c>
      <c r="T17923" s="5" t="s">
        <v>42</v>
      </c>
      <c r="U17923" s="2">
        <v>3.149</v>
      </c>
      <c r="V17923" s="2">
        <v>2.6309999999999998</v>
      </c>
      <c r="W17923" s="2">
        <v>1.4999999999999999E-2</v>
      </c>
      <c r="X17923" s="2">
        <v>118.9</v>
      </c>
      <c r="Y17923" s="2">
        <v>7.6</v>
      </c>
      <c r="Z17923" s="2">
        <v>16.7</v>
      </c>
      <c r="AA17923" s="5"/>
      <c r="AB17923" s="5" t="s">
        <v>43</v>
      </c>
      <c r="AC17923" s="5" t="s">
        <v>44</v>
      </c>
      <c r="AD17923" s="2"/>
      <c r="AE17923" s="1"/>
    </row>
    <row r="17924" spans="1:31" ht="14.45">
      <c r="A17924" s="11"/>
      <c r="B17924" s="20"/>
      <c r="C17924" s="2" t="s">
        <v>54730</v>
      </c>
      <c r="D17924" s="14" t="s">
        <v>54731</v>
      </c>
      <c r="E17924" s="2" t="s">
        <v>54732</v>
      </c>
      <c r="F17924" s="2" t="s">
        <v>40989</v>
      </c>
      <c r="G17924" s="8">
        <v>313</v>
      </c>
      <c r="H17924" s="5">
        <v>6</v>
      </c>
      <c r="I17924" s="5" t="s">
        <v>1518</v>
      </c>
      <c r="J17924" s="5" t="s">
        <v>40939</v>
      </c>
      <c r="K17924" s="2" t="s">
        <v>40940</v>
      </c>
      <c r="L17924" s="5" t="s">
        <v>40939</v>
      </c>
      <c r="M17924" s="2" t="s">
        <v>40940</v>
      </c>
      <c r="N17924" s="5" t="s">
        <v>36266</v>
      </c>
      <c r="O17924" s="5" t="s">
        <v>38</v>
      </c>
      <c r="P17924" s="5" t="s">
        <v>39</v>
      </c>
      <c r="Q17924" s="5" t="s">
        <v>40</v>
      </c>
      <c r="R17924" s="5" t="s">
        <v>1522</v>
      </c>
      <c r="S17924" s="5" t="s">
        <v>1523</v>
      </c>
      <c r="T17924" s="5" t="s">
        <v>42</v>
      </c>
      <c r="U17924" s="2">
        <v>3.1040000000000001</v>
      </c>
      <c r="V17924" s="2">
        <v>2.5859999999999999</v>
      </c>
      <c r="W17924" s="2">
        <v>1.4999999999999999E-2</v>
      </c>
      <c r="X17924" s="2">
        <v>118.9</v>
      </c>
      <c r="Y17924" s="2">
        <v>7.6</v>
      </c>
      <c r="Z17924" s="2">
        <v>16.7</v>
      </c>
      <c r="AA17924" s="5"/>
      <c r="AB17924" s="5" t="s">
        <v>43</v>
      </c>
      <c r="AC17924" s="5" t="s">
        <v>44</v>
      </c>
      <c r="AD17924" s="2"/>
      <c r="AE17924" s="1"/>
    </row>
    <row r="17925" spans="1:31" ht="14.45">
      <c r="A17925" s="11"/>
      <c r="B17925" s="20"/>
      <c r="C17925" s="2" t="s">
        <v>54733</v>
      </c>
      <c r="D17925" s="14" t="s">
        <v>54734</v>
      </c>
      <c r="E17925" s="2" t="s">
        <v>54735</v>
      </c>
      <c r="F17925" s="2" t="s">
        <v>7396</v>
      </c>
      <c r="G17925" s="8">
        <v>289</v>
      </c>
      <c r="H17925" s="5">
        <v>6</v>
      </c>
      <c r="I17925" s="5" t="s">
        <v>1518</v>
      </c>
      <c r="J17925" s="5" t="s">
        <v>40939</v>
      </c>
      <c r="K17925" s="2" t="s">
        <v>40940</v>
      </c>
      <c r="L17925" s="5" t="s">
        <v>40939</v>
      </c>
      <c r="M17925" s="2" t="s">
        <v>40940</v>
      </c>
      <c r="N17925" s="5" t="s">
        <v>36266</v>
      </c>
      <c r="O17925" s="5" t="s">
        <v>38</v>
      </c>
      <c r="P17925" s="5" t="s">
        <v>39</v>
      </c>
      <c r="Q17925" s="5" t="s">
        <v>40</v>
      </c>
      <c r="R17925" s="5" t="s">
        <v>1522</v>
      </c>
      <c r="S17925" s="5" t="s">
        <v>1523</v>
      </c>
      <c r="T17925" s="5" t="s">
        <v>42</v>
      </c>
      <c r="U17925" s="2">
        <v>3.1150000000000002</v>
      </c>
      <c r="V17925" s="2">
        <v>2.597</v>
      </c>
      <c r="W17925" s="2">
        <v>1.4999999999999999E-2</v>
      </c>
      <c r="X17925" s="2">
        <v>118.9</v>
      </c>
      <c r="Y17925" s="2">
        <v>7.6</v>
      </c>
      <c r="Z17925" s="2">
        <v>16.7</v>
      </c>
      <c r="AA17925" s="5"/>
      <c r="AB17925" s="5" t="s">
        <v>43</v>
      </c>
      <c r="AC17925" s="5" t="s">
        <v>44</v>
      </c>
      <c r="AD17925" s="2"/>
      <c r="AE17925" s="1"/>
    </row>
    <row r="17926" spans="1:31" ht="14.45">
      <c r="A17926" s="11"/>
      <c r="B17926" s="20"/>
      <c r="C17926" s="2" t="s">
        <v>54736</v>
      </c>
      <c r="D17926" s="14" t="s">
        <v>54737</v>
      </c>
      <c r="E17926" s="2" t="s">
        <v>54738</v>
      </c>
      <c r="F17926" s="2" t="s">
        <v>7507</v>
      </c>
      <c r="G17926" s="8">
        <v>289</v>
      </c>
      <c r="H17926" s="5">
        <v>6</v>
      </c>
      <c r="I17926" s="5" t="s">
        <v>1518</v>
      </c>
      <c r="J17926" s="5" t="s">
        <v>40939</v>
      </c>
      <c r="K17926" s="2" t="s">
        <v>40940</v>
      </c>
      <c r="L17926" s="5" t="s">
        <v>40939</v>
      </c>
      <c r="M17926" s="2" t="s">
        <v>40940</v>
      </c>
      <c r="N17926" s="5" t="s">
        <v>36266</v>
      </c>
      <c r="O17926" s="5" t="s">
        <v>38</v>
      </c>
      <c r="P17926" s="5" t="s">
        <v>39</v>
      </c>
      <c r="Q17926" s="5" t="s">
        <v>40</v>
      </c>
      <c r="R17926" s="5" t="s">
        <v>1522</v>
      </c>
      <c r="S17926" s="5" t="s">
        <v>1523</v>
      </c>
      <c r="T17926" s="5" t="s">
        <v>42</v>
      </c>
      <c r="U17926" s="2">
        <v>3.2149999999999999</v>
      </c>
      <c r="V17926" s="2">
        <v>2.6970000000000001</v>
      </c>
      <c r="W17926" s="2">
        <v>1.4999999999999999E-2</v>
      </c>
      <c r="X17926" s="2">
        <v>118.9</v>
      </c>
      <c r="Y17926" s="2">
        <v>7.6</v>
      </c>
      <c r="Z17926" s="2">
        <v>16.7</v>
      </c>
      <c r="AA17926" s="5"/>
      <c r="AB17926" s="5" t="s">
        <v>43</v>
      </c>
      <c r="AC17926" s="5" t="s">
        <v>44</v>
      </c>
      <c r="AD17926" s="2"/>
      <c r="AE17926" s="1"/>
    </row>
    <row r="17927" spans="1:31" ht="14.45">
      <c r="A17927" s="11"/>
      <c r="B17927" s="20"/>
      <c r="C17927" s="2" t="s">
        <v>54739</v>
      </c>
      <c r="D17927" s="14" t="s">
        <v>54740</v>
      </c>
      <c r="E17927" s="2" t="s">
        <v>54741</v>
      </c>
      <c r="F17927" s="2" t="s">
        <v>7204</v>
      </c>
      <c r="G17927" s="8">
        <v>303</v>
      </c>
      <c r="H17927" s="5">
        <v>6</v>
      </c>
      <c r="I17927" s="5" t="s">
        <v>1518</v>
      </c>
      <c r="J17927" s="5" t="s">
        <v>40939</v>
      </c>
      <c r="K17927" s="2" t="s">
        <v>40940</v>
      </c>
      <c r="L17927" s="5" t="s">
        <v>40939</v>
      </c>
      <c r="M17927" s="2" t="s">
        <v>40940</v>
      </c>
      <c r="N17927" s="5" t="s">
        <v>36266</v>
      </c>
      <c r="O17927" s="5" t="s">
        <v>38</v>
      </c>
      <c r="P17927" s="5" t="s">
        <v>39</v>
      </c>
      <c r="Q17927" s="5" t="s">
        <v>40</v>
      </c>
      <c r="R17927" s="5" t="s">
        <v>1522</v>
      </c>
      <c r="S17927" s="5" t="s">
        <v>1523</v>
      </c>
      <c r="T17927" s="5" t="s">
        <v>42</v>
      </c>
      <c r="U17927" s="2">
        <v>3.306</v>
      </c>
      <c r="V17927" s="2">
        <v>2.7109999999999999</v>
      </c>
      <c r="W17927" s="2">
        <v>1.7999999999999999E-2</v>
      </c>
      <c r="X17927" s="2">
        <v>139.1</v>
      </c>
      <c r="Y17927" s="2">
        <v>7.6</v>
      </c>
      <c r="Z17927" s="2">
        <v>16.7</v>
      </c>
      <c r="AA17927" s="5"/>
      <c r="AB17927" s="5" t="s">
        <v>43</v>
      </c>
      <c r="AC17927" s="5" t="s">
        <v>44</v>
      </c>
      <c r="AD17927" s="2"/>
      <c r="AE17927" s="1"/>
    </row>
    <row r="17928" spans="1:31" ht="14.45">
      <c r="A17928" s="11"/>
      <c r="B17928" s="20"/>
      <c r="C17928" s="2" t="s">
        <v>54742</v>
      </c>
      <c r="D17928" s="14" t="s">
        <v>54743</v>
      </c>
      <c r="E17928" s="2" t="s">
        <v>54744</v>
      </c>
      <c r="F17928" s="2" t="s">
        <v>7514</v>
      </c>
      <c r="G17928" s="8">
        <v>303</v>
      </c>
      <c r="H17928" s="5">
        <v>6</v>
      </c>
      <c r="I17928" s="5" t="s">
        <v>1518</v>
      </c>
      <c r="J17928" s="5" t="s">
        <v>40939</v>
      </c>
      <c r="K17928" s="2" t="s">
        <v>40940</v>
      </c>
      <c r="L17928" s="5" t="s">
        <v>40939</v>
      </c>
      <c r="M17928" s="2" t="s">
        <v>40940</v>
      </c>
      <c r="N17928" s="5" t="s">
        <v>36266</v>
      </c>
      <c r="O17928" s="5" t="s">
        <v>38</v>
      </c>
      <c r="P17928" s="5" t="s">
        <v>39</v>
      </c>
      <c r="Q17928" s="5" t="s">
        <v>40</v>
      </c>
      <c r="R17928" s="5" t="s">
        <v>1522</v>
      </c>
      <c r="S17928" s="5" t="s">
        <v>1523</v>
      </c>
      <c r="T17928" s="5" t="s">
        <v>42</v>
      </c>
      <c r="U17928" s="2">
        <v>3.4159999999999999</v>
      </c>
      <c r="V17928" s="2">
        <v>2.8210000000000002</v>
      </c>
      <c r="W17928" s="2">
        <v>1.7999999999999999E-2</v>
      </c>
      <c r="X17928" s="2">
        <v>139.1</v>
      </c>
      <c r="Y17928" s="2">
        <v>7.6</v>
      </c>
      <c r="Z17928" s="2">
        <v>16.7</v>
      </c>
      <c r="AA17928" s="5"/>
      <c r="AB17928" s="5" t="s">
        <v>43</v>
      </c>
      <c r="AC17928" s="5" t="s">
        <v>44</v>
      </c>
      <c r="AD17928" s="2"/>
      <c r="AE17928" s="1"/>
    </row>
    <row r="17929" spans="1:31" ht="14.45">
      <c r="A17929" s="11"/>
      <c r="B17929" s="20"/>
      <c r="C17929" s="2" t="s">
        <v>54745</v>
      </c>
      <c r="D17929" s="14" t="s">
        <v>54746</v>
      </c>
      <c r="E17929" s="2" t="s">
        <v>54747</v>
      </c>
      <c r="F17929" s="2" t="s">
        <v>47195</v>
      </c>
      <c r="G17929" s="8">
        <v>329</v>
      </c>
      <c r="H17929" s="5">
        <v>6</v>
      </c>
      <c r="I17929" s="5" t="s">
        <v>1518</v>
      </c>
      <c r="J17929" s="5" t="s">
        <v>40939</v>
      </c>
      <c r="K17929" s="2" t="s">
        <v>40940</v>
      </c>
      <c r="L17929" s="5" t="s">
        <v>40939</v>
      </c>
      <c r="M17929" s="2" t="s">
        <v>40940</v>
      </c>
      <c r="N17929" s="5" t="s">
        <v>36266</v>
      </c>
      <c r="O17929" s="5" t="s">
        <v>38</v>
      </c>
      <c r="P17929" s="5" t="s">
        <v>39</v>
      </c>
      <c r="Q17929" s="5" t="s">
        <v>40</v>
      </c>
      <c r="R17929" s="5" t="s">
        <v>1522</v>
      </c>
      <c r="S17929" s="5" t="s">
        <v>1523</v>
      </c>
      <c r="T17929" s="5" t="s">
        <v>42</v>
      </c>
      <c r="U17929" s="2">
        <v>3.4409999999999998</v>
      </c>
      <c r="V17929" s="2">
        <v>2.8460000000000001</v>
      </c>
      <c r="W17929" s="2">
        <v>1.7999999999999999E-2</v>
      </c>
      <c r="X17929" s="2">
        <v>139.1</v>
      </c>
      <c r="Y17929" s="2">
        <v>7.6</v>
      </c>
      <c r="Z17929" s="2">
        <v>16.7</v>
      </c>
      <c r="AA17929" s="5"/>
      <c r="AB17929" s="5" t="s">
        <v>43</v>
      </c>
      <c r="AC17929" s="5" t="s">
        <v>44</v>
      </c>
      <c r="AD17929" s="2"/>
      <c r="AE17929" s="1"/>
    </row>
    <row r="17930" spans="1:31" ht="14.45">
      <c r="A17930" s="11"/>
      <c r="B17930" s="20"/>
      <c r="C17930" s="2" t="s">
        <v>54748</v>
      </c>
      <c r="D17930" s="14" t="s">
        <v>54749</v>
      </c>
      <c r="E17930" s="2" t="s">
        <v>54750</v>
      </c>
      <c r="F17930" s="2" t="s">
        <v>7208</v>
      </c>
      <c r="G17930" s="8">
        <v>303</v>
      </c>
      <c r="H17930" s="5">
        <v>6</v>
      </c>
      <c r="I17930" s="5" t="s">
        <v>1518</v>
      </c>
      <c r="J17930" s="5" t="s">
        <v>40939</v>
      </c>
      <c r="K17930" s="2" t="s">
        <v>40940</v>
      </c>
      <c r="L17930" s="5" t="s">
        <v>40939</v>
      </c>
      <c r="M17930" s="2" t="s">
        <v>40940</v>
      </c>
      <c r="N17930" s="5" t="s">
        <v>36266</v>
      </c>
      <c r="O17930" s="5" t="s">
        <v>38</v>
      </c>
      <c r="P17930" s="5" t="s">
        <v>39</v>
      </c>
      <c r="Q17930" s="5" t="s">
        <v>40</v>
      </c>
      <c r="R17930" s="5" t="s">
        <v>1522</v>
      </c>
      <c r="S17930" s="5" t="s">
        <v>1523</v>
      </c>
      <c r="T17930" s="5" t="s">
        <v>42</v>
      </c>
      <c r="U17930" s="2">
        <v>3.3439999999999999</v>
      </c>
      <c r="V17930" s="2">
        <v>2.7490000000000001</v>
      </c>
      <c r="W17930" s="2">
        <v>1.7999999999999999E-2</v>
      </c>
      <c r="X17930" s="2">
        <v>139.1</v>
      </c>
      <c r="Y17930" s="2">
        <v>7.6</v>
      </c>
      <c r="Z17930" s="2">
        <v>16.7</v>
      </c>
      <c r="AA17930" s="5"/>
      <c r="AB17930" s="5" t="s">
        <v>43</v>
      </c>
      <c r="AC17930" s="5" t="s">
        <v>44</v>
      </c>
      <c r="AD17930" s="2"/>
      <c r="AE17930" s="1"/>
    </row>
    <row r="17931" spans="1:31" ht="14.45">
      <c r="A17931" s="11"/>
      <c r="B17931" s="20"/>
      <c r="C17931" s="2" t="s">
        <v>54751</v>
      </c>
      <c r="D17931" s="14" t="s">
        <v>54752</v>
      </c>
      <c r="E17931" s="2" t="s">
        <v>54753</v>
      </c>
      <c r="F17931" s="2" t="s">
        <v>7521</v>
      </c>
      <c r="G17931" s="8">
        <v>303</v>
      </c>
      <c r="H17931" s="5">
        <v>6</v>
      </c>
      <c r="I17931" s="5" t="s">
        <v>1518</v>
      </c>
      <c r="J17931" s="5" t="s">
        <v>40939</v>
      </c>
      <c r="K17931" s="2" t="s">
        <v>40940</v>
      </c>
      <c r="L17931" s="5" t="s">
        <v>40939</v>
      </c>
      <c r="M17931" s="2" t="s">
        <v>40940</v>
      </c>
      <c r="N17931" s="5" t="s">
        <v>36266</v>
      </c>
      <c r="O17931" s="5" t="s">
        <v>38</v>
      </c>
      <c r="P17931" s="5" t="s">
        <v>39</v>
      </c>
      <c r="Q17931" s="5" t="s">
        <v>40</v>
      </c>
      <c r="R17931" s="5" t="s">
        <v>1522</v>
      </c>
      <c r="S17931" s="5" t="s">
        <v>1523</v>
      </c>
      <c r="T17931" s="5" t="s">
        <v>42</v>
      </c>
      <c r="U17931" s="2">
        <v>3.4540000000000002</v>
      </c>
      <c r="V17931" s="2">
        <v>2.859</v>
      </c>
      <c r="W17931" s="2">
        <v>1.7999999999999999E-2</v>
      </c>
      <c r="X17931" s="2">
        <v>139.1</v>
      </c>
      <c r="Y17931" s="2">
        <v>7.6</v>
      </c>
      <c r="Z17931" s="2">
        <v>16.7</v>
      </c>
      <c r="AA17931" s="5"/>
      <c r="AB17931" s="5" t="s">
        <v>43</v>
      </c>
      <c r="AC17931" s="5" t="s">
        <v>44</v>
      </c>
      <c r="AD17931" s="2"/>
      <c r="AE17931" s="1"/>
    </row>
    <row r="17932" spans="1:31" ht="14.45">
      <c r="A17932" s="11"/>
      <c r="B17932" s="20"/>
      <c r="C17932" s="2" t="s">
        <v>54754</v>
      </c>
      <c r="D17932" s="14" t="s">
        <v>54755</v>
      </c>
      <c r="E17932" s="2" t="s">
        <v>54756</v>
      </c>
      <c r="F17932" s="2" t="s">
        <v>36273</v>
      </c>
      <c r="G17932" s="8">
        <v>303</v>
      </c>
      <c r="H17932" s="5">
        <v>6</v>
      </c>
      <c r="I17932" s="5" t="s">
        <v>1518</v>
      </c>
      <c r="J17932" s="5" t="s">
        <v>40939</v>
      </c>
      <c r="K17932" s="2" t="s">
        <v>40940</v>
      </c>
      <c r="L17932" s="5" t="s">
        <v>40939</v>
      </c>
      <c r="M17932" s="2" t="s">
        <v>40940</v>
      </c>
      <c r="N17932" s="5" t="s">
        <v>36266</v>
      </c>
      <c r="O17932" s="5" t="s">
        <v>38</v>
      </c>
      <c r="P17932" s="5" t="s">
        <v>39</v>
      </c>
      <c r="Q17932" s="5" t="s">
        <v>40</v>
      </c>
      <c r="R17932" s="5" t="s">
        <v>1522</v>
      </c>
      <c r="S17932" s="5" t="s">
        <v>1523</v>
      </c>
      <c r="T17932" s="5" t="s">
        <v>42</v>
      </c>
      <c r="U17932" s="2">
        <v>3.3690000000000002</v>
      </c>
      <c r="V17932" s="2">
        <v>2.774</v>
      </c>
      <c r="W17932" s="2">
        <v>1.7999999999999999E-2</v>
      </c>
      <c r="X17932" s="2">
        <v>139.1</v>
      </c>
      <c r="Y17932" s="2">
        <v>7.6</v>
      </c>
      <c r="Z17932" s="2">
        <v>16.7</v>
      </c>
      <c r="AA17932" s="5"/>
      <c r="AB17932" s="5" t="s">
        <v>43</v>
      </c>
      <c r="AC17932" s="5" t="s">
        <v>44</v>
      </c>
      <c r="AD17932" s="2"/>
      <c r="AE17932" s="1"/>
    </row>
    <row r="17933" spans="1:31" ht="14.45">
      <c r="A17933" s="11"/>
      <c r="B17933" s="20"/>
      <c r="C17933" s="2" t="s">
        <v>54757</v>
      </c>
      <c r="D17933" s="14" t="s">
        <v>54758</v>
      </c>
      <c r="E17933" s="2" t="s">
        <v>54759</v>
      </c>
      <c r="F17933" s="2" t="s">
        <v>36277</v>
      </c>
      <c r="G17933" s="8">
        <v>303</v>
      </c>
      <c r="H17933" s="5">
        <v>6</v>
      </c>
      <c r="I17933" s="5" t="s">
        <v>1518</v>
      </c>
      <c r="J17933" s="5" t="s">
        <v>40939</v>
      </c>
      <c r="K17933" s="2" t="s">
        <v>40940</v>
      </c>
      <c r="L17933" s="5" t="s">
        <v>40939</v>
      </c>
      <c r="M17933" s="2" t="s">
        <v>40940</v>
      </c>
      <c r="N17933" s="5" t="s">
        <v>36266</v>
      </c>
      <c r="O17933" s="5" t="s">
        <v>38</v>
      </c>
      <c r="P17933" s="5" t="s">
        <v>39</v>
      </c>
      <c r="Q17933" s="5" t="s">
        <v>40</v>
      </c>
      <c r="R17933" s="5" t="s">
        <v>1522</v>
      </c>
      <c r="S17933" s="5" t="s">
        <v>1523</v>
      </c>
      <c r="T17933" s="5" t="s">
        <v>42</v>
      </c>
      <c r="U17933" s="2">
        <v>3.4790000000000001</v>
      </c>
      <c r="V17933" s="2">
        <v>2.8839999999999999</v>
      </c>
      <c r="W17933" s="2">
        <v>1.7999999999999999E-2</v>
      </c>
      <c r="X17933" s="2">
        <v>139.1</v>
      </c>
      <c r="Y17933" s="2">
        <v>7.6</v>
      </c>
      <c r="Z17933" s="2">
        <v>16.7</v>
      </c>
      <c r="AA17933" s="5"/>
      <c r="AB17933" s="5" t="s">
        <v>43</v>
      </c>
      <c r="AC17933" s="5" t="s">
        <v>44</v>
      </c>
      <c r="AD17933" s="2"/>
      <c r="AE17933" s="1"/>
    </row>
    <row r="17934" spans="1:31" ht="14.45">
      <c r="A17934" s="11"/>
      <c r="B17934" s="20"/>
      <c r="C17934" s="2" t="s">
        <v>54760</v>
      </c>
      <c r="D17934" s="14" t="s">
        <v>54761</v>
      </c>
      <c r="E17934" s="2" t="s">
        <v>54762</v>
      </c>
      <c r="F17934" s="2" t="s">
        <v>40967</v>
      </c>
      <c r="G17934" s="8">
        <v>329</v>
      </c>
      <c r="H17934" s="5">
        <v>6</v>
      </c>
      <c r="I17934" s="5" t="s">
        <v>1518</v>
      </c>
      <c r="J17934" s="5" t="s">
        <v>40939</v>
      </c>
      <c r="K17934" s="2" t="s">
        <v>40940</v>
      </c>
      <c r="L17934" s="5" t="s">
        <v>40939</v>
      </c>
      <c r="M17934" s="2" t="s">
        <v>40940</v>
      </c>
      <c r="N17934" s="5" t="s">
        <v>36266</v>
      </c>
      <c r="O17934" s="5" t="s">
        <v>38</v>
      </c>
      <c r="P17934" s="5" t="s">
        <v>39</v>
      </c>
      <c r="Q17934" s="5" t="s">
        <v>40</v>
      </c>
      <c r="R17934" s="5" t="s">
        <v>1522</v>
      </c>
      <c r="S17934" s="5" t="s">
        <v>1523</v>
      </c>
      <c r="T17934" s="5" t="s">
        <v>42</v>
      </c>
      <c r="U17934" s="2">
        <v>3.3439999999999999</v>
      </c>
      <c r="V17934" s="2">
        <v>2.7490000000000001</v>
      </c>
      <c r="W17934" s="2">
        <v>1.7999999999999999E-2</v>
      </c>
      <c r="X17934" s="2">
        <v>139.1</v>
      </c>
      <c r="Y17934" s="2">
        <v>7.6</v>
      </c>
      <c r="Z17934" s="2">
        <v>16.7</v>
      </c>
      <c r="AA17934" s="5"/>
      <c r="AB17934" s="5" t="s">
        <v>43</v>
      </c>
      <c r="AC17934" s="5" t="s">
        <v>44</v>
      </c>
      <c r="AD17934" s="2"/>
      <c r="AE17934" s="1"/>
    </row>
    <row r="17935" spans="1:31" ht="14.45">
      <c r="A17935" s="11"/>
      <c r="B17935" s="20"/>
      <c r="C17935" s="2" t="s">
        <v>54763</v>
      </c>
      <c r="D17935" s="14" t="s">
        <v>54764</v>
      </c>
      <c r="E17935" s="2" t="s">
        <v>54765</v>
      </c>
      <c r="F17935" s="2" t="s">
        <v>40971</v>
      </c>
      <c r="G17935" s="8">
        <v>329</v>
      </c>
      <c r="H17935" s="5">
        <v>6</v>
      </c>
      <c r="I17935" s="5" t="s">
        <v>1518</v>
      </c>
      <c r="J17935" s="5" t="s">
        <v>40939</v>
      </c>
      <c r="K17935" s="2" t="s">
        <v>40940</v>
      </c>
      <c r="L17935" s="5" t="s">
        <v>40939</v>
      </c>
      <c r="M17935" s="2" t="s">
        <v>40940</v>
      </c>
      <c r="N17935" s="5" t="s">
        <v>36266</v>
      </c>
      <c r="O17935" s="5" t="s">
        <v>38</v>
      </c>
      <c r="P17935" s="5" t="s">
        <v>39</v>
      </c>
      <c r="Q17935" s="5" t="s">
        <v>40</v>
      </c>
      <c r="R17935" s="5" t="s">
        <v>1522</v>
      </c>
      <c r="S17935" s="5" t="s">
        <v>1523</v>
      </c>
      <c r="T17935" s="5" t="s">
        <v>42</v>
      </c>
      <c r="U17935" s="2">
        <v>3.4540000000000002</v>
      </c>
      <c r="V17935" s="2">
        <v>2.859</v>
      </c>
      <c r="W17935" s="2">
        <v>1.7999999999999999E-2</v>
      </c>
      <c r="X17935" s="2">
        <v>139.1</v>
      </c>
      <c r="Y17935" s="2">
        <v>7.6</v>
      </c>
      <c r="Z17935" s="2">
        <v>16.7</v>
      </c>
      <c r="AA17935" s="5"/>
      <c r="AB17935" s="5" t="s">
        <v>43</v>
      </c>
      <c r="AC17935" s="5" t="s">
        <v>44</v>
      </c>
      <c r="AD17935" s="2"/>
      <c r="AE17935" s="1"/>
    </row>
    <row r="17936" spans="1:31" ht="14.45">
      <c r="A17936" s="11"/>
      <c r="B17936" s="20"/>
      <c r="C17936" s="2" t="s">
        <v>54766</v>
      </c>
      <c r="D17936" s="14" t="s">
        <v>54767</v>
      </c>
      <c r="E17936" s="2" t="s">
        <v>54768</v>
      </c>
      <c r="F17936" s="2" t="s">
        <v>47226</v>
      </c>
      <c r="G17936" s="8">
        <v>329</v>
      </c>
      <c r="H17936" s="5">
        <v>6</v>
      </c>
      <c r="I17936" s="5" t="s">
        <v>1518</v>
      </c>
      <c r="J17936" s="5" t="s">
        <v>40939</v>
      </c>
      <c r="K17936" s="2" t="s">
        <v>40940</v>
      </c>
      <c r="L17936" s="5" t="s">
        <v>40939</v>
      </c>
      <c r="M17936" s="2" t="s">
        <v>40940</v>
      </c>
      <c r="N17936" s="5" t="s">
        <v>36266</v>
      </c>
      <c r="O17936" s="5" t="s">
        <v>38</v>
      </c>
      <c r="P17936" s="5" t="s">
        <v>39</v>
      </c>
      <c r="Q17936" s="5" t="s">
        <v>40</v>
      </c>
      <c r="R17936" s="5" t="s">
        <v>1522</v>
      </c>
      <c r="S17936" s="5" t="s">
        <v>1523</v>
      </c>
      <c r="T17936" s="5" t="s">
        <v>42</v>
      </c>
      <c r="U17936" s="2">
        <v>3.3439999999999999</v>
      </c>
      <c r="V17936" s="2">
        <v>2.7490000000000001</v>
      </c>
      <c r="W17936" s="2">
        <v>1.7999999999999999E-2</v>
      </c>
      <c r="X17936" s="2">
        <v>139.1</v>
      </c>
      <c r="Y17936" s="2">
        <v>7.6</v>
      </c>
      <c r="Z17936" s="2">
        <v>16.7</v>
      </c>
      <c r="AA17936" s="5"/>
      <c r="AB17936" s="5" t="s">
        <v>43</v>
      </c>
      <c r="AC17936" s="5" t="s">
        <v>44</v>
      </c>
      <c r="AD17936" s="2"/>
      <c r="AE17936" s="1"/>
    </row>
    <row r="17937" spans="1:31" ht="14.45">
      <c r="A17937" s="11"/>
      <c r="B17937" s="20"/>
      <c r="C17937" s="2" t="s">
        <v>54769</v>
      </c>
      <c r="D17937" s="14" t="s">
        <v>54770</v>
      </c>
      <c r="E17937" s="2" t="s">
        <v>54771</v>
      </c>
      <c r="F17937" s="2" t="s">
        <v>7539</v>
      </c>
      <c r="G17937" s="8">
        <v>329</v>
      </c>
      <c r="H17937" s="5">
        <v>6</v>
      </c>
      <c r="I17937" s="5" t="s">
        <v>1518</v>
      </c>
      <c r="J17937" s="5" t="s">
        <v>40939</v>
      </c>
      <c r="K17937" s="2" t="s">
        <v>40940</v>
      </c>
      <c r="L17937" s="5" t="s">
        <v>40939</v>
      </c>
      <c r="M17937" s="2" t="s">
        <v>40940</v>
      </c>
      <c r="N17937" s="5" t="s">
        <v>36266</v>
      </c>
      <c r="O17937" s="5" t="s">
        <v>38</v>
      </c>
      <c r="P17937" s="5" t="s">
        <v>39</v>
      </c>
      <c r="Q17937" s="5" t="s">
        <v>40</v>
      </c>
      <c r="R17937" s="5" t="s">
        <v>1522</v>
      </c>
      <c r="S17937" s="5" t="s">
        <v>1523</v>
      </c>
      <c r="T17937" s="5" t="s">
        <v>42</v>
      </c>
      <c r="U17937" s="2">
        <v>3.2810000000000001</v>
      </c>
      <c r="V17937" s="2">
        <v>2.6859999999999999</v>
      </c>
      <c r="W17937" s="2">
        <v>1.7999999999999999E-2</v>
      </c>
      <c r="X17937" s="2">
        <v>139.1</v>
      </c>
      <c r="Y17937" s="2">
        <v>7.6</v>
      </c>
      <c r="Z17937" s="2">
        <v>16.7</v>
      </c>
      <c r="AA17937" s="5"/>
      <c r="AB17937" s="5" t="s">
        <v>43</v>
      </c>
      <c r="AC17937" s="5" t="s">
        <v>44</v>
      </c>
      <c r="AD17937" s="2"/>
      <c r="AE17937" s="1"/>
    </row>
    <row r="17938" spans="1:31" ht="14.45">
      <c r="A17938" s="11"/>
      <c r="B17938" s="20"/>
      <c r="C17938" s="2" t="s">
        <v>54772</v>
      </c>
      <c r="D17938" s="14" t="s">
        <v>54773</v>
      </c>
      <c r="E17938" s="2" t="s">
        <v>54774</v>
      </c>
      <c r="F17938" s="2" t="s">
        <v>7543</v>
      </c>
      <c r="G17938" s="8">
        <v>329</v>
      </c>
      <c r="H17938" s="5">
        <v>6</v>
      </c>
      <c r="I17938" s="5" t="s">
        <v>1518</v>
      </c>
      <c r="J17938" s="5" t="s">
        <v>40939</v>
      </c>
      <c r="K17938" s="2" t="s">
        <v>40940</v>
      </c>
      <c r="L17938" s="5" t="s">
        <v>40939</v>
      </c>
      <c r="M17938" s="2" t="s">
        <v>40940</v>
      </c>
      <c r="N17938" s="5" t="s">
        <v>36266</v>
      </c>
      <c r="O17938" s="5" t="s">
        <v>38</v>
      </c>
      <c r="P17938" s="5" t="s">
        <v>39</v>
      </c>
      <c r="Q17938" s="5" t="s">
        <v>40</v>
      </c>
      <c r="R17938" s="5" t="s">
        <v>1522</v>
      </c>
      <c r="S17938" s="5" t="s">
        <v>1523</v>
      </c>
      <c r="T17938" s="5" t="s">
        <v>42</v>
      </c>
      <c r="U17938" s="2">
        <v>3.391</v>
      </c>
      <c r="V17938" s="2">
        <v>2.7959999999999998</v>
      </c>
      <c r="W17938" s="2">
        <v>1.7999999999999999E-2</v>
      </c>
      <c r="X17938" s="2">
        <v>139.1</v>
      </c>
      <c r="Y17938" s="2">
        <v>7.6</v>
      </c>
      <c r="Z17938" s="2">
        <v>16.7</v>
      </c>
      <c r="AA17938" s="5"/>
      <c r="AB17938" s="5" t="s">
        <v>43</v>
      </c>
      <c r="AC17938" s="5" t="s">
        <v>44</v>
      </c>
      <c r="AD17938" s="2"/>
      <c r="AE17938" s="1"/>
    </row>
    <row r="17939" spans="1:31" ht="14.45">
      <c r="A17939" s="11"/>
      <c r="B17939" s="20"/>
      <c r="C17939" s="2" t="s">
        <v>54775</v>
      </c>
      <c r="D17939" s="14" t="s">
        <v>54776</v>
      </c>
      <c r="E17939" s="2" t="s">
        <v>54777</v>
      </c>
      <c r="F17939" s="2" t="s">
        <v>40989</v>
      </c>
      <c r="G17939" s="8">
        <v>329</v>
      </c>
      <c r="H17939" s="5">
        <v>6</v>
      </c>
      <c r="I17939" s="5" t="s">
        <v>1518</v>
      </c>
      <c r="J17939" s="5" t="s">
        <v>40939</v>
      </c>
      <c r="K17939" s="2" t="s">
        <v>40940</v>
      </c>
      <c r="L17939" s="5" t="s">
        <v>40939</v>
      </c>
      <c r="M17939" s="2" t="s">
        <v>40940</v>
      </c>
      <c r="N17939" s="5" t="s">
        <v>36266</v>
      </c>
      <c r="O17939" s="5" t="s">
        <v>38</v>
      </c>
      <c r="P17939" s="5" t="s">
        <v>39</v>
      </c>
      <c r="Q17939" s="5" t="s">
        <v>40</v>
      </c>
      <c r="R17939" s="5" t="s">
        <v>1522</v>
      </c>
      <c r="S17939" s="5" t="s">
        <v>1523</v>
      </c>
      <c r="T17939" s="5" t="s">
        <v>42</v>
      </c>
      <c r="U17939" s="2">
        <v>3.3439999999999999</v>
      </c>
      <c r="V17939" s="2">
        <v>2.7490000000000001</v>
      </c>
      <c r="W17939" s="2">
        <v>1.7999999999999999E-2</v>
      </c>
      <c r="X17939" s="2">
        <v>139.1</v>
      </c>
      <c r="Y17939" s="2">
        <v>7.6</v>
      </c>
      <c r="Z17939" s="2">
        <v>16.7</v>
      </c>
      <c r="AA17939" s="5"/>
      <c r="AB17939" s="5" t="s">
        <v>43</v>
      </c>
      <c r="AC17939" s="5" t="s">
        <v>44</v>
      </c>
      <c r="AD17939" s="2"/>
      <c r="AE17939" s="1"/>
    </row>
    <row r="17940" spans="1:31" ht="14.45">
      <c r="A17940" s="11"/>
      <c r="B17940" s="20"/>
      <c r="C17940" s="2" t="s">
        <v>54778</v>
      </c>
      <c r="D17940" s="14" t="s">
        <v>54779</v>
      </c>
      <c r="E17940" s="2" t="s">
        <v>54780</v>
      </c>
      <c r="F17940" s="2" t="s">
        <v>7396</v>
      </c>
      <c r="G17940" s="8">
        <v>303</v>
      </c>
      <c r="H17940" s="5">
        <v>6</v>
      </c>
      <c r="I17940" s="5" t="s">
        <v>1518</v>
      </c>
      <c r="J17940" s="5" t="s">
        <v>40939</v>
      </c>
      <c r="K17940" s="2" t="s">
        <v>40940</v>
      </c>
      <c r="L17940" s="5" t="s">
        <v>40939</v>
      </c>
      <c r="M17940" s="2" t="s">
        <v>40940</v>
      </c>
      <c r="N17940" s="5" t="s">
        <v>36266</v>
      </c>
      <c r="O17940" s="5" t="s">
        <v>38</v>
      </c>
      <c r="P17940" s="5" t="s">
        <v>39</v>
      </c>
      <c r="Q17940" s="5" t="s">
        <v>40</v>
      </c>
      <c r="R17940" s="5" t="s">
        <v>1522</v>
      </c>
      <c r="S17940" s="5" t="s">
        <v>1523</v>
      </c>
      <c r="T17940" s="5" t="s">
        <v>42</v>
      </c>
      <c r="U17940" s="2">
        <v>3.3559999999999999</v>
      </c>
      <c r="V17940" s="2">
        <v>2.7610000000000001</v>
      </c>
      <c r="W17940" s="2">
        <v>1.7999999999999999E-2</v>
      </c>
      <c r="X17940" s="2">
        <v>139.1</v>
      </c>
      <c r="Y17940" s="2">
        <v>7.6</v>
      </c>
      <c r="Z17940" s="2">
        <v>16.7</v>
      </c>
      <c r="AA17940" s="5"/>
      <c r="AB17940" s="5" t="s">
        <v>43</v>
      </c>
      <c r="AC17940" s="5" t="s">
        <v>44</v>
      </c>
      <c r="AD17940" s="2"/>
      <c r="AE17940" s="1"/>
    </row>
    <row r="17941" spans="1:31" ht="14.45">
      <c r="A17941" s="11"/>
      <c r="B17941" s="20"/>
      <c r="C17941" s="2" t="s">
        <v>54781</v>
      </c>
      <c r="D17941" s="14" t="s">
        <v>54782</v>
      </c>
      <c r="E17941" s="2" t="s">
        <v>54783</v>
      </c>
      <c r="F17941" s="2" t="s">
        <v>7507</v>
      </c>
      <c r="G17941" s="8">
        <v>303</v>
      </c>
      <c r="H17941" s="5">
        <v>6</v>
      </c>
      <c r="I17941" s="5" t="s">
        <v>1518</v>
      </c>
      <c r="J17941" s="5" t="s">
        <v>40939</v>
      </c>
      <c r="K17941" s="2" t="s">
        <v>40940</v>
      </c>
      <c r="L17941" s="5" t="s">
        <v>40939</v>
      </c>
      <c r="M17941" s="2" t="s">
        <v>40940</v>
      </c>
      <c r="N17941" s="5" t="s">
        <v>36266</v>
      </c>
      <c r="O17941" s="5" t="s">
        <v>38</v>
      </c>
      <c r="P17941" s="5" t="s">
        <v>39</v>
      </c>
      <c r="Q17941" s="5" t="s">
        <v>40</v>
      </c>
      <c r="R17941" s="5" t="s">
        <v>1522</v>
      </c>
      <c r="S17941" s="5" t="s">
        <v>1523</v>
      </c>
      <c r="T17941" s="5" t="s">
        <v>42</v>
      </c>
      <c r="U17941" s="2">
        <v>3.4660000000000002</v>
      </c>
      <c r="V17941" s="2">
        <v>2.871</v>
      </c>
      <c r="W17941" s="2">
        <v>1.7999999999999999E-2</v>
      </c>
      <c r="X17941" s="2">
        <v>139.1</v>
      </c>
      <c r="Y17941" s="2">
        <v>7.6</v>
      </c>
      <c r="Z17941" s="2">
        <v>16.7</v>
      </c>
      <c r="AA17941" s="5"/>
      <c r="AB17941" s="5" t="s">
        <v>43</v>
      </c>
      <c r="AC17941" s="5" t="s">
        <v>44</v>
      </c>
      <c r="AD17941" s="2"/>
      <c r="AE17941" s="1"/>
    </row>
    <row r="17942" spans="1:31" ht="14.45">
      <c r="A17942" s="11"/>
      <c r="B17942" s="20"/>
      <c r="C17942" s="2" t="s">
        <v>54784</v>
      </c>
      <c r="D17942" s="14" t="s">
        <v>54785</v>
      </c>
      <c r="E17942" s="2" t="s">
        <v>54786</v>
      </c>
      <c r="F17942" s="2" t="s">
        <v>41023</v>
      </c>
      <c r="G17942" s="8">
        <v>329</v>
      </c>
      <c r="H17942" s="5">
        <v>6</v>
      </c>
      <c r="I17942" s="5" t="s">
        <v>1518</v>
      </c>
      <c r="J17942" s="5" t="s">
        <v>40939</v>
      </c>
      <c r="K17942" s="2" t="s">
        <v>40940</v>
      </c>
      <c r="L17942" s="5" t="s">
        <v>40939</v>
      </c>
      <c r="M17942" s="2" t="s">
        <v>40940</v>
      </c>
      <c r="N17942" s="5" t="s">
        <v>36266</v>
      </c>
      <c r="O17942" s="5" t="s">
        <v>38</v>
      </c>
      <c r="P17942" s="5" t="s">
        <v>39</v>
      </c>
      <c r="Q17942" s="5" t="s">
        <v>40</v>
      </c>
      <c r="R17942" s="5" t="s">
        <v>1522</v>
      </c>
      <c r="S17942" s="5" t="s">
        <v>1523</v>
      </c>
      <c r="T17942" s="5" t="s">
        <v>42</v>
      </c>
      <c r="U17942" s="2">
        <v>3.2930000000000001</v>
      </c>
      <c r="V17942" s="2">
        <v>2.698</v>
      </c>
      <c r="W17942" s="2">
        <v>1.7999999999999999E-2</v>
      </c>
      <c r="X17942" s="2">
        <v>139.1</v>
      </c>
      <c r="Y17942" s="2">
        <v>7.6</v>
      </c>
      <c r="Z17942" s="2">
        <v>16.7</v>
      </c>
      <c r="AA17942" s="5"/>
      <c r="AB17942" s="5" t="s">
        <v>43</v>
      </c>
      <c r="AC17942" s="5" t="s">
        <v>44</v>
      </c>
      <c r="AD17942" s="2"/>
      <c r="AE17942" s="1"/>
    </row>
    <row r="17943" spans="1:31" ht="14.45">
      <c r="A17943" s="11"/>
      <c r="B17943" s="20"/>
      <c r="C17943" s="2" t="s">
        <v>54787</v>
      </c>
      <c r="D17943" s="14" t="s">
        <v>54788</v>
      </c>
      <c r="E17943" s="2" t="s">
        <v>54789</v>
      </c>
      <c r="F17943" s="2" t="s">
        <v>41027</v>
      </c>
      <c r="G17943" s="8">
        <v>329</v>
      </c>
      <c r="H17943" s="5">
        <v>6</v>
      </c>
      <c r="I17943" s="5" t="s">
        <v>1518</v>
      </c>
      <c r="J17943" s="5" t="s">
        <v>40939</v>
      </c>
      <c r="K17943" s="2" t="s">
        <v>40940</v>
      </c>
      <c r="L17943" s="5" t="s">
        <v>40939</v>
      </c>
      <c r="M17943" s="2" t="s">
        <v>40940</v>
      </c>
      <c r="N17943" s="5" t="s">
        <v>36266</v>
      </c>
      <c r="O17943" s="5" t="s">
        <v>38</v>
      </c>
      <c r="P17943" s="5" t="s">
        <v>39</v>
      </c>
      <c r="Q17943" s="5" t="s">
        <v>40</v>
      </c>
      <c r="R17943" s="5" t="s">
        <v>1522</v>
      </c>
      <c r="S17943" s="5" t="s">
        <v>1523</v>
      </c>
      <c r="T17943" s="5" t="s">
        <v>42</v>
      </c>
      <c r="U17943" s="2">
        <v>3.403</v>
      </c>
      <c r="V17943" s="2">
        <v>2.8079999999999998</v>
      </c>
      <c r="W17943" s="2">
        <v>1.7999999999999999E-2</v>
      </c>
      <c r="X17943" s="2">
        <v>139.1</v>
      </c>
      <c r="Y17943" s="2">
        <v>7.6</v>
      </c>
      <c r="Z17943" s="2">
        <v>16.7</v>
      </c>
      <c r="AA17943" s="5"/>
      <c r="AB17943" s="5" t="s">
        <v>43</v>
      </c>
      <c r="AC17943" s="5" t="s">
        <v>44</v>
      </c>
      <c r="AD17943" s="2"/>
      <c r="AE17943" s="1"/>
    </row>
    <row r="17944" spans="1:31" ht="14.45">
      <c r="A17944" s="11"/>
      <c r="B17944" s="20"/>
      <c r="C17944" s="2" t="s">
        <v>54790</v>
      </c>
      <c r="D17944" s="14" t="s">
        <v>54791</v>
      </c>
      <c r="E17944" s="2" t="s">
        <v>54792</v>
      </c>
      <c r="F17944" s="2" t="s">
        <v>41031</v>
      </c>
      <c r="G17944" s="8">
        <v>329</v>
      </c>
      <c r="H17944" s="5">
        <v>6</v>
      </c>
      <c r="I17944" s="5" t="s">
        <v>1518</v>
      </c>
      <c r="J17944" s="5" t="s">
        <v>40939</v>
      </c>
      <c r="K17944" s="2" t="s">
        <v>40940</v>
      </c>
      <c r="L17944" s="5" t="s">
        <v>40939</v>
      </c>
      <c r="M17944" s="2" t="s">
        <v>40940</v>
      </c>
      <c r="N17944" s="5" t="s">
        <v>36266</v>
      </c>
      <c r="O17944" s="5" t="s">
        <v>38</v>
      </c>
      <c r="P17944" s="5" t="s">
        <v>39</v>
      </c>
      <c r="Q17944" s="5" t="s">
        <v>40</v>
      </c>
      <c r="R17944" s="5" t="s">
        <v>1522</v>
      </c>
      <c r="S17944" s="5" t="s">
        <v>1523</v>
      </c>
      <c r="T17944" s="5" t="s">
        <v>42</v>
      </c>
      <c r="U17944" s="2">
        <v>3.2930000000000001</v>
      </c>
      <c r="V17944" s="2">
        <v>2.698</v>
      </c>
      <c r="W17944" s="2">
        <v>1.7999999999999999E-2</v>
      </c>
      <c r="X17944" s="2">
        <v>139.1</v>
      </c>
      <c r="Y17944" s="2">
        <v>7.6</v>
      </c>
      <c r="Z17944" s="2">
        <v>16.7</v>
      </c>
      <c r="AA17944" s="5"/>
      <c r="AB17944" s="5" t="s">
        <v>43</v>
      </c>
      <c r="AC17944" s="5" t="s">
        <v>44</v>
      </c>
      <c r="AD17944" s="2"/>
      <c r="AE17944" s="1"/>
    </row>
    <row r="17945" spans="1:31" ht="14.45">
      <c r="A17945" s="11"/>
      <c r="B17945" s="20"/>
      <c r="C17945" s="2" t="s">
        <v>54793</v>
      </c>
      <c r="D17945" s="14" t="s">
        <v>54794</v>
      </c>
      <c r="E17945" s="2" t="s">
        <v>54795</v>
      </c>
      <c r="F17945" s="2" t="s">
        <v>41045</v>
      </c>
      <c r="G17945" s="8">
        <v>329</v>
      </c>
      <c r="H17945" s="5">
        <v>6</v>
      </c>
      <c r="I17945" s="5" t="s">
        <v>1518</v>
      </c>
      <c r="J17945" s="5" t="s">
        <v>40939</v>
      </c>
      <c r="K17945" s="2" t="s">
        <v>40940</v>
      </c>
      <c r="L17945" s="5" t="s">
        <v>40939</v>
      </c>
      <c r="M17945" s="2" t="s">
        <v>40940</v>
      </c>
      <c r="N17945" s="5" t="s">
        <v>36266</v>
      </c>
      <c r="O17945" s="5" t="s">
        <v>38</v>
      </c>
      <c r="P17945" s="5" t="s">
        <v>39</v>
      </c>
      <c r="Q17945" s="5" t="s">
        <v>40</v>
      </c>
      <c r="R17945" s="5" t="s">
        <v>1522</v>
      </c>
      <c r="S17945" s="5" t="s">
        <v>1523</v>
      </c>
      <c r="T17945" s="5" t="s">
        <v>42</v>
      </c>
      <c r="U17945" s="2">
        <v>3.3690000000000002</v>
      </c>
      <c r="V17945" s="2">
        <v>2.774</v>
      </c>
      <c r="W17945" s="2">
        <v>1.7999999999999999E-2</v>
      </c>
      <c r="X17945" s="2">
        <v>139.1</v>
      </c>
      <c r="Y17945" s="2">
        <v>7.6</v>
      </c>
      <c r="Z17945" s="2">
        <v>16.7</v>
      </c>
      <c r="AA17945" s="5"/>
      <c r="AB17945" s="5" t="s">
        <v>43</v>
      </c>
      <c r="AC17945" s="5" t="s">
        <v>44</v>
      </c>
      <c r="AD17945" s="2"/>
      <c r="AE17945" s="1"/>
    </row>
    <row r="17946" spans="1:31" ht="14.45">
      <c r="A17946" s="11"/>
      <c r="B17946" s="20"/>
      <c r="C17946" s="2" t="s">
        <v>54796</v>
      </c>
      <c r="D17946" s="14" t="s">
        <v>54797</v>
      </c>
      <c r="E17946" s="2" t="s">
        <v>54798</v>
      </c>
      <c r="F17946" s="2" t="s">
        <v>7507</v>
      </c>
      <c r="G17946" s="8">
        <v>278</v>
      </c>
      <c r="H17946" s="5">
        <v>6</v>
      </c>
      <c r="I17946" s="5" t="s">
        <v>1518</v>
      </c>
      <c r="J17946" s="5" t="s">
        <v>40939</v>
      </c>
      <c r="K17946" s="2" t="s">
        <v>40940</v>
      </c>
      <c r="L17946" s="5" t="s">
        <v>40939</v>
      </c>
      <c r="M17946" s="2" t="s">
        <v>40940</v>
      </c>
      <c r="N17946" s="5" t="s">
        <v>36266</v>
      </c>
      <c r="O17946" s="5" t="s">
        <v>38</v>
      </c>
      <c r="P17946" s="5" t="s">
        <v>39</v>
      </c>
      <c r="Q17946" s="5" t="s">
        <v>40</v>
      </c>
      <c r="R17946" s="5" t="s">
        <v>1522</v>
      </c>
      <c r="S17946" s="5" t="s">
        <v>1523</v>
      </c>
      <c r="T17946" s="5" t="s">
        <v>42</v>
      </c>
      <c r="U17946" s="2">
        <v>2.589</v>
      </c>
      <c r="V17946" s="2">
        <v>2.0390000000000001</v>
      </c>
      <c r="W17946" s="2">
        <v>1.4999999999999999E-2</v>
      </c>
      <c r="X17946" s="2">
        <v>118.9</v>
      </c>
      <c r="Y17946" s="2">
        <v>7.6</v>
      </c>
      <c r="Z17946" s="2">
        <v>16.7</v>
      </c>
      <c r="AA17946" s="5"/>
      <c r="AB17946" s="5" t="s">
        <v>43</v>
      </c>
      <c r="AC17946" s="5" t="s">
        <v>44</v>
      </c>
      <c r="AD17946" s="2"/>
      <c r="AE17946" s="1"/>
    </row>
    <row r="17947" spans="1:31" ht="14.45">
      <c r="A17947" s="11"/>
      <c r="B17947" s="20"/>
      <c r="C17947" s="2" t="s">
        <v>54799</v>
      </c>
      <c r="D17947" s="14" t="s">
        <v>54800</v>
      </c>
      <c r="E17947" s="2" t="s">
        <v>54801</v>
      </c>
      <c r="F17947" s="2" t="s">
        <v>7204</v>
      </c>
      <c r="G17947" s="8">
        <v>278</v>
      </c>
      <c r="H17947" s="5">
        <v>6</v>
      </c>
      <c r="I17947" s="5" t="s">
        <v>1518</v>
      </c>
      <c r="J17947" s="5" t="s">
        <v>40939</v>
      </c>
      <c r="K17947" s="2" t="s">
        <v>40940</v>
      </c>
      <c r="L17947" s="5" t="s">
        <v>40939</v>
      </c>
      <c r="M17947" s="2" t="s">
        <v>40940</v>
      </c>
      <c r="N17947" s="5" t="s">
        <v>36266</v>
      </c>
      <c r="O17947" s="5" t="s">
        <v>38</v>
      </c>
      <c r="P17947" s="5" t="s">
        <v>39</v>
      </c>
      <c r="Q17947" s="5" t="s">
        <v>40</v>
      </c>
      <c r="R17947" s="5" t="s">
        <v>1522</v>
      </c>
      <c r="S17947" s="5" t="s">
        <v>1523</v>
      </c>
      <c r="T17947" s="5" t="s">
        <v>42</v>
      </c>
      <c r="U17947" s="2">
        <v>2.952</v>
      </c>
      <c r="V17947" s="2">
        <v>2.4279999999999999</v>
      </c>
      <c r="W17947" s="2">
        <v>1.4999999999999999E-2</v>
      </c>
      <c r="X17947" s="2">
        <v>118.9</v>
      </c>
      <c r="Y17947" s="2">
        <v>7.6</v>
      </c>
      <c r="Z17947" s="2">
        <v>16.7</v>
      </c>
      <c r="AA17947" s="5"/>
      <c r="AB17947" s="5" t="s">
        <v>43</v>
      </c>
      <c r="AC17947" s="5" t="s">
        <v>44</v>
      </c>
      <c r="AD17947" s="2"/>
      <c r="AE17947" s="1"/>
    </row>
    <row r="17948" spans="1:31" ht="14.45">
      <c r="A17948" s="11"/>
      <c r="B17948" s="20"/>
      <c r="C17948" s="2" t="s">
        <v>54802</v>
      </c>
      <c r="D17948" s="14" t="s">
        <v>54803</v>
      </c>
      <c r="E17948" s="2" t="s">
        <v>54804</v>
      </c>
      <c r="F17948" s="2" t="s">
        <v>7514</v>
      </c>
      <c r="G17948" s="8">
        <v>278</v>
      </c>
      <c r="H17948" s="5">
        <v>6</v>
      </c>
      <c r="I17948" s="5" t="s">
        <v>1518</v>
      </c>
      <c r="J17948" s="5" t="s">
        <v>40939</v>
      </c>
      <c r="K17948" s="2" t="s">
        <v>40940</v>
      </c>
      <c r="L17948" s="5" t="s">
        <v>40939</v>
      </c>
      <c r="M17948" s="2" t="s">
        <v>40940</v>
      </c>
      <c r="N17948" s="5" t="s">
        <v>36266</v>
      </c>
      <c r="O17948" s="5" t="s">
        <v>38</v>
      </c>
      <c r="P17948" s="5" t="s">
        <v>39</v>
      </c>
      <c r="Q17948" s="5" t="s">
        <v>40</v>
      </c>
      <c r="R17948" s="5" t="s">
        <v>1522</v>
      </c>
      <c r="S17948" s="5" t="s">
        <v>1523</v>
      </c>
      <c r="T17948" s="5" t="s">
        <v>42</v>
      </c>
      <c r="U17948" s="2">
        <v>3.0419999999999998</v>
      </c>
      <c r="V17948" s="2">
        <v>2.5179999999999998</v>
      </c>
      <c r="W17948" s="2">
        <v>1.4999999999999999E-2</v>
      </c>
      <c r="X17948" s="2">
        <v>118.9</v>
      </c>
      <c r="Y17948" s="2">
        <v>7.6</v>
      </c>
      <c r="Z17948" s="2">
        <v>16.7</v>
      </c>
      <c r="AA17948" s="5"/>
      <c r="AB17948" s="5" t="s">
        <v>43</v>
      </c>
      <c r="AC17948" s="5" t="s">
        <v>44</v>
      </c>
      <c r="AD17948" s="2"/>
      <c r="AE17948" s="1"/>
    </row>
    <row r="17949" spans="1:31" ht="14.45">
      <c r="A17949" s="11"/>
      <c r="B17949" s="20"/>
      <c r="C17949" s="2" t="s">
        <v>54805</v>
      </c>
      <c r="D17949" s="14" t="s">
        <v>54806</v>
      </c>
      <c r="E17949" s="2" t="s">
        <v>54807</v>
      </c>
      <c r="F17949" s="2" t="s">
        <v>47195</v>
      </c>
      <c r="G17949" s="8">
        <v>300</v>
      </c>
      <c r="H17949" s="5">
        <v>6</v>
      </c>
      <c r="I17949" s="5" t="s">
        <v>1518</v>
      </c>
      <c r="J17949" s="5" t="s">
        <v>40939</v>
      </c>
      <c r="K17949" s="2" t="s">
        <v>40940</v>
      </c>
      <c r="L17949" s="5" t="s">
        <v>40939</v>
      </c>
      <c r="M17949" s="2" t="s">
        <v>40940</v>
      </c>
      <c r="N17949" s="5" t="s">
        <v>36266</v>
      </c>
      <c r="O17949" s="5" t="s">
        <v>38</v>
      </c>
      <c r="P17949" s="5" t="s">
        <v>39</v>
      </c>
      <c r="Q17949" s="5" t="s">
        <v>40</v>
      </c>
      <c r="R17949" s="5" t="s">
        <v>1522</v>
      </c>
      <c r="S17949" s="5" t="s">
        <v>1523</v>
      </c>
      <c r="T17949" s="5" t="s">
        <v>42</v>
      </c>
      <c r="U17949" s="2">
        <v>3.0609999999999999</v>
      </c>
      <c r="V17949" s="2">
        <v>2.5369999999999999</v>
      </c>
      <c r="W17949" s="2">
        <v>1.4999999999999999E-2</v>
      </c>
      <c r="X17949" s="2">
        <v>118.9</v>
      </c>
      <c r="Y17949" s="2">
        <v>7.6</v>
      </c>
      <c r="Z17949" s="2">
        <v>16.7</v>
      </c>
      <c r="AA17949" s="5"/>
      <c r="AB17949" s="5" t="s">
        <v>43</v>
      </c>
      <c r="AC17949" s="5" t="s">
        <v>44</v>
      </c>
      <c r="AD17949" s="2"/>
      <c r="AE17949" s="1"/>
    </row>
    <row r="17950" spans="1:31" ht="14.45">
      <c r="A17950" s="11"/>
      <c r="B17950" s="20"/>
      <c r="C17950" s="2" t="s">
        <v>54808</v>
      </c>
      <c r="D17950" s="14" t="s">
        <v>54809</v>
      </c>
      <c r="E17950" s="2" t="s">
        <v>54810</v>
      </c>
      <c r="F17950" s="2" t="s">
        <v>7208</v>
      </c>
      <c r="G17950" s="8">
        <v>278</v>
      </c>
      <c r="H17950" s="5">
        <v>6</v>
      </c>
      <c r="I17950" s="5" t="s">
        <v>1518</v>
      </c>
      <c r="J17950" s="5" t="s">
        <v>40939</v>
      </c>
      <c r="K17950" s="2" t="s">
        <v>40940</v>
      </c>
      <c r="L17950" s="5" t="s">
        <v>40939</v>
      </c>
      <c r="M17950" s="2" t="s">
        <v>40940</v>
      </c>
      <c r="N17950" s="5" t="s">
        <v>36266</v>
      </c>
      <c r="O17950" s="5" t="s">
        <v>38</v>
      </c>
      <c r="P17950" s="5" t="s">
        <v>39</v>
      </c>
      <c r="Q17950" s="5" t="s">
        <v>40</v>
      </c>
      <c r="R17950" s="5" t="s">
        <v>1522</v>
      </c>
      <c r="S17950" s="5" t="s">
        <v>1523</v>
      </c>
      <c r="T17950" s="5" t="s">
        <v>42</v>
      </c>
      <c r="U17950" s="2">
        <v>2.9809999999999999</v>
      </c>
      <c r="V17950" s="2">
        <v>2.4569999999999999</v>
      </c>
      <c r="W17950" s="2">
        <v>1.4999999999999999E-2</v>
      </c>
      <c r="X17950" s="2">
        <v>118.9</v>
      </c>
      <c r="Y17950" s="2">
        <v>7.6</v>
      </c>
      <c r="Z17950" s="2">
        <v>16.7</v>
      </c>
      <c r="AA17950" s="5"/>
      <c r="AB17950" s="5" t="s">
        <v>43</v>
      </c>
      <c r="AC17950" s="5" t="s">
        <v>44</v>
      </c>
      <c r="AD17950" s="2"/>
      <c r="AE17950" s="1"/>
    </row>
    <row r="17951" spans="1:31" ht="14.45">
      <c r="A17951" s="11"/>
      <c r="B17951" s="20"/>
      <c r="C17951" s="2" t="s">
        <v>54811</v>
      </c>
      <c r="D17951" s="14" t="s">
        <v>54812</v>
      </c>
      <c r="E17951" s="2" t="s">
        <v>54813</v>
      </c>
      <c r="F17951" s="2" t="s">
        <v>7521</v>
      </c>
      <c r="G17951" s="8">
        <v>278</v>
      </c>
      <c r="H17951" s="5">
        <v>6</v>
      </c>
      <c r="I17951" s="5" t="s">
        <v>1518</v>
      </c>
      <c r="J17951" s="5" t="s">
        <v>40939</v>
      </c>
      <c r="K17951" s="2" t="s">
        <v>40940</v>
      </c>
      <c r="L17951" s="5" t="s">
        <v>40939</v>
      </c>
      <c r="M17951" s="2" t="s">
        <v>40940</v>
      </c>
      <c r="N17951" s="5" t="s">
        <v>36266</v>
      </c>
      <c r="O17951" s="5" t="s">
        <v>38</v>
      </c>
      <c r="P17951" s="5" t="s">
        <v>39</v>
      </c>
      <c r="Q17951" s="5" t="s">
        <v>40</v>
      </c>
      <c r="R17951" s="5" t="s">
        <v>1522</v>
      </c>
      <c r="S17951" s="5" t="s">
        <v>1523</v>
      </c>
      <c r="T17951" s="5" t="s">
        <v>42</v>
      </c>
      <c r="U17951" s="2">
        <v>3.0710000000000002</v>
      </c>
      <c r="V17951" s="2">
        <v>2.5470000000000002</v>
      </c>
      <c r="W17951" s="2">
        <v>1.4999999999999999E-2</v>
      </c>
      <c r="X17951" s="2">
        <v>118.9</v>
      </c>
      <c r="Y17951" s="2">
        <v>7.6</v>
      </c>
      <c r="Z17951" s="2">
        <v>16.7</v>
      </c>
      <c r="AA17951" s="5"/>
      <c r="AB17951" s="5" t="s">
        <v>43</v>
      </c>
      <c r="AC17951" s="5" t="s">
        <v>44</v>
      </c>
      <c r="AD17951" s="2"/>
      <c r="AE17951" s="1"/>
    </row>
    <row r="17952" spans="1:31" ht="14.45">
      <c r="A17952" s="11"/>
      <c r="B17952" s="20"/>
      <c r="C17952" s="2" t="s">
        <v>54814</v>
      </c>
      <c r="D17952" s="14" t="s">
        <v>54815</v>
      </c>
      <c r="E17952" s="2" t="s">
        <v>54816</v>
      </c>
      <c r="F17952" s="2" t="s">
        <v>36277</v>
      </c>
      <c r="G17952" s="8">
        <v>278</v>
      </c>
      <c r="H17952" s="5">
        <v>6</v>
      </c>
      <c r="I17952" s="5" t="s">
        <v>1518</v>
      </c>
      <c r="J17952" s="5" t="s">
        <v>40939</v>
      </c>
      <c r="K17952" s="2" t="s">
        <v>40940</v>
      </c>
      <c r="L17952" s="5" t="s">
        <v>40939</v>
      </c>
      <c r="M17952" s="2" t="s">
        <v>40940</v>
      </c>
      <c r="N17952" s="5" t="s">
        <v>36266</v>
      </c>
      <c r="O17952" s="5" t="s">
        <v>38</v>
      </c>
      <c r="P17952" s="5" t="s">
        <v>39</v>
      </c>
      <c r="Q17952" s="5" t="s">
        <v>40</v>
      </c>
      <c r="R17952" s="5" t="s">
        <v>1522</v>
      </c>
      <c r="S17952" s="5" t="s">
        <v>1523</v>
      </c>
      <c r="T17952" s="5" t="s">
        <v>42</v>
      </c>
      <c r="U17952" s="2">
        <v>3.09</v>
      </c>
      <c r="V17952" s="2">
        <v>2.5659999999999998</v>
      </c>
      <c r="W17952" s="2">
        <v>1.4999999999999999E-2</v>
      </c>
      <c r="X17952" s="2">
        <v>118.9</v>
      </c>
      <c r="Y17952" s="2">
        <v>7.6</v>
      </c>
      <c r="Z17952" s="2">
        <v>16.7</v>
      </c>
      <c r="AA17952" s="5"/>
      <c r="AB17952" s="5" t="s">
        <v>43</v>
      </c>
      <c r="AC17952" s="5" t="s">
        <v>44</v>
      </c>
      <c r="AD17952" s="2"/>
      <c r="AE17952" s="1"/>
    </row>
    <row r="17953" spans="1:31" ht="14.45">
      <c r="A17953" s="11"/>
      <c r="B17953" s="20"/>
      <c r="C17953" s="2" t="s">
        <v>54817</v>
      </c>
      <c r="D17953" s="14" t="s">
        <v>54818</v>
      </c>
      <c r="E17953" s="2" t="s">
        <v>54819</v>
      </c>
      <c r="F17953" s="2" t="s">
        <v>40967</v>
      </c>
      <c r="G17953" s="8">
        <v>300</v>
      </c>
      <c r="H17953" s="5">
        <v>6</v>
      </c>
      <c r="I17953" s="5" t="s">
        <v>1518</v>
      </c>
      <c r="J17953" s="5" t="s">
        <v>40939</v>
      </c>
      <c r="K17953" s="2" t="s">
        <v>40940</v>
      </c>
      <c r="L17953" s="5" t="s">
        <v>40939</v>
      </c>
      <c r="M17953" s="2" t="s">
        <v>40940</v>
      </c>
      <c r="N17953" s="5" t="s">
        <v>36266</v>
      </c>
      <c r="O17953" s="5" t="s">
        <v>38</v>
      </c>
      <c r="P17953" s="5" t="s">
        <v>39</v>
      </c>
      <c r="Q17953" s="5" t="s">
        <v>40</v>
      </c>
      <c r="R17953" s="5" t="s">
        <v>1522</v>
      </c>
      <c r="S17953" s="5" t="s">
        <v>1523</v>
      </c>
      <c r="T17953" s="5" t="s">
        <v>42</v>
      </c>
      <c r="U17953" s="2">
        <v>2.9809999999999999</v>
      </c>
      <c r="V17953" s="2">
        <v>2.4569999999999999</v>
      </c>
      <c r="W17953" s="2">
        <v>1.4999999999999999E-2</v>
      </c>
      <c r="X17953" s="2">
        <v>118.9</v>
      </c>
      <c r="Y17953" s="2">
        <v>7.6</v>
      </c>
      <c r="Z17953" s="2">
        <v>16.7</v>
      </c>
      <c r="AA17953" s="5"/>
      <c r="AB17953" s="5" t="s">
        <v>43</v>
      </c>
      <c r="AC17953" s="5" t="s">
        <v>44</v>
      </c>
      <c r="AD17953" s="2"/>
      <c r="AE17953" s="1"/>
    </row>
    <row r="17954" spans="1:31" ht="14.45">
      <c r="A17954" s="11"/>
      <c r="B17954" s="20"/>
      <c r="C17954" s="2" t="s">
        <v>54820</v>
      </c>
      <c r="D17954" s="14" t="s">
        <v>54821</v>
      </c>
      <c r="E17954" s="2" t="s">
        <v>54822</v>
      </c>
      <c r="F17954" s="2" t="s">
        <v>40971</v>
      </c>
      <c r="G17954" s="8">
        <v>300</v>
      </c>
      <c r="H17954" s="5">
        <v>6</v>
      </c>
      <c r="I17954" s="5" t="s">
        <v>1518</v>
      </c>
      <c r="J17954" s="5" t="s">
        <v>40939</v>
      </c>
      <c r="K17954" s="2" t="s">
        <v>40940</v>
      </c>
      <c r="L17954" s="5" t="s">
        <v>40939</v>
      </c>
      <c r="M17954" s="2" t="s">
        <v>40940</v>
      </c>
      <c r="N17954" s="5" t="s">
        <v>36266</v>
      </c>
      <c r="O17954" s="5" t="s">
        <v>38</v>
      </c>
      <c r="P17954" s="5" t="s">
        <v>39</v>
      </c>
      <c r="Q17954" s="5" t="s">
        <v>40</v>
      </c>
      <c r="R17954" s="5" t="s">
        <v>1522</v>
      </c>
      <c r="S17954" s="5" t="s">
        <v>1523</v>
      </c>
      <c r="T17954" s="5" t="s">
        <v>42</v>
      </c>
      <c r="U17954" s="2">
        <v>3.0710000000000002</v>
      </c>
      <c r="V17954" s="2">
        <v>2.5470000000000002</v>
      </c>
      <c r="W17954" s="2">
        <v>1.4999999999999999E-2</v>
      </c>
      <c r="X17954" s="2">
        <v>118.9</v>
      </c>
      <c r="Y17954" s="2">
        <v>7.6</v>
      </c>
      <c r="Z17954" s="2">
        <v>16.7</v>
      </c>
      <c r="AA17954" s="5"/>
      <c r="AB17954" s="5" t="s">
        <v>43</v>
      </c>
      <c r="AC17954" s="5" t="s">
        <v>44</v>
      </c>
      <c r="AD17954" s="2"/>
      <c r="AE17954" s="1"/>
    </row>
    <row r="17955" spans="1:31" ht="14.45">
      <c r="A17955" s="11"/>
      <c r="B17955" s="20"/>
      <c r="C17955" s="2" t="s">
        <v>54823</v>
      </c>
      <c r="D17955" s="14" t="s">
        <v>54824</v>
      </c>
      <c r="E17955" s="2" t="s">
        <v>54825</v>
      </c>
      <c r="F17955" s="2" t="s">
        <v>7543</v>
      </c>
      <c r="G17955" s="8">
        <v>300</v>
      </c>
      <c r="H17955" s="5">
        <v>6</v>
      </c>
      <c r="I17955" s="5" t="s">
        <v>1518</v>
      </c>
      <c r="J17955" s="5" t="s">
        <v>40939</v>
      </c>
      <c r="K17955" s="2" t="s">
        <v>40940</v>
      </c>
      <c r="L17955" s="5" t="s">
        <v>40939</v>
      </c>
      <c r="M17955" s="2" t="s">
        <v>40940</v>
      </c>
      <c r="N17955" s="5" t="s">
        <v>36266</v>
      </c>
      <c r="O17955" s="5" t="s">
        <v>38</v>
      </c>
      <c r="P17955" s="5" t="s">
        <v>39</v>
      </c>
      <c r="Q17955" s="5" t="s">
        <v>40</v>
      </c>
      <c r="R17955" s="5" t="s">
        <v>1522</v>
      </c>
      <c r="S17955" s="5" t="s">
        <v>1523</v>
      </c>
      <c r="T17955" s="5" t="s">
        <v>42</v>
      </c>
      <c r="U17955" s="2">
        <v>3.0230000000000001</v>
      </c>
      <c r="V17955" s="2">
        <v>2.4990000000000001</v>
      </c>
      <c r="W17955" s="2">
        <v>1.4999999999999999E-2</v>
      </c>
      <c r="X17955" s="2">
        <v>118.9</v>
      </c>
      <c r="Y17955" s="2">
        <v>7.6</v>
      </c>
      <c r="Z17955" s="2">
        <v>16.7</v>
      </c>
      <c r="AA17955" s="5"/>
      <c r="AB17955" s="5" t="s">
        <v>43</v>
      </c>
      <c r="AC17955" s="5" t="s">
        <v>44</v>
      </c>
      <c r="AD17955" s="2"/>
      <c r="AE17955" s="1"/>
    </row>
    <row r="17956" spans="1:31" ht="14.45">
      <c r="A17956" s="11"/>
      <c r="B17956" s="20"/>
      <c r="C17956" s="2" t="s">
        <v>54826</v>
      </c>
      <c r="D17956" s="14" t="s">
        <v>54827</v>
      </c>
      <c r="E17956" s="2" t="s">
        <v>54828</v>
      </c>
      <c r="F17956" s="2" t="s">
        <v>41001</v>
      </c>
      <c r="G17956" s="8">
        <v>300</v>
      </c>
      <c r="H17956" s="5">
        <v>6</v>
      </c>
      <c r="I17956" s="5" t="s">
        <v>1518</v>
      </c>
      <c r="J17956" s="5" t="s">
        <v>40939</v>
      </c>
      <c r="K17956" s="2" t="s">
        <v>40940</v>
      </c>
      <c r="L17956" s="5" t="s">
        <v>40939</v>
      </c>
      <c r="M17956" s="2" t="s">
        <v>40940</v>
      </c>
      <c r="N17956" s="5" t="s">
        <v>36266</v>
      </c>
      <c r="O17956" s="5" t="s">
        <v>38</v>
      </c>
      <c r="P17956" s="5" t="s">
        <v>39</v>
      </c>
      <c r="Q17956" s="5" t="s">
        <v>40</v>
      </c>
      <c r="R17956" s="5" t="s">
        <v>1522</v>
      </c>
      <c r="S17956" s="5" t="s">
        <v>1523</v>
      </c>
      <c r="T17956" s="5" t="s">
        <v>42</v>
      </c>
      <c r="U17956" s="2">
        <v>2.9809999999999999</v>
      </c>
      <c r="V17956" s="2">
        <v>2.4569999999999999</v>
      </c>
      <c r="W17956" s="2">
        <v>1.4999999999999999E-2</v>
      </c>
      <c r="X17956" s="2">
        <v>118.9</v>
      </c>
      <c r="Y17956" s="2">
        <v>7.6</v>
      </c>
      <c r="Z17956" s="2">
        <v>16.7</v>
      </c>
      <c r="AA17956" s="5"/>
      <c r="AB17956" s="5" t="s">
        <v>43</v>
      </c>
      <c r="AC17956" s="5" t="s">
        <v>44</v>
      </c>
      <c r="AD17956" s="2"/>
      <c r="AE17956" s="1"/>
    </row>
    <row r="17957" spans="1:31" ht="14.45">
      <c r="A17957" s="11"/>
      <c r="B17957" s="20"/>
      <c r="C17957" s="2" t="s">
        <v>54829</v>
      </c>
      <c r="D17957" s="14" t="s">
        <v>54830</v>
      </c>
      <c r="E17957" s="2" t="s">
        <v>54831</v>
      </c>
      <c r="F17957" s="2" t="s">
        <v>41013</v>
      </c>
      <c r="G17957" s="8">
        <v>300</v>
      </c>
      <c r="H17957" s="5">
        <v>6</v>
      </c>
      <c r="I17957" s="5" t="s">
        <v>1518</v>
      </c>
      <c r="J17957" s="5" t="s">
        <v>40939</v>
      </c>
      <c r="K17957" s="2" t="s">
        <v>40940</v>
      </c>
      <c r="L17957" s="5" t="s">
        <v>40939</v>
      </c>
      <c r="M17957" s="2" t="s">
        <v>40940</v>
      </c>
      <c r="N17957" s="5" t="s">
        <v>36266</v>
      </c>
      <c r="O17957" s="5" t="s">
        <v>38</v>
      </c>
      <c r="P17957" s="5" t="s">
        <v>39</v>
      </c>
      <c r="Q17957" s="5" t="s">
        <v>40</v>
      </c>
      <c r="R17957" s="5" t="s">
        <v>1522</v>
      </c>
      <c r="S17957" s="5" t="s">
        <v>1523</v>
      </c>
      <c r="T17957" s="5" t="s">
        <v>42</v>
      </c>
      <c r="U17957" s="2">
        <v>3.08</v>
      </c>
      <c r="V17957" s="2">
        <v>2.556</v>
      </c>
      <c r="W17957" s="2">
        <v>1.4999999999999999E-2</v>
      </c>
      <c r="X17957" s="2">
        <v>118.9</v>
      </c>
      <c r="Y17957" s="2">
        <v>7.6</v>
      </c>
      <c r="Z17957" s="2">
        <v>16.7</v>
      </c>
      <c r="AA17957" s="5"/>
      <c r="AB17957" s="5" t="s">
        <v>43</v>
      </c>
      <c r="AC17957" s="5" t="s">
        <v>44</v>
      </c>
      <c r="AD17957" s="2"/>
      <c r="AE17957" s="1"/>
    </row>
    <row r="17958" spans="1:31" ht="14.45">
      <c r="A17958" s="11"/>
      <c r="B17958" s="20"/>
      <c r="C17958" s="2" t="s">
        <v>54832</v>
      </c>
      <c r="D17958" s="14" t="s">
        <v>54833</v>
      </c>
      <c r="E17958" s="2" t="s">
        <v>54834</v>
      </c>
      <c r="F17958" s="2" t="s">
        <v>7396</v>
      </c>
      <c r="G17958" s="8">
        <v>278</v>
      </c>
      <c r="H17958" s="5">
        <v>6</v>
      </c>
      <c r="I17958" s="5" t="s">
        <v>1518</v>
      </c>
      <c r="J17958" s="5" t="s">
        <v>40939</v>
      </c>
      <c r="K17958" s="2" t="s">
        <v>40940</v>
      </c>
      <c r="L17958" s="5" t="s">
        <v>40939</v>
      </c>
      <c r="M17958" s="2" t="s">
        <v>40940</v>
      </c>
      <c r="N17958" s="5" t="s">
        <v>36266</v>
      </c>
      <c r="O17958" s="5" t="s">
        <v>38</v>
      </c>
      <c r="P17958" s="5" t="s">
        <v>39</v>
      </c>
      <c r="Q17958" s="5" t="s">
        <v>40</v>
      </c>
      <c r="R17958" s="5" t="s">
        <v>1522</v>
      </c>
      <c r="S17958" s="5" t="s">
        <v>1523</v>
      </c>
      <c r="T17958" s="5" t="s">
        <v>42</v>
      </c>
      <c r="U17958" s="2">
        <v>2.99</v>
      </c>
      <c r="V17958" s="2">
        <v>2.4660000000000002</v>
      </c>
      <c r="W17958" s="2">
        <v>1.4999999999999999E-2</v>
      </c>
      <c r="X17958" s="2">
        <v>118.9</v>
      </c>
      <c r="Y17958" s="2">
        <v>7.6</v>
      </c>
      <c r="Z17958" s="2">
        <v>16.7</v>
      </c>
      <c r="AA17958" s="5"/>
      <c r="AB17958" s="5" t="s">
        <v>43</v>
      </c>
      <c r="AC17958" s="5" t="s">
        <v>44</v>
      </c>
      <c r="AD17958" s="2"/>
      <c r="AE17958" s="1"/>
    </row>
    <row r="17959" spans="1:31" ht="14.45">
      <c r="A17959" s="11"/>
      <c r="B17959" s="20"/>
      <c r="C17959" s="2" t="s">
        <v>54835</v>
      </c>
      <c r="D17959" s="14" t="s">
        <v>54836</v>
      </c>
      <c r="E17959" s="2" t="s">
        <v>54837</v>
      </c>
      <c r="F17959" s="2" t="s">
        <v>7507</v>
      </c>
      <c r="G17959" s="8">
        <v>278</v>
      </c>
      <c r="H17959" s="5">
        <v>6</v>
      </c>
      <c r="I17959" s="5" t="s">
        <v>1518</v>
      </c>
      <c r="J17959" s="5" t="s">
        <v>40939</v>
      </c>
      <c r="K17959" s="2" t="s">
        <v>40940</v>
      </c>
      <c r="L17959" s="5" t="s">
        <v>40939</v>
      </c>
      <c r="M17959" s="2" t="s">
        <v>40940</v>
      </c>
      <c r="N17959" s="5" t="s">
        <v>36266</v>
      </c>
      <c r="O17959" s="5" t="s">
        <v>38</v>
      </c>
      <c r="P17959" s="5" t="s">
        <v>39</v>
      </c>
      <c r="Q17959" s="5" t="s">
        <v>40</v>
      </c>
      <c r="R17959" s="5" t="s">
        <v>1522</v>
      </c>
      <c r="S17959" s="5" t="s">
        <v>1523</v>
      </c>
      <c r="T17959" s="5" t="s">
        <v>42</v>
      </c>
      <c r="U17959" s="2">
        <v>3.08</v>
      </c>
      <c r="V17959" s="2">
        <v>2.556</v>
      </c>
      <c r="W17959" s="2">
        <v>1.4999999999999999E-2</v>
      </c>
      <c r="X17959" s="2">
        <v>118.9</v>
      </c>
      <c r="Y17959" s="2">
        <v>7.6</v>
      </c>
      <c r="Z17959" s="2">
        <v>16.7</v>
      </c>
      <c r="AA17959" s="5"/>
      <c r="AB17959" s="5" t="s">
        <v>43</v>
      </c>
      <c r="AC17959" s="5" t="s">
        <v>44</v>
      </c>
      <c r="AD17959" s="2"/>
      <c r="AE17959" s="1"/>
    </row>
    <row r="17960" spans="1:31" ht="14.45">
      <c r="A17960" s="11"/>
      <c r="B17960" s="20"/>
      <c r="C17960" s="2" t="s">
        <v>54838</v>
      </c>
      <c r="D17960" s="14" t="s">
        <v>54839</v>
      </c>
      <c r="E17960" s="2" t="s">
        <v>54840</v>
      </c>
      <c r="F17960" s="2" t="s">
        <v>41023</v>
      </c>
      <c r="G17960" s="8">
        <v>300</v>
      </c>
      <c r="H17960" s="5">
        <v>6</v>
      </c>
      <c r="I17960" s="5" t="s">
        <v>1518</v>
      </c>
      <c r="J17960" s="5" t="s">
        <v>40939</v>
      </c>
      <c r="K17960" s="2" t="s">
        <v>40940</v>
      </c>
      <c r="L17960" s="5" t="s">
        <v>40939</v>
      </c>
      <c r="M17960" s="2" t="s">
        <v>40940</v>
      </c>
      <c r="N17960" s="5" t="s">
        <v>36266</v>
      </c>
      <c r="O17960" s="5" t="s">
        <v>38</v>
      </c>
      <c r="P17960" s="5" t="s">
        <v>39</v>
      </c>
      <c r="Q17960" s="5" t="s">
        <v>40</v>
      </c>
      <c r="R17960" s="5" t="s">
        <v>1522</v>
      </c>
      <c r="S17960" s="5" t="s">
        <v>1523</v>
      </c>
      <c r="T17960" s="5" t="s">
        <v>42</v>
      </c>
      <c r="U17960" s="2">
        <v>2.9420000000000002</v>
      </c>
      <c r="V17960" s="2">
        <v>2.4180000000000001</v>
      </c>
      <c r="W17960" s="2">
        <v>1.4999999999999999E-2</v>
      </c>
      <c r="X17960" s="2">
        <v>118.9</v>
      </c>
      <c r="Y17960" s="2">
        <v>7.6</v>
      </c>
      <c r="Z17960" s="2">
        <v>16.7</v>
      </c>
      <c r="AA17960" s="5"/>
      <c r="AB17960" s="5" t="s">
        <v>43</v>
      </c>
      <c r="AC17960" s="5" t="s">
        <v>44</v>
      </c>
      <c r="AD17960" s="2"/>
      <c r="AE17960" s="1"/>
    </row>
    <row r="17961" spans="1:31" ht="14.45">
      <c r="A17961" s="11"/>
      <c r="B17961" s="20"/>
      <c r="C17961" s="2" t="s">
        <v>54841</v>
      </c>
      <c r="D17961" s="14" t="s">
        <v>54842</v>
      </c>
      <c r="E17961" s="2" t="s">
        <v>54843</v>
      </c>
      <c r="F17961" s="2" t="s">
        <v>41027</v>
      </c>
      <c r="G17961" s="8">
        <v>300</v>
      </c>
      <c r="H17961" s="5">
        <v>6</v>
      </c>
      <c r="I17961" s="5" t="s">
        <v>1518</v>
      </c>
      <c r="J17961" s="5" t="s">
        <v>40939</v>
      </c>
      <c r="K17961" s="2" t="s">
        <v>40940</v>
      </c>
      <c r="L17961" s="5" t="s">
        <v>40939</v>
      </c>
      <c r="M17961" s="2" t="s">
        <v>40940</v>
      </c>
      <c r="N17961" s="5" t="s">
        <v>36266</v>
      </c>
      <c r="O17961" s="5" t="s">
        <v>38</v>
      </c>
      <c r="P17961" s="5" t="s">
        <v>39</v>
      </c>
      <c r="Q17961" s="5" t="s">
        <v>40</v>
      </c>
      <c r="R17961" s="5" t="s">
        <v>1522</v>
      </c>
      <c r="S17961" s="5" t="s">
        <v>1523</v>
      </c>
      <c r="T17961" s="5" t="s">
        <v>42</v>
      </c>
      <c r="U17961" s="2">
        <v>3.032</v>
      </c>
      <c r="V17961" s="2">
        <v>2.508</v>
      </c>
      <c r="W17961" s="2">
        <v>1.4999999999999999E-2</v>
      </c>
      <c r="X17961" s="2">
        <v>118.9</v>
      </c>
      <c r="Y17961" s="2">
        <v>7.6</v>
      </c>
      <c r="Z17961" s="2">
        <v>16.7</v>
      </c>
      <c r="AA17961" s="5"/>
      <c r="AB17961" s="5" t="s">
        <v>43</v>
      </c>
      <c r="AC17961" s="5" t="s">
        <v>44</v>
      </c>
      <c r="AD17961" s="2"/>
      <c r="AE17961" s="1"/>
    </row>
    <row r="17962" spans="1:31" ht="14.45">
      <c r="A17962" s="11"/>
      <c r="B17962" s="20"/>
      <c r="C17962" s="2" t="s">
        <v>54844</v>
      </c>
      <c r="D17962" s="14" t="s">
        <v>54845</v>
      </c>
      <c r="E17962" s="2" t="s">
        <v>54846</v>
      </c>
      <c r="F17962" s="2" t="s">
        <v>41031</v>
      </c>
      <c r="G17962" s="8">
        <v>300</v>
      </c>
      <c r="H17962" s="5">
        <v>6</v>
      </c>
      <c r="I17962" s="5" t="s">
        <v>1518</v>
      </c>
      <c r="J17962" s="5" t="s">
        <v>40939</v>
      </c>
      <c r="K17962" s="2" t="s">
        <v>40940</v>
      </c>
      <c r="L17962" s="5" t="s">
        <v>40939</v>
      </c>
      <c r="M17962" s="2" t="s">
        <v>40940</v>
      </c>
      <c r="N17962" s="5" t="s">
        <v>36266</v>
      </c>
      <c r="O17962" s="5" t="s">
        <v>38</v>
      </c>
      <c r="P17962" s="5" t="s">
        <v>39</v>
      </c>
      <c r="Q17962" s="5" t="s">
        <v>40</v>
      </c>
      <c r="R17962" s="5" t="s">
        <v>1522</v>
      </c>
      <c r="S17962" s="5" t="s">
        <v>1523</v>
      </c>
      <c r="T17962" s="5" t="s">
        <v>42</v>
      </c>
      <c r="U17962" s="2">
        <v>2.9420000000000002</v>
      </c>
      <c r="V17962" s="2">
        <v>2.4180000000000001</v>
      </c>
      <c r="W17962" s="2">
        <v>1.4999999999999999E-2</v>
      </c>
      <c r="X17962" s="2">
        <v>118.9</v>
      </c>
      <c r="Y17962" s="2">
        <v>7.6</v>
      </c>
      <c r="Z17962" s="2">
        <v>16.7</v>
      </c>
      <c r="AA17962" s="5"/>
      <c r="AB17962" s="5" t="s">
        <v>43</v>
      </c>
      <c r="AC17962" s="5" t="s">
        <v>44</v>
      </c>
      <c r="AD17962" s="2"/>
      <c r="AE17962" s="1"/>
    </row>
    <row r="17963" spans="1:31" ht="14.45">
      <c r="A17963" s="11"/>
      <c r="B17963" s="20"/>
      <c r="C17963" s="2" t="s">
        <v>54847</v>
      </c>
      <c r="D17963" s="14" t="s">
        <v>54848</v>
      </c>
      <c r="E17963" s="2" t="s">
        <v>54849</v>
      </c>
      <c r="F17963" s="2" t="s">
        <v>41035</v>
      </c>
      <c r="G17963" s="8">
        <v>300</v>
      </c>
      <c r="H17963" s="5">
        <v>6</v>
      </c>
      <c r="I17963" s="5" t="s">
        <v>1518</v>
      </c>
      <c r="J17963" s="5" t="s">
        <v>40939</v>
      </c>
      <c r="K17963" s="2" t="s">
        <v>40940</v>
      </c>
      <c r="L17963" s="5" t="s">
        <v>40939</v>
      </c>
      <c r="M17963" s="2" t="s">
        <v>40940</v>
      </c>
      <c r="N17963" s="5" t="s">
        <v>36266</v>
      </c>
      <c r="O17963" s="5" t="s">
        <v>38</v>
      </c>
      <c r="P17963" s="5" t="s">
        <v>39</v>
      </c>
      <c r="Q17963" s="5" t="s">
        <v>40</v>
      </c>
      <c r="R17963" s="5" t="s">
        <v>1522</v>
      </c>
      <c r="S17963" s="5" t="s">
        <v>1523</v>
      </c>
      <c r="T17963" s="5" t="s">
        <v>42</v>
      </c>
      <c r="U17963" s="2">
        <v>3.032</v>
      </c>
      <c r="V17963" s="2">
        <v>2.508</v>
      </c>
      <c r="W17963" s="2">
        <v>1.4999999999999999E-2</v>
      </c>
      <c r="X17963" s="2">
        <v>118.9</v>
      </c>
      <c r="Y17963" s="2">
        <v>7.6</v>
      </c>
      <c r="Z17963" s="2">
        <v>16.7</v>
      </c>
      <c r="AA17963" s="5"/>
      <c r="AB17963" s="5" t="s">
        <v>43</v>
      </c>
      <c r="AC17963" s="5" t="s">
        <v>44</v>
      </c>
      <c r="AD17963" s="2"/>
      <c r="AE17963" s="1"/>
    </row>
    <row r="17964" spans="1:31" ht="14.45">
      <c r="A17964" s="11"/>
      <c r="B17964" s="20"/>
      <c r="C17964" s="2" t="s">
        <v>54850</v>
      </c>
      <c r="D17964" s="14" t="s">
        <v>54851</v>
      </c>
      <c r="E17964" s="2" t="s">
        <v>54852</v>
      </c>
      <c r="F17964" s="2" t="s">
        <v>7581</v>
      </c>
      <c r="G17964" s="8">
        <v>300</v>
      </c>
      <c r="H17964" s="5">
        <v>6</v>
      </c>
      <c r="I17964" s="5" t="s">
        <v>1518</v>
      </c>
      <c r="J17964" s="5" t="s">
        <v>40939</v>
      </c>
      <c r="K17964" s="2" t="s">
        <v>40940</v>
      </c>
      <c r="L17964" s="5" t="s">
        <v>40939</v>
      </c>
      <c r="M17964" s="2" t="s">
        <v>40940</v>
      </c>
      <c r="N17964" s="5" t="s">
        <v>36266</v>
      </c>
      <c r="O17964" s="5" t="s">
        <v>38</v>
      </c>
      <c r="P17964" s="5" t="s">
        <v>39</v>
      </c>
      <c r="Q17964" s="5" t="s">
        <v>40</v>
      </c>
      <c r="R17964" s="5" t="s">
        <v>1522</v>
      </c>
      <c r="S17964" s="5" t="s">
        <v>1523</v>
      </c>
      <c r="T17964" s="5" t="s">
        <v>42</v>
      </c>
      <c r="U17964" s="2">
        <v>3.032</v>
      </c>
      <c r="V17964" s="2">
        <v>2.508</v>
      </c>
      <c r="W17964" s="2">
        <v>1.4999999999999999E-2</v>
      </c>
      <c r="X17964" s="2">
        <v>118.9</v>
      </c>
      <c r="Y17964" s="2">
        <v>7.6</v>
      </c>
      <c r="Z17964" s="2">
        <v>16.7</v>
      </c>
      <c r="AA17964" s="5"/>
      <c r="AB17964" s="5" t="s">
        <v>43</v>
      </c>
      <c r="AC17964" s="5" t="s">
        <v>44</v>
      </c>
      <c r="AD17964" s="2"/>
      <c r="AE17964" s="1"/>
    </row>
    <row r="17965" spans="1:31" ht="14.45">
      <c r="A17965" s="11"/>
      <c r="B17965" s="20"/>
      <c r="C17965" s="2" t="s">
        <v>54853</v>
      </c>
      <c r="D17965" s="14" t="s">
        <v>54854</v>
      </c>
      <c r="E17965" s="2" t="s">
        <v>54855</v>
      </c>
      <c r="F17965" s="2" t="s">
        <v>41049</v>
      </c>
      <c r="G17965" s="8">
        <v>300</v>
      </c>
      <c r="H17965" s="5">
        <v>6</v>
      </c>
      <c r="I17965" s="5" t="s">
        <v>1518</v>
      </c>
      <c r="J17965" s="5" t="s">
        <v>40939</v>
      </c>
      <c r="K17965" s="2" t="s">
        <v>40940</v>
      </c>
      <c r="L17965" s="5" t="s">
        <v>40939</v>
      </c>
      <c r="M17965" s="2" t="s">
        <v>40940</v>
      </c>
      <c r="N17965" s="5" t="s">
        <v>36266</v>
      </c>
      <c r="O17965" s="5" t="s">
        <v>38</v>
      </c>
      <c r="P17965" s="5" t="s">
        <v>39</v>
      </c>
      <c r="Q17965" s="5" t="s">
        <v>40</v>
      </c>
      <c r="R17965" s="5" t="s">
        <v>1522</v>
      </c>
      <c r="S17965" s="5" t="s">
        <v>1523</v>
      </c>
      <c r="T17965" s="5" t="s">
        <v>42</v>
      </c>
      <c r="U17965" s="2">
        <v>3.09</v>
      </c>
      <c r="V17965" s="2">
        <v>2.5659999999999998</v>
      </c>
      <c r="W17965" s="2">
        <v>1.4999999999999999E-2</v>
      </c>
      <c r="X17965" s="2">
        <v>118.9</v>
      </c>
      <c r="Y17965" s="2">
        <v>7.6</v>
      </c>
      <c r="Z17965" s="2">
        <v>16.7</v>
      </c>
      <c r="AA17965" s="5"/>
      <c r="AB17965" s="5" t="s">
        <v>43</v>
      </c>
      <c r="AC17965" s="5" t="s">
        <v>44</v>
      </c>
      <c r="AD17965" s="2"/>
      <c r="AE17965" s="1"/>
    </row>
    <row r="17966" spans="1:31" ht="14.45">
      <c r="A17966" s="11"/>
      <c r="B17966" s="20"/>
      <c r="C17966" s="2" t="s">
        <v>54856</v>
      </c>
      <c r="D17966" s="14" t="s">
        <v>54857</v>
      </c>
      <c r="E17966" s="2" t="s">
        <v>54858</v>
      </c>
      <c r="F17966" s="2" t="s">
        <v>7204</v>
      </c>
      <c r="G17966" s="8">
        <v>289</v>
      </c>
      <c r="H17966" s="5">
        <v>6</v>
      </c>
      <c r="I17966" s="5" t="s">
        <v>1518</v>
      </c>
      <c r="J17966" s="5" t="s">
        <v>40939</v>
      </c>
      <c r="K17966" s="2" t="s">
        <v>40940</v>
      </c>
      <c r="L17966" s="5" t="s">
        <v>40939</v>
      </c>
      <c r="M17966" s="2" t="s">
        <v>40940</v>
      </c>
      <c r="N17966" s="5" t="s">
        <v>36266</v>
      </c>
      <c r="O17966" s="5" t="s">
        <v>38</v>
      </c>
      <c r="P17966" s="5" t="s">
        <v>39</v>
      </c>
      <c r="Q17966" s="5" t="s">
        <v>40</v>
      </c>
      <c r="R17966" s="5" t="s">
        <v>1522</v>
      </c>
      <c r="S17966" s="5" t="s">
        <v>1523</v>
      </c>
      <c r="T17966" s="5" t="s">
        <v>42</v>
      </c>
      <c r="U17966" s="2">
        <v>3.2</v>
      </c>
      <c r="V17966" s="2">
        <v>2.601</v>
      </c>
      <c r="W17966" s="2">
        <v>1.7999999999999999E-2</v>
      </c>
      <c r="X17966" s="2">
        <v>139.1</v>
      </c>
      <c r="Y17966" s="2">
        <v>7.6</v>
      </c>
      <c r="Z17966" s="2">
        <v>16.7</v>
      </c>
      <c r="AA17966" s="5"/>
      <c r="AB17966" s="5" t="s">
        <v>43</v>
      </c>
      <c r="AC17966" s="5" t="s">
        <v>44</v>
      </c>
      <c r="AD17966" s="2"/>
      <c r="AE17966" s="1"/>
    </row>
    <row r="17967" spans="1:31" ht="14.45">
      <c r="A17967" s="11"/>
      <c r="B17967" s="20"/>
      <c r="C17967" s="2" t="s">
        <v>54859</v>
      </c>
      <c r="D17967" s="14" t="s">
        <v>54860</v>
      </c>
      <c r="E17967" s="2" t="s">
        <v>54861</v>
      </c>
      <c r="F17967" s="2" t="s">
        <v>7514</v>
      </c>
      <c r="G17967" s="8">
        <v>289</v>
      </c>
      <c r="H17967" s="5">
        <v>6</v>
      </c>
      <c r="I17967" s="5" t="s">
        <v>1518</v>
      </c>
      <c r="J17967" s="5" t="s">
        <v>40939</v>
      </c>
      <c r="K17967" s="2" t="s">
        <v>40940</v>
      </c>
      <c r="L17967" s="5" t="s">
        <v>40939</v>
      </c>
      <c r="M17967" s="2" t="s">
        <v>40940</v>
      </c>
      <c r="N17967" s="5" t="s">
        <v>36266</v>
      </c>
      <c r="O17967" s="5" t="s">
        <v>38</v>
      </c>
      <c r="P17967" s="5" t="s">
        <v>39</v>
      </c>
      <c r="Q17967" s="5" t="s">
        <v>40</v>
      </c>
      <c r="R17967" s="5" t="s">
        <v>1522</v>
      </c>
      <c r="S17967" s="5" t="s">
        <v>1523</v>
      </c>
      <c r="T17967" s="5" t="s">
        <v>42</v>
      </c>
      <c r="U17967" s="2">
        <v>3.302</v>
      </c>
      <c r="V17967" s="2">
        <v>2.7029999999999998</v>
      </c>
      <c r="W17967" s="2">
        <v>1.7999999999999999E-2</v>
      </c>
      <c r="X17967" s="2">
        <v>139.1</v>
      </c>
      <c r="Y17967" s="2">
        <v>7.6</v>
      </c>
      <c r="Z17967" s="2">
        <v>16.7</v>
      </c>
      <c r="AA17967" s="5"/>
      <c r="AB17967" s="5" t="s">
        <v>43</v>
      </c>
      <c r="AC17967" s="5" t="s">
        <v>44</v>
      </c>
      <c r="AD17967" s="2"/>
      <c r="AE17967" s="1"/>
    </row>
    <row r="17968" spans="1:31" ht="14.45">
      <c r="A17968" s="11"/>
      <c r="B17968" s="20"/>
      <c r="C17968" s="2" t="s">
        <v>54862</v>
      </c>
      <c r="D17968" s="14" t="s">
        <v>54863</v>
      </c>
      <c r="E17968" s="2" t="s">
        <v>54864</v>
      </c>
      <c r="F17968" s="2" t="s">
        <v>47266</v>
      </c>
      <c r="G17968" s="8">
        <v>313</v>
      </c>
      <c r="H17968" s="5">
        <v>6</v>
      </c>
      <c r="I17968" s="5" t="s">
        <v>1518</v>
      </c>
      <c r="J17968" s="5" t="s">
        <v>40939</v>
      </c>
      <c r="K17968" s="2" t="s">
        <v>40940</v>
      </c>
      <c r="L17968" s="5" t="s">
        <v>40939</v>
      </c>
      <c r="M17968" s="2" t="s">
        <v>40940</v>
      </c>
      <c r="N17968" s="5" t="s">
        <v>36266</v>
      </c>
      <c r="O17968" s="5" t="s">
        <v>38</v>
      </c>
      <c r="P17968" s="5" t="s">
        <v>39</v>
      </c>
      <c r="Q17968" s="5" t="s">
        <v>40</v>
      </c>
      <c r="R17968" s="5" t="s">
        <v>1522</v>
      </c>
      <c r="S17968" s="5" t="s">
        <v>1523</v>
      </c>
      <c r="T17968" s="5" t="s">
        <v>42</v>
      </c>
      <c r="U17968" s="2">
        <v>3.222</v>
      </c>
      <c r="V17968" s="2">
        <v>2.6230000000000002</v>
      </c>
      <c r="W17968" s="2">
        <v>1.7999999999999999E-2</v>
      </c>
      <c r="X17968" s="2">
        <v>139.1</v>
      </c>
      <c r="Y17968" s="2">
        <v>7.6</v>
      </c>
      <c r="Z17968" s="2">
        <v>16.7</v>
      </c>
      <c r="AA17968" s="5"/>
      <c r="AB17968" s="5" t="s">
        <v>43</v>
      </c>
      <c r="AC17968" s="5" t="s">
        <v>44</v>
      </c>
      <c r="AD17968" s="2"/>
      <c r="AE17968" s="1"/>
    </row>
    <row r="17969" spans="1:31" ht="14.45">
      <c r="A17969" s="11"/>
      <c r="B17969" s="20"/>
      <c r="C17969" s="2" t="s">
        <v>54865</v>
      </c>
      <c r="D17969" s="14" t="s">
        <v>54866</v>
      </c>
      <c r="E17969" s="2" t="s">
        <v>54867</v>
      </c>
      <c r="F17969" s="2" t="s">
        <v>47195</v>
      </c>
      <c r="G17969" s="8">
        <v>313</v>
      </c>
      <c r="H17969" s="5">
        <v>6</v>
      </c>
      <c r="I17969" s="5" t="s">
        <v>1518</v>
      </c>
      <c r="J17969" s="5" t="s">
        <v>40939</v>
      </c>
      <c r="K17969" s="2" t="s">
        <v>40940</v>
      </c>
      <c r="L17969" s="5" t="s">
        <v>40939</v>
      </c>
      <c r="M17969" s="2" t="s">
        <v>40940</v>
      </c>
      <c r="N17969" s="5" t="s">
        <v>36266</v>
      </c>
      <c r="O17969" s="5" t="s">
        <v>38</v>
      </c>
      <c r="P17969" s="5" t="s">
        <v>39</v>
      </c>
      <c r="Q17969" s="5" t="s">
        <v>40</v>
      </c>
      <c r="R17969" s="5" t="s">
        <v>1522</v>
      </c>
      <c r="S17969" s="5" t="s">
        <v>1523</v>
      </c>
      <c r="T17969" s="5" t="s">
        <v>42</v>
      </c>
      <c r="U17969" s="2">
        <v>3.3239999999999998</v>
      </c>
      <c r="V17969" s="2">
        <v>2.7250000000000001</v>
      </c>
      <c r="W17969" s="2">
        <v>1.7999999999999999E-2</v>
      </c>
      <c r="X17969" s="2">
        <v>139.1</v>
      </c>
      <c r="Y17969" s="2">
        <v>7.6</v>
      </c>
      <c r="Z17969" s="2">
        <v>16.7</v>
      </c>
      <c r="AA17969" s="5"/>
      <c r="AB17969" s="5" t="s">
        <v>43</v>
      </c>
      <c r="AC17969" s="5" t="s">
        <v>44</v>
      </c>
      <c r="AD17969" s="2"/>
      <c r="AE17969" s="1"/>
    </row>
    <row r="17970" spans="1:31" ht="14.45">
      <c r="A17970" s="11"/>
      <c r="B17970" s="20"/>
      <c r="C17970" s="2" t="s">
        <v>54868</v>
      </c>
      <c r="D17970" s="14" t="s">
        <v>54869</v>
      </c>
      <c r="E17970" s="2" t="s">
        <v>54870</v>
      </c>
      <c r="F17970" s="2" t="s">
        <v>7208</v>
      </c>
      <c r="G17970" s="8">
        <v>289</v>
      </c>
      <c r="H17970" s="5">
        <v>6</v>
      </c>
      <c r="I17970" s="5" t="s">
        <v>1518</v>
      </c>
      <c r="J17970" s="5" t="s">
        <v>40939</v>
      </c>
      <c r="K17970" s="2" t="s">
        <v>40940</v>
      </c>
      <c r="L17970" s="5" t="s">
        <v>40939</v>
      </c>
      <c r="M17970" s="2" t="s">
        <v>40940</v>
      </c>
      <c r="N17970" s="5" t="s">
        <v>36266</v>
      </c>
      <c r="O17970" s="5" t="s">
        <v>38</v>
      </c>
      <c r="P17970" s="5" t="s">
        <v>39</v>
      </c>
      <c r="Q17970" s="5" t="s">
        <v>40</v>
      </c>
      <c r="R17970" s="5" t="s">
        <v>1522</v>
      </c>
      <c r="S17970" s="5" t="s">
        <v>1523</v>
      </c>
      <c r="T17970" s="5" t="s">
        <v>42</v>
      </c>
      <c r="U17970" s="2">
        <v>3.234</v>
      </c>
      <c r="V17970" s="2">
        <v>2.6349999999999998</v>
      </c>
      <c r="W17970" s="2">
        <v>1.7999999999999999E-2</v>
      </c>
      <c r="X17970" s="2">
        <v>139.1</v>
      </c>
      <c r="Y17970" s="2">
        <v>7.6</v>
      </c>
      <c r="Z17970" s="2">
        <v>16.7</v>
      </c>
      <c r="AA17970" s="5"/>
      <c r="AB17970" s="5" t="s">
        <v>43</v>
      </c>
      <c r="AC17970" s="5" t="s">
        <v>44</v>
      </c>
      <c r="AD17970" s="2"/>
      <c r="AE17970" s="1"/>
    </row>
    <row r="17971" spans="1:31" ht="14.45">
      <c r="A17971" s="11"/>
      <c r="B17971" s="20"/>
      <c r="C17971" s="2" t="s">
        <v>54871</v>
      </c>
      <c r="D17971" s="14" t="s">
        <v>54872</v>
      </c>
      <c r="E17971" s="2" t="s">
        <v>54873</v>
      </c>
      <c r="F17971" s="2" t="s">
        <v>7521</v>
      </c>
      <c r="G17971" s="8">
        <v>289</v>
      </c>
      <c r="H17971" s="5">
        <v>6</v>
      </c>
      <c r="I17971" s="5" t="s">
        <v>1518</v>
      </c>
      <c r="J17971" s="5" t="s">
        <v>40939</v>
      </c>
      <c r="K17971" s="2" t="s">
        <v>40940</v>
      </c>
      <c r="L17971" s="5" t="s">
        <v>40939</v>
      </c>
      <c r="M17971" s="2" t="s">
        <v>40940</v>
      </c>
      <c r="N17971" s="5" t="s">
        <v>36266</v>
      </c>
      <c r="O17971" s="5" t="s">
        <v>38</v>
      </c>
      <c r="P17971" s="5" t="s">
        <v>39</v>
      </c>
      <c r="Q17971" s="5" t="s">
        <v>40</v>
      </c>
      <c r="R17971" s="5" t="s">
        <v>1522</v>
      </c>
      <c r="S17971" s="5" t="s">
        <v>1523</v>
      </c>
      <c r="T17971" s="5" t="s">
        <v>42</v>
      </c>
      <c r="U17971" s="2">
        <v>3.3359999999999999</v>
      </c>
      <c r="V17971" s="2">
        <v>2.7370000000000001</v>
      </c>
      <c r="W17971" s="2">
        <v>1.7999999999999999E-2</v>
      </c>
      <c r="X17971" s="2">
        <v>139.1</v>
      </c>
      <c r="Y17971" s="2">
        <v>7.6</v>
      </c>
      <c r="Z17971" s="2">
        <v>16.7</v>
      </c>
      <c r="AA17971" s="5"/>
      <c r="AB17971" s="5" t="s">
        <v>43</v>
      </c>
      <c r="AC17971" s="5" t="s">
        <v>44</v>
      </c>
      <c r="AD17971" s="2"/>
      <c r="AE17971" s="1"/>
    </row>
    <row r="17972" spans="1:31" ht="14.45">
      <c r="A17972" s="11"/>
      <c r="B17972" s="20"/>
      <c r="C17972" s="2" t="s">
        <v>54874</v>
      </c>
      <c r="D17972" s="14" t="s">
        <v>54875</v>
      </c>
      <c r="E17972" s="2" t="s">
        <v>54876</v>
      </c>
      <c r="F17972" s="2" t="s">
        <v>36273</v>
      </c>
      <c r="G17972" s="8">
        <v>289</v>
      </c>
      <c r="H17972" s="5">
        <v>6</v>
      </c>
      <c r="I17972" s="5" t="s">
        <v>1518</v>
      </c>
      <c r="J17972" s="5" t="s">
        <v>40939</v>
      </c>
      <c r="K17972" s="2" t="s">
        <v>40940</v>
      </c>
      <c r="L17972" s="5" t="s">
        <v>40939</v>
      </c>
      <c r="M17972" s="2" t="s">
        <v>40940</v>
      </c>
      <c r="N17972" s="5" t="s">
        <v>36266</v>
      </c>
      <c r="O17972" s="5" t="s">
        <v>38</v>
      </c>
      <c r="P17972" s="5" t="s">
        <v>39</v>
      </c>
      <c r="Q17972" s="5" t="s">
        <v>40</v>
      </c>
      <c r="R17972" s="5" t="s">
        <v>1522</v>
      </c>
      <c r="S17972" s="5" t="s">
        <v>1523</v>
      </c>
      <c r="T17972" s="5" t="s">
        <v>42</v>
      </c>
      <c r="U17972" s="2">
        <v>3.2559999999999998</v>
      </c>
      <c r="V17972" s="2">
        <v>2.657</v>
      </c>
      <c r="W17972" s="2">
        <v>1.7999999999999999E-2</v>
      </c>
      <c r="X17972" s="2">
        <v>139.1</v>
      </c>
      <c r="Y17972" s="2">
        <v>7.6</v>
      </c>
      <c r="Z17972" s="2">
        <v>16.7</v>
      </c>
      <c r="AA17972" s="5"/>
      <c r="AB17972" s="5" t="s">
        <v>43</v>
      </c>
      <c r="AC17972" s="5" t="s">
        <v>44</v>
      </c>
      <c r="AD17972" s="2"/>
      <c r="AE17972" s="1"/>
    </row>
    <row r="17973" spans="1:31" ht="14.45">
      <c r="A17973" s="11"/>
      <c r="B17973" s="20"/>
      <c r="C17973" s="2" t="s">
        <v>54877</v>
      </c>
      <c r="D17973" s="14" t="s">
        <v>54878</v>
      </c>
      <c r="E17973" s="2" t="s">
        <v>54879</v>
      </c>
      <c r="F17973" s="2" t="s">
        <v>36277</v>
      </c>
      <c r="G17973" s="8">
        <v>289</v>
      </c>
      <c r="H17973" s="5">
        <v>6</v>
      </c>
      <c r="I17973" s="5" t="s">
        <v>1518</v>
      </c>
      <c r="J17973" s="5" t="s">
        <v>40939</v>
      </c>
      <c r="K17973" s="2" t="s">
        <v>40940</v>
      </c>
      <c r="L17973" s="5" t="s">
        <v>40939</v>
      </c>
      <c r="M17973" s="2" t="s">
        <v>40940</v>
      </c>
      <c r="N17973" s="5" t="s">
        <v>36266</v>
      </c>
      <c r="O17973" s="5" t="s">
        <v>38</v>
      </c>
      <c r="P17973" s="5" t="s">
        <v>39</v>
      </c>
      <c r="Q17973" s="5" t="s">
        <v>40</v>
      </c>
      <c r="R17973" s="5" t="s">
        <v>1522</v>
      </c>
      <c r="S17973" s="5" t="s">
        <v>1523</v>
      </c>
      <c r="T17973" s="5" t="s">
        <v>42</v>
      </c>
      <c r="U17973" s="2">
        <v>3.3580000000000001</v>
      </c>
      <c r="V17973" s="2">
        <v>2.7589999999999999</v>
      </c>
      <c r="W17973" s="2">
        <v>1.7999999999999999E-2</v>
      </c>
      <c r="X17973" s="2">
        <v>139.1</v>
      </c>
      <c r="Y17973" s="2">
        <v>7.6</v>
      </c>
      <c r="Z17973" s="2">
        <v>16.7</v>
      </c>
      <c r="AA17973" s="5"/>
      <c r="AB17973" s="5" t="s">
        <v>43</v>
      </c>
      <c r="AC17973" s="5" t="s">
        <v>44</v>
      </c>
      <c r="AD17973" s="2"/>
      <c r="AE17973" s="1"/>
    </row>
    <row r="17974" spans="1:31" ht="14.45">
      <c r="A17974" s="11"/>
      <c r="B17974" s="20"/>
      <c r="C17974" s="2" t="s">
        <v>54880</v>
      </c>
      <c r="D17974" s="14" t="s">
        <v>54881</v>
      </c>
      <c r="E17974" s="2" t="s">
        <v>54882</v>
      </c>
      <c r="F17974" s="2" t="s">
        <v>40971</v>
      </c>
      <c r="G17974" s="8">
        <v>313</v>
      </c>
      <c r="H17974" s="5">
        <v>6</v>
      </c>
      <c r="I17974" s="5" t="s">
        <v>1518</v>
      </c>
      <c r="J17974" s="5" t="s">
        <v>40939</v>
      </c>
      <c r="K17974" s="2" t="s">
        <v>40940</v>
      </c>
      <c r="L17974" s="5" t="s">
        <v>40939</v>
      </c>
      <c r="M17974" s="2" t="s">
        <v>40940</v>
      </c>
      <c r="N17974" s="5" t="s">
        <v>36266</v>
      </c>
      <c r="O17974" s="5" t="s">
        <v>38</v>
      </c>
      <c r="P17974" s="5" t="s">
        <v>39</v>
      </c>
      <c r="Q17974" s="5" t="s">
        <v>40</v>
      </c>
      <c r="R17974" s="5" t="s">
        <v>1522</v>
      </c>
      <c r="S17974" s="5" t="s">
        <v>1523</v>
      </c>
      <c r="T17974" s="5" t="s">
        <v>42</v>
      </c>
      <c r="U17974" s="2">
        <v>3.3359999999999999</v>
      </c>
      <c r="V17974" s="2">
        <v>2.7370000000000001</v>
      </c>
      <c r="W17974" s="2">
        <v>1.7999999999999999E-2</v>
      </c>
      <c r="X17974" s="2">
        <v>139.1</v>
      </c>
      <c r="Y17974" s="2">
        <v>7.6</v>
      </c>
      <c r="Z17974" s="2">
        <v>16.7</v>
      </c>
      <c r="AA17974" s="5"/>
      <c r="AB17974" s="5" t="s">
        <v>43</v>
      </c>
      <c r="AC17974" s="5" t="s">
        <v>44</v>
      </c>
      <c r="AD17974" s="2"/>
      <c r="AE17974" s="1"/>
    </row>
    <row r="17975" spans="1:31" ht="14.45">
      <c r="A17975" s="11"/>
      <c r="B17975" s="20"/>
      <c r="C17975" s="2" t="s">
        <v>54883</v>
      </c>
      <c r="D17975" s="14" t="s">
        <v>54884</v>
      </c>
      <c r="E17975" s="2" t="s">
        <v>54885</v>
      </c>
      <c r="F17975" s="2" t="s">
        <v>7539</v>
      </c>
      <c r="G17975" s="8">
        <v>313</v>
      </c>
      <c r="H17975" s="5">
        <v>6</v>
      </c>
      <c r="I17975" s="5" t="s">
        <v>1518</v>
      </c>
      <c r="J17975" s="5" t="s">
        <v>40939</v>
      </c>
      <c r="K17975" s="2" t="s">
        <v>40940</v>
      </c>
      <c r="L17975" s="5" t="s">
        <v>40939</v>
      </c>
      <c r="M17975" s="2" t="s">
        <v>40940</v>
      </c>
      <c r="N17975" s="5" t="s">
        <v>36266</v>
      </c>
      <c r="O17975" s="5" t="s">
        <v>38</v>
      </c>
      <c r="P17975" s="5" t="s">
        <v>39</v>
      </c>
      <c r="Q17975" s="5" t="s">
        <v>40</v>
      </c>
      <c r="R17975" s="5" t="s">
        <v>1522</v>
      </c>
      <c r="S17975" s="5" t="s">
        <v>1523</v>
      </c>
      <c r="T17975" s="5" t="s">
        <v>42</v>
      </c>
      <c r="U17975" s="2">
        <v>3.177</v>
      </c>
      <c r="V17975" s="2">
        <v>2.5779999999999998</v>
      </c>
      <c r="W17975" s="2">
        <v>1.7999999999999999E-2</v>
      </c>
      <c r="X17975" s="2">
        <v>139.1</v>
      </c>
      <c r="Y17975" s="2">
        <v>7.6</v>
      </c>
      <c r="Z17975" s="2">
        <v>16.7</v>
      </c>
      <c r="AA17975" s="5"/>
      <c r="AB17975" s="5" t="s">
        <v>43</v>
      </c>
      <c r="AC17975" s="5" t="s">
        <v>44</v>
      </c>
      <c r="AD17975" s="2"/>
      <c r="AE17975" s="1"/>
    </row>
    <row r="17976" spans="1:31" ht="14.45">
      <c r="A17976" s="11"/>
      <c r="B17976" s="20"/>
      <c r="C17976" s="2" t="s">
        <v>54886</v>
      </c>
      <c r="D17976" s="14" t="s">
        <v>54887</v>
      </c>
      <c r="E17976" s="2" t="s">
        <v>54888</v>
      </c>
      <c r="F17976" s="2" t="s">
        <v>7543</v>
      </c>
      <c r="G17976" s="8">
        <v>313</v>
      </c>
      <c r="H17976" s="5">
        <v>6</v>
      </c>
      <c r="I17976" s="5" t="s">
        <v>1518</v>
      </c>
      <c r="J17976" s="5" t="s">
        <v>40939</v>
      </c>
      <c r="K17976" s="2" t="s">
        <v>40940</v>
      </c>
      <c r="L17976" s="5" t="s">
        <v>40939</v>
      </c>
      <c r="M17976" s="2" t="s">
        <v>40940</v>
      </c>
      <c r="N17976" s="5" t="s">
        <v>36266</v>
      </c>
      <c r="O17976" s="5" t="s">
        <v>38</v>
      </c>
      <c r="P17976" s="5" t="s">
        <v>39</v>
      </c>
      <c r="Q17976" s="5" t="s">
        <v>40</v>
      </c>
      <c r="R17976" s="5" t="s">
        <v>1522</v>
      </c>
      <c r="S17976" s="5" t="s">
        <v>1523</v>
      </c>
      <c r="T17976" s="5" t="s">
        <v>42</v>
      </c>
      <c r="U17976" s="2">
        <v>3.2789999999999999</v>
      </c>
      <c r="V17976" s="2">
        <v>2.68</v>
      </c>
      <c r="W17976" s="2">
        <v>1.7999999999999999E-2</v>
      </c>
      <c r="X17976" s="2">
        <v>139.1</v>
      </c>
      <c r="Y17976" s="2">
        <v>7.6</v>
      </c>
      <c r="Z17976" s="2">
        <v>16.7</v>
      </c>
      <c r="AA17976" s="5"/>
      <c r="AB17976" s="5" t="s">
        <v>43</v>
      </c>
      <c r="AC17976" s="5" t="s">
        <v>44</v>
      </c>
      <c r="AD17976" s="2"/>
      <c r="AE17976" s="1"/>
    </row>
    <row r="17977" spans="1:31" ht="14.45">
      <c r="A17977" s="11"/>
      <c r="B17977" s="20"/>
      <c r="C17977" s="2" t="s">
        <v>54889</v>
      </c>
      <c r="D17977" s="14" t="s">
        <v>54890</v>
      </c>
      <c r="E17977" s="2" t="s">
        <v>54891</v>
      </c>
      <c r="F17977" s="2" t="s">
        <v>40989</v>
      </c>
      <c r="G17977" s="8">
        <v>313</v>
      </c>
      <c r="H17977" s="5">
        <v>6</v>
      </c>
      <c r="I17977" s="5" t="s">
        <v>1518</v>
      </c>
      <c r="J17977" s="5" t="s">
        <v>40939</v>
      </c>
      <c r="K17977" s="2" t="s">
        <v>40940</v>
      </c>
      <c r="L17977" s="5" t="s">
        <v>40939</v>
      </c>
      <c r="M17977" s="2" t="s">
        <v>40940</v>
      </c>
      <c r="N17977" s="5" t="s">
        <v>36266</v>
      </c>
      <c r="O17977" s="5" t="s">
        <v>38</v>
      </c>
      <c r="P17977" s="5" t="s">
        <v>39</v>
      </c>
      <c r="Q17977" s="5" t="s">
        <v>40</v>
      </c>
      <c r="R17977" s="5" t="s">
        <v>1522</v>
      </c>
      <c r="S17977" s="5" t="s">
        <v>1523</v>
      </c>
      <c r="T17977" s="5" t="s">
        <v>42</v>
      </c>
      <c r="U17977" s="2">
        <v>3.234</v>
      </c>
      <c r="V17977" s="2">
        <v>2.6349999999999998</v>
      </c>
      <c r="W17977" s="2">
        <v>1.7999999999999999E-2</v>
      </c>
      <c r="X17977" s="2">
        <v>139.1</v>
      </c>
      <c r="Y17977" s="2">
        <v>7.6</v>
      </c>
      <c r="Z17977" s="2">
        <v>16.7</v>
      </c>
      <c r="AA17977" s="5"/>
      <c r="AB17977" s="5" t="s">
        <v>43</v>
      </c>
      <c r="AC17977" s="5" t="s">
        <v>44</v>
      </c>
      <c r="AD17977" s="2"/>
      <c r="AE17977" s="1"/>
    </row>
    <row r="17978" spans="1:31" ht="14.45">
      <c r="A17978" s="11"/>
      <c r="B17978" s="20"/>
      <c r="C17978" s="2" t="s">
        <v>54892</v>
      </c>
      <c r="D17978" s="14" t="s">
        <v>54893</v>
      </c>
      <c r="E17978" s="2" t="s">
        <v>54894</v>
      </c>
      <c r="F17978" s="2" t="s">
        <v>40993</v>
      </c>
      <c r="G17978" s="8">
        <v>313</v>
      </c>
      <c r="H17978" s="5">
        <v>6</v>
      </c>
      <c r="I17978" s="5" t="s">
        <v>1518</v>
      </c>
      <c r="J17978" s="5" t="s">
        <v>40939</v>
      </c>
      <c r="K17978" s="2" t="s">
        <v>40940</v>
      </c>
      <c r="L17978" s="5" t="s">
        <v>40939</v>
      </c>
      <c r="M17978" s="2" t="s">
        <v>40940</v>
      </c>
      <c r="N17978" s="5" t="s">
        <v>36266</v>
      </c>
      <c r="O17978" s="5" t="s">
        <v>38</v>
      </c>
      <c r="P17978" s="5" t="s">
        <v>39</v>
      </c>
      <c r="Q17978" s="5" t="s">
        <v>40</v>
      </c>
      <c r="R17978" s="5" t="s">
        <v>1522</v>
      </c>
      <c r="S17978" s="5" t="s">
        <v>1523</v>
      </c>
      <c r="T17978" s="5" t="s">
        <v>42</v>
      </c>
      <c r="U17978" s="2">
        <v>3.3359999999999999</v>
      </c>
      <c r="V17978" s="2">
        <v>2.7370000000000001</v>
      </c>
      <c r="W17978" s="2">
        <v>1.7999999999999999E-2</v>
      </c>
      <c r="X17978" s="2">
        <v>139.1</v>
      </c>
      <c r="Y17978" s="2">
        <v>7.6</v>
      </c>
      <c r="Z17978" s="2">
        <v>16.7</v>
      </c>
      <c r="AA17978" s="5"/>
      <c r="AB17978" s="5" t="s">
        <v>43</v>
      </c>
      <c r="AC17978" s="5" t="s">
        <v>44</v>
      </c>
      <c r="AD17978" s="2"/>
      <c r="AE17978" s="1"/>
    </row>
    <row r="17979" spans="1:31" ht="14.45">
      <c r="A17979" s="11"/>
      <c r="B17979" s="20"/>
      <c r="C17979" s="2" t="s">
        <v>54895</v>
      </c>
      <c r="D17979" s="14" t="s">
        <v>54896</v>
      </c>
      <c r="E17979" s="2" t="s">
        <v>54897</v>
      </c>
      <c r="F17979" s="2" t="s">
        <v>41267</v>
      </c>
      <c r="G17979" s="8">
        <v>313</v>
      </c>
      <c r="H17979" s="5">
        <v>6</v>
      </c>
      <c r="I17979" s="5" t="s">
        <v>1518</v>
      </c>
      <c r="J17979" s="5" t="s">
        <v>40939</v>
      </c>
      <c r="K17979" s="2" t="s">
        <v>40940</v>
      </c>
      <c r="L17979" s="5" t="s">
        <v>40939</v>
      </c>
      <c r="M17979" s="2" t="s">
        <v>40940</v>
      </c>
      <c r="N17979" s="5" t="s">
        <v>36266</v>
      </c>
      <c r="O17979" s="5" t="s">
        <v>38</v>
      </c>
      <c r="P17979" s="5" t="s">
        <v>39</v>
      </c>
      <c r="Q17979" s="5" t="s">
        <v>40</v>
      </c>
      <c r="R17979" s="5" t="s">
        <v>1522</v>
      </c>
      <c r="S17979" s="5" t="s">
        <v>1523</v>
      </c>
      <c r="T17979" s="5" t="s">
        <v>42</v>
      </c>
      <c r="U17979" s="2">
        <v>3.29</v>
      </c>
      <c r="V17979" s="2">
        <v>2.6909999999999998</v>
      </c>
      <c r="W17979" s="2">
        <v>1.7999999999999999E-2</v>
      </c>
      <c r="X17979" s="2">
        <v>139.1</v>
      </c>
      <c r="Y17979" s="2">
        <v>7.6</v>
      </c>
      <c r="Z17979" s="2">
        <v>16.7</v>
      </c>
      <c r="AA17979" s="5"/>
      <c r="AB17979" s="5" t="s">
        <v>43</v>
      </c>
      <c r="AC17979" s="5" t="s">
        <v>44</v>
      </c>
      <c r="AD17979" s="2"/>
      <c r="AE17979" s="1"/>
    </row>
    <row r="17980" spans="1:31" ht="14.45">
      <c r="A17980" s="11"/>
      <c r="B17980" s="20"/>
      <c r="C17980" s="2" t="s">
        <v>54898</v>
      </c>
      <c r="D17980" s="14" t="s">
        <v>54899</v>
      </c>
      <c r="E17980" s="2" t="s">
        <v>54900</v>
      </c>
      <c r="F17980" s="2" t="s">
        <v>7396</v>
      </c>
      <c r="G17980" s="8">
        <v>289</v>
      </c>
      <c r="H17980" s="5">
        <v>6</v>
      </c>
      <c r="I17980" s="5" t="s">
        <v>1518</v>
      </c>
      <c r="J17980" s="5" t="s">
        <v>40939</v>
      </c>
      <c r="K17980" s="2" t="s">
        <v>40940</v>
      </c>
      <c r="L17980" s="5" t="s">
        <v>40939</v>
      </c>
      <c r="M17980" s="2" t="s">
        <v>40940</v>
      </c>
      <c r="N17980" s="5" t="s">
        <v>36266</v>
      </c>
      <c r="O17980" s="5" t="s">
        <v>38</v>
      </c>
      <c r="P17980" s="5" t="s">
        <v>39</v>
      </c>
      <c r="Q17980" s="5" t="s">
        <v>40</v>
      </c>
      <c r="R17980" s="5" t="s">
        <v>1522</v>
      </c>
      <c r="S17980" s="5" t="s">
        <v>1523</v>
      </c>
      <c r="T17980" s="5" t="s">
        <v>42</v>
      </c>
      <c r="U17980" s="2">
        <v>3.2450000000000001</v>
      </c>
      <c r="V17980" s="2">
        <v>2.6459999999999999</v>
      </c>
      <c r="W17980" s="2">
        <v>1.7999999999999999E-2</v>
      </c>
      <c r="X17980" s="2">
        <v>139.1</v>
      </c>
      <c r="Y17980" s="2">
        <v>7.6</v>
      </c>
      <c r="Z17980" s="2">
        <v>16.7</v>
      </c>
      <c r="AA17980" s="5"/>
      <c r="AB17980" s="5" t="s">
        <v>43</v>
      </c>
      <c r="AC17980" s="5" t="s">
        <v>44</v>
      </c>
      <c r="AD17980" s="2"/>
      <c r="AE17980" s="1"/>
    </row>
    <row r="17981" spans="1:31" ht="14.45">
      <c r="A17981" s="11"/>
      <c r="B17981" s="20"/>
      <c r="C17981" s="2" t="s">
        <v>54901</v>
      </c>
      <c r="D17981" s="14" t="s">
        <v>54902</v>
      </c>
      <c r="E17981" s="2" t="s">
        <v>54903</v>
      </c>
      <c r="F17981" s="2" t="s">
        <v>7507</v>
      </c>
      <c r="G17981" s="8">
        <v>289</v>
      </c>
      <c r="H17981" s="5">
        <v>6</v>
      </c>
      <c r="I17981" s="5" t="s">
        <v>1518</v>
      </c>
      <c r="J17981" s="5" t="s">
        <v>40939</v>
      </c>
      <c r="K17981" s="2" t="s">
        <v>40940</v>
      </c>
      <c r="L17981" s="5" t="s">
        <v>40939</v>
      </c>
      <c r="M17981" s="2" t="s">
        <v>40940</v>
      </c>
      <c r="N17981" s="5" t="s">
        <v>36266</v>
      </c>
      <c r="O17981" s="5" t="s">
        <v>38</v>
      </c>
      <c r="P17981" s="5" t="s">
        <v>39</v>
      </c>
      <c r="Q17981" s="5" t="s">
        <v>40</v>
      </c>
      <c r="R17981" s="5" t="s">
        <v>1522</v>
      </c>
      <c r="S17981" s="5" t="s">
        <v>1523</v>
      </c>
      <c r="T17981" s="5" t="s">
        <v>42</v>
      </c>
      <c r="U17981" s="2">
        <v>3.347</v>
      </c>
      <c r="V17981" s="2">
        <v>2.7480000000000002</v>
      </c>
      <c r="W17981" s="2">
        <v>1.7999999999999999E-2</v>
      </c>
      <c r="X17981" s="2">
        <v>139.1</v>
      </c>
      <c r="Y17981" s="2">
        <v>7.6</v>
      </c>
      <c r="Z17981" s="2">
        <v>16.7</v>
      </c>
      <c r="AA17981" s="5"/>
      <c r="AB17981" s="5" t="s">
        <v>43</v>
      </c>
      <c r="AC17981" s="5" t="s">
        <v>44</v>
      </c>
      <c r="AD17981" s="2"/>
      <c r="AE17981" s="1"/>
    </row>
    <row r="17982" spans="1:31" ht="14.45">
      <c r="A17982" s="11"/>
      <c r="B17982" s="20"/>
      <c r="C17982" s="2" t="s">
        <v>54904</v>
      </c>
      <c r="D17982" s="14" t="s">
        <v>54905</v>
      </c>
      <c r="E17982" s="2" t="s">
        <v>54906</v>
      </c>
      <c r="F17982" s="2" t="s">
        <v>41023</v>
      </c>
      <c r="G17982" s="8">
        <v>313</v>
      </c>
      <c r="H17982" s="5">
        <v>6</v>
      </c>
      <c r="I17982" s="5" t="s">
        <v>1518</v>
      </c>
      <c r="J17982" s="5" t="s">
        <v>40939</v>
      </c>
      <c r="K17982" s="2" t="s">
        <v>40940</v>
      </c>
      <c r="L17982" s="5" t="s">
        <v>40939</v>
      </c>
      <c r="M17982" s="2" t="s">
        <v>40940</v>
      </c>
      <c r="N17982" s="5" t="s">
        <v>36266</v>
      </c>
      <c r="O17982" s="5" t="s">
        <v>38</v>
      </c>
      <c r="P17982" s="5" t="s">
        <v>39</v>
      </c>
      <c r="Q17982" s="5" t="s">
        <v>40</v>
      </c>
      <c r="R17982" s="5" t="s">
        <v>1522</v>
      </c>
      <c r="S17982" s="5" t="s">
        <v>1523</v>
      </c>
      <c r="T17982" s="5" t="s">
        <v>42</v>
      </c>
      <c r="U17982" s="2">
        <v>3.1880000000000002</v>
      </c>
      <c r="V17982" s="2">
        <v>2.589</v>
      </c>
      <c r="W17982" s="2">
        <v>1.7999999999999999E-2</v>
      </c>
      <c r="X17982" s="2">
        <v>139.1</v>
      </c>
      <c r="Y17982" s="2">
        <v>7.6</v>
      </c>
      <c r="Z17982" s="2">
        <v>16.7</v>
      </c>
      <c r="AA17982" s="5"/>
      <c r="AB17982" s="5" t="s">
        <v>43</v>
      </c>
      <c r="AC17982" s="5" t="s">
        <v>44</v>
      </c>
      <c r="AD17982" s="2"/>
      <c r="AE17982" s="1"/>
    </row>
    <row r="17983" spans="1:31" ht="14.45">
      <c r="A17983" s="11"/>
      <c r="B17983" s="20"/>
      <c r="C17983" s="2" t="s">
        <v>54907</v>
      </c>
      <c r="D17983" s="14" t="s">
        <v>54908</v>
      </c>
      <c r="E17983" s="2" t="s">
        <v>54909</v>
      </c>
      <c r="F17983" s="2" t="s">
        <v>41027</v>
      </c>
      <c r="G17983" s="8">
        <v>313</v>
      </c>
      <c r="H17983" s="5">
        <v>6</v>
      </c>
      <c r="I17983" s="5" t="s">
        <v>1518</v>
      </c>
      <c r="J17983" s="5" t="s">
        <v>40939</v>
      </c>
      <c r="K17983" s="2" t="s">
        <v>40940</v>
      </c>
      <c r="L17983" s="5" t="s">
        <v>40939</v>
      </c>
      <c r="M17983" s="2" t="s">
        <v>40940</v>
      </c>
      <c r="N17983" s="5" t="s">
        <v>36266</v>
      </c>
      <c r="O17983" s="5" t="s">
        <v>38</v>
      </c>
      <c r="P17983" s="5" t="s">
        <v>39</v>
      </c>
      <c r="Q17983" s="5" t="s">
        <v>40</v>
      </c>
      <c r="R17983" s="5" t="s">
        <v>1522</v>
      </c>
      <c r="S17983" s="5" t="s">
        <v>1523</v>
      </c>
      <c r="T17983" s="5" t="s">
        <v>42</v>
      </c>
      <c r="U17983" s="2">
        <v>3.29</v>
      </c>
      <c r="V17983" s="2">
        <v>2.6909999999999998</v>
      </c>
      <c r="W17983" s="2">
        <v>1.7999999999999999E-2</v>
      </c>
      <c r="X17983" s="2">
        <v>139.1</v>
      </c>
      <c r="Y17983" s="2">
        <v>7.6</v>
      </c>
      <c r="Z17983" s="2">
        <v>16.7</v>
      </c>
      <c r="AA17983" s="5"/>
      <c r="AB17983" s="5" t="s">
        <v>43</v>
      </c>
      <c r="AC17983" s="5" t="s">
        <v>44</v>
      </c>
      <c r="AD17983" s="2"/>
      <c r="AE17983" s="1"/>
    </row>
    <row r="17984" spans="1:31" ht="14.45">
      <c r="A17984" s="11"/>
      <c r="B17984" s="20"/>
      <c r="C17984" s="2" t="s">
        <v>54910</v>
      </c>
      <c r="D17984" s="14" t="s">
        <v>54911</v>
      </c>
      <c r="E17984" s="2" t="s">
        <v>54912</v>
      </c>
      <c r="F17984" s="2" t="s">
        <v>41031</v>
      </c>
      <c r="G17984" s="8">
        <v>313</v>
      </c>
      <c r="H17984" s="5">
        <v>6</v>
      </c>
      <c r="I17984" s="5" t="s">
        <v>1518</v>
      </c>
      <c r="J17984" s="5" t="s">
        <v>40939</v>
      </c>
      <c r="K17984" s="2" t="s">
        <v>40940</v>
      </c>
      <c r="L17984" s="5" t="s">
        <v>40939</v>
      </c>
      <c r="M17984" s="2" t="s">
        <v>40940</v>
      </c>
      <c r="N17984" s="5" t="s">
        <v>36266</v>
      </c>
      <c r="O17984" s="5" t="s">
        <v>38</v>
      </c>
      <c r="P17984" s="5" t="s">
        <v>39</v>
      </c>
      <c r="Q17984" s="5" t="s">
        <v>40</v>
      </c>
      <c r="R17984" s="5" t="s">
        <v>1522</v>
      </c>
      <c r="S17984" s="5" t="s">
        <v>1523</v>
      </c>
      <c r="T17984" s="5" t="s">
        <v>42</v>
      </c>
      <c r="U17984" s="2">
        <v>3.1880000000000002</v>
      </c>
      <c r="V17984" s="2">
        <v>2.589</v>
      </c>
      <c r="W17984" s="2">
        <v>1.7999999999999999E-2</v>
      </c>
      <c r="X17984" s="2">
        <v>139.1</v>
      </c>
      <c r="Y17984" s="2">
        <v>7.6</v>
      </c>
      <c r="Z17984" s="2">
        <v>16.7</v>
      </c>
      <c r="AA17984" s="5"/>
      <c r="AB17984" s="5" t="s">
        <v>43</v>
      </c>
      <c r="AC17984" s="5" t="s">
        <v>44</v>
      </c>
      <c r="AD17984" s="2"/>
      <c r="AE17984" s="1"/>
    </row>
    <row r="17985" spans="1:31" ht="14.45">
      <c r="A17985" s="11"/>
      <c r="B17985" s="20"/>
      <c r="C17985" s="2" t="s">
        <v>54913</v>
      </c>
      <c r="D17985" s="14" t="s">
        <v>54914</v>
      </c>
      <c r="E17985" s="2" t="s">
        <v>54915</v>
      </c>
      <c r="F17985" s="2" t="s">
        <v>41035</v>
      </c>
      <c r="G17985" s="8">
        <v>313</v>
      </c>
      <c r="H17985" s="5">
        <v>6</v>
      </c>
      <c r="I17985" s="5" t="s">
        <v>1518</v>
      </c>
      <c r="J17985" s="5" t="s">
        <v>40939</v>
      </c>
      <c r="K17985" s="2" t="s">
        <v>40940</v>
      </c>
      <c r="L17985" s="5" t="s">
        <v>40939</v>
      </c>
      <c r="M17985" s="2" t="s">
        <v>40940</v>
      </c>
      <c r="N17985" s="5" t="s">
        <v>36266</v>
      </c>
      <c r="O17985" s="5" t="s">
        <v>38</v>
      </c>
      <c r="P17985" s="5" t="s">
        <v>39</v>
      </c>
      <c r="Q17985" s="5" t="s">
        <v>40</v>
      </c>
      <c r="R17985" s="5" t="s">
        <v>1522</v>
      </c>
      <c r="S17985" s="5" t="s">
        <v>1523</v>
      </c>
      <c r="T17985" s="5" t="s">
        <v>42</v>
      </c>
      <c r="U17985" s="2">
        <v>3.29</v>
      </c>
      <c r="V17985" s="2">
        <v>2.6909999999999998</v>
      </c>
      <c r="W17985" s="2">
        <v>1.7999999999999999E-2</v>
      </c>
      <c r="X17985" s="2">
        <v>139.1</v>
      </c>
      <c r="Y17985" s="2">
        <v>7.6</v>
      </c>
      <c r="Z17985" s="2">
        <v>16.7</v>
      </c>
      <c r="AA17985" s="5"/>
      <c r="AB17985" s="5" t="s">
        <v>43</v>
      </c>
      <c r="AC17985" s="5" t="s">
        <v>44</v>
      </c>
      <c r="AD17985" s="2"/>
      <c r="AE17985" s="1"/>
    </row>
    <row r="17986" spans="1:31" ht="14.45">
      <c r="A17986" s="11"/>
      <c r="B17986" s="20"/>
      <c r="C17986" s="2" t="s">
        <v>54916</v>
      </c>
      <c r="D17986" s="14" t="s">
        <v>54917</v>
      </c>
      <c r="E17986" s="2" t="s">
        <v>54918</v>
      </c>
      <c r="F17986" s="2" t="s">
        <v>7449</v>
      </c>
      <c r="G17986" s="8">
        <v>313</v>
      </c>
      <c r="H17986" s="5">
        <v>6</v>
      </c>
      <c r="I17986" s="5" t="s">
        <v>1518</v>
      </c>
      <c r="J17986" s="5" t="s">
        <v>40939</v>
      </c>
      <c r="K17986" s="2" t="s">
        <v>40940</v>
      </c>
      <c r="L17986" s="5" t="s">
        <v>40939</v>
      </c>
      <c r="M17986" s="2" t="s">
        <v>40940</v>
      </c>
      <c r="N17986" s="5" t="s">
        <v>36266</v>
      </c>
      <c r="O17986" s="5" t="s">
        <v>38</v>
      </c>
      <c r="P17986" s="5" t="s">
        <v>39</v>
      </c>
      <c r="Q17986" s="5" t="s">
        <v>40</v>
      </c>
      <c r="R17986" s="5" t="s">
        <v>1522</v>
      </c>
      <c r="S17986" s="5" t="s">
        <v>1523</v>
      </c>
      <c r="T17986" s="5" t="s">
        <v>42</v>
      </c>
      <c r="U17986" s="2">
        <v>3.1880000000000002</v>
      </c>
      <c r="V17986" s="2">
        <v>2.589</v>
      </c>
      <c r="W17986" s="2">
        <v>1.7999999999999999E-2</v>
      </c>
      <c r="X17986" s="2">
        <v>139.1</v>
      </c>
      <c r="Y17986" s="2">
        <v>7.6</v>
      </c>
      <c r="Z17986" s="2">
        <v>16.7</v>
      </c>
      <c r="AA17986" s="5"/>
      <c r="AB17986" s="5" t="s">
        <v>43</v>
      </c>
      <c r="AC17986" s="5" t="s">
        <v>44</v>
      </c>
      <c r="AD17986" s="2"/>
      <c r="AE17986" s="1"/>
    </row>
    <row r="17987" spans="1:31" ht="14.45">
      <c r="A17987" s="11"/>
      <c r="B17987" s="20"/>
      <c r="C17987" s="2" t="s">
        <v>54919</v>
      </c>
      <c r="D17987" s="14" t="s">
        <v>54920</v>
      </c>
      <c r="E17987" s="2" t="s">
        <v>54921</v>
      </c>
      <c r="F17987" s="2" t="s">
        <v>7581</v>
      </c>
      <c r="G17987" s="8">
        <v>313</v>
      </c>
      <c r="H17987" s="5">
        <v>6</v>
      </c>
      <c r="I17987" s="5" t="s">
        <v>1518</v>
      </c>
      <c r="J17987" s="5" t="s">
        <v>40939</v>
      </c>
      <c r="K17987" s="2" t="s">
        <v>40940</v>
      </c>
      <c r="L17987" s="5" t="s">
        <v>40939</v>
      </c>
      <c r="M17987" s="2" t="s">
        <v>40940</v>
      </c>
      <c r="N17987" s="5" t="s">
        <v>36266</v>
      </c>
      <c r="O17987" s="5" t="s">
        <v>38</v>
      </c>
      <c r="P17987" s="5" t="s">
        <v>39</v>
      </c>
      <c r="Q17987" s="5" t="s">
        <v>40</v>
      </c>
      <c r="R17987" s="5" t="s">
        <v>1522</v>
      </c>
      <c r="S17987" s="5" t="s">
        <v>1523</v>
      </c>
      <c r="T17987" s="5" t="s">
        <v>42</v>
      </c>
      <c r="U17987" s="2">
        <v>3.29</v>
      </c>
      <c r="V17987" s="2">
        <v>2.6909999999999998</v>
      </c>
      <c r="W17987" s="2">
        <v>1.7999999999999999E-2</v>
      </c>
      <c r="X17987" s="2">
        <v>139.1</v>
      </c>
      <c r="Y17987" s="2">
        <v>7.6</v>
      </c>
      <c r="Z17987" s="2">
        <v>16.7</v>
      </c>
      <c r="AA17987" s="5"/>
      <c r="AB17987" s="5" t="s">
        <v>43</v>
      </c>
      <c r="AC17987" s="5" t="s">
        <v>44</v>
      </c>
      <c r="AD17987" s="2"/>
      <c r="AE17987" s="1"/>
    </row>
    <row r="17988" spans="1:31" ht="14.45">
      <c r="A17988" s="11"/>
      <c r="B17988" s="20"/>
      <c r="C17988" s="2" t="s">
        <v>54922</v>
      </c>
      <c r="D17988" s="14" t="s">
        <v>54923</v>
      </c>
      <c r="E17988" s="2" t="s">
        <v>54924</v>
      </c>
      <c r="F17988" s="2" t="s">
        <v>41045</v>
      </c>
      <c r="G17988" s="8">
        <v>313</v>
      </c>
      <c r="H17988" s="5">
        <v>6</v>
      </c>
      <c r="I17988" s="5" t="s">
        <v>1518</v>
      </c>
      <c r="J17988" s="5" t="s">
        <v>40939</v>
      </c>
      <c r="K17988" s="2" t="s">
        <v>40940</v>
      </c>
      <c r="L17988" s="5" t="s">
        <v>40939</v>
      </c>
      <c r="M17988" s="2" t="s">
        <v>40940</v>
      </c>
      <c r="N17988" s="5" t="s">
        <v>36266</v>
      </c>
      <c r="O17988" s="5" t="s">
        <v>38</v>
      </c>
      <c r="P17988" s="5" t="s">
        <v>39</v>
      </c>
      <c r="Q17988" s="5" t="s">
        <v>40</v>
      </c>
      <c r="R17988" s="5" t="s">
        <v>1522</v>
      </c>
      <c r="S17988" s="5" t="s">
        <v>1523</v>
      </c>
      <c r="T17988" s="5" t="s">
        <v>42</v>
      </c>
      <c r="U17988" s="2">
        <v>3.2559999999999998</v>
      </c>
      <c r="V17988" s="2">
        <v>2.657</v>
      </c>
      <c r="W17988" s="2">
        <v>1.7999999999999999E-2</v>
      </c>
      <c r="X17988" s="2">
        <v>139.1</v>
      </c>
      <c r="Y17988" s="2">
        <v>7.6</v>
      </c>
      <c r="Z17988" s="2">
        <v>16.7</v>
      </c>
      <c r="AA17988" s="5"/>
      <c r="AB17988" s="5" t="s">
        <v>43</v>
      </c>
      <c r="AC17988" s="5" t="s">
        <v>44</v>
      </c>
      <c r="AD17988" s="2"/>
      <c r="AE17988" s="1"/>
    </row>
    <row r="17989" spans="1:31" ht="14.45">
      <c r="A17989" s="11"/>
      <c r="B17989" s="20"/>
      <c r="C17989" s="2" t="s">
        <v>54925</v>
      </c>
      <c r="D17989" s="14" t="s">
        <v>54926</v>
      </c>
      <c r="E17989" s="2" t="s">
        <v>54927</v>
      </c>
      <c r="F17989" s="2" t="s">
        <v>41049</v>
      </c>
      <c r="G17989" s="8">
        <v>313</v>
      </c>
      <c r="H17989" s="5">
        <v>6</v>
      </c>
      <c r="I17989" s="5" t="s">
        <v>1518</v>
      </c>
      <c r="J17989" s="5" t="s">
        <v>40939</v>
      </c>
      <c r="K17989" s="2" t="s">
        <v>40940</v>
      </c>
      <c r="L17989" s="5" t="s">
        <v>40939</v>
      </c>
      <c r="M17989" s="2" t="s">
        <v>40940</v>
      </c>
      <c r="N17989" s="5" t="s">
        <v>36266</v>
      </c>
      <c r="O17989" s="5" t="s">
        <v>38</v>
      </c>
      <c r="P17989" s="5" t="s">
        <v>39</v>
      </c>
      <c r="Q17989" s="5" t="s">
        <v>40</v>
      </c>
      <c r="R17989" s="5" t="s">
        <v>1522</v>
      </c>
      <c r="S17989" s="5" t="s">
        <v>1523</v>
      </c>
      <c r="T17989" s="5" t="s">
        <v>42</v>
      </c>
      <c r="U17989" s="2">
        <v>3.3580000000000001</v>
      </c>
      <c r="V17989" s="2">
        <v>2.7589999999999999</v>
      </c>
      <c r="W17989" s="2">
        <v>1.7999999999999999E-2</v>
      </c>
      <c r="X17989" s="2">
        <v>139.1</v>
      </c>
      <c r="Y17989" s="2">
        <v>7.6</v>
      </c>
      <c r="Z17989" s="2">
        <v>16.7</v>
      </c>
      <c r="AA17989" s="5"/>
      <c r="AB17989" s="5" t="s">
        <v>43</v>
      </c>
      <c r="AC17989" s="5" t="s">
        <v>44</v>
      </c>
      <c r="AD17989" s="2"/>
      <c r="AE17989" s="1"/>
    </row>
    <row r="17990" spans="1:31" ht="14.45">
      <c r="A17990" s="11"/>
      <c r="B17990" s="20"/>
      <c r="C17990" s="2" t="s">
        <v>54928</v>
      </c>
      <c r="D17990" s="14" t="s">
        <v>54929</v>
      </c>
      <c r="E17990" s="2" t="s">
        <v>54930</v>
      </c>
      <c r="F17990" s="2" t="s">
        <v>7204</v>
      </c>
      <c r="G17990" s="8">
        <v>303</v>
      </c>
      <c r="H17990" s="5">
        <v>6</v>
      </c>
      <c r="I17990" s="5" t="s">
        <v>1518</v>
      </c>
      <c r="J17990" s="5" t="s">
        <v>40939</v>
      </c>
      <c r="K17990" s="2" t="s">
        <v>40940</v>
      </c>
      <c r="L17990" s="5" t="s">
        <v>40939</v>
      </c>
      <c r="M17990" s="2" t="s">
        <v>40940</v>
      </c>
      <c r="N17990" s="5" t="s">
        <v>36266</v>
      </c>
      <c r="O17990" s="5" t="s">
        <v>38</v>
      </c>
      <c r="P17990" s="5" t="s">
        <v>39</v>
      </c>
      <c r="Q17990" s="5" t="s">
        <v>40</v>
      </c>
      <c r="R17990" s="5" t="s">
        <v>1522</v>
      </c>
      <c r="S17990" s="5" t="s">
        <v>1523</v>
      </c>
      <c r="T17990" s="5" t="s">
        <v>42</v>
      </c>
      <c r="U17990" s="2">
        <v>3.4420000000000002</v>
      </c>
      <c r="V17990" s="2">
        <v>2.76</v>
      </c>
      <c r="W17990" s="2">
        <v>0.02</v>
      </c>
      <c r="X17990" s="2">
        <v>159.1</v>
      </c>
      <c r="Y17990" s="2">
        <v>7.6</v>
      </c>
      <c r="Z17990" s="2">
        <v>16.7</v>
      </c>
      <c r="AA17990" s="5"/>
      <c r="AB17990" s="5" t="s">
        <v>43</v>
      </c>
      <c r="AC17990" s="5" t="s">
        <v>44</v>
      </c>
      <c r="AD17990" s="2"/>
      <c r="AE17990" s="1"/>
    </row>
    <row r="17991" spans="1:31" ht="14.45">
      <c r="A17991" s="11"/>
      <c r="B17991" s="20"/>
      <c r="C17991" s="2" t="s">
        <v>54931</v>
      </c>
      <c r="D17991" s="14" t="s">
        <v>54932</v>
      </c>
      <c r="E17991" s="2" t="s">
        <v>54933</v>
      </c>
      <c r="F17991" s="2" t="s">
        <v>7514</v>
      </c>
      <c r="G17991" s="8">
        <v>303</v>
      </c>
      <c r="H17991" s="5">
        <v>6</v>
      </c>
      <c r="I17991" s="5" t="s">
        <v>1518</v>
      </c>
      <c r="J17991" s="5" t="s">
        <v>40939</v>
      </c>
      <c r="K17991" s="2" t="s">
        <v>40940</v>
      </c>
      <c r="L17991" s="5" t="s">
        <v>40939</v>
      </c>
      <c r="M17991" s="2" t="s">
        <v>40940</v>
      </c>
      <c r="N17991" s="5" t="s">
        <v>36266</v>
      </c>
      <c r="O17991" s="5" t="s">
        <v>38</v>
      </c>
      <c r="P17991" s="5" t="s">
        <v>39</v>
      </c>
      <c r="Q17991" s="5" t="s">
        <v>40</v>
      </c>
      <c r="R17991" s="5" t="s">
        <v>1522</v>
      </c>
      <c r="S17991" s="5" t="s">
        <v>1523</v>
      </c>
      <c r="T17991" s="5" t="s">
        <v>42</v>
      </c>
      <c r="U17991" s="2">
        <v>3.556</v>
      </c>
      <c r="V17991" s="2">
        <v>2.8740000000000001</v>
      </c>
      <c r="W17991" s="2">
        <v>0.02</v>
      </c>
      <c r="X17991" s="2">
        <v>159.1</v>
      </c>
      <c r="Y17991" s="2">
        <v>7.6</v>
      </c>
      <c r="Z17991" s="2">
        <v>16.7</v>
      </c>
      <c r="AA17991" s="5"/>
      <c r="AB17991" s="5" t="s">
        <v>43</v>
      </c>
      <c r="AC17991" s="5" t="s">
        <v>44</v>
      </c>
      <c r="AD17991" s="2"/>
      <c r="AE17991" s="1"/>
    </row>
    <row r="17992" spans="1:31" ht="14.45">
      <c r="A17992" s="11"/>
      <c r="B17992" s="20"/>
      <c r="C17992" s="2" t="s">
        <v>54934</v>
      </c>
      <c r="D17992" s="14" t="s">
        <v>54935</v>
      </c>
      <c r="E17992" s="2" t="s">
        <v>54936</v>
      </c>
      <c r="F17992" s="2" t="s">
        <v>47266</v>
      </c>
      <c r="G17992" s="8">
        <v>329</v>
      </c>
      <c r="H17992" s="5">
        <v>6</v>
      </c>
      <c r="I17992" s="5" t="s">
        <v>1518</v>
      </c>
      <c r="J17992" s="5" t="s">
        <v>40939</v>
      </c>
      <c r="K17992" s="2" t="s">
        <v>40940</v>
      </c>
      <c r="L17992" s="5" t="s">
        <v>40939</v>
      </c>
      <c r="M17992" s="2" t="s">
        <v>40940</v>
      </c>
      <c r="N17992" s="5" t="s">
        <v>36266</v>
      </c>
      <c r="O17992" s="5" t="s">
        <v>38</v>
      </c>
      <c r="P17992" s="5" t="s">
        <v>39</v>
      </c>
      <c r="Q17992" s="5" t="s">
        <v>40</v>
      </c>
      <c r="R17992" s="5" t="s">
        <v>1522</v>
      </c>
      <c r="S17992" s="5" t="s">
        <v>1523</v>
      </c>
      <c r="T17992" s="5" t="s">
        <v>42</v>
      </c>
      <c r="U17992" s="2">
        <v>3.4689999999999999</v>
      </c>
      <c r="V17992" s="2">
        <v>2.7869999999999999</v>
      </c>
      <c r="W17992" s="2">
        <v>0.02</v>
      </c>
      <c r="X17992" s="2">
        <v>159.1</v>
      </c>
      <c r="Y17992" s="2">
        <v>7.6</v>
      </c>
      <c r="Z17992" s="2">
        <v>16.7</v>
      </c>
      <c r="AA17992" s="5"/>
      <c r="AB17992" s="5" t="s">
        <v>43</v>
      </c>
      <c r="AC17992" s="5" t="s">
        <v>44</v>
      </c>
      <c r="AD17992" s="2"/>
      <c r="AE17992" s="1"/>
    </row>
    <row r="17993" spans="1:31" ht="14.45">
      <c r="A17993" s="11"/>
      <c r="B17993" s="20"/>
      <c r="C17993" s="2" t="s">
        <v>54937</v>
      </c>
      <c r="D17993" s="14" t="s">
        <v>54938</v>
      </c>
      <c r="E17993" s="2" t="s">
        <v>54939</v>
      </c>
      <c r="F17993" s="2" t="s">
        <v>47195</v>
      </c>
      <c r="G17993" s="8">
        <v>329</v>
      </c>
      <c r="H17993" s="5">
        <v>6</v>
      </c>
      <c r="I17993" s="5" t="s">
        <v>1518</v>
      </c>
      <c r="J17993" s="5" t="s">
        <v>40939</v>
      </c>
      <c r="K17993" s="2" t="s">
        <v>40940</v>
      </c>
      <c r="L17993" s="5" t="s">
        <v>40939</v>
      </c>
      <c r="M17993" s="2" t="s">
        <v>40940</v>
      </c>
      <c r="N17993" s="5" t="s">
        <v>36266</v>
      </c>
      <c r="O17993" s="5" t="s">
        <v>38</v>
      </c>
      <c r="P17993" s="5" t="s">
        <v>39</v>
      </c>
      <c r="Q17993" s="5" t="s">
        <v>40</v>
      </c>
      <c r="R17993" s="5" t="s">
        <v>1522</v>
      </c>
      <c r="S17993" s="5" t="s">
        <v>1523</v>
      </c>
      <c r="T17993" s="5" t="s">
        <v>42</v>
      </c>
      <c r="U17993" s="2">
        <v>3.5830000000000002</v>
      </c>
      <c r="V17993" s="2">
        <v>2.9009999999999998</v>
      </c>
      <c r="W17993" s="2">
        <v>0.02</v>
      </c>
      <c r="X17993" s="2">
        <v>159.1</v>
      </c>
      <c r="Y17993" s="2">
        <v>7.6</v>
      </c>
      <c r="Z17993" s="2">
        <v>16.7</v>
      </c>
      <c r="AA17993" s="5"/>
      <c r="AB17993" s="5" t="s">
        <v>43</v>
      </c>
      <c r="AC17993" s="5" t="s">
        <v>44</v>
      </c>
      <c r="AD17993" s="2"/>
      <c r="AE17993" s="1"/>
    </row>
    <row r="17994" spans="1:31" ht="14.45">
      <c r="A17994" s="11"/>
      <c r="B17994" s="20"/>
      <c r="C17994" s="2" t="s">
        <v>54940</v>
      </c>
      <c r="D17994" s="14" t="s">
        <v>54941</v>
      </c>
      <c r="E17994" s="2" t="s">
        <v>54942</v>
      </c>
      <c r="F17994" s="2" t="s">
        <v>7208</v>
      </c>
      <c r="G17994" s="8">
        <v>303</v>
      </c>
      <c r="H17994" s="5">
        <v>6</v>
      </c>
      <c r="I17994" s="5" t="s">
        <v>1518</v>
      </c>
      <c r="J17994" s="5" t="s">
        <v>40939</v>
      </c>
      <c r="K17994" s="2" t="s">
        <v>40940</v>
      </c>
      <c r="L17994" s="5" t="s">
        <v>40939</v>
      </c>
      <c r="M17994" s="2" t="s">
        <v>40940</v>
      </c>
      <c r="N17994" s="5" t="s">
        <v>36266</v>
      </c>
      <c r="O17994" s="5" t="s">
        <v>38</v>
      </c>
      <c r="P17994" s="5" t="s">
        <v>39</v>
      </c>
      <c r="Q17994" s="5" t="s">
        <v>40</v>
      </c>
      <c r="R17994" s="5" t="s">
        <v>1522</v>
      </c>
      <c r="S17994" s="5" t="s">
        <v>1523</v>
      </c>
      <c r="T17994" s="5" t="s">
        <v>42</v>
      </c>
      <c r="U17994" s="2">
        <v>3.4820000000000002</v>
      </c>
      <c r="V17994" s="2">
        <v>2.8</v>
      </c>
      <c r="W17994" s="2">
        <v>0.02</v>
      </c>
      <c r="X17994" s="2">
        <v>159.1</v>
      </c>
      <c r="Y17994" s="2">
        <v>7.6</v>
      </c>
      <c r="Z17994" s="2">
        <v>16.7</v>
      </c>
      <c r="AA17994" s="5"/>
      <c r="AB17994" s="5" t="s">
        <v>43</v>
      </c>
      <c r="AC17994" s="5" t="s">
        <v>44</v>
      </c>
      <c r="AD17994" s="2"/>
      <c r="AE17994" s="1"/>
    </row>
    <row r="17995" spans="1:31" ht="14.45">
      <c r="A17995" s="11"/>
      <c r="B17995" s="20"/>
      <c r="C17995" s="2" t="s">
        <v>54943</v>
      </c>
      <c r="D17995" s="14" t="s">
        <v>54944</v>
      </c>
      <c r="E17995" s="2" t="s">
        <v>54945</v>
      </c>
      <c r="F17995" s="2" t="s">
        <v>7521</v>
      </c>
      <c r="G17995" s="8">
        <v>303</v>
      </c>
      <c r="H17995" s="5">
        <v>6</v>
      </c>
      <c r="I17995" s="5" t="s">
        <v>1518</v>
      </c>
      <c r="J17995" s="5" t="s">
        <v>40939</v>
      </c>
      <c r="K17995" s="2" t="s">
        <v>40940</v>
      </c>
      <c r="L17995" s="5" t="s">
        <v>40939</v>
      </c>
      <c r="M17995" s="2" t="s">
        <v>40940</v>
      </c>
      <c r="N17995" s="5" t="s">
        <v>36266</v>
      </c>
      <c r="O17995" s="5" t="s">
        <v>38</v>
      </c>
      <c r="P17995" s="5" t="s">
        <v>39</v>
      </c>
      <c r="Q17995" s="5" t="s">
        <v>40</v>
      </c>
      <c r="R17995" s="5" t="s">
        <v>1522</v>
      </c>
      <c r="S17995" s="5" t="s">
        <v>1523</v>
      </c>
      <c r="T17995" s="5" t="s">
        <v>42</v>
      </c>
      <c r="U17995" s="2">
        <v>3.5960000000000001</v>
      </c>
      <c r="V17995" s="2">
        <v>2.9140000000000001</v>
      </c>
      <c r="W17995" s="2">
        <v>0.02</v>
      </c>
      <c r="X17995" s="2">
        <v>159.1</v>
      </c>
      <c r="Y17995" s="2">
        <v>7.6</v>
      </c>
      <c r="Z17995" s="2">
        <v>16.7</v>
      </c>
      <c r="AA17995" s="5"/>
      <c r="AB17995" s="5" t="s">
        <v>43</v>
      </c>
      <c r="AC17995" s="5" t="s">
        <v>44</v>
      </c>
      <c r="AD17995" s="2"/>
      <c r="AE17995" s="1"/>
    </row>
    <row r="17996" spans="1:31" ht="14.45">
      <c r="A17996" s="11"/>
      <c r="B17996" s="20"/>
      <c r="C17996" s="2" t="s">
        <v>54946</v>
      </c>
      <c r="D17996" s="14" t="s">
        <v>54947</v>
      </c>
      <c r="E17996" s="2" t="s">
        <v>54948</v>
      </c>
      <c r="F17996" s="2" t="s">
        <v>36277</v>
      </c>
      <c r="G17996" s="8">
        <v>303</v>
      </c>
      <c r="H17996" s="5">
        <v>6</v>
      </c>
      <c r="I17996" s="5" t="s">
        <v>1518</v>
      </c>
      <c r="J17996" s="5" t="s">
        <v>40939</v>
      </c>
      <c r="K17996" s="2" t="s">
        <v>40940</v>
      </c>
      <c r="L17996" s="5" t="s">
        <v>40939</v>
      </c>
      <c r="M17996" s="2" t="s">
        <v>40940</v>
      </c>
      <c r="N17996" s="5" t="s">
        <v>36266</v>
      </c>
      <c r="O17996" s="5" t="s">
        <v>38</v>
      </c>
      <c r="P17996" s="5" t="s">
        <v>39</v>
      </c>
      <c r="Q17996" s="5" t="s">
        <v>40</v>
      </c>
      <c r="R17996" s="5" t="s">
        <v>1522</v>
      </c>
      <c r="S17996" s="5" t="s">
        <v>1523</v>
      </c>
      <c r="T17996" s="5" t="s">
        <v>42</v>
      </c>
      <c r="U17996" s="2">
        <v>3.6219999999999999</v>
      </c>
      <c r="V17996" s="2">
        <v>2.94</v>
      </c>
      <c r="W17996" s="2">
        <v>0.02</v>
      </c>
      <c r="X17996" s="2">
        <v>159.1</v>
      </c>
      <c r="Y17996" s="2">
        <v>7.6</v>
      </c>
      <c r="Z17996" s="2">
        <v>16.7</v>
      </c>
      <c r="AA17996" s="5"/>
      <c r="AB17996" s="5" t="s">
        <v>43</v>
      </c>
      <c r="AC17996" s="5" t="s">
        <v>44</v>
      </c>
      <c r="AD17996" s="2"/>
      <c r="AE17996" s="1"/>
    </row>
    <row r="17997" spans="1:31" ht="14.45">
      <c r="A17997" s="11"/>
      <c r="B17997" s="20"/>
      <c r="C17997" s="2" t="s">
        <v>54949</v>
      </c>
      <c r="D17997" s="14" t="s">
        <v>54950</v>
      </c>
      <c r="E17997" s="2" t="s">
        <v>54951</v>
      </c>
      <c r="F17997" s="2" t="s">
        <v>40967</v>
      </c>
      <c r="G17997" s="8">
        <v>329</v>
      </c>
      <c r="H17997" s="5">
        <v>6</v>
      </c>
      <c r="I17997" s="5" t="s">
        <v>1518</v>
      </c>
      <c r="J17997" s="5" t="s">
        <v>40939</v>
      </c>
      <c r="K17997" s="2" t="s">
        <v>40940</v>
      </c>
      <c r="L17997" s="5" t="s">
        <v>40939</v>
      </c>
      <c r="M17997" s="2" t="s">
        <v>40940</v>
      </c>
      <c r="N17997" s="5" t="s">
        <v>36266</v>
      </c>
      <c r="O17997" s="5" t="s">
        <v>38</v>
      </c>
      <c r="P17997" s="5" t="s">
        <v>39</v>
      </c>
      <c r="Q17997" s="5" t="s">
        <v>40</v>
      </c>
      <c r="R17997" s="5" t="s">
        <v>1522</v>
      </c>
      <c r="S17997" s="5" t="s">
        <v>1523</v>
      </c>
      <c r="T17997" s="5" t="s">
        <v>42</v>
      </c>
      <c r="U17997" s="2">
        <v>3.4820000000000002</v>
      </c>
      <c r="V17997" s="2">
        <v>2.8</v>
      </c>
      <c r="W17997" s="2">
        <v>0.02</v>
      </c>
      <c r="X17997" s="2">
        <v>159.1</v>
      </c>
      <c r="Y17997" s="2">
        <v>7.6</v>
      </c>
      <c r="Z17997" s="2">
        <v>16.7</v>
      </c>
      <c r="AA17997" s="5"/>
      <c r="AB17997" s="5" t="s">
        <v>43</v>
      </c>
      <c r="AC17997" s="5" t="s">
        <v>44</v>
      </c>
      <c r="AD17997" s="2"/>
      <c r="AE17997" s="1"/>
    </row>
    <row r="17998" spans="1:31" ht="14.45">
      <c r="A17998" s="11"/>
      <c r="B17998" s="20"/>
      <c r="C17998" s="2" t="s">
        <v>54952</v>
      </c>
      <c r="D17998" s="14" t="s">
        <v>54953</v>
      </c>
      <c r="E17998" s="2" t="s">
        <v>54954</v>
      </c>
      <c r="F17998" s="2" t="s">
        <v>40971</v>
      </c>
      <c r="G17998" s="8">
        <v>329</v>
      </c>
      <c r="H17998" s="5">
        <v>6</v>
      </c>
      <c r="I17998" s="5" t="s">
        <v>1518</v>
      </c>
      <c r="J17998" s="5" t="s">
        <v>40939</v>
      </c>
      <c r="K17998" s="2" t="s">
        <v>40940</v>
      </c>
      <c r="L17998" s="5" t="s">
        <v>40939</v>
      </c>
      <c r="M17998" s="2" t="s">
        <v>40940</v>
      </c>
      <c r="N17998" s="5" t="s">
        <v>36266</v>
      </c>
      <c r="O17998" s="5" t="s">
        <v>38</v>
      </c>
      <c r="P17998" s="5" t="s">
        <v>39</v>
      </c>
      <c r="Q17998" s="5" t="s">
        <v>40</v>
      </c>
      <c r="R17998" s="5" t="s">
        <v>1522</v>
      </c>
      <c r="S17998" s="5" t="s">
        <v>1523</v>
      </c>
      <c r="T17998" s="5" t="s">
        <v>42</v>
      </c>
      <c r="U17998" s="2">
        <v>3.5960000000000001</v>
      </c>
      <c r="V17998" s="2">
        <v>2.9140000000000001</v>
      </c>
      <c r="W17998" s="2">
        <v>0.02</v>
      </c>
      <c r="X17998" s="2">
        <v>159.1</v>
      </c>
      <c r="Y17998" s="2">
        <v>7.6</v>
      </c>
      <c r="Z17998" s="2">
        <v>16.7</v>
      </c>
      <c r="AA17998" s="5"/>
      <c r="AB17998" s="5" t="s">
        <v>43</v>
      </c>
      <c r="AC17998" s="5" t="s">
        <v>44</v>
      </c>
      <c r="AD17998" s="2"/>
      <c r="AE17998" s="1"/>
    </row>
    <row r="17999" spans="1:31" ht="14.45">
      <c r="A17999" s="11"/>
      <c r="B17999" s="20"/>
      <c r="C17999" s="2" t="s">
        <v>54955</v>
      </c>
      <c r="D17999" s="14" t="s">
        <v>54956</v>
      </c>
      <c r="E17999" s="2" t="s">
        <v>54957</v>
      </c>
      <c r="F17999" s="2" t="s">
        <v>7539</v>
      </c>
      <c r="G17999" s="8">
        <v>329</v>
      </c>
      <c r="H17999" s="5">
        <v>6</v>
      </c>
      <c r="I17999" s="5" t="s">
        <v>1518</v>
      </c>
      <c r="J17999" s="5" t="s">
        <v>40939</v>
      </c>
      <c r="K17999" s="2" t="s">
        <v>40940</v>
      </c>
      <c r="L17999" s="5" t="s">
        <v>40939</v>
      </c>
      <c r="M17999" s="2" t="s">
        <v>40940</v>
      </c>
      <c r="N17999" s="5" t="s">
        <v>36266</v>
      </c>
      <c r="O17999" s="5" t="s">
        <v>38</v>
      </c>
      <c r="P17999" s="5" t="s">
        <v>39</v>
      </c>
      <c r="Q17999" s="5" t="s">
        <v>40</v>
      </c>
      <c r="R17999" s="5" t="s">
        <v>1522</v>
      </c>
      <c r="S17999" s="5" t="s">
        <v>1523</v>
      </c>
      <c r="T17999" s="5" t="s">
        <v>42</v>
      </c>
      <c r="U17999" s="2">
        <v>3.4159999999999999</v>
      </c>
      <c r="V17999" s="2">
        <v>2.734</v>
      </c>
      <c r="W17999" s="2">
        <v>0.02</v>
      </c>
      <c r="X17999" s="2">
        <v>159.1</v>
      </c>
      <c r="Y17999" s="2">
        <v>7.6</v>
      </c>
      <c r="Z17999" s="2">
        <v>16.7</v>
      </c>
      <c r="AA17999" s="5"/>
      <c r="AB17999" s="5" t="s">
        <v>43</v>
      </c>
      <c r="AC17999" s="5" t="s">
        <v>44</v>
      </c>
      <c r="AD17999" s="2"/>
      <c r="AE17999" s="1"/>
    </row>
    <row r="18000" spans="1:31" ht="14.45">
      <c r="A18000" s="11"/>
      <c r="B18000" s="20"/>
      <c r="C18000" s="2" t="s">
        <v>54958</v>
      </c>
      <c r="D18000" s="14" t="s">
        <v>54959</v>
      </c>
      <c r="E18000" s="2" t="s">
        <v>54960</v>
      </c>
      <c r="F18000" s="2" t="s">
        <v>7543</v>
      </c>
      <c r="G18000" s="8">
        <v>329</v>
      </c>
      <c r="H18000" s="5">
        <v>6</v>
      </c>
      <c r="I18000" s="5" t="s">
        <v>1518</v>
      </c>
      <c r="J18000" s="5" t="s">
        <v>40939</v>
      </c>
      <c r="K18000" s="2" t="s">
        <v>40940</v>
      </c>
      <c r="L18000" s="5" t="s">
        <v>40939</v>
      </c>
      <c r="M18000" s="2" t="s">
        <v>40940</v>
      </c>
      <c r="N18000" s="5" t="s">
        <v>36266</v>
      </c>
      <c r="O18000" s="5" t="s">
        <v>38</v>
      </c>
      <c r="P18000" s="5" t="s">
        <v>39</v>
      </c>
      <c r="Q18000" s="5" t="s">
        <v>40</v>
      </c>
      <c r="R18000" s="5" t="s">
        <v>1522</v>
      </c>
      <c r="S18000" s="5" t="s">
        <v>1523</v>
      </c>
      <c r="T18000" s="5" t="s">
        <v>42</v>
      </c>
      <c r="U18000" s="2">
        <v>3.53</v>
      </c>
      <c r="V18000" s="2">
        <v>2.8479999999999999</v>
      </c>
      <c r="W18000" s="2">
        <v>0.02</v>
      </c>
      <c r="X18000" s="2">
        <v>159.1</v>
      </c>
      <c r="Y18000" s="2">
        <v>7.6</v>
      </c>
      <c r="Z18000" s="2">
        <v>16.7</v>
      </c>
      <c r="AA18000" s="5"/>
      <c r="AB18000" s="5" t="s">
        <v>43</v>
      </c>
      <c r="AC18000" s="5" t="s">
        <v>44</v>
      </c>
      <c r="AD18000" s="2"/>
      <c r="AE18000" s="1"/>
    </row>
    <row r="18001" spans="1:31" ht="14.45">
      <c r="A18001" s="11"/>
      <c r="B18001" s="20"/>
      <c r="C18001" s="2" t="s">
        <v>54961</v>
      </c>
      <c r="D18001" s="14" t="s">
        <v>54962</v>
      </c>
      <c r="E18001" s="2" t="s">
        <v>54963</v>
      </c>
      <c r="F18001" s="2" t="s">
        <v>40989</v>
      </c>
      <c r="G18001" s="8">
        <v>329</v>
      </c>
      <c r="H18001" s="5">
        <v>6</v>
      </c>
      <c r="I18001" s="5" t="s">
        <v>1518</v>
      </c>
      <c r="J18001" s="5" t="s">
        <v>40939</v>
      </c>
      <c r="K18001" s="2" t="s">
        <v>40940</v>
      </c>
      <c r="L18001" s="5" t="s">
        <v>40939</v>
      </c>
      <c r="M18001" s="2" t="s">
        <v>40940</v>
      </c>
      <c r="N18001" s="5" t="s">
        <v>36266</v>
      </c>
      <c r="O18001" s="5" t="s">
        <v>38</v>
      </c>
      <c r="P18001" s="5" t="s">
        <v>39</v>
      </c>
      <c r="Q18001" s="5" t="s">
        <v>40</v>
      </c>
      <c r="R18001" s="5" t="s">
        <v>1522</v>
      </c>
      <c r="S18001" s="5" t="s">
        <v>1523</v>
      </c>
      <c r="T18001" s="5" t="s">
        <v>42</v>
      </c>
      <c r="U18001" s="2">
        <v>3.4820000000000002</v>
      </c>
      <c r="V18001" s="2">
        <v>2.8</v>
      </c>
      <c r="W18001" s="2">
        <v>0.02</v>
      </c>
      <c r="X18001" s="2">
        <v>159.1</v>
      </c>
      <c r="Y18001" s="2">
        <v>7.6</v>
      </c>
      <c r="Z18001" s="2">
        <v>16.7</v>
      </c>
      <c r="AA18001" s="5"/>
      <c r="AB18001" s="5" t="s">
        <v>43</v>
      </c>
      <c r="AC18001" s="5" t="s">
        <v>44</v>
      </c>
      <c r="AD18001" s="2"/>
      <c r="AE18001" s="1"/>
    </row>
    <row r="18002" spans="1:31" ht="14.45">
      <c r="A18002" s="11"/>
      <c r="B18002" s="20"/>
      <c r="C18002" s="2" t="s">
        <v>54964</v>
      </c>
      <c r="D18002" s="14" t="s">
        <v>54965</v>
      </c>
      <c r="E18002" s="2" t="s">
        <v>54966</v>
      </c>
      <c r="F18002" s="2" t="s">
        <v>40993</v>
      </c>
      <c r="G18002" s="8">
        <v>329</v>
      </c>
      <c r="H18002" s="5">
        <v>6</v>
      </c>
      <c r="I18002" s="5" t="s">
        <v>1518</v>
      </c>
      <c r="J18002" s="5" t="s">
        <v>40939</v>
      </c>
      <c r="K18002" s="2" t="s">
        <v>40940</v>
      </c>
      <c r="L18002" s="5" t="s">
        <v>40939</v>
      </c>
      <c r="M18002" s="2" t="s">
        <v>40940</v>
      </c>
      <c r="N18002" s="5" t="s">
        <v>36266</v>
      </c>
      <c r="O18002" s="5" t="s">
        <v>38</v>
      </c>
      <c r="P18002" s="5" t="s">
        <v>39</v>
      </c>
      <c r="Q18002" s="5" t="s">
        <v>40</v>
      </c>
      <c r="R18002" s="5" t="s">
        <v>1522</v>
      </c>
      <c r="S18002" s="5" t="s">
        <v>1523</v>
      </c>
      <c r="T18002" s="5" t="s">
        <v>42</v>
      </c>
      <c r="U18002" s="2">
        <v>3.5960000000000001</v>
      </c>
      <c r="V18002" s="2">
        <v>2.9140000000000001</v>
      </c>
      <c r="W18002" s="2">
        <v>0.02</v>
      </c>
      <c r="X18002" s="2">
        <v>159.1</v>
      </c>
      <c r="Y18002" s="2">
        <v>7.6</v>
      </c>
      <c r="Z18002" s="2">
        <v>16.7</v>
      </c>
      <c r="AA18002" s="5"/>
      <c r="AB18002" s="5" t="s">
        <v>43</v>
      </c>
      <c r="AC18002" s="5" t="s">
        <v>44</v>
      </c>
      <c r="AD18002" s="2"/>
      <c r="AE18002" s="1"/>
    </row>
    <row r="18003" spans="1:31" ht="14.45">
      <c r="A18003" s="11"/>
      <c r="B18003" s="20"/>
      <c r="C18003" s="2" t="s">
        <v>54967</v>
      </c>
      <c r="D18003" s="14" t="s">
        <v>54968</v>
      </c>
      <c r="E18003" s="2" t="s">
        <v>54969</v>
      </c>
      <c r="F18003" s="2" t="s">
        <v>41001</v>
      </c>
      <c r="G18003" s="8">
        <v>329</v>
      </c>
      <c r="H18003" s="5">
        <v>6</v>
      </c>
      <c r="I18003" s="5" t="s">
        <v>1518</v>
      </c>
      <c r="J18003" s="5" t="s">
        <v>40939</v>
      </c>
      <c r="K18003" s="2" t="s">
        <v>40940</v>
      </c>
      <c r="L18003" s="5" t="s">
        <v>40939</v>
      </c>
      <c r="M18003" s="2" t="s">
        <v>40940</v>
      </c>
      <c r="N18003" s="5" t="s">
        <v>36266</v>
      </c>
      <c r="O18003" s="5" t="s">
        <v>38</v>
      </c>
      <c r="P18003" s="5" t="s">
        <v>39</v>
      </c>
      <c r="Q18003" s="5" t="s">
        <v>40</v>
      </c>
      <c r="R18003" s="5" t="s">
        <v>1522</v>
      </c>
      <c r="S18003" s="5" t="s">
        <v>1523</v>
      </c>
      <c r="T18003" s="5" t="s">
        <v>42</v>
      </c>
      <c r="U18003" s="2">
        <v>3.4820000000000002</v>
      </c>
      <c r="V18003" s="2">
        <v>2.8</v>
      </c>
      <c r="W18003" s="2">
        <v>0.02</v>
      </c>
      <c r="X18003" s="2">
        <v>159.1</v>
      </c>
      <c r="Y18003" s="2">
        <v>7.6</v>
      </c>
      <c r="Z18003" s="2">
        <v>16.7</v>
      </c>
      <c r="AA18003" s="5"/>
      <c r="AB18003" s="5" t="s">
        <v>43</v>
      </c>
      <c r="AC18003" s="5" t="s">
        <v>44</v>
      </c>
      <c r="AD18003" s="2"/>
      <c r="AE18003" s="1"/>
    </row>
    <row r="18004" spans="1:31" ht="14.45">
      <c r="A18004" s="11"/>
      <c r="B18004" s="20"/>
      <c r="C18004" s="2" t="s">
        <v>54970</v>
      </c>
      <c r="D18004" s="14" t="s">
        <v>54971</v>
      </c>
      <c r="E18004" s="2" t="s">
        <v>54972</v>
      </c>
      <c r="F18004" s="2" t="s">
        <v>41005</v>
      </c>
      <c r="G18004" s="8">
        <v>329</v>
      </c>
      <c r="H18004" s="5">
        <v>6</v>
      </c>
      <c r="I18004" s="5" t="s">
        <v>1518</v>
      </c>
      <c r="J18004" s="5" t="s">
        <v>40939</v>
      </c>
      <c r="K18004" s="2" t="s">
        <v>40940</v>
      </c>
      <c r="L18004" s="5" t="s">
        <v>40939</v>
      </c>
      <c r="M18004" s="2" t="s">
        <v>40940</v>
      </c>
      <c r="N18004" s="5" t="s">
        <v>36266</v>
      </c>
      <c r="O18004" s="5" t="s">
        <v>38</v>
      </c>
      <c r="P18004" s="5" t="s">
        <v>39</v>
      </c>
      <c r="Q18004" s="5" t="s">
        <v>40</v>
      </c>
      <c r="R18004" s="5" t="s">
        <v>1522</v>
      </c>
      <c r="S18004" s="5" t="s">
        <v>1523</v>
      </c>
      <c r="T18004" s="5" t="s">
        <v>42</v>
      </c>
      <c r="U18004" s="2">
        <v>3.5960000000000001</v>
      </c>
      <c r="V18004" s="2">
        <v>2.9140000000000001</v>
      </c>
      <c r="W18004" s="2">
        <v>0.02</v>
      </c>
      <c r="X18004" s="2">
        <v>159.1</v>
      </c>
      <c r="Y18004" s="2">
        <v>7.6</v>
      </c>
      <c r="Z18004" s="2">
        <v>16.7</v>
      </c>
      <c r="AA18004" s="5"/>
      <c r="AB18004" s="5" t="s">
        <v>43</v>
      </c>
      <c r="AC18004" s="5" t="s">
        <v>44</v>
      </c>
      <c r="AD18004" s="2"/>
      <c r="AE18004" s="1"/>
    </row>
    <row r="18005" spans="1:31" ht="14.45">
      <c r="A18005" s="11"/>
      <c r="B18005" s="20"/>
      <c r="C18005" s="2" t="s">
        <v>54973</v>
      </c>
      <c r="D18005" s="14" t="s">
        <v>54974</v>
      </c>
      <c r="E18005" s="2" t="s">
        <v>54975</v>
      </c>
      <c r="F18005" s="2" t="s">
        <v>7396</v>
      </c>
      <c r="G18005" s="8">
        <v>303</v>
      </c>
      <c r="H18005" s="5">
        <v>6</v>
      </c>
      <c r="I18005" s="5" t="s">
        <v>1518</v>
      </c>
      <c r="J18005" s="5" t="s">
        <v>40939</v>
      </c>
      <c r="K18005" s="2" t="s">
        <v>40940</v>
      </c>
      <c r="L18005" s="5" t="s">
        <v>40939</v>
      </c>
      <c r="M18005" s="2" t="s">
        <v>40940</v>
      </c>
      <c r="N18005" s="5" t="s">
        <v>36266</v>
      </c>
      <c r="O18005" s="5" t="s">
        <v>38</v>
      </c>
      <c r="P18005" s="5" t="s">
        <v>39</v>
      </c>
      <c r="Q18005" s="5" t="s">
        <v>40</v>
      </c>
      <c r="R18005" s="5" t="s">
        <v>1522</v>
      </c>
      <c r="S18005" s="5" t="s">
        <v>1523</v>
      </c>
      <c r="T18005" s="5" t="s">
        <v>42</v>
      </c>
      <c r="U18005" s="2">
        <v>3.4950000000000001</v>
      </c>
      <c r="V18005" s="2">
        <v>2.8130000000000002</v>
      </c>
      <c r="W18005" s="2">
        <v>0.02</v>
      </c>
      <c r="X18005" s="2">
        <v>159.1</v>
      </c>
      <c r="Y18005" s="2">
        <v>7.6</v>
      </c>
      <c r="Z18005" s="2">
        <v>16.7</v>
      </c>
      <c r="AA18005" s="5"/>
      <c r="AB18005" s="5" t="s">
        <v>43</v>
      </c>
      <c r="AC18005" s="5" t="s">
        <v>44</v>
      </c>
      <c r="AD18005" s="2"/>
      <c r="AE18005" s="1"/>
    </row>
    <row r="18006" spans="1:31" ht="14.45">
      <c r="A18006" s="11"/>
      <c r="B18006" s="20"/>
      <c r="C18006" s="2" t="s">
        <v>54976</v>
      </c>
      <c r="D18006" s="14" t="s">
        <v>54977</v>
      </c>
      <c r="E18006" s="2" t="s">
        <v>54978</v>
      </c>
      <c r="F18006" s="2" t="s">
        <v>7507</v>
      </c>
      <c r="G18006" s="8">
        <v>303</v>
      </c>
      <c r="H18006" s="5">
        <v>6</v>
      </c>
      <c r="I18006" s="5" t="s">
        <v>1518</v>
      </c>
      <c r="J18006" s="5" t="s">
        <v>40939</v>
      </c>
      <c r="K18006" s="2" t="s">
        <v>40940</v>
      </c>
      <c r="L18006" s="5" t="s">
        <v>40939</v>
      </c>
      <c r="M18006" s="2" t="s">
        <v>40940</v>
      </c>
      <c r="N18006" s="5" t="s">
        <v>36266</v>
      </c>
      <c r="O18006" s="5" t="s">
        <v>38</v>
      </c>
      <c r="P18006" s="5" t="s">
        <v>39</v>
      </c>
      <c r="Q18006" s="5" t="s">
        <v>40</v>
      </c>
      <c r="R18006" s="5" t="s">
        <v>1522</v>
      </c>
      <c r="S18006" s="5" t="s">
        <v>1523</v>
      </c>
      <c r="T18006" s="5" t="s">
        <v>42</v>
      </c>
      <c r="U18006" s="2">
        <v>3.609</v>
      </c>
      <c r="V18006" s="2">
        <v>2.927</v>
      </c>
      <c r="W18006" s="2">
        <v>0.02</v>
      </c>
      <c r="X18006" s="2">
        <v>159.1</v>
      </c>
      <c r="Y18006" s="2">
        <v>7.6</v>
      </c>
      <c r="Z18006" s="2">
        <v>16.7</v>
      </c>
      <c r="AA18006" s="5"/>
      <c r="AB18006" s="5" t="s">
        <v>43</v>
      </c>
      <c r="AC18006" s="5" t="s">
        <v>44</v>
      </c>
      <c r="AD18006" s="2"/>
      <c r="AE18006" s="1"/>
    </row>
    <row r="18007" spans="1:31" ht="14.45">
      <c r="A18007" s="11"/>
      <c r="B18007" s="20"/>
      <c r="C18007" s="2" t="s">
        <v>54979</v>
      </c>
      <c r="D18007" s="14" t="s">
        <v>54980</v>
      </c>
      <c r="E18007" s="2" t="s">
        <v>54981</v>
      </c>
      <c r="F18007" s="2" t="s">
        <v>41023</v>
      </c>
      <c r="G18007" s="8">
        <v>329</v>
      </c>
      <c r="H18007" s="5">
        <v>6</v>
      </c>
      <c r="I18007" s="5" t="s">
        <v>1518</v>
      </c>
      <c r="J18007" s="5" t="s">
        <v>40939</v>
      </c>
      <c r="K18007" s="2" t="s">
        <v>40940</v>
      </c>
      <c r="L18007" s="5" t="s">
        <v>40939</v>
      </c>
      <c r="M18007" s="2" t="s">
        <v>40940</v>
      </c>
      <c r="N18007" s="5" t="s">
        <v>36266</v>
      </c>
      <c r="O18007" s="5" t="s">
        <v>38</v>
      </c>
      <c r="P18007" s="5" t="s">
        <v>39</v>
      </c>
      <c r="Q18007" s="5" t="s">
        <v>40</v>
      </c>
      <c r="R18007" s="5" t="s">
        <v>1522</v>
      </c>
      <c r="S18007" s="5" t="s">
        <v>1523</v>
      </c>
      <c r="T18007" s="5" t="s">
        <v>42</v>
      </c>
      <c r="U18007" s="2">
        <v>3.4289999999999998</v>
      </c>
      <c r="V18007" s="2">
        <v>2.7469999999999999</v>
      </c>
      <c r="W18007" s="2">
        <v>0.02</v>
      </c>
      <c r="X18007" s="2">
        <v>159.1</v>
      </c>
      <c r="Y18007" s="2">
        <v>7.6</v>
      </c>
      <c r="Z18007" s="2">
        <v>16.7</v>
      </c>
      <c r="AA18007" s="5"/>
      <c r="AB18007" s="5" t="s">
        <v>43</v>
      </c>
      <c r="AC18007" s="5" t="s">
        <v>44</v>
      </c>
      <c r="AD18007" s="2"/>
      <c r="AE18007" s="1"/>
    </row>
    <row r="18008" spans="1:31" ht="14.45">
      <c r="A18008" s="11"/>
      <c r="B18008" s="20"/>
      <c r="C18008" s="2" t="s">
        <v>54982</v>
      </c>
      <c r="D18008" s="14" t="s">
        <v>54983</v>
      </c>
      <c r="E18008" s="2" t="s">
        <v>54984</v>
      </c>
      <c r="F18008" s="2" t="s">
        <v>41027</v>
      </c>
      <c r="G18008" s="8">
        <v>329</v>
      </c>
      <c r="H18008" s="5">
        <v>6</v>
      </c>
      <c r="I18008" s="5" t="s">
        <v>1518</v>
      </c>
      <c r="J18008" s="5" t="s">
        <v>40939</v>
      </c>
      <c r="K18008" s="2" t="s">
        <v>40940</v>
      </c>
      <c r="L18008" s="5" t="s">
        <v>40939</v>
      </c>
      <c r="M18008" s="2" t="s">
        <v>40940</v>
      </c>
      <c r="N18008" s="5" t="s">
        <v>36266</v>
      </c>
      <c r="O18008" s="5" t="s">
        <v>38</v>
      </c>
      <c r="P18008" s="5" t="s">
        <v>39</v>
      </c>
      <c r="Q18008" s="5" t="s">
        <v>40</v>
      </c>
      <c r="R18008" s="5" t="s">
        <v>1522</v>
      </c>
      <c r="S18008" s="5" t="s">
        <v>1523</v>
      </c>
      <c r="T18008" s="5" t="s">
        <v>42</v>
      </c>
      <c r="U18008" s="2">
        <v>3.5430000000000001</v>
      </c>
      <c r="V18008" s="2">
        <v>2.8610000000000002</v>
      </c>
      <c r="W18008" s="2">
        <v>0.02</v>
      </c>
      <c r="X18008" s="2">
        <v>159.1</v>
      </c>
      <c r="Y18008" s="2">
        <v>7.6</v>
      </c>
      <c r="Z18008" s="2">
        <v>16.7</v>
      </c>
      <c r="AA18008" s="5"/>
      <c r="AB18008" s="5" t="s">
        <v>43</v>
      </c>
      <c r="AC18008" s="5" t="s">
        <v>44</v>
      </c>
      <c r="AD18008" s="2"/>
      <c r="AE18008" s="1"/>
    </row>
    <row r="18009" spans="1:31" ht="14.45">
      <c r="A18009" s="11"/>
      <c r="B18009" s="20"/>
      <c r="C18009" s="2" t="s">
        <v>54985</v>
      </c>
      <c r="D18009" s="14" t="s">
        <v>54986</v>
      </c>
      <c r="E18009" s="2" t="s">
        <v>54987</v>
      </c>
      <c r="F18009" s="2" t="s">
        <v>41035</v>
      </c>
      <c r="G18009" s="8">
        <v>329</v>
      </c>
      <c r="H18009" s="5">
        <v>6</v>
      </c>
      <c r="I18009" s="5" t="s">
        <v>1518</v>
      </c>
      <c r="J18009" s="5" t="s">
        <v>40939</v>
      </c>
      <c r="K18009" s="2" t="s">
        <v>40940</v>
      </c>
      <c r="L18009" s="5" t="s">
        <v>40939</v>
      </c>
      <c r="M18009" s="2" t="s">
        <v>40940</v>
      </c>
      <c r="N18009" s="5" t="s">
        <v>36266</v>
      </c>
      <c r="O18009" s="5" t="s">
        <v>38</v>
      </c>
      <c r="P18009" s="5" t="s">
        <v>39</v>
      </c>
      <c r="Q18009" s="5" t="s">
        <v>40</v>
      </c>
      <c r="R18009" s="5" t="s">
        <v>1522</v>
      </c>
      <c r="S18009" s="5" t="s">
        <v>1523</v>
      </c>
      <c r="T18009" s="5" t="s">
        <v>42</v>
      </c>
      <c r="U18009" s="2">
        <v>3.5430000000000001</v>
      </c>
      <c r="V18009" s="2">
        <v>2.8610000000000002</v>
      </c>
      <c r="W18009" s="2">
        <v>0.02</v>
      </c>
      <c r="X18009" s="2">
        <v>159.1</v>
      </c>
      <c r="Y18009" s="2">
        <v>7.6</v>
      </c>
      <c r="Z18009" s="2">
        <v>16.7</v>
      </c>
      <c r="AA18009" s="5"/>
      <c r="AB18009" s="5" t="s">
        <v>43</v>
      </c>
      <c r="AC18009" s="5" t="s">
        <v>44</v>
      </c>
      <c r="AD18009" s="2"/>
      <c r="AE18009" s="1"/>
    </row>
    <row r="18010" spans="1:31" ht="14.45">
      <c r="A18010" s="11"/>
      <c r="B18010" s="20"/>
      <c r="C18010" s="2" t="s">
        <v>54988</v>
      </c>
      <c r="D18010" s="14" t="s">
        <v>54989</v>
      </c>
      <c r="E18010" s="2" t="s">
        <v>54990</v>
      </c>
      <c r="F18010" s="2" t="s">
        <v>7449</v>
      </c>
      <c r="G18010" s="8">
        <v>329</v>
      </c>
      <c r="H18010" s="5">
        <v>6</v>
      </c>
      <c r="I18010" s="5" t="s">
        <v>1518</v>
      </c>
      <c r="J18010" s="5" t="s">
        <v>40939</v>
      </c>
      <c r="K18010" s="2" t="s">
        <v>40940</v>
      </c>
      <c r="L18010" s="5" t="s">
        <v>40939</v>
      </c>
      <c r="M18010" s="2" t="s">
        <v>40940</v>
      </c>
      <c r="N18010" s="5" t="s">
        <v>36266</v>
      </c>
      <c r="O18010" s="5" t="s">
        <v>38</v>
      </c>
      <c r="P18010" s="5" t="s">
        <v>39</v>
      </c>
      <c r="Q18010" s="5" t="s">
        <v>40</v>
      </c>
      <c r="R18010" s="5" t="s">
        <v>1522</v>
      </c>
      <c r="S18010" s="5" t="s">
        <v>1523</v>
      </c>
      <c r="T18010" s="5" t="s">
        <v>42</v>
      </c>
      <c r="U18010" s="2">
        <v>3.4289999999999998</v>
      </c>
      <c r="V18010" s="2">
        <v>2.7469999999999999</v>
      </c>
      <c r="W18010" s="2">
        <v>0.02</v>
      </c>
      <c r="X18010" s="2">
        <v>159.1</v>
      </c>
      <c r="Y18010" s="2">
        <v>7.6</v>
      </c>
      <c r="Z18010" s="2">
        <v>16.7</v>
      </c>
      <c r="AA18010" s="5"/>
      <c r="AB18010" s="5" t="s">
        <v>43</v>
      </c>
      <c r="AC18010" s="5" t="s">
        <v>44</v>
      </c>
      <c r="AD18010" s="2"/>
      <c r="AE18010" s="1"/>
    </row>
    <row r="18011" spans="1:31" ht="14.45">
      <c r="A18011" s="11"/>
      <c r="B18011" s="20"/>
      <c r="C18011" s="2" t="s">
        <v>54991</v>
      </c>
      <c r="D18011" s="14" t="s">
        <v>54992</v>
      </c>
      <c r="E18011" s="2" t="s">
        <v>54993</v>
      </c>
      <c r="F18011" s="2" t="s">
        <v>7581</v>
      </c>
      <c r="G18011" s="8">
        <v>329</v>
      </c>
      <c r="H18011" s="5">
        <v>6</v>
      </c>
      <c r="I18011" s="5" t="s">
        <v>1518</v>
      </c>
      <c r="J18011" s="5" t="s">
        <v>40939</v>
      </c>
      <c r="K18011" s="2" t="s">
        <v>40940</v>
      </c>
      <c r="L18011" s="5" t="s">
        <v>40939</v>
      </c>
      <c r="M18011" s="2" t="s">
        <v>40940</v>
      </c>
      <c r="N18011" s="5" t="s">
        <v>36266</v>
      </c>
      <c r="O18011" s="5" t="s">
        <v>38</v>
      </c>
      <c r="P18011" s="5" t="s">
        <v>39</v>
      </c>
      <c r="Q18011" s="5" t="s">
        <v>40</v>
      </c>
      <c r="R18011" s="5" t="s">
        <v>1522</v>
      </c>
      <c r="S18011" s="5" t="s">
        <v>1523</v>
      </c>
      <c r="T18011" s="5" t="s">
        <v>42</v>
      </c>
      <c r="U18011" s="2">
        <v>3.5430000000000001</v>
      </c>
      <c r="V18011" s="2">
        <v>2.8610000000000002</v>
      </c>
      <c r="W18011" s="2">
        <v>0.02</v>
      </c>
      <c r="X18011" s="2">
        <v>159.1</v>
      </c>
      <c r="Y18011" s="2">
        <v>7.6</v>
      </c>
      <c r="Z18011" s="2">
        <v>16.7</v>
      </c>
      <c r="AA18011" s="5"/>
      <c r="AB18011" s="5" t="s">
        <v>43</v>
      </c>
      <c r="AC18011" s="5" t="s">
        <v>44</v>
      </c>
      <c r="AD18011" s="2"/>
      <c r="AE18011" s="1"/>
    </row>
    <row r="18012" spans="1:31" ht="14.45">
      <c r="A18012" s="11"/>
      <c r="B18012" s="20"/>
      <c r="C18012" s="2" t="s">
        <v>54994</v>
      </c>
      <c r="D18012" s="14" t="s">
        <v>54995</v>
      </c>
      <c r="E18012" s="2" t="s">
        <v>54996</v>
      </c>
      <c r="F18012" s="2" t="s">
        <v>41045</v>
      </c>
      <c r="G18012" s="8">
        <v>329</v>
      </c>
      <c r="H18012" s="5">
        <v>6</v>
      </c>
      <c r="I18012" s="5" t="s">
        <v>1518</v>
      </c>
      <c r="J18012" s="5" t="s">
        <v>40939</v>
      </c>
      <c r="K18012" s="2" t="s">
        <v>40940</v>
      </c>
      <c r="L18012" s="5" t="s">
        <v>40939</v>
      </c>
      <c r="M18012" s="2" t="s">
        <v>40940</v>
      </c>
      <c r="N18012" s="5" t="s">
        <v>36266</v>
      </c>
      <c r="O18012" s="5" t="s">
        <v>38</v>
      </c>
      <c r="P18012" s="5" t="s">
        <v>39</v>
      </c>
      <c r="Q18012" s="5" t="s">
        <v>40</v>
      </c>
      <c r="R18012" s="5" t="s">
        <v>1522</v>
      </c>
      <c r="S18012" s="5" t="s">
        <v>1523</v>
      </c>
      <c r="T18012" s="5" t="s">
        <v>42</v>
      </c>
      <c r="U18012" s="2">
        <v>3.508</v>
      </c>
      <c r="V18012" s="2">
        <v>2.8260000000000001</v>
      </c>
      <c r="W18012" s="2">
        <v>0.02</v>
      </c>
      <c r="X18012" s="2">
        <v>159.1</v>
      </c>
      <c r="Y18012" s="2">
        <v>7.6</v>
      </c>
      <c r="Z18012" s="2">
        <v>16.7</v>
      </c>
      <c r="AA18012" s="5"/>
      <c r="AB18012" s="5" t="s">
        <v>43</v>
      </c>
      <c r="AC18012" s="5" t="s">
        <v>44</v>
      </c>
      <c r="AD18012" s="2"/>
      <c r="AE18012" s="1"/>
    </row>
    <row r="18013" spans="1:31" ht="14.45">
      <c r="A18013" s="11"/>
      <c r="B18013" s="20"/>
      <c r="C18013" s="2" t="s">
        <v>54997</v>
      </c>
      <c r="D18013" s="14" t="s">
        <v>54998</v>
      </c>
      <c r="E18013" s="2" t="s">
        <v>54999</v>
      </c>
      <c r="F18013" s="2" t="s">
        <v>41049</v>
      </c>
      <c r="G18013" s="8">
        <v>329</v>
      </c>
      <c r="H18013" s="5">
        <v>6</v>
      </c>
      <c r="I18013" s="5" t="s">
        <v>1518</v>
      </c>
      <c r="J18013" s="5" t="s">
        <v>40939</v>
      </c>
      <c r="K18013" s="2" t="s">
        <v>40940</v>
      </c>
      <c r="L18013" s="5" t="s">
        <v>40939</v>
      </c>
      <c r="M18013" s="2" t="s">
        <v>40940</v>
      </c>
      <c r="N18013" s="5" t="s">
        <v>36266</v>
      </c>
      <c r="O18013" s="5" t="s">
        <v>38</v>
      </c>
      <c r="P18013" s="5" t="s">
        <v>39</v>
      </c>
      <c r="Q18013" s="5" t="s">
        <v>40</v>
      </c>
      <c r="R18013" s="5" t="s">
        <v>1522</v>
      </c>
      <c r="S18013" s="5" t="s">
        <v>1523</v>
      </c>
      <c r="T18013" s="5" t="s">
        <v>42</v>
      </c>
      <c r="U18013" s="2">
        <v>3.6219999999999999</v>
      </c>
      <c r="V18013" s="2">
        <v>2.94</v>
      </c>
      <c r="W18013" s="2">
        <v>0.02</v>
      </c>
      <c r="X18013" s="2">
        <v>159.1</v>
      </c>
      <c r="Y18013" s="2">
        <v>7.6</v>
      </c>
      <c r="Z18013" s="2">
        <v>16.7</v>
      </c>
      <c r="AA18013" s="5"/>
      <c r="AB18013" s="5" t="s">
        <v>43</v>
      </c>
      <c r="AC18013" s="5" t="s">
        <v>44</v>
      </c>
      <c r="AD18013" s="2"/>
      <c r="AE18013" s="1"/>
    </row>
    <row r="18014" spans="1:31" ht="14.45">
      <c r="A18014" s="11"/>
      <c r="B18014" s="20"/>
      <c r="C18014" s="2" t="s">
        <v>55000</v>
      </c>
      <c r="D18014" s="14" t="s">
        <v>55001</v>
      </c>
      <c r="E18014" s="2" t="s">
        <v>55002</v>
      </c>
      <c r="F18014" s="2" t="s">
        <v>7204</v>
      </c>
      <c r="G18014" s="8">
        <v>298</v>
      </c>
      <c r="H18014" s="5">
        <v>6</v>
      </c>
      <c r="I18014" s="5" t="s">
        <v>1518</v>
      </c>
      <c r="J18014" s="5" t="s">
        <v>40939</v>
      </c>
      <c r="K18014" s="2" t="s">
        <v>40940</v>
      </c>
      <c r="L18014" s="5" t="s">
        <v>40939</v>
      </c>
      <c r="M18014" s="2" t="s">
        <v>40940</v>
      </c>
      <c r="N18014" s="5" t="s">
        <v>36266</v>
      </c>
      <c r="O18014" s="5" t="s">
        <v>38</v>
      </c>
      <c r="P18014" s="5" t="s">
        <v>39</v>
      </c>
      <c r="Q18014" s="5" t="s">
        <v>40</v>
      </c>
      <c r="R18014" s="5" t="s">
        <v>1522</v>
      </c>
      <c r="S18014" s="5" t="s">
        <v>1523</v>
      </c>
      <c r="T18014" s="5" t="s">
        <v>42</v>
      </c>
      <c r="U18014" s="2">
        <v>3.1259999999999999</v>
      </c>
      <c r="V18014" s="2">
        <v>2.528</v>
      </c>
      <c r="W18014" s="2">
        <v>1.7999999999999999E-2</v>
      </c>
      <c r="X18014" s="2">
        <v>139.1</v>
      </c>
      <c r="Y18014" s="2">
        <v>7.6</v>
      </c>
      <c r="Z18014" s="2">
        <v>16.7</v>
      </c>
      <c r="AA18014" s="5"/>
      <c r="AB18014" s="5" t="s">
        <v>43</v>
      </c>
      <c r="AC18014" s="5" t="s">
        <v>44</v>
      </c>
      <c r="AD18014" s="2"/>
      <c r="AE18014" s="1"/>
    </row>
    <row r="18015" spans="1:31" ht="14.45">
      <c r="A18015" s="11"/>
      <c r="B18015" s="20"/>
      <c r="C18015" s="2" t="s">
        <v>55003</v>
      </c>
      <c r="D18015" s="14" t="s">
        <v>55004</v>
      </c>
      <c r="E18015" s="2" t="s">
        <v>55005</v>
      </c>
      <c r="F18015" s="2" t="s">
        <v>7514</v>
      </c>
      <c r="G18015" s="8">
        <v>298</v>
      </c>
      <c r="H18015" s="5">
        <v>6</v>
      </c>
      <c r="I18015" s="5" t="s">
        <v>1518</v>
      </c>
      <c r="J18015" s="5" t="s">
        <v>40939</v>
      </c>
      <c r="K18015" s="2" t="s">
        <v>40940</v>
      </c>
      <c r="L18015" s="5" t="s">
        <v>40939</v>
      </c>
      <c r="M18015" s="2" t="s">
        <v>40940</v>
      </c>
      <c r="N18015" s="5" t="s">
        <v>36266</v>
      </c>
      <c r="O18015" s="5" t="s">
        <v>38</v>
      </c>
      <c r="P18015" s="5" t="s">
        <v>39</v>
      </c>
      <c r="Q18015" s="5" t="s">
        <v>40</v>
      </c>
      <c r="R18015" s="5" t="s">
        <v>1522</v>
      </c>
      <c r="S18015" s="5" t="s">
        <v>1523</v>
      </c>
      <c r="T18015" s="5" t="s">
        <v>42</v>
      </c>
      <c r="U18015" s="2">
        <v>3.2109999999999999</v>
      </c>
      <c r="V18015" s="2">
        <v>2.613</v>
      </c>
      <c r="W18015" s="2">
        <v>1.7999999999999999E-2</v>
      </c>
      <c r="X18015" s="2">
        <v>139.1</v>
      </c>
      <c r="Y18015" s="2">
        <v>7.6</v>
      </c>
      <c r="Z18015" s="2">
        <v>16.7</v>
      </c>
      <c r="AA18015" s="5"/>
      <c r="AB18015" s="5" t="s">
        <v>43</v>
      </c>
      <c r="AC18015" s="5" t="s">
        <v>44</v>
      </c>
      <c r="AD18015" s="2"/>
      <c r="AE18015" s="1"/>
    </row>
    <row r="18016" spans="1:31" ht="14.45">
      <c r="A18016" s="11"/>
      <c r="B18016" s="20"/>
      <c r="C18016" s="2" t="s">
        <v>55006</v>
      </c>
      <c r="D18016" s="14" t="s">
        <v>55007</v>
      </c>
      <c r="E18016" s="2" t="s">
        <v>55008</v>
      </c>
      <c r="F18016" s="2" t="s">
        <v>47195</v>
      </c>
      <c r="G18016" s="8">
        <v>322</v>
      </c>
      <c r="H18016" s="5">
        <v>6</v>
      </c>
      <c r="I18016" s="5" t="s">
        <v>1518</v>
      </c>
      <c r="J18016" s="5" t="s">
        <v>40939</v>
      </c>
      <c r="K18016" s="2" t="s">
        <v>40940</v>
      </c>
      <c r="L18016" s="5" t="s">
        <v>40939</v>
      </c>
      <c r="M18016" s="2" t="s">
        <v>40940</v>
      </c>
      <c r="N18016" s="5" t="s">
        <v>36266</v>
      </c>
      <c r="O18016" s="5" t="s">
        <v>38</v>
      </c>
      <c r="P18016" s="5" t="s">
        <v>39</v>
      </c>
      <c r="Q18016" s="5" t="s">
        <v>40</v>
      </c>
      <c r="R18016" s="5" t="s">
        <v>1522</v>
      </c>
      <c r="S18016" s="5" t="s">
        <v>1523</v>
      </c>
      <c r="T18016" s="5" t="s">
        <v>42</v>
      </c>
      <c r="U18016" s="2">
        <v>3.2309999999999999</v>
      </c>
      <c r="V18016" s="2">
        <v>2.633</v>
      </c>
      <c r="W18016" s="2">
        <v>1.7999999999999999E-2</v>
      </c>
      <c r="X18016" s="2">
        <v>139.1</v>
      </c>
      <c r="Y18016" s="2">
        <v>7.6</v>
      </c>
      <c r="Z18016" s="2">
        <v>16.7</v>
      </c>
      <c r="AA18016" s="5"/>
      <c r="AB18016" s="5" t="s">
        <v>43</v>
      </c>
      <c r="AC18016" s="5" t="s">
        <v>44</v>
      </c>
      <c r="AD18016" s="2"/>
      <c r="AE18016" s="1"/>
    </row>
    <row r="18017" spans="1:31" ht="14.45">
      <c r="A18017" s="11"/>
      <c r="B18017" s="20"/>
      <c r="C18017" s="2" t="s">
        <v>55009</v>
      </c>
      <c r="D18017" s="14" t="s">
        <v>55010</v>
      </c>
      <c r="E18017" s="2" t="s">
        <v>55011</v>
      </c>
      <c r="F18017" s="2" t="s">
        <v>7208</v>
      </c>
      <c r="G18017" s="8">
        <v>298</v>
      </c>
      <c r="H18017" s="5">
        <v>6</v>
      </c>
      <c r="I18017" s="5" t="s">
        <v>1518</v>
      </c>
      <c r="J18017" s="5" t="s">
        <v>40939</v>
      </c>
      <c r="K18017" s="2" t="s">
        <v>40940</v>
      </c>
      <c r="L18017" s="5" t="s">
        <v>40939</v>
      </c>
      <c r="M18017" s="2" t="s">
        <v>40940</v>
      </c>
      <c r="N18017" s="5" t="s">
        <v>36266</v>
      </c>
      <c r="O18017" s="5" t="s">
        <v>38</v>
      </c>
      <c r="P18017" s="5" t="s">
        <v>39</v>
      </c>
      <c r="Q18017" s="5" t="s">
        <v>40</v>
      </c>
      <c r="R18017" s="5" t="s">
        <v>1522</v>
      </c>
      <c r="S18017" s="5" t="s">
        <v>1523</v>
      </c>
      <c r="T18017" s="5" t="s">
        <v>42</v>
      </c>
      <c r="U18017" s="2">
        <v>3.1560000000000001</v>
      </c>
      <c r="V18017" s="2">
        <v>2.5579999999999998</v>
      </c>
      <c r="W18017" s="2">
        <v>1.7999999999999999E-2</v>
      </c>
      <c r="X18017" s="2">
        <v>139.1</v>
      </c>
      <c r="Y18017" s="2">
        <v>7.6</v>
      </c>
      <c r="Z18017" s="2">
        <v>16.7</v>
      </c>
      <c r="AA18017" s="5"/>
      <c r="AB18017" s="5" t="s">
        <v>43</v>
      </c>
      <c r="AC18017" s="5" t="s">
        <v>44</v>
      </c>
      <c r="AD18017" s="2"/>
      <c r="AE18017" s="1"/>
    </row>
    <row r="18018" spans="1:31" ht="14.45">
      <c r="A18018" s="11"/>
      <c r="B18018" s="20"/>
      <c r="C18018" s="2" t="s">
        <v>55012</v>
      </c>
      <c r="D18018" s="14" t="s">
        <v>55013</v>
      </c>
      <c r="E18018" s="2" t="s">
        <v>55014</v>
      </c>
      <c r="F18018" s="2" t="s">
        <v>7521</v>
      </c>
      <c r="G18018" s="8">
        <v>298</v>
      </c>
      <c r="H18018" s="5">
        <v>6</v>
      </c>
      <c r="I18018" s="5" t="s">
        <v>1518</v>
      </c>
      <c r="J18018" s="5" t="s">
        <v>40939</v>
      </c>
      <c r="K18018" s="2" t="s">
        <v>40940</v>
      </c>
      <c r="L18018" s="5" t="s">
        <v>40939</v>
      </c>
      <c r="M18018" s="2" t="s">
        <v>40940</v>
      </c>
      <c r="N18018" s="5" t="s">
        <v>36266</v>
      </c>
      <c r="O18018" s="5" t="s">
        <v>38</v>
      </c>
      <c r="P18018" s="5" t="s">
        <v>39</v>
      </c>
      <c r="Q18018" s="5" t="s">
        <v>40</v>
      </c>
      <c r="R18018" s="5" t="s">
        <v>1522</v>
      </c>
      <c r="S18018" s="5" t="s">
        <v>1523</v>
      </c>
      <c r="T18018" s="5" t="s">
        <v>42</v>
      </c>
      <c r="U18018" s="2">
        <v>3.2410000000000001</v>
      </c>
      <c r="V18018" s="2">
        <v>2.6429999999999998</v>
      </c>
      <c r="W18018" s="2">
        <v>1.7999999999999999E-2</v>
      </c>
      <c r="X18018" s="2">
        <v>139.1</v>
      </c>
      <c r="Y18018" s="2">
        <v>7.6</v>
      </c>
      <c r="Z18018" s="2">
        <v>16.7</v>
      </c>
      <c r="AA18018" s="5"/>
      <c r="AB18018" s="5" t="s">
        <v>43</v>
      </c>
      <c r="AC18018" s="5" t="s">
        <v>44</v>
      </c>
      <c r="AD18018" s="2"/>
      <c r="AE18018" s="1"/>
    </row>
    <row r="18019" spans="1:31" ht="14.45">
      <c r="A18019" s="11"/>
      <c r="B18019" s="20"/>
      <c r="C18019" s="2" t="s">
        <v>55015</v>
      </c>
      <c r="D18019" s="14" t="s">
        <v>55016</v>
      </c>
      <c r="E18019" s="2" t="s">
        <v>55017</v>
      </c>
      <c r="F18019" s="2" t="s">
        <v>36273</v>
      </c>
      <c r="G18019" s="8">
        <v>298</v>
      </c>
      <c r="H18019" s="5">
        <v>6</v>
      </c>
      <c r="I18019" s="5" t="s">
        <v>1518</v>
      </c>
      <c r="J18019" s="5" t="s">
        <v>40939</v>
      </c>
      <c r="K18019" s="2" t="s">
        <v>40940</v>
      </c>
      <c r="L18019" s="5" t="s">
        <v>40939</v>
      </c>
      <c r="M18019" s="2" t="s">
        <v>40940</v>
      </c>
      <c r="N18019" s="5" t="s">
        <v>36266</v>
      </c>
      <c r="O18019" s="5" t="s">
        <v>38</v>
      </c>
      <c r="P18019" s="5" t="s">
        <v>39</v>
      </c>
      <c r="Q18019" s="5" t="s">
        <v>40</v>
      </c>
      <c r="R18019" s="5" t="s">
        <v>1522</v>
      </c>
      <c r="S18019" s="5" t="s">
        <v>1523</v>
      </c>
      <c r="T18019" s="5" t="s">
        <v>42</v>
      </c>
      <c r="U18019" s="2">
        <v>3.1749999999999998</v>
      </c>
      <c r="V18019" s="2">
        <v>2.577</v>
      </c>
      <c r="W18019" s="2">
        <v>1.7999999999999999E-2</v>
      </c>
      <c r="X18019" s="2">
        <v>139.1</v>
      </c>
      <c r="Y18019" s="2">
        <v>7.6</v>
      </c>
      <c r="Z18019" s="2">
        <v>16.7</v>
      </c>
      <c r="AA18019" s="5"/>
      <c r="AB18019" s="5" t="s">
        <v>43</v>
      </c>
      <c r="AC18019" s="5" t="s">
        <v>44</v>
      </c>
      <c r="AD18019" s="2"/>
      <c r="AE18019" s="1"/>
    </row>
    <row r="18020" spans="1:31" ht="14.45">
      <c r="A18020" s="11"/>
      <c r="B18020" s="20"/>
      <c r="C18020" s="2" t="s">
        <v>55018</v>
      </c>
      <c r="D18020" s="14" t="s">
        <v>55019</v>
      </c>
      <c r="E18020" s="2" t="s">
        <v>55020</v>
      </c>
      <c r="F18020" s="2" t="s">
        <v>36277</v>
      </c>
      <c r="G18020" s="8">
        <v>298</v>
      </c>
      <c r="H18020" s="5">
        <v>6</v>
      </c>
      <c r="I18020" s="5" t="s">
        <v>1518</v>
      </c>
      <c r="J18020" s="5" t="s">
        <v>40939</v>
      </c>
      <c r="K18020" s="2" t="s">
        <v>40940</v>
      </c>
      <c r="L18020" s="5" t="s">
        <v>40939</v>
      </c>
      <c r="M18020" s="2" t="s">
        <v>40940</v>
      </c>
      <c r="N18020" s="5" t="s">
        <v>36266</v>
      </c>
      <c r="O18020" s="5" t="s">
        <v>38</v>
      </c>
      <c r="P18020" s="5" t="s">
        <v>39</v>
      </c>
      <c r="Q18020" s="5" t="s">
        <v>40</v>
      </c>
      <c r="R18020" s="5" t="s">
        <v>1522</v>
      </c>
      <c r="S18020" s="5" t="s">
        <v>1523</v>
      </c>
      <c r="T18020" s="5" t="s">
        <v>42</v>
      </c>
      <c r="U18020" s="2">
        <v>3.26</v>
      </c>
      <c r="V18020" s="2">
        <v>2.6619999999999999</v>
      </c>
      <c r="W18020" s="2">
        <v>1.7999999999999999E-2</v>
      </c>
      <c r="X18020" s="2">
        <v>139.1</v>
      </c>
      <c r="Y18020" s="2">
        <v>7.6</v>
      </c>
      <c r="Z18020" s="2">
        <v>16.7</v>
      </c>
      <c r="AA18020" s="5"/>
      <c r="AB18020" s="5" t="s">
        <v>43</v>
      </c>
      <c r="AC18020" s="5" t="s">
        <v>44</v>
      </c>
      <c r="AD18020" s="2"/>
      <c r="AE18020" s="1"/>
    </row>
    <row r="18021" spans="1:31" ht="14.45">
      <c r="A18021" s="11"/>
      <c r="B18021" s="20"/>
      <c r="C18021" s="2" t="s">
        <v>55021</v>
      </c>
      <c r="D18021" s="14" t="s">
        <v>55022</v>
      </c>
      <c r="E18021" s="2" t="s">
        <v>55023</v>
      </c>
      <c r="F18021" s="2" t="s">
        <v>40971</v>
      </c>
      <c r="G18021" s="8">
        <v>322</v>
      </c>
      <c r="H18021" s="5">
        <v>6</v>
      </c>
      <c r="I18021" s="5" t="s">
        <v>1518</v>
      </c>
      <c r="J18021" s="5" t="s">
        <v>40939</v>
      </c>
      <c r="K18021" s="2" t="s">
        <v>40940</v>
      </c>
      <c r="L18021" s="5" t="s">
        <v>40939</v>
      </c>
      <c r="M18021" s="2" t="s">
        <v>40940</v>
      </c>
      <c r="N18021" s="5" t="s">
        <v>36266</v>
      </c>
      <c r="O18021" s="5" t="s">
        <v>38</v>
      </c>
      <c r="P18021" s="5" t="s">
        <v>39</v>
      </c>
      <c r="Q18021" s="5" t="s">
        <v>40</v>
      </c>
      <c r="R18021" s="5" t="s">
        <v>1522</v>
      </c>
      <c r="S18021" s="5" t="s">
        <v>1523</v>
      </c>
      <c r="T18021" s="5" t="s">
        <v>42</v>
      </c>
      <c r="U18021" s="2">
        <v>3.2410000000000001</v>
      </c>
      <c r="V18021" s="2">
        <v>2.6429999999999998</v>
      </c>
      <c r="W18021" s="2">
        <v>1.7999999999999999E-2</v>
      </c>
      <c r="X18021" s="2">
        <v>139.1</v>
      </c>
      <c r="Y18021" s="2">
        <v>7.6</v>
      </c>
      <c r="Z18021" s="2">
        <v>16.7</v>
      </c>
      <c r="AA18021" s="5"/>
      <c r="AB18021" s="5" t="s">
        <v>43</v>
      </c>
      <c r="AC18021" s="5" t="s">
        <v>44</v>
      </c>
      <c r="AD18021" s="2"/>
      <c r="AE18021" s="1"/>
    </row>
    <row r="18022" spans="1:31" ht="14.45">
      <c r="A18022" s="11"/>
      <c r="B18022" s="20"/>
      <c r="C18022" s="2" t="s">
        <v>55024</v>
      </c>
      <c r="D18022" s="14" t="s">
        <v>55025</v>
      </c>
      <c r="E18022" s="2" t="s">
        <v>55026</v>
      </c>
      <c r="F18022" s="2" t="s">
        <v>40989</v>
      </c>
      <c r="G18022" s="8">
        <v>322</v>
      </c>
      <c r="H18022" s="5">
        <v>6</v>
      </c>
      <c r="I18022" s="5" t="s">
        <v>1518</v>
      </c>
      <c r="J18022" s="5" t="s">
        <v>40939</v>
      </c>
      <c r="K18022" s="2" t="s">
        <v>40940</v>
      </c>
      <c r="L18022" s="5" t="s">
        <v>40939</v>
      </c>
      <c r="M18022" s="2" t="s">
        <v>40940</v>
      </c>
      <c r="N18022" s="5" t="s">
        <v>36266</v>
      </c>
      <c r="O18022" s="5" t="s">
        <v>38</v>
      </c>
      <c r="P18022" s="5" t="s">
        <v>39</v>
      </c>
      <c r="Q18022" s="5" t="s">
        <v>40</v>
      </c>
      <c r="R18022" s="5" t="s">
        <v>1522</v>
      </c>
      <c r="S18022" s="5" t="s">
        <v>1523</v>
      </c>
      <c r="T18022" s="5" t="s">
        <v>42</v>
      </c>
      <c r="U18022" s="2">
        <v>3.1560000000000001</v>
      </c>
      <c r="V18022" s="2">
        <v>2.5579999999999998</v>
      </c>
      <c r="W18022" s="2">
        <v>1.7999999999999999E-2</v>
      </c>
      <c r="X18022" s="2">
        <v>139.1</v>
      </c>
      <c r="Y18022" s="2">
        <v>7.6</v>
      </c>
      <c r="Z18022" s="2">
        <v>16.7</v>
      </c>
      <c r="AA18022" s="5"/>
      <c r="AB18022" s="5" t="s">
        <v>43</v>
      </c>
      <c r="AC18022" s="5" t="s">
        <v>44</v>
      </c>
      <c r="AD18022" s="2"/>
      <c r="AE18022" s="1"/>
    </row>
    <row r="18023" spans="1:31" ht="14.45">
      <c r="A18023" s="11"/>
      <c r="B18023" s="20"/>
      <c r="C18023" s="2" t="s">
        <v>55027</v>
      </c>
      <c r="D18023" s="14" t="s">
        <v>55028</v>
      </c>
      <c r="E18023" s="2" t="s">
        <v>55029</v>
      </c>
      <c r="F18023" s="2" t="s">
        <v>41013</v>
      </c>
      <c r="G18023" s="8">
        <v>322</v>
      </c>
      <c r="H18023" s="5">
        <v>6</v>
      </c>
      <c r="I18023" s="5" t="s">
        <v>1518</v>
      </c>
      <c r="J18023" s="5" t="s">
        <v>40939</v>
      </c>
      <c r="K18023" s="2" t="s">
        <v>40940</v>
      </c>
      <c r="L18023" s="5" t="s">
        <v>40939</v>
      </c>
      <c r="M18023" s="2" t="s">
        <v>40940</v>
      </c>
      <c r="N18023" s="5" t="s">
        <v>36266</v>
      </c>
      <c r="O18023" s="5" t="s">
        <v>38</v>
      </c>
      <c r="P18023" s="5" t="s">
        <v>39</v>
      </c>
      <c r="Q18023" s="5" t="s">
        <v>40</v>
      </c>
      <c r="R18023" s="5" t="s">
        <v>1522</v>
      </c>
      <c r="S18023" s="5" t="s">
        <v>1523</v>
      </c>
      <c r="T18023" s="5" t="s">
        <v>42</v>
      </c>
      <c r="U18023" s="2">
        <v>3.2509999999999999</v>
      </c>
      <c r="V18023" s="2">
        <v>2.653</v>
      </c>
      <c r="W18023" s="2">
        <v>1.7999999999999999E-2</v>
      </c>
      <c r="X18023" s="2">
        <v>139.1</v>
      </c>
      <c r="Y18023" s="2">
        <v>7.6</v>
      </c>
      <c r="Z18023" s="2">
        <v>16.7</v>
      </c>
      <c r="AA18023" s="5"/>
      <c r="AB18023" s="5" t="s">
        <v>43</v>
      </c>
      <c r="AC18023" s="5" t="s">
        <v>44</v>
      </c>
      <c r="AD18023" s="2"/>
      <c r="AE18023" s="1"/>
    </row>
    <row r="18024" spans="1:31" ht="14.45">
      <c r="A18024" s="11"/>
      <c r="B18024" s="20"/>
      <c r="C18024" s="2" t="s">
        <v>55030</v>
      </c>
      <c r="D18024" s="14" t="s">
        <v>55031</v>
      </c>
      <c r="E18024" s="2" t="s">
        <v>55032</v>
      </c>
      <c r="F18024" s="2" t="s">
        <v>7507</v>
      </c>
      <c r="G18024" s="8">
        <v>298</v>
      </c>
      <c r="H18024" s="5">
        <v>6</v>
      </c>
      <c r="I18024" s="5" t="s">
        <v>1518</v>
      </c>
      <c r="J18024" s="5" t="s">
        <v>40939</v>
      </c>
      <c r="K18024" s="2" t="s">
        <v>40940</v>
      </c>
      <c r="L18024" s="5" t="s">
        <v>40939</v>
      </c>
      <c r="M18024" s="2" t="s">
        <v>40940</v>
      </c>
      <c r="N18024" s="5" t="s">
        <v>36266</v>
      </c>
      <c r="O18024" s="5" t="s">
        <v>38</v>
      </c>
      <c r="P18024" s="5" t="s">
        <v>39</v>
      </c>
      <c r="Q18024" s="5" t="s">
        <v>40</v>
      </c>
      <c r="R18024" s="5" t="s">
        <v>1522</v>
      </c>
      <c r="S18024" s="5" t="s">
        <v>1523</v>
      </c>
      <c r="T18024" s="5" t="s">
        <v>42</v>
      </c>
      <c r="U18024" s="2">
        <v>3.2509999999999999</v>
      </c>
      <c r="V18024" s="2">
        <v>2.653</v>
      </c>
      <c r="W18024" s="2">
        <v>1.7999999999999999E-2</v>
      </c>
      <c r="X18024" s="2">
        <v>139.1</v>
      </c>
      <c r="Y18024" s="2">
        <v>7.6</v>
      </c>
      <c r="Z18024" s="2">
        <v>16.7</v>
      </c>
      <c r="AA18024" s="5"/>
      <c r="AB18024" s="5" t="s">
        <v>43</v>
      </c>
      <c r="AC18024" s="5" t="s">
        <v>44</v>
      </c>
      <c r="AD18024" s="2"/>
      <c r="AE18024" s="1"/>
    </row>
    <row r="18025" spans="1:31" ht="14.45">
      <c r="A18025" s="11"/>
      <c r="B18025" s="20"/>
      <c r="C18025" s="2" t="s">
        <v>55033</v>
      </c>
      <c r="D18025" s="14" t="s">
        <v>55034</v>
      </c>
      <c r="E18025" s="2" t="s">
        <v>55035</v>
      </c>
      <c r="F18025" s="2" t="s">
        <v>41027</v>
      </c>
      <c r="G18025" s="8">
        <v>322</v>
      </c>
      <c r="H18025" s="5">
        <v>6</v>
      </c>
      <c r="I18025" s="5" t="s">
        <v>1518</v>
      </c>
      <c r="J18025" s="5" t="s">
        <v>40939</v>
      </c>
      <c r="K18025" s="2" t="s">
        <v>40940</v>
      </c>
      <c r="L18025" s="5" t="s">
        <v>40939</v>
      </c>
      <c r="M18025" s="2" t="s">
        <v>40940</v>
      </c>
      <c r="N18025" s="5" t="s">
        <v>36266</v>
      </c>
      <c r="O18025" s="5" t="s">
        <v>38</v>
      </c>
      <c r="P18025" s="5" t="s">
        <v>39</v>
      </c>
      <c r="Q18025" s="5" t="s">
        <v>40</v>
      </c>
      <c r="R18025" s="5" t="s">
        <v>1522</v>
      </c>
      <c r="S18025" s="5" t="s">
        <v>1523</v>
      </c>
      <c r="T18025" s="5" t="s">
        <v>42</v>
      </c>
      <c r="U18025" s="2">
        <v>3.2010000000000001</v>
      </c>
      <c r="V18025" s="2">
        <v>2.6030000000000002</v>
      </c>
      <c r="W18025" s="2">
        <v>1.7999999999999999E-2</v>
      </c>
      <c r="X18025" s="2">
        <v>139.1</v>
      </c>
      <c r="Y18025" s="2">
        <v>7.6</v>
      </c>
      <c r="Z18025" s="2">
        <v>16.7</v>
      </c>
      <c r="AA18025" s="5"/>
      <c r="AB18025" s="5" t="s">
        <v>43</v>
      </c>
      <c r="AC18025" s="5" t="s">
        <v>44</v>
      </c>
      <c r="AD18025" s="2"/>
      <c r="AE18025" s="1"/>
    </row>
    <row r="18026" spans="1:31" ht="14.45">
      <c r="A18026" s="11"/>
      <c r="B18026" s="20"/>
      <c r="C18026" s="2" t="s">
        <v>55036</v>
      </c>
      <c r="D18026" s="14" t="s">
        <v>55037</v>
      </c>
      <c r="E18026" s="2" t="s">
        <v>55038</v>
      </c>
      <c r="F18026" s="2" t="s">
        <v>41035</v>
      </c>
      <c r="G18026" s="8">
        <v>322</v>
      </c>
      <c r="H18026" s="5">
        <v>6</v>
      </c>
      <c r="I18026" s="5" t="s">
        <v>1518</v>
      </c>
      <c r="J18026" s="5" t="s">
        <v>40939</v>
      </c>
      <c r="K18026" s="2" t="s">
        <v>40940</v>
      </c>
      <c r="L18026" s="5" t="s">
        <v>40939</v>
      </c>
      <c r="M18026" s="2" t="s">
        <v>40940</v>
      </c>
      <c r="N18026" s="5" t="s">
        <v>36266</v>
      </c>
      <c r="O18026" s="5" t="s">
        <v>38</v>
      </c>
      <c r="P18026" s="5" t="s">
        <v>39</v>
      </c>
      <c r="Q18026" s="5" t="s">
        <v>40</v>
      </c>
      <c r="R18026" s="5" t="s">
        <v>1522</v>
      </c>
      <c r="S18026" s="5" t="s">
        <v>1523</v>
      </c>
      <c r="T18026" s="5" t="s">
        <v>42</v>
      </c>
      <c r="U18026" s="2">
        <v>3.2010000000000001</v>
      </c>
      <c r="V18026" s="2">
        <v>2.6030000000000002</v>
      </c>
      <c r="W18026" s="2">
        <v>1.7999999999999999E-2</v>
      </c>
      <c r="X18026" s="2">
        <v>139.1</v>
      </c>
      <c r="Y18026" s="2">
        <v>7.6</v>
      </c>
      <c r="Z18026" s="2">
        <v>16.7</v>
      </c>
      <c r="AA18026" s="5"/>
      <c r="AB18026" s="5" t="s">
        <v>43</v>
      </c>
      <c r="AC18026" s="5" t="s">
        <v>44</v>
      </c>
      <c r="AD18026" s="2"/>
      <c r="AE18026" s="1"/>
    </row>
    <row r="18027" spans="1:31" ht="14.45">
      <c r="A18027" s="11"/>
      <c r="B18027" s="20"/>
      <c r="C18027" s="2" t="s">
        <v>55039</v>
      </c>
      <c r="D18027" s="14" t="s">
        <v>55040</v>
      </c>
      <c r="E18027" s="2" t="s">
        <v>55041</v>
      </c>
      <c r="F18027" s="2" t="s">
        <v>7204</v>
      </c>
      <c r="G18027" s="8">
        <v>298</v>
      </c>
      <c r="H18027" s="5">
        <v>6</v>
      </c>
      <c r="I18027" s="5" t="s">
        <v>1518</v>
      </c>
      <c r="J18027" s="5" t="s">
        <v>40939</v>
      </c>
      <c r="K18027" s="2" t="s">
        <v>40940</v>
      </c>
      <c r="L18027" s="5" t="s">
        <v>40939</v>
      </c>
      <c r="M18027" s="2" t="s">
        <v>40940</v>
      </c>
      <c r="N18027" s="5" t="s">
        <v>36266</v>
      </c>
      <c r="O18027" s="5" t="s">
        <v>38</v>
      </c>
      <c r="P18027" s="5" t="s">
        <v>39</v>
      </c>
      <c r="Q18027" s="5" t="s">
        <v>40</v>
      </c>
      <c r="R18027" s="5" t="s">
        <v>1522</v>
      </c>
      <c r="S18027" s="5" t="s">
        <v>1523</v>
      </c>
      <c r="T18027" s="5" t="s">
        <v>42</v>
      </c>
      <c r="U18027" s="2">
        <v>3.278</v>
      </c>
      <c r="V18027" s="2">
        <v>2.6890000000000001</v>
      </c>
      <c r="W18027" s="2">
        <v>1.7999999999999999E-2</v>
      </c>
      <c r="X18027" s="2">
        <v>139.1</v>
      </c>
      <c r="Y18027" s="2">
        <v>7.6</v>
      </c>
      <c r="Z18027" s="2">
        <v>16.7</v>
      </c>
      <c r="AA18027" s="5"/>
      <c r="AB18027" s="5" t="s">
        <v>43</v>
      </c>
      <c r="AC18027" s="5" t="s">
        <v>44</v>
      </c>
      <c r="AD18027" s="2"/>
      <c r="AE18027" s="1"/>
    </row>
    <row r="18028" spans="1:31" ht="14.45">
      <c r="A18028" s="11"/>
      <c r="B18028" s="20"/>
      <c r="C18028" s="2" t="s">
        <v>55042</v>
      </c>
      <c r="D18028" s="14" t="s">
        <v>55043</v>
      </c>
      <c r="E18028" s="2" t="s">
        <v>55044</v>
      </c>
      <c r="F18028" s="2" t="s">
        <v>7514</v>
      </c>
      <c r="G18028" s="8">
        <v>298</v>
      </c>
      <c r="H18028" s="5">
        <v>6</v>
      </c>
      <c r="I18028" s="5" t="s">
        <v>1518</v>
      </c>
      <c r="J18028" s="5" t="s">
        <v>40939</v>
      </c>
      <c r="K18028" s="2" t="s">
        <v>40940</v>
      </c>
      <c r="L18028" s="5" t="s">
        <v>40939</v>
      </c>
      <c r="M18028" s="2" t="s">
        <v>40940</v>
      </c>
      <c r="N18028" s="5" t="s">
        <v>36266</v>
      </c>
      <c r="O18028" s="5" t="s">
        <v>38</v>
      </c>
      <c r="P18028" s="5" t="s">
        <v>39</v>
      </c>
      <c r="Q18028" s="5" t="s">
        <v>40</v>
      </c>
      <c r="R18028" s="5" t="s">
        <v>1522</v>
      </c>
      <c r="S18028" s="5" t="s">
        <v>1523</v>
      </c>
      <c r="T18028" s="5" t="s">
        <v>42</v>
      </c>
      <c r="U18028" s="2">
        <v>3.3740000000000001</v>
      </c>
      <c r="V18028" s="2">
        <v>2.7850000000000001</v>
      </c>
      <c r="W18028" s="2">
        <v>1.7999999999999999E-2</v>
      </c>
      <c r="X18028" s="2">
        <v>139.1</v>
      </c>
      <c r="Y18028" s="2">
        <v>7.6</v>
      </c>
      <c r="Z18028" s="2">
        <v>16.7</v>
      </c>
      <c r="AA18028" s="5"/>
      <c r="AB18028" s="5" t="s">
        <v>43</v>
      </c>
      <c r="AC18028" s="5" t="s">
        <v>44</v>
      </c>
      <c r="AD18028" s="2"/>
      <c r="AE18028" s="1"/>
    </row>
    <row r="18029" spans="1:31" ht="14.45">
      <c r="A18029" s="11"/>
      <c r="B18029" s="20"/>
      <c r="C18029" s="2" t="s">
        <v>55045</v>
      </c>
      <c r="D18029" s="14" t="s">
        <v>55046</v>
      </c>
      <c r="E18029" s="2" t="s">
        <v>55047</v>
      </c>
      <c r="F18029" s="2" t="s">
        <v>47266</v>
      </c>
      <c r="G18029" s="8">
        <v>322</v>
      </c>
      <c r="H18029" s="5">
        <v>6</v>
      </c>
      <c r="I18029" s="5" t="s">
        <v>1518</v>
      </c>
      <c r="J18029" s="5" t="s">
        <v>40939</v>
      </c>
      <c r="K18029" s="2" t="s">
        <v>40940</v>
      </c>
      <c r="L18029" s="5" t="s">
        <v>40939</v>
      </c>
      <c r="M18029" s="2" t="s">
        <v>40940</v>
      </c>
      <c r="N18029" s="5" t="s">
        <v>36266</v>
      </c>
      <c r="O18029" s="5" t="s">
        <v>38</v>
      </c>
      <c r="P18029" s="5" t="s">
        <v>39</v>
      </c>
      <c r="Q18029" s="5" t="s">
        <v>40</v>
      </c>
      <c r="R18029" s="5" t="s">
        <v>1522</v>
      </c>
      <c r="S18029" s="5" t="s">
        <v>1523</v>
      </c>
      <c r="T18029" s="5" t="s">
        <v>42</v>
      </c>
      <c r="U18029" s="2">
        <v>3.3010000000000002</v>
      </c>
      <c r="V18029" s="2">
        <v>2.7120000000000002</v>
      </c>
      <c r="W18029" s="2">
        <v>1.7999999999999999E-2</v>
      </c>
      <c r="X18029" s="2">
        <v>139.1</v>
      </c>
      <c r="Y18029" s="2">
        <v>7.6</v>
      </c>
      <c r="Z18029" s="2">
        <v>16.7</v>
      </c>
      <c r="AA18029" s="5"/>
      <c r="AB18029" s="5" t="s">
        <v>43</v>
      </c>
      <c r="AC18029" s="5" t="s">
        <v>44</v>
      </c>
      <c r="AD18029" s="2"/>
      <c r="AE18029" s="1"/>
    </row>
    <row r="18030" spans="1:31" ht="14.45">
      <c r="A18030" s="11"/>
      <c r="B18030" s="20"/>
      <c r="C18030" s="2" t="s">
        <v>55048</v>
      </c>
      <c r="D18030" s="14" t="s">
        <v>55049</v>
      </c>
      <c r="E18030" s="2" t="s">
        <v>55050</v>
      </c>
      <c r="F18030" s="2" t="s">
        <v>47195</v>
      </c>
      <c r="G18030" s="8">
        <v>322</v>
      </c>
      <c r="H18030" s="5">
        <v>6</v>
      </c>
      <c r="I18030" s="5" t="s">
        <v>1518</v>
      </c>
      <c r="J18030" s="5" t="s">
        <v>40939</v>
      </c>
      <c r="K18030" s="2" t="s">
        <v>40940</v>
      </c>
      <c r="L18030" s="5" t="s">
        <v>40939</v>
      </c>
      <c r="M18030" s="2" t="s">
        <v>40940</v>
      </c>
      <c r="N18030" s="5" t="s">
        <v>36266</v>
      </c>
      <c r="O18030" s="5" t="s">
        <v>38</v>
      </c>
      <c r="P18030" s="5" t="s">
        <v>39</v>
      </c>
      <c r="Q18030" s="5" t="s">
        <v>40</v>
      </c>
      <c r="R18030" s="5" t="s">
        <v>1522</v>
      </c>
      <c r="S18030" s="5" t="s">
        <v>1523</v>
      </c>
      <c r="T18030" s="5" t="s">
        <v>42</v>
      </c>
      <c r="U18030" s="2">
        <v>3.3969999999999998</v>
      </c>
      <c r="V18030" s="2">
        <v>2.8079999999999998</v>
      </c>
      <c r="W18030" s="2">
        <v>1.7999999999999999E-2</v>
      </c>
      <c r="X18030" s="2">
        <v>139.1</v>
      </c>
      <c r="Y18030" s="2">
        <v>7.6</v>
      </c>
      <c r="Z18030" s="2">
        <v>16.7</v>
      </c>
      <c r="AA18030" s="5"/>
      <c r="AB18030" s="5" t="s">
        <v>43</v>
      </c>
      <c r="AC18030" s="5" t="s">
        <v>44</v>
      </c>
      <c r="AD18030" s="2"/>
      <c r="AE18030" s="1"/>
    </row>
    <row r="18031" spans="1:31" ht="14.45">
      <c r="A18031" s="11"/>
      <c r="B18031" s="20"/>
      <c r="C18031" s="2" t="s">
        <v>55051</v>
      </c>
      <c r="D18031" s="14" t="s">
        <v>55052</v>
      </c>
      <c r="E18031" s="2" t="s">
        <v>55053</v>
      </c>
      <c r="F18031" s="2" t="s">
        <v>7208</v>
      </c>
      <c r="G18031" s="8">
        <v>298</v>
      </c>
      <c r="H18031" s="5">
        <v>6</v>
      </c>
      <c r="I18031" s="5" t="s">
        <v>1518</v>
      </c>
      <c r="J18031" s="5" t="s">
        <v>40939</v>
      </c>
      <c r="K18031" s="2" t="s">
        <v>40940</v>
      </c>
      <c r="L18031" s="5" t="s">
        <v>40939</v>
      </c>
      <c r="M18031" s="2" t="s">
        <v>40940</v>
      </c>
      <c r="N18031" s="5" t="s">
        <v>36266</v>
      </c>
      <c r="O18031" s="5" t="s">
        <v>38</v>
      </c>
      <c r="P18031" s="5" t="s">
        <v>39</v>
      </c>
      <c r="Q18031" s="5" t="s">
        <v>40</v>
      </c>
      <c r="R18031" s="5" t="s">
        <v>1522</v>
      </c>
      <c r="S18031" s="5" t="s">
        <v>1523</v>
      </c>
      <c r="T18031" s="5" t="s">
        <v>42</v>
      </c>
      <c r="U18031" s="2">
        <v>3.3130000000000002</v>
      </c>
      <c r="V18031" s="2">
        <v>2.7240000000000002</v>
      </c>
      <c r="W18031" s="2">
        <v>1.7999999999999999E-2</v>
      </c>
      <c r="X18031" s="2">
        <v>139.1</v>
      </c>
      <c r="Y18031" s="2">
        <v>7.6</v>
      </c>
      <c r="Z18031" s="2">
        <v>16.7</v>
      </c>
      <c r="AA18031" s="5"/>
      <c r="AB18031" s="5" t="s">
        <v>43</v>
      </c>
      <c r="AC18031" s="5" t="s">
        <v>44</v>
      </c>
      <c r="AD18031" s="2"/>
      <c r="AE18031" s="1"/>
    </row>
    <row r="18032" spans="1:31" ht="14.45">
      <c r="A18032" s="11"/>
      <c r="B18032" s="20"/>
      <c r="C18032" s="2" t="s">
        <v>55054</v>
      </c>
      <c r="D18032" s="14" t="s">
        <v>55055</v>
      </c>
      <c r="E18032" s="2" t="s">
        <v>55056</v>
      </c>
      <c r="F18032" s="2" t="s">
        <v>7521</v>
      </c>
      <c r="G18032" s="8">
        <v>298</v>
      </c>
      <c r="H18032" s="5">
        <v>6</v>
      </c>
      <c r="I18032" s="5" t="s">
        <v>1518</v>
      </c>
      <c r="J18032" s="5" t="s">
        <v>40939</v>
      </c>
      <c r="K18032" s="2" t="s">
        <v>40940</v>
      </c>
      <c r="L18032" s="5" t="s">
        <v>40939</v>
      </c>
      <c r="M18032" s="2" t="s">
        <v>40940</v>
      </c>
      <c r="N18032" s="5" t="s">
        <v>36266</v>
      </c>
      <c r="O18032" s="5" t="s">
        <v>38</v>
      </c>
      <c r="P18032" s="5" t="s">
        <v>39</v>
      </c>
      <c r="Q18032" s="5" t="s">
        <v>40</v>
      </c>
      <c r="R18032" s="5" t="s">
        <v>1522</v>
      </c>
      <c r="S18032" s="5" t="s">
        <v>1523</v>
      </c>
      <c r="T18032" s="5" t="s">
        <v>42</v>
      </c>
      <c r="U18032" s="2">
        <v>3.4089999999999998</v>
      </c>
      <c r="V18032" s="2">
        <v>2.82</v>
      </c>
      <c r="W18032" s="2">
        <v>1.7999999999999999E-2</v>
      </c>
      <c r="X18032" s="2">
        <v>139.1</v>
      </c>
      <c r="Y18032" s="2">
        <v>7.6</v>
      </c>
      <c r="Z18032" s="2">
        <v>16.7</v>
      </c>
      <c r="AA18032" s="5"/>
      <c r="AB18032" s="5" t="s">
        <v>43</v>
      </c>
      <c r="AC18032" s="5" t="s">
        <v>44</v>
      </c>
      <c r="AD18032" s="2"/>
      <c r="AE18032" s="1"/>
    </row>
    <row r="18033" spans="1:31" ht="14.45">
      <c r="A18033" s="11"/>
      <c r="B18033" s="20"/>
      <c r="C18033" s="2" t="s">
        <v>55057</v>
      </c>
      <c r="D18033" s="14" t="s">
        <v>55058</v>
      </c>
      <c r="E18033" s="2" t="s">
        <v>55059</v>
      </c>
      <c r="F18033" s="2" t="s">
        <v>36273</v>
      </c>
      <c r="G18033" s="8">
        <v>298</v>
      </c>
      <c r="H18033" s="5">
        <v>6</v>
      </c>
      <c r="I18033" s="5" t="s">
        <v>1518</v>
      </c>
      <c r="J18033" s="5" t="s">
        <v>40939</v>
      </c>
      <c r="K18033" s="2" t="s">
        <v>40940</v>
      </c>
      <c r="L18033" s="5" t="s">
        <v>40939</v>
      </c>
      <c r="M18033" s="2" t="s">
        <v>40940</v>
      </c>
      <c r="N18033" s="5" t="s">
        <v>36266</v>
      </c>
      <c r="O18033" s="5" t="s">
        <v>38</v>
      </c>
      <c r="P18033" s="5" t="s">
        <v>39</v>
      </c>
      <c r="Q18033" s="5" t="s">
        <v>40</v>
      </c>
      <c r="R18033" s="5" t="s">
        <v>1522</v>
      </c>
      <c r="S18033" s="5" t="s">
        <v>1523</v>
      </c>
      <c r="T18033" s="5" t="s">
        <v>42</v>
      </c>
      <c r="U18033" s="2">
        <v>3.3370000000000002</v>
      </c>
      <c r="V18033" s="2">
        <v>2.7480000000000002</v>
      </c>
      <c r="W18033" s="2">
        <v>1.7999999999999999E-2</v>
      </c>
      <c r="X18033" s="2">
        <v>139.1</v>
      </c>
      <c r="Y18033" s="2">
        <v>7.6</v>
      </c>
      <c r="Z18033" s="2">
        <v>16.7</v>
      </c>
      <c r="AA18033" s="5"/>
      <c r="AB18033" s="5" t="s">
        <v>43</v>
      </c>
      <c r="AC18033" s="5" t="s">
        <v>44</v>
      </c>
      <c r="AD18033" s="2"/>
      <c r="AE18033" s="1"/>
    </row>
    <row r="18034" spans="1:31" ht="14.45">
      <c r="A18034" s="11"/>
      <c r="B18034" s="20"/>
      <c r="C18034" s="2" t="s">
        <v>55060</v>
      </c>
      <c r="D18034" s="14" t="s">
        <v>55061</v>
      </c>
      <c r="E18034" s="2" t="s">
        <v>55062</v>
      </c>
      <c r="F18034" s="2" t="s">
        <v>36277</v>
      </c>
      <c r="G18034" s="8">
        <v>298</v>
      </c>
      <c r="H18034" s="5">
        <v>6</v>
      </c>
      <c r="I18034" s="5" t="s">
        <v>1518</v>
      </c>
      <c r="J18034" s="5" t="s">
        <v>40939</v>
      </c>
      <c r="K18034" s="2" t="s">
        <v>40940</v>
      </c>
      <c r="L18034" s="5" t="s">
        <v>40939</v>
      </c>
      <c r="M18034" s="2" t="s">
        <v>40940</v>
      </c>
      <c r="N18034" s="5" t="s">
        <v>36266</v>
      </c>
      <c r="O18034" s="5" t="s">
        <v>38</v>
      </c>
      <c r="P18034" s="5" t="s">
        <v>39</v>
      </c>
      <c r="Q18034" s="5" t="s">
        <v>40</v>
      </c>
      <c r="R18034" s="5" t="s">
        <v>1522</v>
      </c>
      <c r="S18034" s="5" t="s">
        <v>1523</v>
      </c>
      <c r="T18034" s="5" t="s">
        <v>42</v>
      </c>
      <c r="U18034" s="2">
        <v>3.4329999999999998</v>
      </c>
      <c r="V18034" s="2">
        <v>2.8439999999999999</v>
      </c>
      <c r="W18034" s="2">
        <v>1.7999999999999999E-2</v>
      </c>
      <c r="X18034" s="2">
        <v>139.1</v>
      </c>
      <c r="Y18034" s="2">
        <v>7.6</v>
      </c>
      <c r="Z18034" s="2">
        <v>16.7</v>
      </c>
      <c r="AA18034" s="5"/>
      <c r="AB18034" s="5" t="s">
        <v>43</v>
      </c>
      <c r="AC18034" s="5" t="s">
        <v>44</v>
      </c>
      <c r="AD18034" s="2"/>
      <c r="AE18034" s="1"/>
    </row>
    <row r="18035" spans="1:31" ht="14.45">
      <c r="A18035" s="11"/>
      <c r="B18035" s="20"/>
      <c r="C18035" s="2" t="s">
        <v>55063</v>
      </c>
      <c r="D18035" s="14" t="s">
        <v>55064</v>
      </c>
      <c r="E18035" s="2" t="s">
        <v>55065</v>
      </c>
      <c r="F18035" s="2" t="s">
        <v>40967</v>
      </c>
      <c r="G18035" s="8">
        <v>322</v>
      </c>
      <c r="H18035" s="5">
        <v>6</v>
      </c>
      <c r="I18035" s="5" t="s">
        <v>1518</v>
      </c>
      <c r="J18035" s="5" t="s">
        <v>40939</v>
      </c>
      <c r="K18035" s="2" t="s">
        <v>40940</v>
      </c>
      <c r="L18035" s="5" t="s">
        <v>40939</v>
      </c>
      <c r="M18035" s="2" t="s">
        <v>40940</v>
      </c>
      <c r="N18035" s="5" t="s">
        <v>36266</v>
      </c>
      <c r="O18035" s="5" t="s">
        <v>38</v>
      </c>
      <c r="P18035" s="5" t="s">
        <v>39</v>
      </c>
      <c r="Q18035" s="5" t="s">
        <v>40</v>
      </c>
      <c r="R18035" s="5" t="s">
        <v>1522</v>
      </c>
      <c r="S18035" s="5" t="s">
        <v>1523</v>
      </c>
      <c r="T18035" s="5" t="s">
        <v>42</v>
      </c>
      <c r="U18035" s="2">
        <v>3.3130000000000002</v>
      </c>
      <c r="V18035" s="2">
        <v>2.7240000000000002</v>
      </c>
      <c r="W18035" s="2">
        <v>1.7999999999999999E-2</v>
      </c>
      <c r="X18035" s="2">
        <v>139.1</v>
      </c>
      <c r="Y18035" s="2">
        <v>7.6</v>
      </c>
      <c r="Z18035" s="2">
        <v>16.7</v>
      </c>
      <c r="AA18035" s="5"/>
      <c r="AB18035" s="5" t="s">
        <v>43</v>
      </c>
      <c r="AC18035" s="5" t="s">
        <v>44</v>
      </c>
      <c r="AD18035" s="2"/>
      <c r="AE18035" s="1"/>
    </row>
    <row r="18036" spans="1:31" ht="14.45">
      <c r="A18036" s="11"/>
      <c r="B18036" s="20"/>
      <c r="C18036" s="2" t="s">
        <v>55066</v>
      </c>
      <c r="D18036" s="14" t="s">
        <v>55067</v>
      </c>
      <c r="E18036" s="2" t="s">
        <v>55068</v>
      </c>
      <c r="F18036" s="2" t="s">
        <v>40971</v>
      </c>
      <c r="G18036" s="8">
        <v>322</v>
      </c>
      <c r="H18036" s="5">
        <v>6</v>
      </c>
      <c r="I18036" s="5" t="s">
        <v>1518</v>
      </c>
      <c r="J18036" s="5" t="s">
        <v>40939</v>
      </c>
      <c r="K18036" s="2" t="s">
        <v>40940</v>
      </c>
      <c r="L18036" s="5" t="s">
        <v>40939</v>
      </c>
      <c r="M18036" s="2" t="s">
        <v>40940</v>
      </c>
      <c r="N18036" s="5" t="s">
        <v>36266</v>
      </c>
      <c r="O18036" s="5" t="s">
        <v>38</v>
      </c>
      <c r="P18036" s="5" t="s">
        <v>39</v>
      </c>
      <c r="Q18036" s="5" t="s">
        <v>40</v>
      </c>
      <c r="R18036" s="5" t="s">
        <v>1522</v>
      </c>
      <c r="S18036" s="5" t="s">
        <v>1523</v>
      </c>
      <c r="T18036" s="5" t="s">
        <v>42</v>
      </c>
      <c r="U18036" s="2">
        <v>3.4089999999999998</v>
      </c>
      <c r="V18036" s="2">
        <v>2.82</v>
      </c>
      <c r="W18036" s="2">
        <v>1.7999999999999999E-2</v>
      </c>
      <c r="X18036" s="2">
        <v>139.1</v>
      </c>
      <c r="Y18036" s="2">
        <v>7.6</v>
      </c>
      <c r="Z18036" s="2">
        <v>16.7</v>
      </c>
      <c r="AA18036" s="5"/>
      <c r="AB18036" s="5" t="s">
        <v>43</v>
      </c>
      <c r="AC18036" s="5" t="s">
        <v>44</v>
      </c>
      <c r="AD18036" s="2"/>
      <c r="AE18036" s="1"/>
    </row>
    <row r="18037" spans="1:31" ht="14.45">
      <c r="A18037" s="11"/>
      <c r="B18037" s="20"/>
      <c r="C18037" s="2" t="s">
        <v>55069</v>
      </c>
      <c r="D18037" s="14" t="s">
        <v>55070</v>
      </c>
      <c r="E18037" s="2" t="s">
        <v>55071</v>
      </c>
      <c r="F18037" s="2" t="s">
        <v>7539</v>
      </c>
      <c r="G18037" s="8">
        <v>322</v>
      </c>
      <c r="H18037" s="5">
        <v>6</v>
      </c>
      <c r="I18037" s="5" t="s">
        <v>1518</v>
      </c>
      <c r="J18037" s="5" t="s">
        <v>40939</v>
      </c>
      <c r="K18037" s="2" t="s">
        <v>40940</v>
      </c>
      <c r="L18037" s="5" t="s">
        <v>40939</v>
      </c>
      <c r="M18037" s="2" t="s">
        <v>40940</v>
      </c>
      <c r="N18037" s="5" t="s">
        <v>36266</v>
      </c>
      <c r="O18037" s="5" t="s">
        <v>38</v>
      </c>
      <c r="P18037" s="5" t="s">
        <v>39</v>
      </c>
      <c r="Q18037" s="5" t="s">
        <v>40</v>
      </c>
      <c r="R18037" s="5" t="s">
        <v>1522</v>
      </c>
      <c r="S18037" s="5" t="s">
        <v>1523</v>
      </c>
      <c r="T18037" s="5" t="s">
        <v>42</v>
      </c>
      <c r="U18037" s="2">
        <v>3.254</v>
      </c>
      <c r="V18037" s="2">
        <v>2.665</v>
      </c>
      <c r="W18037" s="2">
        <v>1.7999999999999999E-2</v>
      </c>
      <c r="X18037" s="2">
        <v>139.1</v>
      </c>
      <c r="Y18037" s="2">
        <v>7.6</v>
      </c>
      <c r="Z18037" s="2">
        <v>16.7</v>
      </c>
      <c r="AA18037" s="5"/>
      <c r="AB18037" s="5" t="s">
        <v>43</v>
      </c>
      <c r="AC18037" s="5" t="s">
        <v>44</v>
      </c>
      <c r="AD18037" s="2"/>
      <c r="AE18037" s="1"/>
    </row>
    <row r="18038" spans="1:31" ht="14.45">
      <c r="A18038" s="11"/>
      <c r="B18038" s="20"/>
      <c r="C18038" s="2" t="s">
        <v>55072</v>
      </c>
      <c r="D18038" s="14" t="s">
        <v>55073</v>
      </c>
      <c r="E18038" s="2" t="s">
        <v>55074</v>
      </c>
      <c r="F18038" s="2" t="s">
        <v>40989</v>
      </c>
      <c r="G18038" s="8">
        <v>322</v>
      </c>
      <c r="H18038" s="5">
        <v>6</v>
      </c>
      <c r="I18038" s="5" t="s">
        <v>1518</v>
      </c>
      <c r="J18038" s="5" t="s">
        <v>40939</v>
      </c>
      <c r="K18038" s="2" t="s">
        <v>40940</v>
      </c>
      <c r="L18038" s="5" t="s">
        <v>40939</v>
      </c>
      <c r="M18038" s="2" t="s">
        <v>40940</v>
      </c>
      <c r="N18038" s="5" t="s">
        <v>36266</v>
      </c>
      <c r="O18038" s="5" t="s">
        <v>38</v>
      </c>
      <c r="P18038" s="5" t="s">
        <v>39</v>
      </c>
      <c r="Q18038" s="5" t="s">
        <v>40</v>
      </c>
      <c r="R18038" s="5" t="s">
        <v>1522</v>
      </c>
      <c r="S18038" s="5" t="s">
        <v>1523</v>
      </c>
      <c r="T18038" s="5" t="s">
        <v>42</v>
      </c>
      <c r="U18038" s="2">
        <v>3.3130000000000002</v>
      </c>
      <c r="V18038" s="2">
        <v>2.7240000000000002</v>
      </c>
      <c r="W18038" s="2">
        <v>1.7999999999999999E-2</v>
      </c>
      <c r="X18038" s="2">
        <v>139.1</v>
      </c>
      <c r="Y18038" s="2">
        <v>7.6</v>
      </c>
      <c r="Z18038" s="2">
        <v>16.7</v>
      </c>
      <c r="AA18038" s="5"/>
      <c r="AB18038" s="5" t="s">
        <v>43</v>
      </c>
      <c r="AC18038" s="5" t="s">
        <v>44</v>
      </c>
      <c r="AD18038" s="2"/>
      <c r="AE18038" s="1"/>
    </row>
    <row r="18039" spans="1:31" ht="14.45">
      <c r="A18039" s="11"/>
      <c r="B18039" s="20"/>
      <c r="C18039" s="2" t="s">
        <v>55075</v>
      </c>
      <c r="D18039" s="14" t="s">
        <v>55076</v>
      </c>
      <c r="E18039" s="2" t="s">
        <v>55077</v>
      </c>
      <c r="F18039" s="2" t="s">
        <v>40993</v>
      </c>
      <c r="G18039" s="8">
        <v>322</v>
      </c>
      <c r="H18039" s="5">
        <v>6</v>
      </c>
      <c r="I18039" s="5" t="s">
        <v>1518</v>
      </c>
      <c r="J18039" s="5" t="s">
        <v>40939</v>
      </c>
      <c r="K18039" s="2" t="s">
        <v>40940</v>
      </c>
      <c r="L18039" s="5" t="s">
        <v>40939</v>
      </c>
      <c r="M18039" s="2" t="s">
        <v>40940</v>
      </c>
      <c r="N18039" s="5" t="s">
        <v>36266</v>
      </c>
      <c r="O18039" s="5" t="s">
        <v>38</v>
      </c>
      <c r="P18039" s="5" t="s">
        <v>39</v>
      </c>
      <c r="Q18039" s="5" t="s">
        <v>40</v>
      </c>
      <c r="R18039" s="5" t="s">
        <v>1522</v>
      </c>
      <c r="S18039" s="5" t="s">
        <v>1523</v>
      </c>
      <c r="T18039" s="5" t="s">
        <v>42</v>
      </c>
      <c r="U18039" s="2">
        <v>3.4089999999999998</v>
      </c>
      <c r="V18039" s="2">
        <v>2.82</v>
      </c>
      <c r="W18039" s="2">
        <v>1.7999999999999999E-2</v>
      </c>
      <c r="X18039" s="2">
        <v>139.1</v>
      </c>
      <c r="Y18039" s="2">
        <v>7.6</v>
      </c>
      <c r="Z18039" s="2">
        <v>16.7</v>
      </c>
      <c r="AA18039" s="5"/>
      <c r="AB18039" s="5" t="s">
        <v>43</v>
      </c>
      <c r="AC18039" s="5" t="s">
        <v>44</v>
      </c>
      <c r="AD18039" s="2"/>
      <c r="AE18039" s="1"/>
    </row>
    <row r="18040" spans="1:31" ht="14.45">
      <c r="A18040" s="11"/>
      <c r="B18040" s="20"/>
      <c r="C18040" s="2" t="s">
        <v>55078</v>
      </c>
      <c r="D18040" s="14" t="s">
        <v>55079</v>
      </c>
      <c r="E18040" s="2" t="s">
        <v>55080</v>
      </c>
      <c r="F18040" s="2" t="s">
        <v>40997</v>
      </c>
      <c r="G18040" s="8">
        <v>322</v>
      </c>
      <c r="H18040" s="5">
        <v>6</v>
      </c>
      <c r="I18040" s="5" t="s">
        <v>1518</v>
      </c>
      <c r="J18040" s="5" t="s">
        <v>40939</v>
      </c>
      <c r="K18040" s="2" t="s">
        <v>40940</v>
      </c>
      <c r="L18040" s="5" t="s">
        <v>40939</v>
      </c>
      <c r="M18040" s="2" t="s">
        <v>40940</v>
      </c>
      <c r="N18040" s="5" t="s">
        <v>36266</v>
      </c>
      <c r="O18040" s="5" t="s">
        <v>38</v>
      </c>
      <c r="P18040" s="5" t="s">
        <v>39</v>
      </c>
      <c r="Q18040" s="5" t="s">
        <v>40</v>
      </c>
      <c r="R18040" s="5" t="s">
        <v>1522</v>
      </c>
      <c r="S18040" s="5" t="s">
        <v>1523</v>
      </c>
      <c r="T18040" s="5" t="s">
        <v>42</v>
      </c>
      <c r="U18040" s="2">
        <v>3.266</v>
      </c>
      <c r="V18040" s="2">
        <v>2.677</v>
      </c>
      <c r="W18040" s="2">
        <v>1.7999999999999999E-2</v>
      </c>
      <c r="X18040" s="2">
        <v>139.1</v>
      </c>
      <c r="Y18040" s="2">
        <v>7.6</v>
      </c>
      <c r="Z18040" s="2">
        <v>16.7</v>
      </c>
      <c r="AA18040" s="5"/>
      <c r="AB18040" s="5" t="s">
        <v>43</v>
      </c>
      <c r="AC18040" s="5" t="s">
        <v>44</v>
      </c>
      <c r="AD18040" s="2"/>
      <c r="AE18040" s="1"/>
    </row>
    <row r="18041" spans="1:31" ht="14.45">
      <c r="A18041" s="11"/>
      <c r="B18041" s="20"/>
      <c r="C18041" s="2" t="s">
        <v>55081</v>
      </c>
      <c r="D18041" s="14" t="s">
        <v>55082</v>
      </c>
      <c r="E18041" s="2" t="s">
        <v>55083</v>
      </c>
      <c r="F18041" s="2" t="s">
        <v>41001</v>
      </c>
      <c r="G18041" s="8">
        <v>322</v>
      </c>
      <c r="H18041" s="5">
        <v>6</v>
      </c>
      <c r="I18041" s="5" t="s">
        <v>1518</v>
      </c>
      <c r="J18041" s="5" t="s">
        <v>40939</v>
      </c>
      <c r="K18041" s="2" t="s">
        <v>40940</v>
      </c>
      <c r="L18041" s="5" t="s">
        <v>40939</v>
      </c>
      <c r="M18041" s="2" t="s">
        <v>40940</v>
      </c>
      <c r="N18041" s="5" t="s">
        <v>36266</v>
      </c>
      <c r="O18041" s="5" t="s">
        <v>38</v>
      </c>
      <c r="P18041" s="5" t="s">
        <v>39</v>
      </c>
      <c r="Q18041" s="5" t="s">
        <v>40</v>
      </c>
      <c r="R18041" s="5" t="s">
        <v>1522</v>
      </c>
      <c r="S18041" s="5" t="s">
        <v>1523</v>
      </c>
      <c r="T18041" s="5" t="s">
        <v>42</v>
      </c>
      <c r="U18041" s="2">
        <v>3.3130000000000002</v>
      </c>
      <c r="V18041" s="2">
        <v>2.7240000000000002</v>
      </c>
      <c r="W18041" s="2">
        <v>1.7999999999999999E-2</v>
      </c>
      <c r="X18041" s="2">
        <v>139.1</v>
      </c>
      <c r="Y18041" s="2">
        <v>7.6</v>
      </c>
      <c r="Z18041" s="2">
        <v>16.7</v>
      </c>
      <c r="AA18041" s="5"/>
      <c r="AB18041" s="5" t="s">
        <v>43</v>
      </c>
      <c r="AC18041" s="5" t="s">
        <v>44</v>
      </c>
      <c r="AD18041" s="2"/>
      <c r="AE18041" s="1"/>
    </row>
    <row r="18042" spans="1:31" ht="14.45">
      <c r="A18042" s="11"/>
      <c r="B18042" s="20"/>
      <c r="C18042" s="2" t="s">
        <v>55084</v>
      </c>
      <c r="D18042" s="14" t="s">
        <v>55085</v>
      </c>
      <c r="E18042" s="2" t="s">
        <v>55086</v>
      </c>
      <c r="F18042" s="2" t="s">
        <v>41013</v>
      </c>
      <c r="G18042" s="8">
        <v>322</v>
      </c>
      <c r="H18042" s="5">
        <v>6</v>
      </c>
      <c r="I18042" s="5" t="s">
        <v>1518</v>
      </c>
      <c r="J18042" s="5" t="s">
        <v>40939</v>
      </c>
      <c r="K18042" s="2" t="s">
        <v>40940</v>
      </c>
      <c r="L18042" s="5" t="s">
        <v>40939</v>
      </c>
      <c r="M18042" s="2" t="s">
        <v>40940</v>
      </c>
      <c r="N18042" s="5" t="s">
        <v>36266</v>
      </c>
      <c r="O18042" s="5" t="s">
        <v>38</v>
      </c>
      <c r="P18042" s="5" t="s">
        <v>39</v>
      </c>
      <c r="Q18042" s="5" t="s">
        <v>40</v>
      </c>
      <c r="R18042" s="5" t="s">
        <v>1522</v>
      </c>
      <c r="S18042" s="5" t="s">
        <v>1523</v>
      </c>
      <c r="T18042" s="5" t="s">
        <v>42</v>
      </c>
      <c r="U18042" s="2">
        <v>3.4209999999999998</v>
      </c>
      <c r="V18042" s="2">
        <v>2.8319999999999999</v>
      </c>
      <c r="W18042" s="2">
        <v>1.7999999999999999E-2</v>
      </c>
      <c r="X18042" s="2">
        <v>139.1</v>
      </c>
      <c r="Y18042" s="2">
        <v>7.6</v>
      </c>
      <c r="Z18042" s="2">
        <v>16.7</v>
      </c>
      <c r="AA18042" s="5"/>
      <c r="AB18042" s="5" t="s">
        <v>43</v>
      </c>
      <c r="AC18042" s="5" t="s">
        <v>44</v>
      </c>
      <c r="AD18042" s="2"/>
      <c r="AE18042" s="1"/>
    </row>
    <row r="18043" spans="1:31" ht="14.45">
      <c r="A18043" s="11"/>
      <c r="B18043" s="20"/>
      <c r="C18043" s="2" t="s">
        <v>55087</v>
      </c>
      <c r="D18043" s="14" t="s">
        <v>55088</v>
      </c>
      <c r="E18043" s="2" t="s">
        <v>55089</v>
      </c>
      <c r="F18043" s="2" t="s">
        <v>7396</v>
      </c>
      <c r="G18043" s="8">
        <v>298</v>
      </c>
      <c r="H18043" s="5">
        <v>6</v>
      </c>
      <c r="I18043" s="5" t="s">
        <v>1518</v>
      </c>
      <c r="J18043" s="5" t="s">
        <v>40939</v>
      </c>
      <c r="K18043" s="2" t="s">
        <v>40940</v>
      </c>
      <c r="L18043" s="5" t="s">
        <v>40939</v>
      </c>
      <c r="M18043" s="2" t="s">
        <v>40940</v>
      </c>
      <c r="N18043" s="5" t="s">
        <v>36266</v>
      </c>
      <c r="O18043" s="5" t="s">
        <v>38</v>
      </c>
      <c r="P18043" s="5" t="s">
        <v>39</v>
      </c>
      <c r="Q18043" s="5" t="s">
        <v>40</v>
      </c>
      <c r="R18043" s="5" t="s">
        <v>1522</v>
      </c>
      <c r="S18043" s="5" t="s">
        <v>1523</v>
      </c>
      <c r="T18043" s="5" t="s">
        <v>42</v>
      </c>
      <c r="U18043" s="2">
        <v>3.3250000000000002</v>
      </c>
      <c r="V18043" s="2">
        <v>2.7360000000000002</v>
      </c>
      <c r="W18043" s="2">
        <v>1.7999999999999999E-2</v>
      </c>
      <c r="X18043" s="2">
        <v>139.1</v>
      </c>
      <c r="Y18043" s="2">
        <v>7.6</v>
      </c>
      <c r="Z18043" s="2">
        <v>16.7</v>
      </c>
      <c r="AA18043" s="5"/>
      <c r="AB18043" s="5" t="s">
        <v>43</v>
      </c>
      <c r="AC18043" s="5" t="s">
        <v>44</v>
      </c>
      <c r="AD18043" s="2"/>
      <c r="AE18043" s="1"/>
    </row>
    <row r="18044" spans="1:31" ht="14.45">
      <c r="A18044" s="11"/>
      <c r="B18044" s="20"/>
      <c r="C18044" s="2" t="s">
        <v>55090</v>
      </c>
      <c r="D18044" s="14" t="s">
        <v>55091</v>
      </c>
      <c r="E18044" s="2" t="s">
        <v>55092</v>
      </c>
      <c r="F18044" s="2" t="s">
        <v>7507</v>
      </c>
      <c r="G18044" s="8">
        <v>298</v>
      </c>
      <c r="H18044" s="5">
        <v>6</v>
      </c>
      <c r="I18044" s="5" t="s">
        <v>1518</v>
      </c>
      <c r="J18044" s="5" t="s">
        <v>40939</v>
      </c>
      <c r="K18044" s="2" t="s">
        <v>40940</v>
      </c>
      <c r="L18044" s="5" t="s">
        <v>40939</v>
      </c>
      <c r="M18044" s="2" t="s">
        <v>40940</v>
      </c>
      <c r="N18044" s="5" t="s">
        <v>36266</v>
      </c>
      <c r="O18044" s="5" t="s">
        <v>38</v>
      </c>
      <c r="P18044" s="5" t="s">
        <v>39</v>
      </c>
      <c r="Q18044" s="5" t="s">
        <v>40</v>
      </c>
      <c r="R18044" s="5" t="s">
        <v>1522</v>
      </c>
      <c r="S18044" s="5" t="s">
        <v>1523</v>
      </c>
      <c r="T18044" s="5" t="s">
        <v>42</v>
      </c>
      <c r="U18044" s="2">
        <v>3.4209999999999998</v>
      </c>
      <c r="V18044" s="2">
        <v>2.8319999999999999</v>
      </c>
      <c r="W18044" s="2">
        <v>1.7999999999999999E-2</v>
      </c>
      <c r="X18044" s="2">
        <v>139.1</v>
      </c>
      <c r="Y18044" s="2">
        <v>7.6</v>
      </c>
      <c r="Z18044" s="2">
        <v>16.7</v>
      </c>
      <c r="AA18044" s="5"/>
      <c r="AB18044" s="5" t="s">
        <v>43</v>
      </c>
      <c r="AC18044" s="5" t="s">
        <v>44</v>
      </c>
      <c r="AD18044" s="2"/>
      <c r="AE18044" s="1"/>
    </row>
    <row r="18045" spans="1:31" ht="14.45">
      <c r="A18045" s="11"/>
      <c r="B18045" s="20"/>
      <c r="C18045" s="2" t="s">
        <v>55093</v>
      </c>
      <c r="D18045" s="14" t="s">
        <v>55094</v>
      </c>
      <c r="E18045" s="2" t="s">
        <v>55095</v>
      </c>
      <c r="F18045" s="2" t="s">
        <v>41023</v>
      </c>
      <c r="G18045" s="8">
        <v>322</v>
      </c>
      <c r="H18045" s="5">
        <v>6</v>
      </c>
      <c r="I18045" s="5" t="s">
        <v>1518</v>
      </c>
      <c r="J18045" s="5" t="s">
        <v>40939</v>
      </c>
      <c r="K18045" s="2" t="s">
        <v>40940</v>
      </c>
      <c r="L18045" s="5" t="s">
        <v>40939</v>
      </c>
      <c r="M18045" s="2" t="s">
        <v>40940</v>
      </c>
      <c r="N18045" s="5" t="s">
        <v>36266</v>
      </c>
      <c r="O18045" s="5" t="s">
        <v>38</v>
      </c>
      <c r="P18045" s="5" t="s">
        <v>39</v>
      </c>
      <c r="Q18045" s="5" t="s">
        <v>40</v>
      </c>
      <c r="R18045" s="5" t="s">
        <v>1522</v>
      </c>
      <c r="S18045" s="5" t="s">
        <v>1523</v>
      </c>
      <c r="T18045" s="5" t="s">
        <v>42</v>
      </c>
      <c r="U18045" s="2">
        <v>3.266</v>
      </c>
      <c r="V18045" s="2">
        <v>2.677</v>
      </c>
      <c r="W18045" s="2">
        <v>1.7999999999999999E-2</v>
      </c>
      <c r="X18045" s="2">
        <v>139.1</v>
      </c>
      <c r="Y18045" s="2">
        <v>7.6</v>
      </c>
      <c r="Z18045" s="2">
        <v>16.7</v>
      </c>
      <c r="AA18045" s="5"/>
      <c r="AB18045" s="5" t="s">
        <v>43</v>
      </c>
      <c r="AC18045" s="5" t="s">
        <v>44</v>
      </c>
      <c r="AD18045" s="2"/>
      <c r="AE18045" s="1"/>
    </row>
    <row r="18046" spans="1:31" ht="14.45">
      <c r="A18046" s="11"/>
      <c r="B18046" s="20"/>
      <c r="C18046" s="2" t="s">
        <v>55096</v>
      </c>
      <c r="D18046" s="14" t="s">
        <v>55097</v>
      </c>
      <c r="E18046" s="2" t="s">
        <v>55098</v>
      </c>
      <c r="F18046" s="2" t="s">
        <v>41027</v>
      </c>
      <c r="G18046" s="8">
        <v>322</v>
      </c>
      <c r="H18046" s="5">
        <v>6</v>
      </c>
      <c r="I18046" s="5" t="s">
        <v>1518</v>
      </c>
      <c r="J18046" s="5" t="s">
        <v>40939</v>
      </c>
      <c r="K18046" s="2" t="s">
        <v>40940</v>
      </c>
      <c r="L18046" s="5" t="s">
        <v>40939</v>
      </c>
      <c r="M18046" s="2" t="s">
        <v>40940</v>
      </c>
      <c r="N18046" s="5" t="s">
        <v>36266</v>
      </c>
      <c r="O18046" s="5" t="s">
        <v>38</v>
      </c>
      <c r="P18046" s="5" t="s">
        <v>39</v>
      </c>
      <c r="Q18046" s="5" t="s">
        <v>40</v>
      </c>
      <c r="R18046" s="5" t="s">
        <v>1522</v>
      </c>
      <c r="S18046" s="5" t="s">
        <v>1523</v>
      </c>
      <c r="T18046" s="5" t="s">
        <v>42</v>
      </c>
      <c r="U18046" s="2">
        <v>3.3620000000000001</v>
      </c>
      <c r="V18046" s="2">
        <v>2.7730000000000001</v>
      </c>
      <c r="W18046" s="2">
        <v>1.7999999999999999E-2</v>
      </c>
      <c r="X18046" s="2">
        <v>139.1</v>
      </c>
      <c r="Y18046" s="2">
        <v>7.6</v>
      </c>
      <c r="Z18046" s="2">
        <v>16.7</v>
      </c>
      <c r="AA18046" s="5"/>
      <c r="AB18046" s="5" t="s">
        <v>43</v>
      </c>
      <c r="AC18046" s="5" t="s">
        <v>44</v>
      </c>
      <c r="AD18046" s="2"/>
      <c r="AE18046" s="1"/>
    </row>
    <row r="18047" spans="1:31" ht="14.45">
      <c r="A18047" s="11"/>
      <c r="B18047" s="20"/>
      <c r="C18047" s="2" t="s">
        <v>55099</v>
      </c>
      <c r="D18047" s="14" t="s">
        <v>55100</v>
      </c>
      <c r="E18047" s="2" t="s">
        <v>55101</v>
      </c>
      <c r="F18047" s="2" t="s">
        <v>41031</v>
      </c>
      <c r="G18047" s="8">
        <v>322</v>
      </c>
      <c r="H18047" s="5">
        <v>6</v>
      </c>
      <c r="I18047" s="5" t="s">
        <v>1518</v>
      </c>
      <c r="J18047" s="5" t="s">
        <v>40939</v>
      </c>
      <c r="K18047" s="2" t="s">
        <v>40940</v>
      </c>
      <c r="L18047" s="5" t="s">
        <v>40939</v>
      </c>
      <c r="M18047" s="2" t="s">
        <v>40940</v>
      </c>
      <c r="N18047" s="5" t="s">
        <v>36266</v>
      </c>
      <c r="O18047" s="5" t="s">
        <v>38</v>
      </c>
      <c r="P18047" s="5" t="s">
        <v>39</v>
      </c>
      <c r="Q18047" s="5" t="s">
        <v>40</v>
      </c>
      <c r="R18047" s="5" t="s">
        <v>1522</v>
      </c>
      <c r="S18047" s="5" t="s">
        <v>1523</v>
      </c>
      <c r="T18047" s="5" t="s">
        <v>42</v>
      </c>
      <c r="U18047" s="2">
        <v>3.266</v>
      </c>
      <c r="V18047" s="2">
        <v>2.677</v>
      </c>
      <c r="W18047" s="2">
        <v>1.7999999999999999E-2</v>
      </c>
      <c r="X18047" s="2">
        <v>139.1</v>
      </c>
      <c r="Y18047" s="2">
        <v>7.6</v>
      </c>
      <c r="Z18047" s="2">
        <v>16.7</v>
      </c>
      <c r="AA18047" s="5"/>
      <c r="AB18047" s="5" t="s">
        <v>43</v>
      </c>
      <c r="AC18047" s="5" t="s">
        <v>44</v>
      </c>
      <c r="AD18047" s="2"/>
      <c r="AE18047" s="1"/>
    </row>
    <row r="18048" spans="1:31" ht="14.45">
      <c r="A18048" s="11"/>
      <c r="B18048" s="20"/>
      <c r="C18048" s="2" t="s">
        <v>55102</v>
      </c>
      <c r="D18048" s="14" t="s">
        <v>55103</v>
      </c>
      <c r="E18048" s="2" t="s">
        <v>55104</v>
      </c>
      <c r="F18048" s="2" t="s">
        <v>41035</v>
      </c>
      <c r="G18048" s="8">
        <v>322</v>
      </c>
      <c r="H18048" s="5">
        <v>6</v>
      </c>
      <c r="I18048" s="5" t="s">
        <v>1518</v>
      </c>
      <c r="J18048" s="5" t="s">
        <v>40939</v>
      </c>
      <c r="K18048" s="2" t="s">
        <v>40940</v>
      </c>
      <c r="L18048" s="5" t="s">
        <v>40939</v>
      </c>
      <c r="M18048" s="2" t="s">
        <v>40940</v>
      </c>
      <c r="N18048" s="5" t="s">
        <v>36266</v>
      </c>
      <c r="O18048" s="5" t="s">
        <v>38</v>
      </c>
      <c r="P18048" s="5" t="s">
        <v>39</v>
      </c>
      <c r="Q18048" s="5" t="s">
        <v>40</v>
      </c>
      <c r="R18048" s="5" t="s">
        <v>1522</v>
      </c>
      <c r="S18048" s="5" t="s">
        <v>1523</v>
      </c>
      <c r="T18048" s="5" t="s">
        <v>42</v>
      </c>
      <c r="U18048" s="2">
        <v>3.3620000000000001</v>
      </c>
      <c r="V18048" s="2">
        <v>2.7730000000000001</v>
      </c>
      <c r="W18048" s="2">
        <v>1.7999999999999999E-2</v>
      </c>
      <c r="X18048" s="2">
        <v>139.1</v>
      </c>
      <c r="Y18048" s="2">
        <v>7.6</v>
      </c>
      <c r="Z18048" s="2">
        <v>16.7</v>
      </c>
      <c r="AA18048" s="5"/>
      <c r="AB18048" s="5" t="s">
        <v>43</v>
      </c>
      <c r="AC18048" s="5" t="s">
        <v>44</v>
      </c>
      <c r="AD18048" s="2"/>
      <c r="AE18048" s="1"/>
    </row>
    <row r="18049" spans="1:31" ht="14.45">
      <c r="A18049" s="11"/>
      <c r="B18049" s="20"/>
      <c r="C18049" s="2" t="s">
        <v>55105</v>
      </c>
      <c r="D18049" s="14" t="s">
        <v>55106</v>
      </c>
      <c r="E18049" s="2" t="s">
        <v>55107</v>
      </c>
      <c r="F18049" s="2" t="s">
        <v>7449</v>
      </c>
      <c r="G18049" s="8">
        <v>322</v>
      </c>
      <c r="H18049" s="5">
        <v>6</v>
      </c>
      <c r="I18049" s="5" t="s">
        <v>1518</v>
      </c>
      <c r="J18049" s="5" t="s">
        <v>40939</v>
      </c>
      <c r="K18049" s="2" t="s">
        <v>40940</v>
      </c>
      <c r="L18049" s="5" t="s">
        <v>40939</v>
      </c>
      <c r="M18049" s="2" t="s">
        <v>40940</v>
      </c>
      <c r="N18049" s="5" t="s">
        <v>36266</v>
      </c>
      <c r="O18049" s="5" t="s">
        <v>38</v>
      </c>
      <c r="P18049" s="5" t="s">
        <v>39</v>
      </c>
      <c r="Q18049" s="5" t="s">
        <v>40</v>
      </c>
      <c r="R18049" s="5" t="s">
        <v>1522</v>
      </c>
      <c r="S18049" s="5" t="s">
        <v>1523</v>
      </c>
      <c r="T18049" s="5" t="s">
        <v>42</v>
      </c>
      <c r="U18049" s="2">
        <v>3.266</v>
      </c>
      <c r="V18049" s="2">
        <v>2.677</v>
      </c>
      <c r="W18049" s="2">
        <v>1.7999999999999999E-2</v>
      </c>
      <c r="X18049" s="2">
        <v>139.1</v>
      </c>
      <c r="Y18049" s="2">
        <v>7.6</v>
      </c>
      <c r="Z18049" s="2">
        <v>16.7</v>
      </c>
      <c r="AA18049" s="5"/>
      <c r="AB18049" s="5" t="s">
        <v>43</v>
      </c>
      <c r="AC18049" s="5" t="s">
        <v>44</v>
      </c>
      <c r="AD18049" s="2"/>
      <c r="AE18049" s="1"/>
    </row>
    <row r="18050" spans="1:31" ht="14.45">
      <c r="A18050" s="11"/>
      <c r="B18050" s="20"/>
      <c r="C18050" s="2" t="s">
        <v>55108</v>
      </c>
      <c r="D18050" s="14" t="s">
        <v>55109</v>
      </c>
      <c r="E18050" s="2" t="s">
        <v>55110</v>
      </c>
      <c r="F18050" s="2" t="s">
        <v>7581</v>
      </c>
      <c r="G18050" s="8">
        <v>322</v>
      </c>
      <c r="H18050" s="5">
        <v>6</v>
      </c>
      <c r="I18050" s="5" t="s">
        <v>1518</v>
      </c>
      <c r="J18050" s="5" t="s">
        <v>40939</v>
      </c>
      <c r="K18050" s="2" t="s">
        <v>40940</v>
      </c>
      <c r="L18050" s="5" t="s">
        <v>40939</v>
      </c>
      <c r="M18050" s="2" t="s">
        <v>40940</v>
      </c>
      <c r="N18050" s="5" t="s">
        <v>36266</v>
      </c>
      <c r="O18050" s="5" t="s">
        <v>38</v>
      </c>
      <c r="P18050" s="5" t="s">
        <v>39</v>
      </c>
      <c r="Q18050" s="5" t="s">
        <v>40</v>
      </c>
      <c r="R18050" s="5" t="s">
        <v>1522</v>
      </c>
      <c r="S18050" s="5" t="s">
        <v>1523</v>
      </c>
      <c r="T18050" s="5" t="s">
        <v>42</v>
      </c>
      <c r="U18050" s="2">
        <v>3.3620000000000001</v>
      </c>
      <c r="V18050" s="2">
        <v>2.7730000000000001</v>
      </c>
      <c r="W18050" s="2">
        <v>1.7999999999999999E-2</v>
      </c>
      <c r="X18050" s="2">
        <v>139.1</v>
      </c>
      <c r="Y18050" s="2">
        <v>7.6</v>
      </c>
      <c r="Z18050" s="2">
        <v>16.7</v>
      </c>
      <c r="AA18050" s="5"/>
      <c r="AB18050" s="5" t="s">
        <v>43</v>
      </c>
      <c r="AC18050" s="5" t="s">
        <v>44</v>
      </c>
      <c r="AD18050" s="2"/>
      <c r="AE18050" s="1"/>
    </row>
    <row r="18051" spans="1:31" ht="14.45">
      <c r="A18051" s="11"/>
      <c r="B18051" s="20"/>
      <c r="C18051" s="2" t="s">
        <v>55111</v>
      </c>
      <c r="D18051" s="14" t="s">
        <v>55112</v>
      </c>
      <c r="E18051" s="2" t="s">
        <v>55113</v>
      </c>
      <c r="F18051" s="2" t="s">
        <v>41045</v>
      </c>
      <c r="G18051" s="8">
        <v>322</v>
      </c>
      <c r="H18051" s="5">
        <v>6</v>
      </c>
      <c r="I18051" s="5" t="s">
        <v>1518</v>
      </c>
      <c r="J18051" s="5" t="s">
        <v>40939</v>
      </c>
      <c r="K18051" s="2" t="s">
        <v>40940</v>
      </c>
      <c r="L18051" s="5" t="s">
        <v>40939</v>
      </c>
      <c r="M18051" s="2" t="s">
        <v>40940</v>
      </c>
      <c r="N18051" s="5" t="s">
        <v>36266</v>
      </c>
      <c r="O18051" s="5" t="s">
        <v>38</v>
      </c>
      <c r="P18051" s="5" t="s">
        <v>39</v>
      </c>
      <c r="Q18051" s="5" t="s">
        <v>40</v>
      </c>
      <c r="R18051" s="5" t="s">
        <v>1522</v>
      </c>
      <c r="S18051" s="5" t="s">
        <v>1523</v>
      </c>
      <c r="T18051" s="5" t="s">
        <v>42</v>
      </c>
      <c r="U18051" s="2">
        <v>3.3370000000000002</v>
      </c>
      <c r="V18051" s="2">
        <v>2.7480000000000002</v>
      </c>
      <c r="W18051" s="2">
        <v>1.7999999999999999E-2</v>
      </c>
      <c r="X18051" s="2">
        <v>139.1</v>
      </c>
      <c r="Y18051" s="2">
        <v>7.6</v>
      </c>
      <c r="Z18051" s="2">
        <v>16.7</v>
      </c>
      <c r="AA18051" s="5"/>
      <c r="AB18051" s="5" t="s">
        <v>43</v>
      </c>
      <c r="AC18051" s="5" t="s">
        <v>44</v>
      </c>
      <c r="AD18051" s="2"/>
      <c r="AE18051" s="1"/>
    </row>
    <row r="18052" spans="1:31" ht="14.45">
      <c r="A18052" s="11"/>
      <c r="B18052" s="20"/>
      <c r="C18052" s="2" t="s">
        <v>55114</v>
      </c>
      <c r="D18052" s="14" t="s">
        <v>55115</v>
      </c>
      <c r="E18052" s="2" t="s">
        <v>55116</v>
      </c>
      <c r="F18052" s="2" t="s">
        <v>41049</v>
      </c>
      <c r="G18052" s="8">
        <v>322</v>
      </c>
      <c r="H18052" s="5">
        <v>6</v>
      </c>
      <c r="I18052" s="5" t="s">
        <v>1518</v>
      </c>
      <c r="J18052" s="5" t="s">
        <v>40939</v>
      </c>
      <c r="K18052" s="2" t="s">
        <v>40940</v>
      </c>
      <c r="L18052" s="5" t="s">
        <v>40939</v>
      </c>
      <c r="M18052" s="2" t="s">
        <v>40940</v>
      </c>
      <c r="N18052" s="5" t="s">
        <v>36266</v>
      </c>
      <c r="O18052" s="5" t="s">
        <v>38</v>
      </c>
      <c r="P18052" s="5" t="s">
        <v>39</v>
      </c>
      <c r="Q18052" s="5" t="s">
        <v>40</v>
      </c>
      <c r="R18052" s="5" t="s">
        <v>1522</v>
      </c>
      <c r="S18052" s="5" t="s">
        <v>1523</v>
      </c>
      <c r="T18052" s="5" t="s">
        <v>42</v>
      </c>
      <c r="U18052" s="2">
        <v>3.4329999999999998</v>
      </c>
      <c r="V18052" s="2">
        <v>2.8439999999999999</v>
      </c>
      <c r="W18052" s="2">
        <v>1.7999999999999999E-2</v>
      </c>
      <c r="X18052" s="2">
        <v>139.1</v>
      </c>
      <c r="Y18052" s="2">
        <v>7.6</v>
      </c>
      <c r="Z18052" s="2">
        <v>16.7</v>
      </c>
      <c r="AA18052" s="5"/>
      <c r="AB18052" s="5" t="s">
        <v>43</v>
      </c>
      <c r="AC18052" s="5" t="s">
        <v>44</v>
      </c>
      <c r="AD18052" s="2"/>
      <c r="AE18052" s="1"/>
    </row>
    <row r="18053" spans="1:31" ht="14.45">
      <c r="A18053" s="11"/>
      <c r="B18053" s="20"/>
      <c r="C18053" s="2" t="s">
        <v>55117</v>
      </c>
      <c r="D18053" s="14" t="s">
        <v>55118</v>
      </c>
      <c r="E18053" s="2" t="s">
        <v>55119</v>
      </c>
      <c r="F18053" s="2" t="s">
        <v>7204</v>
      </c>
      <c r="G18053" s="8">
        <v>307</v>
      </c>
      <c r="H18053" s="5">
        <v>6</v>
      </c>
      <c r="I18053" s="5" t="s">
        <v>1518</v>
      </c>
      <c r="J18053" s="5" t="s">
        <v>40939</v>
      </c>
      <c r="K18053" s="2" t="s">
        <v>40940</v>
      </c>
      <c r="L18053" s="5" t="s">
        <v>40939</v>
      </c>
      <c r="M18053" s="2" t="s">
        <v>40940</v>
      </c>
      <c r="N18053" s="5" t="s">
        <v>36266</v>
      </c>
      <c r="O18053" s="5" t="s">
        <v>38</v>
      </c>
      <c r="P18053" s="5" t="s">
        <v>39</v>
      </c>
      <c r="Q18053" s="5" t="s">
        <v>40</v>
      </c>
      <c r="R18053" s="5" t="s">
        <v>1522</v>
      </c>
      <c r="S18053" s="5" t="s">
        <v>1523</v>
      </c>
      <c r="T18053" s="5" t="s">
        <v>42</v>
      </c>
      <c r="U18053" s="2">
        <v>3.431</v>
      </c>
      <c r="V18053" s="2">
        <v>2.8530000000000002</v>
      </c>
      <c r="W18053" s="2">
        <v>1.7999999999999999E-2</v>
      </c>
      <c r="X18053" s="2">
        <v>139.1</v>
      </c>
      <c r="Y18053" s="2">
        <v>7.6</v>
      </c>
      <c r="Z18053" s="2">
        <v>16.7</v>
      </c>
      <c r="AA18053" s="5"/>
      <c r="AB18053" s="5" t="s">
        <v>43</v>
      </c>
      <c r="AC18053" s="5" t="s">
        <v>44</v>
      </c>
      <c r="AD18053" s="2"/>
      <c r="AE18053" s="1"/>
    </row>
    <row r="18054" spans="1:31" ht="14.45">
      <c r="A18054" s="11"/>
      <c r="B18054" s="20"/>
      <c r="C18054" s="2" t="s">
        <v>55120</v>
      </c>
      <c r="D18054" s="14" t="s">
        <v>55121</v>
      </c>
      <c r="E18054" s="2" t="s">
        <v>55122</v>
      </c>
      <c r="F18054" s="2" t="s">
        <v>7514</v>
      </c>
      <c r="G18054" s="8">
        <v>307</v>
      </c>
      <c r="H18054" s="5">
        <v>6</v>
      </c>
      <c r="I18054" s="5" t="s">
        <v>1518</v>
      </c>
      <c r="J18054" s="5" t="s">
        <v>40939</v>
      </c>
      <c r="K18054" s="2" t="s">
        <v>40940</v>
      </c>
      <c r="L18054" s="5" t="s">
        <v>40939</v>
      </c>
      <c r="M18054" s="2" t="s">
        <v>40940</v>
      </c>
      <c r="N18054" s="5" t="s">
        <v>36266</v>
      </c>
      <c r="O18054" s="5" t="s">
        <v>38</v>
      </c>
      <c r="P18054" s="5" t="s">
        <v>39</v>
      </c>
      <c r="Q18054" s="5" t="s">
        <v>40</v>
      </c>
      <c r="R18054" s="5" t="s">
        <v>1522</v>
      </c>
      <c r="S18054" s="5" t="s">
        <v>1523</v>
      </c>
      <c r="T18054" s="5" t="s">
        <v>42</v>
      </c>
      <c r="U18054" s="2">
        <v>3.5409999999999999</v>
      </c>
      <c r="V18054" s="2">
        <v>2.9630000000000001</v>
      </c>
      <c r="W18054" s="2">
        <v>1.7999999999999999E-2</v>
      </c>
      <c r="X18054" s="2">
        <v>139.1</v>
      </c>
      <c r="Y18054" s="2">
        <v>7.6</v>
      </c>
      <c r="Z18054" s="2">
        <v>16.7</v>
      </c>
      <c r="AA18054" s="5"/>
      <c r="AB18054" s="5" t="s">
        <v>43</v>
      </c>
      <c r="AC18054" s="5" t="s">
        <v>44</v>
      </c>
      <c r="AD18054" s="2"/>
      <c r="AE18054" s="1"/>
    </row>
    <row r="18055" spans="1:31" ht="14.45">
      <c r="A18055" s="11"/>
      <c r="B18055" s="20"/>
      <c r="C18055" s="2" t="s">
        <v>55123</v>
      </c>
      <c r="D18055" s="14" t="s">
        <v>55124</v>
      </c>
      <c r="E18055" s="2" t="s">
        <v>55125</v>
      </c>
      <c r="F18055" s="2" t="s">
        <v>47195</v>
      </c>
      <c r="G18055" s="8">
        <v>333</v>
      </c>
      <c r="H18055" s="5">
        <v>6</v>
      </c>
      <c r="I18055" s="5" t="s">
        <v>1518</v>
      </c>
      <c r="J18055" s="5" t="s">
        <v>40939</v>
      </c>
      <c r="K18055" s="2" t="s">
        <v>40940</v>
      </c>
      <c r="L18055" s="5" t="s">
        <v>40939</v>
      </c>
      <c r="M18055" s="2" t="s">
        <v>40940</v>
      </c>
      <c r="N18055" s="5" t="s">
        <v>36266</v>
      </c>
      <c r="O18055" s="5" t="s">
        <v>38</v>
      </c>
      <c r="P18055" s="5" t="s">
        <v>39</v>
      </c>
      <c r="Q18055" s="5" t="s">
        <v>40</v>
      </c>
      <c r="R18055" s="5" t="s">
        <v>1522</v>
      </c>
      <c r="S18055" s="5" t="s">
        <v>1523</v>
      </c>
      <c r="T18055" s="5" t="s">
        <v>42</v>
      </c>
      <c r="U18055" s="2">
        <v>3.569</v>
      </c>
      <c r="V18055" s="2">
        <v>2.9910000000000001</v>
      </c>
      <c r="W18055" s="2">
        <v>1.7999999999999999E-2</v>
      </c>
      <c r="X18055" s="2">
        <v>139.1</v>
      </c>
      <c r="Y18055" s="2">
        <v>7.6</v>
      </c>
      <c r="Z18055" s="2">
        <v>16.7</v>
      </c>
      <c r="AA18055" s="5"/>
      <c r="AB18055" s="5" t="s">
        <v>43</v>
      </c>
      <c r="AC18055" s="5" t="s">
        <v>44</v>
      </c>
      <c r="AD18055" s="2"/>
      <c r="AE18055" s="1"/>
    </row>
    <row r="18056" spans="1:31" ht="14.45">
      <c r="A18056" s="11"/>
      <c r="B18056" s="20"/>
      <c r="C18056" s="2" t="s">
        <v>55126</v>
      </c>
      <c r="D18056" s="14" t="s">
        <v>55127</v>
      </c>
      <c r="E18056" s="2" t="s">
        <v>55128</v>
      </c>
      <c r="F18056" s="2" t="s">
        <v>7208</v>
      </c>
      <c r="G18056" s="8">
        <v>307</v>
      </c>
      <c r="H18056" s="5">
        <v>6</v>
      </c>
      <c r="I18056" s="5" t="s">
        <v>1518</v>
      </c>
      <c r="J18056" s="5" t="s">
        <v>40939</v>
      </c>
      <c r="K18056" s="2" t="s">
        <v>40940</v>
      </c>
      <c r="L18056" s="5" t="s">
        <v>40939</v>
      </c>
      <c r="M18056" s="2" t="s">
        <v>40940</v>
      </c>
      <c r="N18056" s="5" t="s">
        <v>36266</v>
      </c>
      <c r="O18056" s="5" t="s">
        <v>38</v>
      </c>
      <c r="P18056" s="5" t="s">
        <v>39</v>
      </c>
      <c r="Q18056" s="5" t="s">
        <v>40</v>
      </c>
      <c r="R18056" s="5" t="s">
        <v>1522</v>
      </c>
      <c r="S18056" s="5" t="s">
        <v>1523</v>
      </c>
      <c r="T18056" s="5" t="s">
        <v>42</v>
      </c>
      <c r="U18056" s="2">
        <v>3.4729999999999999</v>
      </c>
      <c r="V18056" s="2">
        <v>2.895</v>
      </c>
      <c r="W18056" s="2">
        <v>1.7999999999999999E-2</v>
      </c>
      <c r="X18056" s="2">
        <v>139.1</v>
      </c>
      <c r="Y18056" s="2">
        <v>7.6</v>
      </c>
      <c r="Z18056" s="2">
        <v>16.7</v>
      </c>
      <c r="AA18056" s="5"/>
      <c r="AB18056" s="5" t="s">
        <v>43</v>
      </c>
      <c r="AC18056" s="5" t="s">
        <v>44</v>
      </c>
      <c r="AD18056" s="2"/>
      <c r="AE18056" s="1"/>
    </row>
    <row r="18057" spans="1:31" ht="14.45">
      <c r="A18057" s="11"/>
      <c r="B18057" s="20"/>
      <c r="C18057" s="2" t="s">
        <v>55129</v>
      </c>
      <c r="D18057" s="14" t="s">
        <v>55130</v>
      </c>
      <c r="E18057" s="2" t="s">
        <v>55131</v>
      </c>
      <c r="F18057" s="2" t="s">
        <v>36277</v>
      </c>
      <c r="G18057" s="8">
        <v>307</v>
      </c>
      <c r="H18057" s="5">
        <v>6</v>
      </c>
      <c r="I18057" s="5" t="s">
        <v>1518</v>
      </c>
      <c r="J18057" s="5" t="s">
        <v>40939</v>
      </c>
      <c r="K18057" s="2" t="s">
        <v>40940</v>
      </c>
      <c r="L18057" s="5" t="s">
        <v>40939</v>
      </c>
      <c r="M18057" s="2" t="s">
        <v>40940</v>
      </c>
      <c r="N18057" s="5" t="s">
        <v>36266</v>
      </c>
      <c r="O18057" s="5" t="s">
        <v>38</v>
      </c>
      <c r="P18057" s="5" t="s">
        <v>39</v>
      </c>
      <c r="Q18057" s="5" t="s">
        <v>40</v>
      </c>
      <c r="R18057" s="5" t="s">
        <v>1522</v>
      </c>
      <c r="S18057" s="5" t="s">
        <v>1523</v>
      </c>
      <c r="T18057" s="5" t="s">
        <v>42</v>
      </c>
      <c r="U18057" s="2">
        <v>3.6110000000000002</v>
      </c>
      <c r="V18057" s="2">
        <v>3.0329999999999999</v>
      </c>
      <c r="W18057" s="2">
        <v>1.7999999999999999E-2</v>
      </c>
      <c r="X18057" s="2">
        <v>139.1</v>
      </c>
      <c r="Y18057" s="2">
        <v>7.6</v>
      </c>
      <c r="Z18057" s="2">
        <v>16.7</v>
      </c>
      <c r="AA18057" s="5"/>
      <c r="AB18057" s="5" t="s">
        <v>43</v>
      </c>
      <c r="AC18057" s="5" t="s">
        <v>44</v>
      </c>
      <c r="AD18057" s="2"/>
      <c r="AE18057" s="1"/>
    </row>
    <row r="18058" spans="1:31" ht="14.45">
      <c r="A18058" s="11"/>
      <c r="B18058" s="20"/>
      <c r="C18058" s="2" t="s">
        <v>55132</v>
      </c>
      <c r="D18058" s="14" t="s">
        <v>55133</v>
      </c>
      <c r="E18058" s="2" t="s">
        <v>55134</v>
      </c>
      <c r="F18058" s="2" t="s">
        <v>47735</v>
      </c>
      <c r="G18058" s="8">
        <v>333</v>
      </c>
      <c r="H18058" s="5">
        <v>6</v>
      </c>
      <c r="I18058" s="5" t="s">
        <v>1518</v>
      </c>
      <c r="J18058" s="5" t="s">
        <v>40939</v>
      </c>
      <c r="K18058" s="2" t="s">
        <v>40940</v>
      </c>
      <c r="L18058" s="5" t="s">
        <v>40939</v>
      </c>
      <c r="M18058" s="2" t="s">
        <v>40940</v>
      </c>
      <c r="N18058" s="5" t="s">
        <v>36266</v>
      </c>
      <c r="O18058" s="5" t="s">
        <v>38</v>
      </c>
      <c r="P18058" s="5" t="s">
        <v>39</v>
      </c>
      <c r="Q18058" s="5" t="s">
        <v>40</v>
      </c>
      <c r="R18058" s="5" t="s">
        <v>1522</v>
      </c>
      <c r="S18058" s="5" t="s">
        <v>1523</v>
      </c>
      <c r="T18058" s="5" t="s">
        <v>42</v>
      </c>
      <c r="U18058" s="2">
        <v>3.5830000000000002</v>
      </c>
      <c r="V18058" s="2">
        <v>3.0049999999999999</v>
      </c>
      <c r="W18058" s="2">
        <v>1.7999999999999999E-2</v>
      </c>
      <c r="X18058" s="2">
        <v>139.1</v>
      </c>
      <c r="Y18058" s="2">
        <v>7.6</v>
      </c>
      <c r="Z18058" s="2">
        <v>16.7</v>
      </c>
      <c r="AA18058" s="5"/>
      <c r="AB18058" s="5" t="s">
        <v>43</v>
      </c>
      <c r="AC18058" s="5" t="s">
        <v>44</v>
      </c>
      <c r="AD18058" s="2"/>
      <c r="AE18058" s="1"/>
    </row>
    <row r="18059" spans="1:31" ht="14.45">
      <c r="A18059" s="11"/>
      <c r="B18059" s="20"/>
      <c r="C18059" s="2" t="s">
        <v>55135</v>
      </c>
      <c r="D18059" s="14" t="s">
        <v>55136</v>
      </c>
      <c r="E18059" s="2" t="s">
        <v>55137</v>
      </c>
      <c r="F18059" s="2" t="s">
        <v>40989</v>
      </c>
      <c r="G18059" s="8">
        <v>333</v>
      </c>
      <c r="H18059" s="5">
        <v>6</v>
      </c>
      <c r="I18059" s="5" t="s">
        <v>1518</v>
      </c>
      <c r="J18059" s="5" t="s">
        <v>40939</v>
      </c>
      <c r="K18059" s="2" t="s">
        <v>40940</v>
      </c>
      <c r="L18059" s="5" t="s">
        <v>40939</v>
      </c>
      <c r="M18059" s="2" t="s">
        <v>40940</v>
      </c>
      <c r="N18059" s="5" t="s">
        <v>36266</v>
      </c>
      <c r="O18059" s="5" t="s">
        <v>38</v>
      </c>
      <c r="P18059" s="5" t="s">
        <v>39</v>
      </c>
      <c r="Q18059" s="5" t="s">
        <v>40</v>
      </c>
      <c r="R18059" s="5" t="s">
        <v>1522</v>
      </c>
      <c r="S18059" s="5" t="s">
        <v>1523</v>
      </c>
      <c r="T18059" s="5" t="s">
        <v>42</v>
      </c>
      <c r="U18059" s="2">
        <v>3.4729999999999999</v>
      </c>
      <c r="V18059" s="2">
        <v>2.895</v>
      </c>
      <c r="W18059" s="2">
        <v>1.7999999999999999E-2</v>
      </c>
      <c r="X18059" s="2">
        <v>139.1</v>
      </c>
      <c r="Y18059" s="2">
        <v>7.6</v>
      </c>
      <c r="Z18059" s="2">
        <v>16.7</v>
      </c>
      <c r="AA18059" s="5"/>
      <c r="AB18059" s="5" t="s">
        <v>43</v>
      </c>
      <c r="AC18059" s="5" t="s">
        <v>44</v>
      </c>
      <c r="AD18059" s="2"/>
      <c r="AE18059" s="1"/>
    </row>
    <row r="18060" spans="1:31" ht="14.45">
      <c r="A18060" s="11"/>
      <c r="B18060" s="20"/>
      <c r="C18060" s="2" t="s">
        <v>55138</v>
      </c>
      <c r="D18060" s="14" t="s">
        <v>55139</v>
      </c>
      <c r="E18060" s="2" t="s">
        <v>55140</v>
      </c>
      <c r="F18060" s="2" t="s">
        <v>41013</v>
      </c>
      <c r="G18060" s="8">
        <v>333</v>
      </c>
      <c r="H18060" s="5">
        <v>6</v>
      </c>
      <c r="I18060" s="5" t="s">
        <v>1518</v>
      </c>
      <c r="J18060" s="5" t="s">
        <v>40939</v>
      </c>
      <c r="K18060" s="2" t="s">
        <v>40940</v>
      </c>
      <c r="L18060" s="5" t="s">
        <v>40939</v>
      </c>
      <c r="M18060" s="2" t="s">
        <v>40940</v>
      </c>
      <c r="N18060" s="5" t="s">
        <v>36266</v>
      </c>
      <c r="O18060" s="5" t="s">
        <v>38</v>
      </c>
      <c r="P18060" s="5" t="s">
        <v>39</v>
      </c>
      <c r="Q18060" s="5" t="s">
        <v>40</v>
      </c>
      <c r="R18060" s="5" t="s">
        <v>1522</v>
      </c>
      <c r="S18060" s="5" t="s">
        <v>1523</v>
      </c>
      <c r="T18060" s="5" t="s">
        <v>42</v>
      </c>
      <c r="U18060" s="2">
        <v>3.597</v>
      </c>
      <c r="V18060" s="2">
        <v>3.0190000000000001</v>
      </c>
      <c r="W18060" s="2">
        <v>1.7999999999999999E-2</v>
      </c>
      <c r="X18060" s="2">
        <v>139.1</v>
      </c>
      <c r="Y18060" s="2">
        <v>7.6</v>
      </c>
      <c r="Z18060" s="2">
        <v>16.7</v>
      </c>
      <c r="AA18060" s="5"/>
      <c r="AB18060" s="5" t="s">
        <v>43</v>
      </c>
      <c r="AC18060" s="5" t="s">
        <v>44</v>
      </c>
      <c r="AD18060" s="2"/>
      <c r="AE18060" s="1"/>
    </row>
    <row r="18061" spans="1:31" ht="14.45">
      <c r="A18061" s="11"/>
      <c r="B18061" s="20"/>
      <c r="C18061" s="2" t="s">
        <v>55141</v>
      </c>
      <c r="D18061" s="14" t="s">
        <v>55142</v>
      </c>
      <c r="E18061" s="2" t="s">
        <v>55143</v>
      </c>
      <c r="F18061" s="2" t="s">
        <v>7507</v>
      </c>
      <c r="G18061" s="8">
        <v>307</v>
      </c>
      <c r="H18061" s="5">
        <v>6</v>
      </c>
      <c r="I18061" s="5" t="s">
        <v>1518</v>
      </c>
      <c r="J18061" s="5" t="s">
        <v>40939</v>
      </c>
      <c r="K18061" s="2" t="s">
        <v>40940</v>
      </c>
      <c r="L18061" s="5" t="s">
        <v>40939</v>
      </c>
      <c r="M18061" s="2" t="s">
        <v>40940</v>
      </c>
      <c r="N18061" s="5" t="s">
        <v>36266</v>
      </c>
      <c r="O18061" s="5" t="s">
        <v>38</v>
      </c>
      <c r="P18061" s="5" t="s">
        <v>39</v>
      </c>
      <c r="Q18061" s="5" t="s">
        <v>40</v>
      </c>
      <c r="R18061" s="5" t="s">
        <v>1522</v>
      </c>
      <c r="S18061" s="5" t="s">
        <v>1523</v>
      </c>
      <c r="T18061" s="5" t="s">
        <v>42</v>
      </c>
      <c r="U18061" s="2">
        <v>3.597</v>
      </c>
      <c r="V18061" s="2">
        <v>3.0190000000000001</v>
      </c>
      <c r="W18061" s="2">
        <v>1.7999999999999999E-2</v>
      </c>
      <c r="X18061" s="2">
        <v>139.1</v>
      </c>
      <c r="Y18061" s="2">
        <v>7.6</v>
      </c>
      <c r="Z18061" s="2">
        <v>16.7</v>
      </c>
      <c r="AA18061" s="5"/>
      <c r="AB18061" s="5" t="s">
        <v>43</v>
      </c>
      <c r="AC18061" s="5" t="s">
        <v>44</v>
      </c>
      <c r="AD18061" s="2"/>
      <c r="AE18061" s="1"/>
    </row>
    <row r="18062" spans="1:31" ht="14.45">
      <c r="A18062" s="11"/>
      <c r="B18062" s="20"/>
      <c r="C18062" s="2" t="s">
        <v>55144</v>
      </c>
      <c r="D18062" s="14" t="s">
        <v>55145</v>
      </c>
      <c r="E18062" s="2" t="s">
        <v>55146</v>
      </c>
      <c r="F18062" s="2" t="s">
        <v>7204</v>
      </c>
      <c r="G18062" s="8">
        <v>329</v>
      </c>
      <c r="H18062" s="5">
        <v>6</v>
      </c>
      <c r="I18062" s="5" t="s">
        <v>1518</v>
      </c>
      <c r="J18062" s="5" t="s">
        <v>40939</v>
      </c>
      <c r="K18062" s="2" t="s">
        <v>40940</v>
      </c>
      <c r="L18062" s="5" t="s">
        <v>40939</v>
      </c>
      <c r="M18062" s="2" t="s">
        <v>40940</v>
      </c>
      <c r="N18062" s="5" t="s">
        <v>36266</v>
      </c>
      <c r="O18062" s="5" t="s">
        <v>38</v>
      </c>
      <c r="P18062" s="5" t="s">
        <v>39</v>
      </c>
      <c r="Q18062" s="5" t="s">
        <v>40</v>
      </c>
      <c r="R18062" s="5" t="s">
        <v>1522</v>
      </c>
      <c r="S18062" s="5" t="s">
        <v>1523</v>
      </c>
      <c r="T18062" s="5" t="s">
        <v>42</v>
      </c>
      <c r="U18062" s="2">
        <v>3.589</v>
      </c>
      <c r="V18062" s="2">
        <v>3.0169999999999999</v>
      </c>
      <c r="W18062" s="2">
        <v>1.7999999999999999E-2</v>
      </c>
      <c r="X18062" s="2">
        <v>139.1</v>
      </c>
      <c r="Y18062" s="2">
        <v>7.6</v>
      </c>
      <c r="Z18062" s="2">
        <v>16.7</v>
      </c>
      <c r="AA18062" s="5"/>
      <c r="AB18062" s="5" t="s">
        <v>43</v>
      </c>
      <c r="AC18062" s="5" t="s">
        <v>44</v>
      </c>
      <c r="AD18062" s="2"/>
      <c r="AE18062" s="1"/>
    </row>
    <row r="18063" spans="1:31" ht="14.45">
      <c r="A18063" s="11"/>
      <c r="B18063" s="20"/>
      <c r="C18063" s="2" t="s">
        <v>55147</v>
      </c>
      <c r="D18063" s="14" t="s">
        <v>55148</v>
      </c>
      <c r="E18063" s="2" t="s">
        <v>55149</v>
      </c>
      <c r="F18063" s="2" t="s">
        <v>7514</v>
      </c>
      <c r="G18063" s="8">
        <v>329</v>
      </c>
      <c r="H18063" s="5">
        <v>6</v>
      </c>
      <c r="I18063" s="5" t="s">
        <v>1518</v>
      </c>
      <c r="J18063" s="5" t="s">
        <v>40939</v>
      </c>
      <c r="K18063" s="2" t="s">
        <v>40940</v>
      </c>
      <c r="L18063" s="5" t="s">
        <v>40939</v>
      </c>
      <c r="M18063" s="2" t="s">
        <v>40940</v>
      </c>
      <c r="N18063" s="5" t="s">
        <v>36266</v>
      </c>
      <c r="O18063" s="5" t="s">
        <v>38</v>
      </c>
      <c r="P18063" s="5" t="s">
        <v>39</v>
      </c>
      <c r="Q18063" s="5" t="s">
        <v>40</v>
      </c>
      <c r="R18063" s="5" t="s">
        <v>1522</v>
      </c>
      <c r="S18063" s="5" t="s">
        <v>1523</v>
      </c>
      <c r="T18063" s="5" t="s">
        <v>42</v>
      </c>
      <c r="U18063" s="2">
        <v>3.7090000000000001</v>
      </c>
      <c r="V18063" s="2">
        <v>3.137</v>
      </c>
      <c r="W18063" s="2">
        <v>1.7999999999999999E-2</v>
      </c>
      <c r="X18063" s="2">
        <v>139.1</v>
      </c>
      <c r="Y18063" s="2">
        <v>7.6</v>
      </c>
      <c r="Z18063" s="2">
        <v>16.7</v>
      </c>
      <c r="AA18063" s="5"/>
      <c r="AB18063" s="5" t="s">
        <v>43</v>
      </c>
      <c r="AC18063" s="5" t="s">
        <v>44</v>
      </c>
      <c r="AD18063" s="2"/>
      <c r="AE18063" s="1"/>
    </row>
    <row r="18064" spans="1:31" ht="14.45">
      <c r="A18064" s="11"/>
      <c r="B18064" s="20"/>
      <c r="C18064" s="2" t="s">
        <v>55150</v>
      </c>
      <c r="D18064" s="14" t="s">
        <v>55151</v>
      </c>
      <c r="E18064" s="2" t="s">
        <v>55152</v>
      </c>
      <c r="F18064" s="2" t="s">
        <v>40989</v>
      </c>
      <c r="G18064" s="8">
        <v>359</v>
      </c>
      <c r="H18064" s="5">
        <v>6</v>
      </c>
      <c r="I18064" s="5" t="s">
        <v>1518</v>
      </c>
      <c r="J18064" s="5" t="s">
        <v>40939</v>
      </c>
      <c r="K18064" s="2" t="s">
        <v>40940</v>
      </c>
      <c r="L18064" s="5" t="s">
        <v>40939</v>
      </c>
      <c r="M18064" s="2" t="s">
        <v>40940</v>
      </c>
      <c r="N18064" s="5" t="s">
        <v>36266</v>
      </c>
      <c r="O18064" s="5" t="s">
        <v>38</v>
      </c>
      <c r="P18064" s="5" t="s">
        <v>39</v>
      </c>
      <c r="Q18064" s="5" t="s">
        <v>40</v>
      </c>
      <c r="R18064" s="5" t="s">
        <v>1522</v>
      </c>
      <c r="S18064" s="5" t="s">
        <v>1523</v>
      </c>
      <c r="T18064" s="5" t="s">
        <v>42</v>
      </c>
      <c r="U18064" s="2">
        <v>3.637</v>
      </c>
      <c r="V18064" s="2">
        <v>3.0649999999999999</v>
      </c>
      <c r="W18064" s="2">
        <v>1.7999999999999999E-2</v>
      </c>
      <c r="X18064" s="2">
        <v>139.1</v>
      </c>
      <c r="Y18064" s="2">
        <v>7.6</v>
      </c>
      <c r="Z18064" s="2">
        <v>16.7</v>
      </c>
      <c r="AA18064" s="5"/>
      <c r="AB18064" s="5" t="s">
        <v>43</v>
      </c>
      <c r="AC18064" s="5" t="s">
        <v>44</v>
      </c>
      <c r="AD18064" s="2"/>
      <c r="AE18064" s="1"/>
    </row>
    <row r="18065" spans="1:31" ht="14.45">
      <c r="A18065" s="11"/>
      <c r="B18065" s="20"/>
      <c r="C18065" s="2" t="s">
        <v>55153</v>
      </c>
      <c r="D18065" s="14" t="s">
        <v>55154</v>
      </c>
      <c r="E18065" s="2" t="s">
        <v>55155</v>
      </c>
      <c r="F18065" s="2" t="s">
        <v>7507</v>
      </c>
      <c r="G18065" s="8">
        <v>329</v>
      </c>
      <c r="H18065" s="5">
        <v>6</v>
      </c>
      <c r="I18065" s="5" t="s">
        <v>1518</v>
      </c>
      <c r="J18065" s="5" t="s">
        <v>40939</v>
      </c>
      <c r="K18065" s="2" t="s">
        <v>40940</v>
      </c>
      <c r="L18065" s="5" t="s">
        <v>40939</v>
      </c>
      <c r="M18065" s="2" t="s">
        <v>40940</v>
      </c>
      <c r="N18065" s="5" t="s">
        <v>36266</v>
      </c>
      <c r="O18065" s="5" t="s">
        <v>38</v>
      </c>
      <c r="P18065" s="5" t="s">
        <v>39</v>
      </c>
      <c r="Q18065" s="5" t="s">
        <v>40</v>
      </c>
      <c r="R18065" s="5" t="s">
        <v>1522</v>
      </c>
      <c r="S18065" s="5" t="s">
        <v>1523</v>
      </c>
      <c r="T18065" s="5" t="s">
        <v>42</v>
      </c>
      <c r="U18065" s="2">
        <v>3.7730000000000001</v>
      </c>
      <c r="V18065" s="2">
        <v>3.2010000000000001</v>
      </c>
      <c r="W18065" s="2">
        <v>1.7999999999999999E-2</v>
      </c>
      <c r="X18065" s="2">
        <v>139.1</v>
      </c>
      <c r="Y18065" s="2">
        <v>7.6</v>
      </c>
      <c r="Z18065" s="2">
        <v>16.7</v>
      </c>
      <c r="AA18065" s="5"/>
      <c r="AB18065" s="5" t="s">
        <v>43</v>
      </c>
      <c r="AC18065" s="5" t="s">
        <v>44</v>
      </c>
      <c r="AD18065" s="2"/>
      <c r="AE18065" s="1"/>
    </row>
    <row r="18066" spans="1:31" ht="14.45">
      <c r="A18066" s="11"/>
      <c r="B18066" s="20"/>
      <c r="C18066" s="2" t="s">
        <v>55156</v>
      </c>
      <c r="D18066" s="14" t="s">
        <v>55157</v>
      </c>
      <c r="E18066" s="2" t="s">
        <v>55158</v>
      </c>
      <c r="F18066" s="2" t="s">
        <v>41035</v>
      </c>
      <c r="G18066" s="8">
        <v>359</v>
      </c>
      <c r="H18066" s="5">
        <v>6</v>
      </c>
      <c r="I18066" s="5" t="s">
        <v>1518</v>
      </c>
      <c r="J18066" s="5" t="s">
        <v>40939</v>
      </c>
      <c r="K18066" s="2" t="s">
        <v>40940</v>
      </c>
      <c r="L18066" s="5" t="s">
        <v>40939</v>
      </c>
      <c r="M18066" s="2" t="s">
        <v>40940</v>
      </c>
      <c r="N18066" s="5" t="s">
        <v>36266</v>
      </c>
      <c r="O18066" s="5" t="s">
        <v>38</v>
      </c>
      <c r="P18066" s="5" t="s">
        <v>39</v>
      </c>
      <c r="Q18066" s="5" t="s">
        <v>40</v>
      </c>
      <c r="R18066" s="5" t="s">
        <v>1522</v>
      </c>
      <c r="S18066" s="5" t="s">
        <v>1523</v>
      </c>
      <c r="T18066" s="5" t="s">
        <v>42</v>
      </c>
      <c r="U18066" s="2">
        <v>3.6930000000000001</v>
      </c>
      <c r="V18066" s="2">
        <v>3.121</v>
      </c>
      <c r="W18066" s="2">
        <v>1.7999999999999999E-2</v>
      </c>
      <c r="X18066" s="2">
        <v>139.1</v>
      </c>
      <c r="Y18066" s="2">
        <v>7.6</v>
      </c>
      <c r="Z18066" s="2">
        <v>16.7</v>
      </c>
      <c r="AA18066" s="5"/>
      <c r="AB18066" s="5" t="s">
        <v>43</v>
      </c>
      <c r="AC18066" s="5" t="s">
        <v>44</v>
      </c>
      <c r="AD18066" s="2"/>
      <c r="AE18066" s="1"/>
    </row>
    <row r="18067" spans="1:31" ht="14.45">
      <c r="A18067" s="11"/>
      <c r="B18067" s="20"/>
      <c r="C18067" s="2" t="s">
        <v>55159</v>
      </c>
      <c r="D18067" s="14" t="s">
        <v>55160</v>
      </c>
      <c r="E18067" s="2" t="s">
        <v>55161</v>
      </c>
      <c r="F18067" s="2" t="s">
        <v>40971</v>
      </c>
      <c r="G18067" s="8">
        <v>322</v>
      </c>
      <c r="H18067" s="5">
        <v>6</v>
      </c>
      <c r="I18067" s="5" t="s">
        <v>1518</v>
      </c>
      <c r="J18067" s="5" t="s">
        <v>40939</v>
      </c>
      <c r="K18067" s="2" t="s">
        <v>40940</v>
      </c>
      <c r="L18067" s="5" t="s">
        <v>40939</v>
      </c>
      <c r="M18067" s="2" t="s">
        <v>40940</v>
      </c>
      <c r="N18067" s="5" t="s">
        <v>36266</v>
      </c>
      <c r="O18067" s="5" t="s">
        <v>38</v>
      </c>
      <c r="P18067" s="5" t="s">
        <v>39</v>
      </c>
      <c r="Q18067" s="5" t="s">
        <v>40</v>
      </c>
      <c r="R18067" s="5" t="s">
        <v>1522</v>
      </c>
      <c r="S18067" s="5" t="s">
        <v>1523</v>
      </c>
      <c r="T18067" s="5" t="s">
        <v>42</v>
      </c>
      <c r="U18067" s="2">
        <v>2.9409999999999998</v>
      </c>
      <c r="V18067" s="2">
        <v>2.3290000000000002</v>
      </c>
      <c r="W18067" s="2">
        <v>1.7999999999999999E-2</v>
      </c>
      <c r="X18067" s="2">
        <v>139.1</v>
      </c>
      <c r="Y18067" s="2">
        <v>7.6</v>
      </c>
      <c r="Z18067" s="2">
        <v>16.7</v>
      </c>
      <c r="AA18067" s="5"/>
      <c r="AB18067" s="5" t="s">
        <v>43</v>
      </c>
      <c r="AC18067" s="5" t="s">
        <v>44</v>
      </c>
      <c r="AD18067" s="2"/>
      <c r="AE18067" s="1"/>
    </row>
    <row r="18068" spans="1:31" ht="14.45">
      <c r="A18068" s="11"/>
      <c r="B18068" s="20"/>
      <c r="C18068" s="2" t="s">
        <v>55162</v>
      </c>
      <c r="D18068" s="14" t="s">
        <v>55163</v>
      </c>
      <c r="E18068" s="2" t="s">
        <v>55164</v>
      </c>
      <c r="F18068" s="2" t="s">
        <v>7204</v>
      </c>
      <c r="G18068" s="8">
        <v>298</v>
      </c>
      <c r="H18068" s="5">
        <v>6</v>
      </c>
      <c r="I18068" s="5" t="s">
        <v>1518</v>
      </c>
      <c r="J18068" s="5" t="s">
        <v>40939</v>
      </c>
      <c r="K18068" s="2" t="s">
        <v>40940</v>
      </c>
      <c r="L18068" s="5" t="s">
        <v>40939</v>
      </c>
      <c r="M18068" s="2" t="s">
        <v>40940</v>
      </c>
      <c r="N18068" s="5" t="s">
        <v>36266</v>
      </c>
      <c r="O18068" s="5" t="s">
        <v>38</v>
      </c>
      <c r="P18068" s="5" t="s">
        <v>39</v>
      </c>
      <c r="Q18068" s="5" t="s">
        <v>40</v>
      </c>
      <c r="R18068" s="5" t="s">
        <v>1522</v>
      </c>
      <c r="S18068" s="5" t="s">
        <v>1523</v>
      </c>
      <c r="T18068" s="5" t="s">
        <v>42</v>
      </c>
      <c r="U18068" s="2">
        <v>3.3109999999999999</v>
      </c>
      <c r="V18068" s="2">
        <v>2.7240000000000002</v>
      </c>
      <c r="W18068" s="2">
        <v>1.7999999999999999E-2</v>
      </c>
      <c r="X18068" s="2">
        <v>139.1</v>
      </c>
      <c r="Y18068" s="2">
        <v>7.6</v>
      </c>
      <c r="Z18068" s="2">
        <v>16.7</v>
      </c>
      <c r="AA18068" s="5"/>
      <c r="AB18068" s="5" t="s">
        <v>43</v>
      </c>
      <c r="AC18068" s="5" t="s">
        <v>44</v>
      </c>
      <c r="AD18068" s="2"/>
      <c r="AE18068" s="1"/>
    </row>
    <row r="18069" spans="1:31" ht="14.45">
      <c r="A18069" s="11"/>
      <c r="B18069" s="20"/>
      <c r="C18069" s="2" t="s">
        <v>55165</v>
      </c>
      <c r="D18069" s="14" t="s">
        <v>55166</v>
      </c>
      <c r="E18069" s="2" t="s">
        <v>55167</v>
      </c>
      <c r="F18069" s="2" t="s">
        <v>7514</v>
      </c>
      <c r="G18069" s="8">
        <v>298</v>
      </c>
      <c r="H18069" s="5">
        <v>6</v>
      </c>
      <c r="I18069" s="5" t="s">
        <v>1518</v>
      </c>
      <c r="J18069" s="5" t="s">
        <v>40939</v>
      </c>
      <c r="K18069" s="2" t="s">
        <v>40940</v>
      </c>
      <c r="L18069" s="5" t="s">
        <v>40939</v>
      </c>
      <c r="M18069" s="2" t="s">
        <v>40940</v>
      </c>
      <c r="N18069" s="5" t="s">
        <v>36266</v>
      </c>
      <c r="O18069" s="5" t="s">
        <v>38</v>
      </c>
      <c r="P18069" s="5" t="s">
        <v>39</v>
      </c>
      <c r="Q18069" s="5" t="s">
        <v>40</v>
      </c>
      <c r="R18069" s="5" t="s">
        <v>1522</v>
      </c>
      <c r="S18069" s="5" t="s">
        <v>1523</v>
      </c>
      <c r="T18069" s="5" t="s">
        <v>42</v>
      </c>
      <c r="U18069" s="2">
        <v>3.411</v>
      </c>
      <c r="V18069" s="2">
        <v>2.8239999999999998</v>
      </c>
      <c r="W18069" s="2">
        <v>1.7999999999999999E-2</v>
      </c>
      <c r="X18069" s="2">
        <v>139.1</v>
      </c>
      <c r="Y18069" s="2">
        <v>7.6</v>
      </c>
      <c r="Z18069" s="2">
        <v>16.7</v>
      </c>
      <c r="AA18069" s="5"/>
      <c r="AB18069" s="5" t="s">
        <v>43</v>
      </c>
      <c r="AC18069" s="5" t="s">
        <v>44</v>
      </c>
      <c r="AD18069" s="2"/>
      <c r="AE18069" s="1"/>
    </row>
    <row r="18070" spans="1:31" ht="14.45">
      <c r="A18070" s="11"/>
      <c r="B18070" s="20"/>
      <c r="C18070" s="2" t="s">
        <v>55168</v>
      </c>
      <c r="D18070" s="14" t="s">
        <v>55169</v>
      </c>
      <c r="E18070" s="2" t="s">
        <v>55170</v>
      </c>
      <c r="F18070" s="2" t="s">
        <v>47266</v>
      </c>
      <c r="G18070" s="8">
        <v>322</v>
      </c>
      <c r="H18070" s="5">
        <v>6</v>
      </c>
      <c r="I18070" s="5" t="s">
        <v>1518</v>
      </c>
      <c r="J18070" s="5" t="s">
        <v>40939</v>
      </c>
      <c r="K18070" s="2" t="s">
        <v>40940</v>
      </c>
      <c r="L18070" s="5" t="s">
        <v>40939</v>
      </c>
      <c r="M18070" s="2" t="s">
        <v>40940</v>
      </c>
      <c r="N18070" s="5" t="s">
        <v>36266</v>
      </c>
      <c r="O18070" s="5" t="s">
        <v>38</v>
      </c>
      <c r="P18070" s="5" t="s">
        <v>39</v>
      </c>
      <c r="Q18070" s="5" t="s">
        <v>40</v>
      </c>
      <c r="R18070" s="5" t="s">
        <v>1522</v>
      </c>
      <c r="S18070" s="5" t="s">
        <v>1523</v>
      </c>
      <c r="T18070" s="5" t="s">
        <v>42</v>
      </c>
      <c r="U18070" s="2">
        <v>3.3359999999999999</v>
      </c>
      <c r="V18070" s="2">
        <v>2.7490000000000001</v>
      </c>
      <c r="W18070" s="2">
        <v>1.7999999999999999E-2</v>
      </c>
      <c r="X18070" s="2">
        <v>139.1</v>
      </c>
      <c r="Y18070" s="2">
        <v>7.6</v>
      </c>
      <c r="Z18070" s="2">
        <v>16.7</v>
      </c>
      <c r="AA18070" s="5"/>
      <c r="AB18070" s="5" t="s">
        <v>43</v>
      </c>
      <c r="AC18070" s="5" t="s">
        <v>44</v>
      </c>
      <c r="AD18070" s="2"/>
      <c r="AE18070" s="1"/>
    </row>
    <row r="18071" spans="1:31" ht="14.45">
      <c r="A18071" s="11"/>
      <c r="B18071" s="20"/>
      <c r="C18071" s="2" t="s">
        <v>55171</v>
      </c>
      <c r="D18071" s="14" t="s">
        <v>55172</v>
      </c>
      <c r="E18071" s="2" t="s">
        <v>55173</v>
      </c>
      <c r="F18071" s="2" t="s">
        <v>47195</v>
      </c>
      <c r="G18071" s="8">
        <v>322</v>
      </c>
      <c r="H18071" s="5">
        <v>6</v>
      </c>
      <c r="I18071" s="5" t="s">
        <v>1518</v>
      </c>
      <c r="J18071" s="5" t="s">
        <v>40939</v>
      </c>
      <c r="K18071" s="2" t="s">
        <v>40940</v>
      </c>
      <c r="L18071" s="5" t="s">
        <v>40939</v>
      </c>
      <c r="M18071" s="2" t="s">
        <v>40940</v>
      </c>
      <c r="N18071" s="5" t="s">
        <v>36266</v>
      </c>
      <c r="O18071" s="5" t="s">
        <v>38</v>
      </c>
      <c r="P18071" s="5" t="s">
        <v>39</v>
      </c>
      <c r="Q18071" s="5" t="s">
        <v>40</v>
      </c>
      <c r="R18071" s="5" t="s">
        <v>1522</v>
      </c>
      <c r="S18071" s="5" t="s">
        <v>1523</v>
      </c>
      <c r="T18071" s="5" t="s">
        <v>42</v>
      </c>
      <c r="U18071" s="2">
        <v>3.4359999999999999</v>
      </c>
      <c r="V18071" s="2">
        <v>2.8490000000000002</v>
      </c>
      <c r="W18071" s="2">
        <v>1.7999999999999999E-2</v>
      </c>
      <c r="X18071" s="2">
        <v>139.1</v>
      </c>
      <c r="Y18071" s="2">
        <v>7.6</v>
      </c>
      <c r="Z18071" s="2">
        <v>16.7</v>
      </c>
      <c r="AA18071" s="5"/>
      <c r="AB18071" s="5" t="s">
        <v>43</v>
      </c>
      <c r="AC18071" s="5" t="s">
        <v>44</v>
      </c>
      <c r="AD18071" s="2"/>
      <c r="AE18071" s="1"/>
    </row>
    <row r="18072" spans="1:31" ht="14.45">
      <c r="A18072" s="11"/>
      <c r="B18072" s="20"/>
      <c r="C18072" s="2" t="s">
        <v>55174</v>
      </c>
      <c r="D18072" s="14" t="s">
        <v>55175</v>
      </c>
      <c r="E18072" s="2" t="s">
        <v>55176</v>
      </c>
      <c r="F18072" s="2" t="s">
        <v>7208</v>
      </c>
      <c r="G18072" s="8">
        <v>298</v>
      </c>
      <c r="H18072" s="5">
        <v>6</v>
      </c>
      <c r="I18072" s="5" t="s">
        <v>1518</v>
      </c>
      <c r="J18072" s="5" t="s">
        <v>40939</v>
      </c>
      <c r="K18072" s="2" t="s">
        <v>40940</v>
      </c>
      <c r="L18072" s="5" t="s">
        <v>40939</v>
      </c>
      <c r="M18072" s="2" t="s">
        <v>40940</v>
      </c>
      <c r="N18072" s="5" t="s">
        <v>36266</v>
      </c>
      <c r="O18072" s="5" t="s">
        <v>38</v>
      </c>
      <c r="P18072" s="5" t="s">
        <v>39</v>
      </c>
      <c r="Q18072" s="5" t="s">
        <v>40</v>
      </c>
      <c r="R18072" s="5" t="s">
        <v>1522</v>
      </c>
      <c r="S18072" s="5" t="s">
        <v>1523</v>
      </c>
      <c r="T18072" s="5" t="s">
        <v>42</v>
      </c>
      <c r="U18072" s="2">
        <v>3.3479999999999999</v>
      </c>
      <c r="V18072" s="2">
        <v>2.7610000000000001</v>
      </c>
      <c r="W18072" s="2">
        <v>1.7999999999999999E-2</v>
      </c>
      <c r="X18072" s="2">
        <v>139.1</v>
      </c>
      <c r="Y18072" s="2">
        <v>7.6</v>
      </c>
      <c r="Z18072" s="2">
        <v>16.7</v>
      </c>
      <c r="AA18072" s="5"/>
      <c r="AB18072" s="5" t="s">
        <v>43</v>
      </c>
      <c r="AC18072" s="5" t="s">
        <v>44</v>
      </c>
      <c r="AD18072" s="2"/>
      <c r="AE18072" s="1"/>
    </row>
    <row r="18073" spans="1:31" ht="14.45">
      <c r="A18073" s="11"/>
      <c r="B18073" s="20"/>
      <c r="C18073" s="2" t="s">
        <v>55177</v>
      </c>
      <c r="D18073" s="14" t="s">
        <v>55178</v>
      </c>
      <c r="E18073" s="2" t="s">
        <v>55179</v>
      </c>
      <c r="F18073" s="2" t="s">
        <v>7521</v>
      </c>
      <c r="G18073" s="8">
        <v>298</v>
      </c>
      <c r="H18073" s="5">
        <v>6</v>
      </c>
      <c r="I18073" s="5" t="s">
        <v>1518</v>
      </c>
      <c r="J18073" s="5" t="s">
        <v>40939</v>
      </c>
      <c r="K18073" s="2" t="s">
        <v>40940</v>
      </c>
      <c r="L18073" s="5" t="s">
        <v>40939</v>
      </c>
      <c r="M18073" s="2" t="s">
        <v>40940</v>
      </c>
      <c r="N18073" s="5" t="s">
        <v>36266</v>
      </c>
      <c r="O18073" s="5" t="s">
        <v>38</v>
      </c>
      <c r="P18073" s="5" t="s">
        <v>39</v>
      </c>
      <c r="Q18073" s="5" t="s">
        <v>40</v>
      </c>
      <c r="R18073" s="5" t="s">
        <v>1522</v>
      </c>
      <c r="S18073" s="5" t="s">
        <v>1523</v>
      </c>
      <c r="T18073" s="5" t="s">
        <v>42</v>
      </c>
      <c r="U18073" s="2">
        <v>3.448</v>
      </c>
      <c r="V18073" s="2">
        <v>2.8610000000000002</v>
      </c>
      <c r="W18073" s="2">
        <v>1.7999999999999999E-2</v>
      </c>
      <c r="X18073" s="2">
        <v>139.1</v>
      </c>
      <c r="Y18073" s="2">
        <v>7.6</v>
      </c>
      <c r="Z18073" s="2">
        <v>16.7</v>
      </c>
      <c r="AA18073" s="5"/>
      <c r="AB18073" s="5" t="s">
        <v>43</v>
      </c>
      <c r="AC18073" s="5" t="s">
        <v>44</v>
      </c>
      <c r="AD18073" s="2"/>
      <c r="AE18073" s="1"/>
    </row>
    <row r="18074" spans="1:31" ht="14.45">
      <c r="A18074" s="11"/>
      <c r="B18074" s="20"/>
      <c r="C18074" s="2" t="s">
        <v>55180</v>
      </c>
      <c r="D18074" s="14" t="s">
        <v>55181</v>
      </c>
      <c r="E18074" s="2" t="s">
        <v>55182</v>
      </c>
      <c r="F18074" s="2" t="s">
        <v>36273</v>
      </c>
      <c r="G18074" s="8">
        <v>298</v>
      </c>
      <c r="H18074" s="5">
        <v>6</v>
      </c>
      <c r="I18074" s="5" t="s">
        <v>1518</v>
      </c>
      <c r="J18074" s="5" t="s">
        <v>40939</v>
      </c>
      <c r="K18074" s="2" t="s">
        <v>40940</v>
      </c>
      <c r="L18074" s="5" t="s">
        <v>40939</v>
      </c>
      <c r="M18074" s="2" t="s">
        <v>40940</v>
      </c>
      <c r="N18074" s="5" t="s">
        <v>36266</v>
      </c>
      <c r="O18074" s="5" t="s">
        <v>38</v>
      </c>
      <c r="P18074" s="5" t="s">
        <v>39</v>
      </c>
      <c r="Q18074" s="5" t="s">
        <v>40</v>
      </c>
      <c r="R18074" s="5" t="s">
        <v>1522</v>
      </c>
      <c r="S18074" s="5" t="s">
        <v>1523</v>
      </c>
      <c r="T18074" s="5" t="s">
        <v>42</v>
      </c>
      <c r="U18074" s="2">
        <v>3.3719999999999999</v>
      </c>
      <c r="V18074" s="2">
        <v>2.7850000000000001</v>
      </c>
      <c r="W18074" s="2">
        <v>1.7999999999999999E-2</v>
      </c>
      <c r="X18074" s="2">
        <v>139.1</v>
      </c>
      <c r="Y18074" s="2">
        <v>7.6</v>
      </c>
      <c r="Z18074" s="2">
        <v>16.7</v>
      </c>
      <c r="AA18074" s="5"/>
      <c r="AB18074" s="5" t="s">
        <v>43</v>
      </c>
      <c r="AC18074" s="5" t="s">
        <v>44</v>
      </c>
      <c r="AD18074" s="2"/>
      <c r="AE18074" s="1"/>
    </row>
    <row r="18075" spans="1:31" ht="14.45">
      <c r="A18075" s="11"/>
      <c r="B18075" s="20"/>
      <c r="C18075" s="2" t="s">
        <v>55183</v>
      </c>
      <c r="D18075" s="14" t="s">
        <v>55184</v>
      </c>
      <c r="E18075" s="2" t="s">
        <v>55185</v>
      </c>
      <c r="F18075" s="2" t="s">
        <v>36277</v>
      </c>
      <c r="G18075" s="8">
        <v>298</v>
      </c>
      <c r="H18075" s="5">
        <v>6</v>
      </c>
      <c r="I18075" s="5" t="s">
        <v>1518</v>
      </c>
      <c r="J18075" s="5" t="s">
        <v>40939</v>
      </c>
      <c r="K18075" s="2" t="s">
        <v>40940</v>
      </c>
      <c r="L18075" s="5" t="s">
        <v>40939</v>
      </c>
      <c r="M18075" s="2" t="s">
        <v>40940</v>
      </c>
      <c r="N18075" s="5" t="s">
        <v>36266</v>
      </c>
      <c r="O18075" s="5" t="s">
        <v>38</v>
      </c>
      <c r="P18075" s="5" t="s">
        <v>39</v>
      </c>
      <c r="Q18075" s="5" t="s">
        <v>40</v>
      </c>
      <c r="R18075" s="5" t="s">
        <v>1522</v>
      </c>
      <c r="S18075" s="5" t="s">
        <v>1523</v>
      </c>
      <c r="T18075" s="5" t="s">
        <v>42</v>
      </c>
      <c r="U18075" s="2">
        <v>3.472</v>
      </c>
      <c r="V18075" s="2">
        <v>2.8849999999999998</v>
      </c>
      <c r="W18075" s="2">
        <v>1.7999999999999999E-2</v>
      </c>
      <c r="X18075" s="2">
        <v>139.1</v>
      </c>
      <c r="Y18075" s="2">
        <v>7.6</v>
      </c>
      <c r="Z18075" s="2">
        <v>16.7</v>
      </c>
      <c r="AA18075" s="5"/>
      <c r="AB18075" s="5" t="s">
        <v>43</v>
      </c>
      <c r="AC18075" s="5" t="s">
        <v>44</v>
      </c>
      <c r="AD18075" s="2"/>
      <c r="AE18075" s="1"/>
    </row>
    <row r="18076" spans="1:31" ht="14.45">
      <c r="A18076" s="11"/>
      <c r="B18076" s="20"/>
      <c r="C18076" s="2" t="s">
        <v>55186</v>
      </c>
      <c r="D18076" s="14" t="s">
        <v>55187</v>
      </c>
      <c r="E18076" s="2" t="s">
        <v>55188</v>
      </c>
      <c r="F18076" s="2" t="s">
        <v>40967</v>
      </c>
      <c r="G18076" s="8">
        <v>322</v>
      </c>
      <c r="H18076" s="5">
        <v>6</v>
      </c>
      <c r="I18076" s="5" t="s">
        <v>1518</v>
      </c>
      <c r="J18076" s="5" t="s">
        <v>40939</v>
      </c>
      <c r="K18076" s="2" t="s">
        <v>40940</v>
      </c>
      <c r="L18076" s="5" t="s">
        <v>40939</v>
      </c>
      <c r="M18076" s="2" t="s">
        <v>40940</v>
      </c>
      <c r="N18076" s="5" t="s">
        <v>36266</v>
      </c>
      <c r="O18076" s="5" t="s">
        <v>38</v>
      </c>
      <c r="P18076" s="5" t="s">
        <v>39</v>
      </c>
      <c r="Q18076" s="5" t="s">
        <v>40</v>
      </c>
      <c r="R18076" s="5" t="s">
        <v>1522</v>
      </c>
      <c r="S18076" s="5" t="s">
        <v>1523</v>
      </c>
      <c r="T18076" s="5" t="s">
        <v>42</v>
      </c>
      <c r="U18076" s="2">
        <v>3.3479999999999999</v>
      </c>
      <c r="V18076" s="2">
        <v>2.7610000000000001</v>
      </c>
      <c r="W18076" s="2">
        <v>1.7999999999999999E-2</v>
      </c>
      <c r="X18076" s="2">
        <v>139.1</v>
      </c>
      <c r="Y18076" s="2">
        <v>7.6</v>
      </c>
      <c r="Z18076" s="2">
        <v>16.7</v>
      </c>
      <c r="AA18076" s="5"/>
      <c r="AB18076" s="5" t="s">
        <v>43</v>
      </c>
      <c r="AC18076" s="5" t="s">
        <v>44</v>
      </c>
      <c r="AD18076" s="2"/>
      <c r="AE18076" s="1"/>
    </row>
    <row r="18077" spans="1:31" ht="14.45">
      <c r="A18077" s="11"/>
      <c r="B18077" s="20"/>
      <c r="C18077" s="2" t="s">
        <v>55189</v>
      </c>
      <c r="D18077" s="14" t="s">
        <v>55190</v>
      </c>
      <c r="E18077" s="2" t="s">
        <v>55191</v>
      </c>
      <c r="F18077" s="2" t="s">
        <v>40971</v>
      </c>
      <c r="G18077" s="8">
        <v>322</v>
      </c>
      <c r="H18077" s="5">
        <v>6</v>
      </c>
      <c r="I18077" s="5" t="s">
        <v>1518</v>
      </c>
      <c r="J18077" s="5" t="s">
        <v>40939</v>
      </c>
      <c r="K18077" s="2" t="s">
        <v>40940</v>
      </c>
      <c r="L18077" s="5" t="s">
        <v>40939</v>
      </c>
      <c r="M18077" s="2" t="s">
        <v>40940</v>
      </c>
      <c r="N18077" s="5" t="s">
        <v>36266</v>
      </c>
      <c r="O18077" s="5" t="s">
        <v>38</v>
      </c>
      <c r="P18077" s="5" t="s">
        <v>39</v>
      </c>
      <c r="Q18077" s="5" t="s">
        <v>40</v>
      </c>
      <c r="R18077" s="5" t="s">
        <v>1522</v>
      </c>
      <c r="S18077" s="5" t="s">
        <v>1523</v>
      </c>
      <c r="T18077" s="5" t="s">
        <v>42</v>
      </c>
      <c r="U18077" s="2">
        <v>3.448</v>
      </c>
      <c r="V18077" s="2">
        <v>2.8610000000000002</v>
      </c>
      <c r="W18077" s="2">
        <v>1.7999999999999999E-2</v>
      </c>
      <c r="X18077" s="2">
        <v>139.1</v>
      </c>
      <c r="Y18077" s="2">
        <v>7.6</v>
      </c>
      <c r="Z18077" s="2">
        <v>16.7</v>
      </c>
      <c r="AA18077" s="5"/>
      <c r="AB18077" s="5" t="s">
        <v>43</v>
      </c>
      <c r="AC18077" s="5" t="s">
        <v>44</v>
      </c>
      <c r="AD18077" s="2"/>
      <c r="AE18077" s="1"/>
    </row>
    <row r="18078" spans="1:31" ht="14.45">
      <c r="A18078" s="11"/>
      <c r="B18078" s="20"/>
      <c r="C18078" s="2" t="s">
        <v>55192</v>
      </c>
      <c r="D18078" s="14" t="s">
        <v>55193</v>
      </c>
      <c r="E18078" s="2" t="s">
        <v>55194</v>
      </c>
      <c r="F18078" s="2" t="s">
        <v>47226</v>
      </c>
      <c r="G18078" s="8">
        <v>322</v>
      </c>
      <c r="H18078" s="5">
        <v>6</v>
      </c>
      <c r="I18078" s="5" t="s">
        <v>1518</v>
      </c>
      <c r="J18078" s="5" t="s">
        <v>40939</v>
      </c>
      <c r="K18078" s="2" t="s">
        <v>40940</v>
      </c>
      <c r="L18078" s="5" t="s">
        <v>40939</v>
      </c>
      <c r="M18078" s="2" t="s">
        <v>40940</v>
      </c>
      <c r="N18078" s="5" t="s">
        <v>36266</v>
      </c>
      <c r="O18078" s="5" t="s">
        <v>38</v>
      </c>
      <c r="P18078" s="5" t="s">
        <v>39</v>
      </c>
      <c r="Q18078" s="5" t="s">
        <v>40</v>
      </c>
      <c r="R18078" s="5" t="s">
        <v>1522</v>
      </c>
      <c r="S18078" s="5" t="s">
        <v>1523</v>
      </c>
      <c r="T18078" s="5" t="s">
        <v>42</v>
      </c>
      <c r="U18078" s="2">
        <v>3.3479999999999999</v>
      </c>
      <c r="V18078" s="2">
        <v>2.7610000000000001</v>
      </c>
      <c r="W18078" s="2">
        <v>1.7999999999999999E-2</v>
      </c>
      <c r="X18078" s="2">
        <v>139.1</v>
      </c>
      <c r="Y18078" s="2">
        <v>7.6</v>
      </c>
      <c r="Z18078" s="2">
        <v>16.7</v>
      </c>
      <c r="AA18078" s="5"/>
      <c r="AB18078" s="5" t="s">
        <v>43</v>
      </c>
      <c r="AC18078" s="5" t="s">
        <v>44</v>
      </c>
      <c r="AD18078" s="2"/>
      <c r="AE18078" s="1"/>
    </row>
    <row r="18079" spans="1:31" ht="14.45">
      <c r="A18079" s="11"/>
      <c r="B18079" s="20"/>
      <c r="C18079" s="2" t="s">
        <v>55195</v>
      </c>
      <c r="D18079" s="14" t="s">
        <v>55196</v>
      </c>
      <c r="E18079" s="2" t="s">
        <v>55197</v>
      </c>
      <c r="F18079" s="2" t="s">
        <v>47735</v>
      </c>
      <c r="G18079" s="8">
        <v>322</v>
      </c>
      <c r="H18079" s="5">
        <v>6</v>
      </c>
      <c r="I18079" s="5" t="s">
        <v>1518</v>
      </c>
      <c r="J18079" s="5" t="s">
        <v>40939</v>
      </c>
      <c r="K18079" s="2" t="s">
        <v>40940</v>
      </c>
      <c r="L18079" s="5" t="s">
        <v>40939</v>
      </c>
      <c r="M18079" s="2" t="s">
        <v>40940</v>
      </c>
      <c r="N18079" s="5" t="s">
        <v>36266</v>
      </c>
      <c r="O18079" s="5" t="s">
        <v>38</v>
      </c>
      <c r="P18079" s="5" t="s">
        <v>39</v>
      </c>
      <c r="Q18079" s="5" t="s">
        <v>40</v>
      </c>
      <c r="R18079" s="5" t="s">
        <v>1522</v>
      </c>
      <c r="S18079" s="5" t="s">
        <v>1523</v>
      </c>
      <c r="T18079" s="5" t="s">
        <v>42</v>
      </c>
      <c r="U18079" s="2">
        <v>3.448</v>
      </c>
      <c r="V18079" s="2">
        <v>2.8610000000000002</v>
      </c>
      <c r="W18079" s="2">
        <v>1.7999999999999999E-2</v>
      </c>
      <c r="X18079" s="2">
        <v>139.1</v>
      </c>
      <c r="Y18079" s="2">
        <v>7.6</v>
      </c>
      <c r="Z18079" s="2">
        <v>16.7</v>
      </c>
      <c r="AA18079" s="5"/>
      <c r="AB18079" s="5" t="s">
        <v>43</v>
      </c>
      <c r="AC18079" s="5" t="s">
        <v>44</v>
      </c>
      <c r="AD18079" s="2"/>
      <c r="AE18079" s="1"/>
    </row>
    <row r="18080" spans="1:31" ht="14.45">
      <c r="A18080" s="11"/>
      <c r="B18080" s="20"/>
      <c r="C18080" s="2" t="s">
        <v>55198</v>
      </c>
      <c r="D18080" s="14" t="s">
        <v>55199</v>
      </c>
      <c r="E18080" s="2" t="s">
        <v>55200</v>
      </c>
      <c r="F18080" s="2" t="s">
        <v>7539</v>
      </c>
      <c r="G18080" s="8">
        <v>322</v>
      </c>
      <c r="H18080" s="5">
        <v>6</v>
      </c>
      <c r="I18080" s="5" t="s">
        <v>1518</v>
      </c>
      <c r="J18080" s="5" t="s">
        <v>40939</v>
      </c>
      <c r="K18080" s="2" t="s">
        <v>40940</v>
      </c>
      <c r="L18080" s="5" t="s">
        <v>40939</v>
      </c>
      <c r="M18080" s="2" t="s">
        <v>40940</v>
      </c>
      <c r="N18080" s="5" t="s">
        <v>36266</v>
      </c>
      <c r="O18080" s="5" t="s">
        <v>38</v>
      </c>
      <c r="P18080" s="5" t="s">
        <v>39</v>
      </c>
      <c r="Q18080" s="5" t="s">
        <v>40</v>
      </c>
      <c r="R18080" s="5" t="s">
        <v>1522</v>
      </c>
      <c r="S18080" s="5" t="s">
        <v>1523</v>
      </c>
      <c r="T18080" s="5" t="s">
        <v>42</v>
      </c>
      <c r="U18080" s="2">
        <v>3.2869999999999999</v>
      </c>
      <c r="V18080" s="2">
        <v>2.7</v>
      </c>
      <c r="W18080" s="2">
        <v>1.7999999999999999E-2</v>
      </c>
      <c r="X18080" s="2">
        <v>139.1</v>
      </c>
      <c r="Y18080" s="2">
        <v>7.6</v>
      </c>
      <c r="Z18080" s="2">
        <v>16.7</v>
      </c>
      <c r="AA18080" s="5"/>
      <c r="AB18080" s="5" t="s">
        <v>43</v>
      </c>
      <c r="AC18080" s="5" t="s">
        <v>44</v>
      </c>
      <c r="AD18080" s="2"/>
      <c r="AE18080" s="1"/>
    </row>
    <row r="18081" spans="1:31" ht="14.45">
      <c r="A18081" s="11"/>
      <c r="B18081" s="20"/>
      <c r="C18081" s="2" t="s">
        <v>55201</v>
      </c>
      <c r="D18081" s="14" t="s">
        <v>55202</v>
      </c>
      <c r="E18081" s="2" t="s">
        <v>55203</v>
      </c>
      <c r="F18081" s="2" t="s">
        <v>7543</v>
      </c>
      <c r="G18081" s="8">
        <v>322</v>
      </c>
      <c r="H18081" s="5">
        <v>6</v>
      </c>
      <c r="I18081" s="5" t="s">
        <v>1518</v>
      </c>
      <c r="J18081" s="5" t="s">
        <v>40939</v>
      </c>
      <c r="K18081" s="2" t="s">
        <v>40940</v>
      </c>
      <c r="L18081" s="5" t="s">
        <v>40939</v>
      </c>
      <c r="M18081" s="2" t="s">
        <v>40940</v>
      </c>
      <c r="N18081" s="5" t="s">
        <v>36266</v>
      </c>
      <c r="O18081" s="5" t="s">
        <v>38</v>
      </c>
      <c r="P18081" s="5" t="s">
        <v>39</v>
      </c>
      <c r="Q18081" s="5" t="s">
        <v>40</v>
      </c>
      <c r="R18081" s="5" t="s">
        <v>1522</v>
      </c>
      <c r="S18081" s="5" t="s">
        <v>1523</v>
      </c>
      <c r="T18081" s="5" t="s">
        <v>42</v>
      </c>
      <c r="U18081" s="2">
        <v>3.387</v>
      </c>
      <c r="V18081" s="2">
        <v>2.8</v>
      </c>
      <c r="W18081" s="2">
        <v>1.7999999999999999E-2</v>
      </c>
      <c r="X18081" s="2">
        <v>139.1</v>
      </c>
      <c r="Y18081" s="2">
        <v>7.6</v>
      </c>
      <c r="Z18081" s="2">
        <v>16.7</v>
      </c>
      <c r="AA18081" s="5"/>
      <c r="AB18081" s="5" t="s">
        <v>43</v>
      </c>
      <c r="AC18081" s="5" t="s">
        <v>44</v>
      </c>
      <c r="AD18081" s="2"/>
      <c r="AE18081" s="1"/>
    </row>
    <row r="18082" spans="1:31" ht="14.45">
      <c r="A18082" s="11"/>
      <c r="B18082" s="20"/>
      <c r="C18082" s="2" t="s">
        <v>55204</v>
      </c>
      <c r="D18082" s="14" t="s">
        <v>55205</v>
      </c>
      <c r="E18082" s="2" t="s">
        <v>55206</v>
      </c>
      <c r="F18082" s="2" t="s">
        <v>40989</v>
      </c>
      <c r="G18082" s="8">
        <v>322</v>
      </c>
      <c r="H18082" s="5">
        <v>6</v>
      </c>
      <c r="I18082" s="5" t="s">
        <v>1518</v>
      </c>
      <c r="J18082" s="5" t="s">
        <v>40939</v>
      </c>
      <c r="K18082" s="2" t="s">
        <v>40940</v>
      </c>
      <c r="L18082" s="5" t="s">
        <v>40939</v>
      </c>
      <c r="M18082" s="2" t="s">
        <v>40940</v>
      </c>
      <c r="N18082" s="5" t="s">
        <v>36266</v>
      </c>
      <c r="O18082" s="5" t="s">
        <v>38</v>
      </c>
      <c r="P18082" s="5" t="s">
        <v>39</v>
      </c>
      <c r="Q18082" s="5" t="s">
        <v>40</v>
      </c>
      <c r="R18082" s="5" t="s">
        <v>1522</v>
      </c>
      <c r="S18082" s="5" t="s">
        <v>1523</v>
      </c>
      <c r="T18082" s="5" t="s">
        <v>42</v>
      </c>
      <c r="U18082" s="2">
        <v>3.3479999999999999</v>
      </c>
      <c r="V18082" s="2">
        <v>2.7610000000000001</v>
      </c>
      <c r="W18082" s="2">
        <v>1.7999999999999999E-2</v>
      </c>
      <c r="X18082" s="2">
        <v>139.1</v>
      </c>
      <c r="Y18082" s="2">
        <v>7.6</v>
      </c>
      <c r="Z18082" s="2">
        <v>16.7</v>
      </c>
      <c r="AA18082" s="5"/>
      <c r="AB18082" s="5" t="s">
        <v>43</v>
      </c>
      <c r="AC18082" s="5" t="s">
        <v>44</v>
      </c>
      <c r="AD18082" s="2"/>
      <c r="AE18082" s="1"/>
    </row>
    <row r="18083" spans="1:31" ht="14.45">
      <c r="A18083" s="11"/>
      <c r="B18083" s="20"/>
      <c r="C18083" s="2" t="s">
        <v>55207</v>
      </c>
      <c r="D18083" s="14" t="s">
        <v>55208</v>
      </c>
      <c r="E18083" s="2" t="s">
        <v>55209</v>
      </c>
      <c r="F18083" s="2" t="s">
        <v>40993</v>
      </c>
      <c r="G18083" s="8">
        <v>322</v>
      </c>
      <c r="H18083" s="5">
        <v>6</v>
      </c>
      <c r="I18083" s="5" t="s">
        <v>1518</v>
      </c>
      <c r="J18083" s="5" t="s">
        <v>40939</v>
      </c>
      <c r="K18083" s="2" t="s">
        <v>40940</v>
      </c>
      <c r="L18083" s="5" t="s">
        <v>40939</v>
      </c>
      <c r="M18083" s="2" t="s">
        <v>40940</v>
      </c>
      <c r="N18083" s="5" t="s">
        <v>36266</v>
      </c>
      <c r="O18083" s="5" t="s">
        <v>38</v>
      </c>
      <c r="P18083" s="5" t="s">
        <v>39</v>
      </c>
      <c r="Q18083" s="5" t="s">
        <v>40</v>
      </c>
      <c r="R18083" s="5" t="s">
        <v>1522</v>
      </c>
      <c r="S18083" s="5" t="s">
        <v>1523</v>
      </c>
      <c r="T18083" s="5" t="s">
        <v>42</v>
      </c>
      <c r="U18083" s="2">
        <v>3.448</v>
      </c>
      <c r="V18083" s="2">
        <v>2.8610000000000002</v>
      </c>
      <c r="W18083" s="2">
        <v>1.7999999999999999E-2</v>
      </c>
      <c r="X18083" s="2">
        <v>139.1</v>
      </c>
      <c r="Y18083" s="2">
        <v>7.6</v>
      </c>
      <c r="Z18083" s="2">
        <v>16.7</v>
      </c>
      <c r="AA18083" s="5"/>
      <c r="AB18083" s="5" t="s">
        <v>43</v>
      </c>
      <c r="AC18083" s="5" t="s">
        <v>44</v>
      </c>
      <c r="AD18083" s="2"/>
      <c r="AE18083" s="1"/>
    </row>
    <row r="18084" spans="1:31" ht="14.45">
      <c r="A18084" s="11"/>
      <c r="B18084" s="20"/>
      <c r="C18084" s="2" t="s">
        <v>55210</v>
      </c>
      <c r="D18084" s="14" t="s">
        <v>55211</v>
      </c>
      <c r="E18084" s="2" t="s">
        <v>55212</v>
      </c>
      <c r="F18084" s="2" t="s">
        <v>40997</v>
      </c>
      <c r="G18084" s="8">
        <v>322</v>
      </c>
      <c r="H18084" s="5">
        <v>6</v>
      </c>
      <c r="I18084" s="5" t="s">
        <v>1518</v>
      </c>
      <c r="J18084" s="5" t="s">
        <v>40939</v>
      </c>
      <c r="K18084" s="2" t="s">
        <v>40940</v>
      </c>
      <c r="L18084" s="5" t="s">
        <v>40939</v>
      </c>
      <c r="M18084" s="2" t="s">
        <v>40940</v>
      </c>
      <c r="N18084" s="5" t="s">
        <v>36266</v>
      </c>
      <c r="O18084" s="5" t="s">
        <v>38</v>
      </c>
      <c r="P18084" s="5" t="s">
        <v>39</v>
      </c>
      <c r="Q18084" s="5" t="s">
        <v>40</v>
      </c>
      <c r="R18084" s="5" t="s">
        <v>1522</v>
      </c>
      <c r="S18084" s="5" t="s">
        <v>1523</v>
      </c>
      <c r="T18084" s="5" t="s">
        <v>42</v>
      </c>
      <c r="U18084" s="2">
        <v>3.2989999999999999</v>
      </c>
      <c r="V18084" s="2">
        <v>2.7120000000000002</v>
      </c>
      <c r="W18084" s="2">
        <v>1.7999999999999999E-2</v>
      </c>
      <c r="X18084" s="2">
        <v>139.1</v>
      </c>
      <c r="Y18084" s="2">
        <v>7.6</v>
      </c>
      <c r="Z18084" s="2">
        <v>16.7</v>
      </c>
      <c r="AA18084" s="5"/>
      <c r="AB18084" s="5" t="s">
        <v>43</v>
      </c>
      <c r="AC18084" s="5" t="s">
        <v>44</v>
      </c>
      <c r="AD18084" s="2"/>
      <c r="AE18084" s="1"/>
    </row>
    <row r="18085" spans="1:31" ht="14.45">
      <c r="A18085" s="11"/>
      <c r="B18085" s="20"/>
      <c r="C18085" s="2" t="s">
        <v>55213</v>
      </c>
      <c r="D18085" s="14" t="s">
        <v>55214</v>
      </c>
      <c r="E18085" s="2" t="s">
        <v>55215</v>
      </c>
      <c r="F18085" s="2" t="s">
        <v>41267</v>
      </c>
      <c r="G18085" s="8">
        <v>322</v>
      </c>
      <c r="H18085" s="5">
        <v>6</v>
      </c>
      <c r="I18085" s="5" t="s">
        <v>1518</v>
      </c>
      <c r="J18085" s="5" t="s">
        <v>40939</v>
      </c>
      <c r="K18085" s="2" t="s">
        <v>40940</v>
      </c>
      <c r="L18085" s="5" t="s">
        <v>40939</v>
      </c>
      <c r="M18085" s="2" t="s">
        <v>40940</v>
      </c>
      <c r="N18085" s="5" t="s">
        <v>36266</v>
      </c>
      <c r="O18085" s="5" t="s">
        <v>38</v>
      </c>
      <c r="P18085" s="5" t="s">
        <v>39</v>
      </c>
      <c r="Q18085" s="5" t="s">
        <v>40</v>
      </c>
      <c r="R18085" s="5" t="s">
        <v>1522</v>
      </c>
      <c r="S18085" s="5" t="s">
        <v>1523</v>
      </c>
      <c r="T18085" s="5" t="s">
        <v>42</v>
      </c>
      <c r="U18085" s="2">
        <v>3.399</v>
      </c>
      <c r="V18085" s="2">
        <v>2.8119999999999998</v>
      </c>
      <c r="W18085" s="2">
        <v>1.7999999999999999E-2</v>
      </c>
      <c r="X18085" s="2">
        <v>139.1</v>
      </c>
      <c r="Y18085" s="2">
        <v>7.6</v>
      </c>
      <c r="Z18085" s="2">
        <v>16.7</v>
      </c>
      <c r="AA18085" s="5"/>
      <c r="AB18085" s="5" t="s">
        <v>43</v>
      </c>
      <c r="AC18085" s="5" t="s">
        <v>44</v>
      </c>
      <c r="AD18085" s="2"/>
      <c r="AE18085" s="1"/>
    </row>
    <row r="18086" spans="1:31" ht="14.45">
      <c r="A18086" s="11"/>
      <c r="B18086" s="20"/>
      <c r="C18086" s="2" t="s">
        <v>55216</v>
      </c>
      <c r="D18086" s="14" t="s">
        <v>55217</v>
      </c>
      <c r="E18086" s="2" t="s">
        <v>55218</v>
      </c>
      <c r="F18086" s="2" t="s">
        <v>41001</v>
      </c>
      <c r="G18086" s="8">
        <v>322</v>
      </c>
      <c r="H18086" s="5">
        <v>6</v>
      </c>
      <c r="I18086" s="5" t="s">
        <v>1518</v>
      </c>
      <c r="J18086" s="5" t="s">
        <v>40939</v>
      </c>
      <c r="K18086" s="2" t="s">
        <v>40940</v>
      </c>
      <c r="L18086" s="5" t="s">
        <v>40939</v>
      </c>
      <c r="M18086" s="2" t="s">
        <v>40940</v>
      </c>
      <c r="N18086" s="5" t="s">
        <v>36266</v>
      </c>
      <c r="O18086" s="5" t="s">
        <v>38</v>
      </c>
      <c r="P18086" s="5" t="s">
        <v>39</v>
      </c>
      <c r="Q18086" s="5" t="s">
        <v>40</v>
      </c>
      <c r="R18086" s="5" t="s">
        <v>1522</v>
      </c>
      <c r="S18086" s="5" t="s">
        <v>1523</v>
      </c>
      <c r="T18086" s="5" t="s">
        <v>42</v>
      </c>
      <c r="U18086" s="2">
        <v>3.3479999999999999</v>
      </c>
      <c r="V18086" s="2">
        <v>2.7610000000000001</v>
      </c>
      <c r="W18086" s="2">
        <v>1.7999999999999999E-2</v>
      </c>
      <c r="X18086" s="2">
        <v>139.1</v>
      </c>
      <c r="Y18086" s="2">
        <v>7.6</v>
      </c>
      <c r="Z18086" s="2">
        <v>16.7</v>
      </c>
      <c r="AA18086" s="5"/>
      <c r="AB18086" s="5" t="s">
        <v>43</v>
      </c>
      <c r="AC18086" s="5" t="s">
        <v>44</v>
      </c>
      <c r="AD18086" s="2"/>
      <c r="AE18086" s="1"/>
    </row>
    <row r="18087" spans="1:31" ht="14.45">
      <c r="A18087" s="11"/>
      <c r="B18087" s="20"/>
      <c r="C18087" s="2" t="s">
        <v>55219</v>
      </c>
      <c r="D18087" s="14" t="s">
        <v>55220</v>
      </c>
      <c r="E18087" s="2" t="s">
        <v>55221</v>
      </c>
      <c r="F18087" s="2" t="s">
        <v>41005</v>
      </c>
      <c r="G18087" s="8">
        <v>322</v>
      </c>
      <c r="H18087" s="5">
        <v>6</v>
      </c>
      <c r="I18087" s="5" t="s">
        <v>1518</v>
      </c>
      <c r="J18087" s="5" t="s">
        <v>40939</v>
      </c>
      <c r="K18087" s="2" t="s">
        <v>40940</v>
      </c>
      <c r="L18087" s="5" t="s">
        <v>40939</v>
      </c>
      <c r="M18087" s="2" t="s">
        <v>40940</v>
      </c>
      <c r="N18087" s="5" t="s">
        <v>36266</v>
      </c>
      <c r="O18087" s="5" t="s">
        <v>38</v>
      </c>
      <c r="P18087" s="5" t="s">
        <v>39</v>
      </c>
      <c r="Q18087" s="5" t="s">
        <v>40</v>
      </c>
      <c r="R18087" s="5" t="s">
        <v>1522</v>
      </c>
      <c r="S18087" s="5" t="s">
        <v>1523</v>
      </c>
      <c r="T18087" s="5" t="s">
        <v>42</v>
      </c>
      <c r="U18087" s="2">
        <v>3.448</v>
      </c>
      <c r="V18087" s="2">
        <v>2.8610000000000002</v>
      </c>
      <c r="W18087" s="2">
        <v>1.7999999999999999E-2</v>
      </c>
      <c r="X18087" s="2">
        <v>139.1</v>
      </c>
      <c r="Y18087" s="2">
        <v>7.6</v>
      </c>
      <c r="Z18087" s="2">
        <v>16.7</v>
      </c>
      <c r="AA18087" s="5"/>
      <c r="AB18087" s="5" t="s">
        <v>43</v>
      </c>
      <c r="AC18087" s="5" t="s">
        <v>44</v>
      </c>
      <c r="AD18087" s="2"/>
      <c r="AE18087" s="1"/>
    </row>
    <row r="18088" spans="1:31" ht="14.45">
      <c r="A18088" s="11"/>
      <c r="B18088" s="20"/>
      <c r="C18088" s="2" t="s">
        <v>55222</v>
      </c>
      <c r="D18088" s="14" t="s">
        <v>55223</v>
      </c>
      <c r="E18088" s="2" t="s">
        <v>55224</v>
      </c>
      <c r="F18088" s="2" t="s">
        <v>41009</v>
      </c>
      <c r="G18088" s="8">
        <v>322</v>
      </c>
      <c r="H18088" s="5">
        <v>6</v>
      </c>
      <c r="I18088" s="5" t="s">
        <v>1518</v>
      </c>
      <c r="J18088" s="5" t="s">
        <v>40939</v>
      </c>
      <c r="K18088" s="2" t="s">
        <v>40940</v>
      </c>
      <c r="L18088" s="5" t="s">
        <v>40939</v>
      </c>
      <c r="M18088" s="2" t="s">
        <v>40940</v>
      </c>
      <c r="N18088" s="5" t="s">
        <v>36266</v>
      </c>
      <c r="O18088" s="5" t="s">
        <v>38</v>
      </c>
      <c r="P18088" s="5" t="s">
        <v>39</v>
      </c>
      <c r="Q18088" s="5" t="s">
        <v>40</v>
      </c>
      <c r="R18088" s="5" t="s">
        <v>1522</v>
      </c>
      <c r="S18088" s="5" t="s">
        <v>1523</v>
      </c>
      <c r="T18088" s="5" t="s">
        <v>42</v>
      </c>
      <c r="U18088" s="2">
        <v>3.36</v>
      </c>
      <c r="V18088" s="2">
        <v>2.7730000000000001</v>
      </c>
      <c r="W18088" s="2">
        <v>1.7999999999999999E-2</v>
      </c>
      <c r="X18088" s="2">
        <v>139.1</v>
      </c>
      <c r="Y18088" s="2">
        <v>7.6</v>
      </c>
      <c r="Z18088" s="2">
        <v>16.7</v>
      </c>
      <c r="AA18088" s="5"/>
      <c r="AB18088" s="5" t="s">
        <v>43</v>
      </c>
      <c r="AC18088" s="5" t="s">
        <v>44</v>
      </c>
      <c r="AD18088" s="2"/>
      <c r="AE18088" s="1"/>
    </row>
    <row r="18089" spans="1:31" ht="14.45">
      <c r="A18089" s="11"/>
      <c r="B18089" s="20"/>
      <c r="C18089" s="2" t="s">
        <v>55225</v>
      </c>
      <c r="D18089" s="14" t="s">
        <v>55226</v>
      </c>
      <c r="E18089" s="2" t="s">
        <v>55227</v>
      </c>
      <c r="F18089" s="2" t="s">
        <v>41013</v>
      </c>
      <c r="G18089" s="8">
        <v>322</v>
      </c>
      <c r="H18089" s="5">
        <v>6</v>
      </c>
      <c r="I18089" s="5" t="s">
        <v>1518</v>
      </c>
      <c r="J18089" s="5" t="s">
        <v>40939</v>
      </c>
      <c r="K18089" s="2" t="s">
        <v>40940</v>
      </c>
      <c r="L18089" s="5" t="s">
        <v>40939</v>
      </c>
      <c r="M18089" s="2" t="s">
        <v>40940</v>
      </c>
      <c r="N18089" s="5" t="s">
        <v>36266</v>
      </c>
      <c r="O18089" s="5" t="s">
        <v>38</v>
      </c>
      <c r="P18089" s="5" t="s">
        <v>39</v>
      </c>
      <c r="Q18089" s="5" t="s">
        <v>40</v>
      </c>
      <c r="R18089" s="5" t="s">
        <v>1522</v>
      </c>
      <c r="S18089" s="5" t="s">
        <v>1523</v>
      </c>
      <c r="T18089" s="5" t="s">
        <v>42</v>
      </c>
      <c r="U18089" s="2">
        <v>3.46</v>
      </c>
      <c r="V18089" s="2">
        <v>2.8730000000000002</v>
      </c>
      <c r="W18089" s="2">
        <v>1.7999999999999999E-2</v>
      </c>
      <c r="X18089" s="2">
        <v>139.1</v>
      </c>
      <c r="Y18089" s="2">
        <v>7.6</v>
      </c>
      <c r="Z18089" s="2">
        <v>16.7</v>
      </c>
      <c r="AA18089" s="5"/>
      <c r="AB18089" s="5" t="s">
        <v>43</v>
      </c>
      <c r="AC18089" s="5" t="s">
        <v>44</v>
      </c>
      <c r="AD18089" s="2"/>
      <c r="AE18089" s="1"/>
    </row>
    <row r="18090" spans="1:31" ht="14.45">
      <c r="A18090" s="11"/>
      <c r="B18090" s="20"/>
      <c r="C18090" s="2" t="s">
        <v>55228</v>
      </c>
      <c r="D18090" s="14" t="s">
        <v>55229</v>
      </c>
      <c r="E18090" s="2" t="s">
        <v>55230</v>
      </c>
      <c r="F18090" s="2" t="s">
        <v>7396</v>
      </c>
      <c r="G18090" s="8">
        <v>298</v>
      </c>
      <c r="H18090" s="5">
        <v>6</v>
      </c>
      <c r="I18090" s="5" t="s">
        <v>1518</v>
      </c>
      <c r="J18090" s="5" t="s">
        <v>40939</v>
      </c>
      <c r="K18090" s="2" t="s">
        <v>40940</v>
      </c>
      <c r="L18090" s="5" t="s">
        <v>40939</v>
      </c>
      <c r="M18090" s="2" t="s">
        <v>40940</v>
      </c>
      <c r="N18090" s="5" t="s">
        <v>36266</v>
      </c>
      <c r="O18090" s="5" t="s">
        <v>38</v>
      </c>
      <c r="P18090" s="5" t="s">
        <v>39</v>
      </c>
      <c r="Q18090" s="5" t="s">
        <v>40</v>
      </c>
      <c r="R18090" s="5" t="s">
        <v>1522</v>
      </c>
      <c r="S18090" s="5" t="s">
        <v>1523</v>
      </c>
      <c r="T18090" s="5" t="s">
        <v>42</v>
      </c>
      <c r="U18090" s="2">
        <v>3.36</v>
      </c>
      <c r="V18090" s="2">
        <v>2.7730000000000001</v>
      </c>
      <c r="W18090" s="2">
        <v>1.7999999999999999E-2</v>
      </c>
      <c r="X18090" s="2">
        <v>139.1</v>
      </c>
      <c r="Y18090" s="2">
        <v>7.6</v>
      </c>
      <c r="Z18090" s="2">
        <v>16.7</v>
      </c>
      <c r="AA18090" s="5"/>
      <c r="AB18090" s="5" t="s">
        <v>43</v>
      </c>
      <c r="AC18090" s="5" t="s">
        <v>44</v>
      </c>
      <c r="AD18090" s="2"/>
      <c r="AE18090" s="1"/>
    </row>
    <row r="18091" spans="1:31" ht="14.45">
      <c r="A18091" s="11"/>
      <c r="B18091" s="20"/>
      <c r="C18091" s="2" t="s">
        <v>55231</v>
      </c>
      <c r="D18091" s="14" t="s">
        <v>55232</v>
      </c>
      <c r="E18091" s="2" t="s">
        <v>55233</v>
      </c>
      <c r="F18091" s="2" t="s">
        <v>7507</v>
      </c>
      <c r="G18091" s="8">
        <v>298</v>
      </c>
      <c r="H18091" s="5">
        <v>6</v>
      </c>
      <c r="I18091" s="5" t="s">
        <v>1518</v>
      </c>
      <c r="J18091" s="5" t="s">
        <v>40939</v>
      </c>
      <c r="K18091" s="2" t="s">
        <v>40940</v>
      </c>
      <c r="L18091" s="5" t="s">
        <v>40939</v>
      </c>
      <c r="M18091" s="2" t="s">
        <v>40940</v>
      </c>
      <c r="N18091" s="5" t="s">
        <v>36266</v>
      </c>
      <c r="O18091" s="5" t="s">
        <v>38</v>
      </c>
      <c r="P18091" s="5" t="s">
        <v>39</v>
      </c>
      <c r="Q18091" s="5" t="s">
        <v>40</v>
      </c>
      <c r="R18091" s="5" t="s">
        <v>1522</v>
      </c>
      <c r="S18091" s="5" t="s">
        <v>1523</v>
      </c>
      <c r="T18091" s="5" t="s">
        <v>42</v>
      </c>
      <c r="U18091" s="2">
        <v>3.46</v>
      </c>
      <c r="V18091" s="2">
        <v>2.8730000000000002</v>
      </c>
      <c r="W18091" s="2">
        <v>1.7999999999999999E-2</v>
      </c>
      <c r="X18091" s="2">
        <v>139.1</v>
      </c>
      <c r="Y18091" s="2">
        <v>7.6</v>
      </c>
      <c r="Z18091" s="2">
        <v>16.7</v>
      </c>
      <c r="AA18091" s="5"/>
      <c r="AB18091" s="5" t="s">
        <v>43</v>
      </c>
      <c r="AC18091" s="5" t="s">
        <v>44</v>
      </c>
      <c r="AD18091" s="2"/>
      <c r="AE18091" s="1"/>
    </row>
    <row r="18092" spans="1:31" ht="14.45">
      <c r="A18092" s="11"/>
      <c r="B18092" s="20"/>
      <c r="C18092" s="2" t="s">
        <v>55234</v>
      </c>
      <c r="D18092" s="14" t="s">
        <v>55235</v>
      </c>
      <c r="E18092" s="2" t="s">
        <v>55236</v>
      </c>
      <c r="F18092" s="2" t="s">
        <v>41023</v>
      </c>
      <c r="G18092" s="8">
        <v>322</v>
      </c>
      <c r="H18092" s="5">
        <v>6</v>
      </c>
      <c r="I18092" s="5" t="s">
        <v>1518</v>
      </c>
      <c r="J18092" s="5" t="s">
        <v>40939</v>
      </c>
      <c r="K18092" s="2" t="s">
        <v>40940</v>
      </c>
      <c r="L18092" s="5" t="s">
        <v>40939</v>
      </c>
      <c r="M18092" s="2" t="s">
        <v>40940</v>
      </c>
      <c r="N18092" s="5" t="s">
        <v>36266</v>
      </c>
      <c r="O18092" s="5" t="s">
        <v>38</v>
      </c>
      <c r="P18092" s="5" t="s">
        <v>39</v>
      </c>
      <c r="Q18092" s="5" t="s">
        <v>40</v>
      </c>
      <c r="R18092" s="5" t="s">
        <v>1522</v>
      </c>
      <c r="S18092" s="5" t="s">
        <v>1523</v>
      </c>
      <c r="T18092" s="5" t="s">
        <v>42</v>
      </c>
      <c r="U18092" s="2">
        <v>3.2989999999999999</v>
      </c>
      <c r="V18092" s="2">
        <v>2.7120000000000002</v>
      </c>
      <c r="W18092" s="2">
        <v>1.7999999999999999E-2</v>
      </c>
      <c r="X18092" s="2">
        <v>139.1</v>
      </c>
      <c r="Y18092" s="2">
        <v>7.6</v>
      </c>
      <c r="Z18092" s="2">
        <v>16.7</v>
      </c>
      <c r="AA18092" s="5"/>
      <c r="AB18092" s="5" t="s">
        <v>43</v>
      </c>
      <c r="AC18092" s="5" t="s">
        <v>44</v>
      </c>
      <c r="AD18092" s="2"/>
      <c r="AE18092" s="1"/>
    </row>
    <row r="18093" spans="1:31" ht="14.45">
      <c r="A18093" s="11"/>
      <c r="B18093" s="20"/>
      <c r="C18093" s="2" t="s">
        <v>55237</v>
      </c>
      <c r="D18093" s="14" t="s">
        <v>55238</v>
      </c>
      <c r="E18093" s="2" t="s">
        <v>55239</v>
      </c>
      <c r="F18093" s="2" t="s">
        <v>41027</v>
      </c>
      <c r="G18093" s="8">
        <v>322</v>
      </c>
      <c r="H18093" s="5">
        <v>6</v>
      </c>
      <c r="I18093" s="5" t="s">
        <v>1518</v>
      </c>
      <c r="J18093" s="5" t="s">
        <v>40939</v>
      </c>
      <c r="K18093" s="2" t="s">
        <v>40940</v>
      </c>
      <c r="L18093" s="5" t="s">
        <v>40939</v>
      </c>
      <c r="M18093" s="2" t="s">
        <v>40940</v>
      </c>
      <c r="N18093" s="5" t="s">
        <v>36266</v>
      </c>
      <c r="O18093" s="5" t="s">
        <v>38</v>
      </c>
      <c r="P18093" s="5" t="s">
        <v>39</v>
      </c>
      <c r="Q18093" s="5" t="s">
        <v>40</v>
      </c>
      <c r="R18093" s="5" t="s">
        <v>1522</v>
      </c>
      <c r="S18093" s="5" t="s">
        <v>1523</v>
      </c>
      <c r="T18093" s="5" t="s">
        <v>42</v>
      </c>
      <c r="U18093" s="2">
        <v>3.399</v>
      </c>
      <c r="V18093" s="2">
        <v>2.8119999999999998</v>
      </c>
      <c r="W18093" s="2">
        <v>1.7999999999999999E-2</v>
      </c>
      <c r="X18093" s="2">
        <v>139.1</v>
      </c>
      <c r="Y18093" s="2">
        <v>7.6</v>
      </c>
      <c r="Z18093" s="2">
        <v>16.7</v>
      </c>
      <c r="AA18093" s="5"/>
      <c r="AB18093" s="5" t="s">
        <v>43</v>
      </c>
      <c r="AC18093" s="5" t="s">
        <v>44</v>
      </c>
      <c r="AD18093" s="2"/>
      <c r="AE18093" s="1"/>
    </row>
    <row r="18094" spans="1:31" ht="14.45">
      <c r="A18094" s="11"/>
      <c r="B18094" s="20"/>
      <c r="C18094" s="2" t="s">
        <v>55240</v>
      </c>
      <c r="D18094" s="14" t="s">
        <v>55241</v>
      </c>
      <c r="E18094" s="2" t="s">
        <v>55242</v>
      </c>
      <c r="F18094" s="2" t="s">
        <v>41031</v>
      </c>
      <c r="G18094" s="8">
        <v>322</v>
      </c>
      <c r="H18094" s="5">
        <v>6</v>
      </c>
      <c r="I18094" s="5" t="s">
        <v>1518</v>
      </c>
      <c r="J18094" s="5" t="s">
        <v>40939</v>
      </c>
      <c r="K18094" s="2" t="s">
        <v>40940</v>
      </c>
      <c r="L18094" s="5" t="s">
        <v>40939</v>
      </c>
      <c r="M18094" s="2" t="s">
        <v>40940</v>
      </c>
      <c r="N18094" s="5" t="s">
        <v>36266</v>
      </c>
      <c r="O18094" s="5" t="s">
        <v>38</v>
      </c>
      <c r="P18094" s="5" t="s">
        <v>39</v>
      </c>
      <c r="Q18094" s="5" t="s">
        <v>40</v>
      </c>
      <c r="R18094" s="5" t="s">
        <v>1522</v>
      </c>
      <c r="S18094" s="5" t="s">
        <v>1523</v>
      </c>
      <c r="T18094" s="5" t="s">
        <v>42</v>
      </c>
      <c r="U18094" s="2">
        <v>3.2989999999999999</v>
      </c>
      <c r="V18094" s="2">
        <v>2.7120000000000002</v>
      </c>
      <c r="W18094" s="2">
        <v>1.7999999999999999E-2</v>
      </c>
      <c r="X18094" s="2">
        <v>139.1</v>
      </c>
      <c r="Y18094" s="2">
        <v>7.6</v>
      </c>
      <c r="Z18094" s="2">
        <v>16.7</v>
      </c>
      <c r="AA18094" s="5"/>
      <c r="AB18094" s="5" t="s">
        <v>43</v>
      </c>
      <c r="AC18094" s="5" t="s">
        <v>44</v>
      </c>
      <c r="AD18094" s="2"/>
      <c r="AE18094" s="1"/>
    </row>
    <row r="18095" spans="1:31" ht="14.45">
      <c r="A18095" s="11"/>
      <c r="B18095" s="20"/>
      <c r="C18095" s="2" t="s">
        <v>55243</v>
      </c>
      <c r="D18095" s="14" t="s">
        <v>55244</v>
      </c>
      <c r="E18095" s="2" t="s">
        <v>55245</v>
      </c>
      <c r="F18095" s="2" t="s">
        <v>41035</v>
      </c>
      <c r="G18095" s="8">
        <v>322</v>
      </c>
      <c r="H18095" s="5">
        <v>6</v>
      </c>
      <c r="I18095" s="5" t="s">
        <v>1518</v>
      </c>
      <c r="J18095" s="5" t="s">
        <v>40939</v>
      </c>
      <c r="K18095" s="2" t="s">
        <v>40940</v>
      </c>
      <c r="L18095" s="5" t="s">
        <v>40939</v>
      </c>
      <c r="M18095" s="2" t="s">
        <v>40940</v>
      </c>
      <c r="N18095" s="5" t="s">
        <v>36266</v>
      </c>
      <c r="O18095" s="5" t="s">
        <v>38</v>
      </c>
      <c r="P18095" s="5" t="s">
        <v>39</v>
      </c>
      <c r="Q18095" s="5" t="s">
        <v>40</v>
      </c>
      <c r="R18095" s="5" t="s">
        <v>1522</v>
      </c>
      <c r="S18095" s="5" t="s">
        <v>1523</v>
      </c>
      <c r="T18095" s="5" t="s">
        <v>42</v>
      </c>
      <c r="U18095" s="2">
        <v>3.399</v>
      </c>
      <c r="V18095" s="2">
        <v>2.8119999999999998</v>
      </c>
      <c r="W18095" s="2">
        <v>1.7999999999999999E-2</v>
      </c>
      <c r="X18095" s="2">
        <v>139.1</v>
      </c>
      <c r="Y18095" s="2">
        <v>7.6</v>
      </c>
      <c r="Z18095" s="2">
        <v>16.7</v>
      </c>
      <c r="AA18095" s="5"/>
      <c r="AB18095" s="5" t="s">
        <v>43</v>
      </c>
      <c r="AC18095" s="5" t="s">
        <v>44</v>
      </c>
      <c r="AD18095" s="2"/>
      <c r="AE18095" s="1"/>
    </row>
    <row r="18096" spans="1:31" ht="14.45">
      <c r="A18096" s="11"/>
      <c r="B18096" s="20"/>
      <c r="C18096" s="2" t="s">
        <v>55246</v>
      </c>
      <c r="D18096" s="14" t="s">
        <v>55247</v>
      </c>
      <c r="E18096" s="2" t="s">
        <v>55248</v>
      </c>
      <c r="F18096" s="2" t="s">
        <v>7449</v>
      </c>
      <c r="G18096" s="8">
        <v>322</v>
      </c>
      <c r="H18096" s="5">
        <v>6</v>
      </c>
      <c r="I18096" s="5" t="s">
        <v>1518</v>
      </c>
      <c r="J18096" s="5" t="s">
        <v>40939</v>
      </c>
      <c r="K18096" s="2" t="s">
        <v>40940</v>
      </c>
      <c r="L18096" s="5" t="s">
        <v>40939</v>
      </c>
      <c r="M18096" s="2" t="s">
        <v>40940</v>
      </c>
      <c r="N18096" s="5" t="s">
        <v>36266</v>
      </c>
      <c r="O18096" s="5" t="s">
        <v>38</v>
      </c>
      <c r="P18096" s="5" t="s">
        <v>39</v>
      </c>
      <c r="Q18096" s="5" t="s">
        <v>40</v>
      </c>
      <c r="R18096" s="5" t="s">
        <v>1522</v>
      </c>
      <c r="S18096" s="5" t="s">
        <v>1523</v>
      </c>
      <c r="T18096" s="5" t="s">
        <v>42</v>
      </c>
      <c r="U18096" s="2">
        <v>3.2989999999999999</v>
      </c>
      <c r="V18096" s="2">
        <v>2.7120000000000002</v>
      </c>
      <c r="W18096" s="2">
        <v>1.7999999999999999E-2</v>
      </c>
      <c r="X18096" s="2">
        <v>139.1</v>
      </c>
      <c r="Y18096" s="2">
        <v>7.6</v>
      </c>
      <c r="Z18096" s="2">
        <v>16.7</v>
      </c>
      <c r="AA18096" s="5"/>
      <c r="AB18096" s="5" t="s">
        <v>43</v>
      </c>
      <c r="AC18096" s="5" t="s">
        <v>44</v>
      </c>
      <c r="AD18096" s="2"/>
      <c r="AE18096" s="1"/>
    </row>
    <row r="18097" spans="1:31" ht="14.45">
      <c r="A18097" s="11"/>
      <c r="B18097" s="20"/>
      <c r="C18097" s="2" t="s">
        <v>55249</v>
      </c>
      <c r="D18097" s="14" t="s">
        <v>55250</v>
      </c>
      <c r="E18097" s="2" t="s">
        <v>55251</v>
      </c>
      <c r="F18097" s="2" t="s">
        <v>7581</v>
      </c>
      <c r="G18097" s="8">
        <v>322</v>
      </c>
      <c r="H18097" s="5">
        <v>6</v>
      </c>
      <c r="I18097" s="5" t="s">
        <v>1518</v>
      </c>
      <c r="J18097" s="5" t="s">
        <v>40939</v>
      </c>
      <c r="K18097" s="2" t="s">
        <v>40940</v>
      </c>
      <c r="L18097" s="5" t="s">
        <v>40939</v>
      </c>
      <c r="M18097" s="2" t="s">
        <v>40940</v>
      </c>
      <c r="N18097" s="5" t="s">
        <v>36266</v>
      </c>
      <c r="O18097" s="5" t="s">
        <v>38</v>
      </c>
      <c r="P18097" s="5" t="s">
        <v>39</v>
      </c>
      <c r="Q18097" s="5" t="s">
        <v>40</v>
      </c>
      <c r="R18097" s="5" t="s">
        <v>1522</v>
      </c>
      <c r="S18097" s="5" t="s">
        <v>1523</v>
      </c>
      <c r="T18097" s="5" t="s">
        <v>42</v>
      </c>
      <c r="U18097" s="2">
        <v>3.399</v>
      </c>
      <c r="V18097" s="2">
        <v>2.8119999999999998</v>
      </c>
      <c r="W18097" s="2">
        <v>1.7999999999999999E-2</v>
      </c>
      <c r="X18097" s="2">
        <v>139.1</v>
      </c>
      <c r="Y18097" s="2">
        <v>7.6</v>
      </c>
      <c r="Z18097" s="2">
        <v>16.7</v>
      </c>
      <c r="AA18097" s="5"/>
      <c r="AB18097" s="5" t="s">
        <v>43</v>
      </c>
      <c r="AC18097" s="5" t="s">
        <v>44</v>
      </c>
      <c r="AD18097" s="2"/>
      <c r="AE18097" s="1"/>
    </row>
    <row r="18098" spans="1:31" ht="14.45">
      <c r="A18098" s="11"/>
      <c r="B18098" s="20"/>
      <c r="C18098" s="2" t="s">
        <v>55252</v>
      </c>
      <c r="D18098" s="14" t="s">
        <v>55253</v>
      </c>
      <c r="E18098" s="2" t="s">
        <v>55254</v>
      </c>
      <c r="F18098" s="2" t="s">
        <v>41045</v>
      </c>
      <c r="G18098" s="8">
        <v>322</v>
      </c>
      <c r="H18098" s="5">
        <v>6</v>
      </c>
      <c r="I18098" s="5" t="s">
        <v>1518</v>
      </c>
      <c r="J18098" s="5" t="s">
        <v>40939</v>
      </c>
      <c r="K18098" s="2" t="s">
        <v>40940</v>
      </c>
      <c r="L18098" s="5" t="s">
        <v>40939</v>
      </c>
      <c r="M18098" s="2" t="s">
        <v>40940</v>
      </c>
      <c r="N18098" s="5" t="s">
        <v>36266</v>
      </c>
      <c r="O18098" s="5" t="s">
        <v>38</v>
      </c>
      <c r="P18098" s="5" t="s">
        <v>39</v>
      </c>
      <c r="Q18098" s="5" t="s">
        <v>40</v>
      </c>
      <c r="R18098" s="5" t="s">
        <v>1522</v>
      </c>
      <c r="S18098" s="5" t="s">
        <v>1523</v>
      </c>
      <c r="T18098" s="5" t="s">
        <v>42</v>
      </c>
      <c r="U18098" s="2">
        <v>3.3719999999999999</v>
      </c>
      <c r="V18098" s="2">
        <v>2.7850000000000001</v>
      </c>
      <c r="W18098" s="2">
        <v>1.7999999999999999E-2</v>
      </c>
      <c r="X18098" s="2">
        <v>139.1</v>
      </c>
      <c r="Y18098" s="2">
        <v>7.6</v>
      </c>
      <c r="Z18098" s="2">
        <v>16.7</v>
      </c>
      <c r="AA18098" s="5"/>
      <c r="AB18098" s="5" t="s">
        <v>43</v>
      </c>
      <c r="AC18098" s="5" t="s">
        <v>44</v>
      </c>
      <c r="AD18098" s="2"/>
      <c r="AE18098" s="1"/>
    </row>
    <row r="18099" spans="1:31" ht="14.45">
      <c r="A18099" s="11"/>
      <c r="B18099" s="20"/>
      <c r="C18099" s="2" t="s">
        <v>55255</v>
      </c>
      <c r="D18099" s="14" t="s">
        <v>55256</v>
      </c>
      <c r="E18099" s="2" t="s">
        <v>55257</v>
      </c>
      <c r="F18099" s="2" t="s">
        <v>41049</v>
      </c>
      <c r="G18099" s="8">
        <v>322</v>
      </c>
      <c r="H18099" s="5">
        <v>6</v>
      </c>
      <c r="I18099" s="5" t="s">
        <v>1518</v>
      </c>
      <c r="J18099" s="5" t="s">
        <v>40939</v>
      </c>
      <c r="K18099" s="2" t="s">
        <v>40940</v>
      </c>
      <c r="L18099" s="5" t="s">
        <v>40939</v>
      </c>
      <c r="M18099" s="2" t="s">
        <v>40940</v>
      </c>
      <c r="N18099" s="5" t="s">
        <v>36266</v>
      </c>
      <c r="O18099" s="5" t="s">
        <v>38</v>
      </c>
      <c r="P18099" s="5" t="s">
        <v>39</v>
      </c>
      <c r="Q18099" s="5" t="s">
        <v>40</v>
      </c>
      <c r="R18099" s="5" t="s">
        <v>1522</v>
      </c>
      <c r="S18099" s="5" t="s">
        <v>1523</v>
      </c>
      <c r="T18099" s="5" t="s">
        <v>42</v>
      </c>
      <c r="U18099" s="2">
        <v>3.472</v>
      </c>
      <c r="V18099" s="2">
        <v>2.8849999999999998</v>
      </c>
      <c r="W18099" s="2">
        <v>1.7999999999999999E-2</v>
      </c>
      <c r="X18099" s="2">
        <v>139.1</v>
      </c>
      <c r="Y18099" s="2">
        <v>7.6</v>
      </c>
      <c r="Z18099" s="2">
        <v>16.7</v>
      </c>
      <c r="AA18099" s="5"/>
      <c r="AB18099" s="5" t="s">
        <v>43</v>
      </c>
      <c r="AC18099" s="5" t="s">
        <v>44</v>
      </c>
      <c r="AD18099" s="2"/>
      <c r="AE18099" s="1"/>
    </row>
    <row r="18100" spans="1:31" ht="14.45">
      <c r="A18100" s="11"/>
      <c r="B18100" s="20"/>
      <c r="C18100" s="2" t="s">
        <v>55258</v>
      </c>
      <c r="D18100" s="14" t="s">
        <v>55259</v>
      </c>
      <c r="E18100" s="2" t="s">
        <v>55260</v>
      </c>
      <c r="F18100" s="2" t="s">
        <v>7204</v>
      </c>
      <c r="G18100" s="8">
        <v>307</v>
      </c>
      <c r="H18100" s="5">
        <v>6</v>
      </c>
      <c r="I18100" s="5" t="s">
        <v>1518</v>
      </c>
      <c r="J18100" s="5" t="s">
        <v>40939</v>
      </c>
      <c r="K18100" s="2" t="s">
        <v>40940</v>
      </c>
      <c r="L18100" s="5" t="s">
        <v>40939</v>
      </c>
      <c r="M18100" s="2" t="s">
        <v>40940</v>
      </c>
      <c r="N18100" s="5" t="s">
        <v>36266</v>
      </c>
      <c r="O18100" s="5" t="s">
        <v>38</v>
      </c>
      <c r="P18100" s="5" t="s">
        <v>39</v>
      </c>
      <c r="Q18100" s="5" t="s">
        <v>40</v>
      </c>
      <c r="R18100" s="5" t="s">
        <v>1522</v>
      </c>
      <c r="S18100" s="5" t="s">
        <v>1523</v>
      </c>
      <c r="T18100" s="5" t="s">
        <v>42</v>
      </c>
      <c r="U18100" s="2">
        <v>3.4780000000000002</v>
      </c>
      <c r="V18100" s="2">
        <v>2.9020000000000001</v>
      </c>
      <c r="W18100" s="2">
        <v>1.7999999999999999E-2</v>
      </c>
      <c r="X18100" s="2">
        <v>139.1</v>
      </c>
      <c r="Y18100" s="2">
        <v>7.6</v>
      </c>
      <c r="Z18100" s="2">
        <v>16.7</v>
      </c>
      <c r="AA18100" s="5"/>
      <c r="AB18100" s="5" t="s">
        <v>43</v>
      </c>
      <c r="AC18100" s="5" t="s">
        <v>44</v>
      </c>
      <c r="AD18100" s="2"/>
      <c r="AE18100" s="1"/>
    </row>
    <row r="18101" spans="1:31" ht="14.45">
      <c r="A18101" s="11"/>
      <c r="B18101" s="20"/>
      <c r="C18101" s="2" t="s">
        <v>55261</v>
      </c>
      <c r="D18101" s="14" t="s">
        <v>55262</v>
      </c>
      <c r="E18101" s="2" t="s">
        <v>55263</v>
      </c>
      <c r="F18101" s="2" t="s">
        <v>7514</v>
      </c>
      <c r="G18101" s="8">
        <v>307</v>
      </c>
      <c r="H18101" s="5">
        <v>6</v>
      </c>
      <c r="I18101" s="5" t="s">
        <v>1518</v>
      </c>
      <c r="J18101" s="5" t="s">
        <v>40939</v>
      </c>
      <c r="K18101" s="2" t="s">
        <v>40940</v>
      </c>
      <c r="L18101" s="5" t="s">
        <v>40939</v>
      </c>
      <c r="M18101" s="2" t="s">
        <v>40940</v>
      </c>
      <c r="N18101" s="5" t="s">
        <v>36266</v>
      </c>
      <c r="O18101" s="5" t="s">
        <v>38</v>
      </c>
      <c r="P18101" s="5" t="s">
        <v>39</v>
      </c>
      <c r="Q18101" s="5" t="s">
        <v>40</v>
      </c>
      <c r="R18101" s="5" t="s">
        <v>1522</v>
      </c>
      <c r="S18101" s="5" t="s">
        <v>1523</v>
      </c>
      <c r="T18101" s="5" t="s">
        <v>42</v>
      </c>
      <c r="U18101" s="2">
        <v>3.59</v>
      </c>
      <c r="V18101" s="2">
        <v>3.0139999999999998</v>
      </c>
      <c r="W18101" s="2">
        <v>1.7999999999999999E-2</v>
      </c>
      <c r="X18101" s="2">
        <v>139.1</v>
      </c>
      <c r="Y18101" s="2">
        <v>7.6</v>
      </c>
      <c r="Z18101" s="2">
        <v>16.7</v>
      </c>
      <c r="AA18101" s="5"/>
      <c r="AB18101" s="5" t="s">
        <v>43</v>
      </c>
      <c r="AC18101" s="5" t="s">
        <v>44</v>
      </c>
      <c r="AD18101" s="2"/>
      <c r="AE18101" s="1"/>
    </row>
    <row r="18102" spans="1:31" ht="14.45">
      <c r="A18102" s="11"/>
      <c r="B18102" s="20"/>
      <c r="C18102" s="2" t="s">
        <v>55264</v>
      </c>
      <c r="D18102" s="14" t="s">
        <v>55265</v>
      </c>
      <c r="E18102" s="2" t="s">
        <v>55266</v>
      </c>
      <c r="F18102" s="2" t="s">
        <v>47195</v>
      </c>
      <c r="G18102" s="8">
        <v>333</v>
      </c>
      <c r="H18102" s="5">
        <v>6</v>
      </c>
      <c r="I18102" s="5" t="s">
        <v>1518</v>
      </c>
      <c r="J18102" s="5" t="s">
        <v>40939</v>
      </c>
      <c r="K18102" s="2" t="s">
        <v>40940</v>
      </c>
      <c r="L18102" s="5" t="s">
        <v>40939</v>
      </c>
      <c r="M18102" s="2" t="s">
        <v>40940</v>
      </c>
      <c r="N18102" s="5" t="s">
        <v>36266</v>
      </c>
      <c r="O18102" s="5" t="s">
        <v>38</v>
      </c>
      <c r="P18102" s="5" t="s">
        <v>39</v>
      </c>
      <c r="Q18102" s="5" t="s">
        <v>40</v>
      </c>
      <c r="R18102" s="5" t="s">
        <v>1522</v>
      </c>
      <c r="S18102" s="5" t="s">
        <v>1523</v>
      </c>
      <c r="T18102" s="5" t="s">
        <v>42</v>
      </c>
      <c r="U18102" s="2">
        <v>3.6179999999999999</v>
      </c>
      <c r="V18102" s="2">
        <v>3.0419999999999998</v>
      </c>
      <c r="W18102" s="2">
        <v>1.7999999999999999E-2</v>
      </c>
      <c r="X18102" s="2">
        <v>139.1</v>
      </c>
      <c r="Y18102" s="2">
        <v>7.6</v>
      </c>
      <c r="Z18102" s="2">
        <v>16.7</v>
      </c>
      <c r="AA18102" s="5"/>
      <c r="AB18102" s="5" t="s">
        <v>43</v>
      </c>
      <c r="AC18102" s="5" t="s">
        <v>44</v>
      </c>
      <c r="AD18102" s="2"/>
      <c r="AE18102" s="1"/>
    </row>
    <row r="18103" spans="1:31" ht="14.45">
      <c r="A18103" s="11"/>
      <c r="B18103" s="20"/>
      <c r="C18103" s="2" t="s">
        <v>55267</v>
      </c>
      <c r="D18103" s="14" t="s">
        <v>55268</v>
      </c>
      <c r="E18103" s="2" t="s">
        <v>55269</v>
      </c>
      <c r="F18103" s="2" t="s">
        <v>7208</v>
      </c>
      <c r="G18103" s="8">
        <v>307</v>
      </c>
      <c r="H18103" s="5">
        <v>6</v>
      </c>
      <c r="I18103" s="5" t="s">
        <v>1518</v>
      </c>
      <c r="J18103" s="5" t="s">
        <v>40939</v>
      </c>
      <c r="K18103" s="2" t="s">
        <v>40940</v>
      </c>
      <c r="L18103" s="5" t="s">
        <v>40939</v>
      </c>
      <c r="M18103" s="2" t="s">
        <v>40940</v>
      </c>
      <c r="N18103" s="5" t="s">
        <v>36266</v>
      </c>
      <c r="O18103" s="5" t="s">
        <v>38</v>
      </c>
      <c r="P18103" s="5" t="s">
        <v>39</v>
      </c>
      <c r="Q18103" s="5" t="s">
        <v>40</v>
      </c>
      <c r="R18103" s="5" t="s">
        <v>1522</v>
      </c>
      <c r="S18103" s="5" t="s">
        <v>1523</v>
      </c>
      <c r="T18103" s="5" t="s">
        <v>42</v>
      </c>
      <c r="U18103" s="2">
        <v>3.5209999999999999</v>
      </c>
      <c r="V18103" s="2">
        <v>2.9449999999999998</v>
      </c>
      <c r="W18103" s="2">
        <v>1.7999999999999999E-2</v>
      </c>
      <c r="X18103" s="2">
        <v>139.1</v>
      </c>
      <c r="Y18103" s="2">
        <v>7.6</v>
      </c>
      <c r="Z18103" s="2">
        <v>16.7</v>
      </c>
      <c r="AA18103" s="5"/>
      <c r="AB18103" s="5" t="s">
        <v>43</v>
      </c>
      <c r="AC18103" s="5" t="s">
        <v>44</v>
      </c>
      <c r="AD18103" s="2"/>
      <c r="AE18103" s="1"/>
    </row>
    <row r="18104" spans="1:31" ht="14.45">
      <c r="A18104" s="11"/>
      <c r="B18104" s="20"/>
      <c r="C18104" s="2" t="s">
        <v>55270</v>
      </c>
      <c r="D18104" s="14" t="s">
        <v>55271</v>
      </c>
      <c r="E18104" s="2" t="s">
        <v>55272</v>
      </c>
      <c r="F18104" s="2" t="s">
        <v>7521</v>
      </c>
      <c r="G18104" s="8">
        <v>307</v>
      </c>
      <c r="H18104" s="5">
        <v>6</v>
      </c>
      <c r="I18104" s="5" t="s">
        <v>1518</v>
      </c>
      <c r="J18104" s="5" t="s">
        <v>40939</v>
      </c>
      <c r="K18104" s="2" t="s">
        <v>40940</v>
      </c>
      <c r="L18104" s="5" t="s">
        <v>40939</v>
      </c>
      <c r="M18104" s="2" t="s">
        <v>40940</v>
      </c>
      <c r="N18104" s="5" t="s">
        <v>36266</v>
      </c>
      <c r="O18104" s="5" t="s">
        <v>38</v>
      </c>
      <c r="P18104" s="5" t="s">
        <v>39</v>
      </c>
      <c r="Q18104" s="5" t="s">
        <v>40</v>
      </c>
      <c r="R18104" s="5" t="s">
        <v>1522</v>
      </c>
      <c r="S18104" s="5" t="s">
        <v>1523</v>
      </c>
      <c r="T18104" s="5" t="s">
        <v>42</v>
      </c>
      <c r="U18104" s="2">
        <v>3.633</v>
      </c>
      <c r="V18104" s="2">
        <v>3.0569999999999999</v>
      </c>
      <c r="W18104" s="2">
        <v>1.7999999999999999E-2</v>
      </c>
      <c r="X18104" s="2">
        <v>139.1</v>
      </c>
      <c r="Y18104" s="2">
        <v>7.6</v>
      </c>
      <c r="Z18104" s="2">
        <v>16.7</v>
      </c>
      <c r="AA18104" s="5"/>
      <c r="AB18104" s="5" t="s">
        <v>43</v>
      </c>
      <c r="AC18104" s="5" t="s">
        <v>44</v>
      </c>
      <c r="AD18104" s="2"/>
      <c r="AE18104" s="1"/>
    </row>
    <row r="18105" spans="1:31" ht="14.45">
      <c r="A18105" s="11"/>
      <c r="B18105" s="20"/>
      <c r="C18105" s="2" t="s">
        <v>55273</v>
      </c>
      <c r="D18105" s="14" t="s">
        <v>55274</v>
      </c>
      <c r="E18105" s="2" t="s">
        <v>55275</v>
      </c>
      <c r="F18105" s="2" t="s">
        <v>36273</v>
      </c>
      <c r="G18105" s="8">
        <v>307</v>
      </c>
      <c r="H18105" s="5">
        <v>6</v>
      </c>
      <c r="I18105" s="5" t="s">
        <v>1518</v>
      </c>
      <c r="J18105" s="5" t="s">
        <v>40939</v>
      </c>
      <c r="K18105" s="2" t="s">
        <v>40940</v>
      </c>
      <c r="L18105" s="5" t="s">
        <v>40939</v>
      </c>
      <c r="M18105" s="2" t="s">
        <v>40940</v>
      </c>
      <c r="N18105" s="5" t="s">
        <v>36266</v>
      </c>
      <c r="O18105" s="5" t="s">
        <v>38</v>
      </c>
      <c r="P18105" s="5" t="s">
        <v>39</v>
      </c>
      <c r="Q18105" s="5" t="s">
        <v>40</v>
      </c>
      <c r="R18105" s="5" t="s">
        <v>1522</v>
      </c>
      <c r="S18105" s="5" t="s">
        <v>1523</v>
      </c>
      <c r="T18105" s="5" t="s">
        <v>42</v>
      </c>
      <c r="U18105" s="2">
        <v>3.55</v>
      </c>
      <c r="V18105" s="2">
        <v>2.9740000000000002</v>
      </c>
      <c r="W18105" s="2">
        <v>1.7999999999999999E-2</v>
      </c>
      <c r="X18105" s="2">
        <v>139.1</v>
      </c>
      <c r="Y18105" s="2">
        <v>7.6</v>
      </c>
      <c r="Z18105" s="2">
        <v>16.7</v>
      </c>
      <c r="AA18105" s="5"/>
      <c r="AB18105" s="5" t="s">
        <v>43</v>
      </c>
      <c r="AC18105" s="5" t="s">
        <v>44</v>
      </c>
      <c r="AD18105" s="2"/>
      <c r="AE18105" s="1"/>
    </row>
    <row r="18106" spans="1:31" ht="14.45">
      <c r="A18106" s="11"/>
      <c r="B18106" s="20"/>
      <c r="C18106" s="2" t="s">
        <v>55276</v>
      </c>
      <c r="D18106" s="14" t="s">
        <v>55277</v>
      </c>
      <c r="E18106" s="2" t="s">
        <v>55278</v>
      </c>
      <c r="F18106" s="2" t="s">
        <v>36277</v>
      </c>
      <c r="G18106" s="8">
        <v>307</v>
      </c>
      <c r="H18106" s="5">
        <v>6</v>
      </c>
      <c r="I18106" s="5" t="s">
        <v>1518</v>
      </c>
      <c r="J18106" s="5" t="s">
        <v>40939</v>
      </c>
      <c r="K18106" s="2" t="s">
        <v>40940</v>
      </c>
      <c r="L18106" s="5" t="s">
        <v>40939</v>
      </c>
      <c r="M18106" s="2" t="s">
        <v>40940</v>
      </c>
      <c r="N18106" s="5" t="s">
        <v>36266</v>
      </c>
      <c r="O18106" s="5" t="s">
        <v>38</v>
      </c>
      <c r="P18106" s="5" t="s">
        <v>39</v>
      </c>
      <c r="Q18106" s="5" t="s">
        <v>40</v>
      </c>
      <c r="R18106" s="5" t="s">
        <v>1522</v>
      </c>
      <c r="S18106" s="5" t="s">
        <v>1523</v>
      </c>
      <c r="T18106" s="5" t="s">
        <v>42</v>
      </c>
      <c r="U18106" s="2">
        <v>3.6619999999999999</v>
      </c>
      <c r="V18106" s="2">
        <v>3.0859999999999999</v>
      </c>
      <c r="W18106" s="2">
        <v>1.7999999999999999E-2</v>
      </c>
      <c r="X18106" s="2">
        <v>139.1</v>
      </c>
      <c r="Y18106" s="2">
        <v>7.6</v>
      </c>
      <c r="Z18106" s="2">
        <v>16.7</v>
      </c>
      <c r="AA18106" s="5"/>
      <c r="AB18106" s="5" t="s">
        <v>43</v>
      </c>
      <c r="AC18106" s="5" t="s">
        <v>44</v>
      </c>
      <c r="AD18106" s="2"/>
      <c r="AE18106" s="1"/>
    </row>
    <row r="18107" spans="1:31" ht="14.45">
      <c r="A18107" s="11"/>
      <c r="B18107" s="20"/>
      <c r="C18107" s="2" t="s">
        <v>55279</v>
      </c>
      <c r="D18107" s="14" t="s">
        <v>55280</v>
      </c>
      <c r="E18107" s="2" t="s">
        <v>55281</v>
      </c>
      <c r="F18107" s="2" t="s">
        <v>40967</v>
      </c>
      <c r="G18107" s="8">
        <v>333</v>
      </c>
      <c r="H18107" s="5">
        <v>6</v>
      </c>
      <c r="I18107" s="5" t="s">
        <v>1518</v>
      </c>
      <c r="J18107" s="5" t="s">
        <v>40939</v>
      </c>
      <c r="K18107" s="2" t="s">
        <v>40940</v>
      </c>
      <c r="L18107" s="5" t="s">
        <v>40939</v>
      </c>
      <c r="M18107" s="2" t="s">
        <v>40940</v>
      </c>
      <c r="N18107" s="5" t="s">
        <v>36266</v>
      </c>
      <c r="O18107" s="5" t="s">
        <v>38</v>
      </c>
      <c r="P18107" s="5" t="s">
        <v>39</v>
      </c>
      <c r="Q18107" s="5" t="s">
        <v>40</v>
      </c>
      <c r="R18107" s="5" t="s">
        <v>1522</v>
      </c>
      <c r="S18107" s="5" t="s">
        <v>1523</v>
      </c>
      <c r="T18107" s="5" t="s">
        <v>42</v>
      </c>
      <c r="U18107" s="2">
        <v>3.5209999999999999</v>
      </c>
      <c r="V18107" s="2">
        <v>2.9449999999999998</v>
      </c>
      <c r="W18107" s="2">
        <v>1.7999999999999999E-2</v>
      </c>
      <c r="X18107" s="2">
        <v>139.1</v>
      </c>
      <c r="Y18107" s="2">
        <v>7.6</v>
      </c>
      <c r="Z18107" s="2">
        <v>16.7</v>
      </c>
      <c r="AA18107" s="5"/>
      <c r="AB18107" s="5" t="s">
        <v>43</v>
      </c>
      <c r="AC18107" s="5" t="s">
        <v>44</v>
      </c>
      <c r="AD18107" s="2"/>
      <c r="AE18107" s="1"/>
    </row>
    <row r="18108" spans="1:31" ht="14.45">
      <c r="A18108" s="11"/>
      <c r="B18108" s="20"/>
      <c r="C18108" s="2" t="s">
        <v>55282</v>
      </c>
      <c r="D18108" s="14" t="s">
        <v>55283</v>
      </c>
      <c r="E18108" s="2" t="s">
        <v>55284</v>
      </c>
      <c r="F18108" s="2" t="s">
        <v>40971</v>
      </c>
      <c r="G18108" s="8">
        <v>333</v>
      </c>
      <c r="H18108" s="5">
        <v>6</v>
      </c>
      <c r="I18108" s="5" t="s">
        <v>1518</v>
      </c>
      <c r="J18108" s="5" t="s">
        <v>40939</v>
      </c>
      <c r="K18108" s="2" t="s">
        <v>40940</v>
      </c>
      <c r="L18108" s="5" t="s">
        <v>40939</v>
      </c>
      <c r="M18108" s="2" t="s">
        <v>40940</v>
      </c>
      <c r="N18108" s="5" t="s">
        <v>36266</v>
      </c>
      <c r="O18108" s="5" t="s">
        <v>38</v>
      </c>
      <c r="P18108" s="5" t="s">
        <v>39</v>
      </c>
      <c r="Q18108" s="5" t="s">
        <v>40</v>
      </c>
      <c r="R18108" s="5" t="s">
        <v>1522</v>
      </c>
      <c r="S18108" s="5" t="s">
        <v>1523</v>
      </c>
      <c r="T18108" s="5" t="s">
        <v>42</v>
      </c>
      <c r="U18108" s="2">
        <v>3.633</v>
      </c>
      <c r="V18108" s="2">
        <v>3.0569999999999999</v>
      </c>
      <c r="W18108" s="2">
        <v>1.7999999999999999E-2</v>
      </c>
      <c r="X18108" s="2">
        <v>139.1</v>
      </c>
      <c r="Y18108" s="2">
        <v>7.6</v>
      </c>
      <c r="Z18108" s="2">
        <v>16.7</v>
      </c>
      <c r="AA18108" s="5"/>
      <c r="AB18108" s="5" t="s">
        <v>43</v>
      </c>
      <c r="AC18108" s="5" t="s">
        <v>44</v>
      </c>
      <c r="AD18108" s="2"/>
      <c r="AE18108" s="1"/>
    </row>
    <row r="18109" spans="1:31" ht="14.45">
      <c r="A18109" s="11"/>
      <c r="B18109" s="20"/>
      <c r="C18109" s="2" t="s">
        <v>55285</v>
      </c>
      <c r="D18109" s="14" t="s">
        <v>55286</v>
      </c>
      <c r="E18109" s="2" t="s">
        <v>55287</v>
      </c>
      <c r="F18109" s="2" t="s">
        <v>47735</v>
      </c>
      <c r="G18109" s="8">
        <v>333</v>
      </c>
      <c r="H18109" s="5">
        <v>6</v>
      </c>
      <c r="I18109" s="5" t="s">
        <v>1518</v>
      </c>
      <c r="J18109" s="5" t="s">
        <v>40939</v>
      </c>
      <c r="K18109" s="2" t="s">
        <v>40940</v>
      </c>
      <c r="L18109" s="5" t="s">
        <v>40939</v>
      </c>
      <c r="M18109" s="2" t="s">
        <v>40940</v>
      </c>
      <c r="N18109" s="5" t="s">
        <v>36266</v>
      </c>
      <c r="O18109" s="5" t="s">
        <v>38</v>
      </c>
      <c r="P18109" s="5" t="s">
        <v>39</v>
      </c>
      <c r="Q18109" s="5" t="s">
        <v>40</v>
      </c>
      <c r="R18109" s="5" t="s">
        <v>1522</v>
      </c>
      <c r="S18109" s="5" t="s">
        <v>1523</v>
      </c>
      <c r="T18109" s="5" t="s">
        <v>42</v>
      </c>
      <c r="U18109" s="2">
        <v>3.633</v>
      </c>
      <c r="V18109" s="2">
        <v>3.0569999999999999</v>
      </c>
      <c r="W18109" s="2">
        <v>1.7999999999999999E-2</v>
      </c>
      <c r="X18109" s="2">
        <v>139.1</v>
      </c>
      <c r="Y18109" s="2">
        <v>7.6</v>
      </c>
      <c r="Z18109" s="2">
        <v>16.7</v>
      </c>
      <c r="AA18109" s="5"/>
      <c r="AB18109" s="5" t="s">
        <v>43</v>
      </c>
      <c r="AC18109" s="5" t="s">
        <v>44</v>
      </c>
      <c r="AD18109" s="2"/>
      <c r="AE18109" s="1"/>
    </row>
    <row r="18110" spans="1:31" ht="14.45">
      <c r="A18110" s="11"/>
      <c r="B18110" s="20"/>
      <c r="C18110" s="2" t="s">
        <v>55288</v>
      </c>
      <c r="D18110" s="14" t="s">
        <v>55289</v>
      </c>
      <c r="E18110" s="2" t="s">
        <v>55290</v>
      </c>
      <c r="F18110" s="2" t="s">
        <v>7539</v>
      </c>
      <c r="G18110" s="8">
        <v>333</v>
      </c>
      <c r="H18110" s="5">
        <v>6</v>
      </c>
      <c r="I18110" s="5" t="s">
        <v>1518</v>
      </c>
      <c r="J18110" s="5" t="s">
        <v>40939</v>
      </c>
      <c r="K18110" s="2" t="s">
        <v>40940</v>
      </c>
      <c r="L18110" s="5" t="s">
        <v>40939</v>
      </c>
      <c r="M18110" s="2" t="s">
        <v>40940</v>
      </c>
      <c r="N18110" s="5" t="s">
        <v>36266</v>
      </c>
      <c r="O18110" s="5" t="s">
        <v>38</v>
      </c>
      <c r="P18110" s="5" t="s">
        <v>39</v>
      </c>
      <c r="Q18110" s="5" t="s">
        <v>40</v>
      </c>
      <c r="R18110" s="5" t="s">
        <v>1522</v>
      </c>
      <c r="S18110" s="5" t="s">
        <v>1523</v>
      </c>
      <c r="T18110" s="5" t="s">
        <v>42</v>
      </c>
      <c r="U18110" s="2">
        <v>3.4489999999999998</v>
      </c>
      <c r="V18110" s="2">
        <v>2.8730000000000002</v>
      </c>
      <c r="W18110" s="2">
        <v>1.7999999999999999E-2</v>
      </c>
      <c r="X18110" s="2">
        <v>139.1</v>
      </c>
      <c r="Y18110" s="2">
        <v>7.6</v>
      </c>
      <c r="Z18110" s="2">
        <v>16.7</v>
      </c>
      <c r="AA18110" s="5"/>
      <c r="AB18110" s="5" t="s">
        <v>43</v>
      </c>
      <c r="AC18110" s="5" t="s">
        <v>44</v>
      </c>
      <c r="AD18110" s="2"/>
      <c r="AE18110" s="1"/>
    </row>
    <row r="18111" spans="1:31" ht="14.45">
      <c r="A18111" s="11"/>
      <c r="B18111" s="20"/>
      <c r="C18111" s="2" t="s">
        <v>55291</v>
      </c>
      <c r="D18111" s="14" t="s">
        <v>55292</v>
      </c>
      <c r="E18111" s="2" t="s">
        <v>55293</v>
      </c>
      <c r="F18111" s="2" t="s">
        <v>7543</v>
      </c>
      <c r="G18111" s="8">
        <v>333</v>
      </c>
      <c r="H18111" s="5">
        <v>6</v>
      </c>
      <c r="I18111" s="5" t="s">
        <v>1518</v>
      </c>
      <c r="J18111" s="5" t="s">
        <v>40939</v>
      </c>
      <c r="K18111" s="2" t="s">
        <v>40940</v>
      </c>
      <c r="L18111" s="5" t="s">
        <v>40939</v>
      </c>
      <c r="M18111" s="2" t="s">
        <v>40940</v>
      </c>
      <c r="N18111" s="5" t="s">
        <v>36266</v>
      </c>
      <c r="O18111" s="5" t="s">
        <v>38</v>
      </c>
      <c r="P18111" s="5" t="s">
        <v>39</v>
      </c>
      <c r="Q18111" s="5" t="s">
        <v>40</v>
      </c>
      <c r="R18111" s="5" t="s">
        <v>1522</v>
      </c>
      <c r="S18111" s="5" t="s">
        <v>1523</v>
      </c>
      <c r="T18111" s="5" t="s">
        <v>42</v>
      </c>
      <c r="U18111" s="2">
        <v>3.5609999999999999</v>
      </c>
      <c r="V18111" s="2">
        <v>2.9849999999999999</v>
      </c>
      <c r="W18111" s="2">
        <v>1.7999999999999999E-2</v>
      </c>
      <c r="X18111" s="2">
        <v>139.1</v>
      </c>
      <c r="Y18111" s="2">
        <v>7.6</v>
      </c>
      <c r="Z18111" s="2">
        <v>16.7</v>
      </c>
      <c r="AA18111" s="5"/>
      <c r="AB18111" s="5" t="s">
        <v>43</v>
      </c>
      <c r="AC18111" s="5" t="s">
        <v>44</v>
      </c>
      <c r="AD18111" s="2"/>
      <c r="AE18111" s="1"/>
    </row>
    <row r="18112" spans="1:31" ht="14.45">
      <c r="A18112" s="11"/>
      <c r="B18112" s="20"/>
      <c r="C18112" s="2" t="s">
        <v>55294</v>
      </c>
      <c r="D18112" s="14" t="s">
        <v>55295</v>
      </c>
      <c r="E18112" s="2" t="s">
        <v>55296</v>
      </c>
      <c r="F18112" s="2" t="s">
        <v>40989</v>
      </c>
      <c r="G18112" s="8">
        <v>333</v>
      </c>
      <c r="H18112" s="5">
        <v>6</v>
      </c>
      <c r="I18112" s="5" t="s">
        <v>1518</v>
      </c>
      <c r="J18112" s="5" t="s">
        <v>40939</v>
      </c>
      <c r="K18112" s="2" t="s">
        <v>40940</v>
      </c>
      <c r="L18112" s="5" t="s">
        <v>40939</v>
      </c>
      <c r="M18112" s="2" t="s">
        <v>40940</v>
      </c>
      <c r="N18112" s="5" t="s">
        <v>36266</v>
      </c>
      <c r="O18112" s="5" t="s">
        <v>38</v>
      </c>
      <c r="P18112" s="5" t="s">
        <v>39</v>
      </c>
      <c r="Q18112" s="5" t="s">
        <v>40</v>
      </c>
      <c r="R18112" s="5" t="s">
        <v>1522</v>
      </c>
      <c r="S18112" s="5" t="s">
        <v>1523</v>
      </c>
      <c r="T18112" s="5" t="s">
        <v>42</v>
      </c>
      <c r="U18112" s="2">
        <v>3.5209999999999999</v>
      </c>
      <c r="V18112" s="2">
        <v>2.9449999999999998</v>
      </c>
      <c r="W18112" s="2">
        <v>1.7999999999999999E-2</v>
      </c>
      <c r="X18112" s="2">
        <v>139.1</v>
      </c>
      <c r="Y18112" s="2">
        <v>7.6</v>
      </c>
      <c r="Z18112" s="2">
        <v>16.7</v>
      </c>
      <c r="AA18112" s="5"/>
      <c r="AB18112" s="5" t="s">
        <v>43</v>
      </c>
      <c r="AC18112" s="5" t="s">
        <v>44</v>
      </c>
      <c r="AD18112" s="2"/>
      <c r="AE18112" s="1"/>
    </row>
    <row r="18113" spans="1:31" ht="14.45">
      <c r="A18113" s="11"/>
      <c r="B18113" s="20"/>
      <c r="C18113" s="2" t="s">
        <v>55297</v>
      </c>
      <c r="D18113" s="14" t="s">
        <v>55298</v>
      </c>
      <c r="E18113" s="2" t="s">
        <v>55299</v>
      </c>
      <c r="F18113" s="2" t="s">
        <v>40993</v>
      </c>
      <c r="G18113" s="8">
        <v>333</v>
      </c>
      <c r="H18113" s="5">
        <v>6</v>
      </c>
      <c r="I18113" s="5" t="s">
        <v>1518</v>
      </c>
      <c r="J18113" s="5" t="s">
        <v>40939</v>
      </c>
      <c r="K18113" s="2" t="s">
        <v>40940</v>
      </c>
      <c r="L18113" s="5" t="s">
        <v>40939</v>
      </c>
      <c r="M18113" s="2" t="s">
        <v>40940</v>
      </c>
      <c r="N18113" s="5" t="s">
        <v>36266</v>
      </c>
      <c r="O18113" s="5" t="s">
        <v>38</v>
      </c>
      <c r="P18113" s="5" t="s">
        <v>39</v>
      </c>
      <c r="Q18113" s="5" t="s">
        <v>40</v>
      </c>
      <c r="R18113" s="5" t="s">
        <v>1522</v>
      </c>
      <c r="S18113" s="5" t="s">
        <v>1523</v>
      </c>
      <c r="T18113" s="5" t="s">
        <v>42</v>
      </c>
      <c r="U18113" s="2">
        <v>3.633</v>
      </c>
      <c r="V18113" s="2">
        <v>3.0569999999999999</v>
      </c>
      <c r="W18113" s="2">
        <v>1.7999999999999999E-2</v>
      </c>
      <c r="X18113" s="2">
        <v>139.1</v>
      </c>
      <c r="Y18113" s="2">
        <v>7.6</v>
      </c>
      <c r="Z18113" s="2">
        <v>16.7</v>
      </c>
      <c r="AA18113" s="5"/>
      <c r="AB18113" s="5" t="s">
        <v>43</v>
      </c>
      <c r="AC18113" s="5" t="s">
        <v>44</v>
      </c>
      <c r="AD18113" s="2"/>
      <c r="AE18113" s="1"/>
    </row>
    <row r="18114" spans="1:31" ht="14.45">
      <c r="A18114" s="11"/>
      <c r="B18114" s="20"/>
      <c r="C18114" s="2" t="s">
        <v>55300</v>
      </c>
      <c r="D18114" s="14" t="s">
        <v>55301</v>
      </c>
      <c r="E18114" s="2" t="s">
        <v>55302</v>
      </c>
      <c r="F18114" s="2" t="s">
        <v>41267</v>
      </c>
      <c r="G18114" s="8">
        <v>333</v>
      </c>
      <c r="H18114" s="5">
        <v>6</v>
      </c>
      <c r="I18114" s="5" t="s">
        <v>1518</v>
      </c>
      <c r="J18114" s="5" t="s">
        <v>40939</v>
      </c>
      <c r="K18114" s="2" t="s">
        <v>40940</v>
      </c>
      <c r="L18114" s="5" t="s">
        <v>40939</v>
      </c>
      <c r="M18114" s="2" t="s">
        <v>40940</v>
      </c>
      <c r="N18114" s="5" t="s">
        <v>36266</v>
      </c>
      <c r="O18114" s="5" t="s">
        <v>38</v>
      </c>
      <c r="P18114" s="5" t="s">
        <v>39</v>
      </c>
      <c r="Q18114" s="5" t="s">
        <v>40</v>
      </c>
      <c r="R18114" s="5" t="s">
        <v>1522</v>
      </c>
      <c r="S18114" s="5" t="s">
        <v>1523</v>
      </c>
      <c r="T18114" s="5" t="s">
        <v>42</v>
      </c>
      <c r="U18114" s="2">
        <v>3.5750000000000002</v>
      </c>
      <c r="V18114" s="2">
        <v>2.9990000000000001</v>
      </c>
      <c r="W18114" s="2">
        <v>1.7999999999999999E-2</v>
      </c>
      <c r="X18114" s="2">
        <v>139.1</v>
      </c>
      <c r="Y18114" s="2">
        <v>7.6</v>
      </c>
      <c r="Z18114" s="2">
        <v>16.7</v>
      </c>
      <c r="AA18114" s="5"/>
      <c r="AB18114" s="5" t="s">
        <v>43</v>
      </c>
      <c r="AC18114" s="5" t="s">
        <v>44</v>
      </c>
      <c r="AD18114" s="2"/>
      <c r="AE18114" s="1"/>
    </row>
    <row r="18115" spans="1:31" ht="14.45">
      <c r="A18115" s="11"/>
      <c r="B18115" s="20"/>
      <c r="C18115" s="2" t="s">
        <v>55303</v>
      </c>
      <c r="D18115" s="14" t="s">
        <v>55304</v>
      </c>
      <c r="E18115" s="2" t="s">
        <v>55305</v>
      </c>
      <c r="F18115" s="2" t="s">
        <v>41001</v>
      </c>
      <c r="G18115" s="8">
        <v>333</v>
      </c>
      <c r="H18115" s="5">
        <v>6</v>
      </c>
      <c r="I18115" s="5" t="s">
        <v>1518</v>
      </c>
      <c r="J18115" s="5" t="s">
        <v>40939</v>
      </c>
      <c r="K18115" s="2" t="s">
        <v>40940</v>
      </c>
      <c r="L18115" s="5" t="s">
        <v>40939</v>
      </c>
      <c r="M18115" s="2" t="s">
        <v>40940</v>
      </c>
      <c r="N18115" s="5" t="s">
        <v>36266</v>
      </c>
      <c r="O18115" s="5" t="s">
        <v>38</v>
      </c>
      <c r="P18115" s="5" t="s">
        <v>39</v>
      </c>
      <c r="Q18115" s="5" t="s">
        <v>40</v>
      </c>
      <c r="R18115" s="5" t="s">
        <v>1522</v>
      </c>
      <c r="S18115" s="5" t="s">
        <v>1523</v>
      </c>
      <c r="T18115" s="5" t="s">
        <v>42</v>
      </c>
      <c r="U18115" s="2">
        <v>3.5209999999999999</v>
      </c>
      <c r="V18115" s="2">
        <v>2.9449999999999998</v>
      </c>
      <c r="W18115" s="2">
        <v>1.7999999999999999E-2</v>
      </c>
      <c r="X18115" s="2">
        <v>139.1</v>
      </c>
      <c r="Y18115" s="2">
        <v>7.6</v>
      </c>
      <c r="Z18115" s="2">
        <v>16.7</v>
      </c>
      <c r="AA18115" s="5"/>
      <c r="AB18115" s="5" t="s">
        <v>43</v>
      </c>
      <c r="AC18115" s="5" t="s">
        <v>44</v>
      </c>
      <c r="AD18115" s="2"/>
      <c r="AE18115" s="1"/>
    </row>
    <row r="18116" spans="1:31" ht="14.45">
      <c r="A18116" s="11"/>
      <c r="B18116" s="20"/>
      <c r="C18116" s="2" t="s">
        <v>55306</v>
      </c>
      <c r="D18116" s="14" t="s">
        <v>55307</v>
      </c>
      <c r="E18116" s="2" t="s">
        <v>55308</v>
      </c>
      <c r="F18116" s="2" t="s">
        <v>41005</v>
      </c>
      <c r="G18116" s="8">
        <v>333</v>
      </c>
      <c r="H18116" s="5">
        <v>6</v>
      </c>
      <c r="I18116" s="5" t="s">
        <v>1518</v>
      </c>
      <c r="J18116" s="5" t="s">
        <v>40939</v>
      </c>
      <c r="K18116" s="2" t="s">
        <v>40940</v>
      </c>
      <c r="L18116" s="5" t="s">
        <v>40939</v>
      </c>
      <c r="M18116" s="2" t="s">
        <v>40940</v>
      </c>
      <c r="N18116" s="5" t="s">
        <v>36266</v>
      </c>
      <c r="O18116" s="5" t="s">
        <v>38</v>
      </c>
      <c r="P18116" s="5" t="s">
        <v>39</v>
      </c>
      <c r="Q18116" s="5" t="s">
        <v>40</v>
      </c>
      <c r="R18116" s="5" t="s">
        <v>1522</v>
      </c>
      <c r="S18116" s="5" t="s">
        <v>1523</v>
      </c>
      <c r="T18116" s="5" t="s">
        <v>42</v>
      </c>
      <c r="U18116" s="2">
        <v>3.633</v>
      </c>
      <c r="V18116" s="2">
        <v>3.0569999999999999</v>
      </c>
      <c r="W18116" s="2">
        <v>1.7999999999999999E-2</v>
      </c>
      <c r="X18116" s="2">
        <v>139.1</v>
      </c>
      <c r="Y18116" s="2">
        <v>7.6</v>
      </c>
      <c r="Z18116" s="2">
        <v>16.7</v>
      </c>
      <c r="AA18116" s="5"/>
      <c r="AB18116" s="5" t="s">
        <v>43</v>
      </c>
      <c r="AC18116" s="5" t="s">
        <v>44</v>
      </c>
      <c r="AD18116" s="2"/>
      <c r="AE18116" s="1"/>
    </row>
    <row r="18117" spans="1:31" ht="14.45">
      <c r="A18117" s="11"/>
      <c r="B18117" s="20"/>
      <c r="C18117" s="2" t="s">
        <v>55309</v>
      </c>
      <c r="D18117" s="14" t="s">
        <v>55310</v>
      </c>
      <c r="E18117" s="2" t="s">
        <v>55311</v>
      </c>
      <c r="F18117" s="2" t="s">
        <v>41009</v>
      </c>
      <c r="G18117" s="8">
        <v>333</v>
      </c>
      <c r="H18117" s="5">
        <v>6</v>
      </c>
      <c r="I18117" s="5" t="s">
        <v>1518</v>
      </c>
      <c r="J18117" s="5" t="s">
        <v>40939</v>
      </c>
      <c r="K18117" s="2" t="s">
        <v>40940</v>
      </c>
      <c r="L18117" s="5" t="s">
        <v>40939</v>
      </c>
      <c r="M18117" s="2" t="s">
        <v>40940</v>
      </c>
      <c r="N18117" s="5" t="s">
        <v>36266</v>
      </c>
      <c r="O18117" s="5" t="s">
        <v>38</v>
      </c>
      <c r="P18117" s="5" t="s">
        <v>39</v>
      </c>
      <c r="Q18117" s="5" t="s">
        <v>40</v>
      </c>
      <c r="R18117" s="5" t="s">
        <v>1522</v>
      </c>
      <c r="S18117" s="5" t="s">
        <v>1523</v>
      </c>
      <c r="T18117" s="5" t="s">
        <v>42</v>
      </c>
      <c r="U18117" s="2">
        <v>3.5350000000000001</v>
      </c>
      <c r="V18117" s="2">
        <v>2.9590000000000001</v>
      </c>
      <c r="W18117" s="2">
        <v>1.7999999999999999E-2</v>
      </c>
      <c r="X18117" s="2">
        <v>139.1</v>
      </c>
      <c r="Y18117" s="2">
        <v>7.6</v>
      </c>
      <c r="Z18117" s="2">
        <v>16.7</v>
      </c>
      <c r="AA18117" s="5"/>
      <c r="AB18117" s="5" t="s">
        <v>43</v>
      </c>
      <c r="AC18117" s="5" t="s">
        <v>44</v>
      </c>
      <c r="AD18117" s="2"/>
      <c r="AE18117" s="1"/>
    </row>
    <row r="18118" spans="1:31" ht="14.45">
      <c r="A18118" s="11"/>
      <c r="B18118" s="20"/>
      <c r="C18118" s="2" t="s">
        <v>55312</v>
      </c>
      <c r="D18118" s="14" t="s">
        <v>55313</v>
      </c>
      <c r="E18118" s="2" t="s">
        <v>55314</v>
      </c>
      <c r="F18118" s="2" t="s">
        <v>41013</v>
      </c>
      <c r="G18118" s="8">
        <v>333</v>
      </c>
      <c r="H18118" s="5">
        <v>6</v>
      </c>
      <c r="I18118" s="5" t="s">
        <v>1518</v>
      </c>
      <c r="J18118" s="5" t="s">
        <v>40939</v>
      </c>
      <c r="K18118" s="2" t="s">
        <v>40940</v>
      </c>
      <c r="L18118" s="5" t="s">
        <v>40939</v>
      </c>
      <c r="M18118" s="2" t="s">
        <v>40940</v>
      </c>
      <c r="N18118" s="5" t="s">
        <v>36266</v>
      </c>
      <c r="O18118" s="5" t="s">
        <v>38</v>
      </c>
      <c r="P18118" s="5" t="s">
        <v>39</v>
      </c>
      <c r="Q18118" s="5" t="s">
        <v>40</v>
      </c>
      <c r="R18118" s="5" t="s">
        <v>1522</v>
      </c>
      <c r="S18118" s="5" t="s">
        <v>1523</v>
      </c>
      <c r="T18118" s="5" t="s">
        <v>42</v>
      </c>
      <c r="U18118" s="2">
        <v>3.6469999999999998</v>
      </c>
      <c r="V18118" s="2">
        <v>3.0710000000000002</v>
      </c>
      <c r="W18118" s="2">
        <v>1.7999999999999999E-2</v>
      </c>
      <c r="X18118" s="2">
        <v>139.1</v>
      </c>
      <c r="Y18118" s="2">
        <v>7.6</v>
      </c>
      <c r="Z18118" s="2">
        <v>16.7</v>
      </c>
      <c r="AA18118" s="5"/>
      <c r="AB18118" s="5" t="s">
        <v>43</v>
      </c>
      <c r="AC18118" s="5" t="s">
        <v>44</v>
      </c>
      <c r="AD18118" s="2"/>
      <c r="AE18118" s="1"/>
    </row>
    <row r="18119" spans="1:31" ht="14.45">
      <c r="A18119" s="11"/>
      <c r="B18119" s="20"/>
      <c r="C18119" s="2" t="s">
        <v>55315</v>
      </c>
      <c r="D18119" s="14" t="s">
        <v>55316</v>
      </c>
      <c r="E18119" s="2" t="s">
        <v>55317</v>
      </c>
      <c r="F18119" s="2" t="s">
        <v>7396</v>
      </c>
      <c r="G18119" s="8">
        <v>307</v>
      </c>
      <c r="H18119" s="5">
        <v>6</v>
      </c>
      <c r="I18119" s="5" t="s">
        <v>1518</v>
      </c>
      <c r="J18119" s="5" t="s">
        <v>40939</v>
      </c>
      <c r="K18119" s="2" t="s">
        <v>40940</v>
      </c>
      <c r="L18119" s="5" t="s">
        <v>40939</v>
      </c>
      <c r="M18119" s="2" t="s">
        <v>40940</v>
      </c>
      <c r="N18119" s="5" t="s">
        <v>36266</v>
      </c>
      <c r="O18119" s="5" t="s">
        <v>38</v>
      </c>
      <c r="P18119" s="5" t="s">
        <v>39</v>
      </c>
      <c r="Q18119" s="5" t="s">
        <v>40</v>
      </c>
      <c r="R18119" s="5" t="s">
        <v>1522</v>
      </c>
      <c r="S18119" s="5" t="s">
        <v>1523</v>
      </c>
      <c r="T18119" s="5" t="s">
        <v>42</v>
      </c>
      <c r="U18119" s="2">
        <v>3.5350000000000001</v>
      </c>
      <c r="V18119" s="2">
        <v>2.9590000000000001</v>
      </c>
      <c r="W18119" s="2">
        <v>1.7999999999999999E-2</v>
      </c>
      <c r="X18119" s="2">
        <v>139.1</v>
      </c>
      <c r="Y18119" s="2">
        <v>7.6</v>
      </c>
      <c r="Z18119" s="2">
        <v>16.7</v>
      </c>
      <c r="AA18119" s="5"/>
      <c r="AB18119" s="5" t="s">
        <v>43</v>
      </c>
      <c r="AC18119" s="5" t="s">
        <v>44</v>
      </c>
      <c r="AD18119" s="2"/>
      <c r="AE18119" s="1"/>
    </row>
    <row r="18120" spans="1:31" ht="14.45">
      <c r="A18120" s="11"/>
      <c r="B18120" s="20"/>
      <c r="C18120" s="2" t="s">
        <v>55318</v>
      </c>
      <c r="D18120" s="14" t="s">
        <v>55319</v>
      </c>
      <c r="E18120" s="2" t="s">
        <v>55320</v>
      </c>
      <c r="F18120" s="2" t="s">
        <v>7507</v>
      </c>
      <c r="G18120" s="8">
        <v>307</v>
      </c>
      <c r="H18120" s="5">
        <v>6</v>
      </c>
      <c r="I18120" s="5" t="s">
        <v>1518</v>
      </c>
      <c r="J18120" s="5" t="s">
        <v>40939</v>
      </c>
      <c r="K18120" s="2" t="s">
        <v>40940</v>
      </c>
      <c r="L18120" s="5" t="s">
        <v>40939</v>
      </c>
      <c r="M18120" s="2" t="s">
        <v>40940</v>
      </c>
      <c r="N18120" s="5" t="s">
        <v>36266</v>
      </c>
      <c r="O18120" s="5" t="s">
        <v>38</v>
      </c>
      <c r="P18120" s="5" t="s">
        <v>39</v>
      </c>
      <c r="Q18120" s="5" t="s">
        <v>40</v>
      </c>
      <c r="R18120" s="5" t="s">
        <v>1522</v>
      </c>
      <c r="S18120" s="5" t="s">
        <v>1523</v>
      </c>
      <c r="T18120" s="5" t="s">
        <v>42</v>
      </c>
      <c r="U18120" s="2">
        <v>3.6469999999999998</v>
      </c>
      <c r="V18120" s="2">
        <v>3.0710000000000002</v>
      </c>
      <c r="W18120" s="2">
        <v>1.7999999999999999E-2</v>
      </c>
      <c r="X18120" s="2">
        <v>139.1</v>
      </c>
      <c r="Y18120" s="2">
        <v>7.6</v>
      </c>
      <c r="Z18120" s="2">
        <v>16.7</v>
      </c>
      <c r="AA18120" s="5"/>
      <c r="AB18120" s="5" t="s">
        <v>43</v>
      </c>
      <c r="AC18120" s="5" t="s">
        <v>44</v>
      </c>
      <c r="AD18120" s="2"/>
      <c r="AE18120" s="1"/>
    </row>
    <row r="18121" spans="1:31" ht="14.45">
      <c r="A18121" s="11"/>
      <c r="B18121" s="20"/>
      <c r="C18121" s="2" t="s">
        <v>55321</v>
      </c>
      <c r="D18121" s="14" t="s">
        <v>55322</v>
      </c>
      <c r="E18121" s="2" t="s">
        <v>55323</v>
      </c>
      <c r="F18121" s="2" t="s">
        <v>41023</v>
      </c>
      <c r="G18121" s="8">
        <v>333</v>
      </c>
      <c r="H18121" s="5">
        <v>6</v>
      </c>
      <c r="I18121" s="5" t="s">
        <v>1518</v>
      </c>
      <c r="J18121" s="5" t="s">
        <v>40939</v>
      </c>
      <c r="K18121" s="2" t="s">
        <v>40940</v>
      </c>
      <c r="L18121" s="5" t="s">
        <v>40939</v>
      </c>
      <c r="M18121" s="2" t="s">
        <v>40940</v>
      </c>
      <c r="N18121" s="5" t="s">
        <v>36266</v>
      </c>
      <c r="O18121" s="5" t="s">
        <v>38</v>
      </c>
      <c r="P18121" s="5" t="s">
        <v>39</v>
      </c>
      <c r="Q18121" s="5" t="s">
        <v>40</v>
      </c>
      <c r="R18121" s="5" t="s">
        <v>1522</v>
      </c>
      <c r="S18121" s="5" t="s">
        <v>1523</v>
      </c>
      <c r="T18121" s="5" t="s">
        <v>42</v>
      </c>
      <c r="U18121" s="2">
        <v>3.4630000000000001</v>
      </c>
      <c r="V18121" s="2">
        <v>2.887</v>
      </c>
      <c r="W18121" s="2">
        <v>1.7999999999999999E-2</v>
      </c>
      <c r="X18121" s="2">
        <v>139.1</v>
      </c>
      <c r="Y18121" s="2">
        <v>7.6</v>
      </c>
      <c r="Z18121" s="2">
        <v>16.7</v>
      </c>
      <c r="AA18121" s="5"/>
      <c r="AB18121" s="5" t="s">
        <v>43</v>
      </c>
      <c r="AC18121" s="5" t="s">
        <v>44</v>
      </c>
      <c r="AD18121" s="2"/>
      <c r="AE18121" s="1"/>
    </row>
    <row r="18122" spans="1:31" ht="14.45">
      <c r="A18122" s="11"/>
      <c r="B18122" s="20"/>
      <c r="C18122" s="2" t="s">
        <v>55324</v>
      </c>
      <c r="D18122" s="14" t="s">
        <v>55325</v>
      </c>
      <c r="E18122" s="2" t="s">
        <v>55326</v>
      </c>
      <c r="F18122" s="2" t="s">
        <v>41027</v>
      </c>
      <c r="G18122" s="8">
        <v>333</v>
      </c>
      <c r="H18122" s="5">
        <v>6</v>
      </c>
      <c r="I18122" s="5" t="s">
        <v>1518</v>
      </c>
      <c r="J18122" s="5" t="s">
        <v>40939</v>
      </c>
      <c r="K18122" s="2" t="s">
        <v>40940</v>
      </c>
      <c r="L18122" s="5" t="s">
        <v>40939</v>
      </c>
      <c r="M18122" s="2" t="s">
        <v>40940</v>
      </c>
      <c r="N18122" s="5" t="s">
        <v>36266</v>
      </c>
      <c r="O18122" s="5" t="s">
        <v>38</v>
      </c>
      <c r="P18122" s="5" t="s">
        <v>39</v>
      </c>
      <c r="Q18122" s="5" t="s">
        <v>40</v>
      </c>
      <c r="R18122" s="5" t="s">
        <v>1522</v>
      </c>
      <c r="S18122" s="5" t="s">
        <v>1523</v>
      </c>
      <c r="T18122" s="5" t="s">
        <v>42</v>
      </c>
      <c r="U18122" s="2">
        <v>3.5750000000000002</v>
      </c>
      <c r="V18122" s="2">
        <v>2.9990000000000001</v>
      </c>
      <c r="W18122" s="2">
        <v>1.7999999999999999E-2</v>
      </c>
      <c r="X18122" s="2">
        <v>139.1</v>
      </c>
      <c r="Y18122" s="2">
        <v>7.6</v>
      </c>
      <c r="Z18122" s="2">
        <v>16.7</v>
      </c>
      <c r="AA18122" s="5"/>
      <c r="AB18122" s="5" t="s">
        <v>43</v>
      </c>
      <c r="AC18122" s="5" t="s">
        <v>44</v>
      </c>
      <c r="AD18122" s="2"/>
      <c r="AE18122" s="1"/>
    </row>
    <row r="18123" spans="1:31" ht="14.45">
      <c r="A18123" s="11"/>
      <c r="B18123" s="20"/>
      <c r="C18123" s="2" t="s">
        <v>55327</v>
      </c>
      <c r="D18123" s="14" t="s">
        <v>55328</v>
      </c>
      <c r="E18123" s="2" t="s">
        <v>55329</v>
      </c>
      <c r="F18123" s="2" t="s">
        <v>41035</v>
      </c>
      <c r="G18123" s="8">
        <v>333</v>
      </c>
      <c r="H18123" s="5">
        <v>6</v>
      </c>
      <c r="I18123" s="5" t="s">
        <v>1518</v>
      </c>
      <c r="J18123" s="5" t="s">
        <v>40939</v>
      </c>
      <c r="K18123" s="2" t="s">
        <v>40940</v>
      </c>
      <c r="L18123" s="5" t="s">
        <v>40939</v>
      </c>
      <c r="M18123" s="2" t="s">
        <v>40940</v>
      </c>
      <c r="N18123" s="5" t="s">
        <v>36266</v>
      </c>
      <c r="O18123" s="5" t="s">
        <v>38</v>
      </c>
      <c r="P18123" s="5" t="s">
        <v>39</v>
      </c>
      <c r="Q18123" s="5" t="s">
        <v>40</v>
      </c>
      <c r="R18123" s="5" t="s">
        <v>1522</v>
      </c>
      <c r="S18123" s="5" t="s">
        <v>1523</v>
      </c>
      <c r="T18123" s="5" t="s">
        <v>42</v>
      </c>
      <c r="U18123" s="2">
        <v>3.5750000000000002</v>
      </c>
      <c r="V18123" s="2">
        <v>2.9990000000000001</v>
      </c>
      <c r="W18123" s="2">
        <v>1.7999999999999999E-2</v>
      </c>
      <c r="X18123" s="2">
        <v>139.1</v>
      </c>
      <c r="Y18123" s="2">
        <v>7.6</v>
      </c>
      <c r="Z18123" s="2">
        <v>16.7</v>
      </c>
      <c r="AA18123" s="5"/>
      <c r="AB18123" s="5" t="s">
        <v>43</v>
      </c>
      <c r="AC18123" s="5" t="s">
        <v>44</v>
      </c>
      <c r="AD18123" s="2"/>
      <c r="AE18123" s="1"/>
    </row>
    <row r="18124" spans="1:31" ht="14.45">
      <c r="A18124" s="11"/>
      <c r="B18124" s="20"/>
      <c r="C18124" s="2" t="s">
        <v>55330</v>
      </c>
      <c r="D18124" s="14" t="s">
        <v>55331</v>
      </c>
      <c r="E18124" s="2" t="s">
        <v>55332</v>
      </c>
      <c r="F18124" s="2" t="s">
        <v>7449</v>
      </c>
      <c r="G18124" s="8">
        <v>333</v>
      </c>
      <c r="H18124" s="5">
        <v>6</v>
      </c>
      <c r="I18124" s="5" t="s">
        <v>1518</v>
      </c>
      <c r="J18124" s="5" t="s">
        <v>40939</v>
      </c>
      <c r="K18124" s="2" t="s">
        <v>40940</v>
      </c>
      <c r="L18124" s="5" t="s">
        <v>40939</v>
      </c>
      <c r="M18124" s="2" t="s">
        <v>40940</v>
      </c>
      <c r="N18124" s="5" t="s">
        <v>36266</v>
      </c>
      <c r="O18124" s="5" t="s">
        <v>38</v>
      </c>
      <c r="P18124" s="5" t="s">
        <v>39</v>
      </c>
      <c r="Q18124" s="5" t="s">
        <v>40</v>
      </c>
      <c r="R18124" s="5" t="s">
        <v>1522</v>
      </c>
      <c r="S18124" s="5" t="s">
        <v>1523</v>
      </c>
      <c r="T18124" s="5" t="s">
        <v>42</v>
      </c>
      <c r="U18124" s="2">
        <v>3.4630000000000001</v>
      </c>
      <c r="V18124" s="2">
        <v>2.887</v>
      </c>
      <c r="W18124" s="2">
        <v>1.7999999999999999E-2</v>
      </c>
      <c r="X18124" s="2">
        <v>139.1</v>
      </c>
      <c r="Y18124" s="2">
        <v>7.6</v>
      </c>
      <c r="Z18124" s="2">
        <v>16.7</v>
      </c>
      <c r="AA18124" s="5"/>
      <c r="AB18124" s="5" t="s">
        <v>43</v>
      </c>
      <c r="AC18124" s="5" t="s">
        <v>44</v>
      </c>
      <c r="AD18124" s="2"/>
      <c r="AE18124" s="1"/>
    </row>
    <row r="18125" spans="1:31" ht="14.45">
      <c r="A18125" s="11"/>
      <c r="B18125" s="20"/>
      <c r="C18125" s="2" t="s">
        <v>55333</v>
      </c>
      <c r="D18125" s="14" t="s">
        <v>55334</v>
      </c>
      <c r="E18125" s="2" t="s">
        <v>55335</v>
      </c>
      <c r="F18125" s="2" t="s">
        <v>7581</v>
      </c>
      <c r="G18125" s="8">
        <v>333</v>
      </c>
      <c r="H18125" s="5">
        <v>6</v>
      </c>
      <c r="I18125" s="5" t="s">
        <v>1518</v>
      </c>
      <c r="J18125" s="5" t="s">
        <v>40939</v>
      </c>
      <c r="K18125" s="2" t="s">
        <v>40940</v>
      </c>
      <c r="L18125" s="5" t="s">
        <v>40939</v>
      </c>
      <c r="M18125" s="2" t="s">
        <v>40940</v>
      </c>
      <c r="N18125" s="5" t="s">
        <v>36266</v>
      </c>
      <c r="O18125" s="5" t="s">
        <v>38</v>
      </c>
      <c r="P18125" s="5" t="s">
        <v>39</v>
      </c>
      <c r="Q18125" s="5" t="s">
        <v>40</v>
      </c>
      <c r="R18125" s="5" t="s">
        <v>1522</v>
      </c>
      <c r="S18125" s="5" t="s">
        <v>1523</v>
      </c>
      <c r="T18125" s="5" t="s">
        <v>42</v>
      </c>
      <c r="U18125" s="2">
        <v>3.5750000000000002</v>
      </c>
      <c r="V18125" s="2">
        <v>2.9990000000000001</v>
      </c>
      <c r="W18125" s="2">
        <v>1.7999999999999999E-2</v>
      </c>
      <c r="X18125" s="2">
        <v>139.1</v>
      </c>
      <c r="Y18125" s="2">
        <v>7.6</v>
      </c>
      <c r="Z18125" s="2">
        <v>16.7</v>
      </c>
      <c r="AA18125" s="5"/>
      <c r="AB18125" s="5" t="s">
        <v>43</v>
      </c>
      <c r="AC18125" s="5" t="s">
        <v>44</v>
      </c>
      <c r="AD18125" s="2"/>
      <c r="AE18125" s="1"/>
    </row>
    <row r="18126" spans="1:31" ht="14.45">
      <c r="A18126" s="11"/>
      <c r="B18126" s="20"/>
      <c r="C18126" s="2" t="s">
        <v>55336</v>
      </c>
      <c r="D18126" s="14" t="s">
        <v>55337</v>
      </c>
      <c r="E18126" s="2" t="s">
        <v>55338</v>
      </c>
      <c r="F18126" s="2" t="s">
        <v>41045</v>
      </c>
      <c r="G18126" s="8">
        <v>333</v>
      </c>
      <c r="H18126" s="5">
        <v>6</v>
      </c>
      <c r="I18126" s="5" t="s">
        <v>1518</v>
      </c>
      <c r="J18126" s="5" t="s">
        <v>40939</v>
      </c>
      <c r="K18126" s="2" t="s">
        <v>40940</v>
      </c>
      <c r="L18126" s="5" t="s">
        <v>40939</v>
      </c>
      <c r="M18126" s="2" t="s">
        <v>40940</v>
      </c>
      <c r="N18126" s="5" t="s">
        <v>36266</v>
      </c>
      <c r="O18126" s="5" t="s">
        <v>38</v>
      </c>
      <c r="P18126" s="5" t="s">
        <v>39</v>
      </c>
      <c r="Q18126" s="5" t="s">
        <v>40</v>
      </c>
      <c r="R18126" s="5" t="s">
        <v>1522</v>
      </c>
      <c r="S18126" s="5" t="s">
        <v>1523</v>
      </c>
      <c r="T18126" s="5" t="s">
        <v>42</v>
      </c>
      <c r="U18126" s="2">
        <v>3.55</v>
      </c>
      <c r="V18126" s="2">
        <v>2.9740000000000002</v>
      </c>
      <c r="W18126" s="2">
        <v>1.7999999999999999E-2</v>
      </c>
      <c r="X18126" s="2">
        <v>139.1</v>
      </c>
      <c r="Y18126" s="2">
        <v>7.6</v>
      </c>
      <c r="Z18126" s="2">
        <v>16.7</v>
      </c>
      <c r="AA18126" s="5"/>
      <c r="AB18126" s="5" t="s">
        <v>43</v>
      </c>
      <c r="AC18126" s="5" t="s">
        <v>44</v>
      </c>
      <c r="AD18126" s="2"/>
      <c r="AE18126" s="1"/>
    </row>
    <row r="18127" spans="1:31" ht="14.45">
      <c r="A18127" s="11"/>
      <c r="B18127" s="20"/>
      <c r="C18127" s="2" t="s">
        <v>55339</v>
      </c>
      <c r="D18127" s="14" t="s">
        <v>55340</v>
      </c>
      <c r="E18127" s="2" t="s">
        <v>55341</v>
      </c>
      <c r="F18127" s="2" t="s">
        <v>41049</v>
      </c>
      <c r="G18127" s="8">
        <v>333</v>
      </c>
      <c r="H18127" s="5">
        <v>6</v>
      </c>
      <c r="I18127" s="5" t="s">
        <v>1518</v>
      </c>
      <c r="J18127" s="5" t="s">
        <v>40939</v>
      </c>
      <c r="K18127" s="2" t="s">
        <v>40940</v>
      </c>
      <c r="L18127" s="5" t="s">
        <v>40939</v>
      </c>
      <c r="M18127" s="2" t="s">
        <v>40940</v>
      </c>
      <c r="N18127" s="5" t="s">
        <v>36266</v>
      </c>
      <c r="O18127" s="5" t="s">
        <v>38</v>
      </c>
      <c r="P18127" s="5" t="s">
        <v>39</v>
      </c>
      <c r="Q18127" s="5" t="s">
        <v>40</v>
      </c>
      <c r="R18127" s="5" t="s">
        <v>1522</v>
      </c>
      <c r="S18127" s="5" t="s">
        <v>1523</v>
      </c>
      <c r="T18127" s="5" t="s">
        <v>42</v>
      </c>
      <c r="U18127" s="2">
        <v>3.6619999999999999</v>
      </c>
      <c r="V18127" s="2">
        <v>3.0859999999999999</v>
      </c>
      <c r="W18127" s="2">
        <v>1.7999999999999999E-2</v>
      </c>
      <c r="X18127" s="2">
        <v>139.1</v>
      </c>
      <c r="Y18127" s="2">
        <v>7.6</v>
      </c>
      <c r="Z18127" s="2">
        <v>16.7</v>
      </c>
      <c r="AA18127" s="5"/>
      <c r="AB18127" s="5" t="s">
        <v>43</v>
      </c>
      <c r="AC18127" s="5" t="s">
        <v>44</v>
      </c>
      <c r="AD18127" s="2"/>
      <c r="AE18127" s="1"/>
    </row>
    <row r="18128" spans="1:31" ht="14.45">
      <c r="A18128" s="11"/>
      <c r="B18128" s="20"/>
      <c r="C18128" s="2" t="s">
        <v>55342</v>
      </c>
      <c r="D18128" s="14" t="s">
        <v>55343</v>
      </c>
      <c r="E18128" s="2" t="s">
        <v>55344</v>
      </c>
      <c r="F18128" s="2" t="s">
        <v>7204</v>
      </c>
      <c r="G18128" s="8">
        <v>329</v>
      </c>
      <c r="H18128" s="5">
        <v>6</v>
      </c>
      <c r="I18128" s="5" t="s">
        <v>1518</v>
      </c>
      <c r="J18128" s="5" t="s">
        <v>40939</v>
      </c>
      <c r="K18128" s="2" t="s">
        <v>40940</v>
      </c>
      <c r="L18128" s="5" t="s">
        <v>40939</v>
      </c>
      <c r="M18128" s="2" t="s">
        <v>40940</v>
      </c>
      <c r="N18128" s="5" t="s">
        <v>36266</v>
      </c>
      <c r="O18128" s="5" t="s">
        <v>38</v>
      </c>
      <c r="P18128" s="5" t="s">
        <v>39</v>
      </c>
      <c r="Q18128" s="5" t="s">
        <v>40</v>
      </c>
      <c r="R18128" s="5" t="s">
        <v>1522</v>
      </c>
      <c r="S18128" s="5" t="s">
        <v>1523</v>
      </c>
      <c r="T18128" s="5" t="s">
        <v>42</v>
      </c>
      <c r="U18128" s="2">
        <v>3.7269999999999999</v>
      </c>
      <c r="V18128" s="2">
        <v>3.0680000000000001</v>
      </c>
      <c r="W18128" s="2">
        <v>0.02</v>
      </c>
      <c r="X18128" s="2">
        <v>159.1</v>
      </c>
      <c r="Y18128" s="2">
        <v>7.6</v>
      </c>
      <c r="Z18128" s="2">
        <v>16.7</v>
      </c>
      <c r="AA18128" s="5"/>
      <c r="AB18128" s="5" t="s">
        <v>43</v>
      </c>
      <c r="AC18128" s="5" t="s">
        <v>44</v>
      </c>
      <c r="AD18128" s="2"/>
      <c r="AE18128" s="1"/>
    </row>
    <row r="18129" spans="1:31" ht="14.45">
      <c r="A18129" s="11"/>
      <c r="B18129" s="20"/>
      <c r="C18129" s="2" t="s">
        <v>55345</v>
      </c>
      <c r="D18129" s="14" t="s">
        <v>55346</v>
      </c>
      <c r="E18129" s="2" t="s">
        <v>55347</v>
      </c>
      <c r="F18129" s="2" t="s">
        <v>7514</v>
      </c>
      <c r="G18129" s="8">
        <v>329</v>
      </c>
      <c r="H18129" s="5">
        <v>6</v>
      </c>
      <c r="I18129" s="5" t="s">
        <v>1518</v>
      </c>
      <c r="J18129" s="5" t="s">
        <v>40939</v>
      </c>
      <c r="K18129" s="2" t="s">
        <v>40940</v>
      </c>
      <c r="L18129" s="5" t="s">
        <v>40939</v>
      </c>
      <c r="M18129" s="2" t="s">
        <v>40940</v>
      </c>
      <c r="N18129" s="5" t="s">
        <v>36266</v>
      </c>
      <c r="O18129" s="5" t="s">
        <v>38</v>
      </c>
      <c r="P18129" s="5" t="s">
        <v>39</v>
      </c>
      <c r="Q18129" s="5" t="s">
        <v>40</v>
      </c>
      <c r="R18129" s="5" t="s">
        <v>1522</v>
      </c>
      <c r="S18129" s="5" t="s">
        <v>1523</v>
      </c>
      <c r="T18129" s="5" t="s">
        <v>42</v>
      </c>
      <c r="U18129" s="2">
        <v>3.851</v>
      </c>
      <c r="V18129" s="2">
        <v>3.1920000000000002</v>
      </c>
      <c r="W18129" s="2">
        <v>0.02</v>
      </c>
      <c r="X18129" s="2">
        <v>159.1</v>
      </c>
      <c r="Y18129" s="2">
        <v>7.6</v>
      </c>
      <c r="Z18129" s="2">
        <v>16.7</v>
      </c>
      <c r="AA18129" s="5"/>
      <c r="AB18129" s="5" t="s">
        <v>43</v>
      </c>
      <c r="AC18129" s="5" t="s">
        <v>44</v>
      </c>
      <c r="AD18129" s="2"/>
      <c r="AE18129" s="1"/>
    </row>
    <row r="18130" spans="1:31" ht="14.45">
      <c r="A18130" s="11"/>
      <c r="B18130" s="20"/>
      <c r="C18130" s="2" t="s">
        <v>55348</v>
      </c>
      <c r="D18130" s="14" t="s">
        <v>55349</v>
      </c>
      <c r="E18130" s="2" t="s">
        <v>55350</v>
      </c>
      <c r="F18130" s="2" t="s">
        <v>47266</v>
      </c>
      <c r="G18130" s="8">
        <v>359</v>
      </c>
      <c r="H18130" s="5">
        <v>6</v>
      </c>
      <c r="I18130" s="5" t="s">
        <v>1518</v>
      </c>
      <c r="J18130" s="5" t="s">
        <v>40939</v>
      </c>
      <c r="K18130" s="2" t="s">
        <v>40940</v>
      </c>
      <c r="L18130" s="5" t="s">
        <v>40939</v>
      </c>
      <c r="M18130" s="2" t="s">
        <v>40940</v>
      </c>
      <c r="N18130" s="5" t="s">
        <v>36266</v>
      </c>
      <c r="O18130" s="5" t="s">
        <v>38</v>
      </c>
      <c r="P18130" s="5" t="s">
        <v>39</v>
      </c>
      <c r="Q18130" s="5" t="s">
        <v>40</v>
      </c>
      <c r="R18130" s="5" t="s">
        <v>1522</v>
      </c>
      <c r="S18130" s="5" t="s">
        <v>1523</v>
      </c>
      <c r="T18130" s="5" t="s">
        <v>42</v>
      </c>
      <c r="U18130" s="2">
        <v>3.76</v>
      </c>
      <c r="V18130" s="2">
        <v>3.101</v>
      </c>
      <c r="W18130" s="2">
        <v>0.02</v>
      </c>
      <c r="X18130" s="2">
        <v>159.1</v>
      </c>
      <c r="Y18130" s="2">
        <v>7.6</v>
      </c>
      <c r="Z18130" s="2">
        <v>16.7</v>
      </c>
      <c r="AA18130" s="5"/>
      <c r="AB18130" s="5" t="s">
        <v>43</v>
      </c>
      <c r="AC18130" s="5" t="s">
        <v>44</v>
      </c>
      <c r="AD18130" s="2"/>
      <c r="AE18130" s="1"/>
    </row>
    <row r="18131" spans="1:31" ht="14.45">
      <c r="A18131" s="11"/>
      <c r="B18131" s="20"/>
      <c r="C18131" s="2" t="s">
        <v>55351</v>
      </c>
      <c r="D18131" s="14" t="s">
        <v>55352</v>
      </c>
      <c r="E18131" s="2" t="s">
        <v>55353</v>
      </c>
      <c r="F18131" s="2" t="s">
        <v>47195</v>
      </c>
      <c r="G18131" s="8">
        <v>359</v>
      </c>
      <c r="H18131" s="5">
        <v>6</v>
      </c>
      <c r="I18131" s="5" t="s">
        <v>1518</v>
      </c>
      <c r="J18131" s="5" t="s">
        <v>40939</v>
      </c>
      <c r="K18131" s="2" t="s">
        <v>40940</v>
      </c>
      <c r="L18131" s="5" t="s">
        <v>40939</v>
      </c>
      <c r="M18131" s="2" t="s">
        <v>40940</v>
      </c>
      <c r="N18131" s="5" t="s">
        <v>36266</v>
      </c>
      <c r="O18131" s="5" t="s">
        <v>38</v>
      </c>
      <c r="P18131" s="5" t="s">
        <v>39</v>
      </c>
      <c r="Q18131" s="5" t="s">
        <v>40</v>
      </c>
      <c r="R18131" s="5" t="s">
        <v>1522</v>
      </c>
      <c r="S18131" s="5" t="s">
        <v>1523</v>
      </c>
      <c r="T18131" s="5" t="s">
        <v>42</v>
      </c>
      <c r="U18131" s="2">
        <v>3.8839999999999999</v>
      </c>
      <c r="V18131" s="2">
        <v>3.2250000000000001</v>
      </c>
      <c r="W18131" s="2">
        <v>0.02</v>
      </c>
      <c r="X18131" s="2">
        <v>159.1</v>
      </c>
      <c r="Y18131" s="2">
        <v>7.6</v>
      </c>
      <c r="Z18131" s="2">
        <v>16.7</v>
      </c>
      <c r="AA18131" s="5"/>
      <c r="AB18131" s="5" t="s">
        <v>43</v>
      </c>
      <c r="AC18131" s="5" t="s">
        <v>44</v>
      </c>
      <c r="AD18131" s="2"/>
      <c r="AE18131" s="1"/>
    </row>
    <row r="18132" spans="1:31" ht="14.45">
      <c r="A18132" s="11"/>
      <c r="B18132" s="20"/>
      <c r="C18132" s="2" t="s">
        <v>55354</v>
      </c>
      <c r="D18132" s="14" t="s">
        <v>55355</v>
      </c>
      <c r="E18132" s="2" t="s">
        <v>55356</v>
      </c>
      <c r="F18132" s="2" t="s">
        <v>7208</v>
      </c>
      <c r="G18132" s="8">
        <v>329</v>
      </c>
      <c r="H18132" s="5">
        <v>6</v>
      </c>
      <c r="I18132" s="5" t="s">
        <v>1518</v>
      </c>
      <c r="J18132" s="5" t="s">
        <v>40939</v>
      </c>
      <c r="K18132" s="2" t="s">
        <v>40940</v>
      </c>
      <c r="L18132" s="5" t="s">
        <v>40939</v>
      </c>
      <c r="M18132" s="2" t="s">
        <v>40940</v>
      </c>
      <c r="N18132" s="5" t="s">
        <v>36266</v>
      </c>
      <c r="O18132" s="5" t="s">
        <v>38</v>
      </c>
      <c r="P18132" s="5" t="s">
        <v>39</v>
      </c>
      <c r="Q18132" s="5" t="s">
        <v>40</v>
      </c>
      <c r="R18132" s="5" t="s">
        <v>1522</v>
      </c>
      <c r="S18132" s="5" t="s">
        <v>1523</v>
      </c>
      <c r="T18132" s="5" t="s">
        <v>42</v>
      </c>
      <c r="U18132" s="2">
        <v>3.7770000000000001</v>
      </c>
      <c r="V18132" s="2">
        <v>3.1179999999999999</v>
      </c>
      <c r="W18132" s="2">
        <v>0.02</v>
      </c>
      <c r="X18132" s="2">
        <v>159.1</v>
      </c>
      <c r="Y18132" s="2">
        <v>7.6</v>
      </c>
      <c r="Z18132" s="2">
        <v>16.7</v>
      </c>
      <c r="AA18132" s="5"/>
      <c r="AB18132" s="5" t="s">
        <v>43</v>
      </c>
      <c r="AC18132" s="5" t="s">
        <v>44</v>
      </c>
      <c r="AD18132" s="2"/>
      <c r="AE18132" s="1"/>
    </row>
    <row r="18133" spans="1:31" ht="14.45">
      <c r="A18133" s="11"/>
      <c r="B18133" s="20"/>
      <c r="C18133" s="2" t="s">
        <v>55357</v>
      </c>
      <c r="D18133" s="14" t="s">
        <v>55358</v>
      </c>
      <c r="E18133" s="2" t="s">
        <v>55359</v>
      </c>
      <c r="F18133" s="2" t="s">
        <v>7521</v>
      </c>
      <c r="G18133" s="8">
        <v>329</v>
      </c>
      <c r="H18133" s="5">
        <v>6</v>
      </c>
      <c r="I18133" s="5" t="s">
        <v>1518</v>
      </c>
      <c r="J18133" s="5" t="s">
        <v>40939</v>
      </c>
      <c r="K18133" s="2" t="s">
        <v>40940</v>
      </c>
      <c r="L18133" s="5" t="s">
        <v>40939</v>
      </c>
      <c r="M18133" s="2" t="s">
        <v>40940</v>
      </c>
      <c r="N18133" s="5" t="s">
        <v>36266</v>
      </c>
      <c r="O18133" s="5" t="s">
        <v>38</v>
      </c>
      <c r="P18133" s="5" t="s">
        <v>39</v>
      </c>
      <c r="Q18133" s="5" t="s">
        <v>40</v>
      </c>
      <c r="R18133" s="5" t="s">
        <v>1522</v>
      </c>
      <c r="S18133" s="5" t="s">
        <v>1523</v>
      </c>
      <c r="T18133" s="5" t="s">
        <v>42</v>
      </c>
      <c r="U18133" s="2">
        <v>3.9009999999999998</v>
      </c>
      <c r="V18133" s="2">
        <v>3.242</v>
      </c>
      <c r="W18133" s="2">
        <v>0.02</v>
      </c>
      <c r="X18133" s="2">
        <v>159.1</v>
      </c>
      <c r="Y18133" s="2">
        <v>7.6</v>
      </c>
      <c r="Z18133" s="2">
        <v>16.7</v>
      </c>
      <c r="AA18133" s="5"/>
      <c r="AB18133" s="5" t="s">
        <v>43</v>
      </c>
      <c r="AC18133" s="5" t="s">
        <v>44</v>
      </c>
      <c r="AD18133" s="2"/>
      <c r="AE18133" s="1"/>
    </row>
    <row r="18134" spans="1:31" ht="14.45">
      <c r="A18134" s="11"/>
      <c r="B18134" s="20"/>
      <c r="C18134" s="2" t="s">
        <v>55360</v>
      </c>
      <c r="D18134" s="14" t="s">
        <v>55361</v>
      </c>
      <c r="E18134" s="2" t="s">
        <v>55362</v>
      </c>
      <c r="F18134" s="2" t="s">
        <v>36273</v>
      </c>
      <c r="G18134" s="8">
        <v>329</v>
      </c>
      <c r="H18134" s="5">
        <v>6</v>
      </c>
      <c r="I18134" s="5" t="s">
        <v>1518</v>
      </c>
      <c r="J18134" s="5" t="s">
        <v>40939</v>
      </c>
      <c r="K18134" s="2" t="s">
        <v>40940</v>
      </c>
      <c r="L18134" s="5" t="s">
        <v>40939</v>
      </c>
      <c r="M18134" s="2" t="s">
        <v>40940</v>
      </c>
      <c r="N18134" s="5" t="s">
        <v>36266</v>
      </c>
      <c r="O18134" s="5" t="s">
        <v>38</v>
      </c>
      <c r="P18134" s="5" t="s">
        <v>39</v>
      </c>
      <c r="Q18134" s="5" t="s">
        <v>40</v>
      </c>
      <c r="R18134" s="5" t="s">
        <v>1522</v>
      </c>
      <c r="S18134" s="5" t="s">
        <v>1523</v>
      </c>
      <c r="T18134" s="5" t="s">
        <v>42</v>
      </c>
      <c r="U18134" s="2">
        <v>3.81</v>
      </c>
      <c r="V18134" s="2">
        <v>3.1509999999999998</v>
      </c>
      <c r="W18134" s="2">
        <v>0.02</v>
      </c>
      <c r="X18134" s="2">
        <v>159.1</v>
      </c>
      <c r="Y18134" s="2">
        <v>7.6</v>
      </c>
      <c r="Z18134" s="2">
        <v>16.7</v>
      </c>
      <c r="AA18134" s="5"/>
      <c r="AB18134" s="5" t="s">
        <v>43</v>
      </c>
      <c r="AC18134" s="5" t="s">
        <v>44</v>
      </c>
      <c r="AD18134" s="2"/>
      <c r="AE18134" s="1"/>
    </row>
    <row r="18135" spans="1:31" ht="14.45">
      <c r="A18135" s="11"/>
      <c r="B18135" s="20"/>
      <c r="C18135" s="2" t="s">
        <v>55363</v>
      </c>
      <c r="D18135" s="14" t="s">
        <v>55364</v>
      </c>
      <c r="E18135" s="2" t="s">
        <v>55365</v>
      </c>
      <c r="F18135" s="2" t="s">
        <v>36277</v>
      </c>
      <c r="G18135" s="8">
        <v>329</v>
      </c>
      <c r="H18135" s="5">
        <v>6</v>
      </c>
      <c r="I18135" s="5" t="s">
        <v>1518</v>
      </c>
      <c r="J18135" s="5" t="s">
        <v>40939</v>
      </c>
      <c r="K18135" s="2" t="s">
        <v>40940</v>
      </c>
      <c r="L18135" s="5" t="s">
        <v>40939</v>
      </c>
      <c r="M18135" s="2" t="s">
        <v>40940</v>
      </c>
      <c r="N18135" s="5" t="s">
        <v>36266</v>
      </c>
      <c r="O18135" s="5" t="s">
        <v>38</v>
      </c>
      <c r="P18135" s="5" t="s">
        <v>39</v>
      </c>
      <c r="Q18135" s="5" t="s">
        <v>40</v>
      </c>
      <c r="R18135" s="5" t="s">
        <v>1522</v>
      </c>
      <c r="S18135" s="5" t="s">
        <v>1523</v>
      </c>
      <c r="T18135" s="5" t="s">
        <v>42</v>
      </c>
      <c r="U18135" s="2">
        <v>3.9340000000000002</v>
      </c>
      <c r="V18135" s="2">
        <v>3.2749999999999999</v>
      </c>
      <c r="W18135" s="2">
        <v>0.02</v>
      </c>
      <c r="X18135" s="2">
        <v>159.1</v>
      </c>
      <c r="Y18135" s="2">
        <v>7.6</v>
      </c>
      <c r="Z18135" s="2">
        <v>16.7</v>
      </c>
      <c r="AA18135" s="5"/>
      <c r="AB18135" s="5" t="s">
        <v>43</v>
      </c>
      <c r="AC18135" s="5" t="s">
        <v>44</v>
      </c>
      <c r="AD18135" s="2"/>
      <c r="AE18135" s="1"/>
    </row>
    <row r="18136" spans="1:31" ht="14.45">
      <c r="A18136" s="11"/>
      <c r="B18136" s="20"/>
      <c r="C18136" s="2" t="s">
        <v>55366</v>
      </c>
      <c r="D18136" s="14" t="s">
        <v>55367</v>
      </c>
      <c r="E18136" s="2" t="s">
        <v>55368</v>
      </c>
      <c r="F18136" s="2" t="s">
        <v>40967</v>
      </c>
      <c r="G18136" s="8">
        <v>359</v>
      </c>
      <c r="H18136" s="5">
        <v>6</v>
      </c>
      <c r="I18136" s="5" t="s">
        <v>1518</v>
      </c>
      <c r="J18136" s="5" t="s">
        <v>40939</v>
      </c>
      <c r="K18136" s="2" t="s">
        <v>40940</v>
      </c>
      <c r="L18136" s="5" t="s">
        <v>40939</v>
      </c>
      <c r="M18136" s="2" t="s">
        <v>40940</v>
      </c>
      <c r="N18136" s="5" t="s">
        <v>36266</v>
      </c>
      <c r="O18136" s="5" t="s">
        <v>38</v>
      </c>
      <c r="P18136" s="5" t="s">
        <v>39</v>
      </c>
      <c r="Q18136" s="5" t="s">
        <v>40</v>
      </c>
      <c r="R18136" s="5" t="s">
        <v>1522</v>
      </c>
      <c r="S18136" s="5" t="s">
        <v>1523</v>
      </c>
      <c r="T18136" s="5" t="s">
        <v>42</v>
      </c>
      <c r="U18136" s="2">
        <v>3.7770000000000001</v>
      </c>
      <c r="V18136" s="2">
        <v>3.1179999999999999</v>
      </c>
      <c r="W18136" s="2">
        <v>0.02</v>
      </c>
      <c r="X18136" s="2">
        <v>159.1</v>
      </c>
      <c r="Y18136" s="2">
        <v>7.6</v>
      </c>
      <c r="Z18136" s="2">
        <v>16.7</v>
      </c>
      <c r="AA18136" s="5"/>
      <c r="AB18136" s="5" t="s">
        <v>43</v>
      </c>
      <c r="AC18136" s="5" t="s">
        <v>44</v>
      </c>
      <c r="AD18136" s="2"/>
      <c r="AE18136" s="1"/>
    </row>
    <row r="18137" spans="1:31" ht="14.45">
      <c r="A18137" s="11"/>
      <c r="B18137" s="20"/>
      <c r="C18137" s="2" t="s">
        <v>55369</v>
      </c>
      <c r="D18137" s="14" t="s">
        <v>55370</v>
      </c>
      <c r="E18137" s="2" t="s">
        <v>55371</v>
      </c>
      <c r="F18137" s="2" t="s">
        <v>40971</v>
      </c>
      <c r="G18137" s="8">
        <v>359</v>
      </c>
      <c r="H18137" s="5">
        <v>6</v>
      </c>
      <c r="I18137" s="5" t="s">
        <v>1518</v>
      </c>
      <c r="J18137" s="5" t="s">
        <v>40939</v>
      </c>
      <c r="K18137" s="2" t="s">
        <v>40940</v>
      </c>
      <c r="L18137" s="5" t="s">
        <v>40939</v>
      </c>
      <c r="M18137" s="2" t="s">
        <v>40940</v>
      </c>
      <c r="N18137" s="5" t="s">
        <v>36266</v>
      </c>
      <c r="O18137" s="5" t="s">
        <v>38</v>
      </c>
      <c r="P18137" s="5" t="s">
        <v>39</v>
      </c>
      <c r="Q18137" s="5" t="s">
        <v>40</v>
      </c>
      <c r="R18137" s="5" t="s">
        <v>1522</v>
      </c>
      <c r="S18137" s="5" t="s">
        <v>1523</v>
      </c>
      <c r="T18137" s="5" t="s">
        <v>42</v>
      </c>
      <c r="U18137" s="2">
        <v>3.9009999999999998</v>
      </c>
      <c r="V18137" s="2">
        <v>3.242</v>
      </c>
      <c r="W18137" s="2">
        <v>0.02</v>
      </c>
      <c r="X18137" s="2">
        <v>159.1</v>
      </c>
      <c r="Y18137" s="2">
        <v>7.6</v>
      </c>
      <c r="Z18137" s="2">
        <v>16.7</v>
      </c>
      <c r="AA18137" s="5"/>
      <c r="AB18137" s="5" t="s">
        <v>43</v>
      </c>
      <c r="AC18137" s="5" t="s">
        <v>44</v>
      </c>
      <c r="AD18137" s="2"/>
      <c r="AE18137" s="1"/>
    </row>
    <row r="18138" spans="1:31" ht="14.45">
      <c r="A18138" s="11"/>
      <c r="B18138" s="20"/>
      <c r="C18138" s="2" t="s">
        <v>55372</v>
      </c>
      <c r="D18138" s="14" t="s">
        <v>55373</v>
      </c>
      <c r="E18138" s="2" t="s">
        <v>55374</v>
      </c>
      <c r="F18138" s="2" t="s">
        <v>7543</v>
      </c>
      <c r="G18138" s="8">
        <v>359</v>
      </c>
      <c r="H18138" s="5">
        <v>6</v>
      </c>
      <c r="I18138" s="5" t="s">
        <v>1518</v>
      </c>
      <c r="J18138" s="5" t="s">
        <v>40939</v>
      </c>
      <c r="K18138" s="2" t="s">
        <v>40940</v>
      </c>
      <c r="L18138" s="5" t="s">
        <v>40939</v>
      </c>
      <c r="M18138" s="2" t="s">
        <v>40940</v>
      </c>
      <c r="N18138" s="5" t="s">
        <v>36266</v>
      </c>
      <c r="O18138" s="5" t="s">
        <v>38</v>
      </c>
      <c r="P18138" s="5" t="s">
        <v>39</v>
      </c>
      <c r="Q18138" s="5" t="s">
        <v>40</v>
      </c>
      <c r="R18138" s="5" t="s">
        <v>1522</v>
      </c>
      <c r="S18138" s="5" t="s">
        <v>1523</v>
      </c>
      <c r="T18138" s="5" t="s">
        <v>42</v>
      </c>
      <c r="U18138" s="2">
        <v>3.8180000000000001</v>
      </c>
      <c r="V18138" s="2">
        <v>3.1589999999999998</v>
      </c>
      <c r="W18138" s="2">
        <v>0.02</v>
      </c>
      <c r="X18138" s="2">
        <v>159.1</v>
      </c>
      <c r="Y18138" s="2">
        <v>7.6</v>
      </c>
      <c r="Z18138" s="2">
        <v>16.7</v>
      </c>
      <c r="AA18138" s="5"/>
      <c r="AB18138" s="5" t="s">
        <v>43</v>
      </c>
      <c r="AC18138" s="5" t="s">
        <v>44</v>
      </c>
      <c r="AD18138" s="2"/>
      <c r="AE18138" s="1"/>
    </row>
    <row r="18139" spans="1:31" ht="14.45">
      <c r="A18139" s="11"/>
      <c r="B18139" s="20"/>
      <c r="C18139" s="2" t="s">
        <v>55375</v>
      </c>
      <c r="D18139" s="14" t="s">
        <v>55376</v>
      </c>
      <c r="E18139" s="2" t="s">
        <v>55377</v>
      </c>
      <c r="F18139" s="2" t="s">
        <v>40993</v>
      </c>
      <c r="G18139" s="8">
        <v>359</v>
      </c>
      <c r="H18139" s="5">
        <v>6</v>
      </c>
      <c r="I18139" s="5" t="s">
        <v>1518</v>
      </c>
      <c r="J18139" s="5" t="s">
        <v>40939</v>
      </c>
      <c r="K18139" s="2" t="s">
        <v>40940</v>
      </c>
      <c r="L18139" s="5" t="s">
        <v>40939</v>
      </c>
      <c r="M18139" s="2" t="s">
        <v>40940</v>
      </c>
      <c r="N18139" s="5" t="s">
        <v>36266</v>
      </c>
      <c r="O18139" s="5" t="s">
        <v>38</v>
      </c>
      <c r="P18139" s="5" t="s">
        <v>39</v>
      </c>
      <c r="Q18139" s="5" t="s">
        <v>40</v>
      </c>
      <c r="R18139" s="5" t="s">
        <v>1522</v>
      </c>
      <c r="S18139" s="5" t="s">
        <v>1523</v>
      </c>
      <c r="T18139" s="5" t="s">
        <v>42</v>
      </c>
      <c r="U18139" s="2">
        <v>3.9009999999999998</v>
      </c>
      <c r="V18139" s="2">
        <v>3.242</v>
      </c>
      <c r="W18139" s="2">
        <v>0.02</v>
      </c>
      <c r="X18139" s="2">
        <v>159.1</v>
      </c>
      <c r="Y18139" s="2">
        <v>7.6</v>
      </c>
      <c r="Z18139" s="2">
        <v>16.7</v>
      </c>
      <c r="AA18139" s="5"/>
      <c r="AB18139" s="5" t="s">
        <v>43</v>
      </c>
      <c r="AC18139" s="5" t="s">
        <v>44</v>
      </c>
      <c r="AD18139" s="2"/>
      <c r="AE18139" s="1"/>
    </row>
    <row r="18140" spans="1:31" ht="14.45">
      <c r="A18140" s="11"/>
      <c r="B18140" s="20"/>
      <c r="C18140" s="2" t="s">
        <v>55378</v>
      </c>
      <c r="D18140" s="14" t="s">
        <v>55379</v>
      </c>
      <c r="E18140" s="2" t="s">
        <v>55380</v>
      </c>
      <c r="F18140" s="2" t="s">
        <v>40997</v>
      </c>
      <c r="G18140" s="8">
        <v>359</v>
      </c>
      <c r="H18140" s="5">
        <v>6</v>
      </c>
      <c r="I18140" s="5" t="s">
        <v>1518</v>
      </c>
      <c r="J18140" s="5" t="s">
        <v>40939</v>
      </c>
      <c r="K18140" s="2" t="s">
        <v>40940</v>
      </c>
      <c r="L18140" s="5" t="s">
        <v>40939</v>
      </c>
      <c r="M18140" s="2" t="s">
        <v>40940</v>
      </c>
      <c r="N18140" s="5" t="s">
        <v>36266</v>
      </c>
      <c r="O18140" s="5" t="s">
        <v>38</v>
      </c>
      <c r="P18140" s="5" t="s">
        <v>39</v>
      </c>
      <c r="Q18140" s="5" t="s">
        <v>40</v>
      </c>
      <c r="R18140" s="5" t="s">
        <v>1522</v>
      </c>
      <c r="S18140" s="5" t="s">
        <v>1523</v>
      </c>
      <c r="T18140" s="5" t="s">
        <v>42</v>
      </c>
      <c r="U18140" s="2">
        <v>3.71</v>
      </c>
      <c r="V18140" s="2">
        <v>3.0510000000000002</v>
      </c>
      <c r="W18140" s="2">
        <v>0.02</v>
      </c>
      <c r="X18140" s="2">
        <v>159.1</v>
      </c>
      <c r="Y18140" s="2">
        <v>7.6</v>
      </c>
      <c r="Z18140" s="2">
        <v>16.7</v>
      </c>
      <c r="AA18140" s="5"/>
      <c r="AB18140" s="5" t="s">
        <v>43</v>
      </c>
      <c r="AC18140" s="5" t="s">
        <v>44</v>
      </c>
      <c r="AD18140" s="2"/>
      <c r="AE18140" s="1"/>
    </row>
    <row r="18141" spans="1:31" ht="14.45">
      <c r="A18141" s="11"/>
      <c r="B18141" s="20"/>
      <c r="C18141" s="2" t="s">
        <v>55381</v>
      </c>
      <c r="D18141" s="14" t="s">
        <v>55382</v>
      </c>
      <c r="E18141" s="2" t="s">
        <v>55383</v>
      </c>
      <c r="F18141" s="2" t="s">
        <v>41013</v>
      </c>
      <c r="G18141" s="8">
        <v>359</v>
      </c>
      <c r="H18141" s="5">
        <v>6</v>
      </c>
      <c r="I18141" s="5" t="s">
        <v>1518</v>
      </c>
      <c r="J18141" s="5" t="s">
        <v>40939</v>
      </c>
      <c r="K18141" s="2" t="s">
        <v>40940</v>
      </c>
      <c r="L18141" s="5" t="s">
        <v>40939</v>
      </c>
      <c r="M18141" s="2" t="s">
        <v>40940</v>
      </c>
      <c r="N18141" s="5" t="s">
        <v>36266</v>
      </c>
      <c r="O18141" s="5" t="s">
        <v>38</v>
      </c>
      <c r="P18141" s="5" t="s">
        <v>39</v>
      </c>
      <c r="Q18141" s="5" t="s">
        <v>40</v>
      </c>
      <c r="R18141" s="5" t="s">
        <v>1522</v>
      </c>
      <c r="S18141" s="5" t="s">
        <v>1523</v>
      </c>
      <c r="T18141" s="5" t="s">
        <v>42</v>
      </c>
      <c r="U18141" s="2">
        <v>3.9180000000000001</v>
      </c>
      <c r="V18141" s="2">
        <v>3.2589999999999999</v>
      </c>
      <c r="W18141" s="2">
        <v>0.02</v>
      </c>
      <c r="X18141" s="2">
        <v>159.1</v>
      </c>
      <c r="Y18141" s="2">
        <v>7.6</v>
      </c>
      <c r="Z18141" s="2">
        <v>16.7</v>
      </c>
      <c r="AA18141" s="5"/>
      <c r="AB18141" s="5" t="s">
        <v>43</v>
      </c>
      <c r="AC18141" s="5" t="s">
        <v>44</v>
      </c>
      <c r="AD18141" s="2"/>
      <c r="AE18141" s="1"/>
    </row>
    <row r="18142" spans="1:31" ht="14.45">
      <c r="A18142" s="11"/>
      <c r="B18142" s="20"/>
      <c r="C18142" s="2" t="s">
        <v>55384</v>
      </c>
      <c r="D18142" s="14" t="s">
        <v>55385</v>
      </c>
      <c r="E18142" s="2" t="s">
        <v>55386</v>
      </c>
      <c r="F18142" s="2" t="s">
        <v>7396</v>
      </c>
      <c r="G18142" s="8">
        <v>329</v>
      </c>
      <c r="H18142" s="5">
        <v>6</v>
      </c>
      <c r="I18142" s="5" t="s">
        <v>1518</v>
      </c>
      <c r="J18142" s="5" t="s">
        <v>40939</v>
      </c>
      <c r="K18142" s="2" t="s">
        <v>40940</v>
      </c>
      <c r="L18142" s="5" t="s">
        <v>40939</v>
      </c>
      <c r="M18142" s="2" t="s">
        <v>40940</v>
      </c>
      <c r="N18142" s="5" t="s">
        <v>36266</v>
      </c>
      <c r="O18142" s="5" t="s">
        <v>38</v>
      </c>
      <c r="P18142" s="5" t="s">
        <v>39</v>
      </c>
      <c r="Q18142" s="5" t="s">
        <v>40</v>
      </c>
      <c r="R18142" s="5" t="s">
        <v>1522</v>
      </c>
      <c r="S18142" s="5" t="s">
        <v>1523</v>
      </c>
      <c r="T18142" s="5" t="s">
        <v>42</v>
      </c>
      <c r="U18142" s="2">
        <v>3.794</v>
      </c>
      <c r="V18142" s="2">
        <v>3.1349999999999998</v>
      </c>
      <c r="W18142" s="2">
        <v>0.02</v>
      </c>
      <c r="X18142" s="2">
        <v>159.1</v>
      </c>
      <c r="Y18142" s="2">
        <v>7.6</v>
      </c>
      <c r="Z18142" s="2">
        <v>16.7</v>
      </c>
      <c r="AA18142" s="5"/>
      <c r="AB18142" s="5" t="s">
        <v>43</v>
      </c>
      <c r="AC18142" s="5" t="s">
        <v>44</v>
      </c>
      <c r="AD18142" s="2"/>
      <c r="AE18142" s="1"/>
    </row>
    <row r="18143" spans="1:31" ht="14.45">
      <c r="A18143" s="11"/>
      <c r="B18143" s="20"/>
      <c r="C18143" s="2" t="s">
        <v>55387</v>
      </c>
      <c r="D18143" s="14" t="s">
        <v>55388</v>
      </c>
      <c r="E18143" s="2" t="s">
        <v>55389</v>
      </c>
      <c r="F18143" s="2" t="s">
        <v>7507</v>
      </c>
      <c r="G18143" s="8">
        <v>329</v>
      </c>
      <c r="H18143" s="5">
        <v>6</v>
      </c>
      <c r="I18143" s="5" t="s">
        <v>1518</v>
      </c>
      <c r="J18143" s="5" t="s">
        <v>40939</v>
      </c>
      <c r="K18143" s="2" t="s">
        <v>40940</v>
      </c>
      <c r="L18143" s="5" t="s">
        <v>40939</v>
      </c>
      <c r="M18143" s="2" t="s">
        <v>40940</v>
      </c>
      <c r="N18143" s="5" t="s">
        <v>36266</v>
      </c>
      <c r="O18143" s="5" t="s">
        <v>38</v>
      </c>
      <c r="P18143" s="5" t="s">
        <v>39</v>
      </c>
      <c r="Q18143" s="5" t="s">
        <v>40</v>
      </c>
      <c r="R18143" s="5" t="s">
        <v>1522</v>
      </c>
      <c r="S18143" s="5" t="s">
        <v>1523</v>
      </c>
      <c r="T18143" s="5" t="s">
        <v>42</v>
      </c>
      <c r="U18143" s="2">
        <v>3.9180000000000001</v>
      </c>
      <c r="V18143" s="2">
        <v>3.2589999999999999</v>
      </c>
      <c r="W18143" s="2">
        <v>0.02</v>
      </c>
      <c r="X18143" s="2">
        <v>159.1</v>
      </c>
      <c r="Y18143" s="2">
        <v>7.6</v>
      </c>
      <c r="Z18143" s="2">
        <v>16.7</v>
      </c>
      <c r="AA18143" s="5"/>
      <c r="AB18143" s="5" t="s">
        <v>43</v>
      </c>
      <c r="AC18143" s="5" t="s">
        <v>44</v>
      </c>
      <c r="AD18143" s="2"/>
      <c r="AE18143" s="1"/>
    </row>
    <row r="18144" spans="1:31" ht="14.45">
      <c r="A18144" s="11"/>
      <c r="B18144" s="20"/>
      <c r="C18144" s="2" t="s">
        <v>55390</v>
      </c>
      <c r="D18144" s="14" t="s">
        <v>55391</v>
      </c>
      <c r="E18144" s="2" t="s">
        <v>55392</v>
      </c>
      <c r="F18144" s="2" t="s">
        <v>41023</v>
      </c>
      <c r="G18144" s="8">
        <v>359</v>
      </c>
      <c r="H18144" s="5">
        <v>6</v>
      </c>
      <c r="I18144" s="5" t="s">
        <v>1518</v>
      </c>
      <c r="J18144" s="5" t="s">
        <v>40939</v>
      </c>
      <c r="K18144" s="2" t="s">
        <v>40940</v>
      </c>
      <c r="L18144" s="5" t="s">
        <v>40939</v>
      </c>
      <c r="M18144" s="2" t="s">
        <v>40940</v>
      </c>
      <c r="N18144" s="5" t="s">
        <v>36266</v>
      </c>
      <c r="O18144" s="5" t="s">
        <v>38</v>
      </c>
      <c r="P18144" s="5" t="s">
        <v>39</v>
      </c>
      <c r="Q18144" s="5" t="s">
        <v>40</v>
      </c>
      <c r="R18144" s="5" t="s">
        <v>1522</v>
      </c>
      <c r="S18144" s="5" t="s">
        <v>1523</v>
      </c>
      <c r="T18144" s="5" t="s">
        <v>42</v>
      </c>
      <c r="U18144" s="2">
        <v>3.71</v>
      </c>
      <c r="V18144" s="2">
        <v>3.0510000000000002</v>
      </c>
      <c r="W18144" s="2">
        <v>0.02</v>
      </c>
      <c r="X18144" s="2">
        <v>159.1</v>
      </c>
      <c r="Y18144" s="2">
        <v>7.6</v>
      </c>
      <c r="Z18144" s="2">
        <v>16.7</v>
      </c>
      <c r="AA18144" s="5"/>
      <c r="AB18144" s="5" t="s">
        <v>43</v>
      </c>
      <c r="AC18144" s="5" t="s">
        <v>44</v>
      </c>
      <c r="AD18144" s="2"/>
      <c r="AE18144" s="1"/>
    </row>
    <row r="18145" spans="1:31" ht="14.45">
      <c r="A18145" s="11"/>
      <c r="B18145" s="20"/>
      <c r="C18145" s="2" t="s">
        <v>55393</v>
      </c>
      <c r="D18145" s="14" t="s">
        <v>55394</v>
      </c>
      <c r="E18145" s="2" t="s">
        <v>55395</v>
      </c>
      <c r="F18145" s="2" t="s">
        <v>41027</v>
      </c>
      <c r="G18145" s="8">
        <v>359</v>
      </c>
      <c r="H18145" s="5">
        <v>6</v>
      </c>
      <c r="I18145" s="5" t="s">
        <v>1518</v>
      </c>
      <c r="J18145" s="5" t="s">
        <v>40939</v>
      </c>
      <c r="K18145" s="2" t="s">
        <v>40940</v>
      </c>
      <c r="L18145" s="5" t="s">
        <v>40939</v>
      </c>
      <c r="M18145" s="2" t="s">
        <v>40940</v>
      </c>
      <c r="N18145" s="5" t="s">
        <v>36266</v>
      </c>
      <c r="O18145" s="5" t="s">
        <v>38</v>
      </c>
      <c r="P18145" s="5" t="s">
        <v>39</v>
      </c>
      <c r="Q18145" s="5" t="s">
        <v>40</v>
      </c>
      <c r="R18145" s="5" t="s">
        <v>1522</v>
      </c>
      <c r="S18145" s="5" t="s">
        <v>1523</v>
      </c>
      <c r="T18145" s="5" t="s">
        <v>42</v>
      </c>
      <c r="U18145" s="2">
        <v>3.8340000000000001</v>
      </c>
      <c r="V18145" s="2">
        <v>3.1749999999999998</v>
      </c>
      <c r="W18145" s="2">
        <v>0.02</v>
      </c>
      <c r="X18145" s="2">
        <v>159.1</v>
      </c>
      <c r="Y18145" s="2">
        <v>7.6</v>
      </c>
      <c r="Z18145" s="2">
        <v>16.7</v>
      </c>
      <c r="AA18145" s="5"/>
      <c r="AB18145" s="5" t="s">
        <v>43</v>
      </c>
      <c r="AC18145" s="5" t="s">
        <v>44</v>
      </c>
      <c r="AD18145" s="2"/>
      <c r="AE18145" s="1"/>
    </row>
    <row r="18146" spans="1:31" ht="14.45">
      <c r="A18146" s="11"/>
      <c r="B18146" s="20"/>
      <c r="C18146" s="2" t="s">
        <v>55396</v>
      </c>
      <c r="D18146" s="14" t="s">
        <v>55397</v>
      </c>
      <c r="E18146" s="2" t="s">
        <v>55398</v>
      </c>
      <c r="F18146" s="2" t="s">
        <v>41031</v>
      </c>
      <c r="G18146" s="8">
        <v>359</v>
      </c>
      <c r="H18146" s="5">
        <v>6</v>
      </c>
      <c r="I18146" s="5" t="s">
        <v>1518</v>
      </c>
      <c r="J18146" s="5" t="s">
        <v>40939</v>
      </c>
      <c r="K18146" s="2" t="s">
        <v>40940</v>
      </c>
      <c r="L18146" s="5" t="s">
        <v>40939</v>
      </c>
      <c r="M18146" s="2" t="s">
        <v>40940</v>
      </c>
      <c r="N18146" s="5" t="s">
        <v>36266</v>
      </c>
      <c r="O18146" s="5" t="s">
        <v>38</v>
      </c>
      <c r="P18146" s="5" t="s">
        <v>39</v>
      </c>
      <c r="Q18146" s="5" t="s">
        <v>40</v>
      </c>
      <c r="R18146" s="5" t="s">
        <v>1522</v>
      </c>
      <c r="S18146" s="5" t="s">
        <v>1523</v>
      </c>
      <c r="T18146" s="5" t="s">
        <v>42</v>
      </c>
      <c r="U18146" s="2">
        <v>3.71</v>
      </c>
      <c r="V18146" s="2">
        <v>3.0510000000000002</v>
      </c>
      <c r="W18146" s="2">
        <v>0.02</v>
      </c>
      <c r="X18146" s="2">
        <v>159.1</v>
      </c>
      <c r="Y18146" s="2">
        <v>7.6</v>
      </c>
      <c r="Z18146" s="2">
        <v>16.7</v>
      </c>
      <c r="AA18146" s="5"/>
      <c r="AB18146" s="5" t="s">
        <v>43</v>
      </c>
      <c r="AC18146" s="5" t="s">
        <v>44</v>
      </c>
      <c r="AD18146" s="2"/>
      <c r="AE18146" s="1"/>
    </row>
    <row r="18147" spans="1:31" ht="14.45">
      <c r="A18147" s="11"/>
      <c r="B18147" s="20"/>
      <c r="C18147" s="2" t="s">
        <v>55399</v>
      </c>
      <c r="D18147" s="14" t="s">
        <v>55400</v>
      </c>
      <c r="E18147" s="2" t="s">
        <v>55401</v>
      </c>
      <c r="F18147" s="2" t="s">
        <v>41035</v>
      </c>
      <c r="G18147" s="8">
        <v>359</v>
      </c>
      <c r="H18147" s="5">
        <v>6</v>
      </c>
      <c r="I18147" s="5" t="s">
        <v>1518</v>
      </c>
      <c r="J18147" s="5" t="s">
        <v>40939</v>
      </c>
      <c r="K18147" s="2" t="s">
        <v>40940</v>
      </c>
      <c r="L18147" s="5" t="s">
        <v>40939</v>
      </c>
      <c r="M18147" s="2" t="s">
        <v>40940</v>
      </c>
      <c r="N18147" s="5" t="s">
        <v>36266</v>
      </c>
      <c r="O18147" s="5" t="s">
        <v>38</v>
      </c>
      <c r="P18147" s="5" t="s">
        <v>39</v>
      </c>
      <c r="Q18147" s="5" t="s">
        <v>40</v>
      </c>
      <c r="R18147" s="5" t="s">
        <v>1522</v>
      </c>
      <c r="S18147" s="5" t="s">
        <v>1523</v>
      </c>
      <c r="T18147" s="5" t="s">
        <v>42</v>
      </c>
      <c r="U18147" s="2">
        <v>3.8340000000000001</v>
      </c>
      <c r="V18147" s="2">
        <v>3.1749999999999998</v>
      </c>
      <c r="W18147" s="2">
        <v>0.02</v>
      </c>
      <c r="X18147" s="2">
        <v>159.1</v>
      </c>
      <c r="Y18147" s="2">
        <v>7.6</v>
      </c>
      <c r="Z18147" s="2">
        <v>16.7</v>
      </c>
      <c r="AA18147" s="5"/>
      <c r="AB18147" s="5" t="s">
        <v>43</v>
      </c>
      <c r="AC18147" s="5" t="s">
        <v>44</v>
      </c>
      <c r="AD18147" s="2"/>
      <c r="AE18147" s="1"/>
    </row>
    <row r="18148" spans="1:31" ht="14.45">
      <c r="A18148" s="11"/>
      <c r="B18148" s="20"/>
      <c r="C18148" s="2" t="s">
        <v>55402</v>
      </c>
      <c r="D18148" s="14" t="s">
        <v>55403</v>
      </c>
      <c r="E18148" s="2" t="s">
        <v>55404</v>
      </c>
      <c r="F18148" s="2" t="s">
        <v>7204</v>
      </c>
      <c r="G18148" s="8">
        <v>307</v>
      </c>
      <c r="H18148" s="5">
        <v>6</v>
      </c>
      <c r="I18148" s="5" t="s">
        <v>1518</v>
      </c>
      <c r="J18148" s="5" t="s">
        <v>40939</v>
      </c>
      <c r="K18148" s="2" t="s">
        <v>40940</v>
      </c>
      <c r="L18148" s="5" t="s">
        <v>40939</v>
      </c>
      <c r="M18148" s="2" t="s">
        <v>40940</v>
      </c>
      <c r="N18148" s="5" t="s">
        <v>36266</v>
      </c>
      <c r="O18148" s="5" t="s">
        <v>38</v>
      </c>
      <c r="P18148" s="5" t="s">
        <v>39</v>
      </c>
      <c r="Q18148" s="5" t="s">
        <v>40</v>
      </c>
      <c r="R18148" s="5" t="s">
        <v>1522</v>
      </c>
      <c r="S18148" s="5" t="s">
        <v>1523</v>
      </c>
      <c r="T18148" s="5" t="s">
        <v>42</v>
      </c>
      <c r="U18148" s="2">
        <v>3.49</v>
      </c>
      <c r="V18148" s="2">
        <v>2.8239999999999998</v>
      </c>
      <c r="W18148" s="2">
        <v>0.02</v>
      </c>
      <c r="X18148" s="2">
        <v>159.1</v>
      </c>
      <c r="Y18148" s="2">
        <v>7.6</v>
      </c>
      <c r="Z18148" s="2">
        <v>16.7</v>
      </c>
      <c r="AA18148" s="5"/>
      <c r="AB18148" s="5" t="s">
        <v>43</v>
      </c>
      <c r="AC18148" s="5" t="s">
        <v>44</v>
      </c>
      <c r="AD18148" s="2"/>
      <c r="AE18148" s="1"/>
    </row>
    <row r="18149" spans="1:31" ht="14.45">
      <c r="A18149" s="11"/>
      <c r="B18149" s="20"/>
      <c r="C18149" s="2" t="s">
        <v>55405</v>
      </c>
      <c r="D18149" s="14" t="s">
        <v>55406</v>
      </c>
      <c r="E18149" s="2" t="s">
        <v>55407</v>
      </c>
      <c r="F18149" s="2" t="s">
        <v>7514</v>
      </c>
      <c r="G18149" s="8">
        <v>307</v>
      </c>
      <c r="H18149" s="5">
        <v>6</v>
      </c>
      <c r="I18149" s="5" t="s">
        <v>1518</v>
      </c>
      <c r="J18149" s="5" t="s">
        <v>40939</v>
      </c>
      <c r="K18149" s="2" t="s">
        <v>40940</v>
      </c>
      <c r="L18149" s="5" t="s">
        <v>40939</v>
      </c>
      <c r="M18149" s="2" t="s">
        <v>40940</v>
      </c>
      <c r="N18149" s="5" t="s">
        <v>36266</v>
      </c>
      <c r="O18149" s="5" t="s">
        <v>38</v>
      </c>
      <c r="P18149" s="5" t="s">
        <v>39</v>
      </c>
      <c r="Q18149" s="5" t="s">
        <v>40</v>
      </c>
      <c r="R18149" s="5" t="s">
        <v>1522</v>
      </c>
      <c r="S18149" s="5" t="s">
        <v>1523</v>
      </c>
      <c r="T18149" s="5" t="s">
        <v>42</v>
      </c>
      <c r="U18149" s="2">
        <v>3.585</v>
      </c>
      <c r="V18149" s="2">
        <v>2.919</v>
      </c>
      <c r="W18149" s="2">
        <v>0.02</v>
      </c>
      <c r="X18149" s="2">
        <v>159.1</v>
      </c>
      <c r="Y18149" s="2">
        <v>7.6</v>
      </c>
      <c r="Z18149" s="2">
        <v>16.7</v>
      </c>
      <c r="AA18149" s="5"/>
      <c r="AB18149" s="5" t="s">
        <v>43</v>
      </c>
      <c r="AC18149" s="5" t="s">
        <v>44</v>
      </c>
      <c r="AD18149" s="2"/>
      <c r="AE18149" s="1"/>
    </row>
    <row r="18150" spans="1:31" ht="14.45">
      <c r="A18150" s="11"/>
      <c r="B18150" s="20"/>
      <c r="C18150" s="2" t="s">
        <v>55408</v>
      </c>
      <c r="D18150" s="14" t="s">
        <v>55409</v>
      </c>
      <c r="E18150" s="2" t="s">
        <v>55410</v>
      </c>
      <c r="F18150" s="2" t="s">
        <v>47266</v>
      </c>
      <c r="G18150" s="8">
        <v>333</v>
      </c>
      <c r="H18150" s="5">
        <v>6</v>
      </c>
      <c r="I18150" s="5" t="s">
        <v>1518</v>
      </c>
      <c r="J18150" s="5" t="s">
        <v>40939</v>
      </c>
      <c r="K18150" s="2" t="s">
        <v>40940</v>
      </c>
      <c r="L18150" s="5" t="s">
        <v>40939</v>
      </c>
      <c r="M18150" s="2" t="s">
        <v>40940</v>
      </c>
      <c r="N18150" s="5" t="s">
        <v>36266</v>
      </c>
      <c r="O18150" s="5" t="s">
        <v>38</v>
      </c>
      <c r="P18150" s="5" t="s">
        <v>39</v>
      </c>
      <c r="Q18150" s="5" t="s">
        <v>40</v>
      </c>
      <c r="R18150" s="5" t="s">
        <v>1522</v>
      </c>
      <c r="S18150" s="5" t="s">
        <v>1523</v>
      </c>
      <c r="T18150" s="5" t="s">
        <v>42</v>
      </c>
      <c r="U18150" s="2">
        <v>3.5139999999999998</v>
      </c>
      <c r="V18150" s="2">
        <v>2.8479999999999999</v>
      </c>
      <c r="W18150" s="2">
        <v>0.02</v>
      </c>
      <c r="X18150" s="2">
        <v>159.1</v>
      </c>
      <c r="Y18150" s="2">
        <v>7.6</v>
      </c>
      <c r="Z18150" s="2">
        <v>16.7</v>
      </c>
      <c r="AA18150" s="5"/>
      <c r="AB18150" s="5" t="s">
        <v>43</v>
      </c>
      <c r="AC18150" s="5" t="s">
        <v>44</v>
      </c>
      <c r="AD18150" s="2"/>
      <c r="AE18150" s="1"/>
    </row>
    <row r="18151" spans="1:31" ht="14.45">
      <c r="A18151" s="11"/>
      <c r="B18151" s="20"/>
      <c r="C18151" s="2" t="s">
        <v>55411</v>
      </c>
      <c r="D18151" s="14" t="s">
        <v>55412</v>
      </c>
      <c r="E18151" s="2" t="s">
        <v>55413</v>
      </c>
      <c r="F18151" s="2" t="s">
        <v>7208</v>
      </c>
      <c r="G18151" s="8">
        <v>307</v>
      </c>
      <c r="H18151" s="5">
        <v>6</v>
      </c>
      <c r="I18151" s="5" t="s">
        <v>1518</v>
      </c>
      <c r="J18151" s="5" t="s">
        <v>40939</v>
      </c>
      <c r="K18151" s="2" t="s">
        <v>40940</v>
      </c>
      <c r="L18151" s="5" t="s">
        <v>40939</v>
      </c>
      <c r="M18151" s="2" t="s">
        <v>40940</v>
      </c>
      <c r="N18151" s="5" t="s">
        <v>36266</v>
      </c>
      <c r="O18151" s="5" t="s">
        <v>38</v>
      </c>
      <c r="P18151" s="5" t="s">
        <v>39</v>
      </c>
      <c r="Q18151" s="5" t="s">
        <v>40</v>
      </c>
      <c r="R18151" s="5" t="s">
        <v>1522</v>
      </c>
      <c r="S18151" s="5" t="s">
        <v>1523</v>
      </c>
      <c r="T18151" s="5" t="s">
        <v>42</v>
      </c>
      <c r="U18151" s="2">
        <v>3.5259999999999998</v>
      </c>
      <c r="V18151" s="2">
        <v>2.86</v>
      </c>
      <c r="W18151" s="2">
        <v>0.02</v>
      </c>
      <c r="X18151" s="2">
        <v>159.1</v>
      </c>
      <c r="Y18151" s="2">
        <v>7.6</v>
      </c>
      <c r="Z18151" s="2">
        <v>16.7</v>
      </c>
      <c r="AA18151" s="5"/>
      <c r="AB18151" s="5" t="s">
        <v>43</v>
      </c>
      <c r="AC18151" s="5" t="s">
        <v>44</v>
      </c>
      <c r="AD18151" s="2"/>
      <c r="AE18151" s="1"/>
    </row>
    <row r="18152" spans="1:31" ht="14.45">
      <c r="A18152" s="11"/>
      <c r="B18152" s="20"/>
      <c r="C18152" s="2" t="s">
        <v>55414</v>
      </c>
      <c r="D18152" s="14" t="s">
        <v>55415</v>
      </c>
      <c r="E18152" s="2" t="s">
        <v>55416</v>
      </c>
      <c r="F18152" s="2" t="s">
        <v>7521</v>
      </c>
      <c r="G18152" s="8">
        <v>307</v>
      </c>
      <c r="H18152" s="5">
        <v>6</v>
      </c>
      <c r="I18152" s="5" t="s">
        <v>1518</v>
      </c>
      <c r="J18152" s="5" t="s">
        <v>40939</v>
      </c>
      <c r="K18152" s="2" t="s">
        <v>40940</v>
      </c>
      <c r="L18152" s="5" t="s">
        <v>40939</v>
      </c>
      <c r="M18152" s="2" t="s">
        <v>40940</v>
      </c>
      <c r="N18152" s="5" t="s">
        <v>36266</v>
      </c>
      <c r="O18152" s="5" t="s">
        <v>38</v>
      </c>
      <c r="P18152" s="5" t="s">
        <v>39</v>
      </c>
      <c r="Q18152" s="5" t="s">
        <v>40</v>
      </c>
      <c r="R18152" s="5" t="s">
        <v>1522</v>
      </c>
      <c r="S18152" s="5" t="s">
        <v>1523</v>
      </c>
      <c r="T18152" s="5" t="s">
        <v>42</v>
      </c>
      <c r="U18152" s="2">
        <v>3.621</v>
      </c>
      <c r="V18152" s="2">
        <v>2.9550000000000001</v>
      </c>
      <c r="W18152" s="2">
        <v>0.02</v>
      </c>
      <c r="X18152" s="2">
        <v>159.1</v>
      </c>
      <c r="Y18152" s="2">
        <v>7.6</v>
      </c>
      <c r="Z18152" s="2">
        <v>16.7</v>
      </c>
      <c r="AA18152" s="5"/>
      <c r="AB18152" s="5" t="s">
        <v>43</v>
      </c>
      <c r="AC18152" s="5" t="s">
        <v>44</v>
      </c>
      <c r="AD18152" s="2"/>
      <c r="AE18152" s="1"/>
    </row>
    <row r="18153" spans="1:31" ht="14.45">
      <c r="A18153" s="11"/>
      <c r="B18153" s="20"/>
      <c r="C18153" s="2" t="s">
        <v>55417</v>
      </c>
      <c r="D18153" s="14" t="s">
        <v>55418</v>
      </c>
      <c r="E18153" s="2" t="s">
        <v>55419</v>
      </c>
      <c r="F18153" s="2" t="s">
        <v>36273</v>
      </c>
      <c r="G18153" s="8">
        <v>307</v>
      </c>
      <c r="H18153" s="5">
        <v>6</v>
      </c>
      <c r="I18153" s="5" t="s">
        <v>1518</v>
      </c>
      <c r="J18153" s="5" t="s">
        <v>40939</v>
      </c>
      <c r="K18153" s="2" t="s">
        <v>40940</v>
      </c>
      <c r="L18153" s="5" t="s">
        <v>40939</v>
      </c>
      <c r="M18153" s="2" t="s">
        <v>40940</v>
      </c>
      <c r="N18153" s="5" t="s">
        <v>36266</v>
      </c>
      <c r="O18153" s="5" t="s">
        <v>38</v>
      </c>
      <c r="P18153" s="5" t="s">
        <v>39</v>
      </c>
      <c r="Q18153" s="5" t="s">
        <v>40</v>
      </c>
      <c r="R18153" s="5" t="s">
        <v>1522</v>
      </c>
      <c r="S18153" s="5" t="s">
        <v>1523</v>
      </c>
      <c r="T18153" s="5" t="s">
        <v>42</v>
      </c>
      <c r="U18153" s="2">
        <v>3.55</v>
      </c>
      <c r="V18153" s="2">
        <v>2.8839999999999999</v>
      </c>
      <c r="W18153" s="2">
        <v>0.02</v>
      </c>
      <c r="X18153" s="2">
        <v>159.1</v>
      </c>
      <c r="Y18153" s="2">
        <v>7.6</v>
      </c>
      <c r="Z18153" s="2">
        <v>16.7</v>
      </c>
      <c r="AA18153" s="5"/>
      <c r="AB18153" s="5" t="s">
        <v>43</v>
      </c>
      <c r="AC18153" s="5" t="s">
        <v>44</v>
      </c>
      <c r="AD18153" s="2"/>
      <c r="AE18153" s="1"/>
    </row>
    <row r="18154" spans="1:31" ht="14.45">
      <c r="A18154" s="11"/>
      <c r="B18154" s="20"/>
      <c r="C18154" s="2" t="s">
        <v>55420</v>
      </c>
      <c r="D18154" s="14" t="s">
        <v>55421</v>
      </c>
      <c r="E18154" s="2" t="s">
        <v>55422</v>
      </c>
      <c r="F18154" s="2" t="s">
        <v>36277</v>
      </c>
      <c r="G18154" s="8">
        <v>307</v>
      </c>
      <c r="H18154" s="5">
        <v>6</v>
      </c>
      <c r="I18154" s="5" t="s">
        <v>1518</v>
      </c>
      <c r="J18154" s="5" t="s">
        <v>40939</v>
      </c>
      <c r="K18154" s="2" t="s">
        <v>40940</v>
      </c>
      <c r="L18154" s="5" t="s">
        <v>40939</v>
      </c>
      <c r="M18154" s="2" t="s">
        <v>40940</v>
      </c>
      <c r="N18154" s="5" t="s">
        <v>36266</v>
      </c>
      <c r="O18154" s="5" t="s">
        <v>38</v>
      </c>
      <c r="P18154" s="5" t="s">
        <v>39</v>
      </c>
      <c r="Q18154" s="5" t="s">
        <v>40</v>
      </c>
      <c r="R18154" s="5" t="s">
        <v>1522</v>
      </c>
      <c r="S18154" s="5" t="s">
        <v>1523</v>
      </c>
      <c r="T18154" s="5" t="s">
        <v>42</v>
      </c>
      <c r="U18154" s="2">
        <v>3.645</v>
      </c>
      <c r="V18154" s="2">
        <v>2.9790000000000001</v>
      </c>
      <c r="W18154" s="2">
        <v>0.02</v>
      </c>
      <c r="X18154" s="2">
        <v>159.1</v>
      </c>
      <c r="Y18154" s="2">
        <v>7.6</v>
      </c>
      <c r="Z18154" s="2">
        <v>16.7</v>
      </c>
      <c r="AA18154" s="5"/>
      <c r="AB18154" s="5" t="s">
        <v>43</v>
      </c>
      <c r="AC18154" s="5" t="s">
        <v>44</v>
      </c>
      <c r="AD18154" s="2"/>
      <c r="AE18154" s="1"/>
    </row>
    <row r="18155" spans="1:31" ht="14.45">
      <c r="A18155" s="11"/>
      <c r="B18155" s="20"/>
      <c r="C18155" s="2" t="s">
        <v>55423</v>
      </c>
      <c r="D18155" s="14" t="s">
        <v>55424</v>
      </c>
      <c r="E18155" s="2" t="s">
        <v>55425</v>
      </c>
      <c r="F18155" s="2" t="s">
        <v>40967</v>
      </c>
      <c r="G18155" s="8">
        <v>333</v>
      </c>
      <c r="H18155" s="5">
        <v>6</v>
      </c>
      <c r="I18155" s="5" t="s">
        <v>1518</v>
      </c>
      <c r="J18155" s="5" t="s">
        <v>40939</v>
      </c>
      <c r="K18155" s="2" t="s">
        <v>40940</v>
      </c>
      <c r="L18155" s="5" t="s">
        <v>40939</v>
      </c>
      <c r="M18155" s="2" t="s">
        <v>40940</v>
      </c>
      <c r="N18155" s="5" t="s">
        <v>36266</v>
      </c>
      <c r="O18155" s="5" t="s">
        <v>38</v>
      </c>
      <c r="P18155" s="5" t="s">
        <v>39</v>
      </c>
      <c r="Q18155" s="5" t="s">
        <v>40</v>
      </c>
      <c r="R18155" s="5" t="s">
        <v>1522</v>
      </c>
      <c r="S18155" s="5" t="s">
        <v>1523</v>
      </c>
      <c r="T18155" s="5" t="s">
        <v>42</v>
      </c>
      <c r="U18155" s="2">
        <v>3.5259999999999998</v>
      </c>
      <c r="V18155" s="2">
        <v>2.86</v>
      </c>
      <c r="W18155" s="2">
        <v>0.02</v>
      </c>
      <c r="X18155" s="2">
        <v>159.1</v>
      </c>
      <c r="Y18155" s="2">
        <v>7.6</v>
      </c>
      <c r="Z18155" s="2">
        <v>16.7</v>
      </c>
      <c r="AA18155" s="5"/>
      <c r="AB18155" s="5" t="s">
        <v>43</v>
      </c>
      <c r="AC18155" s="5" t="s">
        <v>44</v>
      </c>
      <c r="AD18155" s="2"/>
      <c r="AE18155" s="1"/>
    </row>
    <row r="18156" spans="1:31" ht="14.45">
      <c r="A18156" s="11"/>
      <c r="B18156" s="20"/>
      <c r="C18156" s="2" t="s">
        <v>55426</v>
      </c>
      <c r="D18156" s="14" t="s">
        <v>55427</v>
      </c>
      <c r="E18156" s="2" t="s">
        <v>55428</v>
      </c>
      <c r="F18156" s="2" t="s">
        <v>40971</v>
      </c>
      <c r="G18156" s="8">
        <v>333</v>
      </c>
      <c r="H18156" s="5">
        <v>6</v>
      </c>
      <c r="I18156" s="5" t="s">
        <v>1518</v>
      </c>
      <c r="J18156" s="5" t="s">
        <v>40939</v>
      </c>
      <c r="K18156" s="2" t="s">
        <v>40940</v>
      </c>
      <c r="L18156" s="5" t="s">
        <v>40939</v>
      </c>
      <c r="M18156" s="2" t="s">
        <v>40940</v>
      </c>
      <c r="N18156" s="5" t="s">
        <v>36266</v>
      </c>
      <c r="O18156" s="5" t="s">
        <v>38</v>
      </c>
      <c r="P18156" s="5" t="s">
        <v>39</v>
      </c>
      <c r="Q18156" s="5" t="s">
        <v>40</v>
      </c>
      <c r="R18156" s="5" t="s">
        <v>1522</v>
      </c>
      <c r="S18156" s="5" t="s">
        <v>1523</v>
      </c>
      <c r="T18156" s="5" t="s">
        <v>42</v>
      </c>
      <c r="U18156" s="2">
        <v>3.621</v>
      </c>
      <c r="V18156" s="2">
        <v>2.9550000000000001</v>
      </c>
      <c r="W18156" s="2">
        <v>0.02</v>
      </c>
      <c r="X18156" s="2">
        <v>159.1</v>
      </c>
      <c r="Y18156" s="2">
        <v>7.6</v>
      </c>
      <c r="Z18156" s="2">
        <v>16.7</v>
      </c>
      <c r="AA18156" s="5"/>
      <c r="AB18156" s="5" t="s">
        <v>43</v>
      </c>
      <c r="AC18156" s="5" t="s">
        <v>44</v>
      </c>
      <c r="AD18156" s="2"/>
      <c r="AE18156" s="1"/>
    </row>
    <row r="18157" spans="1:31" ht="14.45">
      <c r="A18157" s="11"/>
      <c r="B18157" s="20"/>
      <c r="C18157" s="2" t="s">
        <v>55429</v>
      </c>
      <c r="D18157" s="14" t="s">
        <v>55430</v>
      </c>
      <c r="E18157" s="2" t="s">
        <v>55431</v>
      </c>
      <c r="F18157" s="2" t="s">
        <v>7539</v>
      </c>
      <c r="G18157" s="8">
        <v>333</v>
      </c>
      <c r="H18157" s="5">
        <v>6</v>
      </c>
      <c r="I18157" s="5" t="s">
        <v>1518</v>
      </c>
      <c r="J18157" s="5" t="s">
        <v>40939</v>
      </c>
      <c r="K18157" s="2" t="s">
        <v>40940</v>
      </c>
      <c r="L18157" s="5" t="s">
        <v>40939</v>
      </c>
      <c r="M18157" s="2" t="s">
        <v>40940</v>
      </c>
      <c r="N18157" s="5" t="s">
        <v>36266</v>
      </c>
      <c r="O18157" s="5" t="s">
        <v>38</v>
      </c>
      <c r="P18157" s="5" t="s">
        <v>39</v>
      </c>
      <c r="Q18157" s="5" t="s">
        <v>40</v>
      </c>
      <c r="R18157" s="5" t="s">
        <v>1522</v>
      </c>
      <c r="S18157" s="5" t="s">
        <v>1523</v>
      </c>
      <c r="T18157" s="5" t="s">
        <v>42</v>
      </c>
      <c r="U18157" s="2">
        <v>3.4660000000000002</v>
      </c>
      <c r="V18157" s="2">
        <v>2.8</v>
      </c>
      <c r="W18157" s="2">
        <v>0.02</v>
      </c>
      <c r="X18157" s="2">
        <v>159.1</v>
      </c>
      <c r="Y18157" s="2">
        <v>7.6</v>
      </c>
      <c r="Z18157" s="2">
        <v>16.7</v>
      </c>
      <c r="AA18157" s="5"/>
      <c r="AB18157" s="5" t="s">
        <v>43</v>
      </c>
      <c r="AC18157" s="5" t="s">
        <v>44</v>
      </c>
      <c r="AD18157" s="2"/>
      <c r="AE18157" s="1"/>
    </row>
    <row r="18158" spans="1:31" ht="14.45">
      <c r="A18158" s="11"/>
      <c r="B18158" s="20"/>
      <c r="C18158" s="2" t="s">
        <v>55432</v>
      </c>
      <c r="D18158" s="14" t="s">
        <v>55433</v>
      </c>
      <c r="E18158" s="2" t="s">
        <v>55434</v>
      </c>
      <c r="F18158" s="2" t="s">
        <v>7543</v>
      </c>
      <c r="G18158" s="8">
        <v>333</v>
      </c>
      <c r="H18158" s="5">
        <v>6</v>
      </c>
      <c r="I18158" s="5" t="s">
        <v>1518</v>
      </c>
      <c r="J18158" s="5" t="s">
        <v>40939</v>
      </c>
      <c r="K18158" s="2" t="s">
        <v>40940</v>
      </c>
      <c r="L18158" s="5" t="s">
        <v>40939</v>
      </c>
      <c r="M18158" s="2" t="s">
        <v>40940</v>
      </c>
      <c r="N18158" s="5" t="s">
        <v>36266</v>
      </c>
      <c r="O18158" s="5" t="s">
        <v>38</v>
      </c>
      <c r="P18158" s="5" t="s">
        <v>39</v>
      </c>
      <c r="Q18158" s="5" t="s">
        <v>40</v>
      </c>
      <c r="R18158" s="5" t="s">
        <v>1522</v>
      </c>
      <c r="S18158" s="5" t="s">
        <v>1523</v>
      </c>
      <c r="T18158" s="5" t="s">
        <v>42</v>
      </c>
      <c r="U18158" s="2">
        <v>3.5609999999999999</v>
      </c>
      <c r="V18158" s="2">
        <v>2.895</v>
      </c>
      <c r="W18158" s="2">
        <v>0.02</v>
      </c>
      <c r="X18158" s="2">
        <v>159.1</v>
      </c>
      <c r="Y18158" s="2">
        <v>7.6</v>
      </c>
      <c r="Z18158" s="2">
        <v>16.7</v>
      </c>
      <c r="AA18158" s="5"/>
      <c r="AB18158" s="5" t="s">
        <v>43</v>
      </c>
      <c r="AC18158" s="5" t="s">
        <v>44</v>
      </c>
      <c r="AD18158" s="2"/>
      <c r="AE18158" s="1"/>
    </row>
    <row r="18159" spans="1:31" ht="14.45">
      <c r="A18159" s="11"/>
      <c r="B18159" s="20"/>
      <c r="C18159" s="2" t="s">
        <v>55435</v>
      </c>
      <c r="D18159" s="14" t="s">
        <v>55436</v>
      </c>
      <c r="E18159" s="2" t="s">
        <v>55437</v>
      </c>
      <c r="F18159" s="2" t="s">
        <v>41001</v>
      </c>
      <c r="G18159" s="8">
        <v>333</v>
      </c>
      <c r="H18159" s="5">
        <v>6</v>
      </c>
      <c r="I18159" s="5" t="s">
        <v>1518</v>
      </c>
      <c r="J18159" s="5" t="s">
        <v>40939</v>
      </c>
      <c r="K18159" s="2" t="s">
        <v>40940</v>
      </c>
      <c r="L18159" s="5" t="s">
        <v>40939</v>
      </c>
      <c r="M18159" s="2" t="s">
        <v>40940</v>
      </c>
      <c r="N18159" s="5" t="s">
        <v>36266</v>
      </c>
      <c r="O18159" s="5" t="s">
        <v>38</v>
      </c>
      <c r="P18159" s="5" t="s">
        <v>39</v>
      </c>
      <c r="Q18159" s="5" t="s">
        <v>40</v>
      </c>
      <c r="R18159" s="5" t="s">
        <v>1522</v>
      </c>
      <c r="S18159" s="5" t="s">
        <v>1523</v>
      </c>
      <c r="T18159" s="5" t="s">
        <v>42</v>
      </c>
      <c r="U18159" s="2">
        <v>3.5259999999999998</v>
      </c>
      <c r="V18159" s="2">
        <v>2.86</v>
      </c>
      <c r="W18159" s="2">
        <v>0.02</v>
      </c>
      <c r="X18159" s="2">
        <v>159.1</v>
      </c>
      <c r="Y18159" s="2">
        <v>7.6</v>
      </c>
      <c r="Z18159" s="2">
        <v>16.7</v>
      </c>
      <c r="AA18159" s="5"/>
      <c r="AB18159" s="5" t="s">
        <v>43</v>
      </c>
      <c r="AC18159" s="5" t="s">
        <v>44</v>
      </c>
      <c r="AD18159" s="2"/>
      <c r="AE18159" s="1"/>
    </row>
    <row r="18160" spans="1:31" ht="14.45">
      <c r="A18160" s="11"/>
      <c r="B18160" s="20"/>
      <c r="C18160" s="2" t="s">
        <v>55438</v>
      </c>
      <c r="D18160" s="14" t="s">
        <v>55439</v>
      </c>
      <c r="E18160" s="2" t="s">
        <v>55440</v>
      </c>
      <c r="F18160" s="2" t="s">
        <v>7396</v>
      </c>
      <c r="G18160" s="8">
        <v>307</v>
      </c>
      <c r="H18160" s="5">
        <v>6</v>
      </c>
      <c r="I18160" s="5" t="s">
        <v>1518</v>
      </c>
      <c r="J18160" s="5" t="s">
        <v>40939</v>
      </c>
      <c r="K18160" s="2" t="s">
        <v>40940</v>
      </c>
      <c r="L18160" s="5" t="s">
        <v>40939</v>
      </c>
      <c r="M18160" s="2" t="s">
        <v>40940</v>
      </c>
      <c r="N18160" s="5" t="s">
        <v>36266</v>
      </c>
      <c r="O18160" s="5" t="s">
        <v>38</v>
      </c>
      <c r="P18160" s="5" t="s">
        <v>39</v>
      </c>
      <c r="Q18160" s="5" t="s">
        <v>40</v>
      </c>
      <c r="R18160" s="5" t="s">
        <v>1522</v>
      </c>
      <c r="S18160" s="5" t="s">
        <v>1523</v>
      </c>
      <c r="T18160" s="5" t="s">
        <v>42</v>
      </c>
      <c r="U18160" s="2">
        <v>3.5379999999999998</v>
      </c>
      <c r="V18160" s="2">
        <v>2.8719999999999999</v>
      </c>
      <c r="W18160" s="2">
        <v>0.02</v>
      </c>
      <c r="X18160" s="2">
        <v>159.1</v>
      </c>
      <c r="Y18160" s="2">
        <v>7.6</v>
      </c>
      <c r="Z18160" s="2">
        <v>16.7</v>
      </c>
      <c r="AA18160" s="5"/>
      <c r="AB18160" s="5" t="s">
        <v>43</v>
      </c>
      <c r="AC18160" s="5" t="s">
        <v>44</v>
      </c>
      <c r="AD18160" s="2"/>
      <c r="AE18160" s="1"/>
    </row>
    <row r="18161" spans="1:31" ht="14.45">
      <c r="A18161" s="11"/>
      <c r="B18161" s="20"/>
      <c r="C18161" s="2" t="s">
        <v>55441</v>
      </c>
      <c r="D18161" s="14" t="s">
        <v>55442</v>
      </c>
      <c r="E18161" s="2" t="s">
        <v>55443</v>
      </c>
      <c r="F18161" s="2" t="s">
        <v>41031</v>
      </c>
      <c r="G18161" s="8">
        <v>333</v>
      </c>
      <c r="H18161" s="5">
        <v>6</v>
      </c>
      <c r="I18161" s="5" t="s">
        <v>1518</v>
      </c>
      <c r="J18161" s="5" t="s">
        <v>40939</v>
      </c>
      <c r="K18161" s="2" t="s">
        <v>40940</v>
      </c>
      <c r="L18161" s="5" t="s">
        <v>40939</v>
      </c>
      <c r="M18161" s="2" t="s">
        <v>40940</v>
      </c>
      <c r="N18161" s="5" t="s">
        <v>36266</v>
      </c>
      <c r="O18161" s="5" t="s">
        <v>38</v>
      </c>
      <c r="P18161" s="5" t="s">
        <v>39</v>
      </c>
      <c r="Q18161" s="5" t="s">
        <v>40</v>
      </c>
      <c r="R18161" s="5" t="s">
        <v>1522</v>
      </c>
      <c r="S18161" s="5" t="s">
        <v>1523</v>
      </c>
      <c r="T18161" s="5" t="s">
        <v>42</v>
      </c>
      <c r="U18161" s="2">
        <v>3.4780000000000002</v>
      </c>
      <c r="V18161" s="2">
        <v>2.8119999999999998</v>
      </c>
      <c r="W18161" s="2">
        <v>0.02</v>
      </c>
      <c r="X18161" s="2">
        <v>159.1</v>
      </c>
      <c r="Y18161" s="2">
        <v>7.6</v>
      </c>
      <c r="Z18161" s="2">
        <v>16.7</v>
      </c>
      <c r="AA18161" s="5"/>
      <c r="AB18161" s="5" t="s">
        <v>43</v>
      </c>
      <c r="AC18161" s="5" t="s">
        <v>44</v>
      </c>
      <c r="AD18161" s="2"/>
      <c r="AE18161" s="1"/>
    </row>
    <row r="18162" spans="1:31" ht="14.45">
      <c r="A18162" s="11"/>
      <c r="B18162" s="20"/>
      <c r="C18162" s="2" t="s">
        <v>55444</v>
      </c>
      <c r="D18162" s="14" t="s">
        <v>55445</v>
      </c>
      <c r="E18162" s="2" t="s">
        <v>55446</v>
      </c>
      <c r="F18162" s="2" t="s">
        <v>41035</v>
      </c>
      <c r="G18162" s="8">
        <v>333</v>
      </c>
      <c r="H18162" s="5">
        <v>6</v>
      </c>
      <c r="I18162" s="5" t="s">
        <v>1518</v>
      </c>
      <c r="J18162" s="5" t="s">
        <v>40939</v>
      </c>
      <c r="K18162" s="2" t="s">
        <v>40940</v>
      </c>
      <c r="L18162" s="5" t="s">
        <v>40939</v>
      </c>
      <c r="M18162" s="2" t="s">
        <v>40940</v>
      </c>
      <c r="N18162" s="5" t="s">
        <v>36266</v>
      </c>
      <c r="O18162" s="5" t="s">
        <v>38</v>
      </c>
      <c r="P18162" s="5" t="s">
        <v>39</v>
      </c>
      <c r="Q18162" s="5" t="s">
        <v>40</v>
      </c>
      <c r="R18162" s="5" t="s">
        <v>1522</v>
      </c>
      <c r="S18162" s="5" t="s">
        <v>1523</v>
      </c>
      <c r="T18162" s="5" t="s">
        <v>42</v>
      </c>
      <c r="U18162" s="2">
        <v>3.573</v>
      </c>
      <c r="V18162" s="2">
        <v>2.907</v>
      </c>
      <c r="W18162" s="2">
        <v>0.02</v>
      </c>
      <c r="X18162" s="2">
        <v>159.1</v>
      </c>
      <c r="Y18162" s="2">
        <v>7.6</v>
      </c>
      <c r="Z18162" s="2">
        <v>16.7</v>
      </c>
      <c r="AA18162" s="5"/>
      <c r="AB18162" s="5" t="s">
        <v>43</v>
      </c>
      <c r="AC18162" s="5" t="s">
        <v>44</v>
      </c>
      <c r="AD18162" s="2"/>
      <c r="AE18162" s="1"/>
    </row>
    <row r="18163" spans="1:31" ht="14.45">
      <c r="A18163" s="11"/>
      <c r="B18163" s="20"/>
      <c r="C18163" s="2" t="s">
        <v>55447</v>
      </c>
      <c r="D18163" s="14" t="s">
        <v>55448</v>
      </c>
      <c r="E18163" s="2" t="s">
        <v>55449</v>
      </c>
      <c r="F18163" s="2" t="s">
        <v>41045</v>
      </c>
      <c r="G18163" s="8">
        <v>333</v>
      </c>
      <c r="H18163" s="5">
        <v>6</v>
      </c>
      <c r="I18163" s="5" t="s">
        <v>1518</v>
      </c>
      <c r="J18163" s="5" t="s">
        <v>40939</v>
      </c>
      <c r="K18163" s="2" t="s">
        <v>40940</v>
      </c>
      <c r="L18163" s="5" t="s">
        <v>40939</v>
      </c>
      <c r="M18163" s="2" t="s">
        <v>40940</v>
      </c>
      <c r="N18163" s="5" t="s">
        <v>36266</v>
      </c>
      <c r="O18163" s="5" t="s">
        <v>38</v>
      </c>
      <c r="P18163" s="5" t="s">
        <v>39</v>
      </c>
      <c r="Q18163" s="5" t="s">
        <v>40</v>
      </c>
      <c r="R18163" s="5" t="s">
        <v>1522</v>
      </c>
      <c r="S18163" s="5" t="s">
        <v>1523</v>
      </c>
      <c r="T18163" s="5" t="s">
        <v>42</v>
      </c>
      <c r="U18163" s="2">
        <v>3.55</v>
      </c>
      <c r="V18163" s="2">
        <v>2.8839999999999999</v>
      </c>
      <c r="W18163" s="2">
        <v>0.02</v>
      </c>
      <c r="X18163" s="2">
        <v>159.1</v>
      </c>
      <c r="Y18163" s="2">
        <v>7.6</v>
      </c>
      <c r="Z18163" s="2">
        <v>16.7</v>
      </c>
      <c r="AA18163" s="5"/>
      <c r="AB18163" s="5" t="s">
        <v>43</v>
      </c>
      <c r="AC18163" s="5" t="s">
        <v>44</v>
      </c>
      <c r="AD18163" s="2"/>
      <c r="AE18163" s="1"/>
    </row>
    <row r="18164" spans="1:31" ht="14.45">
      <c r="A18164" s="11"/>
      <c r="B18164" s="20"/>
      <c r="C18164" s="2" t="s">
        <v>55450</v>
      </c>
      <c r="D18164" s="14" t="s">
        <v>55451</v>
      </c>
      <c r="E18164" s="2" t="s">
        <v>55452</v>
      </c>
      <c r="F18164" s="2" t="s">
        <v>41049</v>
      </c>
      <c r="G18164" s="8">
        <v>333</v>
      </c>
      <c r="H18164" s="5">
        <v>6</v>
      </c>
      <c r="I18164" s="5" t="s">
        <v>1518</v>
      </c>
      <c r="J18164" s="5" t="s">
        <v>40939</v>
      </c>
      <c r="K18164" s="2" t="s">
        <v>40940</v>
      </c>
      <c r="L18164" s="5" t="s">
        <v>40939</v>
      </c>
      <c r="M18164" s="2" t="s">
        <v>40940</v>
      </c>
      <c r="N18164" s="5" t="s">
        <v>36266</v>
      </c>
      <c r="O18164" s="5" t="s">
        <v>38</v>
      </c>
      <c r="P18164" s="5" t="s">
        <v>39</v>
      </c>
      <c r="Q18164" s="5" t="s">
        <v>40</v>
      </c>
      <c r="R18164" s="5" t="s">
        <v>1522</v>
      </c>
      <c r="S18164" s="5" t="s">
        <v>1523</v>
      </c>
      <c r="T18164" s="5" t="s">
        <v>42</v>
      </c>
      <c r="U18164" s="2">
        <v>3.645</v>
      </c>
      <c r="V18164" s="2">
        <v>2.9790000000000001</v>
      </c>
      <c r="W18164" s="2">
        <v>0.02</v>
      </c>
      <c r="X18164" s="2">
        <v>159.1</v>
      </c>
      <c r="Y18164" s="2">
        <v>7.6</v>
      </c>
      <c r="Z18164" s="2">
        <v>16.7</v>
      </c>
      <c r="AA18164" s="5"/>
      <c r="AB18164" s="5" t="s">
        <v>43</v>
      </c>
      <c r="AC18164" s="5" t="s">
        <v>44</v>
      </c>
      <c r="AD18164" s="2"/>
      <c r="AE18164" s="1"/>
    </row>
    <row r="18165" spans="1:31" ht="14.45">
      <c r="A18165" s="11"/>
      <c r="B18165" s="20"/>
      <c r="C18165" s="2" t="s">
        <v>55453</v>
      </c>
      <c r="D18165" s="14" t="s">
        <v>55454</v>
      </c>
      <c r="E18165" s="2" t="s">
        <v>55455</v>
      </c>
      <c r="F18165" s="2" t="s">
        <v>7204</v>
      </c>
      <c r="G18165" s="8">
        <v>322</v>
      </c>
      <c r="H18165" s="5">
        <v>6</v>
      </c>
      <c r="I18165" s="5" t="s">
        <v>1518</v>
      </c>
      <c r="J18165" s="5" t="s">
        <v>40939</v>
      </c>
      <c r="K18165" s="2" t="s">
        <v>40940</v>
      </c>
      <c r="L18165" s="5" t="s">
        <v>40939</v>
      </c>
      <c r="M18165" s="2" t="s">
        <v>40940</v>
      </c>
      <c r="N18165" s="5" t="s">
        <v>36266</v>
      </c>
      <c r="O18165" s="5" t="s">
        <v>38</v>
      </c>
      <c r="P18165" s="5" t="s">
        <v>39</v>
      </c>
      <c r="Q18165" s="5" t="s">
        <v>40</v>
      </c>
      <c r="R18165" s="5" t="s">
        <v>1522</v>
      </c>
      <c r="S18165" s="5" t="s">
        <v>1523</v>
      </c>
      <c r="T18165" s="5" t="s">
        <v>42</v>
      </c>
      <c r="U18165" s="2">
        <v>3.8069999999999999</v>
      </c>
      <c r="V18165" s="2">
        <v>3.16</v>
      </c>
      <c r="W18165" s="2">
        <v>0.02</v>
      </c>
      <c r="X18165" s="2">
        <v>159.1</v>
      </c>
      <c r="Y18165" s="2">
        <v>7.6</v>
      </c>
      <c r="Z18165" s="2">
        <v>16.7</v>
      </c>
      <c r="AA18165" s="5"/>
      <c r="AB18165" s="5" t="s">
        <v>43</v>
      </c>
      <c r="AC18165" s="5" t="s">
        <v>44</v>
      </c>
      <c r="AD18165" s="2"/>
      <c r="AE18165" s="1"/>
    </row>
    <row r="18166" spans="1:31" ht="14.45">
      <c r="A18166" s="11"/>
      <c r="B18166" s="20"/>
      <c r="C18166" s="2" t="s">
        <v>55456</v>
      </c>
      <c r="D18166" s="14" t="s">
        <v>55457</v>
      </c>
      <c r="E18166" s="2" t="s">
        <v>55458</v>
      </c>
      <c r="F18166" s="2" t="s">
        <v>7514</v>
      </c>
      <c r="G18166" s="8">
        <v>322</v>
      </c>
      <c r="H18166" s="5">
        <v>6</v>
      </c>
      <c r="I18166" s="5" t="s">
        <v>1518</v>
      </c>
      <c r="J18166" s="5" t="s">
        <v>40939</v>
      </c>
      <c r="K18166" s="2" t="s">
        <v>40940</v>
      </c>
      <c r="L18166" s="5" t="s">
        <v>40939</v>
      </c>
      <c r="M18166" s="2" t="s">
        <v>40940</v>
      </c>
      <c r="N18166" s="5" t="s">
        <v>36266</v>
      </c>
      <c r="O18166" s="5" t="s">
        <v>38</v>
      </c>
      <c r="P18166" s="5" t="s">
        <v>39</v>
      </c>
      <c r="Q18166" s="5" t="s">
        <v>40</v>
      </c>
      <c r="R18166" s="5" t="s">
        <v>1522</v>
      </c>
      <c r="S18166" s="5" t="s">
        <v>1523</v>
      </c>
      <c r="T18166" s="5" t="s">
        <v>42</v>
      </c>
      <c r="U18166" s="2">
        <v>3.927</v>
      </c>
      <c r="V18166" s="2">
        <v>3.28</v>
      </c>
      <c r="W18166" s="2">
        <v>0.02</v>
      </c>
      <c r="X18166" s="2">
        <v>159.1</v>
      </c>
      <c r="Y18166" s="2">
        <v>7.6</v>
      </c>
      <c r="Z18166" s="2">
        <v>16.7</v>
      </c>
      <c r="AA18166" s="5"/>
      <c r="AB18166" s="5" t="s">
        <v>43</v>
      </c>
      <c r="AC18166" s="5" t="s">
        <v>44</v>
      </c>
      <c r="AD18166" s="2"/>
      <c r="AE18166" s="1"/>
    </row>
    <row r="18167" spans="1:31" ht="14.45">
      <c r="A18167" s="11"/>
      <c r="B18167" s="20"/>
      <c r="C18167" s="2" t="s">
        <v>55459</v>
      </c>
      <c r="D18167" s="14" t="s">
        <v>55460</v>
      </c>
      <c r="E18167" s="2" t="s">
        <v>55461</v>
      </c>
      <c r="F18167" s="2" t="s">
        <v>47266</v>
      </c>
      <c r="G18167" s="8">
        <v>351</v>
      </c>
      <c r="H18167" s="5">
        <v>6</v>
      </c>
      <c r="I18167" s="5" t="s">
        <v>1518</v>
      </c>
      <c r="J18167" s="5" t="s">
        <v>40939</v>
      </c>
      <c r="K18167" s="2" t="s">
        <v>40940</v>
      </c>
      <c r="L18167" s="5" t="s">
        <v>40939</v>
      </c>
      <c r="M18167" s="2" t="s">
        <v>40940</v>
      </c>
      <c r="N18167" s="5" t="s">
        <v>36266</v>
      </c>
      <c r="O18167" s="5" t="s">
        <v>38</v>
      </c>
      <c r="P18167" s="5" t="s">
        <v>39</v>
      </c>
      <c r="Q18167" s="5" t="s">
        <v>40</v>
      </c>
      <c r="R18167" s="5" t="s">
        <v>1522</v>
      </c>
      <c r="S18167" s="5" t="s">
        <v>1523</v>
      </c>
      <c r="T18167" s="5" t="s">
        <v>42</v>
      </c>
      <c r="U18167" s="2">
        <v>3.8410000000000002</v>
      </c>
      <c r="V18167" s="2">
        <v>3.194</v>
      </c>
      <c r="W18167" s="2">
        <v>0.02</v>
      </c>
      <c r="X18167" s="2">
        <v>159.1</v>
      </c>
      <c r="Y18167" s="2">
        <v>7.6</v>
      </c>
      <c r="Z18167" s="2">
        <v>16.7</v>
      </c>
      <c r="AA18167" s="5"/>
      <c r="AB18167" s="5" t="s">
        <v>43</v>
      </c>
      <c r="AC18167" s="5" t="s">
        <v>44</v>
      </c>
      <c r="AD18167" s="2"/>
      <c r="AE18167" s="1"/>
    </row>
    <row r="18168" spans="1:31" ht="14.45">
      <c r="A18168" s="11"/>
      <c r="B18168" s="20"/>
      <c r="C18168" s="2" t="s">
        <v>55462</v>
      </c>
      <c r="D18168" s="14" t="s">
        <v>55463</v>
      </c>
      <c r="E18168" s="2" t="s">
        <v>55464</v>
      </c>
      <c r="F18168" s="2" t="s">
        <v>47195</v>
      </c>
      <c r="G18168" s="8">
        <v>351</v>
      </c>
      <c r="H18168" s="5">
        <v>6</v>
      </c>
      <c r="I18168" s="5" t="s">
        <v>1518</v>
      </c>
      <c r="J18168" s="5" t="s">
        <v>40939</v>
      </c>
      <c r="K18168" s="2" t="s">
        <v>40940</v>
      </c>
      <c r="L18168" s="5" t="s">
        <v>40939</v>
      </c>
      <c r="M18168" s="2" t="s">
        <v>40940</v>
      </c>
      <c r="N18168" s="5" t="s">
        <v>36266</v>
      </c>
      <c r="O18168" s="5" t="s">
        <v>38</v>
      </c>
      <c r="P18168" s="5" t="s">
        <v>39</v>
      </c>
      <c r="Q18168" s="5" t="s">
        <v>40</v>
      </c>
      <c r="R18168" s="5" t="s">
        <v>1522</v>
      </c>
      <c r="S18168" s="5" t="s">
        <v>1523</v>
      </c>
      <c r="T18168" s="5" t="s">
        <v>42</v>
      </c>
      <c r="U18168" s="2">
        <v>3.9609999999999999</v>
      </c>
      <c r="V18168" s="2">
        <v>3.3140000000000001</v>
      </c>
      <c r="W18168" s="2">
        <v>0.02</v>
      </c>
      <c r="X18168" s="2">
        <v>159.1</v>
      </c>
      <c r="Y18168" s="2">
        <v>7.6</v>
      </c>
      <c r="Z18168" s="2">
        <v>16.7</v>
      </c>
      <c r="AA18168" s="5"/>
      <c r="AB18168" s="5" t="s">
        <v>43</v>
      </c>
      <c r="AC18168" s="5" t="s">
        <v>44</v>
      </c>
      <c r="AD18168" s="2"/>
      <c r="AE18168" s="1"/>
    </row>
    <row r="18169" spans="1:31" ht="14.45">
      <c r="A18169" s="11"/>
      <c r="B18169" s="20"/>
      <c r="C18169" s="2" t="s">
        <v>55465</v>
      </c>
      <c r="D18169" s="14" t="s">
        <v>55466</v>
      </c>
      <c r="E18169" s="2" t="s">
        <v>55467</v>
      </c>
      <c r="F18169" s="2" t="s">
        <v>7208</v>
      </c>
      <c r="G18169" s="8">
        <v>322</v>
      </c>
      <c r="H18169" s="5">
        <v>6</v>
      </c>
      <c r="I18169" s="5" t="s">
        <v>1518</v>
      </c>
      <c r="J18169" s="5" t="s">
        <v>40939</v>
      </c>
      <c r="K18169" s="2" t="s">
        <v>40940</v>
      </c>
      <c r="L18169" s="5" t="s">
        <v>40939</v>
      </c>
      <c r="M18169" s="2" t="s">
        <v>40940</v>
      </c>
      <c r="N18169" s="5" t="s">
        <v>36266</v>
      </c>
      <c r="O18169" s="5" t="s">
        <v>38</v>
      </c>
      <c r="P18169" s="5" t="s">
        <v>39</v>
      </c>
      <c r="Q18169" s="5" t="s">
        <v>40</v>
      </c>
      <c r="R18169" s="5" t="s">
        <v>1522</v>
      </c>
      <c r="S18169" s="5" t="s">
        <v>1523</v>
      </c>
      <c r="T18169" s="5" t="s">
        <v>42</v>
      </c>
      <c r="U18169" s="2">
        <v>3.8580000000000001</v>
      </c>
      <c r="V18169" s="2">
        <v>3.2109999999999999</v>
      </c>
      <c r="W18169" s="2">
        <v>0.02</v>
      </c>
      <c r="X18169" s="2">
        <v>159.1</v>
      </c>
      <c r="Y18169" s="2">
        <v>7.6</v>
      </c>
      <c r="Z18169" s="2">
        <v>16.7</v>
      </c>
      <c r="AA18169" s="5"/>
      <c r="AB18169" s="5" t="s">
        <v>43</v>
      </c>
      <c r="AC18169" s="5" t="s">
        <v>44</v>
      </c>
      <c r="AD18169" s="2"/>
      <c r="AE18169" s="1"/>
    </row>
    <row r="18170" spans="1:31" ht="14.45">
      <c r="A18170" s="11"/>
      <c r="B18170" s="20"/>
      <c r="C18170" s="2" t="s">
        <v>55468</v>
      </c>
      <c r="D18170" s="14" t="s">
        <v>55469</v>
      </c>
      <c r="E18170" s="2" t="s">
        <v>55470</v>
      </c>
      <c r="F18170" s="2" t="s">
        <v>7521</v>
      </c>
      <c r="G18170" s="8">
        <v>322</v>
      </c>
      <c r="H18170" s="5">
        <v>6</v>
      </c>
      <c r="I18170" s="5" t="s">
        <v>1518</v>
      </c>
      <c r="J18170" s="5" t="s">
        <v>40939</v>
      </c>
      <c r="K18170" s="2" t="s">
        <v>40940</v>
      </c>
      <c r="L18170" s="5" t="s">
        <v>40939</v>
      </c>
      <c r="M18170" s="2" t="s">
        <v>40940</v>
      </c>
      <c r="N18170" s="5" t="s">
        <v>36266</v>
      </c>
      <c r="O18170" s="5" t="s">
        <v>38</v>
      </c>
      <c r="P18170" s="5" t="s">
        <v>39</v>
      </c>
      <c r="Q18170" s="5" t="s">
        <v>40</v>
      </c>
      <c r="R18170" s="5" t="s">
        <v>1522</v>
      </c>
      <c r="S18170" s="5" t="s">
        <v>1523</v>
      </c>
      <c r="T18170" s="5" t="s">
        <v>42</v>
      </c>
      <c r="U18170" s="2">
        <v>3.9780000000000002</v>
      </c>
      <c r="V18170" s="2">
        <v>3.331</v>
      </c>
      <c r="W18170" s="2">
        <v>0.02</v>
      </c>
      <c r="X18170" s="2">
        <v>159.1</v>
      </c>
      <c r="Y18170" s="2">
        <v>7.6</v>
      </c>
      <c r="Z18170" s="2">
        <v>16.7</v>
      </c>
      <c r="AA18170" s="5"/>
      <c r="AB18170" s="5" t="s">
        <v>43</v>
      </c>
      <c r="AC18170" s="5" t="s">
        <v>44</v>
      </c>
      <c r="AD18170" s="2"/>
      <c r="AE18170" s="1"/>
    </row>
    <row r="18171" spans="1:31" ht="14.45">
      <c r="A18171" s="11"/>
      <c r="B18171" s="20"/>
      <c r="C18171" s="2" t="s">
        <v>55471</v>
      </c>
      <c r="D18171" s="14" t="s">
        <v>55472</v>
      </c>
      <c r="E18171" s="2" t="s">
        <v>55473</v>
      </c>
      <c r="F18171" s="2" t="s">
        <v>36273</v>
      </c>
      <c r="G18171" s="8">
        <v>322</v>
      </c>
      <c r="H18171" s="5">
        <v>6</v>
      </c>
      <c r="I18171" s="5" t="s">
        <v>1518</v>
      </c>
      <c r="J18171" s="5" t="s">
        <v>40939</v>
      </c>
      <c r="K18171" s="2" t="s">
        <v>40940</v>
      </c>
      <c r="L18171" s="5" t="s">
        <v>40939</v>
      </c>
      <c r="M18171" s="2" t="s">
        <v>40940</v>
      </c>
      <c r="N18171" s="5" t="s">
        <v>36266</v>
      </c>
      <c r="O18171" s="5" t="s">
        <v>38</v>
      </c>
      <c r="P18171" s="5" t="s">
        <v>39</v>
      </c>
      <c r="Q18171" s="5" t="s">
        <v>40</v>
      </c>
      <c r="R18171" s="5" t="s">
        <v>1522</v>
      </c>
      <c r="S18171" s="5" t="s">
        <v>1523</v>
      </c>
      <c r="T18171" s="5" t="s">
        <v>42</v>
      </c>
      <c r="U18171" s="2">
        <v>3.8919999999999999</v>
      </c>
      <c r="V18171" s="2">
        <v>3.2450000000000001</v>
      </c>
      <c r="W18171" s="2">
        <v>0.02</v>
      </c>
      <c r="X18171" s="2">
        <v>159.1</v>
      </c>
      <c r="Y18171" s="2">
        <v>7.6</v>
      </c>
      <c r="Z18171" s="2">
        <v>16.7</v>
      </c>
      <c r="AA18171" s="5"/>
      <c r="AB18171" s="5" t="s">
        <v>43</v>
      </c>
      <c r="AC18171" s="5" t="s">
        <v>44</v>
      </c>
      <c r="AD18171" s="2"/>
      <c r="AE18171" s="1"/>
    </row>
    <row r="18172" spans="1:31" ht="14.45">
      <c r="A18172" s="11"/>
      <c r="B18172" s="20"/>
      <c r="C18172" s="2" t="s">
        <v>55474</v>
      </c>
      <c r="D18172" s="14" t="s">
        <v>55475</v>
      </c>
      <c r="E18172" s="2" t="s">
        <v>55476</v>
      </c>
      <c r="F18172" s="2" t="s">
        <v>40967</v>
      </c>
      <c r="G18172" s="8">
        <v>351</v>
      </c>
      <c r="H18172" s="5">
        <v>6</v>
      </c>
      <c r="I18172" s="5" t="s">
        <v>1518</v>
      </c>
      <c r="J18172" s="5" t="s">
        <v>40939</v>
      </c>
      <c r="K18172" s="2" t="s">
        <v>40940</v>
      </c>
      <c r="L18172" s="5" t="s">
        <v>40939</v>
      </c>
      <c r="M18172" s="2" t="s">
        <v>40940</v>
      </c>
      <c r="N18172" s="5" t="s">
        <v>36266</v>
      </c>
      <c r="O18172" s="5" t="s">
        <v>38</v>
      </c>
      <c r="P18172" s="5" t="s">
        <v>39</v>
      </c>
      <c r="Q18172" s="5" t="s">
        <v>40</v>
      </c>
      <c r="R18172" s="5" t="s">
        <v>1522</v>
      </c>
      <c r="S18172" s="5" t="s">
        <v>1523</v>
      </c>
      <c r="T18172" s="5" t="s">
        <v>42</v>
      </c>
      <c r="U18172" s="2">
        <v>3.8580000000000001</v>
      </c>
      <c r="V18172" s="2">
        <v>3.2109999999999999</v>
      </c>
      <c r="W18172" s="2">
        <v>0.02</v>
      </c>
      <c r="X18172" s="2">
        <v>159.1</v>
      </c>
      <c r="Y18172" s="2">
        <v>7.6</v>
      </c>
      <c r="Z18172" s="2">
        <v>16.7</v>
      </c>
      <c r="AA18172" s="5"/>
      <c r="AB18172" s="5" t="s">
        <v>43</v>
      </c>
      <c r="AC18172" s="5" t="s">
        <v>44</v>
      </c>
      <c r="AD18172" s="2"/>
      <c r="AE18172" s="1"/>
    </row>
    <row r="18173" spans="1:31" ht="14.45">
      <c r="A18173" s="11"/>
      <c r="B18173" s="20"/>
      <c r="C18173" s="2" t="s">
        <v>55477</v>
      </c>
      <c r="D18173" s="14" t="s">
        <v>55478</v>
      </c>
      <c r="E18173" s="2" t="s">
        <v>55479</v>
      </c>
      <c r="F18173" s="2" t="s">
        <v>40971</v>
      </c>
      <c r="G18173" s="8">
        <v>351</v>
      </c>
      <c r="H18173" s="5">
        <v>6</v>
      </c>
      <c r="I18173" s="5" t="s">
        <v>1518</v>
      </c>
      <c r="J18173" s="5" t="s">
        <v>40939</v>
      </c>
      <c r="K18173" s="2" t="s">
        <v>40940</v>
      </c>
      <c r="L18173" s="5" t="s">
        <v>40939</v>
      </c>
      <c r="M18173" s="2" t="s">
        <v>40940</v>
      </c>
      <c r="N18173" s="5" t="s">
        <v>36266</v>
      </c>
      <c r="O18173" s="5" t="s">
        <v>38</v>
      </c>
      <c r="P18173" s="5" t="s">
        <v>39</v>
      </c>
      <c r="Q18173" s="5" t="s">
        <v>40</v>
      </c>
      <c r="R18173" s="5" t="s">
        <v>1522</v>
      </c>
      <c r="S18173" s="5" t="s">
        <v>1523</v>
      </c>
      <c r="T18173" s="5" t="s">
        <v>42</v>
      </c>
      <c r="U18173" s="2">
        <v>3.9780000000000002</v>
      </c>
      <c r="V18173" s="2">
        <v>3.331</v>
      </c>
      <c r="W18173" s="2">
        <v>0.02</v>
      </c>
      <c r="X18173" s="2">
        <v>159.1</v>
      </c>
      <c r="Y18173" s="2">
        <v>7.6</v>
      </c>
      <c r="Z18173" s="2">
        <v>16.7</v>
      </c>
      <c r="AA18173" s="5"/>
      <c r="AB18173" s="5" t="s">
        <v>43</v>
      </c>
      <c r="AC18173" s="5" t="s">
        <v>44</v>
      </c>
      <c r="AD18173" s="2"/>
      <c r="AE18173" s="1"/>
    </row>
    <row r="18174" spans="1:31" ht="14.45">
      <c r="A18174" s="11"/>
      <c r="B18174" s="20"/>
      <c r="C18174" s="2" t="s">
        <v>55480</v>
      </c>
      <c r="D18174" s="14" t="s">
        <v>55481</v>
      </c>
      <c r="E18174" s="2" t="s">
        <v>55482</v>
      </c>
      <c r="F18174" s="2" t="s">
        <v>7539</v>
      </c>
      <c r="G18174" s="8">
        <v>351</v>
      </c>
      <c r="H18174" s="5">
        <v>6</v>
      </c>
      <c r="I18174" s="5" t="s">
        <v>1518</v>
      </c>
      <c r="J18174" s="5" t="s">
        <v>40939</v>
      </c>
      <c r="K18174" s="2" t="s">
        <v>40940</v>
      </c>
      <c r="L18174" s="5" t="s">
        <v>40939</v>
      </c>
      <c r="M18174" s="2" t="s">
        <v>40940</v>
      </c>
      <c r="N18174" s="5" t="s">
        <v>36266</v>
      </c>
      <c r="O18174" s="5" t="s">
        <v>38</v>
      </c>
      <c r="P18174" s="5" t="s">
        <v>39</v>
      </c>
      <c r="Q18174" s="5" t="s">
        <v>40</v>
      </c>
      <c r="R18174" s="5" t="s">
        <v>1522</v>
      </c>
      <c r="S18174" s="5" t="s">
        <v>1523</v>
      </c>
      <c r="T18174" s="5" t="s">
        <v>42</v>
      </c>
      <c r="U18174" s="2">
        <v>3.7730000000000001</v>
      </c>
      <c r="V18174" s="2">
        <v>3.1259999999999999</v>
      </c>
      <c r="W18174" s="2">
        <v>0.02</v>
      </c>
      <c r="X18174" s="2">
        <v>159.1</v>
      </c>
      <c r="Y18174" s="2">
        <v>7.6</v>
      </c>
      <c r="Z18174" s="2">
        <v>16.7</v>
      </c>
      <c r="AA18174" s="5"/>
      <c r="AB18174" s="5" t="s">
        <v>43</v>
      </c>
      <c r="AC18174" s="5" t="s">
        <v>44</v>
      </c>
      <c r="AD18174" s="2"/>
      <c r="AE18174" s="1"/>
    </row>
    <row r="18175" spans="1:31" ht="14.45">
      <c r="A18175" s="11"/>
      <c r="B18175" s="20"/>
      <c r="C18175" s="2" t="s">
        <v>55483</v>
      </c>
      <c r="D18175" s="14" t="s">
        <v>55484</v>
      </c>
      <c r="E18175" s="2" t="s">
        <v>55485</v>
      </c>
      <c r="F18175" s="2" t="s">
        <v>40989</v>
      </c>
      <c r="G18175" s="8">
        <v>351</v>
      </c>
      <c r="H18175" s="5">
        <v>6</v>
      </c>
      <c r="I18175" s="5" t="s">
        <v>1518</v>
      </c>
      <c r="J18175" s="5" t="s">
        <v>40939</v>
      </c>
      <c r="K18175" s="2" t="s">
        <v>40940</v>
      </c>
      <c r="L18175" s="5" t="s">
        <v>40939</v>
      </c>
      <c r="M18175" s="2" t="s">
        <v>40940</v>
      </c>
      <c r="N18175" s="5" t="s">
        <v>36266</v>
      </c>
      <c r="O18175" s="5" t="s">
        <v>38</v>
      </c>
      <c r="P18175" s="5" t="s">
        <v>39</v>
      </c>
      <c r="Q18175" s="5" t="s">
        <v>40</v>
      </c>
      <c r="R18175" s="5" t="s">
        <v>1522</v>
      </c>
      <c r="S18175" s="5" t="s">
        <v>1523</v>
      </c>
      <c r="T18175" s="5" t="s">
        <v>42</v>
      </c>
      <c r="U18175" s="2">
        <v>3.8580000000000001</v>
      </c>
      <c r="V18175" s="2">
        <v>3.2109999999999999</v>
      </c>
      <c r="W18175" s="2">
        <v>0.02</v>
      </c>
      <c r="X18175" s="2">
        <v>159.1</v>
      </c>
      <c r="Y18175" s="2">
        <v>7.6</v>
      </c>
      <c r="Z18175" s="2">
        <v>16.7</v>
      </c>
      <c r="AA18175" s="5"/>
      <c r="AB18175" s="5" t="s">
        <v>43</v>
      </c>
      <c r="AC18175" s="5" t="s">
        <v>44</v>
      </c>
      <c r="AD18175" s="2"/>
      <c r="AE18175" s="1"/>
    </row>
    <row r="18176" spans="1:31" ht="14.45">
      <c r="A18176" s="11"/>
      <c r="B18176" s="20"/>
      <c r="C18176" s="2" t="s">
        <v>55486</v>
      </c>
      <c r="D18176" s="14" t="s">
        <v>55487</v>
      </c>
      <c r="E18176" s="2" t="s">
        <v>55488</v>
      </c>
      <c r="F18176" s="2" t="s">
        <v>40993</v>
      </c>
      <c r="G18176" s="8">
        <v>351</v>
      </c>
      <c r="H18176" s="5">
        <v>6</v>
      </c>
      <c r="I18176" s="5" t="s">
        <v>1518</v>
      </c>
      <c r="J18176" s="5" t="s">
        <v>40939</v>
      </c>
      <c r="K18176" s="2" t="s">
        <v>40940</v>
      </c>
      <c r="L18176" s="5" t="s">
        <v>40939</v>
      </c>
      <c r="M18176" s="2" t="s">
        <v>40940</v>
      </c>
      <c r="N18176" s="5" t="s">
        <v>36266</v>
      </c>
      <c r="O18176" s="5" t="s">
        <v>38</v>
      </c>
      <c r="P18176" s="5" t="s">
        <v>39</v>
      </c>
      <c r="Q18176" s="5" t="s">
        <v>40</v>
      </c>
      <c r="R18176" s="5" t="s">
        <v>1522</v>
      </c>
      <c r="S18176" s="5" t="s">
        <v>1523</v>
      </c>
      <c r="T18176" s="5" t="s">
        <v>42</v>
      </c>
      <c r="U18176" s="2">
        <v>3.9780000000000002</v>
      </c>
      <c r="V18176" s="2">
        <v>3.331</v>
      </c>
      <c r="W18176" s="2">
        <v>0.02</v>
      </c>
      <c r="X18176" s="2">
        <v>159.1</v>
      </c>
      <c r="Y18176" s="2">
        <v>7.6</v>
      </c>
      <c r="Z18176" s="2">
        <v>16.7</v>
      </c>
      <c r="AA18176" s="5"/>
      <c r="AB18176" s="5" t="s">
        <v>43</v>
      </c>
      <c r="AC18176" s="5" t="s">
        <v>44</v>
      </c>
      <c r="AD18176" s="2"/>
      <c r="AE18176" s="1"/>
    </row>
    <row r="18177" spans="1:31" ht="14.45">
      <c r="A18177" s="11"/>
      <c r="B18177" s="20"/>
      <c r="C18177" s="2" t="s">
        <v>55489</v>
      </c>
      <c r="D18177" s="14" t="s">
        <v>55490</v>
      </c>
      <c r="E18177" s="2" t="s">
        <v>55491</v>
      </c>
      <c r="F18177" s="2" t="s">
        <v>41009</v>
      </c>
      <c r="G18177" s="8">
        <v>351</v>
      </c>
      <c r="H18177" s="5">
        <v>6</v>
      </c>
      <c r="I18177" s="5" t="s">
        <v>1518</v>
      </c>
      <c r="J18177" s="5" t="s">
        <v>40939</v>
      </c>
      <c r="K18177" s="2" t="s">
        <v>40940</v>
      </c>
      <c r="L18177" s="5" t="s">
        <v>40939</v>
      </c>
      <c r="M18177" s="2" t="s">
        <v>40940</v>
      </c>
      <c r="N18177" s="5" t="s">
        <v>36266</v>
      </c>
      <c r="O18177" s="5" t="s">
        <v>38</v>
      </c>
      <c r="P18177" s="5" t="s">
        <v>39</v>
      </c>
      <c r="Q18177" s="5" t="s">
        <v>40</v>
      </c>
      <c r="R18177" s="5" t="s">
        <v>1522</v>
      </c>
      <c r="S18177" s="5" t="s">
        <v>1523</v>
      </c>
      <c r="T18177" s="5" t="s">
        <v>42</v>
      </c>
      <c r="U18177" s="2">
        <v>3.875</v>
      </c>
      <c r="V18177" s="2">
        <v>3.2280000000000002</v>
      </c>
      <c r="W18177" s="2">
        <v>0.02</v>
      </c>
      <c r="X18177" s="2">
        <v>159.1</v>
      </c>
      <c r="Y18177" s="2">
        <v>7.6</v>
      </c>
      <c r="Z18177" s="2">
        <v>16.7</v>
      </c>
      <c r="AA18177" s="5"/>
      <c r="AB18177" s="5" t="s">
        <v>43</v>
      </c>
      <c r="AC18177" s="5" t="s">
        <v>44</v>
      </c>
      <c r="AD18177" s="2"/>
      <c r="AE18177" s="1"/>
    </row>
    <row r="18178" spans="1:31" ht="14.45">
      <c r="A18178" s="11"/>
      <c r="B18178" s="20"/>
      <c r="C18178" s="2" t="s">
        <v>55492</v>
      </c>
      <c r="D18178" s="14" t="s">
        <v>55493</v>
      </c>
      <c r="E18178" s="2" t="s">
        <v>55494</v>
      </c>
      <c r="F18178" s="2" t="s">
        <v>41013</v>
      </c>
      <c r="G18178" s="8">
        <v>351</v>
      </c>
      <c r="H18178" s="5">
        <v>6</v>
      </c>
      <c r="I18178" s="5" t="s">
        <v>1518</v>
      </c>
      <c r="J18178" s="5" t="s">
        <v>40939</v>
      </c>
      <c r="K18178" s="2" t="s">
        <v>40940</v>
      </c>
      <c r="L18178" s="5" t="s">
        <v>40939</v>
      </c>
      <c r="M18178" s="2" t="s">
        <v>40940</v>
      </c>
      <c r="N18178" s="5" t="s">
        <v>36266</v>
      </c>
      <c r="O18178" s="5" t="s">
        <v>38</v>
      </c>
      <c r="P18178" s="5" t="s">
        <v>39</v>
      </c>
      <c r="Q18178" s="5" t="s">
        <v>40</v>
      </c>
      <c r="R18178" s="5" t="s">
        <v>1522</v>
      </c>
      <c r="S18178" s="5" t="s">
        <v>1523</v>
      </c>
      <c r="T18178" s="5" t="s">
        <v>42</v>
      </c>
      <c r="U18178" s="2">
        <v>3.9950000000000001</v>
      </c>
      <c r="V18178" s="2">
        <v>3.3479999999999999</v>
      </c>
      <c r="W18178" s="2">
        <v>0.02</v>
      </c>
      <c r="X18178" s="2">
        <v>159.1</v>
      </c>
      <c r="Y18178" s="2">
        <v>7.6</v>
      </c>
      <c r="Z18178" s="2">
        <v>16.7</v>
      </c>
      <c r="AA18178" s="5"/>
      <c r="AB18178" s="5" t="s">
        <v>43</v>
      </c>
      <c r="AC18178" s="5" t="s">
        <v>44</v>
      </c>
      <c r="AD18178" s="2"/>
      <c r="AE18178" s="1"/>
    </row>
    <row r="18179" spans="1:31" ht="14.45">
      <c r="A18179" s="11"/>
      <c r="B18179" s="20"/>
      <c r="C18179" s="2" t="s">
        <v>55495</v>
      </c>
      <c r="D18179" s="14" t="s">
        <v>55496</v>
      </c>
      <c r="E18179" s="2" t="s">
        <v>55497</v>
      </c>
      <c r="F18179" s="2" t="s">
        <v>7396</v>
      </c>
      <c r="G18179" s="8">
        <v>322</v>
      </c>
      <c r="H18179" s="5">
        <v>6</v>
      </c>
      <c r="I18179" s="5" t="s">
        <v>1518</v>
      </c>
      <c r="J18179" s="5" t="s">
        <v>40939</v>
      </c>
      <c r="K18179" s="2" t="s">
        <v>40940</v>
      </c>
      <c r="L18179" s="5" t="s">
        <v>40939</v>
      </c>
      <c r="M18179" s="2" t="s">
        <v>40940</v>
      </c>
      <c r="N18179" s="5" t="s">
        <v>36266</v>
      </c>
      <c r="O18179" s="5" t="s">
        <v>38</v>
      </c>
      <c r="P18179" s="5" t="s">
        <v>39</v>
      </c>
      <c r="Q18179" s="5" t="s">
        <v>40</v>
      </c>
      <c r="R18179" s="5" t="s">
        <v>1522</v>
      </c>
      <c r="S18179" s="5" t="s">
        <v>1523</v>
      </c>
      <c r="T18179" s="5" t="s">
        <v>42</v>
      </c>
      <c r="U18179" s="2">
        <v>3.875</v>
      </c>
      <c r="V18179" s="2">
        <v>3.2280000000000002</v>
      </c>
      <c r="W18179" s="2">
        <v>0.02</v>
      </c>
      <c r="X18179" s="2">
        <v>159.1</v>
      </c>
      <c r="Y18179" s="2">
        <v>7.6</v>
      </c>
      <c r="Z18179" s="2">
        <v>16.7</v>
      </c>
      <c r="AA18179" s="5"/>
      <c r="AB18179" s="5" t="s">
        <v>43</v>
      </c>
      <c r="AC18179" s="5" t="s">
        <v>44</v>
      </c>
      <c r="AD18179" s="2"/>
      <c r="AE18179" s="1"/>
    </row>
    <row r="18180" spans="1:31" ht="14.45">
      <c r="A18180" s="11"/>
      <c r="B18180" s="20"/>
      <c r="C18180" s="2" t="s">
        <v>55498</v>
      </c>
      <c r="D18180" s="14" t="s">
        <v>55499</v>
      </c>
      <c r="E18180" s="2" t="s">
        <v>55500</v>
      </c>
      <c r="F18180" s="2" t="s">
        <v>7507</v>
      </c>
      <c r="G18180" s="8">
        <v>322</v>
      </c>
      <c r="H18180" s="5">
        <v>6</v>
      </c>
      <c r="I18180" s="5" t="s">
        <v>1518</v>
      </c>
      <c r="J18180" s="5" t="s">
        <v>40939</v>
      </c>
      <c r="K18180" s="2" t="s">
        <v>40940</v>
      </c>
      <c r="L18180" s="5" t="s">
        <v>40939</v>
      </c>
      <c r="M18180" s="2" t="s">
        <v>40940</v>
      </c>
      <c r="N18180" s="5" t="s">
        <v>36266</v>
      </c>
      <c r="O18180" s="5" t="s">
        <v>38</v>
      </c>
      <c r="P18180" s="5" t="s">
        <v>39</v>
      </c>
      <c r="Q18180" s="5" t="s">
        <v>40</v>
      </c>
      <c r="R18180" s="5" t="s">
        <v>1522</v>
      </c>
      <c r="S18180" s="5" t="s">
        <v>1523</v>
      </c>
      <c r="T18180" s="5" t="s">
        <v>42</v>
      </c>
      <c r="U18180" s="2">
        <v>3.9950000000000001</v>
      </c>
      <c r="V18180" s="2">
        <v>3.3479999999999999</v>
      </c>
      <c r="W18180" s="2">
        <v>0.02</v>
      </c>
      <c r="X18180" s="2">
        <v>159.1</v>
      </c>
      <c r="Y18180" s="2">
        <v>7.6</v>
      </c>
      <c r="Z18180" s="2">
        <v>16.7</v>
      </c>
      <c r="AA18180" s="5"/>
      <c r="AB18180" s="5" t="s">
        <v>43</v>
      </c>
      <c r="AC18180" s="5" t="s">
        <v>44</v>
      </c>
      <c r="AD18180" s="2"/>
      <c r="AE18180" s="1"/>
    </row>
    <row r="18181" spans="1:31" ht="14.45">
      <c r="A18181" s="11"/>
      <c r="B18181" s="20"/>
      <c r="C18181" s="2" t="s">
        <v>55501</v>
      </c>
      <c r="D18181" s="14" t="s">
        <v>55502</v>
      </c>
      <c r="E18181" s="2" t="s">
        <v>55503</v>
      </c>
      <c r="F18181" s="2" t="s">
        <v>41023</v>
      </c>
      <c r="G18181" s="8">
        <v>351</v>
      </c>
      <c r="H18181" s="5">
        <v>6</v>
      </c>
      <c r="I18181" s="5" t="s">
        <v>1518</v>
      </c>
      <c r="J18181" s="5" t="s">
        <v>40939</v>
      </c>
      <c r="K18181" s="2" t="s">
        <v>40940</v>
      </c>
      <c r="L18181" s="5" t="s">
        <v>40939</v>
      </c>
      <c r="M18181" s="2" t="s">
        <v>40940</v>
      </c>
      <c r="N18181" s="5" t="s">
        <v>36266</v>
      </c>
      <c r="O18181" s="5" t="s">
        <v>38</v>
      </c>
      <c r="P18181" s="5" t="s">
        <v>39</v>
      </c>
      <c r="Q18181" s="5" t="s">
        <v>40</v>
      </c>
      <c r="R18181" s="5" t="s">
        <v>1522</v>
      </c>
      <c r="S18181" s="5" t="s">
        <v>1523</v>
      </c>
      <c r="T18181" s="5" t="s">
        <v>42</v>
      </c>
      <c r="U18181" s="2">
        <v>3.79</v>
      </c>
      <c r="V18181" s="2">
        <v>3.1429999999999998</v>
      </c>
      <c r="W18181" s="2">
        <v>0.02</v>
      </c>
      <c r="X18181" s="2">
        <v>159.1</v>
      </c>
      <c r="Y18181" s="2">
        <v>7.6</v>
      </c>
      <c r="Z18181" s="2">
        <v>16.7</v>
      </c>
      <c r="AA18181" s="5"/>
      <c r="AB18181" s="5" t="s">
        <v>43</v>
      </c>
      <c r="AC18181" s="5" t="s">
        <v>44</v>
      </c>
      <c r="AD18181" s="2"/>
      <c r="AE18181" s="1"/>
    </row>
    <row r="18182" spans="1:31" ht="14.45">
      <c r="A18182" s="11"/>
      <c r="B18182" s="20"/>
      <c r="C18182" s="2" t="s">
        <v>55504</v>
      </c>
      <c r="D18182" s="14" t="s">
        <v>55505</v>
      </c>
      <c r="E18182" s="2" t="s">
        <v>55506</v>
      </c>
      <c r="F18182" s="2" t="s">
        <v>41035</v>
      </c>
      <c r="G18182" s="8">
        <v>351</v>
      </c>
      <c r="H18182" s="5">
        <v>6</v>
      </c>
      <c r="I18182" s="5" t="s">
        <v>1518</v>
      </c>
      <c r="J18182" s="5" t="s">
        <v>40939</v>
      </c>
      <c r="K18182" s="2" t="s">
        <v>40940</v>
      </c>
      <c r="L18182" s="5" t="s">
        <v>40939</v>
      </c>
      <c r="M18182" s="2" t="s">
        <v>40940</v>
      </c>
      <c r="N18182" s="5" t="s">
        <v>36266</v>
      </c>
      <c r="O18182" s="5" t="s">
        <v>38</v>
      </c>
      <c r="P18182" s="5" t="s">
        <v>39</v>
      </c>
      <c r="Q18182" s="5" t="s">
        <v>40</v>
      </c>
      <c r="R18182" s="5" t="s">
        <v>1522</v>
      </c>
      <c r="S18182" s="5" t="s">
        <v>1523</v>
      </c>
      <c r="T18182" s="5" t="s">
        <v>42</v>
      </c>
      <c r="U18182" s="2">
        <v>3.91</v>
      </c>
      <c r="V18182" s="2">
        <v>3.2629999999999999</v>
      </c>
      <c r="W18182" s="2">
        <v>0.02</v>
      </c>
      <c r="X18182" s="2">
        <v>159.1</v>
      </c>
      <c r="Y18182" s="2">
        <v>7.6</v>
      </c>
      <c r="Z18182" s="2">
        <v>16.7</v>
      </c>
      <c r="AA18182" s="5"/>
      <c r="AB18182" s="5" t="s">
        <v>43</v>
      </c>
      <c r="AC18182" s="5" t="s">
        <v>44</v>
      </c>
      <c r="AD18182" s="2"/>
      <c r="AE18182" s="1"/>
    </row>
    <row r="18183" spans="1:31" ht="14.45">
      <c r="A18183" s="11"/>
      <c r="B18183" s="20"/>
      <c r="C18183" s="2" t="s">
        <v>55507</v>
      </c>
      <c r="D18183" s="14" t="s">
        <v>55508</v>
      </c>
      <c r="E18183" s="2" t="s">
        <v>55509</v>
      </c>
      <c r="F18183" s="2" t="s">
        <v>41045</v>
      </c>
      <c r="G18183" s="8">
        <v>351</v>
      </c>
      <c r="H18183" s="5">
        <v>6</v>
      </c>
      <c r="I18183" s="5" t="s">
        <v>1518</v>
      </c>
      <c r="J18183" s="5" t="s">
        <v>40939</v>
      </c>
      <c r="K18183" s="2" t="s">
        <v>40940</v>
      </c>
      <c r="L18183" s="5" t="s">
        <v>40939</v>
      </c>
      <c r="M18183" s="2" t="s">
        <v>40940</v>
      </c>
      <c r="N18183" s="5" t="s">
        <v>36266</v>
      </c>
      <c r="O18183" s="5" t="s">
        <v>38</v>
      </c>
      <c r="P18183" s="5" t="s">
        <v>39</v>
      </c>
      <c r="Q18183" s="5" t="s">
        <v>40</v>
      </c>
      <c r="R18183" s="5" t="s">
        <v>1522</v>
      </c>
      <c r="S18183" s="5" t="s">
        <v>1523</v>
      </c>
      <c r="T18183" s="5" t="s">
        <v>42</v>
      </c>
      <c r="U18183" s="2">
        <v>3.8919999999999999</v>
      </c>
      <c r="V18183" s="2">
        <v>3.2450000000000001</v>
      </c>
      <c r="W18183" s="2">
        <v>0.02</v>
      </c>
      <c r="X18183" s="2">
        <v>159.1</v>
      </c>
      <c r="Y18183" s="2">
        <v>7.6</v>
      </c>
      <c r="Z18183" s="2">
        <v>16.7</v>
      </c>
      <c r="AA18183" s="5"/>
      <c r="AB18183" s="5" t="s">
        <v>43</v>
      </c>
      <c r="AC18183" s="5" t="s">
        <v>44</v>
      </c>
      <c r="AD18183" s="2"/>
      <c r="AE18183" s="1"/>
    </row>
    <row r="18184" spans="1:31" ht="14.45">
      <c r="A18184" s="11"/>
      <c r="B18184" s="20"/>
      <c r="C18184" s="2" t="s">
        <v>55510</v>
      </c>
      <c r="D18184" s="14" t="s">
        <v>55511</v>
      </c>
      <c r="E18184" s="2" t="s">
        <v>55512</v>
      </c>
      <c r="F18184" s="2" t="s">
        <v>41049</v>
      </c>
      <c r="G18184" s="8">
        <v>351</v>
      </c>
      <c r="H18184" s="5">
        <v>6</v>
      </c>
      <c r="I18184" s="5" t="s">
        <v>1518</v>
      </c>
      <c r="J18184" s="5" t="s">
        <v>40939</v>
      </c>
      <c r="K18184" s="2" t="s">
        <v>40940</v>
      </c>
      <c r="L18184" s="5" t="s">
        <v>40939</v>
      </c>
      <c r="M18184" s="2" t="s">
        <v>40940</v>
      </c>
      <c r="N18184" s="5" t="s">
        <v>36266</v>
      </c>
      <c r="O18184" s="5" t="s">
        <v>38</v>
      </c>
      <c r="P18184" s="5" t="s">
        <v>39</v>
      </c>
      <c r="Q18184" s="5" t="s">
        <v>40</v>
      </c>
      <c r="R18184" s="5" t="s">
        <v>1522</v>
      </c>
      <c r="S18184" s="5" t="s">
        <v>1523</v>
      </c>
      <c r="T18184" s="5" t="s">
        <v>42</v>
      </c>
      <c r="U18184" s="2">
        <v>4.0119999999999996</v>
      </c>
      <c r="V18184" s="2">
        <v>3.3650000000000002</v>
      </c>
      <c r="W18184" s="2">
        <v>0.02</v>
      </c>
      <c r="X18184" s="2">
        <v>159.1</v>
      </c>
      <c r="Y18184" s="2">
        <v>7.6</v>
      </c>
      <c r="Z18184" s="2">
        <v>16.7</v>
      </c>
      <c r="AA18184" s="5"/>
      <c r="AB18184" s="5" t="s">
        <v>43</v>
      </c>
      <c r="AC18184" s="5" t="s">
        <v>44</v>
      </c>
      <c r="AD18184" s="2"/>
      <c r="AE18184" s="1"/>
    </row>
    <row r="18185" spans="1:31" ht="14.45">
      <c r="A18185" s="11"/>
      <c r="B18185" s="20"/>
      <c r="C18185" s="2" t="s">
        <v>55513</v>
      </c>
      <c r="D18185" s="14" t="s">
        <v>55514</v>
      </c>
      <c r="E18185" s="2" t="s">
        <v>55515</v>
      </c>
      <c r="F18185" s="2" t="s">
        <v>7204</v>
      </c>
      <c r="G18185" s="8">
        <v>343</v>
      </c>
      <c r="H18185" s="5">
        <v>6</v>
      </c>
      <c r="I18185" s="5" t="s">
        <v>1518</v>
      </c>
      <c r="J18185" s="5" t="s">
        <v>40939</v>
      </c>
      <c r="K18185" s="2" t="s">
        <v>40940</v>
      </c>
      <c r="L18185" s="5" t="s">
        <v>40939</v>
      </c>
      <c r="M18185" s="2" t="s">
        <v>40940</v>
      </c>
      <c r="N18185" s="5" t="s">
        <v>36266</v>
      </c>
      <c r="O18185" s="5" t="s">
        <v>38</v>
      </c>
      <c r="P18185" s="5" t="s">
        <v>39</v>
      </c>
      <c r="Q18185" s="5" t="s">
        <v>40</v>
      </c>
      <c r="R18185" s="5" t="s">
        <v>1522</v>
      </c>
      <c r="S18185" s="5" t="s">
        <v>1523</v>
      </c>
      <c r="T18185" s="5" t="s">
        <v>42</v>
      </c>
      <c r="U18185" s="2">
        <v>3.9649999999999999</v>
      </c>
      <c r="V18185" s="2">
        <v>3.327</v>
      </c>
      <c r="W18185" s="2">
        <v>0.02</v>
      </c>
      <c r="X18185" s="2">
        <v>159.1</v>
      </c>
      <c r="Y18185" s="2">
        <v>7.6</v>
      </c>
      <c r="Z18185" s="2">
        <v>16.7</v>
      </c>
      <c r="AA18185" s="5"/>
      <c r="AB18185" s="5" t="s">
        <v>43</v>
      </c>
      <c r="AC18185" s="5" t="s">
        <v>44</v>
      </c>
      <c r="AD18185" s="2"/>
      <c r="AE18185" s="1"/>
    </row>
    <row r="18186" spans="1:31" ht="14.45">
      <c r="A18186" s="11"/>
      <c r="B18186" s="20"/>
      <c r="C18186" s="2" t="s">
        <v>55516</v>
      </c>
      <c r="D18186" s="14" t="s">
        <v>55517</v>
      </c>
      <c r="E18186" s="2" t="s">
        <v>55518</v>
      </c>
      <c r="F18186" s="2" t="s">
        <v>7514</v>
      </c>
      <c r="G18186" s="8">
        <v>343</v>
      </c>
      <c r="H18186" s="5">
        <v>6</v>
      </c>
      <c r="I18186" s="5" t="s">
        <v>1518</v>
      </c>
      <c r="J18186" s="5" t="s">
        <v>40939</v>
      </c>
      <c r="K18186" s="2" t="s">
        <v>40940</v>
      </c>
      <c r="L18186" s="5" t="s">
        <v>40939</v>
      </c>
      <c r="M18186" s="2" t="s">
        <v>40940</v>
      </c>
      <c r="N18186" s="5" t="s">
        <v>36266</v>
      </c>
      <c r="O18186" s="5" t="s">
        <v>38</v>
      </c>
      <c r="P18186" s="5" t="s">
        <v>39</v>
      </c>
      <c r="Q18186" s="5" t="s">
        <v>40</v>
      </c>
      <c r="R18186" s="5" t="s">
        <v>1522</v>
      </c>
      <c r="S18186" s="5" t="s">
        <v>1523</v>
      </c>
      <c r="T18186" s="5" t="s">
        <v>42</v>
      </c>
      <c r="U18186" s="2">
        <v>4.0949999999999998</v>
      </c>
      <c r="V18186" s="2">
        <v>3.4569999999999999</v>
      </c>
      <c r="W18186" s="2">
        <v>0.02</v>
      </c>
      <c r="X18186" s="2">
        <v>159.1</v>
      </c>
      <c r="Y18186" s="2">
        <v>7.6</v>
      </c>
      <c r="Z18186" s="2">
        <v>16.7</v>
      </c>
      <c r="AA18186" s="5"/>
      <c r="AB18186" s="5" t="s">
        <v>43</v>
      </c>
      <c r="AC18186" s="5" t="s">
        <v>44</v>
      </c>
      <c r="AD18186" s="2"/>
      <c r="AE18186" s="1"/>
    </row>
    <row r="18187" spans="1:31" ht="14.45">
      <c r="A18187" s="11"/>
      <c r="B18187" s="20"/>
      <c r="C18187" s="2" t="s">
        <v>55519</v>
      </c>
      <c r="D18187" s="14" t="s">
        <v>55520</v>
      </c>
      <c r="E18187" s="2" t="s">
        <v>55521</v>
      </c>
      <c r="F18187" s="2" t="s">
        <v>47266</v>
      </c>
      <c r="G18187" s="8">
        <v>374</v>
      </c>
      <c r="H18187" s="5">
        <v>6</v>
      </c>
      <c r="I18187" s="5" t="s">
        <v>1518</v>
      </c>
      <c r="J18187" s="5" t="s">
        <v>40939</v>
      </c>
      <c r="K18187" s="2" t="s">
        <v>40940</v>
      </c>
      <c r="L18187" s="5" t="s">
        <v>40939</v>
      </c>
      <c r="M18187" s="2" t="s">
        <v>40940</v>
      </c>
      <c r="N18187" s="5" t="s">
        <v>36266</v>
      </c>
      <c r="O18187" s="5" t="s">
        <v>38</v>
      </c>
      <c r="P18187" s="5" t="s">
        <v>39</v>
      </c>
      <c r="Q18187" s="5" t="s">
        <v>40</v>
      </c>
      <c r="R18187" s="5" t="s">
        <v>1522</v>
      </c>
      <c r="S18187" s="5" t="s">
        <v>1523</v>
      </c>
      <c r="T18187" s="5" t="s">
        <v>42</v>
      </c>
      <c r="U18187" s="2">
        <v>4.0039999999999996</v>
      </c>
      <c r="V18187" s="2">
        <v>3.3660000000000001</v>
      </c>
      <c r="W18187" s="2">
        <v>0.02</v>
      </c>
      <c r="X18187" s="2">
        <v>159.1</v>
      </c>
      <c r="Y18187" s="2">
        <v>7.6</v>
      </c>
      <c r="Z18187" s="2">
        <v>16.7</v>
      </c>
      <c r="AA18187" s="5"/>
      <c r="AB18187" s="5" t="s">
        <v>43</v>
      </c>
      <c r="AC18187" s="5" t="s">
        <v>44</v>
      </c>
      <c r="AD18187" s="2"/>
      <c r="AE18187" s="1"/>
    </row>
    <row r="18188" spans="1:31" ht="14.45">
      <c r="A18188" s="11"/>
      <c r="B18188" s="20"/>
      <c r="C18188" s="2" t="s">
        <v>55522</v>
      </c>
      <c r="D18188" s="14" t="s">
        <v>55523</v>
      </c>
      <c r="E18188" s="2" t="s">
        <v>55524</v>
      </c>
      <c r="F18188" s="2" t="s">
        <v>7208</v>
      </c>
      <c r="G18188" s="8">
        <v>343</v>
      </c>
      <c r="H18188" s="5">
        <v>6</v>
      </c>
      <c r="I18188" s="5" t="s">
        <v>1518</v>
      </c>
      <c r="J18188" s="5" t="s">
        <v>40939</v>
      </c>
      <c r="K18188" s="2" t="s">
        <v>40940</v>
      </c>
      <c r="L18188" s="5" t="s">
        <v>40939</v>
      </c>
      <c r="M18188" s="2" t="s">
        <v>40940</v>
      </c>
      <c r="N18188" s="5" t="s">
        <v>36266</v>
      </c>
      <c r="O18188" s="5" t="s">
        <v>38</v>
      </c>
      <c r="P18188" s="5" t="s">
        <v>39</v>
      </c>
      <c r="Q18188" s="5" t="s">
        <v>40</v>
      </c>
      <c r="R18188" s="5" t="s">
        <v>1522</v>
      </c>
      <c r="S18188" s="5" t="s">
        <v>1523</v>
      </c>
      <c r="T18188" s="5" t="s">
        <v>42</v>
      </c>
      <c r="U18188" s="2">
        <v>4.0229999999999997</v>
      </c>
      <c r="V18188" s="2">
        <v>3.3849999999999998</v>
      </c>
      <c r="W18188" s="2">
        <v>0.02</v>
      </c>
      <c r="X18188" s="2">
        <v>159.1</v>
      </c>
      <c r="Y18188" s="2">
        <v>7.6</v>
      </c>
      <c r="Z18188" s="2">
        <v>16.7</v>
      </c>
      <c r="AA18188" s="5"/>
      <c r="AB18188" s="5" t="s">
        <v>43</v>
      </c>
      <c r="AC18188" s="5" t="s">
        <v>44</v>
      </c>
      <c r="AD18188" s="2"/>
      <c r="AE18188" s="1"/>
    </row>
    <row r="18189" spans="1:31" ht="14.45">
      <c r="A18189" s="11"/>
      <c r="B18189" s="20"/>
      <c r="C18189" s="2" t="s">
        <v>55525</v>
      </c>
      <c r="D18189" s="14" t="s">
        <v>55526</v>
      </c>
      <c r="E18189" s="2" t="s">
        <v>55527</v>
      </c>
      <c r="F18189" s="2" t="s">
        <v>36277</v>
      </c>
      <c r="G18189" s="8">
        <v>343</v>
      </c>
      <c r="H18189" s="5">
        <v>6</v>
      </c>
      <c r="I18189" s="5" t="s">
        <v>1518</v>
      </c>
      <c r="J18189" s="5" t="s">
        <v>40939</v>
      </c>
      <c r="K18189" s="2" t="s">
        <v>40940</v>
      </c>
      <c r="L18189" s="5" t="s">
        <v>40939</v>
      </c>
      <c r="M18189" s="2" t="s">
        <v>40940</v>
      </c>
      <c r="N18189" s="5" t="s">
        <v>36266</v>
      </c>
      <c r="O18189" s="5" t="s">
        <v>38</v>
      </c>
      <c r="P18189" s="5" t="s">
        <v>39</v>
      </c>
      <c r="Q18189" s="5" t="s">
        <v>40</v>
      </c>
      <c r="R18189" s="5" t="s">
        <v>1522</v>
      </c>
      <c r="S18189" s="5" t="s">
        <v>1523</v>
      </c>
      <c r="T18189" s="5" t="s">
        <v>42</v>
      </c>
      <c r="U18189" s="2">
        <v>4.1920000000000002</v>
      </c>
      <c r="V18189" s="2">
        <v>3.5539999999999998</v>
      </c>
      <c r="W18189" s="2">
        <v>0.02</v>
      </c>
      <c r="X18189" s="2">
        <v>159.1</v>
      </c>
      <c r="Y18189" s="2">
        <v>7.6</v>
      </c>
      <c r="Z18189" s="2">
        <v>16.7</v>
      </c>
      <c r="AA18189" s="5"/>
      <c r="AB18189" s="5" t="s">
        <v>43</v>
      </c>
      <c r="AC18189" s="5" t="s">
        <v>44</v>
      </c>
      <c r="AD18189" s="2"/>
      <c r="AE18189" s="1"/>
    </row>
    <row r="18190" spans="1:31" ht="14.45">
      <c r="A18190" s="11"/>
      <c r="B18190" s="20"/>
      <c r="C18190" s="2" t="s">
        <v>55528</v>
      </c>
      <c r="D18190" s="14" t="s">
        <v>55529</v>
      </c>
      <c r="E18190" s="2" t="s">
        <v>55530</v>
      </c>
      <c r="F18190" s="2" t="s">
        <v>40989</v>
      </c>
      <c r="G18190" s="8">
        <v>374</v>
      </c>
      <c r="H18190" s="5">
        <v>6</v>
      </c>
      <c r="I18190" s="5" t="s">
        <v>1518</v>
      </c>
      <c r="J18190" s="5" t="s">
        <v>40939</v>
      </c>
      <c r="K18190" s="2" t="s">
        <v>40940</v>
      </c>
      <c r="L18190" s="5" t="s">
        <v>40939</v>
      </c>
      <c r="M18190" s="2" t="s">
        <v>40940</v>
      </c>
      <c r="N18190" s="5" t="s">
        <v>36266</v>
      </c>
      <c r="O18190" s="5" t="s">
        <v>38</v>
      </c>
      <c r="P18190" s="5" t="s">
        <v>39</v>
      </c>
      <c r="Q18190" s="5" t="s">
        <v>40</v>
      </c>
      <c r="R18190" s="5" t="s">
        <v>1522</v>
      </c>
      <c r="S18190" s="5" t="s">
        <v>1523</v>
      </c>
      <c r="T18190" s="5" t="s">
        <v>42</v>
      </c>
      <c r="U18190" s="2">
        <v>4.0229999999999997</v>
      </c>
      <c r="V18190" s="2">
        <v>3.3849999999999998</v>
      </c>
      <c r="W18190" s="2">
        <v>0.02</v>
      </c>
      <c r="X18190" s="2">
        <v>159.1</v>
      </c>
      <c r="Y18190" s="2">
        <v>7.6</v>
      </c>
      <c r="Z18190" s="2">
        <v>16.7</v>
      </c>
      <c r="AA18190" s="5"/>
      <c r="AB18190" s="5" t="s">
        <v>43</v>
      </c>
      <c r="AC18190" s="5" t="s">
        <v>44</v>
      </c>
      <c r="AD18190" s="2"/>
      <c r="AE18190" s="1"/>
    </row>
    <row r="18191" spans="1:31" ht="14.45">
      <c r="A18191" s="11"/>
      <c r="B18191" s="20"/>
      <c r="C18191" s="2" t="s">
        <v>55531</v>
      </c>
      <c r="D18191" s="14" t="s">
        <v>55532</v>
      </c>
      <c r="E18191" s="2" t="s">
        <v>55533</v>
      </c>
      <c r="F18191" s="2" t="s">
        <v>41009</v>
      </c>
      <c r="G18191" s="8">
        <v>374</v>
      </c>
      <c r="H18191" s="5">
        <v>6</v>
      </c>
      <c r="I18191" s="5" t="s">
        <v>1518</v>
      </c>
      <c r="J18191" s="5" t="s">
        <v>40939</v>
      </c>
      <c r="K18191" s="2" t="s">
        <v>40940</v>
      </c>
      <c r="L18191" s="5" t="s">
        <v>40939</v>
      </c>
      <c r="M18191" s="2" t="s">
        <v>40940</v>
      </c>
      <c r="N18191" s="5" t="s">
        <v>36266</v>
      </c>
      <c r="O18191" s="5" t="s">
        <v>38</v>
      </c>
      <c r="P18191" s="5" t="s">
        <v>39</v>
      </c>
      <c r="Q18191" s="5" t="s">
        <v>40</v>
      </c>
      <c r="R18191" s="5" t="s">
        <v>1522</v>
      </c>
      <c r="S18191" s="5" t="s">
        <v>1523</v>
      </c>
      <c r="T18191" s="5" t="s">
        <v>42</v>
      </c>
      <c r="U18191" s="2">
        <v>4.0419999999999998</v>
      </c>
      <c r="V18191" s="2">
        <v>3.4039999999999999</v>
      </c>
      <c r="W18191" s="2">
        <v>0.02</v>
      </c>
      <c r="X18191" s="2">
        <v>159.1</v>
      </c>
      <c r="Y18191" s="2">
        <v>7.6</v>
      </c>
      <c r="Z18191" s="2">
        <v>16.7</v>
      </c>
      <c r="AA18191" s="5"/>
      <c r="AB18191" s="5" t="s">
        <v>43</v>
      </c>
      <c r="AC18191" s="5" t="s">
        <v>44</v>
      </c>
      <c r="AD18191" s="2"/>
      <c r="AE18191" s="1"/>
    </row>
    <row r="18192" spans="1:31" ht="14.45">
      <c r="A18192" s="11"/>
      <c r="B18192" s="20"/>
      <c r="C18192" s="2" t="s">
        <v>55534</v>
      </c>
      <c r="D18192" s="14" t="s">
        <v>55535</v>
      </c>
      <c r="E18192" s="2" t="s">
        <v>55536</v>
      </c>
      <c r="F18192" s="2" t="s">
        <v>7396</v>
      </c>
      <c r="G18192" s="8">
        <v>343</v>
      </c>
      <c r="H18192" s="5">
        <v>6</v>
      </c>
      <c r="I18192" s="5" t="s">
        <v>1518</v>
      </c>
      <c r="J18192" s="5" t="s">
        <v>40939</v>
      </c>
      <c r="K18192" s="2" t="s">
        <v>40940</v>
      </c>
      <c r="L18192" s="5" t="s">
        <v>40939</v>
      </c>
      <c r="M18192" s="2" t="s">
        <v>40940</v>
      </c>
      <c r="N18192" s="5" t="s">
        <v>36266</v>
      </c>
      <c r="O18192" s="5" t="s">
        <v>38</v>
      </c>
      <c r="P18192" s="5" t="s">
        <v>39</v>
      </c>
      <c r="Q18192" s="5" t="s">
        <v>40</v>
      </c>
      <c r="R18192" s="5" t="s">
        <v>1522</v>
      </c>
      <c r="S18192" s="5" t="s">
        <v>1523</v>
      </c>
      <c r="T18192" s="5" t="s">
        <v>42</v>
      </c>
      <c r="U18192" s="2">
        <v>4.0419999999999998</v>
      </c>
      <c r="V18192" s="2">
        <v>3.4039999999999999</v>
      </c>
      <c r="W18192" s="2">
        <v>0.02</v>
      </c>
      <c r="X18192" s="2">
        <v>159.1</v>
      </c>
      <c r="Y18192" s="2">
        <v>7.6</v>
      </c>
      <c r="Z18192" s="2">
        <v>16.7</v>
      </c>
      <c r="AA18192" s="5"/>
      <c r="AB18192" s="5" t="s">
        <v>43</v>
      </c>
      <c r="AC18192" s="5" t="s">
        <v>44</v>
      </c>
      <c r="AD18192" s="2"/>
      <c r="AE18192" s="1"/>
    </row>
    <row r="18193" spans="1:31" ht="14.45">
      <c r="A18193" s="11"/>
      <c r="B18193" s="20"/>
      <c r="C18193" s="2" t="s">
        <v>55537</v>
      </c>
      <c r="D18193" s="14" t="s">
        <v>55538</v>
      </c>
      <c r="E18193" s="2" t="s">
        <v>55539</v>
      </c>
      <c r="F18193" s="2" t="s">
        <v>41031</v>
      </c>
      <c r="G18193" s="8">
        <v>374</v>
      </c>
      <c r="H18193" s="5">
        <v>6</v>
      </c>
      <c r="I18193" s="5" t="s">
        <v>1518</v>
      </c>
      <c r="J18193" s="5" t="s">
        <v>40939</v>
      </c>
      <c r="K18193" s="2" t="s">
        <v>40940</v>
      </c>
      <c r="L18193" s="5" t="s">
        <v>40939</v>
      </c>
      <c r="M18193" s="2" t="s">
        <v>40940</v>
      </c>
      <c r="N18193" s="5" t="s">
        <v>36266</v>
      </c>
      <c r="O18193" s="5" t="s">
        <v>38</v>
      </c>
      <c r="P18193" s="5" t="s">
        <v>39</v>
      </c>
      <c r="Q18193" s="5" t="s">
        <v>40</v>
      </c>
      <c r="R18193" s="5" t="s">
        <v>1522</v>
      </c>
      <c r="S18193" s="5" t="s">
        <v>1523</v>
      </c>
      <c r="T18193" s="5" t="s">
        <v>42</v>
      </c>
      <c r="U18193" s="2">
        <v>3.9460000000000002</v>
      </c>
      <c r="V18193" s="2">
        <v>3.3079999999999998</v>
      </c>
      <c r="W18193" s="2">
        <v>0.02</v>
      </c>
      <c r="X18193" s="2">
        <v>159.1</v>
      </c>
      <c r="Y18193" s="2">
        <v>7.6</v>
      </c>
      <c r="Z18193" s="2">
        <v>16.7</v>
      </c>
      <c r="AA18193" s="5"/>
      <c r="AB18193" s="5" t="s">
        <v>43</v>
      </c>
      <c r="AC18193" s="5" t="s">
        <v>44</v>
      </c>
      <c r="AD18193" s="2"/>
      <c r="AE18193" s="1"/>
    </row>
    <row r="18194" spans="1:31" ht="14.45">
      <c r="A18194" s="11"/>
      <c r="B18194" s="20"/>
      <c r="C18194" s="2" t="s">
        <v>55540</v>
      </c>
      <c r="D18194" s="14" t="s">
        <v>55541</v>
      </c>
      <c r="E18194" s="2" t="s">
        <v>55542</v>
      </c>
      <c r="F18194" s="2" t="s">
        <v>7204</v>
      </c>
      <c r="G18194" s="8">
        <v>307</v>
      </c>
      <c r="H18194" s="5">
        <v>6</v>
      </c>
      <c r="I18194" s="5" t="s">
        <v>1518</v>
      </c>
      <c r="J18194" s="5" t="s">
        <v>40939</v>
      </c>
      <c r="K18194" s="2" t="s">
        <v>40940</v>
      </c>
      <c r="L18194" s="5" t="s">
        <v>40939</v>
      </c>
      <c r="M18194" s="2" t="s">
        <v>40940</v>
      </c>
      <c r="N18194" s="5" t="s">
        <v>36266</v>
      </c>
      <c r="O18194" s="5" t="s">
        <v>38</v>
      </c>
      <c r="P18194" s="5" t="s">
        <v>39</v>
      </c>
      <c r="Q18194" s="5" t="s">
        <v>40</v>
      </c>
      <c r="R18194" s="5" t="s">
        <v>1522</v>
      </c>
      <c r="S18194" s="5" t="s">
        <v>1523</v>
      </c>
      <c r="T18194" s="5" t="s">
        <v>42</v>
      </c>
      <c r="U18194" s="2">
        <v>3.5249999999999999</v>
      </c>
      <c r="V18194" s="2">
        <v>2.8610000000000002</v>
      </c>
      <c r="W18194" s="2">
        <v>0.02</v>
      </c>
      <c r="X18194" s="2">
        <v>159.1</v>
      </c>
      <c r="Y18194" s="2">
        <v>7.6</v>
      </c>
      <c r="Z18194" s="2">
        <v>16.7</v>
      </c>
      <c r="AA18194" s="5"/>
      <c r="AB18194" s="5" t="s">
        <v>43</v>
      </c>
      <c r="AC18194" s="5" t="s">
        <v>44</v>
      </c>
      <c r="AD18194" s="2"/>
      <c r="AE18194" s="1"/>
    </row>
    <row r="18195" spans="1:31" ht="14.45">
      <c r="A18195" s="11"/>
      <c r="B18195" s="20"/>
      <c r="C18195" s="2" t="s">
        <v>55543</v>
      </c>
      <c r="D18195" s="14" t="s">
        <v>55544</v>
      </c>
      <c r="E18195" s="2" t="s">
        <v>55545</v>
      </c>
      <c r="F18195" s="2" t="s">
        <v>7514</v>
      </c>
      <c r="G18195" s="8">
        <v>307</v>
      </c>
      <c r="H18195" s="5">
        <v>6</v>
      </c>
      <c r="I18195" s="5" t="s">
        <v>1518</v>
      </c>
      <c r="J18195" s="5" t="s">
        <v>40939</v>
      </c>
      <c r="K18195" s="2" t="s">
        <v>40940</v>
      </c>
      <c r="L18195" s="5" t="s">
        <v>40939</v>
      </c>
      <c r="M18195" s="2" t="s">
        <v>40940</v>
      </c>
      <c r="N18195" s="5" t="s">
        <v>36266</v>
      </c>
      <c r="O18195" s="5" t="s">
        <v>38</v>
      </c>
      <c r="P18195" s="5" t="s">
        <v>39</v>
      </c>
      <c r="Q18195" s="5" t="s">
        <v>40</v>
      </c>
      <c r="R18195" s="5" t="s">
        <v>1522</v>
      </c>
      <c r="S18195" s="5" t="s">
        <v>1523</v>
      </c>
      <c r="T18195" s="5" t="s">
        <v>42</v>
      </c>
      <c r="U18195" s="2">
        <v>3.6240000000000001</v>
      </c>
      <c r="V18195" s="2">
        <v>2.96</v>
      </c>
      <c r="W18195" s="2">
        <v>0.02</v>
      </c>
      <c r="X18195" s="2">
        <v>159.1</v>
      </c>
      <c r="Y18195" s="2">
        <v>7.6</v>
      </c>
      <c r="Z18195" s="2">
        <v>16.7</v>
      </c>
      <c r="AA18195" s="5"/>
      <c r="AB18195" s="5" t="s">
        <v>43</v>
      </c>
      <c r="AC18195" s="5" t="s">
        <v>44</v>
      </c>
      <c r="AD18195" s="2"/>
      <c r="AE18195" s="1"/>
    </row>
    <row r="18196" spans="1:31" ht="14.45">
      <c r="A18196" s="11"/>
      <c r="B18196" s="20"/>
      <c r="C18196" s="2" t="s">
        <v>55546</v>
      </c>
      <c r="D18196" s="14" t="s">
        <v>55547</v>
      </c>
      <c r="E18196" s="2" t="s">
        <v>55548</v>
      </c>
      <c r="F18196" s="2" t="s">
        <v>47266</v>
      </c>
      <c r="G18196" s="8">
        <v>333</v>
      </c>
      <c r="H18196" s="5">
        <v>6</v>
      </c>
      <c r="I18196" s="5" t="s">
        <v>1518</v>
      </c>
      <c r="J18196" s="5" t="s">
        <v>40939</v>
      </c>
      <c r="K18196" s="2" t="s">
        <v>40940</v>
      </c>
      <c r="L18196" s="5" t="s">
        <v>40939</v>
      </c>
      <c r="M18196" s="2" t="s">
        <v>40940</v>
      </c>
      <c r="N18196" s="5" t="s">
        <v>36266</v>
      </c>
      <c r="O18196" s="5" t="s">
        <v>38</v>
      </c>
      <c r="P18196" s="5" t="s">
        <v>39</v>
      </c>
      <c r="Q18196" s="5" t="s">
        <v>40</v>
      </c>
      <c r="R18196" s="5" t="s">
        <v>1522</v>
      </c>
      <c r="S18196" s="5" t="s">
        <v>1523</v>
      </c>
      <c r="T18196" s="5" t="s">
        <v>42</v>
      </c>
      <c r="U18196" s="2">
        <v>3.5489999999999999</v>
      </c>
      <c r="V18196" s="2">
        <v>2.8849999999999998</v>
      </c>
      <c r="W18196" s="2">
        <v>0.02</v>
      </c>
      <c r="X18196" s="2">
        <v>159.1</v>
      </c>
      <c r="Y18196" s="2">
        <v>7.6</v>
      </c>
      <c r="Z18196" s="2">
        <v>16.7</v>
      </c>
      <c r="AA18196" s="5"/>
      <c r="AB18196" s="5" t="s">
        <v>43</v>
      </c>
      <c r="AC18196" s="5" t="s">
        <v>44</v>
      </c>
      <c r="AD18196" s="2"/>
      <c r="AE18196" s="1"/>
    </row>
    <row r="18197" spans="1:31" ht="14.45">
      <c r="A18197" s="11"/>
      <c r="B18197" s="20"/>
      <c r="C18197" s="2" t="s">
        <v>55549</v>
      </c>
      <c r="D18197" s="14" t="s">
        <v>55550</v>
      </c>
      <c r="E18197" s="2" t="s">
        <v>55551</v>
      </c>
      <c r="F18197" s="2" t="s">
        <v>47195</v>
      </c>
      <c r="G18197" s="8">
        <v>333</v>
      </c>
      <c r="H18197" s="5">
        <v>6</v>
      </c>
      <c r="I18197" s="5" t="s">
        <v>1518</v>
      </c>
      <c r="J18197" s="5" t="s">
        <v>40939</v>
      </c>
      <c r="K18197" s="2" t="s">
        <v>40940</v>
      </c>
      <c r="L18197" s="5" t="s">
        <v>40939</v>
      </c>
      <c r="M18197" s="2" t="s">
        <v>40940</v>
      </c>
      <c r="N18197" s="5" t="s">
        <v>36266</v>
      </c>
      <c r="O18197" s="5" t="s">
        <v>38</v>
      </c>
      <c r="P18197" s="5" t="s">
        <v>39</v>
      </c>
      <c r="Q18197" s="5" t="s">
        <v>40</v>
      </c>
      <c r="R18197" s="5" t="s">
        <v>1522</v>
      </c>
      <c r="S18197" s="5" t="s">
        <v>1523</v>
      </c>
      <c r="T18197" s="5" t="s">
        <v>42</v>
      </c>
      <c r="U18197" s="2">
        <v>3.6480000000000001</v>
      </c>
      <c r="V18197" s="2">
        <v>2.984</v>
      </c>
      <c r="W18197" s="2">
        <v>0.02</v>
      </c>
      <c r="X18197" s="2">
        <v>159.1</v>
      </c>
      <c r="Y18197" s="2">
        <v>7.6</v>
      </c>
      <c r="Z18197" s="2">
        <v>16.7</v>
      </c>
      <c r="AA18197" s="5"/>
      <c r="AB18197" s="5" t="s">
        <v>43</v>
      </c>
      <c r="AC18197" s="5" t="s">
        <v>44</v>
      </c>
      <c r="AD18197" s="2"/>
      <c r="AE18197" s="1"/>
    </row>
    <row r="18198" spans="1:31" ht="14.45">
      <c r="A18198" s="11"/>
      <c r="B18198" s="20"/>
      <c r="C18198" s="2" t="s">
        <v>55552</v>
      </c>
      <c r="D18198" s="14" t="s">
        <v>55553</v>
      </c>
      <c r="E18198" s="2" t="s">
        <v>55554</v>
      </c>
      <c r="F18198" s="2" t="s">
        <v>7208</v>
      </c>
      <c r="G18198" s="8">
        <v>307</v>
      </c>
      <c r="H18198" s="5">
        <v>6</v>
      </c>
      <c r="I18198" s="5" t="s">
        <v>1518</v>
      </c>
      <c r="J18198" s="5" t="s">
        <v>40939</v>
      </c>
      <c r="K18198" s="2" t="s">
        <v>40940</v>
      </c>
      <c r="L18198" s="5" t="s">
        <v>40939</v>
      </c>
      <c r="M18198" s="2" t="s">
        <v>40940</v>
      </c>
      <c r="N18198" s="5" t="s">
        <v>36266</v>
      </c>
      <c r="O18198" s="5" t="s">
        <v>38</v>
      </c>
      <c r="P18198" s="5" t="s">
        <v>39</v>
      </c>
      <c r="Q18198" s="5" t="s">
        <v>40</v>
      </c>
      <c r="R18198" s="5" t="s">
        <v>1522</v>
      </c>
      <c r="S18198" s="5" t="s">
        <v>1523</v>
      </c>
      <c r="T18198" s="5" t="s">
        <v>42</v>
      </c>
      <c r="U18198" s="2">
        <v>3.5619999999999998</v>
      </c>
      <c r="V18198" s="2">
        <v>2.8980000000000001</v>
      </c>
      <c r="W18198" s="2">
        <v>0.02</v>
      </c>
      <c r="X18198" s="2">
        <v>159.1</v>
      </c>
      <c r="Y18198" s="2">
        <v>7.6</v>
      </c>
      <c r="Z18198" s="2">
        <v>16.7</v>
      </c>
      <c r="AA18198" s="5"/>
      <c r="AB18198" s="5" t="s">
        <v>43</v>
      </c>
      <c r="AC18198" s="5" t="s">
        <v>44</v>
      </c>
      <c r="AD18198" s="2"/>
      <c r="AE18198" s="1"/>
    </row>
    <row r="18199" spans="1:31" ht="14.45">
      <c r="A18199" s="11"/>
      <c r="B18199" s="20"/>
      <c r="C18199" s="2" t="s">
        <v>55555</v>
      </c>
      <c r="D18199" s="14" t="s">
        <v>55556</v>
      </c>
      <c r="E18199" s="2" t="s">
        <v>55557</v>
      </c>
      <c r="F18199" s="2" t="s">
        <v>7521</v>
      </c>
      <c r="G18199" s="8">
        <v>307</v>
      </c>
      <c r="H18199" s="5">
        <v>6</v>
      </c>
      <c r="I18199" s="5" t="s">
        <v>1518</v>
      </c>
      <c r="J18199" s="5" t="s">
        <v>40939</v>
      </c>
      <c r="K18199" s="2" t="s">
        <v>40940</v>
      </c>
      <c r="L18199" s="5" t="s">
        <v>40939</v>
      </c>
      <c r="M18199" s="2" t="s">
        <v>40940</v>
      </c>
      <c r="N18199" s="5" t="s">
        <v>36266</v>
      </c>
      <c r="O18199" s="5" t="s">
        <v>38</v>
      </c>
      <c r="P18199" s="5" t="s">
        <v>39</v>
      </c>
      <c r="Q18199" s="5" t="s">
        <v>40</v>
      </c>
      <c r="R18199" s="5" t="s">
        <v>1522</v>
      </c>
      <c r="S18199" s="5" t="s">
        <v>1523</v>
      </c>
      <c r="T18199" s="5" t="s">
        <v>42</v>
      </c>
      <c r="U18199" s="2">
        <v>3.661</v>
      </c>
      <c r="V18199" s="2">
        <v>2.9969999999999999</v>
      </c>
      <c r="W18199" s="2">
        <v>0.02</v>
      </c>
      <c r="X18199" s="2">
        <v>159.1</v>
      </c>
      <c r="Y18199" s="2">
        <v>7.6</v>
      </c>
      <c r="Z18199" s="2">
        <v>16.7</v>
      </c>
      <c r="AA18199" s="5"/>
      <c r="AB18199" s="5" t="s">
        <v>43</v>
      </c>
      <c r="AC18199" s="5" t="s">
        <v>44</v>
      </c>
      <c r="AD18199" s="2"/>
      <c r="AE18199" s="1"/>
    </row>
    <row r="18200" spans="1:31" ht="14.45">
      <c r="A18200" s="11"/>
      <c r="B18200" s="20"/>
      <c r="C18200" s="2" t="s">
        <v>55558</v>
      </c>
      <c r="D18200" s="14" t="s">
        <v>55559</v>
      </c>
      <c r="E18200" s="2" t="s">
        <v>55560</v>
      </c>
      <c r="F18200" s="2" t="s">
        <v>40967</v>
      </c>
      <c r="G18200" s="8">
        <v>333</v>
      </c>
      <c r="H18200" s="5">
        <v>6</v>
      </c>
      <c r="I18200" s="5" t="s">
        <v>1518</v>
      </c>
      <c r="J18200" s="5" t="s">
        <v>40939</v>
      </c>
      <c r="K18200" s="2" t="s">
        <v>40940</v>
      </c>
      <c r="L18200" s="5" t="s">
        <v>40939</v>
      </c>
      <c r="M18200" s="2" t="s">
        <v>40940</v>
      </c>
      <c r="N18200" s="5" t="s">
        <v>36266</v>
      </c>
      <c r="O18200" s="5" t="s">
        <v>38</v>
      </c>
      <c r="P18200" s="5" t="s">
        <v>39</v>
      </c>
      <c r="Q18200" s="5" t="s">
        <v>40</v>
      </c>
      <c r="R18200" s="5" t="s">
        <v>1522</v>
      </c>
      <c r="S18200" s="5" t="s">
        <v>1523</v>
      </c>
      <c r="T18200" s="5" t="s">
        <v>42</v>
      </c>
      <c r="U18200" s="2">
        <v>3.5619999999999998</v>
      </c>
      <c r="V18200" s="2">
        <v>2.8980000000000001</v>
      </c>
      <c r="W18200" s="2">
        <v>0.02</v>
      </c>
      <c r="X18200" s="2">
        <v>159.1</v>
      </c>
      <c r="Y18200" s="2">
        <v>7.6</v>
      </c>
      <c r="Z18200" s="2">
        <v>16.7</v>
      </c>
      <c r="AA18200" s="5"/>
      <c r="AB18200" s="5" t="s">
        <v>43</v>
      </c>
      <c r="AC18200" s="5" t="s">
        <v>44</v>
      </c>
      <c r="AD18200" s="2"/>
      <c r="AE18200" s="1"/>
    </row>
    <row r="18201" spans="1:31" ht="14.45">
      <c r="A18201" s="11"/>
      <c r="B18201" s="20"/>
      <c r="C18201" s="2" t="s">
        <v>55561</v>
      </c>
      <c r="D18201" s="14" t="s">
        <v>55562</v>
      </c>
      <c r="E18201" s="2" t="s">
        <v>55563</v>
      </c>
      <c r="F18201" s="2" t="s">
        <v>40971</v>
      </c>
      <c r="G18201" s="8">
        <v>333</v>
      </c>
      <c r="H18201" s="5">
        <v>6</v>
      </c>
      <c r="I18201" s="5" t="s">
        <v>1518</v>
      </c>
      <c r="J18201" s="5" t="s">
        <v>40939</v>
      </c>
      <c r="K18201" s="2" t="s">
        <v>40940</v>
      </c>
      <c r="L18201" s="5" t="s">
        <v>40939</v>
      </c>
      <c r="M18201" s="2" t="s">
        <v>40940</v>
      </c>
      <c r="N18201" s="5" t="s">
        <v>36266</v>
      </c>
      <c r="O18201" s="5" t="s">
        <v>38</v>
      </c>
      <c r="P18201" s="5" t="s">
        <v>39</v>
      </c>
      <c r="Q18201" s="5" t="s">
        <v>40</v>
      </c>
      <c r="R18201" s="5" t="s">
        <v>1522</v>
      </c>
      <c r="S18201" s="5" t="s">
        <v>1523</v>
      </c>
      <c r="T18201" s="5" t="s">
        <v>42</v>
      </c>
      <c r="U18201" s="2">
        <v>3.661</v>
      </c>
      <c r="V18201" s="2">
        <v>2.9969999999999999</v>
      </c>
      <c r="W18201" s="2">
        <v>0.02</v>
      </c>
      <c r="X18201" s="2">
        <v>159.1</v>
      </c>
      <c r="Y18201" s="2">
        <v>7.6</v>
      </c>
      <c r="Z18201" s="2">
        <v>16.7</v>
      </c>
      <c r="AA18201" s="5"/>
      <c r="AB18201" s="5" t="s">
        <v>43</v>
      </c>
      <c r="AC18201" s="5" t="s">
        <v>44</v>
      </c>
      <c r="AD18201" s="2"/>
      <c r="AE18201" s="1"/>
    </row>
    <row r="18202" spans="1:31" ht="14.45">
      <c r="A18202" s="11"/>
      <c r="B18202" s="20"/>
      <c r="C18202" s="2" t="s">
        <v>55564</v>
      </c>
      <c r="D18202" s="14" t="s">
        <v>55565</v>
      </c>
      <c r="E18202" s="2" t="s">
        <v>55566</v>
      </c>
      <c r="F18202" s="2" t="s">
        <v>7543</v>
      </c>
      <c r="G18202" s="8">
        <v>333</v>
      </c>
      <c r="H18202" s="5">
        <v>6</v>
      </c>
      <c r="I18202" s="5" t="s">
        <v>1518</v>
      </c>
      <c r="J18202" s="5" t="s">
        <v>40939</v>
      </c>
      <c r="K18202" s="2" t="s">
        <v>40940</v>
      </c>
      <c r="L18202" s="5" t="s">
        <v>40939</v>
      </c>
      <c r="M18202" s="2" t="s">
        <v>40940</v>
      </c>
      <c r="N18202" s="5" t="s">
        <v>36266</v>
      </c>
      <c r="O18202" s="5" t="s">
        <v>38</v>
      </c>
      <c r="P18202" s="5" t="s">
        <v>39</v>
      </c>
      <c r="Q18202" s="5" t="s">
        <v>40</v>
      </c>
      <c r="R18202" s="5" t="s">
        <v>1522</v>
      </c>
      <c r="S18202" s="5" t="s">
        <v>1523</v>
      </c>
      <c r="T18202" s="5" t="s">
        <v>42</v>
      </c>
      <c r="U18202" s="2">
        <v>3.5990000000000002</v>
      </c>
      <c r="V18202" s="2">
        <v>2.9350000000000001</v>
      </c>
      <c r="W18202" s="2">
        <v>0.02</v>
      </c>
      <c r="X18202" s="2">
        <v>159.1</v>
      </c>
      <c r="Y18202" s="2">
        <v>7.6</v>
      </c>
      <c r="Z18202" s="2">
        <v>16.7</v>
      </c>
      <c r="AA18202" s="5"/>
      <c r="AB18202" s="5" t="s">
        <v>43</v>
      </c>
      <c r="AC18202" s="5" t="s">
        <v>44</v>
      </c>
      <c r="AD18202" s="2"/>
      <c r="AE18202" s="1"/>
    </row>
    <row r="18203" spans="1:31" ht="14.45">
      <c r="A18203" s="11"/>
      <c r="B18203" s="20"/>
      <c r="C18203" s="2" t="s">
        <v>55567</v>
      </c>
      <c r="D18203" s="14" t="s">
        <v>55568</v>
      </c>
      <c r="E18203" s="2" t="s">
        <v>55569</v>
      </c>
      <c r="F18203" s="2" t="s">
        <v>40989</v>
      </c>
      <c r="G18203" s="8">
        <v>333</v>
      </c>
      <c r="H18203" s="5">
        <v>6</v>
      </c>
      <c r="I18203" s="5" t="s">
        <v>1518</v>
      </c>
      <c r="J18203" s="5" t="s">
        <v>40939</v>
      </c>
      <c r="K18203" s="2" t="s">
        <v>40940</v>
      </c>
      <c r="L18203" s="5" t="s">
        <v>40939</v>
      </c>
      <c r="M18203" s="2" t="s">
        <v>40940</v>
      </c>
      <c r="N18203" s="5" t="s">
        <v>36266</v>
      </c>
      <c r="O18203" s="5" t="s">
        <v>38</v>
      </c>
      <c r="P18203" s="5" t="s">
        <v>39</v>
      </c>
      <c r="Q18203" s="5" t="s">
        <v>40</v>
      </c>
      <c r="R18203" s="5" t="s">
        <v>1522</v>
      </c>
      <c r="S18203" s="5" t="s">
        <v>1523</v>
      </c>
      <c r="T18203" s="5" t="s">
        <v>42</v>
      </c>
      <c r="U18203" s="2">
        <v>3.5619999999999998</v>
      </c>
      <c r="V18203" s="2">
        <v>2.8980000000000001</v>
      </c>
      <c r="W18203" s="2">
        <v>0.02</v>
      </c>
      <c r="X18203" s="2">
        <v>159.1</v>
      </c>
      <c r="Y18203" s="2">
        <v>7.6</v>
      </c>
      <c r="Z18203" s="2">
        <v>16.7</v>
      </c>
      <c r="AA18203" s="5"/>
      <c r="AB18203" s="5" t="s">
        <v>43</v>
      </c>
      <c r="AC18203" s="5" t="s">
        <v>44</v>
      </c>
      <c r="AD18203" s="2"/>
      <c r="AE18203" s="1"/>
    </row>
    <row r="18204" spans="1:31" ht="14.45">
      <c r="A18204" s="11"/>
      <c r="B18204" s="20"/>
      <c r="C18204" s="2" t="s">
        <v>55570</v>
      </c>
      <c r="D18204" s="14" t="s">
        <v>55571</v>
      </c>
      <c r="E18204" s="2" t="s">
        <v>55572</v>
      </c>
      <c r="F18204" s="2" t="s">
        <v>40993</v>
      </c>
      <c r="G18204" s="8">
        <v>333</v>
      </c>
      <c r="H18204" s="5">
        <v>6</v>
      </c>
      <c r="I18204" s="5" t="s">
        <v>1518</v>
      </c>
      <c r="J18204" s="5" t="s">
        <v>40939</v>
      </c>
      <c r="K18204" s="2" t="s">
        <v>40940</v>
      </c>
      <c r="L18204" s="5" t="s">
        <v>40939</v>
      </c>
      <c r="M18204" s="2" t="s">
        <v>40940</v>
      </c>
      <c r="N18204" s="5" t="s">
        <v>36266</v>
      </c>
      <c r="O18204" s="5" t="s">
        <v>38</v>
      </c>
      <c r="P18204" s="5" t="s">
        <v>39</v>
      </c>
      <c r="Q18204" s="5" t="s">
        <v>40</v>
      </c>
      <c r="R18204" s="5" t="s">
        <v>1522</v>
      </c>
      <c r="S18204" s="5" t="s">
        <v>1523</v>
      </c>
      <c r="T18204" s="5" t="s">
        <v>42</v>
      </c>
      <c r="U18204" s="2">
        <v>3.661</v>
      </c>
      <c r="V18204" s="2">
        <v>2.9969999999999999</v>
      </c>
      <c r="W18204" s="2">
        <v>0.02</v>
      </c>
      <c r="X18204" s="2">
        <v>159.1</v>
      </c>
      <c r="Y18204" s="2">
        <v>7.6</v>
      </c>
      <c r="Z18204" s="2">
        <v>16.7</v>
      </c>
      <c r="AA18204" s="5"/>
      <c r="AB18204" s="5" t="s">
        <v>43</v>
      </c>
      <c r="AC18204" s="5" t="s">
        <v>44</v>
      </c>
      <c r="AD18204" s="2"/>
      <c r="AE18204" s="1"/>
    </row>
    <row r="18205" spans="1:31" ht="14.45">
      <c r="A18205" s="11"/>
      <c r="B18205" s="20"/>
      <c r="C18205" s="2" t="s">
        <v>55573</v>
      </c>
      <c r="D18205" s="14" t="s">
        <v>55574</v>
      </c>
      <c r="E18205" s="2" t="s">
        <v>55575</v>
      </c>
      <c r="F18205" s="2" t="s">
        <v>41005</v>
      </c>
      <c r="G18205" s="8">
        <v>333</v>
      </c>
      <c r="H18205" s="5">
        <v>6</v>
      </c>
      <c r="I18205" s="5" t="s">
        <v>1518</v>
      </c>
      <c r="J18205" s="5" t="s">
        <v>40939</v>
      </c>
      <c r="K18205" s="2" t="s">
        <v>40940</v>
      </c>
      <c r="L18205" s="5" t="s">
        <v>40939</v>
      </c>
      <c r="M18205" s="2" t="s">
        <v>40940</v>
      </c>
      <c r="N18205" s="5" t="s">
        <v>36266</v>
      </c>
      <c r="O18205" s="5" t="s">
        <v>38</v>
      </c>
      <c r="P18205" s="5" t="s">
        <v>39</v>
      </c>
      <c r="Q18205" s="5" t="s">
        <v>40</v>
      </c>
      <c r="R18205" s="5" t="s">
        <v>1522</v>
      </c>
      <c r="S18205" s="5" t="s">
        <v>1523</v>
      </c>
      <c r="T18205" s="5" t="s">
        <v>42</v>
      </c>
      <c r="U18205" s="2">
        <v>3.661</v>
      </c>
      <c r="V18205" s="2">
        <v>2.9969999999999999</v>
      </c>
      <c r="W18205" s="2">
        <v>0.02</v>
      </c>
      <c r="X18205" s="2">
        <v>159.1</v>
      </c>
      <c r="Y18205" s="2">
        <v>7.6</v>
      </c>
      <c r="Z18205" s="2">
        <v>16.7</v>
      </c>
      <c r="AA18205" s="5"/>
      <c r="AB18205" s="5" t="s">
        <v>43</v>
      </c>
      <c r="AC18205" s="5" t="s">
        <v>44</v>
      </c>
      <c r="AD18205" s="2"/>
      <c r="AE18205" s="1"/>
    </row>
    <row r="18206" spans="1:31" ht="14.45">
      <c r="A18206" s="11"/>
      <c r="B18206" s="20"/>
      <c r="C18206" s="2" t="s">
        <v>55576</v>
      </c>
      <c r="D18206" s="14" t="s">
        <v>55577</v>
      </c>
      <c r="E18206" s="2" t="s">
        <v>55578</v>
      </c>
      <c r="F18206" s="2" t="s">
        <v>41009</v>
      </c>
      <c r="G18206" s="8">
        <v>333</v>
      </c>
      <c r="H18206" s="5">
        <v>6</v>
      </c>
      <c r="I18206" s="5" t="s">
        <v>1518</v>
      </c>
      <c r="J18206" s="5" t="s">
        <v>40939</v>
      </c>
      <c r="K18206" s="2" t="s">
        <v>40940</v>
      </c>
      <c r="L18206" s="5" t="s">
        <v>40939</v>
      </c>
      <c r="M18206" s="2" t="s">
        <v>40940</v>
      </c>
      <c r="N18206" s="5" t="s">
        <v>36266</v>
      </c>
      <c r="O18206" s="5" t="s">
        <v>38</v>
      </c>
      <c r="P18206" s="5" t="s">
        <v>39</v>
      </c>
      <c r="Q18206" s="5" t="s">
        <v>40</v>
      </c>
      <c r="R18206" s="5" t="s">
        <v>1522</v>
      </c>
      <c r="S18206" s="5" t="s">
        <v>1523</v>
      </c>
      <c r="T18206" s="5" t="s">
        <v>42</v>
      </c>
      <c r="U18206" s="2">
        <v>3.5739999999999998</v>
      </c>
      <c r="V18206" s="2">
        <v>2.91</v>
      </c>
      <c r="W18206" s="2">
        <v>0.02</v>
      </c>
      <c r="X18206" s="2">
        <v>159.1</v>
      </c>
      <c r="Y18206" s="2">
        <v>7.6</v>
      </c>
      <c r="Z18206" s="2">
        <v>16.7</v>
      </c>
      <c r="AA18206" s="5"/>
      <c r="AB18206" s="5" t="s">
        <v>43</v>
      </c>
      <c r="AC18206" s="5" t="s">
        <v>44</v>
      </c>
      <c r="AD18206" s="2"/>
      <c r="AE18206" s="1"/>
    </row>
    <row r="18207" spans="1:31" ht="14.45">
      <c r="A18207" s="11"/>
      <c r="B18207" s="20"/>
      <c r="C18207" s="2" t="s">
        <v>55579</v>
      </c>
      <c r="D18207" s="14" t="s">
        <v>55580</v>
      </c>
      <c r="E18207" s="2" t="s">
        <v>55581</v>
      </c>
      <c r="F18207" s="2" t="s">
        <v>41013</v>
      </c>
      <c r="G18207" s="8">
        <v>333</v>
      </c>
      <c r="H18207" s="5">
        <v>6</v>
      </c>
      <c r="I18207" s="5" t="s">
        <v>1518</v>
      </c>
      <c r="J18207" s="5" t="s">
        <v>40939</v>
      </c>
      <c r="K18207" s="2" t="s">
        <v>40940</v>
      </c>
      <c r="L18207" s="5" t="s">
        <v>40939</v>
      </c>
      <c r="M18207" s="2" t="s">
        <v>40940</v>
      </c>
      <c r="N18207" s="5" t="s">
        <v>36266</v>
      </c>
      <c r="O18207" s="5" t="s">
        <v>38</v>
      </c>
      <c r="P18207" s="5" t="s">
        <v>39</v>
      </c>
      <c r="Q18207" s="5" t="s">
        <v>40</v>
      </c>
      <c r="R18207" s="5" t="s">
        <v>1522</v>
      </c>
      <c r="S18207" s="5" t="s">
        <v>1523</v>
      </c>
      <c r="T18207" s="5" t="s">
        <v>42</v>
      </c>
      <c r="U18207" s="2">
        <v>3.673</v>
      </c>
      <c r="V18207" s="2">
        <v>3.0089999999999999</v>
      </c>
      <c r="W18207" s="2">
        <v>0.02</v>
      </c>
      <c r="X18207" s="2">
        <v>159.1</v>
      </c>
      <c r="Y18207" s="2">
        <v>7.6</v>
      </c>
      <c r="Z18207" s="2">
        <v>16.7</v>
      </c>
      <c r="AA18207" s="5"/>
      <c r="AB18207" s="5" t="s">
        <v>43</v>
      </c>
      <c r="AC18207" s="5" t="s">
        <v>44</v>
      </c>
      <c r="AD18207" s="2"/>
      <c r="AE18207" s="1"/>
    </row>
    <row r="18208" spans="1:31" ht="14.45">
      <c r="A18208" s="11"/>
      <c r="B18208" s="20"/>
      <c r="C18208" s="2" t="s">
        <v>55582</v>
      </c>
      <c r="D18208" s="14" t="s">
        <v>55583</v>
      </c>
      <c r="E18208" s="2" t="s">
        <v>55584</v>
      </c>
      <c r="F18208" s="2" t="s">
        <v>7396</v>
      </c>
      <c r="G18208" s="8">
        <v>307</v>
      </c>
      <c r="H18208" s="5">
        <v>6</v>
      </c>
      <c r="I18208" s="5" t="s">
        <v>1518</v>
      </c>
      <c r="J18208" s="5" t="s">
        <v>40939</v>
      </c>
      <c r="K18208" s="2" t="s">
        <v>40940</v>
      </c>
      <c r="L18208" s="5" t="s">
        <v>40939</v>
      </c>
      <c r="M18208" s="2" t="s">
        <v>40940</v>
      </c>
      <c r="N18208" s="5" t="s">
        <v>36266</v>
      </c>
      <c r="O18208" s="5" t="s">
        <v>38</v>
      </c>
      <c r="P18208" s="5" t="s">
        <v>39</v>
      </c>
      <c r="Q18208" s="5" t="s">
        <v>40</v>
      </c>
      <c r="R18208" s="5" t="s">
        <v>1522</v>
      </c>
      <c r="S18208" s="5" t="s">
        <v>1523</v>
      </c>
      <c r="T18208" s="5" t="s">
        <v>42</v>
      </c>
      <c r="U18208" s="2">
        <v>3.5739999999999998</v>
      </c>
      <c r="V18208" s="2">
        <v>2.91</v>
      </c>
      <c r="W18208" s="2">
        <v>0.02</v>
      </c>
      <c r="X18208" s="2">
        <v>159.1</v>
      </c>
      <c r="Y18208" s="2">
        <v>7.6</v>
      </c>
      <c r="Z18208" s="2">
        <v>16.7</v>
      </c>
      <c r="AA18208" s="5"/>
      <c r="AB18208" s="5" t="s">
        <v>43</v>
      </c>
      <c r="AC18208" s="5" t="s">
        <v>44</v>
      </c>
      <c r="AD18208" s="2"/>
      <c r="AE18208" s="1"/>
    </row>
    <row r="18209" spans="1:31" ht="14.45">
      <c r="A18209" s="11"/>
      <c r="B18209" s="20"/>
      <c r="C18209" s="2" t="s">
        <v>55585</v>
      </c>
      <c r="D18209" s="14" t="s">
        <v>55586</v>
      </c>
      <c r="E18209" s="2" t="s">
        <v>55587</v>
      </c>
      <c r="F18209" s="2" t="s">
        <v>7507</v>
      </c>
      <c r="G18209" s="8">
        <v>307</v>
      </c>
      <c r="H18209" s="5">
        <v>6</v>
      </c>
      <c r="I18209" s="5" t="s">
        <v>1518</v>
      </c>
      <c r="J18209" s="5" t="s">
        <v>40939</v>
      </c>
      <c r="K18209" s="2" t="s">
        <v>40940</v>
      </c>
      <c r="L18209" s="5" t="s">
        <v>40939</v>
      </c>
      <c r="M18209" s="2" t="s">
        <v>40940</v>
      </c>
      <c r="N18209" s="5" t="s">
        <v>36266</v>
      </c>
      <c r="O18209" s="5" t="s">
        <v>38</v>
      </c>
      <c r="P18209" s="5" t="s">
        <v>39</v>
      </c>
      <c r="Q18209" s="5" t="s">
        <v>40</v>
      </c>
      <c r="R18209" s="5" t="s">
        <v>1522</v>
      </c>
      <c r="S18209" s="5" t="s">
        <v>1523</v>
      </c>
      <c r="T18209" s="5" t="s">
        <v>42</v>
      </c>
      <c r="U18209" s="2">
        <v>3.673</v>
      </c>
      <c r="V18209" s="2">
        <v>3.0089999999999999</v>
      </c>
      <c r="W18209" s="2">
        <v>0.02</v>
      </c>
      <c r="X18209" s="2">
        <v>159.1</v>
      </c>
      <c r="Y18209" s="2">
        <v>7.6</v>
      </c>
      <c r="Z18209" s="2">
        <v>16.7</v>
      </c>
      <c r="AA18209" s="5"/>
      <c r="AB18209" s="5" t="s">
        <v>43</v>
      </c>
      <c r="AC18209" s="5" t="s">
        <v>44</v>
      </c>
      <c r="AD18209" s="2"/>
      <c r="AE18209" s="1"/>
    </row>
    <row r="18210" spans="1:31" ht="14.45">
      <c r="A18210" s="11"/>
      <c r="B18210" s="20"/>
      <c r="C18210" s="2" t="s">
        <v>55588</v>
      </c>
      <c r="D18210" s="14" t="s">
        <v>55589</v>
      </c>
      <c r="E18210" s="2" t="s">
        <v>55590</v>
      </c>
      <c r="F18210" s="2" t="s">
        <v>41023</v>
      </c>
      <c r="G18210" s="8">
        <v>333</v>
      </c>
      <c r="H18210" s="5">
        <v>6</v>
      </c>
      <c r="I18210" s="5" t="s">
        <v>1518</v>
      </c>
      <c r="J18210" s="5" t="s">
        <v>40939</v>
      </c>
      <c r="K18210" s="2" t="s">
        <v>40940</v>
      </c>
      <c r="L18210" s="5" t="s">
        <v>40939</v>
      </c>
      <c r="M18210" s="2" t="s">
        <v>40940</v>
      </c>
      <c r="N18210" s="5" t="s">
        <v>36266</v>
      </c>
      <c r="O18210" s="5" t="s">
        <v>38</v>
      </c>
      <c r="P18210" s="5" t="s">
        <v>39</v>
      </c>
      <c r="Q18210" s="5" t="s">
        <v>40</v>
      </c>
      <c r="R18210" s="5" t="s">
        <v>1522</v>
      </c>
      <c r="S18210" s="5" t="s">
        <v>1523</v>
      </c>
      <c r="T18210" s="5" t="s">
        <v>42</v>
      </c>
      <c r="U18210" s="2">
        <v>3.512</v>
      </c>
      <c r="V18210" s="2">
        <v>2.8479999999999999</v>
      </c>
      <c r="W18210" s="2">
        <v>0.02</v>
      </c>
      <c r="X18210" s="2">
        <v>159.1</v>
      </c>
      <c r="Y18210" s="2">
        <v>7.6</v>
      </c>
      <c r="Z18210" s="2">
        <v>16.7</v>
      </c>
      <c r="AA18210" s="5"/>
      <c r="AB18210" s="5" t="s">
        <v>43</v>
      </c>
      <c r="AC18210" s="5" t="s">
        <v>44</v>
      </c>
      <c r="AD18210" s="2"/>
      <c r="AE18210" s="1"/>
    </row>
    <row r="18211" spans="1:31" ht="14.45">
      <c r="A18211" s="11"/>
      <c r="B18211" s="20"/>
      <c r="C18211" s="2" t="s">
        <v>55591</v>
      </c>
      <c r="D18211" s="14" t="s">
        <v>55592</v>
      </c>
      <c r="E18211" s="2" t="s">
        <v>55593</v>
      </c>
      <c r="F18211" s="2" t="s">
        <v>41027</v>
      </c>
      <c r="G18211" s="8">
        <v>333</v>
      </c>
      <c r="H18211" s="5">
        <v>6</v>
      </c>
      <c r="I18211" s="5" t="s">
        <v>1518</v>
      </c>
      <c r="J18211" s="5" t="s">
        <v>40939</v>
      </c>
      <c r="K18211" s="2" t="s">
        <v>40940</v>
      </c>
      <c r="L18211" s="5" t="s">
        <v>40939</v>
      </c>
      <c r="M18211" s="2" t="s">
        <v>40940</v>
      </c>
      <c r="N18211" s="5" t="s">
        <v>36266</v>
      </c>
      <c r="O18211" s="5" t="s">
        <v>38</v>
      </c>
      <c r="P18211" s="5" t="s">
        <v>39</v>
      </c>
      <c r="Q18211" s="5" t="s">
        <v>40</v>
      </c>
      <c r="R18211" s="5" t="s">
        <v>1522</v>
      </c>
      <c r="S18211" s="5" t="s">
        <v>1523</v>
      </c>
      <c r="T18211" s="5" t="s">
        <v>42</v>
      </c>
      <c r="U18211" s="2">
        <v>3.6110000000000002</v>
      </c>
      <c r="V18211" s="2">
        <v>2.9470000000000001</v>
      </c>
      <c r="W18211" s="2">
        <v>0.02</v>
      </c>
      <c r="X18211" s="2">
        <v>159.1</v>
      </c>
      <c r="Y18211" s="2">
        <v>7.6</v>
      </c>
      <c r="Z18211" s="2">
        <v>16.7</v>
      </c>
      <c r="AA18211" s="5"/>
      <c r="AB18211" s="5" t="s">
        <v>43</v>
      </c>
      <c r="AC18211" s="5" t="s">
        <v>44</v>
      </c>
      <c r="AD18211" s="2"/>
      <c r="AE18211" s="1"/>
    </row>
    <row r="18212" spans="1:31" ht="14.45">
      <c r="A18212" s="11"/>
      <c r="B18212" s="20"/>
      <c r="C18212" s="2" t="s">
        <v>55594</v>
      </c>
      <c r="D18212" s="14" t="s">
        <v>55595</v>
      </c>
      <c r="E18212" s="2" t="s">
        <v>55596</v>
      </c>
      <c r="F18212" s="2" t="s">
        <v>41035</v>
      </c>
      <c r="G18212" s="8">
        <v>333</v>
      </c>
      <c r="H18212" s="5">
        <v>6</v>
      </c>
      <c r="I18212" s="5" t="s">
        <v>1518</v>
      </c>
      <c r="J18212" s="5" t="s">
        <v>40939</v>
      </c>
      <c r="K18212" s="2" t="s">
        <v>40940</v>
      </c>
      <c r="L18212" s="5" t="s">
        <v>40939</v>
      </c>
      <c r="M18212" s="2" t="s">
        <v>40940</v>
      </c>
      <c r="N18212" s="5" t="s">
        <v>36266</v>
      </c>
      <c r="O18212" s="5" t="s">
        <v>38</v>
      </c>
      <c r="P18212" s="5" t="s">
        <v>39</v>
      </c>
      <c r="Q18212" s="5" t="s">
        <v>40</v>
      </c>
      <c r="R18212" s="5" t="s">
        <v>1522</v>
      </c>
      <c r="S18212" s="5" t="s">
        <v>1523</v>
      </c>
      <c r="T18212" s="5" t="s">
        <v>42</v>
      </c>
      <c r="U18212" s="2">
        <v>3.6110000000000002</v>
      </c>
      <c r="V18212" s="2">
        <v>2.9470000000000001</v>
      </c>
      <c r="W18212" s="2">
        <v>0.02</v>
      </c>
      <c r="X18212" s="2">
        <v>159.1</v>
      </c>
      <c r="Y18212" s="2">
        <v>7.6</v>
      </c>
      <c r="Z18212" s="2">
        <v>16.7</v>
      </c>
      <c r="AA18212" s="5"/>
      <c r="AB18212" s="5" t="s">
        <v>43</v>
      </c>
      <c r="AC18212" s="5" t="s">
        <v>44</v>
      </c>
      <c r="AD18212" s="2"/>
      <c r="AE18212" s="1"/>
    </row>
    <row r="18213" spans="1:31" ht="14.45">
      <c r="A18213" s="11"/>
      <c r="B18213" s="20"/>
      <c r="C18213" s="2" t="s">
        <v>55597</v>
      </c>
      <c r="D18213" s="14" t="s">
        <v>55598</v>
      </c>
      <c r="E18213" s="2" t="s">
        <v>55599</v>
      </c>
      <c r="F18213" s="2" t="s">
        <v>7449</v>
      </c>
      <c r="G18213" s="8">
        <v>333</v>
      </c>
      <c r="H18213" s="5">
        <v>6</v>
      </c>
      <c r="I18213" s="5" t="s">
        <v>1518</v>
      </c>
      <c r="J18213" s="5" t="s">
        <v>40939</v>
      </c>
      <c r="K18213" s="2" t="s">
        <v>40940</v>
      </c>
      <c r="L18213" s="5" t="s">
        <v>40939</v>
      </c>
      <c r="M18213" s="2" t="s">
        <v>40940</v>
      </c>
      <c r="N18213" s="5" t="s">
        <v>36266</v>
      </c>
      <c r="O18213" s="5" t="s">
        <v>38</v>
      </c>
      <c r="P18213" s="5" t="s">
        <v>39</v>
      </c>
      <c r="Q18213" s="5" t="s">
        <v>40</v>
      </c>
      <c r="R18213" s="5" t="s">
        <v>1522</v>
      </c>
      <c r="S18213" s="5" t="s">
        <v>1523</v>
      </c>
      <c r="T18213" s="5" t="s">
        <v>42</v>
      </c>
      <c r="U18213" s="2">
        <v>3.512</v>
      </c>
      <c r="V18213" s="2">
        <v>2.8479999999999999</v>
      </c>
      <c r="W18213" s="2">
        <v>0.02</v>
      </c>
      <c r="X18213" s="2">
        <v>159.1</v>
      </c>
      <c r="Y18213" s="2">
        <v>7.6</v>
      </c>
      <c r="Z18213" s="2">
        <v>16.7</v>
      </c>
      <c r="AA18213" s="5"/>
      <c r="AB18213" s="5" t="s">
        <v>43</v>
      </c>
      <c r="AC18213" s="5" t="s">
        <v>44</v>
      </c>
      <c r="AD18213" s="2"/>
      <c r="AE18213" s="1"/>
    </row>
    <row r="18214" spans="1:31" ht="14.45">
      <c r="A18214" s="11"/>
      <c r="B18214" s="20"/>
      <c r="C18214" s="2" t="s">
        <v>55600</v>
      </c>
      <c r="D18214" s="14" t="s">
        <v>55601</v>
      </c>
      <c r="E18214" s="2" t="s">
        <v>55602</v>
      </c>
      <c r="F18214" s="2" t="s">
        <v>7581</v>
      </c>
      <c r="G18214" s="8">
        <v>333</v>
      </c>
      <c r="H18214" s="5">
        <v>6</v>
      </c>
      <c r="I18214" s="5" t="s">
        <v>1518</v>
      </c>
      <c r="J18214" s="5" t="s">
        <v>40939</v>
      </c>
      <c r="K18214" s="2" t="s">
        <v>40940</v>
      </c>
      <c r="L18214" s="5" t="s">
        <v>40939</v>
      </c>
      <c r="M18214" s="2" t="s">
        <v>40940</v>
      </c>
      <c r="N18214" s="5" t="s">
        <v>36266</v>
      </c>
      <c r="O18214" s="5" t="s">
        <v>38</v>
      </c>
      <c r="P18214" s="5" t="s">
        <v>39</v>
      </c>
      <c r="Q18214" s="5" t="s">
        <v>40</v>
      </c>
      <c r="R18214" s="5" t="s">
        <v>1522</v>
      </c>
      <c r="S18214" s="5" t="s">
        <v>1523</v>
      </c>
      <c r="T18214" s="5" t="s">
        <v>42</v>
      </c>
      <c r="U18214" s="2">
        <v>3.6110000000000002</v>
      </c>
      <c r="V18214" s="2">
        <v>2.9470000000000001</v>
      </c>
      <c r="W18214" s="2">
        <v>0.02</v>
      </c>
      <c r="X18214" s="2">
        <v>159.1</v>
      </c>
      <c r="Y18214" s="2">
        <v>7.6</v>
      </c>
      <c r="Z18214" s="2">
        <v>16.7</v>
      </c>
      <c r="AA18214" s="5"/>
      <c r="AB18214" s="5" t="s">
        <v>43</v>
      </c>
      <c r="AC18214" s="5" t="s">
        <v>44</v>
      </c>
      <c r="AD18214" s="2"/>
      <c r="AE18214" s="1"/>
    </row>
    <row r="18215" spans="1:31" ht="14.45">
      <c r="A18215" s="11"/>
      <c r="B18215" s="20"/>
      <c r="C18215" s="2" t="s">
        <v>55603</v>
      </c>
      <c r="D18215" s="14" t="s">
        <v>55604</v>
      </c>
      <c r="E18215" s="2" t="s">
        <v>55605</v>
      </c>
      <c r="F18215" s="2" t="s">
        <v>41049</v>
      </c>
      <c r="G18215" s="8">
        <v>333</v>
      </c>
      <c r="H18215" s="5">
        <v>6</v>
      </c>
      <c r="I18215" s="5" t="s">
        <v>1518</v>
      </c>
      <c r="J18215" s="5" t="s">
        <v>40939</v>
      </c>
      <c r="K18215" s="2" t="s">
        <v>40940</v>
      </c>
      <c r="L18215" s="5" t="s">
        <v>40939</v>
      </c>
      <c r="M18215" s="2" t="s">
        <v>40940</v>
      </c>
      <c r="N18215" s="5" t="s">
        <v>36266</v>
      </c>
      <c r="O18215" s="5" t="s">
        <v>38</v>
      </c>
      <c r="P18215" s="5" t="s">
        <v>39</v>
      </c>
      <c r="Q18215" s="5" t="s">
        <v>40</v>
      </c>
      <c r="R18215" s="5" t="s">
        <v>1522</v>
      </c>
      <c r="S18215" s="5" t="s">
        <v>1523</v>
      </c>
      <c r="T18215" s="5" t="s">
        <v>42</v>
      </c>
      <c r="U18215" s="2">
        <v>3.6859999999999999</v>
      </c>
      <c r="V18215" s="2">
        <v>3.0219999999999998</v>
      </c>
      <c r="W18215" s="2">
        <v>0.02</v>
      </c>
      <c r="X18215" s="2">
        <v>159.1</v>
      </c>
      <c r="Y18215" s="2">
        <v>7.6</v>
      </c>
      <c r="Z18215" s="2">
        <v>16.7</v>
      </c>
      <c r="AA18215" s="5"/>
      <c r="AB18215" s="5" t="s">
        <v>43</v>
      </c>
      <c r="AC18215" s="5" t="s">
        <v>44</v>
      </c>
      <c r="AD18215" s="2"/>
      <c r="AE18215" s="1"/>
    </row>
    <row r="18216" spans="1:31" ht="14.45">
      <c r="A18216" s="11"/>
      <c r="B18216" s="20"/>
      <c r="C18216" s="2" t="s">
        <v>55606</v>
      </c>
      <c r="D18216" s="14" t="s">
        <v>55607</v>
      </c>
      <c r="E18216" s="2" t="s">
        <v>55608</v>
      </c>
      <c r="F18216" s="2" t="s">
        <v>7204</v>
      </c>
      <c r="G18216" s="8">
        <v>322</v>
      </c>
      <c r="H18216" s="5">
        <v>6</v>
      </c>
      <c r="I18216" s="5" t="s">
        <v>1518</v>
      </c>
      <c r="J18216" s="5" t="s">
        <v>40939</v>
      </c>
      <c r="K18216" s="2" t="s">
        <v>40940</v>
      </c>
      <c r="L18216" s="5" t="s">
        <v>40939</v>
      </c>
      <c r="M18216" s="2" t="s">
        <v>40940</v>
      </c>
      <c r="N18216" s="5" t="s">
        <v>36266</v>
      </c>
      <c r="O18216" s="5" t="s">
        <v>38</v>
      </c>
      <c r="P18216" s="5" t="s">
        <v>39</v>
      </c>
      <c r="Q18216" s="5" t="s">
        <v>40</v>
      </c>
      <c r="R18216" s="5" t="s">
        <v>1522</v>
      </c>
      <c r="S18216" s="5" t="s">
        <v>1523</v>
      </c>
      <c r="T18216" s="5" t="s">
        <v>42</v>
      </c>
      <c r="U18216" s="2">
        <v>3.8540000000000001</v>
      </c>
      <c r="V18216" s="2">
        <v>3.2090000000000001</v>
      </c>
      <c r="W18216" s="2">
        <v>0.02</v>
      </c>
      <c r="X18216" s="2">
        <v>159.1</v>
      </c>
      <c r="Y18216" s="2">
        <v>7.6</v>
      </c>
      <c r="Z18216" s="2">
        <v>16.7</v>
      </c>
      <c r="AA18216" s="5"/>
      <c r="AB18216" s="5" t="s">
        <v>43</v>
      </c>
      <c r="AC18216" s="5" t="s">
        <v>44</v>
      </c>
      <c r="AD18216" s="2"/>
      <c r="AE18216" s="1"/>
    </row>
    <row r="18217" spans="1:31" ht="14.45">
      <c r="A18217" s="11"/>
      <c r="B18217" s="20"/>
      <c r="C18217" s="2" t="s">
        <v>55609</v>
      </c>
      <c r="D18217" s="14" t="s">
        <v>55610</v>
      </c>
      <c r="E18217" s="2" t="s">
        <v>55611</v>
      </c>
      <c r="F18217" s="2" t="s">
        <v>7514</v>
      </c>
      <c r="G18217" s="8">
        <v>322</v>
      </c>
      <c r="H18217" s="5">
        <v>6</v>
      </c>
      <c r="I18217" s="5" t="s">
        <v>1518</v>
      </c>
      <c r="J18217" s="5" t="s">
        <v>40939</v>
      </c>
      <c r="K18217" s="2" t="s">
        <v>40940</v>
      </c>
      <c r="L18217" s="5" t="s">
        <v>40939</v>
      </c>
      <c r="M18217" s="2" t="s">
        <v>40940</v>
      </c>
      <c r="N18217" s="5" t="s">
        <v>36266</v>
      </c>
      <c r="O18217" s="5" t="s">
        <v>38</v>
      </c>
      <c r="P18217" s="5" t="s">
        <v>39</v>
      </c>
      <c r="Q18217" s="5" t="s">
        <v>40</v>
      </c>
      <c r="R18217" s="5" t="s">
        <v>1522</v>
      </c>
      <c r="S18217" s="5" t="s">
        <v>1523</v>
      </c>
      <c r="T18217" s="5" t="s">
        <v>42</v>
      </c>
      <c r="U18217" s="2">
        <v>3.976</v>
      </c>
      <c r="V18217" s="2">
        <v>3.331</v>
      </c>
      <c r="W18217" s="2">
        <v>0.02</v>
      </c>
      <c r="X18217" s="2">
        <v>159.1</v>
      </c>
      <c r="Y18217" s="2">
        <v>7.6</v>
      </c>
      <c r="Z18217" s="2">
        <v>16.7</v>
      </c>
      <c r="AA18217" s="5"/>
      <c r="AB18217" s="5" t="s">
        <v>43</v>
      </c>
      <c r="AC18217" s="5" t="s">
        <v>44</v>
      </c>
      <c r="AD18217" s="2"/>
      <c r="AE18217" s="1"/>
    </row>
    <row r="18218" spans="1:31" ht="14.45">
      <c r="A18218" s="11"/>
      <c r="B18218" s="20"/>
      <c r="C18218" s="2" t="s">
        <v>55612</v>
      </c>
      <c r="D18218" s="14" t="s">
        <v>55613</v>
      </c>
      <c r="E18218" s="2" t="s">
        <v>55614</v>
      </c>
      <c r="F18218" s="2" t="s">
        <v>47266</v>
      </c>
      <c r="G18218" s="8">
        <v>351</v>
      </c>
      <c r="H18218" s="5">
        <v>6</v>
      </c>
      <c r="I18218" s="5" t="s">
        <v>1518</v>
      </c>
      <c r="J18218" s="5" t="s">
        <v>40939</v>
      </c>
      <c r="K18218" s="2" t="s">
        <v>40940</v>
      </c>
      <c r="L18218" s="5" t="s">
        <v>40939</v>
      </c>
      <c r="M18218" s="2" t="s">
        <v>40940</v>
      </c>
      <c r="N18218" s="5" t="s">
        <v>36266</v>
      </c>
      <c r="O18218" s="5" t="s">
        <v>38</v>
      </c>
      <c r="P18218" s="5" t="s">
        <v>39</v>
      </c>
      <c r="Q18218" s="5" t="s">
        <v>40</v>
      </c>
      <c r="R18218" s="5" t="s">
        <v>1522</v>
      </c>
      <c r="S18218" s="5" t="s">
        <v>1523</v>
      </c>
      <c r="T18218" s="5" t="s">
        <v>42</v>
      </c>
      <c r="U18218" s="2">
        <v>3.8889999999999998</v>
      </c>
      <c r="V18218" s="2">
        <v>3.2440000000000002</v>
      </c>
      <c r="W18218" s="2">
        <v>0.02</v>
      </c>
      <c r="X18218" s="2">
        <v>159.1</v>
      </c>
      <c r="Y18218" s="2">
        <v>7.6</v>
      </c>
      <c r="Z18218" s="2">
        <v>16.7</v>
      </c>
      <c r="AA18218" s="5"/>
      <c r="AB18218" s="5" t="s">
        <v>43</v>
      </c>
      <c r="AC18218" s="5" t="s">
        <v>44</v>
      </c>
      <c r="AD18218" s="2"/>
      <c r="AE18218" s="1"/>
    </row>
    <row r="18219" spans="1:31" ht="14.45">
      <c r="A18219" s="11"/>
      <c r="B18219" s="20"/>
      <c r="C18219" s="2" t="s">
        <v>55615</v>
      </c>
      <c r="D18219" s="14" t="s">
        <v>55616</v>
      </c>
      <c r="E18219" s="2" t="s">
        <v>55617</v>
      </c>
      <c r="F18219" s="2" t="s">
        <v>47195</v>
      </c>
      <c r="G18219" s="8">
        <v>351</v>
      </c>
      <c r="H18219" s="5">
        <v>6</v>
      </c>
      <c r="I18219" s="5" t="s">
        <v>1518</v>
      </c>
      <c r="J18219" s="5" t="s">
        <v>40939</v>
      </c>
      <c r="K18219" s="2" t="s">
        <v>40940</v>
      </c>
      <c r="L18219" s="5" t="s">
        <v>40939</v>
      </c>
      <c r="M18219" s="2" t="s">
        <v>40940</v>
      </c>
      <c r="N18219" s="5" t="s">
        <v>36266</v>
      </c>
      <c r="O18219" s="5" t="s">
        <v>38</v>
      </c>
      <c r="P18219" s="5" t="s">
        <v>39</v>
      </c>
      <c r="Q18219" s="5" t="s">
        <v>40</v>
      </c>
      <c r="R18219" s="5" t="s">
        <v>1522</v>
      </c>
      <c r="S18219" s="5" t="s">
        <v>1523</v>
      </c>
      <c r="T18219" s="5" t="s">
        <v>42</v>
      </c>
      <c r="U18219" s="2">
        <v>4.0110000000000001</v>
      </c>
      <c r="V18219" s="2">
        <v>3.3660000000000001</v>
      </c>
      <c r="W18219" s="2">
        <v>0.02</v>
      </c>
      <c r="X18219" s="2">
        <v>159.1</v>
      </c>
      <c r="Y18219" s="2">
        <v>7.6</v>
      </c>
      <c r="Z18219" s="2">
        <v>16.7</v>
      </c>
      <c r="AA18219" s="5"/>
      <c r="AB18219" s="5" t="s">
        <v>43</v>
      </c>
      <c r="AC18219" s="5" t="s">
        <v>44</v>
      </c>
      <c r="AD18219" s="2"/>
      <c r="AE18219" s="1"/>
    </row>
    <row r="18220" spans="1:31" ht="14.45">
      <c r="A18220" s="11"/>
      <c r="B18220" s="20"/>
      <c r="C18220" s="2" t="s">
        <v>55618</v>
      </c>
      <c r="D18220" s="14" t="s">
        <v>55619</v>
      </c>
      <c r="E18220" s="2" t="s">
        <v>55620</v>
      </c>
      <c r="F18220" s="2" t="s">
        <v>7208</v>
      </c>
      <c r="G18220" s="8">
        <v>322</v>
      </c>
      <c r="H18220" s="5">
        <v>6</v>
      </c>
      <c r="I18220" s="5" t="s">
        <v>1518</v>
      </c>
      <c r="J18220" s="5" t="s">
        <v>40939</v>
      </c>
      <c r="K18220" s="2" t="s">
        <v>40940</v>
      </c>
      <c r="L18220" s="5" t="s">
        <v>40939</v>
      </c>
      <c r="M18220" s="2" t="s">
        <v>40940</v>
      </c>
      <c r="N18220" s="5" t="s">
        <v>36266</v>
      </c>
      <c r="O18220" s="5" t="s">
        <v>38</v>
      </c>
      <c r="P18220" s="5" t="s">
        <v>39</v>
      </c>
      <c r="Q18220" s="5" t="s">
        <v>40</v>
      </c>
      <c r="R18220" s="5" t="s">
        <v>1522</v>
      </c>
      <c r="S18220" s="5" t="s">
        <v>1523</v>
      </c>
      <c r="T18220" s="5" t="s">
        <v>42</v>
      </c>
      <c r="U18220" s="2">
        <v>3.9060000000000001</v>
      </c>
      <c r="V18220" s="2">
        <v>3.2610000000000001</v>
      </c>
      <c r="W18220" s="2">
        <v>0.02</v>
      </c>
      <c r="X18220" s="2">
        <v>159.1</v>
      </c>
      <c r="Y18220" s="2">
        <v>7.6</v>
      </c>
      <c r="Z18220" s="2">
        <v>16.7</v>
      </c>
      <c r="AA18220" s="5"/>
      <c r="AB18220" s="5" t="s">
        <v>43</v>
      </c>
      <c r="AC18220" s="5" t="s">
        <v>44</v>
      </c>
      <c r="AD18220" s="2"/>
      <c r="AE18220" s="1"/>
    </row>
    <row r="18221" spans="1:31" ht="14.45">
      <c r="A18221" s="11"/>
      <c r="B18221" s="20"/>
      <c r="C18221" s="2" t="s">
        <v>55621</v>
      </c>
      <c r="D18221" s="14" t="s">
        <v>55622</v>
      </c>
      <c r="E18221" s="2" t="s">
        <v>55623</v>
      </c>
      <c r="F18221" s="2" t="s">
        <v>7521</v>
      </c>
      <c r="G18221" s="8">
        <v>322</v>
      </c>
      <c r="H18221" s="5">
        <v>6</v>
      </c>
      <c r="I18221" s="5" t="s">
        <v>1518</v>
      </c>
      <c r="J18221" s="5" t="s">
        <v>40939</v>
      </c>
      <c r="K18221" s="2" t="s">
        <v>40940</v>
      </c>
      <c r="L18221" s="5" t="s">
        <v>40939</v>
      </c>
      <c r="M18221" s="2" t="s">
        <v>40940</v>
      </c>
      <c r="N18221" s="5" t="s">
        <v>36266</v>
      </c>
      <c r="O18221" s="5" t="s">
        <v>38</v>
      </c>
      <c r="P18221" s="5" t="s">
        <v>39</v>
      </c>
      <c r="Q18221" s="5" t="s">
        <v>40</v>
      </c>
      <c r="R18221" s="5" t="s">
        <v>1522</v>
      </c>
      <c r="S18221" s="5" t="s">
        <v>1523</v>
      </c>
      <c r="T18221" s="5" t="s">
        <v>42</v>
      </c>
      <c r="U18221" s="2">
        <v>4.0279999999999996</v>
      </c>
      <c r="V18221" s="2">
        <v>3.383</v>
      </c>
      <c r="W18221" s="2">
        <v>0.02</v>
      </c>
      <c r="X18221" s="2">
        <v>159.1</v>
      </c>
      <c r="Y18221" s="2">
        <v>7.6</v>
      </c>
      <c r="Z18221" s="2">
        <v>16.7</v>
      </c>
      <c r="AA18221" s="5"/>
      <c r="AB18221" s="5" t="s">
        <v>43</v>
      </c>
      <c r="AC18221" s="5" t="s">
        <v>44</v>
      </c>
      <c r="AD18221" s="2"/>
      <c r="AE18221" s="1"/>
    </row>
    <row r="18222" spans="1:31" ht="14.45">
      <c r="A18222" s="11"/>
      <c r="B18222" s="20"/>
      <c r="C18222" s="2" t="s">
        <v>55624</v>
      </c>
      <c r="D18222" s="14" t="s">
        <v>55625</v>
      </c>
      <c r="E18222" s="2" t="s">
        <v>55626</v>
      </c>
      <c r="F18222" s="2" t="s">
        <v>36273</v>
      </c>
      <c r="G18222" s="8">
        <v>322</v>
      </c>
      <c r="H18222" s="5">
        <v>6</v>
      </c>
      <c r="I18222" s="5" t="s">
        <v>1518</v>
      </c>
      <c r="J18222" s="5" t="s">
        <v>40939</v>
      </c>
      <c r="K18222" s="2" t="s">
        <v>40940</v>
      </c>
      <c r="L18222" s="5" t="s">
        <v>40939</v>
      </c>
      <c r="M18222" s="2" t="s">
        <v>40940</v>
      </c>
      <c r="N18222" s="5" t="s">
        <v>36266</v>
      </c>
      <c r="O18222" s="5" t="s">
        <v>38</v>
      </c>
      <c r="P18222" s="5" t="s">
        <v>39</v>
      </c>
      <c r="Q18222" s="5" t="s">
        <v>40</v>
      </c>
      <c r="R18222" s="5" t="s">
        <v>1522</v>
      </c>
      <c r="S18222" s="5" t="s">
        <v>1523</v>
      </c>
      <c r="T18222" s="5" t="s">
        <v>42</v>
      </c>
      <c r="U18222" s="2">
        <v>3.9409999999999998</v>
      </c>
      <c r="V18222" s="2">
        <v>3.2959999999999998</v>
      </c>
      <c r="W18222" s="2">
        <v>0.02</v>
      </c>
      <c r="X18222" s="2">
        <v>159.1</v>
      </c>
      <c r="Y18222" s="2">
        <v>7.6</v>
      </c>
      <c r="Z18222" s="2">
        <v>16.7</v>
      </c>
      <c r="AA18222" s="5"/>
      <c r="AB18222" s="5" t="s">
        <v>43</v>
      </c>
      <c r="AC18222" s="5" t="s">
        <v>44</v>
      </c>
      <c r="AD18222" s="2"/>
      <c r="AE18222" s="1"/>
    </row>
    <row r="18223" spans="1:31" ht="14.45">
      <c r="A18223" s="11"/>
      <c r="B18223" s="20"/>
      <c r="C18223" s="2" t="s">
        <v>55627</v>
      </c>
      <c r="D18223" s="14" t="s">
        <v>55628</v>
      </c>
      <c r="E18223" s="2" t="s">
        <v>55629</v>
      </c>
      <c r="F18223" s="2" t="s">
        <v>36277</v>
      </c>
      <c r="G18223" s="8">
        <v>322</v>
      </c>
      <c r="H18223" s="5">
        <v>6</v>
      </c>
      <c r="I18223" s="5" t="s">
        <v>1518</v>
      </c>
      <c r="J18223" s="5" t="s">
        <v>40939</v>
      </c>
      <c r="K18223" s="2" t="s">
        <v>40940</v>
      </c>
      <c r="L18223" s="5" t="s">
        <v>40939</v>
      </c>
      <c r="M18223" s="2" t="s">
        <v>40940</v>
      </c>
      <c r="N18223" s="5" t="s">
        <v>36266</v>
      </c>
      <c r="O18223" s="5" t="s">
        <v>38</v>
      </c>
      <c r="P18223" s="5" t="s">
        <v>39</v>
      </c>
      <c r="Q18223" s="5" t="s">
        <v>40</v>
      </c>
      <c r="R18223" s="5" t="s">
        <v>1522</v>
      </c>
      <c r="S18223" s="5" t="s">
        <v>1523</v>
      </c>
      <c r="T18223" s="5" t="s">
        <v>42</v>
      </c>
      <c r="U18223" s="2">
        <v>4.0629999999999997</v>
      </c>
      <c r="V18223" s="2">
        <v>3.4180000000000001</v>
      </c>
      <c r="W18223" s="2">
        <v>0.02</v>
      </c>
      <c r="X18223" s="2">
        <v>159.1</v>
      </c>
      <c r="Y18223" s="2">
        <v>7.6</v>
      </c>
      <c r="Z18223" s="2">
        <v>16.7</v>
      </c>
      <c r="AA18223" s="5"/>
      <c r="AB18223" s="5" t="s">
        <v>43</v>
      </c>
      <c r="AC18223" s="5" t="s">
        <v>44</v>
      </c>
      <c r="AD18223" s="2"/>
      <c r="AE18223" s="1"/>
    </row>
    <row r="18224" spans="1:31" ht="14.45">
      <c r="A18224" s="11"/>
      <c r="B18224" s="20"/>
      <c r="C18224" s="2" t="s">
        <v>55630</v>
      </c>
      <c r="D18224" s="14" t="s">
        <v>55631</v>
      </c>
      <c r="E18224" s="2" t="s">
        <v>55632</v>
      </c>
      <c r="F18224" s="2" t="s">
        <v>40967</v>
      </c>
      <c r="G18224" s="8">
        <v>351</v>
      </c>
      <c r="H18224" s="5">
        <v>6</v>
      </c>
      <c r="I18224" s="5" t="s">
        <v>1518</v>
      </c>
      <c r="J18224" s="5" t="s">
        <v>40939</v>
      </c>
      <c r="K18224" s="2" t="s">
        <v>40940</v>
      </c>
      <c r="L18224" s="5" t="s">
        <v>40939</v>
      </c>
      <c r="M18224" s="2" t="s">
        <v>40940</v>
      </c>
      <c r="N18224" s="5" t="s">
        <v>36266</v>
      </c>
      <c r="O18224" s="5" t="s">
        <v>38</v>
      </c>
      <c r="P18224" s="5" t="s">
        <v>39</v>
      </c>
      <c r="Q18224" s="5" t="s">
        <v>40</v>
      </c>
      <c r="R18224" s="5" t="s">
        <v>1522</v>
      </c>
      <c r="S18224" s="5" t="s">
        <v>1523</v>
      </c>
      <c r="T18224" s="5" t="s">
        <v>42</v>
      </c>
      <c r="U18224" s="2">
        <v>3.9060000000000001</v>
      </c>
      <c r="V18224" s="2">
        <v>3.2610000000000001</v>
      </c>
      <c r="W18224" s="2">
        <v>0.02</v>
      </c>
      <c r="X18224" s="2">
        <v>159.1</v>
      </c>
      <c r="Y18224" s="2">
        <v>7.6</v>
      </c>
      <c r="Z18224" s="2">
        <v>16.7</v>
      </c>
      <c r="AA18224" s="5"/>
      <c r="AB18224" s="5" t="s">
        <v>43</v>
      </c>
      <c r="AC18224" s="5" t="s">
        <v>44</v>
      </c>
      <c r="AD18224" s="2"/>
      <c r="AE18224" s="1"/>
    </row>
    <row r="18225" spans="1:31" ht="14.45">
      <c r="A18225" s="11"/>
      <c r="B18225" s="20"/>
      <c r="C18225" s="2" t="s">
        <v>55633</v>
      </c>
      <c r="D18225" s="14" t="s">
        <v>55634</v>
      </c>
      <c r="E18225" s="2" t="s">
        <v>55635</v>
      </c>
      <c r="F18225" s="2" t="s">
        <v>40971</v>
      </c>
      <c r="G18225" s="8">
        <v>351</v>
      </c>
      <c r="H18225" s="5">
        <v>6</v>
      </c>
      <c r="I18225" s="5" t="s">
        <v>1518</v>
      </c>
      <c r="J18225" s="5" t="s">
        <v>40939</v>
      </c>
      <c r="K18225" s="2" t="s">
        <v>40940</v>
      </c>
      <c r="L18225" s="5" t="s">
        <v>40939</v>
      </c>
      <c r="M18225" s="2" t="s">
        <v>40940</v>
      </c>
      <c r="N18225" s="5" t="s">
        <v>36266</v>
      </c>
      <c r="O18225" s="5" t="s">
        <v>38</v>
      </c>
      <c r="P18225" s="5" t="s">
        <v>39</v>
      </c>
      <c r="Q18225" s="5" t="s">
        <v>40</v>
      </c>
      <c r="R18225" s="5" t="s">
        <v>1522</v>
      </c>
      <c r="S18225" s="5" t="s">
        <v>1523</v>
      </c>
      <c r="T18225" s="5" t="s">
        <v>42</v>
      </c>
      <c r="U18225" s="2">
        <v>4.0279999999999996</v>
      </c>
      <c r="V18225" s="2">
        <v>3.383</v>
      </c>
      <c r="W18225" s="2">
        <v>0.02</v>
      </c>
      <c r="X18225" s="2">
        <v>159.1</v>
      </c>
      <c r="Y18225" s="2">
        <v>7.6</v>
      </c>
      <c r="Z18225" s="2">
        <v>16.7</v>
      </c>
      <c r="AA18225" s="5"/>
      <c r="AB18225" s="5" t="s">
        <v>43</v>
      </c>
      <c r="AC18225" s="5" t="s">
        <v>44</v>
      </c>
      <c r="AD18225" s="2"/>
      <c r="AE18225" s="1"/>
    </row>
    <row r="18226" spans="1:31" ht="14.45">
      <c r="A18226" s="11"/>
      <c r="B18226" s="20"/>
      <c r="C18226" s="2" t="s">
        <v>55636</v>
      </c>
      <c r="D18226" s="14" t="s">
        <v>55637</v>
      </c>
      <c r="E18226" s="2" t="s">
        <v>55638</v>
      </c>
      <c r="F18226" s="2" t="s">
        <v>7539</v>
      </c>
      <c r="G18226" s="8">
        <v>351</v>
      </c>
      <c r="H18226" s="5">
        <v>6</v>
      </c>
      <c r="I18226" s="5" t="s">
        <v>1518</v>
      </c>
      <c r="J18226" s="5" t="s">
        <v>40939</v>
      </c>
      <c r="K18226" s="2" t="s">
        <v>40940</v>
      </c>
      <c r="L18226" s="5" t="s">
        <v>40939</v>
      </c>
      <c r="M18226" s="2" t="s">
        <v>40940</v>
      </c>
      <c r="N18226" s="5" t="s">
        <v>36266</v>
      </c>
      <c r="O18226" s="5" t="s">
        <v>38</v>
      </c>
      <c r="P18226" s="5" t="s">
        <v>39</v>
      </c>
      <c r="Q18226" s="5" t="s">
        <v>40</v>
      </c>
      <c r="R18226" s="5" t="s">
        <v>1522</v>
      </c>
      <c r="S18226" s="5" t="s">
        <v>1523</v>
      </c>
      <c r="T18226" s="5" t="s">
        <v>42</v>
      </c>
      <c r="U18226" s="2">
        <v>3.819</v>
      </c>
      <c r="V18226" s="2">
        <v>3.1739999999999999</v>
      </c>
      <c r="W18226" s="2">
        <v>0.02</v>
      </c>
      <c r="X18226" s="2">
        <v>159.1</v>
      </c>
      <c r="Y18226" s="2">
        <v>7.6</v>
      </c>
      <c r="Z18226" s="2">
        <v>16.7</v>
      </c>
      <c r="AA18226" s="5"/>
      <c r="AB18226" s="5" t="s">
        <v>43</v>
      </c>
      <c r="AC18226" s="5" t="s">
        <v>44</v>
      </c>
      <c r="AD18226" s="2"/>
      <c r="AE18226" s="1"/>
    </row>
    <row r="18227" spans="1:31" ht="14.45">
      <c r="A18227" s="11"/>
      <c r="B18227" s="20"/>
      <c r="C18227" s="2" t="s">
        <v>55639</v>
      </c>
      <c r="D18227" s="14" t="s">
        <v>55640</v>
      </c>
      <c r="E18227" s="2" t="s">
        <v>55641</v>
      </c>
      <c r="F18227" s="2" t="s">
        <v>7543</v>
      </c>
      <c r="G18227" s="8">
        <v>351</v>
      </c>
      <c r="H18227" s="5">
        <v>6</v>
      </c>
      <c r="I18227" s="5" t="s">
        <v>1518</v>
      </c>
      <c r="J18227" s="5" t="s">
        <v>40939</v>
      </c>
      <c r="K18227" s="2" t="s">
        <v>40940</v>
      </c>
      <c r="L18227" s="5" t="s">
        <v>40939</v>
      </c>
      <c r="M18227" s="2" t="s">
        <v>40940</v>
      </c>
      <c r="N18227" s="5" t="s">
        <v>36266</v>
      </c>
      <c r="O18227" s="5" t="s">
        <v>38</v>
      </c>
      <c r="P18227" s="5" t="s">
        <v>39</v>
      </c>
      <c r="Q18227" s="5" t="s">
        <v>40</v>
      </c>
      <c r="R18227" s="5" t="s">
        <v>1522</v>
      </c>
      <c r="S18227" s="5" t="s">
        <v>1523</v>
      </c>
      <c r="T18227" s="5" t="s">
        <v>42</v>
      </c>
      <c r="U18227" s="2">
        <v>3.9409999999999998</v>
      </c>
      <c r="V18227" s="2">
        <v>3.2959999999999998</v>
      </c>
      <c r="W18227" s="2">
        <v>0.02</v>
      </c>
      <c r="X18227" s="2">
        <v>159.1</v>
      </c>
      <c r="Y18227" s="2">
        <v>7.6</v>
      </c>
      <c r="Z18227" s="2">
        <v>16.7</v>
      </c>
      <c r="AA18227" s="5"/>
      <c r="AB18227" s="5" t="s">
        <v>43</v>
      </c>
      <c r="AC18227" s="5" t="s">
        <v>44</v>
      </c>
      <c r="AD18227" s="2"/>
      <c r="AE18227" s="1"/>
    </row>
    <row r="18228" spans="1:31" ht="14.45">
      <c r="A18228" s="11"/>
      <c r="B18228" s="20"/>
      <c r="C18228" s="2" t="s">
        <v>55642</v>
      </c>
      <c r="D18228" s="14" t="s">
        <v>55643</v>
      </c>
      <c r="E18228" s="2" t="s">
        <v>55644</v>
      </c>
      <c r="F18228" s="2" t="s">
        <v>40989</v>
      </c>
      <c r="G18228" s="8">
        <v>351</v>
      </c>
      <c r="H18228" s="5">
        <v>6</v>
      </c>
      <c r="I18228" s="5" t="s">
        <v>1518</v>
      </c>
      <c r="J18228" s="5" t="s">
        <v>40939</v>
      </c>
      <c r="K18228" s="2" t="s">
        <v>40940</v>
      </c>
      <c r="L18228" s="5" t="s">
        <v>40939</v>
      </c>
      <c r="M18228" s="2" t="s">
        <v>40940</v>
      </c>
      <c r="N18228" s="5" t="s">
        <v>36266</v>
      </c>
      <c r="O18228" s="5" t="s">
        <v>38</v>
      </c>
      <c r="P18228" s="5" t="s">
        <v>39</v>
      </c>
      <c r="Q18228" s="5" t="s">
        <v>40</v>
      </c>
      <c r="R18228" s="5" t="s">
        <v>1522</v>
      </c>
      <c r="S18228" s="5" t="s">
        <v>1523</v>
      </c>
      <c r="T18228" s="5" t="s">
        <v>42</v>
      </c>
      <c r="U18228" s="2">
        <v>3.9060000000000001</v>
      </c>
      <c r="V18228" s="2">
        <v>3.2610000000000001</v>
      </c>
      <c r="W18228" s="2">
        <v>0.02</v>
      </c>
      <c r="X18228" s="2">
        <v>159.1</v>
      </c>
      <c r="Y18228" s="2">
        <v>7.6</v>
      </c>
      <c r="Z18228" s="2">
        <v>16.7</v>
      </c>
      <c r="AA18228" s="5"/>
      <c r="AB18228" s="5" t="s">
        <v>43</v>
      </c>
      <c r="AC18228" s="5" t="s">
        <v>44</v>
      </c>
      <c r="AD18228" s="2"/>
      <c r="AE18228" s="1"/>
    </row>
    <row r="18229" spans="1:31" ht="14.45">
      <c r="A18229" s="11"/>
      <c r="B18229" s="20"/>
      <c r="C18229" s="2" t="s">
        <v>55645</v>
      </c>
      <c r="D18229" s="14" t="s">
        <v>55646</v>
      </c>
      <c r="E18229" s="2" t="s">
        <v>55647</v>
      </c>
      <c r="F18229" s="2" t="s">
        <v>40993</v>
      </c>
      <c r="G18229" s="8">
        <v>351</v>
      </c>
      <c r="H18229" s="5">
        <v>6</v>
      </c>
      <c r="I18229" s="5" t="s">
        <v>1518</v>
      </c>
      <c r="J18229" s="5" t="s">
        <v>40939</v>
      </c>
      <c r="K18229" s="2" t="s">
        <v>40940</v>
      </c>
      <c r="L18229" s="5" t="s">
        <v>40939</v>
      </c>
      <c r="M18229" s="2" t="s">
        <v>40940</v>
      </c>
      <c r="N18229" s="5" t="s">
        <v>36266</v>
      </c>
      <c r="O18229" s="5" t="s">
        <v>38</v>
      </c>
      <c r="P18229" s="5" t="s">
        <v>39</v>
      </c>
      <c r="Q18229" s="5" t="s">
        <v>40</v>
      </c>
      <c r="R18229" s="5" t="s">
        <v>1522</v>
      </c>
      <c r="S18229" s="5" t="s">
        <v>1523</v>
      </c>
      <c r="T18229" s="5" t="s">
        <v>42</v>
      </c>
      <c r="U18229" s="2">
        <v>4.0279999999999996</v>
      </c>
      <c r="V18229" s="2">
        <v>3.383</v>
      </c>
      <c r="W18229" s="2">
        <v>0.02</v>
      </c>
      <c r="X18229" s="2">
        <v>159.1</v>
      </c>
      <c r="Y18229" s="2">
        <v>7.6</v>
      </c>
      <c r="Z18229" s="2">
        <v>16.7</v>
      </c>
      <c r="AA18229" s="5"/>
      <c r="AB18229" s="5" t="s">
        <v>43</v>
      </c>
      <c r="AC18229" s="5" t="s">
        <v>44</v>
      </c>
      <c r="AD18229" s="2"/>
      <c r="AE18229" s="1"/>
    </row>
    <row r="18230" spans="1:31" ht="14.45">
      <c r="A18230" s="11"/>
      <c r="B18230" s="20"/>
      <c r="C18230" s="2" t="s">
        <v>55648</v>
      </c>
      <c r="D18230" s="14" t="s">
        <v>55649</v>
      </c>
      <c r="E18230" s="2" t="s">
        <v>55650</v>
      </c>
      <c r="F18230" s="2" t="s">
        <v>41267</v>
      </c>
      <c r="G18230" s="8">
        <v>351</v>
      </c>
      <c r="H18230" s="5">
        <v>6</v>
      </c>
      <c r="I18230" s="5" t="s">
        <v>1518</v>
      </c>
      <c r="J18230" s="5" t="s">
        <v>40939</v>
      </c>
      <c r="K18230" s="2" t="s">
        <v>40940</v>
      </c>
      <c r="L18230" s="5" t="s">
        <v>40939</v>
      </c>
      <c r="M18230" s="2" t="s">
        <v>40940</v>
      </c>
      <c r="N18230" s="5" t="s">
        <v>36266</v>
      </c>
      <c r="O18230" s="5" t="s">
        <v>38</v>
      </c>
      <c r="P18230" s="5" t="s">
        <v>39</v>
      </c>
      <c r="Q18230" s="5" t="s">
        <v>40</v>
      </c>
      <c r="R18230" s="5" t="s">
        <v>1522</v>
      </c>
      <c r="S18230" s="5" t="s">
        <v>1523</v>
      </c>
      <c r="T18230" s="5" t="s">
        <v>42</v>
      </c>
      <c r="U18230" s="2">
        <v>3.9590000000000001</v>
      </c>
      <c r="V18230" s="2">
        <v>3.3140000000000001</v>
      </c>
      <c r="W18230" s="2">
        <v>0.02</v>
      </c>
      <c r="X18230" s="2">
        <v>159.1</v>
      </c>
      <c r="Y18230" s="2">
        <v>7.6</v>
      </c>
      <c r="Z18230" s="2">
        <v>16.7</v>
      </c>
      <c r="AA18230" s="5"/>
      <c r="AB18230" s="5" t="s">
        <v>43</v>
      </c>
      <c r="AC18230" s="5" t="s">
        <v>44</v>
      </c>
      <c r="AD18230" s="2"/>
      <c r="AE18230" s="1"/>
    </row>
    <row r="18231" spans="1:31" ht="14.45">
      <c r="A18231" s="11"/>
      <c r="B18231" s="20"/>
      <c r="C18231" s="2" t="s">
        <v>55651</v>
      </c>
      <c r="D18231" s="14" t="s">
        <v>55652</v>
      </c>
      <c r="E18231" s="2" t="s">
        <v>55653</v>
      </c>
      <c r="F18231" s="2" t="s">
        <v>41001</v>
      </c>
      <c r="G18231" s="8">
        <v>351</v>
      </c>
      <c r="H18231" s="5">
        <v>6</v>
      </c>
      <c r="I18231" s="5" t="s">
        <v>1518</v>
      </c>
      <c r="J18231" s="5" t="s">
        <v>40939</v>
      </c>
      <c r="K18231" s="2" t="s">
        <v>40940</v>
      </c>
      <c r="L18231" s="5" t="s">
        <v>40939</v>
      </c>
      <c r="M18231" s="2" t="s">
        <v>40940</v>
      </c>
      <c r="N18231" s="5" t="s">
        <v>36266</v>
      </c>
      <c r="O18231" s="5" t="s">
        <v>38</v>
      </c>
      <c r="P18231" s="5" t="s">
        <v>39</v>
      </c>
      <c r="Q18231" s="5" t="s">
        <v>40</v>
      </c>
      <c r="R18231" s="5" t="s">
        <v>1522</v>
      </c>
      <c r="S18231" s="5" t="s">
        <v>1523</v>
      </c>
      <c r="T18231" s="5" t="s">
        <v>42</v>
      </c>
      <c r="U18231" s="2">
        <v>3.9060000000000001</v>
      </c>
      <c r="V18231" s="2">
        <v>3.2610000000000001</v>
      </c>
      <c r="W18231" s="2">
        <v>0.02</v>
      </c>
      <c r="X18231" s="2">
        <v>159.1</v>
      </c>
      <c r="Y18231" s="2">
        <v>7.6</v>
      </c>
      <c r="Z18231" s="2">
        <v>16.7</v>
      </c>
      <c r="AA18231" s="5"/>
      <c r="AB18231" s="5" t="s">
        <v>43</v>
      </c>
      <c r="AC18231" s="5" t="s">
        <v>44</v>
      </c>
      <c r="AD18231" s="2"/>
      <c r="AE18231" s="1"/>
    </row>
    <row r="18232" spans="1:31" ht="14.45">
      <c r="A18232" s="11"/>
      <c r="B18232" s="20"/>
      <c r="C18232" s="2" t="s">
        <v>55654</v>
      </c>
      <c r="D18232" s="14" t="s">
        <v>55655</v>
      </c>
      <c r="E18232" s="2" t="s">
        <v>55656</v>
      </c>
      <c r="F18232" s="2" t="s">
        <v>7396</v>
      </c>
      <c r="G18232" s="8">
        <v>322</v>
      </c>
      <c r="H18232" s="5">
        <v>6</v>
      </c>
      <c r="I18232" s="5" t="s">
        <v>1518</v>
      </c>
      <c r="J18232" s="5" t="s">
        <v>40939</v>
      </c>
      <c r="K18232" s="2" t="s">
        <v>40940</v>
      </c>
      <c r="L18232" s="5" t="s">
        <v>40939</v>
      </c>
      <c r="M18232" s="2" t="s">
        <v>40940</v>
      </c>
      <c r="N18232" s="5" t="s">
        <v>36266</v>
      </c>
      <c r="O18232" s="5" t="s">
        <v>38</v>
      </c>
      <c r="P18232" s="5" t="s">
        <v>39</v>
      </c>
      <c r="Q18232" s="5" t="s">
        <v>40</v>
      </c>
      <c r="R18232" s="5" t="s">
        <v>1522</v>
      </c>
      <c r="S18232" s="5" t="s">
        <v>1523</v>
      </c>
      <c r="T18232" s="5" t="s">
        <v>42</v>
      </c>
      <c r="U18232" s="2">
        <v>3.9239999999999999</v>
      </c>
      <c r="V18232" s="2">
        <v>3.2789999999999999</v>
      </c>
      <c r="W18232" s="2">
        <v>0.02</v>
      </c>
      <c r="X18232" s="2">
        <v>159.1</v>
      </c>
      <c r="Y18232" s="2">
        <v>7.6</v>
      </c>
      <c r="Z18232" s="2">
        <v>16.7</v>
      </c>
      <c r="AA18232" s="5"/>
      <c r="AB18232" s="5" t="s">
        <v>43</v>
      </c>
      <c r="AC18232" s="5" t="s">
        <v>44</v>
      </c>
      <c r="AD18232" s="2"/>
      <c r="AE18232" s="1"/>
    </row>
    <row r="18233" spans="1:31" ht="14.45">
      <c r="A18233" s="11"/>
      <c r="B18233" s="20"/>
      <c r="C18233" s="2" t="s">
        <v>55657</v>
      </c>
      <c r="D18233" s="14" t="s">
        <v>55658</v>
      </c>
      <c r="E18233" s="2" t="s">
        <v>55659</v>
      </c>
      <c r="F18233" s="2" t="s">
        <v>7507</v>
      </c>
      <c r="G18233" s="8">
        <v>322</v>
      </c>
      <c r="H18233" s="5">
        <v>6</v>
      </c>
      <c r="I18233" s="5" t="s">
        <v>1518</v>
      </c>
      <c r="J18233" s="5" t="s">
        <v>40939</v>
      </c>
      <c r="K18233" s="2" t="s">
        <v>40940</v>
      </c>
      <c r="L18233" s="5" t="s">
        <v>40939</v>
      </c>
      <c r="M18233" s="2" t="s">
        <v>40940</v>
      </c>
      <c r="N18233" s="5" t="s">
        <v>36266</v>
      </c>
      <c r="O18233" s="5" t="s">
        <v>38</v>
      </c>
      <c r="P18233" s="5" t="s">
        <v>39</v>
      </c>
      <c r="Q18233" s="5" t="s">
        <v>40</v>
      </c>
      <c r="R18233" s="5" t="s">
        <v>1522</v>
      </c>
      <c r="S18233" s="5" t="s">
        <v>1523</v>
      </c>
      <c r="T18233" s="5" t="s">
        <v>42</v>
      </c>
      <c r="U18233" s="2">
        <v>4.0460000000000003</v>
      </c>
      <c r="V18233" s="2">
        <v>3.4009999999999998</v>
      </c>
      <c r="W18233" s="2">
        <v>0.02</v>
      </c>
      <c r="X18233" s="2">
        <v>159.1</v>
      </c>
      <c r="Y18233" s="2">
        <v>7.6</v>
      </c>
      <c r="Z18233" s="2">
        <v>16.7</v>
      </c>
      <c r="AA18233" s="5"/>
      <c r="AB18233" s="5" t="s">
        <v>43</v>
      </c>
      <c r="AC18233" s="5" t="s">
        <v>44</v>
      </c>
      <c r="AD18233" s="2"/>
      <c r="AE18233" s="1"/>
    </row>
    <row r="18234" spans="1:31" ht="14.45">
      <c r="A18234" s="11"/>
      <c r="B18234" s="20"/>
      <c r="C18234" s="2" t="s">
        <v>55660</v>
      </c>
      <c r="D18234" s="14" t="s">
        <v>55661</v>
      </c>
      <c r="E18234" s="2" t="s">
        <v>55662</v>
      </c>
      <c r="F18234" s="2" t="s">
        <v>41023</v>
      </c>
      <c r="G18234" s="8">
        <v>351</v>
      </c>
      <c r="H18234" s="5">
        <v>6</v>
      </c>
      <c r="I18234" s="5" t="s">
        <v>1518</v>
      </c>
      <c r="J18234" s="5" t="s">
        <v>40939</v>
      </c>
      <c r="K18234" s="2" t="s">
        <v>40940</v>
      </c>
      <c r="L18234" s="5" t="s">
        <v>40939</v>
      </c>
      <c r="M18234" s="2" t="s">
        <v>40940</v>
      </c>
      <c r="N18234" s="5" t="s">
        <v>36266</v>
      </c>
      <c r="O18234" s="5" t="s">
        <v>38</v>
      </c>
      <c r="P18234" s="5" t="s">
        <v>39</v>
      </c>
      <c r="Q18234" s="5" t="s">
        <v>40</v>
      </c>
      <c r="R18234" s="5" t="s">
        <v>1522</v>
      </c>
      <c r="S18234" s="5" t="s">
        <v>1523</v>
      </c>
      <c r="T18234" s="5" t="s">
        <v>42</v>
      </c>
      <c r="U18234" s="2">
        <v>3.8370000000000002</v>
      </c>
      <c r="V18234" s="2">
        <v>3.1920000000000002</v>
      </c>
      <c r="W18234" s="2">
        <v>0.02</v>
      </c>
      <c r="X18234" s="2">
        <v>159.1</v>
      </c>
      <c r="Y18234" s="2">
        <v>7.6</v>
      </c>
      <c r="Z18234" s="2">
        <v>16.7</v>
      </c>
      <c r="AA18234" s="5"/>
      <c r="AB18234" s="5" t="s">
        <v>43</v>
      </c>
      <c r="AC18234" s="5" t="s">
        <v>44</v>
      </c>
      <c r="AD18234" s="2"/>
      <c r="AE18234" s="1"/>
    </row>
    <row r="18235" spans="1:31" ht="14.45">
      <c r="A18235" s="11"/>
      <c r="B18235" s="20"/>
      <c r="C18235" s="2" t="s">
        <v>55663</v>
      </c>
      <c r="D18235" s="14" t="s">
        <v>55664</v>
      </c>
      <c r="E18235" s="2" t="s">
        <v>55665</v>
      </c>
      <c r="F18235" s="2" t="s">
        <v>41027</v>
      </c>
      <c r="G18235" s="8">
        <v>351</v>
      </c>
      <c r="H18235" s="5">
        <v>6</v>
      </c>
      <c r="I18235" s="5" t="s">
        <v>1518</v>
      </c>
      <c r="J18235" s="5" t="s">
        <v>40939</v>
      </c>
      <c r="K18235" s="2" t="s">
        <v>40940</v>
      </c>
      <c r="L18235" s="5" t="s">
        <v>40939</v>
      </c>
      <c r="M18235" s="2" t="s">
        <v>40940</v>
      </c>
      <c r="N18235" s="5" t="s">
        <v>36266</v>
      </c>
      <c r="O18235" s="5" t="s">
        <v>38</v>
      </c>
      <c r="P18235" s="5" t="s">
        <v>39</v>
      </c>
      <c r="Q18235" s="5" t="s">
        <v>40</v>
      </c>
      <c r="R18235" s="5" t="s">
        <v>1522</v>
      </c>
      <c r="S18235" s="5" t="s">
        <v>1523</v>
      </c>
      <c r="T18235" s="5" t="s">
        <v>42</v>
      </c>
      <c r="U18235" s="2">
        <v>3.9590000000000001</v>
      </c>
      <c r="V18235" s="2">
        <v>3.3140000000000001</v>
      </c>
      <c r="W18235" s="2">
        <v>0.02</v>
      </c>
      <c r="X18235" s="2">
        <v>159.1</v>
      </c>
      <c r="Y18235" s="2">
        <v>7.6</v>
      </c>
      <c r="Z18235" s="2">
        <v>16.7</v>
      </c>
      <c r="AA18235" s="5"/>
      <c r="AB18235" s="5" t="s">
        <v>43</v>
      </c>
      <c r="AC18235" s="5" t="s">
        <v>44</v>
      </c>
      <c r="AD18235" s="2"/>
      <c r="AE18235" s="1"/>
    </row>
    <row r="18236" spans="1:31" ht="14.45">
      <c r="A18236" s="11"/>
      <c r="B18236" s="20"/>
      <c r="C18236" s="2" t="s">
        <v>55666</v>
      </c>
      <c r="D18236" s="14" t="s">
        <v>55667</v>
      </c>
      <c r="E18236" s="2" t="s">
        <v>55668</v>
      </c>
      <c r="F18236" s="2" t="s">
        <v>41031</v>
      </c>
      <c r="G18236" s="8">
        <v>351</v>
      </c>
      <c r="H18236" s="5">
        <v>6</v>
      </c>
      <c r="I18236" s="5" t="s">
        <v>1518</v>
      </c>
      <c r="J18236" s="5" t="s">
        <v>40939</v>
      </c>
      <c r="K18236" s="2" t="s">
        <v>40940</v>
      </c>
      <c r="L18236" s="5" t="s">
        <v>40939</v>
      </c>
      <c r="M18236" s="2" t="s">
        <v>40940</v>
      </c>
      <c r="N18236" s="5" t="s">
        <v>36266</v>
      </c>
      <c r="O18236" s="5" t="s">
        <v>38</v>
      </c>
      <c r="P18236" s="5" t="s">
        <v>39</v>
      </c>
      <c r="Q18236" s="5" t="s">
        <v>40</v>
      </c>
      <c r="R18236" s="5" t="s">
        <v>1522</v>
      </c>
      <c r="S18236" s="5" t="s">
        <v>1523</v>
      </c>
      <c r="T18236" s="5" t="s">
        <v>42</v>
      </c>
      <c r="U18236" s="2">
        <v>3.8370000000000002</v>
      </c>
      <c r="V18236" s="2">
        <v>3.1920000000000002</v>
      </c>
      <c r="W18236" s="2">
        <v>0.02</v>
      </c>
      <c r="X18236" s="2">
        <v>159.1</v>
      </c>
      <c r="Y18236" s="2">
        <v>7.6</v>
      </c>
      <c r="Z18236" s="2">
        <v>16.7</v>
      </c>
      <c r="AA18236" s="5"/>
      <c r="AB18236" s="5" t="s">
        <v>43</v>
      </c>
      <c r="AC18236" s="5" t="s">
        <v>44</v>
      </c>
      <c r="AD18236" s="2"/>
      <c r="AE18236" s="1"/>
    </row>
    <row r="18237" spans="1:31" ht="14.45">
      <c r="A18237" s="11"/>
      <c r="B18237" s="20"/>
      <c r="C18237" s="2" t="s">
        <v>55669</v>
      </c>
      <c r="D18237" s="14" t="s">
        <v>55670</v>
      </c>
      <c r="E18237" s="2" t="s">
        <v>55671</v>
      </c>
      <c r="F18237" s="2" t="s">
        <v>41035</v>
      </c>
      <c r="G18237" s="8">
        <v>351</v>
      </c>
      <c r="H18237" s="5">
        <v>6</v>
      </c>
      <c r="I18237" s="5" t="s">
        <v>1518</v>
      </c>
      <c r="J18237" s="5" t="s">
        <v>40939</v>
      </c>
      <c r="K18237" s="2" t="s">
        <v>40940</v>
      </c>
      <c r="L18237" s="5" t="s">
        <v>40939</v>
      </c>
      <c r="M18237" s="2" t="s">
        <v>40940</v>
      </c>
      <c r="N18237" s="5" t="s">
        <v>36266</v>
      </c>
      <c r="O18237" s="5" t="s">
        <v>38</v>
      </c>
      <c r="P18237" s="5" t="s">
        <v>39</v>
      </c>
      <c r="Q18237" s="5" t="s">
        <v>40</v>
      </c>
      <c r="R18237" s="5" t="s">
        <v>1522</v>
      </c>
      <c r="S18237" s="5" t="s">
        <v>1523</v>
      </c>
      <c r="T18237" s="5" t="s">
        <v>42</v>
      </c>
      <c r="U18237" s="2">
        <v>3.9590000000000001</v>
      </c>
      <c r="V18237" s="2">
        <v>3.3140000000000001</v>
      </c>
      <c r="W18237" s="2">
        <v>0.02</v>
      </c>
      <c r="X18237" s="2">
        <v>159.1</v>
      </c>
      <c r="Y18237" s="2">
        <v>7.6</v>
      </c>
      <c r="Z18237" s="2">
        <v>16.7</v>
      </c>
      <c r="AA18237" s="5"/>
      <c r="AB18237" s="5" t="s">
        <v>43</v>
      </c>
      <c r="AC18237" s="5" t="s">
        <v>44</v>
      </c>
      <c r="AD18237" s="2"/>
      <c r="AE18237" s="1"/>
    </row>
    <row r="18238" spans="1:31" ht="14.45">
      <c r="A18238" s="11"/>
      <c r="B18238" s="20"/>
      <c r="C18238" s="2" t="s">
        <v>55672</v>
      </c>
      <c r="D18238" s="14" t="s">
        <v>55673</v>
      </c>
      <c r="E18238" s="2" t="s">
        <v>55674</v>
      </c>
      <c r="F18238" s="2" t="s">
        <v>7581</v>
      </c>
      <c r="G18238" s="8">
        <v>351</v>
      </c>
      <c r="H18238" s="5">
        <v>6</v>
      </c>
      <c r="I18238" s="5" t="s">
        <v>1518</v>
      </c>
      <c r="J18238" s="5" t="s">
        <v>40939</v>
      </c>
      <c r="K18238" s="2" t="s">
        <v>40940</v>
      </c>
      <c r="L18238" s="5" t="s">
        <v>40939</v>
      </c>
      <c r="M18238" s="2" t="s">
        <v>40940</v>
      </c>
      <c r="N18238" s="5" t="s">
        <v>36266</v>
      </c>
      <c r="O18238" s="5" t="s">
        <v>38</v>
      </c>
      <c r="P18238" s="5" t="s">
        <v>39</v>
      </c>
      <c r="Q18238" s="5" t="s">
        <v>40</v>
      </c>
      <c r="R18238" s="5" t="s">
        <v>1522</v>
      </c>
      <c r="S18238" s="5" t="s">
        <v>1523</v>
      </c>
      <c r="T18238" s="5" t="s">
        <v>42</v>
      </c>
      <c r="U18238" s="2">
        <v>3.9590000000000001</v>
      </c>
      <c r="V18238" s="2">
        <v>3.3140000000000001</v>
      </c>
      <c r="W18238" s="2">
        <v>0.02</v>
      </c>
      <c r="X18238" s="2">
        <v>159.1</v>
      </c>
      <c r="Y18238" s="2">
        <v>7.6</v>
      </c>
      <c r="Z18238" s="2">
        <v>16.7</v>
      </c>
      <c r="AA18238" s="5"/>
      <c r="AB18238" s="5" t="s">
        <v>43</v>
      </c>
      <c r="AC18238" s="5" t="s">
        <v>44</v>
      </c>
      <c r="AD18238" s="2"/>
      <c r="AE18238" s="1"/>
    </row>
    <row r="18239" spans="1:31" ht="14.45">
      <c r="A18239" s="11"/>
      <c r="B18239" s="20"/>
      <c r="C18239" s="2" t="s">
        <v>55675</v>
      </c>
      <c r="D18239" s="14" t="s">
        <v>55676</v>
      </c>
      <c r="E18239" s="2" t="s">
        <v>55677</v>
      </c>
      <c r="F18239" s="2" t="s">
        <v>41045</v>
      </c>
      <c r="G18239" s="8">
        <v>351</v>
      </c>
      <c r="H18239" s="5">
        <v>6</v>
      </c>
      <c r="I18239" s="5" t="s">
        <v>1518</v>
      </c>
      <c r="J18239" s="5" t="s">
        <v>40939</v>
      </c>
      <c r="K18239" s="2" t="s">
        <v>40940</v>
      </c>
      <c r="L18239" s="5" t="s">
        <v>40939</v>
      </c>
      <c r="M18239" s="2" t="s">
        <v>40940</v>
      </c>
      <c r="N18239" s="5" t="s">
        <v>36266</v>
      </c>
      <c r="O18239" s="5" t="s">
        <v>38</v>
      </c>
      <c r="P18239" s="5" t="s">
        <v>39</v>
      </c>
      <c r="Q18239" s="5" t="s">
        <v>40</v>
      </c>
      <c r="R18239" s="5" t="s">
        <v>1522</v>
      </c>
      <c r="S18239" s="5" t="s">
        <v>1523</v>
      </c>
      <c r="T18239" s="5" t="s">
        <v>42</v>
      </c>
      <c r="U18239" s="2">
        <v>3.9409999999999998</v>
      </c>
      <c r="V18239" s="2">
        <v>3.2959999999999998</v>
      </c>
      <c r="W18239" s="2">
        <v>0.02</v>
      </c>
      <c r="X18239" s="2">
        <v>159.1</v>
      </c>
      <c r="Y18239" s="2">
        <v>7.6</v>
      </c>
      <c r="Z18239" s="2">
        <v>16.7</v>
      </c>
      <c r="AA18239" s="5"/>
      <c r="AB18239" s="5" t="s">
        <v>43</v>
      </c>
      <c r="AC18239" s="5" t="s">
        <v>44</v>
      </c>
      <c r="AD18239" s="2"/>
      <c r="AE18239" s="1"/>
    </row>
    <row r="18240" spans="1:31" ht="14.45">
      <c r="A18240" s="11"/>
      <c r="B18240" s="20"/>
      <c r="C18240" s="2" t="s">
        <v>55678</v>
      </c>
      <c r="D18240" s="14" t="s">
        <v>55679</v>
      </c>
      <c r="E18240" s="2" t="s">
        <v>55680</v>
      </c>
      <c r="F18240" s="2" t="s">
        <v>7204</v>
      </c>
      <c r="G18240" s="8">
        <v>343</v>
      </c>
      <c r="H18240" s="5">
        <v>6</v>
      </c>
      <c r="I18240" s="5" t="s">
        <v>1518</v>
      </c>
      <c r="J18240" s="5" t="s">
        <v>40939</v>
      </c>
      <c r="K18240" s="2" t="s">
        <v>40940</v>
      </c>
      <c r="L18240" s="5" t="s">
        <v>40939</v>
      </c>
      <c r="M18240" s="2" t="s">
        <v>40940</v>
      </c>
      <c r="N18240" s="5" t="s">
        <v>36266</v>
      </c>
      <c r="O18240" s="5" t="s">
        <v>38</v>
      </c>
      <c r="P18240" s="5" t="s">
        <v>39</v>
      </c>
      <c r="Q18240" s="5" t="s">
        <v>40</v>
      </c>
      <c r="R18240" s="5" t="s">
        <v>1522</v>
      </c>
      <c r="S18240" s="5" t="s">
        <v>1523</v>
      </c>
      <c r="T18240" s="5" t="s">
        <v>42</v>
      </c>
      <c r="U18240" s="2">
        <v>4.016</v>
      </c>
      <c r="V18240" s="2">
        <v>3.38</v>
      </c>
      <c r="W18240" s="2">
        <v>0.02</v>
      </c>
      <c r="X18240" s="2">
        <v>159.1</v>
      </c>
      <c r="Y18240" s="2">
        <v>7.6</v>
      </c>
      <c r="Z18240" s="2">
        <v>16.7</v>
      </c>
      <c r="AA18240" s="5"/>
      <c r="AB18240" s="5" t="s">
        <v>43</v>
      </c>
      <c r="AC18240" s="5" t="s">
        <v>44</v>
      </c>
      <c r="AD18240" s="2"/>
      <c r="AE18240" s="1"/>
    </row>
    <row r="18241" spans="1:31" ht="14.45">
      <c r="A18241" s="11"/>
      <c r="B18241" s="20"/>
      <c r="C18241" s="2" t="s">
        <v>55681</v>
      </c>
      <c r="D18241" s="14" t="s">
        <v>55682</v>
      </c>
      <c r="E18241" s="2" t="s">
        <v>55683</v>
      </c>
      <c r="F18241" s="2" t="s">
        <v>7514</v>
      </c>
      <c r="G18241" s="8">
        <v>343</v>
      </c>
      <c r="H18241" s="5">
        <v>6</v>
      </c>
      <c r="I18241" s="5" t="s">
        <v>1518</v>
      </c>
      <c r="J18241" s="5" t="s">
        <v>40939</v>
      </c>
      <c r="K18241" s="2" t="s">
        <v>40940</v>
      </c>
      <c r="L18241" s="5" t="s">
        <v>40939</v>
      </c>
      <c r="M18241" s="2" t="s">
        <v>40940</v>
      </c>
      <c r="N18241" s="5" t="s">
        <v>36266</v>
      </c>
      <c r="O18241" s="5" t="s">
        <v>38</v>
      </c>
      <c r="P18241" s="5" t="s">
        <v>39</v>
      </c>
      <c r="Q18241" s="5" t="s">
        <v>40</v>
      </c>
      <c r="R18241" s="5" t="s">
        <v>1522</v>
      </c>
      <c r="S18241" s="5" t="s">
        <v>1523</v>
      </c>
      <c r="T18241" s="5" t="s">
        <v>42</v>
      </c>
      <c r="U18241" s="2">
        <v>4.1500000000000004</v>
      </c>
      <c r="V18241" s="2">
        <v>3.5139999999999998</v>
      </c>
      <c r="W18241" s="2">
        <v>0.02</v>
      </c>
      <c r="X18241" s="2">
        <v>159.1</v>
      </c>
      <c r="Y18241" s="2">
        <v>7.6</v>
      </c>
      <c r="Z18241" s="2">
        <v>16.7</v>
      </c>
      <c r="AA18241" s="5"/>
      <c r="AB18241" s="5" t="s">
        <v>43</v>
      </c>
      <c r="AC18241" s="5" t="s">
        <v>44</v>
      </c>
      <c r="AD18241" s="2"/>
      <c r="AE18241" s="1"/>
    </row>
    <row r="18242" spans="1:31" ht="14.45">
      <c r="A18242" s="11"/>
      <c r="B18242" s="20"/>
      <c r="C18242" s="2" t="s">
        <v>55684</v>
      </c>
      <c r="D18242" s="14" t="s">
        <v>55685</v>
      </c>
      <c r="E18242" s="2" t="s">
        <v>55686</v>
      </c>
      <c r="F18242" s="2" t="s">
        <v>47195</v>
      </c>
      <c r="G18242" s="8">
        <v>374</v>
      </c>
      <c r="H18242" s="5">
        <v>6</v>
      </c>
      <c r="I18242" s="5" t="s">
        <v>1518</v>
      </c>
      <c r="J18242" s="5" t="s">
        <v>40939</v>
      </c>
      <c r="K18242" s="2" t="s">
        <v>40940</v>
      </c>
      <c r="L18242" s="5" t="s">
        <v>40939</v>
      </c>
      <c r="M18242" s="2" t="s">
        <v>40940</v>
      </c>
      <c r="N18242" s="5" t="s">
        <v>36266</v>
      </c>
      <c r="O18242" s="5" t="s">
        <v>38</v>
      </c>
      <c r="P18242" s="5" t="s">
        <v>39</v>
      </c>
      <c r="Q18242" s="5" t="s">
        <v>40</v>
      </c>
      <c r="R18242" s="5" t="s">
        <v>1522</v>
      </c>
      <c r="S18242" s="5" t="s">
        <v>1523</v>
      </c>
      <c r="T18242" s="5" t="s">
        <v>42</v>
      </c>
      <c r="U18242" s="2">
        <v>4.1909999999999998</v>
      </c>
      <c r="V18242" s="2">
        <v>3.5550000000000002</v>
      </c>
      <c r="W18242" s="2">
        <v>0.02</v>
      </c>
      <c r="X18242" s="2">
        <v>159.1</v>
      </c>
      <c r="Y18242" s="2">
        <v>7.6</v>
      </c>
      <c r="Z18242" s="2">
        <v>16.7</v>
      </c>
      <c r="AA18242" s="5"/>
      <c r="AB18242" s="5" t="s">
        <v>43</v>
      </c>
      <c r="AC18242" s="5" t="s">
        <v>44</v>
      </c>
      <c r="AD18242" s="2"/>
      <c r="AE18242" s="1"/>
    </row>
    <row r="18243" spans="1:31" ht="14.45">
      <c r="A18243" s="11"/>
      <c r="B18243" s="20"/>
      <c r="C18243" s="2" t="s">
        <v>55687</v>
      </c>
      <c r="D18243" s="14" t="s">
        <v>55688</v>
      </c>
      <c r="E18243" s="2" t="s">
        <v>55689</v>
      </c>
      <c r="F18243" s="2" t="s">
        <v>7208</v>
      </c>
      <c r="G18243" s="8">
        <v>343</v>
      </c>
      <c r="H18243" s="5">
        <v>6</v>
      </c>
      <c r="I18243" s="5" t="s">
        <v>1518</v>
      </c>
      <c r="J18243" s="5" t="s">
        <v>40939</v>
      </c>
      <c r="K18243" s="2" t="s">
        <v>40940</v>
      </c>
      <c r="L18243" s="5" t="s">
        <v>40939</v>
      </c>
      <c r="M18243" s="2" t="s">
        <v>40940</v>
      </c>
      <c r="N18243" s="5" t="s">
        <v>36266</v>
      </c>
      <c r="O18243" s="5" t="s">
        <v>38</v>
      </c>
      <c r="P18243" s="5" t="s">
        <v>39</v>
      </c>
      <c r="Q18243" s="5" t="s">
        <v>40</v>
      </c>
      <c r="R18243" s="5" t="s">
        <v>1522</v>
      </c>
      <c r="S18243" s="5" t="s">
        <v>1523</v>
      </c>
      <c r="T18243" s="5" t="s">
        <v>42</v>
      </c>
      <c r="U18243" s="2">
        <v>4.077</v>
      </c>
      <c r="V18243" s="2">
        <v>3.4409999999999998</v>
      </c>
      <c r="W18243" s="2">
        <v>0.02</v>
      </c>
      <c r="X18243" s="2">
        <v>159.1</v>
      </c>
      <c r="Y18243" s="2">
        <v>7.6</v>
      </c>
      <c r="Z18243" s="2">
        <v>16.7</v>
      </c>
      <c r="AA18243" s="5"/>
      <c r="AB18243" s="5" t="s">
        <v>43</v>
      </c>
      <c r="AC18243" s="5" t="s">
        <v>44</v>
      </c>
      <c r="AD18243" s="2"/>
      <c r="AE18243" s="1"/>
    </row>
    <row r="18244" spans="1:31" ht="14.45">
      <c r="A18244" s="11"/>
      <c r="B18244" s="20"/>
      <c r="C18244" s="2" t="s">
        <v>55690</v>
      </c>
      <c r="D18244" s="14" t="s">
        <v>55691</v>
      </c>
      <c r="E18244" s="2" t="s">
        <v>55692</v>
      </c>
      <c r="F18244" s="2" t="s">
        <v>7521</v>
      </c>
      <c r="G18244" s="8">
        <v>343</v>
      </c>
      <c r="H18244" s="5">
        <v>6</v>
      </c>
      <c r="I18244" s="5" t="s">
        <v>1518</v>
      </c>
      <c r="J18244" s="5" t="s">
        <v>40939</v>
      </c>
      <c r="K18244" s="2" t="s">
        <v>40940</v>
      </c>
      <c r="L18244" s="5" t="s">
        <v>40939</v>
      </c>
      <c r="M18244" s="2" t="s">
        <v>40940</v>
      </c>
      <c r="N18244" s="5" t="s">
        <v>36266</v>
      </c>
      <c r="O18244" s="5" t="s">
        <v>38</v>
      </c>
      <c r="P18244" s="5" t="s">
        <v>39</v>
      </c>
      <c r="Q18244" s="5" t="s">
        <v>40</v>
      </c>
      <c r="R18244" s="5" t="s">
        <v>1522</v>
      </c>
      <c r="S18244" s="5" t="s">
        <v>1523</v>
      </c>
      <c r="T18244" s="5" t="s">
        <v>42</v>
      </c>
      <c r="U18244" s="2">
        <v>4.2110000000000003</v>
      </c>
      <c r="V18244" s="2">
        <v>3.5750000000000002</v>
      </c>
      <c r="W18244" s="2">
        <v>0.02</v>
      </c>
      <c r="X18244" s="2">
        <v>159.1</v>
      </c>
      <c r="Y18244" s="2">
        <v>7.6</v>
      </c>
      <c r="Z18244" s="2">
        <v>16.7</v>
      </c>
      <c r="AA18244" s="5"/>
      <c r="AB18244" s="5" t="s">
        <v>43</v>
      </c>
      <c r="AC18244" s="5" t="s">
        <v>44</v>
      </c>
      <c r="AD18244" s="2"/>
      <c r="AE18244" s="1"/>
    </row>
    <row r="18245" spans="1:31" ht="14.45">
      <c r="A18245" s="11"/>
      <c r="B18245" s="20"/>
      <c r="C18245" s="2" t="s">
        <v>55693</v>
      </c>
      <c r="D18245" s="14" t="s">
        <v>55694</v>
      </c>
      <c r="E18245" s="2" t="s">
        <v>55695</v>
      </c>
      <c r="F18245" s="2" t="s">
        <v>36273</v>
      </c>
      <c r="G18245" s="8">
        <v>343</v>
      </c>
      <c r="H18245" s="5">
        <v>6</v>
      </c>
      <c r="I18245" s="5" t="s">
        <v>1518</v>
      </c>
      <c r="J18245" s="5" t="s">
        <v>40939</v>
      </c>
      <c r="K18245" s="2" t="s">
        <v>40940</v>
      </c>
      <c r="L18245" s="5" t="s">
        <v>40939</v>
      </c>
      <c r="M18245" s="2" t="s">
        <v>40940</v>
      </c>
      <c r="N18245" s="5" t="s">
        <v>36266</v>
      </c>
      <c r="O18245" s="5" t="s">
        <v>38</v>
      </c>
      <c r="P18245" s="5" t="s">
        <v>39</v>
      </c>
      <c r="Q18245" s="5" t="s">
        <v>40</v>
      </c>
      <c r="R18245" s="5" t="s">
        <v>1522</v>
      </c>
      <c r="S18245" s="5" t="s">
        <v>1523</v>
      </c>
      <c r="T18245" s="5" t="s">
        <v>42</v>
      </c>
      <c r="U18245" s="2">
        <v>4.117</v>
      </c>
      <c r="V18245" s="2">
        <v>3.4809999999999999</v>
      </c>
      <c r="W18245" s="2">
        <v>0.02</v>
      </c>
      <c r="X18245" s="2">
        <v>159.1</v>
      </c>
      <c r="Y18245" s="2">
        <v>7.6</v>
      </c>
      <c r="Z18245" s="2">
        <v>16.7</v>
      </c>
      <c r="AA18245" s="5"/>
      <c r="AB18245" s="5" t="s">
        <v>43</v>
      </c>
      <c r="AC18245" s="5" t="s">
        <v>44</v>
      </c>
      <c r="AD18245" s="2"/>
      <c r="AE18245" s="1"/>
    </row>
    <row r="18246" spans="1:31" ht="14.45">
      <c r="A18246" s="11"/>
      <c r="B18246" s="20"/>
      <c r="C18246" s="2" t="s">
        <v>55696</v>
      </c>
      <c r="D18246" s="14" t="s">
        <v>55697</v>
      </c>
      <c r="E18246" s="2" t="s">
        <v>55698</v>
      </c>
      <c r="F18246" s="2" t="s">
        <v>36277</v>
      </c>
      <c r="G18246" s="8">
        <v>343</v>
      </c>
      <c r="H18246" s="5">
        <v>6</v>
      </c>
      <c r="I18246" s="5" t="s">
        <v>1518</v>
      </c>
      <c r="J18246" s="5" t="s">
        <v>40939</v>
      </c>
      <c r="K18246" s="2" t="s">
        <v>40940</v>
      </c>
      <c r="L18246" s="5" t="s">
        <v>40939</v>
      </c>
      <c r="M18246" s="2" t="s">
        <v>40940</v>
      </c>
      <c r="N18246" s="5" t="s">
        <v>36266</v>
      </c>
      <c r="O18246" s="5" t="s">
        <v>38</v>
      </c>
      <c r="P18246" s="5" t="s">
        <v>39</v>
      </c>
      <c r="Q18246" s="5" t="s">
        <v>40</v>
      </c>
      <c r="R18246" s="5" t="s">
        <v>1522</v>
      </c>
      <c r="S18246" s="5" t="s">
        <v>1523</v>
      </c>
      <c r="T18246" s="5" t="s">
        <v>42</v>
      </c>
      <c r="U18246" s="2">
        <v>4.2510000000000003</v>
      </c>
      <c r="V18246" s="2">
        <v>3.6150000000000002</v>
      </c>
      <c r="W18246" s="2">
        <v>0.02</v>
      </c>
      <c r="X18246" s="2">
        <v>159.1</v>
      </c>
      <c r="Y18246" s="2">
        <v>7.6</v>
      </c>
      <c r="Z18246" s="2">
        <v>16.7</v>
      </c>
      <c r="AA18246" s="5"/>
      <c r="AB18246" s="5" t="s">
        <v>43</v>
      </c>
      <c r="AC18246" s="5" t="s">
        <v>44</v>
      </c>
      <c r="AD18246" s="2"/>
      <c r="AE18246" s="1"/>
    </row>
    <row r="18247" spans="1:31" ht="14.45">
      <c r="A18247" s="11"/>
      <c r="B18247" s="20"/>
      <c r="C18247" s="2" t="s">
        <v>55699</v>
      </c>
      <c r="D18247" s="14" t="s">
        <v>55700</v>
      </c>
      <c r="E18247" s="2" t="s">
        <v>55701</v>
      </c>
      <c r="F18247" s="2" t="s">
        <v>40971</v>
      </c>
      <c r="G18247" s="8">
        <v>374</v>
      </c>
      <c r="H18247" s="5">
        <v>6</v>
      </c>
      <c r="I18247" s="5" t="s">
        <v>1518</v>
      </c>
      <c r="J18247" s="5" t="s">
        <v>40939</v>
      </c>
      <c r="K18247" s="2" t="s">
        <v>40940</v>
      </c>
      <c r="L18247" s="5" t="s">
        <v>40939</v>
      </c>
      <c r="M18247" s="2" t="s">
        <v>40940</v>
      </c>
      <c r="N18247" s="5" t="s">
        <v>36266</v>
      </c>
      <c r="O18247" s="5" t="s">
        <v>38</v>
      </c>
      <c r="P18247" s="5" t="s">
        <v>39</v>
      </c>
      <c r="Q18247" s="5" t="s">
        <v>40</v>
      </c>
      <c r="R18247" s="5" t="s">
        <v>1522</v>
      </c>
      <c r="S18247" s="5" t="s">
        <v>1523</v>
      </c>
      <c r="T18247" s="5" t="s">
        <v>42</v>
      </c>
      <c r="U18247" s="2">
        <v>4.2110000000000003</v>
      </c>
      <c r="V18247" s="2">
        <v>3.5750000000000002</v>
      </c>
      <c r="W18247" s="2">
        <v>0.02</v>
      </c>
      <c r="X18247" s="2">
        <v>159.1</v>
      </c>
      <c r="Y18247" s="2">
        <v>7.6</v>
      </c>
      <c r="Z18247" s="2">
        <v>16.7</v>
      </c>
      <c r="AA18247" s="5"/>
      <c r="AB18247" s="5" t="s">
        <v>43</v>
      </c>
      <c r="AC18247" s="5" t="s">
        <v>44</v>
      </c>
      <c r="AD18247" s="2"/>
      <c r="AE18247" s="1"/>
    </row>
    <row r="18248" spans="1:31" ht="14.45">
      <c r="A18248" s="11"/>
      <c r="B18248" s="20"/>
      <c r="C18248" s="2" t="s">
        <v>55702</v>
      </c>
      <c r="D18248" s="14" t="s">
        <v>55703</v>
      </c>
      <c r="E18248" s="2" t="s">
        <v>55704</v>
      </c>
      <c r="F18248" s="2" t="s">
        <v>40989</v>
      </c>
      <c r="G18248" s="8">
        <v>374</v>
      </c>
      <c r="H18248" s="5">
        <v>6</v>
      </c>
      <c r="I18248" s="5" t="s">
        <v>1518</v>
      </c>
      <c r="J18248" s="5" t="s">
        <v>40939</v>
      </c>
      <c r="K18248" s="2" t="s">
        <v>40940</v>
      </c>
      <c r="L18248" s="5" t="s">
        <v>40939</v>
      </c>
      <c r="M18248" s="2" t="s">
        <v>40940</v>
      </c>
      <c r="N18248" s="5" t="s">
        <v>36266</v>
      </c>
      <c r="O18248" s="5" t="s">
        <v>38</v>
      </c>
      <c r="P18248" s="5" t="s">
        <v>39</v>
      </c>
      <c r="Q18248" s="5" t="s">
        <v>40</v>
      </c>
      <c r="R18248" s="5" t="s">
        <v>1522</v>
      </c>
      <c r="S18248" s="5" t="s">
        <v>1523</v>
      </c>
      <c r="T18248" s="5" t="s">
        <v>42</v>
      </c>
      <c r="U18248" s="2">
        <v>4.077</v>
      </c>
      <c r="V18248" s="2">
        <v>3.4409999999999998</v>
      </c>
      <c r="W18248" s="2">
        <v>0.02</v>
      </c>
      <c r="X18248" s="2">
        <v>159.1</v>
      </c>
      <c r="Y18248" s="2">
        <v>7.6</v>
      </c>
      <c r="Z18248" s="2">
        <v>16.7</v>
      </c>
      <c r="AA18248" s="5"/>
      <c r="AB18248" s="5" t="s">
        <v>43</v>
      </c>
      <c r="AC18248" s="5" t="s">
        <v>44</v>
      </c>
      <c r="AD18248" s="2"/>
      <c r="AE18248" s="1"/>
    </row>
    <row r="18249" spans="1:31" ht="14.45">
      <c r="A18249" s="11"/>
      <c r="B18249" s="20"/>
      <c r="C18249" s="2" t="s">
        <v>55705</v>
      </c>
      <c r="D18249" s="14" t="s">
        <v>55706</v>
      </c>
      <c r="E18249" s="2" t="s">
        <v>55707</v>
      </c>
      <c r="F18249" s="2" t="s">
        <v>40993</v>
      </c>
      <c r="G18249" s="8">
        <v>374</v>
      </c>
      <c r="H18249" s="5">
        <v>6</v>
      </c>
      <c r="I18249" s="5" t="s">
        <v>1518</v>
      </c>
      <c r="J18249" s="5" t="s">
        <v>40939</v>
      </c>
      <c r="K18249" s="2" t="s">
        <v>40940</v>
      </c>
      <c r="L18249" s="5" t="s">
        <v>40939</v>
      </c>
      <c r="M18249" s="2" t="s">
        <v>40940</v>
      </c>
      <c r="N18249" s="5" t="s">
        <v>36266</v>
      </c>
      <c r="O18249" s="5" t="s">
        <v>38</v>
      </c>
      <c r="P18249" s="5" t="s">
        <v>39</v>
      </c>
      <c r="Q18249" s="5" t="s">
        <v>40</v>
      </c>
      <c r="R18249" s="5" t="s">
        <v>1522</v>
      </c>
      <c r="S18249" s="5" t="s">
        <v>1523</v>
      </c>
      <c r="T18249" s="5" t="s">
        <v>42</v>
      </c>
      <c r="U18249" s="2">
        <v>4.2110000000000003</v>
      </c>
      <c r="V18249" s="2">
        <v>3.5750000000000002</v>
      </c>
      <c r="W18249" s="2">
        <v>0.02</v>
      </c>
      <c r="X18249" s="2">
        <v>159.1</v>
      </c>
      <c r="Y18249" s="2">
        <v>7.6</v>
      </c>
      <c r="Z18249" s="2">
        <v>16.7</v>
      </c>
      <c r="AA18249" s="5"/>
      <c r="AB18249" s="5" t="s">
        <v>43</v>
      </c>
      <c r="AC18249" s="5" t="s">
        <v>44</v>
      </c>
      <c r="AD18249" s="2"/>
      <c r="AE18249" s="1"/>
    </row>
    <row r="18250" spans="1:31" ht="14.45">
      <c r="A18250" s="11"/>
      <c r="B18250" s="20"/>
      <c r="C18250" s="2" t="s">
        <v>55708</v>
      </c>
      <c r="D18250" s="14" t="s">
        <v>55709</v>
      </c>
      <c r="E18250" s="2" t="s">
        <v>55710</v>
      </c>
      <c r="F18250" s="2" t="s">
        <v>7396</v>
      </c>
      <c r="G18250" s="8">
        <v>343</v>
      </c>
      <c r="H18250" s="5">
        <v>6</v>
      </c>
      <c r="I18250" s="5" t="s">
        <v>1518</v>
      </c>
      <c r="J18250" s="5" t="s">
        <v>40939</v>
      </c>
      <c r="K18250" s="2" t="s">
        <v>40940</v>
      </c>
      <c r="L18250" s="5" t="s">
        <v>40939</v>
      </c>
      <c r="M18250" s="2" t="s">
        <v>40940</v>
      </c>
      <c r="N18250" s="5" t="s">
        <v>36266</v>
      </c>
      <c r="O18250" s="5" t="s">
        <v>38</v>
      </c>
      <c r="P18250" s="5" t="s">
        <v>39</v>
      </c>
      <c r="Q18250" s="5" t="s">
        <v>40</v>
      </c>
      <c r="R18250" s="5" t="s">
        <v>1522</v>
      </c>
      <c r="S18250" s="5" t="s">
        <v>1523</v>
      </c>
      <c r="T18250" s="5" t="s">
        <v>42</v>
      </c>
      <c r="U18250" s="2">
        <v>4.0970000000000004</v>
      </c>
      <c r="V18250" s="2">
        <v>3.4609999999999999</v>
      </c>
      <c r="W18250" s="2">
        <v>0.02</v>
      </c>
      <c r="X18250" s="2">
        <v>159.1</v>
      </c>
      <c r="Y18250" s="2">
        <v>7.6</v>
      </c>
      <c r="Z18250" s="2">
        <v>16.7</v>
      </c>
      <c r="AA18250" s="5"/>
      <c r="AB18250" s="5" t="s">
        <v>43</v>
      </c>
      <c r="AC18250" s="5" t="s">
        <v>44</v>
      </c>
      <c r="AD18250" s="2"/>
      <c r="AE18250" s="1"/>
    </row>
    <row r="18251" spans="1:31" ht="14.45">
      <c r="A18251" s="11"/>
      <c r="B18251" s="20"/>
      <c r="C18251" s="2" t="s">
        <v>55711</v>
      </c>
      <c r="D18251" s="14" t="s">
        <v>55712</v>
      </c>
      <c r="E18251" s="2" t="s">
        <v>55713</v>
      </c>
      <c r="F18251" s="2" t="s">
        <v>7507</v>
      </c>
      <c r="G18251" s="8">
        <v>343</v>
      </c>
      <c r="H18251" s="5">
        <v>6</v>
      </c>
      <c r="I18251" s="5" t="s">
        <v>1518</v>
      </c>
      <c r="J18251" s="5" t="s">
        <v>40939</v>
      </c>
      <c r="K18251" s="2" t="s">
        <v>40940</v>
      </c>
      <c r="L18251" s="5" t="s">
        <v>40939</v>
      </c>
      <c r="M18251" s="2" t="s">
        <v>40940</v>
      </c>
      <c r="N18251" s="5" t="s">
        <v>36266</v>
      </c>
      <c r="O18251" s="5" t="s">
        <v>38</v>
      </c>
      <c r="P18251" s="5" t="s">
        <v>39</v>
      </c>
      <c r="Q18251" s="5" t="s">
        <v>40</v>
      </c>
      <c r="R18251" s="5" t="s">
        <v>1522</v>
      </c>
      <c r="S18251" s="5" t="s">
        <v>1523</v>
      </c>
      <c r="T18251" s="5" t="s">
        <v>42</v>
      </c>
      <c r="U18251" s="2">
        <v>4.2309999999999999</v>
      </c>
      <c r="V18251" s="2">
        <v>3.5950000000000002</v>
      </c>
      <c r="W18251" s="2">
        <v>0.02</v>
      </c>
      <c r="X18251" s="2">
        <v>159.1</v>
      </c>
      <c r="Y18251" s="2">
        <v>7.6</v>
      </c>
      <c r="Z18251" s="2">
        <v>16.7</v>
      </c>
      <c r="AA18251" s="5"/>
      <c r="AB18251" s="5" t="s">
        <v>43</v>
      </c>
      <c r="AC18251" s="5" t="s">
        <v>44</v>
      </c>
      <c r="AD18251" s="2"/>
      <c r="AE18251" s="1"/>
    </row>
    <row r="18252" spans="1:31" ht="14.45">
      <c r="A18252" s="11"/>
      <c r="B18252" s="20"/>
      <c r="C18252" s="2" t="s">
        <v>55714</v>
      </c>
      <c r="D18252" s="14" t="s">
        <v>55715</v>
      </c>
      <c r="E18252" s="2" t="s">
        <v>55716</v>
      </c>
      <c r="F18252" s="2" t="s">
        <v>41027</v>
      </c>
      <c r="G18252" s="8">
        <v>374</v>
      </c>
      <c r="H18252" s="5">
        <v>6</v>
      </c>
      <c r="I18252" s="5" t="s">
        <v>1518</v>
      </c>
      <c r="J18252" s="5" t="s">
        <v>40939</v>
      </c>
      <c r="K18252" s="2" t="s">
        <v>40940</v>
      </c>
      <c r="L18252" s="5" t="s">
        <v>40939</v>
      </c>
      <c r="M18252" s="2" t="s">
        <v>40940</v>
      </c>
      <c r="N18252" s="5" t="s">
        <v>36266</v>
      </c>
      <c r="O18252" s="5" t="s">
        <v>38</v>
      </c>
      <c r="P18252" s="5" t="s">
        <v>39</v>
      </c>
      <c r="Q18252" s="5" t="s">
        <v>40</v>
      </c>
      <c r="R18252" s="5" t="s">
        <v>1522</v>
      </c>
      <c r="S18252" s="5" t="s">
        <v>1523</v>
      </c>
      <c r="T18252" s="5" t="s">
        <v>42</v>
      </c>
      <c r="U18252" s="2">
        <v>4.13</v>
      </c>
      <c r="V18252" s="2">
        <v>3.4940000000000002</v>
      </c>
      <c r="W18252" s="2">
        <v>0.02</v>
      </c>
      <c r="X18252" s="2">
        <v>159.1</v>
      </c>
      <c r="Y18252" s="2">
        <v>7.6</v>
      </c>
      <c r="Z18252" s="2">
        <v>16.7</v>
      </c>
      <c r="AA18252" s="5"/>
      <c r="AB18252" s="5" t="s">
        <v>43</v>
      </c>
      <c r="AC18252" s="5" t="s">
        <v>44</v>
      </c>
      <c r="AD18252" s="2"/>
      <c r="AE18252" s="1"/>
    </row>
    <row r="18253" spans="1:31" ht="14.45">
      <c r="A18253" s="11"/>
      <c r="B18253" s="20"/>
      <c r="C18253" s="2" t="s">
        <v>55717</v>
      </c>
      <c r="D18253" s="14" t="s">
        <v>55718</v>
      </c>
      <c r="E18253" s="2" t="s">
        <v>55719</v>
      </c>
      <c r="F18253" s="2" t="s">
        <v>41031</v>
      </c>
      <c r="G18253" s="8">
        <v>374</v>
      </c>
      <c r="H18253" s="5">
        <v>6</v>
      </c>
      <c r="I18253" s="5" t="s">
        <v>1518</v>
      </c>
      <c r="J18253" s="5" t="s">
        <v>40939</v>
      </c>
      <c r="K18253" s="2" t="s">
        <v>40940</v>
      </c>
      <c r="L18253" s="5" t="s">
        <v>40939</v>
      </c>
      <c r="M18253" s="2" t="s">
        <v>40940</v>
      </c>
      <c r="N18253" s="5" t="s">
        <v>36266</v>
      </c>
      <c r="O18253" s="5" t="s">
        <v>38</v>
      </c>
      <c r="P18253" s="5" t="s">
        <v>39</v>
      </c>
      <c r="Q18253" s="5" t="s">
        <v>40</v>
      </c>
      <c r="R18253" s="5" t="s">
        <v>1522</v>
      </c>
      <c r="S18253" s="5" t="s">
        <v>1523</v>
      </c>
      <c r="T18253" s="5" t="s">
        <v>42</v>
      </c>
      <c r="U18253" s="2">
        <v>3.996</v>
      </c>
      <c r="V18253" s="2">
        <v>3.36</v>
      </c>
      <c r="W18253" s="2">
        <v>0.02</v>
      </c>
      <c r="X18253" s="2">
        <v>159.1</v>
      </c>
      <c r="Y18253" s="2">
        <v>7.6</v>
      </c>
      <c r="Z18253" s="2">
        <v>16.7</v>
      </c>
      <c r="AA18253" s="5"/>
      <c r="AB18253" s="5" t="s">
        <v>43</v>
      </c>
      <c r="AC18253" s="5" t="s">
        <v>44</v>
      </c>
      <c r="AD18253" s="2"/>
      <c r="AE18253" s="1"/>
    </row>
    <row r="18254" spans="1:31" ht="14.45">
      <c r="A18254" s="11"/>
      <c r="B18254" s="20"/>
      <c r="C18254" s="2" t="s">
        <v>55720</v>
      </c>
      <c r="D18254" s="14" t="s">
        <v>55721</v>
      </c>
      <c r="E18254" s="2" t="s">
        <v>55722</v>
      </c>
      <c r="F18254" s="2" t="s">
        <v>41035</v>
      </c>
      <c r="G18254" s="8">
        <v>374</v>
      </c>
      <c r="H18254" s="5">
        <v>6</v>
      </c>
      <c r="I18254" s="5" t="s">
        <v>1518</v>
      </c>
      <c r="J18254" s="5" t="s">
        <v>40939</v>
      </c>
      <c r="K18254" s="2" t="s">
        <v>40940</v>
      </c>
      <c r="L18254" s="5" t="s">
        <v>40939</v>
      </c>
      <c r="M18254" s="2" t="s">
        <v>40940</v>
      </c>
      <c r="N18254" s="5" t="s">
        <v>36266</v>
      </c>
      <c r="O18254" s="5" t="s">
        <v>38</v>
      </c>
      <c r="P18254" s="5" t="s">
        <v>39</v>
      </c>
      <c r="Q18254" s="5" t="s">
        <v>40</v>
      </c>
      <c r="R18254" s="5" t="s">
        <v>1522</v>
      </c>
      <c r="S18254" s="5" t="s">
        <v>1523</v>
      </c>
      <c r="T18254" s="5" t="s">
        <v>42</v>
      </c>
      <c r="U18254" s="2">
        <v>4.13</v>
      </c>
      <c r="V18254" s="2">
        <v>3.4940000000000002</v>
      </c>
      <c r="W18254" s="2">
        <v>0.02</v>
      </c>
      <c r="X18254" s="2">
        <v>159.1</v>
      </c>
      <c r="Y18254" s="2">
        <v>7.6</v>
      </c>
      <c r="Z18254" s="2">
        <v>16.7</v>
      </c>
      <c r="AA18254" s="5"/>
      <c r="AB18254" s="5" t="s">
        <v>43</v>
      </c>
      <c r="AC18254" s="5" t="s">
        <v>44</v>
      </c>
      <c r="AD18254" s="2"/>
      <c r="AE18254" s="1"/>
    </row>
    <row r="18255" spans="1:31" ht="14.45">
      <c r="A18255" s="11"/>
      <c r="B18255" s="20"/>
      <c r="C18255" s="2" t="s">
        <v>55723</v>
      </c>
      <c r="D18255" s="14" t="s">
        <v>55724</v>
      </c>
      <c r="E18255" s="2" t="s">
        <v>55725</v>
      </c>
      <c r="F18255" s="2" t="s">
        <v>7449</v>
      </c>
      <c r="G18255" s="8">
        <v>374</v>
      </c>
      <c r="H18255" s="5">
        <v>6</v>
      </c>
      <c r="I18255" s="5" t="s">
        <v>1518</v>
      </c>
      <c r="J18255" s="5" t="s">
        <v>40939</v>
      </c>
      <c r="K18255" s="2" t="s">
        <v>40940</v>
      </c>
      <c r="L18255" s="5" t="s">
        <v>40939</v>
      </c>
      <c r="M18255" s="2" t="s">
        <v>40940</v>
      </c>
      <c r="N18255" s="5" t="s">
        <v>36266</v>
      </c>
      <c r="O18255" s="5" t="s">
        <v>38</v>
      </c>
      <c r="P18255" s="5" t="s">
        <v>39</v>
      </c>
      <c r="Q18255" s="5" t="s">
        <v>40</v>
      </c>
      <c r="R18255" s="5" t="s">
        <v>1522</v>
      </c>
      <c r="S18255" s="5" t="s">
        <v>1523</v>
      </c>
      <c r="T18255" s="5" t="s">
        <v>42</v>
      </c>
      <c r="U18255" s="2">
        <v>3.996</v>
      </c>
      <c r="V18255" s="2">
        <v>3.36</v>
      </c>
      <c r="W18255" s="2">
        <v>0.02</v>
      </c>
      <c r="X18255" s="2">
        <v>159.1</v>
      </c>
      <c r="Y18255" s="2">
        <v>7.6</v>
      </c>
      <c r="Z18255" s="2">
        <v>16.7</v>
      </c>
      <c r="AA18255" s="5"/>
      <c r="AB18255" s="5" t="s">
        <v>43</v>
      </c>
      <c r="AC18255" s="5" t="s">
        <v>44</v>
      </c>
      <c r="AD18255" s="2"/>
      <c r="AE18255" s="1"/>
    </row>
    <row r="18256" spans="1:31" ht="14.45">
      <c r="A18256" s="11"/>
      <c r="B18256" s="20"/>
      <c r="C18256" s="2" t="s">
        <v>55726</v>
      </c>
      <c r="D18256" s="14" t="s">
        <v>55727</v>
      </c>
      <c r="E18256" s="2" t="s">
        <v>55728</v>
      </c>
      <c r="F18256" s="2" t="s">
        <v>55729</v>
      </c>
      <c r="G18256" s="8">
        <v>3386</v>
      </c>
      <c r="H18256" s="5">
        <v>5</v>
      </c>
      <c r="I18256" s="5" t="s">
        <v>69</v>
      </c>
      <c r="J18256" s="5" t="s">
        <v>55730</v>
      </c>
      <c r="K18256" s="2" t="s">
        <v>55731</v>
      </c>
      <c r="L18256" s="5" t="s">
        <v>55730</v>
      </c>
      <c r="M18256" s="2" t="s">
        <v>55731</v>
      </c>
      <c r="N18256" s="5" t="s">
        <v>733</v>
      </c>
      <c r="O18256" s="5" t="s">
        <v>38</v>
      </c>
      <c r="P18256" s="5" t="s">
        <v>39</v>
      </c>
      <c r="Q18256" s="5" t="s">
        <v>40</v>
      </c>
      <c r="R18256" s="5" t="s">
        <v>1487</v>
      </c>
      <c r="S18256" s="5"/>
      <c r="T18256" s="5" t="s">
        <v>42</v>
      </c>
      <c r="U18256" s="2">
        <v>0</v>
      </c>
      <c r="V18256" s="2">
        <v>0</v>
      </c>
      <c r="W18256" s="2">
        <v>0</v>
      </c>
      <c r="X18256" s="2">
        <v>0</v>
      </c>
      <c r="Y18256" s="2">
        <v>0</v>
      </c>
      <c r="Z18256" s="2">
        <v>0</v>
      </c>
      <c r="AA18256" s="5"/>
      <c r="AB18256" s="5" t="s">
        <v>43</v>
      </c>
      <c r="AC18256" s="5" t="s">
        <v>735</v>
      </c>
      <c r="AD18256" s="2" t="s">
        <v>55732</v>
      </c>
      <c r="AE18256" s="1"/>
    </row>
    <row r="18257" spans="1:31" ht="14.45">
      <c r="A18257" s="11"/>
      <c r="B18257" s="20"/>
      <c r="C18257" s="2" t="s">
        <v>55733</v>
      </c>
      <c r="D18257" s="14" t="s">
        <v>55734</v>
      </c>
      <c r="E18257" s="2" t="s">
        <v>55735</v>
      </c>
      <c r="F18257" s="2" t="s">
        <v>55736</v>
      </c>
      <c r="G18257" s="8">
        <v>4120</v>
      </c>
      <c r="H18257" s="5">
        <v>20</v>
      </c>
      <c r="I18257" s="5" t="s">
        <v>69</v>
      </c>
      <c r="J18257" s="5" t="s">
        <v>55730</v>
      </c>
      <c r="K18257" s="2" t="s">
        <v>55731</v>
      </c>
      <c r="L18257" s="5" t="s">
        <v>55730</v>
      </c>
      <c r="M18257" s="2" t="s">
        <v>55731</v>
      </c>
      <c r="N18257" s="5" t="s">
        <v>733</v>
      </c>
      <c r="O18257" s="5" t="s">
        <v>38</v>
      </c>
      <c r="P18257" s="5" t="s">
        <v>39</v>
      </c>
      <c r="Q18257" s="5" t="s">
        <v>40</v>
      </c>
      <c r="R18257" s="5" t="s">
        <v>1487</v>
      </c>
      <c r="S18257" s="5"/>
      <c r="T18257" s="5" t="s">
        <v>42</v>
      </c>
      <c r="U18257" s="2">
        <v>0</v>
      </c>
      <c r="V18257" s="2">
        <v>0</v>
      </c>
      <c r="W18257" s="2">
        <v>0</v>
      </c>
      <c r="X18257" s="2">
        <v>0</v>
      </c>
      <c r="Y18257" s="2">
        <v>0</v>
      </c>
      <c r="Z18257" s="2">
        <v>0</v>
      </c>
      <c r="AA18257" s="5"/>
      <c r="AB18257" s="5" t="s">
        <v>43</v>
      </c>
      <c r="AC18257" s="5" t="s">
        <v>735</v>
      </c>
      <c r="AD18257" s="2" t="s">
        <v>55737</v>
      </c>
      <c r="AE18257" s="1"/>
    </row>
    <row r="18258" spans="1:31" ht="14.45">
      <c r="A18258" s="11"/>
      <c r="B18258" s="20"/>
      <c r="C18258" s="2" t="s">
        <v>55738</v>
      </c>
      <c r="D18258" s="14" t="s">
        <v>55739</v>
      </c>
      <c r="E18258" s="2" t="s">
        <v>55740</v>
      </c>
      <c r="F18258" s="2" t="s">
        <v>55741</v>
      </c>
      <c r="G18258" s="8">
        <v>3386</v>
      </c>
      <c r="H18258" s="5">
        <v>5</v>
      </c>
      <c r="I18258" s="5" t="s">
        <v>69</v>
      </c>
      <c r="J18258" s="5" t="s">
        <v>55730</v>
      </c>
      <c r="K18258" s="2" t="s">
        <v>55731</v>
      </c>
      <c r="L18258" s="5" t="s">
        <v>55730</v>
      </c>
      <c r="M18258" s="2" t="s">
        <v>55731</v>
      </c>
      <c r="N18258" s="5" t="s">
        <v>733</v>
      </c>
      <c r="O18258" s="5" t="s">
        <v>38</v>
      </c>
      <c r="P18258" s="5" t="s">
        <v>39</v>
      </c>
      <c r="Q18258" s="5" t="s">
        <v>40</v>
      </c>
      <c r="R18258" s="5" t="s">
        <v>1487</v>
      </c>
      <c r="S18258" s="5"/>
      <c r="T18258" s="5" t="s">
        <v>42</v>
      </c>
      <c r="U18258" s="2">
        <v>0</v>
      </c>
      <c r="V18258" s="2">
        <v>0</v>
      </c>
      <c r="W18258" s="2">
        <v>0</v>
      </c>
      <c r="X18258" s="2">
        <v>0</v>
      </c>
      <c r="Y18258" s="2">
        <v>0</v>
      </c>
      <c r="Z18258" s="2">
        <v>0</v>
      </c>
      <c r="AA18258" s="5"/>
      <c r="AB18258" s="5" t="s">
        <v>43</v>
      </c>
      <c r="AC18258" s="5" t="s">
        <v>735</v>
      </c>
      <c r="AD18258" s="2" t="s">
        <v>55742</v>
      </c>
      <c r="AE18258" s="1"/>
    </row>
    <row r="18259" spans="1:31" ht="14.45">
      <c r="A18259" s="11"/>
      <c r="B18259" s="20"/>
      <c r="C18259" s="2" t="s">
        <v>55743</v>
      </c>
      <c r="D18259" s="14" t="s">
        <v>55744</v>
      </c>
      <c r="E18259" s="2" t="s">
        <v>55745</v>
      </c>
      <c r="F18259" s="2" t="s">
        <v>55746</v>
      </c>
      <c r="G18259" s="8">
        <v>4120</v>
      </c>
      <c r="H18259" s="5">
        <v>20</v>
      </c>
      <c r="I18259" s="5" t="s">
        <v>69</v>
      </c>
      <c r="J18259" s="5" t="s">
        <v>55730</v>
      </c>
      <c r="K18259" s="2" t="s">
        <v>55731</v>
      </c>
      <c r="L18259" s="5" t="s">
        <v>55730</v>
      </c>
      <c r="M18259" s="2" t="s">
        <v>55731</v>
      </c>
      <c r="N18259" s="5" t="s">
        <v>733</v>
      </c>
      <c r="O18259" s="5" t="s">
        <v>38</v>
      </c>
      <c r="P18259" s="5" t="s">
        <v>39</v>
      </c>
      <c r="Q18259" s="5" t="s">
        <v>40</v>
      </c>
      <c r="R18259" s="5" t="s">
        <v>1487</v>
      </c>
      <c r="S18259" s="5"/>
      <c r="T18259" s="5" t="s">
        <v>42</v>
      </c>
      <c r="U18259" s="2">
        <v>0</v>
      </c>
      <c r="V18259" s="2">
        <v>0</v>
      </c>
      <c r="W18259" s="2">
        <v>0</v>
      </c>
      <c r="X18259" s="2">
        <v>0</v>
      </c>
      <c r="Y18259" s="2">
        <v>0</v>
      </c>
      <c r="Z18259" s="2">
        <v>0</v>
      </c>
      <c r="AA18259" s="5"/>
      <c r="AB18259" s="5" t="s">
        <v>43</v>
      </c>
      <c r="AC18259" s="5" t="s">
        <v>735</v>
      </c>
      <c r="AD18259" s="2" t="s">
        <v>55747</v>
      </c>
      <c r="AE18259" s="1"/>
    </row>
    <row r="18260" spans="1:31" ht="14.45">
      <c r="A18260" s="11"/>
      <c r="B18260" s="20"/>
      <c r="C18260" s="2" t="s">
        <v>55748</v>
      </c>
      <c r="D18260" s="14" t="s">
        <v>55749</v>
      </c>
      <c r="E18260" s="2" t="s">
        <v>55750</v>
      </c>
      <c r="F18260" s="2" t="s">
        <v>55751</v>
      </c>
      <c r="G18260" s="8">
        <v>3645</v>
      </c>
      <c r="H18260" s="5">
        <v>5</v>
      </c>
      <c r="I18260" s="5" t="s">
        <v>69</v>
      </c>
      <c r="J18260" s="5" t="s">
        <v>55730</v>
      </c>
      <c r="K18260" s="2" t="s">
        <v>55731</v>
      </c>
      <c r="L18260" s="5" t="s">
        <v>55730</v>
      </c>
      <c r="M18260" s="2" t="s">
        <v>55731</v>
      </c>
      <c r="N18260" s="5" t="s">
        <v>733</v>
      </c>
      <c r="O18260" s="5" t="s">
        <v>38</v>
      </c>
      <c r="P18260" s="5" t="s">
        <v>39</v>
      </c>
      <c r="Q18260" s="5" t="s">
        <v>40</v>
      </c>
      <c r="R18260" s="5" t="s">
        <v>1487</v>
      </c>
      <c r="S18260" s="5"/>
      <c r="T18260" s="5" t="s">
        <v>42</v>
      </c>
      <c r="U18260" s="2">
        <v>0</v>
      </c>
      <c r="V18260" s="2">
        <v>0</v>
      </c>
      <c r="W18260" s="2">
        <v>0</v>
      </c>
      <c r="X18260" s="2">
        <v>0</v>
      </c>
      <c r="Y18260" s="2">
        <v>0</v>
      </c>
      <c r="Z18260" s="2">
        <v>0</v>
      </c>
      <c r="AA18260" s="5"/>
      <c r="AB18260" s="5" t="s">
        <v>43</v>
      </c>
      <c r="AC18260" s="5" t="s">
        <v>735</v>
      </c>
      <c r="AD18260" s="2" t="s">
        <v>55752</v>
      </c>
      <c r="AE18260" s="1"/>
    </row>
    <row r="18261" spans="1:31" ht="14.45">
      <c r="A18261" s="11"/>
      <c r="B18261" s="20"/>
      <c r="C18261" s="2" t="s">
        <v>55753</v>
      </c>
      <c r="D18261" s="14" t="s">
        <v>55754</v>
      </c>
      <c r="E18261" s="2" t="s">
        <v>55755</v>
      </c>
      <c r="F18261" s="2" t="s">
        <v>55756</v>
      </c>
      <c r="G18261" s="8">
        <v>4379</v>
      </c>
      <c r="H18261" s="5">
        <v>20</v>
      </c>
      <c r="I18261" s="5" t="s">
        <v>69</v>
      </c>
      <c r="J18261" s="5" t="s">
        <v>55730</v>
      </c>
      <c r="K18261" s="2" t="s">
        <v>55731</v>
      </c>
      <c r="L18261" s="5" t="s">
        <v>55730</v>
      </c>
      <c r="M18261" s="2" t="s">
        <v>55731</v>
      </c>
      <c r="N18261" s="5" t="s">
        <v>733</v>
      </c>
      <c r="O18261" s="5" t="s">
        <v>38</v>
      </c>
      <c r="P18261" s="5" t="s">
        <v>39</v>
      </c>
      <c r="Q18261" s="5" t="s">
        <v>40</v>
      </c>
      <c r="R18261" s="5" t="s">
        <v>1487</v>
      </c>
      <c r="S18261" s="5"/>
      <c r="T18261" s="5" t="s">
        <v>42</v>
      </c>
      <c r="U18261" s="2">
        <v>0</v>
      </c>
      <c r="V18261" s="2">
        <v>0</v>
      </c>
      <c r="W18261" s="2">
        <v>0</v>
      </c>
      <c r="X18261" s="2">
        <v>0</v>
      </c>
      <c r="Y18261" s="2">
        <v>0</v>
      </c>
      <c r="Z18261" s="2">
        <v>0</v>
      </c>
      <c r="AA18261" s="5"/>
      <c r="AB18261" s="5" t="s">
        <v>43</v>
      </c>
      <c r="AC18261" s="5" t="s">
        <v>735</v>
      </c>
      <c r="AD18261" s="2" t="s">
        <v>55757</v>
      </c>
      <c r="AE18261" s="1"/>
    </row>
    <row r="18262" spans="1:31" ht="14.45">
      <c r="A18262" s="11"/>
      <c r="B18262" s="20"/>
      <c r="C18262" s="2" t="s">
        <v>55758</v>
      </c>
      <c r="D18262" s="14" t="s">
        <v>55759</v>
      </c>
      <c r="E18262" s="2" t="s">
        <v>55760</v>
      </c>
      <c r="F18262" s="2" t="s">
        <v>55761</v>
      </c>
      <c r="G18262" s="8">
        <v>3645</v>
      </c>
      <c r="H18262" s="5">
        <v>5</v>
      </c>
      <c r="I18262" s="5" t="s">
        <v>69</v>
      </c>
      <c r="J18262" s="5" t="s">
        <v>55730</v>
      </c>
      <c r="K18262" s="2" t="s">
        <v>55731</v>
      </c>
      <c r="L18262" s="5" t="s">
        <v>55730</v>
      </c>
      <c r="M18262" s="2" t="s">
        <v>55731</v>
      </c>
      <c r="N18262" s="5" t="s">
        <v>733</v>
      </c>
      <c r="O18262" s="5" t="s">
        <v>38</v>
      </c>
      <c r="P18262" s="5" t="s">
        <v>39</v>
      </c>
      <c r="Q18262" s="5" t="s">
        <v>40</v>
      </c>
      <c r="R18262" s="5" t="s">
        <v>1487</v>
      </c>
      <c r="S18262" s="5"/>
      <c r="T18262" s="5" t="s">
        <v>42</v>
      </c>
      <c r="U18262" s="2">
        <v>0</v>
      </c>
      <c r="V18262" s="2">
        <v>0</v>
      </c>
      <c r="W18262" s="2">
        <v>0</v>
      </c>
      <c r="X18262" s="2">
        <v>0</v>
      </c>
      <c r="Y18262" s="2">
        <v>0</v>
      </c>
      <c r="Z18262" s="2">
        <v>0</v>
      </c>
      <c r="AA18262" s="5"/>
      <c r="AB18262" s="5" t="s">
        <v>43</v>
      </c>
      <c r="AC18262" s="5" t="s">
        <v>735</v>
      </c>
      <c r="AD18262" s="2" t="s">
        <v>55762</v>
      </c>
      <c r="AE18262" s="1"/>
    </row>
    <row r="18263" spans="1:31" ht="14.45">
      <c r="A18263" s="11"/>
      <c r="B18263" s="20"/>
      <c r="C18263" s="2" t="s">
        <v>55763</v>
      </c>
      <c r="D18263" s="14" t="s">
        <v>55764</v>
      </c>
      <c r="E18263" s="2" t="s">
        <v>55765</v>
      </c>
      <c r="F18263" s="2" t="s">
        <v>55766</v>
      </c>
      <c r="G18263" s="8">
        <v>4379</v>
      </c>
      <c r="H18263" s="5">
        <v>20</v>
      </c>
      <c r="I18263" s="5" t="s">
        <v>69</v>
      </c>
      <c r="J18263" s="5" t="s">
        <v>55730</v>
      </c>
      <c r="K18263" s="2" t="s">
        <v>55731</v>
      </c>
      <c r="L18263" s="5" t="s">
        <v>55730</v>
      </c>
      <c r="M18263" s="2" t="s">
        <v>55731</v>
      </c>
      <c r="N18263" s="5" t="s">
        <v>733</v>
      </c>
      <c r="O18263" s="5" t="s">
        <v>38</v>
      </c>
      <c r="P18263" s="5" t="s">
        <v>39</v>
      </c>
      <c r="Q18263" s="5" t="s">
        <v>40</v>
      </c>
      <c r="R18263" s="5" t="s">
        <v>1487</v>
      </c>
      <c r="S18263" s="5"/>
      <c r="T18263" s="5" t="s">
        <v>42</v>
      </c>
      <c r="U18263" s="2">
        <v>0</v>
      </c>
      <c r="V18263" s="2">
        <v>0</v>
      </c>
      <c r="W18263" s="2">
        <v>0</v>
      </c>
      <c r="X18263" s="2">
        <v>0</v>
      </c>
      <c r="Y18263" s="2">
        <v>0</v>
      </c>
      <c r="Z18263" s="2">
        <v>0</v>
      </c>
      <c r="AA18263" s="5"/>
      <c r="AB18263" s="5" t="s">
        <v>43</v>
      </c>
      <c r="AC18263" s="5" t="s">
        <v>735</v>
      </c>
      <c r="AD18263" s="2" t="s">
        <v>55767</v>
      </c>
      <c r="AE18263" s="1"/>
    </row>
    <row r="18264" spans="1:31" ht="14.45">
      <c r="A18264" s="11"/>
      <c r="B18264" s="20"/>
      <c r="C18264" s="2" t="s">
        <v>55768</v>
      </c>
      <c r="D18264" s="14" t="s">
        <v>55769</v>
      </c>
      <c r="E18264" s="2" t="s">
        <v>55770</v>
      </c>
      <c r="F18264" s="2" t="s">
        <v>55771</v>
      </c>
      <c r="G18264" s="8">
        <v>3904</v>
      </c>
      <c r="H18264" s="5">
        <v>5</v>
      </c>
      <c r="I18264" s="5" t="s">
        <v>69</v>
      </c>
      <c r="J18264" s="5" t="s">
        <v>55730</v>
      </c>
      <c r="K18264" s="2" t="s">
        <v>55731</v>
      </c>
      <c r="L18264" s="5" t="s">
        <v>55730</v>
      </c>
      <c r="M18264" s="2" t="s">
        <v>55731</v>
      </c>
      <c r="N18264" s="5" t="s">
        <v>733</v>
      </c>
      <c r="O18264" s="5" t="s">
        <v>38</v>
      </c>
      <c r="P18264" s="5" t="s">
        <v>39</v>
      </c>
      <c r="Q18264" s="5" t="s">
        <v>40</v>
      </c>
      <c r="R18264" s="5" t="s">
        <v>1487</v>
      </c>
      <c r="S18264" s="5"/>
      <c r="T18264" s="5" t="s">
        <v>42</v>
      </c>
      <c r="U18264" s="2">
        <v>0</v>
      </c>
      <c r="V18264" s="2">
        <v>0</v>
      </c>
      <c r="W18264" s="2">
        <v>0</v>
      </c>
      <c r="X18264" s="2">
        <v>0</v>
      </c>
      <c r="Y18264" s="2">
        <v>0</v>
      </c>
      <c r="Z18264" s="2">
        <v>0</v>
      </c>
      <c r="AA18264" s="5"/>
      <c r="AB18264" s="5" t="s">
        <v>43</v>
      </c>
      <c r="AC18264" s="5" t="s">
        <v>735</v>
      </c>
      <c r="AD18264" s="5" t="s">
        <v>55772</v>
      </c>
      <c r="AE18264" s="1"/>
    </row>
    <row r="18265" spans="1:31" ht="14.45">
      <c r="A18265" s="11"/>
      <c r="B18265" s="20"/>
      <c r="C18265" s="2" t="s">
        <v>55773</v>
      </c>
      <c r="D18265" s="14" t="s">
        <v>55774</v>
      </c>
      <c r="E18265" s="2" t="s">
        <v>55775</v>
      </c>
      <c r="F18265" s="2" t="s">
        <v>55776</v>
      </c>
      <c r="G18265" s="8">
        <v>4638</v>
      </c>
      <c r="H18265" s="5">
        <v>20</v>
      </c>
      <c r="I18265" s="5" t="s">
        <v>69</v>
      </c>
      <c r="J18265" s="5" t="s">
        <v>55730</v>
      </c>
      <c r="K18265" s="2" t="s">
        <v>55731</v>
      </c>
      <c r="L18265" s="5" t="s">
        <v>55730</v>
      </c>
      <c r="M18265" s="2" t="s">
        <v>55731</v>
      </c>
      <c r="N18265" s="5" t="s">
        <v>733</v>
      </c>
      <c r="O18265" s="5" t="s">
        <v>38</v>
      </c>
      <c r="P18265" s="5" t="s">
        <v>39</v>
      </c>
      <c r="Q18265" s="5" t="s">
        <v>40</v>
      </c>
      <c r="R18265" s="5" t="s">
        <v>1487</v>
      </c>
      <c r="S18265" s="5"/>
      <c r="T18265" s="5" t="s">
        <v>42</v>
      </c>
      <c r="U18265" s="2">
        <v>0</v>
      </c>
      <c r="V18265" s="2">
        <v>0</v>
      </c>
      <c r="W18265" s="2">
        <v>0</v>
      </c>
      <c r="X18265" s="2">
        <v>0</v>
      </c>
      <c r="Y18265" s="2">
        <v>0</v>
      </c>
      <c r="Z18265" s="2">
        <v>0</v>
      </c>
      <c r="AA18265" s="5"/>
      <c r="AB18265" s="5" t="s">
        <v>43</v>
      </c>
      <c r="AC18265" s="5" t="s">
        <v>735</v>
      </c>
      <c r="AD18265" s="5" t="s">
        <v>55777</v>
      </c>
      <c r="AE18265" s="1"/>
    </row>
    <row r="18266" spans="1:31" ht="14.45">
      <c r="A18266" s="11"/>
      <c r="B18266" s="20"/>
      <c r="C18266" s="2" t="s">
        <v>55778</v>
      </c>
      <c r="D18266" s="14" t="s">
        <v>55779</v>
      </c>
      <c r="E18266" s="2" t="s">
        <v>55780</v>
      </c>
      <c r="F18266" s="2" t="s">
        <v>55781</v>
      </c>
      <c r="G18266" s="8">
        <v>3904</v>
      </c>
      <c r="H18266" s="5">
        <v>5</v>
      </c>
      <c r="I18266" s="5" t="s">
        <v>69</v>
      </c>
      <c r="J18266" s="5" t="s">
        <v>55730</v>
      </c>
      <c r="K18266" s="2" t="s">
        <v>55731</v>
      </c>
      <c r="L18266" s="5" t="s">
        <v>55730</v>
      </c>
      <c r="M18266" s="2" t="s">
        <v>55731</v>
      </c>
      <c r="N18266" s="5" t="s">
        <v>733</v>
      </c>
      <c r="O18266" s="5" t="s">
        <v>38</v>
      </c>
      <c r="P18266" s="5" t="s">
        <v>39</v>
      </c>
      <c r="Q18266" s="5" t="s">
        <v>40</v>
      </c>
      <c r="R18266" s="5" t="s">
        <v>1487</v>
      </c>
      <c r="S18266" s="5"/>
      <c r="T18266" s="5" t="s">
        <v>42</v>
      </c>
      <c r="U18266" s="2">
        <v>0</v>
      </c>
      <c r="V18266" s="2">
        <v>0</v>
      </c>
      <c r="W18266" s="2">
        <v>0</v>
      </c>
      <c r="X18266" s="2">
        <v>0</v>
      </c>
      <c r="Y18266" s="2">
        <v>0</v>
      </c>
      <c r="Z18266" s="2">
        <v>0</v>
      </c>
      <c r="AA18266" s="5"/>
      <c r="AB18266" s="5" t="s">
        <v>43</v>
      </c>
      <c r="AC18266" s="5" t="s">
        <v>735</v>
      </c>
      <c r="AD18266" s="5" t="s">
        <v>55782</v>
      </c>
      <c r="AE18266" s="1"/>
    </row>
    <row r="18267" spans="1:31" ht="14.45">
      <c r="A18267" s="11"/>
      <c r="B18267" s="20"/>
      <c r="C18267" s="2" t="s">
        <v>55783</v>
      </c>
      <c r="D18267" s="14" t="s">
        <v>55784</v>
      </c>
      <c r="E18267" s="2" t="s">
        <v>55785</v>
      </c>
      <c r="F18267" s="2" t="s">
        <v>55786</v>
      </c>
      <c r="G18267" s="8">
        <v>4638</v>
      </c>
      <c r="H18267" s="5">
        <v>20</v>
      </c>
      <c r="I18267" s="5" t="s">
        <v>69</v>
      </c>
      <c r="J18267" s="5" t="s">
        <v>55730</v>
      </c>
      <c r="K18267" s="2" t="s">
        <v>55731</v>
      </c>
      <c r="L18267" s="5" t="s">
        <v>55730</v>
      </c>
      <c r="M18267" s="2" t="s">
        <v>55731</v>
      </c>
      <c r="N18267" s="5" t="s">
        <v>733</v>
      </c>
      <c r="O18267" s="5" t="s">
        <v>38</v>
      </c>
      <c r="P18267" s="5" t="s">
        <v>39</v>
      </c>
      <c r="Q18267" s="5" t="s">
        <v>40</v>
      </c>
      <c r="R18267" s="5" t="s">
        <v>1487</v>
      </c>
      <c r="S18267" s="5"/>
      <c r="T18267" s="5" t="s">
        <v>42</v>
      </c>
      <c r="U18267" s="2">
        <v>0</v>
      </c>
      <c r="V18267" s="2">
        <v>0</v>
      </c>
      <c r="W18267" s="2">
        <v>0</v>
      </c>
      <c r="X18267" s="2">
        <v>0</v>
      </c>
      <c r="Y18267" s="2">
        <v>0</v>
      </c>
      <c r="Z18267" s="2">
        <v>0</v>
      </c>
      <c r="AA18267" s="5"/>
      <c r="AB18267" s="5" t="s">
        <v>43</v>
      </c>
      <c r="AC18267" s="5" t="s">
        <v>735</v>
      </c>
      <c r="AD18267" s="5" t="s">
        <v>55787</v>
      </c>
      <c r="AE18267" s="1"/>
    </row>
    <row r="18268" spans="1:31" ht="14.45">
      <c r="A18268" s="11"/>
      <c r="B18268" s="20"/>
      <c r="C18268" s="2" t="s">
        <v>55788</v>
      </c>
      <c r="D18268" s="14" t="s">
        <v>55789</v>
      </c>
      <c r="E18268" s="2" t="s">
        <v>55790</v>
      </c>
      <c r="F18268" s="2" t="s">
        <v>55791</v>
      </c>
      <c r="G18268" s="8">
        <v>1748</v>
      </c>
      <c r="H18268" s="5">
        <v>5</v>
      </c>
      <c r="I18268" s="5" t="s">
        <v>69</v>
      </c>
      <c r="J18268" s="5" t="s">
        <v>55730</v>
      </c>
      <c r="K18268" s="2" t="s">
        <v>55731</v>
      </c>
      <c r="L18268" s="5" t="s">
        <v>55730</v>
      </c>
      <c r="M18268" s="2" t="s">
        <v>55731</v>
      </c>
      <c r="N18268" s="5" t="s">
        <v>733</v>
      </c>
      <c r="O18268" s="5" t="s">
        <v>38</v>
      </c>
      <c r="P18268" s="5" t="s">
        <v>39</v>
      </c>
      <c r="Q18268" s="5" t="s">
        <v>40</v>
      </c>
      <c r="R18268" s="5" t="s">
        <v>897</v>
      </c>
      <c r="S18268" s="5" t="s">
        <v>40</v>
      </c>
      <c r="T18268" s="5" t="s">
        <v>42</v>
      </c>
      <c r="U18268" s="2">
        <v>60.856999999999999</v>
      </c>
      <c r="V18268" s="2">
        <v>53.345999999999997</v>
      </c>
      <c r="W18268" s="2">
        <v>0.20699999999999999</v>
      </c>
      <c r="X18268" s="2">
        <v>17.100000000000001</v>
      </c>
      <c r="Y18268" s="2">
        <v>80.900000000000006</v>
      </c>
      <c r="Z18268" s="2">
        <v>149.80000000000001</v>
      </c>
      <c r="AA18268" s="5">
        <v>5</v>
      </c>
      <c r="AB18268" s="5" t="s">
        <v>43</v>
      </c>
      <c r="AC18268" s="5" t="s">
        <v>735</v>
      </c>
      <c r="AD18268" s="2" t="s">
        <v>55792</v>
      </c>
      <c r="AE18268" s="1"/>
    </row>
    <row r="18269" spans="1:31" ht="14.45">
      <c r="A18269" s="11"/>
      <c r="B18269" s="20"/>
      <c r="C18269" s="2" t="s">
        <v>55793</v>
      </c>
      <c r="D18269" s="14" t="s">
        <v>55794</v>
      </c>
      <c r="E18269" s="2" t="s">
        <v>55795</v>
      </c>
      <c r="F18269" s="2" t="s">
        <v>55796</v>
      </c>
      <c r="G18269" s="8">
        <v>1748</v>
      </c>
      <c r="H18269" s="5">
        <v>5</v>
      </c>
      <c r="I18269" s="5" t="s">
        <v>69</v>
      </c>
      <c r="J18269" s="5" t="s">
        <v>55730</v>
      </c>
      <c r="K18269" s="2" t="s">
        <v>55731</v>
      </c>
      <c r="L18269" s="5" t="s">
        <v>55730</v>
      </c>
      <c r="M18269" s="2" t="s">
        <v>55731</v>
      </c>
      <c r="N18269" s="5" t="s">
        <v>733</v>
      </c>
      <c r="O18269" s="5" t="s">
        <v>38</v>
      </c>
      <c r="P18269" s="5" t="s">
        <v>39</v>
      </c>
      <c r="Q18269" s="5" t="s">
        <v>40</v>
      </c>
      <c r="R18269" s="5" t="s">
        <v>897</v>
      </c>
      <c r="S18269" s="5" t="s">
        <v>40</v>
      </c>
      <c r="T18269" s="5" t="s">
        <v>42</v>
      </c>
      <c r="U18269" s="2">
        <v>63.06</v>
      </c>
      <c r="V18269" s="2">
        <v>56.783000000000001</v>
      </c>
      <c r="W18269" s="2">
        <v>0.20699999999999999</v>
      </c>
      <c r="X18269" s="2">
        <v>17.100000000000001</v>
      </c>
      <c r="Y18269" s="2">
        <v>80.900000000000006</v>
      </c>
      <c r="Z18269" s="2">
        <v>149.80000000000001</v>
      </c>
      <c r="AA18269" s="5">
        <v>5</v>
      </c>
      <c r="AB18269" s="5" t="s">
        <v>43</v>
      </c>
      <c r="AC18269" s="5" t="s">
        <v>735</v>
      </c>
      <c r="AD18269" s="2" t="s">
        <v>55797</v>
      </c>
      <c r="AE18269" s="1"/>
    </row>
    <row r="18270" spans="1:31" ht="14.45">
      <c r="A18270" s="11"/>
      <c r="B18270" s="20"/>
      <c r="C18270" s="2" t="s">
        <v>55798</v>
      </c>
      <c r="D18270" s="14" t="s">
        <v>55799</v>
      </c>
      <c r="E18270" s="2" t="s">
        <v>55800</v>
      </c>
      <c r="F18270" s="2" t="s">
        <v>55801</v>
      </c>
      <c r="G18270" s="8">
        <v>608</v>
      </c>
      <c r="H18270" s="5">
        <v>10</v>
      </c>
      <c r="I18270" s="5" t="s">
        <v>69</v>
      </c>
      <c r="J18270" s="5" t="s">
        <v>55802</v>
      </c>
      <c r="K18270" s="2" t="s">
        <v>55803</v>
      </c>
      <c r="L18270" s="5" t="s">
        <v>55802</v>
      </c>
      <c r="M18270" s="2" t="s">
        <v>55803</v>
      </c>
      <c r="N18270" s="5" t="s">
        <v>733</v>
      </c>
      <c r="O18270" s="5" t="s">
        <v>38</v>
      </c>
      <c r="P18270" s="5" t="s">
        <v>39</v>
      </c>
      <c r="Q18270" s="5" t="s">
        <v>40</v>
      </c>
      <c r="R18270" s="5" t="s">
        <v>897</v>
      </c>
      <c r="S18270" s="5" t="s">
        <v>40</v>
      </c>
      <c r="T18270" s="5" t="s">
        <v>42</v>
      </c>
      <c r="U18270" s="2">
        <v>26.379000000000001</v>
      </c>
      <c r="V18270" s="2">
        <v>24.491</v>
      </c>
      <c r="W18270" s="2">
        <v>0.09</v>
      </c>
      <c r="X18270" s="2">
        <v>17</v>
      </c>
      <c r="Y18270" s="2">
        <v>57.7</v>
      </c>
      <c r="Z18270" s="2">
        <v>91.6</v>
      </c>
      <c r="AA18270" s="5">
        <v>7</v>
      </c>
      <c r="AB18270" s="5" t="s">
        <v>43</v>
      </c>
      <c r="AC18270" s="5" t="s">
        <v>735</v>
      </c>
      <c r="AD18270" s="2" t="s">
        <v>55804</v>
      </c>
      <c r="AE18270" s="1"/>
    </row>
    <row r="18271" spans="1:31" ht="14.45">
      <c r="A18271" s="11"/>
      <c r="B18271" s="20"/>
      <c r="C18271" s="2" t="s">
        <v>55805</v>
      </c>
      <c r="D18271" s="14" t="s">
        <v>55806</v>
      </c>
      <c r="E18271" s="2" t="s">
        <v>55807</v>
      </c>
      <c r="F18271" s="2" t="s">
        <v>55808</v>
      </c>
      <c r="G18271" s="8">
        <v>908</v>
      </c>
      <c r="H18271" s="5">
        <v>10</v>
      </c>
      <c r="I18271" s="5" t="s">
        <v>69</v>
      </c>
      <c r="J18271" s="5" t="s">
        <v>55802</v>
      </c>
      <c r="K18271" s="2" t="s">
        <v>55803</v>
      </c>
      <c r="L18271" s="5" t="s">
        <v>55802</v>
      </c>
      <c r="M18271" s="2" t="s">
        <v>55803</v>
      </c>
      <c r="N18271" s="5" t="s">
        <v>733</v>
      </c>
      <c r="O18271" s="5" t="s">
        <v>38</v>
      </c>
      <c r="P18271" s="5" t="s">
        <v>39</v>
      </c>
      <c r="Q18271" s="5" t="s">
        <v>40</v>
      </c>
      <c r="R18271" s="5" t="s">
        <v>897</v>
      </c>
      <c r="S18271" s="5" t="s">
        <v>40</v>
      </c>
      <c r="T18271" s="5" t="s">
        <v>42</v>
      </c>
      <c r="U18271" s="2">
        <v>28.117000000000001</v>
      </c>
      <c r="V18271" s="2">
        <v>26.113</v>
      </c>
      <c r="W18271" s="2">
        <v>0.09</v>
      </c>
      <c r="X18271" s="2">
        <v>17</v>
      </c>
      <c r="Y18271" s="2">
        <v>57.7</v>
      </c>
      <c r="Z18271" s="2">
        <v>91.6</v>
      </c>
      <c r="AA18271" s="5">
        <v>7</v>
      </c>
      <c r="AB18271" s="5" t="s">
        <v>43</v>
      </c>
      <c r="AC18271" s="5" t="s">
        <v>735</v>
      </c>
      <c r="AD18271" s="2" t="s">
        <v>55809</v>
      </c>
      <c r="AE18271" s="1"/>
    </row>
    <row r="18272" spans="1:31" ht="14.45">
      <c r="A18272" s="11"/>
      <c r="B18272" s="20"/>
      <c r="C18272" s="2" t="s">
        <v>55810</v>
      </c>
      <c r="D18272" s="14" t="s">
        <v>55811</v>
      </c>
      <c r="E18272" s="2" t="s">
        <v>55812</v>
      </c>
      <c r="F18272" s="2" t="s">
        <v>55813</v>
      </c>
      <c r="G18272" s="8">
        <v>546</v>
      </c>
      <c r="H18272" s="5">
        <v>5</v>
      </c>
      <c r="I18272" s="5" t="s">
        <v>69</v>
      </c>
      <c r="J18272" s="5" t="s">
        <v>55802</v>
      </c>
      <c r="K18272" s="2" t="s">
        <v>55803</v>
      </c>
      <c r="L18272" s="5" t="s">
        <v>55802</v>
      </c>
      <c r="M18272" s="2" t="s">
        <v>55803</v>
      </c>
      <c r="N18272" s="5" t="s">
        <v>733</v>
      </c>
      <c r="O18272" s="5" t="s">
        <v>38</v>
      </c>
      <c r="P18272" s="5" t="s">
        <v>39</v>
      </c>
      <c r="Q18272" s="5" t="s">
        <v>40</v>
      </c>
      <c r="R18272" s="5" t="s">
        <v>897</v>
      </c>
      <c r="S18272" s="5" t="s">
        <v>40</v>
      </c>
      <c r="T18272" s="5" t="s">
        <v>42</v>
      </c>
      <c r="U18272" s="2">
        <v>24.093</v>
      </c>
      <c r="V18272" s="2">
        <v>22.204999999999998</v>
      </c>
      <c r="W18272" s="2">
        <v>0.09</v>
      </c>
      <c r="X18272" s="2">
        <v>17</v>
      </c>
      <c r="Y18272" s="2">
        <v>57.7</v>
      </c>
      <c r="Z18272" s="2">
        <v>91.6</v>
      </c>
      <c r="AA18272" s="5">
        <v>7</v>
      </c>
      <c r="AB18272" s="5" t="s">
        <v>43</v>
      </c>
      <c r="AC18272" s="5" t="s">
        <v>735</v>
      </c>
      <c r="AD18272" s="2" t="s">
        <v>55814</v>
      </c>
      <c r="AE18272" s="1"/>
    </row>
    <row r="18273" spans="1:31" ht="14.45">
      <c r="A18273" s="11"/>
      <c r="B18273" s="20"/>
      <c r="C18273" s="2" t="s">
        <v>55815</v>
      </c>
      <c r="D18273" s="14" t="s">
        <v>55816</v>
      </c>
      <c r="E18273" s="2" t="s">
        <v>55817</v>
      </c>
      <c r="F18273" s="2" t="s">
        <v>55818</v>
      </c>
      <c r="G18273" s="8">
        <v>846</v>
      </c>
      <c r="H18273" s="5">
        <v>5</v>
      </c>
      <c r="I18273" s="5" t="s">
        <v>69</v>
      </c>
      <c r="J18273" s="5" t="s">
        <v>55802</v>
      </c>
      <c r="K18273" s="2" t="s">
        <v>55803</v>
      </c>
      <c r="L18273" s="5" t="s">
        <v>55802</v>
      </c>
      <c r="M18273" s="2" t="s">
        <v>55803</v>
      </c>
      <c r="N18273" s="5" t="s">
        <v>733</v>
      </c>
      <c r="O18273" s="5" t="s">
        <v>38</v>
      </c>
      <c r="P18273" s="5" t="s">
        <v>39</v>
      </c>
      <c r="Q18273" s="5" t="s">
        <v>40</v>
      </c>
      <c r="R18273" s="5" t="s">
        <v>897</v>
      </c>
      <c r="S18273" s="5" t="s">
        <v>40</v>
      </c>
      <c r="T18273" s="5" t="s">
        <v>42</v>
      </c>
      <c r="U18273" s="2">
        <v>25.693999999999999</v>
      </c>
      <c r="V18273" s="2">
        <v>23.69</v>
      </c>
      <c r="W18273" s="2">
        <v>0.09</v>
      </c>
      <c r="X18273" s="2">
        <v>17</v>
      </c>
      <c r="Y18273" s="2">
        <v>57.7</v>
      </c>
      <c r="Z18273" s="2">
        <v>91.6</v>
      </c>
      <c r="AA18273" s="5">
        <v>7</v>
      </c>
      <c r="AB18273" s="5" t="s">
        <v>43</v>
      </c>
      <c r="AC18273" s="5" t="s">
        <v>735</v>
      </c>
      <c r="AD18273" s="2" t="s">
        <v>55819</v>
      </c>
      <c r="AE18273" s="1"/>
    </row>
    <row r="18274" spans="1:31" ht="14.45">
      <c r="A18274" s="11"/>
      <c r="B18274" s="20"/>
      <c r="C18274" s="2" t="s">
        <v>55820</v>
      </c>
      <c r="D18274" s="14" t="s">
        <v>55821</v>
      </c>
      <c r="E18274" s="2" t="s">
        <v>55822</v>
      </c>
      <c r="F18274" s="2" t="s">
        <v>55818</v>
      </c>
      <c r="G18274" s="8">
        <v>846</v>
      </c>
      <c r="H18274" s="5">
        <v>5</v>
      </c>
      <c r="I18274" s="5" t="s">
        <v>69</v>
      </c>
      <c r="J18274" s="5" t="s">
        <v>55802</v>
      </c>
      <c r="K18274" s="2" t="s">
        <v>55803</v>
      </c>
      <c r="L18274" s="5" t="s">
        <v>55802</v>
      </c>
      <c r="M18274" s="2" t="s">
        <v>55803</v>
      </c>
      <c r="N18274" s="5" t="s">
        <v>733</v>
      </c>
      <c r="O18274" s="5" t="s">
        <v>38</v>
      </c>
      <c r="P18274" s="5" t="s">
        <v>39</v>
      </c>
      <c r="Q18274" s="5" t="s">
        <v>40</v>
      </c>
      <c r="R18274" s="5" t="s">
        <v>897</v>
      </c>
      <c r="S18274" s="5" t="s">
        <v>40</v>
      </c>
      <c r="T18274" s="5" t="s">
        <v>42</v>
      </c>
      <c r="U18274" s="2">
        <v>25.832999999999998</v>
      </c>
      <c r="V18274" s="2">
        <v>23.742999999999999</v>
      </c>
      <c r="W18274" s="2">
        <v>0.09</v>
      </c>
      <c r="X18274" s="2">
        <v>17</v>
      </c>
      <c r="Y18274" s="2">
        <v>57.7</v>
      </c>
      <c r="Z18274" s="2">
        <v>91.6</v>
      </c>
      <c r="AA18274" s="5">
        <v>7</v>
      </c>
      <c r="AB18274" s="5" t="s">
        <v>43</v>
      </c>
      <c r="AC18274" s="5" t="s">
        <v>735</v>
      </c>
      <c r="AD18274" s="2" t="s">
        <v>55823</v>
      </c>
      <c r="AE18274" s="1"/>
    </row>
    <row r="18275" spans="1:31" ht="14.45">
      <c r="A18275" s="11"/>
      <c r="B18275" s="20"/>
      <c r="C18275" s="2" t="s">
        <v>55824</v>
      </c>
      <c r="D18275" s="14" t="s">
        <v>55825</v>
      </c>
      <c r="E18275" s="2" t="s">
        <v>55826</v>
      </c>
      <c r="F18275" s="2" t="s">
        <v>55827</v>
      </c>
      <c r="G18275" s="8">
        <v>908</v>
      </c>
      <c r="H18275" s="5">
        <v>10</v>
      </c>
      <c r="I18275" s="5" t="s">
        <v>69</v>
      </c>
      <c r="J18275" s="5" t="s">
        <v>55802</v>
      </c>
      <c r="K18275" s="2" t="s">
        <v>55803</v>
      </c>
      <c r="L18275" s="5" t="s">
        <v>55802</v>
      </c>
      <c r="M18275" s="2" t="s">
        <v>55803</v>
      </c>
      <c r="N18275" s="5" t="s">
        <v>733</v>
      </c>
      <c r="O18275" s="5" t="s">
        <v>38</v>
      </c>
      <c r="P18275" s="5" t="s">
        <v>39</v>
      </c>
      <c r="Q18275" s="5" t="s">
        <v>40</v>
      </c>
      <c r="R18275" s="5" t="s">
        <v>897</v>
      </c>
      <c r="S18275" s="5" t="s">
        <v>40</v>
      </c>
      <c r="T18275" s="5" t="s">
        <v>42</v>
      </c>
      <c r="U18275" s="2">
        <v>25.614999999999998</v>
      </c>
      <c r="V18275" s="2">
        <v>23.611000000000001</v>
      </c>
      <c r="W18275" s="2">
        <v>0.09</v>
      </c>
      <c r="X18275" s="2">
        <v>17</v>
      </c>
      <c r="Y18275" s="2">
        <v>57.7</v>
      </c>
      <c r="Z18275" s="2">
        <v>91.6</v>
      </c>
      <c r="AA18275" s="5">
        <v>7</v>
      </c>
      <c r="AB18275" s="5" t="s">
        <v>43</v>
      </c>
      <c r="AC18275" s="5" t="s">
        <v>735</v>
      </c>
      <c r="AD18275" s="2" t="s">
        <v>55828</v>
      </c>
      <c r="AE18275" s="1"/>
    </row>
    <row r="18276" spans="1:31" ht="14.45">
      <c r="A18276" s="11"/>
      <c r="B18276" s="20"/>
      <c r="C18276" s="2" t="s">
        <v>55829</v>
      </c>
      <c r="D18276" s="14" t="s">
        <v>55830</v>
      </c>
      <c r="E18276" s="2" t="s">
        <v>55831</v>
      </c>
      <c r="F18276" s="2" t="s">
        <v>55827</v>
      </c>
      <c r="G18276" s="8">
        <v>908</v>
      </c>
      <c r="H18276" s="5">
        <v>10</v>
      </c>
      <c r="I18276" s="5" t="s">
        <v>69</v>
      </c>
      <c r="J18276" s="5" t="s">
        <v>55802</v>
      </c>
      <c r="K18276" s="2" t="s">
        <v>55803</v>
      </c>
      <c r="L18276" s="5" t="s">
        <v>55802</v>
      </c>
      <c r="M18276" s="2" t="s">
        <v>55803</v>
      </c>
      <c r="N18276" s="5" t="s">
        <v>733</v>
      </c>
      <c r="O18276" s="5" t="s">
        <v>38</v>
      </c>
      <c r="P18276" s="5" t="s">
        <v>39</v>
      </c>
      <c r="Q18276" s="5" t="s">
        <v>40</v>
      </c>
      <c r="R18276" s="5" t="s">
        <v>897</v>
      </c>
      <c r="S18276" s="5" t="s">
        <v>40</v>
      </c>
      <c r="T18276" s="5" t="s">
        <v>42</v>
      </c>
      <c r="U18276" s="2">
        <v>25.754000000000001</v>
      </c>
      <c r="V18276" s="2">
        <v>23.664000000000001</v>
      </c>
      <c r="W18276" s="2">
        <v>0.09</v>
      </c>
      <c r="X18276" s="2">
        <v>17</v>
      </c>
      <c r="Y18276" s="2">
        <v>57.7</v>
      </c>
      <c r="Z18276" s="2">
        <v>91.6</v>
      </c>
      <c r="AA18276" s="5">
        <v>7</v>
      </c>
      <c r="AB18276" s="5" t="s">
        <v>43</v>
      </c>
      <c r="AC18276" s="5" t="s">
        <v>735</v>
      </c>
      <c r="AD18276" s="2" t="s">
        <v>55832</v>
      </c>
      <c r="AE18276" s="1"/>
    </row>
    <row r="18277" spans="1:31" ht="14.45">
      <c r="A18277" s="11"/>
      <c r="B18277" s="20"/>
      <c r="C18277" s="2" t="s">
        <v>55833</v>
      </c>
      <c r="D18277" s="14" t="s">
        <v>55834</v>
      </c>
      <c r="E18277" s="2" t="s">
        <v>55835</v>
      </c>
      <c r="F18277" s="2" t="s">
        <v>55836</v>
      </c>
      <c r="G18277" s="8">
        <v>487</v>
      </c>
      <c r="H18277" s="5">
        <v>10</v>
      </c>
      <c r="I18277" s="5" t="s">
        <v>69</v>
      </c>
      <c r="J18277" s="5" t="s">
        <v>55802</v>
      </c>
      <c r="K18277" s="2" t="s">
        <v>55803</v>
      </c>
      <c r="L18277" s="5" t="s">
        <v>55802</v>
      </c>
      <c r="M18277" s="2" t="s">
        <v>55803</v>
      </c>
      <c r="N18277" s="5" t="s">
        <v>733</v>
      </c>
      <c r="O18277" s="5" t="s">
        <v>38</v>
      </c>
      <c r="P18277" s="5" t="s">
        <v>39</v>
      </c>
      <c r="Q18277" s="5" t="s">
        <v>40</v>
      </c>
      <c r="R18277" s="5" t="s">
        <v>897</v>
      </c>
      <c r="S18277" s="5" t="s">
        <v>40</v>
      </c>
      <c r="T18277" s="5" t="s">
        <v>42</v>
      </c>
      <c r="U18277" s="2">
        <v>23.888000000000002</v>
      </c>
      <c r="V18277" s="2">
        <v>21.995000000000001</v>
      </c>
      <c r="W18277" s="2">
        <v>0.09</v>
      </c>
      <c r="X18277" s="2">
        <v>17</v>
      </c>
      <c r="Y18277" s="2">
        <v>57.7</v>
      </c>
      <c r="Z18277" s="2">
        <v>91.6</v>
      </c>
      <c r="AA18277" s="5">
        <v>7</v>
      </c>
      <c r="AB18277" s="5" t="s">
        <v>43</v>
      </c>
      <c r="AC18277" s="5" t="s">
        <v>735</v>
      </c>
      <c r="AD18277" s="2" t="s">
        <v>55837</v>
      </c>
      <c r="AE18277" s="1"/>
    </row>
    <row r="18278" spans="1:31" ht="14.45">
      <c r="A18278" s="11"/>
      <c r="B18278" s="20"/>
      <c r="C18278" s="2" t="s">
        <v>55838</v>
      </c>
      <c r="D18278" s="14" t="s">
        <v>55839</v>
      </c>
      <c r="E18278" s="2" t="s">
        <v>55840</v>
      </c>
      <c r="F18278" s="2" t="s">
        <v>55836</v>
      </c>
      <c r="G18278" s="8">
        <v>787</v>
      </c>
      <c r="H18278" s="5">
        <v>10</v>
      </c>
      <c r="I18278" s="5" t="s">
        <v>69</v>
      </c>
      <c r="J18278" s="5" t="s">
        <v>55802</v>
      </c>
      <c r="K18278" s="2" t="s">
        <v>55803</v>
      </c>
      <c r="L18278" s="5" t="s">
        <v>55802</v>
      </c>
      <c r="M18278" s="2" t="s">
        <v>55803</v>
      </c>
      <c r="N18278" s="5" t="s">
        <v>733</v>
      </c>
      <c r="O18278" s="5" t="s">
        <v>38</v>
      </c>
      <c r="P18278" s="5" t="s">
        <v>39</v>
      </c>
      <c r="Q18278" s="5" t="s">
        <v>40</v>
      </c>
      <c r="R18278" s="5" t="s">
        <v>897</v>
      </c>
      <c r="S18278" s="5" t="s">
        <v>40</v>
      </c>
      <c r="T18278" s="5" t="s">
        <v>42</v>
      </c>
      <c r="U18278" s="2">
        <v>25.696000000000002</v>
      </c>
      <c r="V18278" s="2">
        <v>23.692</v>
      </c>
      <c r="W18278" s="2">
        <v>0.09</v>
      </c>
      <c r="X18278" s="2">
        <v>17</v>
      </c>
      <c r="Y18278" s="2">
        <v>57.7</v>
      </c>
      <c r="Z18278" s="2">
        <v>91.6</v>
      </c>
      <c r="AA18278" s="5">
        <v>7</v>
      </c>
      <c r="AB18278" s="5" t="s">
        <v>43</v>
      </c>
      <c r="AC18278" s="5" t="s">
        <v>735</v>
      </c>
      <c r="AD18278" s="2" t="s">
        <v>55841</v>
      </c>
      <c r="AE18278" s="1"/>
    </row>
    <row r="18279" spans="1:31" ht="14.45">
      <c r="A18279" s="11"/>
      <c r="B18279" s="20"/>
      <c r="C18279" s="2" t="s">
        <v>55842</v>
      </c>
      <c r="D18279" s="14" t="s">
        <v>55843</v>
      </c>
      <c r="E18279" s="2" t="s">
        <v>55844</v>
      </c>
      <c r="F18279" s="2" t="s">
        <v>55836</v>
      </c>
      <c r="G18279" s="8">
        <v>787</v>
      </c>
      <c r="H18279" s="5">
        <v>10</v>
      </c>
      <c r="I18279" s="5" t="s">
        <v>69</v>
      </c>
      <c r="J18279" s="5" t="s">
        <v>55802</v>
      </c>
      <c r="K18279" s="2" t="s">
        <v>55803</v>
      </c>
      <c r="L18279" s="5" t="s">
        <v>55802</v>
      </c>
      <c r="M18279" s="2" t="s">
        <v>55803</v>
      </c>
      <c r="N18279" s="5" t="s">
        <v>733</v>
      </c>
      <c r="O18279" s="5" t="s">
        <v>38</v>
      </c>
      <c r="P18279" s="5" t="s">
        <v>39</v>
      </c>
      <c r="Q18279" s="5" t="s">
        <v>40</v>
      </c>
      <c r="R18279" s="5" t="s">
        <v>897</v>
      </c>
      <c r="S18279" s="5" t="s">
        <v>40</v>
      </c>
      <c r="T18279" s="5" t="s">
        <v>42</v>
      </c>
      <c r="U18279" s="2">
        <v>25.835000000000001</v>
      </c>
      <c r="V18279" s="2">
        <v>23.745000000000001</v>
      </c>
      <c r="W18279" s="2">
        <v>0.09</v>
      </c>
      <c r="X18279" s="2">
        <v>17</v>
      </c>
      <c r="Y18279" s="2">
        <v>57.7</v>
      </c>
      <c r="Z18279" s="2">
        <v>91.6</v>
      </c>
      <c r="AA18279" s="5">
        <v>7</v>
      </c>
      <c r="AB18279" s="5" t="s">
        <v>43</v>
      </c>
      <c r="AC18279" s="5" t="s">
        <v>735</v>
      </c>
      <c r="AD18279" s="2" t="s">
        <v>55845</v>
      </c>
      <c r="AE18279" s="1"/>
    </row>
    <row r="18280" spans="1:31" ht="14.45">
      <c r="A18280" s="11"/>
      <c r="B18280" s="20"/>
      <c r="C18280" s="2" t="s">
        <v>55846</v>
      </c>
      <c r="D18280" s="14" t="s">
        <v>55847</v>
      </c>
      <c r="E18280" s="2" t="s">
        <v>55848</v>
      </c>
      <c r="F18280" s="2" t="s">
        <v>55849</v>
      </c>
      <c r="G18280" s="8">
        <v>413</v>
      </c>
      <c r="H18280" s="5">
        <v>5</v>
      </c>
      <c r="I18280" s="5" t="s">
        <v>69</v>
      </c>
      <c r="J18280" s="5" t="s">
        <v>55802</v>
      </c>
      <c r="K18280" s="2" t="s">
        <v>55803</v>
      </c>
      <c r="L18280" s="5" t="s">
        <v>55802</v>
      </c>
      <c r="M18280" s="2" t="s">
        <v>55803</v>
      </c>
      <c r="N18280" s="5" t="s">
        <v>733</v>
      </c>
      <c r="O18280" s="5" t="s">
        <v>38</v>
      </c>
      <c r="P18280" s="5" t="s">
        <v>39</v>
      </c>
      <c r="Q18280" s="5" t="s">
        <v>40</v>
      </c>
      <c r="R18280" s="5" t="s">
        <v>897</v>
      </c>
      <c r="S18280" s="5" t="s">
        <v>40</v>
      </c>
      <c r="T18280" s="5" t="s">
        <v>42</v>
      </c>
      <c r="U18280" s="2">
        <v>21.756</v>
      </c>
      <c r="V18280" s="2">
        <v>19.867999999999999</v>
      </c>
      <c r="W18280" s="2">
        <v>0.09</v>
      </c>
      <c r="X18280" s="2">
        <v>17</v>
      </c>
      <c r="Y18280" s="2">
        <v>57.7</v>
      </c>
      <c r="Z18280" s="2">
        <v>91.6</v>
      </c>
      <c r="AA18280" s="5">
        <v>7</v>
      </c>
      <c r="AB18280" s="5" t="s">
        <v>43</v>
      </c>
      <c r="AC18280" s="5" t="s">
        <v>735</v>
      </c>
      <c r="AD18280" s="2" t="s">
        <v>55850</v>
      </c>
      <c r="AE18280" s="1"/>
    </row>
    <row r="18281" spans="1:31" ht="14.45">
      <c r="A18281" s="11"/>
      <c r="B18281" s="20"/>
      <c r="C18281" s="2" t="s">
        <v>55851</v>
      </c>
      <c r="D18281" s="14" t="s">
        <v>55852</v>
      </c>
      <c r="E18281" s="2" t="s">
        <v>55853</v>
      </c>
      <c r="F18281" s="2" t="s">
        <v>55849</v>
      </c>
      <c r="G18281" s="8">
        <v>713</v>
      </c>
      <c r="H18281" s="5">
        <v>5</v>
      </c>
      <c r="I18281" s="5" t="s">
        <v>69</v>
      </c>
      <c r="J18281" s="5" t="s">
        <v>55802</v>
      </c>
      <c r="K18281" s="2" t="s">
        <v>55803</v>
      </c>
      <c r="L18281" s="5" t="s">
        <v>55802</v>
      </c>
      <c r="M18281" s="2" t="s">
        <v>55803</v>
      </c>
      <c r="N18281" s="5" t="s">
        <v>733</v>
      </c>
      <c r="O18281" s="5" t="s">
        <v>38</v>
      </c>
      <c r="P18281" s="5" t="s">
        <v>39</v>
      </c>
      <c r="Q18281" s="5" t="s">
        <v>40</v>
      </c>
      <c r="R18281" s="5" t="s">
        <v>897</v>
      </c>
      <c r="S18281" s="5" t="s">
        <v>40</v>
      </c>
      <c r="T18281" s="5" t="s">
        <v>42</v>
      </c>
      <c r="U18281" s="2">
        <v>23.640999999999998</v>
      </c>
      <c r="V18281" s="2">
        <v>21.640999999999998</v>
      </c>
      <c r="W18281" s="2">
        <v>0.09</v>
      </c>
      <c r="X18281" s="2">
        <v>17</v>
      </c>
      <c r="Y18281" s="2">
        <v>57.7</v>
      </c>
      <c r="Z18281" s="2">
        <v>91.6</v>
      </c>
      <c r="AA18281" s="5">
        <v>7</v>
      </c>
      <c r="AB18281" s="5" t="s">
        <v>43</v>
      </c>
      <c r="AC18281" s="5" t="s">
        <v>735</v>
      </c>
      <c r="AD18281" s="2" t="s">
        <v>55854</v>
      </c>
      <c r="AE18281" s="1"/>
    </row>
    <row r="18282" spans="1:31" ht="14.45">
      <c r="A18282" s="11"/>
      <c r="B18282" s="20"/>
      <c r="C18282" s="2" t="s">
        <v>55855</v>
      </c>
      <c r="D18282" s="14" t="s">
        <v>55856</v>
      </c>
      <c r="E18282" s="2" t="s">
        <v>55857</v>
      </c>
      <c r="F18282" s="2" t="s">
        <v>55849</v>
      </c>
      <c r="G18282" s="8">
        <v>713</v>
      </c>
      <c r="H18282" s="5">
        <v>5</v>
      </c>
      <c r="I18282" s="5" t="s">
        <v>69</v>
      </c>
      <c r="J18282" s="5" t="s">
        <v>55802</v>
      </c>
      <c r="K18282" s="2" t="s">
        <v>55803</v>
      </c>
      <c r="L18282" s="5" t="s">
        <v>55802</v>
      </c>
      <c r="M18282" s="2" t="s">
        <v>55803</v>
      </c>
      <c r="N18282" s="5" t="s">
        <v>733</v>
      </c>
      <c r="O18282" s="5" t="s">
        <v>38</v>
      </c>
      <c r="P18282" s="5" t="s">
        <v>39</v>
      </c>
      <c r="Q18282" s="5" t="s">
        <v>40</v>
      </c>
      <c r="R18282" s="5" t="s">
        <v>897</v>
      </c>
      <c r="S18282" s="5" t="s">
        <v>40</v>
      </c>
      <c r="T18282" s="5" t="s">
        <v>42</v>
      </c>
      <c r="U18282" s="2">
        <v>23.757000000000001</v>
      </c>
      <c r="V18282" s="2">
        <v>21.670999999999999</v>
      </c>
      <c r="W18282" s="2">
        <v>0.09</v>
      </c>
      <c r="X18282" s="2">
        <v>17</v>
      </c>
      <c r="Y18282" s="2">
        <v>57.7</v>
      </c>
      <c r="Z18282" s="2">
        <v>91.6</v>
      </c>
      <c r="AA18282" s="5">
        <v>7</v>
      </c>
      <c r="AB18282" s="5" t="s">
        <v>43</v>
      </c>
      <c r="AC18282" s="5" t="s">
        <v>735</v>
      </c>
      <c r="AD18282" s="2" t="s">
        <v>55858</v>
      </c>
      <c r="AE18282" s="1"/>
    </row>
    <row r="18283" spans="1:31" ht="14.45">
      <c r="A18283" s="11"/>
      <c r="B18283" s="20"/>
      <c r="C18283" s="2" t="s">
        <v>55859</v>
      </c>
      <c r="D18283" s="14" t="s">
        <v>55860</v>
      </c>
      <c r="E18283" s="2" t="s">
        <v>55861</v>
      </c>
      <c r="F18283" s="2" t="s">
        <v>55862</v>
      </c>
      <c r="G18283" s="8">
        <v>690</v>
      </c>
      <c r="H18283" s="5">
        <v>10</v>
      </c>
      <c r="I18283" s="5" t="s">
        <v>69</v>
      </c>
      <c r="J18283" s="5" t="s">
        <v>55802</v>
      </c>
      <c r="K18283" s="2" t="s">
        <v>55803</v>
      </c>
      <c r="L18283" s="5" t="s">
        <v>55802</v>
      </c>
      <c r="M18283" s="2" t="s">
        <v>55803</v>
      </c>
      <c r="N18283" s="5" t="s">
        <v>733</v>
      </c>
      <c r="O18283" s="5" t="s">
        <v>38</v>
      </c>
      <c r="P18283" s="5" t="s">
        <v>39</v>
      </c>
      <c r="Q18283" s="5" t="s">
        <v>40</v>
      </c>
      <c r="R18283" s="5" t="s">
        <v>897</v>
      </c>
      <c r="S18283" s="5" t="s">
        <v>40</v>
      </c>
      <c r="T18283" s="5" t="s">
        <v>42</v>
      </c>
      <c r="U18283" s="2">
        <v>22.85</v>
      </c>
      <c r="V18283" s="2">
        <v>20.951000000000001</v>
      </c>
      <c r="W18283" s="2">
        <v>0.09</v>
      </c>
      <c r="X18283" s="2">
        <v>17</v>
      </c>
      <c r="Y18283" s="2">
        <v>57.7</v>
      </c>
      <c r="Z18283" s="2">
        <v>91.6</v>
      </c>
      <c r="AA18283" s="5">
        <v>7</v>
      </c>
      <c r="AB18283" s="5" t="s">
        <v>43</v>
      </c>
      <c r="AC18283" s="5" t="s">
        <v>735</v>
      </c>
      <c r="AD18283" s="2" t="s">
        <v>55863</v>
      </c>
      <c r="AE18283" s="1"/>
    </row>
    <row r="18284" spans="1:31" ht="14.45">
      <c r="A18284" s="11"/>
      <c r="B18284" s="20"/>
      <c r="C18284" s="2" t="s">
        <v>55864</v>
      </c>
      <c r="D18284" s="14" t="s">
        <v>55865</v>
      </c>
      <c r="E18284" s="2" t="s">
        <v>55866</v>
      </c>
      <c r="F18284" s="2" t="s">
        <v>55867</v>
      </c>
      <c r="G18284" s="8">
        <v>508</v>
      </c>
      <c r="H18284" s="5">
        <v>5</v>
      </c>
      <c r="I18284" s="5" t="s">
        <v>69</v>
      </c>
      <c r="J18284" s="5" t="s">
        <v>55802</v>
      </c>
      <c r="K18284" s="2" t="s">
        <v>55803</v>
      </c>
      <c r="L18284" s="5" t="s">
        <v>55802</v>
      </c>
      <c r="M18284" s="2" t="s">
        <v>55803</v>
      </c>
      <c r="N18284" s="5" t="s">
        <v>733</v>
      </c>
      <c r="O18284" s="5" t="s">
        <v>38</v>
      </c>
      <c r="P18284" s="5" t="s">
        <v>39</v>
      </c>
      <c r="Q18284" s="5" t="s">
        <v>40</v>
      </c>
      <c r="R18284" s="5" t="s">
        <v>897</v>
      </c>
      <c r="S18284" s="5" t="s">
        <v>40</v>
      </c>
      <c r="T18284" s="5" t="s">
        <v>42</v>
      </c>
      <c r="U18284" s="2">
        <v>23.873000000000001</v>
      </c>
      <c r="V18284" s="2">
        <v>21.98</v>
      </c>
      <c r="W18284" s="2">
        <v>0.09</v>
      </c>
      <c r="X18284" s="2">
        <v>17</v>
      </c>
      <c r="Y18284" s="2">
        <v>57.7</v>
      </c>
      <c r="Z18284" s="2">
        <v>91.6</v>
      </c>
      <c r="AA18284" s="5">
        <v>7</v>
      </c>
      <c r="AB18284" s="5" t="s">
        <v>43</v>
      </c>
      <c r="AC18284" s="5" t="s">
        <v>735</v>
      </c>
      <c r="AD18284" s="2" t="s">
        <v>55868</v>
      </c>
      <c r="AE18284" s="1"/>
    </row>
    <row r="18285" spans="1:31" ht="14.45">
      <c r="A18285" s="11"/>
      <c r="B18285" s="20"/>
      <c r="C18285" s="2" t="s">
        <v>55869</v>
      </c>
      <c r="D18285" s="14" t="s">
        <v>55870</v>
      </c>
      <c r="E18285" s="2" t="s">
        <v>55871</v>
      </c>
      <c r="F18285" s="2" t="s">
        <v>55867</v>
      </c>
      <c r="G18285" s="8">
        <v>808</v>
      </c>
      <c r="H18285" s="5">
        <v>5</v>
      </c>
      <c r="I18285" s="5" t="s">
        <v>69</v>
      </c>
      <c r="J18285" s="5" t="s">
        <v>55802</v>
      </c>
      <c r="K18285" s="2" t="s">
        <v>55803</v>
      </c>
      <c r="L18285" s="5" t="s">
        <v>55802</v>
      </c>
      <c r="M18285" s="2" t="s">
        <v>55803</v>
      </c>
      <c r="N18285" s="5" t="s">
        <v>733</v>
      </c>
      <c r="O18285" s="5" t="s">
        <v>38</v>
      </c>
      <c r="P18285" s="5" t="s">
        <v>39</v>
      </c>
      <c r="Q18285" s="5" t="s">
        <v>40</v>
      </c>
      <c r="R18285" s="5" t="s">
        <v>897</v>
      </c>
      <c r="S18285" s="5" t="s">
        <v>40</v>
      </c>
      <c r="T18285" s="5" t="s">
        <v>42</v>
      </c>
      <c r="U18285" s="2">
        <v>25.681000000000001</v>
      </c>
      <c r="V18285" s="2">
        <v>23.677</v>
      </c>
      <c r="W18285" s="2">
        <v>0.09</v>
      </c>
      <c r="X18285" s="2">
        <v>17</v>
      </c>
      <c r="Y18285" s="2">
        <v>57.7</v>
      </c>
      <c r="Z18285" s="2">
        <v>91.6</v>
      </c>
      <c r="AA18285" s="5">
        <v>7</v>
      </c>
      <c r="AB18285" s="5" t="s">
        <v>43</v>
      </c>
      <c r="AC18285" s="5" t="s">
        <v>735</v>
      </c>
      <c r="AD18285" s="2" t="s">
        <v>55872</v>
      </c>
      <c r="AE18285" s="1"/>
    </row>
    <row r="18286" spans="1:31" ht="14.45">
      <c r="A18286" s="11"/>
      <c r="B18286" s="20"/>
      <c r="C18286" s="2" t="s">
        <v>55873</v>
      </c>
      <c r="D18286" s="14" t="s">
        <v>55874</v>
      </c>
      <c r="E18286" s="2" t="s">
        <v>55875</v>
      </c>
      <c r="F18286" s="2" t="s">
        <v>55867</v>
      </c>
      <c r="G18286" s="8">
        <v>808</v>
      </c>
      <c r="H18286" s="5">
        <v>10</v>
      </c>
      <c r="I18286" s="5" t="s">
        <v>69</v>
      </c>
      <c r="J18286" s="5" t="s">
        <v>55802</v>
      </c>
      <c r="K18286" s="2" t="s">
        <v>55803</v>
      </c>
      <c r="L18286" s="5" t="s">
        <v>55802</v>
      </c>
      <c r="M18286" s="2" t="s">
        <v>55803</v>
      </c>
      <c r="N18286" s="5" t="s">
        <v>733</v>
      </c>
      <c r="O18286" s="5" t="s">
        <v>38</v>
      </c>
      <c r="P18286" s="5" t="s">
        <v>39</v>
      </c>
      <c r="Q18286" s="5" t="s">
        <v>40</v>
      </c>
      <c r="R18286" s="5" t="s">
        <v>897</v>
      </c>
      <c r="S18286" s="5" t="s">
        <v>40</v>
      </c>
      <c r="T18286" s="5" t="s">
        <v>42</v>
      </c>
      <c r="U18286" s="2">
        <v>25.82</v>
      </c>
      <c r="V18286" s="2">
        <v>23.73</v>
      </c>
      <c r="W18286" s="2">
        <v>0.09</v>
      </c>
      <c r="X18286" s="2">
        <v>17</v>
      </c>
      <c r="Y18286" s="2">
        <v>57.7</v>
      </c>
      <c r="Z18286" s="2">
        <v>91.6</v>
      </c>
      <c r="AA18286" s="5">
        <v>7</v>
      </c>
      <c r="AB18286" s="5" t="s">
        <v>43</v>
      </c>
      <c r="AC18286" s="5" t="s">
        <v>735</v>
      </c>
      <c r="AD18286" s="2" t="s">
        <v>55876</v>
      </c>
      <c r="AE18286" s="1"/>
    </row>
    <row r="18287" spans="1:31" ht="14.45">
      <c r="A18287" s="11"/>
      <c r="B18287" s="20"/>
      <c r="C18287" s="2" t="s">
        <v>55877</v>
      </c>
      <c r="D18287" s="14" t="s">
        <v>55878</v>
      </c>
      <c r="E18287" s="2" t="s">
        <v>55879</v>
      </c>
      <c r="F18287" s="2" t="s">
        <v>55880</v>
      </c>
      <c r="G18287" s="8">
        <v>1376</v>
      </c>
      <c r="H18287" s="5">
        <v>10</v>
      </c>
      <c r="I18287" s="5" t="s">
        <v>69</v>
      </c>
      <c r="J18287" s="5" t="s">
        <v>55802</v>
      </c>
      <c r="K18287" s="2" t="s">
        <v>55803</v>
      </c>
      <c r="L18287" s="5" t="s">
        <v>55802</v>
      </c>
      <c r="M18287" s="2" t="s">
        <v>55803</v>
      </c>
      <c r="N18287" s="5" t="s">
        <v>733</v>
      </c>
      <c r="O18287" s="5" t="s">
        <v>38</v>
      </c>
      <c r="P18287" s="5" t="s">
        <v>39</v>
      </c>
      <c r="Q18287" s="5" t="s">
        <v>40</v>
      </c>
      <c r="R18287" s="5" t="s">
        <v>897</v>
      </c>
      <c r="S18287" s="5" t="s">
        <v>40</v>
      </c>
      <c r="T18287" s="5" t="s">
        <v>42</v>
      </c>
      <c r="U18287" s="2">
        <v>30.23</v>
      </c>
      <c r="V18287" s="2">
        <v>28.225999999999999</v>
      </c>
      <c r="W18287" s="2">
        <v>0.09</v>
      </c>
      <c r="X18287" s="2">
        <v>17</v>
      </c>
      <c r="Y18287" s="2">
        <v>57.7</v>
      </c>
      <c r="Z18287" s="2">
        <v>91.6</v>
      </c>
      <c r="AA18287" s="5">
        <v>7</v>
      </c>
      <c r="AB18287" s="5" t="s">
        <v>43</v>
      </c>
      <c r="AC18287" s="5" t="s">
        <v>735</v>
      </c>
      <c r="AD18287" s="2" t="s">
        <v>55881</v>
      </c>
      <c r="AE18287" s="1"/>
    </row>
    <row r="18288" spans="1:31" ht="14.45">
      <c r="A18288" s="11"/>
      <c r="B18288" s="20"/>
      <c r="C18288" s="2" t="s">
        <v>55882</v>
      </c>
      <c r="D18288" s="14" t="s">
        <v>55883</v>
      </c>
      <c r="E18288" s="2" t="s">
        <v>55884</v>
      </c>
      <c r="F18288" s="2" t="s">
        <v>55885</v>
      </c>
      <c r="G18288" s="8">
        <v>1014</v>
      </c>
      <c r="H18288" s="5">
        <v>10</v>
      </c>
      <c r="I18288" s="5" t="s">
        <v>69</v>
      </c>
      <c r="J18288" s="5" t="s">
        <v>55802</v>
      </c>
      <c r="K18288" s="2" t="s">
        <v>55803</v>
      </c>
      <c r="L18288" s="5" t="s">
        <v>55802</v>
      </c>
      <c r="M18288" s="2" t="s">
        <v>55803</v>
      </c>
      <c r="N18288" s="5" t="s">
        <v>733</v>
      </c>
      <c r="O18288" s="5" t="s">
        <v>38</v>
      </c>
      <c r="P18288" s="5" t="s">
        <v>39</v>
      </c>
      <c r="Q18288" s="5" t="s">
        <v>40</v>
      </c>
      <c r="R18288" s="5" t="s">
        <v>897</v>
      </c>
      <c r="S18288" s="5" t="s">
        <v>40</v>
      </c>
      <c r="T18288" s="5" t="s">
        <v>42</v>
      </c>
      <c r="U18288" s="2">
        <v>25.991</v>
      </c>
      <c r="V18288" s="2">
        <v>24.097999999999999</v>
      </c>
      <c r="W18288" s="2">
        <v>0.09</v>
      </c>
      <c r="X18288" s="2">
        <v>17</v>
      </c>
      <c r="Y18288" s="2">
        <v>57.7</v>
      </c>
      <c r="Z18288" s="2">
        <v>91.6</v>
      </c>
      <c r="AA18288" s="5">
        <v>7</v>
      </c>
      <c r="AB18288" s="5" t="s">
        <v>43</v>
      </c>
      <c r="AC18288" s="5" t="s">
        <v>735</v>
      </c>
      <c r="AD18288" s="2" t="s">
        <v>55886</v>
      </c>
      <c r="AE18288" s="1"/>
    </row>
    <row r="18289" spans="1:31" ht="14.45">
      <c r="A18289" s="11"/>
      <c r="B18289" s="20"/>
      <c r="C18289" s="2" t="s">
        <v>55887</v>
      </c>
      <c r="D18289" s="14" t="s">
        <v>55888</v>
      </c>
      <c r="E18289" s="2" t="s">
        <v>55889</v>
      </c>
      <c r="F18289" s="2" t="s">
        <v>55890</v>
      </c>
      <c r="G18289" s="8">
        <v>1314</v>
      </c>
      <c r="H18289" s="5">
        <v>10</v>
      </c>
      <c r="I18289" s="5" t="s">
        <v>69</v>
      </c>
      <c r="J18289" s="5" t="s">
        <v>55802</v>
      </c>
      <c r="K18289" s="2" t="s">
        <v>55803</v>
      </c>
      <c r="L18289" s="5" t="s">
        <v>55802</v>
      </c>
      <c r="M18289" s="2" t="s">
        <v>55803</v>
      </c>
      <c r="N18289" s="5" t="s">
        <v>733</v>
      </c>
      <c r="O18289" s="5" t="s">
        <v>38</v>
      </c>
      <c r="P18289" s="5" t="s">
        <v>39</v>
      </c>
      <c r="Q18289" s="5" t="s">
        <v>40</v>
      </c>
      <c r="R18289" s="5" t="s">
        <v>897</v>
      </c>
      <c r="S18289" s="5" t="s">
        <v>40</v>
      </c>
      <c r="T18289" s="5" t="s">
        <v>42</v>
      </c>
      <c r="U18289" s="2">
        <v>27.798999999999999</v>
      </c>
      <c r="V18289" s="2">
        <v>25.795000000000002</v>
      </c>
      <c r="W18289" s="2">
        <v>0.09</v>
      </c>
      <c r="X18289" s="2">
        <v>17</v>
      </c>
      <c r="Y18289" s="2">
        <v>57.7</v>
      </c>
      <c r="Z18289" s="2">
        <v>91.6</v>
      </c>
      <c r="AA18289" s="5">
        <v>7</v>
      </c>
      <c r="AB18289" s="5" t="s">
        <v>43</v>
      </c>
      <c r="AC18289" s="5" t="s">
        <v>735</v>
      </c>
      <c r="AD18289" s="2" t="s">
        <v>55891</v>
      </c>
      <c r="AE18289" s="1"/>
    </row>
    <row r="18290" spans="1:31" ht="14.45">
      <c r="A18290" s="11"/>
      <c r="B18290" s="20"/>
      <c r="C18290" s="2" t="s">
        <v>55892</v>
      </c>
      <c r="D18290" s="14" t="s">
        <v>55893</v>
      </c>
      <c r="E18290" s="2" t="s">
        <v>55894</v>
      </c>
      <c r="F18290" s="2" t="s">
        <v>55890</v>
      </c>
      <c r="G18290" s="8">
        <v>1314</v>
      </c>
      <c r="H18290" s="5">
        <v>10</v>
      </c>
      <c r="I18290" s="5" t="s">
        <v>69</v>
      </c>
      <c r="J18290" s="5" t="s">
        <v>55802</v>
      </c>
      <c r="K18290" s="2" t="s">
        <v>55803</v>
      </c>
      <c r="L18290" s="5" t="s">
        <v>55802</v>
      </c>
      <c r="M18290" s="2" t="s">
        <v>55803</v>
      </c>
      <c r="N18290" s="5" t="s">
        <v>733</v>
      </c>
      <c r="O18290" s="5" t="s">
        <v>38</v>
      </c>
      <c r="P18290" s="5" t="s">
        <v>39</v>
      </c>
      <c r="Q18290" s="5" t="s">
        <v>40</v>
      </c>
      <c r="R18290" s="5" t="s">
        <v>897</v>
      </c>
      <c r="S18290" s="5" t="s">
        <v>40</v>
      </c>
      <c r="T18290" s="5" t="s">
        <v>42</v>
      </c>
      <c r="U18290" s="2">
        <v>27.939</v>
      </c>
      <c r="V18290" s="2">
        <v>25.849</v>
      </c>
      <c r="W18290" s="2">
        <v>0.09</v>
      </c>
      <c r="X18290" s="2">
        <v>17</v>
      </c>
      <c r="Y18290" s="2">
        <v>57.7</v>
      </c>
      <c r="Z18290" s="2">
        <v>91.6</v>
      </c>
      <c r="AA18290" s="5">
        <v>7</v>
      </c>
      <c r="AB18290" s="5" t="s">
        <v>43</v>
      </c>
      <c r="AC18290" s="5" t="s">
        <v>735</v>
      </c>
      <c r="AD18290" s="2" t="s">
        <v>55895</v>
      </c>
      <c r="AE18290" s="1"/>
    </row>
    <row r="18291" spans="1:31" ht="14.45">
      <c r="A18291" s="11"/>
      <c r="B18291" s="20"/>
      <c r="C18291" s="2" t="s">
        <v>55896</v>
      </c>
      <c r="D18291" s="14" t="s">
        <v>55897</v>
      </c>
      <c r="E18291" s="2" t="s">
        <v>55898</v>
      </c>
      <c r="F18291" s="2" t="s">
        <v>55899</v>
      </c>
      <c r="G18291" s="8">
        <v>881</v>
      </c>
      <c r="H18291" s="5">
        <v>10</v>
      </c>
      <c r="I18291" s="5" t="s">
        <v>69</v>
      </c>
      <c r="J18291" s="5" t="s">
        <v>55802</v>
      </c>
      <c r="K18291" s="2" t="s">
        <v>55803</v>
      </c>
      <c r="L18291" s="5" t="s">
        <v>55802</v>
      </c>
      <c r="M18291" s="2" t="s">
        <v>55803</v>
      </c>
      <c r="N18291" s="5" t="s">
        <v>733</v>
      </c>
      <c r="O18291" s="5" t="s">
        <v>38</v>
      </c>
      <c r="P18291" s="5" t="s">
        <v>39</v>
      </c>
      <c r="Q18291" s="5" t="s">
        <v>40</v>
      </c>
      <c r="R18291" s="5" t="s">
        <v>897</v>
      </c>
      <c r="S18291" s="5" t="s">
        <v>40</v>
      </c>
      <c r="T18291" s="5" t="s">
        <v>42</v>
      </c>
      <c r="U18291" s="2">
        <v>23.677</v>
      </c>
      <c r="V18291" s="2">
        <v>21.783999999999999</v>
      </c>
      <c r="W18291" s="2">
        <v>0.09</v>
      </c>
      <c r="X18291" s="2">
        <v>17</v>
      </c>
      <c r="Y18291" s="2">
        <v>57.7</v>
      </c>
      <c r="Z18291" s="2">
        <v>91.6</v>
      </c>
      <c r="AA18291" s="5">
        <v>7</v>
      </c>
      <c r="AB18291" s="5" t="s">
        <v>43</v>
      </c>
      <c r="AC18291" s="5" t="s">
        <v>735</v>
      </c>
      <c r="AD18291" s="2" t="s">
        <v>55900</v>
      </c>
      <c r="AE18291" s="1"/>
    </row>
    <row r="18292" spans="1:31" ht="14.45">
      <c r="A18292" s="11"/>
      <c r="B18292" s="20"/>
      <c r="C18292" s="2" t="s">
        <v>55901</v>
      </c>
      <c r="D18292" s="14" t="s">
        <v>55902</v>
      </c>
      <c r="E18292" s="2" t="s">
        <v>55903</v>
      </c>
      <c r="F18292" s="2" t="s">
        <v>55904</v>
      </c>
      <c r="G18292" s="8">
        <v>1181</v>
      </c>
      <c r="H18292" s="5">
        <v>10</v>
      </c>
      <c r="I18292" s="5" t="s">
        <v>69</v>
      </c>
      <c r="J18292" s="5" t="s">
        <v>55802</v>
      </c>
      <c r="K18292" s="2" t="s">
        <v>55803</v>
      </c>
      <c r="L18292" s="5" t="s">
        <v>55802</v>
      </c>
      <c r="M18292" s="2" t="s">
        <v>55803</v>
      </c>
      <c r="N18292" s="5" t="s">
        <v>733</v>
      </c>
      <c r="O18292" s="5" t="s">
        <v>38</v>
      </c>
      <c r="P18292" s="5" t="s">
        <v>39</v>
      </c>
      <c r="Q18292" s="5" t="s">
        <v>40</v>
      </c>
      <c r="R18292" s="5" t="s">
        <v>897</v>
      </c>
      <c r="S18292" s="5" t="s">
        <v>40</v>
      </c>
      <c r="T18292" s="5" t="s">
        <v>42</v>
      </c>
      <c r="U18292" s="2">
        <v>25.49</v>
      </c>
      <c r="V18292" s="2">
        <v>23.481000000000002</v>
      </c>
      <c r="W18292" s="2">
        <v>0.09</v>
      </c>
      <c r="X18292" s="2">
        <v>17</v>
      </c>
      <c r="Y18292" s="2">
        <v>57.7</v>
      </c>
      <c r="Z18292" s="2">
        <v>91.6</v>
      </c>
      <c r="AA18292" s="5">
        <v>7</v>
      </c>
      <c r="AB18292" s="5" t="s">
        <v>43</v>
      </c>
      <c r="AC18292" s="5" t="s">
        <v>735</v>
      </c>
      <c r="AD18292" s="2" t="s">
        <v>55905</v>
      </c>
      <c r="AE18292" s="1"/>
    </row>
    <row r="18293" spans="1:31" ht="14.45">
      <c r="A18293" s="11"/>
      <c r="B18293" s="20"/>
      <c r="C18293" s="2" t="s">
        <v>55906</v>
      </c>
      <c r="D18293" s="14" t="s">
        <v>55907</v>
      </c>
      <c r="E18293" s="2" t="s">
        <v>55908</v>
      </c>
      <c r="F18293" s="2" t="s">
        <v>55904</v>
      </c>
      <c r="G18293" s="8">
        <v>1181</v>
      </c>
      <c r="H18293" s="5">
        <v>10</v>
      </c>
      <c r="I18293" s="5" t="s">
        <v>69</v>
      </c>
      <c r="J18293" s="5" t="s">
        <v>55802</v>
      </c>
      <c r="K18293" s="2" t="s">
        <v>55803</v>
      </c>
      <c r="L18293" s="5" t="s">
        <v>55802</v>
      </c>
      <c r="M18293" s="2" t="s">
        <v>55803</v>
      </c>
      <c r="N18293" s="5" t="s">
        <v>733</v>
      </c>
      <c r="O18293" s="5" t="s">
        <v>38</v>
      </c>
      <c r="P18293" s="5" t="s">
        <v>39</v>
      </c>
      <c r="Q18293" s="5" t="s">
        <v>40</v>
      </c>
      <c r="R18293" s="5" t="s">
        <v>897</v>
      </c>
      <c r="S18293" s="5" t="s">
        <v>40</v>
      </c>
      <c r="T18293" s="5" t="s">
        <v>42</v>
      </c>
      <c r="U18293" s="2">
        <v>25.63</v>
      </c>
      <c r="V18293" s="2">
        <v>23.535</v>
      </c>
      <c r="W18293" s="2">
        <v>0.09</v>
      </c>
      <c r="X18293" s="2">
        <v>17</v>
      </c>
      <c r="Y18293" s="2">
        <v>57.7</v>
      </c>
      <c r="Z18293" s="2">
        <v>91.6</v>
      </c>
      <c r="AA18293" s="5">
        <v>7</v>
      </c>
      <c r="AB18293" s="5" t="s">
        <v>43</v>
      </c>
      <c r="AC18293" s="5" t="s">
        <v>735</v>
      </c>
      <c r="AD18293" s="2" t="s">
        <v>55909</v>
      </c>
      <c r="AE18293" s="1"/>
    </row>
    <row r="18294" spans="1:31" ht="14.45">
      <c r="A18294" s="11"/>
      <c r="B18294" s="20"/>
      <c r="C18294" s="2" t="s">
        <v>55910</v>
      </c>
      <c r="D18294" s="14" t="s">
        <v>55911</v>
      </c>
      <c r="E18294" s="2" t="s">
        <v>55912</v>
      </c>
      <c r="F18294" s="2" t="s">
        <v>55913</v>
      </c>
      <c r="G18294" s="8">
        <v>976</v>
      </c>
      <c r="H18294" s="5">
        <v>5</v>
      </c>
      <c r="I18294" s="5" t="s">
        <v>69</v>
      </c>
      <c r="J18294" s="5" t="s">
        <v>55802</v>
      </c>
      <c r="K18294" s="2" t="s">
        <v>55803</v>
      </c>
      <c r="L18294" s="5" t="s">
        <v>55802</v>
      </c>
      <c r="M18294" s="2" t="s">
        <v>55803</v>
      </c>
      <c r="N18294" s="5" t="s">
        <v>733</v>
      </c>
      <c r="O18294" s="5" t="s">
        <v>38</v>
      </c>
      <c r="P18294" s="5" t="s">
        <v>39</v>
      </c>
      <c r="Q18294" s="5" t="s">
        <v>40</v>
      </c>
      <c r="R18294" s="5" t="s">
        <v>897</v>
      </c>
      <c r="S18294" s="5" t="s">
        <v>40</v>
      </c>
      <c r="T18294" s="5" t="s">
        <v>42</v>
      </c>
      <c r="U18294" s="2">
        <v>25.978000000000002</v>
      </c>
      <c r="V18294" s="2">
        <v>24.085000000000001</v>
      </c>
      <c r="W18294" s="2">
        <v>0.09</v>
      </c>
      <c r="X18294" s="2">
        <v>17</v>
      </c>
      <c r="Y18294" s="2">
        <v>57.7</v>
      </c>
      <c r="Z18294" s="2">
        <v>91.6</v>
      </c>
      <c r="AA18294" s="5">
        <v>7</v>
      </c>
      <c r="AB18294" s="5" t="s">
        <v>43</v>
      </c>
      <c r="AC18294" s="5" t="s">
        <v>735</v>
      </c>
      <c r="AD18294" s="2" t="s">
        <v>55914</v>
      </c>
      <c r="AE18294" s="1"/>
    </row>
    <row r="18295" spans="1:31" ht="14.45">
      <c r="A18295" s="11"/>
      <c r="B18295" s="20"/>
      <c r="C18295" s="2" t="s">
        <v>55915</v>
      </c>
      <c r="D18295" s="14" t="s">
        <v>55916</v>
      </c>
      <c r="E18295" s="2" t="s">
        <v>55917</v>
      </c>
      <c r="F18295" s="2" t="s">
        <v>55913</v>
      </c>
      <c r="G18295" s="8">
        <v>1276</v>
      </c>
      <c r="H18295" s="5">
        <v>10</v>
      </c>
      <c r="I18295" s="5" t="s">
        <v>69</v>
      </c>
      <c r="J18295" s="5" t="s">
        <v>55802</v>
      </c>
      <c r="K18295" s="2" t="s">
        <v>55803</v>
      </c>
      <c r="L18295" s="5" t="s">
        <v>55802</v>
      </c>
      <c r="M18295" s="2" t="s">
        <v>55803</v>
      </c>
      <c r="N18295" s="5" t="s">
        <v>733</v>
      </c>
      <c r="O18295" s="5" t="s">
        <v>38</v>
      </c>
      <c r="P18295" s="5" t="s">
        <v>39</v>
      </c>
      <c r="Q18295" s="5" t="s">
        <v>40</v>
      </c>
      <c r="R18295" s="5" t="s">
        <v>897</v>
      </c>
      <c r="S18295" s="5" t="s">
        <v>40</v>
      </c>
      <c r="T18295" s="5" t="s">
        <v>42</v>
      </c>
      <c r="U18295" s="2">
        <v>27.786000000000001</v>
      </c>
      <c r="V18295" s="2">
        <v>25.782</v>
      </c>
      <c r="W18295" s="2">
        <v>0.09</v>
      </c>
      <c r="X18295" s="2">
        <v>17</v>
      </c>
      <c r="Y18295" s="2">
        <v>57.7</v>
      </c>
      <c r="Z18295" s="2">
        <v>91.6</v>
      </c>
      <c r="AA18295" s="5">
        <v>7</v>
      </c>
      <c r="AB18295" s="5" t="s">
        <v>43</v>
      </c>
      <c r="AC18295" s="5" t="s">
        <v>735</v>
      </c>
      <c r="AD18295" s="2" t="s">
        <v>55918</v>
      </c>
      <c r="AE18295" s="1"/>
    </row>
    <row r="18296" spans="1:31" ht="14.45">
      <c r="A18296" s="11"/>
      <c r="B18296" s="20"/>
      <c r="C18296" s="2" t="s">
        <v>55919</v>
      </c>
      <c r="D18296" s="14" t="s">
        <v>55920</v>
      </c>
      <c r="E18296" s="2" t="s">
        <v>55921</v>
      </c>
      <c r="F18296" s="2" t="s">
        <v>55913</v>
      </c>
      <c r="G18296" s="8">
        <v>1276</v>
      </c>
      <c r="H18296" s="5">
        <v>5</v>
      </c>
      <c r="I18296" s="5" t="s">
        <v>69</v>
      </c>
      <c r="J18296" s="5" t="s">
        <v>55802</v>
      </c>
      <c r="K18296" s="2" t="s">
        <v>55803</v>
      </c>
      <c r="L18296" s="5" t="s">
        <v>55802</v>
      </c>
      <c r="M18296" s="2" t="s">
        <v>55803</v>
      </c>
      <c r="N18296" s="5" t="s">
        <v>733</v>
      </c>
      <c r="O18296" s="5" t="s">
        <v>38</v>
      </c>
      <c r="P18296" s="5" t="s">
        <v>39</v>
      </c>
      <c r="Q18296" s="5" t="s">
        <v>40</v>
      </c>
      <c r="R18296" s="5" t="s">
        <v>897</v>
      </c>
      <c r="S18296" s="5" t="s">
        <v>40</v>
      </c>
      <c r="T18296" s="5" t="s">
        <v>42</v>
      </c>
      <c r="U18296" s="2">
        <v>27.925999999999998</v>
      </c>
      <c r="V18296" s="2">
        <v>25.835999999999999</v>
      </c>
      <c r="W18296" s="2">
        <v>0.09</v>
      </c>
      <c r="X18296" s="2">
        <v>17</v>
      </c>
      <c r="Y18296" s="2">
        <v>57.7</v>
      </c>
      <c r="Z18296" s="2">
        <v>91.6</v>
      </c>
      <c r="AA18296" s="5">
        <v>7</v>
      </c>
      <c r="AB18296" s="5" t="s">
        <v>43</v>
      </c>
      <c r="AC18296" s="5" t="s">
        <v>735</v>
      </c>
      <c r="AD18296" s="2" t="s">
        <v>55922</v>
      </c>
      <c r="AE18296" s="1"/>
    </row>
    <row r="18297" spans="1:31" ht="14.45">
      <c r="A18297" s="11"/>
      <c r="B18297" s="20"/>
      <c r="C18297" s="2" t="s">
        <v>55923</v>
      </c>
      <c r="D18297" s="14" t="s">
        <v>55924</v>
      </c>
      <c r="E18297" s="2" t="s">
        <v>55925</v>
      </c>
      <c r="F18297" s="2" t="s">
        <v>55926</v>
      </c>
      <c r="G18297" s="8">
        <v>1014</v>
      </c>
      <c r="H18297" s="5">
        <v>10</v>
      </c>
      <c r="I18297" s="5" t="s">
        <v>69</v>
      </c>
      <c r="J18297" s="5" t="s">
        <v>55802</v>
      </c>
      <c r="K18297" s="2" t="s">
        <v>55803</v>
      </c>
      <c r="L18297" s="5" t="s">
        <v>55802</v>
      </c>
      <c r="M18297" s="2" t="s">
        <v>55803</v>
      </c>
      <c r="N18297" s="5" t="s">
        <v>733</v>
      </c>
      <c r="O18297" s="5" t="s">
        <v>38</v>
      </c>
      <c r="P18297" s="5" t="s">
        <v>39</v>
      </c>
      <c r="Q18297" s="5" t="s">
        <v>40</v>
      </c>
      <c r="R18297" s="5" t="s">
        <v>897</v>
      </c>
      <c r="S18297" s="5" t="s">
        <v>40</v>
      </c>
      <c r="T18297" s="5" t="s">
        <v>42</v>
      </c>
      <c r="U18297" s="2">
        <v>25.414999999999999</v>
      </c>
      <c r="V18297" s="2">
        <v>23.521999999999998</v>
      </c>
      <c r="W18297" s="2">
        <v>0.09</v>
      </c>
      <c r="X18297" s="2">
        <v>17</v>
      </c>
      <c r="Y18297" s="2">
        <v>57.7</v>
      </c>
      <c r="Z18297" s="2">
        <v>91.6</v>
      </c>
      <c r="AA18297" s="5">
        <v>7</v>
      </c>
      <c r="AB18297" s="5" t="s">
        <v>43</v>
      </c>
      <c r="AC18297" s="5" t="s">
        <v>735</v>
      </c>
      <c r="AD18297" s="2" t="s">
        <v>55927</v>
      </c>
      <c r="AE18297" s="1"/>
    </row>
    <row r="18298" spans="1:31" ht="14.45">
      <c r="A18298" s="11"/>
      <c r="B18298" s="20"/>
      <c r="C18298" s="2" t="s">
        <v>55928</v>
      </c>
      <c r="D18298" s="14" t="s">
        <v>55929</v>
      </c>
      <c r="E18298" s="2" t="s">
        <v>55930</v>
      </c>
      <c r="F18298" s="2" t="s">
        <v>55931</v>
      </c>
      <c r="G18298" s="8">
        <v>1314</v>
      </c>
      <c r="H18298" s="5">
        <v>10</v>
      </c>
      <c r="I18298" s="5" t="s">
        <v>69</v>
      </c>
      <c r="J18298" s="5" t="s">
        <v>55802</v>
      </c>
      <c r="K18298" s="2" t="s">
        <v>55803</v>
      </c>
      <c r="L18298" s="5" t="s">
        <v>55802</v>
      </c>
      <c r="M18298" s="2" t="s">
        <v>55803</v>
      </c>
      <c r="N18298" s="5" t="s">
        <v>733</v>
      </c>
      <c r="O18298" s="5" t="s">
        <v>38</v>
      </c>
      <c r="P18298" s="5" t="s">
        <v>39</v>
      </c>
      <c r="Q18298" s="5" t="s">
        <v>40</v>
      </c>
      <c r="R18298" s="5" t="s">
        <v>897</v>
      </c>
      <c r="S18298" s="5" t="s">
        <v>40</v>
      </c>
      <c r="T18298" s="5" t="s">
        <v>42</v>
      </c>
      <c r="U18298" s="2">
        <v>27.222999999999999</v>
      </c>
      <c r="V18298" s="2">
        <v>25.219000000000001</v>
      </c>
      <c r="W18298" s="2">
        <v>0.09</v>
      </c>
      <c r="X18298" s="2">
        <v>17</v>
      </c>
      <c r="Y18298" s="2">
        <v>57.7</v>
      </c>
      <c r="Z18298" s="2">
        <v>91.6</v>
      </c>
      <c r="AA18298" s="5">
        <v>7</v>
      </c>
      <c r="AB18298" s="5" t="s">
        <v>43</v>
      </c>
      <c r="AC18298" s="5" t="s">
        <v>735</v>
      </c>
      <c r="AD18298" s="2" t="s">
        <v>55932</v>
      </c>
      <c r="AE18298" s="1"/>
    </row>
    <row r="18299" spans="1:31" ht="14.45">
      <c r="A18299" s="11"/>
      <c r="B18299" s="20"/>
      <c r="C18299" s="2" t="s">
        <v>55933</v>
      </c>
      <c r="D18299" s="14" t="s">
        <v>55934</v>
      </c>
      <c r="E18299" s="2" t="s">
        <v>55935</v>
      </c>
      <c r="F18299" s="2" t="s">
        <v>55931</v>
      </c>
      <c r="G18299" s="8">
        <v>1314</v>
      </c>
      <c r="H18299" s="5">
        <v>10</v>
      </c>
      <c r="I18299" s="5" t="s">
        <v>69</v>
      </c>
      <c r="J18299" s="5" t="s">
        <v>55802</v>
      </c>
      <c r="K18299" s="2" t="s">
        <v>55803</v>
      </c>
      <c r="L18299" s="5" t="s">
        <v>55802</v>
      </c>
      <c r="M18299" s="2" t="s">
        <v>55803</v>
      </c>
      <c r="N18299" s="5" t="s">
        <v>733</v>
      </c>
      <c r="O18299" s="5" t="s">
        <v>38</v>
      </c>
      <c r="P18299" s="5" t="s">
        <v>39</v>
      </c>
      <c r="Q18299" s="5" t="s">
        <v>40</v>
      </c>
      <c r="R18299" s="5" t="s">
        <v>897</v>
      </c>
      <c r="S18299" s="5" t="s">
        <v>40</v>
      </c>
      <c r="T18299" s="5" t="s">
        <v>42</v>
      </c>
      <c r="U18299" s="2">
        <v>27.363</v>
      </c>
      <c r="V18299" s="2">
        <v>25.273</v>
      </c>
      <c r="W18299" s="2">
        <v>0.09</v>
      </c>
      <c r="X18299" s="2">
        <v>17</v>
      </c>
      <c r="Y18299" s="2">
        <v>57.7</v>
      </c>
      <c r="Z18299" s="2">
        <v>91.6</v>
      </c>
      <c r="AA18299" s="5">
        <v>7</v>
      </c>
      <c r="AB18299" s="5" t="s">
        <v>43</v>
      </c>
      <c r="AC18299" s="5" t="s">
        <v>735</v>
      </c>
      <c r="AD18299" s="2" t="s">
        <v>55936</v>
      </c>
      <c r="AE18299" s="1"/>
    </row>
    <row r="18300" spans="1:31" ht="14.45">
      <c r="A18300" s="11"/>
      <c r="B18300" s="20"/>
      <c r="C18300" s="2" t="s">
        <v>55937</v>
      </c>
      <c r="D18300" s="14" t="s">
        <v>55938</v>
      </c>
      <c r="E18300" s="2" t="s">
        <v>55939</v>
      </c>
      <c r="F18300" s="2" t="s">
        <v>55940</v>
      </c>
      <c r="G18300" s="8">
        <v>881</v>
      </c>
      <c r="H18300" s="5">
        <v>10</v>
      </c>
      <c r="I18300" s="5" t="s">
        <v>69</v>
      </c>
      <c r="J18300" s="5" t="s">
        <v>55802</v>
      </c>
      <c r="K18300" s="2" t="s">
        <v>55803</v>
      </c>
      <c r="L18300" s="5" t="s">
        <v>55802</v>
      </c>
      <c r="M18300" s="2" t="s">
        <v>55803</v>
      </c>
      <c r="N18300" s="5" t="s">
        <v>733</v>
      </c>
      <c r="O18300" s="5" t="s">
        <v>38</v>
      </c>
      <c r="P18300" s="5" t="s">
        <v>39</v>
      </c>
      <c r="Q18300" s="5" t="s">
        <v>40</v>
      </c>
      <c r="R18300" s="5" t="s">
        <v>897</v>
      </c>
      <c r="S18300" s="5" t="s">
        <v>40</v>
      </c>
      <c r="T18300" s="5" t="s">
        <v>42</v>
      </c>
      <c r="U18300" s="2">
        <v>23.102</v>
      </c>
      <c r="V18300" s="2">
        <v>21.209</v>
      </c>
      <c r="W18300" s="2">
        <v>0.09</v>
      </c>
      <c r="X18300" s="2">
        <v>17</v>
      </c>
      <c r="Y18300" s="2">
        <v>57.7</v>
      </c>
      <c r="Z18300" s="2">
        <v>91.6</v>
      </c>
      <c r="AA18300" s="5">
        <v>7</v>
      </c>
      <c r="AB18300" s="5" t="s">
        <v>43</v>
      </c>
      <c r="AC18300" s="5" t="s">
        <v>735</v>
      </c>
      <c r="AD18300" s="2" t="s">
        <v>55941</v>
      </c>
      <c r="AE18300" s="1"/>
    </row>
    <row r="18301" spans="1:31" ht="14.45">
      <c r="A18301" s="11"/>
      <c r="B18301" s="20"/>
      <c r="C18301" s="2" t="s">
        <v>55942</v>
      </c>
      <c r="D18301" s="14" t="s">
        <v>55943</v>
      </c>
      <c r="E18301" s="2" t="s">
        <v>55944</v>
      </c>
      <c r="F18301" s="2" t="s">
        <v>55940</v>
      </c>
      <c r="G18301" s="8">
        <v>1181</v>
      </c>
      <c r="H18301" s="5">
        <v>10</v>
      </c>
      <c r="I18301" s="5" t="s">
        <v>69</v>
      </c>
      <c r="J18301" s="5" t="s">
        <v>55802</v>
      </c>
      <c r="K18301" s="2" t="s">
        <v>55803</v>
      </c>
      <c r="L18301" s="5" t="s">
        <v>55802</v>
      </c>
      <c r="M18301" s="2" t="s">
        <v>55803</v>
      </c>
      <c r="N18301" s="5" t="s">
        <v>733</v>
      </c>
      <c r="O18301" s="5" t="s">
        <v>38</v>
      </c>
      <c r="P18301" s="5" t="s">
        <v>39</v>
      </c>
      <c r="Q18301" s="5" t="s">
        <v>40</v>
      </c>
      <c r="R18301" s="5" t="s">
        <v>897</v>
      </c>
      <c r="S18301" s="5" t="s">
        <v>40</v>
      </c>
      <c r="T18301" s="5" t="s">
        <v>42</v>
      </c>
      <c r="U18301" s="2">
        <v>24.914999999999999</v>
      </c>
      <c r="V18301" s="2">
        <v>22.905999999999999</v>
      </c>
      <c r="W18301" s="2">
        <v>0.09</v>
      </c>
      <c r="X18301" s="2">
        <v>17</v>
      </c>
      <c r="Y18301" s="2">
        <v>57.7</v>
      </c>
      <c r="Z18301" s="2">
        <v>91.6</v>
      </c>
      <c r="AA18301" s="5">
        <v>7</v>
      </c>
      <c r="AB18301" s="5" t="s">
        <v>43</v>
      </c>
      <c r="AC18301" s="5" t="s">
        <v>735</v>
      </c>
      <c r="AD18301" s="2" t="s">
        <v>55945</v>
      </c>
      <c r="AE18301" s="1"/>
    </row>
    <row r="18302" spans="1:31" ht="14.45">
      <c r="A18302" s="11"/>
      <c r="B18302" s="20"/>
      <c r="C18302" s="2" t="s">
        <v>55946</v>
      </c>
      <c r="D18302" s="14" t="s">
        <v>55947</v>
      </c>
      <c r="E18302" s="2" t="s">
        <v>55948</v>
      </c>
      <c r="F18302" s="2" t="s">
        <v>55940</v>
      </c>
      <c r="G18302" s="8">
        <v>1181</v>
      </c>
      <c r="H18302" s="5">
        <v>10</v>
      </c>
      <c r="I18302" s="5" t="s">
        <v>69</v>
      </c>
      <c r="J18302" s="5" t="s">
        <v>55802</v>
      </c>
      <c r="K18302" s="2" t="s">
        <v>55803</v>
      </c>
      <c r="L18302" s="5" t="s">
        <v>55802</v>
      </c>
      <c r="M18302" s="2" t="s">
        <v>55803</v>
      </c>
      <c r="N18302" s="5" t="s">
        <v>733</v>
      </c>
      <c r="O18302" s="5" t="s">
        <v>38</v>
      </c>
      <c r="P18302" s="5" t="s">
        <v>39</v>
      </c>
      <c r="Q18302" s="5" t="s">
        <v>40</v>
      </c>
      <c r="R18302" s="5" t="s">
        <v>897</v>
      </c>
      <c r="S18302" s="5" t="s">
        <v>40</v>
      </c>
      <c r="T18302" s="5" t="s">
        <v>42</v>
      </c>
      <c r="U18302" s="2">
        <v>25.055</v>
      </c>
      <c r="V18302" s="2">
        <v>22.96</v>
      </c>
      <c r="W18302" s="2">
        <v>0.09</v>
      </c>
      <c r="X18302" s="2">
        <v>17</v>
      </c>
      <c r="Y18302" s="2">
        <v>57.7</v>
      </c>
      <c r="Z18302" s="2">
        <v>91.6</v>
      </c>
      <c r="AA18302" s="5">
        <v>7</v>
      </c>
      <c r="AB18302" s="5" t="s">
        <v>43</v>
      </c>
      <c r="AC18302" s="5" t="s">
        <v>735</v>
      </c>
      <c r="AD18302" s="2" t="s">
        <v>55949</v>
      </c>
      <c r="AE18302" s="1"/>
    </row>
    <row r="18303" spans="1:31" ht="14.45">
      <c r="A18303" s="11"/>
      <c r="B18303" s="20"/>
      <c r="C18303" s="2" t="s">
        <v>55950</v>
      </c>
      <c r="D18303" s="14" t="s">
        <v>55951</v>
      </c>
      <c r="E18303" s="2" t="s">
        <v>55952</v>
      </c>
      <c r="F18303" s="2" t="s">
        <v>55953</v>
      </c>
      <c r="G18303" s="8">
        <v>976</v>
      </c>
      <c r="H18303" s="5">
        <v>10</v>
      </c>
      <c r="I18303" s="5" t="s">
        <v>69</v>
      </c>
      <c r="J18303" s="5" t="s">
        <v>55802</v>
      </c>
      <c r="K18303" s="2" t="s">
        <v>55803</v>
      </c>
      <c r="L18303" s="5" t="s">
        <v>55802</v>
      </c>
      <c r="M18303" s="2" t="s">
        <v>55803</v>
      </c>
      <c r="N18303" s="5" t="s">
        <v>733</v>
      </c>
      <c r="O18303" s="5" t="s">
        <v>38</v>
      </c>
      <c r="P18303" s="5" t="s">
        <v>39</v>
      </c>
      <c r="Q18303" s="5" t="s">
        <v>40</v>
      </c>
      <c r="R18303" s="5" t="s">
        <v>897</v>
      </c>
      <c r="S18303" s="5" t="s">
        <v>40</v>
      </c>
      <c r="T18303" s="5" t="s">
        <v>42</v>
      </c>
      <c r="U18303" s="2">
        <v>25.402000000000001</v>
      </c>
      <c r="V18303" s="2">
        <v>23.509</v>
      </c>
      <c r="W18303" s="2">
        <v>0.09</v>
      </c>
      <c r="X18303" s="2">
        <v>17</v>
      </c>
      <c r="Y18303" s="2">
        <v>57.7</v>
      </c>
      <c r="Z18303" s="2">
        <v>91.6</v>
      </c>
      <c r="AA18303" s="5">
        <v>7</v>
      </c>
      <c r="AB18303" s="5" t="s">
        <v>43</v>
      </c>
      <c r="AC18303" s="5" t="s">
        <v>735</v>
      </c>
      <c r="AD18303" s="2" t="s">
        <v>55954</v>
      </c>
      <c r="AE18303" s="1"/>
    </row>
    <row r="18304" spans="1:31" ht="14.45">
      <c r="A18304" s="11"/>
      <c r="B18304" s="20"/>
      <c r="C18304" s="2" t="s">
        <v>55955</v>
      </c>
      <c r="D18304" s="14" t="s">
        <v>55956</v>
      </c>
      <c r="E18304" s="2" t="s">
        <v>55957</v>
      </c>
      <c r="F18304" s="2" t="s">
        <v>55953</v>
      </c>
      <c r="G18304" s="8">
        <v>1276</v>
      </c>
      <c r="H18304" s="5">
        <v>5</v>
      </c>
      <c r="I18304" s="5" t="s">
        <v>69</v>
      </c>
      <c r="J18304" s="5" t="s">
        <v>55802</v>
      </c>
      <c r="K18304" s="2" t="s">
        <v>55803</v>
      </c>
      <c r="L18304" s="5" t="s">
        <v>55802</v>
      </c>
      <c r="M18304" s="2" t="s">
        <v>55803</v>
      </c>
      <c r="N18304" s="5" t="s">
        <v>733</v>
      </c>
      <c r="O18304" s="5" t="s">
        <v>38</v>
      </c>
      <c r="P18304" s="5" t="s">
        <v>39</v>
      </c>
      <c r="Q18304" s="5" t="s">
        <v>40</v>
      </c>
      <c r="R18304" s="5" t="s">
        <v>897</v>
      </c>
      <c r="S18304" s="5" t="s">
        <v>40</v>
      </c>
      <c r="T18304" s="5" t="s">
        <v>42</v>
      </c>
      <c r="U18304" s="2">
        <v>27.35</v>
      </c>
      <c r="V18304" s="2">
        <v>25.26</v>
      </c>
      <c r="W18304" s="2">
        <v>0.09</v>
      </c>
      <c r="X18304" s="2">
        <v>17</v>
      </c>
      <c r="Y18304" s="2">
        <v>57.7</v>
      </c>
      <c r="Z18304" s="2">
        <v>91.6</v>
      </c>
      <c r="AA18304" s="5">
        <v>7</v>
      </c>
      <c r="AB18304" s="5" t="s">
        <v>43</v>
      </c>
      <c r="AC18304" s="5" t="s">
        <v>735</v>
      </c>
      <c r="AD18304" s="2" t="s">
        <v>55958</v>
      </c>
      <c r="AE18304" s="1"/>
    </row>
    <row r="18305" spans="1:31" ht="14.45">
      <c r="A18305" s="11"/>
      <c r="B18305" s="20"/>
      <c r="C18305" s="2" t="s">
        <v>55959</v>
      </c>
      <c r="D18305" s="14" t="s">
        <v>55960</v>
      </c>
      <c r="E18305" s="2" t="s">
        <v>55961</v>
      </c>
      <c r="F18305" s="2" t="s">
        <v>55962</v>
      </c>
      <c r="G18305" s="8">
        <v>608</v>
      </c>
      <c r="H18305" s="5">
        <v>10</v>
      </c>
      <c r="I18305" s="5" t="s">
        <v>69</v>
      </c>
      <c r="J18305" s="5" t="s">
        <v>55802</v>
      </c>
      <c r="K18305" s="2" t="s">
        <v>55803</v>
      </c>
      <c r="L18305" s="5" t="s">
        <v>55802</v>
      </c>
      <c r="M18305" s="2" t="s">
        <v>55803</v>
      </c>
      <c r="N18305" s="5" t="s">
        <v>733</v>
      </c>
      <c r="O18305" s="5" t="s">
        <v>38</v>
      </c>
      <c r="P18305" s="5" t="s">
        <v>39</v>
      </c>
      <c r="Q18305" s="5" t="s">
        <v>40</v>
      </c>
      <c r="R18305" s="5" t="s">
        <v>897</v>
      </c>
      <c r="S18305" s="5" t="s">
        <v>40</v>
      </c>
      <c r="T18305" s="5" t="s">
        <v>42</v>
      </c>
      <c r="U18305" s="2">
        <v>26.391999999999999</v>
      </c>
      <c r="V18305" s="2">
        <v>24.504000000000001</v>
      </c>
      <c r="W18305" s="2">
        <v>0.09</v>
      </c>
      <c r="X18305" s="2">
        <v>17</v>
      </c>
      <c r="Y18305" s="2">
        <v>57.7</v>
      </c>
      <c r="Z18305" s="2">
        <v>91.6</v>
      </c>
      <c r="AA18305" s="5">
        <v>7</v>
      </c>
      <c r="AB18305" s="5" t="s">
        <v>43</v>
      </c>
      <c r="AC18305" s="5" t="s">
        <v>735</v>
      </c>
      <c r="AD18305" s="2" t="s">
        <v>55963</v>
      </c>
      <c r="AE18305" s="1"/>
    </row>
    <row r="18306" spans="1:31" ht="14.45">
      <c r="A18306" s="11"/>
      <c r="B18306" s="20"/>
      <c r="C18306" s="2" t="s">
        <v>55964</v>
      </c>
      <c r="D18306" s="14" t="s">
        <v>55965</v>
      </c>
      <c r="E18306" s="2" t="s">
        <v>55966</v>
      </c>
      <c r="F18306" s="2" t="s">
        <v>55967</v>
      </c>
      <c r="G18306" s="8">
        <v>908</v>
      </c>
      <c r="H18306" s="5">
        <v>10</v>
      </c>
      <c r="I18306" s="5" t="s">
        <v>69</v>
      </c>
      <c r="J18306" s="5" t="s">
        <v>55802</v>
      </c>
      <c r="K18306" s="2" t="s">
        <v>55803</v>
      </c>
      <c r="L18306" s="5" t="s">
        <v>55802</v>
      </c>
      <c r="M18306" s="2" t="s">
        <v>55803</v>
      </c>
      <c r="N18306" s="5" t="s">
        <v>733</v>
      </c>
      <c r="O18306" s="5" t="s">
        <v>38</v>
      </c>
      <c r="P18306" s="5" t="s">
        <v>39</v>
      </c>
      <c r="Q18306" s="5" t="s">
        <v>40</v>
      </c>
      <c r="R18306" s="5" t="s">
        <v>897</v>
      </c>
      <c r="S18306" s="5" t="s">
        <v>40</v>
      </c>
      <c r="T18306" s="5" t="s">
        <v>42</v>
      </c>
      <c r="U18306" s="2">
        <v>28.13</v>
      </c>
      <c r="V18306" s="2">
        <v>26.126000000000001</v>
      </c>
      <c r="W18306" s="2">
        <v>0.09</v>
      </c>
      <c r="X18306" s="2">
        <v>17</v>
      </c>
      <c r="Y18306" s="2">
        <v>57.7</v>
      </c>
      <c r="Z18306" s="2">
        <v>91.6</v>
      </c>
      <c r="AA18306" s="5">
        <v>7</v>
      </c>
      <c r="AB18306" s="5" t="s">
        <v>43</v>
      </c>
      <c r="AC18306" s="5" t="s">
        <v>735</v>
      </c>
      <c r="AD18306" s="2" t="s">
        <v>55968</v>
      </c>
      <c r="AE18306" s="1"/>
    </row>
    <row r="18307" spans="1:31" ht="14.45">
      <c r="A18307" s="11"/>
      <c r="B18307" s="20"/>
      <c r="C18307" s="2" t="s">
        <v>55969</v>
      </c>
      <c r="D18307" s="14" t="s">
        <v>55970</v>
      </c>
      <c r="E18307" s="2" t="s">
        <v>55971</v>
      </c>
      <c r="F18307" s="2" t="s">
        <v>55972</v>
      </c>
      <c r="G18307" s="8">
        <v>546</v>
      </c>
      <c r="H18307" s="5">
        <v>5</v>
      </c>
      <c r="I18307" s="5" t="s">
        <v>69</v>
      </c>
      <c r="J18307" s="5" t="s">
        <v>55802</v>
      </c>
      <c r="K18307" s="2" t="s">
        <v>55803</v>
      </c>
      <c r="L18307" s="5" t="s">
        <v>55802</v>
      </c>
      <c r="M18307" s="2" t="s">
        <v>55803</v>
      </c>
      <c r="N18307" s="5" t="s">
        <v>733</v>
      </c>
      <c r="O18307" s="5" t="s">
        <v>38</v>
      </c>
      <c r="P18307" s="5" t="s">
        <v>39</v>
      </c>
      <c r="Q18307" s="5" t="s">
        <v>40</v>
      </c>
      <c r="R18307" s="5" t="s">
        <v>897</v>
      </c>
      <c r="S18307" s="5" t="s">
        <v>40</v>
      </c>
      <c r="T18307" s="5" t="s">
        <v>42</v>
      </c>
      <c r="U18307" s="2">
        <v>24.117000000000001</v>
      </c>
      <c r="V18307" s="2">
        <v>22.228999999999999</v>
      </c>
      <c r="W18307" s="2">
        <v>0.09</v>
      </c>
      <c r="X18307" s="2">
        <v>17</v>
      </c>
      <c r="Y18307" s="2">
        <v>57.7</v>
      </c>
      <c r="Z18307" s="2">
        <v>91.6</v>
      </c>
      <c r="AA18307" s="5">
        <v>7</v>
      </c>
      <c r="AB18307" s="5" t="s">
        <v>43</v>
      </c>
      <c r="AC18307" s="5" t="s">
        <v>735</v>
      </c>
      <c r="AD18307" s="2" t="s">
        <v>55973</v>
      </c>
      <c r="AE18307" s="1"/>
    </row>
    <row r="18308" spans="1:31" ht="14.45">
      <c r="A18308" s="11"/>
      <c r="B18308" s="20"/>
      <c r="C18308" s="2" t="s">
        <v>55974</v>
      </c>
      <c r="D18308" s="14" t="s">
        <v>55975</v>
      </c>
      <c r="E18308" s="2" t="s">
        <v>55976</v>
      </c>
      <c r="F18308" s="2" t="s">
        <v>55977</v>
      </c>
      <c r="G18308" s="8">
        <v>846</v>
      </c>
      <c r="H18308" s="5">
        <v>10</v>
      </c>
      <c r="I18308" s="5" t="s">
        <v>69</v>
      </c>
      <c r="J18308" s="5" t="s">
        <v>55802</v>
      </c>
      <c r="K18308" s="2" t="s">
        <v>55803</v>
      </c>
      <c r="L18308" s="5" t="s">
        <v>55802</v>
      </c>
      <c r="M18308" s="2" t="s">
        <v>55803</v>
      </c>
      <c r="N18308" s="5" t="s">
        <v>733</v>
      </c>
      <c r="O18308" s="5" t="s">
        <v>38</v>
      </c>
      <c r="P18308" s="5" t="s">
        <v>39</v>
      </c>
      <c r="Q18308" s="5" t="s">
        <v>40</v>
      </c>
      <c r="R18308" s="5" t="s">
        <v>897</v>
      </c>
      <c r="S18308" s="5" t="s">
        <v>40</v>
      </c>
      <c r="T18308" s="5" t="s">
        <v>42</v>
      </c>
      <c r="U18308" s="2">
        <v>25.707000000000001</v>
      </c>
      <c r="V18308" s="2">
        <v>23.702999999999999</v>
      </c>
      <c r="W18308" s="2">
        <v>0.09</v>
      </c>
      <c r="X18308" s="2">
        <v>17</v>
      </c>
      <c r="Y18308" s="2">
        <v>57.7</v>
      </c>
      <c r="Z18308" s="2">
        <v>91.6</v>
      </c>
      <c r="AA18308" s="5">
        <v>7</v>
      </c>
      <c r="AB18308" s="5" t="s">
        <v>43</v>
      </c>
      <c r="AC18308" s="5" t="s">
        <v>735</v>
      </c>
      <c r="AD18308" s="2" t="s">
        <v>55978</v>
      </c>
      <c r="AE18308" s="1"/>
    </row>
    <row r="18309" spans="1:31" ht="14.45">
      <c r="A18309" s="11"/>
      <c r="B18309" s="20"/>
      <c r="C18309" s="2" t="s">
        <v>55979</v>
      </c>
      <c r="D18309" s="14" t="s">
        <v>55980</v>
      </c>
      <c r="E18309" s="2" t="s">
        <v>55981</v>
      </c>
      <c r="F18309" s="2" t="s">
        <v>55977</v>
      </c>
      <c r="G18309" s="8">
        <v>846</v>
      </c>
      <c r="H18309" s="5">
        <v>10</v>
      </c>
      <c r="I18309" s="5" t="s">
        <v>69</v>
      </c>
      <c r="J18309" s="5" t="s">
        <v>55802</v>
      </c>
      <c r="K18309" s="2" t="s">
        <v>55803</v>
      </c>
      <c r="L18309" s="5" t="s">
        <v>55802</v>
      </c>
      <c r="M18309" s="2" t="s">
        <v>55803</v>
      </c>
      <c r="N18309" s="5" t="s">
        <v>733</v>
      </c>
      <c r="O18309" s="5" t="s">
        <v>38</v>
      </c>
      <c r="P18309" s="5" t="s">
        <v>39</v>
      </c>
      <c r="Q18309" s="5" t="s">
        <v>40</v>
      </c>
      <c r="R18309" s="5" t="s">
        <v>897</v>
      </c>
      <c r="S18309" s="5" t="s">
        <v>40</v>
      </c>
      <c r="T18309" s="5" t="s">
        <v>42</v>
      </c>
      <c r="U18309" s="2">
        <v>25.846</v>
      </c>
      <c r="V18309" s="2">
        <v>23.756</v>
      </c>
      <c r="W18309" s="2">
        <v>0.09</v>
      </c>
      <c r="X18309" s="2">
        <v>17</v>
      </c>
      <c r="Y18309" s="2">
        <v>57.7</v>
      </c>
      <c r="Z18309" s="2">
        <v>91.6</v>
      </c>
      <c r="AA18309" s="5">
        <v>7</v>
      </c>
      <c r="AB18309" s="5" t="s">
        <v>43</v>
      </c>
      <c r="AC18309" s="5" t="s">
        <v>735</v>
      </c>
      <c r="AD18309" s="2" t="s">
        <v>55982</v>
      </c>
      <c r="AE18309" s="1"/>
    </row>
    <row r="18310" spans="1:31" ht="14.45">
      <c r="A18310" s="11"/>
      <c r="B18310" s="20"/>
      <c r="C18310" s="2" t="s">
        <v>55983</v>
      </c>
      <c r="D18310" s="14" t="s">
        <v>55984</v>
      </c>
      <c r="E18310" s="2" t="s">
        <v>55985</v>
      </c>
      <c r="F18310" s="2" t="s">
        <v>55986</v>
      </c>
      <c r="G18310" s="8">
        <v>608</v>
      </c>
      <c r="H18310" s="5">
        <v>10</v>
      </c>
      <c r="I18310" s="5" t="s">
        <v>69</v>
      </c>
      <c r="J18310" s="5" t="s">
        <v>55802</v>
      </c>
      <c r="K18310" s="2" t="s">
        <v>55803</v>
      </c>
      <c r="L18310" s="5" t="s">
        <v>55802</v>
      </c>
      <c r="M18310" s="2" t="s">
        <v>55803</v>
      </c>
      <c r="N18310" s="5" t="s">
        <v>733</v>
      </c>
      <c r="O18310" s="5" t="s">
        <v>38</v>
      </c>
      <c r="P18310" s="5" t="s">
        <v>39</v>
      </c>
      <c r="Q18310" s="5" t="s">
        <v>40</v>
      </c>
      <c r="R18310" s="5" t="s">
        <v>897</v>
      </c>
      <c r="S18310" s="5" t="s">
        <v>40</v>
      </c>
      <c r="T18310" s="5" t="s">
        <v>42</v>
      </c>
      <c r="U18310" s="2">
        <v>23.82</v>
      </c>
      <c r="V18310" s="2">
        <v>21.927</v>
      </c>
      <c r="W18310" s="2">
        <v>0.09</v>
      </c>
      <c r="X18310" s="2">
        <v>17</v>
      </c>
      <c r="Y18310" s="2">
        <v>57.7</v>
      </c>
      <c r="Z18310" s="2">
        <v>91.6</v>
      </c>
      <c r="AA18310" s="5">
        <v>7</v>
      </c>
      <c r="AB18310" s="5" t="s">
        <v>43</v>
      </c>
      <c r="AC18310" s="5" t="s">
        <v>735</v>
      </c>
      <c r="AD18310" s="2" t="s">
        <v>55987</v>
      </c>
      <c r="AE18310" s="1"/>
    </row>
    <row r="18311" spans="1:31" ht="14.45">
      <c r="A18311" s="11"/>
      <c r="B18311" s="20"/>
      <c r="C18311" s="2" t="s">
        <v>55988</v>
      </c>
      <c r="D18311" s="14" t="s">
        <v>55989</v>
      </c>
      <c r="E18311" s="2" t="s">
        <v>55990</v>
      </c>
      <c r="F18311" s="2" t="s">
        <v>55986</v>
      </c>
      <c r="G18311" s="8">
        <v>908</v>
      </c>
      <c r="H18311" s="5">
        <v>10</v>
      </c>
      <c r="I18311" s="5" t="s">
        <v>69</v>
      </c>
      <c r="J18311" s="5" t="s">
        <v>55802</v>
      </c>
      <c r="K18311" s="2" t="s">
        <v>55803</v>
      </c>
      <c r="L18311" s="5" t="s">
        <v>55802</v>
      </c>
      <c r="M18311" s="2" t="s">
        <v>55803</v>
      </c>
      <c r="N18311" s="5" t="s">
        <v>733</v>
      </c>
      <c r="O18311" s="5" t="s">
        <v>38</v>
      </c>
      <c r="P18311" s="5" t="s">
        <v>39</v>
      </c>
      <c r="Q18311" s="5" t="s">
        <v>40</v>
      </c>
      <c r="R18311" s="5" t="s">
        <v>897</v>
      </c>
      <c r="S18311" s="5" t="s">
        <v>40</v>
      </c>
      <c r="T18311" s="5" t="s">
        <v>42</v>
      </c>
      <c r="U18311" s="2">
        <v>25.628</v>
      </c>
      <c r="V18311" s="2">
        <v>23.623999999999999</v>
      </c>
      <c r="W18311" s="2">
        <v>0.09</v>
      </c>
      <c r="X18311" s="2">
        <v>17</v>
      </c>
      <c r="Y18311" s="2">
        <v>57.7</v>
      </c>
      <c r="Z18311" s="2">
        <v>91.6</v>
      </c>
      <c r="AA18311" s="5">
        <v>7</v>
      </c>
      <c r="AB18311" s="5" t="s">
        <v>43</v>
      </c>
      <c r="AC18311" s="5" t="s">
        <v>735</v>
      </c>
      <c r="AD18311" s="2" t="s">
        <v>55991</v>
      </c>
      <c r="AE18311" s="1"/>
    </row>
    <row r="18312" spans="1:31" ht="14.45">
      <c r="A18312" s="11"/>
      <c r="B18312" s="20"/>
      <c r="C18312" s="2" t="s">
        <v>55992</v>
      </c>
      <c r="D18312" s="14" t="s">
        <v>55993</v>
      </c>
      <c r="E18312" s="2" t="s">
        <v>55994</v>
      </c>
      <c r="F18312" s="2" t="s">
        <v>55986</v>
      </c>
      <c r="G18312" s="8">
        <v>908</v>
      </c>
      <c r="H18312" s="5">
        <v>10</v>
      </c>
      <c r="I18312" s="5" t="s">
        <v>69</v>
      </c>
      <c r="J18312" s="5" t="s">
        <v>55802</v>
      </c>
      <c r="K18312" s="2" t="s">
        <v>55803</v>
      </c>
      <c r="L18312" s="5" t="s">
        <v>55802</v>
      </c>
      <c r="M18312" s="2" t="s">
        <v>55803</v>
      </c>
      <c r="N18312" s="5" t="s">
        <v>733</v>
      </c>
      <c r="O18312" s="5" t="s">
        <v>38</v>
      </c>
      <c r="P18312" s="5" t="s">
        <v>39</v>
      </c>
      <c r="Q18312" s="5" t="s">
        <v>40</v>
      </c>
      <c r="R18312" s="5" t="s">
        <v>897</v>
      </c>
      <c r="S18312" s="5" t="s">
        <v>40</v>
      </c>
      <c r="T18312" s="5" t="s">
        <v>42</v>
      </c>
      <c r="U18312" s="2">
        <v>25.766999999999999</v>
      </c>
      <c r="V18312" s="2">
        <v>23.677</v>
      </c>
      <c r="W18312" s="2">
        <v>0.09</v>
      </c>
      <c r="X18312" s="2">
        <v>17</v>
      </c>
      <c r="Y18312" s="2">
        <v>57.7</v>
      </c>
      <c r="Z18312" s="2">
        <v>91.6</v>
      </c>
      <c r="AA18312" s="5">
        <v>7</v>
      </c>
      <c r="AB18312" s="5" t="s">
        <v>43</v>
      </c>
      <c r="AC18312" s="5" t="s">
        <v>735</v>
      </c>
      <c r="AD18312" s="2" t="s">
        <v>55995</v>
      </c>
      <c r="AE18312" s="1"/>
    </row>
    <row r="18313" spans="1:31" ht="14.45">
      <c r="A18313" s="11"/>
      <c r="B18313" s="20"/>
      <c r="C18313" s="2" t="s">
        <v>55996</v>
      </c>
      <c r="D18313" s="14" t="s">
        <v>55997</v>
      </c>
      <c r="E18313" s="2" t="s">
        <v>55998</v>
      </c>
      <c r="F18313" s="2" t="s">
        <v>55999</v>
      </c>
      <c r="G18313" s="8">
        <v>487</v>
      </c>
      <c r="H18313" s="5">
        <v>10</v>
      </c>
      <c r="I18313" s="5" t="s">
        <v>69</v>
      </c>
      <c r="J18313" s="5" t="s">
        <v>55802</v>
      </c>
      <c r="K18313" s="2" t="s">
        <v>55803</v>
      </c>
      <c r="L18313" s="5" t="s">
        <v>55802</v>
      </c>
      <c r="M18313" s="2" t="s">
        <v>55803</v>
      </c>
      <c r="N18313" s="5" t="s">
        <v>733</v>
      </c>
      <c r="O18313" s="5" t="s">
        <v>38</v>
      </c>
      <c r="P18313" s="5" t="s">
        <v>39</v>
      </c>
      <c r="Q18313" s="5" t="s">
        <v>40</v>
      </c>
      <c r="R18313" s="5" t="s">
        <v>897</v>
      </c>
      <c r="S18313" s="5" t="s">
        <v>40</v>
      </c>
      <c r="T18313" s="5" t="s">
        <v>42</v>
      </c>
      <c r="U18313" s="2">
        <v>23.901</v>
      </c>
      <c r="V18313" s="2">
        <v>22.007999999999999</v>
      </c>
      <c r="W18313" s="2">
        <v>0.09</v>
      </c>
      <c r="X18313" s="2">
        <v>17</v>
      </c>
      <c r="Y18313" s="2">
        <v>57.7</v>
      </c>
      <c r="Z18313" s="2">
        <v>91.6</v>
      </c>
      <c r="AA18313" s="5">
        <v>7</v>
      </c>
      <c r="AB18313" s="5" t="s">
        <v>43</v>
      </c>
      <c r="AC18313" s="5" t="s">
        <v>735</v>
      </c>
      <c r="AD18313" s="2" t="s">
        <v>56000</v>
      </c>
      <c r="AE18313" s="1"/>
    </row>
    <row r="18314" spans="1:31" ht="14.45">
      <c r="A18314" s="11"/>
      <c r="B18314" s="20"/>
      <c r="C18314" s="2" t="s">
        <v>56001</v>
      </c>
      <c r="D18314" s="14" t="s">
        <v>56002</v>
      </c>
      <c r="E18314" s="2" t="s">
        <v>56003</v>
      </c>
      <c r="F18314" s="2" t="s">
        <v>55999</v>
      </c>
      <c r="G18314" s="8">
        <v>787</v>
      </c>
      <c r="H18314" s="5">
        <v>10</v>
      </c>
      <c r="I18314" s="5" t="s">
        <v>69</v>
      </c>
      <c r="J18314" s="5" t="s">
        <v>55802</v>
      </c>
      <c r="K18314" s="2" t="s">
        <v>55803</v>
      </c>
      <c r="L18314" s="5" t="s">
        <v>55802</v>
      </c>
      <c r="M18314" s="2" t="s">
        <v>55803</v>
      </c>
      <c r="N18314" s="5" t="s">
        <v>733</v>
      </c>
      <c r="O18314" s="5" t="s">
        <v>38</v>
      </c>
      <c r="P18314" s="5" t="s">
        <v>39</v>
      </c>
      <c r="Q18314" s="5" t="s">
        <v>40</v>
      </c>
      <c r="R18314" s="5" t="s">
        <v>897</v>
      </c>
      <c r="S18314" s="5" t="s">
        <v>40</v>
      </c>
      <c r="T18314" s="5" t="s">
        <v>42</v>
      </c>
      <c r="U18314" s="2">
        <v>25.709</v>
      </c>
      <c r="V18314" s="2">
        <v>23.704999999999998</v>
      </c>
      <c r="W18314" s="2">
        <v>0.09</v>
      </c>
      <c r="X18314" s="2">
        <v>17</v>
      </c>
      <c r="Y18314" s="2">
        <v>57.7</v>
      </c>
      <c r="Z18314" s="2">
        <v>91.6</v>
      </c>
      <c r="AA18314" s="5">
        <v>7</v>
      </c>
      <c r="AB18314" s="5" t="s">
        <v>43</v>
      </c>
      <c r="AC18314" s="5" t="s">
        <v>735</v>
      </c>
      <c r="AD18314" s="2" t="s">
        <v>56004</v>
      </c>
      <c r="AE18314" s="1"/>
    </row>
    <row r="18315" spans="1:31" ht="14.45">
      <c r="A18315" s="11"/>
      <c r="B18315" s="20"/>
      <c r="C18315" s="2" t="s">
        <v>56005</v>
      </c>
      <c r="D18315" s="14" t="s">
        <v>56006</v>
      </c>
      <c r="E18315" s="2" t="s">
        <v>56007</v>
      </c>
      <c r="F18315" s="2" t="s">
        <v>55999</v>
      </c>
      <c r="G18315" s="8">
        <v>787</v>
      </c>
      <c r="H18315" s="5">
        <v>10</v>
      </c>
      <c r="I18315" s="5" t="s">
        <v>69</v>
      </c>
      <c r="J18315" s="5" t="s">
        <v>55802</v>
      </c>
      <c r="K18315" s="2" t="s">
        <v>55803</v>
      </c>
      <c r="L18315" s="5" t="s">
        <v>55802</v>
      </c>
      <c r="M18315" s="2" t="s">
        <v>55803</v>
      </c>
      <c r="N18315" s="5" t="s">
        <v>733</v>
      </c>
      <c r="O18315" s="5" t="s">
        <v>38</v>
      </c>
      <c r="P18315" s="5" t="s">
        <v>39</v>
      </c>
      <c r="Q18315" s="5" t="s">
        <v>40</v>
      </c>
      <c r="R18315" s="5" t="s">
        <v>897</v>
      </c>
      <c r="S18315" s="5" t="s">
        <v>40</v>
      </c>
      <c r="T18315" s="5" t="s">
        <v>42</v>
      </c>
      <c r="U18315" s="2">
        <v>25.847999999999999</v>
      </c>
      <c r="V18315" s="2">
        <v>23.757999999999999</v>
      </c>
      <c r="W18315" s="2">
        <v>0.09</v>
      </c>
      <c r="X18315" s="2">
        <v>17</v>
      </c>
      <c r="Y18315" s="2">
        <v>57.7</v>
      </c>
      <c r="Z18315" s="2">
        <v>91.6</v>
      </c>
      <c r="AA18315" s="5">
        <v>7</v>
      </c>
      <c r="AB18315" s="5" t="s">
        <v>43</v>
      </c>
      <c r="AC18315" s="5" t="s">
        <v>735</v>
      </c>
      <c r="AD18315" s="2" t="s">
        <v>56008</v>
      </c>
      <c r="AE18315" s="1"/>
    </row>
    <row r="18316" spans="1:31" ht="14.45">
      <c r="A18316" s="11"/>
      <c r="B18316" s="20"/>
      <c r="C18316" s="2" t="s">
        <v>56009</v>
      </c>
      <c r="D18316" s="14" t="s">
        <v>56010</v>
      </c>
      <c r="E18316" s="2" t="s">
        <v>56011</v>
      </c>
      <c r="F18316" s="2" t="s">
        <v>56012</v>
      </c>
      <c r="G18316" s="8">
        <v>413</v>
      </c>
      <c r="H18316" s="5">
        <v>5</v>
      </c>
      <c r="I18316" s="5" t="s">
        <v>69</v>
      </c>
      <c r="J18316" s="5" t="s">
        <v>55802</v>
      </c>
      <c r="K18316" s="2" t="s">
        <v>55803</v>
      </c>
      <c r="L18316" s="5" t="s">
        <v>55802</v>
      </c>
      <c r="M18316" s="2" t="s">
        <v>55803</v>
      </c>
      <c r="N18316" s="5" t="s">
        <v>733</v>
      </c>
      <c r="O18316" s="5" t="s">
        <v>38</v>
      </c>
      <c r="P18316" s="5" t="s">
        <v>39</v>
      </c>
      <c r="Q18316" s="5" t="s">
        <v>40</v>
      </c>
      <c r="R18316" s="5" t="s">
        <v>897</v>
      </c>
      <c r="S18316" s="5" t="s">
        <v>40</v>
      </c>
      <c r="T18316" s="5" t="s">
        <v>42</v>
      </c>
      <c r="U18316" s="2">
        <v>21.78</v>
      </c>
      <c r="V18316" s="2">
        <v>19.891999999999999</v>
      </c>
      <c r="W18316" s="2">
        <v>0.09</v>
      </c>
      <c r="X18316" s="2">
        <v>17</v>
      </c>
      <c r="Y18316" s="2">
        <v>57.7</v>
      </c>
      <c r="Z18316" s="2">
        <v>91.6</v>
      </c>
      <c r="AA18316" s="5">
        <v>7</v>
      </c>
      <c r="AB18316" s="5" t="s">
        <v>43</v>
      </c>
      <c r="AC18316" s="5" t="s">
        <v>735</v>
      </c>
      <c r="AD18316" s="2" t="s">
        <v>56013</v>
      </c>
      <c r="AE18316" s="1"/>
    </row>
    <row r="18317" spans="1:31" ht="14.45">
      <c r="A18317" s="11"/>
      <c r="B18317" s="20"/>
      <c r="C18317" s="2" t="s">
        <v>56014</v>
      </c>
      <c r="D18317" s="14" t="s">
        <v>56015</v>
      </c>
      <c r="E18317" s="2" t="s">
        <v>56016</v>
      </c>
      <c r="F18317" s="2" t="s">
        <v>56012</v>
      </c>
      <c r="G18317" s="8">
        <v>713</v>
      </c>
      <c r="H18317" s="5">
        <v>5</v>
      </c>
      <c r="I18317" s="5" t="s">
        <v>69</v>
      </c>
      <c r="J18317" s="5" t="s">
        <v>55802</v>
      </c>
      <c r="K18317" s="2" t="s">
        <v>55803</v>
      </c>
      <c r="L18317" s="5" t="s">
        <v>55802</v>
      </c>
      <c r="M18317" s="2" t="s">
        <v>55803</v>
      </c>
      <c r="N18317" s="5" t="s">
        <v>733</v>
      </c>
      <c r="O18317" s="5" t="s">
        <v>38</v>
      </c>
      <c r="P18317" s="5" t="s">
        <v>39</v>
      </c>
      <c r="Q18317" s="5" t="s">
        <v>40</v>
      </c>
      <c r="R18317" s="5" t="s">
        <v>897</v>
      </c>
      <c r="S18317" s="5" t="s">
        <v>40</v>
      </c>
      <c r="T18317" s="5" t="s">
        <v>42</v>
      </c>
      <c r="U18317" s="2">
        <v>23.594000000000001</v>
      </c>
      <c r="V18317" s="2">
        <v>21.594000000000001</v>
      </c>
      <c r="W18317" s="2">
        <v>0.09</v>
      </c>
      <c r="X18317" s="2">
        <v>17</v>
      </c>
      <c r="Y18317" s="2">
        <v>57.7</v>
      </c>
      <c r="Z18317" s="2">
        <v>91.6</v>
      </c>
      <c r="AA18317" s="5">
        <v>7</v>
      </c>
      <c r="AB18317" s="5" t="s">
        <v>43</v>
      </c>
      <c r="AC18317" s="5" t="s">
        <v>735</v>
      </c>
      <c r="AD18317" s="2" t="s">
        <v>56017</v>
      </c>
      <c r="AE18317" s="1"/>
    </row>
    <row r="18318" spans="1:31" ht="14.45">
      <c r="A18318" s="11"/>
      <c r="B18318" s="20"/>
      <c r="C18318" s="2" t="s">
        <v>56018</v>
      </c>
      <c r="D18318" s="14" t="s">
        <v>56019</v>
      </c>
      <c r="E18318" s="2" t="s">
        <v>56020</v>
      </c>
      <c r="F18318" s="2" t="s">
        <v>56012</v>
      </c>
      <c r="G18318" s="8">
        <v>713</v>
      </c>
      <c r="H18318" s="5">
        <v>5</v>
      </c>
      <c r="I18318" s="5" t="s">
        <v>69</v>
      </c>
      <c r="J18318" s="5" t="s">
        <v>55802</v>
      </c>
      <c r="K18318" s="2" t="s">
        <v>55803</v>
      </c>
      <c r="L18318" s="5" t="s">
        <v>55802</v>
      </c>
      <c r="M18318" s="2" t="s">
        <v>55803</v>
      </c>
      <c r="N18318" s="5" t="s">
        <v>733</v>
      </c>
      <c r="O18318" s="5" t="s">
        <v>38</v>
      </c>
      <c r="P18318" s="5" t="s">
        <v>39</v>
      </c>
      <c r="Q18318" s="5" t="s">
        <v>40</v>
      </c>
      <c r="R18318" s="5" t="s">
        <v>897</v>
      </c>
      <c r="S18318" s="5" t="s">
        <v>40</v>
      </c>
      <c r="T18318" s="5" t="s">
        <v>42</v>
      </c>
      <c r="U18318" s="2">
        <v>23.513999999999999</v>
      </c>
      <c r="V18318" s="2">
        <v>21.419</v>
      </c>
      <c r="W18318" s="2">
        <v>0.09</v>
      </c>
      <c r="X18318" s="2">
        <v>17</v>
      </c>
      <c r="Y18318" s="2">
        <v>57.7</v>
      </c>
      <c r="Z18318" s="2">
        <v>91.6</v>
      </c>
      <c r="AA18318" s="5">
        <v>7</v>
      </c>
      <c r="AB18318" s="5" t="s">
        <v>43</v>
      </c>
      <c r="AC18318" s="5" t="s">
        <v>735</v>
      </c>
      <c r="AD18318" s="2" t="s">
        <v>56021</v>
      </c>
      <c r="AE18318" s="1"/>
    </row>
    <row r="18319" spans="1:31" ht="14.45">
      <c r="A18319" s="11"/>
      <c r="B18319" s="20"/>
      <c r="C18319" s="2" t="s">
        <v>56022</v>
      </c>
      <c r="D18319" s="14" t="s">
        <v>56023</v>
      </c>
      <c r="E18319" s="2" t="s">
        <v>56024</v>
      </c>
      <c r="F18319" s="2" t="s">
        <v>56025</v>
      </c>
      <c r="G18319" s="8">
        <v>690</v>
      </c>
      <c r="H18319" s="5">
        <v>15</v>
      </c>
      <c r="I18319" s="5" t="s">
        <v>69</v>
      </c>
      <c r="J18319" s="5" t="s">
        <v>55802</v>
      </c>
      <c r="K18319" s="2" t="s">
        <v>55803</v>
      </c>
      <c r="L18319" s="5" t="s">
        <v>55802</v>
      </c>
      <c r="M18319" s="2" t="s">
        <v>55803</v>
      </c>
      <c r="N18319" s="5" t="s">
        <v>733</v>
      </c>
      <c r="O18319" s="5" t="s">
        <v>38</v>
      </c>
      <c r="P18319" s="5" t="s">
        <v>39</v>
      </c>
      <c r="Q18319" s="5" t="s">
        <v>40</v>
      </c>
      <c r="R18319" s="5" t="s">
        <v>897</v>
      </c>
      <c r="S18319" s="5" t="s">
        <v>40</v>
      </c>
      <c r="T18319" s="5" t="s">
        <v>42</v>
      </c>
      <c r="U18319" s="2">
        <v>22.864000000000001</v>
      </c>
      <c r="V18319" s="2">
        <v>20.965</v>
      </c>
      <c r="W18319" s="2">
        <v>0.09</v>
      </c>
      <c r="X18319" s="2">
        <v>17</v>
      </c>
      <c r="Y18319" s="2">
        <v>57.7</v>
      </c>
      <c r="Z18319" s="2">
        <v>91.6</v>
      </c>
      <c r="AA18319" s="5">
        <v>7</v>
      </c>
      <c r="AB18319" s="5" t="s">
        <v>43</v>
      </c>
      <c r="AC18319" s="5" t="s">
        <v>735</v>
      </c>
      <c r="AD18319" s="2" t="s">
        <v>56026</v>
      </c>
      <c r="AE18319" s="1"/>
    </row>
    <row r="18320" spans="1:31" ht="14.45">
      <c r="A18320" s="11"/>
      <c r="B18320" s="20"/>
      <c r="C18320" s="2" t="s">
        <v>56027</v>
      </c>
      <c r="D18320" s="14" t="s">
        <v>56028</v>
      </c>
      <c r="E18320" s="2" t="s">
        <v>56029</v>
      </c>
      <c r="F18320" s="2" t="s">
        <v>56030</v>
      </c>
      <c r="G18320" s="8">
        <v>508</v>
      </c>
      <c r="H18320" s="5">
        <v>5</v>
      </c>
      <c r="I18320" s="5" t="s">
        <v>69</v>
      </c>
      <c r="J18320" s="5" t="s">
        <v>55802</v>
      </c>
      <c r="K18320" s="2" t="s">
        <v>55803</v>
      </c>
      <c r="L18320" s="5" t="s">
        <v>55802</v>
      </c>
      <c r="M18320" s="2" t="s">
        <v>55803</v>
      </c>
      <c r="N18320" s="5" t="s">
        <v>733</v>
      </c>
      <c r="O18320" s="5" t="s">
        <v>38</v>
      </c>
      <c r="P18320" s="5" t="s">
        <v>39</v>
      </c>
      <c r="Q18320" s="5" t="s">
        <v>40</v>
      </c>
      <c r="R18320" s="5" t="s">
        <v>897</v>
      </c>
      <c r="S18320" s="5" t="s">
        <v>40</v>
      </c>
      <c r="T18320" s="5" t="s">
        <v>42</v>
      </c>
      <c r="U18320" s="2">
        <v>23.885999999999999</v>
      </c>
      <c r="V18320" s="2">
        <v>21.992999999999999</v>
      </c>
      <c r="W18320" s="2">
        <v>0.09</v>
      </c>
      <c r="X18320" s="2">
        <v>17</v>
      </c>
      <c r="Y18320" s="2">
        <v>57.7</v>
      </c>
      <c r="Z18320" s="2">
        <v>91.6</v>
      </c>
      <c r="AA18320" s="5">
        <v>7</v>
      </c>
      <c r="AB18320" s="5" t="s">
        <v>43</v>
      </c>
      <c r="AC18320" s="5" t="s">
        <v>735</v>
      </c>
      <c r="AD18320" s="2" t="s">
        <v>56031</v>
      </c>
      <c r="AE18320" s="1"/>
    </row>
    <row r="18321" spans="1:31" ht="14.45">
      <c r="A18321" s="11"/>
      <c r="B18321" s="20"/>
      <c r="C18321" s="2" t="s">
        <v>56032</v>
      </c>
      <c r="D18321" s="14" t="s">
        <v>56033</v>
      </c>
      <c r="E18321" s="2" t="s">
        <v>56034</v>
      </c>
      <c r="F18321" s="2" t="s">
        <v>56030</v>
      </c>
      <c r="G18321" s="8">
        <v>808</v>
      </c>
      <c r="H18321" s="5">
        <v>5</v>
      </c>
      <c r="I18321" s="5" t="s">
        <v>69</v>
      </c>
      <c r="J18321" s="5" t="s">
        <v>55802</v>
      </c>
      <c r="K18321" s="2" t="s">
        <v>55803</v>
      </c>
      <c r="L18321" s="5" t="s">
        <v>55802</v>
      </c>
      <c r="M18321" s="2" t="s">
        <v>55803</v>
      </c>
      <c r="N18321" s="5" t="s">
        <v>733</v>
      </c>
      <c r="O18321" s="5" t="s">
        <v>38</v>
      </c>
      <c r="P18321" s="5" t="s">
        <v>39</v>
      </c>
      <c r="Q18321" s="5" t="s">
        <v>40</v>
      </c>
      <c r="R18321" s="5" t="s">
        <v>897</v>
      </c>
      <c r="S18321" s="5" t="s">
        <v>40</v>
      </c>
      <c r="T18321" s="5" t="s">
        <v>42</v>
      </c>
      <c r="U18321" s="2">
        <v>25.693999999999999</v>
      </c>
      <c r="V18321" s="2">
        <v>23.69</v>
      </c>
      <c r="W18321" s="2">
        <v>0.09</v>
      </c>
      <c r="X18321" s="2">
        <v>17</v>
      </c>
      <c r="Y18321" s="2">
        <v>57.7</v>
      </c>
      <c r="Z18321" s="2">
        <v>91.6</v>
      </c>
      <c r="AA18321" s="5">
        <v>7</v>
      </c>
      <c r="AB18321" s="5" t="s">
        <v>43</v>
      </c>
      <c r="AC18321" s="5" t="s">
        <v>735</v>
      </c>
      <c r="AD18321" s="2" t="s">
        <v>56035</v>
      </c>
      <c r="AE18321" s="1"/>
    </row>
    <row r="18322" spans="1:31" ht="14.45">
      <c r="A18322" s="11"/>
      <c r="B18322" s="20"/>
      <c r="C18322" s="2" t="s">
        <v>56036</v>
      </c>
      <c r="D18322" s="14" t="s">
        <v>56037</v>
      </c>
      <c r="E18322" s="2" t="s">
        <v>56038</v>
      </c>
      <c r="F18322" s="2" t="s">
        <v>56030</v>
      </c>
      <c r="G18322" s="8">
        <v>808</v>
      </c>
      <c r="H18322" s="5">
        <v>10</v>
      </c>
      <c r="I18322" s="5" t="s">
        <v>69</v>
      </c>
      <c r="J18322" s="5" t="s">
        <v>55802</v>
      </c>
      <c r="K18322" s="2" t="s">
        <v>55803</v>
      </c>
      <c r="L18322" s="5" t="s">
        <v>55802</v>
      </c>
      <c r="M18322" s="2" t="s">
        <v>55803</v>
      </c>
      <c r="N18322" s="5" t="s">
        <v>733</v>
      </c>
      <c r="O18322" s="5" t="s">
        <v>38</v>
      </c>
      <c r="P18322" s="5" t="s">
        <v>39</v>
      </c>
      <c r="Q18322" s="5" t="s">
        <v>40</v>
      </c>
      <c r="R18322" s="5" t="s">
        <v>897</v>
      </c>
      <c r="S18322" s="5" t="s">
        <v>40</v>
      </c>
      <c r="T18322" s="5" t="s">
        <v>42</v>
      </c>
      <c r="U18322" s="2">
        <v>25.832999999999998</v>
      </c>
      <c r="V18322" s="2">
        <v>23.742999999999999</v>
      </c>
      <c r="W18322" s="2">
        <v>0.09</v>
      </c>
      <c r="X18322" s="2">
        <v>17</v>
      </c>
      <c r="Y18322" s="2">
        <v>57.7</v>
      </c>
      <c r="Z18322" s="2">
        <v>91.6</v>
      </c>
      <c r="AA18322" s="5">
        <v>7</v>
      </c>
      <c r="AB18322" s="5" t="s">
        <v>43</v>
      </c>
      <c r="AC18322" s="5" t="s">
        <v>735</v>
      </c>
      <c r="AD18322" s="2" t="s">
        <v>56039</v>
      </c>
      <c r="AE18322" s="1"/>
    </row>
    <row r="18323" spans="1:31" ht="14.45">
      <c r="A18323" s="11"/>
      <c r="B18323" s="20"/>
      <c r="C18323" s="2" t="s">
        <v>56040</v>
      </c>
      <c r="D18323" s="14" t="s">
        <v>56041</v>
      </c>
      <c r="E18323" s="2" t="s">
        <v>56042</v>
      </c>
      <c r="F18323" s="2" t="s">
        <v>56043</v>
      </c>
      <c r="G18323" s="8">
        <v>1376</v>
      </c>
      <c r="H18323" s="5">
        <v>10</v>
      </c>
      <c r="I18323" s="5" t="s">
        <v>69</v>
      </c>
      <c r="J18323" s="5" t="s">
        <v>55802</v>
      </c>
      <c r="K18323" s="2" t="s">
        <v>55803</v>
      </c>
      <c r="L18323" s="5" t="s">
        <v>55802</v>
      </c>
      <c r="M18323" s="2" t="s">
        <v>55803</v>
      </c>
      <c r="N18323" s="5" t="s">
        <v>733</v>
      </c>
      <c r="O18323" s="5" t="s">
        <v>38</v>
      </c>
      <c r="P18323" s="5" t="s">
        <v>39</v>
      </c>
      <c r="Q18323" s="5" t="s">
        <v>40</v>
      </c>
      <c r="R18323" s="5" t="s">
        <v>897</v>
      </c>
      <c r="S18323" s="5" t="s">
        <v>40</v>
      </c>
      <c r="T18323" s="5" t="s">
        <v>42</v>
      </c>
      <c r="U18323" s="2">
        <v>30.242999999999999</v>
      </c>
      <c r="V18323" s="2">
        <v>28.239000000000001</v>
      </c>
      <c r="W18323" s="2">
        <v>0.09</v>
      </c>
      <c r="X18323" s="2">
        <v>17</v>
      </c>
      <c r="Y18323" s="2">
        <v>57.7</v>
      </c>
      <c r="Z18323" s="2">
        <v>91.6</v>
      </c>
      <c r="AA18323" s="5">
        <v>7</v>
      </c>
      <c r="AB18323" s="5" t="s">
        <v>43</v>
      </c>
      <c r="AC18323" s="5" t="s">
        <v>735</v>
      </c>
      <c r="AD18323" s="2" t="s">
        <v>56044</v>
      </c>
      <c r="AE18323" s="1"/>
    </row>
    <row r="18324" spans="1:31" ht="14.45">
      <c r="A18324" s="11"/>
      <c r="B18324" s="20"/>
      <c r="C18324" s="2" t="s">
        <v>56045</v>
      </c>
      <c r="D18324" s="14" t="s">
        <v>56046</v>
      </c>
      <c r="E18324" s="2" t="s">
        <v>56047</v>
      </c>
      <c r="F18324" s="2" t="s">
        <v>56048</v>
      </c>
      <c r="G18324" s="8">
        <v>1014</v>
      </c>
      <c r="H18324" s="5">
        <v>10</v>
      </c>
      <c r="I18324" s="5" t="s">
        <v>69</v>
      </c>
      <c r="J18324" s="5" t="s">
        <v>55802</v>
      </c>
      <c r="K18324" s="2" t="s">
        <v>55803</v>
      </c>
      <c r="L18324" s="5" t="s">
        <v>55802</v>
      </c>
      <c r="M18324" s="2" t="s">
        <v>55803</v>
      </c>
      <c r="N18324" s="5" t="s">
        <v>733</v>
      </c>
      <c r="O18324" s="5" t="s">
        <v>38</v>
      </c>
      <c r="P18324" s="5" t="s">
        <v>39</v>
      </c>
      <c r="Q18324" s="5" t="s">
        <v>40</v>
      </c>
      <c r="R18324" s="5" t="s">
        <v>897</v>
      </c>
      <c r="S18324" s="5" t="s">
        <v>40</v>
      </c>
      <c r="T18324" s="5" t="s">
        <v>42</v>
      </c>
      <c r="U18324" s="2">
        <v>26.004000000000001</v>
      </c>
      <c r="V18324" s="2">
        <v>24.111000000000001</v>
      </c>
      <c r="W18324" s="2">
        <v>0.09</v>
      </c>
      <c r="X18324" s="2">
        <v>17</v>
      </c>
      <c r="Y18324" s="2">
        <v>57.7</v>
      </c>
      <c r="Z18324" s="2">
        <v>91.6</v>
      </c>
      <c r="AA18324" s="5">
        <v>7</v>
      </c>
      <c r="AB18324" s="5" t="s">
        <v>43</v>
      </c>
      <c r="AC18324" s="5" t="s">
        <v>735</v>
      </c>
      <c r="AD18324" s="2" t="s">
        <v>56049</v>
      </c>
      <c r="AE18324" s="1"/>
    </row>
    <row r="18325" spans="1:31" ht="14.45">
      <c r="A18325" s="11"/>
      <c r="B18325" s="20"/>
      <c r="C18325" s="2" t="s">
        <v>56050</v>
      </c>
      <c r="D18325" s="14" t="s">
        <v>56051</v>
      </c>
      <c r="E18325" s="2" t="s">
        <v>56052</v>
      </c>
      <c r="F18325" s="2" t="s">
        <v>56053</v>
      </c>
      <c r="G18325" s="8">
        <v>1314</v>
      </c>
      <c r="H18325" s="5">
        <v>10</v>
      </c>
      <c r="I18325" s="5" t="s">
        <v>69</v>
      </c>
      <c r="J18325" s="5" t="s">
        <v>55802</v>
      </c>
      <c r="K18325" s="2" t="s">
        <v>55803</v>
      </c>
      <c r="L18325" s="5" t="s">
        <v>55802</v>
      </c>
      <c r="M18325" s="2" t="s">
        <v>55803</v>
      </c>
      <c r="N18325" s="5" t="s">
        <v>733</v>
      </c>
      <c r="O18325" s="5" t="s">
        <v>38</v>
      </c>
      <c r="P18325" s="5" t="s">
        <v>39</v>
      </c>
      <c r="Q18325" s="5" t="s">
        <v>40</v>
      </c>
      <c r="R18325" s="5" t="s">
        <v>897</v>
      </c>
      <c r="S18325" s="5" t="s">
        <v>40</v>
      </c>
      <c r="T18325" s="5" t="s">
        <v>42</v>
      </c>
      <c r="U18325" s="2">
        <v>27.812000000000001</v>
      </c>
      <c r="V18325" s="2">
        <v>25.808</v>
      </c>
      <c r="W18325" s="2">
        <v>0.09</v>
      </c>
      <c r="X18325" s="2">
        <v>17</v>
      </c>
      <c r="Y18325" s="2">
        <v>57.7</v>
      </c>
      <c r="Z18325" s="2">
        <v>91.6</v>
      </c>
      <c r="AA18325" s="5">
        <v>7</v>
      </c>
      <c r="AB18325" s="5" t="s">
        <v>43</v>
      </c>
      <c r="AC18325" s="5" t="s">
        <v>735</v>
      </c>
      <c r="AD18325" s="2" t="s">
        <v>56054</v>
      </c>
      <c r="AE18325" s="1"/>
    </row>
    <row r="18326" spans="1:31" ht="14.45">
      <c r="A18326" s="11"/>
      <c r="B18326" s="20"/>
      <c r="C18326" s="2" t="s">
        <v>56055</v>
      </c>
      <c r="D18326" s="14" t="s">
        <v>56056</v>
      </c>
      <c r="E18326" s="2" t="s">
        <v>56057</v>
      </c>
      <c r="F18326" s="2" t="s">
        <v>56053</v>
      </c>
      <c r="G18326" s="8">
        <v>1314</v>
      </c>
      <c r="H18326" s="5">
        <v>10</v>
      </c>
      <c r="I18326" s="5" t="s">
        <v>69</v>
      </c>
      <c r="J18326" s="5" t="s">
        <v>55802</v>
      </c>
      <c r="K18326" s="2" t="s">
        <v>55803</v>
      </c>
      <c r="L18326" s="5" t="s">
        <v>55802</v>
      </c>
      <c r="M18326" s="2" t="s">
        <v>55803</v>
      </c>
      <c r="N18326" s="5" t="s">
        <v>733</v>
      </c>
      <c r="O18326" s="5" t="s">
        <v>38</v>
      </c>
      <c r="P18326" s="5" t="s">
        <v>39</v>
      </c>
      <c r="Q18326" s="5" t="s">
        <v>40</v>
      </c>
      <c r="R18326" s="5" t="s">
        <v>897</v>
      </c>
      <c r="S18326" s="5" t="s">
        <v>40</v>
      </c>
      <c r="T18326" s="5" t="s">
        <v>42</v>
      </c>
      <c r="U18326" s="2">
        <v>27.952000000000002</v>
      </c>
      <c r="V18326" s="2">
        <v>25.861999999999998</v>
      </c>
      <c r="W18326" s="2">
        <v>0.09</v>
      </c>
      <c r="X18326" s="2">
        <v>17</v>
      </c>
      <c r="Y18326" s="2">
        <v>57.7</v>
      </c>
      <c r="Z18326" s="2">
        <v>91.6</v>
      </c>
      <c r="AA18326" s="5">
        <v>7</v>
      </c>
      <c r="AB18326" s="5" t="s">
        <v>43</v>
      </c>
      <c r="AC18326" s="5" t="s">
        <v>735</v>
      </c>
      <c r="AD18326" s="2" t="s">
        <v>56058</v>
      </c>
      <c r="AE18326" s="1"/>
    </row>
    <row r="18327" spans="1:31" ht="14.45">
      <c r="A18327" s="11"/>
      <c r="B18327" s="20"/>
      <c r="C18327" s="2" t="s">
        <v>56059</v>
      </c>
      <c r="D18327" s="14" t="s">
        <v>56060</v>
      </c>
      <c r="E18327" s="2" t="s">
        <v>56061</v>
      </c>
      <c r="F18327" s="2" t="s">
        <v>56062</v>
      </c>
      <c r="G18327" s="8">
        <v>976</v>
      </c>
      <c r="H18327" s="5">
        <v>5</v>
      </c>
      <c r="I18327" s="5" t="s">
        <v>69</v>
      </c>
      <c r="J18327" s="5" t="s">
        <v>55802</v>
      </c>
      <c r="K18327" s="2" t="s">
        <v>55803</v>
      </c>
      <c r="L18327" s="5" t="s">
        <v>55802</v>
      </c>
      <c r="M18327" s="2" t="s">
        <v>55803</v>
      </c>
      <c r="N18327" s="5" t="s">
        <v>733</v>
      </c>
      <c r="O18327" s="5" t="s">
        <v>38</v>
      </c>
      <c r="P18327" s="5" t="s">
        <v>39</v>
      </c>
      <c r="Q18327" s="5" t="s">
        <v>40</v>
      </c>
      <c r="R18327" s="5" t="s">
        <v>897</v>
      </c>
      <c r="S18327" s="5" t="s">
        <v>40</v>
      </c>
      <c r="T18327" s="5" t="s">
        <v>42</v>
      </c>
      <c r="U18327" s="2">
        <v>25.991</v>
      </c>
      <c r="V18327" s="2">
        <v>24.097999999999999</v>
      </c>
      <c r="W18327" s="2">
        <v>0.09</v>
      </c>
      <c r="X18327" s="2">
        <v>17</v>
      </c>
      <c r="Y18327" s="2">
        <v>57.7</v>
      </c>
      <c r="Z18327" s="2">
        <v>91.6</v>
      </c>
      <c r="AA18327" s="5">
        <v>7</v>
      </c>
      <c r="AB18327" s="5" t="s">
        <v>43</v>
      </c>
      <c r="AC18327" s="5" t="s">
        <v>735</v>
      </c>
      <c r="AD18327" s="2" t="s">
        <v>56063</v>
      </c>
      <c r="AE18327" s="1"/>
    </row>
    <row r="18328" spans="1:31" ht="14.45">
      <c r="A18328" s="11"/>
      <c r="B18328" s="20"/>
      <c r="C18328" s="2" t="s">
        <v>56064</v>
      </c>
      <c r="D18328" s="14" t="s">
        <v>56065</v>
      </c>
      <c r="E18328" s="2" t="s">
        <v>56066</v>
      </c>
      <c r="F18328" s="2" t="s">
        <v>56062</v>
      </c>
      <c r="G18328" s="8">
        <v>1276</v>
      </c>
      <c r="H18328" s="5">
        <v>10</v>
      </c>
      <c r="I18328" s="5" t="s">
        <v>69</v>
      </c>
      <c r="J18328" s="5" t="s">
        <v>55802</v>
      </c>
      <c r="K18328" s="2" t="s">
        <v>55803</v>
      </c>
      <c r="L18328" s="5" t="s">
        <v>55802</v>
      </c>
      <c r="M18328" s="2" t="s">
        <v>55803</v>
      </c>
      <c r="N18328" s="5" t="s">
        <v>733</v>
      </c>
      <c r="O18328" s="5" t="s">
        <v>38</v>
      </c>
      <c r="P18328" s="5" t="s">
        <v>39</v>
      </c>
      <c r="Q18328" s="5" t="s">
        <v>40</v>
      </c>
      <c r="R18328" s="5" t="s">
        <v>897</v>
      </c>
      <c r="S18328" s="5" t="s">
        <v>40</v>
      </c>
      <c r="T18328" s="5" t="s">
        <v>42</v>
      </c>
      <c r="U18328" s="2">
        <v>27.798999999999999</v>
      </c>
      <c r="V18328" s="2">
        <v>25.795000000000002</v>
      </c>
      <c r="W18328" s="2">
        <v>0.09</v>
      </c>
      <c r="X18328" s="2">
        <v>17</v>
      </c>
      <c r="Y18328" s="2">
        <v>57.7</v>
      </c>
      <c r="Z18328" s="2">
        <v>91.6</v>
      </c>
      <c r="AA18328" s="5">
        <v>7</v>
      </c>
      <c r="AB18328" s="5" t="s">
        <v>43</v>
      </c>
      <c r="AC18328" s="5" t="s">
        <v>735</v>
      </c>
      <c r="AD18328" s="2" t="s">
        <v>56067</v>
      </c>
      <c r="AE18328" s="1"/>
    </row>
    <row r="18329" spans="1:31" ht="14.45">
      <c r="A18329" s="11"/>
      <c r="B18329" s="20"/>
      <c r="C18329" s="2" t="s">
        <v>56068</v>
      </c>
      <c r="D18329" s="14" t="s">
        <v>56069</v>
      </c>
      <c r="E18329" s="2" t="s">
        <v>56070</v>
      </c>
      <c r="F18329" s="2" t="s">
        <v>56062</v>
      </c>
      <c r="G18329" s="8">
        <v>1276</v>
      </c>
      <c r="H18329" s="5">
        <v>5</v>
      </c>
      <c r="I18329" s="5" t="s">
        <v>69</v>
      </c>
      <c r="J18329" s="5" t="s">
        <v>55802</v>
      </c>
      <c r="K18329" s="2" t="s">
        <v>55803</v>
      </c>
      <c r="L18329" s="5" t="s">
        <v>55802</v>
      </c>
      <c r="M18329" s="2" t="s">
        <v>55803</v>
      </c>
      <c r="N18329" s="5" t="s">
        <v>733</v>
      </c>
      <c r="O18329" s="5" t="s">
        <v>38</v>
      </c>
      <c r="P18329" s="5" t="s">
        <v>39</v>
      </c>
      <c r="Q18329" s="5" t="s">
        <v>40</v>
      </c>
      <c r="R18329" s="5" t="s">
        <v>897</v>
      </c>
      <c r="S18329" s="5" t="s">
        <v>40</v>
      </c>
      <c r="T18329" s="5" t="s">
        <v>42</v>
      </c>
      <c r="U18329" s="2">
        <v>27.939</v>
      </c>
      <c r="V18329" s="2">
        <v>25.849</v>
      </c>
      <c r="W18329" s="2">
        <v>0.09</v>
      </c>
      <c r="X18329" s="2">
        <v>17</v>
      </c>
      <c r="Y18329" s="2">
        <v>57.7</v>
      </c>
      <c r="Z18329" s="2">
        <v>91.6</v>
      </c>
      <c r="AA18329" s="5">
        <v>7</v>
      </c>
      <c r="AB18329" s="5" t="s">
        <v>43</v>
      </c>
      <c r="AC18329" s="5" t="s">
        <v>735</v>
      </c>
      <c r="AD18329" s="2" t="s">
        <v>56071</v>
      </c>
      <c r="AE18329" s="1"/>
    </row>
    <row r="18330" spans="1:31" ht="14.45">
      <c r="A18330" s="11"/>
      <c r="B18330" s="20"/>
      <c r="C18330" s="2" t="s">
        <v>56072</v>
      </c>
      <c r="D18330" s="14" t="s">
        <v>56073</v>
      </c>
      <c r="E18330" s="2" t="s">
        <v>56074</v>
      </c>
      <c r="F18330" s="2" t="s">
        <v>56075</v>
      </c>
      <c r="G18330" s="8">
        <v>1014</v>
      </c>
      <c r="H18330" s="5">
        <v>10</v>
      </c>
      <c r="I18330" s="5" t="s">
        <v>69</v>
      </c>
      <c r="J18330" s="5" t="s">
        <v>55802</v>
      </c>
      <c r="K18330" s="2" t="s">
        <v>55803</v>
      </c>
      <c r="L18330" s="5" t="s">
        <v>55802</v>
      </c>
      <c r="M18330" s="2" t="s">
        <v>55803</v>
      </c>
      <c r="N18330" s="5" t="s">
        <v>733</v>
      </c>
      <c r="O18330" s="5" t="s">
        <v>38</v>
      </c>
      <c r="P18330" s="5" t="s">
        <v>39</v>
      </c>
      <c r="Q18330" s="5" t="s">
        <v>40</v>
      </c>
      <c r="R18330" s="5" t="s">
        <v>897</v>
      </c>
      <c r="S18330" s="5" t="s">
        <v>40</v>
      </c>
      <c r="T18330" s="5" t="s">
        <v>42</v>
      </c>
      <c r="U18330" s="2">
        <v>25.428000000000001</v>
      </c>
      <c r="V18330" s="2">
        <v>23.535</v>
      </c>
      <c r="W18330" s="2">
        <v>0.09</v>
      </c>
      <c r="X18330" s="2">
        <v>17</v>
      </c>
      <c r="Y18330" s="2">
        <v>57.7</v>
      </c>
      <c r="Z18330" s="2">
        <v>91.6</v>
      </c>
      <c r="AA18330" s="5">
        <v>7</v>
      </c>
      <c r="AB18330" s="5" t="s">
        <v>43</v>
      </c>
      <c r="AC18330" s="5" t="s">
        <v>735</v>
      </c>
      <c r="AD18330" s="2" t="s">
        <v>56076</v>
      </c>
      <c r="AE18330" s="1"/>
    </row>
    <row r="18331" spans="1:31" ht="14.45">
      <c r="A18331" s="11"/>
      <c r="B18331" s="20"/>
      <c r="C18331" s="2" t="s">
        <v>56077</v>
      </c>
      <c r="D18331" s="14" t="s">
        <v>56078</v>
      </c>
      <c r="E18331" s="2" t="s">
        <v>56079</v>
      </c>
      <c r="F18331" s="2" t="s">
        <v>56080</v>
      </c>
      <c r="G18331" s="8">
        <v>976</v>
      </c>
      <c r="H18331" s="5">
        <v>10</v>
      </c>
      <c r="I18331" s="5" t="s">
        <v>69</v>
      </c>
      <c r="J18331" s="5" t="s">
        <v>55802</v>
      </c>
      <c r="K18331" s="2" t="s">
        <v>55803</v>
      </c>
      <c r="L18331" s="5" t="s">
        <v>55802</v>
      </c>
      <c r="M18331" s="2" t="s">
        <v>55803</v>
      </c>
      <c r="N18331" s="5" t="s">
        <v>733</v>
      </c>
      <c r="O18331" s="5" t="s">
        <v>38</v>
      </c>
      <c r="P18331" s="5" t="s">
        <v>39</v>
      </c>
      <c r="Q18331" s="5" t="s">
        <v>40</v>
      </c>
      <c r="R18331" s="5" t="s">
        <v>897</v>
      </c>
      <c r="S18331" s="5" t="s">
        <v>40</v>
      </c>
      <c r="T18331" s="5" t="s">
        <v>42</v>
      </c>
      <c r="U18331" s="2">
        <v>25.414999999999999</v>
      </c>
      <c r="V18331" s="2">
        <v>23.521999999999998</v>
      </c>
      <c r="W18331" s="2">
        <v>0.09</v>
      </c>
      <c r="X18331" s="2">
        <v>17</v>
      </c>
      <c r="Y18331" s="2">
        <v>57.7</v>
      </c>
      <c r="Z18331" s="2">
        <v>91.6</v>
      </c>
      <c r="AA18331" s="5">
        <v>7</v>
      </c>
      <c r="AB18331" s="5" t="s">
        <v>43</v>
      </c>
      <c r="AC18331" s="5" t="s">
        <v>735</v>
      </c>
      <c r="AD18331" s="2" t="s">
        <v>56081</v>
      </c>
      <c r="AE18331" s="1"/>
    </row>
    <row r="18332" spans="1:31" ht="14.45">
      <c r="A18332" s="11"/>
      <c r="B18332" s="20"/>
      <c r="C18332" s="2" t="s">
        <v>56082</v>
      </c>
      <c r="D18332" s="14" t="s">
        <v>56083</v>
      </c>
      <c r="E18332" s="2" t="s">
        <v>56084</v>
      </c>
      <c r="F18332" s="2" t="s">
        <v>56080</v>
      </c>
      <c r="G18332" s="8">
        <v>1276</v>
      </c>
      <c r="H18332" s="5">
        <v>5</v>
      </c>
      <c r="I18332" s="5" t="s">
        <v>69</v>
      </c>
      <c r="J18332" s="5" t="s">
        <v>55802</v>
      </c>
      <c r="K18332" s="2" t="s">
        <v>55803</v>
      </c>
      <c r="L18332" s="5" t="s">
        <v>55802</v>
      </c>
      <c r="M18332" s="2" t="s">
        <v>55803</v>
      </c>
      <c r="N18332" s="5" t="s">
        <v>733</v>
      </c>
      <c r="O18332" s="5" t="s">
        <v>38</v>
      </c>
      <c r="P18332" s="5" t="s">
        <v>39</v>
      </c>
      <c r="Q18332" s="5" t="s">
        <v>40</v>
      </c>
      <c r="R18332" s="5" t="s">
        <v>897</v>
      </c>
      <c r="S18332" s="5" t="s">
        <v>40</v>
      </c>
      <c r="T18332" s="5" t="s">
        <v>42</v>
      </c>
      <c r="U18332" s="2">
        <v>27.363</v>
      </c>
      <c r="V18332" s="2">
        <v>25.273</v>
      </c>
      <c r="W18332" s="2">
        <v>0.09</v>
      </c>
      <c r="X18332" s="2">
        <v>17</v>
      </c>
      <c r="Y18332" s="2">
        <v>57.7</v>
      </c>
      <c r="Z18332" s="2">
        <v>91.6</v>
      </c>
      <c r="AA18332" s="5">
        <v>7</v>
      </c>
      <c r="AB18332" s="5" t="s">
        <v>43</v>
      </c>
      <c r="AC18332" s="5" t="s">
        <v>735</v>
      </c>
      <c r="AD18332" s="2" t="s">
        <v>56085</v>
      </c>
      <c r="AE18332" s="1"/>
    </row>
    <row r="18333" spans="1:31" ht="14.45">
      <c r="A18333" s="11"/>
      <c r="B18333" s="20"/>
      <c r="C18333" s="2" t="s">
        <v>56086</v>
      </c>
      <c r="D18333" s="14" t="s">
        <v>56087</v>
      </c>
      <c r="E18333" s="2" t="s">
        <v>56088</v>
      </c>
      <c r="F18333" s="2" t="s">
        <v>56089</v>
      </c>
      <c r="G18333" s="8">
        <v>691</v>
      </c>
      <c r="H18333" s="5">
        <v>10</v>
      </c>
      <c r="I18333" s="5" t="s">
        <v>69</v>
      </c>
      <c r="J18333" s="5" t="s">
        <v>55802</v>
      </c>
      <c r="K18333" s="2" t="s">
        <v>55803</v>
      </c>
      <c r="L18333" s="5" t="s">
        <v>55802</v>
      </c>
      <c r="M18333" s="2" t="s">
        <v>55803</v>
      </c>
      <c r="N18333" s="5" t="s">
        <v>733</v>
      </c>
      <c r="O18333" s="5" t="s">
        <v>38</v>
      </c>
      <c r="P18333" s="5" t="s">
        <v>39</v>
      </c>
      <c r="Q18333" s="5" t="s">
        <v>40</v>
      </c>
      <c r="R18333" s="5" t="s">
        <v>897</v>
      </c>
      <c r="S18333" s="5" t="s">
        <v>40</v>
      </c>
      <c r="T18333" s="5" t="s">
        <v>42</v>
      </c>
      <c r="U18333" s="2">
        <v>31.792000000000002</v>
      </c>
      <c r="V18333" s="2">
        <v>29.616</v>
      </c>
      <c r="W18333" s="2">
        <v>0.109</v>
      </c>
      <c r="X18333" s="2">
        <v>17</v>
      </c>
      <c r="Y18333" s="2">
        <v>57.7</v>
      </c>
      <c r="Z18333" s="2">
        <v>111.6</v>
      </c>
      <c r="AA18333" s="5">
        <v>7</v>
      </c>
      <c r="AB18333" s="5" t="s">
        <v>43</v>
      </c>
      <c r="AC18333" s="5" t="s">
        <v>735</v>
      </c>
      <c r="AD18333" s="2" t="s">
        <v>56090</v>
      </c>
      <c r="AE18333" s="1"/>
    </row>
    <row r="18334" spans="1:31" ht="14.45">
      <c r="A18334" s="11"/>
      <c r="B18334" s="20"/>
      <c r="C18334" s="2" t="s">
        <v>56091</v>
      </c>
      <c r="D18334" s="14" t="s">
        <v>56092</v>
      </c>
      <c r="E18334" s="2" t="s">
        <v>56093</v>
      </c>
      <c r="F18334" s="2" t="s">
        <v>56094</v>
      </c>
      <c r="G18334" s="8">
        <v>991</v>
      </c>
      <c r="H18334" s="5">
        <v>10</v>
      </c>
      <c r="I18334" s="5" t="s">
        <v>69</v>
      </c>
      <c r="J18334" s="5" t="s">
        <v>55802</v>
      </c>
      <c r="K18334" s="2" t="s">
        <v>55803</v>
      </c>
      <c r="L18334" s="5" t="s">
        <v>55802</v>
      </c>
      <c r="M18334" s="2" t="s">
        <v>55803</v>
      </c>
      <c r="N18334" s="5" t="s">
        <v>733</v>
      </c>
      <c r="O18334" s="5" t="s">
        <v>38</v>
      </c>
      <c r="P18334" s="5" t="s">
        <v>39</v>
      </c>
      <c r="Q18334" s="5" t="s">
        <v>40</v>
      </c>
      <c r="R18334" s="5" t="s">
        <v>897</v>
      </c>
      <c r="S18334" s="5" t="s">
        <v>40</v>
      </c>
      <c r="T18334" s="5" t="s">
        <v>42</v>
      </c>
      <c r="U18334" s="2">
        <v>33.581000000000003</v>
      </c>
      <c r="V18334" s="2">
        <v>31.289000000000001</v>
      </c>
      <c r="W18334" s="2">
        <v>0.109</v>
      </c>
      <c r="X18334" s="2">
        <v>17</v>
      </c>
      <c r="Y18334" s="2">
        <v>57.7</v>
      </c>
      <c r="Z18334" s="2">
        <v>111.6</v>
      </c>
      <c r="AA18334" s="5">
        <v>7</v>
      </c>
      <c r="AB18334" s="5" t="s">
        <v>43</v>
      </c>
      <c r="AC18334" s="5" t="s">
        <v>735</v>
      </c>
      <c r="AD18334" s="2" t="s">
        <v>56095</v>
      </c>
      <c r="AE18334" s="1"/>
    </row>
    <row r="18335" spans="1:31" ht="14.45">
      <c r="A18335" s="11"/>
      <c r="B18335" s="20"/>
      <c r="C18335" s="2" t="s">
        <v>56096</v>
      </c>
      <c r="D18335" s="14" t="s">
        <v>56097</v>
      </c>
      <c r="E18335" s="2" t="s">
        <v>56098</v>
      </c>
      <c r="F18335" s="2" t="s">
        <v>56099</v>
      </c>
      <c r="G18335" s="8">
        <v>613</v>
      </c>
      <c r="H18335" s="5">
        <v>5</v>
      </c>
      <c r="I18335" s="5" t="s">
        <v>69</v>
      </c>
      <c r="J18335" s="5" t="s">
        <v>55802</v>
      </c>
      <c r="K18335" s="2" t="s">
        <v>55803</v>
      </c>
      <c r="L18335" s="5" t="s">
        <v>55802</v>
      </c>
      <c r="M18335" s="2" t="s">
        <v>55803</v>
      </c>
      <c r="N18335" s="5" t="s">
        <v>733</v>
      </c>
      <c r="O18335" s="5" t="s">
        <v>38</v>
      </c>
      <c r="P18335" s="5" t="s">
        <v>39</v>
      </c>
      <c r="Q18335" s="5" t="s">
        <v>40</v>
      </c>
      <c r="R18335" s="5" t="s">
        <v>897</v>
      </c>
      <c r="S18335" s="5" t="s">
        <v>40</v>
      </c>
      <c r="T18335" s="5" t="s">
        <v>42</v>
      </c>
      <c r="U18335" s="2">
        <v>28.821000000000002</v>
      </c>
      <c r="V18335" s="2">
        <v>26.645</v>
      </c>
      <c r="W18335" s="2">
        <v>0.109</v>
      </c>
      <c r="X18335" s="2">
        <v>17</v>
      </c>
      <c r="Y18335" s="2">
        <v>57.7</v>
      </c>
      <c r="Z18335" s="2">
        <v>111.6</v>
      </c>
      <c r="AA18335" s="5">
        <v>7</v>
      </c>
      <c r="AB18335" s="5" t="s">
        <v>43</v>
      </c>
      <c r="AC18335" s="5" t="s">
        <v>735</v>
      </c>
      <c r="AD18335" s="2" t="s">
        <v>56100</v>
      </c>
      <c r="AE18335" s="1"/>
    </row>
    <row r="18336" spans="1:31" ht="14.45">
      <c r="A18336" s="11"/>
      <c r="B18336" s="20"/>
      <c r="C18336" s="2" t="s">
        <v>56101</v>
      </c>
      <c r="D18336" s="14" t="s">
        <v>56102</v>
      </c>
      <c r="E18336" s="2" t="s">
        <v>56103</v>
      </c>
      <c r="F18336" s="2" t="s">
        <v>56104</v>
      </c>
      <c r="G18336" s="8">
        <v>913</v>
      </c>
      <c r="H18336" s="5">
        <v>5</v>
      </c>
      <c r="I18336" s="5" t="s">
        <v>69</v>
      </c>
      <c r="J18336" s="5" t="s">
        <v>55802</v>
      </c>
      <c r="K18336" s="2" t="s">
        <v>55803</v>
      </c>
      <c r="L18336" s="5" t="s">
        <v>55802</v>
      </c>
      <c r="M18336" s="2" t="s">
        <v>55803</v>
      </c>
      <c r="N18336" s="5" t="s">
        <v>733</v>
      </c>
      <c r="O18336" s="5" t="s">
        <v>38</v>
      </c>
      <c r="P18336" s="5" t="s">
        <v>39</v>
      </c>
      <c r="Q18336" s="5" t="s">
        <v>40</v>
      </c>
      <c r="R18336" s="5" t="s">
        <v>897</v>
      </c>
      <c r="S18336" s="5" t="s">
        <v>40</v>
      </c>
      <c r="T18336" s="5" t="s">
        <v>42</v>
      </c>
      <c r="U18336" s="2">
        <v>30.399000000000001</v>
      </c>
      <c r="V18336" s="2">
        <v>28.106999999999999</v>
      </c>
      <c r="W18336" s="2">
        <v>0.109</v>
      </c>
      <c r="X18336" s="2">
        <v>17</v>
      </c>
      <c r="Y18336" s="2">
        <v>57.7</v>
      </c>
      <c r="Z18336" s="2">
        <v>111.6</v>
      </c>
      <c r="AA18336" s="5">
        <v>7</v>
      </c>
      <c r="AB18336" s="5" t="s">
        <v>43</v>
      </c>
      <c r="AC18336" s="5" t="s">
        <v>735</v>
      </c>
      <c r="AD18336" s="2" t="s">
        <v>56105</v>
      </c>
      <c r="AE18336" s="1"/>
    </row>
    <row r="18337" spans="1:31" ht="14.45">
      <c r="A18337" s="11"/>
      <c r="B18337" s="20"/>
      <c r="C18337" s="2" t="s">
        <v>56106</v>
      </c>
      <c r="D18337" s="14" t="s">
        <v>56107</v>
      </c>
      <c r="E18337" s="2" t="s">
        <v>56108</v>
      </c>
      <c r="F18337" s="2" t="s">
        <v>56104</v>
      </c>
      <c r="G18337" s="8">
        <v>913</v>
      </c>
      <c r="H18337" s="5">
        <v>5</v>
      </c>
      <c r="I18337" s="5" t="s">
        <v>69</v>
      </c>
      <c r="J18337" s="5" t="s">
        <v>55802</v>
      </c>
      <c r="K18337" s="2" t="s">
        <v>55803</v>
      </c>
      <c r="L18337" s="5" t="s">
        <v>55802</v>
      </c>
      <c r="M18337" s="2" t="s">
        <v>55803</v>
      </c>
      <c r="N18337" s="5" t="s">
        <v>733</v>
      </c>
      <c r="O18337" s="5" t="s">
        <v>38</v>
      </c>
      <c r="P18337" s="5" t="s">
        <v>39</v>
      </c>
      <c r="Q18337" s="5" t="s">
        <v>40</v>
      </c>
      <c r="R18337" s="5" t="s">
        <v>897</v>
      </c>
      <c r="S18337" s="5" t="s">
        <v>40</v>
      </c>
      <c r="T18337" s="5" t="s">
        <v>42</v>
      </c>
      <c r="U18337" s="2">
        <v>30.548999999999999</v>
      </c>
      <c r="V18337" s="2">
        <v>28.170999999999999</v>
      </c>
      <c r="W18337" s="2">
        <v>0.109</v>
      </c>
      <c r="X18337" s="2">
        <v>17</v>
      </c>
      <c r="Y18337" s="2">
        <v>57.7</v>
      </c>
      <c r="Z18337" s="2">
        <v>111.6</v>
      </c>
      <c r="AA18337" s="5">
        <v>7</v>
      </c>
      <c r="AB18337" s="5" t="s">
        <v>43</v>
      </c>
      <c r="AC18337" s="5" t="s">
        <v>735</v>
      </c>
      <c r="AD18337" s="2" t="s">
        <v>56109</v>
      </c>
      <c r="AE18337" s="1"/>
    </row>
    <row r="18338" spans="1:31" ht="14.45">
      <c r="A18338" s="11"/>
      <c r="B18338" s="20"/>
      <c r="C18338" s="2" t="s">
        <v>56110</v>
      </c>
      <c r="D18338" s="14" t="s">
        <v>56111</v>
      </c>
      <c r="E18338" s="2" t="s">
        <v>56112</v>
      </c>
      <c r="F18338" s="2" t="s">
        <v>56113</v>
      </c>
      <c r="G18338" s="8">
        <v>691</v>
      </c>
      <c r="H18338" s="5">
        <v>10</v>
      </c>
      <c r="I18338" s="5" t="s">
        <v>69</v>
      </c>
      <c r="J18338" s="5" t="s">
        <v>55802</v>
      </c>
      <c r="K18338" s="2" t="s">
        <v>55803</v>
      </c>
      <c r="L18338" s="5" t="s">
        <v>55802</v>
      </c>
      <c r="M18338" s="2" t="s">
        <v>55803</v>
      </c>
      <c r="N18338" s="5" t="s">
        <v>733</v>
      </c>
      <c r="O18338" s="5" t="s">
        <v>38</v>
      </c>
      <c r="P18338" s="5" t="s">
        <v>39</v>
      </c>
      <c r="Q18338" s="5" t="s">
        <v>40</v>
      </c>
      <c r="R18338" s="5" t="s">
        <v>897</v>
      </c>
      <c r="S18338" s="5" t="s">
        <v>40</v>
      </c>
      <c r="T18338" s="5" t="s">
        <v>42</v>
      </c>
      <c r="U18338" s="2">
        <v>28.428999999999998</v>
      </c>
      <c r="V18338" s="2">
        <v>26.248000000000001</v>
      </c>
      <c r="W18338" s="2">
        <v>0.109</v>
      </c>
      <c r="X18338" s="2">
        <v>17</v>
      </c>
      <c r="Y18338" s="2">
        <v>57.7</v>
      </c>
      <c r="Z18338" s="2">
        <v>111.6</v>
      </c>
      <c r="AA18338" s="5">
        <v>7</v>
      </c>
      <c r="AB18338" s="5" t="s">
        <v>43</v>
      </c>
      <c r="AC18338" s="5" t="s">
        <v>735</v>
      </c>
      <c r="AD18338" s="2" t="s">
        <v>56114</v>
      </c>
      <c r="AE18338" s="1"/>
    </row>
    <row r="18339" spans="1:31" ht="14.45">
      <c r="A18339" s="11"/>
      <c r="B18339" s="20"/>
      <c r="C18339" s="2" t="s">
        <v>56115</v>
      </c>
      <c r="D18339" s="14" t="s">
        <v>56116</v>
      </c>
      <c r="E18339" s="2" t="s">
        <v>56117</v>
      </c>
      <c r="F18339" s="2" t="s">
        <v>56113</v>
      </c>
      <c r="G18339" s="8">
        <v>991</v>
      </c>
      <c r="H18339" s="5">
        <v>10</v>
      </c>
      <c r="I18339" s="5" t="s">
        <v>69</v>
      </c>
      <c r="J18339" s="5" t="s">
        <v>55802</v>
      </c>
      <c r="K18339" s="2" t="s">
        <v>55803</v>
      </c>
      <c r="L18339" s="5" t="s">
        <v>55802</v>
      </c>
      <c r="M18339" s="2" t="s">
        <v>55803</v>
      </c>
      <c r="N18339" s="5" t="s">
        <v>733</v>
      </c>
      <c r="O18339" s="5" t="s">
        <v>38</v>
      </c>
      <c r="P18339" s="5" t="s">
        <v>39</v>
      </c>
      <c r="Q18339" s="5" t="s">
        <v>40</v>
      </c>
      <c r="R18339" s="5" t="s">
        <v>897</v>
      </c>
      <c r="S18339" s="5" t="s">
        <v>40</v>
      </c>
      <c r="T18339" s="5" t="s">
        <v>42</v>
      </c>
      <c r="U18339" s="2">
        <v>30.288</v>
      </c>
      <c r="V18339" s="2">
        <v>27.995999999999999</v>
      </c>
      <c r="W18339" s="2">
        <v>0.109</v>
      </c>
      <c r="X18339" s="2">
        <v>17</v>
      </c>
      <c r="Y18339" s="2">
        <v>57.7</v>
      </c>
      <c r="Z18339" s="2">
        <v>111.6</v>
      </c>
      <c r="AA18339" s="5">
        <v>7</v>
      </c>
      <c r="AB18339" s="5" t="s">
        <v>43</v>
      </c>
      <c r="AC18339" s="5" t="s">
        <v>735</v>
      </c>
      <c r="AD18339" s="2" t="s">
        <v>56118</v>
      </c>
      <c r="AE18339" s="1"/>
    </row>
    <row r="18340" spans="1:31" ht="14.45">
      <c r="A18340" s="11"/>
      <c r="B18340" s="20"/>
      <c r="C18340" s="2" t="s">
        <v>56119</v>
      </c>
      <c r="D18340" s="14" t="s">
        <v>56120</v>
      </c>
      <c r="E18340" s="2" t="s">
        <v>56121</v>
      </c>
      <c r="F18340" s="2" t="s">
        <v>56113</v>
      </c>
      <c r="G18340" s="8">
        <v>991</v>
      </c>
      <c r="H18340" s="5">
        <v>10</v>
      </c>
      <c r="I18340" s="5" t="s">
        <v>69</v>
      </c>
      <c r="J18340" s="5" t="s">
        <v>55802</v>
      </c>
      <c r="K18340" s="2" t="s">
        <v>55803</v>
      </c>
      <c r="L18340" s="5" t="s">
        <v>55802</v>
      </c>
      <c r="M18340" s="2" t="s">
        <v>55803</v>
      </c>
      <c r="N18340" s="5" t="s">
        <v>733</v>
      </c>
      <c r="O18340" s="5" t="s">
        <v>38</v>
      </c>
      <c r="P18340" s="5" t="s">
        <v>39</v>
      </c>
      <c r="Q18340" s="5" t="s">
        <v>40</v>
      </c>
      <c r="R18340" s="5" t="s">
        <v>897</v>
      </c>
      <c r="S18340" s="5" t="s">
        <v>40</v>
      </c>
      <c r="T18340" s="5" t="s">
        <v>42</v>
      </c>
      <c r="U18340" s="2">
        <v>30.45</v>
      </c>
      <c r="V18340" s="2">
        <v>28.071999999999999</v>
      </c>
      <c r="W18340" s="2">
        <v>0.109</v>
      </c>
      <c r="X18340" s="2">
        <v>17</v>
      </c>
      <c r="Y18340" s="2">
        <v>57.7</v>
      </c>
      <c r="Z18340" s="2">
        <v>111.6</v>
      </c>
      <c r="AA18340" s="5">
        <v>7</v>
      </c>
      <c r="AB18340" s="5" t="s">
        <v>43</v>
      </c>
      <c r="AC18340" s="5" t="s">
        <v>735</v>
      </c>
      <c r="AD18340" s="2" t="s">
        <v>56122</v>
      </c>
      <c r="AE18340" s="1"/>
    </row>
    <row r="18341" spans="1:31" ht="14.45">
      <c r="A18341" s="11"/>
      <c r="B18341" s="20"/>
      <c r="C18341" s="2" t="s">
        <v>56123</v>
      </c>
      <c r="D18341" s="14" t="s">
        <v>56124</v>
      </c>
      <c r="E18341" s="2" t="s">
        <v>56125</v>
      </c>
      <c r="F18341" s="2" t="s">
        <v>56126</v>
      </c>
      <c r="G18341" s="8">
        <v>539</v>
      </c>
      <c r="H18341" s="5">
        <v>10</v>
      </c>
      <c r="I18341" s="5" t="s">
        <v>69</v>
      </c>
      <c r="J18341" s="5" t="s">
        <v>55802</v>
      </c>
      <c r="K18341" s="2" t="s">
        <v>55803</v>
      </c>
      <c r="L18341" s="5" t="s">
        <v>55802</v>
      </c>
      <c r="M18341" s="2" t="s">
        <v>55803</v>
      </c>
      <c r="N18341" s="5" t="s">
        <v>733</v>
      </c>
      <c r="O18341" s="5" t="s">
        <v>38</v>
      </c>
      <c r="P18341" s="5" t="s">
        <v>39</v>
      </c>
      <c r="Q18341" s="5" t="s">
        <v>40</v>
      </c>
      <c r="R18341" s="5" t="s">
        <v>897</v>
      </c>
      <c r="S18341" s="5" t="s">
        <v>40</v>
      </c>
      <c r="T18341" s="5" t="s">
        <v>42</v>
      </c>
      <c r="U18341" s="2">
        <v>28.545000000000002</v>
      </c>
      <c r="V18341" s="2">
        <v>26.364000000000001</v>
      </c>
      <c r="W18341" s="2">
        <v>0.109</v>
      </c>
      <c r="X18341" s="2">
        <v>17</v>
      </c>
      <c r="Y18341" s="2">
        <v>57.7</v>
      </c>
      <c r="Z18341" s="2">
        <v>111.6</v>
      </c>
      <c r="AA18341" s="5">
        <v>7</v>
      </c>
      <c r="AB18341" s="5" t="s">
        <v>43</v>
      </c>
      <c r="AC18341" s="5" t="s">
        <v>735</v>
      </c>
      <c r="AD18341" s="2" t="s">
        <v>56127</v>
      </c>
      <c r="AE18341" s="1"/>
    </row>
    <row r="18342" spans="1:31" ht="14.45">
      <c r="A18342" s="11"/>
      <c r="B18342" s="20"/>
      <c r="C18342" s="2" t="s">
        <v>56128</v>
      </c>
      <c r="D18342" s="14" t="s">
        <v>56129</v>
      </c>
      <c r="E18342" s="2" t="s">
        <v>56130</v>
      </c>
      <c r="F18342" s="2" t="s">
        <v>56126</v>
      </c>
      <c r="G18342" s="8">
        <v>839</v>
      </c>
      <c r="H18342" s="5">
        <v>10</v>
      </c>
      <c r="I18342" s="5" t="s">
        <v>69</v>
      </c>
      <c r="J18342" s="5" t="s">
        <v>55802</v>
      </c>
      <c r="K18342" s="2" t="s">
        <v>55803</v>
      </c>
      <c r="L18342" s="5" t="s">
        <v>55802</v>
      </c>
      <c r="M18342" s="2" t="s">
        <v>55803</v>
      </c>
      <c r="N18342" s="5" t="s">
        <v>733</v>
      </c>
      <c r="O18342" s="5" t="s">
        <v>38</v>
      </c>
      <c r="P18342" s="5" t="s">
        <v>39</v>
      </c>
      <c r="Q18342" s="5" t="s">
        <v>40</v>
      </c>
      <c r="R18342" s="5" t="s">
        <v>897</v>
      </c>
      <c r="S18342" s="5" t="s">
        <v>40</v>
      </c>
      <c r="T18342" s="5" t="s">
        <v>42</v>
      </c>
      <c r="U18342" s="2">
        <v>30.404</v>
      </c>
      <c r="V18342" s="2">
        <v>28.111999999999998</v>
      </c>
      <c r="W18342" s="2">
        <v>0.109</v>
      </c>
      <c r="X18342" s="2">
        <v>17</v>
      </c>
      <c r="Y18342" s="2">
        <v>57.7</v>
      </c>
      <c r="Z18342" s="2">
        <v>111.6</v>
      </c>
      <c r="AA18342" s="5">
        <v>7</v>
      </c>
      <c r="AB18342" s="5" t="s">
        <v>43</v>
      </c>
      <c r="AC18342" s="5" t="s">
        <v>735</v>
      </c>
      <c r="AD18342" s="2" t="s">
        <v>56131</v>
      </c>
      <c r="AE18342" s="1"/>
    </row>
    <row r="18343" spans="1:31" ht="14.45">
      <c r="A18343" s="11"/>
      <c r="B18343" s="20"/>
      <c r="C18343" s="2" t="s">
        <v>56132</v>
      </c>
      <c r="D18343" s="14" t="s">
        <v>56133</v>
      </c>
      <c r="E18343" s="2" t="s">
        <v>56134</v>
      </c>
      <c r="F18343" s="2" t="s">
        <v>56126</v>
      </c>
      <c r="G18343" s="8">
        <v>839</v>
      </c>
      <c r="H18343" s="5">
        <v>10</v>
      </c>
      <c r="I18343" s="5" t="s">
        <v>69</v>
      </c>
      <c r="J18343" s="5" t="s">
        <v>55802</v>
      </c>
      <c r="K18343" s="2" t="s">
        <v>55803</v>
      </c>
      <c r="L18343" s="5" t="s">
        <v>55802</v>
      </c>
      <c r="M18343" s="2" t="s">
        <v>55803</v>
      </c>
      <c r="N18343" s="5" t="s">
        <v>733</v>
      </c>
      <c r="O18343" s="5" t="s">
        <v>38</v>
      </c>
      <c r="P18343" s="5" t="s">
        <v>39</v>
      </c>
      <c r="Q18343" s="5" t="s">
        <v>40</v>
      </c>
      <c r="R18343" s="5" t="s">
        <v>897</v>
      </c>
      <c r="S18343" s="5" t="s">
        <v>40</v>
      </c>
      <c r="T18343" s="5" t="s">
        <v>42</v>
      </c>
      <c r="U18343" s="2">
        <v>30.553999999999998</v>
      </c>
      <c r="V18343" s="2">
        <v>28.175999999999998</v>
      </c>
      <c r="W18343" s="2">
        <v>0.109</v>
      </c>
      <c r="X18343" s="2">
        <v>17</v>
      </c>
      <c r="Y18343" s="2">
        <v>57.7</v>
      </c>
      <c r="Z18343" s="2">
        <v>111.6</v>
      </c>
      <c r="AA18343" s="5">
        <v>7</v>
      </c>
      <c r="AB18343" s="5" t="s">
        <v>43</v>
      </c>
      <c r="AC18343" s="5" t="s">
        <v>735</v>
      </c>
      <c r="AD18343" s="2" t="s">
        <v>56135</v>
      </c>
      <c r="AE18343" s="1"/>
    </row>
    <row r="18344" spans="1:31" ht="14.45">
      <c r="A18344" s="11"/>
      <c r="B18344" s="20"/>
      <c r="C18344" s="2" t="s">
        <v>56136</v>
      </c>
      <c r="D18344" s="14" t="s">
        <v>56137</v>
      </c>
      <c r="E18344" s="2" t="s">
        <v>56138</v>
      </c>
      <c r="F18344" s="2" t="s">
        <v>56139</v>
      </c>
      <c r="G18344" s="8">
        <v>446</v>
      </c>
      <c r="H18344" s="5">
        <v>5</v>
      </c>
      <c r="I18344" s="5" t="s">
        <v>69</v>
      </c>
      <c r="J18344" s="5" t="s">
        <v>55802</v>
      </c>
      <c r="K18344" s="2" t="s">
        <v>55803</v>
      </c>
      <c r="L18344" s="5" t="s">
        <v>55802</v>
      </c>
      <c r="M18344" s="2" t="s">
        <v>55803</v>
      </c>
      <c r="N18344" s="5" t="s">
        <v>733</v>
      </c>
      <c r="O18344" s="5" t="s">
        <v>38</v>
      </c>
      <c r="P18344" s="5" t="s">
        <v>39</v>
      </c>
      <c r="Q18344" s="5" t="s">
        <v>40</v>
      </c>
      <c r="R18344" s="5" t="s">
        <v>897</v>
      </c>
      <c r="S18344" s="5" t="s">
        <v>40</v>
      </c>
      <c r="T18344" s="5" t="s">
        <v>42</v>
      </c>
      <c r="U18344" s="2">
        <v>25.806999999999999</v>
      </c>
      <c r="V18344" s="2">
        <v>23.631</v>
      </c>
      <c r="W18344" s="2">
        <v>0.109</v>
      </c>
      <c r="X18344" s="2">
        <v>17</v>
      </c>
      <c r="Y18344" s="2">
        <v>57.7</v>
      </c>
      <c r="Z18344" s="2">
        <v>111.6</v>
      </c>
      <c r="AA18344" s="5">
        <v>7</v>
      </c>
      <c r="AB18344" s="5" t="s">
        <v>43</v>
      </c>
      <c r="AC18344" s="5" t="s">
        <v>735</v>
      </c>
      <c r="AD18344" s="2" t="s">
        <v>56140</v>
      </c>
      <c r="AE18344" s="1"/>
    </row>
    <row r="18345" spans="1:31" ht="14.45">
      <c r="A18345" s="11"/>
      <c r="B18345" s="20"/>
      <c r="C18345" s="2" t="s">
        <v>56141</v>
      </c>
      <c r="D18345" s="14" t="s">
        <v>56142</v>
      </c>
      <c r="E18345" s="2" t="s">
        <v>56143</v>
      </c>
      <c r="F18345" s="2" t="s">
        <v>56139</v>
      </c>
      <c r="G18345" s="8">
        <v>746</v>
      </c>
      <c r="H18345" s="5">
        <v>5</v>
      </c>
      <c r="I18345" s="5" t="s">
        <v>69</v>
      </c>
      <c r="J18345" s="5" t="s">
        <v>55802</v>
      </c>
      <c r="K18345" s="2" t="s">
        <v>55803</v>
      </c>
      <c r="L18345" s="5" t="s">
        <v>55802</v>
      </c>
      <c r="M18345" s="2" t="s">
        <v>55803</v>
      </c>
      <c r="N18345" s="5" t="s">
        <v>733</v>
      </c>
      <c r="O18345" s="5" t="s">
        <v>38</v>
      </c>
      <c r="P18345" s="5" t="s">
        <v>39</v>
      </c>
      <c r="Q18345" s="5" t="s">
        <v>40</v>
      </c>
      <c r="R18345" s="5" t="s">
        <v>897</v>
      </c>
      <c r="S18345" s="5" t="s">
        <v>40</v>
      </c>
      <c r="T18345" s="5" t="s">
        <v>42</v>
      </c>
      <c r="U18345" s="2">
        <v>27.747</v>
      </c>
      <c r="V18345" s="2">
        <v>25.459</v>
      </c>
      <c r="W18345" s="2">
        <v>0.109</v>
      </c>
      <c r="X18345" s="2">
        <v>17</v>
      </c>
      <c r="Y18345" s="2">
        <v>57.7</v>
      </c>
      <c r="Z18345" s="2">
        <v>111.6</v>
      </c>
      <c r="AA18345" s="5">
        <v>7</v>
      </c>
      <c r="AB18345" s="5" t="s">
        <v>43</v>
      </c>
      <c r="AC18345" s="5" t="s">
        <v>735</v>
      </c>
      <c r="AD18345" s="2" t="s">
        <v>56144</v>
      </c>
      <c r="AE18345" s="1"/>
    </row>
    <row r="18346" spans="1:31" ht="14.45">
      <c r="A18346" s="11"/>
      <c r="B18346" s="20"/>
      <c r="C18346" s="2" t="s">
        <v>56145</v>
      </c>
      <c r="D18346" s="14" t="s">
        <v>56146</v>
      </c>
      <c r="E18346" s="2" t="s">
        <v>56147</v>
      </c>
      <c r="F18346" s="2" t="s">
        <v>56139</v>
      </c>
      <c r="G18346" s="8">
        <v>746</v>
      </c>
      <c r="H18346" s="5">
        <v>5</v>
      </c>
      <c r="I18346" s="5" t="s">
        <v>69</v>
      </c>
      <c r="J18346" s="5" t="s">
        <v>55802</v>
      </c>
      <c r="K18346" s="2" t="s">
        <v>55803</v>
      </c>
      <c r="L18346" s="5" t="s">
        <v>55802</v>
      </c>
      <c r="M18346" s="2" t="s">
        <v>55803</v>
      </c>
      <c r="N18346" s="5" t="s">
        <v>733</v>
      </c>
      <c r="O18346" s="5" t="s">
        <v>38</v>
      </c>
      <c r="P18346" s="5" t="s">
        <v>39</v>
      </c>
      <c r="Q18346" s="5" t="s">
        <v>40</v>
      </c>
      <c r="R18346" s="5" t="s">
        <v>897</v>
      </c>
      <c r="S18346" s="5" t="s">
        <v>40</v>
      </c>
      <c r="T18346" s="5" t="s">
        <v>42</v>
      </c>
      <c r="U18346" s="2">
        <v>28.018000000000001</v>
      </c>
      <c r="V18346" s="2">
        <v>25.643999999999998</v>
      </c>
      <c r="W18346" s="2">
        <v>0.109</v>
      </c>
      <c r="X18346" s="2">
        <v>17</v>
      </c>
      <c r="Y18346" s="2">
        <v>57.7</v>
      </c>
      <c r="Z18346" s="2">
        <v>111.6</v>
      </c>
      <c r="AA18346" s="5">
        <v>7</v>
      </c>
      <c r="AB18346" s="5" t="s">
        <v>43</v>
      </c>
      <c r="AC18346" s="5" t="s">
        <v>735</v>
      </c>
      <c r="AD18346" s="2" t="s">
        <v>56148</v>
      </c>
      <c r="AE18346" s="1"/>
    </row>
    <row r="18347" spans="1:31" ht="14.45">
      <c r="A18347" s="11"/>
      <c r="B18347" s="20"/>
      <c r="C18347" s="2" t="s">
        <v>56149</v>
      </c>
      <c r="D18347" s="14" t="s">
        <v>56150</v>
      </c>
      <c r="E18347" s="2" t="s">
        <v>56151</v>
      </c>
      <c r="F18347" s="2" t="s">
        <v>56152</v>
      </c>
      <c r="G18347" s="8">
        <v>745</v>
      </c>
      <c r="H18347" s="5">
        <v>10</v>
      </c>
      <c r="I18347" s="5" t="s">
        <v>69</v>
      </c>
      <c r="J18347" s="5" t="s">
        <v>55802</v>
      </c>
      <c r="K18347" s="2" t="s">
        <v>55803</v>
      </c>
      <c r="L18347" s="5" t="s">
        <v>55802</v>
      </c>
      <c r="M18347" s="2" t="s">
        <v>55803</v>
      </c>
      <c r="N18347" s="5" t="s">
        <v>733</v>
      </c>
      <c r="O18347" s="5" t="s">
        <v>38</v>
      </c>
      <c r="P18347" s="5" t="s">
        <v>39</v>
      </c>
      <c r="Q18347" s="5" t="s">
        <v>40</v>
      </c>
      <c r="R18347" s="5" t="s">
        <v>897</v>
      </c>
      <c r="S18347" s="5" t="s">
        <v>40</v>
      </c>
      <c r="T18347" s="5" t="s">
        <v>42</v>
      </c>
      <c r="U18347" s="2">
        <v>26.975999999999999</v>
      </c>
      <c r="V18347" s="2">
        <v>24.789000000000001</v>
      </c>
      <c r="W18347" s="2">
        <v>0.109</v>
      </c>
      <c r="X18347" s="2">
        <v>17</v>
      </c>
      <c r="Y18347" s="2">
        <v>57.7</v>
      </c>
      <c r="Z18347" s="2">
        <v>111.6</v>
      </c>
      <c r="AA18347" s="5">
        <v>7</v>
      </c>
      <c r="AB18347" s="5" t="s">
        <v>43</v>
      </c>
      <c r="AC18347" s="5" t="s">
        <v>735</v>
      </c>
      <c r="AD18347" s="2" t="s">
        <v>56153</v>
      </c>
      <c r="AE18347" s="1"/>
    </row>
    <row r="18348" spans="1:31" ht="14.45">
      <c r="A18348" s="11"/>
      <c r="B18348" s="20"/>
      <c r="C18348" s="2" t="s">
        <v>56154</v>
      </c>
      <c r="D18348" s="14" t="s">
        <v>56155</v>
      </c>
      <c r="E18348" s="2" t="s">
        <v>56156</v>
      </c>
      <c r="F18348" s="2" t="s">
        <v>56157</v>
      </c>
      <c r="G18348" s="8">
        <v>565</v>
      </c>
      <c r="H18348" s="5">
        <v>5</v>
      </c>
      <c r="I18348" s="5" t="s">
        <v>69</v>
      </c>
      <c r="J18348" s="5" t="s">
        <v>55802</v>
      </c>
      <c r="K18348" s="2" t="s">
        <v>55803</v>
      </c>
      <c r="L18348" s="5" t="s">
        <v>55802</v>
      </c>
      <c r="M18348" s="2" t="s">
        <v>55803</v>
      </c>
      <c r="N18348" s="5" t="s">
        <v>733</v>
      </c>
      <c r="O18348" s="5" t="s">
        <v>38</v>
      </c>
      <c r="P18348" s="5" t="s">
        <v>39</v>
      </c>
      <c r="Q18348" s="5" t="s">
        <v>40</v>
      </c>
      <c r="R18348" s="5" t="s">
        <v>897</v>
      </c>
      <c r="S18348" s="5" t="s">
        <v>40</v>
      </c>
      <c r="T18348" s="5" t="s">
        <v>42</v>
      </c>
      <c r="U18348" s="2">
        <v>28.523</v>
      </c>
      <c r="V18348" s="2">
        <v>26.341999999999999</v>
      </c>
      <c r="W18348" s="2">
        <v>0.109</v>
      </c>
      <c r="X18348" s="2">
        <v>17</v>
      </c>
      <c r="Y18348" s="2">
        <v>57.7</v>
      </c>
      <c r="Z18348" s="2">
        <v>111.6</v>
      </c>
      <c r="AA18348" s="5">
        <v>7</v>
      </c>
      <c r="AB18348" s="5" t="s">
        <v>43</v>
      </c>
      <c r="AC18348" s="5" t="s">
        <v>735</v>
      </c>
      <c r="AD18348" s="2" t="s">
        <v>56158</v>
      </c>
      <c r="AE18348" s="1"/>
    </row>
    <row r="18349" spans="1:31" ht="14.45">
      <c r="A18349" s="11"/>
      <c r="B18349" s="20"/>
      <c r="C18349" s="2" t="s">
        <v>56159</v>
      </c>
      <c r="D18349" s="14" t="s">
        <v>56160</v>
      </c>
      <c r="E18349" s="2" t="s">
        <v>56161</v>
      </c>
      <c r="F18349" s="2" t="s">
        <v>56157</v>
      </c>
      <c r="G18349" s="8">
        <v>865</v>
      </c>
      <c r="H18349" s="5">
        <v>5</v>
      </c>
      <c r="I18349" s="5" t="s">
        <v>69</v>
      </c>
      <c r="J18349" s="5" t="s">
        <v>55802</v>
      </c>
      <c r="K18349" s="2" t="s">
        <v>55803</v>
      </c>
      <c r="L18349" s="5" t="s">
        <v>55802</v>
      </c>
      <c r="M18349" s="2" t="s">
        <v>55803</v>
      </c>
      <c r="N18349" s="5" t="s">
        <v>733</v>
      </c>
      <c r="O18349" s="5" t="s">
        <v>38</v>
      </c>
      <c r="P18349" s="5" t="s">
        <v>39</v>
      </c>
      <c r="Q18349" s="5" t="s">
        <v>40</v>
      </c>
      <c r="R18349" s="5" t="s">
        <v>897</v>
      </c>
      <c r="S18349" s="5" t="s">
        <v>40</v>
      </c>
      <c r="T18349" s="5" t="s">
        <v>42</v>
      </c>
      <c r="U18349" s="2">
        <v>30.382000000000001</v>
      </c>
      <c r="V18349" s="2">
        <v>28.09</v>
      </c>
      <c r="W18349" s="2">
        <v>0.109</v>
      </c>
      <c r="X18349" s="2">
        <v>17</v>
      </c>
      <c r="Y18349" s="2">
        <v>57.7</v>
      </c>
      <c r="Z18349" s="2">
        <v>111.6</v>
      </c>
      <c r="AA18349" s="5">
        <v>7</v>
      </c>
      <c r="AB18349" s="5" t="s">
        <v>43</v>
      </c>
      <c r="AC18349" s="5" t="s">
        <v>735</v>
      </c>
      <c r="AD18349" s="2" t="s">
        <v>56162</v>
      </c>
      <c r="AE18349" s="1"/>
    </row>
    <row r="18350" spans="1:31" ht="14.45">
      <c r="A18350" s="11"/>
      <c r="B18350" s="20"/>
      <c r="C18350" s="2" t="s">
        <v>56163</v>
      </c>
      <c r="D18350" s="14" t="s">
        <v>56164</v>
      </c>
      <c r="E18350" s="2" t="s">
        <v>56165</v>
      </c>
      <c r="F18350" s="2" t="s">
        <v>56157</v>
      </c>
      <c r="G18350" s="8">
        <v>865</v>
      </c>
      <c r="H18350" s="5">
        <v>10</v>
      </c>
      <c r="I18350" s="5" t="s">
        <v>69</v>
      </c>
      <c r="J18350" s="5" t="s">
        <v>55802</v>
      </c>
      <c r="K18350" s="2" t="s">
        <v>55803</v>
      </c>
      <c r="L18350" s="5" t="s">
        <v>55802</v>
      </c>
      <c r="M18350" s="2" t="s">
        <v>55803</v>
      </c>
      <c r="N18350" s="5" t="s">
        <v>733</v>
      </c>
      <c r="O18350" s="5" t="s">
        <v>38</v>
      </c>
      <c r="P18350" s="5" t="s">
        <v>39</v>
      </c>
      <c r="Q18350" s="5" t="s">
        <v>40</v>
      </c>
      <c r="R18350" s="5" t="s">
        <v>897</v>
      </c>
      <c r="S18350" s="5" t="s">
        <v>40</v>
      </c>
      <c r="T18350" s="5" t="s">
        <v>42</v>
      </c>
      <c r="U18350" s="2">
        <v>30.532</v>
      </c>
      <c r="V18350" s="2">
        <v>28.154</v>
      </c>
      <c r="W18350" s="2">
        <v>0.109</v>
      </c>
      <c r="X18350" s="2">
        <v>17</v>
      </c>
      <c r="Y18350" s="2">
        <v>57.7</v>
      </c>
      <c r="Z18350" s="2">
        <v>111.6</v>
      </c>
      <c r="AA18350" s="5">
        <v>7</v>
      </c>
      <c r="AB18350" s="5" t="s">
        <v>43</v>
      </c>
      <c r="AC18350" s="5" t="s">
        <v>735</v>
      </c>
      <c r="AD18350" s="2" t="s">
        <v>56166</v>
      </c>
      <c r="AE18350" s="1"/>
    </row>
    <row r="18351" spans="1:31" ht="14.45">
      <c r="A18351" s="11"/>
      <c r="B18351" s="20"/>
      <c r="C18351" s="2" t="s">
        <v>56167</v>
      </c>
      <c r="D18351" s="14" t="s">
        <v>56168</v>
      </c>
      <c r="E18351" s="2" t="s">
        <v>56169</v>
      </c>
      <c r="F18351" s="2" t="s">
        <v>56170</v>
      </c>
      <c r="G18351" s="8">
        <v>1159</v>
      </c>
      <c r="H18351" s="5">
        <v>10</v>
      </c>
      <c r="I18351" s="5" t="s">
        <v>69</v>
      </c>
      <c r="J18351" s="5" t="s">
        <v>55802</v>
      </c>
      <c r="K18351" s="2" t="s">
        <v>55803</v>
      </c>
      <c r="L18351" s="5" t="s">
        <v>55802</v>
      </c>
      <c r="M18351" s="2" t="s">
        <v>55803</v>
      </c>
      <c r="N18351" s="5" t="s">
        <v>733</v>
      </c>
      <c r="O18351" s="5" t="s">
        <v>38</v>
      </c>
      <c r="P18351" s="5" t="s">
        <v>39</v>
      </c>
      <c r="Q18351" s="5" t="s">
        <v>40</v>
      </c>
      <c r="R18351" s="5" t="s">
        <v>897</v>
      </c>
      <c r="S18351" s="5" t="s">
        <v>40</v>
      </c>
      <c r="T18351" s="5" t="s">
        <v>42</v>
      </c>
      <c r="U18351" s="2">
        <v>34.194000000000003</v>
      </c>
      <c r="V18351" s="2">
        <v>32.018000000000001</v>
      </c>
      <c r="W18351" s="2">
        <v>0.109</v>
      </c>
      <c r="X18351" s="2">
        <v>17</v>
      </c>
      <c r="Y18351" s="2">
        <v>57.7</v>
      </c>
      <c r="Z18351" s="2">
        <v>111.6</v>
      </c>
      <c r="AA18351" s="5">
        <v>7</v>
      </c>
      <c r="AB18351" s="5" t="s">
        <v>43</v>
      </c>
      <c r="AC18351" s="5" t="s">
        <v>735</v>
      </c>
      <c r="AD18351" s="2" t="s">
        <v>56171</v>
      </c>
      <c r="AE18351" s="1"/>
    </row>
    <row r="18352" spans="1:31" ht="14.45">
      <c r="A18352" s="11"/>
      <c r="B18352" s="20"/>
      <c r="C18352" s="2" t="s">
        <v>56172</v>
      </c>
      <c r="D18352" s="14" t="s">
        <v>56173</v>
      </c>
      <c r="E18352" s="2" t="s">
        <v>56174</v>
      </c>
      <c r="F18352" s="2" t="s">
        <v>56175</v>
      </c>
      <c r="G18352" s="8">
        <v>1459</v>
      </c>
      <c r="H18352" s="5">
        <v>10</v>
      </c>
      <c r="I18352" s="5" t="s">
        <v>69</v>
      </c>
      <c r="J18352" s="5" t="s">
        <v>55802</v>
      </c>
      <c r="K18352" s="2" t="s">
        <v>55803</v>
      </c>
      <c r="L18352" s="5" t="s">
        <v>55802</v>
      </c>
      <c r="M18352" s="2" t="s">
        <v>55803</v>
      </c>
      <c r="N18352" s="5" t="s">
        <v>733</v>
      </c>
      <c r="O18352" s="5" t="s">
        <v>38</v>
      </c>
      <c r="P18352" s="5" t="s">
        <v>39</v>
      </c>
      <c r="Q18352" s="5" t="s">
        <v>40</v>
      </c>
      <c r="R18352" s="5" t="s">
        <v>897</v>
      </c>
      <c r="S18352" s="5" t="s">
        <v>40</v>
      </c>
      <c r="T18352" s="5" t="s">
        <v>42</v>
      </c>
      <c r="U18352" s="2">
        <v>35.982999999999997</v>
      </c>
      <c r="V18352" s="2">
        <v>33.691000000000003</v>
      </c>
      <c r="W18352" s="2">
        <v>0.109</v>
      </c>
      <c r="X18352" s="2">
        <v>17</v>
      </c>
      <c r="Y18352" s="2">
        <v>57.7</v>
      </c>
      <c r="Z18352" s="2">
        <v>111.6</v>
      </c>
      <c r="AA18352" s="5">
        <v>7</v>
      </c>
      <c r="AB18352" s="5" t="s">
        <v>43</v>
      </c>
      <c r="AC18352" s="5" t="s">
        <v>735</v>
      </c>
      <c r="AD18352" s="2" t="s">
        <v>56176</v>
      </c>
      <c r="AE18352" s="1"/>
    </row>
    <row r="18353" spans="1:31" ht="14.45">
      <c r="A18353" s="11"/>
      <c r="B18353" s="20"/>
      <c r="C18353" s="2" t="s">
        <v>56177</v>
      </c>
      <c r="D18353" s="14" t="s">
        <v>56178</v>
      </c>
      <c r="E18353" s="2" t="s">
        <v>56179</v>
      </c>
      <c r="F18353" s="2" t="s">
        <v>56180</v>
      </c>
      <c r="G18353" s="8">
        <v>1081</v>
      </c>
      <c r="H18353" s="5">
        <v>10</v>
      </c>
      <c r="I18353" s="5" t="s">
        <v>69</v>
      </c>
      <c r="J18353" s="5" t="s">
        <v>55802</v>
      </c>
      <c r="K18353" s="2" t="s">
        <v>55803</v>
      </c>
      <c r="L18353" s="5" t="s">
        <v>55802</v>
      </c>
      <c r="M18353" s="2" t="s">
        <v>55803</v>
      </c>
      <c r="N18353" s="5" t="s">
        <v>733</v>
      </c>
      <c r="O18353" s="5" t="s">
        <v>38</v>
      </c>
      <c r="P18353" s="5" t="s">
        <v>39</v>
      </c>
      <c r="Q18353" s="5" t="s">
        <v>40</v>
      </c>
      <c r="R18353" s="5" t="s">
        <v>897</v>
      </c>
      <c r="S18353" s="5" t="s">
        <v>40</v>
      </c>
      <c r="T18353" s="5" t="s">
        <v>42</v>
      </c>
      <c r="U18353" s="2">
        <v>30.925999999999998</v>
      </c>
      <c r="V18353" s="2">
        <v>28.745000000000001</v>
      </c>
      <c r="W18353" s="2">
        <v>0.109</v>
      </c>
      <c r="X18353" s="2">
        <v>17</v>
      </c>
      <c r="Y18353" s="2">
        <v>57.7</v>
      </c>
      <c r="Z18353" s="2">
        <v>111.6</v>
      </c>
      <c r="AA18353" s="5">
        <v>7</v>
      </c>
      <c r="AB18353" s="5" t="s">
        <v>43</v>
      </c>
      <c r="AC18353" s="5" t="s">
        <v>735</v>
      </c>
      <c r="AD18353" s="2" t="s">
        <v>56181</v>
      </c>
      <c r="AE18353" s="1"/>
    </row>
    <row r="18354" spans="1:31" ht="14.45">
      <c r="A18354" s="11"/>
      <c r="B18354" s="20"/>
      <c r="C18354" s="2" t="s">
        <v>56182</v>
      </c>
      <c r="D18354" s="14" t="s">
        <v>56183</v>
      </c>
      <c r="E18354" s="2" t="s">
        <v>56184</v>
      </c>
      <c r="F18354" s="2" t="s">
        <v>56185</v>
      </c>
      <c r="G18354" s="8">
        <v>1381</v>
      </c>
      <c r="H18354" s="5">
        <v>5</v>
      </c>
      <c r="I18354" s="5" t="s">
        <v>69</v>
      </c>
      <c r="J18354" s="5" t="s">
        <v>55802</v>
      </c>
      <c r="K18354" s="2" t="s">
        <v>55803</v>
      </c>
      <c r="L18354" s="5" t="s">
        <v>55802</v>
      </c>
      <c r="M18354" s="2" t="s">
        <v>55803</v>
      </c>
      <c r="N18354" s="5" t="s">
        <v>733</v>
      </c>
      <c r="O18354" s="5" t="s">
        <v>38</v>
      </c>
      <c r="P18354" s="5" t="s">
        <v>39</v>
      </c>
      <c r="Q18354" s="5" t="s">
        <v>40</v>
      </c>
      <c r="R18354" s="5" t="s">
        <v>897</v>
      </c>
      <c r="S18354" s="5" t="s">
        <v>40</v>
      </c>
      <c r="T18354" s="5" t="s">
        <v>42</v>
      </c>
      <c r="U18354" s="2">
        <v>32.784999999999997</v>
      </c>
      <c r="V18354" s="2">
        <v>30.492999999999999</v>
      </c>
      <c r="W18354" s="2">
        <v>0.109</v>
      </c>
      <c r="X18354" s="2">
        <v>17</v>
      </c>
      <c r="Y18354" s="2">
        <v>57.7</v>
      </c>
      <c r="Z18354" s="2">
        <v>111.6</v>
      </c>
      <c r="AA18354" s="5">
        <v>7</v>
      </c>
      <c r="AB18354" s="5" t="s">
        <v>43</v>
      </c>
      <c r="AC18354" s="5" t="s">
        <v>735</v>
      </c>
      <c r="AD18354" s="2" t="s">
        <v>56186</v>
      </c>
      <c r="AE18354" s="1"/>
    </row>
    <row r="18355" spans="1:31" ht="14.45">
      <c r="A18355" s="11"/>
      <c r="B18355" s="20"/>
      <c r="C18355" s="2" t="s">
        <v>56187</v>
      </c>
      <c r="D18355" s="14" t="s">
        <v>56188</v>
      </c>
      <c r="E18355" s="2" t="s">
        <v>56189</v>
      </c>
      <c r="F18355" s="2" t="s">
        <v>56185</v>
      </c>
      <c r="G18355" s="8">
        <v>1381</v>
      </c>
      <c r="H18355" s="5">
        <v>10</v>
      </c>
      <c r="I18355" s="5" t="s">
        <v>69</v>
      </c>
      <c r="J18355" s="5" t="s">
        <v>55802</v>
      </c>
      <c r="K18355" s="2" t="s">
        <v>55803</v>
      </c>
      <c r="L18355" s="5" t="s">
        <v>55802</v>
      </c>
      <c r="M18355" s="2" t="s">
        <v>55803</v>
      </c>
      <c r="N18355" s="5" t="s">
        <v>733</v>
      </c>
      <c r="O18355" s="5" t="s">
        <v>38</v>
      </c>
      <c r="P18355" s="5" t="s">
        <v>39</v>
      </c>
      <c r="Q18355" s="5" t="s">
        <v>40</v>
      </c>
      <c r="R18355" s="5" t="s">
        <v>897</v>
      </c>
      <c r="S18355" s="5" t="s">
        <v>40</v>
      </c>
      <c r="T18355" s="5" t="s">
        <v>42</v>
      </c>
      <c r="U18355" s="2">
        <v>32.950000000000003</v>
      </c>
      <c r="V18355" s="2">
        <v>30.571999999999999</v>
      </c>
      <c r="W18355" s="2">
        <v>0.109</v>
      </c>
      <c r="X18355" s="2">
        <v>17</v>
      </c>
      <c r="Y18355" s="2">
        <v>57.7</v>
      </c>
      <c r="Z18355" s="2">
        <v>111.6</v>
      </c>
      <c r="AA18355" s="5">
        <v>7</v>
      </c>
      <c r="AB18355" s="5" t="s">
        <v>43</v>
      </c>
      <c r="AC18355" s="5" t="s">
        <v>735</v>
      </c>
      <c r="AD18355" s="2" t="s">
        <v>56190</v>
      </c>
      <c r="AE18355" s="1"/>
    </row>
    <row r="18356" spans="1:31" ht="14.45">
      <c r="A18356" s="11"/>
      <c r="B18356" s="20"/>
      <c r="C18356" s="2" t="s">
        <v>56191</v>
      </c>
      <c r="D18356" s="14" t="s">
        <v>56192</v>
      </c>
      <c r="E18356" s="2" t="s">
        <v>56193</v>
      </c>
      <c r="F18356" s="2" t="s">
        <v>56194</v>
      </c>
      <c r="G18356" s="8">
        <v>914</v>
      </c>
      <c r="H18356" s="5">
        <v>10</v>
      </c>
      <c r="I18356" s="5" t="s">
        <v>69</v>
      </c>
      <c r="J18356" s="5" t="s">
        <v>55802</v>
      </c>
      <c r="K18356" s="2" t="s">
        <v>55803</v>
      </c>
      <c r="L18356" s="5" t="s">
        <v>55802</v>
      </c>
      <c r="M18356" s="2" t="s">
        <v>55803</v>
      </c>
      <c r="N18356" s="5" t="s">
        <v>733</v>
      </c>
      <c r="O18356" s="5" t="s">
        <v>38</v>
      </c>
      <c r="P18356" s="5" t="s">
        <v>39</v>
      </c>
      <c r="Q18356" s="5" t="s">
        <v>40</v>
      </c>
      <c r="R18356" s="5" t="s">
        <v>897</v>
      </c>
      <c r="S18356" s="5" t="s">
        <v>40</v>
      </c>
      <c r="T18356" s="5" t="s">
        <v>42</v>
      </c>
      <c r="U18356" s="2">
        <v>27.946000000000002</v>
      </c>
      <c r="V18356" s="2">
        <v>25.765000000000001</v>
      </c>
      <c r="W18356" s="2">
        <v>0.109</v>
      </c>
      <c r="X18356" s="2">
        <v>17</v>
      </c>
      <c r="Y18356" s="2">
        <v>57.7</v>
      </c>
      <c r="Z18356" s="2">
        <v>111.6</v>
      </c>
      <c r="AA18356" s="5">
        <v>7</v>
      </c>
      <c r="AB18356" s="5" t="s">
        <v>43</v>
      </c>
      <c r="AC18356" s="5" t="s">
        <v>735</v>
      </c>
      <c r="AD18356" s="2" t="s">
        <v>56195</v>
      </c>
      <c r="AE18356" s="1"/>
    </row>
    <row r="18357" spans="1:31" ht="14.45">
      <c r="A18357" s="11"/>
      <c r="B18357" s="20"/>
      <c r="C18357" s="2" t="s">
        <v>56196</v>
      </c>
      <c r="D18357" s="14" t="s">
        <v>56197</v>
      </c>
      <c r="E18357" s="2" t="s">
        <v>56198</v>
      </c>
      <c r="F18357" s="2" t="s">
        <v>56199</v>
      </c>
      <c r="G18357" s="8">
        <v>1214</v>
      </c>
      <c r="H18357" s="5">
        <v>10</v>
      </c>
      <c r="I18357" s="5" t="s">
        <v>69</v>
      </c>
      <c r="J18357" s="5" t="s">
        <v>55802</v>
      </c>
      <c r="K18357" s="2" t="s">
        <v>55803</v>
      </c>
      <c r="L18357" s="5" t="s">
        <v>55802</v>
      </c>
      <c r="M18357" s="2" t="s">
        <v>55803</v>
      </c>
      <c r="N18357" s="5" t="s">
        <v>733</v>
      </c>
      <c r="O18357" s="5" t="s">
        <v>38</v>
      </c>
      <c r="P18357" s="5" t="s">
        <v>39</v>
      </c>
      <c r="Q18357" s="5" t="s">
        <v>40</v>
      </c>
      <c r="R18357" s="5" t="s">
        <v>897</v>
      </c>
      <c r="S18357" s="5" t="s">
        <v>40</v>
      </c>
      <c r="T18357" s="5" t="s">
        <v>42</v>
      </c>
      <c r="U18357" s="2">
        <v>29.81</v>
      </c>
      <c r="V18357" s="2">
        <v>27.513000000000002</v>
      </c>
      <c r="W18357" s="2">
        <v>0.109</v>
      </c>
      <c r="X18357" s="2">
        <v>17</v>
      </c>
      <c r="Y18357" s="2">
        <v>57.7</v>
      </c>
      <c r="Z18357" s="2">
        <v>111.6</v>
      </c>
      <c r="AA18357" s="5">
        <v>7</v>
      </c>
      <c r="AB18357" s="5" t="s">
        <v>43</v>
      </c>
      <c r="AC18357" s="5" t="s">
        <v>735</v>
      </c>
      <c r="AD18357" s="2" t="s">
        <v>56200</v>
      </c>
      <c r="AE18357" s="1"/>
    </row>
    <row r="18358" spans="1:31" ht="14.45">
      <c r="A18358" s="11"/>
      <c r="B18358" s="20"/>
      <c r="C18358" s="2" t="s">
        <v>56201</v>
      </c>
      <c r="D18358" s="14" t="s">
        <v>56202</v>
      </c>
      <c r="E18358" s="2" t="s">
        <v>56203</v>
      </c>
      <c r="F18358" s="2" t="s">
        <v>56199</v>
      </c>
      <c r="G18358" s="8">
        <v>1214</v>
      </c>
      <c r="H18358" s="5">
        <v>10</v>
      </c>
      <c r="I18358" s="5" t="s">
        <v>69</v>
      </c>
      <c r="J18358" s="5" t="s">
        <v>55802</v>
      </c>
      <c r="K18358" s="2" t="s">
        <v>55803</v>
      </c>
      <c r="L18358" s="5" t="s">
        <v>55802</v>
      </c>
      <c r="M18358" s="2" t="s">
        <v>55803</v>
      </c>
      <c r="N18358" s="5" t="s">
        <v>733</v>
      </c>
      <c r="O18358" s="5" t="s">
        <v>38</v>
      </c>
      <c r="P18358" s="5" t="s">
        <v>39</v>
      </c>
      <c r="Q18358" s="5" t="s">
        <v>40</v>
      </c>
      <c r="R18358" s="5" t="s">
        <v>897</v>
      </c>
      <c r="S18358" s="5" t="s">
        <v>40</v>
      </c>
      <c r="T18358" s="5" t="s">
        <v>42</v>
      </c>
      <c r="U18358" s="2">
        <v>29.975000000000001</v>
      </c>
      <c r="V18358" s="2">
        <v>27.591999999999999</v>
      </c>
      <c r="W18358" s="2">
        <v>0.109</v>
      </c>
      <c r="X18358" s="2">
        <v>17</v>
      </c>
      <c r="Y18358" s="2">
        <v>57.7</v>
      </c>
      <c r="Z18358" s="2">
        <v>111.6</v>
      </c>
      <c r="AA18358" s="5">
        <v>7</v>
      </c>
      <c r="AB18358" s="5" t="s">
        <v>43</v>
      </c>
      <c r="AC18358" s="5" t="s">
        <v>735</v>
      </c>
      <c r="AD18358" s="2" t="s">
        <v>56204</v>
      </c>
      <c r="AE18358" s="1"/>
    </row>
    <row r="18359" spans="1:31" ht="14.45">
      <c r="A18359" s="11"/>
      <c r="B18359" s="20"/>
      <c r="C18359" s="2" t="s">
        <v>56205</v>
      </c>
      <c r="D18359" s="14" t="s">
        <v>56206</v>
      </c>
      <c r="E18359" s="2" t="s">
        <v>56207</v>
      </c>
      <c r="F18359" s="2" t="s">
        <v>56208</v>
      </c>
      <c r="G18359" s="8">
        <v>1033</v>
      </c>
      <c r="H18359" s="5">
        <v>5</v>
      </c>
      <c r="I18359" s="5" t="s">
        <v>69</v>
      </c>
      <c r="J18359" s="5" t="s">
        <v>55802</v>
      </c>
      <c r="K18359" s="2" t="s">
        <v>55803</v>
      </c>
      <c r="L18359" s="5" t="s">
        <v>55802</v>
      </c>
      <c r="M18359" s="2" t="s">
        <v>55803</v>
      </c>
      <c r="N18359" s="5" t="s">
        <v>733</v>
      </c>
      <c r="O18359" s="5" t="s">
        <v>38</v>
      </c>
      <c r="P18359" s="5" t="s">
        <v>39</v>
      </c>
      <c r="Q18359" s="5" t="s">
        <v>40</v>
      </c>
      <c r="R18359" s="5" t="s">
        <v>897</v>
      </c>
      <c r="S18359" s="5" t="s">
        <v>40</v>
      </c>
      <c r="T18359" s="5" t="s">
        <v>42</v>
      </c>
      <c r="U18359" s="2">
        <v>30.908999999999999</v>
      </c>
      <c r="V18359" s="2">
        <v>28.728000000000002</v>
      </c>
      <c r="W18359" s="2">
        <v>0.109</v>
      </c>
      <c r="X18359" s="2">
        <v>17</v>
      </c>
      <c r="Y18359" s="2">
        <v>57.7</v>
      </c>
      <c r="Z18359" s="2">
        <v>111.6</v>
      </c>
      <c r="AA18359" s="5">
        <v>7</v>
      </c>
      <c r="AB18359" s="5" t="s">
        <v>43</v>
      </c>
      <c r="AC18359" s="5" t="s">
        <v>735</v>
      </c>
      <c r="AD18359" s="2" t="s">
        <v>56209</v>
      </c>
      <c r="AE18359" s="1"/>
    </row>
    <row r="18360" spans="1:31" ht="14.45">
      <c r="A18360" s="11"/>
      <c r="B18360" s="20"/>
      <c r="C18360" s="2" t="s">
        <v>56210</v>
      </c>
      <c r="D18360" s="14" t="s">
        <v>56211</v>
      </c>
      <c r="E18360" s="2" t="s">
        <v>56212</v>
      </c>
      <c r="F18360" s="2" t="s">
        <v>56208</v>
      </c>
      <c r="G18360" s="8">
        <v>1333</v>
      </c>
      <c r="H18360" s="5">
        <v>5</v>
      </c>
      <c r="I18360" s="5" t="s">
        <v>69</v>
      </c>
      <c r="J18360" s="5" t="s">
        <v>55802</v>
      </c>
      <c r="K18360" s="2" t="s">
        <v>55803</v>
      </c>
      <c r="L18360" s="5" t="s">
        <v>55802</v>
      </c>
      <c r="M18360" s="2" t="s">
        <v>55803</v>
      </c>
      <c r="N18360" s="5" t="s">
        <v>733</v>
      </c>
      <c r="O18360" s="5" t="s">
        <v>38</v>
      </c>
      <c r="P18360" s="5" t="s">
        <v>39</v>
      </c>
      <c r="Q18360" s="5" t="s">
        <v>40</v>
      </c>
      <c r="R18360" s="5" t="s">
        <v>897</v>
      </c>
      <c r="S18360" s="5" t="s">
        <v>40</v>
      </c>
      <c r="T18360" s="5" t="s">
        <v>42</v>
      </c>
      <c r="U18360" s="2">
        <v>32.768000000000001</v>
      </c>
      <c r="V18360" s="2">
        <v>30.475999999999999</v>
      </c>
      <c r="W18360" s="2">
        <v>0.109</v>
      </c>
      <c r="X18360" s="2">
        <v>17</v>
      </c>
      <c r="Y18360" s="2">
        <v>57.7</v>
      </c>
      <c r="Z18360" s="2">
        <v>111.6</v>
      </c>
      <c r="AA18360" s="5">
        <v>7</v>
      </c>
      <c r="AB18360" s="5" t="s">
        <v>43</v>
      </c>
      <c r="AC18360" s="5" t="s">
        <v>735</v>
      </c>
      <c r="AD18360" s="2" t="s">
        <v>56213</v>
      </c>
      <c r="AE18360" s="1"/>
    </row>
    <row r="18361" spans="1:31" ht="14.45">
      <c r="A18361" s="11"/>
      <c r="B18361" s="20"/>
      <c r="C18361" s="2" t="s">
        <v>56214</v>
      </c>
      <c r="D18361" s="14" t="s">
        <v>56215</v>
      </c>
      <c r="E18361" s="2" t="s">
        <v>56216</v>
      </c>
      <c r="F18361" s="2" t="s">
        <v>56208</v>
      </c>
      <c r="G18361" s="8">
        <v>1333</v>
      </c>
      <c r="H18361" s="5">
        <v>5</v>
      </c>
      <c r="I18361" s="5" t="s">
        <v>69</v>
      </c>
      <c r="J18361" s="5" t="s">
        <v>55802</v>
      </c>
      <c r="K18361" s="2" t="s">
        <v>55803</v>
      </c>
      <c r="L18361" s="5" t="s">
        <v>55802</v>
      </c>
      <c r="M18361" s="2" t="s">
        <v>55803</v>
      </c>
      <c r="N18361" s="5" t="s">
        <v>733</v>
      </c>
      <c r="O18361" s="5" t="s">
        <v>38</v>
      </c>
      <c r="P18361" s="5" t="s">
        <v>39</v>
      </c>
      <c r="Q18361" s="5" t="s">
        <v>40</v>
      </c>
      <c r="R18361" s="5" t="s">
        <v>897</v>
      </c>
      <c r="S18361" s="5" t="s">
        <v>40</v>
      </c>
      <c r="T18361" s="5" t="s">
        <v>42</v>
      </c>
      <c r="U18361" s="2">
        <v>32.933</v>
      </c>
      <c r="V18361" s="2">
        <v>30.555</v>
      </c>
      <c r="W18361" s="2">
        <v>0.109</v>
      </c>
      <c r="X18361" s="2">
        <v>17</v>
      </c>
      <c r="Y18361" s="2">
        <v>57.7</v>
      </c>
      <c r="Z18361" s="2">
        <v>111.6</v>
      </c>
      <c r="AA18361" s="5">
        <v>7</v>
      </c>
      <c r="AB18361" s="5" t="s">
        <v>43</v>
      </c>
      <c r="AC18361" s="5" t="s">
        <v>735</v>
      </c>
      <c r="AD18361" s="2" t="s">
        <v>56217</v>
      </c>
      <c r="AE18361" s="1"/>
    </row>
    <row r="18362" spans="1:31" ht="14.45">
      <c r="A18362" s="11"/>
      <c r="B18362" s="20"/>
      <c r="C18362" s="2" t="s">
        <v>56218</v>
      </c>
      <c r="D18362" s="14" t="s">
        <v>56219</v>
      </c>
      <c r="E18362" s="2" t="s">
        <v>56220</v>
      </c>
      <c r="F18362" s="2" t="s">
        <v>56221</v>
      </c>
      <c r="G18362" s="8">
        <v>1081</v>
      </c>
      <c r="H18362" s="5">
        <v>10</v>
      </c>
      <c r="I18362" s="5" t="s">
        <v>69</v>
      </c>
      <c r="J18362" s="5" t="s">
        <v>55802</v>
      </c>
      <c r="K18362" s="2" t="s">
        <v>55803</v>
      </c>
      <c r="L18362" s="5" t="s">
        <v>55802</v>
      </c>
      <c r="M18362" s="2" t="s">
        <v>55803</v>
      </c>
      <c r="N18362" s="5" t="s">
        <v>733</v>
      </c>
      <c r="O18362" s="5" t="s">
        <v>38</v>
      </c>
      <c r="P18362" s="5" t="s">
        <v>39</v>
      </c>
      <c r="Q18362" s="5" t="s">
        <v>40</v>
      </c>
      <c r="R18362" s="5" t="s">
        <v>897</v>
      </c>
      <c r="S18362" s="5" t="s">
        <v>40</v>
      </c>
      <c r="T18362" s="5" t="s">
        <v>42</v>
      </c>
      <c r="U18362" s="2">
        <v>30.262</v>
      </c>
      <c r="V18362" s="2">
        <v>28.081</v>
      </c>
      <c r="W18362" s="2">
        <v>0.109</v>
      </c>
      <c r="X18362" s="2">
        <v>17</v>
      </c>
      <c r="Y18362" s="2">
        <v>57.7</v>
      </c>
      <c r="Z18362" s="2">
        <v>111.6</v>
      </c>
      <c r="AA18362" s="5">
        <v>7</v>
      </c>
      <c r="AB18362" s="5" t="s">
        <v>43</v>
      </c>
      <c r="AC18362" s="5" t="s">
        <v>735</v>
      </c>
      <c r="AD18362" s="2" t="s">
        <v>56222</v>
      </c>
      <c r="AE18362" s="1"/>
    </row>
    <row r="18363" spans="1:31" ht="14.45">
      <c r="A18363" s="11"/>
      <c r="B18363" s="20"/>
      <c r="C18363" s="2" t="s">
        <v>56223</v>
      </c>
      <c r="D18363" s="14" t="s">
        <v>56224</v>
      </c>
      <c r="E18363" s="2" t="s">
        <v>56225</v>
      </c>
      <c r="F18363" s="2" t="s">
        <v>56226</v>
      </c>
      <c r="G18363" s="8">
        <v>1381</v>
      </c>
      <c r="H18363" s="5">
        <v>10</v>
      </c>
      <c r="I18363" s="5" t="s">
        <v>69</v>
      </c>
      <c r="J18363" s="5" t="s">
        <v>55802</v>
      </c>
      <c r="K18363" s="2" t="s">
        <v>55803</v>
      </c>
      <c r="L18363" s="5" t="s">
        <v>55802</v>
      </c>
      <c r="M18363" s="2" t="s">
        <v>55803</v>
      </c>
      <c r="N18363" s="5" t="s">
        <v>733</v>
      </c>
      <c r="O18363" s="5" t="s">
        <v>38</v>
      </c>
      <c r="P18363" s="5" t="s">
        <v>39</v>
      </c>
      <c r="Q18363" s="5" t="s">
        <v>40</v>
      </c>
      <c r="R18363" s="5" t="s">
        <v>897</v>
      </c>
      <c r="S18363" s="5" t="s">
        <v>40</v>
      </c>
      <c r="T18363" s="5" t="s">
        <v>42</v>
      </c>
      <c r="U18363" s="2">
        <v>32.121000000000002</v>
      </c>
      <c r="V18363" s="2">
        <v>29.829000000000001</v>
      </c>
      <c r="W18363" s="2">
        <v>0.109</v>
      </c>
      <c r="X18363" s="2">
        <v>17</v>
      </c>
      <c r="Y18363" s="2">
        <v>57.7</v>
      </c>
      <c r="Z18363" s="2">
        <v>111.6</v>
      </c>
      <c r="AA18363" s="5">
        <v>7</v>
      </c>
      <c r="AB18363" s="5" t="s">
        <v>43</v>
      </c>
      <c r="AC18363" s="5" t="s">
        <v>735</v>
      </c>
      <c r="AD18363" s="2" t="s">
        <v>56227</v>
      </c>
      <c r="AE18363" s="1"/>
    </row>
    <row r="18364" spans="1:31" ht="14.45">
      <c r="A18364" s="11"/>
      <c r="B18364" s="20"/>
      <c r="C18364" s="2" t="s">
        <v>56228</v>
      </c>
      <c r="D18364" s="14" t="s">
        <v>56229</v>
      </c>
      <c r="E18364" s="2" t="s">
        <v>56230</v>
      </c>
      <c r="F18364" s="2" t="s">
        <v>56226</v>
      </c>
      <c r="G18364" s="8">
        <v>1381</v>
      </c>
      <c r="H18364" s="5">
        <v>10</v>
      </c>
      <c r="I18364" s="5" t="s">
        <v>69</v>
      </c>
      <c r="J18364" s="5" t="s">
        <v>55802</v>
      </c>
      <c r="K18364" s="2" t="s">
        <v>55803</v>
      </c>
      <c r="L18364" s="5" t="s">
        <v>55802</v>
      </c>
      <c r="M18364" s="2" t="s">
        <v>55803</v>
      </c>
      <c r="N18364" s="5" t="s">
        <v>733</v>
      </c>
      <c r="O18364" s="5" t="s">
        <v>38</v>
      </c>
      <c r="P18364" s="5" t="s">
        <v>39</v>
      </c>
      <c r="Q18364" s="5" t="s">
        <v>40</v>
      </c>
      <c r="R18364" s="5" t="s">
        <v>897</v>
      </c>
      <c r="S18364" s="5" t="s">
        <v>40</v>
      </c>
      <c r="T18364" s="5" t="s">
        <v>42</v>
      </c>
      <c r="U18364" s="2">
        <v>32.286000000000001</v>
      </c>
      <c r="V18364" s="2">
        <v>29.908000000000001</v>
      </c>
      <c r="W18364" s="2">
        <v>0.109</v>
      </c>
      <c r="X18364" s="2">
        <v>17</v>
      </c>
      <c r="Y18364" s="2">
        <v>57.7</v>
      </c>
      <c r="Z18364" s="2">
        <v>111.6</v>
      </c>
      <c r="AA18364" s="5">
        <v>7</v>
      </c>
      <c r="AB18364" s="5" t="s">
        <v>43</v>
      </c>
      <c r="AC18364" s="5" t="s">
        <v>735</v>
      </c>
      <c r="AD18364" s="2" t="s">
        <v>56231</v>
      </c>
      <c r="AE18364" s="1"/>
    </row>
    <row r="18365" spans="1:31" ht="14.45">
      <c r="A18365" s="11"/>
      <c r="B18365" s="20"/>
      <c r="C18365" s="2" t="s">
        <v>56232</v>
      </c>
      <c r="D18365" s="14" t="s">
        <v>56233</v>
      </c>
      <c r="E18365" s="2" t="s">
        <v>56234</v>
      </c>
      <c r="F18365" s="2" t="s">
        <v>56235</v>
      </c>
      <c r="G18365" s="8">
        <v>1214</v>
      </c>
      <c r="H18365" s="5">
        <v>10</v>
      </c>
      <c r="I18365" s="5" t="s">
        <v>69</v>
      </c>
      <c r="J18365" s="5" t="s">
        <v>55802</v>
      </c>
      <c r="K18365" s="2" t="s">
        <v>55803</v>
      </c>
      <c r="L18365" s="5" t="s">
        <v>55802</v>
      </c>
      <c r="M18365" s="2" t="s">
        <v>55803</v>
      </c>
      <c r="N18365" s="5" t="s">
        <v>733</v>
      </c>
      <c r="O18365" s="5" t="s">
        <v>38</v>
      </c>
      <c r="P18365" s="5" t="s">
        <v>39</v>
      </c>
      <c r="Q18365" s="5" t="s">
        <v>40</v>
      </c>
      <c r="R18365" s="5" t="s">
        <v>897</v>
      </c>
      <c r="S18365" s="5" t="s">
        <v>40</v>
      </c>
      <c r="T18365" s="5" t="s">
        <v>42</v>
      </c>
      <c r="U18365" s="2">
        <v>29.146999999999998</v>
      </c>
      <c r="V18365" s="2">
        <v>26.85</v>
      </c>
      <c r="W18365" s="2">
        <v>0.109</v>
      </c>
      <c r="X18365" s="2">
        <v>17</v>
      </c>
      <c r="Y18365" s="2">
        <v>57.7</v>
      </c>
      <c r="Z18365" s="2">
        <v>111.6</v>
      </c>
      <c r="AA18365" s="5">
        <v>7</v>
      </c>
      <c r="AB18365" s="5" t="s">
        <v>43</v>
      </c>
      <c r="AC18365" s="5" t="s">
        <v>735</v>
      </c>
      <c r="AD18365" s="2" t="s">
        <v>56236</v>
      </c>
      <c r="AE18365" s="1"/>
    </row>
    <row r="18366" spans="1:31" ht="14.45">
      <c r="A18366" s="11"/>
      <c r="B18366" s="20"/>
      <c r="C18366" s="2" t="s">
        <v>56237</v>
      </c>
      <c r="D18366" s="14" t="s">
        <v>56238</v>
      </c>
      <c r="E18366" s="2" t="s">
        <v>56239</v>
      </c>
      <c r="F18366" s="2" t="s">
        <v>56235</v>
      </c>
      <c r="G18366" s="8">
        <v>1214</v>
      </c>
      <c r="H18366" s="5">
        <v>10</v>
      </c>
      <c r="I18366" s="5" t="s">
        <v>69</v>
      </c>
      <c r="J18366" s="5" t="s">
        <v>55802</v>
      </c>
      <c r="K18366" s="2" t="s">
        <v>55803</v>
      </c>
      <c r="L18366" s="5" t="s">
        <v>55802</v>
      </c>
      <c r="M18366" s="2" t="s">
        <v>55803</v>
      </c>
      <c r="N18366" s="5" t="s">
        <v>733</v>
      </c>
      <c r="O18366" s="5" t="s">
        <v>38</v>
      </c>
      <c r="P18366" s="5" t="s">
        <v>39</v>
      </c>
      <c r="Q18366" s="5" t="s">
        <v>40</v>
      </c>
      <c r="R18366" s="5" t="s">
        <v>897</v>
      </c>
      <c r="S18366" s="5" t="s">
        <v>40</v>
      </c>
      <c r="T18366" s="5" t="s">
        <v>42</v>
      </c>
      <c r="U18366" s="2">
        <v>29.312000000000001</v>
      </c>
      <c r="V18366" s="2">
        <v>26.928999999999998</v>
      </c>
      <c r="W18366" s="2">
        <v>0.109</v>
      </c>
      <c r="X18366" s="2">
        <v>17</v>
      </c>
      <c r="Y18366" s="2">
        <v>57.7</v>
      </c>
      <c r="Z18366" s="2">
        <v>111.6</v>
      </c>
      <c r="AA18366" s="5">
        <v>7</v>
      </c>
      <c r="AB18366" s="5" t="s">
        <v>43</v>
      </c>
      <c r="AC18366" s="5" t="s">
        <v>735</v>
      </c>
      <c r="AD18366" s="2" t="s">
        <v>56240</v>
      </c>
      <c r="AE18366" s="1"/>
    </row>
    <row r="18367" spans="1:31" ht="14.45">
      <c r="A18367" s="11"/>
      <c r="B18367" s="20"/>
      <c r="C18367" s="2" t="s">
        <v>56241</v>
      </c>
      <c r="D18367" s="14" t="s">
        <v>56242</v>
      </c>
      <c r="E18367" s="2" t="s">
        <v>56243</v>
      </c>
      <c r="F18367" s="2" t="s">
        <v>56244</v>
      </c>
      <c r="G18367" s="8">
        <v>1033</v>
      </c>
      <c r="H18367" s="5">
        <v>10</v>
      </c>
      <c r="I18367" s="5" t="s">
        <v>69</v>
      </c>
      <c r="J18367" s="5" t="s">
        <v>55802</v>
      </c>
      <c r="K18367" s="2" t="s">
        <v>55803</v>
      </c>
      <c r="L18367" s="5" t="s">
        <v>55802</v>
      </c>
      <c r="M18367" s="2" t="s">
        <v>55803</v>
      </c>
      <c r="N18367" s="5" t="s">
        <v>733</v>
      </c>
      <c r="O18367" s="5" t="s">
        <v>38</v>
      </c>
      <c r="P18367" s="5" t="s">
        <v>39</v>
      </c>
      <c r="Q18367" s="5" t="s">
        <v>40</v>
      </c>
      <c r="R18367" s="5" t="s">
        <v>897</v>
      </c>
      <c r="S18367" s="5" t="s">
        <v>40</v>
      </c>
      <c r="T18367" s="5" t="s">
        <v>42</v>
      </c>
      <c r="U18367" s="2">
        <v>30.245000000000001</v>
      </c>
      <c r="V18367" s="2">
        <v>28.064</v>
      </c>
      <c r="W18367" s="2">
        <v>0.109</v>
      </c>
      <c r="X18367" s="2">
        <v>17</v>
      </c>
      <c r="Y18367" s="2">
        <v>57.7</v>
      </c>
      <c r="Z18367" s="2">
        <v>111.6</v>
      </c>
      <c r="AA18367" s="5">
        <v>7</v>
      </c>
      <c r="AB18367" s="5" t="s">
        <v>43</v>
      </c>
      <c r="AC18367" s="5" t="s">
        <v>735</v>
      </c>
      <c r="AD18367" s="2" t="s">
        <v>56245</v>
      </c>
      <c r="AE18367" s="1"/>
    </row>
    <row r="18368" spans="1:31" ht="14.45">
      <c r="A18368" s="11"/>
      <c r="B18368" s="20"/>
      <c r="C18368" s="2" t="s">
        <v>56246</v>
      </c>
      <c r="D18368" s="14" t="s">
        <v>56247</v>
      </c>
      <c r="E18368" s="2" t="s">
        <v>56248</v>
      </c>
      <c r="F18368" s="2" t="s">
        <v>56244</v>
      </c>
      <c r="G18368" s="8">
        <v>1333</v>
      </c>
      <c r="H18368" s="5">
        <v>5</v>
      </c>
      <c r="I18368" s="5" t="s">
        <v>69</v>
      </c>
      <c r="J18368" s="5" t="s">
        <v>55802</v>
      </c>
      <c r="K18368" s="2" t="s">
        <v>55803</v>
      </c>
      <c r="L18368" s="5" t="s">
        <v>55802</v>
      </c>
      <c r="M18368" s="2" t="s">
        <v>55803</v>
      </c>
      <c r="N18368" s="5" t="s">
        <v>733</v>
      </c>
      <c r="O18368" s="5" t="s">
        <v>38</v>
      </c>
      <c r="P18368" s="5" t="s">
        <v>39</v>
      </c>
      <c r="Q18368" s="5" t="s">
        <v>40</v>
      </c>
      <c r="R18368" s="5" t="s">
        <v>897</v>
      </c>
      <c r="S18368" s="5" t="s">
        <v>40</v>
      </c>
      <c r="T18368" s="5" t="s">
        <v>42</v>
      </c>
      <c r="U18368" s="2">
        <v>32.268999999999998</v>
      </c>
      <c r="V18368" s="2">
        <v>29.890999999999998</v>
      </c>
      <c r="W18368" s="2">
        <v>0.109</v>
      </c>
      <c r="X18368" s="2">
        <v>17</v>
      </c>
      <c r="Y18368" s="2">
        <v>57.7</v>
      </c>
      <c r="Z18368" s="2">
        <v>111.6</v>
      </c>
      <c r="AA18368" s="5">
        <v>7</v>
      </c>
      <c r="AB18368" s="5" t="s">
        <v>43</v>
      </c>
      <c r="AC18368" s="5" t="s">
        <v>735</v>
      </c>
      <c r="AD18368" s="2" t="s">
        <v>56249</v>
      </c>
      <c r="AE18368" s="1"/>
    </row>
    <row r="18369" spans="1:31" ht="14.45">
      <c r="A18369" s="11"/>
      <c r="B18369" s="20"/>
      <c r="C18369" s="2" t="s">
        <v>56250</v>
      </c>
      <c r="D18369" s="14" t="s">
        <v>56251</v>
      </c>
      <c r="E18369" s="2" t="s">
        <v>56252</v>
      </c>
      <c r="F18369" s="2" t="s">
        <v>56253</v>
      </c>
      <c r="G18369" s="8">
        <v>691</v>
      </c>
      <c r="H18369" s="5">
        <v>10</v>
      </c>
      <c r="I18369" s="5" t="s">
        <v>69</v>
      </c>
      <c r="J18369" s="5" t="s">
        <v>55802</v>
      </c>
      <c r="K18369" s="2" t="s">
        <v>55803</v>
      </c>
      <c r="L18369" s="5" t="s">
        <v>55802</v>
      </c>
      <c r="M18369" s="2" t="s">
        <v>55803</v>
      </c>
      <c r="N18369" s="5" t="s">
        <v>733</v>
      </c>
      <c r="O18369" s="5" t="s">
        <v>38</v>
      </c>
      <c r="P18369" s="5" t="s">
        <v>39</v>
      </c>
      <c r="Q18369" s="5" t="s">
        <v>40</v>
      </c>
      <c r="R18369" s="5" t="s">
        <v>897</v>
      </c>
      <c r="S18369" s="5" t="s">
        <v>40</v>
      </c>
      <c r="T18369" s="5" t="s">
        <v>42</v>
      </c>
      <c r="U18369" s="2">
        <v>31.805</v>
      </c>
      <c r="V18369" s="2">
        <v>29.629000000000001</v>
      </c>
      <c r="W18369" s="2">
        <v>0.109</v>
      </c>
      <c r="X18369" s="2">
        <v>17</v>
      </c>
      <c r="Y18369" s="2">
        <v>57.7</v>
      </c>
      <c r="Z18369" s="2">
        <v>111.6</v>
      </c>
      <c r="AA18369" s="5">
        <v>7</v>
      </c>
      <c r="AB18369" s="5" t="s">
        <v>43</v>
      </c>
      <c r="AC18369" s="5" t="s">
        <v>735</v>
      </c>
      <c r="AD18369" s="2" t="s">
        <v>56254</v>
      </c>
      <c r="AE18369" s="1"/>
    </row>
    <row r="18370" spans="1:31" ht="14.45">
      <c r="A18370" s="11"/>
      <c r="B18370" s="20"/>
      <c r="C18370" s="2" t="s">
        <v>56255</v>
      </c>
      <c r="D18370" s="14" t="s">
        <v>56256</v>
      </c>
      <c r="E18370" s="2" t="s">
        <v>56257</v>
      </c>
      <c r="F18370" s="2" t="s">
        <v>56258</v>
      </c>
      <c r="G18370" s="8">
        <v>991</v>
      </c>
      <c r="H18370" s="5">
        <v>10</v>
      </c>
      <c r="I18370" s="5" t="s">
        <v>69</v>
      </c>
      <c r="J18370" s="5" t="s">
        <v>55802</v>
      </c>
      <c r="K18370" s="2" t="s">
        <v>55803</v>
      </c>
      <c r="L18370" s="5" t="s">
        <v>55802</v>
      </c>
      <c r="M18370" s="2" t="s">
        <v>55803</v>
      </c>
      <c r="N18370" s="5" t="s">
        <v>733</v>
      </c>
      <c r="O18370" s="5" t="s">
        <v>38</v>
      </c>
      <c r="P18370" s="5" t="s">
        <v>39</v>
      </c>
      <c r="Q18370" s="5" t="s">
        <v>40</v>
      </c>
      <c r="R18370" s="5" t="s">
        <v>897</v>
      </c>
      <c r="S18370" s="5" t="s">
        <v>40</v>
      </c>
      <c r="T18370" s="5" t="s">
        <v>42</v>
      </c>
      <c r="U18370" s="2">
        <v>33.594000000000001</v>
      </c>
      <c r="V18370" s="2">
        <v>31.302</v>
      </c>
      <c r="W18370" s="2">
        <v>0.109</v>
      </c>
      <c r="X18370" s="2">
        <v>17</v>
      </c>
      <c r="Y18370" s="2">
        <v>57.7</v>
      </c>
      <c r="Z18370" s="2">
        <v>111.6</v>
      </c>
      <c r="AA18370" s="5">
        <v>7</v>
      </c>
      <c r="AB18370" s="5" t="s">
        <v>43</v>
      </c>
      <c r="AC18370" s="5" t="s">
        <v>735</v>
      </c>
      <c r="AD18370" s="2" t="s">
        <v>56259</v>
      </c>
      <c r="AE18370" s="1"/>
    </row>
    <row r="18371" spans="1:31" ht="14.45">
      <c r="A18371" s="11"/>
      <c r="B18371" s="20"/>
      <c r="C18371" s="2" t="s">
        <v>56260</v>
      </c>
      <c r="D18371" s="14" t="s">
        <v>56261</v>
      </c>
      <c r="E18371" s="2" t="s">
        <v>56262</v>
      </c>
      <c r="F18371" s="2" t="s">
        <v>56263</v>
      </c>
      <c r="G18371" s="8">
        <v>613</v>
      </c>
      <c r="H18371" s="5">
        <v>5</v>
      </c>
      <c r="I18371" s="5" t="s">
        <v>69</v>
      </c>
      <c r="J18371" s="5" t="s">
        <v>55802</v>
      </c>
      <c r="K18371" s="2" t="s">
        <v>55803</v>
      </c>
      <c r="L18371" s="5" t="s">
        <v>55802</v>
      </c>
      <c r="M18371" s="2" t="s">
        <v>55803</v>
      </c>
      <c r="N18371" s="5" t="s">
        <v>733</v>
      </c>
      <c r="O18371" s="5" t="s">
        <v>38</v>
      </c>
      <c r="P18371" s="5" t="s">
        <v>39</v>
      </c>
      <c r="Q18371" s="5" t="s">
        <v>40</v>
      </c>
      <c r="R18371" s="5" t="s">
        <v>897</v>
      </c>
      <c r="S18371" s="5" t="s">
        <v>40</v>
      </c>
      <c r="T18371" s="5" t="s">
        <v>42</v>
      </c>
      <c r="U18371" s="2">
        <v>28.849</v>
      </c>
      <c r="V18371" s="2">
        <v>26.672999999999998</v>
      </c>
      <c r="W18371" s="2">
        <v>0.109</v>
      </c>
      <c r="X18371" s="2">
        <v>17</v>
      </c>
      <c r="Y18371" s="2">
        <v>57.7</v>
      </c>
      <c r="Z18371" s="2">
        <v>111.6</v>
      </c>
      <c r="AA18371" s="5">
        <v>7</v>
      </c>
      <c r="AB18371" s="5" t="s">
        <v>43</v>
      </c>
      <c r="AC18371" s="5" t="s">
        <v>735</v>
      </c>
      <c r="AD18371" s="2" t="s">
        <v>56264</v>
      </c>
      <c r="AE18371" s="1"/>
    </row>
    <row r="18372" spans="1:31" ht="14.45">
      <c r="A18372" s="11"/>
      <c r="B18372" s="20"/>
      <c r="C18372" s="2" t="s">
        <v>56265</v>
      </c>
      <c r="D18372" s="14" t="s">
        <v>56266</v>
      </c>
      <c r="E18372" s="2" t="s">
        <v>56267</v>
      </c>
      <c r="F18372" s="2" t="s">
        <v>56268</v>
      </c>
      <c r="G18372" s="8">
        <v>913</v>
      </c>
      <c r="H18372" s="5">
        <v>10</v>
      </c>
      <c r="I18372" s="5" t="s">
        <v>69</v>
      </c>
      <c r="J18372" s="5" t="s">
        <v>55802</v>
      </c>
      <c r="K18372" s="2" t="s">
        <v>55803</v>
      </c>
      <c r="L18372" s="5" t="s">
        <v>55802</v>
      </c>
      <c r="M18372" s="2" t="s">
        <v>55803</v>
      </c>
      <c r="N18372" s="5" t="s">
        <v>733</v>
      </c>
      <c r="O18372" s="5" t="s">
        <v>38</v>
      </c>
      <c r="P18372" s="5" t="s">
        <v>39</v>
      </c>
      <c r="Q18372" s="5" t="s">
        <v>40</v>
      </c>
      <c r="R18372" s="5" t="s">
        <v>897</v>
      </c>
      <c r="S18372" s="5" t="s">
        <v>40</v>
      </c>
      <c r="T18372" s="5" t="s">
        <v>42</v>
      </c>
      <c r="U18372" s="2">
        <v>30.411999999999999</v>
      </c>
      <c r="V18372" s="2">
        <v>28.12</v>
      </c>
      <c r="W18372" s="2">
        <v>0.109</v>
      </c>
      <c r="X18372" s="2">
        <v>17</v>
      </c>
      <c r="Y18372" s="2">
        <v>57.7</v>
      </c>
      <c r="Z18372" s="2">
        <v>111.6</v>
      </c>
      <c r="AA18372" s="5">
        <v>7</v>
      </c>
      <c r="AB18372" s="5" t="s">
        <v>43</v>
      </c>
      <c r="AC18372" s="5" t="s">
        <v>735</v>
      </c>
      <c r="AD18372" s="2" t="s">
        <v>56269</v>
      </c>
      <c r="AE18372" s="1"/>
    </row>
    <row r="18373" spans="1:31" ht="14.45">
      <c r="A18373" s="11"/>
      <c r="B18373" s="20"/>
      <c r="C18373" s="2" t="s">
        <v>56270</v>
      </c>
      <c r="D18373" s="14" t="s">
        <v>56271</v>
      </c>
      <c r="E18373" s="2" t="s">
        <v>56272</v>
      </c>
      <c r="F18373" s="2" t="s">
        <v>56268</v>
      </c>
      <c r="G18373" s="8">
        <v>913</v>
      </c>
      <c r="H18373" s="5">
        <v>10</v>
      </c>
      <c r="I18373" s="5" t="s">
        <v>69</v>
      </c>
      <c r="J18373" s="5" t="s">
        <v>55802</v>
      </c>
      <c r="K18373" s="2" t="s">
        <v>55803</v>
      </c>
      <c r="L18373" s="5" t="s">
        <v>55802</v>
      </c>
      <c r="M18373" s="2" t="s">
        <v>55803</v>
      </c>
      <c r="N18373" s="5" t="s">
        <v>733</v>
      </c>
      <c r="O18373" s="5" t="s">
        <v>38</v>
      </c>
      <c r="P18373" s="5" t="s">
        <v>39</v>
      </c>
      <c r="Q18373" s="5" t="s">
        <v>40</v>
      </c>
      <c r="R18373" s="5" t="s">
        <v>897</v>
      </c>
      <c r="S18373" s="5" t="s">
        <v>40</v>
      </c>
      <c r="T18373" s="5" t="s">
        <v>42</v>
      </c>
      <c r="U18373" s="2">
        <v>30.559000000000001</v>
      </c>
      <c r="V18373" s="2">
        <v>28.181000000000001</v>
      </c>
      <c r="W18373" s="2">
        <v>0.109</v>
      </c>
      <c r="X18373" s="2">
        <v>17</v>
      </c>
      <c r="Y18373" s="2">
        <v>57.7</v>
      </c>
      <c r="Z18373" s="2">
        <v>111.6</v>
      </c>
      <c r="AA18373" s="5">
        <v>7</v>
      </c>
      <c r="AB18373" s="5" t="s">
        <v>43</v>
      </c>
      <c r="AC18373" s="5" t="s">
        <v>735</v>
      </c>
      <c r="AD18373" s="2" t="s">
        <v>56273</v>
      </c>
      <c r="AE18373" s="1"/>
    </row>
    <row r="18374" spans="1:31" ht="14.45">
      <c r="A18374" s="11"/>
      <c r="B18374" s="20"/>
      <c r="C18374" s="2" t="s">
        <v>56274</v>
      </c>
      <c r="D18374" s="14" t="s">
        <v>56275</v>
      </c>
      <c r="E18374" s="2" t="s">
        <v>56276</v>
      </c>
      <c r="F18374" s="2" t="s">
        <v>56277</v>
      </c>
      <c r="G18374" s="8">
        <v>691</v>
      </c>
      <c r="H18374" s="5">
        <v>10</v>
      </c>
      <c r="I18374" s="5" t="s">
        <v>69</v>
      </c>
      <c r="J18374" s="5" t="s">
        <v>55802</v>
      </c>
      <c r="K18374" s="2" t="s">
        <v>55803</v>
      </c>
      <c r="L18374" s="5" t="s">
        <v>55802</v>
      </c>
      <c r="M18374" s="2" t="s">
        <v>55803</v>
      </c>
      <c r="N18374" s="5" t="s">
        <v>733</v>
      </c>
      <c r="O18374" s="5" t="s">
        <v>38</v>
      </c>
      <c r="P18374" s="5" t="s">
        <v>39</v>
      </c>
      <c r="Q18374" s="5" t="s">
        <v>40</v>
      </c>
      <c r="R18374" s="5" t="s">
        <v>897</v>
      </c>
      <c r="S18374" s="5" t="s">
        <v>40</v>
      </c>
      <c r="T18374" s="5" t="s">
        <v>42</v>
      </c>
      <c r="U18374" s="2">
        <v>28.442</v>
      </c>
      <c r="V18374" s="2">
        <v>26.260999999999999</v>
      </c>
      <c r="W18374" s="2">
        <v>0.109</v>
      </c>
      <c r="X18374" s="2">
        <v>17</v>
      </c>
      <c r="Y18374" s="2">
        <v>57.7</v>
      </c>
      <c r="Z18374" s="2">
        <v>111.6</v>
      </c>
      <c r="AA18374" s="5">
        <v>7</v>
      </c>
      <c r="AB18374" s="5" t="s">
        <v>43</v>
      </c>
      <c r="AC18374" s="5" t="s">
        <v>735</v>
      </c>
      <c r="AD18374" s="2" t="s">
        <v>56278</v>
      </c>
      <c r="AE18374" s="1"/>
    </row>
    <row r="18375" spans="1:31" ht="14.45">
      <c r="A18375" s="11"/>
      <c r="B18375" s="20"/>
      <c r="C18375" s="2" t="s">
        <v>56279</v>
      </c>
      <c r="D18375" s="14" t="s">
        <v>56280</v>
      </c>
      <c r="E18375" s="2" t="s">
        <v>56281</v>
      </c>
      <c r="F18375" s="2" t="s">
        <v>56277</v>
      </c>
      <c r="G18375" s="8">
        <v>991</v>
      </c>
      <c r="H18375" s="5">
        <v>10</v>
      </c>
      <c r="I18375" s="5" t="s">
        <v>69</v>
      </c>
      <c r="J18375" s="5" t="s">
        <v>55802</v>
      </c>
      <c r="K18375" s="2" t="s">
        <v>55803</v>
      </c>
      <c r="L18375" s="5" t="s">
        <v>55802</v>
      </c>
      <c r="M18375" s="2" t="s">
        <v>55803</v>
      </c>
      <c r="N18375" s="5" t="s">
        <v>733</v>
      </c>
      <c r="O18375" s="5" t="s">
        <v>38</v>
      </c>
      <c r="P18375" s="5" t="s">
        <v>39</v>
      </c>
      <c r="Q18375" s="5" t="s">
        <v>40</v>
      </c>
      <c r="R18375" s="5" t="s">
        <v>897</v>
      </c>
      <c r="S18375" s="5" t="s">
        <v>40</v>
      </c>
      <c r="T18375" s="5" t="s">
        <v>42</v>
      </c>
      <c r="U18375" s="2">
        <v>30.300999999999998</v>
      </c>
      <c r="V18375" s="2">
        <v>28.009</v>
      </c>
      <c r="W18375" s="2">
        <v>0.109</v>
      </c>
      <c r="X18375" s="2">
        <v>17</v>
      </c>
      <c r="Y18375" s="2">
        <v>57.7</v>
      </c>
      <c r="Z18375" s="2">
        <v>111.6</v>
      </c>
      <c r="AA18375" s="5">
        <v>7</v>
      </c>
      <c r="AB18375" s="5" t="s">
        <v>43</v>
      </c>
      <c r="AC18375" s="5" t="s">
        <v>735</v>
      </c>
      <c r="AD18375" s="2" t="s">
        <v>56282</v>
      </c>
      <c r="AE18375" s="1"/>
    </row>
    <row r="18376" spans="1:31" ht="14.45">
      <c r="A18376" s="11"/>
      <c r="B18376" s="20"/>
      <c r="C18376" s="2" t="s">
        <v>56283</v>
      </c>
      <c r="D18376" s="14" t="s">
        <v>56284</v>
      </c>
      <c r="E18376" s="2" t="s">
        <v>56285</v>
      </c>
      <c r="F18376" s="2" t="s">
        <v>56277</v>
      </c>
      <c r="G18376" s="8">
        <v>991</v>
      </c>
      <c r="H18376" s="5">
        <v>10</v>
      </c>
      <c r="I18376" s="5" t="s">
        <v>69</v>
      </c>
      <c r="J18376" s="5" t="s">
        <v>55802</v>
      </c>
      <c r="K18376" s="2" t="s">
        <v>55803</v>
      </c>
      <c r="L18376" s="5" t="s">
        <v>55802</v>
      </c>
      <c r="M18376" s="2" t="s">
        <v>55803</v>
      </c>
      <c r="N18376" s="5" t="s">
        <v>733</v>
      </c>
      <c r="O18376" s="5" t="s">
        <v>38</v>
      </c>
      <c r="P18376" s="5" t="s">
        <v>39</v>
      </c>
      <c r="Q18376" s="5" t="s">
        <v>40</v>
      </c>
      <c r="R18376" s="5" t="s">
        <v>897</v>
      </c>
      <c r="S18376" s="5" t="s">
        <v>40</v>
      </c>
      <c r="T18376" s="5" t="s">
        <v>42</v>
      </c>
      <c r="U18376" s="2">
        <v>30.46</v>
      </c>
      <c r="V18376" s="2">
        <v>28.082000000000001</v>
      </c>
      <c r="W18376" s="2">
        <v>0.109</v>
      </c>
      <c r="X18376" s="2">
        <v>17</v>
      </c>
      <c r="Y18376" s="2">
        <v>57.7</v>
      </c>
      <c r="Z18376" s="2">
        <v>111.6</v>
      </c>
      <c r="AA18376" s="5">
        <v>7</v>
      </c>
      <c r="AB18376" s="5" t="s">
        <v>43</v>
      </c>
      <c r="AC18376" s="5" t="s">
        <v>735</v>
      </c>
      <c r="AD18376" s="2" t="s">
        <v>56286</v>
      </c>
      <c r="AE18376" s="1"/>
    </row>
    <row r="18377" spans="1:31" ht="14.45">
      <c r="A18377" s="11"/>
      <c r="B18377" s="20"/>
      <c r="C18377" s="2" t="s">
        <v>56287</v>
      </c>
      <c r="D18377" s="14" t="s">
        <v>56288</v>
      </c>
      <c r="E18377" s="2" t="s">
        <v>56289</v>
      </c>
      <c r="F18377" s="2" t="s">
        <v>56290</v>
      </c>
      <c r="G18377" s="8">
        <v>539</v>
      </c>
      <c r="H18377" s="5">
        <v>10</v>
      </c>
      <c r="I18377" s="5" t="s">
        <v>69</v>
      </c>
      <c r="J18377" s="5" t="s">
        <v>55802</v>
      </c>
      <c r="K18377" s="2" t="s">
        <v>55803</v>
      </c>
      <c r="L18377" s="5" t="s">
        <v>55802</v>
      </c>
      <c r="M18377" s="2" t="s">
        <v>55803</v>
      </c>
      <c r="N18377" s="5" t="s">
        <v>733</v>
      </c>
      <c r="O18377" s="5" t="s">
        <v>38</v>
      </c>
      <c r="P18377" s="5" t="s">
        <v>39</v>
      </c>
      <c r="Q18377" s="5" t="s">
        <v>40</v>
      </c>
      <c r="R18377" s="5" t="s">
        <v>897</v>
      </c>
      <c r="S18377" s="5" t="s">
        <v>40</v>
      </c>
      <c r="T18377" s="5" t="s">
        <v>42</v>
      </c>
      <c r="U18377" s="2">
        <v>28.558</v>
      </c>
      <c r="V18377" s="2">
        <v>26.376999999999999</v>
      </c>
      <c r="W18377" s="2">
        <v>0.109</v>
      </c>
      <c r="X18377" s="2">
        <v>17</v>
      </c>
      <c r="Y18377" s="2">
        <v>57.7</v>
      </c>
      <c r="Z18377" s="2">
        <v>111.6</v>
      </c>
      <c r="AA18377" s="5">
        <v>7</v>
      </c>
      <c r="AB18377" s="5" t="s">
        <v>43</v>
      </c>
      <c r="AC18377" s="5" t="s">
        <v>735</v>
      </c>
      <c r="AD18377" s="2" t="s">
        <v>56291</v>
      </c>
      <c r="AE18377" s="1"/>
    </row>
    <row r="18378" spans="1:31" ht="14.45">
      <c r="A18378" s="11"/>
      <c r="B18378" s="20"/>
      <c r="C18378" s="2" t="s">
        <v>56292</v>
      </c>
      <c r="D18378" s="14" t="s">
        <v>56293</v>
      </c>
      <c r="E18378" s="2" t="s">
        <v>56294</v>
      </c>
      <c r="F18378" s="2" t="s">
        <v>56290</v>
      </c>
      <c r="G18378" s="8">
        <v>839</v>
      </c>
      <c r="H18378" s="5">
        <v>10</v>
      </c>
      <c r="I18378" s="5" t="s">
        <v>69</v>
      </c>
      <c r="J18378" s="5" t="s">
        <v>55802</v>
      </c>
      <c r="K18378" s="2" t="s">
        <v>55803</v>
      </c>
      <c r="L18378" s="5" t="s">
        <v>55802</v>
      </c>
      <c r="M18378" s="2" t="s">
        <v>55803</v>
      </c>
      <c r="N18378" s="5" t="s">
        <v>733</v>
      </c>
      <c r="O18378" s="5" t="s">
        <v>38</v>
      </c>
      <c r="P18378" s="5" t="s">
        <v>39</v>
      </c>
      <c r="Q18378" s="5" t="s">
        <v>40</v>
      </c>
      <c r="R18378" s="5" t="s">
        <v>897</v>
      </c>
      <c r="S18378" s="5" t="s">
        <v>40</v>
      </c>
      <c r="T18378" s="5" t="s">
        <v>42</v>
      </c>
      <c r="U18378" s="2">
        <v>30.417000000000002</v>
      </c>
      <c r="V18378" s="2">
        <v>28.125</v>
      </c>
      <c r="W18378" s="2">
        <v>0.109</v>
      </c>
      <c r="X18378" s="2">
        <v>17</v>
      </c>
      <c r="Y18378" s="2">
        <v>57.7</v>
      </c>
      <c r="Z18378" s="2">
        <v>111.6</v>
      </c>
      <c r="AA18378" s="5">
        <v>7</v>
      </c>
      <c r="AB18378" s="5" t="s">
        <v>43</v>
      </c>
      <c r="AC18378" s="5" t="s">
        <v>735</v>
      </c>
      <c r="AD18378" s="2" t="s">
        <v>56295</v>
      </c>
      <c r="AE18378" s="1"/>
    </row>
    <row r="18379" spans="1:31" ht="14.45">
      <c r="A18379" s="11"/>
      <c r="B18379" s="20"/>
      <c r="C18379" s="2" t="s">
        <v>56296</v>
      </c>
      <c r="D18379" s="14" t="s">
        <v>56297</v>
      </c>
      <c r="E18379" s="2" t="s">
        <v>56298</v>
      </c>
      <c r="F18379" s="2" t="s">
        <v>56290</v>
      </c>
      <c r="G18379" s="8">
        <v>839</v>
      </c>
      <c r="H18379" s="5">
        <v>10</v>
      </c>
      <c r="I18379" s="5" t="s">
        <v>69</v>
      </c>
      <c r="J18379" s="5" t="s">
        <v>55802</v>
      </c>
      <c r="K18379" s="2" t="s">
        <v>55803</v>
      </c>
      <c r="L18379" s="5" t="s">
        <v>55802</v>
      </c>
      <c r="M18379" s="2" t="s">
        <v>55803</v>
      </c>
      <c r="N18379" s="5" t="s">
        <v>733</v>
      </c>
      <c r="O18379" s="5" t="s">
        <v>38</v>
      </c>
      <c r="P18379" s="5" t="s">
        <v>39</v>
      </c>
      <c r="Q18379" s="5" t="s">
        <v>40</v>
      </c>
      <c r="R18379" s="5" t="s">
        <v>897</v>
      </c>
      <c r="S18379" s="5" t="s">
        <v>40</v>
      </c>
      <c r="T18379" s="5" t="s">
        <v>42</v>
      </c>
      <c r="U18379" s="2">
        <v>30.564</v>
      </c>
      <c r="V18379" s="2">
        <v>28.186</v>
      </c>
      <c r="W18379" s="2">
        <v>0.109</v>
      </c>
      <c r="X18379" s="2">
        <v>17</v>
      </c>
      <c r="Y18379" s="2">
        <v>57.7</v>
      </c>
      <c r="Z18379" s="2">
        <v>111.6</v>
      </c>
      <c r="AA18379" s="5">
        <v>7</v>
      </c>
      <c r="AB18379" s="5" t="s">
        <v>43</v>
      </c>
      <c r="AC18379" s="5" t="s">
        <v>735</v>
      </c>
      <c r="AD18379" s="2" t="s">
        <v>56299</v>
      </c>
      <c r="AE18379" s="1"/>
    </row>
    <row r="18380" spans="1:31" ht="14.45">
      <c r="A18380" s="11"/>
      <c r="B18380" s="20"/>
      <c r="C18380" s="2" t="s">
        <v>56300</v>
      </c>
      <c r="D18380" s="14" t="s">
        <v>56301</v>
      </c>
      <c r="E18380" s="2" t="s">
        <v>56302</v>
      </c>
      <c r="F18380" s="2" t="s">
        <v>56303</v>
      </c>
      <c r="G18380" s="8">
        <v>446</v>
      </c>
      <c r="H18380" s="5">
        <v>5</v>
      </c>
      <c r="I18380" s="5" t="s">
        <v>69</v>
      </c>
      <c r="J18380" s="5" t="s">
        <v>55802</v>
      </c>
      <c r="K18380" s="2" t="s">
        <v>55803</v>
      </c>
      <c r="L18380" s="5" t="s">
        <v>55802</v>
      </c>
      <c r="M18380" s="2" t="s">
        <v>55803</v>
      </c>
      <c r="N18380" s="5" t="s">
        <v>733</v>
      </c>
      <c r="O18380" s="5" t="s">
        <v>38</v>
      </c>
      <c r="P18380" s="5" t="s">
        <v>39</v>
      </c>
      <c r="Q18380" s="5" t="s">
        <v>40</v>
      </c>
      <c r="R18380" s="5" t="s">
        <v>897</v>
      </c>
      <c r="S18380" s="5" t="s">
        <v>40</v>
      </c>
      <c r="T18380" s="5" t="s">
        <v>42</v>
      </c>
      <c r="U18380" s="2">
        <v>25.835000000000001</v>
      </c>
      <c r="V18380" s="2">
        <v>23.658999999999999</v>
      </c>
      <c r="W18380" s="2">
        <v>0.109</v>
      </c>
      <c r="X18380" s="2">
        <v>17</v>
      </c>
      <c r="Y18380" s="2">
        <v>57.7</v>
      </c>
      <c r="Z18380" s="2">
        <v>111.6</v>
      </c>
      <c r="AA18380" s="5">
        <v>7</v>
      </c>
      <c r="AB18380" s="5" t="s">
        <v>43</v>
      </c>
      <c r="AC18380" s="5" t="s">
        <v>735</v>
      </c>
      <c r="AD18380" s="2" t="s">
        <v>56304</v>
      </c>
      <c r="AE18380" s="1"/>
    </row>
    <row r="18381" spans="1:31" ht="14.45">
      <c r="A18381" s="11"/>
      <c r="B18381" s="20"/>
      <c r="C18381" s="2" t="s">
        <v>56305</v>
      </c>
      <c r="D18381" s="14" t="s">
        <v>56306</v>
      </c>
      <c r="E18381" s="2" t="s">
        <v>56307</v>
      </c>
      <c r="F18381" s="2" t="s">
        <v>56303</v>
      </c>
      <c r="G18381" s="8">
        <v>746</v>
      </c>
      <c r="H18381" s="5">
        <v>5</v>
      </c>
      <c r="I18381" s="5" t="s">
        <v>69</v>
      </c>
      <c r="J18381" s="5" t="s">
        <v>55802</v>
      </c>
      <c r="K18381" s="2" t="s">
        <v>55803</v>
      </c>
      <c r="L18381" s="5" t="s">
        <v>55802</v>
      </c>
      <c r="M18381" s="2" t="s">
        <v>55803</v>
      </c>
      <c r="N18381" s="5" t="s">
        <v>733</v>
      </c>
      <c r="O18381" s="5" t="s">
        <v>38</v>
      </c>
      <c r="P18381" s="5" t="s">
        <v>39</v>
      </c>
      <c r="Q18381" s="5" t="s">
        <v>40</v>
      </c>
      <c r="R18381" s="5" t="s">
        <v>897</v>
      </c>
      <c r="S18381" s="5" t="s">
        <v>40</v>
      </c>
      <c r="T18381" s="5" t="s">
        <v>42</v>
      </c>
      <c r="U18381" s="2">
        <v>27.7</v>
      </c>
      <c r="V18381" s="2">
        <v>25.411999999999999</v>
      </c>
      <c r="W18381" s="2">
        <v>0.109</v>
      </c>
      <c r="X18381" s="2">
        <v>17</v>
      </c>
      <c r="Y18381" s="2">
        <v>57.7</v>
      </c>
      <c r="Z18381" s="2">
        <v>111.6</v>
      </c>
      <c r="AA18381" s="5">
        <v>7</v>
      </c>
      <c r="AB18381" s="5" t="s">
        <v>43</v>
      </c>
      <c r="AC18381" s="5" t="s">
        <v>735</v>
      </c>
      <c r="AD18381" s="2" t="s">
        <v>56308</v>
      </c>
      <c r="AE18381" s="1"/>
    </row>
    <row r="18382" spans="1:31" ht="14.45">
      <c r="A18382" s="11"/>
      <c r="B18382" s="20"/>
      <c r="C18382" s="2" t="s">
        <v>56309</v>
      </c>
      <c r="D18382" s="14" t="s">
        <v>56310</v>
      </c>
      <c r="E18382" s="2" t="s">
        <v>56311</v>
      </c>
      <c r="F18382" s="2" t="s">
        <v>56303</v>
      </c>
      <c r="G18382" s="8">
        <v>746</v>
      </c>
      <c r="H18382" s="5">
        <v>5</v>
      </c>
      <c r="I18382" s="5" t="s">
        <v>69</v>
      </c>
      <c r="J18382" s="5" t="s">
        <v>55802</v>
      </c>
      <c r="K18382" s="2" t="s">
        <v>55803</v>
      </c>
      <c r="L18382" s="5" t="s">
        <v>55802</v>
      </c>
      <c r="M18382" s="2" t="s">
        <v>55803</v>
      </c>
      <c r="N18382" s="5" t="s">
        <v>733</v>
      </c>
      <c r="O18382" s="5" t="s">
        <v>38</v>
      </c>
      <c r="P18382" s="5" t="s">
        <v>39</v>
      </c>
      <c r="Q18382" s="5" t="s">
        <v>40</v>
      </c>
      <c r="R18382" s="5" t="s">
        <v>897</v>
      </c>
      <c r="S18382" s="5" t="s">
        <v>40</v>
      </c>
      <c r="T18382" s="5" t="s">
        <v>42</v>
      </c>
      <c r="U18382" s="2">
        <v>27.856999999999999</v>
      </c>
      <c r="V18382" s="2">
        <v>25.483000000000001</v>
      </c>
      <c r="W18382" s="2">
        <v>0.109</v>
      </c>
      <c r="X18382" s="2">
        <v>17</v>
      </c>
      <c r="Y18382" s="2">
        <v>57.7</v>
      </c>
      <c r="Z18382" s="2">
        <v>111.6</v>
      </c>
      <c r="AA18382" s="5">
        <v>7</v>
      </c>
      <c r="AB18382" s="5" t="s">
        <v>43</v>
      </c>
      <c r="AC18382" s="5" t="s">
        <v>735</v>
      </c>
      <c r="AD18382" s="2" t="s">
        <v>56312</v>
      </c>
      <c r="AE18382" s="1"/>
    </row>
    <row r="18383" spans="1:31" ht="14.45">
      <c r="A18383" s="11"/>
      <c r="B18383" s="20"/>
      <c r="C18383" s="2" t="s">
        <v>56313</v>
      </c>
      <c r="D18383" s="14" t="s">
        <v>56314</v>
      </c>
      <c r="E18383" s="2" t="s">
        <v>56315</v>
      </c>
      <c r="F18383" s="2" t="s">
        <v>56316</v>
      </c>
      <c r="G18383" s="8">
        <v>745</v>
      </c>
      <c r="H18383" s="5">
        <v>15</v>
      </c>
      <c r="I18383" s="5" t="s">
        <v>69</v>
      </c>
      <c r="J18383" s="5" t="s">
        <v>55802</v>
      </c>
      <c r="K18383" s="2" t="s">
        <v>55803</v>
      </c>
      <c r="L18383" s="5" t="s">
        <v>55802</v>
      </c>
      <c r="M18383" s="2" t="s">
        <v>55803</v>
      </c>
      <c r="N18383" s="5" t="s">
        <v>733</v>
      </c>
      <c r="O18383" s="5" t="s">
        <v>38</v>
      </c>
      <c r="P18383" s="5" t="s">
        <v>39</v>
      </c>
      <c r="Q18383" s="5" t="s">
        <v>40</v>
      </c>
      <c r="R18383" s="5" t="s">
        <v>897</v>
      </c>
      <c r="S18383" s="5" t="s">
        <v>40</v>
      </c>
      <c r="T18383" s="5" t="s">
        <v>42</v>
      </c>
      <c r="U18383" s="2">
        <v>26.99</v>
      </c>
      <c r="V18383" s="2">
        <v>24.803000000000001</v>
      </c>
      <c r="W18383" s="2">
        <v>0.109</v>
      </c>
      <c r="X18383" s="2">
        <v>17</v>
      </c>
      <c r="Y18383" s="2">
        <v>57.7</v>
      </c>
      <c r="Z18383" s="2">
        <v>111.6</v>
      </c>
      <c r="AA18383" s="5">
        <v>7</v>
      </c>
      <c r="AB18383" s="5" t="s">
        <v>43</v>
      </c>
      <c r="AC18383" s="5" t="s">
        <v>735</v>
      </c>
      <c r="AD18383" s="2" t="s">
        <v>56317</v>
      </c>
      <c r="AE18383" s="1"/>
    </row>
    <row r="18384" spans="1:31" ht="14.45">
      <c r="A18384" s="11"/>
      <c r="B18384" s="20"/>
      <c r="C18384" s="2" t="s">
        <v>56318</v>
      </c>
      <c r="D18384" s="14" t="s">
        <v>56319</v>
      </c>
      <c r="E18384" s="2" t="s">
        <v>56320</v>
      </c>
      <c r="F18384" s="2" t="s">
        <v>56321</v>
      </c>
      <c r="G18384" s="8">
        <v>565</v>
      </c>
      <c r="H18384" s="5">
        <v>5</v>
      </c>
      <c r="I18384" s="5" t="s">
        <v>69</v>
      </c>
      <c r="J18384" s="5" t="s">
        <v>55802</v>
      </c>
      <c r="K18384" s="2" t="s">
        <v>55803</v>
      </c>
      <c r="L18384" s="5" t="s">
        <v>55802</v>
      </c>
      <c r="M18384" s="2" t="s">
        <v>55803</v>
      </c>
      <c r="N18384" s="5" t="s">
        <v>733</v>
      </c>
      <c r="O18384" s="5" t="s">
        <v>38</v>
      </c>
      <c r="P18384" s="5" t="s">
        <v>39</v>
      </c>
      <c r="Q18384" s="5" t="s">
        <v>40</v>
      </c>
      <c r="R18384" s="5" t="s">
        <v>897</v>
      </c>
      <c r="S18384" s="5" t="s">
        <v>40</v>
      </c>
      <c r="T18384" s="5" t="s">
        <v>42</v>
      </c>
      <c r="U18384" s="2">
        <v>28.536000000000001</v>
      </c>
      <c r="V18384" s="2">
        <v>26.355</v>
      </c>
      <c r="W18384" s="2">
        <v>0.109</v>
      </c>
      <c r="X18384" s="2">
        <v>17</v>
      </c>
      <c r="Y18384" s="2">
        <v>57.7</v>
      </c>
      <c r="Z18384" s="2">
        <v>111.6</v>
      </c>
      <c r="AA18384" s="5">
        <v>7</v>
      </c>
      <c r="AB18384" s="5" t="s">
        <v>43</v>
      </c>
      <c r="AC18384" s="5" t="s">
        <v>735</v>
      </c>
      <c r="AD18384" s="2" t="s">
        <v>56322</v>
      </c>
      <c r="AE18384" s="1"/>
    </row>
    <row r="18385" spans="1:31" ht="14.45">
      <c r="A18385" s="11"/>
      <c r="B18385" s="20"/>
      <c r="C18385" s="2" t="s">
        <v>56323</v>
      </c>
      <c r="D18385" s="14" t="s">
        <v>56324</v>
      </c>
      <c r="E18385" s="2" t="s">
        <v>56325</v>
      </c>
      <c r="F18385" s="2" t="s">
        <v>56321</v>
      </c>
      <c r="G18385" s="8">
        <v>865</v>
      </c>
      <c r="H18385" s="5">
        <v>5</v>
      </c>
      <c r="I18385" s="5" t="s">
        <v>69</v>
      </c>
      <c r="J18385" s="5" t="s">
        <v>55802</v>
      </c>
      <c r="K18385" s="2" t="s">
        <v>55803</v>
      </c>
      <c r="L18385" s="5" t="s">
        <v>55802</v>
      </c>
      <c r="M18385" s="2" t="s">
        <v>55803</v>
      </c>
      <c r="N18385" s="5" t="s">
        <v>733</v>
      </c>
      <c r="O18385" s="5" t="s">
        <v>38</v>
      </c>
      <c r="P18385" s="5" t="s">
        <v>39</v>
      </c>
      <c r="Q18385" s="5" t="s">
        <v>40</v>
      </c>
      <c r="R18385" s="5" t="s">
        <v>897</v>
      </c>
      <c r="S18385" s="5" t="s">
        <v>40</v>
      </c>
      <c r="T18385" s="5" t="s">
        <v>42</v>
      </c>
      <c r="U18385" s="2">
        <v>30.395</v>
      </c>
      <c r="V18385" s="2">
        <v>28.103000000000002</v>
      </c>
      <c r="W18385" s="2">
        <v>0.109</v>
      </c>
      <c r="X18385" s="2">
        <v>17</v>
      </c>
      <c r="Y18385" s="2">
        <v>57.7</v>
      </c>
      <c r="Z18385" s="2">
        <v>111.6</v>
      </c>
      <c r="AA18385" s="5">
        <v>7</v>
      </c>
      <c r="AB18385" s="5" t="s">
        <v>43</v>
      </c>
      <c r="AC18385" s="5" t="s">
        <v>735</v>
      </c>
      <c r="AD18385" s="2" t="s">
        <v>56326</v>
      </c>
      <c r="AE18385" s="1"/>
    </row>
    <row r="18386" spans="1:31" ht="14.45">
      <c r="A18386" s="11"/>
      <c r="B18386" s="20"/>
      <c r="C18386" s="2" t="s">
        <v>56327</v>
      </c>
      <c r="D18386" s="14" t="s">
        <v>56328</v>
      </c>
      <c r="E18386" s="2" t="s">
        <v>56329</v>
      </c>
      <c r="F18386" s="2" t="s">
        <v>56321</v>
      </c>
      <c r="G18386" s="8">
        <v>865</v>
      </c>
      <c r="H18386" s="5">
        <v>10</v>
      </c>
      <c r="I18386" s="5" t="s">
        <v>69</v>
      </c>
      <c r="J18386" s="5" t="s">
        <v>55802</v>
      </c>
      <c r="K18386" s="2" t="s">
        <v>55803</v>
      </c>
      <c r="L18386" s="5" t="s">
        <v>55802</v>
      </c>
      <c r="M18386" s="2" t="s">
        <v>55803</v>
      </c>
      <c r="N18386" s="5" t="s">
        <v>733</v>
      </c>
      <c r="O18386" s="5" t="s">
        <v>38</v>
      </c>
      <c r="P18386" s="5" t="s">
        <v>39</v>
      </c>
      <c r="Q18386" s="5" t="s">
        <v>40</v>
      </c>
      <c r="R18386" s="5" t="s">
        <v>897</v>
      </c>
      <c r="S18386" s="5" t="s">
        <v>40</v>
      </c>
      <c r="T18386" s="5" t="s">
        <v>42</v>
      </c>
      <c r="U18386" s="2">
        <v>30.542000000000002</v>
      </c>
      <c r="V18386" s="2">
        <v>28.164000000000001</v>
      </c>
      <c r="W18386" s="2">
        <v>0.109</v>
      </c>
      <c r="X18386" s="2">
        <v>17</v>
      </c>
      <c r="Y18386" s="2">
        <v>57.7</v>
      </c>
      <c r="Z18386" s="2">
        <v>111.6</v>
      </c>
      <c r="AA18386" s="5">
        <v>7</v>
      </c>
      <c r="AB18386" s="5" t="s">
        <v>43</v>
      </c>
      <c r="AC18386" s="5" t="s">
        <v>735</v>
      </c>
      <c r="AD18386" s="2" t="s">
        <v>56330</v>
      </c>
      <c r="AE18386" s="1"/>
    </row>
    <row r="18387" spans="1:31" ht="14.45">
      <c r="A18387" s="11"/>
      <c r="B18387" s="20"/>
      <c r="C18387" s="2" t="s">
        <v>56331</v>
      </c>
      <c r="D18387" s="14" t="s">
        <v>56332</v>
      </c>
      <c r="E18387" s="2" t="s">
        <v>56333</v>
      </c>
      <c r="F18387" s="2" t="s">
        <v>56334</v>
      </c>
      <c r="G18387" s="8">
        <v>1159</v>
      </c>
      <c r="H18387" s="5">
        <v>10</v>
      </c>
      <c r="I18387" s="5" t="s">
        <v>69</v>
      </c>
      <c r="J18387" s="5" t="s">
        <v>55802</v>
      </c>
      <c r="K18387" s="2" t="s">
        <v>55803</v>
      </c>
      <c r="L18387" s="5" t="s">
        <v>55802</v>
      </c>
      <c r="M18387" s="2" t="s">
        <v>55803</v>
      </c>
      <c r="N18387" s="5" t="s">
        <v>733</v>
      </c>
      <c r="O18387" s="5" t="s">
        <v>38</v>
      </c>
      <c r="P18387" s="5" t="s">
        <v>39</v>
      </c>
      <c r="Q18387" s="5" t="s">
        <v>40</v>
      </c>
      <c r="R18387" s="5" t="s">
        <v>897</v>
      </c>
      <c r="S18387" s="5" t="s">
        <v>40</v>
      </c>
      <c r="T18387" s="5" t="s">
        <v>42</v>
      </c>
      <c r="U18387" s="2">
        <v>34.207000000000001</v>
      </c>
      <c r="V18387" s="2">
        <v>32.030999999999999</v>
      </c>
      <c r="W18387" s="2">
        <v>0.109</v>
      </c>
      <c r="X18387" s="2">
        <v>17</v>
      </c>
      <c r="Y18387" s="2">
        <v>57.7</v>
      </c>
      <c r="Z18387" s="2">
        <v>111.6</v>
      </c>
      <c r="AA18387" s="5">
        <v>7</v>
      </c>
      <c r="AB18387" s="5" t="s">
        <v>43</v>
      </c>
      <c r="AC18387" s="5" t="s">
        <v>735</v>
      </c>
      <c r="AD18387" s="2" t="s">
        <v>56335</v>
      </c>
      <c r="AE18387" s="1"/>
    </row>
    <row r="18388" spans="1:31" ht="14.45">
      <c r="A18388" s="11"/>
      <c r="B18388" s="20"/>
      <c r="C18388" s="2" t="s">
        <v>56336</v>
      </c>
      <c r="D18388" s="14" t="s">
        <v>56337</v>
      </c>
      <c r="E18388" s="2" t="s">
        <v>56338</v>
      </c>
      <c r="F18388" s="2" t="s">
        <v>56339</v>
      </c>
      <c r="G18388" s="8">
        <v>1459</v>
      </c>
      <c r="H18388" s="5">
        <v>10</v>
      </c>
      <c r="I18388" s="5" t="s">
        <v>69</v>
      </c>
      <c r="J18388" s="5" t="s">
        <v>55802</v>
      </c>
      <c r="K18388" s="2" t="s">
        <v>55803</v>
      </c>
      <c r="L18388" s="5" t="s">
        <v>55802</v>
      </c>
      <c r="M18388" s="2" t="s">
        <v>55803</v>
      </c>
      <c r="N18388" s="5" t="s">
        <v>733</v>
      </c>
      <c r="O18388" s="5" t="s">
        <v>38</v>
      </c>
      <c r="P18388" s="5" t="s">
        <v>39</v>
      </c>
      <c r="Q18388" s="5" t="s">
        <v>40</v>
      </c>
      <c r="R18388" s="5" t="s">
        <v>897</v>
      </c>
      <c r="S18388" s="5" t="s">
        <v>40</v>
      </c>
      <c r="T18388" s="5" t="s">
        <v>42</v>
      </c>
      <c r="U18388" s="2">
        <v>35.996000000000002</v>
      </c>
      <c r="V18388" s="2">
        <v>33.704000000000001</v>
      </c>
      <c r="W18388" s="2">
        <v>0.109</v>
      </c>
      <c r="X18388" s="2">
        <v>17</v>
      </c>
      <c r="Y18388" s="2">
        <v>57.7</v>
      </c>
      <c r="Z18388" s="2">
        <v>111.6</v>
      </c>
      <c r="AA18388" s="5">
        <v>7</v>
      </c>
      <c r="AB18388" s="5" t="s">
        <v>43</v>
      </c>
      <c r="AC18388" s="5" t="s">
        <v>735</v>
      </c>
      <c r="AD18388" s="2" t="s">
        <v>56340</v>
      </c>
      <c r="AE18388" s="1"/>
    </row>
    <row r="18389" spans="1:31" ht="14.45">
      <c r="A18389" s="11"/>
      <c r="B18389" s="20"/>
      <c r="C18389" s="2" t="s">
        <v>56341</v>
      </c>
      <c r="D18389" s="14" t="s">
        <v>56342</v>
      </c>
      <c r="E18389" s="2" t="s">
        <v>56343</v>
      </c>
      <c r="F18389" s="2" t="s">
        <v>56344</v>
      </c>
      <c r="G18389" s="8">
        <v>1081</v>
      </c>
      <c r="H18389" s="5">
        <v>5</v>
      </c>
      <c r="I18389" s="5" t="s">
        <v>69</v>
      </c>
      <c r="J18389" s="5" t="s">
        <v>55802</v>
      </c>
      <c r="K18389" s="2" t="s">
        <v>55803</v>
      </c>
      <c r="L18389" s="5" t="s">
        <v>55802</v>
      </c>
      <c r="M18389" s="2" t="s">
        <v>55803</v>
      </c>
      <c r="N18389" s="5" t="s">
        <v>733</v>
      </c>
      <c r="O18389" s="5" t="s">
        <v>38</v>
      </c>
      <c r="P18389" s="5" t="s">
        <v>39</v>
      </c>
      <c r="Q18389" s="5" t="s">
        <v>40</v>
      </c>
      <c r="R18389" s="5" t="s">
        <v>897</v>
      </c>
      <c r="S18389" s="5" t="s">
        <v>40</v>
      </c>
      <c r="T18389" s="5" t="s">
        <v>42</v>
      </c>
      <c r="U18389" s="2">
        <v>31.236000000000001</v>
      </c>
      <c r="V18389" s="2">
        <v>29.06</v>
      </c>
      <c r="W18389" s="2">
        <v>0.109</v>
      </c>
      <c r="X18389" s="2">
        <v>17</v>
      </c>
      <c r="Y18389" s="2">
        <v>57.7</v>
      </c>
      <c r="Z18389" s="2">
        <v>111.6</v>
      </c>
      <c r="AA18389" s="5">
        <v>7</v>
      </c>
      <c r="AB18389" s="5" t="s">
        <v>43</v>
      </c>
      <c r="AC18389" s="5" t="s">
        <v>735</v>
      </c>
      <c r="AD18389" s="2" t="s">
        <v>56345</v>
      </c>
      <c r="AE18389" s="1"/>
    </row>
    <row r="18390" spans="1:31" ht="14.45">
      <c r="A18390" s="11"/>
      <c r="B18390" s="20"/>
      <c r="C18390" s="2" t="s">
        <v>56346</v>
      </c>
      <c r="D18390" s="14" t="s">
        <v>56347</v>
      </c>
      <c r="E18390" s="2" t="s">
        <v>56348</v>
      </c>
      <c r="F18390" s="2" t="s">
        <v>56349</v>
      </c>
      <c r="G18390" s="8">
        <v>1381</v>
      </c>
      <c r="H18390" s="5">
        <v>10</v>
      </c>
      <c r="I18390" s="5" t="s">
        <v>69</v>
      </c>
      <c r="J18390" s="5" t="s">
        <v>55802</v>
      </c>
      <c r="K18390" s="2" t="s">
        <v>55803</v>
      </c>
      <c r="L18390" s="5" t="s">
        <v>55802</v>
      </c>
      <c r="M18390" s="2" t="s">
        <v>55803</v>
      </c>
      <c r="N18390" s="5" t="s">
        <v>733</v>
      </c>
      <c r="O18390" s="5" t="s">
        <v>38</v>
      </c>
      <c r="P18390" s="5" t="s">
        <v>39</v>
      </c>
      <c r="Q18390" s="5" t="s">
        <v>40</v>
      </c>
      <c r="R18390" s="5" t="s">
        <v>897</v>
      </c>
      <c r="S18390" s="5" t="s">
        <v>40</v>
      </c>
      <c r="T18390" s="5" t="s">
        <v>42</v>
      </c>
      <c r="U18390" s="2">
        <v>32.798000000000002</v>
      </c>
      <c r="V18390" s="2">
        <v>30.506</v>
      </c>
      <c r="W18390" s="2">
        <v>0.109</v>
      </c>
      <c r="X18390" s="2">
        <v>17</v>
      </c>
      <c r="Y18390" s="2">
        <v>57.7</v>
      </c>
      <c r="Z18390" s="2">
        <v>111.6</v>
      </c>
      <c r="AA18390" s="5">
        <v>7</v>
      </c>
      <c r="AB18390" s="5" t="s">
        <v>43</v>
      </c>
      <c r="AC18390" s="5" t="s">
        <v>735</v>
      </c>
      <c r="AD18390" s="2" t="s">
        <v>56350</v>
      </c>
      <c r="AE18390" s="1"/>
    </row>
    <row r="18391" spans="1:31" ht="14.45">
      <c r="A18391" s="11"/>
      <c r="B18391" s="20"/>
      <c r="C18391" s="2" t="s">
        <v>56351</v>
      </c>
      <c r="D18391" s="14" t="s">
        <v>56352</v>
      </c>
      <c r="E18391" s="2" t="s">
        <v>56353</v>
      </c>
      <c r="F18391" s="2" t="s">
        <v>56349</v>
      </c>
      <c r="G18391" s="8">
        <v>1381</v>
      </c>
      <c r="H18391" s="5">
        <v>10</v>
      </c>
      <c r="I18391" s="5" t="s">
        <v>69</v>
      </c>
      <c r="J18391" s="5" t="s">
        <v>55802</v>
      </c>
      <c r="K18391" s="2" t="s">
        <v>55803</v>
      </c>
      <c r="L18391" s="5" t="s">
        <v>55802</v>
      </c>
      <c r="M18391" s="2" t="s">
        <v>55803</v>
      </c>
      <c r="N18391" s="5" t="s">
        <v>733</v>
      </c>
      <c r="O18391" s="5" t="s">
        <v>38</v>
      </c>
      <c r="P18391" s="5" t="s">
        <v>39</v>
      </c>
      <c r="Q18391" s="5" t="s">
        <v>40</v>
      </c>
      <c r="R18391" s="5" t="s">
        <v>897</v>
      </c>
      <c r="S18391" s="5" t="s">
        <v>40</v>
      </c>
      <c r="T18391" s="5" t="s">
        <v>42</v>
      </c>
      <c r="U18391" s="2">
        <v>32.96</v>
      </c>
      <c r="V18391" s="2">
        <v>30.582000000000001</v>
      </c>
      <c r="W18391" s="2">
        <v>0.109</v>
      </c>
      <c r="X18391" s="2">
        <v>17</v>
      </c>
      <c r="Y18391" s="2">
        <v>57.7</v>
      </c>
      <c r="Z18391" s="2">
        <v>111.6</v>
      </c>
      <c r="AA18391" s="5">
        <v>7</v>
      </c>
      <c r="AB18391" s="5" t="s">
        <v>43</v>
      </c>
      <c r="AC18391" s="5" t="s">
        <v>735</v>
      </c>
      <c r="AD18391" s="2" t="s">
        <v>56354</v>
      </c>
      <c r="AE18391" s="1"/>
    </row>
    <row r="18392" spans="1:31" ht="14.45">
      <c r="A18392" s="11"/>
      <c r="B18392" s="20"/>
      <c r="C18392" s="2" t="s">
        <v>56355</v>
      </c>
      <c r="D18392" s="14" t="s">
        <v>56356</v>
      </c>
      <c r="E18392" s="2" t="s">
        <v>56357</v>
      </c>
      <c r="F18392" s="2" t="s">
        <v>56358</v>
      </c>
      <c r="G18392" s="8">
        <v>1033</v>
      </c>
      <c r="H18392" s="5">
        <v>5</v>
      </c>
      <c r="I18392" s="5" t="s">
        <v>69</v>
      </c>
      <c r="J18392" s="5" t="s">
        <v>55802</v>
      </c>
      <c r="K18392" s="2" t="s">
        <v>55803</v>
      </c>
      <c r="L18392" s="5" t="s">
        <v>55802</v>
      </c>
      <c r="M18392" s="2" t="s">
        <v>55803</v>
      </c>
      <c r="N18392" s="5" t="s">
        <v>733</v>
      </c>
      <c r="O18392" s="5" t="s">
        <v>38</v>
      </c>
      <c r="P18392" s="5" t="s">
        <v>39</v>
      </c>
      <c r="Q18392" s="5" t="s">
        <v>40</v>
      </c>
      <c r="R18392" s="5" t="s">
        <v>897</v>
      </c>
      <c r="S18392" s="5" t="s">
        <v>40</v>
      </c>
      <c r="T18392" s="5" t="s">
        <v>42</v>
      </c>
      <c r="U18392" s="2">
        <v>30.922000000000001</v>
      </c>
      <c r="V18392" s="2">
        <v>28.741</v>
      </c>
      <c r="W18392" s="2">
        <v>0.109</v>
      </c>
      <c r="X18392" s="2">
        <v>17</v>
      </c>
      <c r="Y18392" s="2">
        <v>57.7</v>
      </c>
      <c r="Z18392" s="2">
        <v>111.6</v>
      </c>
      <c r="AA18392" s="5">
        <v>7</v>
      </c>
      <c r="AB18392" s="5" t="s">
        <v>43</v>
      </c>
      <c r="AC18392" s="5" t="s">
        <v>735</v>
      </c>
      <c r="AD18392" s="2" t="s">
        <v>56359</v>
      </c>
      <c r="AE18392" s="1"/>
    </row>
    <row r="18393" spans="1:31" ht="14.45">
      <c r="A18393" s="11"/>
      <c r="B18393" s="20"/>
      <c r="C18393" s="2" t="s">
        <v>56360</v>
      </c>
      <c r="D18393" s="14" t="s">
        <v>56361</v>
      </c>
      <c r="E18393" s="2" t="s">
        <v>56362</v>
      </c>
      <c r="F18393" s="2" t="s">
        <v>56358</v>
      </c>
      <c r="G18393" s="8">
        <v>1333</v>
      </c>
      <c r="H18393" s="5">
        <v>5</v>
      </c>
      <c r="I18393" s="5" t="s">
        <v>69</v>
      </c>
      <c r="J18393" s="5" t="s">
        <v>55802</v>
      </c>
      <c r="K18393" s="2" t="s">
        <v>55803</v>
      </c>
      <c r="L18393" s="5" t="s">
        <v>55802</v>
      </c>
      <c r="M18393" s="2" t="s">
        <v>55803</v>
      </c>
      <c r="N18393" s="5" t="s">
        <v>733</v>
      </c>
      <c r="O18393" s="5" t="s">
        <v>38</v>
      </c>
      <c r="P18393" s="5" t="s">
        <v>39</v>
      </c>
      <c r="Q18393" s="5" t="s">
        <v>40</v>
      </c>
      <c r="R18393" s="5" t="s">
        <v>897</v>
      </c>
      <c r="S18393" s="5" t="s">
        <v>40</v>
      </c>
      <c r="T18393" s="5" t="s">
        <v>42</v>
      </c>
      <c r="U18393" s="2">
        <v>32.780999999999999</v>
      </c>
      <c r="V18393" s="2">
        <v>30.489000000000001</v>
      </c>
      <c r="W18393" s="2">
        <v>0.109</v>
      </c>
      <c r="X18393" s="2">
        <v>17</v>
      </c>
      <c r="Y18393" s="2">
        <v>57.7</v>
      </c>
      <c r="Z18393" s="2">
        <v>111.6</v>
      </c>
      <c r="AA18393" s="5">
        <v>7</v>
      </c>
      <c r="AB18393" s="5" t="s">
        <v>43</v>
      </c>
      <c r="AC18393" s="5" t="s">
        <v>735</v>
      </c>
      <c r="AD18393" s="2" t="s">
        <v>56363</v>
      </c>
      <c r="AE18393" s="1"/>
    </row>
    <row r="18394" spans="1:31" ht="14.45">
      <c r="A18394" s="11"/>
      <c r="B18394" s="20"/>
      <c r="C18394" s="2" t="s">
        <v>56364</v>
      </c>
      <c r="D18394" s="14" t="s">
        <v>56365</v>
      </c>
      <c r="E18394" s="2" t="s">
        <v>56366</v>
      </c>
      <c r="F18394" s="2" t="s">
        <v>56358</v>
      </c>
      <c r="G18394" s="8">
        <v>1333</v>
      </c>
      <c r="H18394" s="5">
        <v>5</v>
      </c>
      <c r="I18394" s="5" t="s">
        <v>69</v>
      </c>
      <c r="J18394" s="5" t="s">
        <v>55802</v>
      </c>
      <c r="K18394" s="2" t="s">
        <v>55803</v>
      </c>
      <c r="L18394" s="5" t="s">
        <v>55802</v>
      </c>
      <c r="M18394" s="2" t="s">
        <v>55803</v>
      </c>
      <c r="N18394" s="5" t="s">
        <v>733</v>
      </c>
      <c r="O18394" s="5" t="s">
        <v>38</v>
      </c>
      <c r="P18394" s="5" t="s">
        <v>39</v>
      </c>
      <c r="Q18394" s="5" t="s">
        <v>40</v>
      </c>
      <c r="R18394" s="5" t="s">
        <v>897</v>
      </c>
      <c r="S18394" s="5" t="s">
        <v>40</v>
      </c>
      <c r="T18394" s="5" t="s">
        <v>42</v>
      </c>
      <c r="U18394" s="2">
        <v>32.942999999999998</v>
      </c>
      <c r="V18394" s="2">
        <v>30.565000000000001</v>
      </c>
      <c r="W18394" s="2">
        <v>0.109</v>
      </c>
      <c r="X18394" s="2">
        <v>17</v>
      </c>
      <c r="Y18394" s="2">
        <v>57.7</v>
      </c>
      <c r="Z18394" s="2">
        <v>111.6</v>
      </c>
      <c r="AA18394" s="5">
        <v>7</v>
      </c>
      <c r="AB18394" s="5" t="s">
        <v>43</v>
      </c>
      <c r="AC18394" s="5" t="s">
        <v>735</v>
      </c>
      <c r="AD18394" s="2" t="s">
        <v>56367</v>
      </c>
      <c r="AE18394" s="1"/>
    </row>
    <row r="18395" spans="1:31" ht="14.45">
      <c r="A18395" s="11"/>
      <c r="B18395" s="20"/>
      <c r="C18395" s="2" t="s">
        <v>56368</v>
      </c>
      <c r="D18395" s="14" t="s">
        <v>56369</v>
      </c>
      <c r="E18395" s="2" t="s">
        <v>56370</v>
      </c>
      <c r="F18395" s="2" t="s">
        <v>56371</v>
      </c>
      <c r="G18395" s="8">
        <v>1081</v>
      </c>
      <c r="H18395" s="5">
        <v>10</v>
      </c>
      <c r="I18395" s="5" t="s">
        <v>69</v>
      </c>
      <c r="J18395" s="5" t="s">
        <v>55802</v>
      </c>
      <c r="K18395" s="2" t="s">
        <v>55803</v>
      </c>
      <c r="L18395" s="5" t="s">
        <v>55802</v>
      </c>
      <c r="M18395" s="2" t="s">
        <v>55803</v>
      </c>
      <c r="N18395" s="5" t="s">
        <v>733</v>
      </c>
      <c r="O18395" s="5" t="s">
        <v>38</v>
      </c>
      <c r="P18395" s="5" t="s">
        <v>39</v>
      </c>
      <c r="Q18395" s="5" t="s">
        <v>40</v>
      </c>
      <c r="R18395" s="5" t="s">
        <v>897</v>
      </c>
      <c r="S18395" s="5" t="s">
        <v>40</v>
      </c>
      <c r="T18395" s="5" t="s">
        <v>42</v>
      </c>
      <c r="U18395" s="2">
        <v>30.274999999999999</v>
      </c>
      <c r="V18395" s="2">
        <v>28.094000000000001</v>
      </c>
      <c r="W18395" s="2">
        <v>0.109</v>
      </c>
      <c r="X18395" s="2">
        <v>17</v>
      </c>
      <c r="Y18395" s="2">
        <v>57.7</v>
      </c>
      <c r="Z18395" s="2">
        <v>111.6</v>
      </c>
      <c r="AA18395" s="5">
        <v>7</v>
      </c>
      <c r="AB18395" s="5" t="s">
        <v>43</v>
      </c>
      <c r="AC18395" s="5" t="s">
        <v>735</v>
      </c>
      <c r="AD18395" s="2" t="s">
        <v>56372</v>
      </c>
      <c r="AE18395" s="1"/>
    </row>
    <row r="18396" spans="1:31" ht="14.45">
      <c r="A18396" s="11"/>
      <c r="B18396" s="20"/>
      <c r="C18396" s="2" t="s">
        <v>56373</v>
      </c>
      <c r="D18396" s="14" t="s">
        <v>56374</v>
      </c>
      <c r="E18396" s="2" t="s">
        <v>56375</v>
      </c>
      <c r="F18396" s="2" t="s">
        <v>56376</v>
      </c>
      <c r="G18396" s="8">
        <v>1381</v>
      </c>
      <c r="H18396" s="5">
        <v>10</v>
      </c>
      <c r="I18396" s="5" t="s">
        <v>69</v>
      </c>
      <c r="J18396" s="5" t="s">
        <v>55802</v>
      </c>
      <c r="K18396" s="2" t="s">
        <v>55803</v>
      </c>
      <c r="L18396" s="5" t="s">
        <v>55802</v>
      </c>
      <c r="M18396" s="2" t="s">
        <v>55803</v>
      </c>
      <c r="N18396" s="5" t="s">
        <v>733</v>
      </c>
      <c r="O18396" s="5" t="s">
        <v>38</v>
      </c>
      <c r="P18396" s="5" t="s">
        <v>39</v>
      </c>
      <c r="Q18396" s="5" t="s">
        <v>40</v>
      </c>
      <c r="R18396" s="5" t="s">
        <v>897</v>
      </c>
      <c r="S18396" s="5" t="s">
        <v>40</v>
      </c>
      <c r="T18396" s="5" t="s">
        <v>42</v>
      </c>
      <c r="U18396" s="2">
        <v>32.134</v>
      </c>
      <c r="V18396" s="2">
        <v>29.841999999999999</v>
      </c>
      <c r="W18396" s="2">
        <v>0.109</v>
      </c>
      <c r="X18396" s="2">
        <v>17</v>
      </c>
      <c r="Y18396" s="2">
        <v>57.7</v>
      </c>
      <c r="Z18396" s="2">
        <v>111.6</v>
      </c>
      <c r="AA18396" s="5">
        <v>7</v>
      </c>
      <c r="AB18396" s="5" t="s">
        <v>43</v>
      </c>
      <c r="AC18396" s="5" t="s">
        <v>735</v>
      </c>
      <c r="AD18396" s="2" t="s">
        <v>56377</v>
      </c>
      <c r="AE18396" s="1"/>
    </row>
    <row r="18397" spans="1:31" ht="14.45">
      <c r="A18397" s="11"/>
      <c r="B18397" s="20"/>
      <c r="C18397" s="2" t="s">
        <v>56378</v>
      </c>
      <c r="D18397" s="14" t="s">
        <v>56379</v>
      </c>
      <c r="E18397" s="2" t="s">
        <v>56380</v>
      </c>
      <c r="F18397" s="2" t="s">
        <v>56376</v>
      </c>
      <c r="G18397" s="8">
        <v>1381</v>
      </c>
      <c r="H18397" s="5">
        <v>10</v>
      </c>
      <c r="I18397" s="5" t="s">
        <v>69</v>
      </c>
      <c r="J18397" s="5" t="s">
        <v>55802</v>
      </c>
      <c r="K18397" s="2" t="s">
        <v>55803</v>
      </c>
      <c r="L18397" s="5" t="s">
        <v>55802</v>
      </c>
      <c r="M18397" s="2" t="s">
        <v>55803</v>
      </c>
      <c r="N18397" s="5" t="s">
        <v>733</v>
      </c>
      <c r="O18397" s="5" t="s">
        <v>38</v>
      </c>
      <c r="P18397" s="5" t="s">
        <v>39</v>
      </c>
      <c r="Q18397" s="5" t="s">
        <v>40</v>
      </c>
      <c r="R18397" s="5" t="s">
        <v>897</v>
      </c>
      <c r="S18397" s="5" t="s">
        <v>40</v>
      </c>
      <c r="T18397" s="5" t="s">
        <v>42</v>
      </c>
      <c r="U18397" s="2">
        <v>32.295999999999999</v>
      </c>
      <c r="V18397" s="2">
        <v>29.917999999999999</v>
      </c>
      <c r="W18397" s="2">
        <v>0.109</v>
      </c>
      <c r="X18397" s="2">
        <v>17</v>
      </c>
      <c r="Y18397" s="2">
        <v>57.7</v>
      </c>
      <c r="Z18397" s="2">
        <v>111.6</v>
      </c>
      <c r="AA18397" s="5">
        <v>7</v>
      </c>
      <c r="AB18397" s="5" t="s">
        <v>43</v>
      </c>
      <c r="AC18397" s="5" t="s">
        <v>735</v>
      </c>
      <c r="AD18397" s="2" t="s">
        <v>56381</v>
      </c>
      <c r="AE18397" s="1"/>
    </row>
    <row r="18398" spans="1:31" ht="14.45">
      <c r="A18398" s="11"/>
      <c r="B18398" s="20"/>
      <c r="C18398" s="2" t="s">
        <v>56382</v>
      </c>
      <c r="D18398" s="14" t="s">
        <v>56383</v>
      </c>
      <c r="E18398" s="2" t="s">
        <v>56384</v>
      </c>
      <c r="F18398" s="2" t="s">
        <v>56385</v>
      </c>
      <c r="G18398" s="8">
        <v>1033</v>
      </c>
      <c r="H18398" s="5">
        <v>10</v>
      </c>
      <c r="I18398" s="5" t="s">
        <v>69</v>
      </c>
      <c r="J18398" s="5" t="s">
        <v>55802</v>
      </c>
      <c r="K18398" s="2" t="s">
        <v>55803</v>
      </c>
      <c r="L18398" s="5" t="s">
        <v>55802</v>
      </c>
      <c r="M18398" s="2" t="s">
        <v>55803</v>
      </c>
      <c r="N18398" s="5" t="s">
        <v>733</v>
      </c>
      <c r="O18398" s="5" t="s">
        <v>38</v>
      </c>
      <c r="P18398" s="5" t="s">
        <v>39</v>
      </c>
      <c r="Q18398" s="5" t="s">
        <v>40</v>
      </c>
      <c r="R18398" s="5" t="s">
        <v>897</v>
      </c>
      <c r="S18398" s="5" t="s">
        <v>40</v>
      </c>
      <c r="T18398" s="5" t="s">
        <v>42</v>
      </c>
      <c r="U18398" s="2">
        <v>30.257999999999999</v>
      </c>
      <c r="V18398" s="2">
        <v>28.077000000000002</v>
      </c>
      <c r="W18398" s="2">
        <v>0.109</v>
      </c>
      <c r="X18398" s="2">
        <v>17</v>
      </c>
      <c r="Y18398" s="2">
        <v>57.7</v>
      </c>
      <c r="Z18398" s="2">
        <v>111.6</v>
      </c>
      <c r="AA18398" s="5">
        <v>7</v>
      </c>
      <c r="AB18398" s="5" t="s">
        <v>43</v>
      </c>
      <c r="AC18398" s="5" t="s">
        <v>735</v>
      </c>
      <c r="AD18398" s="2" t="s">
        <v>56386</v>
      </c>
      <c r="AE18398" s="1"/>
    </row>
    <row r="18399" spans="1:31" ht="14.45">
      <c r="A18399" s="11"/>
      <c r="B18399" s="20"/>
      <c r="C18399" s="2" t="s">
        <v>56387</v>
      </c>
      <c r="D18399" s="14" t="s">
        <v>56388</v>
      </c>
      <c r="E18399" s="2" t="s">
        <v>56389</v>
      </c>
      <c r="F18399" s="2" t="s">
        <v>56385</v>
      </c>
      <c r="G18399" s="8">
        <v>1333</v>
      </c>
      <c r="H18399" s="5">
        <v>5</v>
      </c>
      <c r="I18399" s="5" t="s">
        <v>69</v>
      </c>
      <c r="J18399" s="5" t="s">
        <v>55802</v>
      </c>
      <c r="K18399" s="2" t="s">
        <v>55803</v>
      </c>
      <c r="L18399" s="5" t="s">
        <v>55802</v>
      </c>
      <c r="M18399" s="2" t="s">
        <v>55803</v>
      </c>
      <c r="N18399" s="5" t="s">
        <v>733</v>
      </c>
      <c r="O18399" s="5" t="s">
        <v>38</v>
      </c>
      <c r="P18399" s="5" t="s">
        <v>39</v>
      </c>
      <c r="Q18399" s="5" t="s">
        <v>40</v>
      </c>
      <c r="R18399" s="5" t="s">
        <v>897</v>
      </c>
      <c r="S18399" s="5" t="s">
        <v>40</v>
      </c>
      <c r="T18399" s="5" t="s">
        <v>42</v>
      </c>
      <c r="U18399" s="2">
        <v>32.279000000000003</v>
      </c>
      <c r="V18399" s="2">
        <v>29.901</v>
      </c>
      <c r="W18399" s="2">
        <v>0.109</v>
      </c>
      <c r="X18399" s="2">
        <v>17</v>
      </c>
      <c r="Y18399" s="2">
        <v>57.7</v>
      </c>
      <c r="Z18399" s="2">
        <v>111.6</v>
      </c>
      <c r="AA18399" s="5">
        <v>7</v>
      </c>
      <c r="AB18399" s="5" t="s">
        <v>43</v>
      </c>
      <c r="AC18399" s="5" t="s">
        <v>735</v>
      </c>
      <c r="AD18399" s="2" t="s">
        <v>56390</v>
      </c>
      <c r="AE18399" s="1"/>
    </row>
    <row r="18400" spans="1:31" ht="14.45">
      <c r="A18400" s="11"/>
      <c r="B18400" s="20"/>
      <c r="C18400" s="2" t="s">
        <v>56391</v>
      </c>
      <c r="D18400" s="14" t="s">
        <v>56392</v>
      </c>
      <c r="E18400" s="2" t="s">
        <v>56393</v>
      </c>
      <c r="F18400" s="2" t="s">
        <v>56394</v>
      </c>
      <c r="G18400" s="8">
        <v>757</v>
      </c>
      <c r="H18400" s="5">
        <v>10</v>
      </c>
      <c r="I18400" s="5" t="s">
        <v>69</v>
      </c>
      <c r="J18400" s="5" t="s">
        <v>55802</v>
      </c>
      <c r="K18400" s="2" t="s">
        <v>55803</v>
      </c>
      <c r="L18400" s="5" t="s">
        <v>55802</v>
      </c>
      <c r="M18400" s="2" t="s">
        <v>55803</v>
      </c>
      <c r="N18400" s="5" t="s">
        <v>733</v>
      </c>
      <c r="O18400" s="5" t="s">
        <v>38</v>
      </c>
      <c r="P18400" s="5" t="s">
        <v>39</v>
      </c>
      <c r="Q18400" s="5" t="s">
        <v>40</v>
      </c>
      <c r="R18400" s="5" t="s">
        <v>897</v>
      </c>
      <c r="S18400" s="5" t="s">
        <v>40</v>
      </c>
      <c r="T18400" s="5" t="s">
        <v>42</v>
      </c>
      <c r="U18400" s="2">
        <v>37.298000000000002</v>
      </c>
      <c r="V18400" s="2">
        <v>34.832999999999998</v>
      </c>
      <c r="W18400" s="2">
        <v>0.129</v>
      </c>
      <c r="X18400" s="2">
        <v>17</v>
      </c>
      <c r="Y18400" s="2">
        <v>57.7</v>
      </c>
      <c r="Z18400" s="2">
        <v>131.6</v>
      </c>
      <c r="AA18400" s="5">
        <v>7</v>
      </c>
      <c r="AB18400" s="5" t="s">
        <v>43</v>
      </c>
      <c r="AC18400" s="5" t="s">
        <v>735</v>
      </c>
      <c r="AD18400" s="2" t="s">
        <v>56395</v>
      </c>
      <c r="AE18400" s="1"/>
    </row>
    <row r="18401" spans="1:31" ht="14.45">
      <c r="A18401" s="11"/>
      <c r="B18401" s="20"/>
      <c r="C18401" s="2" t="s">
        <v>56396</v>
      </c>
      <c r="D18401" s="14" t="s">
        <v>56397</v>
      </c>
      <c r="E18401" s="2" t="s">
        <v>56398</v>
      </c>
      <c r="F18401" s="2" t="s">
        <v>56399</v>
      </c>
      <c r="G18401" s="8">
        <v>1057</v>
      </c>
      <c r="H18401" s="5">
        <v>10</v>
      </c>
      <c r="I18401" s="5" t="s">
        <v>69</v>
      </c>
      <c r="J18401" s="5" t="s">
        <v>55802</v>
      </c>
      <c r="K18401" s="2" t="s">
        <v>55803</v>
      </c>
      <c r="L18401" s="5" t="s">
        <v>55802</v>
      </c>
      <c r="M18401" s="2" t="s">
        <v>55803</v>
      </c>
      <c r="N18401" s="5" t="s">
        <v>733</v>
      </c>
      <c r="O18401" s="5" t="s">
        <v>38</v>
      </c>
      <c r="P18401" s="5" t="s">
        <v>39</v>
      </c>
      <c r="Q18401" s="5" t="s">
        <v>40</v>
      </c>
      <c r="R18401" s="5" t="s">
        <v>897</v>
      </c>
      <c r="S18401" s="5" t="s">
        <v>40</v>
      </c>
      <c r="T18401" s="5" t="s">
        <v>42</v>
      </c>
      <c r="U18401" s="2">
        <v>39.094000000000001</v>
      </c>
      <c r="V18401" s="2">
        <v>36.512999999999998</v>
      </c>
      <c r="W18401" s="2">
        <v>0.129</v>
      </c>
      <c r="X18401" s="2">
        <v>17</v>
      </c>
      <c r="Y18401" s="2">
        <v>57.7</v>
      </c>
      <c r="Z18401" s="2">
        <v>131.6</v>
      </c>
      <c r="AA18401" s="5">
        <v>7</v>
      </c>
      <c r="AB18401" s="5" t="s">
        <v>43</v>
      </c>
      <c r="AC18401" s="5" t="s">
        <v>735</v>
      </c>
      <c r="AD18401" s="2" t="s">
        <v>56400</v>
      </c>
      <c r="AE18401" s="1"/>
    </row>
    <row r="18402" spans="1:31" ht="14.45">
      <c r="A18402" s="11"/>
      <c r="B18402" s="20"/>
      <c r="C18402" s="2" t="s">
        <v>56401</v>
      </c>
      <c r="D18402" s="14" t="s">
        <v>56402</v>
      </c>
      <c r="E18402" s="2" t="s">
        <v>56403</v>
      </c>
      <c r="F18402" s="2" t="s">
        <v>56404</v>
      </c>
      <c r="G18402" s="8">
        <v>664</v>
      </c>
      <c r="H18402" s="5">
        <v>5</v>
      </c>
      <c r="I18402" s="5" t="s">
        <v>69</v>
      </c>
      <c r="J18402" s="5" t="s">
        <v>55802</v>
      </c>
      <c r="K18402" s="2" t="s">
        <v>55803</v>
      </c>
      <c r="L18402" s="5" t="s">
        <v>55802</v>
      </c>
      <c r="M18402" s="2" t="s">
        <v>55803</v>
      </c>
      <c r="N18402" s="5" t="s">
        <v>733</v>
      </c>
      <c r="O18402" s="5" t="s">
        <v>38</v>
      </c>
      <c r="P18402" s="5" t="s">
        <v>39</v>
      </c>
      <c r="Q18402" s="5" t="s">
        <v>40</v>
      </c>
      <c r="R18402" s="5" t="s">
        <v>897</v>
      </c>
      <c r="S18402" s="5" t="s">
        <v>40</v>
      </c>
      <c r="T18402" s="5" t="s">
        <v>42</v>
      </c>
      <c r="U18402" s="2">
        <v>33.655000000000001</v>
      </c>
      <c r="V18402" s="2">
        <v>31.19</v>
      </c>
      <c r="W18402" s="2">
        <v>0.129</v>
      </c>
      <c r="X18402" s="2">
        <v>17</v>
      </c>
      <c r="Y18402" s="2">
        <v>57.7</v>
      </c>
      <c r="Z18402" s="2">
        <v>131.6</v>
      </c>
      <c r="AA18402" s="5">
        <v>7</v>
      </c>
      <c r="AB18402" s="5" t="s">
        <v>43</v>
      </c>
      <c r="AC18402" s="5" t="s">
        <v>735</v>
      </c>
      <c r="AD18402" s="2" t="s">
        <v>56405</v>
      </c>
      <c r="AE18402" s="1"/>
    </row>
    <row r="18403" spans="1:31" ht="14.45">
      <c r="A18403" s="11"/>
      <c r="B18403" s="20"/>
      <c r="C18403" s="2" t="s">
        <v>56406</v>
      </c>
      <c r="D18403" s="14" t="s">
        <v>56407</v>
      </c>
      <c r="E18403" s="2" t="s">
        <v>56408</v>
      </c>
      <c r="F18403" s="2" t="s">
        <v>56409</v>
      </c>
      <c r="G18403" s="8">
        <v>964</v>
      </c>
      <c r="H18403" s="5">
        <v>5</v>
      </c>
      <c r="I18403" s="5" t="s">
        <v>69</v>
      </c>
      <c r="J18403" s="5" t="s">
        <v>55802</v>
      </c>
      <c r="K18403" s="2" t="s">
        <v>55803</v>
      </c>
      <c r="L18403" s="5" t="s">
        <v>55802</v>
      </c>
      <c r="M18403" s="2" t="s">
        <v>55803</v>
      </c>
      <c r="N18403" s="5" t="s">
        <v>733</v>
      </c>
      <c r="O18403" s="5" t="s">
        <v>38</v>
      </c>
      <c r="P18403" s="5" t="s">
        <v>39</v>
      </c>
      <c r="Q18403" s="5" t="s">
        <v>40</v>
      </c>
      <c r="R18403" s="5" t="s">
        <v>897</v>
      </c>
      <c r="S18403" s="5" t="s">
        <v>40</v>
      </c>
      <c r="T18403" s="5" t="s">
        <v>42</v>
      </c>
      <c r="U18403" s="2">
        <v>35.14</v>
      </c>
      <c r="V18403" s="2">
        <v>32.558999999999997</v>
      </c>
      <c r="W18403" s="2">
        <v>0.129</v>
      </c>
      <c r="X18403" s="2">
        <v>17</v>
      </c>
      <c r="Y18403" s="2">
        <v>57.7</v>
      </c>
      <c r="Z18403" s="2">
        <v>131.6</v>
      </c>
      <c r="AA18403" s="5">
        <v>7</v>
      </c>
      <c r="AB18403" s="5" t="s">
        <v>43</v>
      </c>
      <c r="AC18403" s="5" t="s">
        <v>735</v>
      </c>
      <c r="AD18403" s="2" t="s">
        <v>56410</v>
      </c>
      <c r="AE18403" s="1"/>
    </row>
    <row r="18404" spans="1:31" ht="14.45">
      <c r="A18404" s="11"/>
      <c r="B18404" s="20"/>
      <c r="C18404" s="2" t="s">
        <v>56411</v>
      </c>
      <c r="D18404" s="14" t="s">
        <v>56412</v>
      </c>
      <c r="E18404" s="2" t="s">
        <v>56413</v>
      </c>
      <c r="F18404" s="2" t="s">
        <v>56409</v>
      </c>
      <c r="G18404" s="8">
        <v>964</v>
      </c>
      <c r="H18404" s="5">
        <v>5</v>
      </c>
      <c r="I18404" s="5" t="s">
        <v>69</v>
      </c>
      <c r="J18404" s="5" t="s">
        <v>55802</v>
      </c>
      <c r="K18404" s="2" t="s">
        <v>55803</v>
      </c>
      <c r="L18404" s="5" t="s">
        <v>55802</v>
      </c>
      <c r="M18404" s="2" t="s">
        <v>55803</v>
      </c>
      <c r="N18404" s="5" t="s">
        <v>733</v>
      </c>
      <c r="O18404" s="5" t="s">
        <v>38</v>
      </c>
      <c r="P18404" s="5" t="s">
        <v>39</v>
      </c>
      <c r="Q18404" s="5" t="s">
        <v>40</v>
      </c>
      <c r="R18404" s="5" t="s">
        <v>897</v>
      </c>
      <c r="S18404" s="5" t="s">
        <v>40</v>
      </c>
      <c r="T18404" s="5" t="s">
        <v>42</v>
      </c>
      <c r="U18404" s="2">
        <v>35.265000000000001</v>
      </c>
      <c r="V18404" s="2">
        <v>32.597999999999999</v>
      </c>
      <c r="W18404" s="2">
        <v>0.129</v>
      </c>
      <c r="X18404" s="2">
        <v>17</v>
      </c>
      <c r="Y18404" s="2">
        <v>57.7</v>
      </c>
      <c r="Z18404" s="2">
        <v>131.6</v>
      </c>
      <c r="AA18404" s="5">
        <v>7</v>
      </c>
      <c r="AB18404" s="5" t="s">
        <v>43</v>
      </c>
      <c r="AC18404" s="5" t="s">
        <v>735</v>
      </c>
      <c r="AD18404" s="2" t="s">
        <v>56414</v>
      </c>
      <c r="AE18404" s="1"/>
    </row>
    <row r="18405" spans="1:31" ht="14.45">
      <c r="A18405" s="11"/>
      <c r="B18405" s="20"/>
      <c r="C18405" s="2" t="s">
        <v>56415</v>
      </c>
      <c r="D18405" s="14" t="s">
        <v>56416</v>
      </c>
      <c r="E18405" s="2" t="s">
        <v>56417</v>
      </c>
      <c r="F18405" s="2" t="s">
        <v>56418</v>
      </c>
      <c r="G18405" s="8">
        <v>757</v>
      </c>
      <c r="H18405" s="5">
        <v>10</v>
      </c>
      <c r="I18405" s="5" t="s">
        <v>69</v>
      </c>
      <c r="J18405" s="5" t="s">
        <v>55802</v>
      </c>
      <c r="K18405" s="2" t="s">
        <v>55803</v>
      </c>
      <c r="L18405" s="5" t="s">
        <v>55802</v>
      </c>
      <c r="M18405" s="2" t="s">
        <v>55803</v>
      </c>
      <c r="N18405" s="5" t="s">
        <v>733</v>
      </c>
      <c r="O18405" s="5" t="s">
        <v>38</v>
      </c>
      <c r="P18405" s="5" t="s">
        <v>39</v>
      </c>
      <c r="Q18405" s="5" t="s">
        <v>40</v>
      </c>
      <c r="R18405" s="5" t="s">
        <v>897</v>
      </c>
      <c r="S18405" s="5" t="s">
        <v>40</v>
      </c>
      <c r="T18405" s="5" t="s">
        <v>42</v>
      </c>
      <c r="U18405" s="2">
        <v>33.133000000000003</v>
      </c>
      <c r="V18405" s="2">
        <v>30.663</v>
      </c>
      <c r="W18405" s="2">
        <v>0.129</v>
      </c>
      <c r="X18405" s="2">
        <v>17</v>
      </c>
      <c r="Y18405" s="2">
        <v>57.7</v>
      </c>
      <c r="Z18405" s="2">
        <v>131.6</v>
      </c>
      <c r="AA18405" s="5">
        <v>7</v>
      </c>
      <c r="AB18405" s="5" t="s">
        <v>43</v>
      </c>
      <c r="AC18405" s="5" t="s">
        <v>735</v>
      </c>
      <c r="AD18405" s="2" t="s">
        <v>56419</v>
      </c>
      <c r="AE18405" s="1"/>
    </row>
    <row r="18406" spans="1:31" ht="14.45">
      <c r="A18406" s="11"/>
      <c r="B18406" s="20"/>
      <c r="C18406" s="2" t="s">
        <v>56420</v>
      </c>
      <c r="D18406" s="14" t="s">
        <v>56421</v>
      </c>
      <c r="E18406" s="2" t="s">
        <v>56422</v>
      </c>
      <c r="F18406" s="2" t="s">
        <v>56418</v>
      </c>
      <c r="G18406" s="8">
        <v>1057</v>
      </c>
      <c r="H18406" s="5">
        <v>10</v>
      </c>
      <c r="I18406" s="5" t="s">
        <v>69</v>
      </c>
      <c r="J18406" s="5" t="s">
        <v>55802</v>
      </c>
      <c r="K18406" s="2" t="s">
        <v>55803</v>
      </c>
      <c r="L18406" s="5" t="s">
        <v>55802</v>
      </c>
      <c r="M18406" s="2" t="s">
        <v>55803</v>
      </c>
      <c r="N18406" s="5" t="s">
        <v>733</v>
      </c>
      <c r="O18406" s="5" t="s">
        <v>38</v>
      </c>
      <c r="P18406" s="5" t="s">
        <v>39</v>
      </c>
      <c r="Q18406" s="5" t="s">
        <v>40</v>
      </c>
      <c r="R18406" s="5" t="s">
        <v>897</v>
      </c>
      <c r="S18406" s="5" t="s">
        <v>40</v>
      </c>
      <c r="T18406" s="5" t="s">
        <v>42</v>
      </c>
      <c r="U18406" s="2">
        <v>34.999000000000002</v>
      </c>
      <c r="V18406" s="2">
        <v>32.417999999999999</v>
      </c>
      <c r="W18406" s="2">
        <v>0.129</v>
      </c>
      <c r="X18406" s="2">
        <v>17</v>
      </c>
      <c r="Y18406" s="2">
        <v>57.7</v>
      </c>
      <c r="Z18406" s="2">
        <v>131.6</v>
      </c>
      <c r="AA18406" s="5">
        <v>7</v>
      </c>
      <c r="AB18406" s="5" t="s">
        <v>43</v>
      </c>
      <c r="AC18406" s="5" t="s">
        <v>735</v>
      </c>
      <c r="AD18406" s="2" t="s">
        <v>56423</v>
      </c>
      <c r="AE18406" s="1"/>
    </row>
    <row r="18407" spans="1:31" ht="14.45">
      <c r="A18407" s="11"/>
      <c r="B18407" s="20"/>
      <c r="C18407" s="2" t="s">
        <v>56424</v>
      </c>
      <c r="D18407" s="14" t="s">
        <v>56425</v>
      </c>
      <c r="E18407" s="2" t="s">
        <v>56426</v>
      </c>
      <c r="F18407" s="2" t="s">
        <v>56418</v>
      </c>
      <c r="G18407" s="8">
        <v>1057</v>
      </c>
      <c r="H18407" s="5">
        <v>10</v>
      </c>
      <c r="I18407" s="5" t="s">
        <v>69</v>
      </c>
      <c r="J18407" s="5" t="s">
        <v>55802</v>
      </c>
      <c r="K18407" s="2" t="s">
        <v>55803</v>
      </c>
      <c r="L18407" s="5" t="s">
        <v>55802</v>
      </c>
      <c r="M18407" s="2" t="s">
        <v>55803</v>
      </c>
      <c r="N18407" s="5" t="s">
        <v>733</v>
      </c>
      <c r="O18407" s="5" t="s">
        <v>38</v>
      </c>
      <c r="P18407" s="5" t="s">
        <v>39</v>
      </c>
      <c r="Q18407" s="5" t="s">
        <v>40</v>
      </c>
      <c r="R18407" s="5" t="s">
        <v>897</v>
      </c>
      <c r="S18407" s="5" t="s">
        <v>40</v>
      </c>
      <c r="T18407" s="5" t="s">
        <v>42</v>
      </c>
      <c r="U18407" s="2">
        <v>35.14</v>
      </c>
      <c r="V18407" s="2">
        <v>32.472999999999999</v>
      </c>
      <c r="W18407" s="2">
        <v>0.129</v>
      </c>
      <c r="X18407" s="2">
        <v>17</v>
      </c>
      <c r="Y18407" s="2">
        <v>57.7</v>
      </c>
      <c r="Z18407" s="2">
        <v>131.6</v>
      </c>
      <c r="AA18407" s="5">
        <v>7</v>
      </c>
      <c r="AB18407" s="5" t="s">
        <v>43</v>
      </c>
      <c r="AC18407" s="5" t="s">
        <v>735</v>
      </c>
      <c r="AD18407" s="2" t="s">
        <v>56427</v>
      </c>
      <c r="AE18407" s="1"/>
    </row>
    <row r="18408" spans="1:31" ht="14.45">
      <c r="A18408" s="11"/>
      <c r="B18408" s="20"/>
      <c r="C18408" s="2" t="s">
        <v>56428</v>
      </c>
      <c r="D18408" s="14" t="s">
        <v>56429</v>
      </c>
      <c r="E18408" s="2" t="s">
        <v>56430</v>
      </c>
      <c r="F18408" s="2" t="s">
        <v>56431</v>
      </c>
      <c r="G18408" s="8">
        <v>575</v>
      </c>
      <c r="H18408" s="5">
        <v>10</v>
      </c>
      <c r="I18408" s="5" t="s">
        <v>69</v>
      </c>
      <c r="J18408" s="5" t="s">
        <v>55802</v>
      </c>
      <c r="K18408" s="2" t="s">
        <v>55803</v>
      </c>
      <c r="L18408" s="5" t="s">
        <v>55802</v>
      </c>
      <c r="M18408" s="2" t="s">
        <v>55803</v>
      </c>
      <c r="N18408" s="5" t="s">
        <v>733</v>
      </c>
      <c r="O18408" s="5" t="s">
        <v>38</v>
      </c>
      <c r="P18408" s="5" t="s">
        <v>39</v>
      </c>
      <c r="Q18408" s="5" t="s">
        <v>40</v>
      </c>
      <c r="R18408" s="5" t="s">
        <v>897</v>
      </c>
      <c r="S18408" s="5" t="s">
        <v>40</v>
      </c>
      <c r="T18408" s="5" t="s">
        <v>42</v>
      </c>
      <c r="U18408" s="2">
        <v>33.280999999999999</v>
      </c>
      <c r="V18408" s="2">
        <v>30.811</v>
      </c>
      <c r="W18408" s="2">
        <v>0.129</v>
      </c>
      <c r="X18408" s="2">
        <v>17</v>
      </c>
      <c r="Y18408" s="2">
        <v>57.7</v>
      </c>
      <c r="Z18408" s="2">
        <v>131.6</v>
      </c>
      <c r="AA18408" s="5">
        <v>7</v>
      </c>
      <c r="AB18408" s="5" t="s">
        <v>43</v>
      </c>
      <c r="AC18408" s="5" t="s">
        <v>735</v>
      </c>
      <c r="AD18408" s="2" t="s">
        <v>56432</v>
      </c>
      <c r="AE18408" s="1"/>
    </row>
    <row r="18409" spans="1:31" ht="14.45">
      <c r="A18409" s="11"/>
      <c r="B18409" s="20"/>
      <c r="C18409" s="2" t="s">
        <v>56433</v>
      </c>
      <c r="D18409" s="14" t="s">
        <v>56434</v>
      </c>
      <c r="E18409" s="2" t="s">
        <v>56435</v>
      </c>
      <c r="F18409" s="2" t="s">
        <v>56431</v>
      </c>
      <c r="G18409" s="8">
        <v>875</v>
      </c>
      <c r="H18409" s="5">
        <v>10</v>
      </c>
      <c r="I18409" s="5" t="s">
        <v>69</v>
      </c>
      <c r="J18409" s="5" t="s">
        <v>55802</v>
      </c>
      <c r="K18409" s="2" t="s">
        <v>55803</v>
      </c>
      <c r="L18409" s="5" t="s">
        <v>55802</v>
      </c>
      <c r="M18409" s="2" t="s">
        <v>55803</v>
      </c>
      <c r="N18409" s="5" t="s">
        <v>733</v>
      </c>
      <c r="O18409" s="5" t="s">
        <v>38</v>
      </c>
      <c r="P18409" s="5" t="s">
        <v>39</v>
      </c>
      <c r="Q18409" s="5" t="s">
        <v>40</v>
      </c>
      <c r="R18409" s="5" t="s">
        <v>897</v>
      </c>
      <c r="S18409" s="5" t="s">
        <v>40</v>
      </c>
      <c r="T18409" s="5" t="s">
        <v>42</v>
      </c>
      <c r="U18409" s="2">
        <v>35.146999999999998</v>
      </c>
      <c r="V18409" s="2">
        <v>32.566000000000003</v>
      </c>
      <c r="W18409" s="2">
        <v>0.129</v>
      </c>
      <c r="X18409" s="2">
        <v>17</v>
      </c>
      <c r="Y18409" s="2">
        <v>57.7</v>
      </c>
      <c r="Z18409" s="2">
        <v>131.6</v>
      </c>
      <c r="AA18409" s="5">
        <v>7</v>
      </c>
      <c r="AB18409" s="5" t="s">
        <v>43</v>
      </c>
      <c r="AC18409" s="5" t="s">
        <v>735</v>
      </c>
      <c r="AD18409" s="2" t="s">
        <v>56436</v>
      </c>
      <c r="AE18409" s="1"/>
    </row>
    <row r="18410" spans="1:31" ht="14.45">
      <c r="A18410" s="11"/>
      <c r="B18410" s="20"/>
      <c r="C18410" s="2" t="s">
        <v>56437</v>
      </c>
      <c r="D18410" s="14" t="s">
        <v>56438</v>
      </c>
      <c r="E18410" s="2" t="s">
        <v>56439</v>
      </c>
      <c r="F18410" s="2" t="s">
        <v>56431</v>
      </c>
      <c r="G18410" s="8">
        <v>875</v>
      </c>
      <c r="H18410" s="5">
        <v>10</v>
      </c>
      <c r="I18410" s="5" t="s">
        <v>69</v>
      </c>
      <c r="J18410" s="5" t="s">
        <v>55802</v>
      </c>
      <c r="K18410" s="2" t="s">
        <v>55803</v>
      </c>
      <c r="L18410" s="5" t="s">
        <v>55802</v>
      </c>
      <c r="M18410" s="2" t="s">
        <v>55803</v>
      </c>
      <c r="N18410" s="5" t="s">
        <v>733</v>
      </c>
      <c r="O18410" s="5" t="s">
        <v>38</v>
      </c>
      <c r="P18410" s="5" t="s">
        <v>39</v>
      </c>
      <c r="Q18410" s="5" t="s">
        <v>40</v>
      </c>
      <c r="R18410" s="5" t="s">
        <v>897</v>
      </c>
      <c r="S18410" s="5" t="s">
        <v>40</v>
      </c>
      <c r="T18410" s="5" t="s">
        <v>42</v>
      </c>
      <c r="U18410" s="2">
        <v>35.271999999999998</v>
      </c>
      <c r="V18410" s="2">
        <v>32.604999999999997</v>
      </c>
      <c r="W18410" s="2">
        <v>0.129</v>
      </c>
      <c r="X18410" s="2">
        <v>17</v>
      </c>
      <c r="Y18410" s="2">
        <v>57.7</v>
      </c>
      <c r="Z18410" s="2">
        <v>131.6</v>
      </c>
      <c r="AA18410" s="5">
        <v>7</v>
      </c>
      <c r="AB18410" s="5" t="s">
        <v>43</v>
      </c>
      <c r="AC18410" s="5" t="s">
        <v>735</v>
      </c>
      <c r="AD18410" s="2" t="s">
        <v>56440</v>
      </c>
      <c r="AE18410" s="1"/>
    </row>
    <row r="18411" spans="1:31" ht="14.45">
      <c r="A18411" s="11"/>
      <c r="B18411" s="20"/>
      <c r="C18411" s="2" t="s">
        <v>56441</v>
      </c>
      <c r="D18411" s="14" t="s">
        <v>56442</v>
      </c>
      <c r="E18411" s="2" t="s">
        <v>56443</v>
      </c>
      <c r="F18411" s="2" t="s">
        <v>56444</v>
      </c>
      <c r="G18411" s="8">
        <v>462</v>
      </c>
      <c r="H18411" s="5">
        <v>5</v>
      </c>
      <c r="I18411" s="5" t="s">
        <v>69</v>
      </c>
      <c r="J18411" s="5" t="s">
        <v>55802</v>
      </c>
      <c r="K18411" s="2" t="s">
        <v>55803</v>
      </c>
      <c r="L18411" s="5" t="s">
        <v>55802</v>
      </c>
      <c r="M18411" s="2" t="s">
        <v>55803</v>
      </c>
      <c r="N18411" s="5" t="s">
        <v>733</v>
      </c>
      <c r="O18411" s="5" t="s">
        <v>38</v>
      </c>
      <c r="P18411" s="5" t="s">
        <v>39</v>
      </c>
      <c r="Q18411" s="5" t="s">
        <v>40</v>
      </c>
      <c r="R18411" s="5" t="s">
        <v>897</v>
      </c>
      <c r="S18411" s="5" t="s">
        <v>40</v>
      </c>
      <c r="T18411" s="5" t="s">
        <v>42</v>
      </c>
      <c r="U18411" s="2">
        <v>29.962</v>
      </c>
      <c r="V18411" s="2">
        <v>27.497</v>
      </c>
      <c r="W18411" s="2">
        <v>0.129</v>
      </c>
      <c r="X18411" s="2">
        <v>17</v>
      </c>
      <c r="Y18411" s="2">
        <v>57.7</v>
      </c>
      <c r="Z18411" s="2">
        <v>131.6</v>
      </c>
      <c r="AA18411" s="5">
        <v>7</v>
      </c>
      <c r="AB18411" s="5" t="s">
        <v>43</v>
      </c>
      <c r="AC18411" s="5" t="s">
        <v>735</v>
      </c>
      <c r="AD18411" s="2" t="s">
        <v>56445</v>
      </c>
      <c r="AE18411" s="1"/>
    </row>
    <row r="18412" spans="1:31" ht="14.45">
      <c r="A18412" s="11"/>
      <c r="B18412" s="20"/>
      <c r="C18412" s="2" t="s">
        <v>56446</v>
      </c>
      <c r="D18412" s="14" t="s">
        <v>56447</v>
      </c>
      <c r="E18412" s="2" t="s">
        <v>56448</v>
      </c>
      <c r="F18412" s="2" t="s">
        <v>56444</v>
      </c>
      <c r="G18412" s="8">
        <v>762</v>
      </c>
      <c r="H18412" s="5">
        <v>5</v>
      </c>
      <c r="I18412" s="5" t="s">
        <v>69</v>
      </c>
      <c r="J18412" s="5" t="s">
        <v>55802</v>
      </c>
      <c r="K18412" s="2" t="s">
        <v>55803</v>
      </c>
      <c r="L18412" s="5" t="s">
        <v>55802</v>
      </c>
      <c r="M18412" s="2" t="s">
        <v>55803</v>
      </c>
      <c r="N18412" s="5" t="s">
        <v>733</v>
      </c>
      <c r="O18412" s="5" t="s">
        <v>38</v>
      </c>
      <c r="P18412" s="5" t="s">
        <v>39</v>
      </c>
      <c r="Q18412" s="5" t="s">
        <v>40</v>
      </c>
      <c r="R18412" s="5" t="s">
        <v>897</v>
      </c>
      <c r="S18412" s="5" t="s">
        <v>40</v>
      </c>
      <c r="T18412" s="5" t="s">
        <v>42</v>
      </c>
      <c r="U18412" s="2">
        <v>31.876000000000001</v>
      </c>
      <c r="V18412" s="2">
        <v>29.297000000000001</v>
      </c>
      <c r="W18412" s="2">
        <v>0.129</v>
      </c>
      <c r="X18412" s="2">
        <v>17</v>
      </c>
      <c r="Y18412" s="2">
        <v>57.7</v>
      </c>
      <c r="Z18412" s="2">
        <v>131.6</v>
      </c>
      <c r="AA18412" s="5">
        <v>7</v>
      </c>
      <c r="AB18412" s="5" t="s">
        <v>43</v>
      </c>
      <c r="AC18412" s="5" t="s">
        <v>735</v>
      </c>
      <c r="AD18412" s="2" t="s">
        <v>56449</v>
      </c>
      <c r="AE18412" s="1"/>
    </row>
    <row r="18413" spans="1:31" ht="14.45">
      <c r="A18413" s="11"/>
      <c r="B18413" s="20"/>
      <c r="C18413" s="2" t="s">
        <v>56450</v>
      </c>
      <c r="D18413" s="14" t="s">
        <v>56451</v>
      </c>
      <c r="E18413" s="2" t="s">
        <v>56452</v>
      </c>
      <c r="F18413" s="2" t="s">
        <v>56444</v>
      </c>
      <c r="G18413" s="8">
        <v>762</v>
      </c>
      <c r="H18413" s="5">
        <v>5</v>
      </c>
      <c r="I18413" s="5" t="s">
        <v>69</v>
      </c>
      <c r="J18413" s="5" t="s">
        <v>55802</v>
      </c>
      <c r="K18413" s="2" t="s">
        <v>55803</v>
      </c>
      <c r="L18413" s="5" t="s">
        <v>55802</v>
      </c>
      <c r="M18413" s="2" t="s">
        <v>55803</v>
      </c>
      <c r="N18413" s="5" t="s">
        <v>733</v>
      </c>
      <c r="O18413" s="5" t="s">
        <v>38</v>
      </c>
      <c r="P18413" s="5" t="s">
        <v>39</v>
      </c>
      <c r="Q18413" s="5" t="s">
        <v>40</v>
      </c>
      <c r="R18413" s="5" t="s">
        <v>897</v>
      </c>
      <c r="S18413" s="5" t="s">
        <v>40</v>
      </c>
      <c r="T18413" s="5" t="s">
        <v>42</v>
      </c>
      <c r="U18413" s="2">
        <v>32.15</v>
      </c>
      <c r="V18413" s="2">
        <v>29.486999999999998</v>
      </c>
      <c r="W18413" s="2">
        <v>0.129</v>
      </c>
      <c r="X18413" s="2">
        <v>17</v>
      </c>
      <c r="Y18413" s="2">
        <v>57.7</v>
      </c>
      <c r="Z18413" s="2">
        <v>131.6</v>
      </c>
      <c r="AA18413" s="5">
        <v>7</v>
      </c>
      <c r="AB18413" s="5" t="s">
        <v>43</v>
      </c>
      <c r="AC18413" s="5" t="s">
        <v>735</v>
      </c>
      <c r="AD18413" s="2" t="s">
        <v>56453</v>
      </c>
      <c r="AE18413" s="1"/>
    </row>
    <row r="18414" spans="1:31" ht="14.45">
      <c r="A18414" s="11"/>
      <c r="B18414" s="20"/>
      <c r="C18414" s="2" t="s">
        <v>56454</v>
      </c>
      <c r="D18414" s="14" t="s">
        <v>56455</v>
      </c>
      <c r="E18414" s="2" t="s">
        <v>56456</v>
      </c>
      <c r="F18414" s="2" t="s">
        <v>56457</v>
      </c>
      <c r="G18414" s="8">
        <v>605</v>
      </c>
      <c r="H18414" s="5">
        <v>5</v>
      </c>
      <c r="I18414" s="5" t="s">
        <v>69</v>
      </c>
      <c r="J18414" s="5" t="s">
        <v>55802</v>
      </c>
      <c r="K18414" s="2" t="s">
        <v>55803</v>
      </c>
      <c r="L18414" s="5" t="s">
        <v>55802</v>
      </c>
      <c r="M18414" s="2" t="s">
        <v>55803</v>
      </c>
      <c r="N18414" s="5" t="s">
        <v>733</v>
      </c>
      <c r="O18414" s="5" t="s">
        <v>38</v>
      </c>
      <c r="P18414" s="5" t="s">
        <v>39</v>
      </c>
      <c r="Q18414" s="5" t="s">
        <v>40</v>
      </c>
      <c r="R18414" s="5" t="s">
        <v>897</v>
      </c>
      <c r="S18414" s="5" t="s">
        <v>40</v>
      </c>
      <c r="T18414" s="5" t="s">
        <v>42</v>
      </c>
      <c r="U18414" s="2">
        <v>33.253</v>
      </c>
      <c r="V18414" s="2">
        <v>30.783000000000001</v>
      </c>
      <c r="W18414" s="2">
        <v>0.129</v>
      </c>
      <c r="X18414" s="2">
        <v>17</v>
      </c>
      <c r="Y18414" s="2">
        <v>57.7</v>
      </c>
      <c r="Z18414" s="2">
        <v>131.6</v>
      </c>
      <c r="AA18414" s="5">
        <v>7</v>
      </c>
      <c r="AB18414" s="5" t="s">
        <v>43</v>
      </c>
      <c r="AC18414" s="5" t="s">
        <v>735</v>
      </c>
      <c r="AD18414" s="2" t="s">
        <v>56458</v>
      </c>
      <c r="AE18414" s="1"/>
    </row>
    <row r="18415" spans="1:31" ht="14.45">
      <c r="A18415" s="11"/>
      <c r="B18415" s="20"/>
      <c r="C18415" s="2" t="s">
        <v>56459</v>
      </c>
      <c r="D18415" s="14" t="s">
        <v>56460</v>
      </c>
      <c r="E18415" s="2" t="s">
        <v>56461</v>
      </c>
      <c r="F18415" s="2" t="s">
        <v>56457</v>
      </c>
      <c r="G18415" s="8">
        <v>905</v>
      </c>
      <c r="H18415" s="5">
        <v>5</v>
      </c>
      <c r="I18415" s="5" t="s">
        <v>69</v>
      </c>
      <c r="J18415" s="5" t="s">
        <v>55802</v>
      </c>
      <c r="K18415" s="2" t="s">
        <v>55803</v>
      </c>
      <c r="L18415" s="5" t="s">
        <v>55802</v>
      </c>
      <c r="M18415" s="2" t="s">
        <v>55803</v>
      </c>
      <c r="N18415" s="5" t="s">
        <v>733</v>
      </c>
      <c r="O18415" s="5" t="s">
        <v>38</v>
      </c>
      <c r="P18415" s="5" t="s">
        <v>39</v>
      </c>
      <c r="Q18415" s="5" t="s">
        <v>40</v>
      </c>
      <c r="R18415" s="5" t="s">
        <v>897</v>
      </c>
      <c r="S18415" s="5" t="s">
        <v>40</v>
      </c>
      <c r="T18415" s="5" t="s">
        <v>42</v>
      </c>
      <c r="U18415" s="2">
        <v>35.119</v>
      </c>
      <c r="V18415" s="2">
        <v>32.537999999999997</v>
      </c>
      <c r="W18415" s="2">
        <v>0.129</v>
      </c>
      <c r="X18415" s="2">
        <v>17</v>
      </c>
      <c r="Y18415" s="2">
        <v>57.7</v>
      </c>
      <c r="Z18415" s="2">
        <v>131.6</v>
      </c>
      <c r="AA18415" s="5">
        <v>7</v>
      </c>
      <c r="AB18415" s="5" t="s">
        <v>43</v>
      </c>
      <c r="AC18415" s="5" t="s">
        <v>735</v>
      </c>
      <c r="AD18415" s="2" t="s">
        <v>56462</v>
      </c>
      <c r="AE18415" s="1"/>
    </row>
    <row r="18416" spans="1:31" ht="14.45">
      <c r="A18416" s="11"/>
      <c r="B18416" s="20"/>
      <c r="C18416" s="2" t="s">
        <v>56463</v>
      </c>
      <c r="D18416" s="14" t="s">
        <v>56464</v>
      </c>
      <c r="E18416" s="2" t="s">
        <v>56465</v>
      </c>
      <c r="F18416" s="2" t="s">
        <v>56457</v>
      </c>
      <c r="G18416" s="8">
        <v>905</v>
      </c>
      <c r="H18416" s="5">
        <v>10</v>
      </c>
      <c r="I18416" s="5" t="s">
        <v>69</v>
      </c>
      <c r="J18416" s="5" t="s">
        <v>55802</v>
      </c>
      <c r="K18416" s="2" t="s">
        <v>55803</v>
      </c>
      <c r="L18416" s="5" t="s">
        <v>55802</v>
      </c>
      <c r="M18416" s="2" t="s">
        <v>55803</v>
      </c>
      <c r="N18416" s="5" t="s">
        <v>733</v>
      </c>
      <c r="O18416" s="5" t="s">
        <v>38</v>
      </c>
      <c r="P18416" s="5" t="s">
        <v>39</v>
      </c>
      <c r="Q18416" s="5" t="s">
        <v>40</v>
      </c>
      <c r="R18416" s="5" t="s">
        <v>897</v>
      </c>
      <c r="S18416" s="5" t="s">
        <v>40</v>
      </c>
      <c r="T18416" s="5" t="s">
        <v>42</v>
      </c>
      <c r="U18416" s="2">
        <v>35.244</v>
      </c>
      <c r="V18416" s="2">
        <v>32.576999999999998</v>
      </c>
      <c r="W18416" s="2">
        <v>0.129</v>
      </c>
      <c r="X18416" s="2">
        <v>17</v>
      </c>
      <c r="Y18416" s="2">
        <v>57.7</v>
      </c>
      <c r="Z18416" s="2">
        <v>131.6</v>
      </c>
      <c r="AA18416" s="5">
        <v>7</v>
      </c>
      <c r="AB18416" s="5" t="s">
        <v>43</v>
      </c>
      <c r="AC18416" s="5" t="s">
        <v>735</v>
      </c>
      <c r="AD18416" s="2" t="s">
        <v>56466</v>
      </c>
      <c r="AE18416" s="1"/>
    </row>
    <row r="18417" spans="1:31" ht="14.45">
      <c r="A18417" s="11"/>
      <c r="B18417" s="20"/>
      <c r="C18417" s="2" t="s">
        <v>56467</v>
      </c>
      <c r="D18417" s="14" t="s">
        <v>56468</v>
      </c>
      <c r="E18417" s="2" t="s">
        <v>56469</v>
      </c>
      <c r="F18417" s="2" t="s">
        <v>56470</v>
      </c>
      <c r="G18417" s="8">
        <v>1525</v>
      </c>
      <c r="H18417" s="5">
        <v>10</v>
      </c>
      <c r="I18417" s="5" t="s">
        <v>69</v>
      </c>
      <c r="J18417" s="5" t="s">
        <v>55802</v>
      </c>
      <c r="K18417" s="2" t="s">
        <v>55803</v>
      </c>
      <c r="L18417" s="5" t="s">
        <v>55802</v>
      </c>
      <c r="M18417" s="2" t="s">
        <v>55803</v>
      </c>
      <c r="N18417" s="5" t="s">
        <v>733</v>
      </c>
      <c r="O18417" s="5" t="s">
        <v>38</v>
      </c>
      <c r="P18417" s="5" t="s">
        <v>39</v>
      </c>
      <c r="Q18417" s="5" t="s">
        <v>40</v>
      </c>
      <c r="R18417" s="5" t="s">
        <v>897</v>
      </c>
      <c r="S18417" s="5" t="s">
        <v>40</v>
      </c>
      <c r="T18417" s="5" t="s">
        <v>42</v>
      </c>
      <c r="U18417" s="2">
        <v>41.783000000000001</v>
      </c>
      <c r="V18417" s="2">
        <v>39.201999999999998</v>
      </c>
      <c r="W18417" s="2">
        <v>0.129</v>
      </c>
      <c r="X18417" s="2">
        <v>17</v>
      </c>
      <c r="Y18417" s="2">
        <v>57.7</v>
      </c>
      <c r="Z18417" s="2">
        <v>131.6</v>
      </c>
      <c r="AA18417" s="5">
        <v>7</v>
      </c>
      <c r="AB18417" s="5" t="s">
        <v>43</v>
      </c>
      <c r="AC18417" s="5" t="s">
        <v>735</v>
      </c>
      <c r="AD18417" s="2" t="s">
        <v>56471</v>
      </c>
      <c r="AE18417" s="1"/>
    </row>
    <row r="18418" spans="1:31" ht="14.45">
      <c r="A18418" s="11"/>
      <c r="B18418" s="20"/>
      <c r="C18418" s="2" t="s">
        <v>56472</v>
      </c>
      <c r="D18418" s="14" t="s">
        <v>56473</v>
      </c>
      <c r="E18418" s="2" t="s">
        <v>56474</v>
      </c>
      <c r="F18418" s="2" t="s">
        <v>56475</v>
      </c>
      <c r="G18418" s="8">
        <v>1132</v>
      </c>
      <c r="H18418" s="5">
        <v>10</v>
      </c>
      <c r="I18418" s="5" t="s">
        <v>69</v>
      </c>
      <c r="J18418" s="5" t="s">
        <v>55802</v>
      </c>
      <c r="K18418" s="2" t="s">
        <v>55803</v>
      </c>
      <c r="L18418" s="5" t="s">
        <v>55802</v>
      </c>
      <c r="M18418" s="2" t="s">
        <v>55803</v>
      </c>
      <c r="N18418" s="5" t="s">
        <v>733</v>
      </c>
      <c r="O18418" s="5" t="s">
        <v>38</v>
      </c>
      <c r="P18418" s="5" t="s">
        <v>39</v>
      </c>
      <c r="Q18418" s="5" t="s">
        <v>40</v>
      </c>
      <c r="R18418" s="5" t="s">
        <v>897</v>
      </c>
      <c r="S18418" s="5" t="s">
        <v>40</v>
      </c>
      <c r="T18418" s="5" t="s">
        <v>42</v>
      </c>
      <c r="U18418" s="2">
        <v>35.942999999999998</v>
      </c>
      <c r="V18418" s="2">
        <v>33.472999999999999</v>
      </c>
      <c r="W18418" s="2">
        <v>0.129</v>
      </c>
      <c r="X18418" s="2">
        <v>17</v>
      </c>
      <c r="Y18418" s="2">
        <v>57.7</v>
      </c>
      <c r="Z18418" s="2">
        <v>131.6</v>
      </c>
      <c r="AA18418" s="5">
        <v>7</v>
      </c>
      <c r="AB18418" s="5" t="s">
        <v>43</v>
      </c>
      <c r="AC18418" s="5" t="s">
        <v>735</v>
      </c>
      <c r="AD18418" s="2" t="s">
        <v>56476</v>
      </c>
      <c r="AE18418" s="1"/>
    </row>
    <row r="18419" spans="1:31" ht="14.45">
      <c r="A18419" s="11"/>
      <c r="B18419" s="20"/>
      <c r="C18419" s="2" t="s">
        <v>56477</v>
      </c>
      <c r="D18419" s="14" t="s">
        <v>56478</v>
      </c>
      <c r="E18419" s="2" t="s">
        <v>56479</v>
      </c>
      <c r="F18419" s="2" t="s">
        <v>56480</v>
      </c>
      <c r="G18419" s="8">
        <v>1432</v>
      </c>
      <c r="H18419" s="5">
        <v>10</v>
      </c>
      <c r="I18419" s="5" t="s">
        <v>69</v>
      </c>
      <c r="J18419" s="5" t="s">
        <v>55802</v>
      </c>
      <c r="K18419" s="2" t="s">
        <v>55803</v>
      </c>
      <c r="L18419" s="5" t="s">
        <v>55802</v>
      </c>
      <c r="M18419" s="2" t="s">
        <v>55803</v>
      </c>
      <c r="N18419" s="5" t="s">
        <v>733</v>
      </c>
      <c r="O18419" s="5" t="s">
        <v>38</v>
      </c>
      <c r="P18419" s="5" t="s">
        <v>39</v>
      </c>
      <c r="Q18419" s="5" t="s">
        <v>40</v>
      </c>
      <c r="R18419" s="5" t="s">
        <v>897</v>
      </c>
      <c r="S18419" s="5" t="s">
        <v>40</v>
      </c>
      <c r="T18419" s="5" t="s">
        <v>42</v>
      </c>
      <c r="U18419" s="2">
        <v>37.808999999999997</v>
      </c>
      <c r="V18419" s="2">
        <v>35.228000000000002</v>
      </c>
      <c r="W18419" s="2">
        <v>0.129</v>
      </c>
      <c r="X18419" s="2">
        <v>17</v>
      </c>
      <c r="Y18419" s="2">
        <v>57.7</v>
      </c>
      <c r="Z18419" s="2">
        <v>131.6</v>
      </c>
      <c r="AA18419" s="5">
        <v>7</v>
      </c>
      <c r="AB18419" s="5" t="s">
        <v>43</v>
      </c>
      <c r="AC18419" s="5" t="s">
        <v>735</v>
      </c>
      <c r="AD18419" s="2" t="s">
        <v>56481</v>
      </c>
      <c r="AE18419" s="1"/>
    </row>
    <row r="18420" spans="1:31" ht="14.45">
      <c r="A18420" s="11"/>
      <c r="B18420" s="20"/>
      <c r="C18420" s="2" t="s">
        <v>56482</v>
      </c>
      <c r="D18420" s="14" t="s">
        <v>56483</v>
      </c>
      <c r="E18420" s="2" t="s">
        <v>56484</v>
      </c>
      <c r="F18420" s="2" t="s">
        <v>56485</v>
      </c>
      <c r="G18420" s="8">
        <v>930</v>
      </c>
      <c r="H18420" s="5">
        <v>10</v>
      </c>
      <c r="I18420" s="5" t="s">
        <v>69</v>
      </c>
      <c r="J18420" s="5" t="s">
        <v>55802</v>
      </c>
      <c r="K18420" s="2" t="s">
        <v>55803</v>
      </c>
      <c r="L18420" s="5" t="s">
        <v>55802</v>
      </c>
      <c r="M18420" s="2" t="s">
        <v>55803</v>
      </c>
      <c r="N18420" s="5" t="s">
        <v>733</v>
      </c>
      <c r="O18420" s="5" t="s">
        <v>38</v>
      </c>
      <c r="P18420" s="5" t="s">
        <v>39</v>
      </c>
      <c r="Q18420" s="5" t="s">
        <v>40</v>
      </c>
      <c r="R18420" s="5" t="s">
        <v>897</v>
      </c>
      <c r="S18420" s="5" t="s">
        <v>40</v>
      </c>
      <c r="T18420" s="5" t="s">
        <v>42</v>
      </c>
      <c r="U18420" s="2">
        <v>32.292000000000002</v>
      </c>
      <c r="V18420" s="2">
        <v>29.821999999999999</v>
      </c>
      <c r="W18420" s="2">
        <v>0.129</v>
      </c>
      <c r="X18420" s="2">
        <v>17</v>
      </c>
      <c r="Y18420" s="2">
        <v>57.7</v>
      </c>
      <c r="Z18420" s="2">
        <v>131.6</v>
      </c>
      <c r="AA18420" s="5">
        <v>7</v>
      </c>
      <c r="AB18420" s="5" t="s">
        <v>43</v>
      </c>
      <c r="AC18420" s="5" t="s">
        <v>735</v>
      </c>
      <c r="AD18420" s="2" t="s">
        <v>56486</v>
      </c>
      <c r="AE18420" s="1"/>
    </row>
    <row r="18421" spans="1:31" ht="14.45">
      <c r="A18421" s="11"/>
      <c r="B18421" s="20"/>
      <c r="C18421" s="2" t="s">
        <v>56487</v>
      </c>
      <c r="D18421" s="14" t="s">
        <v>56488</v>
      </c>
      <c r="E18421" s="2" t="s">
        <v>56489</v>
      </c>
      <c r="F18421" s="2" t="s">
        <v>56490</v>
      </c>
      <c r="G18421" s="8">
        <v>1230</v>
      </c>
      <c r="H18421" s="5">
        <v>10</v>
      </c>
      <c r="I18421" s="5" t="s">
        <v>69</v>
      </c>
      <c r="J18421" s="5" t="s">
        <v>55802</v>
      </c>
      <c r="K18421" s="2" t="s">
        <v>55803</v>
      </c>
      <c r="L18421" s="5" t="s">
        <v>55802</v>
      </c>
      <c r="M18421" s="2" t="s">
        <v>55803</v>
      </c>
      <c r="N18421" s="5" t="s">
        <v>733</v>
      </c>
      <c r="O18421" s="5" t="s">
        <v>38</v>
      </c>
      <c r="P18421" s="5" t="s">
        <v>39</v>
      </c>
      <c r="Q18421" s="5" t="s">
        <v>40</v>
      </c>
      <c r="R18421" s="5" t="s">
        <v>897</v>
      </c>
      <c r="S18421" s="5" t="s">
        <v>40</v>
      </c>
      <c r="T18421" s="5" t="s">
        <v>42</v>
      </c>
      <c r="U18421" s="2">
        <v>34.162999999999997</v>
      </c>
      <c r="V18421" s="2">
        <v>31.577000000000002</v>
      </c>
      <c r="W18421" s="2">
        <v>0.129</v>
      </c>
      <c r="X18421" s="2">
        <v>17</v>
      </c>
      <c r="Y18421" s="2">
        <v>57.7</v>
      </c>
      <c r="Z18421" s="2">
        <v>131.6</v>
      </c>
      <c r="AA18421" s="5">
        <v>7</v>
      </c>
      <c r="AB18421" s="5" t="s">
        <v>43</v>
      </c>
      <c r="AC18421" s="5" t="s">
        <v>735</v>
      </c>
      <c r="AD18421" s="2" t="s">
        <v>56491</v>
      </c>
      <c r="AE18421" s="1"/>
    </row>
    <row r="18422" spans="1:31" ht="14.45">
      <c r="A18422" s="11"/>
      <c r="B18422" s="20"/>
      <c r="C18422" s="2" t="s">
        <v>56492</v>
      </c>
      <c r="D18422" s="14" t="s">
        <v>56493</v>
      </c>
      <c r="E18422" s="2" t="s">
        <v>56494</v>
      </c>
      <c r="F18422" s="2" t="s">
        <v>56495</v>
      </c>
      <c r="G18422" s="8">
        <v>1073</v>
      </c>
      <c r="H18422" s="5">
        <v>10</v>
      </c>
      <c r="I18422" s="5" t="s">
        <v>69</v>
      </c>
      <c r="J18422" s="5" t="s">
        <v>55802</v>
      </c>
      <c r="K18422" s="2" t="s">
        <v>55803</v>
      </c>
      <c r="L18422" s="5" t="s">
        <v>55802</v>
      </c>
      <c r="M18422" s="2" t="s">
        <v>55803</v>
      </c>
      <c r="N18422" s="5" t="s">
        <v>733</v>
      </c>
      <c r="O18422" s="5" t="s">
        <v>38</v>
      </c>
      <c r="P18422" s="5" t="s">
        <v>39</v>
      </c>
      <c r="Q18422" s="5" t="s">
        <v>40</v>
      </c>
      <c r="R18422" s="5" t="s">
        <v>897</v>
      </c>
      <c r="S18422" s="5" t="s">
        <v>40</v>
      </c>
      <c r="T18422" s="5" t="s">
        <v>42</v>
      </c>
      <c r="U18422" s="2">
        <v>35.921999999999997</v>
      </c>
      <c r="V18422" s="2">
        <v>33.451999999999998</v>
      </c>
      <c r="W18422" s="2">
        <v>0.129</v>
      </c>
      <c r="X18422" s="2">
        <v>17</v>
      </c>
      <c r="Y18422" s="2">
        <v>57.7</v>
      </c>
      <c r="Z18422" s="2">
        <v>131.6</v>
      </c>
      <c r="AA18422" s="5">
        <v>7</v>
      </c>
      <c r="AB18422" s="5" t="s">
        <v>43</v>
      </c>
      <c r="AC18422" s="5" t="s">
        <v>735</v>
      </c>
      <c r="AD18422" s="2" t="s">
        <v>56496</v>
      </c>
      <c r="AE18422" s="1"/>
    </row>
    <row r="18423" spans="1:31" ht="14.45">
      <c r="A18423" s="11"/>
      <c r="B18423" s="20"/>
      <c r="C18423" s="2" t="s">
        <v>56497</v>
      </c>
      <c r="D18423" s="14" t="s">
        <v>56498</v>
      </c>
      <c r="E18423" s="2" t="s">
        <v>56499</v>
      </c>
      <c r="F18423" s="2" t="s">
        <v>56495</v>
      </c>
      <c r="G18423" s="8">
        <v>1373</v>
      </c>
      <c r="H18423" s="5">
        <v>10</v>
      </c>
      <c r="I18423" s="5" t="s">
        <v>69</v>
      </c>
      <c r="J18423" s="5" t="s">
        <v>55802</v>
      </c>
      <c r="K18423" s="2" t="s">
        <v>55803</v>
      </c>
      <c r="L18423" s="5" t="s">
        <v>55802</v>
      </c>
      <c r="M18423" s="2" t="s">
        <v>55803</v>
      </c>
      <c r="N18423" s="5" t="s">
        <v>733</v>
      </c>
      <c r="O18423" s="5" t="s">
        <v>38</v>
      </c>
      <c r="P18423" s="5" t="s">
        <v>39</v>
      </c>
      <c r="Q18423" s="5" t="s">
        <v>40</v>
      </c>
      <c r="R18423" s="5" t="s">
        <v>897</v>
      </c>
      <c r="S18423" s="5" t="s">
        <v>40</v>
      </c>
      <c r="T18423" s="5" t="s">
        <v>42</v>
      </c>
      <c r="U18423" s="2">
        <v>37.787999999999997</v>
      </c>
      <c r="V18423" s="2">
        <v>35.207000000000001</v>
      </c>
      <c r="W18423" s="2">
        <v>0.129</v>
      </c>
      <c r="X18423" s="2">
        <v>17</v>
      </c>
      <c r="Y18423" s="2">
        <v>57.7</v>
      </c>
      <c r="Z18423" s="2">
        <v>131.6</v>
      </c>
      <c r="AA18423" s="5">
        <v>7</v>
      </c>
      <c r="AB18423" s="5" t="s">
        <v>43</v>
      </c>
      <c r="AC18423" s="5" t="s">
        <v>735</v>
      </c>
      <c r="AD18423" s="2" t="s">
        <v>56500</v>
      </c>
      <c r="AE18423" s="1"/>
    </row>
    <row r="18424" spans="1:31" ht="14.45">
      <c r="A18424" s="11"/>
      <c r="B18424" s="20"/>
      <c r="C18424" s="2" t="s">
        <v>56501</v>
      </c>
      <c r="D18424" s="14" t="s">
        <v>56502</v>
      </c>
      <c r="E18424" s="2" t="s">
        <v>56503</v>
      </c>
      <c r="F18424" s="2" t="s">
        <v>56495</v>
      </c>
      <c r="G18424" s="8">
        <v>1373</v>
      </c>
      <c r="H18424" s="5">
        <v>5</v>
      </c>
      <c r="I18424" s="5" t="s">
        <v>69</v>
      </c>
      <c r="J18424" s="5" t="s">
        <v>55802</v>
      </c>
      <c r="K18424" s="2" t="s">
        <v>55803</v>
      </c>
      <c r="L18424" s="5" t="s">
        <v>55802</v>
      </c>
      <c r="M18424" s="2" t="s">
        <v>55803</v>
      </c>
      <c r="N18424" s="5" t="s">
        <v>733</v>
      </c>
      <c r="O18424" s="5" t="s">
        <v>38</v>
      </c>
      <c r="P18424" s="5" t="s">
        <v>39</v>
      </c>
      <c r="Q18424" s="5" t="s">
        <v>40</v>
      </c>
      <c r="R18424" s="5" t="s">
        <v>897</v>
      </c>
      <c r="S18424" s="5" t="s">
        <v>40</v>
      </c>
      <c r="T18424" s="5" t="s">
        <v>42</v>
      </c>
      <c r="U18424" s="2">
        <v>37.945</v>
      </c>
      <c r="V18424" s="2">
        <v>35.277999999999999</v>
      </c>
      <c r="W18424" s="2">
        <v>0.129</v>
      </c>
      <c r="X18424" s="2">
        <v>17</v>
      </c>
      <c r="Y18424" s="2">
        <v>57.7</v>
      </c>
      <c r="Z18424" s="2">
        <v>131.6</v>
      </c>
      <c r="AA18424" s="5">
        <v>7</v>
      </c>
      <c r="AB18424" s="5" t="s">
        <v>43</v>
      </c>
      <c r="AC18424" s="5" t="s">
        <v>735</v>
      </c>
      <c r="AD18424" s="2" t="s">
        <v>56504</v>
      </c>
      <c r="AE18424" s="1"/>
    </row>
    <row r="18425" spans="1:31" ht="14.45">
      <c r="A18425" s="11"/>
      <c r="B18425" s="20"/>
      <c r="C18425" s="2" t="s">
        <v>56505</v>
      </c>
      <c r="D18425" s="14" t="s">
        <v>56506</v>
      </c>
      <c r="E18425" s="2" t="s">
        <v>56507</v>
      </c>
      <c r="F18425" s="2" t="s">
        <v>56508</v>
      </c>
      <c r="G18425" s="8">
        <v>1432</v>
      </c>
      <c r="H18425" s="5">
        <v>10</v>
      </c>
      <c r="I18425" s="5" t="s">
        <v>69</v>
      </c>
      <c r="J18425" s="5" t="s">
        <v>55802</v>
      </c>
      <c r="K18425" s="2" t="s">
        <v>55803</v>
      </c>
      <c r="L18425" s="5" t="s">
        <v>55802</v>
      </c>
      <c r="M18425" s="2" t="s">
        <v>55803</v>
      </c>
      <c r="N18425" s="5" t="s">
        <v>733</v>
      </c>
      <c r="O18425" s="5" t="s">
        <v>38</v>
      </c>
      <c r="P18425" s="5" t="s">
        <v>39</v>
      </c>
      <c r="Q18425" s="5" t="s">
        <v>40</v>
      </c>
      <c r="R18425" s="5" t="s">
        <v>897</v>
      </c>
      <c r="S18425" s="5" t="s">
        <v>40</v>
      </c>
      <c r="T18425" s="5" t="s">
        <v>42</v>
      </c>
      <c r="U18425" s="2">
        <v>37.055999999999997</v>
      </c>
      <c r="V18425" s="2">
        <v>34.475000000000001</v>
      </c>
      <c r="W18425" s="2">
        <v>0.129</v>
      </c>
      <c r="X18425" s="2">
        <v>17</v>
      </c>
      <c r="Y18425" s="2">
        <v>57.7</v>
      </c>
      <c r="Z18425" s="2">
        <v>131.6</v>
      </c>
      <c r="AA18425" s="5">
        <v>7</v>
      </c>
      <c r="AB18425" s="5" t="s">
        <v>43</v>
      </c>
      <c r="AC18425" s="5" t="s">
        <v>735</v>
      </c>
      <c r="AD18425" s="2" t="s">
        <v>56509</v>
      </c>
      <c r="AE18425" s="1"/>
    </row>
    <row r="18426" spans="1:31" ht="14.45">
      <c r="A18426" s="11"/>
      <c r="B18426" s="20"/>
      <c r="C18426" s="2" t="s">
        <v>56510</v>
      </c>
      <c r="D18426" s="14" t="s">
        <v>56511</v>
      </c>
      <c r="E18426" s="2" t="s">
        <v>56512</v>
      </c>
      <c r="F18426" s="2" t="s">
        <v>56513</v>
      </c>
      <c r="G18426" s="8">
        <v>1073</v>
      </c>
      <c r="H18426" s="5">
        <v>10</v>
      </c>
      <c r="I18426" s="5" t="s">
        <v>69</v>
      </c>
      <c r="J18426" s="5" t="s">
        <v>55802</v>
      </c>
      <c r="K18426" s="2" t="s">
        <v>55803</v>
      </c>
      <c r="L18426" s="5" t="s">
        <v>55802</v>
      </c>
      <c r="M18426" s="2" t="s">
        <v>55803</v>
      </c>
      <c r="N18426" s="5" t="s">
        <v>733</v>
      </c>
      <c r="O18426" s="5" t="s">
        <v>38</v>
      </c>
      <c r="P18426" s="5" t="s">
        <v>39</v>
      </c>
      <c r="Q18426" s="5" t="s">
        <v>40</v>
      </c>
      <c r="R18426" s="5" t="s">
        <v>897</v>
      </c>
      <c r="S18426" s="5" t="s">
        <v>40</v>
      </c>
      <c r="T18426" s="5" t="s">
        <v>42</v>
      </c>
      <c r="U18426" s="2">
        <v>35.168999999999997</v>
      </c>
      <c r="V18426" s="2">
        <v>32.698999999999998</v>
      </c>
      <c r="W18426" s="2">
        <v>0.129</v>
      </c>
      <c r="X18426" s="2">
        <v>17</v>
      </c>
      <c r="Y18426" s="2">
        <v>57.7</v>
      </c>
      <c r="Z18426" s="2">
        <v>131.6</v>
      </c>
      <c r="AA18426" s="5">
        <v>7</v>
      </c>
      <c r="AB18426" s="5" t="s">
        <v>43</v>
      </c>
      <c r="AC18426" s="5" t="s">
        <v>735</v>
      </c>
      <c r="AD18426" s="2" t="s">
        <v>56514</v>
      </c>
      <c r="AE18426" s="1"/>
    </row>
    <row r="18427" spans="1:31" ht="14.45">
      <c r="A18427" s="11"/>
      <c r="B18427" s="20"/>
      <c r="C18427" s="2" t="s">
        <v>56515</v>
      </c>
      <c r="D18427" s="14" t="s">
        <v>56516</v>
      </c>
      <c r="E18427" s="2" t="s">
        <v>56517</v>
      </c>
      <c r="F18427" s="2" t="s">
        <v>56513</v>
      </c>
      <c r="G18427" s="8">
        <v>1373</v>
      </c>
      <c r="H18427" s="5">
        <v>5</v>
      </c>
      <c r="I18427" s="5" t="s">
        <v>69</v>
      </c>
      <c r="J18427" s="5" t="s">
        <v>55802</v>
      </c>
      <c r="K18427" s="2" t="s">
        <v>55803</v>
      </c>
      <c r="L18427" s="5" t="s">
        <v>55802</v>
      </c>
      <c r="M18427" s="2" t="s">
        <v>55803</v>
      </c>
      <c r="N18427" s="5" t="s">
        <v>733</v>
      </c>
      <c r="O18427" s="5" t="s">
        <v>38</v>
      </c>
      <c r="P18427" s="5" t="s">
        <v>39</v>
      </c>
      <c r="Q18427" s="5" t="s">
        <v>40</v>
      </c>
      <c r="R18427" s="5" t="s">
        <v>897</v>
      </c>
      <c r="S18427" s="5" t="s">
        <v>40</v>
      </c>
      <c r="T18427" s="5" t="s">
        <v>42</v>
      </c>
      <c r="U18427" s="2">
        <v>37.192</v>
      </c>
      <c r="V18427" s="2">
        <v>34.524999999999999</v>
      </c>
      <c r="W18427" s="2">
        <v>0.129</v>
      </c>
      <c r="X18427" s="2">
        <v>17</v>
      </c>
      <c r="Y18427" s="2">
        <v>57.7</v>
      </c>
      <c r="Z18427" s="2">
        <v>131.6</v>
      </c>
      <c r="AA18427" s="5">
        <v>7</v>
      </c>
      <c r="AB18427" s="5" t="s">
        <v>43</v>
      </c>
      <c r="AC18427" s="5" t="s">
        <v>735</v>
      </c>
      <c r="AD18427" s="2" t="s">
        <v>56518</v>
      </c>
      <c r="AE18427" s="1"/>
    </row>
    <row r="18428" spans="1:31" ht="14.45">
      <c r="A18428" s="11"/>
      <c r="B18428" s="20"/>
      <c r="C18428" s="2" t="s">
        <v>56519</v>
      </c>
      <c r="D18428" s="14" t="s">
        <v>56520</v>
      </c>
      <c r="E18428" s="2" t="s">
        <v>56521</v>
      </c>
      <c r="F18428" s="2" t="s">
        <v>56522</v>
      </c>
      <c r="G18428" s="8">
        <v>757</v>
      </c>
      <c r="H18428" s="5">
        <v>10</v>
      </c>
      <c r="I18428" s="5" t="s">
        <v>69</v>
      </c>
      <c r="J18428" s="5" t="s">
        <v>55802</v>
      </c>
      <c r="K18428" s="2" t="s">
        <v>55803</v>
      </c>
      <c r="L18428" s="5" t="s">
        <v>55802</v>
      </c>
      <c r="M18428" s="2" t="s">
        <v>55803</v>
      </c>
      <c r="N18428" s="5" t="s">
        <v>733</v>
      </c>
      <c r="O18428" s="5" t="s">
        <v>38</v>
      </c>
      <c r="P18428" s="5" t="s">
        <v>39</v>
      </c>
      <c r="Q18428" s="5" t="s">
        <v>40</v>
      </c>
      <c r="R18428" s="5" t="s">
        <v>897</v>
      </c>
      <c r="S18428" s="5" t="s">
        <v>40</v>
      </c>
      <c r="T18428" s="5" t="s">
        <v>42</v>
      </c>
      <c r="U18428" s="2">
        <v>37.273000000000003</v>
      </c>
      <c r="V18428" s="2">
        <v>34.808</v>
      </c>
      <c r="W18428" s="2">
        <v>0.129</v>
      </c>
      <c r="X18428" s="2">
        <v>17</v>
      </c>
      <c r="Y18428" s="2">
        <v>57.7</v>
      </c>
      <c r="Z18428" s="2">
        <v>131.6</v>
      </c>
      <c r="AA18428" s="5">
        <v>7</v>
      </c>
      <c r="AB18428" s="5" t="s">
        <v>43</v>
      </c>
      <c r="AC18428" s="5" t="s">
        <v>735</v>
      </c>
      <c r="AD18428" s="2" t="s">
        <v>56523</v>
      </c>
      <c r="AE18428" s="1"/>
    </row>
    <row r="18429" spans="1:31" ht="14.45">
      <c r="A18429" s="11"/>
      <c r="B18429" s="20"/>
      <c r="C18429" s="2" t="s">
        <v>56524</v>
      </c>
      <c r="D18429" s="14" t="s">
        <v>56525</v>
      </c>
      <c r="E18429" s="2" t="s">
        <v>56526</v>
      </c>
      <c r="F18429" s="2" t="s">
        <v>56527</v>
      </c>
      <c r="G18429" s="8">
        <v>1057</v>
      </c>
      <c r="H18429" s="5">
        <v>10</v>
      </c>
      <c r="I18429" s="5" t="s">
        <v>69</v>
      </c>
      <c r="J18429" s="5" t="s">
        <v>55802</v>
      </c>
      <c r="K18429" s="2" t="s">
        <v>55803</v>
      </c>
      <c r="L18429" s="5" t="s">
        <v>55802</v>
      </c>
      <c r="M18429" s="2" t="s">
        <v>55803</v>
      </c>
      <c r="N18429" s="5" t="s">
        <v>733</v>
      </c>
      <c r="O18429" s="5" t="s">
        <v>38</v>
      </c>
      <c r="P18429" s="5" t="s">
        <v>39</v>
      </c>
      <c r="Q18429" s="5" t="s">
        <v>40</v>
      </c>
      <c r="R18429" s="5" t="s">
        <v>897</v>
      </c>
      <c r="S18429" s="5" t="s">
        <v>40</v>
      </c>
      <c r="T18429" s="5" t="s">
        <v>42</v>
      </c>
      <c r="U18429" s="2">
        <v>39.069000000000003</v>
      </c>
      <c r="V18429" s="2">
        <v>36.488</v>
      </c>
      <c r="W18429" s="2">
        <v>0.129</v>
      </c>
      <c r="X18429" s="2">
        <v>17</v>
      </c>
      <c r="Y18429" s="2">
        <v>57.7</v>
      </c>
      <c r="Z18429" s="2">
        <v>131.6</v>
      </c>
      <c r="AA18429" s="5">
        <v>7</v>
      </c>
      <c r="AB18429" s="5" t="s">
        <v>43</v>
      </c>
      <c r="AC18429" s="5" t="s">
        <v>735</v>
      </c>
      <c r="AD18429" s="2" t="s">
        <v>56528</v>
      </c>
      <c r="AE18429" s="1"/>
    </row>
    <row r="18430" spans="1:31" ht="14.45">
      <c r="A18430" s="11"/>
      <c r="B18430" s="20"/>
      <c r="C18430" s="2" t="s">
        <v>56529</v>
      </c>
      <c r="D18430" s="14" t="s">
        <v>56530</v>
      </c>
      <c r="E18430" s="2" t="s">
        <v>56531</v>
      </c>
      <c r="F18430" s="2" t="s">
        <v>56532</v>
      </c>
      <c r="G18430" s="8">
        <v>664</v>
      </c>
      <c r="H18430" s="5">
        <v>5</v>
      </c>
      <c r="I18430" s="5" t="s">
        <v>69</v>
      </c>
      <c r="J18430" s="5" t="s">
        <v>55802</v>
      </c>
      <c r="K18430" s="2" t="s">
        <v>55803</v>
      </c>
      <c r="L18430" s="5" t="s">
        <v>55802</v>
      </c>
      <c r="M18430" s="2" t="s">
        <v>55803</v>
      </c>
      <c r="N18430" s="5" t="s">
        <v>733</v>
      </c>
      <c r="O18430" s="5" t="s">
        <v>38</v>
      </c>
      <c r="P18430" s="5" t="s">
        <v>39</v>
      </c>
      <c r="Q18430" s="5" t="s">
        <v>40</v>
      </c>
      <c r="R18430" s="5" t="s">
        <v>897</v>
      </c>
      <c r="S18430" s="5" t="s">
        <v>40</v>
      </c>
      <c r="T18430" s="5" t="s">
        <v>42</v>
      </c>
      <c r="U18430" s="2">
        <v>33.249000000000002</v>
      </c>
      <c r="V18430" s="2">
        <v>30.779</v>
      </c>
      <c r="W18430" s="2">
        <v>0.129</v>
      </c>
      <c r="X18430" s="2">
        <v>17</v>
      </c>
      <c r="Y18430" s="2">
        <v>57.7</v>
      </c>
      <c r="Z18430" s="2">
        <v>131.6</v>
      </c>
      <c r="AA18430" s="5">
        <v>7</v>
      </c>
      <c r="AB18430" s="5" t="s">
        <v>43</v>
      </c>
      <c r="AC18430" s="5" t="s">
        <v>735</v>
      </c>
      <c r="AD18430" s="2" t="s">
        <v>56533</v>
      </c>
      <c r="AE18430" s="1"/>
    </row>
    <row r="18431" spans="1:31" ht="14.45">
      <c r="A18431" s="11"/>
      <c r="B18431" s="20"/>
      <c r="C18431" s="2" t="s">
        <v>56534</v>
      </c>
      <c r="D18431" s="14" t="s">
        <v>56535</v>
      </c>
      <c r="E18431" s="2" t="s">
        <v>56536</v>
      </c>
      <c r="F18431" s="2" t="s">
        <v>56537</v>
      </c>
      <c r="G18431" s="8">
        <v>964</v>
      </c>
      <c r="H18431" s="5">
        <v>10</v>
      </c>
      <c r="I18431" s="5" t="s">
        <v>69</v>
      </c>
      <c r="J18431" s="5" t="s">
        <v>55802</v>
      </c>
      <c r="K18431" s="2" t="s">
        <v>55803</v>
      </c>
      <c r="L18431" s="5" t="s">
        <v>55802</v>
      </c>
      <c r="M18431" s="2" t="s">
        <v>55803</v>
      </c>
      <c r="N18431" s="5" t="s">
        <v>733</v>
      </c>
      <c r="O18431" s="5" t="s">
        <v>38</v>
      </c>
      <c r="P18431" s="5" t="s">
        <v>39</v>
      </c>
      <c r="Q18431" s="5" t="s">
        <v>40</v>
      </c>
      <c r="R18431" s="5" t="s">
        <v>897</v>
      </c>
      <c r="S18431" s="5" t="s">
        <v>40</v>
      </c>
      <c r="T18431" s="5" t="s">
        <v>42</v>
      </c>
      <c r="U18431" s="2">
        <v>35.115000000000002</v>
      </c>
      <c r="V18431" s="2">
        <v>32.533999999999999</v>
      </c>
      <c r="W18431" s="2">
        <v>0.129</v>
      </c>
      <c r="X18431" s="2">
        <v>17</v>
      </c>
      <c r="Y18431" s="2">
        <v>57.7</v>
      </c>
      <c r="Z18431" s="2">
        <v>131.6</v>
      </c>
      <c r="AA18431" s="5">
        <v>7</v>
      </c>
      <c r="AB18431" s="5" t="s">
        <v>43</v>
      </c>
      <c r="AC18431" s="5" t="s">
        <v>735</v>
      </c>
      <c r="AD18431" s="2" t="s">
        <v>56538</v>
      </c>
      <c r="AE18431" s="1"/>
    </row>
    <row r="18432" spans="1:31" ht="14.45">
      <c r="A18432" s="11"/>
      <c r="B18432" s="20"/>
      <c r="C18432" s="2" t="s">
        <v>56539</v>
      </c>
      <c r="D18432" s="14" t="s">
        <v>56540</v>
      </c>
      <c r="E18432" s="2" t="s">
        <v>56541</v>
      </c>
      <c r="F18432" s="2" t="s">
        <v>56537</v>
      </c>
      <c r="G18432" s="8">
        <v>964</v>
      </c>
      <c r="H18432" s="5">
        <v>10</v>
      </c>
      <c r="I18432" s="5" t="s">
        <v>69</v>
      </c>
      <c r="J18432" s="5" t="s">
        <v>55802</v>
      </c>
      <c r="K18432" s="2" t="s">
        <v>55803</v>
      </c>
      <c r="L18432" s="5" t="s">
        <v>55802</v>
      </c>
      <c r="M18432" s="2" t="s">
        <v>55803</v>
      </c>
      <c r="N18432" s="5" t="s">
        <v>733</v>
      </c>
      <c r="O18432" s="5" t="s">
        <v>38</v>
      </c>
      <c r="P18432" s="5" t="s">
        <v>39</v>
      </c>
      <c r="Q18432" s="5" t="s">
        <v>40</v>
      </c>
      <c r="R18432" s="5" t="s">
        <v>897</v>
      </c>
      <c r="S18432" s="5" t="s">
        <v>40</v>
      </c>
      <c r="T18432" s="5" t="s">
        <v>42</v>
      </c>
      <c r="U18432" s="2">
        <v>35.237000000000002</v>
      </c>
      <c r="V18432" s="2">
        <v>32.57</v>
      </c>
      <c r="W18432" s="2">
        <v>0.129</v>
      </c>
      <c r="X18432" s="2">
        <v>17</v>
      </c>
      <c r="Y18432" s="2">
        <v>57.7</v>
      </c>
      <c r="Z18432" s="2">
        <v>131.6</v>
      </c>
      <c r="AA18432" s="5">
        <v>7</v>
      </c>
      <c r="AB18432" s="5" t="s">
        <v>43</v>
      </c>
      <c r="AC18432" s="5" t="s">
        <v>735</v>
      </c>
      <c r="AD18432" s="2" t="s">
        <v>56542</v>
      </c>
      <c r="AE18432" s="1"/>
    </row>
    <row r="18433" spans="1:31" ht="14.45">
      <c r="A18433" s="11"/>
      <c r="B18433" s="20"/>
      <c r="C18433" s="2" t="s">
        <v>56543</v>
      </c>
      <c r="D18433" s="14" t="s">
        <v>56544</v>
      </c>
      <c r="E18433" s="2" t="s">
        <v>56545</v>
      </c>
      <c r="F18433" s="2" t="s">
        <v>56546</v>
      </c>
      <c r="G18433" s="8">
        <v>1057</v>
      </c>
      <c r="H18433" s="5">
        <v>10</v>
      </c>
      <c r="I18433" s="5" t="s">
        <v>69</v>
      </c>
      <c r="J18433" s="5" t="s">
        <v>55802</v>
      </c>
      <c r="K18433" s="2" t="s">
        <v>55803</v>
      </c>
      <c r="L18433" s="5" t="s">
        <v>55802</v>
      </c>
      <c r="M18433" s="2" t="s">
        <v>55803</v>
      </c>
      <c r="N18433" s="5" t="s">
        <v>733</v>
      </c>
      <c r="O18433" s="5" t="s">
        <v>38</v>
      </c>
      <c r="P18433" s="5" t="s">
        <v>39</v>
      </c>
      <c r="Q18433" s="5" t="s">
        <v>40</v>
      </c>
      <c r="R18433" s="5" t="s">
        <v>897</v>
      </c>
      <c r="S18433" s="5" t="s">
        <v>40</v>
      </c>
      <c r="T18433" s="5" t="s">
        <v>42</v>
      </c>
      <c r="U18433" s="2">
        <v>34.973999999999997</v>
      </c>
      <c r="V18433" s="2">
        <v>32.393000000000001</v>
      </c>
      <c r="W18433" s="2">
        <v>0.129</v>
      </c>
      <c r="X18433" s="2">
        <v>17</v>
      </c>
      <c r="Y18433" s="2">
        <v>57.7</v>
      </c>
      <c r="Z18433" s="2">
        <v>131.6</v>
      </c>
      <c r="AA18433" s="5">
        <v>7</v>
      </c>
      <c r="AB18433" s="5" t="s">
        <v>43</v>
      </c>
      <c r="AC18433" s="5" t="s">
        <v>735</v>
      </c>
      <c r="AD18433" s="2" t="s">
        <v>56547</v>
      </c>
      <c r="AE18433" s="1"/>
    </row>
    <row r="18434" spans="1:31" ht="14.45">
      <c r="A18434" s="11"/>
      <c r="B18434" s="20"/>
      <c r="C18434" s="2" t="s">
        <v>56548</v>
      </c>
      <c r="D18434" s="14" t="s">
        <v>56549</v>
      </c>
      <c r="E18434" s="2" t="s">
        <v>56550</v>
      </c>
      <c r="F18434" s="2" t="s">
        <v>56546</v>
      </c>
      <c r="G18434" s="8">
        <v>1057</v>
      </c>
      <c r="H18434" s="5">
        <v>10</v>
      </c>
      <c r="I18434" s="5" t="s">
        <v>69</v>
      </c>
      <c r="J18434" s="5" t="s">
        <v>55802</v>
      </c>
      <c r="K18434" s="2" t="s">
        <v>55803</v>
      </c>
      <c r="L18434" s="5" t="s">
        <v>55802</v>
      </c>
      <c r="M18434" s="2" t="s">
        <v>55803</v>
      </c>
      <c r="N18434" s="5" t="s">
        <v>733</v>
      </c>
      <c r="O18434" s="5" t="s">
        <v>38</v>
      </c>
      <c r="P18434" s="5" t="s">
        <v>39</v>
      </c>
      <c r="Q18434" s="5" t="s">
        <v>40</v>
      </c>
      <c r="R18434" s="5" t="s">
        <v>897</v>
      </c>
      <c r="S18434" s="5" t="s">
        <v>40</v>
      </c>
      <c r="T18434" s="5" t="s">
        <v>42</v>
      </c>
      <c r="U18434" s="2">
        <v>35.112000000000002</v>
      </c>
      <c r="V18434" s="2">
        <v>32.445</v>
      </c>
      <c r="W18434" s="2">
        <v>0.129</v>
      </c>
      <c r="X18434" s="2">
        <v>17</v>
      </c>
      <c r="Y18434" s="2">
        <v>57.7</v>
      </c>
      <c r="Z18434" s="2">
        <v>131.6</v>
      </c>
      <c r="AA18434" s="5">
        <v>7</v>
      </c>
      <c r="AB18434" s="5" t="s">
        <v>43</v>
      </c>
      <c r="AC18434" s="5" t="s">
        <v>735</v>
      </c>
      <c r="AD18434" s="2" t="s">
        <v>56551</v>
      </c>
      <c r="AE18434" s="1"/>
    </row>
    <row r="18435" spans="1:31" ht="14.45">
      <c r="A18435" s="11"/>
      <c r="B18435" s="20"/>
      <c r="C18435" s="2" t="s">
        <v>56552</v>
      </c>
      <c r="D18435" s="14" t="s">
        <v>56553</v>
      </c>
      <c r="E18435" s="2" t="s">
        <v>56554</v>
      </c>
      <c r="F18435" s="2" t="s">
        <v>56555</v>
      </c>
      <c r="G18435" s="8">
        <v>575</v>
      </c>
      <c r="H18435" s="5">
        <v>10</v>
      </c>
      <c r="I18435" s="5" t="s">
        <v>69</v>
      </c>
      <c r="J18435" s="5" t="s">
        <v>55802</v>
      </c>
      <c r="K18435" s="2" t="s">
        <v>55803</v>
      </c>
      <c r="L18435" s="5" t="s">
        <v>55802</v>
      </c>
      <c r="M18435" s="2" t="s">
        <v>55803</v>
      </c>
      <c r="N18435" s="5" t="s">
        <v>733</v>
      </c>
      <c r="O18435" s="5" t="s">
        <v>38</v>
      </c>
      <c r="P18435" s="5" t="s">
        <v>39</v>
      </c>
      <c r="Q18435" s="5" t="s">
        <v>40</v>
      </c>
      <c r="R18435" s="5" t="s">
        <v>897</v>
      </c>
      <c r="S18435" s="5" t="s">
        <v>40</v>
      </c>
      <c r="T18435" s="5" t="s">
        <v>42</v>
      </c>
      <c r="U18435" s="2">
        <v>33.256</v>
      </c>
      <c r="V18435" s="2">
        <v>30.786000000000001</v>
      </c>
      <c r="W18435" s="2">
        <v>0.129</v>
      </c>
      <c r="X18435" s="2">
        <v>17</v>
      </c>
      <c r="Y18435" s="2">
        <v>57.7</v>
      </c>
      <c r="Z18435" s="2">
        <v>131.6</v>
      </c>
      <c r="AA18435" s="5">
        <v>7</v>
      </c>
      <c r="AB18435" s="5" t="s">
        <v>43</v>
      </c>
      <c r="AC18435" s="5" t="s">
        <v>735</v>
      </c>
      <c r="AD18435" s="2" t="s">
        <v>56556</v>
      </c>
      <c r="AE18435" s="1"/>
    </row>
    <row r="18436" spans="1:31" ht="14.45">
      <c r="A18436" s="11"/>
      <c r="B18436" s="20"/>
      <c r="C18436" s="2" t="s">
        <v>56557</v>
      </c>
      <c r="D18436" s="14" t="s">
        <v>56558</v>
      </c>
      <c r="E18436" s="2" t="s">
        <v>56559</v>
      </c>
      <c r="F18436" s="2" t="s">
        <v>56560</v>
      </c>
      <c r="G18436" s="8">
        <v>462</v>
      </c>
      <c r="H18436" s="5">
        <v>5</v>
      </c>
      <c r="I18436" s="5" t="s">
        <v>69</v>
      </c>
      <c r="J18436" s="5" t="s">
        <v>55802</v>
      </c>
      <c r="K18436" s="2" t="s">
        <v>55803</v>
      </c>
      <c r="L18436" s="5" t="s">
        <v>55802</v>
      </c>
      <c r="M18436" s="2" t="s">
        <v>55803</v>
      </c>
      <c r="N18436" s="5" t="s">
        <v>733</v>
      </c>
      <c r="O18436" s="5" t="s">
        <v>38</v>
      </c>
      <c r="P18436" s="5" t="s">
        <v>39</v>
      </c>
      <c r="Q18436" s="5" t="s">
        <v>40</v>
      </c>
      <c r="R18436" s="5" t="s">
        <v>897</v>
      </c>
      <c r="S18436" s="5" t="s">
        <v>40</v>
      </c>
      <c r="T18436" s="5" t="s">
        <v>42</v>
      </c>
      <c r="U18436" s="2">
        <v>29.934999999999999</v>
      </c>
      <c r="V18436" s="2">
        <v>27.47</v>
      </c>
      <c r="W18436" s="2">
        <v>0.129</v>
      </c>
      <c r="X18436" s="2">
        <v>17</v>
      </c>
      <c r="Y18436" s="2">
        <v>57.7</v>
      </c>
      <c r="Z18436" s="2">
        <v>131.6</v>
      </c>
      <c r="AA18436" s="5">
        <v>7</v>
      </c>
      <c r="AB18436" s="5" t="s">
        <v>43</v>
      </c>
      <c r="AC18436" s="5" t="s">
        <v>735</v>
      </c>
      <c r="AD18436" s="2" t="s">
        <v>56561</v>
      </c>
      <c r="AE18436" s="1"/>
    </row>
    <row r="18437" spans="1:31" ht="14.45">
      <c r="A18437" s="11"/>
      <c r="B18437" s="20"/>
      <c r="C18437" s="2" t="s">
        <v>56562</v>
      </c>
      <c r="D18437" s="14" t="s">
        <v>56563</v>
      </c>
      <c r="E18437" s="2" t="s">
        <v>56564</v>
      </c>
      <c r="F18437" s="2" t="s">
        <v>56560</v>
      </c>
      <c r="G18437" s="8">
        <v>762</v>
      </c>
      <c r="H18437" s="5">
        <v>5</v>
      </c>
      <c r="I18437" s="5" t="s">
        <v>69</v>
      </c>
      <c r="J18437" s="5" t="s">
        <v>55802</v>
      </c>
      <c r="K18437" s="2" t="s">
        <v>55803</v>
      </c>
      <c r="L18437" s="5" t="s">
        <v>55802</v>
      </c>
      <c r="M18437" s="2" t="s">
        <v>55803</v>
      </c>
      <c r="N18437" s="5" t="s">
        <v>733</v>
      </c>
      <c r="O18437" s="5" t="s">
        <v>38</v>
      </c>
      <c r="P18437" s="5" t="s">
        <v>39</v>
      </c>
      <c r="Q18437" s="5" t="s">
        <v>40</v>
      </c>
      <c r="R18437" s="5" t="s">
        <v>897</v>
      </c>
      <c r="S18437" s="5" t="s">
        <v>40</v>
      </c>
      <c r="T18437" s="5" t="s">
        <v>42</v>
      </c>
      <c r="U18437" s="2">
        <v>31.812000000000001</v>
      </c>
      <c r="V18437" s="2">
        <v>29.234999999999999</v>
      </c>
      <c r="W18437" s="2">
        <v>0.129</v>
      </c>
      <c r="X18437" s="2">
        <v>17</v>
      </c>
      <c r="Y18437" s="2">
        <v>57.7</v>
      </c>
      <c r="Z18437" s="2">
        <v>131.6</v>
      </c>
      <c r="AA18437" s="5">
        <v>7</v>
      </c>
      <c r="AB18437" s="5" t="s">
        <v>43</v>
      </c>
      <c r="AC18437" s="5" t="s">
        <v>735</v>
      </c>
      <c r="AD18437" s="2" t="s">
        <v>56565</v>
      </c>
      <c r="AE18437" s="1"/>
    </row>
    <row r="18438" spans="1:31" ht="14.45">
      <c r="A18438" s="11"/>
      <c r="B18438" s="20"/>
      <c r="C18438" s="2" t="s">
        <v>56566</v>
      </c>
      <c r="D18438" s="14" t="s">
        <v>56567</v>
      </c>
      <c r="E18438" s="2" t="s">
        <v>56568</v>
      </c>
      <c r="F18438" s="2" t="s">
        <v>56560</v>
      </c>
      <c r="G18438" s="8">
        <v>762</v>
      </c>
      <c r="H18438" s="5">
        <v>10</v>
      </c>
      <c r="I18438" s="5" t="s">
        <v>69</v>
      </c>
      <c r="J18438" s="5" t="s">
        <v>55802</v>
      </c>
      <c r="K18438" s="2" t="s">
        <v>55803</v>
      </c>
      <c r="L18438" s="5" t="s">
        <v>55802</v>
      </c>
      <c r="M18438" s="2" t="s">
        <v>55803</v>
      </c>
      <c r="N18438" s="5" t="s">
        <v>733</v>
      </c>
      <c r="O18438" s="5" t="s">
        <v>38</v>
      </c>
      <c r="P18438" s="5" t="s">
        <v>39</v>
      </c>
      <c r="Q18438" s="5" t="s">
        <v>40</v>
      </c>
      <c r="R18438" s="5" t="s">
        <v>897</v>
      </c>
      <c r="S18438" s="5" t="s">
        <v>40</v>
      </c>
      <c r="T18438" s="5" t="s">
        <v>42</v>
      </c>
      <c r="U18438" s="2">
        <v>31.521999999999998</v>
      </c>
      <c r="V18438" s="2">
        <v>28.85</v>
      </c>
      <c r="W18438" s="2">
        <v>0.129</v>
      </c>
      <c r="X18438" s="2">
        <v>17</v>
      </c>
      <c r="Y18438" s="2">
        <v>57.7</v>
      </c>
      <c r="Z18438" s="2">
        <v>131.6</v>
      </c>
      <c r="AA18438" s="5">
        <v>7</v>
      </c>
      <c r="AB18438" s="5" t="s">
        <v>43</v>
      </c>
      <c r="AC18438" s="5" t="s">
        <v>735</v>
      </c>
      <c r="AD18438" s="2" t="s">
        <v>56569</v>
      </c>
      <c r="AE18438" s="1"/>
    </row>
    <row r="18439" spans="1:31" ht="14.45">
      <c r="A18439" s="11"/>
      <c r="B18439" s="20"/>
      <c r="C18439" s="2" t="s">
        <v>56570</v>
      </c>
      <c r="D18439" s="14" t="s">
        <v>56571</v>
      </c>
      <c r="E18439" s="2" t="s">
        <v>56572</v>
      </c>
      <c r="F18439" s="2" t="s">
        <v>56573</v>
      </c>
      <c r="G18439" s="8">
        <v>605</v>
      </c>
      <c r="H18439" s="5">
        <v>5</v>
      </c>
      <c r="I18439" s="5" t="s">
        <v>69</v>
      </c>
      <c r="J18439" s="5" t="s">
        <v>55802</v>
      </c>
      <c r="K18439" s="2" t="s">
        <v>55803</v>
      </c>
      <c r="L18439" s="5" t="s">
        <v>55802</v>
      </c>
      <c r="M18439" s="2" t="s">
        <v>55803</v>
      </c>
      <c r="N18439" s="5" t="s">
        <v>733</v>
      </c>
      <c r="O18439" s="5" t="s">
        <v>38</v>
      </c>
      <c r="P18439" s="5" t="s">
        <v>39</v>
      </c>
      <c r="Q18439" s="5" t="s">
        <v>40</v>
      </c>
      <c r="R18439" s="5" t="s">
        <v>897</v>
      </c>
      <c r="S18439" s="5" t="s">
        <v>40</v>
      </c>
      <c r="T18439" s="5" t="s">
        <v>42</v>
      </c>
      <c r="U18439" s="2">
        <v>33.228000000000002</v>
      </c>
      <c r="V18439" s="2">
        <v>30.757999999999999</v>
      </c>
      <c r="W18439" s="2">
        <v>0.129</v>
      </c>
      <c r="X18439" s="2">
        <v>17</v>
      </c>
      <c r="Y18439" s="2">
        <v>57.7</v>
      </c>
      <c r="Z18439" s="2">
        <v>131.6</v>
      </c>
      <c r="AA18439" s="5">
        <v>7</v>
      </c>
      <c r="AB18439" s="5" t="s">
        <v>43</v>
      </c>
      <c r="AC18439" s="5" t="s">
        <v>735</v>
      </c>
      <c r="AD18439" s="2" t="s">
        <v>56574</v>
      </c>
      <c r="AE18439" s="1"/>
    </row>
    <row r="18440" spans="1:31" ht="14.45">
      <c r="A18440" s="11"/>
      <c r="B18440" s="20"/>
      <c r="C18440" s="2" t="s">
        <v>56575</v>
      </c>
      <c r="D18440" s="14" t="s">
        <v>56576</v>
      </c>
      <c r="E18440" s="2" t="s">
        <v>56577</v>
      </c>
      <c r="F18440" s="2" t="s">
        <v>56573</v>
      </c>
      <c r="G18440" s="8">
        <v>905</v>
      </c>
      <c r="H18440" s="5">
        <v>5</v>
      </c>
      <c r="I18440" s="5" t="s">
        <v>69</v>
      </c>
      <c r="J18440" s="5" t="s">
        <v>55802</v>
      </c>
      <c r="K18440" s="2" t="s">
        <v>55803</v>
      </c>
      <c r="L18440" s="5" t="s">
        <v>55802</v>
      </c>
      <c r="M18440" s="2" t="s">
        <v>55803</v>
      </c>
      <c r="N18440" s="5" t="s">
        <v>733</v>
      </c>
      <c r="O18440" s="5" t="s">
        <v>38</v>
      </c>
      <c r="P18440" s="5" t="s">
        <v>39</v>
      </c>
      <c r="Q18440" s="5" t="s">
        <v>40</v>
      </c>
      <c r="R18440" s="5" t="s">
        <v>897</v>
      </c>
      <c r="S18440" s="5" t="s">
        <v>40</v>
      </c>
      <c r="T18440" s="5" t="s">
        <v>42</v>
      </c>
      <c r="U18440" s="2">
        <v>35.094000000000001</v>
      </c>
      <c r="V18440" s="2">
        <v>32.512999999999998</v>
      </c>
      <c r="W18440" s="2">
        <v>0.129</v>
      </c>
      <c r="X18440" s="2">
        <v>17</v>
      </c>
      <c r="Y18440" s="2">
        <v>57.7</v>
      </c>
      <c r="Z18440" s="2">
        <v>131.6</v>
      </c>
      <c r="AA18440" s="5">
        <v>7</v>
      </c>
      <c r="AB18440" s="5" t="s">
        <v>43</v>
      </c>
      <c r="AC18440" s="5" t="s">
        <v>735</v>
      </c>
      <c r="AD18440" s="2" t="s">
        <v>56578</v>
      </c>
      <c r="AE18440" s="1"/>
    </row>
    <row r="18441" spans="1:31" ht="14.45">
      <c r="A18441" s="11"/>
      <c r="B18441" s="20"/>
      <c r="C18441" s="2" t="s">
        <v>56579</v>
      </c>
      <c r="D18441" s="14" t="s">
        <v>56580</v>
      </c>
      <c r="E18441" s="2" t="s">
        <v>56581</v>
      </c>
      <c r="F18441" s="2" t="s">
        <v>56573</v>
      </c>
      <c r="G18441" s="8">
        <v>905</v>
      </c>
      <c r="H18441" s="5">
        <v>10</v>
      </c>
      <c r="I18441" s="5" t="s">
        <v>69</v>
      </c>
      <c r="J18441" s="5" t="s">
        <v>55802</v>
      </c>
      <c r="K18441" s="2" t="s">
        <v>55803</v>
      </c>
      <c r="L18441" s="5" t="s">
        <v>55802</v>
      </c>
      <c r="M18441" s="2" t="s">
        <v>55803</v>
      </c>
      <c r="N18441" s="5" t="s">
        <v>733</v>
      </c>
      <c r="O18441" s="5" t="s">
        <v>38</v>
      </c>
      <c r="P18441" s="5" t="s">
        <v>39</v>
      </c>
      <c r="Q18441" s="5" t="s">
        <v>40</v>
      </c>
      <c r="R18441" s="5" t="s">
        <v>897</v>
      </c>
      <c r="S18441" s="5" t="s">
        <v>40</v>
      </c>
      <c r="T18441" s="5" t="s">
        <v>42</v>
      </c>
      <c r="U18441" s="2">
        <v>35.216000000000001</v>
      </c>
      <c r="V18441" s="2">
        <v>32.548999999999999</v>
      </c>
      <c r="W18441" s="2">
        <v>0.129</v>
      </c>
      <c r="X18441" s="2">
        <v>17</v>
      </c>
      <c r="Y18441" s="2">
        <v>57.7</v>
      </c>
      <c r="Z18441" s="2">
        <v>131.6</v>
      </c>
      <c r="AA18441" s="5">
        <v>7</v>
      </c>
      <c r="AB18441" s="5" t="s">
        <v>43</v>
      </c>
      <c r="AC18441" s="5" t="s">
        <v>735</v>
      </c>
      <c r="AD18441" s="2" t="s">
        <v>56582</v>
      </c>
      <c r="AE18441" s="1"/>
    </row>
    <row r="18442" spans="1:31" ht="14.45">
      <c r="A18442" s="11"/>
      <c r="B18442" s="20"/>
      <c r="C18442" s="2" t="s">
        <v>56583</v>
      </c>
      <c r="D18442" s="14" t="s">
        <v>56584</v>
      </c>
      <c r="E18442" s="2" t="s">
        <v>56585</v>
      </c>
      <c r="F18442" s="2" t="s">
        <v>56586</v>
      </c>
      <c r="G18442" s="8">
        <v>1525</v>
      </c>
      <c r="H18442" s="5">
        <v>10</v>
      </c>
      <c r="I18442" s="5" t="s">
        <v>69</v>
      </c>
      <c r="J18442" s="5" t="s">
        <v>55802</v>
      </c>
      <c r="K18442" s="2" t="s">
        <v>55803</v>
      </c>
      <c r="L18442" s="5" t="s">
        <v>55802</v>
      </c>
      <c r="M18442" s="2" t="s">
        <v>55803</v>
      </c>
      <c r="N18442" s="5" t="s">
        <v>733</v>
      </c>
      <c r="O18442" s="5" t="s">
        <v>38</v>
      </c>
      <c r="P18442" s="5" t="s">
        <v>39</v>
      </c>
      <c r="Q18442" s="5" t="s">
        <v>40</v>
      </c>
      <c r="R18442" s="5" t="s">
        <v>897</v>
      </c>
      <c r="S18442" s="5" t="s">
        <v>40</v>
      </c>
      <c r="T18442" s="5" t="s">
        <v>42</v>
      </c>
      <c r="U18442" s="2">
        <v>41.758000000000003</v>
      </c>
      <c r="V18442" s="2">
        <v>39.177</v>
      </c>
      <c r="W18442" s="2">
        <v>0.129</v>
      </c>
      <c r="X18442" s="2">
        <v>17</v>
      </c>
      <c r="Y18442" s="2">
        <v>57.7</v>
      </c>
      <c r="Z18442" s="2">
        <v>131.6</v>
      </c>
      <c r="AA18442" s="5">
        <v>7</v>
      </c>
      <c r="AB18442" s="5" t="s">
        <v>43</v>
      </c>
      <c r="AC18442" s="5" t="s">
        <v>735</v>
      </c>
      <c r="AD18442" s="2" t="s">
        <v>56587</v>
      </c>
      <c r="AE18442" s="1"/>
    </row>
    <row r="18443" spans="1:31" ht="14.45">
      <c r="A18443" s="11"/>
      <c r="B18443" s="20"/>
      <c r="C18443" s="2" t="s">
        <v>56588</v>
      </c>
      <c r="D18443" s="14" t="s">
        <v>56589</v>
      </c>
      <c r="E18443" s="2" t="s">
        <v>56590</v>
      </c>
      <c r="F18443" s="2" t="s">
        <v>56591</v>
      </c>
      <c r="G18443" s="8">
        <v>1132</v>
      </c>
      <c r="H18443" s="5">
        <v>10</v>
      </c>
      <c r="I18443" s="5" t="s">
        <v>69</v>
      </c>
      <c r="J18443" s="5" t="s">
        <v>55802</v>
      </c>
      <c r="K18443" s="2" t="s">
        <v>55803</v>
      </c>
      <c r="L18443" s="5" t="s">
        <v>55802</v>
      </c>
      <c r="M18443" s="2" t="s">
        <v>55803</v>
      </c>
      <c r="N18443" s="5" t="s">
        <v>733</v>
      </c>
      <c r="O18443" s="5" t="s">
        <v>38</v>
      </c>
      <c r="P18443" s="5" t="s">
        <v>39</v>
      </c>
      <c r="Q18443" s="5" t="s">
        <v>40</v>
      </c>
      <c r="R18443" s="5" t="s">
        <v>897</v>
      </c>
      <c r="S18443" s="5" t="s">
        <v>40</v>
      </c>
      <c r="T18443" s="5" t="s">
        <v>42</v>
      </c>
      <c r="U18443" s="2">
        <v>35.917999999999999</v>
      </c>
      <c r="V18443" s="2">
        <v>33.448</v>
      </c>
      <c r="W18443" s="2">
        <v>0.129</v>
      </c>
      <c r="X18443" s="2">
        <v>17</v>
      </c>
      <c r="Y18443" s="2">
        <v>57.7</v>
      </c>
      <c r="Z18443" s="2">
        <v>131.6</v>
      </c>
      <c r="AA18443" s="5">
        <v>7</v>
      </c>
      <c r="AB18443" s="5" t="s">
        <v>43</v>
      </c>
      <c r="AC18443" s="5" t="s">
        <v>735</v>
      </c>
      <c r="AD18443" s="2" t="s">
        <v>56592</v>
      </c>
      <c r="AE18443" s="1"/>
    </row>
    <row r="18444" spans="1:31" ht="14.45">
      <c r="A18444" s="11"/>
      <c r="B18444" s="20"/>
      <c r="C18444" s="2" t="s">
        <v>56593</v>
      </c>
      <c r="D18444" s="14" t="s">
        <v>56594</v>
      </c>
      <c r="E18444" s="2" t="s">
        <v>56595</v>
      </c>
      <c r="F18444" s="2" t="s">
        <v>56596</v>
      </c>
      <c r="G18444" s="8">
        <v>1432</v>
      </c>
      <c r="H18444" s="5">
        <v>10</v>
      </c>
      <c r="I18444" s="5" t="s">
        <v>69</v>
      </c>
      <c r="J18444" s="5" t="s">
        <v>55802</v>
      </c>
      <c r="K18444" s="2" t="s">
        <v>55803</v>
      </c>
      <c r="L18444" s="5" t="s">
        <v>55802</v>
      </c>
      <c r="M18444" s="2" t="s">
        <v>55803</v>
      </c>
      <c r="N18444" s="5" t="s">
        <v>733</v>
      </c>
      <c r="O18444" s="5" t="s">
        <v>38</v>
      </c>
      <c r="P18444" s="5" t="s">
        <v>39</v>
      </c>
      <c r="Q18444" s="5" t="s">
        <v>40</v>
      </c>
      <c r="R18444" s="5" t="s">
        <v>897</v>
      </c>
      <c r="S18444" s="5" t="s">
        <v>40</v>
      </c>
      <c r="T18444" s="5" t="s">
        <v>42</v>
      </c>
      <c r="U18444" s="2">
        <v>37.783999999999999</v>
      </c>
      <c r="V18444" s="2">
        <v>35.203000000000003</v>
      </c>
      <c r="W18444" s="2">
        <v>0.129</v>
      </c>
      <c r="X18444" s="2">
        <v>17</v>
      </c>
      <c r="Y18444" s="2">
        <v>57.7</v>
      </c>
      <c r="Z18444" s="2">
        <v>131.6</v>
      </c>
      <c r="AA18444" s="5">
        <v>7</v>
      </c>
      <c r="AB18444" s="5" t="s">
        <v>43</v>
      </c>
      <c r="AC18444" s="5" t="s">
        <v>735</v>
      </c>
      <c r="AD18444" s="2" t="s">
        <v>56597</v>
      </c>
      <c r="AE18444" s="1"/>
    </row>
    <row r="18445" spans="1:31" ht="14.45">
      <c r="A18445" s="11"/>
      <c r="B18445" s="20"/>
      <c r="C18445" s="2" t="s">
        <v>56598</v>
      </c>
      <c r="D18445" s="14" t="s">
        <v>56599</v>
      </c>
      <c r="E18445" s="2" t="s">
        <v>56600</v>
      </c>
      <c r="F18445" s="2" t="s">
        <v>56601</v>
      </c>
      <c r="G18445" s="8">
        <v>1073</v>
      </c>
      <c r="H18445" s="5">
        <v>10</v>
      </c>
      <c r="I18445" s="5" t="s">
        <v>69</v>
      </c>
      <c r="J18445" s="5" t="s">
        <v>55802</v>
      </c>
      <c r="K18445" s="2" t="s">
        <v>55803</v>
      </c>
      <c r="L18445" s="5" t="s">
        <v>55802</v>
      </c>
      <c r="M18445" s="2" t="s">
        <v>55803</v>
      </c>
      <c r="N18445" s="5" t="s">
        <v>733</v>
      </c>
      <c r="O18445" s="5" t="s">
        <v>38</v>
      </c>
      <c r="P18445" s="5" t="s">
        <v>39</v>
      </c>
      <c r="Q18445" s="5" t="s">
        <v>40</v>
      </c>
      <c r="R18445" s="5" t="s">
        <v>897</v>
      </c>
      <c r="S18445" s="5" t="s">
        <v>40</v>
      </c>
      <c r="T18445" s="5" t="s">
        <v>42</v>
      </c>
      <c r="U18445" s="2">
        <v>35.896999999999998</v>
      </c>
      <c r="V18445" s="2">
        <v>33.427</v>
      </c>
      <c r="W18445" s="2">
        <v>0.129</v>
      </c>
      <c r="X18445" s="2">
        <v>17</v>
      </c>
      <c r="Y18445" s="2">
        <v>57.7</v>
      </c>
      <c r="Z18445" s="2">
        <v>131.6</v>
      </c>
      <c r="AA18445" s="5">
        <v>7</v>
      </c>
      <c r="AB18445" s="5" t="s">
        <v>43</v>
      </c>
      <c r="AC18445" s="5" t="s">
        <v>735</v>
      </c>
      <c r="AD18445" s="2" t="s">
        <v>56602</v>
      </c>
      <c r="AE18445" s="1"/>
    </row>
    <row r="18446" spans="1:31" ht="14.45">
      <c r="A18446" s="11"/>
      <c r="B18446" s="20"/>
      <c r="C18446" s="2" t="s">
        <v>56603</v>
      </c>
      <c r="D18446" s="14" t="s">
        <v>56604</v>
      </c>
      <c r="E18446" s="2" t="s">
        <v>56605</v>
      </c>
      <c r="F18446" s="2" t="s">
        <v>56601</v>
      </c>
      <c r="G18446" s="8">
        <v>1373</v>
      </c>
      <c r="H18446" s="5">
        <v>10</v>
      </c>
      <c r="I18446" s="5" t="s">
        <v>69</v>
      </c>
      <c r="J18446" s="5" t="s">
        <v>55802</v>
      </c>
      <c r="K18446" s="2" t="s">
        <v>55803</v>
      </c>
      <c r="L18446" s="5" t="s">
        <v>55802</v>
      </c>
      <c r="M18446" s="2" t="s">
        <v>55803</v>
      </c>
      <c r="N18446" s="5" t="s">
        <v>733</v>
      </c>
      <c r="O18446" s="5" t="s">
        <v>38</v>
      </c>
      <c r="P18446" s="5" t="s">
        <v>39</v>
      </c>
      <c r="Q18446" s="5" t="s">
        <v>40</v>
      </c>
      <c r="R18446" s="5" t="s">
        <v>897</v>
      </c>
      <c r="S18446" s="5" t="s">
        <v>40</v>
      </c>
      <c r="T18446" s="5" t="s">
        <v>42</v>
      </c>
      <c r="U18446" s="2">
        <v>37.762999999999998</v>
      </c>
      <c r="V18446" s="2">
        <v>35.182000000000002</v>
      </c>
      <c r="W18446" s="2">
        <v>0.129</v>
      </c>
      <c r="X18446" s="2">
        <v>17</v>
      </c>
      <c r="Y18446" s="2">
        <v>57.7</v>
      </c>
      <c r="Z18446" s="2">
        <v>131.6</v>
      </c>
      <c r="AA18446" s="5">
        <v>7</v>
      </c>
      <c r="AB18446" s="5" t="s">
        <v>43</v>
      </c>
      <c r="AC18446" s="5" t="s">
        <v>735</v>
      </c>
      <c r="AD18446" s="2" t="s">
        <v>56606</v>
      </c>
      <c r="AE18446" s="1"/>
    </row>
    <row r="18447" spans="1:31" ht="14.45">
      <c r="A18447" s="11"/>
      <c r="B18447" s="20"/>
      <c r="C18447" s="2" t="s">
        <v>56607</v>
      </c>
      <c r="D18447" s="14" t="s">
        <v>56608</v>
      </c>
      <c r="E18447" s="2" t="s">
        <v>56609</v>
      </c>
      <c r="F18447" s="2" t="s">
        <v>56601</v>
      </c>
      <c r="G18447" s="8">
        <v>1373</v>
      </c>
      <c r="H18447" s="5">
        <v>5</v>
      </c>
      <c r="I18447" s="5" t="s">
        <v>69</v>
      </c>
      <c r="J18447" s="5" t="s">
        <v>55802</v>
      </c>
      <c r="K18447" s="2" t="s">
        <v>55803</v>
      </c>
      <c r="L18447" s="5" t="s">
        <v>55802</v>
      </c>
      <c r="M18447" s="2" t="s">
        <v>55803</v>
      </c>
      <c r="N18447" s="5" t="s">
        <v>733</v>
      </c>
      <c r="O18447" s="5" t="s">
        <v>38</v>
      </c>
      <c r="P18447" s="5" t="s">
        <v>39</v>
      </c>
      <c r="Q18447" s="5" t="s">
        <v>40</v>
      </c>
      <c r="R18447" s="5" t="s">
        <v>897</v>
      </c>
      <c r="S18447" s="5" t="s">
        <v>40</v>
      </c>
      <c r="T18447" s="5" t="s">
        <v>42</v>
      </c>
      <c r="U18447" s="2">
        <v>37.917000000000002</v>
      </c>
      <c r="V18447" s="2">
        <v>35.25</v>
      </c>
      <c r="W18447" s="2">
        <v>0.129</v>
      </c>
      <c r="X18447" s="2">
        <v>17</v>
      </c>
      <c r="Y18447" s="2">
        <v>57.7</v>
      </c>
      <c r="Z18447" s="2">
        <v>131.6</v>
      </c>
      <c r="AA18447" s="5">
        <v>7</v>
      </c>
      <c r="AB18447" s="5" t="s">
        <v>43</v>
      </c>
      <c r="AC18447" s="5" t="s">
        <v>735</v>
      </c>
      <c r="AD18447" s="2" t="s">
        <v>56610</v>
      </c>
      <c r="AE18447" s="1"/>
    </row>
    <row r="18448" spans="1:31" ht="14.45">
      <c r="A18448" s="11"/>
      <c r="B18448" s="20"/>
      <c r="C18448" s="2" t="s">
        <v>56611</v>
      </c>
      <c r="D18448" s="14" t="s">
        <v>56612</v>
      </c>
      <c r="E18448" s="2" t="s">
        <v>56613</v>
      </c>
      <c r="F18448" s="2" t="s">
        <v>56614</v>
      </c>
      <c r="G18448" s="8">
        <v>1132</v>
      </c>
      <c r="H18448" s="5">
        <v>10</v>
      </c>
      <c r="I18448" s="5" t="s">
        <v>69</v>
      </c>
      <c r="J18448" s="5" t="s">
        <v>55802</v>
      </c>
      <c r="K18448" s="2" t="s">
        <v>55803</v>
      </c>
      <c r="L18448" s="5" t="s">
        <v>55802</v>
      </c>
      <c r="M18448" s="2" t="s">
        <v>55803</v>
      </c>
      <c r="N18448" s="5" t="s">
        <v>733</v>
      </c>
      <c r="O18448" s="5" t="s">
        <v>38</v>
      </c>
      <c r="P18448" s="5" t="s">
        <v>39</v>
      </c>
      <c r="Q18448" s="5" t="s">
        <v>40</v>
      </c>
      <c r="R18448" s="5" t="s">
        <v>897</v>
      </c>
      <c r="S18448" s="5" t="s">
        <v>40</v>
      </c>
      <c r="T18448" s="5" t="s">
        <v>42</v>
      </c>
      <c r="U18448" s="2">
        <v>35.164999999999999</v>
      </c>
      <c r="V18448" s="2">
        <v>32.695</v>
      </c>
      <c r="W18448" s="2">
        <v>0.129</v>
      </c>
      <c r="X18448" s="2">
        <v>17</v>
      </c>
      <c r="Y18448" s="2">
        <v>57.7</v>
      </c>
      <c r="Z18448" s="2">
        <v>131.6</v>
      </c>
      <c r="AA18448" s="5">
        <v>7</v>
      </c>
      <c r="AB18448" s="5" t="s">
        <v>43</v>
      </c>
      <c r="AC18448" s="5" t="s">
        <v>735</v>
      </c>
      <c r="AD18448" s="2" t="s">
        <v>56615</v>
      </c>
      <c r="AE18448" s="1"/>
    </row>
    <row r="18449" spans="1:31" ht="14.45">
      <c r="A18449" s="11"/>
      <c r="B18449" s="20"/>
      <c r="C18449" s="2" t="s">
        <v>56616</v>
      </c>
      <c r="D18449" s="14" t="s">
        <v>56617</v>
      </c>
      <c r="E18449" s="2" t="s">
        <v>56618</v>
      </c>
      <c r="F18449" s="2" t="s">
        <v>56619</v>
      </c>
      <c r="G18449" s="8">
        <v>1432</v>
      </c>
      <c r="H18449" s="5">
        <v>10</v>
      </c>
      <c r="I18449" s="5" t="s">
        <v>69</v>
      </c>
      <c r="J18449" s="5" t="s">
        <v>55802</v>
      </c>
      <c r="K18449" s="2" t="s">
        <v>55803</v>
      </c>
      <c r="L18449" s="5" t="s">
        <v>55802</v>
      </c>
      <c r="M18449" s="2" t="s">
        <v>55803</v>
      </c>
      <c r="N18449" s="5" t="s">
        <v>733</v>
      </c>
      <c r="O18449" s="5" t="s">
        <v>38</v>
      </c>
      <c r="P18449" s="5" t="s">
        <v>39</v>
      </c>
      <c r="Q18449" s="5" t="s">
        <v>40</v>
      </c>
      <c r="R18449" s="5" t="s">
        <v>897</v>
      </c>
      <c r="S18449" s="5" t="s">
        <v>40</v>
      </c>
      <c r="T18449" s="5" t="s">
        <v>42</v>
      </c>
      <c r="U18449" s="2">
        <v>37.030999999999999</v>
      </c>
      <c r="V18449" s="2">
        <v>34.450000000000003</v>
      </c>
      <c r="W18449" s="2">
        <v>0.129</v>
      </c>
      <c r="X18449" s="2">
        <v>17</v>
      </c>
      <c r="Y18449" s="2">
        <v>57.7</v>
      </c>
      <c r="Z18449" s="2">
        <v>131.6</v>
      </c>
      <c r="AA18449" s="5">
        <v>7</v>
      </c>
      <c r="AB18449" s="5" t="s">
        <v>43</v>
      </c>
      <c r="AC18449" s="5" t="s">
        <v>735</v>
      </c>
      <c r="AD18449" s="2" t="s">
        <v>56620</v>
      </c>
      <c r="AE18449" s="1"/>
    </row>
    <row r="18450" spans="1:31" ht="14.45">
      <c r="A18450" s="11"/>
      <c r="B18450" s="20"/>
      <c r="C18450" s="2" t="s">
        <v>56621</v>
      </c>
      <c r="D18450" s="14" t="s">
        <v>56622</v>
      </c>
      <c r="E18450" s="2" t="s">
        <v>56623</v>
      </c>
      <c r="F18450" s="2" t="s">
        <v>56624</v>
      </c>
      <c r="G18450" s="8">
        <v>1073</v>
      </c>
      <c r="H18450" s="5">
        <v>10</v>
      </c>
      <c r="I18450" s="5" t="s">
        <v>69</v>
      </c>
      <c r="J18450" s="5" t="s">
        <v>55802</v>
      </c>
      <c r="K18450" s="2" t="s">
        <v>55803</v>
      </c>
      <c r="L18450" s="5" t="s">
        <v>55802</v>
      </c>
      <c r="M18450" s="2" t="s">
        <v>55803</v>
      </c>
      <c r="N18450" s="5" t="s">
        <v>733</v>
      </c>
      <c r="O18450" s="5" t="s">
        <v>38</v>
      </c>
      <c r="P18450" s="5" t="s">
        <v>39</v>
      </c>
      <c r="Q18450" s="5" t="s">
        <v>40</v>
      </c>
      <c r="R18450" s="5" t="s">
        <v>897</v>
      </c>
      <c r="S18450" s="5" t="s">
        <v>40</v>
      </c>
      <c r="T18450" s="5" t="s">
        <v>42</v>
      </c>
      <c r="U18450" s="2">
        <v>35.143999999999998</v>
      </c>
      <c r="V18450" s="2">
        <v>32.673999999999999</v>
      </c>
      <c r="W18450" s="2">
        <v>0.129</v>
      </c>
      <c r="X18450" s="2">
        <v>17</v>
      </c>
      <c r="Y18450" s="2">
        <v>57.7</v>
      </c>
      <c r="Z18450" s="2">
        <v>131.6</v>
      </c>
      <c r="AA18450" s="5">
        <v>7</v>
      </c>
      <c r="AB18450" s="5" t="s">
        <v>43</v>
      </c>
      <c r="AC18450" s="5" t="s">
        <v>735</v>
      </c>
      <c r="AD18450" s="2" t="s">
        <v>56625</v>
      </c>
      <c r="AE18450" s="1"/>
    </row>
    <row r="18451" spans="1:31" ht="14.45">
      <c r="A18451" s="11"/>
      <c r="B18451" s="20"/>
      <c r="C18451" s="2" t="s">
        <v>56626</v>
      </c>
      <c r="D18451" s="14" t="s">
        <v>56627</v>
      </c>
      <c r="E18451" s="2" t="s">
        <v>56628</v>
      </c>
      <c r="F18451" s="2" t="s">
        <v>56629</v>
      </c>
      <c r="G18451" s="8">
        <v>757</v>
      </c>
      <c r="H18451" s="5">
        <v>10</v>
      </c>
      <c r="I18451" s="5" t="s">
        <v>69</v>
      </c>
      <c r="J18451" s="5" t="s">
        <v>55802</v>
      </c>
      <c r="K18451" s="2" t="s">
        <v>55803</v>
      </c>
      <c r="L18451" s="5" t="s">
        <v>55802</v>
      </c>
      <c r="M18451" s="2" t="s">
        <v>55803</v>
      </c>
      <c r="N18451" s="5" t="s">
        <v>733</v>
      </c>
      <c r="O18451" s="5" t="s">
        <v>38</v>
      </c>
      <c r="P18451" s="5" t="s">
        <v>39</v>
      </c>
      <c r="Q18451" s="5" t="s">
        <v>40</v>
      </c>
      <c r="R18451" s="5" t="s">
        <v>897</v>
      </c>
      <c r="S18451" s="5" t="s">
        <v>40</v>
      </c>
      <c r="T18451" s="5" t="s">
        <v>42</v>
      </c>
      <c r="U18451" s="2">
        <v>36.979999999999997</v>
      </c>
      <c r="V18451" s="2">
        <v>34.543999999999997</v>
      </c>
      <c r="W18451" s="2">
        <v>0.13</v>
      </c>
      <c r="X18451" s="2">
        <v>17</v>
      </c>
      <c r="Y18451" s="2">
        <v>68.7</v>
      </c>
      <c r="Z18451" s="2">
        <v>111.6</v>
      </c>
      <c r="AA18451" s="5">
        <v>7</v>
      </c>
      <c r="AB18451" s="5" t="s">
        <v>43</v>
      </c>
      <c r="AC18451" s="5" t="s">
        <v>735</v>
      </c>
      <c r="AD18451" s="2" t="s">
        <v>56630</v>
      </c>
      <c r="AE18451" s="1"/>
    </row>
    <row r="18452" spans="1:31" ht="14.45">
      <c r="A18452" s="11"/>
      <c r="B18452" s="20"/>
      <c r="C18452" s="2" t="s">
        <v>56631</v>
      </c>
      <c r="D18452" s="14" t="s">
        <v>56632</v>
      </c>
      <c r="E18452" s="2" t="s">
        <v>56633</v>
      </c>
      <c r="F18452" s="2" t="s">
        <v>56634</v>
      </c>
      <c r="G18452" s="8">
        <v>1057</v>
      </c>
      <c r="H18452" s="5">
        <v>10</v>
      </c>
      <c r="I18452" s="5" t="s">
        <v>69</v>
      </c>
      <c r="J18452" s="5" t="s">
        <v>55802</v>
      </c>
      <c r="K18452" s="2" t="s">
        <v>55803</v>
      </c>
      <c r="L18452" s="5" t="s">
        <v>55802</v>
      </c>
      <c r="M18452" s="2" t="s">
        <v>55803</v>
      </c>
      <c r="N18452" s="5" t="s">
        <v>733</v>
      </c>
      <c r="O18452" s="5" t="s">
        <v>38</v>
      </c>
      <c r="P18452" s="5" t="s">
        <v>39</v>
      </c>
      <c r="Q18452" s="5" t="s">
        <v>40</v>
      </c>
      <c r="R18452" s="5" t="s">
        <v>897</v>
      </c>
      <c r="S18452" s="5" t="s">
        <v>40</v>
      </c>
      <c r="T18452" s="5" t="s">
        <v>42</v>
      </c>
      <c r="U18452" s="2">
        <v>38.780999999999999</v>
      </c>
      <c r="V18452" s="2">
        <v>36.222000000000001</v>
      </c>
      <c r="W18452" s="2">
        <v>0.13</v>
      </c>
      <c r="X18452" s="2">
        <v>17</v>
      </c>
      <c r="Y18452" s="2">
        <v>68.7</v>
      </c>
      <c r="Z18452" s="2">
        <v>111.6</v>
      </c>
      <c r="AA18452" s="5">
        <v>7</v>
      </c>
      <c r="AB18452" s="5" t="s">
        <v>43</v>
      </c>
      <c r="AC18452" s="5" t="s">
        <v>735</v>
      </c>
      <c r="AD18452" s="2" t="s">
        <v>56635</v>
      </c>
      <c r="AE18452" s="1"/>
    </row>
    <row r="18453" spans="1:31" ht="14.45">
      <c r="A18453" s="11"/>
      <c r="B18453" s="20"/>
      <c r="C18453" s="2" t="s">
        <v>56636</v>
      </c>
      <c r="D18453" s="14" t="s">
        <v>56637</v>
      </c>
      <c r="E18453" s="2" t="s">
        <v>56638</v>
      </c>
      <c r="F18453" s="2" t="s">
        <v>56639</v>
      </c>
      <c r="G18453" s="8">
        <v>664</v>
      </c>
      <c r="H18453" s="5">
        <v>5</v>
      </c>
      <c r="I18453" s="5" t="s">
        <v>69</v>
      </c>
      <c r="J18453" s="5" t="s">
        <v>55802</v>
      </c>
      <c r="K18453" s="2" t="s">
        <v>55803</v>
      </c>
      <c r="L18453" s="5" t="s">
        <v>55802</v>
      </c>
      <c r="M18453" s="2" t="s">
        <v>55803</v>
      </c>
      <c r="N18453" s="5" t="s">
        <v>733</v>
      </c>
      <c r="O18453" s="5" t="s">
        <v>38</v>
      </c>
      <c r="P18453" s="5" t="s">
        <v>39</v>
      </c>
      <c r="Q18453" s="5" t="s">
        <v>40</v>
      </c>
      <c r="R18453" s="5" t="s">
        <v>897</v>
      </c>
      <c r="S18453" s="5" t="s">
        <v>40</v>
      </c>
      <c r="T18453" s="5" t="s">
        <v>42</v>
      </c>
      <c r="U18453" s="2">
        <v>33.098999999999997</v>
      </c>
      <c r="V18453" s="2">
        <v>30.663</v>
      </c>
      <c r="W18453" s="2">
        <v>0.13</v>
      </c>
      <c r="X18453" s="2">
        <v>17</v>
      </c>
      <c r="Y18453" s="2">
        <v>68.7</v>
      </c>
      <c r="Z18453" s="2">
        <v>111.6</v>
      </c>
      <c r="AA18453" s="5">
        <v>7</v>
      </c>
      <c r="AB18453" s="5" t="s">
        <v>43</v>
      </c>
      <c r="AC18453" s="5" t="s">
        <v>735</v>
      </c>
      <c r="AD18453" s="2" t="s">
        <v>56640</v>
      </c>
      <c r="AE18453" s="1"/>
    </row>
    <row r="18454" spans="1:31" ht="14.45">
      <c r="A18454" s="11"/>
      <c r="B18454" s="20"/>
      <c r="C18454" s="2" t="s">
        <v>56641</v>
      </c>
      <c r="D18454" s="14" t="s">
        <v>56642</v>
      </c>
      <c r="E18454" s="2" t="s">
        <v>56643</v>
      </c>
      <c r="F18454" s="2" t="s">
        <v>56644</v>
      </c>
      <c r="G18454" s="8">
        <v>964</v>
      </c>
      <c r="H18454" s="5">
        <v>5</v>
      </c>
      <c r="I18454" s="5" t="s">
        <v>69</v>
      </c>
      <c r="J18454" s="5" t="s">
        <v>55802</v>
      </c>
      <c r="K18454" s="2" t="s">
        <v>55803</v>
      </c>
      <c r="L18454" s="5" t="s">
        <v>55802</v>
      </c>
      <c r="M18454" s="2" t="s">
        <v>55803</v>
      </c>
      <c r="N18454" s="5" t="s">
        <v>733</v>
      </c>
      <c r="O18454" s="5" t="s">
        <v>38</v>
      </c>
      <c r="P18454" s="5" t="s">
        <v>39</v>
      </c>
      <c r="Q18454" s="5" t="s">
        <v>40</v>
      </c>
      <c r="R18454" s="5" t="s">
        <v>897</v>
      </c>
      <c r="S18454" s="5" t="s">
        <v>40</v>
      </c>
      <c r="T18454" s="5" t="s">
        <v>42</v>
      </c>
      <c r="U18454" s="2">
        <v>34.707999999999998</v>
      </c>
      <c r="V18454" s="2">
        <v>32.149000000000001</v>
      </c>
      <c r="W18454" s="2">
        <v>0.13</v>
      </c>
      <c r="X18454" s="2">
        <v>17</v>
      </c>
      <c r="Y18454" s="2">
        <v>68.7</v>
      </c>
      <c r="Z18454" s="2">
        <v>111.6</v>
      </c>
      <c r="AA18454" s="5">
        <v>7</v>
      </c>
      <c r="AB18454" s="5" t="s">
        <v>43</v>
      </c>
      <c r="AC18454" s="5" t="s">
        <v>735</v>
      </c>
      <c r="AD18454" s="2" t="s">
        <v>56645</v>
      </c>
      <c r="AE18454" s="1"/>
    </row>
    <row r="18455" spans="1:31" ht="14.45">
      <c r="A18455" s="11"/>
      <c r="B18455" s="20"/>
      <c r="C18455" s="2" t="s">
        <v>56646</v>
      </c>
      <c r="D18455" s="14" t="s">
        <v>56647</v>
      </c>
      <c r="E18455" s="2" t="s">
        <v>56648</v>
      </c>
      <c r="F18455" s="2" t="s">
        <v>56649</v>
      </c>
      <c r="G18455" s="8">
        <v>757</v>
      </c>
      <c r="H18455" s="5">
        <v>10</v>
      </c>
      <c r="I18455" s="5" t="s">
        <v>69</v>
      </c>
      <c r="J18455" s="5" t="s">
        <v>55802</v>
      </c>
      <c r="K18455" s="2" t="s">
        <v>55803</v>
      </c>
      <c r="L18455" s="5" t="s">
        <v>55802</v>
      </c>
      <c r="M18455" s="2" t="s">
        <v>55803</v>
      </c>
      <c r="N18455" s="5" t="s">
        <v>733</v>
      </c>
      <c r="O18455" s="5" t="s">
        <v>38</v>
      </c>
      <c r="P18455" s="5" t="s">
        <v>39</v>
      </c>
      <c r="Q18455" s="5" t="s">
        <v>40</v>
      </c>
      <c r="R18455" s="5" t="s">
        <v>897</v>
      </c>
      <c r="S18455" s="5" t="s">
        <v>40</v>
      </c>
      <c r="T18455" s="5" t="s">
        <v>42</v>
      </c>
      <c r="U18455" s="2">
        <v>32.694000000000003</v>
      </c>
      <c r="V18455" s="2">
        <v>30.253</v>
      </c>
      <c r="W18455" s="2">
        <v>0.13</v>
      </c>
      <c r="X18455" s="2">
        <v>17</v>
      </c>
      <c r="Y18455" s="2">
        <v>68.7</v>
      </c>
      <c r="Z18455" s="2">
        <v>111.6</v>
      </c>
      <c r="AA18455" s="5">
        <v>7</v>
      </c>
      <c r="AB18455" s="5" t="s">
        <v>43</v>
      </c>
      <c r="AC18455" s="5" t="s">
        <v>735</v>
      </c>
      <c r="AD18455" s="2" t="s">
        <v>56650</v>
      </c>
      <c r="AE18455" s="1"/>
    </row>
    <row r="18456" spans="1:31" ht="14.45">
      <c r="A18456" s="11"/>
      <c r="B18456" s="20"/>
      <c r="C18456" s="2" t="s">
        <v>56651</v>
      </c>
      <c r="D18456" s="14" t="s">
        <v>56652</v>
      </c>
      <c r="E18456" s="2" t="s">
        <v>56653</v>
      </c>
      <c r="F18456" s="2" t="s">
        <v>56649</v>
      </c>
      <c r="G18456" s="8">
        <v>1057</v>
      </c>
      <c r="H18456" s="5">
        <v>10</v>
      </c>
      <c r="I18456" s="5" t="s">
        <v>69</v>
      </c>
      <c r="J18456" s="5" t="s">
        <v>55802</v>
      </c>
      <c r="K18456" s="2" t="s">
        <v>55803</v>
      </c>
      <c r="L18456" s="5" t="s">
        <v>55802</v>
      </c>
      <c r="M18456" s="2" t="s">
        <v>55803</v>
      </c>
      <c r="N18456" s="5" t="s">
        <v>733</v>
      </c>
      <c r="O18456" s="5" t="s">
        <v>38</v>
      </c>
      <c r="P18456" s="5" t="s">
        <v>39</v>
      </c>
      <c r="Q18456" s="5" t="s">
        <v>40</v>
      </c>
      <c r="R18456" s="5" t="s">
        <v>897</v>
      </c>
      <c r="S18456" s="5" t="s">
        <v>40</v>
      </c>
      <c r="T18456" s="5" t="s">
        <v>42</v>
      </c>
      <c r="U18456" s="2">
        <v>34.587000000000003</v>
      </c>
      <c r="V18456" s="2">
        <v>32.027999999999999</v>
      </c>
      <c r="W18456" s="2">
        <v>0.13</v>
      </c>
      <c r="X18456" s="2">
        <v>17</v>
      </c>
      <c r="Y18456" s="2">
        <v>68.7</v>
      </c>
      <c r="Z18456" s="2">
        <v>111.6</v>
      </c>
      <c r="AA18456" s="5">
        <v>7</v>
      </c>
      <c r="AB18456" s="5" t="s">
        <v>43</v>
      </c>
      <c r="AC18456" s="5" t="s">
        <v>735</v>
      </c>
      <c r="AD18456" s="2" t="s">
        <v>56654</v>
      </c>
      <c r="AE18456" s="1"/>
    </row>
    <row r="18457" spans="1:31" ht="14.45">
      <c r="A18457" s="11"/>
      <c r="B18457" s="20"/>
      <c r="C18457" s="2" t="s">
        <v>56655</v>
      </c>
      <c r="D18457" s="14" t="s">
        <v>56656</v>
      </c>
      <c r="E18457" s="2" t="s">
        <v>56657</v>
      </c>
      <c r="F18457" s="2" t="s">
        <v>56658</v>
      </c>
      <c r="G18457" s="8">
        <v>575</v>
      </c>
      <c r="H18457" s="5">
        <v>10</v>
      </c>
      <c r="I18457" s="5" t="s">
        <v>69</v>
      </c>
      <c r="J18457" s="5" t="s">
        <v>55802</v>
      </c>
      <c r="K18457" s="2" t="s">
        <v>55803</v>
      </c>
      <c r="L18457" s="5" t="s">
        <v>55802</v>
      </c>
      <c r="M18457" s="2" t="s">
        <v>55803</v>
      </c>
      <c r="N18457" s="5" t="s">
        <v>733</v>
      </c>
      <c r="O18457" s="5" t="s">
        <v>38</v>
      </c>
      <c r="P18457" s="5" t="s">
        <v>39</v>
      </c>
      <c r="Q18457" s="5" t="s">
        <v>40</v>
      </c>
      <c r="R18457" s="5" t="s">
        <v>897</v>
      </c>
      <c r="S18457" s="5" t="s">
        <v>40</v>
      </c>
      <c r="T18457" s="5" t="s">
        <v>42</v>
      </c>
      <c r="U18457" s="2">
        <v>32.826999999999998</v>
      </c>
      <c r="V18457" s="2">
        <v>30.385999999999999</v>
      </c>
      <c r="W18457" s="2">
        <v>0.13</v>
      </c>
      <c r="X18457" s="2">
        <v>17</v>
      </c>
      <c r="Y18457" s="2">
        <v>68.7</v>
      </c>
      <c r="Z18457" s="2">
        <v>111.6</v>
      </c>
      <c r="AA18457" s="5">
        <v>7</v>
      </c>
      <c r="AB18457" s="5" t="s">
        <v>43</v>
      </c>
      <c r="AC18457" s="5" t="s">
        <v>735</v>
      </c>
      <c r="AD18457" s="2" t="s">
        <v>56659</v>
      </c>
      <c r="AE18457" s="1"/>
    </row>
    <row r="18458" spans="1:31" ht="14.45">
      <c r="A18458" s="11"/>
      <c r="B18458" s="20"/>
      <c r="C18458" s="2" t="s">
        <v>56660</v>
      </c>
      <c r="D18458" s="14" t="s">
        <v>56661</v>
      </c>
      <c r="E18458" s="2" t="s">
        <v>56662</v>
      </c>
      <c r="F18458" s="2" t="s">
        <v>56658</v>
      </c>
      <c r="G18458" s="8">
        <v>875</v>
      </c>
      <c r="H18458" s="5">
        <v>10</v>
      </c>
      <c r="I18458" s="5" t="s">
        <v>69</v>
      </c>
      <c r="J18458" s="5" t="s">
        <v>55802</v>
      </c>
      <c r="K18458" s="2" t="s">
        <v>55803</v>
      </c>
      <c r="L18458" s="5" t="s">
        <v>55802</v>
      </c>
      <c r="M18458" s="2" t="s">
        <v>55803</v>
      </c>
      <c r="N18458" s="5" t="s">
        <v>733</v>
      </c>
      <c r="O18458" s="5" t="s">
        <v>38</v>
      </c>
      <c r="P18458" s="5" t="s">
        <v>39</v>
      </c>
      <c r="Q18458" s="5" t="s">
        <v>40</v>
      </c>
      <c r="R18458" s="5" t="s">
        <v>897</v>
      </c>
      <c r="S18458" s="5" t="s">
        <v>40</v>
      </c>
      <c r="T18458" s="5" t="s">
        <v>42</v>
      </c>
      <c r="U18458" s="2">
        <v>34.72</v>
      </c>
      <c r="V18458" s="2">
        <v>32.161000000000001</v>
      </c>
      <c r="W18458" s="2">
        <v>0.13</v>
      </c>
      <c r="X18458" s="2">
        <v>17</v>
      </c>
      <c r="Y18458" s="2">
        <v>68.7</v>
      </c>
      <c r="Z18458" s="2">
        <v>111.6</v>
      </c>
      <c r="AA18458" s="5">
        <v>7</v>
      </c>
      <c r="AB18458" s="5" t="s">
        <v>43</v>
      </c>
      <c r="AC18458" s="5" t="s">
        <v>735</v>
      </c>
      <c r="AD18458" s="2" t="s">
        <v>56663</v>
      </c>
      <c r="AE18458" s="1"/>
    </row>
    <row r="18459" spans="1:31" ht="14.45">
      <c r="A18459" s="11"/>
      <c r="B18459" s="20"/>
      <c r="C18459" s="2" t="s">
        <v>56664</v>
      </c>
      <c r="D18459" s="14" t="s">
        <v>56665</v>
      </c>
      <c r="E18459" s="2" t="s">
        <v>56666</v>
      </c>
      <c r="F18459" s="2" t="s">
        <v>56667</v>
      </c>
      <c r="G18459" s="8">
        <v>462</v>
      </c>
      <c r="H18459" s="5">
        <v>5</v>
      </c>
      <c r="I18459" s="5" t="s">
        <v>69</v>
      </c>
      <c r="J18459" s="5" t="s">
        <v>55802</v>
      </c>
      <c r="K18459" s="2" t="s">
        <v>55803</v>
      </c>
      <c r="L18459" s="5" t="s">
        <v>55802</v>
      </c>
      <c r="M18459" s="2" t="s">
        <v>55803</v>
      </c>
      <c r="N18459" s="5" t="s">
        <v>733</v>
      </c>
      <c r="O18459" s="5" t="s">
        <v>38</v>
      </c>
      <c r="P18459" s="5" t="s">
        <v>39</v>
      </c>
      <c r="Q18459" s="5" t="s">
        <v>40</v>
      </c>
      <c r="R18459" s="5" t="s">
        <v>897</v>
      </c>
      <c r="S18459" s="5" t="s">
        <v>40</v>
      </c>
      <c r="T18459" s="5" t="s">
        <v>42</v>
      </c>
      <c r="U18459" s="2">
        <v>29.376999999999999</v>
      </c>
      <c r="V18459" s="2">
        <v>26.940999999999999</v>
      </c>
      <c r="W18459" s="2">
        <v>0.13</v>
      </c>
      <c r="X18459" s="2">
        <v>17</v>
      </c>
      <c r="Y18459" s="2">
        <v>68.7</v>
      </c>
      <c r="Z18459" s="2">
        <v>111.6</v>
      </c>
      <c r="AA18459" s="5">
        <v>7</v>
      </c>
      <c r="AB18459" s="5" t="s">
        <v>43</v>
      </c>
      <c r="AC18459" s="5" t="s">
        <v>735</v>
      </c>
      <c r="AD18459" s="2" t="s">
        <v>56668</v>
      </c>
      <c r="AE18459" s="1"/>
    </row>
    <row r="18460" spans="1:31" ht="14.45">
      <c r="A18460" s="11"/>
      <c r="B18460" s="20"/>
      <c r="C18460" s="2" t="s">
        <v>56669</v>
      </c>
      <c r="D18460" s="14" t="s">
        <v>56670</v>
      </c>
      <c r="E18460" s="2" t="s">
        <v>56671</v>
      </c>
      <c r="F18460" s="2" t="s">
        <v>56667</v>
      </c>
      <c r="G18460" s="8">
        <v>762</v>
      </c>
      <c r="H18460" s="5">
        <v>5</v>
      </c>
      <c r="I18460" s="5" t="s">
        <v>69</v>
      </c>
      <c r="J18460" s="5" t="s">
        <v>55802</v>
      </c>
      <c r="K18460" s="2" t="s">
        <v>55803</v>
      </c>
      <c r="L18460" s="5" t="s">
        <v>55802</v>
      </c>
      <c r="M18460" s="2" t="s">
        <v>55803</v>
      </c>
      <c r="N18460" s="5" t="s">
        <v>733</v>
      </c>
      <c r="O18460" s="5" t="s">
        <v>38</v>
      </c>
      <c r="P18460" s="5" t="s">
        <v>39</v>
      </c>
      <c r="Q18460" s="5" t="s">
        <v>40</v>
      </c>
      <c r="R18460" s="5" t="s">
        <v>897</v>
      </c>
      <c r="S18460" s="5" t="s">
        <v>40</v>
      </c>
      <c r="T18460" s="5" t="s">
        <v>42</v>
      </c>
      <c r="U18460" s="2">
        <v>30.992999999999999</v>
      </c>
      <c r="V18460" s="2">
        <v>28.427</v>
      </c>
      <c r="W18460" s="2">
        <v>0.13</v>
      </c>
      <c r="X18460" s="2">
        <v>17</v>
      </c>
      <c r="Y18460" s="2">
        <v>68.7</v>
      </c>
      <c r="Z18460" s="2">
        <v>111.6</v>
      </c>
      <c r="AA18460" s="5">
        <v>7</v>
      </c>
      <c r="AB18460" s="5" t="s">
        <v>43</v>
      </c>
      <c r="AC18460" s="5" t="s">
        <v>735</v>
      </c>
      <c r="AD18460" s="2" t="s">
        <v>56672</v>
      </c>
      <c r="AE18460" s="1"/>
    </row>
    <row r="18461" spans="1:31" ht="14.45">
      <c r="A18461" s="11"/>
      <c r="B18461" s="20"/>
      <c r="C18461" s="2" t="s">
        <v>56673</v>
      </c>
      <c r="D18461" s="14" t="s">
        <v>56674</v>
      </c>
      <c r="E18461" s="2" t="s">
        <v>56675</v>
      </c>
      <c r="F18461" s="2" t="s">
        <v>56667</v>
      </c>
      <c r="G18461" s="8">
        <v>762</v>
      </c>
      <c r="H18461" s="5">
        <v>5</v>
      </c>
      <c r="I18461" s="5" t="s">
        <v>69</v>
      </c>
      <c r="J18461" s="5" t="s">
        <v>55802</v>
      </c>
      <c r="K18461" s="2" t="s">
        <v>55803</v>
      </c>
      <c r="L18461" s="5" t="s">
        <v>55802</v>
      </c>
      <c r="M18461" s="2" t="s">
        <v>55803</v>
      </c>
      <c r="N18461" s="5" t="s">
        <v>733</v>
      </c>
      <c r="O18461" s="5" t="s">
        <v>38</v>
      </c>
      <c r="P18461" s="5" t="s">
        <v>39</v>
      </c>
      <c r="Q18461" s="5" t="s">
        <v>40</v>
      </c>
      <c r="R18461" s="5" t="s">
        <v>897</v>
      </c>
      <c r="S18461" s="5" t="s">
        <v>40</v>
      </c>
      <c r="T18461" s="5" t="s">
        <v>42</v>
      </c>
      <c r="U18461" s="2">
        <v>31.126000000000001</v>
      </c>
      <c r="V18461" s="2">
        <v>28.474</v>
      </c>
      <c r="W18461" s="2">
        <v>0.13</v>
      </c>
      <c r="X18461" s="2">
        <v>17</v>
      </c>
      <c r="Y18461" s="2">
        <v>68.7</v>
      </c>
      <c r="Z18461" s="2">
        <v>111.6</v>
      </c>
      <c r="AA18461" s="5">
        <v>7</v>
      </c>
      <c r="AB18461" s="5" t="s">
        <v>43</v>
      </c>
      <c r="AC18461" s="5" t="s">
        <v>735</v>
      </c>
      <c r="AD18461" s="2" t="s">
        <v>56676</v>
      </c>
      <c r="AE18461" s="1"/>
    </row>
    <row r="18462" spans="1:31" ht="14.45">
      <c r="A18462" s="11"/>
      <c r="B18462" s="20"/>
      <c r="C18462" s="2" t="s">
        <v>56677</v>
      </c>
      <c r="D18462" s="14" t="s">
        <v>56678</v>
      </c>
      <c r="E18462" s="2" t="s">
        <v>56679</v>
      </c>
      <c r="F18462" s="2" t="s">
        <v>56680</v>
      </c>
      <c r="G18462" s="8">
        <v>605</v>
      </c>
      <c r="H18462" s="5">
        <v>5</v>
      </c>
      <c r="I18462" s="5" t="s">
        <v>69</v>
      </c>
      <c r="J18462" s="5" t="s">
        <v>55802</v>
      </c>
      <c r="K18462" s="2" t="s">
        <v>55803</v>
      </c>
      <c r="L18462" s="5" t="s">
        <v>55802</v>
      </c>
      <c r="M18462" s="2" t="s">
        <v>55803</v>
      </c>
      <c r="N18462" s="5" t="s">
        <v>733</v>
      </c>
      <c r="O18462" s="5" t="s">
        <v>38</v>
      </c>
      <c r="P18462" s="5" t="s">
        <v>39</v>
      </c>
      <c r="Q18462" s="5" t="s">
        <v>40</v>
      </c>
      <c r="R18462" s="5" t="s">
        <v>897</v>
      </c>
      <c r="S18462" s="5" t="s">
        <v>40</v>
      </c>
      <c r="T18462" s="5" t="s">
        <v>42</v>
      </c>
      <c r="U18462" s="2">
        <v>32.793999999999997</v>
      </c>
      <c r="V18462" s="2">
        <v>30.353000000000002</v>
      </c>
      <c r="W18462" s="2">
        <v>0.13</v>
      </c>
      <c r="X18462" s="2">
        <v>17</v>
      </c>
      <c r="Y18462" s="2">
        <v>68.7</v>
      </c>
      <c r="Z18462" s="2">
        <v>111.6</v>
      </c>
      <c r="AA18462" s="5">
        <v>7</v>
      </c>
      <c r="AB18462" s="5" t="s">
        <v>43</v>
      </c>
      <c r="AC18462" s="5" t="s">
        <v>735</v>
      </c>
      <c r="AD18462" s="2" t="s">
        <v>56681</v>
      </c>
      <c r="AE18462" s="1"/>
    </row>
    <row r="18463" spans="1:31" ht="14.45">
      <c r="A18463" s="11"/>
      <c r="B18463" s="20"/>
      <c r="C18463" s="2" t="s">
        <v>56682</v>
      </c>
      <c r="D18463" s="14" t="s">
        <v>56683</v>
      </c>
      <c r="E18463" s="2" t="s">
        <v>56684</v>
      </c>
      <c r="F18463" s="2" t="s">
        <v>56680</v>
      </c>
      <c r="G18463" s="8">
        <v>905</v>
      </c>
      <c r="H18463" s="5">
        <v>10</v>
      </c>
      <c r="I18463" s="5" t="s">
        <v>69</v>
      </c>
      <c r="J18463" s="5" t="s">
        <v>55802</v>
      </c>
      <c r="K18463" s="2" t="s">
        <v>55803</v>
      </c>
      <c r="L18463" s="5" t="s">
        <v>55802</v>
      </c>
      <c r="M18463" s="2" t="s">
        <v>55803</v>
      </c>
      <c r="N18463" s="5" t="s">
        <v>733</v>
      </c>
      <c r="O18463" s="5" t="s">
        <v>38</v>
      </c>
      <c r="P18463" s="5" t="s">
        <v>39</v>
      </c>
      <c r="Q18463" s="5" t="s">
        <v>40</v>
      </c>
      <c r="R18463" s="5" t="s">
        <v>897</v>
      </c>
      <c r="S18463" s="5" t="s">
        <v>40</v>
      </c>
      <c r="T18463" s="5" t="s">
        <v>42</v>
      </c>
      <c r="U18463" s="2">
        <v>34.686999999999998</v>
      </c>
      <c r="V18463" s="2">
        <v>32.128</v>
      </c>
      <c r="W18463" s="2">
        <v>0.13</v>
      </c>
      <c r="X18463" s="2">
        <v>17</v>
      </c>
      <c r="Y18463" s="2">
        <v>68.7</v>
      </c>
      <c r="Z18463" s="2">
        <v>111.6</v>
      </c>
      <c r="AA18463" s="5">
        <v>7</v>
      </c>
      <c r="AB18463" s="5" t="s">
        <v>43</v>
      </c>
      <c r="AC18463" s="5" t="s">
        <v>735</v>
      </c>
      <c r="AD18463" s="2" t="s">
        <v>56685</v>
      </c>
      <c r="AE18463" s="1"/>
    </row>
    <row r="18464" spans="1:31" ht="14.45">
      <c r="A18464" s="11"/>
      <c r="B18464" s="20"/>
      <c r="C18464" s="2" t="s">
        <v>56686</v>
      </c>
      <c r="D18464" s="14" t="s">
        <v>56687</v>
      </c>
      <c r="E18464" s="2" t="s">
        <v>56688</v>
      </c>
      <c r="F18464" s="2" t="s">
        <v>56680</v>
      </c>
      <c r="G18464" s="8">
        <v>905</v>
      </c>
      <c r="H18464" s="5">
        <v>5</v>
      </c>
      <c r="I18464" s="5" t="s">
        <v>69</v>
      </c>
      <c r="J18464" s="5" t="s">
        <v>55802</v>
      </c>
      <c r="K18464" s="2" t="s">
        <v>55803</v>
      </c>
      <c r="L18464" s="5" t="s">
        <v>55802</v>
      </c>
      <c r="M18464" s="2" t="s">
        <v>55803</v>
      </c>
      <c r="N18464" s="5" t="s">
        <v>733</v>
      </c>
      <c r="O18464" s="5" t="s">
        <v>38</v>
      </c>
      <c r="P18464" s="5" t="s">
        <v>39</v>
      </c>
      <c r="Q18464" s="5" t="s">
        <v>40</v>
      </c>
      <c r="R18464" s="5" t="s">
        <v>897</v>
      </c>
      <c r="S18464" s="5" t="s">
        <v>40</v>
      </c>
      <c r="T18464" s="5" t="s">
        <v>42</v>
      </c>
      <c r="U18464" s="2">
        <v>34.853000000000002</v>
      </c>
      <c r="V18464" s="2">
        <v>32.207999999999998</v>
      </c>
      <c r="W18464" s="2">
        <v>0.13</v>
      </c>
      <c r="X18464" s="2">
        <v>17</v>
      </c>
      <c r="Y18464" s="2">
        <v>68.7</v>
      </c>
      <c r="Z18464" s="2">
        <v>111.6</v>
      </c>
      <c r="AA18464" s="5">
        <v>7</v>
      </c>
      <c r="AB18464" s="5" t="s">
        <v>43</v>
      </c>
      <c r="AC18464" s="5" t="s">
        <v>735</v>
      </c>
      <c r="AD18464" s="2" t="s">
        <v>56689</v>
      </c>
      <c r="AE18464" s="1"/>
    </row>
    <row r="18465" spans="1:31" ht="14.45">
      <c r="A18465" s="11"/>
      <c r="B18465" s="20"/>
      <c r="C18465" s="2" t="s">
        <v>56690</v>
      </c>
      <c r="D18465" s="14" t="s">
        <v>56691</v>
      </c>
      <c r="E18465" s="2" t="s">
        <v>56692</v>
      </c>
      <c r="F18465" s="2" t="s">
        <v>56693</v>
      </c>
      <c r="G18465" s="8">
        <v>1525</v>
      </c>
      <c r="H18465" s="5">
        <v>10</v>
      </c>
      <c r="I18465" s="5" t="s">
        <v>69</v>
      </c>
      <c r="J18465" s="5" t="s">
        <v>55802</v>
      </c>
      <c r="K18465" s="2" t="s">
        <v>55803</v>
      </c>
      <c r="L18465" s="5" t="s">
        <v>55802</v>
      </c>
      <c r="M18465" s="2" t="s">
        <v>55803</v>
      </c>
      <c r="N18465" s="5" t="s">
        <v>733</v>
      </c>
      <c r="O18465" s="5" t="s">
        <v>38</v>
      </c>
      <c r="P18465" s="5" t="s">
        <v>39</v>
      </c>
      <c r="Q18465" s="5" t="s">
        <v>40</v>
      </c>
      <c r="R18465" s="5" t="s">
        <v>897</v>
      </c>
      <c r="S18465" s="5" t="s">
        <v>40</v>
      </c>
      <c r="T18465" s="5" t="s">
        <v>42</v>
      </c>
      <c r="U18465" s="2">
        <v>41.372</v>
      </c>
      <c r="V18465" s="2">
        <v>38.813000000000002</v>
      </c>
      <c r="W18465" s="2">
        <v>0.13</v>
      </c>
      <c r="X18465" s="2">
        <v>17</v>
      </c>
      <c r="Y18465" s="2">
        <v>68.7</v>
      </c>
      <c r="Z18465" s="2">
        <v>111.6</v>
      </c>
      <c r="AA18465" s="5">
        <v>7</v>
      </c>
      <c r="AB18465" s="5" t="s">
        <v>43</v>
      </c>
      <c r="AC18465" s="5" t="s">
        <v>735</v>
      </c>
      <c r="AD18465" s="2" t="s">
        <v>56694</v>
      </c>
      <c r="AE18465" s="1"/>
    </row>
    <row r="18466" spans="1:31" ht="14.45">
      <c r="A18466" s="11"/>
      <c r="B18466" s="20"/>
      <c r="C18466" s="2" t="s">
        <v>56695</v>
      </c>
      <c r="D18466" s="14" t="s">
        <v>56696</v>
      </c>
      <c r="E18466" s="2" t="s">
        <v>56697</v>
      </c>
      <c r="F18466" s="2" t="s">
        <v>56698</v>
      </c>
      <c r="G18466" s="8">
        <v>1132</v>
      </c>
      <c r="H18466" s="5">
        <v>10</v>
      </c>
      <c r="I18466" s="5" t="s">
        <v>69</v>
      </c>
      <c r="J18466" s="5" t="s">
        <v>55802</v>
      </c>
      <c r="K18466" s="2" t="s">
        <v>55803</v>
      </c>
      <c r="L18466" s="5" t="s">
        <v>55802</v>
      </c>
      <c r="M18466" s="2" t="s">
        <v>55803</v>
      </c>
      <c r="N18466" s="5" t="s">
        <v>733</v>
      </c>
      <c r="O18466" s="5" t="s">
        <v>38</v>
      </c>
      <c r="P18466" s="5" t="s">
        <v>39</v>
      </c>
      <c r="Q18466" s="5" t="s">
        <v>40</v>
      </c>
      <c r="R18466" s="5" t="s">
        <v>897</v>
      </c>
      <c r="S18466" s="5" t="s">
        <v>40</v>
      </c>
      <c r="T18466" s="5" t="s">
        <v>42</v>
      </c>
      <c r="U18466" s="2">
        <v>35.377000000000002</v>
      </c>
      <c r="V18466" s="2">
        <v>32.936</v>
      </c>
      <c r="W18466" s="2">
        <v>0.13</v>
      </c>
      <c r="X18466" s="2">
        <v>17</v>
      </c>
      <c r="Y18466" s="2">
        <v>68.7</v>
      </c>
      <c r="Z18466" s="2">
        <v>111.6</v>
      </c>
      <c r="AA18466" s="5">
        <v>7</v>
      </c>
      <c r="AB18466" s="5" t="s">
        <v>43</v>
      </c>
      <c r="AC18466" s="5" t="s">
        <v>735</v>
      </c>
      <c r="AD18466" s="2" t="s">
        <v>56699</v>
      </c>
      <c r="AE18466" s="1"/>
    </row>
    <row r="18467" spans="1:31" ht="14.45">
      <c r="A18467" s="11"/>
      <c r="B18467" s="20"/>
      <c r="C18467" s="2" t="s">
        <v>56700</v>
      </c>
      <c r="D18467" s="14" t="s">
        <v>56701</v>
      </c>
      <c r="E18467" s="2" t="s">
        <v>56702</v>
      </c>
      <c r="F18467" s="2" t="s">
        <v>56703</v>
      </c>
      <c r="G18467" s="8">
        <v>1432</v>
      </c>
      <c r="H18467" s="5">
        <v>10</v>
      </c>
      <c r="I18467" s="5" t="s">
        <v>69</v>
      </c>
      <c r="J18467" s="5" t="s">
        <v>55802</v>
      </c>
      <c r="K18467" s="2" t="s">
        <v>55803</v>
      </c>
      <c r="L18467" s="5" t="s">
        <v>55802</v>
      </c>
      <c r="M18467" s="2" t="s">
        <v>55803</v>
      </c>
      <c r="N18467" s="5" t="s">
        <v>733</v>
      </c>
      <c r="O18467" s="5" t="s">
        <v>38</v>
      </c>
      <c r="P18467" s="5" t="s">
        <v>39</v>
      </c>
      <c r="Q18467" s="5" t="s">
        <v>40</v>
      </c>
      <c r="R18467" s="5" t="s">
        <v>897</v>
      </c>
      <c r="S18467" s="5" t="s">
        <v>40</v>
      </c>
      <c r="T18467" s="5" t="s">
        <v>42</v>
      </c>
      <c r="U18467" s="2">
        <v>37.270000000000003</v>
      </c>
      <c r="V18467" s="2">
        <v>34.710999999999999</v>
      </c>
      <c r="W18467" s="2">
        <v>0.13</v>
      </c>
      <c r="X18467" s="2">
        <v>17</v>
      </c>
      <c r="Y18467" s="2">
        <v>68.7</v>
      </c>
      <c r="Z18467" s="2">
        <v>111.6</v>
      </c>
      <c r="AA18467" s="5">
        <v>7</v>
      </c>
      <c r="AB18467" s="5" t="s">
        <v>43</v>
      </c>
      <c r="AC18467" s="5" t="s">
        <v>735</v>
      </c>
      <c r="AD18467" s="2" t="s">
        <v>56704</v>
      </c>
      <c r="AE18467" s="1"/>
    </row>
    <row r="18468" spans="1:31" ht="14.45">
      <c r="A18468" s="11"/>
      <c r="B18468" s="20"/>
      <c r="C18468" s="2" t="s">
        <v>56705</v>
      </c>
      <c r="D18468" s="14" t="s">
        <v>56706</v>
      </c>
      <c r="E18468" s="2" t="s">
        <v>56707</v>
      </c>
      <c r="F18468" s="2" t="s">
        <v>56708</v>
      </c>
      <c r="G18468" s="8">
        <v>1230</v>
      </c>
      <c r="H18468" s="5">
        <v>10</v>
      </c>
      <c r="I18468" s="5" t="s">
        <v>69</v>
      </c>
      <c r="J18468" s="5" t="s">
        <v>55802</v>
      </c>
      <c r="K18468" s="2" t="s">
        <v>55803</v>
      </c>
      <c r="L18468" s="5" t="s">
        <v>55802</v>
      </c>
      <c r="M18468" s="2" t="s">
        <v>55803</v>
      </c>
      <c r="N18468" s="5" t="s">
        <v>733</v>
      </c>
      <c r="O18468" s="5" t="s">
        <v>38</v>
      </c>
      <c r="P18468" s="5" t="s">
        <v>39</v>
      </c>
      <c r="Q18468" s="5" t="s">
        <v>40</v>
      </c>
      <c r="R18468" s="5" t="s">
        <v>897</v>
      </c>
      <c r="S18468" s="5" t="s">
        <v>40</v>
      </c>
      <c r="T18468" s="5" t="s">
        <v>42</v>
      </c>
      <c r="U18468" s="2">
        <v>33.584000000000003</v>
      </c>
      <c r="V18468" s="2">
        <v>31.018000000000001</v>
      </c>
      <c r="W18468" s="2">
        <v>0.13</v>
      </c>
      <c r="X18468" s="2">
        <v>17</v>
      </c>
      <c r="Y18468" s="2">
        <v>68.7</v>
      </c>
      <c r="Z18468" s="2">
        <v>111.6</v>
      </c>
      <c r="AA18468" s="5">
        <v>7</v>
      </c>
      <c r="AB18468" s="5" t="s">
        <v>43</v>
      </c>
      <c r="AC18468" s="5" t="s">
        <v>735</v>
      </c>
      <c r="AD18468" s="2" t="s">
        <v>56709</v>
      </c>
      <c r="AE18468" s="1"/>
    </row>
    <row r="18469" spans="1:31" ht="14.45">
      <c r="A18469" s="11"/>
      <c r="B18469" s="20"/>
      <c r="C18469" s="2" t="s">
        <v>56710</v>
      </c>
      <c r="D18469" s="14" t="s">
        <v>56711</v>
      </c>
      <c r="E18469" s="2" t="s">
        <v>56712</v>
      </c>
      <c r="F18469" s="2" t="s">
        <v>56713</v>
      </c>
      <c r="G18469" s="8">
        <v>1073</v>
      </c>
      <c r="H18469" s="5">
        <v>10</v>
      </c>
      <c r="I18469" s="5" t="s">
        <v>69</v>
      </c>
      <c r="J18469" s="5" t="s">
        <v>55802</v>
      </c>
      <c r="K18469" s="2" t="s">
        <v>55803</v>
      </c>
      <c r="L18469" s="5" t="s">
        <v>55802</v>
      </c>
      <c r="M18469" s="2" t="s">
        <v>55803</v>
      </c>
      <c r="N18469" s="5" t="s">
        <v>733</v>
      </c>
      <c r="O18469" s="5" t="s">
        <v>38</v>
      </c>
      <c r="P18469" s="5" t="s">
        <v>39</v>
      </c>
      <c r="Q18469" s="5" t="s">
        <v>40</v>
      </c>
      <c r="R18469" s="5" t="s">
        <v>897</v>
      </c>
      <c r="S18469" s="5" t="s">
        <v>40</v>
      </c>
      <c r="T18469" s="5" t="s">
        <v>42</v>
      </c>
      <c r="U18469" s="2">
        <v>35.356000000000002</v>
      </c>
      <c r="V18469" s="2">
        <v>32.914999999999999</v>
      </c>
      <c r="W18469" s="2">
        <v>0.13</v>
      </c>
      <c r="X18469" s="2">
        <v>17</v>
      </c>
      <c r="Y18469" s="2">
        <v>68.7</v>
      </c>
      <c r="Z18469" s="2">
        <v>111.6</v>
      </c>
      <c r="AA18469" s="5">
        <v>7</v>
      </c>
      <c r="AB18469" s="5" t="s">
        <v>43</v>
      </c>
      <c r="AC18469" s="5" t="s">
        <v>735</v>
      </c>
      <c r="AD18469" s="2" t="s">
        <v>56714</v>
      </c>
      <c r="AE18469" s="1"/>
    </row>
    <row r="18470" spans="1:31" ht="14.45">
      <c r="A18470" s="11"/>
      <c r="B18470" s="20"/>
      <c r="C18470" s="2" t="s">
        <v>56715</v>
      </c>
      <c r="D18470" s="14" t="s">
        <v>56716</v>
      </c>
      <c r="E18470" s="2" t="s">
        <v>56717</v>
      </c>
      <c r="F18470" s="2" t="s">
        <v>56713</v>
      </c>
      <c r="G18470" s="8">
        <v>1373</v>
      </c>
      <c r="H18470" s="5">
        <v>10</v>
      </c>
      <c r="I18470" s="5" t="s">
        <v>69</v>
      </c>
      <c r="J18470" s="5" t="s">
        <v>55802</v>
      </c>
      <c r="K18470" s="2" t="s">
        <v>55803</v>
      </c>
      <c r="L18470" s="5" t="s">
        <v>55802</v>
      </c>
      <c r="M18470" s="2" t="s">
        <v>55803</v>
      </c>
      <c r="N18470" s="5" t="s">
        <v>733</v>
      </c>
      <c r="O18470" s="5" t="s">
        <v>38</v>
      </c>
      <c r="P18470" s="5" t="s">
        <v>39</v>
      </c>
      <c r="Q18470" s="5" t="s">
        <v>40</v>
      </c>
      <c r="R18470" s="5" t="s">
        <v>897</v>
      </c>
      <c r="S18470" s="5" t="s">
        <v>40</v>
      </c>
      <c r="T18470" s="5" t="s">
        <v>42</v>
      </c>
      <c r="U18470" s="2">
        <v>37.249000000000002</v>
      </c>
      <c r="V18470" s="2">
        <v>34.69</v>
      </c>
      <c r="W18470" s="2">
        <v>0.13</v>
      </c>
      <c r="X18470" s="2">
        <v>17</v>
      </c>
      <c r="Y18470" s="2">
        <v>68.7</v>
      </c>
      <c r="Z18470" s="2">
        <v>111.6</v>
      </c>
      <c r="AA18470" s="5">
        <v>7</v>
      </c>
      <c r="AB18470" s="5" t="s">
        <v>43</v>
      </c>
      <c r="AC18470" s="5" t="s">
        <v>735</v>
      </c>
      <c r="AD18470" s="2" t="s">
        <v>56718</v>
      </c>
      <c r="AE18470" s="1"/>
    </row>
    <row r="18471" spans="1:31" ht="14.45">
      <c r="A18471" s="11"/>
      <c r="B18471" s="20"/>
      <c r="C18471" s="2" t="s">
        <v>56719</v>
      </c>
      <c r="D18471" s="14" t="s">
        <v>56720</v>
      </c>
      <c r="E18471" s="2" t="s">
        <v>56721</v>
      </c>
      <c r="F18471" s="2" t="s">
        <v>56722</v>
      </c>
      <c r="G18471" s="8">
        <v>1132</v>
      </c>
      <c r="H18471" s="5">
        <v>10</v>
      </c>
      <c r="I18471" s="5" t="s">
        <v>69</v>
      </c>
      <c r="J18471" s="5" t="s">
        <v>55802</v>
      </c>
      <c r="K18471" s="2" t="s">
        <v>55803</v>
      </c>
      <c r="L18471" s="5" t="s">
        <v>55802</v>
      </c>
      <c r="M18471" s="2" t="s">
        <v>55803</v>
      </c>
      <c r="N18471" s="5" t="s">
        <v>733</v>
      </c>
      <c r="O18471" s="5" t="s">
        <v>38</v>
      </c>
      <c r="P18471" s="5" t="s">
        <v>39</v>
      </c>
      <c r="Q18471" s="5" t="s">
        <v>40</v>
      </c>
      <c r="R18471" s="5" t="s">
        <v>897</v>
      </c>
      <c r="S18471" s="5" t="s">
        <v>40</v>
      </c>
      <c r="T18471" s="5" t="s">
        <v>42</v>
      </c>
      <c r="U18471" s="2">
        <v>34.662999999999997</v>
      </c>
      <c r="V18471" s="2">
        <v>32.222000000000001</v>
      </c>
      <c r="W18471" s="2">
        <v>0.13</v>
      </c>
      <c r="X18471" s="2">
        <v>17</v>
      </c>
      <c r="Y18471" s="2">
        <v>68.7</v>
      </c>
      <c r="Z18471" s="2">
        <v>111.6</v>
      </c>
      <c r="AA18471" s="5">
        <v>7</v>
      </c>
      <c r="AB18471" s="5" t="s">
        <v>43</v>
      </c>
      <c r="AC18471" s="5" t="s">
        <v>735</v>
      </c>
      <c r="AD18471" s="2" t="s">
        <v>56723</v>
      </c>
      <c r="AE18471" s="1"/>
    </row>
    <row r="18472" spans="1:31" ht="14.45">
      <c r="A18472" s="11"/>
      <c r="B18472" s="20"/>
      <c r="C18472" s="2" t="s">
        <v>56724</v>
      </c>
      <c r="D18472" s="14" t="s">
        <v>56725</v>
      </c>
      <c r="E18472" s="2" t="s">
        <v>56726</v>
      </c>
      <c r="F18472" s="2" t="s">
        <v>56727</v>
      </c>
      <c r="G18472" s="8">
        <v>1073</v>
      </c>
      <c r="H18472" s="5">
        <v>10</v>
      </c>
      <c r="I18472" s="5" t="s">
        <v>69</v>
      </c>
      <c r="J18472" s="5" t="s">
        <v>55802</v>
      </c>
      <c r="K18472" s="2" t="s">
        <v>55803</v>
      </c>
      <c r="L18472" s="5" t="s">
        <v>55802</v>
      </c>
      <c r="M18472" s="2" t="s">
        <v>55803</v>
      </c>
      <c r="N18472" s="5" t="s">
        <v>733</v>
      </c>
      <c r="O18472" s="5" t="s">
        <v>38</v>
      </c>
      <c r="P18472" s="5" t="s">
        <v>39</v>
      </c>
      <c r="Q18472" s="5" t="s">
        <v>40</v>
      </c>
      <c r="R18472" s="5" t="s">
        <v>897</v>
      </c>
      <c r="S18472" s="5" t="s">
        <v>40</v>
      </c>
      <c r="T18472" s="5" t="s">
        <v>42</v>
      </c>
      <c r="U18472" s="2">
        <v>34.642000000000003</v>
      </c>
      <c r="V18472" s="2">
        <v>32.201000000000001</v>
      </c>
      <c r="W18472" s="2">
        <v>0.13</v>
      </c>
      <c r="X18472" s="2">
        <v>17</v>
      </c>
      <c r="Y18472" s="2">
        <v>68.7</v>
      </c>
      <c r="Z18472" s="2">
        <v>111.6</v>
      </c>
      <c r="AA18472" s="5">
        <v>7</v>
      </c>
      <c r="AB18472" s="5" t="s">
        <v>43</v>
      </c>
      <c r="AC18472" s="5" t="s">
        <v>735</v>
      </c>
      <c r="AD18472" s="2" t="s">
        <v>56728</v>
      </c>
      <c r="AE18472" s="1"/>
    </row>
    <row r="18473" spans="1:31" ht="14.45">
      <c r="A18473" s="11"/>
      <c r="B18473" s="20"/>
      <c r="C18473" s="2" t="s">
        <v>56729</v>
      </c>
      <c r="D18473" s="14" t="s">
        <v>56730</v>
      </c>
      <c r="E18473" s="2" t="s">
        <v>56731</v>
      </c>
      <c r="F18473" s="2" t="s">
        <v>56732</v>
      </c>
      <c r="G18473" s="8">
        <v>757</v>
      </c>
      <c r="H18473" s="5">
        <v>10</v>
      </c>
      <c r="I18473" s="5" t="s">
        <v>69</v>
      </c>
      <c r="J18473" s="5" t="s">
        <v>55802</v>
      </c>
      <c r="K18473" s="2" t="s">
        <v>55803</v>
      </c>
      <c r="L18473" s="5" t="s">
        <v>55802</v>
      </c>
      <c r="M18473" s="2" t="s">
        <v>55803</v>
      </c>
      <c r="N18473" s="5" t="s">
        <v>733</v>
      </c>
      <c r="O18473" s="5" t="s">
        <v>38</v>
      </c>
      <c r="P18473" s="5" t="s">
        <v>39</v>
      </c>
      <c r="Q18473" s="5" t="s">
        <v>40</v>
      </c>
      <c r="R18473" s="5" t="s">
        <v>897</v>
      </c>
      <c r="S18473" s="5" t="s">
        <v>40</v>
      </c>
      <c r="T18473" s="5" t="s">
        <v>42</v>
      </c>
      <c r="U18473" s="2">
        <v>36.994999999999997</v>
      </c>
      <c r="V18473" s="2">
        <v>34.558999999999997</v>
      </c>
      <c r="W18473" s="2">
        <v>0.13</v>
      </c>
      <c r="X18473" s="2">
        <v>17</v>
      </c>
      <c r="Y18473" s="2">
        <v>68.7</v>
      </c>
      <c r="Z18473" s="2">
        <v>111.6</v>
      </c>
      <c r="AA18473" s="5">
        <v>7</v>
      </c>
      <c r="AB18473" s="5" t="s">
        <v>43</v>
      </c>
      <c r="AC18473" s="5" t="s">
        <v>735</v>
      </c>
      <c r="AD18473" s="2" t="s">
        <v>56733</v>
      </c>
      <c r="AE18473" s="1"/>
    </row>
    <row r="18474" spans="1:31" ht="14.45">
      <c r="A18474" s="11"/>
      <c r="B18474" s="20"/>
      <c r="C18474" s="2" t="s">
        <v>56734</v>
      </c>
      <c r="D18474" s="14" t="s">
        <v>56735</v>
      </c>
      <c r="E18474" s="2" t="s">
        <v>56736</v>
      </c>
      <c r="F18474" s="2" t="s">
        <v>56737</v>
      </c>
      <c r="G18474" s="8">
        <v>1057</v>
      </c>
      <c r="H18474" s="5">
        <v>10</v>
      </c>
      <c r="I18474" s="5" t="s">
        <v>69</v>
      </c>
      <c r="J18474" s="5" t="s">
        <v>55802</v>
      </c>
      <c r="K18474" s="2" t="s">
        <v>55803</v>
      </c>
      <c r="L18474" s="5" t="s">
        <v>55802</v>
      </c>
      <c r="M18474" s="2" t="s">
        <v>55803</v>
      </c>
      <c r="N18474" s="5" t="s">
        <v>733</v>
      </c>
      <c r="O18474" s="5" t="s">
        <v>38</v>
      </c>
      <c r="P18474" s="5" t="s">
        <v>39</v>
      </c>
      <c r="Q18474" s="5" t="s">
        <v>40</v>
      </c>
      <c r="R18474" s="5" t="s">
        <v>897</v>
      </c>
      <c r="S18474" s="5" t="s">
        <v>40</v>
      </c>
      <c r="T18474" s="5" t="s">
        <v>42</v>
      </c>
      <c r="U18474" s="2">
        <v>38.795999999999999</v>
      </c>
      <c r="V18474" s="2">
        <v>36.237000000000002</v>
      </c>
      <c r="W18474" s="2">
        <v>0.13</v>
      </c>
      <c r="X18474" s="2">
        <v>17</v>
      </c>
      <c r="Y18474" s="2">
        <v>68.7</v>
      </c>
      <c r="Z18474" s="2">
        <v>111.6</v>
      </c>
      <c r="AA18474" s="5">
        <v>7</v>
      </c>
      <c r="AB18474" s="5" t="s">
        <v>43</v>
      </c>
      <c r="AC18474" s="5" t="s">
        <v>735</v>
      </c>
      <c r="AD18474" s="2" t="s">
        <v>56738</v>
      </c>
      <c r="AE18474" s="1"/>
    </row>
    <row r="18475" spans="1:31" ht="14.45">
      <c r="A18475" s="11"/>
      <c r="B18475" s="20"/>
      <c r="C18475" s="2" t="s">
        <v>56739</v>
      </c>
      <c r="D18475" s="14" t="s">
        <v>56740</v>
      </c>
      <c r="E18475" s="2" t="s">
        <v>56741</v>
      </c>
      <c r="F18475" s="2" t="s">
        <v>56742</v>
      </c>
      <c r="G18475" s="8">
        <v>664</v>
      </c>
      <c r="H18475" s="5">
        <v>10</v>
      </c>
      <c r="I18475" s="5" t="s">
        <v>69</v>
      </c>
      <c r="J18475" s="5" t="s">
        <v>55802</v>
      </c>
      <c r="K18475" s="2" t="s">
        <v>55803</v>
      </c>
      <c r="L18475" s="5" t="s">
        <v>55802</v>
      </c>
      <c r="M18475" s="2" t="s">
        <v>55803</v>
      </c>
      <c r="N18475" s="5" t="s">
        <v>733</v>
      </c>
      <c r="O18475" s="5" t="s">
        <v>38</v>
      </c>
      <c r="P18475" s="5" t="s">
        <v>39</v>
      </c>
      <c r="Q18475" s="5" t="s">
        <v>40</v>
      </c>
      <c r="R18475" s="5" t="s">
        <v>897</v>
      </c>
      <c r="S18475" s="5" t="s">
        <v>40</v>
      </c>
      <c r="T18475" s="5" t="s">
        <v>42</v>
      </c>
      <c r="U18475" s="2">
        <v>33.128</v>
      </c>
      <c r="V18475" s="2">
        <v>30.692</v>
      </c>
      <c r="W18475" s="2">
        <v>0.13</v>
      </c>
      <c r="X18475" s="2">
        <v>17</v>
      </c>
      <c r="Y18475" s="2">
        <v>68.7</v>
      </c>
      <c r="Z18475" s="2">
        <v>111.6</v>
      </c>
      <c r="AA18475" s="5">
        <v>7</v>
      </c>
      <c r="AB18475" s="5" t="s">
        <v>43</v>
      </c>
      <c r="AC18475" s="5" t="s">
        <v>735</v>
      </c>
      <c r="AD18475" s="2" t="s">
        <v>56743</v>
      </c>
      <c r="AE18475" s="1"/>
    </row>
    <row r="18476" spans="1:31" ht="14.45">
      <c r="A18476" s="11"/>
      <c r="B18476" s="20"/>
      <c r="C18476" s="2" t="s">
        <v>56744</v>
      </c>
      <c r="D18476" s="14" t="s">
        <v>56745</v>
      </c>
      <c r="E18476" s="2" t="s">
        <v>56746</v>
      </c>
      <c r="F18476" s="2" t="s">
        <v>56747</v>
      </c>
      <c r="G18476" s="8">
        <v>964</v>
      </c>
      <c r="H18476" s="5">
        <v>10</v>
      </c>
      <c r="I18476" s="5" t="s">
        <v>69</v>
      </c>
      <c r="J18476" s="5" t="s">
        <v>55802</v>
      </c>
      <c r="K18476" s="2" t="s">
        <v>55803</v>
      </c>
      <c r="L18476" s="5" t="s">
        <v>55802</v>
      </c>
      <c r="M18476" s="2" t="s">
        <v>55803</v>
      </c>
      <c r="N18476" s="5" t="s">
        <v>733</v>
      </c>
      <c r="O18476" s="5" t="s">
        <v>38</v>
      </c>
      <c r="P18476" s="5" t="s">
        <v>39</v>
      </c>
      <c r="Q18476" s="5" t="s">
        <v>40</v>
      </c>
      <c r="R18476" s="5" t="s">
        <v>897</v>
      </c>
      <c r="S18476" s="5" t="s">
        <v>40</v>
      </c>
      <c r="T18476" s="5" t="s">
        <v>42</v>
      </c>
      <c r="U18476" s="2">
        <v>34.722999999999999</v>
      </c>
      <c r="V18476" s="2">
        <v>32.164000000000001</v>
      </c>
      <c r="W18476" s="2">
        <v>0.13</v>
      </c>
      <c r="X18476" s="2">
        <v>17</v>
      </c>
      <c r="Y18476" s="2">
        <v>68.7</v>
      </c>
      <c r="Z18476" s="2">
        <v>111.6</v>
      </c>
      <c r="AA18476" s="5">
        <v>7</v>
      </c>
      <c r="AB18476" s="5" t="s">
        <v>43</v>
      </c>
      <c r="AC18476" s="5" t="s">
        <v>735</v>
      </c>
      <c r="AD18476" s="2" t="s">
        <v>56748</v>
      </c>
      <c r="AE18476" s="1"/>
    </row>
    <row r="18477" spans="1:31" ht="14.45">
      <c r="A18477" s="11"/>
      <c r="B18477" s="20"/>
      <c r="C18477" s="2" t="s">
        <v>56749</v>
      </c>
      <c r="D18477" s="14" t="s">
        <v>56750</v>
      </c>
      <c r="E18477" s="2" t="s">
        <v>56751</v>
      </c>
      <c r="F18477" s="2" t="s">
        <v>56752</v>
      </c>
      <c r="G18477" s="8">
        <v>757</v>
      </c>
      <c r="H18477" s="5">
        <v>10</v>
      </c>
      <c r="I18477" s="5" t="s">
        <v>69</v>
      </c>
      <c r="J18477" s="5" t="s">
        <v>55802</v>
      </c>
      <c r="K18477" s="2" t="s">
        <v>55803</v>
      </c>
      <c r="L18477" s="5" t="s">
        <v>55802</v>
      </c>
      <c r="M18477" s="2" t="s">
        <v>55803</v>
      </c>
      <c r="N18477" s="5" t="s">
        <v>733</v>
      </c>
      <c r="O18477" s="5" t="s">
        <v>38</v>
      </c>
      <c r="P18477" s="5" t="s">
        <v>39</v>
      </c>
      <c r="Q18477" s="5" t="s">
        <v>40</v>
      </c>
      <c r="R18477" s="5" t="s">
        <v>897</v>
      </c>
      <c r="S18477" s="5" t="s">
        <v>40</v>
      </c>
      <c r="T18477" s="5" t="s">
        <v>42</v>
      </c>
      <c r="U18477" s="2">
        <v>32.709000000000003</v>
      </c>
      <c r="V18477" s="2">
        <v>30.268000000000001</v>
      </c>
      <c r="W18477" s="2">
        <v>0.13</v>
      </c>
      <c r="X18477" s="2">
        <v>17</v>
      </c>
      <c r="Y18477" s="2">
        <v>68.7</v>
      </c>
      <c r="Z18477" s="2">
        <v>111.6</v>
      </c>
      <c r="AA18477" s="5">
        <v>7</v>
      </c>
      <c r="AB18477" s="5" t="s">
        <v>43</v>
      </c>
      <c r="AC18477" s="5" t="s">
        <v>735</v>
      </c>
      <c r="AD18477" s="2" t="s">
        <v>56753</v>
      </c>
      <c r="AE18477" s="1"/>
    </row>
    <row r="18478" spans="1:31" ht="14.45">
      <c r="A18478" s="11"/>
      <c r="B18478" s="20"/>
      <c r="C18478" s="2" t="s">
        <v>56754</v>
      </c>
      <c r="D18478" s="14" t="s">
        <v>56755</v>
      </c>
      <c r="E18478" s="2" t="s">
        <v>56756</v>
      </c>
      <c r="F18478" s="2" t="s">
        <v>56752</v>
      </c>
      <c r="G18478" s="8">
        <v>1057</v>
      </c>
      <c r="H18478" s="5">
        <v>10</v>
      </c>
      <c r="I18478" s="5" t="s">
        <v>69</v>
      </c>
      <c r="J18478" s="5" t="s">
        <v>55802</v>
      </c>
      <c r="K18478" s="2" t="s">
        <v>55803</v>
      </c>
      <c r="L18478" s="5" t="s">
        <v>55802</v>
      </c>
      <c r="M18478" s="2" t="s">
        <v>55803</v>
      </c>
      <c r="N18478" s="5" t="s">
        <v>733</v>
      </c>
      <c r="O18478" s="5" t="s">
        <v>38</v>
      </c>
      <c r="P18478" s="5" t="s">
        <v>39</v>
      </c>
      <c r="Q18478" s="5" t="s">
        <v>40</v>
      </c>
      <c r="R18478" s="5" t="s">
        <v>897</v>
      </c>
      <c r="S18478" s="5" t="s">
        <v>40</v>
      </c>
      <c r="T18478" s="5" t="s">
        <v>42</v>
      </c>
      <c r="U18478" s="2">
        <v>34.601999999999997</v>
      </c>
      <c r="V18478" s="2">
        <v>32.042999999999999</v>
      </c>
      <c r="W18478" s="2">
        <v>0.13</v>
      </c>
      <c r="X18478" s="2">
        <v>17</v>
      </c>
      <c r="Y18478" s="2">
        <v>68.7</v>
      </c>
      <c r="Z18478" s="2">
        <v>111.6</v>
      </c>
      <c r="AA18478" s="5">
        <v>7</v>
      </c>
      <c r="AB18478" s="5" t="s">
        <v>43</v>
      </c>
      <c r="AC18478" s="5" t="s">
        <v>735</v>
      </c>
      <c r="AD18478" s="2" t="s">
        <v>56757</v>
      </c>
      <c r="AE18478" s="1"/>
    </row>
    <row r="18479" spans="1:31" ht="14.45">
      <c r="A18479" s="11"/>
      <c r="B18479" s="20"/>
      <c r="C18479" s="2" t="s">
        <v>56758</v>
      </c>
      <c r="D18479" s="14" t="s">
        <v>56759</v>
      </c>
      <c r="E18479" s="2" t="s">
        <v>56760</v>
      </c>
      <c r="F18479" s="2" t="s">
        <v>56761</v>
      </c>
      <c r="G18479" s="8">
        <v>575</v>
      </c>
      <c r="H18479" s="5">
        <v>10</v>
      </c>
      <c r="I18479" s="5" t="s">
        <v>69</v>
      </c>
      <c r="J18479" s="5" t="s">
        <v>55802</v>
      </c>
      <c r="K18479" s="2" t="s">
        <v>55803</v>
      </c>
      <c r="L18479" s="5" t="s">
        <v>55802</v>
      </c>
      <c r="M18479" s="2" t="s">
        <v>55803</v>
      </c>
      <c r="N18479" s="5" t="s">
        <v>733</v>
      </c>
      <c r="O18479" s="5" t="s">
        <v>38</v>
      </c>
      <c r="P18479" s="5" t="s">
        <v>39</v>
      </c>
      <c r="Q18479" s="5" t="s">
        <v>40</v>
      </c>
      <c r="R18479" s="5" t="s">
        <v>897</v>
      </c>
      <c r="S18479" s="5" t="s">
        <v>40</v>
      </c>
      <c r="T18479" s="5" t="s">
        <v>42</v>
      </c>
      <c r="U18479" s="2">
        <v>32.841999999999999</v>
      </c>
      <c r="V18479" s="2">
        <v>30.401</v>
      </c>
      <c r="W18479" s="2">
        <v>0.13</v>
      </c>
      <c r="X18479" s="2">
        <v>17</v>
      </c>
      <c r="Y18479" s="2">
        <v>68.7</v>
      </c>
      <c r="Z18479" s="2">
        <v>111.6</v>
      </c>
      <c r="AA18479" s="5">
        <v>7</v>
      </c>
      <c r="AB18479" s="5" t="s">
        <v>43</v>
      </c>
      <c r="AC18479" s="5" t="s">
        <v>735</v>
      </c>
      <c r="AD18479" s="2" t="s">
        <v>56762</v>
      </c>
      <c r="AE18479" s="1"/>
    </row>
    <row r="18480" spans="1:31" ht="14.45">
      <c r="A18480" s="11"/>
      <c r="B18480" s="20"/>
      <c r="C18480" s="2" t="s">
        <v>56763</v>
      </c>
      <c r="D18480" s="14" t="s">
        <v>56764</v>
      </c>
      <c r="E18480" s="2" t="s">
        <v>56765</v>
      </c>
      <c r="F18480" s="2" t="s">
        <v>56761</v>
      </c>
      <c r="G18480" s="8">
        <v>875</v>
      </c>
      <c r="H18480" s="5">
        <v>10</v>
      </c>
      <c r="I18480" s="5" t="s">
        <v>69</v>
      </c>
      <c r="J18480" s="5" t="s">
        <v>55802</v>
      </c>
      <c r="K18480" s="2" t="s">
        <v>55803</v>
      </c>
      <c r="L18480" s="5" t="s">
        <v>55802</v>
      </c>
      <c r="M18480" s="2" t="s">
        <v>55803</v>
      </c>
      <c r="N18480" s="5" t="s">
        <v>733</v>
      </c>
      <c r="O18480" s="5" t="s">
        <v>38</v>
      </c>
      <c r="P18480" s="5" t="s">
        <v>39</v>
      </c>
      <c r="Q18480" s="5" t="s">
        <v>40</v>
      </c>
      <c r="R18480" s="5" t="s">
        <v>897</v>
      </c>
      <c r="S18480" s="5" t="s">
        <v>40</v>
      </c>
      <c r="T18480" s="5" t="s">
        <v>42</v>
      </c>
      <c r="U18480" s="2">
        <v>34.734999999999999</v>
      </c>
      <c r="V18480" s="2">
        <v>32.176000000000002</v>
      </c>
      <c r="W18480" s="2">
        <v>0.13</v>
      </c>
      <c r="X18480" s="2">
        <v>17</v>
      </c>
      <c r="Y18480" s="2">
        <v>68.7</v>
      </c>
      <c r="Z18480" s="2">
        <v>111.6</v>
      </c>
      <c r="AA18480" s="5">
        <v>7</v>
      </c>
      <c r="AB18480" s="5" t="s">
        <v>43</v>
      </c>
      <c r="AC18480" s="5" t="s">
        <v>735</v>
      </c>
      <c r="AD18480" s="2" t="s">
        <v>56766</v>
      </c>
      <c r="AE18480" s="1"/>
    </row>
    <row r="18481" spans="1:31" ht="14.45">
      <c r="A18481" s="11"/>
      <c r="B18481" s="20"/>
      <c r="C18481" s="2" t="s">
        <v>56767</v>
      </c>
      <c r="D18481" s="14" t="s">
        <v>56768</v>
      </c>
      <c r="E18481" s="2" t="s">
        <v>56769</v>
      </c>
      <c r="F18481" s="2" t="s">
        <v>56770</v>
      </c>
      <c r="G18481" s="8">
        <v>462</v>
      </c>
      <c r="H18481" s="5">
        <v>5</v>
      </c>
      <c r="I18481" s="5" t="s">
        <v>69</v>
      </c>
      <c r="J18481" s="5" t="s">
        <v>55802</v>
      </c>
      <c r="K18481" s="2" t="s">
        <v>55803</v>
      </c>
      <c r="L18481" s="5" t="s">
        <v>55802</v>
      </c>
      <c r="M18481" s="2" t="s">
        <v>55803</v>
      </c>
      <c r="N18481" s="5" t="s">
        <v>733</v>
      </c>
      <c r="O18481" s="5" t="s">
        <v>38</v>
      </c>
      <c r="P18481" s="5" t="s">
        <v>39</v>
      </c>
      <c r="Q18481" s="5" t="s">
        <v>40</v>
      </c>
      <c r="R18481" s="5" t="s">
        <v>897</v>
      </c>
      <c r="S18481" s="5" t="s">
        <v>40</v>
      </c>
      <c r="T18481" s="5" t="s">
        <v>42</v>
      </c>
      <c r="U18481" s="2">
        <v>29.405999999999999</v>
      </c>
      <c r="V18481" s="2">
        <v>26.97</v>
      </c>
      <c r="W18481" s="2">
        <v>0.13</v>
      </c>
      <c r="X18481" s="2">
        <v>17</v>
      </c>
      <c r="Y18481" s="2">
        <v>68.7</v>
      </c>
      <c r="Z18481" s="2">
        <v>111.6</v>
      </c>
      <c r="AA18481" s="5">
        <v>7</v>
      </c>
      <c r="AB18481" s="5" t="s">
        <v>43</v>
      </c>
      <c r="AC18481" s="5" t="s">
        <v>735</v>
      </c>
      <c r="AD18481" s="2" t="s">
        <v>56771</v>
      </c>
      <c r="AE18481" s="1"/>
    </row>
    <row r="18482" spans="1:31" ht="14.45">
      <c r="A18482" s="11"/>
      <c r="B18482" s="20"/>
      <c r="C18482" s="2" t="s">
        <v>56772</v>
      </c>
      <c r="D18482" s="14" t="s">
        <v>56773</v>
      </c>
      <c r="E18482" s="2" t="s">
        <v>56774</v>
      </c>
      <c r="F18482" s="2" t="s">
        <v>56770</v>
      </c>
      <c r="G18482" s="8">
        <v>762</v>
      </c>
      <c r="H18482" s="5">
        <v>5</v>
      </c>
      <c r="I18482" s="5" t="s">
        <v>69</v>
      </c>
      <c r="J18482" s="5" t="s">
        <v>55802</v>
      </c>
      <c r="K18482" s="2" t="s">
        <v>55803</v>
      </c>
      <c r="L18482" s="5" t="s">
        <v>55802</v>
      </c>
      <c r="M18482" s="2" t="s">
        <v>55803</v>
      </c>
      <c r="N18482" s="5" t="s">
        <v>733</v>
      </c>
      <c r="O18482" s="5" t="s">
        <v>38</v>
      </c>
      <c r="P18482" s="5" t="s">
        <v>39</v>
      </c>
      <c r="Q18482" s="5" t="s">
        <v>40</v>
      </c>
      <c r="R18482" s="5" t="s">
        <v>897</v>
      </c>
      <c r="S18482" s="5" t="s">
        <v>40</v>
      </c>
      <c r="T18482" s="5" t="s">
        <v>42</v>
      </c>
      <c r="U18482" s="2">
        <v>31.007999999999999</v>
      </c>
      <c r="V18482" s="2">
        <v>28.442</v>
      </c>
      <c r="W18482" s="2">
        <v>0.13</v>
      </c>
      <c r="X18482" s="2">
        <v>17</v>
      </c>
      <c r="Y18482" s="2">
        <v>68.7</v>
      </c>
      <c r="Z18482" s="2">
        <v>111.6</v>
      </c>
      <c r="AA18482" s="5">
        <v>7</v>
      </c>
      <c r="AB18482" s="5" t="s">
        <v>43</v>
      </c>
      <c r="AC18482" s="5" t="s">
        <v>735</v>
      </c>
      <c r="AD18482" s="2" t="s">
        <v>56775</v>
      </c>
      <c r="AE18482" s="1"/>
    </row>
    <row r="18483" spans="1:31" ht="14.45">
      <c r="A18483" s="11"/>
      <c r="B18483" s="20"/>
      <c r="C18483" s="2" t="s">
        <v>56776</v>
      </c>
      <c r="D18483" s="14" t="s">
        <v>56777</v>
      </c>
      <c r="E18483" s="2" t="s">
        <v>56778</v>
      </c>
      <c r="F18483" s="2" t="s">
        <v>56770</v>
      </c>
      <c r="G18483" s="8">
        <v>762</v>
      </c>
      <c r="H18483" s="5">
        <v>10</v>
      </c>
      <c r="I18483" s="5" t="s">
        <v>69</v>
      </c>
      <c r="J18483" s="5" t="s">
        <v>55802</v>
      </c>
      <c r="K18483" s="2" t="s">
        <v>55803</v>
      </c>
      <c r="L18483" s="5" t="s">
        <v>55802</v>
      </c>
      <c r="M18483" s="2" t="s">
        <v>55803</v>
      </c>
      <c r="N18483" s="5" t="s">
        <v>733</v>
      </c>
      <c r="O18483" s="5" t="s">
        <v>38</v>
      </c>
      <c r="P18483" s="5" t="s">
        <v>39</v>
      </c>
      <c r="Q18483" s="5" t="s">
        <v>40</v>
      </c>
      <c r="R18483" s="5" t="s">
        <v>897</v>
      </c>
      <c r="S18483" s="5" t="s">
        <v>40</v>
      </c>
      <c r="T18483" s="5" t="s">
        <v>42</v>
      </c>
      <c r="U18483" s="2">
        <v>31.138999999999999</v>
      </c>
      <c r="V18483" s="2">
        <v>28.486999999999998</v>
      </c>
      <c r="W18483" s="2">
        <v>0.13</v>
      </c>
      <c r="X18483" s="2">
        <v>17</v>
      </c>
      <c r="Y18483" s="2">
        <v>68.7</v>
      </c>
      <c r="Z18483" s="2">
        <v>111.6</v>
      </c>
      <c r="AA18483" s="5">
        <v>7</v>
      </c>
      <c r="AB18483" s="5" t="s">
        <v>43</v>
      </c>
      <c r="AC18483" s="5" t="s">
        <v>735</v>
      </c>
      <c r="AD18483" s="2" t="s">
        <v>56779</v>
      </c>
      <c r="AE18483" s="1"/>
    </row>
    <row r="18484" spans="1:31" ht="14.45">
      <c r="A18484" s="11"/>
      <c r="B18484" s="20"/>
      <c r="C18484" s="2" t="s">
        <v>56780</v>
      </c>
      <c r="D18484" s="14" t="s">
        <v>56781</v>
      </c>
      <c r="E18484" s="2" t="s">
        <v>56782</v>
      </c>
      <c r="F18484" s="2" t="s">
        <v>56783</v>
      </c>
      <c r="G18484" s="8">
        <v>605</v>
      </c>
      <c r="H18484" s="5">
        <v>5</v>
      </c>
      <c r="I18484" s="5" t="s">
        <v>69</v>
      </c>
      <c r="J18484" s="5" t="s">
        <v>55802</v>
      </c>
      <c r="K18484" s="2" t="s">
        <v>55803</v>
      </c>
      <c r="L18484" s="5" t="s">
        <v>55802</v>
      </c>
      <c r="M18484" s="2" t="s">
        <v>55803</v>
      </c>
      <c r="N18484" s="5" t="s">
        <v>733</v>
      </c>
      <c r="O18484" s="5" t="s">
        <v>38</v>
      </c>
      <c r="P18484" s="5" t="s">
        <v>39</v>
      </c>
      <c r="Q18484" s="5" t="s">
        <v>40</v>
      </c>
      <c r="R18484" s="5" t="s">
        <v>897</v>
      </c>
      <c r="S18484" s="5" t="s">
        <v>40</v>
      </c>
      <c r="T18484" s="5" t="s">
        <v>42</v>
      </c>
      <c r="U18484" s="2">
        <v>32.808999999999997</v>
      </c>
      <c r="V18484" s="2">
        <v>30.367999999999999</v>
      </c>
      <c r="W18484" s="2">
        <v>0.13</v>
      </c>
      <c r="X18484" s="2">
        <v>17</v>
      </c>
      <c r="Y18484" s="2">
        <v>68.7</v>
      </c>
      <c r="Z18484" s="2">
        <v>111.6</v>
      </c>
      <c r="AA18484" s="5">
        <v>7</v>
      </c>
      <c r="AB18484" s="5" t="s">
        <v>43</v>
      </c>
      <c r="AC18484" s="5" t="s">
        <v>735</v>
      </c>
      <c r="AD18484" s="2" t="s">
        <v>56784</v>
      </c>
      <c r="AE18484" s="1"/>
    </row>
    <row r="18485" spans="1:31" ht="14.45">
      <c r="A18485" s="11"/>
      <c r="B18485" s="20"/>
      <c r="C18485" s="2" t="s">
        <v>56785</v>
      </c>
      <c r="D18485" s="14" t="s">
        <v>56786</v>
      </c>
      <c r="E18485" s="2" t="s">
        <v>56787</v>
      </c>
      <c r="F18485" s="2" t="s">
        <v>56783</v>
      </c>
      <c r="G18485" s="8">
        <v>905</v>
      </c>
      <c r="H18485" s="5">
        <v>5</v>
      </c>
      <c r="I18485" s="5" t="s">
        <v>69</v>
      </c>
      <c r="J18485" s="5" t="s">
        <v>55802</v>
      </c>
      <c r="K18485" s="2" t="s">
        <v>55803</v>
      </c>
      <c r="L18485" s="5" t="s">
        <v>55802</v>
      </c>
      <c r="M18485" s="2" t="s">
        <v>55803</v>
      </c>
      <c r="N18485" s="5" t="s">
        <v>733</v>
      </c>
      <c r="O18485" s="5" t="s">
        <v>38</v>
      </c>
      <c r="P18485" s="5" t="s">
        <v>39</v>
      </c>
      <c r="Q18485" s="5" t="s">
        <v>40</v>
      </c>
      <c r="R18485" s="5" t="s">
        <v>897</v>
      </c>
      <c r="S18485" s="5" t="s">
        <v>40</v>
      </c>
      <c r="T18485" s="5" t="s">
        <v>42</v>
      </c>
      <c r="U18485" s="2">
        <v>34.701999999999998</v>
      </c>
      <c r="V18485" s="2">
        <v>32.143000000000001</v>
      </c>
      <c r="W18485" s="2">
        <v>0.13</v>
      </c>
      <c r="X18485" s="2">
        <v>17</v>
      </c>
      <c r="Y18485" s="2">
        <v>68.7</v>
      </c>
      <c r="Z18485" s="2">
        <v>111.6</v>
      </c>
      <c r="AA18485" s="5">
        <v>7</v>
      </c>
      <c r="AB18485" s="5" t="s">
        <v>43</v>
      </c>
      <c r="AC18485" s="5" t="s">
        <v>735</v>
      </c>
      <c r="AD18485" s="2" t="s">
        <v>56788</v>
      </c>
      <c r="AE18485" s="1"/>
    </row>
    <row r="18486" spans="1:31" ht="14.45">
      <c r="A18486" s="11"/>
      <c r="B18486" s="20"/>
      <c r="C18486" s="2" t="s">
        <v>56789</v>
      </c>
      <c r="D18486" s="14" t="s">
        <v>56790</v>
      </c>
      <c r="E18486" s="2" t="s">
        <v>56791</v>
      </c>
      <c r="F18486" s="2" t="s">
        <v>56783</v>
      </c>
      <c r="G18486" s="8">
        <v>905</v>
      </c>
      <c r="H18486" s="5">
        <v>5</v>
      </c>
      <c r="I18486" s="5" t="s">
        <v>69</v>
      </c>
      <c r="J18486" s="5" t="s">
        <v>55802</v>
      </c>
      <c r="K18486" s="2" t="s">
        <v>55803</v>
      </c>
      <c r="L18486" s="5" t="s">
        <v>55802</v>
      </c>
      <c r="M18486" s="2" t="s">
        <v>55803</v>
      </c>
      <c r="N18486" s="5" t="s">
        <v>733</v>
      </c>
      <c r="O18486" s="5" t="s">
        <v>38</v>
      </c>
      <c r="P18486" s="5" t="s">
        <v>39</v>
      </c>
      <c r="Q18486" s="5" t="s">
        <v>40</v>
      </c>
      <c r="R18486" s="5" t="s">
        <v>897</v>
      </c>
      <c r="S18486" s="5" t="s">
        <v>40</v>
      </c>
      <c r="T18486" s="5" t="s">
        <v>42</v>
      </c>
      <c r="U18486" s="2">
        <v>34.866</v>
      </c>
      <c r="V18486" s="2">
        <v>32.220999999999997</v>
      </c>
      <c r="W18486" s="2">
        <v>0.13</v>
      </c>
      <c r="X18486" s="2">
        <v>17</v>
      </c>
      <c r="Y18486" s="2">
        <v>68.7</v>
      </c>
      <c r="Z18486" s="2">
        <v>111.6</v>
      </c>
      <c r="AA18486" s="5">
        <v>7</v>
      </c>
      <c r="AB18486" s="5" t="s">
        <v>43</v>
      </c>
      <c r="AC18486" s="5" t="s">
        <v>735</v>
      </c>
      <c r="AD18486" s="2" t="s">
        <v>56792</v>
      </c>
      <c r="AE18486" s="1"/>
    </row>
    <row r="18487" spans="1:31" ht="14.45">
      <c r="A18487" s="11"/>
      <c r="B18487" s="20"/>
      <c r="C18487" s="2" t="s">
        <v>56793</v>
      </c>
      <c r="D18487" s="14" t="s">
        <v>56794</v>
      </c>
      <c r="E18487" s="2" t="s">
        <v>56795</v>
      </c>
      <c r="F18487" s="2" t="s">
        <v>56796</v>
      </c>
      <c r="G18487" s="8">
        <v>1132</v>
      </c>
      <c r="H18487" s="5">
        <v>10</v>
      </c>
      <c r="I18487" s="5" t="s">
        <v>69</v>
      </c>
      <c r="J18487" s="5" t="s">
        <v>55802</v>
      </c>
      <c r="K18487" s="2" t="s">
        <v>55803</v>
      </c>
      <c r="L18487" s="5" t="s">
        <v>55802</v>
      </c>
      <c r="M18487" s="2" t="s">
        <v>55803</v>
      </c>
      <c r="N18487" s="5" t="s">
        <v>733</v>
      </c>
      <c r="O18487" s="5" t="s">
        <v>38</v>
      </c>
      <c r="P18487" s="5" t="s">
        <v>39</v>
      </c>
      <c r="Q18487" s="5" t="s">
        <v>40</v>
      </c>
      <c r="R18487" s="5" t="s">
        <v>897</v>
      </c>
      <c r="S18487" s="5" t="s">
        <v>40</v>
      </c>
      <c r="T18487" s="5" t="s">
        <v>42</v>
      </c>
      <c r="U18487" s="2">
        <v>35.392000000000003</v>
      </c>
      <c r="V18487" s="2">
        <v>32.951000000000001</v>
      </c>
      <c r="W18487" s="2">
        <v>0.13</v>
      </c>
      <c r="X18487" s="2">
        <v>17</v>
      </c>
      <c r="Y18487" s="2">
        <v>68.7</v>
      </c>
      <c r="Z18487" s="2">
        <v>111.6</v>
      </c>
      <c r="AA18487" s="5">
        <v>7</v>
      </c>
      <c r="AB18487" s="5" t="s">
        <v>43</v>
      </c>
      <c r="AC18487" s="5" t="s">
        <v>735</v>
      </c>
      <c r="AD18487" s="2" t="s">
        <v>56797</v>
      </c>
      <c r="AE18487" s="1"/>
    </row>
    <row r="18488" spans="1:31" ht="14.45">
      <c r="A18488" s="11"/>
      <c r="B18488" s="20"/>
      <c r="C18488" s="2" t="s">
        <v>56798</v>
      </c>
      <c r="D18488" s="14" t="s">
        <v>56799</v>
      </c>
      <c r="E18488" s="2" t="s">
        <v>56800</v>
      </c>
      <c r="F18488" s="2" t="s">
        <v>56801</v>
      </c>
      <c r="G18488" s="8">
        <v>1432</v>
      </c>
      <c r="H18488" s="5">
        <v>10</v>
      </c>
      <c r="I18488" s="5" t="s">
        <v>69</v>
      </c>
      <c r="J18488" s="5" t="s">
        <v>55802</v>
      </c>
      <c r="K18488" s="2" t="s">
        <v>55803</v>
      </c>
      <c r="L18488" s="5" t="s">
        <v>55802</v>
      </c>
      <c r="M18488" s="2" t="s">
        <v>55803</v>
      </c>
      <c r="N18488" s="5" t="s">
        <v>733</v>
      </c>
      <c r="O18488" s="5" t="s">
        <v>38</v>
      </c>
      <c r="P18488" s="5" t="s">
        <v>39</v>
      </c>
      <c r="Q18488" s="5" t="s">
        <v>40</v>
      </c>
      <c r="R18488" s="5" t="s">
        <v>897</v>
      </c>
      <c r="S18488" s="5" t="s">
        <v>40</v>
      </c>
      <c r="T18488" s="5" t="s">
        <v>42</v>
      </c>
      <c r="U18488" s="2">
        <v>37.284999999999997</v>
      </c>
      <c r="V18488" s="2">
        <v>34.725999999999999</v>
      </c>
      <c r="W18488" s="2">
        <v>0.13</v>
      </c>
      <c r="X18488" s="2">
        <v>17</v>
      </c>
      <c r="Y18488" s="2">
        <v>68.7</v>
      </c>
      <c r="Z18488" s="2">
        <v>111.6</v>
      </c>
      <c r="AA18488" s="5">
        <v>7</v>
      </c>
      <c r="AB18488" s="5" t="s">
        <v>43</v>
      </c>
      <c r="AC18488" s="5" t="s">
        <v>735</v>
      </c>
      <c r="AD18488" s="2" t="s">
        <v>56802</v>
      </c>
      <c r="AE18488" s="1"/>
    </row>
    <row r="18489" spans="1:31" ht="14.45">
      <c r="A18489" s="11"/>
      <c r="B18489" s="20"/>
      <c r="C18489" s="2" t="s">
        <v>56803</v>
      </c>
      <c r="D18489" s="14" t="s">
        <v>56804</v>
      </c>
      <c r="E18489" s="2" t="s">
        <v>56805</v>
      </c>
      <c r="F18489" s="2" t="s">
        <v>56806</v>
      </c>
      <c r="G18489" s="8">
        <v>1073</v>
      </c>
      <c r="H18489" s="5">
        <v>10</v>
      </c>
      <c r="I18489" s="5" t="s">
        <v>69</v>
      </c>
      <c r="J18489" s="5" t="s">
        <v>55802</v>
      </c>
      <c r="K18489" s="2" t="s">
        <v>55803</v>
      </c>
      <c r="L18489" s="5" t="s">
        <v>55802</v>
      </c>
      <c r="M18489" s="2" t="s">
        <v>55803</v>
      </c>
      <c r="N18489" s="5" t="s">
        <v>733</v>
      </c>
      <c r="O18489" s="5" t="s">
        <v>38</v>
      </c>
      <c r="P18489" s="5" t="s">
        <v>39</v>
      </c>
      <c r="Q18489" s="5" t="s">
        <v>40</v>
      </c>
      <c r="R18489" s="5" t="s">
        <v>897</v>
      </c>
      <c r="S18489" s="5" t="s">
        <v>40</v>
      </c>
      <c r="T18489" s="5" t="s">
        <v>42</v>
      </c>
      <c r="U18489" s="2">
        <v>35.371000000000002</v>
      </c>
      <c r="V18489" s="2">
        <v>32.93</v>
      </c>
      <c r="W18489" s="2">
        <v>0.13</v>
      </c>
      <c r="X18489" s="2">
        <v>17</v>
      </c>
      <c r="Y18489" s="2">
        <v>68.7</v>
      </c>
      <c r="Z18489" s="2">
        <v>111.6</v>
      </c>
      <c r="AA18489" s="5">
        <v>7</v>
      </c>
      <c r="AB18489" s="5" t="s">
        <v>43</v>
      </c>
      <c r="AC18489" s="5" t="s">
        <v>735</v>
      </c>
      <c r="AD18489" s="2" t="s">
        <v>56807</v>
      </c>
      <c r="AE18489" s="1"/>
    </row>
    <row r="18490" spans="1:31" ht="14.45">
      <c r="A18490" s="11"/>
      <c r="B18490" s="20"/>
      <c r="C18490" s="2" t="s">
        <v>56808</v>
      </c>
      <c r="D18490" s="14" t="s">
        <v>56809</v>
      </c>
      <c r="E18490" s="2" t="s">
        <v>56810</v>
      </c>
      <c r="F18490" s="2" t="s">
        <v>56811</v>
      </c>
      <c r="G18490" s="8">
        <v>1073</v>
      </c>
      <c r="H18490" s="5">
        <v>10</v>
      </c>
      <c r="I18490" s="5" t="s">
        <v>69</v>
      </c>
      <c r="J18490" s="5" t="s">
        <v>55802</v>
      </c>
      <c r="K18490" s="2" t="s">
        <v>55803</v>
      </c>
      <c r="L18490" s="5" t="s">
        <v>55802</v>
      </c>
      <c r="M18490" s="2" t="s">
        <v>55803</v>
      </c>
      <c r="N18490" s="5" t="s">
        <v>733</v>
      </c>
      <c r="O18490" s="5" t="s">
        <v>38</v>
      </c>
      <c r="P18490" s="5" t="s">
        <v>39</v>
      </c>
      <c r="Q18490" s="5" t="s">
        <v>40</v>
      </c>
      <c r="R18490" s="5" t="s">
        <v>897</v>
      </c>
      <c r="S18490" s="5" t="s">
        <v>40</v>
      </c>
      <c r="T18490" s="5" t="s">
        <v>42</v>
      </c>
      <c r="U18490" s="2">
        <v>34.656999999999996</v>
      </c>
      <c r="V18490" s="2">
        <v>32.216000000000001</v>
      </c>
      <c r="W18490" s="2">
        <v>0.13</v>
      </c>
      <c r="X18490" s="2">
        <v>17</v>
      </c>
      <c r="Y18490" s="2">
        <v>68.7</v>
      </c>
      <c r="Z18490" s="2">
        <v>111.6</v>
      </c>
      <c r="AA18490" s="5">
        <v>7</v>
      </c>
      <c r="AB18490" s="5" t="s">
        <v>43</v>
      </c>
      <c r="AC18490" s="5" t="s">
        <v>735</v>
      </c>
      <c r="AD18490" s="2" t="s">
        <v>56812</v>
      </c>
      <c r="AE18490" s="1"/>
    </row>
    <row r="18491" spans="1:31" ht="14.45">
      <c r="A18491" s="11"/>
      <c r="B18491" s="20"/>
      <c r="C18491" s="2" t="s">
        <v>56813</v>
      </c>
      <c r="D18491" s="14" t="s">
        <v>56814</v>
      </c>
      <c r="E18491" s="2" t="s">
        <v>56815</v>
      </c>
      <c r="F18491" s="2" t="s">
        <v>56816</v>
      </c>
      <c r="G18491" s="8">
        <v>876</v>
      </c>
      <c r="H18491" s="5">
        <v>10</v>
      </c>
      <c r="I18491" s="5" t="s">
        <v>69</v>
      </c>
      <c r="J18491" s="5" t="s">
        <v>55802</v>
      </c>
      <c r="K18491" s="2" t="s">
        <v>55803</v>
      </c>
      <c r="L18491" s="5" t="s">
        <v>55802</v>
      </c>
      <c r="M18491" s="2" t="s">
        <v>55803</v>
      </c>
      <c r="N18491" s="5" t="s">
        <v>733</v>
      </c>
      <c r="O18491" s="5" t="s">
        <v>38</v>
      </c>
      <c r="P18491" s="5" t="s">
        <v>39</v>
      </c>
      <c r="Q18491" s="5" t="s">
        <v>40</v>
      </c>
      <c r="R18491" s="5" t="s">
        <v>897</v>
      </c>
      <c r="S18491" s="5" t="s">
        <v>40</v>
      </c>
      <c r="T18491" s="5" t="s">
        <v>42</v>
      </c>
      <c r="U18491" s="2">
        <v>43.439</v>
      </c>
      <c r="V18491" s="2">
        <v>40.683</v>
      </c>
      <c r="W18491" s="2">
        <v>0.154</v>
      </c>
      <c r="X18491" s="2">
        <v>17</v>
      </c>
      <c r="Y18491" s="2">
        <v>68.7</v>
      </c>
      <c r="Z18491" s="2">
        <v>131.6</v>
      </c>
      <c r="AA18491" s="5">
        <v>7</v>
      </c>
      <c r="AB18491" s="5" t="s">
        <v>43</v>
      </c>
      <c r="AC18491" s="5" t="s">
        <v>735</v>
      </c>
      <c r="AD18491" s="2" t="s">
        <v>56817</v>
      </c>
      <c r="AE18491" s="1"/>
    </row>
    <row r="18492" spans="1:31" ht="14.45">
      <c r="A18492" s="11"/>
      <c r="B18492" s="20"/>
      <c r="C18492" s="2" t="s">
        <v>56818</v>
      </c>
      <c r="D18492" s="14" t="s">
        <v>56819</v>
      </c>
      <c r="E18492" s="2" t="s">
        <v>56820</v>
      </c>
      <c r="F18492" s="2" t="s">
        <v>56821</v>
      </c>
      <c r="G18492" s="8">
        <v>1176</v>
      </c>
      <c r="H18492" s="5">
        <v>10</v>
      </c>
      <c r="I18492" s="5" t="s">
        <v>69</v>
      </c>
      <c r="J18492" s="5" t="s">
        <v>55802</v>
      </c>
      <c r="K18492" s="2" t="s">
        <v>55803</v>
      </c>
      <c r="L18492" s="5" t="s">
        <v>55802</v>
      </c>
      <c r="M18492" s="2" t="s">
        <v>55803</v>
      </c>
      <c r="N18492" s="5" t="s">
        <v>733</v>
      </c>
      <c r="O18492" s="5" t="s">
        <v>38</v>
      </c>
      <c r="P18492" s="5" t="s">
        <v>39</v>
      </c>
      <c r="Q18492" s="5" t="s">
        <v>40</v>
      </c>
      <c r="R18492" s="5" t="s">
        <v>897</v>
      </c>
      <c r="S18492" s="5" t="s">
        <v>40</v>
      </c>
      <c r="T18492" s="5" t="s">
        <v>42</v>
      </c>
      <c r="U18492" s="2">
        <v>45.241999999999997</v>
      </c>
      <c r="V18492" s="2">
        <v>42.363</v>
      </c>
      <c r="W18492" s="2">
        <v>0.154</v>
      </c>
      <c r="X18492" s="2">
        <v>17</v>
      </c>
      <c r="Y18492" s="2">
        <v>68.7</v>
      </c>
      <c r="Z18492" s="2">
        <v>131.6</v>
      </c>
      <c r="AA18492" s="5">
        <v>7</v>
      </c>
      <c r="AB18492" s="5" t="s">
        <v>43</v>
      </c>
      <c r="AC18492" s="5" t="s">
        <v>735</v>
      </c>
      <c r="AD18492" s="2" t="s">
        <v>56822</v>
      </c>
      <c r="AE18492" s="1"/>
    </row>
    <row r="18493" spans="1:31" ht="14.45">
      <c r="A18493" s="11"/>
      <c r="B18493" s="20"/>
      <c r="C18493" s="2" t="s">
        <v>56823</v>
      </c>
      <c r="D18493" s="14" t="s">
        <v>56824</v>
      </c>
      <c r="E18493" s="2" t="s">
        <v>56825</v>
      </c>
      <c r="F18493" s="2" t="s">
        <v>56826</v>
      </c>
      <c r="G18493" s="8">
        <v>765</v>
      </c>
      <c r="H18493" s="5">
        <v>5</v>
      </c>
      <c r="I18493" s="5" t="s">
        <v>69</v>
      </c>
      <c r="J18493" s="5" t="s">
        <v>55802</v>
      </c>
      <c r="K18493" s="2" t="s">
        <v>55803</v>
      </c>
      <c r="L18493" s="5" t="s">
        <v>55802</v>
      </c>
      <c r="M18493" s="2" t="s">
        <v>55803</v>
      </c>
      <c r="N18493" s="5" t="s">
        <v>733</v>
      </c>
      <c r="O18493" s="5" t="s">
        <v>38</v>
      </c>
      <c r="P18493" s="5" t="s">
        <v>39</v>
      </c>
      <c r="Q18493" s="5" t="s">
        <v>40</v>
      </c>
      <c r="R18493" s="5" t="s">
        <v>897</v>
      </c>
      <c r="S18493" s="5" t="s">
        <v>40</v>
      </c>
      <c r="T18493" s="5" t="s">
        <v>42</v>
      </c>
      <c r="U18493" s="2">
        <v>38.662999999999997</v>
      </c>
      <c r="V18493" s="2">
        <v>35.906999999999996</v>
      </c>
      <c r="W18493" s="2">
        <v>0.154</v>
      </c>
      <c r="X18493" s="2">
        <v>17</v>
      </c>
      <c r="Y18493" s="2">
        <v>68.7</v>
      </c>
      <c r="Z18493" s="2">
        <v>131.6</v>
      </c>
      <c r="AA18493" s="5">
        <v>7</v>
      </c>
      <c r="AB18493" s="5" t="s">
        <v>43</v>
      </c>
      <c r="AC18493" s="5" t="s">
        <v>735</v>
      </c>
      <c r="AD18493" s="2" t="s">
        <v>56827</v>
      </c>
      <c r="AE18493" s="1"/>
    </row>
    <row r="18494" spans="1:31" ht="14.45">
      <c r="A18494" s="11"/>
      <c r="B18494" s="20"/>
      <c r="C18494" s="2" t="s">
        <v>56828</v>
      </c>
      <c r="D18494" s="14" t="s">
        <v>56829</v>
      </c>
      <c r="E18494" s="2" t="s">
        <v>56830</v>
      </c>
      <c r="F18494" s="2" t="s">
        <v>56831</v>
      </c>
      <c r="G18494" s="8">
        <v>1065</v>
      </c>
      <c r="H18494" s="5">
        <v>5</v>
      </c>
      <c r="I18494" s="5" t="s">
        <v>69</v>
      </c>
      <c r="J18494" s="5" t="s">
        <v>55802</v>
      </c>
      <c r="K18494" s="2" t="s">
        <v>55803</v>
      </c>
      <c r="L18494" s="5" t="s">
        <v>55802</v>
      </c>
      <c r="M18494" s="2" t="s">
        <v>55803</v>
      </c>
      <c r="N18494" s="5" t="s">
        <v>733</v>
      </c>
      <c r="O18494" s="5" t="s">
        <v>38</v>
      </c>
      <c r="P18494" s="5" t="s">
        <v>39</v>
      </c>
      <c r="Q18494" s="5" t="s">
        <v>40</v>
      </c>
      <c r="R18494" s="5" t="s">
        <v>897</v>
      </c>
      <c r="S18494" s="5" t="s">
        <v>40</v>
      </c>
      <c r="T18494" s="5" t="s">
        <v>42</v>
      </c>
      <c r="U18494" s="2">
        <v>40.173999999999999</v>
      </c>
      <c r="V18494" s="2">
        <v>37.295000000000002</v>
      </c>
      <c r="W18494" s="2">
        <v>0.154</v>
      </c>
      <c r="X18494" s="2">
        <v>17</v>
      </c>
      <c r="Y18494" s="2">
        <v>68.7</v>
      </c>
      <c r="Z18494" s="2">
        <v>131.6</v>
      </c>
      <c r="AA18494" s="5">
        <v>7</v>
      </c>
      <c r="AB18494" s="5" t="s">
        <v>43</v>
      </c>
      <c r="AC18494" s="5" t="s">
        <v>735</v>
      </c>
      <c r="AD18494" s="2" t="s">
        <v>56832</v>
      </c>
      <c r="AE18494" s="1"/>
    </row>
    <row r="18495" spans="1:31" ht="14.45">
      <c r="A18495" s="5" t="s">
        <v>116</v>
      </c>
      <c r="B18495" s="21">
        <v>46082</v>
      </c>
      <c r="C18495" s="2" t="s">
        <v>56833</v>
      </c>
      <c r="D18495" s="14" t="s">
        <v>56834</v>
      </c>
      <c r="E18495" s="2" t="s">
        <v>56835</v>
      </c>
      <c r="F18495" s="2" t="s">
        <v>56836</v>
      </c>
      <c r="G18495" s="8">
        <v>1165</v>
      </c>
      <c r="H18495" s="5">
        <v>5</v>
      </c>
      <c r="I18495" s="5" t="s">
        <v>69</v>
      </c>
      <c r="J18495" s="5" t="s">
        <v>55802</v>
      </c>
      <c r="K18495" s="2" t="s">
        <v>55803</v>
      </c>
      <c r="L18495" s="5" t="s">
        <v>55802</v>
      </c>
      <c r="M18495" s="2" t="s">
        <v>55803</v>
      </c>
      <c r="N18495" s="5" t="s">
        <v>733</v>
      </c>
      <c r="O18495" s="5" t="s">
        <v>38</v>
      </c>
      <c r="P18495" s="5" t="s">
        <v>39</v>
      </c>
      <c r="Q18495" s="5" t="s">
        <v>40</v>
      </c>
      <c r="R18495" s="5" t="s">
        <v>897</v>
      </c>
      <c r="S18495" s="5" t="s">
        <v>40</v>
      </c>
      <c r="T18495" s="5" t="s">
        <v>42</v>
      </c>
      <c r="U18495" s="2">
        <v>40.381999999999998</v>
      </c>
      <c r="V18495" s="2">
        <v>37.600999999999999</v>
      </c>
      <c r="W18495" s="2">
        <v>0.154</v>
      </c>
      <c r="X18495" s="2">
        <v>17</v>
      </c>
      <c r="Y18495" s="2">
        <v>68.7</v>
      </c>
      <c r="Z18495" s="2">
        <v>131.6</v>
      </c>
      <c r="AA18495" s="5">
        <v>7</v>
      </c>
      <c r="AB18495" s="5" t="s">
        <v>43</v>
      </c>
      <c r="AC18495" s="5" t="s">
        <v>735</v>
      </c>
      <c r="AD18495" s="2" t="s">
        <v>56837</v>
      </c>
      <c r="AE18495" s="1"/>
    </row>
    <row r="18496" spans="1:31" ht="14.45">
      <c r="A18496" s="11"/>
      <c r="B18496" s="20"/>
      <c r="C18496" s="2" t="s">
        <v>56838</v>
      </c>
      <c r="D18496" s="14" t="s">
        <v>56839</v>
      </c>
      <c r="E18496" s="2" t="s">
        <v>56840</v>
      </c>
      <c r="F18496" s="2" t="s">
        <v>56831</v>
      </c>
      <c r="G18496" s="8">
        <v>1065</v>
      </c>
      <c r="H18496" s="5">
        <v>5</v>
      </c>
      <c r="I18496" s="5" t="s">
        <v>69</v>
      </c>
      <c r="J18496" s="5" t="s">
        <v>55802</v>
      </c>
      <c r="K18496" s="2" t="s">
        <v>55803</v>
      </c>
      <c r="L18496" s="5" t="s">
        <v>55802</v>
      </c>
      <c r="M18496" s="2" t="s">
        <v>55803</v>
      </c>
      <c r="N18496" s="5" t="s">
        <v>733</v>
      </c>
      <c r="O18496" s="5" t="s">
        <v>38</v>
      </c>
      <c r="P18496" s="5" t="s">
        <v>39</v>
      </c>
      <c r="Q18496" s="5" t="s">
        <v>40</v>
      </c>
      <c r="R18496" s="5" t="s">
        <v>897</v>
      </c>
      <c r="S18496" s="5" t="s">
        <v>40</v>
      </c>
      <c r="T18496" s="5" t="s">
        <v>42</v>
      </c>
      <c r="U18496" s="2">
        <v>40.322000000000003</v>
      </c>
      <c r="V18496" s="2">
        <v>37.356999999999999</v>
      </c>
      <c r="W18496" s="2">
        <v>0.154</v>
      </c>
      <c r="X18496" s="2">
        <v>17</v>
      </c>
      <c r="Y18496" s="2">
        <v>68.7</v>
      </c>
      <c r="Z18496" s="2">
        <v>131.6</v>
      </c>
      <c r="AA18496" s="5">
        <v>7</v>
      </c>
      <c r="AB18496" s="5" t="s">
        <v>43</v>
      </c>
      <c r="AC18496" s="5" t="s">
        <v>735</v>
      </c>
      <c r="AD18496" s="2" t="s">
        <v>56841</v>
      </c>
      <c r="AE18496" s="1"/>
    </row>
    <row r="18497" spans="1:31" ht="14.45">
      <c r="A18497" s="11"/>
      <c r="B18497" s="20"/>
      <c r="C18497" s="2" t="s">
        <v>56842</v>
      </c>
      <c r="D18497" s="14" t="s">
        <v>56843</v>
      </c>
      <c r="E18497" s="2" t="s">
        <v>56844</v>
      </c>
      <c r="F18497" s="2" t="s">
        <v>56845</v>
      </c>
      <c r="G18497" s="8">
        <v>876</v>
      </c>
      <c r="H18497" s="5">
        <v>10</v>
      </c>
      <c r="I18497" s="5" t="s">
        <v>69</v>
      </c>
      <c r="J18497" s="5" t="s">
        <v>55802</v>
      </c>
      <c r="K18497" s="2" t="s">
        <v>55803</v>
      </c>
      <c r="L18497" s="5" t="s">
        <v>55802</v>
      </c>
      <c r="M18497" s="2" t="s">
        <v>55803</v>
      </c>
      <c r="N18497" s="5" t="s">
        <v>733</v>
      </c>
      <c r="O18497" s="5" t="s">
        <v>38</v>
      </c>
      <c r="P18497" s="5" t="s">
        <v>39</v>
      </c>
      <c r="Q18497" s="5" t="s">
        <v>40</v>
      </c>
      <c r="R18497" s="5" t="s">
        <v>897</v>
      </c>
      <c r="S18497" s="5" t="s">
        <v>40</v>
      </c>
      <c r="T18497" s="5" t="s">
        <v>42</v>
      </c>
      <c r="U18497" s="2">
        <v>38.124000000000002</v>
      </c>
      <c r="V18497" s="2">
        <v>35.363</v>
      </c>
      <c r="W18497" s="2">
        <v>0.154</v>
      </c>
      <c r="X18497" s="2">
        <v>17</v>
      </c>
      <c r="Y18497" s="2">
        <v>68.7</v>
      </c>
      <c r="Z18497" s="2">
        <v>131.6</v>
      </c>
      <c r="AA18497" s="5">
        <v>7</v>
      </c>
      <c r="AB18497" s="5" t="s">
        <v>43</v>
      </c>
      <c r="AC18497" s="5" t="s">
        <v>735</v>
      </c>
      <c r="AD18497" s="2" t="s">
        <v>56846</v>
      </c>
      <c r="AE18497" s="1"/>
    </row>
    <row r="18498" spans="1:31" ht="14.45">
      <c r="A18498" s="11"/>
      <c r="B18498" s="20"/>
      <c r="C18498" s="2" t="s">
        <v>56847</v>
      </c>
      <c r="D18498" s="14" t="s">
        <v>56848</v>
      </c>
      <c r="E18498" s="2" t="s">
        <v>56849</v>
      </c>
      <c r="F18498" s="2" t="s">
        <v>56845</v>
      </c>
      <c r="G18498" s="8">
        <v>1176</v>
      </c>
      <c r="H18498" s="5">
        <v>10</v>
      </c>
      <c r="I18498" s="5" t="s">
        <v>69</v>
      </c>
      <c r="J18498" s="5" t="s">
        <v>55802</v>
      </c>
      <c r="K18498" s="2" t="s">
        <v>55803</v>
      </c>
      <c r="L18498" s="5" t="s">
        <v>55802</v>
      </c>
      <c r="M18498" s="2" t="s">
        <v>55803</v>
      </c>
      <c r="N18498" s="5" t="s">
        <v>733</v>
      </c>
      <c r="O18498" s="5" t="s">
        <v>38</v>
      </c>
      <c r="P18498" s="5" t="s">
        <v>39</v>
      </c>
      <c r="Q18498" s="5" t="s">
        <v>40</v>
      </c>
      <c r="R18498" s="5" t="s">
        <v>897</v>
      </c>
      <c r="S18498" s="5" t="s">
        <v>40</v>
      </c>
      <c r="T18498" s="5" t="s">
        <v>42</v>
      </c>
      <c r="U18498" s="2">
        <v>40.018999999999998</v>
      </c>
      <c r="V18498" s="2">
        <v>37.14</v>
      </c>
      <c r="W18498" s="2">
        <v>0.154</v>
      </c>
      <c r="X18498" s="2">
        <v>17</v>
      </c>
      <c r="Y18498" s="2">
        <v>68.7</v>
      </c>
      <c r="Z18498" s="2">
        <v>131.6</v>
      </c>
      <c r="AA18498" s="5">
        <v>7</v>
      </c>
      <c r="AB18498" s="5" t="s">
        <v>43</v>
      </c>
      <c r="AC18498" s="5" t="s">
        <v>735</v>
      </c>
      <c r="AD18498" s="2" t="s">
        <v>56850</v>
      </c>
      <c r="AE18498" s="1"/>
    </row>
    <row r="18499" spans="1:31" ht="14.45">
      <c r="A18499" s="11"/>
      <c r="B18499" s="20"/>
      <c r="C18499" s="2" t="s">
        <v>56851</v>
      </c>
      <c r="D18499" s="14" t="s">
        <v>56852</v>
      </c>
      <c r="E18499" s="2" t="s">
        <v>56853</v>
      </c>
      <c r="F18499" s="2" t="s">
        <v>56845</v>
      </c>
      <c r="G18499" s="8">
        <v>1176</v>
      </c>
      <c r="H18499" s="5">
        <v>10</v>
      </c>
      <c r="I18499" s="5" t="s">
        <v>69</v>
      </c>
      <c r="J18499" s="5" t="s">
        <v>55802</v>
      </c>
      <c r="K18499" s="2" t="s">
        <v>55803</v>
      </c>
      <c r="L18499" s="5" t="s">
        <v>55802</v>
      </c>
      <c r="M18499" s="2" t="s">
        <v>55803</v>
      </c>
      <c r="N18499" s="5" t="s">
        <v>733</v>
      </c>
      <c r="O18499" s="5" t="s">
        <v>38</v>
      </c>
      <c r="P18499" s="5" t="s">
        <v>39</v>
      </c>
      <c r="Q18499" s="5" t="s">
        <v>40</v>
      </c>
      <c r="R18499" s="5" t="s">
        <v>897</v>
      </c>
      <c r="S18499" s="5" t="s">
        <v>40</v>
      </c>
      <c r="T18499" s="5" t="s">
        <v>42</v>
      </c>
      <c r="U18499" s="2">
        <v>40.183</v>
      </c>
      <c r="V18499" s="2">
        <v>37.218000000000004</v>
      </c>
      <c r="W18499" s="2">
        <v>0.154</v>
      </c>
      <c r="X18499" s="2">
        <v>17</v>
      </c>
      <c r="Y18499" s="2">
        <v>68.7</v>
      </c>
      <c r="Z18499" s="2">
        <v>131.6</v>
      </c>
      <c r="AA18499" s="5">
        <v>7</v>
      </c>
      <c r="AB18499" s="5" t="s">
        <v>43</v>
      </c>
      <c r="AC18499" s="5" t="s">
        <v>735</v>
      </c>
      <c r="AD18499" s="2" t="s">
        <v>56854</v>
      </c>
      <c r="AE18499" s="1"/>
    </row>
    <row r="18500" spans="1:31" ht="14.45">
      <c r="A18500" s="11"/>
      <c r="B18500" s="20"/>
      <c r="C18500" s="2" t="s">
        <v>56855</v>
      </c>
      <c r="D18500" s="14" t="s">
        <v>56856</v>
      </c>
      <c r="E18500" s="2" t="s">
        <v>56857</v>
      </c>
      <c r="F18500" s="2" t="s">
        <v>56858</v>
      </c>
      <c r="G18500" s="8">
        <v>658</v>
      </c>
      <c r="H18500" s="5">
        <v>10</v>
      </c>
      <c r="I18500" s="5" t="s">
        <v>69</v>
      </c>
      <c r="J18500" s="5" t="s">
        <v>55802</v>
      </c>
      <c r="K18500" s="2" t="s">
        <v>55803</v>
      </c>
      <c r="L18500" s="5" t="s">
        <v>55802</v>
      </c>
      <c r="M18500" s="2" t="s">
        <v>55803</v>
      </c>
      <c r="N18500" s="5" t="s">
        <v>733</v>
      </c>
      <c r="O18500" s="5" t="s">
        <v>38</v>
      </c>
      <c r="P18500" s="5" t="s">
        <v>39</v>
      </c>
      <c r="Q18500" s="5" t="s">
        <v>40</v>
      </c>
      <c r="R18500" s="5" t="s">
        <v>897</v>
      </c>
      <c r="S18500" s="5" t="s">
        <v>40</v>
      </c>
      <c r="T18500" s="5" t="s">
        <v>42</v>
      </c>
      <c r="U18500" s="2">
        <v>38.311</v>
      </c>
      <c r="V18500" s="2">
        <v>35.549999999999997</v>
      </c>
      <c r="W18500" s="2">
        <v>0.154</v>
      </c>
      <c r="X18500" s="2">
        <v>17</v>
      </c>
      <c r="Y18500" s="2">
        <v>68.7</v>
      </c>
      <c r="Z18500" s="2">
        <v>131.6</v>
      </c>
      <c r="AA18500" s="5">
        <v>7</v>
      </c>
      <c r="AB18500" s="5" t="s">
        <v>43</v>
      </c>
      <c r="AC18500" s="5" t="s">
        <v>735</v>
      </c>
      <c r="AD18500" s="2" t="s">
        <v>56859</v>
      </c>
      <c r="AE18500" s="1"/>
    </row>
    <row r="18501" spans="1:31" ht="14.45">
      <c r="A18501" s="11"/>
      <c r="B18501" s="20"/>
      <c r="C18501" s="2" t="s">
        <v>56860</v>
      </c>
      <c r="D18501" s="14" t="s">
        <v>56861</v>
      </c>
      <c r="E18501" s="2" t="s">
        <v>56862</v>
      </c>
      <c r="F18501" s="2" t="s">
        <v>56858</v>
      </c>
      <c r="G18501" s="8">
        <v>958</v>
      </c>
      <c r="H18501" s="5">
        <v>10</v>
      </c>
      <c r="I18501" s="5" t="s">
        <v>69</v>
      </c>
      <c r="J18501" s="5" t="s">
        <v>55802</v>
      </c>
      <c r="K18501" s="2" t="s">
        <v>55803</v>
      </c>
      <c r="L18501" s="5" t="s">
        <v>55802</v>
      </c>
      <c r="M18501" s="2" t="s">
        <v>55803</v>
      </c>
      <c r="N18501" s="5" t="s">
        <v>733</v>
      </c>
      <c r="O18501" s="5" t="s">
        <v>38</v>
      </c>
      <c r="P18501" s="5" t="s">
        <v>39</v>
      </c>
      <c r="Q18501" s="5" t="s">
        <v>40</v>
      </c>
      <c r="R18501" s="5" t="s">
        <v>897</v>
      </c>
      <c r="S18501" s="5" t="s">
        <v>40</v>
      </c>
      <c r="T18501" s="5" t="s">
        <v>42</v>
      </c>
      <c r="U18501" s="2">
        <v>40.206000000000003</v>
      </c>
      <c r="V18501" s="2">
        <v>37.326999999999998</v>
      </c>
      <c r="W18501" s="2">
        <v>0.154</v>
      </c>
      <c r="X18501" s="2">
        <v>17</v>
      </c>
      <c r="Y18501" s="2">
        <v>68.7</v>
      </c>
      <c r="Z18501" s="2">
        <v>131.6</v>
      </c>
      <c r="AA18501" s="5">
        <v>7</v>
      </c>
      <c r="AB18501" s="5" t="s">
        <v>43</v>
      </c>
      <c r="AC18501" s="5" t="s">
        <v>735</v>
      </c>
      <c r="AD18501" s="2" t="s">
        <v>56863</v>
      </c>
      <c r="AE18501" s="1"/>
    </row>
    <row r="18502" spans="1:31" ht="14.45">
      <c r="A18502" s="11"/>
      <c r="B18502" s="20"/>
      <c r="C18502" s="2" t="s">
        <v>56864</v>
      </c>
      <c r="D18502" s="14" t="s">
        <v>56865</v>
      </c>
      <c r="E18502" s="2" t="s">
        <v>56866</v>
      </c>
      <c r="F18502" s="2" t="s">
        <v>56858</v>
      </c>
      <c r="G18502" s="8">
        <v>958</v>
      </c>
      <c r="H18502" s="5">
        <v>10</v>
      </c>
      <c r="I18502" s="5" t="s">
        <v>69</v>
      </c>
      <c r="J18502" s="5" t="s">
        <v>55802</v>
      </c>
      <c r="K18502" s="2" t="s">
        <v>55803</v>
      </c>
      <c r="L18502" s="5" t="s">
        <v>55802</v>
      </c>
      <c r="M18502" s="2" t="s">
        <v>55803</v>
      </c>
      <c r="N18502" s="5" t="s">
        <v>733</v>
      </c>
      <c r="O18502" s="5" t="s">
        <v>38</v>
      </c>
      <c r="P18502" s="5" t="s">
        <v>39</v>
      </c>
      <c r="Q18502" s="5" t="s">
        <v>40</v>
      </c>
      <c r="R18502" s="5" t="s">
        <v>897</v>
      </c>
      <c r="S18502" s="5" t="s">
        <v>40</v>
      </c>
      <c r="T18502" s="5" t="s">
        <v>42</v>
      </c>
      <c r="U18502" s="2">
        <v>40.353999999999999</v>
      </c>
      <c r="V18502" s="2">
        <v>37.389000000000003</v>
      </c>
      <c r="W18502" s="2">
        <v>0.154</v>
      </c>
      <c r="X18502" s="2">
        <v>17</v>
      </c>
      <c r="Y18502" s="2">
        <v>68.7</v>
      </c>
      <c r="Z18502" s="2">
        <v>131.6</v>
      </c>
      <c r="AA18502" s="5">
        <v>7</v>
      </c>
      <c r="AB18502" s="5" t="s">
        <v>43</v>
      </c>
      <c r="AC18502" s="5" t="s">
        <v>735</v>
      </c>
      <c r="AD18502" s="2" t="s">
        <v>56867</v>
      </c>
      <c r="AE18502" s="1"/>
    </row>
    <row r="18503" spans="1:31" ht="14.45">
      <c r="A18503" s="11"/>
      <c r="B18503" s="20"/>
      <c r="C18503" s="2" t="s">
        <v>56868</v>
      </c>
      <c r="D18503" s="14" t="s">
        <v>56869</v>
      </c>
      <c r="E18503" s="2" t="s">
        <v>56870</v>
      </c>
      <c r="F18503" s="2" t="s">
        <v>56871</v>
      </c>
      <c r="G18503" s="8">
        <v>523</v>
      </c>
      <c r="H18503" s="5">
        <v>5</v>
      </c>
      <c r="I18503" s="5" t="s">
        <v>69</v>
      </c>
      <c r="J18503" s="5" t="s">
        <v>55802</v>
      </c>
      <c r="K18503" s="2" t="s">
        <v>55803</v>
      </c>
      <c r="L18503" s="5" t="s">
        <v>55802</v>
      </c>
      <c r="M18503" s="2" t="s">
        <v>55803</v>
      </c>
      <c r="N18503" s="5" t="s">
        <v>733</v>
      </c>
      <c r="O18503" s="5" t="s">
        <v>38</v>
      </c>
      <c r="P18503" s="5" t="s">
        <v>39</v>
      </c>
      <c r="Q18503" s="5" t="s">
        <v>40</v>
      </c>
      <c r="R18503" s="5" t="s">
        <v>897</v>
      </c>
      <c r="S18503" s="5" t="s">
        <v>40</v>
      </c>
      <c r="T18503" s="5" t="s">
        <v>42</v>
      </c>
      <c r="U18503" s="2">
        <v>34.100999999999999</v>
      </c>
      <c r="V18503" s="2">
        <v>31.344999999999999</v>
      </c>
      <c r="W18503" s="2">
        <v>0.154</v>
      </c>
      <c r="X18503" s="2">
        <v>17</v>
      </c>
      <c r="Y18503" s="2">
        <v>68.7</v>
      </c>
      <c r="Z18503" s="2">
        <v>131.6</v>
      </c>
      <c r="AA18503" s="5">
        <v>7</v>
      </c>
      <c r="AB18503" s="5" t="s">
        <v>43</v>
      </c>
      <c r="AC18503" s="5" t="s">
        <v>735</v>
      </c>
      <c r="AD18503" s="2" t="s">
        <v>56872</v>
      </c>
      <c r="AE18503" s="1"/>
    </row>
    <row r="18504" spans="1:31" ht="14.45">
      <c r="A18504" s="11"/>
      <c r="B18504" s="20"/>
      <c r="C18504" s="2" t="s">
        <v>56873</v>
      </c>
      <c r="D18504" s="14" t="s">
        <v>56874</v>
      </c>
      <c r="E18504" s="2" t="s">
        <v>56875</v>
      </c>
      <c r="F18504" s="2" t="s">
        <v>56871</v>
      </c>
      <c r="G18504" s="8">
        <v>823</v>
      </c>
      <c r="H18504" s="5">
        <v>5</v>
      </c>
      <c r="I18504" s="5" t="s">
        <v>69</v>
      </c>
      <c r="J18504" s="5" t="s">
        <v>55802</v>
      </c>
      <c r="K18504" s="2" t="s">
        <v>55803</v>
      </c>
      <c r="L18504" s="5" t="s">
        <v>55802</v>
      </c>
      <c r="M18504" s="2" t="s">
        <v>55803</v>
      </c>
      <c r="N18504" s="5" t="s">
        <v>733</v>
      </c>
      <c r="O18504" s="5" t="s">
        <v>38</v>
      </c>
      <c r="P18504" s="5" t="s">
        <v>39</v>
      </c>
      <c r="Q18504" s="5" t="s">
        <v>40</v>
      </c>
      <c r="R18504" s="5" t="s">
        <v>897</v>
      </c>
      <c r="S18504" s="5" t="s">
        <v>40</v>
      </c>
      <c r="T18504" s="5" t="s">
        <v>42</v>
      </c>
      <c r="U18504" s="2">
        <v>36.076000000000001</v>
      </c>
      <c r="V18504" s="2">
        <v>33.198999999999998</v>
      </c>
      <c r="W18504" s="2">
        <v>0.154</v>
      </c>
      <c r="X18504" s="2">
        <v>17</v>
      </c>
      <c r="Y18504" s="2">
        <v>68.7</v>
      </c>
      <c r="Z18504" s="2">
        <v>131.6</v>
      </c>
      <c r="AA18504" s="5">
        <v>7</v>
      </c>
      <c r="AB18504" s="5" t="s">
        <v>43</v>
      </c>
      <c r="AC18504" s="5" t="s">
        <v>735</v>
      </c>
      <c r="AD18504" s="2" t="s">
        <v>56876</v>
      </c>
      <c r="AE18504" s="1"/>
    </row>
    <row r="18505" spans="1:31" ht="14.45">
      <c r="A18505" s="5" t="s">
        <v>116</v>
      </c>
      <c r="B18505" s="21">
        <v>46082</v>
      </c>
      <c r="C18505" s="2" t="s">
        <v>56877</v>
      </c>
      <c r="D18505" s="14" t="s">
        <v>56878</v>
      </c>
      <c r="E18505" s="2" t="s">
        <v>56879</v>
      </c>
      <c r="F18505" s="2" t="s">
        <v>56880</v>
      </c>
      <c r="G18505" s="8">
        <v>923</v>
      </c>
      <c r="H18505" s="5">
        <v>5</v>
      </c>
      <c r="I18505" s="5" t="s">
        <v>69</v>
      </c>
      <c r="J18505" s="5" t="s">
        <v>55802</v>
      </c>
      <c r="K18505" s="2" t="s">
        <v>55803</v>
      </c>
      <c r="L18505" s="5" t="s">
        <v>55802</v>
      </c>
      <c r="M18505" s="2" t="s">
        <v>55803</v>
      </c>
      <c r="N18505" s="5" t="s">
        <v>733</v>
      </c>
      <c r="O18505" s="5" t="s">
        <v>38</v>
      </c>
      <c r="P18505" s="5" t="s">
        <v>39</v>
      </c>
      <c r="Q18505" s="5" t="s">
        <v>40</v>
      </c>
      <c r="R18505" s="5" t="s">
        <v>897</v>
      </c>
      <c r="S18505" s="5" t="s">
        <v>40</v>
      </c>
      <c r="T18505" s="5" t="s">
        <v>42</v>
      </c>
      <c r="U18505" s="2">
        <v>35.719000000000001</v>
      </c>
      <c r="V18505" s="2">
        <v>32.960999999999999</v>
      </c>
      <c r="W18505" s="2">
        <v>0.154</v>
      </c>
      <c r="X18505" s="2">
        <v>17</v>
      </c>
      <c r="Y18505" s="2">
        <v>68.7</v>
      </c>
      <c r="Z18505" s="2">
        <v>131.6</v>
      </c>
      <c r="AA18505" s="5">
        <v>7</v>
      </c>
      <c r="AB18505" s="5" t="s">
        <v>43</v>
      </c>
      <c r="AC18505" s="5" t="s">
        <v>735</v>
      </c>
      <c r="AD18505" s="2" t="s">
        <v>56881</v>
      </c>
      <c r="AE18505" s="1"/>
    </row>
    <row r="18506" spans="1:31" ht="14.45">
      <c r="A18506" s="11"/>
      <c r="B18506" s="20"/>
      <c r="C18506" s="2" t="s">
        <v>56882</v>
      </c>
      <c r="D18506" s="14" t="s">
        <v>56883</v>
      </c>
      <c r="E18506" s="2" t="s">
        <v>56884</v>
      </c>
      <c r="F18506" s="2" t="s">
        <v>56871</v>
      </c>
      <c r="G18506" s="8">
        <v>823</v>
      </c>
      <c r="H18506" s="5">
        <v>5</v>
      </c>
      <c r="I18506" s="5" t="s">
        <v>69</v>
      </c>
      <c r="J18506" s="5" t="s">
        <v>55802</v>
      </c>
      <c r="K18506" s="2" t="s">
        <v>55803</v>
      </c>
      <c r="L18506" s="5" t="s">
        <v>55802</v>
      </c>
      <c r="M18506" s="2" t="s">
        <v>55803</v>
      </c>
      <c r="N18506" s="5" t="s">
        <v>733</v>
      </c>
      <c r="O18506" s="5" t="s">
        <v>38</v>
      </c>
      <c r="P18506" s="5" t="s">
        <v>39</v>
      </c>
      <c r="Q18506" s="5" t="s">
        <v>40</v>
      </c>
      <c r="R18506" s="5" t="s">
        <v>897</v>
      </c>
      <c r="S18506" s="5" t="s">
        <v>40</v>
      </c>
      <c r="T18506" s="5" t="s">
        <v>42</v>
      </c>
      <c r="U18506" s="2">
        <v>36.378</v>
      </c>
      <c r="V18506" s="2">
        <v>33.414999999999999</v>
      </c>
      <c r="W18506" s="2">
        <v>0.154</v>
      </c>
      <c r="X18506" s="2">
        <v>17</v>
      </c>
      <c r="Y18506" s="2">
        <v>68.7</v>
      </c>
      <c r="Z18506" s="2">
        <v>131.6</v>
      </c>
      <c r="AA18506" s="5">
        <v>7</v>
      </c>
      <c r="AB18506" s="5" t="s">
        <v>43</v>
      </c>
      <c r="AC18506" s="5" t="s">
        <v>735</v>
      </c>
      <c r="AD18506" s="2" t="s">
        <v>56885</v>
      </c>
      <c r="AE18506" s="1"/>
    </row>
    <row r="18507" spans="1:31" ht="14.45">
      <c r="A18507" s="11"/>
      <c r="B18507" s="20"/>
      <c r="C18507" s="2" t="s">
        <v>56886</v>
      </c>
      <c r="D18507" s="14" t="s">
        <v>56887</v>
      </c>
      <c r="E18507" s="2" t="s">
        <v>56888</v>
      </c>
      <c r="F18507" s="2" t="s">
        <v>56889</v>
      </c>
      <c r="G18507" s="8">
        <v>873</v>
      </c>
      <c r="H18507" s="5">
        <v>15</v>
      </c>
      <c r="I18507" s="5" t="s">
        <v>69</v>
      </c>
      <c r="J18507" s="5" t="s">
        <v>55802</v>
      </c>
      <c r="K18507" s="2" t="s">
        <v>55803</v>
      </c>
      <c r="L18507" s="5" t="s">
        <v>55802</v>
      </c>
      <c r="M18507" s="2" t="s">
        <v>55803</v>
      </c>
      <c r="N18507" s="5" t="s">
        <v>733</v>
      </c>
      <c r="O18507" s="5" t="s">
        <v>38</v>
      </c>
      <c r="P18507" s="5" t="s">
        <v>39</v>
      </c>
      <c r="Q18507" s="5" t="s">
        <v>40</v>
      </c>
      <c r="R18507" s="5" t="s">
        <v>897</v>
      </c>
      <c r="S18507" s="5" t="s">
        <v>40</v>
      </c>
      <c r="T18507" s="5" t="s">
        <v>42</v>
      </c>
      <c r="U18507" s="2">
        <v>35.398000000000003</v>
      </c>
      <c r="V18507" s="2">
        <v>32.631</v>
      </c>
      <c r="W18507" s="2">
        <v>0.154</v>
      </c>
      <c r="X18507" s="2">
        <v>17</v>
      </c>
      <c r="Y18507" s="2">
        <v>68.7</v>
      </c>
      <c r="Z18507" s="2">
        <v>131.6</v>
      </c>
      <c r="AA18507" s="5">
        <v>7</v>
      </c>
      <c r="AB18507" s="5" t="s">
        <v>43</v>
      </c>
      <c r="AC18507" s="5" t="s">
        <v>735</v>
      </c>
      <c r="AD18507" s="2" t="s">
        <v>56890</v>
      </c>
      <c r="AE18507" s="1"/>
    </row>
    <row r="18508" spans="1:31" ht="14.45">
      <c r="A18508" s="11"/>
      <c r="B18508" s="20"/>
      <c r="C18508" s="2" t="s">
        <v>56891</v>
      </c>
      <c r="D18508" s="14" t="s">
        <v>56892</v>
      </c>
      <c r="E18508" s="2" t="s">
        <v>56893</v>
      </c>
      <c r="F18508" s="2" t="s">
        <v>56894</v>
      </c>
      <c r="G18508" s="8">
        <v>695</v>
      </c>
      <c r="H18508" s="5">
        <v>5</v>
      </c>
      <c r="I18508" s="5" t="s">
        <v>69</v>
      </c>
      <c r="J18508" s="5" t="s">
        <v>55802</v>
      </c>
      <c r="K18508" s="2" t="s">
        <v>55803</v>
      </c>
      <c r="L18508" s="5" t="s">
        <v>55802</v>
      </c>
      <c r="M18508" s="2" t="s">
        <v>55803</v>
      </c>
      <c r="N18508" s="5" t="s">
        <v>733</v>
      </c>
      <c r="O18508" s="5" t="s">
        <v>38</v>
      </c>
      <c r="P18508" s="5" t="s">
        <v>39</v>
      </c>
      <c r="Q18508" s="5" t="s">
        <v>40</v>
      </c>
      <c r="R18508" s="5" t="s">
        <v>897</v>
      </c>
      <c r="S18508" s="5" t="s">
        <v>40</v>
      </c>
      <c r="T18508" s="5" t="s">
        <v>42</v>
      </c>
      <c r="U18508" s="2">
        <v>38.252000000000002</v>
      </c>
      <c r="V18508" s="2">
        <v>35.491</v>
      </c>
      <c r="W18508" s="2">
        <v>0.154</v>
      </c>
      <c r="X18508" s="2">
        <v>17</v>
      </c>
      <c r="Y18508" s="2">
        <v>68.7</v>
      </c>
      <c r="Z18508" s="2">
        <v>131.6</v>
      </c>
      <c r="AA18508" s="5">
        <v>7</v>
      </c>
      <c r="AB18508" s="5" t="s">
        <v>43</v>
      </c>
      <c r="AC18508" s="5" t="s">
        <v>735</v>
      </c>
      <c r="AD18508" s="2" t="s">
        <v>56895</v>
      </c>
      <c r="AE18508" s="1"/>
    </row>
    <row r="18509" spans="1:31" ht="14.45">
      <c r="A18509" s="11"/>
      <c r="B18509" s="20"/>
      <c r="C18509" s="2" t="s">
        <v>56896</v>
      </c>
      <c r="D18509" s="14" t="s">
        <v>56897</v>
      </c>
      <c r="E18509" s="2" t="s">
        <v>56898</v>
      </c>
      <c r="F18509" s="2" t="s">
        <v>56894</v>
      </c>
      <c r="G18509" s="8">
        <v>995</v>
      </c>
      <c r="H18509" s="5">
        <v>5</v>
      </c>
      <c r="I18509" s="5" t="s">
        <v>69</v>
      </c>
      <c r="J18509" s="5" t="s">
        <v>55802</v>
      </c>
      <c r="K18509" s="2" t="s">
        <v>55803</v>
      </c>
      <c r="L18509" s="5" t="s">
        <v>55802</v>
      </c>
      <c r="M18509" s="2" t="s">
        <v>55803</v>
      </c>
      <c r="N18509" s="5" t="s">
        <v>733</v>
      </c>
      <c r="O18509" s="5" t="s">
        <v>38</v>
      </c>
      <c r="P18509" s="5" t="s">
        <v>39</v>
      </c>
      <c r="Q18509" s="5" t="s">
        <v>40</v>
      </c>
      <c r="R18509" s="5" t="s">
        <v>897</v>
      </c>
      <c r="S18509" s="5" t="s">
        <v>40</v>
      </c>
      <c r="T18509" s="5" t="s">
        <v>42</v>
      </c>
      <c r="U18509" s="2">
        <v>40.146999999999998</v>
      </c>
      <c r="V18509" s="2">
        <v>37.268000000000001</v>
      </c>
      <c r="W18509" s="2">
        <v>0.154</v>
      </c>
      <c r="X18509" s="2">
        <v>17</v>
      </c>
      <c r="Y18509" s="2">
        <v>68.7</v>
      </c>
      <c r="Z18509" s="2">
        <v>131.6</v>
      </c>
      <c r="AA18509" s="5">
        <v>7</v>
      </c>
      <c r="AB18509" s="5" t="s">
        <v>43</v>
      </c>
      <c r="AC18509" s="5" t="s">
        <v>735</v>
      </c>
      <c r="AD18509" s="2" t="s">
        <v>56899</v>
      </c>
      <c r="AE18509" s="1"/>
    </row>
    <row r="18510" spans="1:31" ht="14.45">
      <c r="A18510" s="5" t="s">
        <v>116</v>
      </c>
      <c r="B18510" s="21">
        <v>46082</v>
      </c>
      <c r="C18510" s="2" t="s">
        <v>56900</v>
      </c>
      <c r="D18510" s="14" t="s">
        <v>56901</v>
      </c>
      <c r="E18510" s="2" t="s">
        <v>56902</v>
      </c>
      <c r="F18510" s="2" t="s">
        <v>56903</v>
      </c>
      <c r="G18510" s="8">
        <v>1095</v>
      </c>
      <c r="H18510" s="5">
        <v>5</v>
      </c>
      <c r="I18510" s="5" t="s">
        <v>69</v>
      </c>
      <c r="J18510" s="5" t="s">
        <v>55802</v>
      </c>
      <c r="K18510" s="2" t="s">
        <v>55803</v>
      </c>
      <c r="L18510" s="5" t="s">
        <v>55802</v>
      </c>
      <c r="M18510" s="2" t="s">
        <v>55803</v>
      </c>
      <c r="N18510" s="5" t="s">
        <v>733</v>
      </c>
      <c r="O18510" s="5" t="s">
        <v>38</v>
      </c>
      <c r="P18510" s="5" t="s">
        <v>39</v>
      </c>
      <c r="Q18510" s="5" t="s">
        <v>40</v>
      </c>
      <c r="R18510" s="5" t="s">
        <v>897</v>
      </c>
      <c r="S18510" s="5" t="s">
        <v>40</v>
      </c>
      <c r="T18510" s="5" t="s">
        <v>42</v>
      </c>
      <c r="U18510" s="2">
        <v>40.354999999999997</v>
      </c>
      <c r="V18510" s="2">
        <v>37.573999999999998</v>
      </c>
      <c r="W18510" s="2">
        <v>0.154</v>
      </c>
      <c r="X18510" s="2">
        <v>17</v>
      </c>
      <c r="Y18510" s="2">
        <v>68.7</v>
      </c>
      <c r="Z18510" s="2">
        <v>131.6</v>
      </c>
      <c r="AA18510" s="5">
        <v>7</v>
      </c>
      <c r="AB18510" s="5" t="s">
        <v>43</v>
      </c>
      <c r="AC18510" s="5" t="s">
        <v>735</v>
      </c>
      <c r="AD18510" s="2" t="s">
        <v>56904</v>
      </c>
      <c r="AE18510" s="1"/>
    </row>
    <row r="18511" spans="1:31" ht="14.45">
      <c r="A18511" s="11"/>
      <c r="B18511" s="20"/>
      <c r="C18511" s="2" t="s">
        <v>56905</v>
      </c>
      <c r="D18511" s="14" t="s">
        <v>56906</v>
      </c>
      <c r="E18511" s="2" t="s">
        <v>56907</v>
      </c>
      <c r="F18511" s="2" t="s">
        <v>56894</v>
      </c>
      <c r="G18511" s="8">
        <v>995</v>
      </c>
      <c r="H18511" s="5">
        <v>10</v>
      </c>
      <c r="I18511" s="5" t="s">
        <v>69</v>
      </c>
      <c r="J18511" s="5" t="s">
        <v>55802</v>
      </c>
      <c r="K18511" s="2" t="s">
        <v>55803</v>
      </c>
      <c r="L18511" s="5" t="s">
        <v>55802</v>
      </c>
      <c r="M18511" s="2" t="s">
        <v>55803</v>
      </c>
      <c r="N18511" s="5" t="s">
        <v>733</v>
      </c>
      <c r="O18511" s="5" t="s">
        <v>38</v>
      </c>
      <c r="P18511" s="5" t="s">
        <v>39</v>
      </c>
      <c r="Q18511" s="5" t="s">
        <v>40</v>
      </c>
      <c r="R18511" s="5" t="s">
        <v>897</v>
      </c>
      <c r="S18511" s="5" t="s">
        <v>40</v>
      </c>
      <c r="T18511" s="5" t="s">
        <v>42</v>
      </c>
      <c r="U18511" s="2">
        <v>40.295000000000002</v>
      </c>
      <c r="V18511" s="2">
        <v>37.33</v>
      </c>
      <c r="W18511" s="2">
        <v>0.154</v>
      </c>
      <c r="X18511" s="2">
        <v>17</v>
      </c>
      <c r="Y18511" s="2">
        <v>68.7</v>
      </c>
      <c r="Z18511" s="2">
        <v>131.6</v>
      </c>
      <c r="AA18511" s="5">
        <v>7</v>
      </c>
      <c r="AB18511" s="5" t="s">
        <v>43</v>
      </c>
      <c r="AC18511" s="5" t="s">
        <v>735</v>
      </c>
      <c r="AD18511" s="2" t="s">
        <v>56908</v>
      </c>
      <c r="AE18511" s="1"/>
    </row>
    <row r="18512" spans="1:31" ht="14.45">
      <c r="A18512" s="11"/>
      <c r="B18512" s="20"/>
      <c r="C18512" s="2" t="s">
        <v>56909</v>
      </c>
      <c r="D18512" s="14" t="s">
        <v>56910</v>
      </c>
      <c r="E18512" s="2" t="s">
        <v>56911</v>
      </c>
      <c r="F18512" s="2" t="s">
        <v>56912</v>
      </c>
      <c r="G18512" s="8">
        <v>1644</v>
      </c>
      <c r="H18512" s="5">
        <v>10</v>
      </c>
      <c r="I18512" s="5" t="s">
        <v>69</v>
      </c>
      <c r="J18512" s="5" t="s">
        <v>55802</v>
      </c>
      <c r="K18512" s="2" t="s">
        <v>55803</v>
      </c>
      <c r="L18512" s="5" t="s">
        <v>55802</v>
      </c>
      <c r="M18512" s="2" t="s">
        <v>55803</v>
      </c>
      <c r="N18512" s="5" t="s">
        <v>733</v>
      </c>
      <c r="O18512" s="5" t="s">
        <v>38</v>
      </c>
      <c r="P18512" s="5" t="s">
        <v>39</v>
      </c>
      <c r="Q18512" s="5" t="s">
        <v>40</v>
      </c>
      <c r="R18512" s="5" t="s">
        <v>897</v>
      </c>
      <c r="S18512" s="5" t="s">
        <v>40</v>
      </c>
      <c r="T18512" s="5" t="s">
        <v>42</v>
      </c>
      <c r="U18512" s="2">
        <v>48.119</v>
      </c>
      <c r="V18512" s="2">
        <v>45.24</v>
      </c>
      <c r="W18512" s="2">
        <v>0.154</v>
      </c>
      <c r="X18512" s="2">
        <v>17</v>
      </c>
      <c r="Y18512" s="2">
        <v>68.7</v>
      </c>
      <c r="Z18512" s="2">
        <v>131.6</v>
      </c>
      <c r="AA18512" s="5">
        <v>7</v>
      </c>
      <c r="AB18512" s="5" t="s">
        <v>43</v>
      </c>
      <c r="AC18512" s="5" t="s">
        <v>735</v>
      </c>
      <c r="AD18512" s="2" t="s">
        <v>56913</v>
      </c>
      <c r="AE18512" s="1"/>
    </row>
    <row r="18513" spans="1:31" ht="14.45">
      <c r="A18513" s="11"/>
      <c r="B18513" s="20"/>
      <c r="C18513" s="2" t="s">
        <v>56914</v>
      </c>
      <c r="D18513" s="14" t="s">
        <v>56915</v>
      </c>
      <c r="E18513" s="2" t="s">
        <v>56916</v>
      </c>
      <c r="F18513" s="2" t="s">
        <v>56917</v>
      </c>
      <c r="G18513" s="8">
        <v>1233</v>
      </c>
      <c r="H18513" s="5">
        <v>10</v>
      </c>
      <c r="I18513" s="5" t="s">
        <v>69</v>
      </c>
      <c r="J18513" s="5" t="s">
        <v>55802</v>
      </c>
      <c r="K18513" s="2" t="s">
        <v>55803</v>
      </c>
      <c r="L18513" s="5" t="s">
        <v>55802</v>
      </c>
      <c r="M18513" s="2" t="s">
        <v>55803</v>
      </c>
      <c r="N18513" s="5" t="s">
        <v>733</v>
      </c>
      <c r="O18513" s="5" t="s">
        <v>38</v>
      </c>
      <c r="P18513" s="5" t="s">
        <v>39</v>
      </c>
      <c r="Q18513" s="5" t="s">
        <v>40</v>
      </c>
      <c r="R18513" s="5" t="s">
        <v>897</v>
      </c>
      <c r="S18513" s="5" t="s">
        <v>40</v>
      </c>
      <c r="T18513" s="5" t="s">
        <v>42</v>
      </c>
      <c r="U18513" s="2">
        <v>41.122999999999998</v>
      </c>
      <c r="V18513" s="2">
        <v>38.362000000000002</v>
      </c>
      <c r="W18513" s="2">
        <v>0.154</v>
      </c>
      <c r="X18513" s="2">
        <v>17</v>
      </c>
      <c r="Y18513" s="2">
        <v>68.7</v>
      </c>
      <c r="Z18513" s="2">
        <v>131.6</v>
      </c>
      <c r="AA18513" s="5">
        <v>7</v>
      </c>
      <c r="AB18513" s="5" t="s">
        <v>43</v>
      </c>
      <c r="AC18513" s="5" t="s">
        <v>735</v>
      </c>
      <c r="AD18513" s="2" t="s">
        <v>56918</v>
      </c>
      <c r="AE18513" s="1"/>
    </row>
    <row r="18514" spans="1:31" ht="14.45">
      <c r="A18514" s="11"/>
      <c r="B18514" s="20"/>
      <c r="C18514" s="2" t="s">
        <v>56919</v>
      </c>
      <c r="D18514" s="14" t="s">
        <v>56920</v>
      </c>
      <c r="E18514" s="2" t="s">
        <v>56921</v>
      </c>
      <c r="F18514" s="2" t="s">
        <v>56922</v>
      </c>
      <c r="G18514" s="8">
        <v>1533</v>
      </c>
      <c r="H18514" s="5">
        <v>5</v>
      </c>
      <c r="I18514" s="5" t="s">
        <v>69</v>
      </c>
      <c r="J18514" s="5" t="s">
        <v>55802</v>
      </c>
      <c r="K18514" s="2" t="s">
        <v>55803</v>
      </c>
      <c r="L18514" s="5" t="s">
        <v>55802</v>
      </c>
      <c r="M18514" s="2" t="s">
        <v>55803</v>
      </c>
      <c r="N18514" s="5" t="s">
        <v>733</v>
      </c>
      <c r="O18514" s="5" t="s">
        <v>38</v>
      </c>
      <c r="P18514" s="5" t="s">
        <v>39</v>
      </c>
      <c r="Q18514" s="5" t="s">
        <v>40</v>
      </c>
      <c r="R18514" s="5" t="s">
        <v>897</v>
      </c>
      <c r="S18514" s="5" t="s">
        <v>40</v>
      </c>
      <c r="T18514" s="5" t="s">
        <v>42</v>
      </c>
      <c r="U18514" s="2">
        <v>43.018000000000001</v>
      </c>
      <c r="V18514" s="2">
        <v>40.139000000000003</v>
      </c>
      <c r="W18514" s="2">
        <v>0.154</v>
      </c>
      <c r="X18514" s="2">
        <v>17</v>
      </c>
      <c r="Y18514" s="2">
        <v>68.7</v>
      </c>
      <c r="Z18514" s="2">
        <v>131.6</v>
      </c>
      <c r="AA18514" s="5">
        <v>7</v>
      </c>
      <c r="AB18514" s="5" t="s">
        <v>43</v>
      </c>
      <c r="AC18514" s="5" t="s">
        <v>735</v>
      </c>
      <c r="AD18514" s="2" t="s">
        <v>56923</v>
      </c>
      <c r="AE18514" s="1"/>
    </row>
    <row r="18515" spans="1:31" ht="14.45">
      <c r="A18515" s="5" t="s">
        <v>116</v>
      </c>
      <c r="B18515" s="21">
        <v>46082</v>
      </c>
      <c r="C18515" s="2" t="s">
        <v>56924</v>
      </c>
      <c r="D18515" s="14" t="s">
        <v>56925</v>
      </c>
      <c r="E18515" s="2" t="s">
        <v>56926</v>
      </c>
      <c r="F18515" s="2" t="s">
        <v>56927</v>
      </c>
      <c r="G18515" s="8">
        <v>1633</v>
      </c>
      <c r="H18515" s="5">
        <v>5</v>
      </c>
      <c r="I18515" s="5" t="s">
        <v>69</v>
      </c>
      <c r="J18515" s="5" t="s">
        <v>55802</v>
      </c>
      <c r="K18515" s="2" t="s">
        <v>55803</v>
      </c>
      <c r="L18515" s="5" t="s">
        <v>55802</v>
      </c>
      <c r="M18515" s="2" t="s">
        <v>55803</v>
      </c>
      <c r="N18515" s="5" t="s">
        <v>733</v>
      </c>
      <c r="O18515" s="5" t="s">
        <v>38</v>
      </c>
      <c r="P18515" s="5" t="s">
        <v>39</v>
      </c>
      <c r="Q18515" s="5" t="s">
        <v>40</v>
      </c>
      <c r="R18515" s="5" t="s">
        <v>897</v>
      </c>
      <c r="S18515" s="5" t="s">
        <v>40</v>
      </c>
      <c r="T18515" s="5" t="s">
        <v>42</v>
      </c>
      <c r="U18515" s="2">
        <v>43.273000000000003</v>
      </c>
      <c r="V18515" s="2">
        <v>40.491999999999997</v>
      </c>
      <c r="W18515" s="2">
        <v>0.154</v>
      </c>
      <c r="X18515" s="2">
        <v>17</v>
      </c>
      <c r="Y18515" s="2">
        <v>68.7</v>
      </c>
      <c r="Z18515" s="2">
        <v>131.6</v>
      </c>
      <c r="AA18515" s="5">
        <v>7</v>
      </c>
      <c r="AB18515" s="5" t="s">
        <v>43</v>
      </c>
      <c r="AC18515" s="5" t="s">
        <v>735</v>
      </c>
      <c r="AD18515" s="2" t="s">
        <v>56928</v>
      </c>
      <c r="AE18515" s="1"/>
    </row>
    <row r="18516" spans="1:31" ht="14.45">
      <c r="A18516" s="11"/>
      <c r="B18516" s="20"/>
      <c r="C18516" s="2" t="s">
        <v>56929</v>
      </c>
      <c r="D18516" s="14" t="s">
        <v>56930</v>
      </c>
      <c r="E18516" s="2" t="s">
        <v>56931</v>
      </c>
      <c r="F18516" s="2" t="s">
        <v>56922</v>
      </c>
      <c r="G18516" s="8">
        <v>1533</v>
      </c>
      <c r="H18516" s="5">
        <v>10</v>
      </c>
      <c r="I18516" s="5" t="s">
        <v>69</v>
      </c>
      <c r="J18516" s="5" t="s">
        <v>55802</v>
      </c>
      <c r="K18516" s="2" t="s">
        <v>55803</v>
      </c>
      <c r="L18516" s="5" t="s">
        <v>55802</v>
      </c>
      <c r="M18516" s="2" t="s">
        <v>55803</v>
      </c>
      <c r="N18516" s="5" t="s">
        <v>733</v>
      </c>
      <c r="O18516" s="5" t="s">
        <v>38</v>
      </c>
      <c r="P18516" s="5" t="s">
        <v>39</v>
      </c>
      <c r="Q18516" s="5" t="s">
        <v>40</v>
      </c>
      <c r="R18516" s="5" t="s">
        <v>897</v>
      </c>
      <c r="S18516" s="5" t="s">
        <v>40</v>
      </c>
      <c r="T18516" s="5" t="s">
        <v>42</v>
      </c>
      <c r="U18516" s="2">
        <v>43.216999999999999</v>
      </c>
      <c r="V18516" s="2">
        <v>40.252000000000002</v>
      </c>
      <c r="W18516" s="2">
        <v>0.154</v>
      </c>
      <c r="X18516" s="2">
        <v>17</v>
      </c>
      <c r="Y18516" s="2">
        <v>68.7</v>
      </c>
      <c r="Z18516" s="2">
        <v>131.6</v>
      </c>
      <c r="AA18516" s="5">
        <v>7</v>
      </c>
      <c r="AB18516" s="5" t="s">
        <v>43</v>
      </c>
      <c r="AC18516" s="5" t="s">
        <v>735</v>
      </c>
      <c r="AD18516" s="2" t="s">
        <v>56932</v>
      </c>
      <c r="AE18516" s="1"/>
    </row>
    <row r="18517" spans="1:31" ht="14.45">
      <c r="A18517" s="11"/>
      <c r="B18517" s="20"/>
      <c r="C18517" s="2" t="s">
        <v>56933</v>
      </c>
      <c r="D18517" s="14" t="s">
        <v>56934</v>
      </c>
      <c r="E18517" s="2" t="s">
        <v>56935</v>
      </c>
      <c r="F18517" s="2" t="s">
        <v>56936</v>
      </c>
      <c r="G18517" s="8">
        <v>991</v>
      </c>
      <c r="H18517" s="5">
        <v>10</v>
      </c>
      <c r="I18517" s="5" t="s">
        <v>69</v>
      </c>
      <c r="J18517" s="5" t="s">
        <v>55802</v>
      </c>
      <c r="K18517" s="2" t="s">
        <v>55803</v>
      </c>
      <c r="L18517" s="5" t="s">
        <v>55802</v>
      </c>
      <c r="M18517" s="2" t="s">
        <v>55803</v>
      </c>
      <c r="N18517" s="5" t="s">
        <v>733</v>
      </c>
      <c r="O18517" s="5" t="s">
        <v>38</v>
      </c>
      <c r="P18517" s="5" t="s">
        <v>39</v>
      </c>
      <c r="Q18517" s="5" t="s">
        <v>40</v>
      </c>
      <c r="R18517" s="5" t="s">
        <v>897</v>
      </c>
      <c r="S18517" s="5" t="s">
        <v>40</v>
      </c>
      <c r="T18517" s="5" t="s">
        <v>42</v>
      </c>
      <c r="U18517" s="2">
        <v>36.6</v>
      </c>
      <c r="V18517" s="2">
        <v>33.838999999999999</v>
      </c>
      <c r="W18517" s="2">
        <v>0.154</v>
      </c>
      <c r="X18517" s="2">
        <v>17</v>
      </c>
      <c r="Y18517" s="2">
        <v>68.7</v>
      </c>
      <c r="Z18517" s="2">
        <v>131.6</v>
      </c>
      <c r="AA18517" s="5">
        <v>7</v>
      </c>
      <c r="AB18517" s="5" t="s">
        <v>43</v>
      </c>
      <c r="AC18517" s="5" t="s">
        <v>735</v>
      </c>
      <c r="AD18517" s="2" t="s">
        <v>56937</v>
      </c>
      <c r="AE18517" s="1"/>
    </row>
    <row r="18518" spans="1:31" ht="14.45">
      <c r="A18518" s="11"/>
      <c r="B18518" s="20"/>
      <c r="C18518" s="2" t="s">
        <v>56938</v>
      </c>
      <c r="D18518" s="14" t="s">
        <v>56939</v>
      </c>
      <c r="E18518" s="2" t="s">
        <v>56940</v>
      </c>
      <c r="F18518" s="2" t="s">
        <v>56941</v>
      </c>
      <c r="G18518" s="8">
        <v>1291</v>
      </c>
      <c r="H18518" s="5">
        <v>10</v>
      </c>
      <c r="I18518" s="5" t="s">
        <v>69</v>
      </c>
      <c r="J18518" s="5" t="s">
        <v>55802</v>
      </c>
      <c r="K18518" s="2" t="s">
        <v>55803</v>
      </c>
      <c r="L18518" s="5" t="s">
        <v>55802</v>
      </c>
      <c r="M18518" s="2" t="s">
        <v>55803</v>
      </c>
      <c r="N18518" s="5" t="s">
        <v>733</v>
      </c>
      <c r="O18518" s="5" t="s">
        <v>38</v>
      </c>
      <c r="P18518" s="5" t="s">
        <v>39</v>
      </c>
      <c r="Q18518" s="5" t="s">
        <v>40</v>
      </c>
      <c r="R18518" s="5" t="s">
        <v>897</v>
      </c>
      <c r="S18518" s="5" t="s">
        <v>40</v>
      </c>
      <c r="T18518" s="5" t="s">
        <v>42</v>
      </c>
      <c r="U18518" s="2">
        <v>38.502000000000002</v>
      </c>
      <c r="V18518" s="2">
        <v>35.616</v>
      </c>
      <c r="W18518" s="2">
        <v>0.154</v>
      </c>
      <c r="X18518" s="2">
        <v>17</v>
      </c>
      <c r="Y18518" s="2">
        <v>68.7</v>
      </c>
      <c r="Z18518" s="2">
        <v>131.6</v>
      </c>
      <c r="AA18518" s="5">
        <v>7</v>
      </c>
      <c r="AB18518" s="5" t="s">
        <v>43</v>
      </c>
      <c r="AC18518" s="5" t="s">
        <v>735</v>
      </c>
      <c r="AD18518" s="2" t="s">
        <v>56942</v>
      </c>
      <c r="AE18518" s="1"/>
    </row>
    <row r="18519" spans="1:31" ht="14.45">
      <c r="A18519" s="5" t="s">
        <v>116</v>
      </c>
      <c r="B18519" s="21">
        <v>46082</v>
      </c>
      <c r="C18519" s="2" t="s">
        <v>56943</v>
      </c>
      <c r="D18519" s="14" t="s">
        <v>56944</v>
      </c>
      <c r="E18519" s="2" t="s">
        <v>56945</v>
      </c>
      <c r="F18519" s="2" t="s">
        <v>56946</v>
      </c>
      <c r="G18519" s="8">
        <v>1391</v>
      </c>
      <c r="H18519" s="5">
        <v>5</v>
      </c>
      <c r="I18519" s="5" t="s">
        <v>69</v>
      </c>
      <c r="J18519" s="5" t="s">
        <v>55802</v>
      </c>
      <c r="K18519" s="2" t="s">
        <v>55803</v>
      </c>
      <c r="L18519" s="5" t="s">
        <v>55802</v>
      </c>
      <c r="M18519" s="2" t="s">
        <v>55803</v>
      </c>
      <c r="N18519" s="5" t="s">
        <v>733</v>
      </c>
      <c r="O18519" s="5" t="s">
        <v>38</v>
      </c>
      <c r="P18519" s="5" t="s">
        <v>39</v>
      </c>
      <c r="Q18519" s="5" t="s">
        <v>40</v>
      </c>
      <c r="R18519" s="5" t="s">
        <v>897</v>
      </c>
      <c r="S18519" s="5" t="s">
        <v>40</v>
      </c>
      <c r="T18519" s="5" t="s">
        <v>42</v>
      </c>
      <c r="U18519" s="2">
        <v>38.683</v>
      </c>
      <c r="V18519" s="2">
        <v>35.924999999999997</v>
      </c>
      <c r="W18519" s="2">
        <v>0.154</v>
      </c>
      <c r="X18519" s="2">
        <v>17</v>
      </c>
      <c r="Y18519" s="2">
        <v>68.7</v>
      </c>
      <c r="Z18519" s="2">
        <v>131.6</v>
      </c>
      <c r="AA18519" s="5">
        <v>7</v>
      </c>
      <c r="AB18519" s="5" t="s">
        <v>43</v>
      </c>
      <c r="AC18519" s="5" t="s">
        <v>735</v>
      </c>
      <c r="AD18519" s="2" t="s">
        <v>56947</v>
      </c>
      <c r="AE18519" s="1"/>
    </row>
    <row r="18520" spans="1:31" ht="14.45">
      <c r="A18520" s="11"/>
      <c r="B18520" s="20"/>
      <c r="C18520" s="2" t="s">
        <v>56948</v>
      </c>
      <c r="D18520" s="14" t="s">
        <v>56949</v>
      </c>
      <c r="E18520" s="2" t="s">
        <v>56950</v>
      </c>
      <c r="F18520" s="2" t="s">
        <v>56941</v>
      </c>
      <c r="G18520" s="8">
        <v>1291</v>
      </c>
      <c r="H18520" s="5">
        <v>10</v>
      </c>
      <c r="I18520" s="5" t="s">
        <v>69</v>
      </c>
      <c r="J18520" s="5" t="s">
        <v>55802</v>
      </c>
      <c r="K18520" s="2" t="s">
        <v>55803</v>
      </c>
      <c r="L18520" s="5" t="s">
        <v>55802</v>
      </c>
      <c r="M18520" s="2" t="s">
        <v>55803</v>
      </c>
      <c r="N18520" s="5" t="s">
        <v>733</v>
      </c>
      <c r="O18520" s="5" t="s">
        <v>38</v>
      </c>
      <c r="P18520" s="5" t="s">
        <v>39</v>
      </c>
      <c r="Q18520" s="5" t="s">
        <v>40</v>
      </c>
      <c r="R18520" s="5" t="s">
        <v>897</v>
      </c>
      <c r="S18520" s="5" t="s">
        <v>40</v>
      </c>
      <c r="T18520" s="5" t="s">
        <v>42</v>
      </c>
      <c r="U18520" s="2">
        <v>38.701000000000001</v>
      </c>
      <c r="V18520" s="2">
        <v>35.728999999999999</v>
      </c>
      <c r="W18520" s="2">
        <v>0.154</v>
      </c>
      <c r="X18520" s="2">
        <v>17</v>
      </c>
      <c r="Y18520" s="2">
        <v>68.7</v>
      </c>
      <c r="Z18520" s="2">
        <v>131.6</v>
      </c>
      <c r="AA18520" s="5">
        <v>7</v>
      </c>
      <c r="AB18520" s="5" t="s">
        <v>43</v>
      </c>
      <c r="AC18520" s="5" t="s">
        <v>735</v>
      </c>
      <c r="AD18520" s="2" t="s">
        <v>56951</v>
      </c>
      <c r="AE18520" s="1"/>
    </row>
    <row r="18521" spans="1:31" ht="14.45">
      <c r="A18521" s="11"/>
      <c r="B18521" s="20"/>
      <c r="C18521" s="2" t="s">
        <v>56952</v>
      </c>
      <c r="D18521" s="14" t="s">
        <v>56953</v>
      </c>
      <c r="E18521" s="2" t="s">
        <v>56954</v>
      </c>
      <c r="F18521" s="2" t="s">
        <v>56955</v>
      </c>
      <c r="G18521" s="8">
        <v>1163</v>
      </c>
      <c r="H18521" s="5">
        <v>5</v>
      </c>
      <c r="I18521" s="5" t="s">
        <v>69</v>
      </c>
      <c r="J18521" s="5" t="s">
        <v>55802</v>
      </c>
      <c r="K18521" s="2" t="s">
        <v>55803</v>
      </c>
      <c r="L18521" s="5" t="s">
        <v>55802</v>
      </c>
      <c r="M18521" s="2" t="s">
        <v>55803</v>
      </c>
      <c r="N18521" s="5" t="s">
        <v>733</v>
      </c>
      <c r="O18521" s="5" t="s">
        <v>38</v>
      </c>
      <c r="P18521" s="5" t="s">
        <v>39</v>
      </c>
      <c r="Q18521" s="5" t="s">
        <v>40</v>
      </c>
      <c r="R18521" s="5" t="s">
        <v>897</v>
      </c>
      <c r="S18521" s="5" t="s">
        <v>40</v>
      </c>
      <c r="T18521" s="5" t="s">
        <v>42</v>
      </c>
      <c r="U18521" s="2">
        <v>41.095999999999997</v>
      </c>
      <c r="V18521" s="2">
        <v>38.335000000000001</v>
      </c>
      <c r="W18521" s="2">
        <v>0.154</v>
      </c>
      <c r="X18521" s="2">
        <v>17</v>
      </c>
      <c r="Y18521" s="2">
        <v>68.7</v>
      </c>
      <c r="Z18521" s="2">
        <v>131.6</v>
      </c>
      <c r="AA18521" s="5">
        <v>7</v>
      </c>
      <c r="AB18521" s="5" t="s">
        <v>43</v>
      </c>
      <c r="AC18521" s="5" t="s">
        <v>735</v>
      </c>
      <c r="AD18521" s="2" t="s">
        <v>56956</v>
      </c>
      <c r="AE18521" s="1"/>
    </row>
    <row r="18522" spans="1:31" ht="14.45">
      <c r="A18522" s="11"/>
      <c r="B18522" s="20"/>
      <c r="C18522" s="2" t="s">
        <v>56957</v>
      </c>
      <c r="D18522" s="14" t="s">
        <v>56958</v>
      </c>
      <c r="E18522" s="2" t="s">
        <v>56959</v>
      </c>
      <c r="F18522" s="2" t="s">
        <v>56955</v>
      </c>
      <c r="G18522" s="8">
        <v>1463</v>
      </c>
      <c r="H18522" s="5">
        <v>5</v>
      </c>
      <c r="I18522" s="5" t="s">
        <v>69</v>
      </c>
      <c r="J18522" s="5" t="s">
        <v>55802</v>
      </c>
      <c r="K18522" s="2" t="s">
        <v>55803</v>
      </c>
      <c r="L18522" s="5" t="s">
        <v>55802</v>
      </c>
      <c r="M18522" s="2" t="s">
        <v>55803</v>
      </c>
      <c r="N18522" s="5" t="s">
        <v>733</v>
      </c>
      <c r="O18522" s="5" t="s">
        <v>38</v>
      </c>
      <c r="P18522" s="5" t="s">
        <v>39</v>
      </c>
      <c r="Q18522" s="5" t="s">
        <v>40</v>
      </c>
      <c r="R18522" s="5" t="s">
        <v>897</v>
      </c>
      <c r="S18522" s="5" t="s">
        <v>40</v>
      </c>
      <c r="T18522" s="5" t="s">
        <v>42</v>
      </c>
      <c r="U18522" s="2">
        <v>42.991</v>
      </c>
      <c r="V18522" s="2">
        <v>40.112000000000002</v>
      </c>
      <c r="W18522" s="2">
        <v>0.154</v>
      </c>
      <c r="X18522" s="2">
        <v>17</v>
      </c>
      <c r="Y18522" s="2">
        <v>68.7</v>
      </c>
      <c r="Z18522" s="2">
        <v>131.6</v>
      </c>
      <c r="AA18522" s="5">
        <v>7</v>
      </c>
      <c r="AB18522" s="5" t="s">
        <v>43</v>
      </c>
      <c r="AC18522" s="5" t="s">
        <v>735</v>
      </c>
      <c r="AD18522" s="2" t="s">
        <v>56960</v>
      </c>
      <c r="AE18522" s="1"/>
    </row>
    <row r="18523" spans="1:31" ht="14.45">
      <c r="A18523" s="5" t="s">
        <v>116</v>
      </c>
      <c r="B18523" s="21">
        <v>46082</v>
      </c>
      <c r="C18523" s="2" t="s">
        <v>56961</v>
      </c>
      <c r="D18523" s="14" t="s">
        <v>56962</v>
      </c>
      <c r="E18523" s="2" t="s">
        <v>56963</v>
      </c>
      <c r="F18523" s="2" t="s">
        <v>56964</v>
      </c>
      <c r="G18523" s="8">
        <v>1563</v>
      </c>
      <c r="H18523" s="5">
        <v>5</v>
      </c>
      <c r="I18523" s="5" t="s">
        <v>69</v>
      </c>
      <c r="J18523" s="5" t="s">
        <v>55802</v>
      </c>
      <c r="K18523" s="2" t="s">
        <v>55803</v>
      </c>
      <c r="L18523" s="5" t="s">
        <v>55802</v>
      </c>
      <c r="M18523" s="2" t="s">
        <v>55803</v>
      </c>
      <c r="N18523" s="5" t="s">
        <v>733</v>
      </c>
      <c r="O18523" s="5" t="s">
        <v>38</v>
      </c>
      <c r="P18523" s="5" t="s">
        <v>39</v>
      </c>
      <c r="Q18523" s="5" t="s">
        <v>40</v>
      </c>
      <c r="R18523" s="5" t="s">
        <v>897</v>
      </c>
      <c r="S18523" s="5" t="s">
        <v>40</v>
      </c>
      <c r="T18523" s="5" t="s">
        <v>42</v>
      </c>
      <c r="U18523" s="2">
        <v>43.246000000000002</v>
      </c>
      <c r="V18523" s="2">
        <v>40.465000000000003</v>
      </c>
      <c r="W18523" s="2">
        <v>0.154</v>
      </c>
      <c r="X18523" s="2">
        <v>17</v>
      </c>
      <c r="Y18523" s="2">
        <v>68.7</v>
      </c>
      <c r="Z18523" s="2">
        <v>131.6</v>
      </c>
      <c r="AA18523" s="5">
        <v>7</v>
      </c>
      <c r="AB18523" s="5" t="s">
        <v>43</v>
      </c>
      <c r="AC18523" s="5" t="s">
        <v>735</v>
      </c>
      <c r="AD18523" s="2" t="s">
        <v>56965</v>
      </c>
      <c r="AE18523" s="1"/>
    </row>
    <row r="18524" spans="1:31" ht="14.45">
      <c r="A18524" s="11"/>
      <c r="B18524" s="20"/>
      <c r="C18524" s="2" t="s">
        <v>56966</v>
      </c>
      <c r="D18524" s="14" t="s">
        <v>56967</v>
      </c>
      <c r="E18524" s="2" t="s">
        <v>56968</v>
      </c>
      <c r="F18524" s="2" t="s">
        <v>56955</v>
      </c>
      <c r="G18524" s="8">
        <v>1463</v>
      </c>
      <c r="H18524" s="5">
        <v>5</v>
      </c>
      <c r="I18524" s="5" t="s">
        <v>69</v>
      </c>
      <c r="J18524" s="5" t="s">
        <v>55802</v>
      </c>
      <c r="K18524" s="2" t="s">
        <v>55803</v>
      </c>
      <c r="L18524" s="5" t="s">
        <v>55802</v>
      </c>
      <c r="M18524" s="2" t="s">
        <v>55803</v>
      </c>
      <c r="N18524" s="5" t="s">
        <v>733</v>
      </c>
      <c r="O18524" s="5" t="s">
        <v>38</v>
      </c>
      <c r="P18524" s="5" t="s">
        <v>39</v>
      </c>
      <c r="Q18524" s="5" t="s">
        <v>40</v>
      </c>
      <c r="R18524" s="5" t="s">
        <v>897</v>
      </c>
      <c r="S18524" s="5" t="s">
        <v>40</v>
      </c>
      <c r="T18524" s="5" t="s">
        <v>42</v>
      </c>
      <c r="U18524" s="2">
        <v>43.19</v>
      </c>
      <c r="V18524" s="2">
        <v>40.225000000000001</v>
      </c>
      <c r="W18524" s="2">
        <v>0.154</v>
      </c>
      <c r="X18524" s="2">
        <v>17</v>
      </c>
      <c r="Y18524" s="2">
        <v>68.7</v>
      </c>
      <c r="Z18524" s="2">
        <v>131.6</v>
      </c>
      <c r="AA18524" s="5">
        <v>7</v>
      </c>
      <c r="AB18524" s="5" t="s">
        <v>43</v>
      </c>
      <c r="AC18524" s="5" t="s">
        <v>735</v>
      </c>
      <c r="AD18524" s="2" t="s">
        <v>56969</v>
      </c>
      <c r="AE18524" s="1"/>
    </row>
    <row r="18525" spans="1:31" ht="14.45">
      <c r="A18525" s="11"/>
      <c r="B18525" s="20"/>
      <c r="C18525" s="2" t="s">
        <v>56970</v>
      </c>
      <c r="D18525" s="14" t="s">
        <v>56971</v>
      </c>
      <c r="E18525" s="2" t="s">
        <v>56972</v>
      </c>
      <c r="F18525" s="2" t="s">
        <v>56973</v>
      </c>
      <c r="G18525" s="8">
        <v>1233</v>
      </c>
      <c r="H18525" s="5">
        <v>10</v>
      </c>
      <c r="I18525" s="5" t="s">
        <v>69</v>
      </c>
      <c r="J18525" s="5" t="s">
        <v>55802</v>
      </c>
      <c r="K18525" s="2" t="s">
        <v>55803</v>
      </c>
      <c r="L18525" s="5" t="s">
        <v>55802</v>
      </c>
      <c r="M18525" s="2" t="s">
        <v>55803</v>
      </c>
      <c r="N18525" s="5" t="s">
        <v>733</v>
      </c>
      <c r="O18525" s="5" t="s">
        <v>38</v>
      </c>
      <c r="P18525" s="5" t="s">
        <v>39</v>
      </c>
      <c r="Q18525" s="5" t="s">
        <v>40</v>
      </c>
      <c r="R18525" s="5" t="s">
        <v>897</v>
      </c>
      <c r="S18525" s="5" t="s">
        <v>40</v>
      </c>
      <c r="T18525" s="5" t="s">
        <v>42</v>
      </c>
      <c r="U18525" s="2">
        <v>40.320999999999998</v>
      </c>
      <c r="V18525" s="2">
        <v>37.56</v>
      </c>
      <c r="W18525" s="2">
        <v>0.154</v>
      </c>
      <c r="X18525" s="2">
        <v>17</v>
      </c>
      <c r="Y18525" s="2">
        <v>68.7</v>
      </c>
      <c r="Z18525" s="2">
        <v>131.6</v>
      </c>
      <c r="AA18525" s="5">
        <v>7</v>
      </c>
      <c r="AB18525" s="5" t="s">
        <v>43</v>
      </c>
      <c r="AC18525" s="5" t="s">
        <v>735</v>
      </c>
      <c r="AD18525" s="2" t="s">
        <v>56974</v>
      </c>
      <c r="AE18525" s="1"/>
    </row>
    <row r="18526" spans="1:31" ht="14.45">
      <c r="A18526" s="11"/>
      <c r="B18526" s="20"/>
      <c r="C18526" s="2" t="s">
        <v>56975</v>
      </c>
      <c r="D18526" s="14" t="s">
        <v>56976</v>
      </c>
      <c r="E18526" s="2" t="s">
        <v>56977</v>
      </c>
      <c r="F18526" s="2" t="s">
        <v>56978</v>
      </c>
      <c r="G18526" s="8">
        <v>1533</v>
      </c>
      <c r="H18526" s="5">
        <v>10</v>
      </c>
      <c r="I18526" s="5" t="s">
        <v>69</v>
      </c>
      <c r="J18526" s="5" t="s">
        <v>55802</v>
      </c>
      <c r="K18526" s="2" t="s">
        <v>55803</v>
      </c>
      <c r="L18526" s="5" t="s">
        <v>55802</v>
      </c>
      <c r="M18526" s="2" t="s">
        <v>55803</v>
      </c>
      <c r="N18526" s="5" t="s">
        <v>733</v>
      </c>
      <c r="O18526" s="5" t="s">
        <v>38</v>
      </c>
      <c r="P18526" s="5" t="s">
        <v>39</v>
      </c>
      <c r="Q18526" s="5" t="s">
        <v>40</v>
      </c>
      <c r="R18526" s="5" t="s">
        <v>897</v>
      </c>
      <c r="S18526" s="5" t="s">
        <v>40</v>
      </c>
      <c r="T18526" s="5" t="s">
        <v>42</v>
      </c>
      <c r="U18526" s="2">
        <v>42.414999999999999</v>
      </c>
      <c r="V18526" s="2">
        <v>39.450000000000003</v>
      </c>
      <c r="W18526" s="2">
        <v>0.154</v>
      </c>
      <c r="X18526" s="2">
        <v>17</v>
      </c>
      <c r="Y18526" s="2">
        <v>68.7</v>
      </c>
      <c r="Z18526" s="2">
        <v>131.6</v>
      </c>
      <c r="AA18526" s="5">
        <v>7</v>
      </c>
      <c r="AB18526" s="5" t="s">
        <v>43</v>
      </c>
      <c r="AC18526" s="5" t="s">
        <v>735</v>
      </c>
      <c r="AD18526" s="2" t="s">
        <v>56979</v>
      </c>
      <c r="AE18526" s="1"/>
    </row>
    <row r="18527" spans="1:31" ht="14.45">
      <c r="A18527" s="11"/>
      <c r="B18527" s="20"/>
      <c r="C18527" s="2" t="s">
        <v>56980</v>
      </c>
      <c r="D18527" s="14" t="s">
        <v>56981</v>
      </c>
      <c r="E18527" s="2" t="s">
        <v>56982</v>
      </c>
      <c r="F18527" s="2" t="s">
        <v>56983</v>
      </c>
      <c r="G18527" s="8">
        <v>991</v>
      </c>
      <c r="H18527" s="5">
        <v>10</v>
      </c>
      <c r="I18527" s="5" t="s">
        <v>69</v>
      </c>
      <c r="J18527" s="5" t="s">
        <v>55802</v>
      </c>
      <c r="K18527" s="2" t="s">
        <v>55803</v>
      </c>
      <c r="L18527" s="5" t="s">
        <v>55802</v>
      </c>
      <c r="M18527" s="2" t="s">
        <v>55803</v>
      </c>
      <c r="N18527" s="5" t="s">
        <v>733</v>
      </c>
      <c r="O18527" s="5" t="s">
        <v>38</v>
      </c>
      <c r="P18527" s="5" t="s">
        <v>39</v>
      </c>
      <c r="Q18527" s="5" t="s">
        <v>40</v>
      </c>
      <c r="R18527" s="5" t="s">
        <v>897</v>
      </c>
      <c r="S18527" s="5" t="s">
        <v>40</v>
      </c>
      <c r="T18527" s="5" t="s">
        <v>42</v>
      </c>
      <c r="U18527" s="2">
        <v>35.802</v>
      </c>
      <c r="V18527" s="2">
        <v>33.040999999999997</v>
      </c>
      <c r="W18527" s="2">
        <v>0.154</v>
      </c>
      <c r="X18527" s="2">
        <v>17</v>
      </c>
      <c r="Y18527" s="2">
        <v>68.7</v>
      </c>
      <c r="Z18527" s="2">
        <v>131.6</v>
      </c>
      <c r="AA18527" s="5">
        <v>7</v>
      </c>
      <c r="AB18527" s="5" t="s">
        <v>43</v>
      </c>
      <c r="AC18527" s="5" t="s">
        <v>735</v>
      </c>
      <c r="AD18527" s="2" t="s">
        <v>56984</v>
      </c>
      <c r="AE18527" s="1"/>
    </row>
    <row r="18528" spans="1:31" ht="14.45">
      <c r="A18528" s="11"/>
      <c r="B18528" s="20"/>
      <c r="C18528" s="2" t="s">
        <v>56985</v>
      </c>
      <c r="D18528" s="14" t="s">
        <v>56986</v>
      </c>
      <c r="E18528" s="2" t="s">
        <v>56987</v>
      </c>
      <c r="F18528" s="2" t="s">
        <v>56983</v>
      </c>
      <c r="G18528" s="8">
        <v>1291</v>
      </c>
      <c r="H18528" s="5">
        <v>10</v>
      </c>
      <c r="I18528" s="5" t="s">
        <v>69</v>
      </c>
      <c r="J18528" s="5" t="s">
        <v>55802</v>
      </c>
      <c r="K18528" s="2" t="s">
        <v>55803</v>
      </c>
      <c r="L18528" s="5" t="s">
        <v>55802</v>
      </c>
      <c r="M18528" s="2" t="s">
        <v>55803</v>
      </c>
      <c r="N18528" s="5" t="s">
        <v>733</v>
      </c>
      <c r="O18528" s="5" t="s">
        <v>38</v>
      </c>
      <c r="P18528" s="5" t="s">
        <v>39</v>
      </c>
      <c r="Q18528" s="5" t="s">
        <v>40</v>
      </c>
      <c r="R18528" s="5" t="s">
        <v>897</v>
      </c>
      <c r="S18528" s="5" t="s">
        <v>40</v>
      </c>
      <c r="T18528" s="5" t="s">
        <v>42</v>
      </c>
      <c r="U18528" s="2">
        <v>37.902999999999999</v>
      </c>
      <c r="V18528" s="2">
        <v>34.930999999999997</v>
      </c>
      <c r="W18528" s="2">
        <v>0.154</v>
      </c>
      <c r="X18528" s="2">
        <v>17</v>
      </c>
      <c r="Y18528" s="2">
        <v>68.7</v>
      </c>
      <c r="Z18528" s="2">
        <v>131.6</v>
      </c>
      <c r="AA18528" s="5">
        <v>7</v>
      </c>
      <c r="AB18528" s="5" t="s">
        <v>43</v>
      </c>
      <c r="AC18528" s="5" t="s">
        <v>735</v>
      </c>
      <c r="AD18528" s="2" t="s">
        <v>56988</v>
      </c>
      <c r="AE18528" s="1"/>
    </row>
    <row r="18529" spans="1:31" ht="14.45">
      <c r="A18529" s="11"/>
      <c r="B18529" s="20"/>
      <c r="C18529" s="2" t="s">
        <v>56989</v>
      </c>
      <c r="D18529" s="14" t="s">
        <v>56990</v>
      </c>
      <c r="E18529" s="2" t="s">
        <v>56991</v>
      </c>
      <c r="F18529" s="2" t="s">
        <v>56992</v>
      </c>
      <c r="G18529" s="8">
        <v>1163</v>
      </c>
      <c r="H18529" s="5">
        <v>10</v>
      </c>
      <c r="I18529" s="5" t="s">
        <v>69</v>
      </c>
      <c r="J18529" s="5" t="s">
        <v>55802</v>
      </c>
      <c r="K18529" s="2" t="s">
        <v>55803</v>
      </c>
      <c r="L18529" s="5" t="s">
        <v>55802</v>
      </c>
      <c r="M18529" s="2" t="s">
        <v>55803</v>
      </c>
      <c r="N18529" s="5" t="s">
        <v>733</v>
      </c>
      <c r="O18529" s="5" t="s">
        <v>38</v>
      </c>
      <c r="P18529" s="5" t="s">
        <v>39</v>
      </c>
      <c r="Q18529" s="5" t="s">
        <v>40</v>
      </c>
      <c r="R18529" s="5" t="s">
        <v>897</v>
      </c>
      <c r="S18529" s="5" t="s">
        <v>40</v>
      </c>
      <c r="T18529" s="5" t="s">
        <v>42</v>
      </c>
      <c r="U18529" s="2">
        <v>40.293999999999997</v>
      </c>
      <c r="V18529" s="2">
        <v>37.533000000000001</v>
      </c>
      <c r="W18529" s="2">
        <v>0.154</v>
      </c>
      <c r="X18529" s="2">
        <v>17</v>
      </c>
      <c r="Y18529" s="2">
        <v>68.7</v>
      </c>
      <c r="Z18529" s="2">
        <v>131.6</v>
      </c>
      <c r="AA18529" s="5">
        <v>7</v>
      </c>
      <c r="AB18529" s="5" t="s">
        <v>43</v>
      </c>
      <c r="AC18529" s="5" t="s">
        <v>735</v>
      </c>
      <c r="AD18529" s="2" t="s">
        <v>56993</v>
      </c>
      <c r="AE18529" s="1"/>
    </row>
    <row r="18530" spans="1:31" ht="14.45">
      <c r="A18530" s="11"/>
      <c r="B18530" s="20"/>
      <c r="C18530" s="2" t="s">
        <v>56994</v>
      </c>
      <c r="D18530" s="14" t="s">
        <v>56995</v>
      </c>
      <c r="E18530" s="2" t="s">
        <v>56996</v>
      </c>
      <c r="F18530" s="2" t="s">
        <v>56992</v>
      </c>
      <c r="G18530" s="8">
        <v>1463</v>
      </c>
      <c r="H18530" s="5">
        <v>5</v>
      </c>
      <c r="I18530" s="5" t="s">
        <v>69</v>
      </c>
      <c r="J18530" s="5" t="s">
        <v>55802</v>
      </c>
      <c r="K18530" s="2" t="s">
        <v>55803</v>
      </c>
      <c r="L18530" s="5" t="s">
        <v>55802</v>
      </c>
      <c r="M18530" s="2" t="s">
        <v>55803</v>
      </c>
      <c r="N18530" s="5" t="s">
        <v>733</v>
      </c>
      <c r="O18530" s="5" t="s">
        <v>38</v>
      </c>
      <c r="P18530" s="5" t="s">
        <v>39</v>
      </c>
      <c r="Q18530" s="5" t="s">
        <v>40</v>
      </c>
      <c r="R18530" s="5" t="s">
        <v>897</v>
      </c>
      <c r="S18530" s="5" t="s">
        <v>40</v>
      </c>
      <c r="T18530" s="5" t="s">
        <v>42</v>
      </c>
      <c r="U18530" s="2">
        <v>42.387999999999998</v>
      </c>
      <c r="V18530" s="2">
        <v>39.423000000000002</v>
      </c>
      <c r="W18530" s="2">
        <v>0.154</v>
      </c>
      <c r="X18530" s="2">
        <v>17</v>
      </c>
      <c r="Y18530" s="2">
        <v>68.7</v>
      </c>
      <c r="Z18530" s="2">
        <v>131.6</v>
      </c>
      <c r="AA18530" s="5">
        <v>7</v>
      </c>
      <c r="AB18530" s="5" t="s">
        <v>43</v>
      </c>
      <c r="AC18530" s="5" t="s">
        <v>735</v>
      </c>
      <c r="AD18530" s="2" t="s">
        <v>56997</v>
      </c>
      <c r="AE18530" s="1"/>
    </row>
    <row r="18531" spans="1:31" ht="14.45">
      <c r="A18531" s="11"/>
      <c r="B18531" s="20"/>
      <c r="C18531" s="2" t="s">
        <v>56998</v>
      </c>
      <c r="D18531" s="14" t="s">
        <v>56999</v>
      </c>
      <c r="E18531" s="2" t="s">
        <v>57000</v>
      </c>
      <c r="F18531" s="2" t="s">
        <v>57001</v>
      </c>
      <c r="G18531" s="8">
        <v>876</v>
      </c>
      <c r="H18531" s="5">
        <v>10</v>
      </c>
      <c r="I18531" s="5" t="s">
        <v>69</v>
      </c>
      <c r="J18531" s="5" t="s">
        <v>55802</v>
      </c>
      <c r="K18531" s="2" t="s">
        <v>55803</v>
      </c>
      <c r="L18531" s="5" t="s">
        <v>55802</v>
      </c>
      <c r="M18531" s="2" t="s">
        <v>55803</v>
      </c>
      <c r="N18531" s="5" t="s">
        <v>733</v>
      </c>
      <c r="O18531" s="5" t="s">
        <v>38</v>
      </c>
      <c r="P18531" s="5" t="s">
        <v>39</v>
      </c>
      <c r="Q18531" s="5" t="s">
        <v>40</v>
      </c>
      <c r="R18531" s="5" t="s">
        <v>897</v>
      </c>
      <c r="S18531" s="5" t="s">
        <v>40</v>
      </c>
      <c r="T18531" s="5" t="s">
        <v>42</v>
      </c>
      <c r="U18531" s="2">
        <v>43.415999999999997</v>
      </c>
      <c r="V18531" s="2">
        <v>40.659999999999997</v>
      </c>
      <c r="W18531" s="2">
        <v>0.154</v>
      </c>
      <c r="X18531" s="2">
        <v>17</v>
      </c>
      <c r="Y18531" s="2">
        <v>68.7</v>
      </c>
      <c r="Z18531" s="2">
        <v>131.6</v>
      </c>
      <c r="AA18531" s="5">
        <v>7</v>
      </c>
      <c r="AB18531" s="5" t="s">
        <v>43</v>
      </c>
      <c r="AC18531" s="5" t="s">
        <v>735</v>
      </c>
      <c r="AD18531" s="2" t="s">
        <v>57002</v>
      </c>
      <c r="AE18531" s="1"/>
    </row>
    <row r="18532" spans="1:31" ht="14.45">
      <c r="A18532" s="11"/>
      <c r="B18532" s="20"/>
      <c r="C18532" s="2" t="s">
        <v>57003</v>
      </c>
      <c r="D18532" s="14" t="s">
        <v>57004</v>
      </c>
      <c r="E18532" s="2" t="s">
        <v>57005</v>
      </c>
      <c r="F18532" s="2" t="s">
        <v>57006</v>
      </c>
      <c r="G18532" s="8">
        <v>1176</v>
      </c>
      <c r="H18532" s="5">
        <v>10</v>
      </c>
      <c r="I18532" s="5" t="s">
        <v>69</v>
      </c>
      <c r="J18532" s="5" t="s">
        <v>55802</v>
      </c>
      <c r="K18532" s="2" t="s">
        <v>55803</v>
      </c>
      <c r="L18532" s="5" t="s">
        <v>55802</v>
      </c>
      <c r="M18532" s="2" t="s">
        <v>55803</v>
      </c>
      <c r="N18532" s="5" t="s">
        <v>733</v>
      </c>
      <c r="O18532" s="5" t="s">
        <v>38</v>
      </c>
      <c r="P18532" s="5" t="s">
        <v>39</v>
      </c>
      <c r="Q18532" s="5" t="s">
        <v>40</v>
      </c>
      <c r="R18532" s="5" t="s">
        <v>897</v>
      </c>
      <c r="S18532" s="5" t="s">
        <v>40</v>
      </c>
      <c r="T18532" s="5" t="s">
        <v>42</v>
      </c>
      <c r="U18532" s="2">
        <v>45.219000000000001</v>
      </c>
      <c r="V18532" s="2">
        <v>42.34</v>
      </c>
      <c r="W18532" s="2">
        <v>0.154</v>
      </c>
      <c r="X18532" s="2">
        <v>17</v>
      </c>
      <c r="Y18532" s="2">
        <v>68.7</v>
      </c>
      <c r="Z18532" s="2">
        <v>131.6</v>
      </c>
      <c r="AA18532" s="5">
        <v>7</v>
      </c>
      <c r="AB18532" s="5" t="s">
        <v>43</v>
      </c>
      <c r="AC18532" s="5" t="s">
        <v>735</v>
      </c>
      <c r="AD18532" s="2" t="s">
        <v>57007</v>
      </c>
      <c r="AE18532" s="1"/>
    </row>
    <row r="18533" spans="1:31" ht="14.45">
      <c r="A18533" s="11"/>
      <c r="B18533" s="20"/>
      <c r="C18533" s="2" t="s">
        <v>57008</v>
      </c>
      <c r="D18533" s="14" t="s">
        <v>57009</v>
      </c>
      <c r="E18533" s="2" t="s">
        <v>57010</v>
      </c>
      <c r="F18533" s="2" t="s">
        <v>57011</v>
      </c>
      <c r="G18533" s="8">
        <v>765</v>
      </c>
      <c r="H18533" s="5">
        <v>5</v>
      </c>
      <c r="I18533" s="5" t="s">
        <v>69</v>
      </c>
      <c r="J18533" s="5" t="s">
        <v>55802</v>
      </c>
      <c r="K18533" s="2" t="s">
        <v>55803</v>
      </c>
      <c r="L18533" s="5" t="s">
        <v>55802</v>
      </c>
      <c r="M18533" s="2" t="s">
        <v>55803</v>
      </c>
      <c r="N18533" s="5" t="s">
        <v>733</v>
      </c>
      <c r="O18533" s="5" t="s">
        <v>38</v>
      </c>
      <c r="P18533" s="5" t="s">
        <v>39</v>
      </c>
      <c r="Q18533" s="5" t="s">
        <v>40</v>
      </c>
      <c r="R18533" s="5" t="s">
        <v>897</v>
      </c>
      <c r="S18533" s="5" t="s">
        <v>40</v>
      </c>
      <c r="T18533" s="5" t="s">
        <v>42</v>
      </c>
      <c r="U18533" s="2">
        <v>38.637</v>
      </c>
      <c r="V18533" s="2">
        <v>35.881</v>
      </c>
      <c r="W18533" s="2">
        <v>0.154</v>
      </c>
      <c r="X18533" s="2">
        <v>17</v>
      </c>
      <c r="Y18533" s="2">
        <v>68.7</v>
      </c>
      <c r="Z18533" s="2">
        <v>131.6</v>
      </c>
      <c r="AA18533" s="5">
        <v>7</v>
      </c>
      <c r="AB18533" s="5" t="s">
        <v>43</v>
      </c>
      <c r="AC18533" s="5" t="s">
        <v>735</v>
      </c>
      <c r="AD18533" s="2" t="s">
        <v>57012</v>
      </c>
      <c r="AE18533" s="1"/>
    </row>
    <row r="18534" spans="1:31" ht="14.45">
      <c r="A18534" s="11"/>
      <c r="B18534" s="20"/>
      <c r="C18534" s="2" t="s">
        <v>57013</v>
      </c>
      <c r="D18534" s="14" t="s">
        <v>57014</v>
      </c>
      <c r="E18534" s="2" t="s">
        <v>57015</v>
      </c>
      <c r="F18534" s="2" t="s">
        <v>57016</v>
      </c>
      <c r="G18534" s="8">
        <v>1065</v>
      </c>
      <c r="H18534" s="5">
        <v>5</v>
      </c>
      <c r="I18534" s="5" t="s">
        <v>69</v>
      </c>
      <c r="J18534" s="5" t="s">
        <v>55802</v>
      </c>
      <c r="K18534" s="2" t="s">
        <v>55803</v>
      </c>
      <c r="L18534" s="5" t="s">
        <v>55802</v>
      </c>
      <c r="M18534" s="2" t="s">
        <v>55803</v>
      </c>
      <c r="N18534" s="5" t="s">
        <v>733</v>
      </c>
      <c r="O18534" s="5" t="s">
        <v>38</v>
      </c>
      <c r="P18534" s="5" t="s">
        <v>39</v>
      </c>
      <c r="Q18534" s="5" t="s">
        <v>40</v>
      </c>
      <c r="R18534" s="5" t="s">
        <v>897</v>
      </c>
      <c r="S18534" s="5" t="s">
        <v>40</v>
      </c>
      <c r="T18534" s="5" t="s">
        <v>42</v>
      </c>
      <c r="U18534" s="2">
        <v>40.509</v>
      </c>
      <c r="V18534" s="2">
        <v>37.639000000000003</v>
      </c>
      <c r="W18534" s="2">
        <v>0.154</v>
      </c>
      <c r="X18534" s="2">
        <v>17</v>
      </c>
      <c r="Y18534" s="2">
        <v>68.7</v>
      </c>
      <c r="Z18534" s="2">
        <v>131.6</v>
      </c>
      <c r="AA18534" s="5">
        <v>7</v>
      </c>
      <c r="AB18534" s="5" t="s">
        <v>43</v>
      </c>
      <c r="AC18534" s="5" t="s">
        <v>735</v>
      </c>
      <c r="AD18534" s="2" t="s">
        <v>57017</v>
      </c>
      <c r="AE18534" s="1"/>
    </row>
    <row r="18535" spans="1:31" ht="14.45">
      <c r="A18535" s="11"/>
      <c r="B18535" s="20"/>
      <c r="C18535" s="2" t="s">
        <v>57018</v>
      </c>
      <c r="D18535" s="14" t="s">
        <v>57019</v>
      </c>
      <c r="E18535" s="2" t="s">
        <v>57020</v>
      </c>
      <c r="F18535" s="2" t="s">
        <v>57016</v>
      </c>
      <c r="G18535" s="8">
        <v>1065</v>
      </c>
      <c r="H18535" s="5">
        <v>10</v>
      </c>
      <c r="I18535" s="5" t="s">
        <v>69</v>
      </c>
      <c r="J18535" s="5" t="s">
        <v>55802</v>
      </c>
      <c r="K18535" s="2" t="s">
        <v>55803</v>
      </c>
      <c r="L18535" s="5" t="s">
        <v>55802</v>
      </c>
      <c r="M18535" s="2" t="s">
        <v>55803</v>
      </c>
      <c r="N18535" s="5" t="s">
        <v>733</v>
      </c>
      <c r="O18535" s="5" t="s">
        <v>38</v>
      </c>
      <c r="P18535" s="5" t="s">
        <v>39</v>
      </c>
      <c r="Q18535" s="5" t="s">
        <v>40</v>
      </c>
      <c r="R18535" s="5" t="s">
        <v>897</v>
      </c>
      <c r="S18535" s="5" t="s">
        <v>40</v>
      </c>
      <c r="T18535" s="5" t="s">
        <v>42</v>
      </c>
      <c r="U18535" s="2">
        <v>40.296999999999997</v>
      </c>
      <c r="V18535" s="2">
        <v>37.332000000000001</v>
      </c>
      <c r="W18535" s="2">
        <v>0.154</v>
      </c>
      <c r="X18535" s="2">
        <v>17</v>
      </c>
      <c r="Y18535" s="2">
        <v>68.7</v>
      </c>
      <c r="Z18535" s="2">
        <v>131.6</v>
      </c>
      <c r="AA18535" s="5">
        <v>7</v>
      </c>
      <c r="AB18535" s="5" t="s">
        <v>43</v>
      </c>
      <c r="AC18535" s="5" t="s">
        <v>735</v>
      </c>
      <c r="AD18535" s="2" t="s">
        <v>57021</v>
      </c>
      <c r="AE18535" s="1"/>
    </row>
    <row r="18536" spans="1:31" ht="14.45">
      <c r="A18536" s="11"/>
      <c r="B18536" s="20"/>
      <c r="C18536" s="2" t="s">
        <v>57022</v>
      </c>
      <c r="D18536" s="14" t="s">
        <v>57023</v>
      </c>
      <c r="E18536" s="2" t="s">
        <v>57024</v>
      </c>
      <c r="F18536" s="2" t="s">
        <v>57025</v>
      </c>
      <c r="G18536" s="8">
        <v>876</v>
      </c>
      <c r="H18536" s="5">
        <v>10</v>
      </c>
      <c r="I18536" s="5" t="s">
        <v>69</v>
      </c>
      <c r="J18536" s="5" t="s">
        <v>55802</v>
      </c>
      <c r="K18536" s="2" t="s">
        <v>55803</v>
      </c>
      <c r="L18536" s="5" t="s">
        <v>55802</v>
      </c>
      <c r="M18536" s="2" t="s">
        <v>55803</v>
      </c>
      <c r="N18536" s="5" t="s">
        <v>733</v>
      </c>
      <c r="O18536" s="5" t="s">
        <v>38</v>
      </c>
      <c r="P18536" s="5" t="s">
        <v>39</v>
      </c>
      <c r="Q18536" s="5" t="s">
        <v>40</v>
      </c>
      <c r="R18536" s="5" t="s">
        <v>897</v>
      </c>
      <c r="S18536" s="5" t="s">
        <v>40</v>
      </c>
      <c r="T18536" s="5" t="s">
        <v>42</v>
      </c>
      <c r="U18536" s="2">
        <v>38.100999999999999</v>
      </c>
      <c r="V18536" s="2">
        <v>35.340000000000003</v>
      </c>
      <c r="W18536" s="2">
        <v>0.154</v>
      </c>
      <c r="X18536" s="2">
        <v>17</v>
      </c>
      <c r="Y18536" s="2">
        <v>68.7</v>
      </c>
      <c r="Z18536" s="2">
        <v>131.6</v>
      </c>
      <c r="AA18536" s="5">
        <v>7</v>
      </c>
      <c r="AB18536" s="5" t="s">
        <v>43</v>
      </c>
      <c r="AC18536" s="5" t="s">
        <v>735</v>
      </c>
      <c r="AD18536" s="2" t="s">
        <v>57026</v>
      </c>
      <c r="AE18536" s="1"/>
    </row>
    <row r="18537" spans="1:31" ht="14.45">
      <c r="A18537" s="11"/>
      <c r="B18537" s="20"/>
      <c r="C18537" s="2" t="s">
        <v>57027</v>
      </c>
      <c r="D18537" s="14" t="s">
        <v>57028</v>
      </c>
      <c r="E18537" s="2" t="s">
        <v>57029</v>
      </c>
      <c r="F18537" s="2" t="s">
        <v>57025</v>
      </c>
      <c r="G18537" s="8">
        <v>1176</v>
      </c>
      <c r="H18537" s="5">
        <v>10</v>
      </c>
      <c r="I18537" s="5" t="s">
        <v>69</v>
      </c>
      <c r="J18537" s="5" t="s">
        <v>55802</v>
      </c>
      <c r="K18537" s="2" t="s">
        <v>55803</v>
      </c>
      <c r="L18537" s="5" t="s">
        <v>55802</v>
      </c>
      <c r="M18537" s="2" t="s">
        <v>55803</v>
      </c>
      <c r="N18537" s="5" t="s">
        <v>733</v>
      </c>
      <c r="O18537" s="5" t="s">
        <v>38</v>
      </c>
      <c r="P18537" s="5" t="s">
        <v>39</v>
      </c>
      <c r="Q18537" s="5" t="s">
        <v>40</v>
      </c>
      <c r="R18537" s="5" t="s">
        <v>897</v>
      </c>
      <c r="S18537" s="5" t="s">
        <v>40</v>
      </c>
      <c r="T18537" s="5" t="s">
        <v>42</v>
      </c>
      <c r="U18537" s="2">
        <v>39.996000000000002</v>
      </c>
      <c r="V18537" s="2">
        <v>37.116999999999997</v>
      </c>
      <c r="W18537" s="2">
        <v>0.154</v>
      </c>
      <c r="X18537" s="2">
        <v>17</v>
      </c>
      <c r="Y18537" s="2">
        <v>68.7</v>
      </c>
      <c r="Z18537" s="2">
        <v>131.6</v>
      </c>
      <c r="AA18537" s="5">
        <v>7</v>
      </c>
      <c r="AB18537" s="5" t="s">
        <v>43</v>
      </c>
      <c r="AC18537" s="5" t="s">
        <v>735</v>
      </c>
      <c r="AD18537" s="2" t="s">
        <v>57030</v>
      </c>
      <c r="AE18537" s="1"/>
    </row>
    <row r="18538" spans="1:31" ht="14.45">
      <c r="A18538" s="11"/>
      <c r="B18538" s="20"/>
      <c r="C18538" s="2" t="s">
        <v>57031</v>
      </c>
      <c r="D18538" s="14" t="s">
        <v>57032</v>
      </c>
      <c r="E18538" s="2" t="s">
        <v>57033</v>
      </c>
      <c r="F18538" s="2" t="s">
        <v>57025</v>
      </c>
      <c r="G18538" s="8">
        <v>1176</v>
      </c>
      <c r="H18538" s="5">
        <v>10</v>
      </c>
      <c r="I18538" s="5" t="s">
        <v>69</v>
      </c>
      <c r="J18538" s="5" t="s">
        <v>55802</v>
      </c>
      <c r="K18538" s="2" t="s">
        <v>55803</v>
      </c>
      <c r="L18538" s="5" t="s">
        <v>55802</v>
      </c>
      <c r="M18538" s="2" t="s">
        <v>55803</v>
      </c>
      <c r="N18538" s="5" t="s">
        <v>733</v>
      </c>
      <c r="O18538" s="5" t="s">
        <v>38</v>
      </c>
      <c r="P18538" s="5" t="s">
        <v>39</v>
      </c>
      <c r="Q18538" s="5" t="s">
        <v>40</v>
      </c>
      <c r="R18538" s="5" t="s">
        <v>897</v>
      </c>
      <c r="S18538" s="5" t="s">
        <v>40</v>
      </c>
      <c r="T18538" s="5" t="s">
        <v>42</v>
      </c>
      <c r="U18538" s="2">
        <v>40.158000000000001</v>
      </c>
      <c r="V18538" s="2">
        <v>37.192999999999998</v>
      </c>
      <c r="W18538" s="2">
        <v>0.154</v>
      </c>
      <c r="X18538" s="2">
        <v>17</v>
      </c>
      <c r="Y18538" s="2">
        <v>68.7</v>
      </c>
      <c r="Z18538" s="2">
        <v>131.6</v>
      </c>
      <c r="AA18538" s="5">
        <v>7</v>
      </c>
      <c r="AB18538" s="5" t="s">
        <v>43</v>
      </c>
      <c r="AC18538" s="5" t="s">
        <v>735</v>
      </c>
      <c r="AD18538" s="2" t="s">
        <v>57034</v>
      </c>
      <c r="AE18538" s="1"/>
    </row>
    <row r="18539" spans="1:31" ht="14.45">
      <c r="A18539" s="11"/>
      <c r="B18539" s="20"/>
      <c r="C18539" s="2" t="s">
        <v>57035</v>
      </c>
      <c r="D18539" s="14" t="s">
        <v>57036</v>
      </c>
      <c r="E18539" s="2" t="s">
        <v>57037</v>
      </c>
      <c r="F18539" s="2" t="s">
        <v>57038</v>
      </c>
      <c r="G18539" s="8">
        <v>658</v>
      </c>
      <c r="H18539" s="5">
        <v>10</v>
      </c>
      <c r="I18539" s="5" t="s">
        <v>69</v>
      </c>
      <c r="J18539" s="5" t="s">
        <v>55802</v>
      </c>
      <c r="K18539" s="2" t="s">
        <v>55803</v>
      </c>
      <c r="L18539" s="5" t="s">
        <v>55802</v>
      </c>
      <c r="M18539" s="2" t="s">
        <v>55803</v>
      </c>
      <c r="N18539" s="5" t="s">
        <v>733</v>
      </c>
      <c r="O18539" s="5" t="s">
        <v>38</v>
      </c>
      <c r="P18539" s="5" t="s">
        <v>39</v>
      </c>
      <c r="Q18539" s="5" t="s">
        <v>40</v>
      </c>
      <c r="R18539" s="5" t="s">
        <v>897</v>
      </c>
      <c r="S18539" s="5" t="s">
        <v>40</v>
      </c>
      <c r="T18539" s="5" t="s">
        <v>42</v>
      </c>
      <c r="U18539" s="2">
        <v>38.287999999999997</v>
      </c>
      <c r="V18539" s="2">
        <v>35.527000000000001</v>
      </c>
      <c r="W18539" s="2">
        <v>0.154</v>
      </c>
      <c r="X18539" s="2">
        <v>17</v>
      </c>
      <c r="Y18539" s="2">
        <v>68.7</v>
      </c>
      <c r="Z18539" s="2">
        <v>131.6</v>
      </c>
      <c r="AA18539" s="5">
        <v>7</v>
      </c>
      <c r="AB18539" s="5" t="s">
        <v>43</v>
      </c>
      <c r="AC18539" s="5" t="s">
        <v>735</v>
      </c>
      <c r="AD18539" s="2" t="s">
        <v>57039</v>
      </c>
      <c r="AE18539" s="1"/>
    </row>
    <row r="18540" spans="1:31" ht="14.45">
      <c r="A18540" s="11"/>
      <c r="B18540" s="20"/>
      <c r="C18540" s="2" t="s">
        <v>57040</v>
      </c>
      <c r="D18540" s="14" t="s">
        <v>57041</v>
      </c>
      <c r="E18540" s="2" t="s">
        <v>57042</v>
      </c>
      <c r="F18540" s="2" t="s">
        <v>57038</v>
      </c>
      <c r="G18540" s="8">
        <v>958</v>
      </c>
      <c r="H18540" s="5">
        <v>10</v>
      </c>
      <c r="I18540" s="5" t="s">
        <v>69</v>
      </c>
      <c r="J18540" s="5" t="s">
        <v>55802</v>
      </c>
      <c r="K18540" s="2" t="s">
        <v>55803</v>
      </c>
      <c r="L18540" s="5" t="s">
        <v>55802</v>
      </c>
      <c r="M18540" s="2" t="s">
        <v>55803</v>
      </c>
      <c r="N18540" s="5" t="s">
        <v>733</v>
      </c>
      <c r="O18540" s="5" t="s">
        <v>38</v>
      </c>
      <c r="P18540" s="5" t="s">
        <v>39</v>
      </c>
      <c r="Q18540" s="5" t="s">
        <v>40</v>
      </c>
      <c r="R18540" s="5" t="s">
        <v>897</v>
      </c>
      <c r="S18540" s="5" t="s">
        <v>40</v>
      </c>
      <c r="T18540" s="5" t="s">
        <v>42</v>
      </c>
      <c r="U18540" s="2">
        <v>40.183</v>
      </c>
      <c r="V18540" s="2">
        <v>37.304000000000002</v>
      </c>
      <c r="W18540" s="2">
        <v>0.154</v>
      </c>
      <c r="X18540" s="2">
        <v>17</v>
      </c>
      <c r="Y18540" s="2">
        <v>68.7</v>
      </c>
      <c r="Z18540" s="2">
        <v>131.6</v>
      </c>
      <c r="AA18540" s="5">
        <v>7</v>
      </c>
      <c r="AB18540" s="5" t="s">
        <v>43</v>
      </c>
      <c r="AC18540" s="5" t="s">
        <v>735</v>
      </c>
      <c r="AD18540" s="2" t="s">
        <v>57043</v>
      </c>
      <c r="AE18540" s="1"/>
    </row>
    <row r="18541" spans="1:31" ht="14.45">
      <c r="A18541" s="11"/>
      <c r="B18541" s="20"/>
      <c r="C18541" s="2" t="s">
        <v>57044</v>
      </c>
      <c r="D18541" s="14" t="s">
        <v>57045</v>
      </c>
      <c r="E18541" s="2" t="s">
        <v>57046</v>
      </c>
      <c r="F18541" s="2" t="s">
        <v>57038</v>
      </c>
      <c r="G18541" s="8">
        <v>958</v>
      </c>
      <c r="H18541" s="5">
        <v>10</v>
      </c>
      <c r="I18541" s="5" t="s">
        <v>69</v>
      </c>
      <c r="J18541" s="5" t="s">
        <v>55802</v>
      </c>
      <c r="K18541" s="2" t="s">
        <v>55803</v>
      </c>
      <c r="L18541" s="5" t="s">
        <v>55802</v>
      </c>
      <c r="M18541" s="2" t="s">
        <v>55803</v>
      </c>
      <c r="N18541" s="5" t="s">
        <v>733</v>
      </c>
      <c r="O18541" s="5" t="s">
        <v>38</v>
      </c>
      <c r="P18541" s="5" t="s">
        <v>39</v>
      </c>
      <c r="Q18541" s="5" t="s">
        <v>40</v>
      </c>
      <c r="R18541" s="5" t="s">
        <v>897</v>
      </c>
      <c r="S18541" s="5" t="s">
        <v>40</v>
      </c>
      <c r="T18541" s="5" t="s">
        <v>42</v>
      </c>
      <c r="U18541" s="2">
        <v>40.329000000000001</v>
      </c>
      <c r="V18541" s="2">
        <v>37.363999999999997</v>
      </c>
      <c r="W18541" s="2">
        <v>0.154</v>
      </c>
      <c r="X18541" s="2">
        <v>17</v>
      </c>
      <c r="Y18541" s="2">
        <v>68.7</v>
      </c>
      <c r="Z18541" s="2">
        <v>131.6</v>
      </c>
      <c r="AA18541" s="5">
        <v>7</v>
      </c>
      <c r="AB18541" s="5" t="s">
        <v>43</v>
      </c>
      <c r="AC18541" s="5" t="s">
        <v>735</v>
      </c>
      <c r="AD18541" s="2" t="s">
        <v>57047</v>
      </c>
      <c r="AE18541" s="1"/>
    </row>
    <row r="18542" spans="1:31" ht="14.45">
      <c r="A18542" s="11"/>
      <c r="B18542" s="20"/>
      <c r="C18542" s="2" t="s">
        <v>57048</v>
      </c>
      <c r="D18542" s="14" t="s">
        <v>57049</v>
      </c>
      <c r="E18542" s="2" t="s">
        <v>57050</v>
      </c>
      <c r="F18542" s="2" t="s">
        <v>57051</v>
      </c>
      <c r="G18542" s="8">
        <v>523</v>
      </c>
      <c r="H18542" s="5">
        <v>5</v>
      </c>
      <c r="I18542" s="5" t="s">
        <v>69</v>
      </c>
      <c r="J18542" s="5" t="s">
        <v>55802</v>
      </c>
      <c r="K18542" s="2" t="s">
        <v>55803</v>
      </c>
      <c r="L18542" s="5" t="s">
        <v>55802</v>
      </c>
      <c r="M18542" s="2" t="s">
        <v>55803</v>
      </c>
      <c r="N18542" s="5" t="s">
        <v>733</v>
      </c>
      <c r="O18542" s="5" t="s">
        <v>38</v>
      </c>
      <c r="P18542" s="5" t="s">
        <v>39</v>
      </c>
      <c r="Q18542" s="5" t="s">
        <v>40</v>
      </c>
      <c r="R18542" s="5" t="s">
        <v>897</v>
      </c>
      <c r="S18542" s="5" t="s">
        <v>40</v>
      </c>
      <c r="T18542" s="5" t="s">
        <v>42</v>
      </c>
      <c r="U18542" s="2">
        <v>34.075000000000003</v>
      </c>
      <c r="V18542" s="2">
        <v>31.318999999999999</v>
      </c>
      <c r="W18542" s="2">
        <v>0.154</v>
      </c>
      <c r="X18542" s="2">
        <v>17</v>
      </c>
      <c r="Y18542" s="2">
        <v>68.7</v>
      </c>
      <c r="Z18542" s="2">
        <v>131.6</v>
      </c>
      <c r="AA18542" s="5">
        <v>7</v>
      </c>
      <c r="AB18542" s="5" t="s">
        <v>43</v>
      </c>
      <c r="AC18542" s="5" t="s">
        <v>735</v>
      </c>
      <c r="AD18542" s="2" t="s">
        <v>57052</v>
      </c>
      <c r="AE18542" s="1"/>
    </row>
    <row r="18543" spans="1:31" ht="14.45">
      <c r="A18543" s="11"/>
      <c r="B18543" s="20"/>
      <c r="C18543" s="2" t="s">
        <v>57053</v>
      </c>
      <c r="D18543" s="14" t="s">
        <v>57054</v>
      </c>
      <c r="E18543" s="2" t="s">
        <v>57055</v>
      </c>
      <c r="F18543" s="2" t="s">
        <v>57051</v>
      </c>
      <c r="G18543" s="8">
        <v>823</v>
      </c>
      <c r="H18543" s="5">
        <v>5</v>
      </c>
      <c r="I18543" s="5" t="s">
        <v>69</v>
      </c>
      <c r="J18543" s="5" t="s">
        <v>55802</v>
      </c>
      <c r="K18543" s="2" t="s">
        <v>55803</v>
      </c>
      <c r="L18543" s="5" t="s">
        <v>55802</v>
      </c>
      <c r="M18543" s="2" t="s">
        <v>55803</v>
      </c>
      <c r="N18543" s="5" t="s">
        <v>733</v>
      </c>
      <c r="O18543" s="5" t="s">
        <v>38</v>
      </c>
      <c r="P18543" s="5" t="s">
        <v>39</v>
      </c>
      <c r="Q18543" s="5" t="s">
        <v>40</v>
      </c>
      <c r="R18543" s="5" t="s">
        <v>897</v>
      </c>
      <c r="S18543" s="5" t="s">
        <v>40</v>
      </c>
      <c r="T18543" s="5" t="s">
        <v>42</v>
      </c>
      <c r="U18543" s="2">
        <v>35.976999999999997</v>
      </c>
      <c r="V18543" s="2">
        <v>33.1</v>
      </c>
      <c r="W18543" s="2">
        <v>0.154</v>
      </c>
      <c r="X18543" s="2">
        <v>17</v>
      </c>
      <c r="Y18543" s="2">
        <v>68.7</v>
      </c>
      <c r="Z18543" s="2">
        <v>131.6</v>
      </c>
      <c r="AA18543" s="5">
        <v>7</v>
      </c>
      <c r="AB18543" s="5" t="s">
        <v>43</v>
      </c>
      <c r="AC18543" s="5" t="s">
        <v>735</v>
      </c>
      <c r="AD18543" s="2" t="s">
        <v>57056</v>
      </c>
      <c r="AE18543" s="1"/>
    </row>
    <row r="18544" spans="1:31" ht="14.45">
      <c r="A18544" s="11"/>
      <c r="B18544" s="20"/>
      <c r="C18544" s="2" t="s">
        <v>57057</v>
      </c>
      <c r="D18544" s="14" t="s">
        <v>57058</v>
      </c>
      <c r="E18544" s="2" t="s">
        <v>57059</v>
      </c>
      <c r="F18544" s="2" t="s">
        <v>57051</v>
      </c>
      <c r="G18544" s="8">
        <v>823</v>
      </c>
      <c r="H18544" s="5">
        <v>5</v>
      </c>
      <c r="I18544" s="5" t="s">
        <v>69</v>
      </c>
      <c r="J18544" s="5" t="s">
        <v>55802</v>
      </c>
      <c r="K18544" s="2" t="s">
        <v>55803</v>
      </c>
      <c r="L18544" s="5" t="s">
        <v>55802</v>
      </c>
      <c r="M18544" s="2" t="s">
        <v>55803</v>
      </c>
      <c r="N18544" s="5" t="s">
        <v>733</v>
      </c>
      <c r="O18544" s="5" t="s">
        <v>38</v>
      </c>
      <c r="P18544" s="5" t="s">
        <v>39</v>
      </c>
      <c r="Q18544" s="5" t="s">
        <v>40</v>
      </c>
      <c r="R18544" s="5" t="s">
        <v>897</v>
      </c>
      <c r="S18544" s="5" t="s">
        <v>40</v>
      </c>
      <c r="T18544" s="5" t="s">
        <v>42</v>
      </c>
      <c r="U18544" s="2">
        <v>36.168999999999997</v>
      </c>
      <c r="V18544" s="2">
        <v>33.206000000000003</v>
      </c>
      <c r="W18544" s="2">
        <v>0.154</v>
      </c>
      <c r="X18544" s="2">
        <v>17</v>
      </c>
      <c r="Y18544" s="2">
        <v>68.7</v>
      </c>
      <c r="Z18544" s="2">
        <v>131.6</v>
      </c>
      <c r="AA18544" s="5">
        <v>7</v>
      </c>
      <c r="AB18544" s="5" t="s">
        <v>43</v>
      </c>
      <c r="AC18544" s="5" t="s">
        <v>735</v>
      </c>
      <c r="AD18544" s="2" t="s">
        <v>57060</v>
      </c>
      <c r="AE18544" s="1"/>
    </row>
    <row r="18545" spans="1:31" ht="14.45">
      <c r="A18545" s="11"/>
      <c r="B18545" s="20"/>
      <c r="C18545" s="2" t="s">
        <v>57061</v>
      </c>
      <c r="D18545" s="14" t="s">
        <v>57062</v>
      </c>
      <c r="E18545" s="2" t="s">
        <v>57063</v>
      </c>
      <c r="F18545" s="2" t="s">
        <v>57064</v>
      </c>
      <c r="G18545" s="8">
        <v>873</v>
      </c>
      <c r="H18545" s="5">
        <v>15</v>
      </c>
      <c r="I18545" s="5" t="s">
        <v>69</v>
      </c>
      <c r="J18545" s="5" t="s">
        <v>55802</v>
      </c>
      <c r="K18545" s="2" t="s">
        <v>55803</v>
      </c>
      <c r="L18545" s="5" t="s">
        <v>55802</v>
      </c>
      <c r="M18545" s="2" t="s">
        <v>55803</v>
      </c>
      <c r="N18545" s="5" t="s">
        <v>733</v>
      </c>
      <c r="O18545" s="5" t="s">
        <v>38</v>
      </c>
      <c r="P18545" s="5" t="s">
        <v>39</v>
      </c>
      <c r="Q18545" s="5" t="s">
        <v>40</v>
      </c>
      <c r="R18545" s="5" t="s">
        <v>897</v>
      </c>
      <c r="S18545" s="5" t="s">
        <v>40</v>
      </c>
      <c r="T18545" s="5" t="s">
        <v>42</v>
      </c>
      <c r="U18545" s="2">
        <v>35.414000000000001</v>
      </c>
      <c r="V18545" s="2">
        <v>32.646999999999998</v>
      </c>
      <c r="W18545" s="2">
        <v>0.154</v>
      </c>
      <c r="X18545" s="2">
        <v>17</v>
      </c>
      <c r="Y18545" s="2">
        <v>68.7</v>
      </c>
      <c r="Z18545" s="2">
        <v>131.6</v>
      </c>
      <c r="AA18545" s="5">
        <v>7</v>
      </c>
      <c r="AB18545" s="5" t="s">
        <v>43</v>
      </c>
      <c r="AC18545" s="5" t="s">
        <v>735</v>
      </c>
      <c r="AD18545" s="2" t="s">
        <v>57065</v>
      </c>
      <c r="AE18545" s="1"/>
    </row>
    <row r="18546" spans="1:31" ht="14.45">
      <c r="A18546" s="11"/>
      <c r="B18546" s="20"/>
      <c r="C18546" s="2" t="s">
        <v>57066</v>
      </c>
      <c r="D18546" s="14" t="s">
        <v>57067</v>
      </c>
      <c r="E18546" s="2" t="s">
        <v>57068</v>
      </c>
      <c r="F18546" s="2" t="s">
        <v>57069</v>
      </c>
      <c r="G18546" s="8">
        <v>695</v>
      </c>
      <c r="H18546" s="5">
        <v>5</v>
      </c>
      <c r="I18546" s="5" t="s">
        <v>69</v>
      </c>
      <c r="J18546" s="5" t="s">
        <v>55802</v>
      </c>
      <c r="K18546" s="2" t="s">
        <v>55803</v>
      </c>
      <c r="L18546" s="5" t="s">
        <v>55802</v>
      </c>
      <c r="M18546" s="2" t="s">
        <v>55803</v>
      </c>
      <c r="N18546" s="5" t="s">
        <v>733</v>
      </c>
      <c r="O18546" s="5" t="s">
        <v>38</v>
      </c>
      <c r="P18546" s="5" t="s">
        <v>39</v>
      </c>
      <c r="Q18546" s="5" t="s">
        <v>40</v>
      </c>
      <c r="R18546" s="5" t="s">
        <v>897</v>
      </c>
      <c r="S18546" s="5" t="s">
        <v>40</v>
      </c>
      <c r="T18546" s="5" t="s">
        <v>42</v>
      </c>
      <c r="U18546" s="2">
        <v>38.228999999999999</v>
      </c>
      <c r="V18546" s="2">
        <v>35.468000000000004</v>
      </c>
      <c r="W18546" s="2">
        <v>0.154</v>
      </c>
      <c r="X18546" s="2">
        <v>17</v>
      </c>
      <c r="Y18546" s="2">
        <v>68.7</v>
      </c>
      <c r="Z18546" s="2">
        <v>131.6</v>
      </c>
      <c r="AA18546" s="5">
        <v>7</v>
      </c>
      <c r="AB18546" s="5" t="s">
        <v>43</v>
      </c>
      <c r="AC18546" s="5" t="s">
        <v>735</v>
      </c>
      <c r="AD18546" s="2" t="s">
        <v>57070</v>
      </c>
      <c r="AE18546" s="1"/>
    </row>
    <row r="18547" spans="1:31" ht="14.45">
      <c r="A18547" s="11"/>
      <c r="B18547" s="20"/>
      <c r="C18547" s="2" t="s">
        <v>57071</v>
      </c>
      <c r="D18547" s="14" t="s">
        <v>57072</v>
      </c>
      <c r="E18547" s="2" t="s">
        <v>57073</v>
      </c>
      <c r="F18547" s="2" t="s">
        <v>57069</v>
      </c>
      <c r="G18547" s="8">
        <v>995</v>
      </c>
      <c r="H18547" s="5">
        <v>5</v>
      </c>
      <c r="I18547" s="5" t="s">
        <v>69</v>
      </c>
      <c r="J18547" s="5" t="s">
        <v>55802</v>
      </c>
      <c r="K18547" s="2" t="s">
        <v>55803</v>
      </c>
      <c r="L18547" s="5" t="s">
        <v>55802</v>
      </c>
      <c r="M18547" s="2" t="s">
        <v>55803</v>
      </c>
      <c r="N18547" s="5" t="s">
        <v>733</v>
      </c>
      <c r="O18547" s="5" t="s">
        <v>38</v>
      </c>
      <c r="P18547" s="5" t="s">
        <v>39</v>
      </c>
      <c r="Q18547" s="5" t="s">
        <v>40</v>
      </c>
      <c r="R18547" s="5" t="s">
        <v>897</v>
      </c>
      <c r="S18547" s="5" t="s">
        <v>40</v>
      </c>
      <c r="T18547" s="5" t="s">
        <v>42</v>
      </c>
      <c r="U18547" s="2">
        <v>40.124000000000002</v>
      </c>
      <c r="V18547" s="2">
        <v>37.244999999999997</v>
      </c>
      <c r="W18547" s="2">
        <v>0.154</v>
      </c>
      <c r="X18547" s="2">
        <v>17</v>
      </c>
      <c r="Y18547" s="2">
        <v>68.7</v>
      </c>
      <c r="Z18547" s="2">
        <v>131.6</v>
      </c>
      <c r="AA18547" s="5">
        <v>7</v>
      </c>
      <c r="AB18547" s="5" t="s">
        <v>43</v>
      </c>
      <c r="AC18547" s="5" t="s">
        <v>735</v>
      </c>
      <c r="AD18547" s="2" t="s">
        <v>57074</v>
      </c>
      <c r="AE18547" s="1"/>
    </row>
    <row r="18548" spans="1:31" ht="14.45">
      <c r="A18548" s="11"/>
      <c r="B18548" s="20"/>
      <c r="C18548" s="2" t="s">
        <v>57075</v>
      </c>
      <c r="D18548" s="14" t="s">
        <v>57076</v>
      </c>
      <c r="E18548" s="2" t="s">
        <v>57077</v>
      </c>
      <c r="F18548" s="2" t="s">
        <v>57069</v>
      </c>
      <c r="G18548" s="8">
        <v>995</v>
      </c>
      <c r="H18548" s="5">
        <v>10</v>
      </c>
      <c r="I18548" s="5" t="s">
        <v>69</v>
      </c>
      <c r="J18548" s="5" t="s">
        <v>55802</v>
      </c>
      <c r="K18548" s="2" t="s">
        <v>55803</v>
      </c>
      <c r="L18548" s="5" t="s">
        <v>55802</v>
      </c>
      <c r="M18548" s="2" t="s">
        <v>55803</v>
      </c>
      <c r="N18548" s="5" t="s">
        <v>733</v>
      </c>
      <c r="O18548" s="5" t="s">
        <v>38</v>
      </c>
      <c r="P18548" s="5" t="s">
        <v>39</v>
      </c>
      <c r="Q18548" s="5" t="s">
        <v>40</v>
      </c>
      <c r="R18548" s="5" t="s">
        <v>897</v>
      </c>
      <c r="S18548" s="5" t="s">
        <v>40</v>
      </c>
      <c r="T18548" s="5" t="s">
        <v>42</v>
      </c>
      <c r="U18548" s="2">
        <v>40.270000000000003</v>
      </c>
      <c r="V18548" s="2">
        <v>37.305</v>
      </c>
      <c r="W18548" s="2">
        <v>0.154</v>
      </c>
      <c r="X18548" s="2">
        <v>17</v>
      </c>
      <c r="Y18548" s="2">
        <v>68.7</v>
      </c>
      <c r="Z18548" s="2">
        <v>131.6</v>
      </c>
      <c r="AA18548" s="5">
        <v>7</v>
      </c>
      <c r="AB18548" s="5" t="s">
        <v>43</v>
      </c>
      <c r="AC18548" s="5" t="s">
        <v>735</v>
      </c>
      <c r="AD18548" s="2" t="s">
        <v>57078</v>
      </c>
      <c r="AE18548" s="1"/>
    </row>
    <row r="18549" spans="1:31" ht="14.45">
      <c r="A18549" s="11"/>
      <c r="B18549" s="20"/>
      <c r="C18549" s="2" t="s">
        <v>57079</v>
      </c>
      <c r="D18549" s="14" t="s">
        <v>57080</v>
      </c>
      <c r="E18549" s="2" t="s">
        <v>57081</v>
      </c>
      <c r="F18549" s="2" t="s">
        <v>57082</v>
      </c>
      <c r="G18549" s="8">
        <v>1644</v>
      </c>
      <c r="H18549" s="5">
        <v>10</v>
      </c>
      <c r="I18549" s="5" t="s">
        <v>69</v>
      </c>
      <c r="J18549" s="5" t="s">
        <v>55802</v>
      </c>
      <c r="K18549" s="2" t="s">
        <v>55803</v>
      </c>
      <c r="L18549" s="5" t="s">
        <v>55802</v>
      </c>
      <c r="M18549" s="2" t="s">
        <v>55803</v>
      </c>
      <c r="N18549" s="5" t="s">
        <v>733</v>
      </c>
      <c r="O18549" s="5" t="s">
        <v>38</v>
      </c>
      <c r="P18549" s="5" t="s">
        <v>39</v>
      </c>
      <c r="Q18549" s="5" t="s">
        <v>40</v>
      </c>
      <c r="R18549" s="5" t="s">
        <v>897</v>
      </c>
      <c r="S18549" s="5" t="s">
        <v>40</v>
      </c>
      <c r="T18549" s="5" t="s">
        <v>42</v>
      </c>
      <c r="U18549" s="2">
        <v>48.095999999999997</v>
      </c>
      <c r="V18549" s="2">
        <v>45.216999999999999</v>
      </c>
      <c r="W18549" s="2">
        <v>0.154</v>
      </c>
      <c r="X18549" s="2">
        <v>17</v>
      </c>
      <c r="Y18549" s="2">
        <v>68.7</v>
      </c>
      <c r="Z18549" s="2">
        <v>131.6</v>
      </c>
      <c r="AA18549" s="5">
        <v>7</v>
      </c>
      <c r="AB18549" s="5" t="s">
        <v>43</v>
      </c>
      <c r="AC18549" s="5" t="s">
        <v>735</v>
      </c>
      <c r="AD18549" s="2" t="s">
        <v>57083</v>
      </c>
      <c r="AE18549" s="1"/>
    </row>
    <row r="18550" spans="1:31" ht="14.45">
      <c r="A18550" s="11"/>
      <c r="B18550" s="20"/>
      <c r="C18550" s="2" t="s">
        <v>57084</v>
      </c>
      <c r="D18550" s="14" t="s">
        <v>57085</v>
      </c>
      <c r="E18550" s="2" t="s">
        <v>57086</v>
      </c>
      <c r="F18550" s="2" t="s">
        <v>57087</v>
      </c>
      <c r="G18550" s="8">
        <v>1233</v>
      </c>
      <c r="H18550" s="5">
        <v>10</v>
      </c>
      <c r="I18550" s="5" t="s">
        <v>69</v>
      </c>
      <c r="J18550" s="5" t="s">
        <v>55802</v>
      </c>
      <c r="K18550" s="2" t="s">
        <v>55803</v>
      </c>
      <c r="L18550" s="5" t="s">
        <v>55802</v>
      </c>
      <c r="M18550" s="2" t="s">
        <v>55803</v>
      </c>
      <c r="N18550" s="5" t="s">
        <v>733</v>
      </c>
      <c r="O18550" s="5" t="s">
        <v>38</v>
      </c>
      <c r="P18550" s="5" t="s">
        <v>39</v>
      </c>
      <c r="Q18550" s="5" t="s">
        <v>40</v>
      </c>
      <c r="R18550" s="5" t="s">
        <v>897</v>
      </c>
      <c r="S18550" s="5" t="s">
        <v>40</v>
      </c>
      <c r="T18550" s="5" t="s">
        <v>42</v>
      </c>
      <c r="U18550" s="2">
        <v>41.1</v>
      </c>
      <c r="V18550" s="2">
        <v>38.338999999999999</v>
      </c>
      <c r="W18550" s="2">
        <v>0.154</v>
      </c>
      <c r="X18550" s="2">
        <v>17</v>
      </c>
      <c r="Y18550" s="2">
        <v>68.7</v>
      </c>
      <c r="Z18550" s="2">
        <v>131.6</v>
      </c>
      <c r="AA18550" s="5">
        <v>7</v>
      </c>
      <c r="AB18550" s="5" t="s">
        <v>43</v>
      </c>
      <c r="AC18550" s="5" t="s">
        <v>735</v>
      </c>
      <c r="AD18550" s="2" t="s">
        <v>57088</v>
      </c>
      <c r="AE18550" s="1"/>
    </row>
    <row r="18551" spans="1:31" ht="14.45">
      <c r="A18551" s="11"/>
      <c r="B18551" s="20"/>
      <c r="C18551" s="2" t="s">
        <v>57089</v>
      </c>
      <c r="D18551" s="14" t="s">
        <v>57090</v>
      </c>
      <c r="E18551" s="2" t="s">
        <v>57091</v>
      </c>
      <c r="F18551" s="2" t="s">
        <v>57092</v>
      </c>
      <c r="G18551" s="8">
        <v>1533</v>
      </c>
      <c r="H18551" s="5">
        <v>10</v>
      </c>
      <c r="I18551" s="5" t="s">
        <v>69</v>
      </c>
      <c r="J18551" s="5" t="s">
        <v>55802</v>
      </c>
      <c r="K18551" s="2" t="s">
        <v>55803</v>
      </c>
      <c r="L18551" s="5" t="s">
        <v>55802</v>
      </c>
      <c r="M18551" s="2" t="s">
        <v>55803</v>
      </c>
      <c r="N18551" s="5" t="s">
        <v>733</v>
      </c>
      <c r="O18551" s="5" t="s">
        <v>38</v>
      </c>
      <c r="P18551" s="5" t="s">
        <v>39</v>
      </c>
      <c r="Q18551" s="5" t="s">
        <v>40</v>
      </c>
      <c r="R18551" s="5" t="s">
        <v>897</v>
      </c>
      <c r="S18551" s="5" t="s">
        <v>40</v>
      </c>
      <c r="T18551" s="5" t="s">
        <v>42</v>
      </c>
      <c r="U18551" s="2">
        <v>42.994999999999997</v>
      </c>
      <c r="V18551" s="2">
        <v>40.116</v>
      </c>
      <c r="W18551" s="2">
        <v>0.154</v>
      </c>
      <c r="X18551" s="2">
        <v>17</v>
      </c>
      <c r="Y18551" s="2">
        <v>68.7</v>
      </c>
      <c r="Z18551" s="2">
        <v>131.6</v>
      </c>
      <c r="AA18551" s="5">
        <v>7</v>
      </c>
      <c r="AB18551" s="5" t="s">
        <v>43</v>
      </c>
      <c r="AC18551" s="5" t="s">
        <v>735</v>
      </c>
      <c r="AD18551" s="2" t="s">
        <v>57093</v>
      </c>
      <c r="AE18551" s="1"/>
    </row>
    <row r="18552" spans="1:31" ht="14.45">
      <c r="A18552" s="11"/>
      <c r="B18552" s="20"/>
      <c r="C18552" s="2" t="s">
        <v>57094</v>
      </c>
      <c r="D18552" s="14" t="s">
        <v>57095</v>
      </c>
      <c r="E18552" s="2" t="s">
        <v>57096</v>
      </c>
      <c r="F18552" s="2" t="s">
        <v>57092</v>
      </c>
      <c r="G18552" s="8">
        <v>1533</v>
      </c>
      <c r="H18552" s="5">
        <v>10</v>
      </c>
      <c r="I18552" s="5" t="s">
        <v>69</v>
      </c>
      <c r="J18552" s="5" t="s">
        <v>55802</v>
      </c>
      <c r="K18552" s="2" t="s">
        <v>55803</v>
      </c>
      <c r="L18552" s="5" t="s">
        <v>55802</v>
      </c>
      <c r="M18552" s="2" t="s">
        <v>55803</v>
      </c>
      <c r="N18552" s="5" t="s">
        <v>733</v>
      </c>
      <c r="O18552" s="5" t="s">
        <v>38</v>
      </c>
      <c r="P18552" s="5" t="s">
        <v>39</v>
      </c>
      <c r="Q18552" s="5" t="s">
        <v>40</v>
      </c>
      <c r="R18552" s="5" t="s">
        <v>897</v>
      </c>
      <c r="S18552" s="5" t="s">
        <v>40</v>
      </c>
      <c r="T18552" s="5" t="s">
        <v>42</v>
      </c>
      <c r="U18552" s="2">
        <v>43.192</v>
      </c>
      <c r="V18552" s="2">
        <v>40.226999999999997</v>
      </c>
      <c r="W18552" s="2">
        <v>0.154</v>
      </c>
      <c r="X18552" s="2">
        <v>17</v>
      </c>
      <c r="Y18552" s="2">
        <v>68.7</v>
      </c>
      <c r="Z18552" s="2">
        <v>131.6</v>
      </c>
      <c r="AA18552" s="5">
        <v>7</v>
      </c>
      <c r="AB18552" s="5" t="s">
        <v>43</v>
      </c>
      <c r="AC18552" s="5" t="s">
        <v>735</v>
      </c>
      <c r="AD18552" s="2" t="s">
        <v>57097</v>
      </c>
      <c r="AE18552" s="1"/>
    </row>
    <row r="18553" spans="1:31" ht="14.45">
      <c r="A18553" s="11"/>
      <c r="B18553" s="20"/>
      <c r="C18553" s="2" t="s">
        <v>57098</v>
      </c>
      <c r="D18553" s="14" t="s">
        <v>57099</v>
      </c>
      <c r="E18553" s="2" t="s">
        <v>57100</v>
      </c>
      <c r="F18553" s="2" t="s">
        <v>57101</v>
      </c>
      <c r="G18553" s="8">
        <v>1163</v>
      </c>
      <c r="H18553" s="5">
        <v>5</v>
      </c>
      <c r="I18553" s="5" t="s">
        <v>69</v>
      </c>
      <c r="J18553" s="5" t="s">
        <v>55802</v>
      </c>
      <c r="K18553" s="2" t="s">
        <v>55803</v>
      </c>
      <c r="L18553" s="5" t="s">
        <v>55802</v>
      </c>
      <c r="M18553" s="2" t="s">
        <v>55803</v>
      </c>
      <c r="N18553" s="5" t="s">
        <v>733</v>
      </c>
      <c r="O18553" s="5" t="s">
        <v>38</v>
      </c>
      <c r="P18553" s="5" t="s">
        <v>39</v>
      </c>
      <c r="Q18553" s="5" t="s">
        <v>40</v>
      </c>
      <c r="R18553" s="5" t="s">
        <v>897</v>
      </c>
      <c r="S18553" s="5" t="s">
        <v>40</v>
      </c>
      <c r="T18553" s="5" t="s">
        <v>42</v>
      </c>
      <c r="U18553" s="2">
        <v>41.073</v>
      </c>
      <c r="V18553" s="2">
        <v>38.311999999999998</v>
      </c>
      <c r="W18553" s="2">
        <v>0.154</v>
      </c>
      <c r="X18553" s="2">
        <v>17</v>
      </c>
      <c r="Y18553" s="2">
        <v>68.7</v>
      </c>
      <c r="Z18553" s="2">
        <v>131.6</v>
      </c>
      <c r="AA18553" s="5">
        <v>7</v>
      </c>
      <c r="AB18553" s="5" t="s">
        <v>43</v>
      </c>
      <c r="AC18553" s="5" t="s">
        <v>735</v>
      </c>
      <c r="AD18553" s="2" t="s">
        <v>57102</v>
      </c>
      <c r="AE18553" s="1"/>
    </row>
    <row r="18554" spans="1:31" ht="14.45">
      <c r="A18554" s="11"/>
      <c r="B18554" s="20"/>
      <c r="C18554" s="2" t="s">
        <v>57103</v>
      </c>
      <c r="D18554" s="14" t="s">
        <v>57104</v>
      </c>
      <c r="E18554" s="2" t="s">
        <v>57105</v>
      </c>
      <c r="F18554" s="2" t="s">
        <v>57101</v>
      </c>
      <c r="G18554" s="8">
        <v>1463</v>
      </c>
      <c r="H18554" s="5">
        <v>5</v>
      </c>
      <c r="I18554" s="5" t="s">
        <v>69</v>
      </c>
      <c r="J18554" s="5" t="s">
        <v>55802</v>
      </c>
      <c r="K18554" s="2" t="s">
        <v>55803</v>
      </c>
      <c r="L18554" s="5" t="s">
        <v>55802</v>
      </c>
      <c r="M18554" s="2" t="s">
        <v>55803</v>
      </c>
      <c r="N18554" s="5" t="s">
        <v>733</v>
      </c>
      <c r="O18554" s="5" t="s">
        <v>38</v>
      </c>
      <c r="P18554" s="5" t="s">
        <v>39</v>
      </c>
      <c r="Q18554" s="5" t="s">
        <v>40</v>
      </c>
      <c r="R18554" s="5" t="s">
        <v>897</v>
      </c>
      <c r="S18554" s="5" t="s">
        <v>40</v>
      </c>
      <c r="T18554" s="5" t="s">
        <v>42</v>
      </c>
      <c r="U18554" s="2">
        <v>42.968000000000004</v>
      </c>
      <c r="V18554" s="2">
        <v>40.088999999999999</v>
      </c>
      <c r="W18554" s="2">
        <v>0.154</v>
      </c>
      <c r="X18554" s="2">
        <v>17</v>
      </c>
      <c r="Y18554" s="2">
        <v>68.7</v>
      </c>
      <c r="Z18554" s="2">
        <v>131.6</v>
      </c>
      <c r="AA18554" s="5">
        <v>7</v>
      </c>
      <c r="AB18554" s="5" t="s">
        <v>43</v>
      </c>
      <c r="AC18554" s="5" t="s">
        <v>735</v>
      </c>
      <c r="AD18554" s="2" t="s">
        <v>57106</v>
      </c>
      <c r="AE18554" s="1"/>
    </row>
    <row r="18555" spans="1:31" ht="14.45">
      <c r="A18555" s="11"/>
      <c r="B18555" s="20"/>
      <c r="C18555" s="2" t="s">
        <v>57107</v>
      </c>
      <c r="D18555" s="14" t="s">
        <v>57108</v>
      </c>
      <c r="E18555" s="2" t="s">
        <v>57109</v>
      </c>
      <c r="F18555" s="2" t="s">
        <v>57101</v>
      </c>
      <c r="G18555" s="8">
        <v>1463</v>
      </c>
      <c r="H18555" s="5">
        <v>5</v>
      </c>
      <c r="I18555" s="5" t="s">
        <v>69</v>
      </c>
      <c r="J18555" s="5" t="s">
        <v>55802</v>
      </c>
      <c r="K18555" s="2" t="s">
        <v>55803</v>
      </c>
      <c r="L18555" s="5" t="s">
        <v>55802</v>
      </c>
      <c r="M18555" s="2" t="s">
        <v>55803</v>
      </c>
      <c r="N18555" s="5" t="s">
        <v>733</v>
      </c>
      <c r="O18555" s="5" t="s">
        <v>38</v>
      </c>
      <c r="P18555" s="5" t="s">
        <v>39</v>
      </c>
      <c r="Q18555" s="5" t="s">
        <v>40</v>
      </c>
      <c r="R18555" s="5" t="s">
        <v>897</v>
      </c>
      <c r="S18555" s="5" t="s">
        <v>40</v>
      </c>
      <c r="T18555" s="5" t="s">
        <v>42</v>
      </c>
      <c r="U18555" s="2">
        <v>43.164999999999999</v>
      </c>
      <c r="V18555" s="2">
        <v>40.200000000000003</v>
      </c>
      <c r="W18555" s="2">
        <v>0.154</v>
      </c>
      <c r="X18555" s="2">
        <v>17</v>
      </c>
      <c r="Y18555" s="2">
        <v>68.7</v>
      </c>
      <c r="Z18555" s="2">
        <v>131.6</v>
      </c>
      <c r="AA18555" s="5">
        <v>7</v>
      </c>
      <c r="AB18555" s="5" t="s">
        <v>43</v>
      </c>
      <c r="AC18555" s="5" t="s">
        <v>735</v>
      </c>
      <c r="AD18555" s="2" t="s">
        <v>57110</v>
      </c>
      <c r="AE18555" s="1"/>
    </row>
    <row r="18556" spans="1:31" ht="14.45">
      <c r="A18556" s="11"/>
      <c r="B18556" s="20"/>
      <c r="C18556" s="2" t="s">
        <v>57111</v>
      </c>
      <c r="D18556" s="14" t="s">
        <v>57112</v>
      </c>
      <c r="E18556" s="2" t="s">
        <v>57113</v>
      </c>
      <c r="F18556" s="2" t="s">
        <v>57114</v>
      </c>
      <c r="G18556" s="8">
        <v>1233</v>
      </c>
      <c r="H18556" s="5">
        <v>10</v>
      </c>
      <c r="I18556" s="5" t="s">
        <v>69</v>
      </c>
      <c r="J18556" s="5" t="s">
        <v>55802</v>
      </c>
      <c r="K18556" s="2" t="s">
        <v>55803</v>
      </c>
      <c r="L18556" s="5" t="s">
        <v>55802</v>
      </c>
      <c r="M18556" s="2" t="s">
        <v>55803</v>
      </c>
      <c r="N18556" s="5" t="s">
        <v>733</v>
      </c>
      <c r="O18556" s="5" t="s">
        <v>38</v>
      </c>
      <c r="P18556" s="5" t="s">
        <v>39</v>
      </c>
      <c r="Q18556" s="5" t="s">
        <v>40</v>
      </c>
      <c r="R18556" s="5" t="s">
        <v>897</v>
      </c>
      <c r="S18556" s="5" t="s">
        <v>40</v>
      </c>
      <c r="T18556" s="5" t="s">
        <v>42</v>
      </c>
      <c r="U18556" s="2">
        <v>40.298000000000002</v>
      </c>
      <c r="V18556" s="2">
        <v>37.536999999999999</v>
      </c>
      <c r="W18556" s="2">
        <v>0.154</v>
      </c>
      <c r="X18556" s="2">
        <v>17</v>
      </c>
      <c r="Y18556" s="2">
        <v>68.7</v>
      </c>
      <c r="Z18556" s="2">
        <v>131.6</v>
      </c>
      <c r="AA18556" s="5">
        <v>7</v>
      </c>
      <c r="AB18556" s="5" t="s">
        <v>43</v>
      </c>
      <c r="AC18556" s="5" t="s">
        <v>735</v>
      </c>
      <c r="AD18556" s="2" t="s">
        <v>57115</v>
      </c>
      <c r="AE18556" s="1"/>
    </row>
    <row r="18557" spans="1:31" ht="14.45">
      <c r="A18557" s="11"/>
      <c r="B18557" s="20"/>
      <c r="C18557" s="2" t="s">
        <v>57116</v>
      </c>
      <c r="D18557" s="14" t="s">
        <v>57117</v>
      </c>
      <c r="E18557" s="2" t="s">
        <v>57118</v>
      </c>
      <c r="F18557" s="2" t="s">
        <v>57119</v>
      </c>
      <c r="G18557" s="8">
        <v>1533</v>
      </c>
      <c r="H18557" s="5">
        <v>10</v>
      </c>
      <c r="I18557" s="5" t="s">
        <v>69</v>
      </c>
      <c r="J18557" s="5" t="s">
        <v>55802</v>
      </c>
      <c r="K18557" s="2" t="s">
        <v>55803</v>
      </c>
      <c r="L18557" s="5" t="s">
        <v>55802</v>
      </c>
      <c r="M18557" s="2" t="s">
        <v>55803</v>
      </c>
      <c r="N18557" s="5" t="s">
        <v>733</v>
      </c>
      <c r="O18557" s="5" t="s">
        <v>38</v>
      </c>
      <c r="P18557" s="5" t="s">
        <v>39</v>
      </c>
      <c r="Q18557" s="5" t="s">
        <v>40</v>
      </c>
      <c r="R18557" s="5" t="s">
        <v>897</v>
      </c>
      <c r="S18557" s="5" t="s">
        <v>40</v>
      </c>
      <c r="T18557" s="5" t="s">
        <v>42</v>
      </c>
      <c r="U18557" s="2">
        <v>42.39</v>
      </c>
      <c r="V18557" s="2">
        <v>39.424999999999997</v>
      </c>
      <c r="W18557" s="2">
        <v>0.154</v>
      </c>
      <c r="X18557" s="2">
        <v>17</v>
      </c>
      <c r="Y18557" s="2">
        <v>68.7</v>
      </c>
      <c r="Z18557" s="2">
        <v>131.6</v>
      </c>
      <c r="AA18557" s="5">
        <v>7</v>
      </c>
      <c r="AB18557" s="5" t="s">
        <v>43</v>
      </c>
      <c r="AC18557" s="5" t="s">
        <v>735</v>
      </c>
      <c r="AD18557" s="2" t="s">
        <v>57120</v>
      </c>
      <c r="AE18557" s="1"/>
    </row>
    <row r="18558" spans="1:31" ht="14.45">
      <c r="A18558" s="11"/>
      <c r="B18558" s="20"/>
      <c r="C18558" s="2" t="s">
        <v>57121</v>
      </c>
      <c r="D18558" s="14" t="s">
        <v>57122</v>
      </c>
      <c r="E18558" s="2" t="s">
        <v>57123</v>
      </c>
      <c r="F18558" s="2" t="s">
        <v>57124</v>
      </c>
      <c r="G18558" s="8">
        <v>1163</v>
      </c>
      <c r="H18558" s="5">
        <v>10</v>
      </c>
      <c r="I18558" s="5" t="s">
        <v>69</v>
      </c>
      <c r="J18558" s="5" t="s">
        <v>55802</v>
      </c>
      <c r="K18558" s="2" t="s">
        <v>55803</v>
      </c>
      <c r="L18558" s="5" t="s">
        <v>55802</v>
      </c>
      <c r="M18558" s="2" t="s">
        <v>55803</v>
      </c>
      <c r="N18558" s="5" t="s">
        <v>733</v>
      </c>
      <c r="O18558" s="5" t="s">
        <v>38</v>
      </c>
      <c r="P18558" s="5" t="s">
        <v>39</v>
      </c>
      <c r="Q18558" s="5" t="s">
        <v>40</v>
      </c>
      <c r="R18558" s="5" t="s">
        <v>897</v>
      </c>
      <c r="S18558" s="5" t="s">
        <v>40</v>
      </c>
      <c r="T18558" s="5" t="s">
        <v>42</v>
      </c>
      <c r="U18558" s="2">
        <v>40.271000000000001</v>
      </c>
      <c r="V18558" s="2">
        <v>37.51</v>
      </c>
      <c r="W18558" s="2">
        <v>0.154</v>
      </c>
      <c r="X18558" s="2">
        <v>17</v>
      </c>
      <c r="Y18558" s="2">
        <v>68.7</v>
      </c>
      <c r="Z18558" s="2">
        <v>131.6</v>
      </c>
      <c r="AA18558" s="5">
        <v>7</v>
      </c>
      <c r="AB18558" s="5" t="s">
        <v>43</v>
      </c>
      <c r="AC18558" s="5" t="s">
        <v>735</v>
      </c>
      <c r="AD18558" s="2" t="s">
        <v>57125</v>
      </c>
      <c r="AE18558" s="1"/>
    </row>
    <row r="18559" spans="1:31" ht="14.45">
      <c r="A18559" s="11"/>
      <c r="B18559" s="20"/>
      <c r="C18559" s="2" t="s">
        <v>57126</v>
      </c>
      <c r="D18559" s="14" t="s">
        <v>57127</v>
      </c>
      <c r="E18559" s="2" t="s">
        <v>57128</v>
      </c>
      <c r="F18559" s="2" t="s">
        <v>57129</v>
      </c>
      <c r="G18559" s="8">
        <v>967</v>
      </c>
      <c r="H18559" s="5">
        <v>10</v>
      </c>
      <c r="I18559" s="5" t="s">
        <v>69</v>
      </c>
      <c r="J18559" s="5" t="s">
        <v>55802</v>
      </c>
      <c r="K18559" s="2" t="s">
        <v>55803</v>
      </c>
      <c r="L18559" s="5" t="s">
        <v>55802</v>
      </c>
      <c r="M18559" s="2" t="s">
        <v>55803</v>
      </c>
      <c r="N18559" s="5" t="s">
        <v>733</v>
      </c>
      <c r="O18559" s="5" t="s">
        <v>38</v>
      </c>
      <c r="P18559" s="5" t="s">
        <v>39</v>
      </c>
      <c r="Q18559" s="5" t="s">
        <v>40</v>
      </c>
      <c r="R18559" s="5" t="s">
        <v>897</v>
      </c>
      <c r="S18559" s="5" t="s">
        <v>40</v>
      </c>
      <c r="T18559" s="5" t="s">
        <v>42</v>
      </c>
      <c r="U18559" s="2">
        <v>50.67</v>
      </c>
      <c r="V18559" s="2">
        <v>47.534999999999997</v>
      </c>
      <c r="W18559" s="2">
        <v>0.17899999999999999</v>
      </c>
      <c r="X18559" s="2">
        <v>17</v>
      </c>
      <c r="Y18559" s="2">
        <v>68.7</v>
      </c>
      <c r="Z18559" s="2">
        <v>153.6</v>
      </c>
      <c r="AA18559" s="5">
        <v>7</v>
      </c>
      <c r="AB18559" s="5" t="s">
        <v>43</v>
      </c>
      <c r="AC18559" s="5" t="s">
        <v>735</v>
      </c>
      <c r="AD18559" s="2" t="s">
        <v>57130</v>
      </c>
      <c r="AE18559" s="1"/>
    </row>
    <row r="18560" spans="1:31" ht="14.45">
      <c r="A18560" s="11"/>
      <c r="B18560" s="20"/>
      <c r="C18560" s="2" t="s">
        <v>57131</v>
      </c>
      <c r="D18560" s="14" t="s">
        <v>57132</v>
      </c>
      <c r="E18560" s="2" t="s">
        <v>57133</v>
      </c>
      <c r="F18560" s="2" t="s">
        <v>57134</v>
      </c>
      <c r="G18560" s="8">
        <v>1267</v>
      </c>
      <c r="H18560" s="5">
        <v>10</v>
      </c>
      <c r="I18560" s="5" t="s">
        <v>69</v>
      </c>
      <c r="J18560" s="5" t="s">
        <v>55802</v>
      </c>
      <c r="K18560" s="2" t="s">
        <v>55803</v>
      </c>
      <c r="L18560" s="5" t="s">
        <v>55802</v>
      </c>
      <c r="M18560" s="2" t="s">
        <v>55803</v>
      </c>
      <c r="N18560" s="5" t="s">
        <v>733</v>
      </c>
      <c r="O18560" s="5" t="s">
        <v>38</v>
      </c>
      <c r="P18560" s="5" t="s">
        <v>39</v>
      </c>
      <c r="Q18560" s="5" t="s">
        <v>40</v>
      </c>
      <c r="R18560" s="5" t="s">
        <v>897</v>
      </c>
      <c r="S18560" s="5" t="s">
        <v>40</v>
      </c>
      <c r="T18560" s="5" t="s">
        <v>42</v>
      </c>
      <c r="U18560" s="2">
        <v>52.48</v>
      </c>
      <c r="V18560" s="2">
        <v>49.222000000000001</v>
      </c>
      <c r="W18560" s="2">
        <v>0.17899999999999999</v>
      </c>
      <c r="X18560" s="2">
        <v>17</v>
      </c>
      <c r="Y18560" s="2">
        <v>68.7</v>
      </c>
      <c r="Z18560" s="2">
        <v>153.6</v>
      </c>
      <c r="AA18560" s="5">
        <v>7</v>
      </c>
      <c r="AB18560" s="5" t="s">
        <v>43</v>
      </c>
      <c r="AC18560" s="5" t="s">
        <v>735</v>
      </c>
      <c r="AD18560" s="2" t="s">
        <v>57135</v>
      </c>
      <c r="AE18560" s="1"/>
    </row>
    <row r="18561" spans="1:31" ht="14.45">
      <c r="A18561" s="11"/>
      <c r="B18561" s="20"/>
      <c r="C18561" s="2" t="s">
        <v>57136</v>
      </c>
      <c r="D18561" s="14" t="s">
        <v>57137</v>
      </c>
      <c r="E18561" s="2" t="s">
        <v>57138</v>
      </c>
      <c r="F18561" s="2" t="s">
        <v>57139</v>
      </c>
      <c r="G18561" s="8">
        <v>836</v>
      </c>
      <c r="H18561" s="5">
        <v>5</v>
      </c>
      <c r="I18561" s="5" t="s">
        <v>69</v>
      </c>
      <c r="J18561" s="5" t="s">
        <v>55802</v>
      </c>
      <c r="K18561" s="2" t="s">
        <v>55803</v>
      </c>
      <c r="L18561" s="5" t="s">
        <v>55802</v>
      </c>
      <c r="M18561" s="2" t="s">
        <v>55803</v>
      </c>
      <c r="N18561" s="5" t="s">
        <v>733</v>
      </c>
      <c r="O18561" s="5" t="s">
        <v>38</v>
      </c>
      <c r="P18561" s="5" t="s">
        <v>39</v>
      </c>
      <c r="Q18561" s="5" t="s">
        <v>40</v>
      </c>
      <c r="R18561" s="5" t="s">
        <v>897</v>
      </c>
      <c r="S18561" s="5" t="s">
        <v>40</v>
      </c>
      <c r="T18561" s="5" t="s">
        <v>42</v>
      </c>
      <c r="U18561" s="2">
        <v>44.963000000000001</v>
      </c>
      <c r="V18561" s="2">
        <v>41.828000000000003</v>
      </c>
      <c r="W18561" s="2">
        <v>0.17899999999999999</v>
      </c>
      <c r="X18561" s="2">
        <v>17</v>
      </c>
      <c r="Y18561" s="2">
        <v>68.7</v>
      </c>
      <c r="Z18561" s="2">
        <v>153.6</v>
      </c>
      <c r="AA18561" s="5">
        <v>7</v>
      </c>
      <c r="AB18561" s="5" t="s">
        <v>43</v>
      </c>
      <c r="AC18561" s="5" t="s">
        <v>735</v>
      </c>
      <c r="AD18561" s="2" t="s">
        <v>57140</v>
      </c>
      <c r="AE18561" s="1"/>
    </row>
    <row r="18562" spans="1:31" ht="14.45">
      <c r="A18562" s="11"/>
      <c r="B18562" s="20"/>
      <c r="C18562" s="2" t="s">
        <v>57141</v>
      </c>
      <c r="D18562" s="14" t="s">
        <v>57142</v>
      </c>
      <c r="E18562" s="2" t="s">
        <v>57143</v>
      </c>
      <c r="F18562" s="2" t="s">
        <v>57144</v>
      </c>
      <c r="G18562" s="8">
        <v>1136</v>
      </c>
      <c r="H18562" s="5">
        <v>5</v>
      </c>
      <c r="I18562" s="5" t="s">
        <v>69</v>
      </c>
      <c r="J18562" s="5" t="s">
        <v>55802</v>
      </c>
      <c r="K18562" s="2" t="s">
        <v>55803</v>
      </c>
      <c r="L18562" s="5" t="s">
        <v>55802</v>
      </c>
      <c r="M18562" s="2" t="s">
        <v>55803</v>
      </c>
      <c r="N18562" s="5" t="s">
        <v>733</v>
      </c>
      <c r="O18562" s="5" t="s">
        <v>38</v>
      </c>
      <c r="P18562" s="5" t="s">
        <v>39</v>
      </c>
      <c r="Q18562" s="5" t="s">
        <v>40</v>
      </c>
      <c r="R18562" s="5" t="s">
        <v>897</v>
      </c>
      <c r="S18562" s="5" t="s">
        <v>40</v>
      </c>
      <c r="T18562" s="5" t="s">
        <v>42</v>
      </c>
      <c r="U18562" s="2">
        <v>46.323</v>
      </c>
      <c r="V18562" s="2">
        <v>43.064999999999998</v>
      </c>
      <c r="W18562" s="2">
        <v>0.17899999999999999</v>
      </c>
      <c r="X18562" s="2">
        <v>17</v>
      </c>
      <c r="Y18562" s="2">
        <v>68.7</v>
      </c>
      <c r="Z18562" s="2">
        <v>153.6</v>
      </c>
      <c r="AA18562" s="5">
        <v>7</v>
      </c>
      <c r="AB18562" s="5" t="s">
        <v>43</v>
      </c>
      <c r="AC18562" s="5" t="s">
        <v>735</v>
      </c>
      <c r="AD18562" s="2" t="s">
        <v>57145</v>
      </c>
      <c r="AE18562" s="1"/>
    </row>
    <row r="18563" spans="1:31" ht="14.45">
      <c r="A18563" s="5" t="s">
        <v>116</v>
      </c>
      <c r="B18563" s="21">
        <v>46082</v>
      </c>
      <c r="C18563" s="2" t="s">
        <v>57146</v>
      </c>
      <c r="D18563" s="14" t="s">
        <v>57147</v>
      </c>
      <c r="E18563" s="2" t="s">
        <v>57148</v>
      </c>
      <c r="F18563" s="2" t="s">
        <v>57149</v>
      </c>
      <c r="G18563" s="8">
        <v>1236</v>
      </c>
      <c r="H18563" s="5">
        <v>5</v>
      </c>
      <c r="I18563" s="5" t="s">
        <v>69</v>
      </c>
      <c r="J18563" s="5" t="s">
        <v>55802</v>
      </c>
      <c r="K18563" s="2" t="s">
        <v>55803</v>
      </c>
      <c r="L18563" s="5" t="s">
        <v>55802</v>
      </c>
      <c r="M18563" s="2" t="s">
        <v>55803</v>
      </c>
      <c r="N18563" s="5" t="s">
        <v>733</v>
      </c>
      <c r="O18563" s="5" t="s">
        <v>38</v>
      </c>
      <c r="P18563" s="5" t="s">
        <v>39</v>
      </c>
      <c r="Q18563" s="5" t="s">
        <v>40</v>
      </c>
      <c r="R18563" s="5" t="s">
        <v>897</v>
      </c>
      <c r="S18563" s="5" t="s">
        <v>40</v>
      </c>
      <c r="T18563" s="5" t="s">
        <v>42</v>
      </c>
      <c r="U18563" s="2">
        <v>46.448</v>
      </c>
      <c r="V18563" s="2">
        <v>43.313000000000002</v>
      </c>
      <c r="W18563" s="2">
        <v>0.17899999999999999</v>
      </c>
      <c r="X18563" s="2">
        <v>17</v>
      </c>
      <c r="Y18563" s="2">
        <v>68.7</v>
      </c>
      <c r="Z18563" s="2">
        <v>153.6</v>
      </c>
      <c r="AA18563" s="5">
        <v>7</v>
      </c>
      <c r="AB18563" s="5" t="s">
        <v>43</v>
      </c>
      <c r="AC18563" s="5" t="s">
        <v>735</v>
      </c>
      <c r="AD18563" s="2" t="s">
        <v>57150</v>
      </c>
      <c r="AE18563" s="1"/>
    </row>
    <row r="18564" spans="1:31" ht="14.45">
      <c r="A18564" s="11"/>
      <c r="B18564" s="20"/>
      <c r="C18564" s="2" t="s">
        <v>57151</v>
      </c>
      <c r="D18564" s="14" t="s">
        <v>57152</v>
      </c>
      <c r="E18564" s="2" t="s">
        <v>57153</v>
      </c>
      <c r="F18564" s="2" t="s">
        <v>57144</v>
      </c>
      <c r="G18564" s="8">
        <v>1136</v>
      </c>
      <c r="H18564" s="5">
        <v>5</v>
      </c>
      <c r="I18564" s="5" t="s">
        <v>69</v>
      </c>
      <c r="J18564" s="5" t="s">
        <v>55802</v>
      </c>
      <c r="K18564" s="2" t="s">
        <v>55803</v>
      </c>
      <c r="L18564" s="5" t="s">
        <v>55802</v>
      </c>
      <c r="M18564" s="2" t="s">
        <v>55803</v>
      </c>
      <c r="N18564" s="5" t="s">
        <v>733</v>
      </c>
      <c r="O18564" s="5" t="s">
        <v>38</v>
      </c>
      <c r="P18564" s="5" t="s">
        <v>39</v>
      </c>
      <c r="Q18564" s="5" t="s">
        <v>40</v>
      </c>
      <c r="R18564" s="5" t="s">
        <v>897</v>
      </c>
      <c r="S18564" s="5" t="s">
        <v>40</v>
      </c>
      <c r="T18564" s="5" t="s">
        <v>42</v>
      </c>
      <c r="U18564" s="2">
        <v>46.389000000000003</v>
      </c>
      <c r="V18564" s="2">
        <v>43.07</v>
      </c>
      <c r="W18564" s="2">
        <v>0.17899999999999999</v>
      </c>
      <c r="X18564" s="2">
        <v>17</v>
      </c>
      <c r="Y18564" s="2">
        <v>68.7</v>
      </c>
      <c r="Z18564" s="2">
        <v>153.6</v>
      </c>
      <c r="AA18564" s="5">
        <v>7</v>
      </c>
      <c r="AB18564" s="5" t="s">
        <v>43</v>
      </c>
      <c r="AC18564" s="5" t="s">
        <v>735</v>
      </c>
      <c r="AD18564" s="2" t="s">
        <v>57154</v>
      </c>
      <c r="AE18564" s="1"/>
    </row>
    <row r="18565" spans="1:31" ht="14.45">
      <c r="A18565" s="11"/>
      <c r="B18565" s="20"/>
      <c r="C18565" s="2" t="s">
        <v>57155</v>
      </c>
      <c r="D18565" s="14" t="s">
        <v>57156</v>
      </c>
      <c r="E18565" s="2" t="s">
        <v>57157</v>
      </c>
      <c r="F18565" s="2" t="s">
        <v>57158</v>
      </c>
      <c r="G18565" s="8">
        <v>1267</v>
      </c>
      <c r="H18565" s="5">
        <v>10</v>
      </c>
      <c r="I18565" s="5" t="s">
        <v>69</v>
      </c>
      <c r="J18565" s="5" t="s">
        <v>55802</v>
      </c>
      <c r="K18565" s="2" t="s">
        <v>55803</v>
      </c>
      <c r="L18565" s="5" t="s">
        <v>55802</v>
      </c>
      <c r="M18565" s="2" t="s">
        <v>55803</v>
      </c>
      <c r="N18565" s="5" t="s">
        <v>733</v>
      </c>
      <c r="O18565" s="5" t="s">
        <v>38</v>
      </c>
      <c r="P18565" s="5" t="s">
        <v>39</v>
      </c>
      <c r="Q18565" s="5" t="s">
        <v>40</v>
      </c>
      <c r="R18565" s="5" t="s">
        <v>897</v>
      </c>
      <c r="S18565" s="5" t="s">
        <v>40</v>
      </c>
      <c r="T18565" s="5" t="s">
        <v>42</v>
      </c>
      <c r="U18565" s="2">
        <v>46.14</v>
      </c>
      <c r="V18565" s="2">
        <v>42.881999999999998</v>
      </c>
      <c r="W18565" s="2">
        <v>0.17899999999999999</v>
      </c>
      <c r="X18565" s="2">
        <v>17</v>
      </c>
      <c r="Y18565" s="2">
        <v>68.7</v>
      </c>
      <c r="Z18565" s="2">
        <v>153.6</v>
      </c>
      <c r="AA18565" s="5">
        <v>7</v>
      </c>
      <c r="AB18565" s="5" t="s">
        <v>43</v>
      </c>
      <c r="AC18565" s="5" t="s">
        <v>735</v>
      </c>
      <c r="AD18565" s="2" t="s">
        <v>57159</v>
      </c>
      <c r="AE18565" s="1"/>
    </row>
    <row r="18566" spans="1:31" ht="14.45">
      <c r="A18566" s="11"/>
      <c r="B18566" s="20"/>
      <c r="C18566" s="2" t="s">
        <v>57160</v>
      </c>
      <c r="D18566" s="14" t="s">
        <v>57161</v>
      </c>
      <c r="E18566" s="2" t="s">
        <v>57162</v>
      </c>
      <c r="F18566" s="2" t="s">
        <v>57163</v>
      </c>
      <c r="G18566" s="8">
        <v>710</v>
      </c>
      <c r="H18566" s="5">
        <v>10</v>
      </c>
      <c r="I18566" s="5" t="s">
        <v>69</v>
      </c>
      <c r="J18566" s="5" t="s">
        <v>55802</v>
      </c>
      <c r="K18566" s="2" t="s">
        <v>55803</v>
      </c>
      <c r="L18566" s="5" t="s">
        <v>55802</v>
      </c>
      <c r="M18566" s="2" t="s">
        <v>55803</v>
      </c>
      <c r="N18566" s="5" t="s">
        <v>733</v>
      </c>
      <c r="O18566" s="5" t="s">
        <v>38</v>
      </c>
      <c r="P18566" s="5" t="s">
        <v>39</v>
      </c>
      <c r="Q18566" s="5" t="s">
        <v>40</v>
      </c>
      <c r="R18566" s="5" t="s">
        <v>897</v>
      </c>
      <c r="S18566" s="5" t="s">
        <v>40</v>
      </c>
      <c r="T18566" s="5" t="s">
        <v>42</v>
      </c>
      <c r="U18566" s="2">
        <v>44.46</v>
      </c>
      <c r="V18566" s="2">
        <v>41.32</v>
      </c>
      <c r="W18566" s="2">
        <v>0.17899999999999999</v>
      </c>
      <c r="X18566" s="2">
        <v>17</v>
      </c>
      <c r="Y18566" s="2">
        <v>68.7</v>
      </c>
      <c r="Z18566" s="2">
        <v>153.6</v>
      </c>
      <c r="AA18566" s="5">
        <v>7</v>
      </c>
      <c r="AB18566" s="5" t="s">
        <v>43</v>
      </c>
      <c r="AC18566" s="5" t="s">
        <v>735</v>
      </c>
      <c r="AD18566" s="2" t="s">
        <v>57164</v>
      </c>
      <c r="AE18566" s="1"/>
    </row>
    <row r="18567" spans="1:31" ht="14.45">
      <c r="A18567" s="11"/>
      <c r="B18567" s="20"/>
      <c r="C18567" s="2" t="s">
        <v>57165</v>
      </c>
      <c r="D18567" s="14" t="s">
        <v>57166</v>
      </c>
      <c r="E18567" s="2" t="s">
        <v>57167</v>
      </c>
      <c r="F18567" s="2" t="s">
        <v>57163</v>
      </c>
      <c r="G18567" s="8">
        <v>1010</v>
      </c>
      <c r="H18567" s="5">
        <v>10</v>
      </c>
      <c r="I18567" s="5" t="s">
        <v>69</v>
      </c>
      <c r="J18567" s="5" t="s">
        <v>55802</v>
      </c>
      <c r="K18567" s="2" t="s">
        <v>55803</v>
      </c>
      <c r="L18567" s="5" t="s">
        <v>55802</v>
      </c>
      <c r="M18567" s="2" t="s">
        <v>55803</v>
      </c>
      <c r="N18567" s="5" t="s">
        <v>733</v>
      </c>
      <c r="O18567" s="5" t="s">
        <v>38</v>
      </c>
      <c r="P18567" s="5" t="s">
        <v>39</v>
      </c>
      <c r="Q18567" s="5" t="s">
        <v>40</v>
      </c>
      <c r="R18567" s="5" t="s">
        <v>897</v>
      </c>
      <c r="S18567" s="5" t="s">
        <v>40</v>
      </c>
      <c r="T18567" s="5" t="s">
        <v>42</v>
      </c>
      <c r="U18567" s="2">
        <v>46.362000000000002</v>
      </c>
      <c r="V18567" s="2">
        <v>43.103999999999999</v>
      </c>
      <c r="W18567" s="2">
        <v>0.17899999999999999</v>
      </c>
      <c r="X18567" s="2">
        <v>17</v>
      </c>
      <c r="Y18567" s="2">
        <v>68.7</v>
      </c>
      <c r="Z18567" s="2">
        <v>153.6</v>
      </c>
      <c r="AA18567" s="5">
        <v>7</v>
      </c>
      <c r="AB18567" s="5" t="s">
        <v>43</v>
      </c>
      <c r="AC18567" s="5" t="s">
        <v>735</v>
      </c>
      <c r="AD18567" s="2" t="s">
        <v>57168</v>
      </c>
      <c r="AE18567" s="1"/>
    </row>
    <row r="18568" spans="1:31" ht="14.45">
      <c r="A18568" s="11"/>
      <c r="B18568" s="20"/>
      <c r="C18568" s="2" t="s">
        <v>57169</v>
      </c>
      <c r="D18568" s="14" t="s">
        <v>57170</v>
      </c>
      <c r="E18568" s="2" t="s">
        <v>57171</v>
      </c>
      <c r="F18568" s="2" t="s">
        <v>57163</v>
      </c>
      <c r="G18568" s="8">
        <v>1010</v>
      </c>
      <c r="H18568" s="5">
        <v>10</v>
      </c>
      <c r="I18568" s="5" t="s">
        <v>69</v>
      </c>
      <c r="J18568" s="5" t="s">
        <v>55802</v>
      </c>
      <c r="K18568" s="2" t="s">
        <v>55803</v>
      </c>
      <c r="L18568" s="5" t="s">
        <v>55802</v>
      </c>
      <c r="M18568" s="2" t="s">
        <v>55803</v>
      </c>
      <c r="N18568" s="5" t="s">
        <v>733</v>
      </c>
      <c r="O18568" s="5" t="s">
        <v>38</v>
      </c>
      <c r="P18568" s="5" t="s">
        <v>39</v>
      </c>
      <c r="Q18568" s="5" t="s">
        <v>40</v>
      </c>
      <c r="R18568" s="5" t="s">
        <v>897</v>
      </c>
      <c r="S18568" s="5" t="s">
        <v>40</v>
      </c>
      <c r="T18568" s="5" t="s">
        <v>42</v>
      </c>
      <c r="U18568" s="2">
        <v>46.427999999999997</v>
      </c>
      <c r="V18568" s="2">
        <v>43.109000000000002</v>
      </c>
      <c r="W18568" s="2">
        <v>0.17899999999999999</v>
      </c>
      <c r="X18568" s="2">
        <v>17</v>
      </c>
      <c r="Y18568" s="2">
        <v>68.7</v>
      </c>
      <c r="Z18568" s="2">
        <v>153.6</v>
      </c>
      <c r="AA18568" s="5">
        <v>7</v>
      </c>
      <c r="AB18568" s="5" t="s">
        <v>43</v>
      </c>
      <c r="AC18568" s="5" t="s">
        <v>735</v>
      </c>
      <c r="AD18568" s="2" t="s">
        <v>57172</v>
      </c>
      <c r="AE18568" s="1"/>
    </row>
    <row r="18569" spans="1:31" ht="14.45">
      <c r="A18569" s="11"/>
      <c r="B18569" s="20"/>
      <c r="C18569" s="2" t="s">
        <v>57173</v>
      </c>
      <c r="D18569" s="14" t="s">
        <v>57174</v>
      </c>
      <c r="E18569" s="2" t="s">
        <v>57175</v>
      </c>
      <c r="F18569" s="2" t="s">
        <v>57176</v>
      </c>
      <c r="G18569" s="8">
        <v>551</v>
      </c>
      <c r="H18569" s="5">
        <v>5</v>
      </c>
      <c r="I18569" s="5" t="s">
        <v>69</v>
      </c>
      <c r="J18569" s="5" t="s">
        <v>55802</v>
      </c>
      <c r="K18569" s="2" t="s">
        <v>55803</v>
      </c>
      <c r="L18569" s="5" t="s">
        <v>55802</v>
      </c>
      <c r="M18569" s="2" t="s">
        <v>55803</v>
      </c>
      <c r="N18569" s="5" t="s">
        <v>733</v>
      </c>
      <c r="O18569" s="5" t="s">
        <v>38</v>
      </c>
      <c r="P18569" s="5" t="s">
        <v>39</v>
      </c>
      <c r="Q18569" s="5" t="s">
        <v>40</v>
      </c>
      <c r="R18569" s="5" t="s">
        <v>897</v>
      </c>
      <c r="S18569" s="5" t="s">
        <v>40</v>
      </c>
      <c r="T18569" s="5" t="s">
        <v>42</v>
      </c>
      <c r="U18569" s="2">
        <v>39.484000000000002</v>
      </c>
      <c r="V18569" s="2">
        <v>36.348999999999997</v>
      </c>
      <c r="W18569" s="2">
        <v>0.17899999999999999</v>
      </c>
      <c r="X18569" s="2">
        <v>17</v>
      </c>
      <c r="Y18569" s="2">
        <v>68.7</v>
      </c>
      <c r="Z18569" s="2">
        <v>153.6</v>
      </c>
      <c r="AA18569" s="5">
        <v>7</v>
      </c>
      <c r="AB18569" s="5" t="s">
        <v>43</v>
      </c>
      <c r="AC18569" s="5" t="s">
        <v>735</v>
      </c>
      <c r="AD18569" s="2" t="s">
        <v>57177</v>
      </c>
      <c r="AE18569" s="1"/>
    </row>
    <row r="18570" spans="1:31" ht="14.45">
      <c r="A18570" s="11"/>
      <c r="B18570" s="20"/>
      <c r="C18570" s="2" t="s">
        <v>57178</v>
      </c>
      <c r="D18570" s="14" t="s">
        <v>57179</v>
      </c>
      <c r="E18570" s="2" t="s">
        <v>57180</v>
      </c>
      <c r="F18570" s="2" t="s">
        <v>57176</v>
      </c>
      <c r="G18570" s="8">
        <v>851</v>
      </c>
      <c r="H18570" s="5">
        <v>5</v>
      </c>
      <c r="I18570" s="5" t="s">
        <v>69</v>
      </c>
      <c r="J18570" s="5" t="s">
        <v>55802</v>
      </c>
      <c r="K18570" s="2" t="s">
        <v>55803</v>
      </c>
      <c r="L18570" s="5" t="s">
        <v>55802</v>
      </c>
      <c r="M18570" s="2" t="s">
        <v>55803</v>
      </c>
      <c r="N18570" s="5" t="s">
        <v>733</v>
      </c>
      <c r="O18570" s="5" t="s">
        <v>38</v>
      </c>
      <c r="P18570" s="5" t="s">
        <v>39</v>
      </c>
      <c r="Q18570" s="5" t="s">
        <v>40</v>
      </c>
      <c r="R18570" s="5" t="s">
        <v>897</v>
      </c>
      <c r="S18570" s="5" t="s">
        <v>40</v>
      </c>
      <c r="T18570" s="5" t="s">
        <v>42</v>
      </c>
      <c r="U18570" s="2">
        <v>41.432000000000002</v>
      </c>
      <c r="V18570" s="2">
        <v>38.173999999999999</v>
      </c>
      <c r="W18570" s="2">
        <v>0.17899999999999999</v>
      </c>
      <c r="X18570" s="2">
        <v>17</v>
      </c>
      <c r="Y18570" s="2">
        <v>68.7</v>
      </c>
      <c r="Z18570" s="2">
        <v>153.6</v>
      </c>
      <c r="AA18570" s="5">
        <v>7</v>
      </c>
      <c r="AB18570" s="5" t="s">
        <v>43</v>
      </c>
      <c r="AC18570" s="5" t="s">
        <v>735</v>
      </c>
      <c r="AD18570" s="2" t="s">
        <v>57181</v>
      </c>
      <c r="AE18570" s="1"/>
    </row>
    <row r="18571" spans="1:31" ht="14.45">
      <c r="A18571" s="5" t="s">
        <v>116</v>
      </c>
      <c r="B18571" s="21">
        <v>46082</v>
      </c>
      <c r="C18571" s="2" t="s">
        <v>57182</v>
      </c>
      <c r="D18571" s="14" t="s">
        <v>57183</v>
      </c>
      <c r="E18571" s="2" t="s">
        <v>57184</v>
      </c>
      <c r="F18571" s="2" t="s">
        <v>57185</v>
      </c>
      <c r="G18571" s="8">
        <v>951</v>
      </c>
      <c r="H18571" s="5">
        <v>5</v>
      </c>
      <c r="I18571" s="5" t="s">
        <v>69</v>
      </c>
      <c r="J18571" s="5" t="s">
        <v>55802</v>
      </c>
      <c r="K18571" s="2" t="s">
        <v>55803</v>
      </c>
      <c r="L18571" s="5" t="s">
        <v>55802</v>
      </c>
      <c r="M18571" s="2" t="s">
        <v>55803</v>
      </c>
      <c r="N18571" s="5" t="s">
        <v>733</v>
      </c>
      <c r="O18571" s="5" t="s">
        <v>38</v>
      </c>
      <c r="P18571" s="5" t="s">
        <v>39</v>
      </c>
      <c r="Q18571" s="5" t="s">
        <v>40</v>
      </c>
      <c r="R18571" s="5" t="s">
        <v>897</v>
      </c>
      <c r="S18571" s="5" t="s">
        <v>40</v>
      </c>
      <c r="T18571" s="5" t="s">
        <v>42</v>
      </c>
      <c r="U18571" s="2">
        <v>40.857999999999997</v>
      </c>
      <c r="V18571" s="2">
        <v>37.746000000000002</v>
      </c>
      <c r="W18571" s="2">
        <v>0.17899999999999999</v>
      </c>
      <c r="X18571" s="2">
        <v>17</v>
      </c>
      <c r="Y18571" s="2">
        <v>68.7</v>
      </c>
      <c r="Z18571" s="2">
        <v>153.6</v>
      </c>
      <c r="AA18571" s="5">
        <v>7</v>
      </c>
      <c r="AB18571" s="5" t="s">
        <v>43</v>
      </c>
      <c r="AC18571" s="5" t="s">
        <v>735</v>
      </c>
      <c r="AD18571" s="2" t="s">
        <v>57186</v>
      </c>
      <c r="AE18571" s="1"/>
    </row>
    <row r="18572" spans="1:31" ht="14.45">
      <c r="A18572" s="11"/>
      <c r="B18572" s="20"/>
      <c r="C18572" s="2" t="s">
        <v>57187</v>
      </c>
      <c r="D18572" s="14" t="s">
        <v>57188</v>
      </c>
      <c r="E18572" s="2" t="s">
        <v>57189</v>
      </c>
      <c r="F18572" s="2" t="s">
        <v>57176</v>
      </c>
      <c r="G18572" s="8">
        <v>851</v>
      </c>
      <c r="H18572" s="5">
        <v>5</v>
      </c>
      <c r="I18572" s="5" t="s">
        <v>69</v>
      </c>
      <c r="J18572" s="5" t="s">
        <v>55802</v>
      </c>
      <c r="K18572" s="2" t="s">
        <v>55803</v>
      </c>
      <c r="L18572" s="5" t="s">
        <v>55802</v>
      </c>
      <c r="M18572" s="2" t="s">
        <v>55803</v>
      </c>
      <c r="N18572" s="5" t="s">
        <v>733</v>
      </c>
      <c r="O18572" s="5" t="s">
        <v>38</v>
      </c>
      <c r="P18572" s="5" t="s">
        <v>39</v>
      </c>
      <c r="Q18572" s="5" t="s">
        <v>40</v>
      </c>
      <c r="R18572" s="5" t="s">
        <v>897</v>
      </c>
      <c r="S18572" s="5" t="s">
        <v>40</v>
      </c>
      <c r="T18572" s="5" t="s">
        <v>42</v>
      </c>
      <c r="U18572" s="2">
        <v>40.872</v>
      </c>
      <c r="V18572" s="2">
        <v>37.545999999999999</v>
      </c>
      <c r="W18572" s="2">
        <v>0.17899999999999999</v>
      </c>
      <c r="X18572" s="2">
        <v>17</v>
      </c>
      <c r="Y18572" s="2">
        <v>68.7</v>
      </c>
      <c r="Z18572" s="2">
        <v>153.6</v>
      </c>
      <c r="AA18572" s="5">
        <v>7</v>
      </c>
      <c r="AB18572" s="5" t="s">
        <v>43</v>
      </c>
      <c r="AC18572" s="5" t="s">
        <v>735</v>
      </c>
      <c r="AD18572" s="2" t="s">
        <v>57190</v>
      </c>
      <c r="AE18572" s="1"/>
    </row>
    <row r="18573" spans="1:31" ht="14.45">
      <c r="A18573" s="11"/>
      <c r="B18573" s="20"/>
      <c r="C18573" s="2" t="s">
        <v>57191</v>
      </c>
      <c r="D18573" s="14" t="s">
        <v>57192</v>
      </c>
      <c r="E18573" s="2" t="s">
        <v>57193</v>
      </c>
      <c r="F18573" s="2" t="s">
        <v>57194</v>
      </c>
      <c r="G18573" s="8">
        <v>753</v>
      </c>
      <c r="H18573" s="5">
        <v>5</v>
      </c>
      <c r="I18573" s="5" t="s">
        <v>69</v>
      </c>
      <c r="J18573" s="5" t="s">
        <v>55802</v>
      </c>
      <c r="K18573" s="2" t="s">
        <v>55803</v>
      </c>
      <c r="L18573" s="5" t="s">
        <v>55802</v>
      </c>
      <c r="M18573" s="2" t="s">
        <v>55803</v>
      </c>
      <c r="N18573" s="5" t="s">
        <v>733</v>
      </c>
      <c r="O18573" s="5" t="s">
        <v>38</v>
      </c>
      <c r="P18573" s="5" t="s">
        <v>39</v>
      </c>
      <c r="Q18573" s="5" t="s">
        <v>40</v>
      </c>
      <c r="R18573" s="5" t="s">
        <v>897</v>
      </c>
      <c r="S18573" s="5" t="s">
        <v>40</v>
      </c>
      <c r="T18573" s="5" t="s">
        <v>42</v>
      </c>
      <c r="U18573" s="2">
        <v>44.389000000000003</v>
      </c>
      <c r="V18573" s="2">
        <v>41.249000000000002</v>
      </c>
      <c r="W18573" s="2">
        <v>0.17899999999999999</v>
      </c>
      <c r="X18573" s="2">
        <v>17</v>
      </c>
      <c r="Y18573" s="2">
        <v>68.7</v>
      </c>
      <c r="Z18573" s="2">
        <v>153.6</v>
      </c>
      <c r="AA18573" s="5">
        <v>7</v>
      </c>
      <c r="AB18573" s="5" t="s">
        <v>43</v>
      </c>
      <c r="AC18573" s="5" t="s">
        <v>735</v>
      </c>
      <c r="AD18573" s="2" t="s">
        <v>57195</v>
      </c>
      <c r="AE18573" s="1"/>
    </row>
    <row r="18574" spans="1:31" ht="14.45">
      <c r="A18574" s="11"/>
      <c r="B18574" s="20"/>
      <c r="C18574" s="2" t="s">
        <v>57196</v>
      </c>
      <c r="D18574" s="14" t="s">
        <v>57197</v>
      </c>
      <c r="E18574" s="2" t="s">
        <v>57198</v>
      </c>
      <c r="F18574" s="2" t="s">
        <v>57194</v>
      </c>
      <c r="G18574" s="8">
        <v>1053</v>
      </c>
      <c r="H18574" s="5">
        <v>5</v>
      </c>
      <c r="I18574" s="5" t="s">
        <v>69</v>
      </c>
      <c r="J18574" s="5" t="s">
        <v>55802</v>
      </c>
      <c r="K18574" s="2" t="s">
        <v>55803</v>
      </c>
      <c r="L18574" s="5" t="s">
        <v>55802</v>
      </c>
      <c r="M18574" s="2" t="s">
        <v>55803</v>
      </c>
      <c r="N18574" s="5" t="s">
        <v>733</v>
      </c>
      <c r="O18574" s="5" t="s">
        <v>38</v>
      </c>
      <c r="P18574" s="5" t="s">
        <v>39</v>
      </c>
      <c r="Q18574" s="5" t="s">
        <v>40</v>
      </c>
      <c r="R18574" s="5" t="s">
        <v>897</v>
      </c>
      <c r="S18574" s="5" t="s">
        <v>40</v>
      </c>
      <c r="T18574" s="5" t="s">
        <v>42</v>
      </c>
      <c r="U18574" s="2">
        <v>46.290999999999997</v>
      </c>
      <c r="V18574" s="2">
        <v>43.033000000000001</v>
      </c>
      <c r="W18574" s="2">
        <v>0.17899999999999999</v>
      </c>
      <c r="X18574" s="2">
        <v>17</v>
      </c>
      <c r="Y18574" s="2">
        <v>68.7</v>
      </c>
      <c r="Z18574" s="2">
        <v>153.6</v>
      </c>
      <c r="AA18574" s="5">
        <v>7</v>
      </c>
      <c r="AB18574" s="5" t="s">
        <v>43</v>
      </c>
      <c r="AC18574" s="5" t="s">
        <v>735</v>
      </c>
      <c r="AD18574" s="2" t="s">
        <v>57199</v>
      </c>
      <c r="AE18574" s="1"/>
    </row>
    <row r="18575" spans="1:31" ht="14.45">
      <c r="A18575" s="5" t="s">
        <v>116</v>
      </c>
      <c r="B18575" s="21">
        <v>46082</v>
      </c>
      <c r="C18575" s="2" t="s">
        <v>57200</v>
      </c>
      <c r="D18575" s="14" t="s">
        <v>57201</v>
      </c>
      <c r="E18575" s="2" t="s">
        <v>57202</v>
      </c>
      <c r="F18575" s="2" t="s">
        <v>57203</v>
      </c>
      <c r="G18575" s="8">
        <v>1153</v>
      </c>
      <c r="H18575" s="5">
        <v>5</v>
      </c>
      <c r="I18575" s="5" t="s">
        <v>69</v>
      </c>
      <c r="J18575" s="5" t="s">
        <v>55802</v>
      </c>
      <c r="K18575" s="2" t="s">
        <v>55803</v>
      </c>
      <c r="L18575" s="5" t="s">
        <v>55802</v>
      </c>
      <c r="M18575" s="2" t="s">
        <v>55803</v>
      </c>
      <c r="N18575" s="5" t="s">
        <v>733</v>
      </c>
      <c r="O18575" s="5" t="s">
        <v>38</v>
      </c>
      <c r="P18575" s="5" t="s">
        <v>39</v>
      </c>
      <c r="Q18575" s="5" t="s">
        <v>40</v>
      </c>
      <c r="R18575" s="5" t="s">
        <v>897</v>
      </c>
      <c r="S18575" s="5" t="s">
        <v>40</v>
      </c>
      <c r="T18575" s="5" t="s">
        <v>42</v>
      </c>
      <c r="U18575" s="2">
        <v>46.415999999999997</v>
      </c>
      <c r="V18575" s="2">
        <v>43.280999999999999</v>
      </c>
      <c r="W18575" s="2">
        <v>0.17899999999999999</v>
      </c>
      <c r="X18575" s="2">
        <v>17</v>
      </c>
      <c r="Y18575" s="2">
        <v>68.7</v>
      </c>
      <c r="Z18575" s="2">
        <v>153.6</v>
      </c>
      <c r="AA18575" s="5">
        <v>7</v>
      </c>
      <c r="AB18575" s="5" t="s">
        <v>43</v>
      </c>
      <c r="AC18575" s="5" t="s">
        <v>735</v>
      </c>
      <c r="AD18575" s="2" t="s">
        <v>57204</v>
      </c>
      <c r="AE18575" s="1"/>
    </row>
    <row r="18576" spans="1:31" ht="14.45">
      <c r="A18576" s="11"/>
      <c r="B18576" s="20"/>
      <c r="C18576" s="2" t="s">
        <v>57205</v>
      </c>
      <c r="D18576" s="14" t="s">
        <v>57206</v>
      </c>
      <c r="E18576" s="2" t="s">
        <v>57207</v>
      </c>
      <c r="F18576" s="2" t="s">
        <v>57194</v>
      </c>
      <c r="G18576" s="8">
        <v>1053</v>
      </c>
      <c r="H18576" s="5">
        <v>10</v>
      </c>
      <c r="I18576" s="5" t="s">
        <v>69</v>
      </c>
      <c r="J18576" s="5" t="s">
        <v>55802</v>
      </c>
      <c r="K18576" s="2" t="s">
        <v>55803</v>
      </c>
      <c r="L18576" s="5" t="s">
        <v>55802</v>
      </c>
      <c r="M18576" s="2" t="s">
        <v>55803</v>
      </c>
      <c r="N18576" s="5" t="s">
        <v>733</v>
      </c>
      <c r="O18576" s="5" t="s">
        <v>38</v>
      </c>
      <c r="P18576" s="5" t="s">
        <v>39</v>
      </c>
      <c r="Q18576" s="5" t="s">
        <v>40</v>
      </c>
      <c r="R18576" s="5" t="s">
        <v>897</v>
      </c>
      <c r="S18576" s="5" t="s">
        <v>40</v>
      </c>
      <c r="T18576" s="5" t="s">
        <v>42</v>
      </c>
      <c r="U18576" s="2">
        <v>46.356999999999999</v>
      </c>
      <c r="V18576" s="2">
        <v>43.037999999999997</v>
      </c>
      <c r="W18576" s="2">
        <v>0.17899999999999999</v>
      </c>
      <c r="X18576" s="2">
        <v>17</v>
      </c>
      <c r="Y18576" s="2">
        <v>68.7</v>
      </c>
      <c r="Z18576" s="2">
        <v>153.6</v>
      </c>
      <c r="AA18576" s="5">
        <v>7</v>
      </c>
      <c r="AB18576" s="5" t="s">
        <v>43</v>
      </c>
      <c r="AC18576" s="5" t="s">
        <v>735</v>
      </c>
      <c r="AD18576" s="2" t="s">
        <v>57208</v>
      </c>
      <c r="AE18576" s="1"/>
    </row>
    <row r="18577" spans="1:31" ht="14.45">
      <c r="A18577" s="11"/>
      <c r="B18577" s="20"/>
      <c r="C18577" s="2" t="s">
        <v>57209</v>
      </c>
      <c r="D18577" s="14" t="s">
        <v>57210</v>
      </c>
      <c r="E18577" s="2" t="s">
        <v>57211</v>
      </c>
      <c r="F18577" s="2" t="s">
        <v>57212</v>
      </c>
      <c r="G18577" s="8">
        <v>1304</v>
      </c>
      <c r="H18577" s="5">
        <v>10</v>
      </c>
      <c r="I18577" s="5" t="s">
        <v>69</v>
      </c>
      <c r="J18577" s="5" t="s">
        <v>55802</v>
      </c>
      <c r="K18577" s="2" t="s">
        <v>55803</v>
      </c>
      <c r="L18577" s="5" t="s">
        <v>55802</v>
      </c>
      <c r="M18577" s="2" t="s">
        <v>55803</v>
      </c>
      <c r="N18577" s="5" t="s">
        <v>733</v>
      </c>
      <c r="O18577" s="5" t="s">
        <v>38</v>
      </c>
      <c r="P18577" s="5" t="s">
        <v>39</v>
      </c>
      <c r="Q18577" s="5" t="s">
        <v>40</v>
      </c>
      <c r="R18577" s="5" t="s">
        <v>897</v>
      </c>
      <c r="S18577" s="5" t="s">
        <v>40</v>
      </c>
      <c r="T18577" s="5" t="s">
        <v>42</v>
      </c>
      <c r="U18577" s="2">
        <v>47.58</v>
      </c>
      <c r="V18577" s="2">
        <v>44.44</v>
      </c>
      <c r="W18577" s="2">
        <v>0.17899999999999999</v>
      </c>
      <c r="X18577" s="2">
        <v>17</v>
      </c>
      <c r="Y18577" s="2">
        <v>68.7</v>
      </c>
      <c r="Z18577" s="2">
        <v>153.6</v>
      </c>
      <c r="AA18577" s="5">
        <v>7</v>
      </c>
      <c r="AB18577" s="5" t="s">
        <v>43</v>
      </c>
      <c r="AC18577" s="5" t="s">
        <v>735</v>
      </c>
      <c r="AD18577" s="2" t="s">
        <v>57213</v>
      </c>
      <c r="AE18577" s="1"/>
    </row>
    <row r="18578" spans="1:31" ht="14.45">
      <c r="A18578" s="11"/>
      <c r="B18578" s="20"/>
      <c r="C18578" s="2" t="s">
        <v>57214</v>
      </c>
      <c r="D18578" s="14" t="s">
        <v>57215</v>
      </c>
      <c r="E18578" s="2" t="s">
        <v>57216</v>
      </c>
      <c r="F18578" s="2" t="s">
        <v>57217</v>
      </c>
      <c r="G18578" s="8">
        <v>1604</v>
      </c>
      <c r="H18578" s="5">
        <v>10</v>
      </c>
      <c r="I18578" s="5" t="s">
        <v>69</v>
      </c>
      <c r="J18578" s="5" t="s">
        <v>55802</v>
      </c>
      <c r="K18578" s="2" t="s">
        <v>55803</v>
      </c>
      <c r="L18578" s="5" t="s">
        <v>55802</v>
      </c>
      <c r="M18578" s="2" t="s">
        <v>55803</v>
      </c>
      <c r="N18578" s="5" t="s">
        <v>733</v>
      </c>
      <c r="O18578" s="5" t="s">
        <v>38</v>
      </c>
      <c r="P18578" s="5" t="s">
        <v>39</v>
      </c>
      <c r="Q18578" s="5" t="s">
        <v>40</v>
      </c>
      <c r="R18578" s="5" t="s">
        <v>897</v>
      </c>
      <c r="S18578" s="5" t="s">
        <v>40</v>
      </c>
      <c r="T18578" s="5" t="s">
        <v>42</v>
      </c>
      <c r="U18578" s="2">
        <v>49.481999999999999</v>
      </c>
      <c r="V18578" s="2">
        <v>46.223999999999997</v>
      </c>
      <c r="W18578" s="2">
        <v>0.17899999999999999</v>
      </c>
      <c r="X18578" s="2">
        <v>17</v>
      </c>
      <c r="Y18578" s="2">
        <v>68.7</v>
      </c>
      <c r="Z18578" s="2">
        <v>153.6</v>
      </c>
      <c r="AA18578" s="5">
        <v>7</v>
      </c>
      <c r="AB18578" s="5" t="s">
        <v>43</v>
      </c>
      <c r="AC18578" s="5" t="s">
        <v>735</v>
      </c>
      <c r="AD18578" s="2" t="s">
        <v>57218</v>
      </c>
      <c r="AE18578" s="1"/>
    </row>
    <row r="18579" spans="1:31" ht="14.45">
      <c r="A18579" s="5" t="s">
        <v>116</v>
      </c>
      <c r="B18579" s="21">
        <v>46082</v>
      </c>
      <c r="C18579" s="2" t="s">
        <v>57219</v>
      </c>
      <c r="D18579" s="14" t="s">
        <v>57220</v>
      </c>
      <c r="E18579" s="2" t="s">
        <v>57221</v>
      </c>
      <c r="F18579" s="2" t="s">
        <v>57222</v>
      </c>
      <c r="G18579" s="8">
        <v>1704</v>
      </c>
      <c r="H18579" s="5">
        <v>5</v>
      </c>
      <c r="I18579" s="5" t="s">
        <v>69</v>
      </c>
      <c r="J18579" s="5" t="s">
        <v>55802</v>
      </c>
      <c r="K18579" s="2" t="s">
        <v>55803</v>
      </c>
      <c r="L18579" s="5" t="s">
        <v>55802</v>
      </c>
      <c r="M18579" s="2" t="s">
        <v>55803</v>
      </c>
      <c r="N18579" s="5" t="s">
        <v>733</v>
      </c>
      <c r="O18579" s="5" t="s">
        <v>38</v>
      </c>
      <c r="P18579" s="5" t="s">
        <v>39</v>
      </c>
      <c r="Q18579" s="5" t="s">
        <v>40</v>
      </c>
      <c r="R18579" s="5" t="s">
        <v>897</v>
      </c>
      <c r="S18579" s="5" t="s">
        <v>40</v>
      </c>
      <c r="T18579" s="5" t="s">
        <v>42</v>
      </c>
      <c r="U18579" s="2">
        <v>49.655999999999999</v>
      </c>
      <c r="V18579" s="2">
        <v>46.521000000000001</v>
      </c>
      <c r="W18579" s="2">
        <v>0.17899999999999999</v>
      </c>
      <c r="X18579" s="2">
        <v>17</v>
      </c>
      <c r="Y18579" s="2">
        <v>68.7</v>
      </c>
      <c r="Z18579" s="2">
        <v>153.6</v>
      </c>
      <c r="AA18579" s="5">
        <v>7</v>
      </c>
      <c r="AB18579" s="5" t="s">
        <v>43</v>
      </c>
      <c r="AC18579" s="5" t="s">
        <v>735</v>
      </c>
      <c r="AD18579" s="2" t="s">
        <v>57223</v>
      </c>
      <c r="AE18579" s="1"/>
    </row>
    <row r="18580" spans="1:31" ht="14.45">
      <c r="A18580" s="11"/>
      <c r="B18580" s="20"/>
      <c r="C18580" s="2" t="s">
        <v>57224</v>
      </c>
      <c r="D18580" s="14" t="s">
        <v>57225</v>
      </c>
      <c r="E18580" s="2" t="s">
        <v>57226</v>
      </c>
      <c r="F18580" s="2" t="s">
        <v>57217</v>
      </c>
      <c r="G18580" s="8">
        <v>1604</v>
      </c>
      <c r="H18580" s="5">
        <v>10</v>
      </c>
      <c r="I18580" s="5" t="s">
        <v>69</v>
      </c>
      <c r="J18580" s="5" t="s">
        <v>55802</v>
      </c>
      <c r="K18580" s="2" t="s">
        <v>55803</v>
      </c>
      <c r="L18580" s="5" t="s">
        <v>55802</v>
      </c>
      <c r="M18580" s="2" t="s">
        <v>55803</v>
      </c>
      <c r="N18580" s="5" t="s">
        <v>733</v>
      </c>
      <c r="O18580" s="5" t="s">
        <v>38</v>
      </c>
      <c r="P18580" s="5" t="s">
        <v>39</v>
      </c>
      <c r="Q18580" s="5" t="s">
        <v>40</v>
      </c>
      <c r="R18580" s="5" t="s">
        <v>897</v>
      </c>
      <c r="S18580" s="5" t="s">
        <v>40</v>
      </c>
      <c r="T18580" s="5" t="s">
        <v>42</v>
      </c>
      <c r="U18580" s="2">
        <v>49.591000000000001</v>
      </c>
      <c r="V18580" s="2">
        <v>46.271999999999998</v>
      </c>
      <c r="W18580" s="2">
        <v>0.17899999999999999</v>
      </c>
      <c r="X18580" s="2">
        <v>17</v>
      </c>
      <c r="Y18580" s="2">
        <v>68.7</v>
      </c>
      <c r="Z18580" s="2">
        <v>153.6</v>
      </c>
      <c r="AA18580" s="5">
        <v>7</v>
      </c>
      <c r="AB18580" s="5" t="s">
        <v>43</v>
      </c>
      <c r="AC18580" s="5" t="s">
        <v>735</v>
      </c>
      <c r="AD18580" s="2" t="s">
        <v>57227</v>
      </c>
      <c r="AE18580" s="1"/>
    </row>
    <row r="18581" spans="1:31" ht="14.45">
      <c r="A18581" s="11"/>
      <c r="B18581" s="20"/>
      <c r="C18581" s="2" t="s">
        <v>57228</v>
      </c>
      <c r="D18581" s="14" t="s">
        <v>57229</v>
      </c>
      <c r="E18581" s="2" t="s">
        <v>57230</v>
      </c>
      <c r="F18581" s="2" t="s">
        <v>57231</v>
      </c>
      <c r="G18581" s="8">
        <v>1319</v>
      </c>
      <c r="H18581" s="5">
        <v>10</v>
      </c>
      <c r="I18581" s="5" t="s">
        <v>69</v>
      </c>
      <c r="J18581" s="5" t="s">
        <v>55802</v>
      </c>
      <c r="K18581" s="2" t="s">
        <v>55803</v>
      </c>
      <c r="L18581" s="5" t="s">
        <v>55802</v>
      </c>
      <c r="M18581" s="2" t="s">
        <v>55803</v>
      </c>
      <c r="N18581" s="5" t="s">
        <v>733</v>
      </c>
      <c r="O18581" s="5" t="s">
        <v>38</v>
      </c>
      <c r="P18581" s="5" t="s">
        <v>39</v>
      </c>
      <c r="Q18581" s="5" t="s">
        <v>40</v>
      </c>
      <c r="R18581" s="5" t="s">
        <v>897</v>
      </c>
      <c r="S18581" s="5" t="s">
        <v>40</v>
      </c>
      <c r="T18581" s="5" t="s">
        <v>42</v>
      </c>
      <c r="U18581" s="2">
        <v>44.061</v>
      </c>
      <c r="V18581" s="2">
        <v>40.795999999999999</v>
      </c>
      <c r="W18581" s="2">
        <v>0.17899999999999999</v>
      </c>
      <c r="X18581" s="2">
        <v>17</v>
      </c>
      <c r="Y18581" s="2">
        <v>68.7</v>
      </c>
      <c r="Z18581" s="2">
        <v>153.6</v>
      </c>
      <c r="AA18581" s="5">
        <v>7</v>
      </c>
      <c r="AB18581" s="5" t="s">
        <v>43</v>
      </c>
      <c r="AC18581" s="5" t="s">
        <v>735</v>
      </c>
      <c r="AD18581" s="2" t="s">
        <v>57232</v>
      </c>
      <c r="AE18581" s="1"/>
    </row>
    <row r="18582" spans="1:31" ht="14.45">
      <c r="A18582" s="5" t="s">
        <v>116</v>
      </c>
      <c r="B18582" s="21">
        <v>46082</v>
      </c>
      <c r="C18582" s="2" t="s">
        <v>57233</v>
      </c>
      <c r="D18582" s="14" t="s">
        <v>57234</v>
      </c>
      <c r="E18582" s="2" t="s">
        <v>57235</v>
      </c>
      <c r="F18582" s="2" t="s">
        <v>57236</v>
      </c>
      <c r="G18582" s="8">
        <v>1419</v>
      </c>
      <c r="H18582" s="5">
        <v>5</v>
      </c>
      <c r="I18582" s="5" t="s">
        <v>69</v>
      </c>
      <c r="J18582" s="5" t="s">
        <v>55802</v>
      </c>
      <c r="K18582" s="2" t="s">
        <v>55803</v>
      </c>
      <c r="L18582" s="5" t="s">
        <v>55802</v>
      </c>
      <c r="M18582" s="2" t="s">
        <v>55803</v>
      </c>
      <c r="N18582" s="5" t="s">
        <v>733</v>
      </c>
      <c r="O18582" s="5" t="s">
        <v>38</v>
      </c>
      <c r="P18582" s="5" t="s">
        <v>39</v>
      </c>
      <c r="Q18582" s="5" t="s">
        <v>40</v>
      </c>
      <c r="R18582" s="5" t="s">
        <v>897</v>
      </c>
      <c r="S18582" s="5" t="s">
        <v>40</v>
      </c>
      <c r="T18582" s="5" t="s">
        <v>42</v>
      </c>
      <c r="U18582" s="2">
        <v>44.158999999999999</v>
      </c>
      <c r="V18582" s="2">
        <v>41.046999999999997</v>
      </c>
      <c r="W18582" s="2">
        <v>0.17899999999999999</v>
      </c>
      <c r="X18582" s="2">
        <v>17</v>
      </c>
      <c r="Y18582" s="2">
        <v>68.7</v>
      </c>
      <c r="Z18582" s="2">
        <v>153.6</v>
      </c>
      <c r="AA18582" s="5">
        <v>7</v>
      </c>
      <c r="AB18582" s="5" t="s">
        <v>43</v>
      </c>
      <c r="AC18582" s="5" t="s">
        <v>735</v>
      </c>
      <c r="AD18582" s="2" t="s">
        <v>57237</v>
      </c>
      <c r="AE18582" s="1"/>
    </row>
    <row r="18583" spans="1:31" ht="14.45">
      <c r="A18583" s="11"/>
      <c r="B18583" s="20"/>
      <c r="C18583" s="2" t="s">
        <v>57238</v>
      </c>
      <c r="D18583" s="14" t="s">
        <v>57239</v>
      </c>
      <c r="E18583" s="2" t="s">
        <v>57240</v>
      </c>
      <c r="F18583" s="2" t="s">
        <v>57241</v>
      </c>
      <c r="G18583" s="8">
        <v>1221</v>
      </c>
      <c r="H18583" s="5">
        <v>10</v>
      </c>
      <c r="I18583" s="5" t="s">
        <v>69</v>
      </c>
      <c r="J18583" s="5" t="s">
        <v>55802</v>
      </c>
      <c r="K18583" s="2" t="s">
        <v>55803</v>
      </c>
      <c r="L18583" s="5" t="s">
        <v>55802</v>
      </c>
      <c r="M18583" s="2" t="s">
        <v>55803</v>
      </c>
      <c r="N18583" s="5" t="s">
        <v>733</v>
      </c>
      <c r="O18583" s="5" t="s">
        <v>38</v>
      </c>
      <c r="P18583" s="5" t="s">
        <v>39</v>
      </c>
      <c r="Q18583" s="5" t="s">
        <v>40</v>
      </c>
      <c r="R18583" s="5" t="s">
        <v>897</v>
      </c>
      <c r="S18583" s="5" t="s">
        <v>40</v>
      </c>
      <c r="T18583" s="5" t="s">
        <v>42</v>
      </c>
      <c r="U18583" s="2">
        <v>47.548000000000002</v>
      </c>
      <c r="V18583" s="2">
        <v>44.408000000000001</v>
      </c>
      <c r="W18583" s="2">
        <v>0.17899999999999999</v>
      </c>
      <c r="X18583" s="2">
        <v>17</v>
      </c>
      <c r="Y18583" s="2">
        <v>68.7</v>
      </c>
      <c r="Z18583" s="2">
        <v>153.6</v>
      </c>
      <c r="AA18583" s="5">
        <v>7</v>
      </c>
      <c r="AB18583" s="5" t="s">
        <v>43</v>
      </c>
      <c r="AC18583" s="5" t="s">
        <v>735</v>
      </c>
      <c r="AD18583" s="2" t="s">
        <v>57242</v>
      </c>
      <c r="AE18583" s="1"/>
    </row>
    <row r="18584" spans="1:31" ht="14.45">
      <c r="A18584" s="11"/>
      <c r="B18584" s="20"/>
      <c r="C18584" s="2" t="s">
        <v>57243</v>
      </c>
      <c r="D18584" s="14" t="s">
        <v>57244</v>
      </c>
      <c r="E18584" s="2" t="s">
        <v>57245</v>
      </c>
      <c r="F18584" s="2" t="s">
        <v>57241</v>
      </c>
      <c r="G18584" s="8">
        <v>1521</v>
      </c>
      <c r="H18584" s="5">
        <v>10</v>
      </c>
      <c r="I18584" s="5" t="s">
        <v>69</v>
      </c>
      <c r="J18584" s="5" t="s">
        <v>55802</v>
      </c>
      <c r="K18584" s="2" t="s">
        <v>55803</v>
      </c>
      <c r="L18584" s="5" t="s">
        <v>55802</v>
      </c>
      <c r="M18584" s="2" t="s">
        <v>55803</v>
      </c>
      <c r="N18584" s="5" t="s">
        <v>733</v>
      </c>
      <c r="O18584" s="5" t="s">
        <v>38</v>
      </c>
      <c r="P18584" s="5" t="s">
        <v>39</v>
      </c>
      <c r="Q18584" s="5" t="s">
        <v>40</v>
      </c>
      <c r="R18584" s="5" t="s">
        <v>897</v>
      </c>
      <c r="S18584" s="5" t="s">
        <v>40</v>
      </c>
      <c r="T18584" s="5" t="s">
        <v>42</v>
      </c>
      <c r="U18584" s="2">
        <v>49.45</v>
      </c>
      <c r="V18584" s="2">
        <v>46.192</v>
      </c>
      <c r="W18584" s="2">
        <v>0.17899999999999999</v>
      </c>
      <c r="X18584" s="2">
        <v>17</v>
      </c>
      <c r="Y18584" s="2">
        <v>68.7</v>
      </c>
      <c r="Z18584" s="2">
        <v>153.6</v>
      </c>
      <c r="AA18584" s="5">
        <v>7</v>
      </c>
      <c r="AB18584" s="5" t="s">
        <v>43</v>
      </c>
      <c r="AC18584" s="5" t="s">
        <v>735</v>
      </c>
      <c r="AD18584" s="2" t="s">
        <v>57246</v>
      </c>
      <c r="AE18584" s="1"/>
    </row>
    <row r="18585" spans="1:31" ht="14.45">
      <c r="A18585" s="5" t="s">
        <v>116</v>
      </c>
      <c r="B18585" s="21">
        <v>46082</v>
      </c>
      <c r="C18585" s="2" t="s">
        <v>57247</v>
      </c>
      <c r="D18585" s="14" t="s">
        <v>57248</v>
      </c>
      <c r="E18585" s="2" t="s">
        <v>57249</v>
      </c>
      <c r="F18585" s="2" t="s">
        <v>57250</v>
      </c>
      <c r="G18585" s="8">
        <v>1621</v>
      </c>
      <c r="H18585" s="5">
        <v>5</v>
      </c>
      <c r="I18585" s="5" t="s">
        <v>69</v>
      </c>
      <c r="J18585" s="5" t="s">
        <v>55802</v>
      </c>
      <c r="K18585" s="2" t="s">
        <v>55803</v>
      </c>
      <c r="L18585" s="5" t="s">
        <v>55802</v>
      </c>
      <c r="M18585" s="2" t="s">
        <v>55803</v>
      </c>
      <c r="N18585" s="5" t="s">
        <v>733</v>
      </c>
      <c r="O18585" s="5" t="s">
        <v>38</v>
      </c>
      <c r="P18585" s="5" t="s">
        <v>39</v>
      </c>
      <c r="Q18585" s="5" t="s">
        <v>40</v>
      </c>
      <c r="R18585" s="5" t="s">
        <v>897</v>
      </c>
      <c r="S18585" s="5" t="s">
        <v>40</v>
      </c>
      <c r="T18585" s="5" t="s">
        <v>42</v>
      </c>
      <c r="U18585" s="2">
        <v>49.624000000000002</v>
      </c>
      <c r="V18585" s="2">
        <v>46.488999999999997</v>
      </c>
      <c r="W18585" s="2">
        <v>0.17899999999999999</v>
      </c>
      <c r="X18585" s="2">
        <v>17</v>
      </c>
      <c r="Y18585" s="2">
        <v>68.7</v>
      </c>
      <c r="Z18585" s="2">
        <v>153.6</v>
      </c>
      <c r="AA18585" s="5">
        <v>7</v>
      </c>
      <c r="AB18585" s="5" t="s">
        <v>43</v>
      </c>
      <c r="AC18585" s="5" t="s">
        <v>735</v>
      </c>
      <c r="AD18585" s="2" t="s">
        <v>57251</v>
      </c>
      <c r="AE18585" s="1"/>
    </row>
    <row r="18586" spans="1:31" ht="14.45">
      <c r="A18586" s="11"/>
      <c r="B18586" s="20"/>
      <c r="C18586" s="2" t="s">
        <v>57252</v>
      </c>
      <c r="D18586" s="14" t="s">
        <v>57253</v>
      </c>
      <c r="E18586" s="2" t="s">
        <v>57254</v>
      </c>
      <c r="F18586" s="2" t="s">
        <v>57241</v>
      </c>
      <c r="G18586" s="8">
        <v>1521</v>
      </c>
      <c r="H18586" s="5">
        <v>5</v>
      </c>
      <c r="I18586" s="5" t="s">
        <v>69</v>
      </c>
      <c r="J18586" s="5" t="s">
        <v>55802</v>
      </c>
      <c r="K18586" s="2" t="s">
        <v>55803</v>
      </c>
      <c r="L18586" s="5" t="s">
        <v>55802</v>
      </c>
      <c r="M18586" s="2" t="s">
        <v>55803</v>
      </c>
      <c r="N18586" s="5" t="s">
        <v>733</v>
      </c>
      <c r="O18586" s="5" t="s">
        <v>38</v>
      </c>
      <c r="P18586" s="5" t="s">
        <v>39</v>
      </c>
      <c r="Q18586" s="5" t="s">
        <v>40</v>
      </c>
      <c r="R18586" s="5" t="s">
        <v>897</v>
      </c>
      <c r="S18586" s="5" t="s">
        <v>40</v>
      </c>
      <c r="T18586" s="5" t="s">
        <v>42</v>
      </c>
      <c r="U18586" s="2">
        <v>49.558999999999997</v>
      </c>
      <c r="V18586" s="2">
        <v>46.24</v>
      </c>
      <c r="W18586" s="2">
        <v>0.17899999999999999</v>
      </c>
      <c r="X18586" s="2">
        <v>17</v>
      </c>
      <c r="Y18586" s="2">
        <v>68.7</v>
      </c>
      <c r="Z18586" s="2">
        <v>153.6</v>
      </c>
      <c r="AA18586" s="5">
        <v>7</v>
      </c>
      <c r="AB18586" s="5" t="s">
        <v>43</v>
      </c>
      <c r="AC18586" s="5" t="s">
        <v>735</v>
      </c>
      <c r="AD18586" s="2" t="s">
        <v>57255</v>
      </c>
      <c r="AE18586" s="1"/>
    </row>
    <row r="18587" spans="1:31" ht="14.45">
      <c r="A18587" s="11"/>
      <c r="B18587" s="20"/>
      <c r="C18587" s="2" t="s">
        <v>57256</v>
      </c>
      <c r="D18587" s="14" t="s">
        <v>57257</v>
      </c>
      <c r="E18587" s="2" t="s">
        <v>57258</v>
      </c>
      <c r="F18587" s="2" t="s">
        <v>57259</v>
      </c>
      <c r="G18587" s="8">
        <v>1604</v>
      </c>
      <c r="H18587" s="5">
        <v>10</v>
      </c>
      <c r="I18587" s="5" t="s">
        <v>69</v>
      </c>
      <c r="J18587" s="5" t="s">
        <v>55802</v>
      </c>
      <c r="K18587" s="2" t="s">
        <v>55803</v>
      </c>
      <c r="L18587" s="5" t="s">
        <v>55802</v>
      </c>
      <c r="M18587" s="2" t="s">
        <v>55803</v>
      </c>
      <c r="N18587" s="5" t="s">
        <v>733</v>
      </c>
      <c r="O18587" s="5" t="s">
        <v>38</v>
      </c>
      <c r="P18587" s="5" t="s">
        <v>39</v>
      </c>
      <c r="Q18587" s="5" t="s">
        <v>40</v>
      </c>
      <c r="R18587" s="5" t="s">
        <v>897</v>
      </c>
      <c r="S18587" s="5" t="s">
        <v>40</v>
      </c>
      <c r="T18587" s="5" t="s">
        <v>42</v>
      </c>
      <c r="U18587" s="2">
        <v>48.694000000000003</v>
      </c>
      <c r="V18587" s="2">
        <v>45.375</v>
      </c>
      <c r="W18587" s="2">
        <v>0.17899999999999999</v>
      </c>
      <c r="X18587" s="2">
        <v>17</v>
      </c>
      <c r="Y18587" s="2">
        <v>68.7</v>
      </c>
      <c r="Z18587" s="2">
        <v>153.6</v>
      </c>
      <c r="AA18587" s="5">
        <v>7</v>
      </c>
      <c r="AB18587" s="5" t="s">
        <v>43</v>
      </c>
      <c r="AC18587" s="5" t="s">
        <v>735</v>
      </c>
      <c r="AD18587" s="2" t="s">
        <v>57260</v>
      </c>
      <c r="AE18587" s="1"/>
    </row>
    <row r="18588" spans="1:31" ht="14.45">
      <c r="A18588" s="11"/>
      <c r="B18588" s="20"/>
      <c r="C18588" s="2" t="s">
        <v>57261</v>
      </c>
      <c r="D18588" s="14" t="s">
        <v>57262</v>
      </c>
      <c r="E18588" s="2" t="s">
        <v>57263</v>
      </c>
      <c r="F18588" s="2" t="s">
        <v>57264</v>
      </c>
      <c r="G18588" s="8">
        <v>1221</v>
      </c>
      <c r="H18588" s="5">
        <v>10</v>
      </c>
      <c r="I18588" s="5" t="s">
        <v>69</v>
      </c>
      <c r="J18588" s="5" t="s">
        <v>55802</v>
      </c>
      <c r="K18588" s="2" t="s">
        <v>55803</v>
      </c>
      <c r="L18588" s="5" t="s">
        <v>55802</v>
      </c>
      <c r="M18588" s="2" t="s">
        <v>55803</v>
      </c>
      <c r="N18588" s="5" t="s">
        <v>733</v>
      </c>
      <c r="O18588" s="5" t="s">
        <v>38</v>
      </c>
      <c r="P18588" s="5" t="s">
        <v>39</v>
      </c>
      <c r="Q18588" s="5" t="s">
        <v>40</v>
      </c>
      <c r="R18588" s="5" t="s">
        <v>897</v>
      </c>
      <c r="S18588" s="5" t="s">
        <v>40</v>
      </c>
      <c r="T18588" s="5" t="s">
        <v>42</v>
      </c>
      <c r="U18588" s="2">
        <v>46.651000000000003</v>
      </c>
      <c r="V18588" s="2">
        <v>43.511000000000003</v>
      </c>
      <c r="W18588" s="2">
        <v>0.17899999999999999</v>
      </c>
      <c r="X18588" s="2">
        <v>17</v>
      </c>
      <c r="Y18588" s="2">
        <v>68.7</v>
      </c>
      <c r="Z18588" s="2">
        <v>153.6</v>
      </c>
      <c r="AA18588" s="5">
        <v>7</v>
      </c>
      <c r="AB18588" s="5" t="s">
        <v>43</v>
      </c>
      <c r="AC18588" s="5" t="s">
        <v>735</v>
      </c>
      <c r="AD18588" s="2" t="s">
        <v>57265</v>
      </c>
      <c r="AE18588" s="1"/>
    </row>
    <row r="18589" spans="1:31" ht="14.45">
      <c r="A18589" s="11"/>
      <c r="B18589" s="20"/>
      <c r="C18589" s="2" t="s">
        <v>57266</v>
      </c>
      <c r="D18589" s="14" t="s">
        <v>57267</v>
      </c>
      <c r="E18589" s="2" t="s">
        <v>57268</v>
      </c>
      <c r="F18589" s="2" t="s">
        <v>57264</v>
      </c>
      <c r="G18589" s="8">
        <v>1521</v>
      </c>
      <c r="H18589" s="5">
        <v>5</v>
      </c>
      <c r="I18589" s="5" t="s">
        <v>69</v>
      </c>
      <c r="J18589" s="5" t="s">
        <v>55802</v>
      </c>
      <c r="K18589" s="2" t="s">
        <v>55803</v>
      </c>
      <c r="L18589" s="5" t="s">
        <v>55802</v>
      </c>
      <c r="M18589" s="2" t="s">
        <v>55803</v>
      </c>
      <c r="N18589" s="5" t="s">
        <v>733</v>
      </c>
      <c r="O18589" s="5" t="s">
        <v>38</v>
      </c>
      <c r="P18589" s="5" t="s">
        <v>39</v>
      </c>
      <c r="Q18589" s="5" t="s">
        <v>40</v>
      </c>
      <c r="R18589" s="5" t="s">
        <v>897</v>
      </c>
      <c r="S18589" s="5" t="s">
        <v>40</v>
      </c>
      <c r="T18589" s="5" t="s">
        <v>42</v>
      </c>
      <c r="U18589" s="2">
        <v>48.661999999999999</v>
      </c>
      <c r="V18589" s="2">
        <v>45.343000000000004</v>
      </c>
      <c r="W18589" s="2">
        <v>0.17899999999999999</v>
      </c>
      <c r="X18589" s="2">
        <v>17</v>
      </c>
      <c r="Y18589" s="2">
        <v>68.7</v>
      </c>
      <c r="Z18589" s="2">
        <v>153.6</v>
      </c>
      <c r="AA18589" s="5">
        <v>7</v>
      </c>
      <c r="AB18589" s="5" t="s">
        <v>43</v>
      </c>
      <c r="AC18589" s="5" t="s">
        <v>735</v>
      </c>
      <c r="AD18589" s="2" t="s">
        <v>57269</v>
      </c>
      <c r="AE18589" s="1"/>
    </row>
    <row r="18590" spans="1:31" ht="14.45">
      <c r="A18590" s="11"/>
      <c r="B18590" s="20"/>
      <c r="C18590" s="2" t="s">
        <v>57270</v>
      </c>
      <c r="D18590" s="14" t="s">
        <v>57271</v>
      </c>
      <c r="E18590" s="2" t="s">
        <v>57272</v>
      </c>
      <c r="F18590" s="2" t="s">
        <v>57273</v>
      </c>
      <c r="G18590" s="8">
        <v>967</v>
      </c>
      <c r="H18590" s="5">
        <v>10</v>
      </c>
      <c r="I18590" s="5" t="s">
        <v>69</v>
      </c>
      <c r="J18590" s="5" t="s">
        <v>55802</v>
      </c>
      <c r="K18590" s="2" t="s">
        <v>55803</v>
      </c>
      <c r="L18590" s="5" t="s">
        <v>55802</v>
      </c>
      <c r="M18590" s="2" t="s">
        <v>55803</v>
      </c>
      <c r="N18590" s="5" t="s">
        <v>733</v>
      </c>
      <c r="O18590" s="5" t="s">
        <v>38</v>
      </c>
      <c r="P18590" s="5" t="s">
        <v>39</v>
      </c>
      <c r="Q18590" s="5" t="s">
        <v>40</v>
      </c>
      <c r="R18590" s="5" t="s">
        <v>897</v>
      </c>
      <c r="S18590" s="5" t="s">
        <v>40</v>
      </c>
      <c r="T18590" s="5" t="s">
        <v>42</v>
      </c>
      <c r="U18590" s="2">
        <v>50.685000000000002</v>
      </c>
      <c r="V18590" s="2">
        <v>47.55</v>
      </c>
      <c r="W18590" s="2">
        <v>0.17899999999999999</v>
      </c>
      <c r="X18590" s="2">
        <v>17</v>
      </c>
      <c r="Y18590" s="2">
        <v>68.7</v>
      </c>
      <c r="Z18590" s="2">
        <v>153.6</v>
      </c>
      <c r="AA18590" s="5">
        <v>7</v>
      </c>
      <c r="AB18590" s="5" t="s">
        <v>43</v>
      </c>
      <c r="AC18590" s="5" t="s">
        <v>735</v>
      </c>
      <c r="AD18590" s="2" t="s">
        <v>57274</v>
      </c>
      <c r="AE18590" s="1"/>
    </row>
    <row r="18591" spans="1:31" ht="14.45">
      <c r="A18591" s="11"/>
      <c r="B18591" s="20"/>
      <c r="C18591" s="2" t="s">
        <v>57275</v>
      </c>
      <c r="D18591" s="14" t="s">
        <v>57276</v>
      </c>
      <c r="E18591" s="2" t="s">
        <v>57277</v>
      </c>
      <c r="F18591" s="2" t="s">
        <v>57278</v>
      </c>
      <c r="G18591" s="8">
        <v>1267</v>
      </c>
      <c r="H18591" s="5">
        <v>10</v>
      </c>
      <c r="I18591" s="5" t="s">
        <v>69</v>
      </c>
      <c r="J18591" s="5" t="s">
        <v>55802</v>
      </c>
      <c r="K18591" s="2" t="s">
        <v>55803</v>
      </c>
      <c r="L18591" s="5" t="s">
        <v>55802</v>
      </c>
      <c r="M18591" s="2" t="s">
        <v>55803</v>
      </c>
      <c r="N18591" s="5" t="s">
        <v>733</v>
      </c>
      <c r="O18591" s="5" t="s">
        <v>38</v>
      </c>
      <c r="P18591" s="5" t="s">
        <v>39</v>
      </c>
      <c r="Q18591" s="5" t="s">
        <v>40</v>
      </c>
      <c r="R18591" s="5" t="s">
        <v>897</v>
      </c>
      <c r="S18591" s="5" t="s">
        <v>40</v>
      </c>
      <c r="T18591" s="5" t="s">
        <v>42</v>
      </c>
      <c r="U18591" s="2">
        <v>52.494999999999997</v>
      </c>
      <c r="V18591" s="2">
        <v>49.237000000000002</v>
      </c>
      <c r="W18591" s="2">
        <v>0.17899999999999999</v>
      </c>
      <c r="X18591" s="2">
        <v>17</v>
      </c>
      <c r="Y18591" s="2">
        <v>68.7</v>
      </c>
      <c r="Z18591" s="2">
        <v>153.6</v>
      </c>
      <c r="AA18591" s="5">
        <v>7</v>
      </c>
      <c r="AB18591" s="5" t="s">
        <v>43</v>
      </c>
      <c r="AC18591" s="5" t="s">
        <v>735</v>
      </c>
      <c r="AD18591" s="2" t="s">
        <v>57279</v>
      </c>
      <c r="AE18591" s="1"/>
    </row>
    <row r="18592" spans="1:31" ht="14.45">
      <c r="A18592" s="11"/>
      <c r="B18592" s="20"/>
      <c r="C18592" s="2" t="s">
        <v>57280</v>
      </c>
      <c r="D18592" s="14" t="s">
        <v>57281</v>
      </c>
      <c r="E18592" s="2" t="s">
        <v>57282</v>
      </c>
      <c r="F18592" s="2" t="s">
        <v>57283</v>
      </c>
      <c r="G18592" s="8">
        <v>836</v>
      </c>
      <c r="H18592" s="5">
        <v>5</v>
      </c>
      <c r="I18592" s="5" t="s">
        <v>69</v>
      </c>
      <c r="J18592" s="5" t="s">
        <v>55802</v>
      </c>
      <c r="K18592" s="2" t="s">
        <v>55803</v>
      </c>
      <c r="L18592" s="5" t="s">
        <v>55802</v>
      </c>
      <c r="M18592" s="2" t="s">
        <v>55803</v>
      </c>
      <c r="N18592" s="5" t="s">
        <v>733</v>
      </c>
      <c r="O18592" s="5" t="s">
        <v>38</v>
      </c>
      <c r="P18592" s="5" t="s">
        <v>39</v>
      </c>
      <c r="Q18592" s="5" t="s">
        <v>40</v>
      </c>
      <c r="R18592" s="5" t="s">
        <v>897</v>
      </c>
      <c r="S18592" s="5" t="s">
        <v>40</v>
      </c>
      <c r="T18592" s="5" t="s">
        <v>42</v>
      </c>
      <c r="U18592" s="2">
        <v>44.905000000000001</v>
      </c>
      <c r="V18592" s="2">
        <v>41.77</v>
      </c>
      <c r="W18592" s="2">
        <v>0.17899999999999999</v>
      </c>
      <c r="X18592" s="2">
        <v>17</v>
      </c>
      <c r="Y18592" s="2">
        <v>68.7</v>
      </c>
      <c r="Z18592" s="2">
        <v>153.6</v>
      </c>
      <c r="AA18592" s="5">
        <v>7</v>
      </c>
      <c r="AB18592" s="5" t="s">
        <v>43</v>
      </c>
      <c r="AC18592" s="5" t="s">
        <v>735</v>
      </c>
      <c r="AD18592" s="2" t="s">
        <v>57284</v>
      </c>
      <c r="AE18592" s="1"/>
    </row>
    <row r="18593" spans="1:31" ht="14.45">
      <c r="A18593" s="11"/>
      <c r="B18593" s="20"/>
      <c r="C18593" s="2" t="s">
        <v>57285</v>
      </c>
      <c r="D18593" s="14" t="s">
        <v>57286</v>
      </c>
      <c r="E18593" s="2" t="s">
        <v>57287</v>
      </c>
      <c r="F18593" s="2" t="s">
        <v>57288</v>
      </c>
      <c r="G18593" s="8">
        <v>1136</v>
      </c>
      <c r="H18593" s="5">
        <v>10</v>
      </c>
      <c r="I18593" s="5" t="s">
        <v>69</v>
      </c>
      <c r="J18593" s="5" t="s">
        <v>55802</v>
      </c>
      <c r="K18593" s="2" t="s">
        <v>55803</v>
      </c>
      <c r="L18593" s="5" t="s">
        <v>55802</v>
      </c>
      <c r="M18593" s="2" t="s">
        <v>55803</v>
      </c>
      <c r="N18593" s="5" t="s">
        <v>733</v>
      </c>
      <c r="O18593" s="5" t="s">
        <v>38</v>
      </c>
      <c r="P18593" s="5" t="s">
        <v>39</v>
      </c>
      <c r="Q18593" s="5" t="s">
        <v>40</v>
      </c>
      <c r="R18593" s="5" t="s">
        <v>897</v>
      </c>
      <c r="S18593" s="5" t="s">
        <v>40</v>
      </c>
      <c r="T18593" s="5" t="s">
        <v>42</v>
      </c>
      <c r="U18593" s="2">
        <v>46.338000000000001</v>
      </c>
      <c r="V18593" s="2">
        <v>43.08</v>
      </c>
      <c r="W18593" s="2">
        <v>0.17899999999999999</v>
      </c>
      <c r="X18593" s="2">
        <v>17</v>
      </c>
      <c r="Y18593" s="2">
        <v>68.7</v>
      </c>
      <c r="Z18593" s="2">
        <v>153.6</v>
      </c>
      <c r="AA18593" s="5">
        <v>7</v>
      </c>
      <c r="AB18593" s="5" t="s">
        <v>43</v>
      </c>
      <c r="AC18593" s="5" t="s">
        <v>735</v>
      </c>
      <c r="AD18593" s="2" t="s">
        <v>57289</v>
      </c>
      <c r="AE18593" s="1"/>
    </row>
    <row r="18594" spans="1:31" ht="14.45">
      <c r="A18594" s="11"/>
      <c r="B18594" s="20"/>
      <c r="C18594" s="2" t="s">
        <v>57290</v>
      </c>
      <c r="D18594" s="14" t="s">
        <v>57291</v>
      </c>
      <c r="E18594" s="2" t="s">
        <v>57292</v>
      </c>
      <c r="F18594" s="2" t="s">
        <v>57288</v>
      </c>
      <c r="G18594" s="8">
        <v>1136</v>
      </c>
      <c r="H18594" s="5">
        <v>10</v>
      </c>
      <c r="I18594" s="5" t="s">
        <v>69</v>
      </c>
      <c r="J18594" s="5" t="s">
        <v>55802</v>
      </c>
      <c r="K18594" s="2" t="s">
        <v>55803</v>
      </c>
      <c r="L18594" s="5" t="s">
        <v>55802</v>
      </c>
      <c r="M18594" s="2" t="s">
        <v>55803</v>
      </c>
      <c r="N18594" s="5" t="s">
        <v>733</v>
      </c>
      <c r="O18594" s="5" t="s">
        <v>38</v>
      </c>
      <c r="P18594" s="5" t="s">
        <v>39</v>
      </c>
      <c r="Q18594" s="5" t="s">
        <v>40</v>
      </c>
      <c r="R18594" s="5" t="s">
        <v>897</v>
      </c>
      <c r="S18594" s="5" t="s">
        <v>40</v>
      </c>
      <c r="T18594" s="5" t="s">
        <v>42</v>
      </c>
      <c r="U18594" s="2">
        <v>46.402000000000001</v>
      </c>
      <c r="V18594" s="2">
        <v>43.082999999999998</v>
      </c>
      <c r="W18594" s="2">
        <v>0.17899999999999999</v>
      </c>
      <c r="X18594" s="2">
        <v>17</v>
      </c>
      <c r="Y18594" s="2">
        <v>68.7</v>
      </c>
      <c r="Z18594" s="2">
        <v>153.6</v>
      </c>
      <c r="AA18594" s="5">
        <v>7</v>
      </c>
      <c r="AB18594" s="5" t="s">
        <v>43</v>
      </c>
      <c r="AC18594" s="5" t="s">
        <v>735</v>
      </c>
      <c r="AD18594" s="2" t="s">
        <v>57293</v>
      </c>
      <c r="AE18594" s="1"/>
    </row>
    <row r="18595" spans="1:31" ht="14.45">
      <c r="A18595" s="11"/>
      <c r="B18595" s="20"/>
      <c r="C18595" s="2" t="s">
        <v>57294</v>
      </c>
      <c r="D18595" s="14" t="s">
        <v>57295</v>
      </c>
      <c r="E18595" s="2" t="s">
        <v>57296</v>
      </c>
      <c r="F18595" s="2" t="s">
        <v>57297</v>
      </c>
      <c r="G18595" s="8">
        <v>1267</v>
      </c>
      <c r="H18595" s="5">
        <v>10</v>
      </c>
      <c r="I18595" s="5" t="s">
        <v>69</v>
      </c>
      <c r="J18595" s="5" t="s">
        <v>55802</v>
      </c>
      <c r="K18595" s="2" t="s">
        <v>55803</v>
      </c>
      <c r="L18595" s="5" t="s">
        <v>55802</v>
      </c>
      <c r="M18595" s="2" t="s">
        <v>55803</v>
      </c>
      <c r="N18595" s="5" t="s">
        <v>733</v>
      </c>
      <c r="O18595" s="5" t="s">
        <v>38</v>
      </c>
      <c r="P18595" s="5" t="s">
        <v>39</v>
      </c>
      <c r="Q18595" s="5" t="s">
        <v>40</v>
      </c>
      <c r="R18595" s="5" t="s">
        <v>897</v>
      </c>
      <c r="S18595" s="5" t="s">
        <v>40</v>
      </c>
      <c r="T18595" s="5" t="s">
        <v>42</v>
      </c>
      <c r="U18595" s="2">
        <v>46.155000000000001</v>
      </c>
      <c r="V18595" s="2">
        <v>42.896999999999998</v>
      </c>
      <c r="W18595" s="2">
        <v>0.17899999999999999</v>
      </c>
      <c r="X18595" s="2">
        <v>17</v>
      </c>
      <c r="Y18595" s="2">
        <v>68.7</v>
      </c>
      <c r="Z18595" s="2">
        <v>153.6</v>
      </c>
      <c r="AA18595" s="5">
        <v>7</v>
      </c>
      <c r="AB18595" s="5" t="s">
        <v>43</v>
      </c>
      <c r="AC18595" s="5" t="s">
        <v>735</v>
      </c>
      <c r="AD18595" s="2" t="s">
        <v>57298</v>
      </c>
      <c r="AE18595" s="1"/>
    </row>
    <row r="18596" spans="1:31" ht="14.45">
      <c r="A18596" s="11"/>
      <c r="B18596" s="20"/>
      <c r="C18596" s="2" t="s">
        <v>57299</v>
      </c>
      <c r="D18596" s="14" t="s">
        <v>57300</v>
      </c>
      <c r="E18596" s="2" t="s">
        <v>57301</v>
      </c>
      <c r="F18596" s="2" t="s">
        <v>57302</v>
      </c>
      <c r="G18596" s="8">
        <v>1010</v>
      </c>
      <c r="H18596" s="5">
        <v>10</v>
      </c>
      <c r="I18596" s="5" t="s">
        <v>69</v>
      </c>
      <c r="J18596" s="5" t="s">
        <v>55802</v>
      </c>
      <c r="K18596" s="2" t="s">
        <v>55803</v>
      </c>
      <c r="L18596" s="5" t="s">
        <v>55802</v>
      </c>
      <c r="M18596" s="2" t="s">
        <v>55803</v>
      </c>
      <c r="N18596" s="5" t="s">
        <v>733</v>
      </c>
      <c r="O18596" s="5" t="s">
        <v>38</v>
      </c>
      <c r="P18596" s="5" t="s">
        <v>39</v>
      </c>
      <c r="Q18596" s="5" t="s">
        <v>40</v>
      </c>
      <c r="R18596" s="5" t="s">
        <v>897</v>
      </c>
      <c r="S18596" s="5" t="s">
        <v>40</v>
      </c>
      <c r="T18596" s="5" t="s">
        <v>42</v>
      </c>
      <c r="U18596" s="2">
        <v>46.377000000000002</v>
      </c>
      <c r="V18596" s="2">
        <v>43.119</v>
      </c>
      <c r="W18596" s="2">
        <v>0.17899999999999999</v>
      </c>
      <c r="X18596" s="2">
        <v>17</v>
      </c>
      <c r="Y18596" s="2">
        <v>68.7</v>
      </c>
      <c r="Z18596" s="2">
        <v>153.6</v>
      </c>
      <c r="AA18596" s="5">
        <v>7</v>
      </c>
      <c r="AB18596" s="5" t="s">
        <v>43</v>
      </c>
      <c r="AC18596" s="5" t="s">
        <v>735</v>
      </c>
      <c r="AD18596" s="2" t="s">
        <v>57303</v>
      </c>
      <c r="AE18596" s="1"/>
    </row>
    <row r="18597" spans="1:31" ht="14.45">
      <c r="A18597" s="11"/>
      <c r="B18597" s="20"/>
      <c r="C18597" s="2" t="s">
        <v>57304</v>
      </c>
      <c r="D18597" s="14" t="s">
        <v>57305</v>
      </c>
      <c r="E18597" s="2" t="s">
        <v>57306</v>
      </c>
      <c r="F18597" s="2" t="s">
        <v>57302</v>
      </c>
      <c r="G18597" s="8">
        <v>1010</v>
      </c>
      <c r="H18597" s="5">
        <v>10</v>
      </c>
      <c r="I18597" s="5" t="s">
        <v>69</v>
      </c>
      <c r="J18597" s="5" t="s">
        <v>55802</v>
      </c>
      <c r="K18597" s="2" t="s">
        <v>55803</v>
      </c>
      <c r="L18597" s="5" t="s">
        <v>55802</v>
      </c>
      <c r="M18597" s="2" t="s">
        <v>55803</v>
      </c>
      <c r="N18597" s="5" t="s">
        <v>733</v>
      </c>
      <c r="O18597" s="5" t="s">
        <v>38</v>
      </c>
      <c r="P18597" s="5" t="s">
        <v>39</v>
      </c>
      <c r="Q18597" s="5" t="s">
        <v>40</v>
      </c>
      <c r="R18597" s="5" t="s">
        <v>897</v>
      </c>
      <c r="S18597" s="5" t="s">
        <v>40</v>
      </c>
      <c r="T18597" s="5" t="s">
        <v>42</v>
      </c>
      <c r="U18597" s="2">
        <v>46.441000000000003</v>
      </c>
      <c r="V18597" s="2">
        <v>43.122</v>
      </c>
      <c r="W18597" s="2">
        <v>0.17899999999999999</v>
      </c>
      <c r="X18597" s="2">
        <v>17</v>
      </c>
      <c r="Y18597" s="2">
        <v>68.7</v>
      </c>
      <c r="Z18597" s="2">
        <v>153.6</v>
      </c>
      <c r="AA18597" s="5">
        <v>7</v>
      </c>
      <c r="AB18597" s="5" t="s">
        <v>43</v>
      </c>
      <c r="AC18597" s="5" t="s">
        <v>735</v>
      </c>
      <c r="AD18597" s="2" t="s">
        <v>57307</v>
      </c>
      <c r="AE18597" s="1"/>
    </row>
    <row r="18598" spans="1:31" ht="14.45">
      <c r="A18598" s="11"/>
      <c r="B18598" s="20"/>
      <c r="C18598" s="2" t="s">
        <v>57308</v>
      </c>
      <c r="D18598" s="14" t="s">
        <v>57309</v>
      </c>
      <c r="E18598" s="2" t="s">
        <v>57310</v>
      </c>
      <c r="F18598" s="2" t="s">
        <v>57311</v>
      </c>
      <c r="G18598" s="8">
        <v>551</v>
      </c>
      <c r="H18598" s="5">
        <v>5</v>
      </c>
      <c r="I18598" s="5" t="s">
        <v>69</v>
      </c>
      <c r="J18598" s="5" t="s">
        <v>55802</v>
      </c>
      <c r="K18598" s="2" t="s">
        <v>55803</v>
      </c>
      <c r="L18598" s="5" t="s">
        <v>55802</v>
      </c>
      <c r="M18598" s="2" t="s">
        <v>55803</v>
      </c>
      <c r="N18598" s="5" t="s">
        <v>733</v>
      </c>
      <c r="O18598" s="5" t="s">
        <v>38</v>
      </c>
      <c r="P18598" s="5" t="s">
        <v>39</v>
      </c>
      <c r="Q18598" s="5" t="s">
        <v>40</v>
      </c>
      <c r="R18598" s="5" t="s">
        <v>897</v>
      </c>
      <c r="S18598" s="5" t="s">
        <v>40</v>
      </c>
      <c r="T18598" s="5" t="s">
        <v>42</v>
      </c>
      <c r="U18598" s="2">
        <v>39.426000000000002</v>
      </c>
      <c r="V18598" s="2">
        <v>36.290999999999997</v>
      </c>
      <c r="W18598" s="2">
        <v>0.17899999999999999</v>
      </c>
      <c r="X18598" s="2">
        <v>17</v>
      </c>
      <c r="Y18598" s="2">
        <v>68.7</v>
      </c>
      <c r="Z18598" s="2">
        <v>153.6</v>
      </c>
      <c r="AA18598" s="5">
        <v>7</v>
      </c>
      <c r="AB18598" s="5" t="s">
        <v>43</v>
      </c>
      <c r="AC18598" s="5" t="s">
        <v>735</v>
      </c>
      <c r="AD18598" s="2" t="s">
        <v>57312</v>
      </c>
      <c r="AE18598" s="1"/>
    </row>
    <row r="18599" spans="1:31" ht="14.45">
      <c r="A18599" s="11"/>
      <c r="B18599" s="20"/>
      <c r="C18599" s="2" t="s">
        <v>57313</v>
      </c>
      <c r="D18599" s="14" t="s">
        <v>57314</v>
      </c>
      <c r="E18599" s="2" t="s">
        <v>57315</v>
      </c>
      <c r="F18599" s="2" t="s">
        <v>57311</v>
      </c>
      <c r="G18599" s="8">
        <v>851</v>
      </c>
      <c r="H18599" s="5">
        <v>5</v>
      </c>
      <c r="I18599" s="5" t="s">
        <v>69</v>
      </c>
      <c r="J18599" s="5" t="s">
        <v>55802</v>
      </c>
      <c r="K18599" s="2" t="s">
        <v>55803</v>
      </c>
      <c r="L18599" s="5" t="s">
        <v>55802</v>
      </c>
      <c r="M18599" s="2" t="s">
        <v>55803</v>
      </c>
      <c r="N18599" s="5" t="s">
        <v>733</v>
      </c>
      <c r="O18599" s="5" t="s">
        <v>38</v>
      </c>
      <c r="P18599" s="5" t="s">
        <v>39</v>
      </c>
      <c r="Q18599" s="5" t="s">
        <v>40</v>
      </c>
      <c r="R18599" s="5" t="s">
        <v>897</v>
      </c>
      <c r="S18599" s="5" t="s">
        <v>40</v>
      </c>
      <c r="T18599" s="5" t="s">
        <v>42</v>
      </c>
      <c r="U18599" s="2">
        <v>41.335999999999999</v>
      </c>
      <c r="V18599" s="2">
        <v>38.08</v>
      </c>
      <c r="W18599" s="2">
        <v>0.17899999999999999</v>
      </c>
      <c r="X18599" s="2">
        <v>17</v>
      </c>
      <c r="Y18599" s="2">
        <v>68.7</v>
      </c>
      <c r="Z18599" s="2">
        <v>153.6</v>
      </c>
      <c r="AA18599" s="5">
        <v>7</v>
      </c>
      <c r="AB18599" s="5" t="s">
        <v>43</v>
      </c>
      <c r="AC18599" s="5" t="s">
        <v>735</v>
      </c>
      <c r="AD18599" s="2" t="s">
        <v>57316</v>
      </c>
      <c r="AE18599" s="1"/>
    </row>
    <row r="18600" spans="1:31" ht="14.45">
      <c r="A18600" s="11"/>
      <c r="B18600" s="20"/>
      <c r="C18600" s="2" t="s">
        <v>57317</v>
      </c>
      <c r="D18600" s="14" t="s">
        <v>57318</v>
      </c>
      <c r="E18600" s="2" t="s">
        <v>57319</v>
      </c>
      <c r="F18600" s="2" t="s">
        <v>57311</v>
      </c>
      <c r="G18600" s="8">
        <v>851</v>
      </c>
      <c r="H18600" s="5">
        <v>10</v>
      </c>
      <c r="I18600" s="5" t="s">
        <v>69</v>
      </c>
      <c r="J18600" s="5" t="s">
        <v>55802</v>
      </c>
      <c r="K18600" s="2" t="s">
        <v>55803</v>
      </c>
      <c r="L18600" s="5" t="s">
        <v>55802</v>
      </c>
      <c r="M18600" s="2" t="s">
        <v>55803</v>
      </c>
      <c r="N18600" s="5" t="s">
        <v>733</v>
      </c>
      <c r="O18600" s="5" t="s">
        <v>38</v>
      </c>
      <c r="P18600" s="5" t="s">
        <v>39</v>
      </c>
      <c r="Q18600" s="5" t="s">
        <v>40</v>
      </c>
      <c r="R18600" s="5" t="s">
        <v>897</v>
      </c>
      <c r="S18600" s="5" t="s">
        <v>40</v>
      </c>
      <c r="T18600" s="5" t="s">
        <v>42</v>
      </c>
      <c r="U18600" s="2">
        <v>40.884999999999998</v>
      </c>
      <c r="V18600" s="2">
        <v>37.558999999999997</v>
      </c>
      <c r="W18600" s="2">
        <v>0.17899999999999999</v>
      </c>
      <c r="X18600" s="2">
        <v>17</v>
      </c>
      <c r="Y18600" s="2">
        <v>68.7</v>
      </c>
      <c r="Z18600" s="2">
        <v>153.6</v>
      </c>
      <c r="AA18600" s="5">
        <v>7</v>
      </c>
      <c r="AB18600" s="5" t="s">
        <v>43</v>
      </c>
      <c r="AC18600" s="5" t="s">
        <v>735</v>
      </c>
      <c r="AD18600" s="2" t="s">
        <v>57320</v>
      </c>
      <c r="AE18600" s="1"/>
    </row>
    <row r="18601" spans="1:31" ht="14.45">
      <c r="A18601" s="11"/>
      <c r="B18601" s="20"/>
      <c r="C18601" s="2" t="s">
        <v>57321</v>
      </c>
      <c r="D18601" s="14" t="s">
        <v>57322</v>
      </c>
      <c r="E18601" s="2" t="s">
        <v>57323</v>
      </c>
      <c r="F18601" s="2" t="s">
        <v>57324</v>
      </c>
      <c r="G18601" s="8">
        <v>753</v>
      </c>
      <c r="H18601" s="5">
        <v>5</v>
      </c>
      <c r="I18601" s="5" t="s">
        <v>69</v>
      </c>
      <c r="J18601" s="5" t="s">
        <v>55802</v>
      </c>
      <c r="K18601" s="2" t="s">
        <v>55803</v>
      </c>
      <c r="L18601" s="5" t="s">
        <v>55802</v>
      </c>
      <c r="M18601" s="2" t="s">
        <v>55803</v>
      </c>
      <c r="N18601" s="5" t="s">
        <v>733</v>
      </c>
      <c r="O18601" s="5" t="s">
        <v>38</v>
      </c>
      <c r="P18601" s="5" t="s">
        <v>39</v>
      </c>
      <c r="Q18601" s="5" t="s">
        <v>40</v>
      </c>
      <c r="R18601" s="5" t="s">
        <v>897</v>
      </c>
      <c r="S18601" s="5" t="s">
        <v>40</v>
      </c>
      <c r="T18601" s="5" t="s">
        <v>42</v>
      </c>
      <c r="U18601" s="2">
        <v>44.404000000000003</v>
      </c>
      <c r="V18601" s="2">
        <v>41.264000000000003</v>
      </c>
      <c r="W18601" s="2">
        <v>0.17899999999999999</v>
      </c>
      <c r="X18601" s="2">
        <v>17</v>
      </c>
      <c r="Y18601" s="2">
        <v>68.7</v>
      </c>
      <c r="Z18601" s="2">
        <v>153.6</v>
      </c>
      <c r="AA18601" s="5">
        <v>7</v>
      </c>
      <c r="AB18601" s="5" t="s">
        <v>43</v>
      </c>
      <c r="AC18601" s="5" t="s">
        <v>735</v>
      </c>
      <c r="AD18601" s="2" t="s">
        <v>57325</v>
      </c>
      <c r="AE18601" s="1"/>
    </row>
    <row r="18602" spans="1:31" ht="14.45">
      <c r="A18602" s="11"/>
      <c r="B18602" s="20"/>
      <c r="C18602" s="2" t="s">
        <v>57326</v>
      </c>
      <c r="D18602" s="14" t="s">
        <v>57327</v>
      </c>
      <c r="E18602" s="2" t="s">
        <v>57328</v>
      </c>
      <c r="F18602" s="2" t="s">
        <v>57324</v>
      </c>
      <c r="G18602" s="8">
        <v>1053</v>
      </c>
      <c r="H18602" s="5">
        <v>5</v>
      </c>
      <c r="I18602" s="5" t="s">
        <v>69</v>
      </c>
      <c r="J18602" s="5" t="s">
        <v>55802</v>
      </c>
      <c r="K18602" s="2" t="s">
        <v>55803</v>
      </c>
      <c r="L18602" s="5" t="s">
        <v>55802</v>
      </c>
      <c r="M18602" s="2" t="s">
        <v>55803</v>
      </c>
      <c r="N18602" s="5" t="s">
        <v>733</v>
      </c>
      <c r="O18602" s="5" t="s">
        <v>38</v>
      </c>
      <c r="P18602" s="5" t="s">
        <v>39</v>
      </c>
      <c r="Q18602" s="5" t="s">
        <v>40</v>
      </c>
      <c r="R18602" s="5" t="s">
        <v>897</v>
      </c>
      <c r="S18602" s="5" t="s">
        <v>40</v>
      </c>
      <c r="T18602" s="5" t="s">
        <v>42</v>
      </c>
      <c r="U18602" s="2">
        <v>46.305999999999997</v>
      </c>
      <c r="V18602" s="2">
        <v>43.048000000000002</v>
      </c>
      <c r="W18602" s="2">
        <v>0.17899999999999999</v>
      </c>
      <c r="X18602" s="2">
        <v>17</v>
      </c>
      <c r="Y18602" s="2">
        <v>68.7</v>
      </c>
      <c r="Z18602" s="2">
        <v>153.6</v>
      </c>
      <c r="AA18602" s="5">
        <v>7</v>
      </c>
      <c r="AB18602" s="5" t="s">
        <v>43</v>
      </c>
      <c r="AC18602" s="5" t="s">
        <v>735</v>
      </c>
      <c r="AD18602" s="2" t="s">
        <v>57329</v>
      </c>
      <c r="AE18602" s="1"/>
    </row>
    <row r="18603" spans="1:31" ht="14.45">
      <c r="A18603" s="11"/>
      <c r="B18603" s="20"/>
      <c r="C18603" s="2" t="s">
        <v>57330</v>
      </c>
      <c r="D18603" s="14" t="s">
        <v>57331</v>
      </c>
      <c r="E18603" s="2" t="s">
        <v>57332</v>
      </c>
      <c r="F18603" s="2" t="s">
        <v>57324</v>
      </c>
      <c r="G18603" s="8">
        <v>1053</v>
      </c>
      <c r="H18603" s="5">
        <v>10</v>
      </c>
      <c r="I18603" s="5" t="s">
        <v>69</v>
      </c>
      <c r="J18603" s="5" t="s">
        <v>55802</v>
      </c>
      <c r="K18603" s="2" t="s">
        <v>55803</v>
      </c>
      <c r="L18603" s="5" t="s">
        <v>55802</v>
      </c>
      <c r="M18603" s="2" t="s">
        <v>55803</v>
      </c>
      <c r="N18603" s="5" t="s">
        <v>733</v>
      </c>
      <c r="O18603" s="5" t="s">
        <v>38</v>
      </c>
      <c r="P18603" s="5" t="s">
        <v>39</v>
      </c>
      <c r="Q18603" s="5" t="s">
        <v>40</v>
      </c>
      <c r="R18603" s="5" t="s">
        <v>897</v>
      </c>
      <c r="S18603" s="5" t="s">
        <v>40</v>
      </c>
      <c r="T18603" s="5" t="s">
        <v>42</v>
      </c>
      <c r="U18603" s="2">
        <v>46.37</v>
      </c>
      <c r="V18603" s="2">
        <v>43.051000000000002</v>
      </c>
      <c r="W18603" s="2">
        <v>0.17899999999999999</v>
      </c>
      <c r="X18603" s="2">
        <v>17</v>
      </c>
      <c r="Y18603" s="2">
        <v>68.7</v>
      </c>
      <c r="Z18603" s="2">
        <v>153.6</v>
      </c>
      <c r="AA18603" s="5">
        <v>7</v>
      </c>
      <c r="AB18603" s="5" t="s">
        <v>43</v>
      </c>
      <c r="AC18603" s="5" t="s">
        <v>735</v>
      </c>
      <c r="AD18603" s="2" t="s">
        <v>57333</v>
      </c>
      <c r="AE18603" s="1"/>
    </row>
    <row r="18604" spans="1:31" ht="14.45">
      <c r="A18604" s="11"/>
      <c r="B18604" s="20"/>
      <c r="C18604" s="2" t="s">
        <v>57334</v>
      </c>
      <c r="D18604" s="14" t="s">
        <v>57335</v>
      </c>
      <c r="E18604" s="2" t="s">
        <v>57336</v>
      </c>
      <c r="F18604" s="2" t="s">
        <v>57337</v>
      </c>
      <c r="G18604" s="8">
        <v>1604</v>
      </c>
      <c r="H18604" s="5">
        <v>10</v>
      </c>
      <c r="I18604" s="5" t="s">
        <v>69</v>
      </c>
      <c r="J18604" s="5" t="s">
        <v>55802</v>
      </c>
      <c r="K18604" s="2" t="s">
        <v>55803</v>
      </c>
      <c r="L18604" s="5" t="s">
        <v>55802</v>
      </c>
      <c r="M18604" s="2" t="s">
        <v>55803</v>
      </c>
      <c r="N18604" s="5" t="s">
        <v>733</v>
      </c>
      <c r="O18604" s="5" t="s">
        <v>38</v>
      </c>
      <c r="P18604" s="5" t="s">
        <v>39</v>
      </c>
      <c r="Q18604" s="5" t="s">
        <v>40</v>
      </c>
      <c r="R18604" s="5" t="s">
        <v>897</v>
      </c>
      <c r="S18604" s="5" t="s">
        <v>40</v>
      </c>
      <c r="T18604" s="5" t="s">
        <v>42</v>
      </c>
      <c r="U18604" s="2">
        <v>49.497</v>
      </c>
      <c r="V18604" s="2">
        <v>46.238999999999997</v>
      </c>
      <c r="W18604" s="2">
        <v>0.17899999999999999</v>
      </c>
      <c r="X18604" s="2">
        <v>17</v>
      </c>
      <c r="Y18604" s="2">
        <v>68.7</v>
      </c>
      <c r="Z18604" s="2">
        <v>153.6</v>
      </c>
      <c r="AA18604" s="5">
        <v>7</v>
      </c>
      <c r="AB18604" s="5" t="s">
        <v>43</v>
      </c>
      <c r="AC18604" s="5" t="s">
        <v>735</v>
      </c>
      <c r="AD18604" s="2" t="s">
        <v>57338</v>
      </c>
      <c r="AE18604" s="1"/>
    </row>
    <row r="18605" spans="1:31" ht="14.45">
      <c r="A18605" s="11"/>
      <c r="B18605" s="20"/>
      <c r="C18605" s="2" t="s">
        <v>57339</v>
      </c>
      <c r="D18605" s="14" t="s">
        <v>57340</v>
      </c>
      <c r="E18605" s="2" t="s">
        <v>57341</v>
      </c>
      <c r="F18605" s="2" t="s">
        <v>57337</v>
      </c>
      <c r="G18605" s="8">
        <v>1604</v>
      </c>
      <c r="H18605" s="5">
        <v>10</v>
      </c>
      <c r="I18605" s="5" t="s">
        <v>69</v>
      </c>
      <c r="J18605" s="5" t="s">
        <v>55802</v>
      </c>
      <c r="K18605" s="2" t="s">
        <v>55803</v>
      </c>
      <c r="L18605" s="5" t="s">
        <v>55802</v>
      </c>
      <c r="M18605" s="2" t="s">
        <v>55803</v>
      </c>
      <c r="N18605" s="5" t="s">
        <v>733</v>
      </c>
      <c r="O18605" s="5" t="s">
        <v>38</v>
      </c>
      <c r="P18605" s="5" t="s">
        <v>39</v>
      </c>
      <c r="Q18605" s="5" t="s">
        <v>40</v>
      </c>
      <c r="R18605" s="5" t="s">
        <v>897</v>
      </c>
      <c r="S18605" s="5" t="s">
        <v>40</v>
      </c>
      <c r="T18605" s="5" t="s">
        <v>42</v>
      </c>
      <c r="U18605" s="2">
        <v>49.603999999999999</v>
      </c>
      <c r="V18605" s="2">
        <v>46.284999999999997</v>
      </c>
      <c r="W18605" s="2">
        <v>0.17899999999999999</v>
      </c>
      <c r="X18605" s="2">
        <v>17</v>
      </c>
      <c r="Y18605" s="2">
        <v>68.7</v>
      </c>
      <c r="Z18605" s="2">
        <v>153.6</v>
      </c>
      <c r="AA18605" s="5">
        <v>7</v>
      </c>
      <c r="AB18605" s="5" t="s">
        <v>43</v>
      </c>
      <c r="AC18605" s="5" t="s">
        <v>735</v>
      </c>
      <c r="AD18605" s="2" t="s">
        <v>57342</v>
      </c>
      <c r="AE18605" s="1"/>
    </row>
    <row r="18606" spans="1:31" ht="14.45">
      <c r="A18606" s="11"/>
      <c r="B18606" s="20"/>
      <c r="C18606" s="2" t="s">
        <v>57343</v>
      </c>
      <c r="D18606" s="14" t="s">
        <v>57344</v>
      </c>
      <c r="E18606" s="2" t="s">
        <v>57345</v>
      </c>
      <c r="F18606" s="2" t="s">
        <v>57346</v>
      </c>
      <c r="G18606" s="8">
        <v>1221</v>
      </c>
      <c r="H18606" s="5">
        <v>10</v>
      </c>
      <c r="I18606" s="5" t="s">
        <v>69</v>
      </c>
      <c r="J18606" s="5" t="s">
        <v>55802</v>
      </c>
      <c r="K18606" s="2" t="s">
        <v>55803</v>
      </c>
      <c r="L18606" s="5" t="s">
        <v>55802</v>
      </c>
      <c r="M18606" s="2" t="s">
        <v>55803</v>
      </c>
      <c r="N18606" s="5" t="s">
        <v>733</v>
      </c>
      <c r="O18606" s="5" t="s">
        <v>38</v>
      </c>
      <c r="P18606" s="5" t="s">
        <v>39</v>
      </c>
      <c r="Q18606" s="5" t="s">
        <v>40</v>
      </c>
      <c r="R18606" s="5" t="s">
        <v>897</v>
      </c>
      <c r="S18606" s="5" t="s">
        <v>40</v>
      </c>
      <c r="T18606" s="5" t="s">
        <v>42</v>
      </c>
      <c r="U18606" s="2">
        <v>47.563000000000002</v>
      </c>
      <c r="V18606" s="2">
        <v>44.423000000000002</v>
      </c>
      <c r="W18606" s="2">
        <v>0.17899999999999999</v>
      </c>
      <c r="X18606" s="2">
        <v>17</v>
      </c>
      <c r="Y18606" s="2">
        <v>68.7</v>
      </c>
      <c r="Z18606" s="2">
        <v>153.6</v>
      </c>
      <c r="AA18606" s="5">
        <v>7</v>
      </c>
      <c r="AB18606" s="5" t="s">
        <v>43</v>
      </c>
      <c r="AC18606" s="5" t="s">
        <v>735</v>
      </c>
      <c r="AD18606" s="2" t="s">
        <v>57347</v>
      </c>
      <c r="AE18606" s="1"/>
    </row>
    <row r="18607" spans="1:31" ht="14.45">
      <c r="A18607" s="11"/>
      <c r="B18607" s="20"/>
      <c r="C18607" s="2" t="s">
        <v>57348</v>
      </c>
      <c r="D18607" s="14" t="s">
        <v>57349</v>
      </c>
      <c r="E18607" s="2" t="s">
        <v>57350</v>
      </c>
      <c r="F18607" s="2" t="s">
        <v>57351</v>
      </c>
      <c r="G18607" s="8">
        <v>1604</v>
      </c>
      <c r="H18607" s="5">
        <v>10</v>
      </c>
      <c r="I18607" s="5" t="s">
        <v>69</v>
      </c>
      <c r="J18607" s="5" t="s">
        <v>55802</v>
      </c>
      <c r="K18607" s="2" t="s">
        <v>55803</v>
      </c>
      <c r="L18607" s="5" t="s">
        <v>55802</v>
      </c>
      <c r="M18607" s="2" t="s">
        <v>55803</v>
      </c>
      <c r="N18607" s="5" t="s">
        <v>733</v>
      </c>
      <c r="O18607" s="5" t="s">
        <v>38</v>
      </c>
      <c r="P18607" s="5" t="s">
        <v>39</v>
      </c>
      <c r="Q18607" s="5" t="s">
        <v>40</v>
      </c>
      <c r="R18607" s="5" t="s">
        <v>897</v>
      </c>
      <c r="S18607" s="5" t="s">
        <v>40</v>
      </c>
      <c r="T18607" s="5" t="s">
        <v>42</v>
      </c>
      <c r="U18607" s="2">
        <v>48.6</v>
      </c>
      <c r="V18607" s="2">
        <v>45.341999999999999</v>
      </c>
      <c r="W18607" s="2">
        <v>0.17899999999999999</v>
      </c>
      <c r="X18607" s="2">
        <v>17</v>
      </c>
      <c r="Y18607" s="2">
        <v>68.7</v>
      </c>
      <c r="Z18607" s="2">
        <v>153.6</v>
      </c>
      <c r="AA18607" s="5">
        <v>7</v>
      </c>
      <c r="AB18607" s="5" t="s">
        <v>43</v>
      </c>
      <c r="AC18607" s="5" t="s">
        <v>735</v>
      </c>
      <c r="AD18607" s="2" t="s">
        <v>57352</v>
      </c>
      <c r="AE18607" s="1"/>
    </row>
    <row r="18608" spans="1:31" ht="14.45">
      <c r="A18608" s="11"/>
      <c r="B18608" s="20"/>
      <c r="C18608" s="2" t="s">
        <v>57353</v>
      </c>
      <c r="D18608" s="14" t="s">
        <v>57354</v>
      </c>
      <c r="E18608" s="2" t="s">
        <v>57355</v>
      </c>
      <c r="F18608" s="2" t="s">
        <v>57351</v>
      </c>
      <c r="G18608" s="8">
        <v>1604</v>
      </c>
      <c r="H18608" s="5">
        <v>10</v>
      </c>
      <c r="I18608" s="5" t="s">
        <v>69</v>
      </c>
      <c r="J18608" s="5" t="s">
        <v>55802</v>
      </c>
      <c r="K18608" s="2" t="s">
        <v>55803</v>
      </c>
      <c r="L18608" s="5" t="s">
        <v>55802</v>
      </c>
      <c r="M18608" s="2" t="s">
        <v>55803</v>
      </c>
      <c r="N18608" s="5" t="s">
        <v>733</v>
      </c>
      <c r="O18608" s="5" t="s">
        <v>38</v>
      </c>
      <c r="P18608" s="5" t="s">
        <v>39</v>
      </c>
      <c r="Q18608" s="5" t="s">
        <v>40</v>
      </c>
      <c r="R18608" s="5" t="s">
        <v>897</v>
      </c>
      <c r="S18608" s="5" t="s">
        <v>40</v>
      </c>
      <c r="T18608" s="5" t="s">
        <v>42</v>
      </c>
      <c r="U18608" s="2">
        <v>48.707000000000001</v>
      </c>
      <c r="V18608" s="2">
        <v>45.387999999999998</v>
      </c>
      <c r="W18608" s="2">
        <v>0.17899999999999999</v>
      </c>
      <c r="X18608" s="2">
        <v>17</v>
      </c>
      <c r="Y18608" s="2">
        <v>68.7</v>
      </c>
      <c r="Z18608" s="2">
        <v>153.6</v>
      </c>
      <c r="AA18608" s="5">
        <v>7</v>
      </c>
      <c r="AB18608" s="5" t="s">
        <v>43</v>
      </c>
      <c r="AC18608" s="5" t="s">
        <v>735</v>
      </c>
      <c r="AD18608" s="2" t="s">
        <v>57356</v>
      </c>
      <c r="AE18608" s="1"/>
    </row>
    <row r="18609" spans="1:31" ht="14.45">
      <c r="A18609" s="11"/>
      <c r="B18609" s="20"/>
      <c r="C18609" s="2" t="s">
        <v>57357</v>
      </c>
      <c r="D18609" s="14" t="s">
        <v>57358</v>
      </c>
      <c r="E18609" s="2" t="s">
        <v>57359</v>
      </c>
      <c r="F18609" s="2" t="s">
        <v>57360</v>
      </c>
      <c r="G18609" s="8">
        <v>845</v>
      </c>
      <c r="H18609" s="5">
        <v>5</v>
      </c>
      <c r="I18609" s="5" t="s">
        <v>69</v>
      </c>
      <c r="J18609" s="5" t="s">
        <v>55802</v>
      </c>
      <c r="K18609" s="2" t="s">
        <v>55803</v>
      </c>
      <c r="L18609" s="5" t="s">
        <v>55802</v>
      </c>
      <c r="M18609" s="2" t="s">
        <v>55803</v>
      </c>
      <c r="N18609" s="5" t="s">
        <v>733</v>
      </c>
      <c r="O18609" s="5" t="s">
        <v>38</v>
      </c>
      <c r="P18609" s="5" t="s">
        <v>39</v>
      </c>
      <c r="Q18609" s="5" t="s">
        <v>40</v>
      </c>
      <c r="R18609" s="5" t="s">
        <v>897</v>
      </c>
      <c r="S18609" s="5" t="s">
        <v>40</v>
      </c>
      <c r="T18609" s="5" t="s">
        <v>42</v>
      </c>
      <c r="U18609" s="2">
        <v>42.591999999999999</v>
      </c>
      <c r="V18609" s="2">
        <v>39.987000000000002</v>
      </c>
      <c r="W18609" s="2">
        <v>0.153</v>
      </c>
      <c r="X18609" s="2">
        <v>17</v>
      </c>
      <c r="Y18609" s="2">
        <v>80.7</v>
      </c>
      <c r="Z18609" s="2">
        <v>111.6</v>
      </c>
      <c r="AA18609" s="5">
        <v>7</v>
      </c>
      <c r="AB18609" s="5" t="s">
        <v>43</v>
      </c>
      <c r="AC18609" s="5" t="s">
        <v>735</v>
      </c>
      <c r="AD18609" s="2" t="s">
        <v>57361</v>
      </c>
      <c r="AE18609" s="1"/>
    </row>
    <row r="18610" spans="1:31" ht="14.45">
      <c r="A18610" s="11"/>
      <c r="B18610" s="20"/>
      <c r="C18610" s="2" t="s">
        <v>57362</v>
      </c>
      <c r="D18610" s="14" t="s">
        <v>57363</v>
      </c>
      <c r="E18610" s="2" t="s">
        <v>57364</v>
      </c>
      <c r="F18610" s="2" t="s">
        <v>57365</v>
      </c>
      <c r="G18610" s="8">
        <v>1145</v>
      </c>
      <c r="H18610" s="5">
        <v>10</v>
      </c>
      <c r="I18610" s="5" t="s">
        <v>69</v>
      </c>
      <c r="J18610" s="5" t="s">
        <v>55802</v>
      </c>
      <c r="K18610" s="2" t="s">
        <v>55803</v>
      </c>
      <c r="L18610" s="5" t="s">
        <v>55802</v>
      </c>
      <c r="M18610" s="2" t="s">
        <v>55803</v>
      </c>
      <c r="N18610" s="5" t="s">
        <v>733</v>
      </c>
      <c r="O18610" s="5" t="s">
        <v>38</v>
      </c>
      <c r="P18610" s="5" t="s">
        <v>39</v>
      </c>
      <c r="Q18610" s="5" t="s">
        <v>40</v>
      </c>
      <c r="R18610" s="5" t="s">
        <v>897</v>
      </c>
      <c r="S18610" s="5" t="s">
        <v>40</v>
      </c>
      <c r="T18610" s="5" t="s">
        <v>42</v>
      </c>
      <c r="U18610" s="2">
        <v>44.320999999999998</v>
      </c>
      <c r="V18610" s="2">
        <v>41.588000000000001</v>
      </c>
      <c r="W18610" s="2">
        <v>0.153</v>
      </c>
      <c r="X18610" s="2">
        <v>17</v>
      </c>
      <c r="Y18610" s="2">
        <v>80.7</v>
      </c>
      <c r="Z18610" s="2">
        <v>111.6</v>
      </c>
      <c r="AA18610" s="5">
        <v>7</v>
      </c>
      <c r="AB18610" s="5" t="s">
        <v>43</v>
      </c>
      <c r="AC18610" s="5" t="s">
        <v>735</v>
      </c>
      <c r="AD18610" s="2" t="s">
        <v>57366</v>
      </c>
      <c r="AE18610" s="1"/>
    </row>
    <row r="18611" spans="1:31" ht="14.45">
      <c r="A18611" s="11"/>
      <c r="B18611" s="20"/>
      <c r="C18611" s="2" t="s">
        <v>57367</v>
      </c>
      <c r="D18611" s="14" t="s">
        <v>57368</v>
      </c>
      <c r="E18611" s="2" t="s">
        <v>57369</v>
      </c>
      <c r="F18611" s="2" t="s">
        <v>57370</v>
      </c>
      <c r="G18611" s="8">
        <v>737</v>
      </c>
      <c r="H18611" s="5">
        <v>5</v>
      </c>
      <c r="I18611" s="5" t="s">
        <v>69</v>
      </c>
      <c r="J18611" s="5" t="s">
        <v>55802</v>
      </c>
      <c r="K18611" s="2" t="s">
        <v>55803</v>
      </c>
      <c r="L18611" s="5" t="s">
        <v>55802</v>
      </c>
      <c r="M18611" s="2" t="s">
        <v>55803</v>
      </c>
      <c r="N18611" s="5" t="s">
        <v>733</v>
      </c>
      <c r="O18611" s="5" t="s">
        <v>38</v>
      </c>
      <c r="P18611" s="5" t="s">
        <v>39</v>
      </c>
      <c r="Q18611" s="5" t="s">
        <v>40</v>
      </c>
      <c r="R18611" s="5" t="s">
        <v>897</v>
      </c>
      <c r="S18611" s="5" t="s">
        <v>40</v>
      </c>
      <c r="T18611" s="5" t="s">
        <v>42</v>
      </c>
      <c r="U18611" s="2">
        <v>37.656999999999996</v>
      </c>
      <c r="V18611" s="2">
        <v>35.052</v>
      </c>
      <c r="W18611" s="2">
        <v>0.153</v>
      </c>
      <c r="X18611" s="2">
        <v>17</v>
      </c>
      <c r="Y18611" s="2">
        <v>80.7</v>
      </c>
      <c r="Z18611" s="2">
        <v>111.6</v>
      </c>
      <c r="AA18611" s="5">
        <v>7</v>
      </c>
      <c r="AB18611" s="5" t="s">
        <v>43</v>
      </c>
      <c r="AC18611" s="5" t="s">
        <v>735</v>
      </c>
      <c r="AD18611" s="2" t="s">
        <v>57371</v>
      </c>
      <c r="AE18611" s="1"/>
    </row>
    <row r="18612" spans="1:31" ht="14.45">
      <c r="A18612" s="11"/>
      <c r="B18612" s="20"/>
      <c r="C18612" s="2" t="s">
        <v>57372</v>
      </c>
      <c r="D18612" s="14" t="s">
        <v>57373</v>
      </c>
      <c r="E18612" s="2" t="s">
        <v>57374</v>
      </c>
      <c r="F18612" s="2" t="s">
        <v>57375</v>
      </c>
      <c r="G18612" s="8">
        <v>1037</v>
      </c>
      <c r="H18612" s="5">
        <v>5</v>
      </c>
      <c r="I18612" s="5" t="s">
        <v>69</v>
      </c>
      <c r="J18612" s="5" t="s">
        <v>55802</v>
      </c>
      <c r="K18612" s="2" t="s">
        <v>55803</v>
      </c>
      <c r="L18612" s="5" t="s">
        <v>55802</v>
      </c>
      <c r="M18612" s="2" t="s">
        <v>55803</v>
      </c>
      <c r="N18612" s="5" t="s">
        <v>733</v>
      </c>
      <c r="O18612" s="5" t="s">
        <v>38</v>
      </c>
      <c r="P18612" s="5" t="s">
        <v>39</v>
      </c>
      <c r="Q18612" s="5" t="s">
        <v>40</v>
      </c>
      <c r="R18612" s="5" t="s">
        <v>897</v>
      </c>
      <c r="S18612" s="5" t="s">
        <v>40</v>
      </c>
      <c r="T18612" s="5" t="s">
        <v>42</v>
      </c>
      <c r="U18612" s="2">
        <v>39.256</v>
      </c>
      <c r="V18612" s="2">
        <v>36.523000000000003</v>
      </c>
      <c r="W18612" s="2">
        <v>0.153</v>
      </c>
      <c r="X18612" s="2">
        <v>17</v>
      </c>
      <c r="Y18612" s="2">
        <v>80.7</v>
      </c>
      <c r="Z18612" s="2">
        <v>111.6</v>
      </c>
      <c r="AA18612" s="5">
        <v>7</v>
      </c>
      <c r="AB18612" s="5" t="s">
        <v>43</v>
      </c>
      <c r="AC18612" s="5" t="s">
        <v>735</v>
      </c>
      <c r="AD18612" s="2" t="s">
        <v>57376</v>
      </c>
      <c r="AE18612" s="1"/>
    </row>
    <row r="18613" spans="1:31" ht="14.45">
      <c r="A18613" s="11"/>
      <c r="B18613" s="20"/>
      <c r="C18613" s="2" t="s">
        <v>57377</v>
      </c>
      <c r="D18613" s="14" t="s">
        <v>57378</v>
      </c>
      <c r="E18613" s="2" t="s">
        <v>57379</v>
      </c>
      <c r="F18613" s="2" t="s">
        <v>57375</v>
      </c>
      <c r="G18613" s="8">
        <v>1037</v>
      </c>
      <c r="H18613" s="5">
        <v>5</v>
      </c>
      <c r="I18613" s="5" t="s">
        <v>69</v>
      </c>
      <c r="J18613" s="5" t="s">
        <v>55802</v>
      </c>
      <c r="K18613" s="2" t="s">
        <v>55803</v>
      </c>
      <c r="L18613" s="5" t="s">
        <v>55802</v>
      </c>
      <c r="M18613" s="2" t="s">
        <v>55803</v>
      </c>
      <c r="N18613" s="5" t="s">
        <v>733</v>
      </c>
      <c r="O18613" s="5" t="s">
        <v>38</v>
      </c>
      <c r="P18613" s="5" t="s">
        <v>39</v>
      </c>
      <c r="Q18613" s="5" t="s">
        <v>40</v>
      </c>
      <c r="R18613" s="5" t="s">
        <v>897</v>
      </c>
      <c r="S18613" s="5" t="s">
        <v>40</v>
      </c>
      <c r="T18613" s="5" t="s">
        <v>42</v>
      </c>
      <c r="U18613" s="2">
        <v>39.468000000000004</v>
      </c>
      <c r="V18613" s="2">
        <v>36.649000000000001</v>
      </c>
      <c r="W18613" s="2">
        <v>0.153</v>
      </c>
      <c r="X18613" s="2">
        <v>17</v>
      </c>
      <c r="Y18613" s="2">
        <v>80.7</v>
      </c>
      <c r="Z18613" s="2">
        <v>111.6</v>
      </c>
      <c r="AA18613" s="5">
        <v>7</v>
      </c>
      <c r="AB18613" s="5" t="s">
        <v>43</v>
      </c>
      <c r="AC18613" s="5" t="s">
        <v>735</v>
      </c>
      <c r="AD18613" s="2" t="s">
        <v>57380</v>
      </c>
      <c r="AE18613" s="1"/>
    </row>
    <row r="18614" spans="1:31" ht="14.45">
      <c r="A18614" s="11"/>
      <c r="B18614" s="20"/>
      <c r="C18614" s="2" t="s">
        <v>57381</v>
      </c>
      <c r="D18614" s="14" t="s">
        <v>57382</v>
      </c>
      <c r="E18614" s="2" t="s">
        <v>57383</v>
      </c>
      <c r="F18614" s="2" t="s">
        <v>57375</v>
      </c>
      <c r="G18614" s="8">
        <v>1284</v>
      </c>
      <c r="H18614" s="5">
        <v>10</v>
      </c>
      <c r="I18614" s="5" t="s">
        <v>69</v>
      </c>
      <c r="J18614" s="5" t="s">
        <v>55802</v>
      </c>
      <c r="K18614" s="2" t="s">
        <v>55803</v>
      </c>
      <c r="L18614" s="5" t="s">
        <v>55802</v>
      </c>
      <c r="M18614" s="2" t="s">
        <v>55803</v>
      </c>
      <c r="N18614" s="5" t="s">
        <v>733</v>
      </c>
      <c r="O18614" s="5" t="s">
        <v>38</v>
      </c>
      <c r="P18614" s="5" t="s">
        <v>39</v>
      </c>
      <c r="Q18614" s="5" t="s">
        <v>40</v>
      </c>
      <c r="R18614" s="5" t="s">
        <v>897</v>
      </c>
      <c r="S18614" s="5" t="s">
        <v>40</v>
      </c>
      <c r="T18614" s="5" t="s">
        <v>42</v>
      </c>
      <c r="U18614" s="2">
        <v>40.564999999999998</v>
      </c>
      <c r="V18614" s="2">
        <v>37.918999999999997</v>
      </c>
      <c r="W18614" s="2">
        <v>0.153</v>
      </c>
      <c r="X18614" s="2">
        <v>17</v>
      </c>
      <c r="Y18614" s="2">
        <v>80.7</v>
      </c>
      <c r="Z18614" s="2">
        <v>111.6</v>
      </c>
      <c r="AA18614" s="5">
        <v>7</v>
      </c>
      <c r="AB18614" s="5" t="s">
        <v>43</v>
      </c>
      <c r="AC18614" s="5" t="s">
        <v>735</v>
      </c>
      <c r="AD18614" s="2" t="s">
        <v>57384</v>
      </c>
      <c r="AE18614" s="1"/>
    </row>
    <row r="18615" spans="1:31" ht="14.45">
      <c r="A18615" s="11"/>
      <c r="B18615" s="20"/>
      <c r="C18615" s="2" t="s">
        <v>57385</v>
      </c>
      <c r="D18615" s="14" t="s">
        <v>57386</v>
      </c>
      <c r="E18615" s="2" t="s">
        <v>57387</v>
      </c>
      <c r="F18615" s="2" t="s">
        <v>57388</v>
      </c>
      <c r="G18615" s="8">
        <v>845</v>
      </c>
      <c r="H18615" s="5">
        <v>10</v>
      </c>
      <c r="I18615" s="5" t="s">
        <v>69</v>
      </c>
      <c r="J18615" s="5" t="s">
        <v>55802</v>
      </c>
      <c r="K18615" s="2" t="s">
        <v>55803</v>
      </c>
      <c r="L18615" s="5" t="s">
        <v>55802</v>
      </c>
      <c r="M18615" s="2" t="s">
        <v>55803</v>
      </c>
      <c r="N18615" s="5" t="s">
        <v>733</v>
      </c>
      <c r="O18615" s="5" t="s">
        <v>38</v>
      </c>
      <c r="P18615" s="5" t="s">
        <v>39</v>
      </c>
      <c r="Q18615" s="5" t="s">
        <v>40</v>
      </c>
      <c r="R18615" s="5" t="s">
        <v>897</v>
      </c>
      <c r="S18615" s="5" t="s">
        <v>40</v>
      </c>
      <c r="T18615" s="5" t="s">
        <v>42</v>
      </c>
      <c r="U18615" s="2">
        <v>37.226999999999997</v>
      </c>
      <c r="V18615" s="2">
        <v>34.616999999999997</v>
      </c>
      <c r="W18615" s="2">
        <v>0.153</v>
      </c>
      <c r="X18615" s="2">
        <v>17</v>
      </c>
      <c r="Y18615" s="2">
        <v>80.7</v>
      </c>
      <c r="Z18615" s="2">
        <v>111.6</v>
      </c>
      <c r="AA18615" s="5">
        <v>7</v>
      </c>
      <c r="AB18615" s="5" t="s">
        <v>43</v>
      </c>
      <c r="AC18615" s="5" t="s">
        <v>735</v>
      </c>
      <c r="AD18615" s="2" t="s">
        <v>57389</v>
      </c>
      <c r="AE18615" s="1"/>
    </row>
    <row r="18616" spans="1:31" ht="14.45">
      <c r="A18616" s="11"/>
      <c r="B18616" s="20"/>
      <c r="C18616" s="2" t="s">
        <v>57390</v>
      </c>
      <c r="D18616" s="14" t="s">
        <v>57391</v>
      </c>
      <c r="E18616" s="2" t="s">
        <v>57392</v>
      </c>
      <c r="F18616" s="2" t="s">
        <v>57388</v>
      </c>
      <c r="G18616" s="8">
        <v>1145</v>
      </c>
      <c r="H18616" s="5">
        <v>10</v>
      </c>
      <c r="I18616" s="5" t="s">
        <v>69</v>
      </c>
      <c r="J18616" s="5" t="s">
        <v>55802</v>
      </c>
      <c r="K18616" s="2" t="s">
        <v>55803</v>
      </c>
      <c r="L18616" s="5" t="s">
        <v>55802</v>
      </c>
      <c r="M18616" s="2" t="s">
        <v>55803</v>
      </c>
      <c r="N18616" s="5" t="s">
        <v>733</v>
      </c>
      <c r="O18616" s="5" t="s">
        <v>38</v>
      </c>
      <c r="P18616" s="5" t="s">
        <v>39</v>
      </c>
      <c r="Q18616" s="5" t="s">
        <v>40</v>
      </c>
      <c r="R18616" s="5" t="s">
        <v>897</v>
      </c>
      <c r="S18616" s="5" t="s">
        <v>40</v>
      </c>
      <c r="T18616" s="5" t="s">
        <v>42</v>
      </c>
      <c r="U18616" s="2">
        <v>39.125</v>
      </c>
      <c r="V18616" s="2">
        <v>36.392000000000003</v>
      </c>
      <c r="W18616" s="2">
        <v>0.153</v>
      </c>
      <c r="X18616" s="2">
        <v>17</v>
      </c>
      <c r="Y18616" s="2">
        <v>80.7</v>
      </c>
      <c r="Z18616" s="2">
        <v>111.6</v>
      </c>
      <c r="AA18616" s="5">
        <v>7</v>
      </c>
      <c r="AB18616" s="5" t="s">
        <v>43</v>
      </c>
      <c r="AC18616" s="5" t="s">
        <v>735</v>
      </c>
      <c r="AD18616" s="2" t="s">
        <v>57393</v>
      </c>
      <c r="AE18616" s="1"/>
    </row>
    <row r="18617" spans="1:31" ht="14.45">
      <c r="A18617" s="11"/>
      <c r="B18617" s="20"/>
      <c r="C18617" s="2" t="s">
        <v>57394</v>
      </c>
      <c r="D18617" s="14" t="s">
        <v>57395</v>
      </c>
      <c r="E18617" s="2" t="s">
        <v>57396</v>
      </c>
      <c r="F18617" s="2" t="s">
        <v>57388</v>
      </c>
      <c r="G18617" s="8">
        <v>1145</v>
      </c>
      <c r="H18617" s="5">
        <v>10</v>
      </c>
      <c r="I18617" s="5" t="s">
        <v>69</v>
      </c>
      <c r="J18617" s="5" t="s">
        <v>55802</v>
      </c>
      <c r="K18617" s="2" t="s">
        <v>55803</v>
      </c>
      <c r="L18617" s="5" t="s">
        <v>55802</v>
      </c>
      <c r="M18617" s="2" t="s">
        <v>55803</v>
      </c>
      <c r="N18617" s="5" t="s">
        <v>733</v>
      </c>
      <c r="O18617" s="5" t="s">
        <v>38</v>
      </c>
      <c r="P18617" s="5" t="s">
        <v>39</v>
      </c>
      <c r="Q18617" s="5" t="s">
        <v>40</v>
      </c>
      <c r="R18617" s="5" t="s">
        <v>897</v>
      </c>
      <c r="S18617" s="5" t="s">
        <v>40</v>
      </c>
      <c r="T18617" s="5" t="s">
        <v>42</v>
      </c>
      <c r="U18617" s="2">
        <v>39.35</v>
      </c>
      <c r="V18617" s="2">
        <v>36.530999999999999</v>
      </c>
      <c r="W18617" s="2">
        <v>0.153</v>
      </c>
      <c r="X18617" s="2">
        <v>17</v>
      </c>
      <c r="Y18617" s="2">
        <v>80.7</v>
      </c>
      <c r="Z18617" s="2">
        <v>111.6</v>
      </c>
      <c r="AA18617" s="5">
        <v>7</v>
      </c>
      <c r="AB18617" s="5" t="s">
        <v>43</v>
      </c>
      <c r="AC18617" s="5" t="s">
        <v>735</v>
      </c>
      <c r="AD18617" s="2" t="s">
        <v>57397</v>
      </c>
      <c r="AE18617" s="1"/>
    </row>
    <row r="18618" spans="1:31" ht="14.45">
      <c r="A18618" s="11"/>
      <c r="B18618" s="20"/>
      <c r="C18618" s="2" t="s">
        <v>57398</v>
      </c>
      <c r="D18618" s="14" t="s">
        <v>57399</v>
      </c>
      <c r="E18618" s="2" t="s">
        <v>57400</v>
      </c>
      <c r="F18618" s="2" t="s">
        <v>57401</v>
      </c>
      <c r="G18618" s="8">
        <v>632</v>
      </c>
      <c r="H18618" s="5">
        <v>10</v>
      </c>
      <c r="I18618" s="5" t="s">
        <v>69</v>
      </c>
      <c r="J18618" s="5" t="s">
        <v>55802</v>
      </c>
      <c r="K18618" s="2" t="s">
        <v>55803</v>
      </c>
      <c r="L18618" s="5" t="s">
        <v>55802</v>
      </c>
      <c r="M18618" s="2" t="s">
        <v>55803</v>
      </c>
      <c r="N18618" s="5" t="s">
        <v>733</v>
      </c>
      <c r="O18618" s="5" t="s">
        <v>38</v>
      </c>
      <c r="P18618" s="5" t="s">
        <v>39</v>
      </c>
      <c r="Q18618" s="5" t="s">
        <v>40</v>
      </c>
      <c r="R18618" s="5" t="s">
        <v>897</v>
      </c>
      <c r="S18618" s="5" t="s">
        <v>40</v>
      </c>
      <c r="T18618" s="5" t="s">
        <v>42</v>
      </c>
      <c r="U18618" s="2">
        <v>37.396999999999998</v>
      </c>
      <c r="V18618" s="2">
        <v>34.786999999999999</v>
      </c>
      <c r="W18618" s="2">
        <v>0.153</v>
      </c>
      <c r="X18618" s="2">
        <v>17</v>
      </c>
      <c r="Y18618" s="2">
        <v>80.7</v>
      </c>
      <c r="Z18618" s="2">
        <v>111.6</v>
      </c>
      <c r="AA18618" s="5">
        <v>7</v>
      </c>
      <c r="AB18618" s="5" t="s">
        <v>43</v>
      </c>
      <c r="AC18618" s="5" t="s">
        <v>735</v>
      </c>
      <c r="AD18618" s="2" t="s">
        <v>57402</v>
      </c>
      <c r="AE18618" s="1"/>
    </row>
    <row r="18619" spans="1:31" ht="14.45">
      <c r="A18619" s="11"/>
      <c r="B18619" s="20"/>
      <c r="C18619" s="2" t="s">
        <v>57403</v>
      </c>
      <c r="D18619" s="14" t="s">
        <v>57404</v>
      </c>
      <c r="E18619" s="2" t="s">
        <v>57405</v>
      </c>
      <c r="F18619" s="2" t="s">
        <v>57401</v>
      </c>
      <c r="G18619" s="8">
        <v>932</v>
      </c>
      <c r="H18619" s="5">
        <v>10</v>
      </c>
      <c r="I18619" s="5" t="s">
        <v>69</v>
      </c>
      <c r="J18619" s="5" t="s">
        <v>55802</v>
      </c>
      <c r="K18619" s="2" t="s">
        <v>55803</v>
      </c>
      <c r="L18619" s="5" t="s">
        <v>55802</v>
      </c>
      <c r="M18619" s="2" t="s">
        <v>55803</v>
      </c>
      <c r="N18619" s="5" t="s">
        <v>733</v>
      </c>
      <c r="O18619" s="5" t="s">
        <v>38</v>
      </c>
      <c r="P18619" s="5" t="s">
        <v>39</v>
      </c>
      <c r="Q18619" s="5" t="s">
        <v>40</v>
      </c>
      <c r="R18619" s="5" t="s">
        <v>897</v>
      </c>
      <c r="S18619" s="5" t="s">
        <v>40</v>
      </c>
      <c r="T18619" s="5" t="s">
        <v>42</v>
      </c>
      <c r="U18619" s="2">
        <v>39.295000000000002</v>
      </c>
      <c r="V18619" s="2">
        <v>36.561999999999998</v>
      </c>
      <c r="W18619" s="2">
        <v>0.153</v>
      </c>
      <c r="X18619" s="2">
        <v>17</v>
      </c>
      <c r="Y18619" s="2">
        <v>80.7</v>
      </c>
      <c r="Z18619" s="2">
        <v>111.6</v>
      </c>
      <c r="AA18619" s="5">
        <v>7</v>
      </c>
      <c r="AB18619" s="5" t="s">
        <v>43</v>
      </c>
      <c r="AC18619" s="5" t="s">
        <v>735</v>
      </c>
      <c r="AD18619" s="2" t="s">
        <v>57406</v>
      </c>
      <c r="AE18619" s="1"/>
    </row>
    <row r="18620" spans="1:31" ht="14.45">
      <c r="A18620" s="11"/>
      <c r="B18620" s="20"/>
      <c r="C18620" s="2" t="s">
        <v>57407</v>
      </c>
      <c r="D18620" s="14" t="s">
        <v>57408</v>
      </c>
      <c r="E18620" s="2" t="s">
        <v>57409</v>
      </c>
      <c r="F18620" s="2" t="s">
        <v>57401</v>
      </c>
      <c r="G18620" s="8">
        <v>932</v>
      </c>
      <c r="H18620" s="5">
        <v>10</v>
      </c>
      <c r="I18620" s="5" t="s">
        <v>69</v>
      </c>
      <c r="J18620" s="5" t="s">
        <v>55802</v>
      </c>
      <c r="K18620" s="2" t="s">
        <v>55803</v>
      </c>
      <c r="L18620" s="5" t="s">
        <v>55802</v>
      </c>
      <c r="M18620" s="2" t="s">
        <v>55803</v>
      </c>
      <c r="N18620" s="5" t="s">
        <v>733</v>
      </c>
      <c r="O18620" s="5" t="s">
        <v>38</v>
      </c>
      <c r="P18620" s="5" t="s">
        <v>39</v>
      </c>
      <c r="Q18620" s="5" t="s">
        <v>40</v>
      </c>
      <c r="R18620" s="5" t="s">
        <v>897</v>
      </c>
      <c r="S18620" s="5" t="s">
        <v>40</v>
      </c>
      <c r="T18620" s="5" t="s">
        <v>42</v>
      </c>
      <c r="U18620" s="2">
        <v>39.506999999999998</v>
      </c>
      <c r="V18620" s="2">
        <v>36.688000000000002</v>
      </c>
      <c r="W18620" s="2">
        <v>0.153</v>
      </c>
      <c r="X18620" s="2">
        <v>17</v>
      </c>
      <c r="Y18620" s="2">
        <v>80.7</v>
      </c>
      <c r="Z18620" s="2">
        <v>111.6</v>
      </c>
      <c r="AA18620" s="5">
        <v>7</v>
      </c>
      <c r="AB18620" s="5" t="s">
        <v>43</v>
      </c>
      <c r="AC18620" s="5" t="s">
        <v>735</v>
      </c>
      <c r="AD18620" s="2" t="s">
        <v>57410</v>
      </c>
      <c r="AE18620" s="1"/>
    </row>
    <row r="18621" spans="1:31" ht="14.45">
      <c r="A18621" s="11"/>
      <c r="B18621" s="20"/>
      <c r="C18621" s="2" t="s">
        <v>57411</v>
      </c>
      <c r="D18621" s="14" t="s">
        <v>57412</v>
      </c>
      <c r="E18621" s="2" t="s">
        <v>57413</v>
      </c>
      <c r="F18621" s="2" t="s">
        <v>57414</v>
      </c>
      <c r="G18621" s="8">
        <v>501</v>
      </c>
      <c r="H18621" s="5">
        <v>5</v>
      </c>
      <c r="I18621" s="5" t="s">
        <v>69</v>
      </c>
      <c r="J18621" s="5" t="s">
        <v>55802</v>
      </c>
      <c r="K18621" s="2" t="s">
        <v>55803</v>
      </c>
      <c r="L18621" s="5" t="s">
        <v>55802</v>
      </c>
      <c r="M18621" s="2" t="s">
        <v>55803</v>
      </c>
      <c r="N18621" s="5" t="s">
        <v>733</v>
      </c>
      <c r="O18621" s="5" t="s">
        <v>38</v>
      </c>
      <c r="P18621" s="5" t="s">
        <v>39</v>
      </c>
      <c r="Q18621" s="5" t="s">
        <v>40</v>
      </c>
      <c r="R18621" s="5" t="s">
        <v>897</v>
      </c>
      <c r="S18621" s="5" t="s">
        <v>40</v>
      </c>
      <c r="T18621" s="5" t="s">
        <v>42</v>
      </c>
      <c r="U18621" s="2">
        <v>33.15</v>
      </c>
      <c r="V18621" s="2">
        <v>30.545000000000002</v>
      </c>
      <c r="W18621" s="2">
        <v>0.153</v>
      </c>
      <c r="X18621" s="2">
        <v>17</v>
      </c>
      <c r="Y18621" s="2">
        <v>80.7</v>
      </c>
      <c r="Z18621" s="2">
        <v>111.6</v>
      </c>
      <c r="AA18621" s="5">
        <v>7</v>
      </c>
      <c r="AB18621" s="5" t="s">
        <v>43</v>
      </c>
      <c r="AC18621" s="5" t="s">
        <v>735</v>
      </c>
      <c r="AD18621" s="2" t="s">
        <v>57415</v>
      </c>
      <c r="AE18621" s="1"/>
    </row>
    <row r="18622" spans="1:31" ht="14.45">
      <c r="A18622" s="11"/>
      <c r="B18622" s="20"/>
      <c r="C18622" s="2" t="s">
        <v>57416</v>
      </c>
      <c r="D18622" s="14" t="s">
        <v>57417</v>
      </c>
      <c r="E18622" s="2" t="s">
        <v>57418</v>
      </c>
      <c r="F18622" s="2" t="s">
        <v>57414</v>
      </c>
      <c r="G18622" s="8">
        <v>801</v>
      </c>
      <c r="H18622" s="5">
        <v>5</v>
      </c>
      <c r="I18622" s="5" t="s">
        <v>69</v>
      </c>
      <c r="J18622" s="5" t="s">
        <v>55802</v>
      </c>
      <c r="K18622" s="2" t="s">
        <v>55803</v>
      </c>
      <c r="L18622" s="5" t="s">
        <v>55802</v>
      </c>
      <c r="M18622" s="2" t="s">
        <v>55803</v>
      </c>
      <c r="N18622" s="5" t="s">
        <v>733</v>
      </c>
      <c r="O18622" s="5" t="s">
        <v>38</v>
      </c>
      <c r="P18622" s="5" t="s">
        <v>39</v>
      </c>
      <c r="Q18622" s="5" t="s">
        <v>40</v>
      </c>
      <c r="R18622" s="5" t="s">
        <v>897</v>
      </c>
      <c r="S18622" s="5" t="s">
        <v>40</v>
      </c>
      <c r="T18622" s="5" t="s">
        <v>42</v>
      </c>
      <c r="U18622" s="2">
        <v>35.112000000000002</v>
      </c>
      <c r="V18622" s="2">
        <v>32.380000000000003</v>
      </c>
      <c r="W18622" s="2">
        <v>0.153</v>
      </c>
      <c r="X18622" s="2">
        <v>17</v>
      </c>
      <c r="Y18622" s="2">
        <v>80.7</v>
      </c>
      <c r="Z18622" s="2">
        <v>111.6</v>
      </c>
      <c r="AA18622" s="5">
        <v>7</v>
      </c>
      <c r="AB18622" s="5" t="s">
        <v>43</v>
      </c>
      <c r="AC18622" s="5" t="s">
        <v>735</v>
      </c>
      <c r="AD18622" s="2" t="s">
        <v>57419</v>
      </c>
      <c r="AE18622" s="1"/>
    </row>
    <row r="18623" spans="1:31" ht="14.45">
      <c r="A18623" s="11"/>
      <c r="B18623" s="20"/>
      <c r="C18623" s="2" t="s">
        <v>57420</v>
      </c>
      <c r="D18623" s="14" t="s">
        <v>57421</v>
      </c>
      <c r="E18623" s="2" t="s">
        <v>57422</v>
      </c>
      <c r="F18623" s="2" t="s">
        <v>57414</v>
      </c>
      <c r="G18623" s="8">
        <v>801</v>
      </c>
      <c r="H18623" s="5">
        <v>5</v>
      </c>
      <c r="I18623" s="5" t="s">
        <v>69</v>
      </c>
      <c r="J18623" s="5" t="s">
        <v>55802</v>
      </c>
      <c r="K18623" s="2" t="s">
        <v>55803</v>
      </c>
      <c r="L18623" s="5" t="s">
        <v>55802</v>
      </c>
      <c r="M18623" s="2" t="s">
        <v>55803</v>
      </c>
      <c r="N18623" s="5" t="s">
        <v>733</v>
      </c>
      <c r="O18623" s="5" t="s">
        <v>38</v>
      </c>
      <c r="P18623" s="5" t="s">
        <v>39</v>
      </c>
      <c r="Q18623" s="5" t="s">
        <v>40</v>
      </c>
      <c r="R18623" s="5" t="s">
        <v>897</v>
      </c>
      <c r="S18623" s="5" t="s">
        <v>40</v>
      </c>
      <c r="T18623" s="5" t="s">
        <v>42</v>
      </c>
      <c r="U18623" s="2">
        <v>35.503999999999998</v>
      </c>
      <c r="V18623" s="2">
        <v>32.686</v>
      </c>
      <c r="W18623" s="2">
        <v>0.153</v>
      </c>
      <c r="X18623" s="2">
        <v>17</v>
      </c>
      <c r="Y18623" s="2">
        <v>80.7</v>
      </c>
      <c r="Z18623" s="2">
        <v>111.6</v>
      </c>
      <c r="AA18623" s="5">
        <v>7</v>
      </c>
      <c r="AB18623" s="5" t="s">
        <v>43</v>
      </c>
      <c r="AC18623" s="5" t="s">
        <v>735</v>
      </c>
      <c r="AD18623" s="2" t="s">
        <v>57423</v>
      </c>
      <c r="AE18623" s="1"/>
    </row>
    <row r="18624" spans="1:31" ht="14.45">
      <c r="A18624" s="11"/>
      <c r="B18624" s="20"/>
      <c r="C18624" s="2" t="s">
        <v>57424</v>
      </c>
      <c r="D18624" s="14" t="s">
        <v>57425</v>
      </c>
      <c r="E18624" s="2" t="s">
        <v>57426</v>
      </c>
      <c r="F18624" s="2" t="s">
        <v>57414</v>
      </c>
      <c r="G18624" s="8">
        <v>1048</v>
      </c>
      <c r="H18624" s="5">
        <v>5</v>
      </c>
      <c r="I18624" s="5" t="s">
        <v>69</v>
      </c>
      <c r="J18624" s="5" t="s">
        <v>55802</v>
      </c>
      <c r="K18624" s="2" t="s">
        <v>55803</v>
      </c>
      <c r="L18624" s="5" t="s">
        <v>55802</v>
      </c>
      <c r="M18624" s="2" t="s">
        <v>55803</v>
      </c>
      <c r="N18624" s="5" t="s">
        <v>733</v>
      </c>
      <c r="O18624" s="5" t="s">
        <v>38</v>
      </c>
      <c r="P18624" s="5" t="s">
        <v>39</v>
      </c>
      <c r="Q18624" s="5" t="s">
        <v>40</v>
      </c>
      <c r="R18624" s="5" t="s">
        <v>897</v>
      </c>
      <c r="S18624" s="5" t="s">
        <v>40</v>
      </c>
      <c r="T18624" s="5" t="s">
        <v>42</v>
      </c>
      <c r="U18624" s="2">
        <v>36.406999999999996</v>
      </c>
      <c r="V18624" s="2">
        <v>33.758000000000003</v>
      </c>
      <c r="W18624" s="2">
        <v>0.153</v>
      </c>
      <c r="X18624" s="2">
        <v>17</v>
      </c>
      <c r="Y18624" s="2">
        <v>80.7</v>
      </c>
      <c r="Z18624" s="2">
        <v>111.6</v>
      </c>
      <c r="AA18624" s="5">
        <v>7</v>
      </c>
      <c r="AB18624" s="5" t="s">
        <v>43</v>
      </c>
      <c r="AC18624" s="5" t="s">
        <v>735</v>
      </c>
      <c r="AD18624" s="2" t="s">
        <v>57427</v>
      </c>
      <c r="AE18624" s="1"/>
    </row>
    <row r="18625" spans="1:31" ht="14.45">
      <c r="A18625" s="11"/>
      <c r="B18625" s="20"/>
      <c r="C18625" s="2" t="s">
        <v>57428</v>
      </c>
      <c r="D18625" s="14" t="s">
        <v>57429</v>
      </c>
      <c r="E18625" s="2" t="s">
        <v>57430</v>
      </c>
      <c r="F18625" s="2" t="s">
        <v>57431</v>
      </c>
      <c r="G18625" s="8">
        <v>837</v>
      </c>
      <c r="H18625" s="5">
        <v>10</v>
      </c>
      <c r="I18625" s="5" t="s">
        <v>69</v>
      </c>
      <c r="J18625" s="5" t="s">
        <v>55802</v>
      </c>
      <c r="K18625" s="2" t="s">
        <v>55803</v>
      </c>
      <c r="L18625" s="5" t="s">
        <v>55802</v>
      </c>
      <c r="M18625" s="2" t="s">
        <v>55803</v>
      </c>
      <c r="N18625" s="5" t="s">
        <v>733</v>
      </c>
      <c r="O18625" s="5" t="s">
        <v>38</v>
      </c>
      <c r="P18625" s="5" t="s">
        <v>39</v>
      </c>
      <c r="Q18625" s="5" t="s">
        <v>40</v>
      </c>
      <c r="R18625" s="5" t="s">
        <v>897</v>
      </c>
      <c r="S18625" s="5" t="s">
        <v>40</v>
      </c>
      <c r="T18625" s="5" t="s">
        <v>42</v>
      </c>
      <c r="U18625" s="2">
        <v>34.283999999999999</v>
      </c>
      <c r="V18625" s="2">
        <v>31.672999999999998</v>
      </c>
      <c r="W18625" s="2">
        <v>0.153</v>
      </c>
      <c r="X18625" s="2">
        <v>17</v>
      </c>
      <c r="Y18625" s="2">
        <v>80.7</v>
      </c>
      <c r="Z18625" s="2">
        <v>111.6</v>
      </c>
      <c r="AA18625" s="5">
        <v>7</v>
      </c>
      <c r="AB18625" s="5" t="s">
        <v>43</v>
      </c>
      <c r="AC18625" s="5" t="s">
        <v>735</v>
      </c>
      <c r="AD18625" s="2" t="s">
        <v>57432</v>
      </c>
      <c r="AE18625" s="1"/>
    </row>
    <row r="18626" spans="1:31" ht="14.45">
      <c r="A18626" s="11"/>
      <c r="B18626" s="20"/>
      <c r="C18626" s="2" t="s">
        <v>57433</v>
      </c>
      <c r="D18626" s="14" t="s">
        <v>57434</v>
      </c>
      <c r="E18626" s="2" t="s">
        <v>57435</v>
      </c>
      <c r="F18626" s="2" t="s">
        <v>57436</v>
      </c>
      <c r="G18626" s="8">
        <v>668</v>
      </c>
      <c r="H18626" s="5">
        <v>5</v>
      </c>
      <c r="I18626" s="5" t="s">
        <v>69</v>
      </c>
      <c r="J18626" s="5" t="s">
        <v>55802</v>
      </c>
      <c r="K18626" s="2" t="s">
        <v>55803</v>
      </c>
      <c r="L18626" s="5" t="s">
        <v>55802</v>
      </c>
      <c r="M18626" s="2" t="s">
        <v>55803</v>
      </c>
      <c r="N18626" s="5" t="s">
        <v>733</v>
      </c>
      <c r="O18626" s="5" t="s">
        <v>38</v>
      </c>
      <c r="P18626" s="5" t="s">
        <v>39</v>
      </c>
      <c r="Q18626" s="5" t="s">
        <v>40</v>
      </c>
      <c r="R18626" s="5" t="s">
        <v>897</v>
      </c>
      <c r="S18626" s="5" t="s">
        <v>40</v>
      </c>
      <c r="T18626" s="5" t="s">
        <v>42</v>
      </c>
      <c r="U18626" s="2">
        <v>37.331000000000003</v>
      </c>
      <c r="V18626" s="2">
        <v>34.720999999999997</v>
      </c>
      <c r="W18626" s="2">
        <v>0.153</v>
      </c>
      <c r="X18626" s="2">
        <v>17</v>
      </c>
      <c r="Y18626" s="2">
        <v>80.7</v>
      </c>
      <c r="Z18626" s="2">
        <v>111.6</v>
      </c>
      <c r="AA18626" s="5">
        <v>7</v>
      </c>
      <c r="AB18626" s="5" t="s">
        <v>43</v>
      </c>
      <c r="AC18626" s="5" t="s">
        <v>735</v>
      </c>
      <c r="AD18626" s="2" t="s">
        <v>57437</v>
      </c>
      <c r="AE18626" s="1"/>
    </row>
    <row r="18627" spans="1:31" ht="14.45">
      <c r="A18627" s="11"/>
      <c r="B18627" s="20"/>
      <c r="C18627" s="2" t="s">
        <v>57438</v>
      </c>
      <c r="D18627" s="14" t="s">
        <v>57439</v>
      </c>
      <c r="E18627" s="2" t="s">
        <v>57440</v>
      </c>
      <c r="F18627" s="2" t="s">
        <v>57436</v>
      </c>
      <c r="G18627" s="8">
        <v>968</v>
      </c>
      <c r="H18627" s="5">
        <v>5</v>
      </c>
      <c r="I18627" s="5" t="s">
        <v>69</v>
      </c>
      <c r="J18627" s="5" t="s">
        <v>55802</v>
      </c>
      <c r="K18627" s="2" t="s">
        <v>55803</v>
      </c>
      <c r="L18627" s="5" t="s">
        <v>55802</v>
      </c>
      <c r="M18627" s="2" t="s">
        <v>55803</v>
      </c>
      <c r="N18627" s="5" t="s">
        <v>733</v>
      </c>
      <c r="O18627" s="5" t="s">
        <v>38</v>
      </c>
      <c r="P18627" s="5" t="s">
        <v>39</v>
      </c>
      <c r="Q18627" s="5" t="s">
        <v>40</v>
      </c>
      <c r="R18627" s="5" t="s">
        <v>897</v>
      </c>
      <c r="S18627" s="5" t="s">
        <v>40</v>
      </c>
      <c r="T18627" s="5" t="s">
        <v>42</v>
      </c>
      <c r="U18627" s="2">
        <v>39.228999999999999</v>
      </c>
      <c r="V18627" s="2">
        <v>36.496000000000002</v>
      </c>
      <c r="W18627" s="2">
        <v>0.153</v>
      </c>
      <c r="X18627" s="2">
        <v>17</v>
      </c>
      <c r="Y18627" s="2">
        <v>80.7</v>
      </c>
      <c r="Z18627" s="2">
        <v>111.6</v>
      </c>
      <c r="AA18627" s="5">
        <v>7</v>
      </c>
      <c r="AB18627" s="5" t="s">
        <v>43</v>
      </c>
      <c r="AC18627" s="5" t="s">
        <v>735</v>
      </c>
      <c r="AD18627" s="2" t="s">
        <v>57441</v>
      </c>
      <c r="AE18627" s="1"/>
    </row>
    <row r="18628" spans="1:31" ht="14.45">
      <c r="A18628" s="11"/>
      <c r="B18628" s="20"/>
      <c r="C18628" s="2" t="s">
        <v>57442</v>
      </c>
      <c r="D18628" s="14" t="s">
        <v>57443</v>
      </c>
      <c r="E18628" s="2" t="s">
        <v>57444</v>
      </c>
      <c r="F18628" s="2" t="s">
        <v>57436</v>
      </c>
      <c r="G18628" s="8">
        <v>968</v>
      </c>
      <c r="H18628" s="5">
        <v>5</v>
      </c>
      <c r="I18628" s="5" t="s">
        <v>69</v>
      </c>
      <c r="J18628" s="5" t="s">
        <v>55802</v>
      </c>
      <c r="K18628" s="2" t="s">
        <v>55803</v>
      </c>
      <c r="L18628" s="5" t="s">
        <v>55802</v>
      </c>
      <c r="M18628" s="2" t="s">
        <v>55803</v>
      </c>
      <c r="N18628" s="5" t="s">
        <v>733</v>
      </c>
      <c r="O18628" s="5" t="s">
        <v>38</v>
      </c>
      <c r="P18628" s="5" t="s">
        <v>39</v>
      </c>
      <c r="Q18628" s="5" t="s">
        <v>40</v>
      </c>
      <c r="R18628" s="5" t="s">
        <v>897</v>
      </c>
      <c r="S18628" s="5" t="s">
        <v>40</v>
      </c>
      <c r="T18628" s="5" t="s">
        <v>42</v>
      </c>
      <c r="U18628" s="2">
        <v>39.441000000000003</v>
      </c>
      <c r="V18628" s="2">
        <v>36.622</v>
      </c>
      <c r="W18628" s="2">
        <v>0.153</v>
      </c>
      <c r="X18628" s="2">
        <v>17</v>
      </c>
      <c r="Y18628" s="2">
        <v>80.7</v>
      </c>
      <c r="Z18628" s="2">
        <v>111.6</v>
      </c>
      <c r="AA18628" s="5">
        <v>7</v>
      </c>
      <c r="AB18628" s="5" t="s">
        <v>43</v>
      </c>
      <c r="AC18628" s="5" t="s">
        <v>735</v>
      </c>
      <c r="AD18628" s="2" t="s">
        <v>57445</v>
      </c>
      <c r="AE18628" s="1"/>
    </row>
    <row r="18629" spans="1:31" ht="14.45">
      <c r="A18629" s="5"/>
      <c r="B18629" s="21"/>
      <c r="C18629" s="2" t="s">
        <v>57446</v>
      </c>
      <c r="D18629" s="14" t="s">
        <v>57447</v>
      </c>
      <c r="E18629" s="2" t="s">
        <v>57448</v>
      </c>
      <c r="F18629" s="2" t="s">
        <v>57449</v>
      </c>
      <c r="G18629" s="8">
        <v>1215</v>
      </c>
      <c r="H18629" s="5">
        <v>5</v>
      </c>
      <c r="I18629" s="5" t="s">
        <v>69</v>
      </c>
      <c r="J18629" s="5" t="s">
        <v>55802</v>
      </c>
      <c r="K18629" s="2" t="s">
        <v>55803</v>
      </c>
      <c r="L18629" s="5" t="s">
        <v>55802</v>
      </c>
      <c r="M18629" s="2" t="s">
        <v>55803</v>
      </c>
      <c r="N18629" s="5" t="s">
        <v>733</v>
      </c>
      <c r="O18629" s="5" t="s">
        <v>38</v>
      </c>
      <c r="P18629" s="5" t="s">
        <v>39</v>
      </c>
      <c r="Q18629" s="5" t="s">
        <v>40</v>
      </c>
      <c r="R18629" s="5" t="s">
        <v>897</v>
      </c>
      <c r="S18629" s="5" t="s">
        <v>40</v>
      </c>
      <c r="T18629" s="5" t="s">
        <v>42</v>
      </c>
      <c r="U18629" s="2">
        <v>40.537999999999997</v>
      </c>
      <c r="V18629" s="2">
        <v>37.892000000000003</v>
      </c>
      <c r="W18629" s="2">
        <v>0.153</v>
      </c>
      <c r="X18629" s="2">
        <v>17</v>
      </c>
      <c r="Y18629" s="2">
        <v>80.7</v>
      </c>
      <c r="Z18629" s="2">
        <v>111.6</v>
      </c>
      <c r="AA18629" s="5">
        <v>7</v>
      </c>
      <c r="AB18629" s="5" t="s">
        <v>43</v>
      </c>
      <c r="AC18629" s="5" t="s">
        <v>735</v>
      </c>
      <c r="AD18629" s="2"/>
      <c r="AE18629" s="1"/>
    </row>
    <row r="18630" spans="1:31" ht="14.45">
      <c r="A18630" s="11"/>
      <c r="B18630" s="20"/>
      <c r="C18630" s="2" t="s">
        <v>57450</v>
      </c>
      <c r="D18630" s="14" t="s">
        <v>57451</v>
      </c>
      <c r="E18630" s="2" t="s">
        <v>57452</v>
      </c>
      <c r="F18630" s="2" t="s">
        <v>57453</v>
      </c>
      <c r="G18630" s="8">
        <v>1613</v>
      </c>
      <c r="H18630" s="5">
        <v>10</v>
      </c>
      <c r="I18630" s="5" t="s">
        <v>69</v>
      </c>
      <c r="J18630" s="5" t="s">
        <v>55802</v>
      </c>
      <c r="K18630" s="2" t="s">
        <v>55803</v>
      </c>
      <c r="L18630" s="5" t="s">
        <v>55802</v>
      </c>
      <c r="M18630" s="2" t="s">
        <v>55803</v>
      </c>
      <c r="N18630" s="5" t="s">
        <v>733</v>
      </c>
      <c r="O18630" s="5" t="s">
        <v>38</v>
      </c>
      <c r="P18630" s="5" t="s">
        <v>39</v>
      </c>
      <c r="Q18630" s="5" t="s">
        <v>40</v>
      </c>
      <c r="R18630" s="5" t="s">
        <v>897</v>
      </c>
      <c r="S18630" s="5" t="s">
        <v>40</v>
      </c>
      <c r="T18630" s="5" t="s">
        <v>42</v>
      </c>
      <c r="U18630" s="2">
        <v>47.118000000000002</v>
      </c>
      <c r="V18630" s="2">
        <v>44.384999999999998</v>
      </c>
      <c r="W18630" s="2">
        <v>0.153</v>
      </c>
      <c r="X18630" s="2">
        <v>17</v>
      </c>
      <c r="Y18630" s="2">
        <v>80.7</v>
      </c>
      <c r="Z18630" s="2">
        <v>111.6</v>
      </c>
      <c r="AA18630" s="5">
        <v>7</v>
      </c>
      <c r="AB18630" s="5" t="s">
        <v>43</v>
      </c>
      <c r="AC18630" s="5" t="s">
        <v>735</v>
      </c>
      <c r="AD18630" s="2" t="s">
        <v>57454</v>
      </c>
      <c r="AE18630" s="1"/>
    </row>
    <row r="18631" spans="1:31" ht="14.45">
      <c r="A18631" s="11"/>
      <c r="B18631" s="20"/>
      <c r="C18631" s="2" t="s">
        <v>57455</v>
      </c>
      <c r="D18631" s="14" t="s">
        <v>57456</v>
      </c>
      <c r="E18631" s="2" t="s">
        <v>57457</v>
      </c>
      <c r="F18631" s="2" t="s">
        <v>57458</v>
      </c>
      <c r="G18631" s="8">
        <v>1205</v>
      </c>
      <c r="H18631" s="5">
        <v>10</v>
      </c>
      <c r="I18631" s="5" t="s">
        <v>69</v>
      </c>
      <c r="J18631" s="5" t="s">
        <v>55802</v>
      </c>
      <c r="K18631" s="2" t="s">
        <v>55803</v>
      </c>
      <c r="L18631" s="5" t="s">
        <v>55802</v>
      </c>
      <c r="M18631" s="2" t="s">
        <v>55803</v>
      </c>
      <c r="N18631" s="5" t="s">
        <v>733</v>
      </c>
      <c r="O18631" s="5" t="s">
        <v>38</v>
      </c>
      <c r="P18631" s="5" t="s">
        <v>39</v>
      </c>
      <c r="Q18631" s="5" t="s">
        <v>40</v>
      </c>
      <c r="R18631" s="5" t="s">
        <v>897</v>
      </c>
      <c r="S18631" s="5" t="s">
        <v>40</v>
      </c>
      <c r="T18631" s="5" t="s">
        <v>42</v>
      </c>
      <c r="U18631" s="2">
        <v>40.128999999999998</v>
      </c>
      <c r="V18631" s="2">
        <v>37.518999999999998</v>
      </c>
      <c r="W18631" s="2">
        <v>0.153</v>
      </c>
      <c r="X18631" s="2">
        <v>17</v>
      </c>
      <c r="Y18631" s="2">
        <v>80.7</v>
      </c>
      <c r="Z18631" s="2">
        <v>111.6</v>
      </c>
      <c r="AA18631" s="5">
        <v>7</v>
      </c>
      <c r="AB18631" s="5" t="s">
        <v>43</v>
      </c>
      <c r="AC18631" s="5" t="s">
        <v>735</v>
      </c>
      <c r="AD18631" s="2" t="s">
        <v>57459</v>
      </c>
      <c r="AE18631" s="1"/>
    </row>
    <row r="18632" spans="1:31" ht="14.45">
      <c r="A18632" s="11"/>
      <c r="B18632" s="20"/>
      <c r="C18632" s="2" t="s">
        <v>57460</v>
      </c>
      <c r="D18632" s="14" t="s">
        <v>57461</v>
      </c>
      <c r="E18632" s="2" t="s">
        <v>57462</v>
      </c>
      <c r="F18632" s="2" t="s">
        <v>57463</v>
      </c>
      <c r="G18632" s="8">
        <v>1505</v>
      </c>
      <c r="H18632" s="5">
        <v>5</v>
      </c>
      <c r="I18632" s="5" t="s">
        <v>69</v>
      </c>
      <c r="J18632" s="5" t="s">
        <v>55802</v>
      </c>
      <c r="K18632" s="2" t="s">
        <v>55803</v>
      </c>
      <c r="L18632" s="5" t="s">
        <v>55802</v>
      </c>
      <c r="M18632" s="2" t="s">
        <v>55803</v>
      </c>
      <c r="N18632" s="5" t="s">
        <v>733</v>
      </c>
      <c r="O18632" s="5" t="s">
        <v>38</v>
      </c>
      <c r="P18632" s="5" t="s">
        <v>39</v>
      </c>
      <c r="Q18632" s="5" t="s">
        <v>40</v>
      </c>
      <c r="R18632" s="5" t="s">
        <v>897</v>
      </c>
      <c r="S18632" s="5" t="s">
        <v>40</v>
      </c>
      <c r="T18632" s="5" t="s">
        <v>42</v>
      </c>
      <c r="U18632" s="2">
        <v>42.027000000000001</v>
      </c>
      <c r="V18632" s="2">
        <v>39.293999999999997</v>
      </c>
      <c r="W18632" s="2">
        <v>0.153</v>
      </c>
      <c r="X18632" s="2">
        <v>17</v>
      </c>
      <c r="Y18632" s="2">
        <v>80.7</v>
      </c>
      <c r="Z18632" s="2">
        <v>111.6</v>
      </c>
      <c r="AA18632" s="5">
        <v>7</v>
      </c>
      <c r="AB18632" s="5" t="s">
        <v>43</v>
      </c>
      <c r="AC18632" s="5" t="s">
        <v>735</v>
      </c>
      <c r="AD18632" s="2" t="s">
        <v>57464</v>
      </c>
      <c r="AE18632" s="1"/>
    </row>
    <row r="18633" spans="1:31" ht="14.45">
      <c r="A18633" s="11"/>
      <c r="B18633" s="20"/>
      <c r="C18633" s="2" t="s">
        <v>57465</v>
      </c>
      <c r="D18633" s="14" t="s">
        <v>57466</v>
      </c>
      <c r="E18633" s="2" t="s">
        <v>57467</v>
      </c>
      <c r="F18633" s="2" t="s">
        <v>57463</v>
      </c>
      <c r="G18633" s="8">
        <v>1505</v>
      </c>
      <c r="H18633" s="5">
        <v>10</v>
      </c>
      <c r="I18633" s="5" t="s">
        <v>69</v>
      </c>
      <c r="J18633" s="5" t="s">
        <v>55802</v>
      </c>
      <c r="K18633" s="2" t="s">
        <v>55803</v>
      </c>
      <c r="L18633" s="5" t="s">
        <v>55802</v>
      </c>
      <c r="M18633" s="2" t="s">
        <v>55803</v>
      </c>
      <c r="N18633" s="5" t="s">
        <v>733</v>
      </c>
      <c r="O18633" s="5" t="s">
        <v>38</v>
      </c>
      <c r="P18633" s="5" t="s">
        <v>39</v>
      </c>
      <c r="Q18633" s="5" t="s">
        <v>40</v>
      </c>
      <c r="R18633" s="5" t="s">
        <v>897</v>
      </c>
      <c r="S18633" s="5" t="s">
        <v>40</v>
      </c>
      <c r="T18633" s="5" t="s">
        <v>42</v>
      </c>
      <c r="U18633" s="2">
        <v>42.277999999999999</v>
      </c>
      <c r="V18633" s="2">
        <v>39.459000000000003</v>
      </c>
      <c r="W18633" s="2">
        <v>0.153</v>
      </c>
      <c r="X18633" s="2">
        <v>17</v>
      </c>
      <c r="Y18633" s="2">
        <v>80.7</v>
      </c>
      <c r="Z18633" s="2">
        <v>111.6</v>
      </c>
      <c r="AA18633" s="5">
        <v>7</v>
      </c>
      <c r="AB18633" s="5" t="s">
        <v>43</v>
      </c>
      <c r="AC18633" s="5" t="s">
        <v>735</v>
      </c>
      <c r="AD18633" s="2" t="s">
        <v>57468</v>
      </c>
      <c r="AE18633" s="1"/>
    </row>
    <row r="18634" spans="1:31" ht="14.45">
      <c r="A18634" s="11"/>
      <c r="B18634" s="20"/>
      <c r="C18634" s="2" t="s">
        <v>57469</v>
      </c>
      <c r="D18634" s="14" t="s">
        <v>57470</v>
      </c>
      <c r="E18634" s="2" t="s">
        <v>57471</v>
      </c>
      <c r="F18634" s="2" t="s">
        <v>57472</v>
      </c>
      <c r="G18634" s="8">
        <v>969</v>
      </c>
      <c r="H18634" s="5">
        <v>10</v>
      </c>
      <c r="I18634" s="5" t="s">
        <v>69</v>
      </c>
      <c r="J18634" s="5" t="s">
        <v>55802</v>
      </c>
      <c r="K18634" s="2" t="s">
        <v>55803</v>
      </c>
      <c r="L18634" s="5" t="s">
        <v>55802</v>
      </c>
      <c r="M18634" s="2" t="s">
        <v>55803</v>
      </c>
      <c r="N18634" s="5" t="s">
        <v>733</v>
      </c>
      <c r="O18634" s="5" t="s">
        <v>38</v>
      </c>
      <c r="P18634" s="5" t="s">
        <v>39</v>
      </c>
      <c r="Q18634" s="5" t="s">
        <v>40</v>
      </c>
      <c r="R18634" s="5" t="s">
        <v>897</v>
      </c>
      <c r="S18634" s="5" t="s">
        <v>40</v>
      </c>
      <c r="T18634" s="5" t="s">
        <v>42</v>
      </c>
      <c r="U18634" s="2">
        <v>35.646000000000001</v>
      </c>
      <c r="V18634" s="2">
        <v>33.036000000000001</v>
      </c>
      <c r="W18634" s="2">
        <v>0.153</v>
      </c>
      <c r="X18634" s="2">
        <v>17</v>
      </c>
      <c r="Y18634" s="2">
        <v>80.7</v>
      </c>
      <c r="Z18634" s="2">
        <v>111.6</v>
      </c>
      <c r="AA18634" s="5">
        <v>7</v>
      </c>
      <c r="AB18634" s="5" t="s">
        <v>43</v>
      </c>
      <c r="AC18634" s="5" t="s">
        <v>735</v>
      </c>
      <c r="AD18634" s="2" t="s">
        <v>57473</v>
      </c>
      <c r="AE18634" s="1"/>
    </row>
    <row r="18635" spans="1:31" ht="14.45">
      <c r="A18635" s="11"/>
      <c r="B18635" s="20"/>
      <c r="C18635" s="2" t="s">
        <v>57474</v>
      </c>
      <c r="D18635" s="14" t="s">
        <v>57475</v>
      </c>
      <c r="E18635" s="2" t="s">
        <v>57476</v>
      </c>
      <c r="F18635" s="2" t="s">
        <v>57477</v>
      </c>
      <c r="G18635" s="8">
        <v>1269</v>
      </c>
      <c r="H18635" s="5">
        <v>10</v>
      </c>
      <c r="I18635" s="5" t="s">
        <v>69</v>
      </c>
      <c r="J18635" s="5" t="s">
        <v>55802</v>
      </c>
      <c r="K18635" s="2" t="s">
        <v>55803</v>
      </c>
      <c r="L18635" s="5" t="s">
        <v>55802</v>
      </c>
      <c r="M18635" s="2" t="s">
        <v>55803</v>
      </c>
      <c r="N18635" s="5" t="s">
        <v>733</v>
      </c>
      <c r="O18635" s="5" t="s">
        <v>38</v>
      </c>
      <c r="P18635" s="5" t="s">
        <v>39</v>
      </c>
      <c r="Q18635" s="5" t="s">
        <v>40</v>
      </c>
      <c r="R18635" s="5" t="s">
        <v>897</v>
      </c>
      <c r="S18635" s="5" t="s">
        <v>40</v>
      </c>
      <c r="T18635" s="5" t="s">
        <v>42</v>
      </c>
      <c r="U18635" s="2">
        <v>37.552</v>
      </c>
      <c r="V18635" s="2">
        <v>34.811</v>
      </c>
      <c r="W18635" s="2">
        <v>0.153</v>
      </c>
      <c r="X18635" s="2">
        <v>17</v>
      </c>
      <c r="Y18635" s="2">
        <v>80.7</v>
      </c>
      <c r="Z18635" s="2">
        <v>111.6</v>
      </c>
      <c r="AA18635" s="5">
        <v>7</v>
      </c>
      <c r="AB18635" s="5" t="s">
        <v>43</v>
      </c>
      <c r="AC18635" s="5" t="s">
        <v>735</v>
      </c>
      <c r="AD18635" s="2" t="s">
        <v>57478</v>
      </c>
      <c r="AE18635" s="1"/>
    </row>
    <row r="18636" spans="1:31" ht="14.45">
      <c r="A18636" s="11"/>
      <c r="B18636" s="20"/>
      <c r="C18636" s="2" t="s">
        <v>57479</v>
      </c>
      <c r="D18636" s="14" t="s">
        <v>57480</v>
      </c>
      <c r="E18636" s="2" t="s">
        <v>57481</v>
      </c>
      <c r="F18636" s="2" t="s">
        <v>57477</v>
      </c>
      <c r="G18636" s="8">
        <v>1269</v>
      </c>
      <c r="H18636" s="5">
        <v>10</v>
      </c>
      <c r="I18636" s="5" t="s">
        <v>69</v>
      </c>
      <c r="J18636" s="5" t="s">
        <v>55802</v>
      </c>
      <c r="K18636" s="2" t="s">
        <v>55803</v>
      </c>
      <c r="L18636" s="5" t="s">
        <v>55802</v>
      </c>
      <c r="M18636" s="2" t="s">
        <v>55803</v>
      </c>
      <c r="N18636" s="5" t="s">
        <v>733</v>
      </c>
      <c r="O18636" s="5" t="s">
        <v>38</v>
      </c>
      <c r="P18636" s="5" t="s">
        <v>39</v>
      </c>
      <c r="Q18636" s="5" t="s">
        <v>40</v>
      </c>
      <c r="R18636" s="5" t="s">
        <v>897</v>
      </c>
      <c r="S18636" s="5" t="s">
        <v>40</v>
      </c>
      <c r="T18636" s="5" t="s">
        <v>42</v>
      </c>
      <c r="U18636" s="2">
        <v>37.802999999999997</v>
      </c>
      <c r="V18636" s="2">
        <v>34.975999999999999</v>
      </c>
      <c r="W18636" s="2">
        <v>0.153</v>
      </c>
      <c r="X18636" s="2">
        <v>17</v>
      </c>
      <c r="Y18636" s="2">
        <v>80.7</v>
      </c>
      <c r="Z18636" s="2">
        <v>111.6</v>
      </c>
      <c r="AA18636" s="5">
        <v>7</v>
      </c>
      <c r="AB18636" s="5" t="s">
        <v>43</v>
      </c>
      <c r="AC18636" s="5" t="s">
        <v>735</v>
      </c>
      <c r="AD18636" s="2" t="s">
        <v>57482</v>
      </c>
      <c r="AE18636" s="1"/>
    </row>
    <row r="18637" spans="1:31" ht="14.45">
      <c r="A18637" s="11"/>
      <c r="B18637" s="20"/>
      <c r="C18637" s="2" t="s">
        <v>57483</v>
      </c>
      <c r="D18637" s="14" t="s">
        <v>57484</v>
      </c>
      <c r="E18637" s="2" t="s">
        <v>57485</v>
      </c>
      <c r="F18637" s="2" t="s">
        <v>57486</v>
      </c>
      <c r="G18637" s="8">
        <v>1136</v>
      </c>
      <c r="H18637" s="5">
        <v>5</v>
      </c>
      <c r="I18637" s="5" t="s">
        <v>69</v>
      </c>
      <c r="J18637" s="5" t="s">
        <v>55802</v>
      </c>
      <c r="K18637" s="2" t="s">
        <v>55803</v>
      </c>
      <c r="L18637" s="5" t="s">
        <v>55802</v>
      </c>
      <c r="M18637" s="2" t="s">
        <v>55803</v>
      </c>
      <c r="N18637" s="5" t="s">
        <v>733</v>
      </c>
      <c r="O18637" s="5" t="s">
        <v>38</v>
      </c>
      <c r="P18637" s="5" t="s">
        <v>39</v>
      </c>
      <c r="Q18637" s="5" t="s">
        <v>40</v>
      </c>
      <c r="R18637" s="5" t="s">
        <v>897</v>
      </c>
      <c r="S18637" s="5" t="s">
        <v>40</v>
      </c>
      <c r="T18637" s="5" t="s">
        <v>42</v>
      </c>
      <c r="U18637" s="2">
        <v>40.101999999999997</v>
      </c>
      <c r="V18637" s="2">
        <v>37.491999999999997</v>
      </c>
      <c r="W18637" s="2">
        <v>0.153</v>
      </c>
      <c r="X18637" s="2">
        <v>17</v>
      </c>
      <c r="Y18637" s="2">
        <v>80.7</v>
      </c>
      <c r="Z18637" s="2">
        <v>111.6</v>
      </c>
      <c r="AA18637" s="5">
        <v>7</v>
      </c>
      <c r="AB18637" s="5" t="s">
        <v>43</v>
      </c>
      <c r="AC18637" s="5" t="s">
        <v>735</v>
      </c>
      <c r="AD18637" s="2" t="s">
        <v>57487</v>
      </c>
      <c r="AE18637" s="1"/>
    </row>
    <row r="18638" spans="1:31" ht="14.45">
      <c r="A18638" s="11"/>
      <c r="B18638" s="20"/>
      <c r="C18638" s="2" t="s">
        <v>57488</v>
      </c>
      <c r="D18638" s="14" t="s">
        <v>57489</v>
      </c>
      <c r="E18638" s="2" t="s">
        <v>57490</v>
      </c>
      <c r="F18638" s="2" t="s">
        <v>57486</v>
      </c>
      <c r="G18638" s="8">
        <v>1436</v>
      </c>
      <c r="H18638" s="5">
        <v>5</v>
      </c>
      <c r="I18638" s="5" t="s">
        <v>69</v>
      </c>
      <c r="J18638" s="5" t="s">
        <v>55802</v>
      </c>
      <c r="K18638" s="2" t="s">
        <v>55803</v>
      </c>
      <c r="L18638" s="5" t="s">
        <v>55802</v>
      </c>
      <c r="M18638" s="2" t="s">
        <v>55803</v>
      </c>
      <c r="N18638" s="5" t="s">
        <v>733</v>
      </c>
      <c r="O18638" s="5" t="s">
        <v>38</v>
      </c>
      <c r="P18638" s="5" t="s">
        <v>39</v>
      </c>
      <c r="Q18638" s="5" t="s">
        <v>40</v>
      </c>
      <c r="R18638" s="5" t="s">
        <v>897</v>
      </c>
      <c r="S18638" s="5" t="s">
        <v>40</v>
      </c>
      <c r="T18638" s="5" t="s">
        <v>42</v>
      </c>
      <c r="U18638" s="2">
        <v>42</v>
      </c>
      <c r="V18638" s="2">
        <v>39.267000000000003</v>
      </c>
      <c r="W18638" s="2">
        <v>0.153</v>
      </c>
      <c r="X18638" s="2">
        <v>17</v>
      </c>
      <c r="Y18638" s="2">
        <v>80.7</v>
      </c>
      <c r="Z18638" s="2">
        <v>111.6</v>
      </c>
      <c r="AA18638" s="5">
        <v>7</v>
      </c>
      <c r="AB18638" s="5" t="s">
        <v>43</v>
      </c>
      <c r="AC18638" s="5" t="s">
        <v>735</v>
      </c>
      <c r="AD18638" s="2" t="s">
        <v>57491</v>
      </c>
      <c r="AE18638" s="1"/>
    </row>
    <row r="18639" spans="1:31" ht="14.45">
      <c r="A18639" s="11"/>
      <c r="B18639" s="20"/>
      <c r="C18639" s="2" t="s">
        <v>57492</v>
      </c>
      <c r="D18639" s="14" t="s">
        <v>57493</v>
      </c>
      <c r="E18639" s="2" t="s">
        <v>57494</v>
      </c>
      <c r="F18639" s="2" t="s">
        <v>57486</v>
      </c>
      <c r="G18639" s="8">
        <v>1436</v>
      </c>
      <c r="H18639" s="5">
        <v>5</v>
      </c>
      <c r="I18639" s="5" t="s">
        <v>69</v>
      </c>
      <c r="J18639" s="5" t="s">
        <v>55802</v>
      </c>
      <c r="K18639" s="2" t="s">
        <v>55803</v>
      </c>
      <c r="L18639" s="5" t="s">
        <v>55802</v>
      </c>
      <c r="M18639" s="2" t="s">
        <v>55803</v>
      </c>
      <c r="N18639" s="5" t="s">
        <v>733</v>
      </c>
      <c r="O18639" s="5" t="s">
        <v>38</v>
      </c>
      <c r="P18639" s="5" t="s">
        <v>39</v>
      </c>
      <c r="Q18639" s="5" t="s">
        <v>40</v>
      </c>
      <c r="R18639" s="5" t="s">
        <v>897</v>
      </c>
      <c r="S18639" s="5" t="s">
        <v>40</v>
      </c>
      <c r="T18639" s="5" t="s">
        <v>42</v>
      </c>
      <c r="U18639" s="2">
        <v>42.250999999999998</v>
      </c>
      <c r="V18639" s="2">
        <v>39.432000000000002</v>
      </c>
      <c r="W18639" s="2">
        <v>0.153</v>
      </c>
      <c r="X18639" s="2">
        <v>17</v>
      </c>
      <c r="Y18639" s="2">
        <v>80.7</v>
      </c>
      <c r="Z18639" s="2">
        <v>111.6</v>
      </c>
      <c r="AA18639" s="5">
        <v>7</v>
      </c>
      <c r="AB18639" s="5" t="s">
        <v>43</v>
      </c>
      <c r="AC18639" s="5" t="s">
        <v>735</v>
      </c>
      <c r="AD18639" s="2" t="s">
        <v>57495</v>
      </c>
      <c r="AE18639" s="1"/>
    </row>
    <row r="18640" spans="1:31" ht="14.45">
      <c r="A18640" s="11"/>
      <c r="B18640" s="20"/>
      <c r="C18640" s="2" t="s">
        <v>57496</v>
      </c>
      <c r="D18640" s="14" t="s">
        <v>57497</v>
      </c>
      <c r="E18640" s="2" t="s">
        <v>57498</v>
      </c>
      <c r="F18640" s="2" t="s">
        <v>57499</v>
      </c>
      <c r="G18640" s="8">
        <v>1205</v>
      </c>
      <c r="H18640" s="5">
        <v>10</v>
      </c>
      <c r="I18640" s="5" t="s">
        <v>69</v>
      </c>
      <c r="J18640" s="5" t="s">
        <v>55802</v>
      </c>
      <c r="K18640" s="2" t="s">
        <v>55803</v>
      </c>
      <c r="L18640" s="5" t="s">
        <v>55802</v>
      </c>
      <c r="M18640" s="2" t="s">
        <v>55803</v>
      </c>
      <c r="N18640" s="5" t="s">
        <v>733</v>
      </c>
      <c r="O18640" s="5" t="s">
        <v>38</v>
      </c>
      <c r="P18640" s="5" t="s">
        <v>39</v>
      </c>
      <c r="Q18640" s="5" t="s">
        <v>40</v>
      </c>
      <c r="R18640" s="5" t="s">
        <v>897</v>
      </c>
      <c r="S18640" s="5" t="s">
        <v>40</v>
      </c>
      <c r="T18640" s="5" t="s">
        <v>42</v>
      </c>
      <c r="U18640" s="2">
        <v>39.362000000000002</v>
      </c>
      <c r="V18640" s="2">
        <v>36.752000000000002</v>
      </c>
      <c r="W18640" s="2">
        <v>0.153</v>
      </c>
      <c r="X18640" s="2">
        <v>17</v>
      </c>
      <c r="Y18640" s="2">
        <v>80.7</v>
      </c>
      <c r="Z18640" s="2">
        <v>111.6</v>
      </c>
      <c r="AA18640" s="5">
        <v>7</v>
      </c>
      <c r="AB18640" s="5" t="s">
        <v>43</v>
      </c>
      <c r="AC18640" s="5" t="s">
        <v>735</v>
      </c>
      <c r="AD18640" s="2" t="s">
        <v>57500</v>
      </c>
      <c r="AE18640" s="1"/>
    </row>
    <row r="18641" spans="1:31" ht="14.45">
      <c r="A18641" s="11"/>
      <c r="B18641" s="20"/>
      <c r="C18641" s="2" t="s">
        <v>57501</v>
      </c>
      <c r="D18641" s="14" t="s">
        <v>57502</v>
      </c>
      <c r="E18641" s="2" t="s">
        <v>57503</v>
      </c>
      <c r="F18641" s="2" t="s">
        <v>57504</v>
      </c>
      <c r="G18641" s="8">
        <v>1505</v>
      </c>
      <c r="H18641" s="5">
        <v>10</v>
      </c>
      <c r="I18641" s="5" t="s">
        <v>69</v>
      </c>
      <c r="J18641" s="5" t="s">
        <v>55802</v>
      </c>
      <c r="K18641" s="2" t="s">
        <v>55803</v>
      </c>
      <c r="L18641" s="5" t="s">
        <v>55802</v>
      </c>
      <c r="M18641" s="2" t="s">
        <v>55803</v>
      </c>
      <c r="N18641" s="5" t="s">
        <v>733</v>
      </c>
      <c r="O18641" s="5" t="s">
        <v>38</v>
      </c>
      <c r="P18641" s="5" t="s">
        <v>39</v>
      </c>
      <c r="Q18641" s="5" t="s">
        <v>40</v>
      </c>
      <c r="R18641" s="5" t="s">
        <v>897</v>
      </c>
      <c r="S18641" s="5" t="s">
        <v>40</v>
      </c>
      <c r="T18641" s="5" t="s">
        <v>42</v>
      </c>
      <c r="U18641" s="2">
        <v>41.26</v>
      </c>
      <c r="V18641" s="2">
        <v>38.527000000000001</v>
      </c>
      <c r="W18641" s="2">
        <v>0.153</v>
      </c>
      <c r="X18641" s="2">
        <v>17</v>
      </c>
      <c r="Y18641" s="2">
        <v>80.7</v>
      </c>
      <c r="Z18641" s="2">
        <v>111.6</v>
      </c>
      <c r="AA18641" s="5">
        <v>7</v>
      </c>
      <c r="AB18641" s="5" t="s">
        <v>43</v>
      </c>
      <c r="AC18641" s="5" t="s">
        <v>735</v>
      </c>
      <c r="AD18641" s="2" t="s">
        <v>57505</v>
      </c>
      <c r="AE18641" s="1"/>
    </row>
    <row r="18642" spans="1:31" ht="14.45">
      <c r="A18642" s="11"/>
      <c r="B18642" s="20"/>
      <c r="C18642" s="2" t="s">
        <v>57506</v>
      </c>
      <c r="D18642" s="14" t="s">
        <v>57507</v>
      </c>
      <c r="E18642" s="2" t="s">
        <v>57508</v>
      </c>
      <c r="F18642" s="2" t="s">
        <v>57504</v>
      </c>
      <c r="G18642" s="8">
        <v>1505</v>
      </c>
      <c r="H18642" s="5">
        <v>10</v>
      </c>
      <c r="I18642" s="5" t="s">
        <v>69</v>
      </c>
      <c r="J18642" s="5" t="s">
        <v>55802</v>
      </c>
      <c r="K18642" s="2" t="s">
        <v>55803</v>
      </c>
      <c r="L18642" s="5" t="s">
        <v>55802</v>
      </c>
      <c r="M18642" s="2" t="s">
        <v>55803</v>
      </c>
      <c r="N18642" s="5" t="s">
        <v>733</v>
      </c>
      <c r="O18642" s="5" t="s">
        <v>38</v>
      </c>
      <c r="P18642" s="5" t="s">
        <v>39</v>
      </c>
      <c r="Q18642" s="5" t="s">
        <v>40</v>
      </c>
      <c r="R18642" s="5" t="s">
        <v>897</v>
      </c>
      <c r="S18642" s="5" t="s">
        <v>40</v>
      </c>
      <c r="T18642" s="5" t="s">
        <v>42</v>
      </c>
      <c r="U18642" s="2">
        <v>41.511000000000003</v>
      </c>
      <c r="V18642" s="2">
        <v>38.692</v>
      </c>
      <c r="W18642" s="2">
        <v>0.153</v>
      </c>
      <c r="X18642" s="2">
        <v>17</v>
      </c>
      <c r="Y18642" s="2">
        <v>80.7</v>
      </c>
      <c r="Z18642" s="2">
        <v>111.6</v>
      </c>
      <c r="AA18642" s="5">
        <v>7</v>
      </c>
      <c r="AB18642" s="5" t="s">
        <v>43</v>
      </c>
      <c r="AC18642" s="5" t="s">
        <v>735</v>
      </c>
      <c r="AD18642" s="2" t="s">
        <v>57509</v>
      </c>
      <c r="AE18642" s="1"/>
    </row>
    <row r="18643" spans="1:31" ht="14.45">
      <c r="A18643" s="11"/>
      <c r="B18643" s="20"/>
      <c r="C18643" s="2" t="s">
        <v>57510</v>
      </c>
      <c r="D18643" s="14" t="s">
        <v>57511</v>
      </c>
      <c r="E18643" s="2" t="s">
        <v>57512</v>
      </c>
      <c r="F18643" s="2" t="s">
        <v>57513</v>
      </c>
      <c r="G18643" s="8">
        <v>969</v>
      </c>
      <c r="H18643" s="5">
        <v>10</v>
      </c>
      <c r="I18643" s="5" t="s">
        <v>69</v>
      </c>
      <c r="J18643" s="5" t="s">
        <v>55802</v>
      </c>
      <c r="K18643" s="2" t="s">
        <v>55803</v>
      </c>
      <c r="L18643" s="5" t="s">
        <v>55802</v>
      </c>
      <c r="M18643" s="2" t="s">
        <v>55803</v>
      </c>
      <c r="N18643" s="5" t="s">
        <v>733</v>
      </c>
      <c r="O18643" s="5" t="s">
        <v>38</v>
      </c>
      <c r="P18643" s="5" t="s">
        <v>39</v>
      </c>
      <c r="Q18643" s="5" t="s">
        <v>40</v>
      </c>
      <c r="R18643" s="5" t="s">
        <v>897</v>
      </c>
      <c r="S18643" s="5" t="s">
        <v>40</v>
      </c>
      <c r="T18643" s="5" t="s">
        <v>42</v>
      </c>
      <c r="U18643" s="2">
        <v>34.880000000000003</v>
      </c>
      <c r="V18643" s="2">
        <v>32.270000000000003</v>
      </c>
      <c r="W18643" s="2">
        <v>0.153</v>
      </c>
      <c r="X18643" s="2">
        <v>17</v>
      </c>
      <c r="Y18643" s="2">
        <v>80.7</v>
      </c>
      <c r="Z18643" s="2">
        <v>111.6</v>
      </c>
      <c r="AA18643" s="5">
        <v>7</v>
      </c>
      <c r="AB18643" s="5" t="s">
        <v>43</v>
      </c>
      <c r="AC18643" s="5" t="s">
        <v>735</v>
      </c>
      <c r="AD18643" s="2" t="s">
        <v>57514</v>
      </c>
      <c r="AE18643" s="1"/>
    </row>
    <row r="18644" spans="1:31" ht="14.45">
      <c r="A18644" s="11"/>
      <c r="B18644" s="20"/>
      <c r="C18644" s="2" t="s">
        <v>57515</v>
      </c>
      <c r="D18644" s="14" t="s">
        <v>57516</v>
      </c>
      <c r="E18644" s="2" t="s">
        <v>57517</v>
      </c>
      <c r="F18644" s="2" t="s">
        <v>57513</v>
      </c>
      <c r="G18644" s="8">
        <v>1269</v>
      </c>
      <c r="H18644" s="5">
        <v>10</v>
      </c>
      <c r="I18644" s="5" t="s">
        <v>69</v>
      </c>
      <c r="J18644" s="5" t="s">
        <v>55802</v>
      </c>
      <c r="K18644" s="2" t="s">
        <v>55803</v>
      </c>
      <c r="L18644" s="5" t="s">
        <v>55802</v>
      </c>
      <c r="M18644" s="2" t="s">
        <v>55803</v>
      </c>
      <c r="N18644" s="5" t="s">
        <v>733</v>
      </c>
      <c r="O18644" s="5" t="s">
        <v>38</v>
      </c>
      <c r="P18644" s="5" t="s">
        <v>39</v>
      </c>
      <c r="Q18644" s="5" t="s">
        <v>40</v>
      </c>
      <c r="R18644" s="5" t="s">
        <v>897</v>
      </c>
      <c r="S18644" s="5" t="s">
        <v>40</v>
      </c>
      <c r="T18644" s="5" t="s">
        <v>42</v>
      </c>
      <c r="U18644" s="2">
        <v>36.786000000000001</v>
      </c>
      <c r="V18644" s="2">
        <v>34.045000000000002</v>
      </c>
      <c r="W18644" s="2">
        <v>0.153</v>
      </c>
      <c r="X18644" s="2">
        <v>17</v>
      </c>
      <c r="Y18644" s="2">
        <v>80.7</v>
      </c>
      <c r="Z18644" s="2">
        <v>111.6</v>
      </c>
      <c r="AA18644" s="5">
        <v>7</v>
      </c>
      <c r="AB18644" s="5" t="s">
        <v>43</v>
      </c>
      <c r="AC18644" s="5" t="s">
        <v>735</v>
      </c>
      <c r="AD18644" s="2" t="s">
        <v>57518</v>
      </c>
      <c r="AE18644" s="1"/>
    </row>
    <row r="18645" spans="1:31" ht="14.45">
      <c r="A18645" s="11"/>
      <c r="B18645" s="20"/>
      <c r="C18645" s="2" t="s">
        <v>57519</v>
      </c>
      <c r="D18645" s="14" t="s">
        <v>57520</v>
      </c>
      <c r="E18645" s="2" t="s">
        <v>57521</v>
      </c>
      <c r="F18645" s="2" t="s">
        <v>57513</v>
      </c>
      <c r="G18645" s="8">
        <v>1269</v>
      </c>
      <c r="H18645" s="5">
        <v>10</v>
      </c>
      <c r="I18645" s="5" t="s">
        <v>69</v>
      </c>
      <c r="J18645" s="5" t="s">
        <v>55802</v>
      </c>
      <c r="K18645" s="2" t="s">
        <v>55803</v>
      </c>
      <c r="L18645" s="5" t="s">
        <v>55802</v>
      </c>
      <c r="M18645" s="2" t="s">
        <v>55803</v>
      </c>
      <c r="N18645" s="5" t="s">
        <v>733</v>
      </c>
      <c r="O18645" s="5" t="s">
        <v>38</v>
      </c>
      <c r="P18645" s="5" t="s">
        <v>39</v>
      </c>
      <c r="Q18645" s="5" t="s">
        <v>40</v>
      </c>
      <c r="R18645" s="5" t="s">
        <v>897</v>
      </c>
      <c r="S18645" s="5" t="s">
        <v>40</v>
      </c>
      <c r="T18645" s="5" t="s">
        <v>42</v>
      </c>
      <c r="U18645" s="2">
        <v>37.036999999999999</v>
      </c>
      <c r="V18645" s="2">
        <v>34.21</v>
      </c>
      <c r="W18645" s="2">
        <v>0.153</v>
      </c>
      <c r="X18645" s="2">
        <v>17</v>
      </c>
      <c r="Y18645" s="2">
        <v>80.7</v>
      </c>
      <c r="Z18645" s="2">
        <v>111.6</v>
      </c>
      <c r="AA18645" s="5">
        <v>7</v>
      </c>
      <c r="AB18645" s="5" t="s">
        <v>43</v>
      </c>
      <c r="AC18645" s="5" t="s">
        <v>735</v>
      </c>
      <c r="AD18645" s="2" t="s">
        <v>57522</v>
      </c>
      <c r="AE18645" s="1"/>
    </row>
    <row r="18646" spans="1:31" ht="14.45">
      <c r="A18646" s="11"/>
      <c r="B18646" s="20"/>
      <c r="C18646" s="2" t="s">
        <v>57523</v>
      </c>
      <c r="D18646" s="14" t="s">
        <v>57524</v>
      </c>
      <c r="E18646" s="2" t="s">
        <v>57525</v>
      </c>
      <c r="F18646" s="2" t="s">
        <v>57526</v>
      </c>
      <c r="G18646" s="8">
        <v>1136</v>
      </c>
      <c r="H18646" s="5">
        <v>10</v>
      </c>
      <c r="I18646" s="5" t="s">
        <v>69</v>
      </c>
      <c r="J18646" s="5" t="s">
        <v>55802</v>
      </c>
      <c r="K18646" s="2" t="s">
        <v>55803</v>
      </c>
      <c r="L18646" s="5" t="s">
        <v>55802</v>
      </c>
      <c r="M18646" s="2" t="s">
        <v>55803</v>
      </c>
      <c r="N18646" s="5" t="s">
        <v>733</v>
      </c>
      <c r="O18646" s="5" t="s">
        <v>38</v>
      </c>
      <c r="P18646" s="5" t="s">
        <v>39</v>
      </c>
      <c r="Q18646" s="5" t="s">
        <v>40</v>
      </c>
      <c r="R18646" s="5" t="s">
        <v>897</v>
      </c>
      <c r="S18646" s="5" t="s">
        <v>40</v>
      </c>
      <c r="T18646" s="5" t="s">
        <v>42</v>
      </c>
      <c r="U18646" s="2">
        <v>39.335000000000001</v>
      </c>
      <c r="V18646" s="2">
        <v>36.725000000000001</v>
      </c>
      <c r="W18646" s="2">
        <v>0.153</v>
      </c>
      <c r="X18646" s="2">
        <v>17</v>
      </c>
      <c r="Y18646" s="2">
        <v>80.7</v>
      </c>
      <c r="Z18646" s="2">
        <v>111.6</v>
      </c>
      <c r="AA18646" s="5">
        <v>7</v>
      </c>
      <c r="AB18646" s="5" t="s">
        <v>43</v>
      </c>
      <c r="AC18646" s="5" t="s">
        <v>735</v>
      </c>
      <c r="AD18646" s="2" t="s">
        <v>57527</v>
      </c>
      <c r="AE18646" s="1"/>
    </row>
    <row r="18647" spans="1:31" ht="14.45">
      <c r="A18647" s="11"/>
      <c r="B18647" s="20"/>
      <c r="C18647" s="2" t="s">
        <v>57528</v>
      </c>
      <c r="D18647" s="14" t="s">
        <v>57529</v>
      </c>
      <c r="E18647" s="2" t="s">
        <v>57530</v>
      </c>
      <c r="F18647" s="2" t="s">
        <v>57526</v>
      </c>
      <c r="G18647" s="8">
        <v>1436</v>
      </c>
      <c r="H18647" s="5">
        <v>5</v>
      </c>
      <c r="I18647" s="5" t="s">
        <v>69</v>
      </c>
      <c r="J18647" s="5" t="s">
        <v>55802</v>
      </c>
      <c r="K18647" s="2" t="s">
        <v>55803</v>
      </c>
      <c r="L18647" s="5" t="s">
        <v>55802</v>
      </c>
      <c r="M18647" s="2" t="s">
        <v>55803</v>
      </c>
      <c r="N18647" s="5" t="s">
        <v>733</v>
      </c>
      <c r="O18647" s="5" t="s">
        <v>38</v>
      </c>
      <c r="P18647" s="5" t="s">
        <v>39</v>
      </c>
      <c r="Q18647" s="5" t="s">
        <v>40</v>
      </c>
      <c r="R18647" s="5" t="s">
        <v>897</v>
      </c>
      <c r="S18647" s="5" t="s">
        <v>40</v>
      </c>
      <c r="T18647" s="5" t="s">
        <v>42</v>
      </c>
      <c r="U18647" s="2">
        <v>41.484000000000002</v>
      </c>
      <c r="V18647" s="2">
        <v>38.664999999999999</v>
      </c>
      <c r="W18647" s="2">
        <v>0.153</v>
      </c>
      <c r="X18647" s="2">
        <v>17</v>
      </c>
      <c r="Y18647" s="2">
        <v>80.7</v>
      </c>
      <c r="Z18647" s="2">
        <v>111.6</v>
      </c>
      <c r="AA18647" s="5">
        <v>7</v>
      </c>
      <c r="AB18647" s="5" t="s">
        <v>43</v>
      </c>
      <c r="AC18647" s="5" t="s">
        <v>735</v>
      </c>
      <c r="AD18647" s="2" t="s">
        <v>57531</v>
      </c>
      <c r="AE18647" s="1"/>
    </row>
    <row r="18648" spans="1:31" ht="14.45">
      <c r="A18648" s="11"/>
      <c r="B18648" s="20"/>
      <c r="C18648" s="2" t="s">
        <v>57532</v>
      </c>
      <c r="D18648" s="14" t="s">
        <v>57533</v>
      </c>
      <c r="E18648" s="2" t="s">
        <v>57534</v>
      </c>
      <c r="F18648" s="2" t="s">
        <v>57535</v>
      </c>
      <c r="G18648" s="8">
        <v>845</v>
      </c>
      <c r="H18648" s="5">
        <v>5</v>
      </c>
      <c r="I18648" s="5" t="s">
        <v>69</v>
      </c>
      <c r="J18648" s="5" t="s">
        <v>55802</v>
      </c>
      <c r="K18648" s="2" t="s">
        <v>55803</v>
      </c>
      <c r="L18648" s="5" t="s">
        <v>55802</v>
      </c>
      <c r="M18648" s="2" t="s">
        <v>55803</v>
      </c>
      <c r="N18648" s="5" t="s">
        <v>733</v>
      </c>
      <c r="O18648" s="5" t="s">
        <v>38</v>
      </c>
      <c r="P18648" s="5" t="s">
        <v>39</v>
      </c>
      <c r="Q18648" s="5" t="s">
        <v>40</v>
      </c>
      <c r="R18648" s="5" t="s">
        <v>897</v>
      </c>
      <c r="S18648" s="5" t="s">
        <v>40</v>
      </c>
      <c r="T18648" s="5" t="s">
        <v>42</v>
      </c>
      <c r="U18648" s="2">
        <v>42.588000000000001</v>
      </c>
      <c r="V18648" s="2">
        <v>39.982999999999997</v>
      </c>
      <c r="W18648" s="2">
        <v>0.153</v>
      </c>
      <c r="X18648" s="2">
        <v>17</v>
      </c>
      <c r="Y18648" s="2">
        <v>80.7</v>
      </c>
      <c r="Z18648" s="2">
        <v>111.6</v>
      </c>
      <c r="AA18648" s="5">
        <v>7</v>
      </c>
      <c r="AB18648" s="5" t="s">
        <v>43</v>
      </c>
      <c r="AC18648" s="5" t="s">
        <v>735</v>
      </c>
      <c r="AD18648" s="2" t="s">
        <v>57536</v>
      </c>
      <c r="AE18648" s="1"/>
    </row>
    <row r="18649" spans="1:31" ht="14.45">
      <c r="A18649" s="11"/>
      <c r="B18649" s="20"/>
      <c r="C18649" s="2" t="s">
        <v>57537</v>
      </c>
      <c r="D18649" s="14" t="s">
        <v>57538</v>
      </c>
      <c r="E18649" s="2" t="s">
        <v>57539</v>
      </c>
      <c r="F18649" s="2" t="s">
        <v>57540</v>
      </c>
      <c r="G18649" s="8">
        <v>1145</v>
      </c>
      <c r="H18649" s="5">
        <v>10</v>
      </c>
      <c r="I18649" s="5" t="s">
        <v>69</v>
      </c>
      <c r="J18649" s="5" t="s">
        <v>55802</v>
      </c>
      <c r="K18649" s="2" t="s">
        <v>55803</v>
      </c>
      <c r="L18649" s="5" t="s">
        <v>55802</v>
      </c>
      <c r="M18649" s="2" t="s">
        <v>55803</v>
      </c>
      <c r="N18649" s="5" t="s">
        <v>733</v>
      </c>
      <c r="O18649" s="5" t="s">
        <v>38</v>
      </c>
      <c r="P18649" s="5" t="s">
        <v>39</v>
      </c>
      <c r="Q18649" s="5" t="s">
        <v>40</v>
      </c>
      <c r="R18649" s="5" t="s">
        <v>897</v>
      </c>
      <c r="S18649" s="5" t="s">
        <v>40</v>
      </c>
      <c r="T18649" s="5" t="s">
        <v>42</v>
      </c>
      <c r="U18649" s="2">
        <v>44.616</v>
      </c>
      <c r="V18649" s="2">
        <v>41.883000000000003</v>
      </c>
      <c r="W18649" s="2">
        <v>0.153</v>
      </c>
      <c r="X18649" s="2">
        <v>17</v>
      </c>
      <c r="Y18649" s="2">
        <v>80.7</v>
      </c>
      <c r="Z18649" s="2">
        <v>111.6</v>
      </c>
      <c r="AA18649" s="5">
        <v>7</v>
      </c>
      <c r="AB18649" s="5" t="s">
        <v>43</v>
      </c>
      <c r="AC18649" s="5" t="s">
        <v>735</v>
      </c>
      <c r="AD18649" s="2" t="s">
        <v>57541</v>
      </c>
      <c r="AE18649" s="1"/>
    </row>
    <row r="18650" spans="1:31" ht="14.45">
      <c r="A18650" s="11"/>
      <c r="B18650" s="20"/>
      <c r="C18650" s="2" t="s">
        <v>57542</v>
      </c>
      <c r="D18650" s="14" t="s">
        <v>57543</v>
      </c>
      <c r="E18650" s="2" t="s">
        <v>57544</v>
      </c>
      <c r="F18650" s="2" t="s">
        <v>57545</v>
      </c>
      <c r="G18650" s="8">
        <v>737</v>
      </c>
      <c r="H18650" s="5">
        <v>5</v>
      </c>
      <c r="I18650" s="5" t="s">
        <v>69</v>
      </c>
      <c r="J18650" s="5" t="s">
        <v>55802</v>
      </c>
      <c r="K18650" s="2" t="s">
        <v>55803</v>
      </c>
      <c r="L18650" s="5" t="s">
        <v>55802</v>
      </c>
      <c r="M18650" s="2" t="s">
        <v>55803</v>
      </c>
      <c r="N18650" s="5" t="s">
        <v>733</v>
      </c>
      <c r="O18650" s="5" t="s">
        <v>38</v>
      </c>
      <c r="P18650" s="5" t="s">
        <v>39</v>
      </c>
      <c r="Q18650" s="5" t="s">
        <v>40</v>
      </c>
      <c r="R18650" s="5" t="s">
        <v>897</v>
      </c>
      <c r="S18650" s="5" t="s">
        <v>40</v>
      </c>
      <c r="T18650" s="5" t="s">
        <v>42</v>
      </c>
      <c r="U18650" s="2">
        <v>37.664000000000001</v>
      </c>
      <c r="V18650" s="2">
        <v>35.058999999999997</v>
      </c>
      <c r="W18650" s="2">
        <v>0.153</v>
      </c>
      <c r="X18650" s="2">
        <v>17</v>
      </c>
      <c r="Y18650" s="2">
        <v>80.7</v>
      </c>
      <c r="Z18650" s="2">
        <v>111.6</v>
      </c>
      <c r="AA18650" s="5">
        <v>7</v>
      </c>
      <c r="AB18650" s="5" t="s">
        <v>43</v>
      </c>
      <c r="AC18650" s="5" t="s">
        <v>735</v>
      </c>
      <c r="AD18650" s="2" t="s">
        <v>57546</v>
      </c>
      <c r="AE18650" s="1"/>
    </row>
    <row r="18651" spans="1:31" ht="14.45">
      <c r="A18651" s="11"/>
      <c r="B18651" s="20"/>
      <c r="C18651" s="2" t="s">
        <v>57547</v>
      </c>
      <c r="D18651" s="14" t="s">
        <v>57548</v>
      </c>
      <c r="E18651" s="2" t="s">
        <v>57549</v>
      </c>
      <c r="F18651" s="2" t="s">
        <v>57550</v>
      </c>
      <c r="G18651" s="8">
        <v>1037</v>
      </c>
      <c r="H18651" s="5">
        <v>5</v>
      </c>
      <c r="I18651" s="5" t="s">
        <v>69</v>
      </c>
      <c r="J18651" s="5" t="s">
        <v>55802</v>
      </c>
      <c r="K18651" s="2" t="s">
        <v>55803</v>
      </c>
      <c r="L18651" s="5" t="s">
        <v>55802</v>
      </c>
      <c r="M18651" s="2" t="s">
        <v>55803</v>
      </c>
      <c r="N18651" s="5" t="s">
        <v>733</v>
      </c>
      <c r="O18651" s="5" t="s">
        <v>38</v>
      </c>
      <c r="P18651" s="5" t="s">
        <v>39</v>
      </c>
      <c r="Q18651" s="5" t="s">
        <v>40</v>
      </c>
      <c r="R18651" s="5" t="s">
        <v>897</v>
      </c>
      <c r="S18651" s="5" t="s">
        <v>40</v>
      </c>
      <c r="T18651" s="5" t="s">
        <v>42</v>
      </c>
      <c r="U18651" s="2">
        <v>39.551000000000002</v>
      </c>
      <c r="V18651" s="2">
        <v>36.817999999999998</v>
      </c>
      <c r="W18651" s="2">
        <v>0.153</v>
      </c>
      <c r="X18651" s="2">
        <v>17</v>
      </c>
      <c r="Y18651" s="2">
        <v>80.7</v>
      </c>
      <c r="Z18651" s="2">
        <v>111.6</v>
      </c>
      <c r="AA18651" s="5">
        <v>7</v>
      </c>
      <c r="AB18651" s="5" t="s">
        <v>43</v>
      </c>
      <c r="AC18651" s="5" t="s">
        <v>735</v>
      </c>
      <c r="AD18651" s="2" t="s">
        <v>57551</v>
      </c>
      <c r="AE18651" s="1"/>
    </row>
    <row r="18652" spans="1:31" ht="14.45">
      <c r="A18652" s="11"/>
      <c r="B18652" s="20"/>
      <c r="C18652" s="2" t="s">
        <v>57552</v>
      </c>
      <c r="D18652" s="14" t="s">
        <v>57553</v>
      </c>
      <c r="E18652" s="2" t="s">
        <v>57554</v>
      </c>
      <c r="F18652" s="2" t="s">
        <v>57550</v>
      </c>
      <c r="G18652" s="8">
        <v>1037</v>
      </c>
      <c r="H18652" s="5">
        <v>10</v>
      </c>
      <c r="I18652" s="5" t="s">
        <v>69</v>
      </c>
      <c r="J18652" s="5" t="s">
        <v>55802</v>
      </c>
      <c r="K18652" s="2" t="s">
        <v>55803</v>
      </c>
      <c r="L18652" s="5" t="s">
        <v>55802</v>
      </c>
      <c r="M18652" s="2" t="s">
        <v>55803</v>
      </c>
      <c r="N18652" s="5" t="s">
        <v>733</v>
      </c>
      <c r="O18652" s="5" t="s">
        <v>38</v>
      </c>
      <c r="P18652" s="5" t="s">
        <v>39</v>
      </c>
      <c r="Q18652" s="5" t="s">
        <v>40</v>
      </c>
      <c r="R18652" s="5" t="s">
        <v>897</v>
      </c>
      <c r="S18652" s="5" t="s">
        <v>40</v>
      </c>
      <c r="T18652" s="5" t="s">
        <v>42</v>
      </c>
      <c r="U18652" s="2">
        <v>39.759</v>
      </c>
      <c r="V18652" s="2">
        <v>36.94</v>
      </c>
      <c r="W18652" s="2">
        <v>0.153</v>
      </c>
      <c r="X18652" s="2">
        <v>17</v>
      </c>
      <c r="Y18652" s="2">
        <v>80.7</v>
      </c>
      <c r="Z18652" s="2">
        <v>111.6</v>
      </c>
      <c r="AA18652" s="5">
        <v>7</v>
      </c>
      <c r="AB18652" s="5" t="s">
        <v>43</v>
      </c>
      <c r="AC18652" s="5" t="s">
        <v>735</v>
      </c>
      <c r="AD18652" s="2" t="s">
        <v>57555</v>
      </c>
      <c r="AE18652" s="1"/>
    </row>
    <row r="18653" spans="1:31" ht="14.45">
      <c r="A18653" s="11"/>
      <c r="B18653" s="20"/>
      <c r="C18653" s="2" t="s">
        <v>57556</v>
      </c>
      <c r="D18653" s="14" t="s">
        <v>57557</v>
      </c>
      <c r="E18653" s="2" t="s">
        <v>57558</v>
      </c>
      <c r="F18653" s="2" t="s">
        <v>57550</v>
      </c>
      <c r="G18653" s="8">
        <v>1284</v>
      </c>
      <c r="H18653" s="5">
        <v>10</v>
      </c>
      <c r="I18653" s="5" t="s">
        <v>69</v>
      </c>
      <c r="J18653" s="5" t="s">
        <v>55802</v>
      </c>
      <c r="K18653" s="2" t="s">
        <v>55803</v>
      </c>
      <c r="L18653" s="5" t="s">
        <v>55802</v>
      </c>
      <c r="M18653" s="2" t="s">
        <v>55803</v>
      </c>
      <c r="N18653" s="5" t="s">
        <v>733</v>
      </c>
      <c r="O18653" s="5" t="s">
        <v>38</v>
      </c>
      <c r="P18653" s="5" t="s">
        <v>39</v>
      </c>
      <c r="Q18653" s="5" t="s">
        <v>40</v>
      </c>
      <c r="R18653" s="5" t="s">
        <v>897</v>
      </c>
      <c r="S18653" s="5" t="s">
        <v>40</v>
      </c>
      <c r="T18653" s="5" t="s">
        <v>42</v>
      </c>
      <c r="U18653" s="2">
        <v>40.037999999999997</v>
      </c>
      <c r="V18653" s="2">
        <v>37.392000000000003</v>
      </c>
      <c r="W18653" s="2">
        <v>0.153</v>
      </c>
      <c r="X18653" s="2">
        <v>17</v>
      </c>
      <c r="Y18653" s="2">
        <v>80.7</v>
      </c>
      <c r="Z18653" s="2">
        <v>111.6</v>
      </c>
      <c r="AA18653" s="5">
        <v>7</v>
      </c>
      <c r="AB18653" s="5" t="s">
        <v>43</v>
      </c>
      <c r="AC18653" s="5" t="s">
        <v>735</v>
      </c>
      <c r="AD18653" s="2" t="s">
        <v>57559</v>
      </c>
      <c r="AE18653" s="1"/>
    </row>
    <row r="18654" spans="1:31" ht="14.45">
      <c r="A18654" s="11"/>
      <c r="B18654" s="20"/>
      <c r="C18654" s="2" t="s">
        <v>57560</v>
      </c>
      <c r="D18654" s="14" t="s">
        <v>57561</v>
      </c>
      <c r="E18654" s="2" t="s">
        <v>57562</v>
      </c>
      <c r="F18654" s="2" t="s">
        <v>57563</v>
      </c>
      <c r="G18654" s="8">
        <v>845</v>
      </c>
      <c r="H18654" s="5">
        <v>10</v>
      </c>
      <c r="I18654" s="5" t="s">
        <v>69</v>
      </c>
      <c r="J18654" s="5" t="s">
        <v>55802</v>
      </c>
      <c r="K18654" s="2" t="s">
        <v>55803</v>
      </c>
      <c r="L18654" s="5" t="s">
        <v>55802</v>
      </c>
      <c r="M18654" s="2" t="s">
        <v>55803</v>
      </c>
      <c r="N18654" s="5" t="s">
        <v>733</v>
      </c>
      <c r="O18654" s="5" t="s">
        <v>38</v>
      </c>
      <c r="P18654" s="5" t="s">
        <v>39</v>
      </c>
      <c r="Q18654" s="5" t="s">
        <v>40</v>
      </c>
      <c r="R18654" s="5" t="s">
        <v>897</v>
      </c>
      <c r="S18654" s="5" t="s">
        <v>40</v>
      </c>
      <c r="T18654" s="5" t="s">
        <v>42</v>
      </c>
      <c r="U18654" s="2">
        <v>37.521999999999998</v>
      </c>
      <c r="V18654" s="2">
        <v>34.911999999999999</v>
      </c>
      <c r="W18654" s="2">
        <v>0.153</v>
      </c>
      <c r="X18654" s="2">
        <v>17</v>
      </c>
      <c r="Y18654" s="2">
        <v>80.7</v>
      </c>
      <c r="Z18654" s="2">
        <v>111.6</v>
      </c>
      <c r="AA18654" s="5">
        <v>7</v>
      </c>
      <c r="AB18654" s="5" t="s">
        <v>43</v>
      </c>
      <c r="AC18654" s="5" t="s">
        <v>735</v>
      </c>
      <c r="AD18654" s="2" t="s">
        <v>57564</v>
      </c>
      <c r="AE18654" s="1"/>
    </row>
    <row r="18655" spans="1:31" ht="14.45">
      <c r="A18655" s="11"/>
      <c r="B18655" s="20"/>
      <c r="C18655" s="2" t="s">
        <v>57565</v>
      </c>
      <c r="D18655" s="14" t="s">
        <v>57566</v>
      </c>
      <c r="E18655" s="2" t="s">
        <v>57567</v>
      </c>
      <c r="F18655" s="2" t="s">
        <v>57563</v>
      </c>
      <c r="G18655" s="8">
        <v>1145</v>
      </c>
      <c r="H18655" s="5">
        <v>10</v>
      </c>
      <c r="I18655" s="5" t="s">
        <v>69</v>
      </c>
      <c r="J18655" s="5" t="s">
        <v>55802</v>
      </c>
      <c r="K18655" s="2" t="s">
        <v>55803</v>
      </c>
      <c r="L18655" s="5" t="s">
        <v>55802</v>
      </c>
      <c r="M18655" s="2" t="s">
        <v>55803</v>
      </c>
      <c r="N18655" s="5" t="s">
        <v>733</v>
      </c>
      <c r="O18655" s="5" t="s">
        <v>38</v>
      </c>
      <c r="P18655" s="5" t="s">
        <v>39</v>
      </c>
      <c r="Q18655" s="5" t="s">
        <v>40</v>
      </c>
      <c r="R18655" s="5" t="s">
        <v>897</v>
      </c>
      <c r="S18655" s="5" t="s">
        <v>40</v>
      </c>
      <c r="T18655" s="5" t="s">
        <v>42</v>
      </c>
      <c r="U18655" s="2">
        <v>39.42</v>
      </c>
      <c r="V18655" s="2">
        <v>36.686999999999998</v>
      </c>
      <c r="W18655" s="2">
        <v>0.153</v>
      </c>
      <c r="X18655" s="2">
        <v>17</v>
      </c>
      <c r="Y18655" s="2">
        <v>80.7</v>
      </c>
      <c r="Z18655" s="2">
        <v>111.6</v>
      </c>
      <c r="AA18655" s="5">
        <v>7</v>
      </c>
      <c r="AB18655" s="5" t="s">
        <v>43</v>
      </c>
      <c r="AC18655" s="5" t="s">
        <v>735</v>
      </c>
      <c r="AD18655" s="2" t="s">
        <v>57568</v>
      </c>
      <c r="AE18655" s="1"/>
    </row>
    <row r="18656" spans="1:31" ht="14.45">
      <c r="A18656" s="11"/>
      <c r="B18656" s="20"/>
      <c r="C18656" s="2" t="s">
        <v>57569</v>
      </c>
      <c r="D18656" s="14" t="s">
        <v>57570</v>
      </c>
      <c r="E18656" s="2" t="s">
        <v>57571</v>
      </c>
      <c r="F18656" s="2" t="s">
        <v>57563</v>
      </c>
      <c r="G18656" s="8">
        <v>1145</v>
      </c>
      <c r="H18656" s="5">
        <v>10</v>
      </c>
      <c r="I18656" s="5" t="s">
        <v>69</v>
      </c>
      <c r="J18656" s="5" t="s">
        <v>55802</v>
      </c>
      <c r="K18656" s="2" t="s">
        <v>55803</v>
      </c>
      <c r="L18656" s="5" t="s">
        <v>55802</v>
      </c>
      <c r="M18656" s="2" t="s">
        <v>55803</v>
      </c>
      <c r="N18656" s="5" t="s">
        <v>733</v>
      </c>
      <c r="O18656" s="5" t="s">
        <v>38</v>
      </c>
      <c r="P18656" s="5" t="s">
        <v>39</v>
      </c>
      <c r="Q18656" s="5" t="s">
        <v>40</v>
      </c>
      <c r="R18656" s="5" t="s">
        <v>897</v>
      </c>
      <c r="S18656" s="5" t="s">
        <v>40</v>
      </c>
      <c r="T18656" s="5" t="s">
        <v>42</v>
      </c>
      <c r="U18656" s="2">
        <v>39.640999999999998</v>
      </c>
      <c r="V18656" s="2">
        <v>36.822000000000003</v>
      </c>
      <c r="W18656" s="2">
        <v>0.153</v>
      </c>
      <c r="X18656" s="2">
        <v>17</v>
      </c>
      <c r="Y18656" s="2">
        <v>80.7</v>
      </c>
      <c r="Z18656" s="2">
        <v>111.6</v>
      </c>
      <c r="AA18656" s="5">
        <v>7</v>
      </c>
      <c r="AB18656" s="5" t="s">
        <v>43</v>
      </c>
      <c r="AC18656" s="5" t="s">
        <v>735</v>
      </c>
      <c r="AD18656" s="2" t="s">
        <v>57572</v>
      </c>
      <c r="AE18656" s="1"/>
    </row>
    <row r="18657" spans="1:31" ht="14.45">
      <c r="A18657" s="11"/>
      <c r="B18657" s="20"/>
      <c r="C18657" s="2" t="s">
        <v>57573</v>
      </c>
      <c r="D18657" s="14" t="s">
        <v>57574</v>
      </c>
      <c r="E18657" s="2" t="s">
        <v>57575</v>
      </c>
      <c r="F18657" s="2" t="s">
        <v>57576</v>
      </c>
      <c r="G18657" s="8">
        <v>632</v>
      </c>
      <c r="H18657" s="5">
        <v>10</v>
      </c>
      <c r="I18657" s="5" t="s">
        <v>69</v>
      </c>
      <c r="J18657" s="5" t="s">
        <v>55802</v>
      </c>
      <c r="K18657" s="2" t="s">
        <v>55803</v>
      </c>
      <c r="L18657" s="5" t="s">
        <v>55802</v>
      </c>
      <c r="M18657" s="2" t="s">
        <v>55803</v>
      </c>
      <c r="N18657" s="5" t="s">
        <v>733</v>
      </c>
      <c r="O18657" s="5" t="s">
        <v>38</v>
      </c>
      <c r="P18657" s="5" t="s">
        <v>39</v>
      </c>
      <c r="Q18657" s="5" t="s">
        <v>40</v>
      </c>
      <c r="R18657" s="5" t="s">
        <v>897</v>
      </c>
      <c r="S18657" s="5" t="s">
        <v>40</v>
      </c>
      <c r="T18657" s="5" t="s">
        <v>42</v>
      </c>
      <c r="U18657" s="2">
        <v>37.692</v>
      </c>
      <c r="V18657" s="2">
        <v>35.082000000000001</v>
      </c>
      <c r="W18657" s="2">
        <v>0.153</v>
      </c>
      <c r="X18657" s="2">
        <v>17</v>
      </c>
      <c r="Y18657" s="2">
        <v>80.7</v>
      </c>
      <c r="Z18657" s="2">
        <v>111.6</v>
      </c>
      <c r="AA18657" s="5">
        <v>7</v>
      </c>
      <c r="AB18657" s="5" t="s">
        <v>43</v>
      </c>
      <c r="AC18657" s="5" t="s">
        <v>735</v>
      </c>
      <c r="AD18657" s="2" t="s">
        <v>57577</v>
      </c>
      <c r="AE18657" s="1"/>
    </row>
    <row r="18658" spans="1:31" ht="14.45">
      <c r="A18658" s="11"/>
      <c r="B18658" s="20"/>
      <c r="C18658" s="2" t="s">
        <v>57578</v>
      </c>
      <c r="D18658" s="14" t="s">
        <v>57579</v>
      </c>
      <c r="E18658" s="2" t="s">
        <v>57580</v>
      </c>
      <c r="F18658" s="2" t="s">
        <v>57576</v>
      </c>
      <c r="G18658" s="8">
        <v>932</v>
      </c>
      <c r="H18658" s="5">
        <v>10</v>
      </c>
      <c r="I18658" s="5" t="s">
        <v>69</v>
      </c>
      <c r="J18658" s="5" t="s">
        <v>55802</v>
      </c>
      <c r="K18658" s="2" t="s">
        <v>55803</v>
      </c>
      <c r="L18658" s="5" t="s">
        <v>55802</v>
      </c>
      <c r="M18658" s="2" t="s">
        <v>55803</v>
      </c>
      <c r="N18658" s="5" t="s">
        <v>733</v>
      </c>
      <c r="O18658" s="5" t="s">
        <v>38</v>
      </c>
      <c r="P18658" s="5" t="s">
        <v>39</v>
      </c>
      <c r="Q18658" s="5" t="s">
        <v>40</v>
      </c>
      <c r="R18658" s="5" t="s">
        <v>897</v>
      </c>
      <c r="S18658" s="5" t="s">
        <v>40</v>
      </c>
      <c r="T18658" s="5" t="s">
        <v>42</v>
      </c>
      <c r="U18658" s="2">
        <v>39.590000000000003</v>
      </c>
      <c r="V18658" s="2">
        <v>36.856999999999999</v>
      </c>
      <c r="W18658" s="2">
        <v>0.153</v>
      </c>
      <c r="X18658" s="2">
        <v>17</v>
      </c>
      <c r="Y18658" s="2">
        <v>80.7</v>
      </c>
      <c r="Z18658" s="2">
        <v>111.6</v>
      </c>
      <c r="AA18658" s="5">
        <v>7</v>
      </c>
      <c r="AB18658" s="5" t="s">
        <v>43</v>
      </c>
      <c r="AC18658" s="5" t="s">
        <v>735</v>
      </c>
      <c r="AD18658" s="2" t="s">
        <v>57581</v>
      </c>
      <c r="AE18658" s="1"/>
    </row>
    <row r="18659" spans="1:31" ht="14.45">
      <c r="A18659" s="11"/>
      <c r="B18659" s="20"/>
      <c r="C18659" s="2" t="s">
        <v>57582</v>
      </c>
      <c r="D18659" s="14" t="s">
        <v>57583</v>
      </c>
      <c r="E18659" s="2" t="s">
        <v>57584</v>
      </c>
      <c r="F18659" s="2" t="s">
        <v>57576</v>
      </c>
      <c r="G18659" s="8">
        <v>932</v>
      </c>
      <c r="H18659" s="5">
        <v>10</v>
      </c>
      <c r="I18659" s="5" t="s">
        <v>69</v>
      </c>
      <c r="J18659" s="5" t="s">
        <v>55802</v>
      </c>
      <c r="K18659" s="2" t="s">
        <v>55803</v>
      </c>
      <c r="L18659" s="5" t="s">
        <v>55802</v>
      </c>
      <c r="M18659" s="2" t="s">
        <v>55803</v>
      </c>
      <c r="N18659" s="5" t="s">
        <v>733</v>
      </c>
      <c r="O18659" s="5" t="s">
        <v>38</v>
      </c>
      <c r="P18659" s="5" t="s">
        <v>39</v>
      </c>
      <c r="Q18659" s="5" t="s">
        <v>40</v>
      </c>
      <c r="R18659" s="5" t="s">
        <v>897</v>
      </c>
      <c r="S18659" s="5" t="s">
        <v>40</v>
      </c>
      <c r="T18659" s="5" t="s">
        <v>42</v>
      </c>
      <c r="U18659" s="2">
        <v>39.798000000000002</v>
      </c>
      <c r="V18659" s="2">
        <v>36.978999999999999</v>
      </c>
      <c r="W18659" s="2">
        <v>0.153</v>
      </c>
      <c r="X18659" s="2">
        <v>17</v>
      </c>
      <c r="Y18659" s="2">
        <v>80.7</v>
      </c>
      <c r="Z18659" s="2">
        <v>111.6</v>
      </c>
      <c r="AA18659" s="5">
        <v>7</v>
      </c>
      <c r="AB18659" s="5" t="s">
        <v>43</v>
      </c>
      <c r="AC18659" s="5" t="s">
        <v>735</v>
      </c>
      <c r="AD18659" s="2" t="s">
        <v>57585</v>
      </c>
      <c r="AE18659" s="1"/>
    </row>
    <row r="18660" spans="1:31" ht="14.45">
      <c r="A18660" s="11"/>
      <c r="B18660" s="20"/>
      <c r="C18660" s="2" t="s">
        <v>57586</v>
      </c>
      <c r="D18660" s="14" t="s">
        <v>57587</v>
      </c>
      <c r="E18660" s="2" t="s">
        <v>57588</v>
      </c>
      <c r="F18660" s="2" t="s">
        <v>57589</v>
      </c>
      <c r="G18660" s="8">
        <v>501</v>
      </c>
      <c r="H18660" s="5">
        <v>5</v>
      </c>
      <c r="I18660" s="5" t="s">
        <v>69</v>
      </c>
      <c r="J18660" s="5" t="s">
        <v>55802</v>
      </c>
      <c r="K18660" s="2" t="s">
        <v>55803</v>
      </c>
      <c r="L18660" s="5" t="s">
        <v>55802</v>
      </c>
      <c r="M18660" s="2" t="s">
        <v>55803</v>
      </c>
      <c r="N18660" s="5" t="s">
        <v>733</v>
      </c>
      <c r="O18660" s="5" t="s">
        <v>38</v>
      </c>
      <c r="P18660" s="5" t="s">
        <v>39</v>
      </c>
      <c r="Q18660" s="5" t="s">
        <v>40</v>
      </c>
      <c r="R18660" s="5" t="s">
        <v>897</v>
      </c>
      <c r="S18660" s="5" t="s">
        <v>40</v>
      </c>
      <c r="T18660" s="5" t="s">
        <v>42</v>
      </c>
      <c r="U18660" s="2">
        <v>33.156999999999996</v>
      </c>
      <c r="V18660" s="2">
        <v>30.552</v>
      </c>
      <c r="W18660" s="2">
        <v>0.153</v>
      </c>
      <c r="X18660" s="2">
        <v>17</v>
      </c>
      <c r="Y18660" s="2">
        <v>80.7</v>
      </c>
      <c r="Z18660" s="2">
        <v>111.6</v>
      </c>
      <c r="AA18660" s="5">
        <v>7</v>
      </c>
      <c r="AB18660" s="5" t="s">
        <v>43</v>
      </c>
      <c r="AC18660" s="5" t="s">
        <v>735</v>
      </c>
      <c r="AD18660" s="2" t="s">
        <v>57590</v>
      </c>
      <c r="AE18660" s="1"/>
    </row>
    <row r="18661" spans="1:31" ht="14.45">
      <c r="A18661" s="11"/>
      <c r="B18661" s="20"/>
      <c r="C18661" s="2" t="s">
        <v>57591</v>
      </c>
      <c r="D18661" s="14" t="s">
        <v>57592</v>
      </c>
      <c r="E18661" s="2" t="s">
        <v>57593</v>
      </c>
      <c r="F18661" s="2" t="s">
        <v>57589</v>
      </c>
      <c r="G18661" s="8">
        <v>801</v>
      </c>
      <c r="H18661" s="5">
        <v>5</v>
      </c>
      <c r="I18661" s="5" t="s">
        <v>69</v>
      </c>
      <c r="J18661" s="5" t="s">
        <v>55802</v>
      </c>
      <c r="K18661" s="2" t="s">
        <v>55803</v>
      </c>
      <c r="L18661" s="5" t="s">
        <v>55802</v>
      </c>
      <c r="M18661" s="2" t="s">
        <v>55803</v>
      </c>
      <c r="N18661" s="5" t="s">
        <v>733</v>
      </c>
      <c r="O18661" s="5" t="s">
        <v>38</v>
      </c>
      <c r="P18661" s="5" t="s">
        <v>39</v>
      </c>
      <c r="Q18661" s="5" t="s">
        <v>40</v>
      </c>
      <c r="R18661" s="5" t="s">
        <v>897</v>
      </c>
      <c r="S18661" s="5" t="s">
        <v>40</v>
      </c>
      <c r="T18661" s="5" t="s">
        <v>42</v>
      </c>
      <c r="U18661" s="2">
        <v>35.055999999999997</v>
      </c>
      <c r="V18661" s="2">
        <v>32.323999999999998</v>
      </c>
      <c r="W18661" s="2">
        <v>0.153</v>
      </c>
      <c r="X18661" s="2">
        <v>17</v>
      </c>
      <c r="Y18661" s="2">
        <v>80.7</v>
      </c>
      <c r="Z18661" s="2">
        <v>111.6</v>
      </c>
      <c r="AA18661" s="5">
        <v>7</v>
      </c>
      <c r="AB18661" s="5" t="s">
        <v>43</v>
      </c>
      <c r="AC18661" s="5" t="s">
        <v>735</v>
      </c>
      <c r="AD18661" s="2" t="s">
        <v>57594</v>
      </c>
      <c r="AE18661" s="1"/>
    </row>
    <row r="18662" spans="1:31" ht="14.45">
      <c r="A18662" s="11"/>
      <c r="B18662" s="20"/>
      <c r="C18662" s="2" t="s">
        <v>57595</v>
      </c>
      <c r="D18662" s="14" t="s">
        <v>57596</v>
      </c>
      <c r="E18662" s="2" t="s">
        <v>57597</v>
      </c>
      <c r="F18662" s="2" t="s">
        <v>57589</v>
      </c>
      <c r="G18662" s="8">
        <v>801</v>
      </c>
      <c r="H18662" s="5">
        <v>5</v>
      </c>
      <c r="I18662" s="5" t="s">
        <v>69</v>
      </c>
      <c r="J18662" s="5" t="s">
        <v>55802</v>
      </c>
      <c r="K18662" s="2" t="s">
        <v>55803</v>
      </c>
      <c r="L18662" s="5" t="s">
        <v>55802</v>
      </c>
      <c r="M18662" s="2" t="s">
        <v>55803</v>
      </c>
      <c r="N18662" s="5" t="s">
        <v>733</v>
      </c>
      <c r="O18662" s="5" t="s">
        <v>38</v>
      </c>
      <c r="P18662" s="5" t="s">
        <v>39</v>
      </c>
      <c r="Q18662" s="5" t="s">
        <v>40</v>
      </c>
      <c r="R18662" s="5" t="s">
        <v>897</v>
      </c>
      <c r="S18662" s="5" t="s">
        <v>40</v>
      </c>
      <c r="T18662" s="5" t="s">
        <v>42</v>
      </c>
      <c r="U18662" s="2">
        <v>35.308</v>
      </c>
      <c r="V18662" s="2">
        <v>32.49</v>
      </c>
      <c r="W18662" s="2">
        <v>0.153</v>
      </c>
      <c r="X18662" s="2">
        <v>17</v>
      </c>
      <c r="Y18662" s="2">
        <v>80.7</v>
      </c>
      <c r="Z18662" s="2">
        <v>111.6</v>
      </c>
      <c r="AA18662" s="5">
        <v>7</v>
      </c>
      <c r="AB18662" s="5" t="s">
        <v>43</v>
      </c>
      <c r="AC18662" s="5" t="s">
        <v>735</v>
      </c>
      <c r="AD18662" s="2" t="s">
        <v>57598</v>
      </c>
      <c r="AE18662" s="1"/>
    </row>
    <row r="18663" spans="1:31" ht="14.45">
      <c r="A18663" s="11"/>
      <c r="B18663" s="20"/>
      <c r="C18663" s="2" t="s">
        <v>57599</v>
      </c>
      <c r="D18663" s="14" t="s">
        <v>57600</v>
      </c>
      <c r="E18663" s="2" t="s">
        <v>57601</v>
      </c>
      <c r="F18663" s="2" t="s">
        <v>57589</v>
      </c>
      <c r="G18663" s="8">
        <v>1048</v>
      </c>
      <c r="H18663" s="5">
        <v>5</v>
      </c>
      <c r="I18663" s="5" t="s">
        <v>69</v>
      </c>
      <c r="J18663" s="5" t="s">
        <v>55802</v>
      </c>
      <c r="K18663" s="2" t="s">
        <v>55803</v>
      </c>
      <c r="L18663" s="5" t="s">
        <v>55802</v>
      </c>
      <c r="M18663" s="2" t="s">
        <v>55803</v>
      </c>
      <c r="N18663" s="5" t="s">
        <v>733</v>
      </c>
      <c r="O18663" s="5" t="s">
        <v>38</v>
      </c>
      <c r="P18663" s="5" t="s">
        <v>39</v>
      </c>
      <c r="Q18663" s="5" t="s">
        <v>40</v>
      </c>
      <c r="R18663" s="5" t="s">
        <v>897</v>
      </c>
      <c r="S18663" s="5" t="s">
        <v>40</v>
      </c>
      <c r="T18663" s="5" t="s">
        <v>42</v>
      </c>
      <c r="U18663" s="2">
        <v>35.539000000000001</v>
      </c>
      <c r="V18663" s="2">
        <v>32.884999999999998</v>
      </c>
      <c r="W18663" s="2">
        <v>0.153</v>
      </c>
      <c r="X18663" s="2">
        <v>17</v>
      </c>
      <c r="Y18663" s="2">
        <v>80.7</v>
      </c>
      <c r="Z18663" s="2">
        <v>111.6</v>
      </c>
      <c r="AA18663" s="5">
        <v>7</v>
      </c>
      <c r="AB18663" s="5" t="s">
        <v>43</v>
      </c>
      <c r="AC18663" s="5" t="s">
        <v>735</v>
      </c>
      <c r="AD18663" s="2" t="s">
        <v>57602</v>
      </c>
      <c r="AE18663" s="1"/>
    </row>
    <row r="18664" spans="1:31" ht="14.45">
      <c r="A18664" s="11"/>
      <c r="B18664" s="20"/>
      <c r="C18664" s="2" t="s">
        <v>57603</v>
      </c>
      <c r="D18664" s="14" t="s">
        <v>57604</v>
      </c>
      <c r="E18664" s="2" t="s">
        <v>57605</v>
      </c>
      <c r="F18664" s="2" t="s">
        <v>57606</v>
      </c>
      <c r="G18664" s="8">
        <v>837</v>
      </c>
      <c r="H18664" s="5">
        <v>15</v>
      </c>
      <c r="I18664" s="5" t="s">
        <v>69</v>
      </c>
      <c r="J18664" s="5" t="s">
        <v>55802</v>
      </c>
      <c r="K18664" s="2" t="s">
        <v>55803</v>
      </c>
      <c r="L18664" s="5" t="s">
        <v>55802</v>
      </c>
      <c r="M18664" s="2" t="s">
        <v>55803</v>
      </c>
      <c r="N18664" s="5" t="s">
        <v>733</v>
      </c>
      <c r="O18664" s="5" t="s">
        <v>38</v>
      </c>
      <c r="P18664" s="5" t="s">
        <v>39</v>
      </c>
      <c r="Q18664" s="5" t="s">
        <v>40</v>
      </c>
      <c r="R18664" s="5" t="s">
        <v>897</v>
      </c>
      <c r="S18664" s="5" t="s">
        <v>40</v>
      </c>
      <c r="T18664" s="5" t="s">
        <v>42</v>
      </c>
      <c r="U18664" s="2">
        <v>34.450000000000003</v>
      </c>
      <c r="V18664" s="2">
        <v>31.834</v>
      </c>
      <c r="W18664" s="2">
        <v>0.153</v>
      </c>
      <c r="X18664" s="2">
        <v>17</v>
      </c>
      <c r="Y18664" s="2">
        <v>80.7</v>
      </c>
      <c r="Z18664" s="2">
        <v>111.6</v>
      </c>
      <c r="AA18664" s="5">
        <v>7</v>
      </c>
      <c r="AB18664" s="5" t="s">
        <v>43</v>
      </c>
      <c r="AC18664" s="5" t="s">
        <v>735</v>
      </c>
      <c r="AD18664" s="2" t="s">
        <v>57607</v>
      </c>
      <c r="AE18664" s="1"/>
    </row>
    <row r="18665" spans="1:31" ht="14.45">
      <c r="A18665" s="11"/>
      <c r="B18665" s="20"/>
      <c r="C18665" s="2" t="s">
        <v>57608</v>
      </c>
      <c r="D18665" s="14" t="s">
        <v>57609</v>
      </c>
      <c r="E18665" s="2" t="s">
        <v>57610</v>
      </c>
      <c r="F18665" s="2" t="s">
        <v>57611</v>
      </c>
      <c r="G18665" s="8">
        <v>668</v>
      </c>
      <c r="H18665" s="5">
        <v>5</v>
      </c>
      <c r="I18665" s="5" t="s">
        <v>69</v>
      </c>
      <c r="J18665" s="5" t="s">
        <v>55802</v>
      </c>
      <c r="K18665" s="2" t="s">
        <v>55803</v>
      </c>
      <c r="L18665" s="5" t="s">
        <v>55802</v>
      </c>
      <c r="M18665" s="2" t="s">
        <v>55803</v>
      </c>
      <c r="N18665" s="5" t="s">
        <v>733</v>
      </c>
      <c r="O18665" s="5" t="s">
        <v>38</v>
      </c>
      <c r="P18665" s="5" t="s">
        <v>39</v>
      </c>
      <c r="Q18665" s="5" t="s">
        <v>40</v>
      </c>
      <c r="R18665" s="5" t="s">
        <v>897</v>
      </c>
      <c r="S18665" s="5" t="s">
        <v>40</v>
      </c>
      <c r="T18665" s="5" t="s">
        <v>42</v>
      </c>
      <c r="U18665" s="2">
        <v>37.625999999999998</v>
      </c>
      <c r="V18665" s="2">
        <v>35.015999999999998</v>
      </c>
      <c r="W18665" s="2">
        <v>0.153</v>
      </c>
      <c r="X18665" s="2">
        <v>17</v>
      </c>
      <c r="Y18665" s="2">
        <v>80.7</v>
      </c>
      <c r="Z18665" s="2">
        <v>111.6</v>
      </c>
      <c r="AA18665" s="5">
        <v>7</v>
      </c>
      <c r="AB18665" s="5" t="s">
        <v>43</v>
      </c>
      <c r="AC18665" s="5" t="s">
        <v>735</v>
      </c>
      <c r="AD18665" s="2" t="s">
        <v>57612</v>
      </c>
      <c r="AE18665" s="1"/>
    </row>
    <row r="18666" spans="1:31" ht="14.45">
      <c r="A18666" s="11"/>
      <c r="B18666" s="20"/>
      <c r="C18666" s="2" t="s">
        <v>57613</v>
      </c>
      <c r="D18666" s="14" t="s">
        <v>57614</v>
      </c>
      <c r="E18666" s="2" t="s">
        <v>57615</v>
      </c>
      <c r="F18666" s="2" t="s">
        <v>57611</v>
      </c>
      <c r="G18666" s="8">
        <v>968</v>
      </c>
      <c r="H18666" s="5">
        <v>5</v>
      </c>
      <c r="I18666" s="5" t="s">
        <v>69</v>
      </c>
      <c r="J18666" s="5" t="s">
        <v>55802</v>
      </c>
      <c r="K18666" s="2" t="s">
        <v>55803</v>
      </c>
      <c r="L18666" s="5" t="s">
        <v>55802</v>
      </c>
      <c r="M18666" s="2" t="s">
        <v>55803</v>
      </c>
      <c r="N18666" s="5" t="s">
        <v>733</v>
      </c>
      <c r="O18666" s="5" t="s">
        <v>38</v>
      </c>
      <c r="P18666" s="5" t="s">
        <v>39</v>
      </c>
      <c r="Q18666" s="5" t="s">
        <v>40</v>
      </c>
      <c r="R18666" s="5" t="s">
        <v>897</v>
      </c>
      <c r="S18666" s="5" t="s">
        <v>40</v>
      </c>
      <c r="T18666" s="5" t="s">
        <v>42</v>
      </c>
      <c r="U18666" s="2">
        <v>39.524000000000001</v>
      </c>
      <c r="V18666" s="2">
        <v>36.790999999999997</v>
      </c>
      <c r="W18666" s="2">
        <v>0.153</v>
      </c>
      <c r="X18666" s="2">
        <v>17</v>
      </c>
      <c r="Y18666" s="2">
        <v>80.7</v>
      </c>
      <c r="Z18666" s="2">
        <v>111.6</v>
      </c>
      <c r="AA18666" s="5">
        <v>7</v>
      </c>
      <c r="AB18666" s="5" t="s">
        <v>43</v>
      </c>
      <c r="AC18666" s="5" t="s">
        <v>735</v>
      </c>
      <c r="AD18666" s="2" t="s">
        <v>57616</v>
      </c>
      <c r="AE18666" s="1"/>
    </row>
    <row r="18667" spans="1:31" ht="14.45">
      <c r="A18667" s="11"/>
      <c r="B18667" s="20"/>
      <c r="C18667" s="2" t="s">
        <v>57617</v>
      </c>
      <c r="D18667" s="14" t="s">
        <v>57618</v>
      </c>
      <c r="E18667" s="2" t="s">
        <v>57619</v>
      </c>
      <c r="F18667" s="2" t="s">
        <v>57611</v>
      </c>
      <c r="G18667" s="8">
        <v>968</v>
      </c>
      <c r="H18667" s="5">
        <v>10</v>
      </c>
      <c r="I18667" s="5" t="s">
        <v>69</v>
      </c>
      <c r="J18667" s="5" t="s">
        <v>55802</v>
      </c>
      <c r="K18667" s="2" t="s">
        <v>55803</v>
      </c>
      <c r="L18667" s="5" t="s">
        <v>55802</v>
      </c>
      <c r="M18667" s="2" t="s">
        <v>55803</v>
      </c>
      <c r="N18667" s="5" t="s">
        <v>733</v>
      </c>
      <c r="O18667" s="5" t="s">
        <v>38</v>
      </c>
      <c r="P18667" s="5" t="s">
        <v>39</v>
      </c>
      <c r="Q18667" s="5" t="s">
        <v>40</v>
      </c>
      <c r="R18667" s="5" t="s">
        <v>897</v>
      </c>
      <c r="S18667" s="5" t="s">
        <v>40</v>
      </c>
      <c r="T18667" s="5" t="s">
        <v>42</v>
      </c>
      <c r="U18667" s="2">
        <v>39.731999999999999</v>
      </c>
      <c r="V18667" s="2">
        <v>36.912999999999997</v>
      </c>
      <c r="W18667" s="2">
        <v>0.153</v>
      </c>
      <c r="X18667" s="2">
        <v>17</v>
      </c>
      <c r="Y18667" s="2">
        <v>80.7</v>
      </c>
      <c r="Z18667" s="2">
        <v>111.6</v>
      </c>
      <c r="AA18667" s="5">
        <v>7</v>
      </c>
      <c r="AB18667" s="5" t="s">
        <v>43</v>
      </c>
      <c r="AC18667" s="5" t="s">
        <v>735</v>
      </c>
      <c r="AD18667" s="2" t="s">
        <v>57620</v>
      </c>
      <c r="AE18667" s="1"/>
    </row>
    <row r="18668" spans="1:31" ht="14.45">
      <c r="A18668" s="5"/>
      <c r="B18668" s="21"/>
      <c r="C18668" s="2" t="s">
        <v>57621</v>
      </c>
      <c r="D18668" s="14" t="s">
        <v>57622</v>
      </c>
      <c r="E18668" s="2" t="s">
        <v>57623</v>
      </c>
      <c r="F18668" s="2" t="s">
        <v>57624</v>
      </c>
      <c r="G18668" s="8">
        <v>1215</v>
      </c>
      <c r="H18668" s="5">
        <v>5</v>
      </c>
      <c r="I18668" s="5" t="s">
        <v>69</v>
      </c>
      <c r="J18668" s="5" t="s">
        <v>55802</v>
      </c>
      <c r="K18668" s="2" t="s">
        <v>55803</v>
      </c>
      <c r="L18668" s="5" t="s">
        <v>55802</v>
      </c>
      <c r="M18668" s="2" t="s">
        <v>55803</v>
      </c>
      <c r="N18668" s="5" t="s">
        <v>733</v>
      </c>
      <c r="O18668" s="5" t="s">
        <v>38</v>
      </c>
      <c r="P18668" s="5" t="s">
        <v>39</v>
      </c>
      <c r="Q18668" s="5" t="s">
        <v>40</v>
      </c>
      <c r="R18668" s="5" t="s">
        <v>897</v>
      </c>
      <c r="S18668" s="5" t="s">
        <v>40</v>
      </c>
      <c r="T18668" s="5" t="s">
        <v>42</v>
      </c>
      <c r="U18668" s="2">
        <v>40.011000000000003</v>
      </c>
      <c r="V18668" s="2">
        <v>37.365000000000002</v>
      </c>
      <c r="W18668" s="2">
        <v>0.153</v>
      </c>
      <c r="X18668" s="2">
        <v>17</v>
      </c>
      <c r="Y18668" s="2">
        <v>80.7</v>
      </c>
      <c r="Z18668" s="2">
        <v>111.6</v>
      </c>
      <c r="AA18668" s="5">
        <v>7</v>
      </c>
      <c r="AB18668" s="5" t="s">
        <v>43</v>
      </c>
      <c r="AC18668" s="5" t="s">
        <v>735</v>
      </c>
      <c r="AD18668" s="2"/>
      <c r="AE18668" s="1"/>
    </row>
    <row r="18669" spans="1:31" ht="14.45">
      <c r="A18669" s="11"/>
      <c r="B18669" s="20"/>
      <c r="C18669" s="2" t="s">
        <v>57625</v>
      </c>
      <c r="D18669" s="14" t="s">
        <v>57626</v>
      </c>
      <c r="E18669" s="2" t="s">
        <v>57627</v>
      </c>
      <c r="F18669" s="2" t="s">
        <v>57628</v>
      </c>
      <c r="G18669" s="8">
        <v>1613</v>
      </c>
      <c r="H18669" s="5">
        <v>10</v>
      </c>
      <c r="I18669" s="5" t="s">
        <v>69</v>
      </c>
      <c r="J18669" s="5" t="s">
        <v>55802</v>
      </c>
      <c r="K18669" s="2" t="s">
        <v>55803</v>
      </c>
      <c r="L18669" s="5" t="s">
        <v>55802</v>
      </c>
      <c r="M18669" s="2" t="s">
        <v>55803</v>
      </c>
      <c r="N18669" s="5" t="s">
        <v>733</v>
      </c>
      <c r="O18669" s="5" t="s">
        <v>38</v>
      </c>
      <c r="P18669" s="5" t="s">
        <v>39</v>
      </c>
      <c r="Q18669" s="5" t="s">
        <v>40</v>
      </c>
      <c r="R18669" s="5" t="s">
        <v>897</v>
      </c>
      <c r="S18669" s="5" t="s">
        <v>40</v>
      </c>
      <c r="T18669" s="5" t="s">
        <v>42</v>
      </c>
      <c r="U18669" s="2">
        <v>47.412999999999997</v>
      </c>
      <c r="V18669" s="2">
        <v>44.68</v>
      </c>
      <c r="W18669" s="2">
        <v>0.153</v>
      </c>
      <c r="X18669" s="2">
        <v>17</v>
      </c>
      <c r="Y18669" s="2">
        <v>80.7</v>
      </c>
      <c r="Z18669" s="2">
        <v>111.6</v>
      </c>
      <c r="AA18669" s="5">
        <v>7</v>
      </c>
      <c r="AB18669" s="5" t="s">
        <v>43</v>
      </c>
      <c r="AC18669" s="5" t="s">
        <v>735</v>
      </c>
      <c r="AD18669" s="2" t="s">
        <v>57629</v>
      </c>
      <c r="AE18669" s="1"/>
    </row>
    <row r="18670" spans="1:31" ht="14.45">
      <c r="A18670" s="11"/>
      <c r="B18670" s="20"/>
      <c r="C18670" s="2" t="s">
        <v>57630</v>
      </c>
      <c r="D18670" s="14" t="s">
        <v>57631</v>
      </c>
      <c r="E18670" s="2" t="s">
        <v>57632</v>
      </c>
      <c r="F18670" s="2" t="s">
        <v>57633</v>
      </c>
      <c r="G18670" s="8">
        <v>1205</v>
      </c>
      <c r="H18670" s="5">
        <v>10</v>
      </c>
      <c r="I18670" s="5" t="s">
        <v>69</v>
      </c>
      <c r="J18670" s="5" t="s">
        <v>55802</v>
      </c>
      <c r="K18670" s="2" t="s">
        <v>55803</v>
      </c>
      <c r="L18670" s="5" t="s">
        <v>55802</v>
      </c>
      <c r="M18670" s="2" t="s">
        <v>55803</v>
      </c>
      <c r="N18670" s="5" t="s">
        <v>733</v>
      </c>
      <c r="O18670" s="5" t="s">
        <v>38</v>
      </c>
      <c r="P18670" s="5" t="s">
        <v>39</v>
      </c>
      <c r="Q18670" s="5" t="s">
        <v>40</v>
      </c>
      <c r="R18670" s="5" t="s">
        <v>897</v>
      </c>
      <c r="S18670" s="5" t="s">
        <v>40</v>
      </c>
      <c r="T18670" s="5" t="s">
        <v>42</v>
      </c>
      <c r="U18670" s="2">
        <v>40.423999999999999</v>
      </c>
      <c r="V18670" s="2">
        <v>37.814</v>
      </c>
      <c r="W18670" s="2">
        <v>0.153</v>
      </c>
      <c r="X18670" s="2">
        <v>17</v>
      </c>
      <c r="Y18670" s="2">
        <v>80.7</v>
      </c>
      <c r="Z18670" s="2">
        <v>111.6</v>
      </c>
      <c r="AA18670" s="5">
        <v>7</v>
      </c>
      <c r="AB18670" s="5" t="s">
        <v>43</v>
      </c>
      <c r="AC18670" s="5" t="s">
        <v>735</v>
      </c>
      <c r="AD18670" s="2" t="s">
        <v>57634</v>
      </c>
      <c r="AE18670" s="1"/>
    </row>
    <row r="18671" spans="1:31" ht="14.45">
      <c r="A18671" s="11"/>
      <c r="B18671" s="20"/>
      <c r="C18671" s="2" t="s">
        <v>57635</v>
      </c>
      <c r="D18671" s="14" t="s">
        <v>57636</v>
      </c>
      <c r="E18671" s="2" t="s">
        <v>57637</v>
      </c>
      <c r="F18671" s="2" t="s">
        <v>57638</v>
      </c>
      <c r="G18671" s="8">
        <v>1505</v>
      </c>
      <c r="H18671" s="5">
        <v>10</v>
      </c>
      <c r="I18671" s="5" t="s">
        <v>69</v>
      </c>
      <c r="J18671" s="5" t="s">
        <v>55802</v>
      </c>
      <c r="K18671" s="2" t="s">
        <v>55803</v>
      </c>
      <c r="L18671" s="5" t="s">
        <v>55802</v>
      </c>
      <c r="M18671" s="2" t="s">
        <v>55803</v>
      </c>
      <c r="N18671" s="5" t="s">
        <v>733</v>
      </c>
      <c r="O18671" s="5" t="s">
        <v>38</v>
      </c>
      <c r="P18671" s="5" t="s">
        <v>39</v>
      </c>
      <c r="Q18671" s="5" t="s">
        <v>40</v>
      </c>
      <c r="R18671" s="5" t="s">
        <v>897</v>
      </c>
      <c r="S18671" s="5" t="s">
        <v>40</v>
      </c>
      <c r="T18671" s="5" t="s">
        <v>42</v>
      </c>
      <c r="U18671" s="2">
        <v>42.322000000000003</v>
      </c>
      <c r="V18671" s="2">
        <v>39.588999999999999</v>
      </c>
      <c r="W18671" s="2">
        <v>0.153</v>
      </c>
      <c r="X18671" s="2">
        <v>17</v>
      </c>
      <c r="Y18671" s="2">
        <v>80.7</v>
      </c>
      <c r="Z18671" s="2">
        <v>111.6</v>
      </c>
      <c r="AA18671" s="5">
        <v>7</v>
      </c>
      <c r="AB18671" s="5" t="s">
        <v>43</v>
      </c>
      <c r="AC18671" s="5" t="s">
        <v>735</v>
      </c>
      <c r="AD18671" s="2" t="s">
        <v>57639</v>
      </c>
      <c r="AE18671" s="1"/>
    </row>
    <row r="18672" spans="1:31" ht="14.45">
      <c r="A18672" s="11"/>
      <c r="B18672" s="20"/>
      <c r="C18672" s="2" t="s">
        <v>57640</v>
      </c>
      <c r="D18672" s="14" t="s">
        <v>57641</v>
      </c>
      <c r="E18672" s="2" t="s">
        <v>57642</v>
      </c>
      <c r="F18672" s="2" t="s">
        <v>57638</v>
      </c>
      <c r="G18672" s="8">
        <v>1505</v>
      </c>
      <c r="H18672" s="5">
        <v>10</v>
      </c>
      <c r="I18672" s="5" t="s">
        <v>69</v>
      </c>
      <c r="J18672" s="5" t="s">
        <v>55802</v>
      </c>
      <c r="K18672" s="2" t="s">
        <v>55803</v>
      </c>
      <c r="L18672" s="5" t="s">
        <v>55802</v>
      </c>
      <c r="M18672" s="2" t="s">
        <v>55803</v>
      </c>
      <c r="N18672" s="5" t="s">
        <v>733</v>
      </c>
      <c r="O18672" s="5" t="s">
        <v>38</v>
      </c>
      <c r="P18672" s="5" t="s">
        <v>39</v>
      </c>
      <c r="Q18672" s="5" t="s">
        <v>40</v>
      </c>
      <c r="R18672" s="5" t="s">
        <v>897</v>
      </c>
      <c r="S18672" s="5" t="s">
        <v>40</v>
      </c>
      <c r="T18672" s="5" t="s">
        <v>42</v>
      </c>
      <c r="U18672" s="2">
        <v>42.569000000000003</v>
      </c>
      <c r="V18672" s="2">
        <v>39.75</v>
      </c>
      <c r="W18672" s="2">
        <v>0.153</v>
      </c>
      <c r="X18672" s="2">
        <v>17</v>
      </c>
      <c r="Y18672" s="2">
        <v>80.7</v>
      </c>
      <c r="Z18672" s="2">
        <v>111.6</v>
      </c>
      <c r="AA18672" s="5">
        <v>7</v>
      </c>
      <c r="AB18672" s="5" t="s">
        <v>43</v>
      </c>
      <c r="AC18672" s="5" t="s">
        <v>735</v>
      </c>
      <c r="AD18672" s="2" t="s">
        <v>57643</v>
      </c>
      <c r="AE18672" s="1"/>
    </row>
    <row r="18673" spans="1:31" ht="14.45">
      <c r="A18673" s="11"/>
      <c r="B18673" s="20"/>
      <c r="C18673" s="2" t="s">
        <v>57644</v>
      </c>
      <c r="D18673" s="14" t="s">
        <v>57645</v>
      </c>
      <c r="E18673" s="2" t="s">
        <v>57646</v>
      </c>
      <c r="F18673" s="2" t="s">
        <v>57647</v>
      </c>
      <c r="G18673" s="8">
        <v>1136</v>
      </c>
      <c r="H18673" s="5">
        <v>5</v>
      </c>
      <c r="I18673" s="5" t="s">
        <v>69</v>
      </c>
      <c r="J18673" s="5" t="s">
        <v>55802</v>
      </c>
      <c r="K18673" s="2" t="s">
        <v>55803</v>
      </c>
      <c r="L18673" s="5" t="s">
        <v>55802</v>
      </c>
      <c r="M18673" s="2" t="s">
        <v>55803</v>
      </c>
      <c r="N18673" s="5" t="s">
        <v>733</v>
      </c>
      <c r="O18673" s="5" t="s">
        <v>38</v>
      </c>
      <c r="P18673" s="5" t="s">
        <v>39</v>
      </c>
      <c r="Q18673" s="5" t="s">
        <v>40</v>
      </c>
      <c r="R18673" s="5" t="s">
        <v>897</v>
      </c>
      <c r="S18673" s="5" t="s">
        <v>40</v>
      </c>
      <c r="T18673" s="5" t="s">
        <v>42</v>
      </c>
      <c r="U18673" s="2">
        <v>40.396999999999998</v>
      </c>
      <c r="V18673" s="2">
        <v>37.786999999999999</v>
      </c>
      <c r="W18673" s="2">
        <v>0.153</v>
      </c>
      <c r="X18673" s="2">
        <v>17</v>
      </c>
      <c r="Y18673" s="2">
        <v>80.7</v>
      </c>
      <c r="Z18673" s="2">
        <v>111.6</v>
      </c>
      <c r="AA18673" s="5">
        <v>7</v>
      </c>
      <c r="AB18673" s="5" t="s">
        <v>43</v>
      </c>
      <c r="AC18673" s="5" t="s">
        <v>735</v>
      </c>
      <c r="AD18673" s="2" t="s">
        <v>57648</v>
      </c>
      <c r="AE18673" s="1"/>
    </row>
    <row r="18674" spans="1:31" ht="14.45">
      <c r="A18674" s="11"/>
      <c r="B18674" s="20"/>
      <c r="C18674" s="2" t="s">
        <v>57649</v>
      </c>
      <c r="D18674" s="14" t="s">
        <v>57650</v>
      </c>
      <c r="E18674" s="2" t="s">
        <v>57651</v>
      </c>
      <c r="F18674" s="2" t="s">
        <v>57647</v>
      </c>
      <c r="G18674" s="8">
        <v>1436</v>
      </c>
      <c r="H18674" s="5">
        <v>5</v>
      </c>
      <c r="I18674" s="5" t="s">
        <v>69</v>
      </c>
      <c r="J18674" s="5" t="s">
        <v>55802</v>
      </c>
      <c r="K18674" s="2" t="s">
        <v>55803</v>
      </c>
      <c r="L18674" s="5" t="s">
        <v>55802</v>
      </c>
      <c r="M18674" s="2" t="s">
        <v>55803</v>
      </c>
      <c r="N18674" s="5" t="s">
        <v>733</v>
      </c>
      <c r="O18674" s="5" t="s">
        <v>38</v>
      </c>
      <c r="P18674" s="5" t="s">
        <v>39</v>
      </c>
      <c r="Q18674" s="5" t="s">
        <v>40</v>
      </c>
      <c r="R18674" s="5" t="s">
        <v>897</v>
      </c>
      <c r="S18674" s="5" t="s">
        <v>40</v>
      </c>
      <c r="T18674" s="5" t="s">
        <v>42</v>
      </c>
      <c r="U18674" s="2">
        <v>42.295000000000002</v>
      </c>
      <c r="V18674" s="2">
        <v>39.561999999999998</v>
      </c>
      <c r="W18674" s="2">
        <v>0.153</v>
      </c>
      <c r="X18674" s="2">
        <v>17</v>
      </c>
      <c r="Y18674" s="2">
        <v>80.7</v>
      </c>
      <c r="Z18674" s="2">
        <v>111.6</v>
      </c>
      <c r="AA18674" s="5">
        <v>7</v>
      </c>
      <c r="AB18674" s="5" t="s">
        <v>43</v>
      </c>
      <c r="AC18674" s="5" t="s">
        <v>735</v>
      </c>
      <c r="AD18674" s="2" t="s">
        <v>57652</v>
      </c>
      <c r="AE18674" s="1"/>
    </row>
    <row r="18675" spans="1:31" ht="14.45">
      <c r="A18675" s="11"/>
      <c r="B18675" s="20"/>
      <c r="C18675" s="2" t="s">
        <v>57653</v>
      </c>
      <c r="D18675" s="14" t="s">
        <v>57654</v>
      </c>
      <c r="E18675" s="2" t="s">
        <v>57655</v>
      </c>
      <c r="F18675" s="2" t="s">
        <v>57647</v>
      </c>
      <c r="G18675" s="8">
        <v>1436</v>
      </c>
      <c r="H18675" s="5">
        <v>5</v>
      </c>
      <c r="I18675" s="5" t="s">
        <v>69</v>
      </c>
      <c r="J18675" s="5" t="s">
        <v>55802</v>
      </c>
      <c r="K18675" s="2" t="s">
        <v>55803</v>
      </c>
      <c r="L18675" s="5" t="s">
        <v>55802</v>
      </c>
      <c r="M18675" s="2" t="s">
        <v>55803</v>
      </c>
      <c r="N18675" s="5" t="s">
        <v>733</v>
      </c>
      <c r="O18675" s="5" t="s">
        <v>38</v>
      </c>
      <c r="P18675" s="5" t="s">
        <v>39</v>
      </c>
      <c r="Q18675" s="5" t="s">
        <v>40</v>
      </c>
      <c r="R18675" s="5" t="s">
        <v>897</v>
      </c>
      <c r="S18675" s="5" t="s">
        <v>40</v>
      </c>
      <c r="T18675" s="5" t="s">
        <v>42</v>
      </c>
      <c r="U18675" s="2">
        <v>42.542000000000002</v>
      </c>
      <c r="V18675" s="2">
        <v>39.722999999999999</v>
      </c>
      <c r="W18675" s="2">
        <v>0.153</v>
      </c>
      <c r="X18675" s="2">
        <v>17</v>
      </c>
      <c r="Y18675" s="2">
        <v>80.7</v>
      </c>
      <c r="Z18675" s="2">
        <v>111.6</v>
      </c>
      <c r="AA18675" s="5">
        <v>7</v>
      </c>
      <c r="AB18675" s="5" t="s">
        <v>43</v>
      </c>
      <c r="AC18675" s="5" t="s">
        <v>735</v>
      </c>
      <c r="AD18675" s="2" t="s">
        <v>57656</v>
      </c>
      <c r="AE18675" s="1"/>
    </row>
    <row r="18676" spans="1:31" ht="14.45">
      <c r="A18676" s="11"/>
      <c r="B18676" s="20"/>
      <c r="C18676" s="2" t="s">
        <v>57657</v>
      </c>
      <c r="D18676" s="14" t="s">
        <v>57658</v>
      </c>
      <c r="E18676" s="2" t="s">
        <v>57659</v>
      </c>
      <c r="F18676" s="2" t="s">
        <v>57660</v>
      </c>
      <c r="G18676" s="8">
        <v>1205</v>
      </c>
      <c r="H18676" s="5">
        <v>10</v>
      </c>
      <c r="I18676" s="5" t="s">
        <v>69</v>
      </c>
      <c r="J18676" s="5" t="s">
        <v>55802</v>
      </c>
      <c r="K18676" s="2" t="s">
        <v>55803</v>
      </c>
      <c r="L18676" s="5" t="s">
        <v>55802</v>
      </c>
      <c r="M18676" s="2" t="s">
        <v>55803</v>
      </c>
      <c r="N18676" s="5" t="s">
        <v>733</v>
      </c>
      <c r="O18676" s="5" t="s">
        <v>38</v>
      </c>
      <c r="P18676" s="5" t="s">
        <v>39</v>
      </c>
      <c r="Q18676" s="5" t="s">
        <v>40</v>
      </c>
      <c r="R18676" s="5" t="s">
        <v>897</v>
      </c>
      <c r="S18676" s="5" t="s">
        <v>40</v>
      </c>
      <c r="T18676" s="5" t="s">
        <v>42</v>
      </c>
      <c r="U18676" s="2">
        <v>39.656999999999996</v>
      </c>
      <c r="V18676" s="2">
        <v>37.046999999999997</v>
      </c>
      <c r="W18676" s="2">
        <v>0.153</v>
      </c>
      <c r="X18676" s="2">
        <v>17</v>
      </c>
      <c r="Y18676" s="2">
        <v>80.7</v>
      </c>
      <c r="Z18676" s="2">
        <v>111.6</v>
      </c>
      <c r="AA18676" s="5">
        <v>7</v>
      </c>
      <c r="AB18676" s="5" t="s">
        <v>43</v>
      </c>
      <c r="AC18676" s="5" t="s">
        <v>735</v>
      </c>
      <c r="AD18676" s="2" t="s">
        <v>57661</v>
      </c>
      <c r="AE18676" s="1"/>
    </row>
    <row r="18677" spans="1:31" ht="14.45">
      <c r="A18677" s="11"/>
      <c r="B18677" s="20"/>
      <c r="C18677" s="2" t="s">
        <v>57662</v>
      </c>
      <c r="D18677" s="14" t="s">
        <v>57663</v>
      </c>
      <c r="E18677" s="2" t="s">
        <v>57664</v>
      </c>
      <c r="F18677" s="2" t="s">
        <v>57665</v>
      </c>
      <c r="G18677" s="8">
        <v>1505</v>
      </c>
      <c r="H18677" s="5">
        <v>10</v>
      </c>
      <c r="I18677" s="5" t="s">
        <v>69</v>
      </c>
      <c r="J18677" s="5" t="s">
        <v>55802</v>
      </c>
      <c r="K18677" s="2" t="s">
        <v>55803</v>
      </c>
      <c r="L18677" s="5" t="s">
        <v>55802</v>
      </c>
      <c r="M18677" s="2" t="s">
        <v>55803</v>
      </c>
      <c r="N18677" s="5" t="s">
        <v>733</v>
      </c>
      <c r="O18677" s="5" t="s">
        <v>38</v>
      </c>
      <c r="P18677" s="5" t="s">
        <v>39</v>
      </c>
      <c r="Q18677" s="5" t="s">
        <v>40</v>
      </c>
      <c r="R18677" s="5" t="s">
        <v>897</v>
      </c>
      <c r="S18677" s="5" t="s">
        <v>40</v>
      </c>
      <c r="T18677" s="5" t="s">
        <v>42</v>
      </c>
      <c r="U18677" s="2">
        <v>41.555</v>
      </c>
      <c r="V18677" s="2">
        <v>38.822000000000003</v>
      </c>
      <c r="W18677" s="2">
        <v>0.153</v>
      </c>
      <c r="X18677" s="2">
        <v>17</v>
      </c>
      <c r="Y18677" s="2">
        <v>80.7</v>
      </c>
      <c r="Z18677" s="2">
        <v>111.6</v>
      </c>
      <c r="AA18677" s="5">
        <v>7</v>
      </c>
      <c r="AB18677" s="5" t="s">
        <v>43</v>
      </c>
      <c r="AC18677" s="5" t="s">
        <v>735</v>
      </c>
      <c r="AD18677" s="2" t="s">
        <v>57666</v>
      </c>
      <c r="AE18677" s="1"/>
    </row>
    <row r="18678" spans="1:31" ht="14.45">
      <c r="A18678" s="11"/>
      <c r="B18678" s="20"/>
      <c r="C18678" s="2" t="s">
        <v>57667</v>
      </c>
      <c r="D18678" s="14" t="s">
        <v>57668</v>
      </c>
      <c r="E18678" s="2" t="s">
        <v>57669</v>
      </c>
      <c r="F18678" s="2" t="s">
        <v>57665</v>
      </c>
      <c r="G18678" s="8">
        <v>1505</v>
      </c>
      <c r="H18678" s="5">
        <v>10</v>
      </c>
      <c r="I18678" s="5" t="s">
        <v>69</v>
      </c>
      <c r="J18678" s="5" t="s">
        <v>55802</v>
      </c>
      <c r="K18678" s="2" t="s">
        <v>55803</v>
      </c>
      <c r="L18678" s="5" t="s">
        <v>55802</v>
      </c>
      <c r="M18678" s="2" t="s">
        <v>55803</v>
      </c>
      <c r="N18678" s="5" t="s">
        <v>733</v>
      </c>
      <c r="O18678" s="5" t="s">
        <v>38</v>
      </c>
      <c r="P18678" s="5" t="s">
        <v>39</v>
      </c>
      <c r="Q18678" s="5" t="s">
        <v>40</v>
      </c>
      <c r="R18678" s="5" t="s">
        <v>897</v>
      </c>
      <c r="S18678" s="5" t="s">
        <v>40</v>
      </c>
      <c r="T18678" s="5" t="s">
        <v>42</v>
      </c>
      <c r="U18678" s="2">
        <v>41.802</v>
      </c>
      <c r="V18678" s="2">
        <v>38.982999999999997</v>
      </c>
      <c r="W18678" s="2">
        <v>0.153</v>
      </c>
      <c r="X18678" s="2">
        <v>17</v>
      </c>
      <c r="Y18678" s="2">
        <v>80.7</v>
      </c>
      <c r="Z18678" s="2">
        <v>111.6</v>
      </c>
      <c r="AA18678" s="5">
        <v>7</v>
      </c>
      <c r="AB18678" s="5" t="s">
        <v>43</v>
      </c>
      <c r="AC18678" s="5" t="s">
        <v>735</v>
      </c>
      <c r="AD18678" s="2" t="s">
        <v>57670</v>
      </c>
      <c r="AE18678" s="1"/>
    </row>
    <row r="18679" spans="1:31" ht="14.45">
      <c r="A18679" s="11"/>
      <c r="B18679" s="20"/>
      <c r="C18679" s="2" t="s">
        <v>57671</v>
      </c>
      <c r="D18679" s="14" t="s">
        <v>57672</v>
      </c>
      <c r="E18679" s="2" t="s">
        <v>57673</v>
      </c>
      <c r="F18679" s="2" t="s">
        <v>57674</v>
      </c>
      <c r="G18679" s="8">
        <v>1136</v>
      </c>
      <c r="H18679" s="5">
        <v>10</v>
      </c>
      <c r="I18679" s="5" t="s">
        <v>69</v>
      </c>
      <c r="J18679" s="5" t="s">
        <v>55802</v>
      </c>
      <c r="K18679" s="2" t="s">
        <v>55803</v>
      </c>
      <c r="L18679" s="5" t="s">
        <v>55802</v>
      </c>
      <c r="M18679" s="2" t="s">
        <v>55803</v>
      </c>
      <c r="N18679" s="5" t="s">
        <v>733</v>
      </c>
      <c r="O18679" s="5" t="s">
        <v>38</v>
      </c>
      <c r="P18679" s="5" t="s">
        <v>39</v>
      </c>
      <c r="Q18679" s="5" t="s">
        <v>40</v>
      </c>
      <c r="R18679" s="5" t="s">
        <v>897</v>
      </c>
      <c r="S18679" s="5" t="s">
        <v>40</v>
      </c>
      <c r="T18679" s="5" t="s">
        <v>42</v>
      </c>
      <c r="U18679" s="2">
        <v>39.630000000000003</v>
      </c>
      <c r="V18679" s="2">
        <v>37.020000000000003</v>
      </c>
      <c r="W18679" s="2">
        <v>0.153</v>
      </c>
      <c r="X18679" s="2">
        <v>17</v>
      </c>
      <c r="Y18679" s="2">
        <v>80.7</v>
      </c>
      <c r="Z18679" s="2">
        <v>111.6</v>
      </c>
      <c r="AA18679" s="5">
        <v>7</v>
      </c>
      <c r="AB18679" s="5" t="s">
        <v>43</v>
      </c>
      <c r="AC18679" s="5" t="s">
        <v>735</v>
      </c>
      <c r="AD18679" s="2" t="s">
        <v>57675</v>
      </c>
      <c r="AE18679" s="1"/>
    </row>
    <row r="18680" spans="1:31" ht="14.45">
      <c r="A18680" s="11"/>
      <c r="B18680" s="20"/>
      <c r="C18680" s="2" t="s">
        <v>57676</v>
      </c>
      <c r="D18680" s="14" t="s">
        <v>57677</v>
      </c>
      <c r="E18680" s="2" t="s">
        <v>57678</v>
      </c>
      <c r="F18680" s="2" t="s">
        <v>57674</v>
      </c>
      <c r="G18680" s="8">
        <v>1436</v>
      </c>
      <c r="H18680" s="5">
        <v>5</v>
      </c>
      <c r="I18680" s="5" t="s">
        <v>69</v>
      </c>
      <c r="J18680" s="5" t="s">
        <v>55802</v>
      </c>
      <c r="K18680" s="2" t="s">
        <v>55803</v>
      </c>
      <c r="L18680" s="5" t="s">
        <v>55802</v>
      </c>
      <c r="M18680" s="2" t="s">
        <v>55803</v>
      </c>
      <c r="N18680" s="5" t="s">
        <v>733</v>
      </c>
      <c r="O18680" s="5" t="s">
        <v>38</v>
      </c>
      <c r="P18680" s="5" t="s">
        <v>39</v>
      </c>
      <c r="Q18680" s="5" t="s">
        <v>40</v>
      </c>
      <c r="R18680" s="5" t="s">
        <v>897</v>
      </c>
      <c r="S18680" s="5" t="s">
        <v>40</v>
      </c>
      <c r="T18680" s="5" t="s">
        <v>42</v>
      </c>
      <c r="U18680" s="2">
        <v>41.774999999999999</v>
      </c>
      <c r="V18680" s="2">
        <v>38.956000000000003</v>
      </c>
      <c r="W18680" s="2">
        <v>0.153</v>
      </c>
      <c r="X18680" s="2">
        <v>17</v>
      </c>
      <c r="Y18680" s="2">
        <v>80.7</v>
      </c>
      <c r="Z18680" s="2">
        <v>111.6</v>
      </c>
      <c r="AA18680" s="5">
        <v>7</v>
      </c>
      <c r="AB18680" s="5" t="s">
        <v>43</v>
      </c>
      <c r="AC18680" s="5" t="s">
        <v>735</v>
      </c>
      <c r="AD18680" s="2" t="s">
        <v>57679</v>
      </c>
      <c r="AE18680" s="1"/>
    </row>
    <row r="18681" spans="1:31" ht="14.45">
      <c r="A18681" s="11"/>
      <c r="B18681" s="20"/>
      <c r="C18681" s="2" t="s">
        <v>57680</v>
      </c>
      <c r="D18681" s="14" t="s">
        <v>57681</v>
      </c>
      <c r="E18681" s="2" t="s">
        <v>57682</v>
      </c>
      <c r="F18681" s="2" t="s">
        <v>57683</v>
      </c>
      <c r="G18681" s="8">
        <v>1773</v>
      </c>
      <c r="H18681" s="5">
        <v>10</v>
      </c>
      <c r="I18681" s="5" t="s">
        <v>69</v>
      </c>
      <c r="J18681" s="5" t="s">
        <v>55802</v>
      </c>
      <c r="K18681" s="2" t="s">
        <v>55803</v>
      </c>
      <c r="L18681" s="5" t="s">
        <v>55802</v>
      </c>
      <c r="M18681" s="2" t="s">
        <v>55803</v>
      </c>
      <c r="N18681" s="5" t="s">
        <v>733</v>
      </c>
      <c r="O18681" s="5" t="s">
        <v>38</v>
      </c>
      <c r="P18681" s="5" t="s">
        <v>39</v>
      </c>
      <c r="Q18681" s="5" t="s">
        <v>40</v>
      </c>
      <c r="R18681" s="5" t="s">
        <v>1487</v>
      </c>
      <c r="S18681" s="5"/>
      <c r="T18681" s="5" t="s">
        <v>42</v>
      </c>
      <c r="U18681" s="2">
        <v>0</v>
      </c>
      <c r="V18681" s="2">
        <v>0</v>
      </c>
      <c r="W18681" s="2">
        <v>0</v>
      </c>
      <c r="X18681" s="2">
        <v>0</v>
      </c>
      <c r="Y18681" s="2">
        <v>0</v>
      </c>
      <c r="Z18681" s="2">
        <v>0</v>
      </c>
      <c r="AA18681" s="5"/>
      <c r="AB18681" s="5" t="s">
        <v>43</v>
      </c>
      <c r="AC18681" s="5" t="s">
        <v>735</v>
      </c>
      <c r="AD18681" s="2" t="s">
        <v>57684</v>
      </c>
      <c r="AE18681" s="1"/>
    </row>
    <row r="18682" spans="1:31" ht="14.45">
      <c r="A18682" s="11"/>
      <c r="B18682" s="20"/>
      <c r="C18682" s="2" t="s">
        <v>57685</v>
      </c>
      <c r="D18682" s="14" t="s">
        <v>57686</v>
      </c>
      <c r="E18682" s="2" t="s">
        <v>57687</v>
      </c>
      <c r="F18682" s="2" t="s">
        <v>57688</v>
      </c>
      <c r="G18682" s="8">
        <v>1537</v>
      </c>
      <c r="H18682" s="5">
        <v>5</v>
      </c>
      <c r="I18682" s="5" t="s">
        <v>69</v>
      </c>
      <c r="J18682" s="5" t="s">
        <v>55802</v>
      </c>
      <c r="K18682" s="2" t="s">
        <v>55803</v>
      </c>
      <c r="L18682" s="5" t="s">
        <v>55802</v>
      </c>
      <c r="M18682" s="2" t="s">
        <v>55803</v>
      </c>
      <c r="N18682" s="5" t="s">
        <v>733</v>
      </c>
      <c r="O18682" s="5" t="s">
        <v>38</v>
      </c>
      <c r="P18682" s="5" t="s">
        <v>39</v>
      </c>
      <c r="Q18682" s="5" t="s">
        <v>40</v>
      </c>
      <c r="R18682" s="5" t="s">
        <v>1487</v>
      </c>
      <c r="S18682" s="5"/>
      <c r="T18682" s="5" t="s">
        <v>42</v>
      </c>
      <c r="U18682" s="2">
        <v>0</v>
      </c>
      <c r="V18682" s="2">
        <v>0</v>
      </c>
      <c r="W18682" s="2">
        <v>0</v>
      </c>
      <c r="X18682" s="2">
        <v>0</v>
      </c>
      <c r="Y18682" s="2">
        <v>0</v>
      </c>
      <c r="Z18682" s="2">
        <v>0</v>
      </c>
      <c r="AA18682" s="5"/>
      <c r="AB18682" s="5" t="s">
        <v>43</v>
      </c>
      <c r="AC18682" s="5" t="s">
        <v>735</v>
      </c>
      <c r="AD18682" s="2" t="s">
        <v>57689</v>
      </c>
      <c r="AE18682" s="1"/>
    </row>
    <row r="18683" spans="1:31" ht="14.45">
      <c r="A18683" s="11"/>
      <c r="B18683" s="20"/>
      <c r="C18683" s="2" t="s">
        <v>57690</v>
      </c>
      <c r="D18683" s="14" t="s">
        <v>57691</v>
      </c>
      <c r="E18683" s="2" t="s">
        <v>57692</v>
      </c>
      <c r="F18683" s="2" t="s">
        <v>57693</v>
      </c>
      <c r="G18683" s="8">
        <v>1773</v>
      </c>
      <c r="H18683" s="5">
        <v>10</v>
      </c>
      <c r="I18683" s="5" t="s">
        <v>69</v>
      </c>
      <c r="J18683" s="5" t="s">
        <v>55802</v>
      </c>
      <c r="K18683" s="2" t="s">
        <v>55803</v>
      </c>
      <c r="L18683" s="5" t="s">
        <v>55802</v>
      </c>
      <c r="M18683" s="2" t="s">
        <v>55803</v>
      </c>
      <c r="N18683" s="5" t="s">
        <v>733</v>
      </c>
      <c r="O18683" s="5" t="s">
        <v>38</v>
      </c>
      <c r="P18683" s="5" t="s">
        <v>39</v>
      </c>
      <c r="Q18683" s="5" t="s">
        <v>40</v>
      </c>
      <c r="R18683" s="5" t="s">
        <v>1487</v>
      </c>
      <c r="S18683" s="5"/>
      <c r="T18683" s="5" t="s">
        <v>42</v>
      </c>
      <c r="U18683" s="2">
        <v>0</v>
      </c>
      <c r="V18683" s="2">
        <v>0</v>
      </c>
      <c r="W18683" s="2">
        <v>0</v>
      </c>
      <c r="X18683" s="2">
        <v>0</v>
      </c>
      <c r="Y18683" s="2">
        <v>0</v>
      </c>
      <c r="Z18683" s="2">
        <v>0</v>
      </c>
      <c r="AA18683" s="5"/>
      <c r="AB18683" s="5" t="s">
        <v>43</v>
      </c>
      <c r="AC18683" s="5" t="s">
        <v>735</v>
      </c>
      <c r="AD18683" s="2" t="s">
        <v>57694</v>
      </c>
      <c r="AE18683" s="1"/>
    </row>
    <row r="18684" spans="1:31" ht="14.45">
      <c r="A18684" s="11"/>
      <c r="B18684" s="20"/>
      <c r="C18684" s="2" t="s">
        <v>57695</v>
      </c>
      <c r="D18684" s="14" t="s">
        <v>57696</v>
      </c>
      <c r="E18684" s="2" t="s">
        <v>57697</v>
      </c>
      <c r="F18684" s="2" t="s">
        <v>57698</v>
      </c>
      <c r="G18684" s="8">
        <v>1537</v>
      </c>
      <c r="H18684" s="5">
        <v>5</v>
      </c>
      <c r="I18684" s="5" t="s">
        <v>69</v>
      </c>
      <c r="J18684" s="5" t="s">
        <v>55802</v>
      </c>
      <c r="K18684" s="2" t="s">
        <v>55803</v>
      </c>
      <c r="L18684" s="5" t="s">
        <v>55802</v>
      </c>
      <c r="M18684" s="2" t="s">
        <v>55803</v>
      </c>
      <c r="N18684" s="5" t="s">
        <v>733</v>
      </c>
      <c r="O18684" s="5" t="s">
        <v>38</v>
      </c>
      <c r="P18684" s="5" t="s">
        <v>39</v>
      </c>
      <c r="Q18684" s="5" t="s">
        <v>40</v>
      </c>
      <c r="R18684" s="5" t="s">
        <v>1487</v>
      </c>
      <c r="S18684" s="5"/>
      <c r="T18684" s="5" t="s">
        <v>42</v>
      </c>
      <c r="U18684" s="2">
        <v>0</v>
      </c>
      <c r="V18684" s="2">
        <v>0</v>
      </c>
      <c r="W18684" s="2">
        <v>0</v>
      </c>
      <c r="X18684" s="2">
        <v>0</v>
      </c>
      <c r="Y18684" s="2">
        <v>0</v>
      </c>
      <c r="Z18684" s="2">
        <v>0</v>
      </c>
      <c r="AA18684" s="5"/>
      <c r="AB18684" s="5" t="s">
        <v>43</v>
      </c>
      <c r="AC18684" s="5" t="s">
        <v>735</v>
      </c>
      <c r="AD18684" s="2" t="s">
        <v>57699</v>
      </c>
      <c r="AE18684" s="1"/>
    </row>
    <row r="18685" spans="1:31" ht="14.45">
      <c r="A18685" s="11"/>
      <c r="B18685" s="20"/>
      <c r="C18685" s="2" t="s">
        <v>57700</v>
      </c>
      <c r="D18685" s="14" t="s">
        <v>57701</v>
      </c>
      <c r="E18685" s="2" t="s">
        <v>57702</v>
      </c>
      <c r="F18685" s="2" t="s">
        <v>57703</v>
      </c>
      <c r="G18685" s="8">
        <v>967</v>
      </c>
      <c r="H18685" s="5">
        <v>5</v>
      </c>
      <c r="I18685" s="5" t="s">
        <v>69</v>
      </c>
      <c r="J18685" s="5" t="s">
        <v>55802</v>
      </c>
      <c r="K18685" s="2" t="s">
        <v>55803</v>
      </c>
      <c r="L18685" s="5" t="s">
        <v>55802</v>
      </c>
      <c r="M18685" s="2" t="s">
        <v>55803</v>
      </c>
      <c r="N18685" s="5" t="s">
        <v>733</v>
      </c>
      <c r="O18685" s="5" t="s">
        <v>38</v>
      </c>
      <c r="P18685" s="5" t="s">
        <v>39</v>
      </c>
      <c r="Q18685" s="5" t="s">
        <v>40</v>
      </c>
      <c r="R18685" s="5" t="s">
        <v>897</v>
      </c>
      <c r="S18685" s="5" t="s">
        <v>40</v>
      </c>
      <c r="T18685" s="5" t="s">
        <v>42</v>
      </c>
      <c r="U18685" s="2">
        <v>50.216000000000001</v>
      </c>
      <c r="V18685" s="2">
        <v>47.136000000000003</v>
      </c>
      <c r="W18685" s="2">
        <v>0.18099999999999999</v>
      </c>
      <c r="X18685" s="2">
        <v>17</v>
      </c>
      <c r="Y18685" s="2">
        <v>80.7</v>
      </c>
      <c r="Z18685" s="2">
        <v>131.6</v>
      </c>
      <c r="AA18685" s="5">
        <v>7</v>
      </c>
      <c r="AB18685" s="5" t="s">
        <v>43</v>
      </c>
      <c r="AC18685" s="5" t="s">
        <v>735</v>
      </c>
      <c r="AD18685" s="2" t="s">
        <v>57704</v>
      </c>
      <c r="AE18685" s="1"/>
    </row>
    <row r="18686" spans="1:31" ht="14.45">
      <c r="A18686" s="11"/>
      <c r="B18686" s="20"/>
      <c r="C18686" s="2" t="s">
        <v>57705</v>
      </c>
      <c r="D18686" s="14" t="s">
        <v>57706</v>
      </c>
      <c r="E18686" s="2" t="s">
        <v>57707</v>
      </c>
      <c r="F18686" s="2" t="s">
        <v>57708</v>
      </c>
      <c r="G18686" s="8">
        <v>1267</v>
      </c>
      <c r="H18686" s="5">
        <v>10</v>
      </c>
      <c r="I18686" s="5" t="s">
        <v>69</v>
      </c>
      <c r="J18686" s="5" t="s">
        <v>55802</v>
      </c>
      <c r="K18686" s="2" t="s">
        <v>55803</v>
      </c>
      <c r="L18686" s="5" t="s">
        <v>55802</v>
      </c>
      <c r="M18686" s="2" t="s">
        <v>55803</v>
      </c>
      <c r="N18686" s="5" t="s">
        <v>733</v>
      </c>
      <c r="O18686" s="5" t="s">
        <v>38</v>
      </c>
      <c r="P18686" s="5" t="s">
        <v>39</v>
      </c>
      <c r="Q18686" s="5" t="s">
        <v>40</v>
      </c>
      <c r="R18686" s="5" t="s">
        <v>897</v>
      </c>
      <c r="S18686" s="5" t="s">
        <v>40</v>
      </c>
      <c r="T18686" s="5" t="s">
        <v>42</v>
      </c>
      <c r="U18686" s="2">
        <v>51.945</v>
      </c>
      <c r="V18686" s="2">
        <v>48.737000000000002</v>
      </c>
      <c r="W18686" s="2">
        <v>0.18099999999999999</v>
      </c>
      <c r="X18686" s="2">
        <v>17</v>
      </c>
      <c r="Y18686" s="2">
        <v>80.7</v>
      </c>
      <c r="Z18686" s="2">
        <v>131.6</v>
      </c>
      <c r="AA18686" s="5">
        <v>7</v>
      </c>
      <c r="AB18686" s="5" t="s">
        <v>43</v>
      </c>
      <c r="AC18686" s="5" t="s">
        <v>735</v>
      </c>
      <c r="AD18686" s="2" t="s">
        <v>57709</v>
      </c>
      <c r="AE18686" s="1"/>
    </row>
    <row r="18687" spans="1:31" ht="14.45">
      <c r="A18687" s="11"/>
      <c r="B18687" s="20"/>
      <c r="C18687" s="2" t="s">
        <v>57710</v>
      </c>
      <c r="D18687" s="14" t="s">
        <v>57711</v>
      </c>
      <c r="E18687" s="2" t="s">
        <v>57712</v>
      </c>
      <c r="F18687" s="2" t="s">
        <v>57713</v>
      </c>
      <c r="G18687" s="8">
        <v>836</v>
      </c>
      <c r="H18687" s="5">
        <v>5</v>
      </c>
      <c r="I18687" s="5" t="s">
        <v>69</v>
      </c>
      <c r="J18687" s="5" t="s">
        <v>55802</v>
      </c>
      <c r="K18687" s="2" t="s">
        <v>55803</v>
      </c>
      <c r="L18687" s="5" t="s">
        <v>55802</v>
      </c>
      <c r="M18687" s="2" t="s">
        <v>55803</v>
      </c>
      <c r="N18687" s="5" t="s">
        <v>733</v>
      </c>
      <c r="O18687" s="5" t="s">
        <v>38</v>
      </c>
      <c r="P18687" s="5" t="s">
        <v>39</v>
      </c>
      <c r="Q18687" s="5" t="s">
        <v>40</v>
      </c>
      <c r="R18687" s="5" t="s">
        <v>897</v>
      </c>
      <c r="S18687" s="5" t="s">
        <v>40</v>
      </c>
      <c r="T18687" s="5" t="s">
        <v>42</v>
      </c>
      <c r="U18687" s="2">
        <v>44.284999999999997</v>
      </c>
      <c r="V18687" s="2">
        <v>41.204999999999998</v>
      </c>
      <c r="W18687" s="2">
        <v>0.18099999999999999</v>
      </c>
      <c r="X18687" s="2">
        <v>17</v>
      </c>
      <c r="Y18687" s="2">
        <v>80.7</v>
      </c>
      <c r="Z18687" s="2">
        <v>131.6</v>
      </c>
      <c r="AA18687" s="5">
        <v>7</v>
      </c>
      <c r="AB18687" s="5" t="s">
        <v>43</v>
      </c>
      <c r="AC18687" s="5" t="s">
        <v>735</v>
      </c>
      <c r="AD18687" s="2" t="s">
        <v>57714</v>
      </c>
      <c r="AE18687" s="1"/>
    </row>
    <row r="18688" spans="1:31" ht="14.45">
      <c r="A18688" s="11"/>
      <c r="B18688" s="20"/>
      <c r="C18688" s="2" t="s">
        <v>57715</v>
      </c>
      <c r="D18688" s="14" t="s">
        <v>57716</v>
      </c>
      <c r="E18688" s="2" t="s">
        <v>57717</v>
      </c>
      <c r="F18688" s="2" t="s">
        <v>57718</v>
      </c>
      <c r="G18688" s="8">
        <v>1136</v>
      </c>
      <c r="H18688" s="5">
        <v>5</v>
      </c>
      <c r="I18688" s="5" t="s">
        <v>69</v>
      </c>
      <c r="J18688" s="5" t="s">
        <v>55802</v>
      </c>
      <c r="K18688" s="2" t="s">
        <v>55803</v>
      </c>
      <c r="L18688" s="5" t="s">
        <v>55802</v>
      </c>
      <c r="M18688" s="2" t="s">
        <v>55803</v>
      </c>
      <c r="N18688" s="5" t="s">
        <v>733</v>
      </c>
      <c r="O18688" s="5" t="s">
        <v>38</v>
      </c>
      <c r="P18688" s="5" t="s">
        <v>39</v>
      </c>
      <c r="Q18688" s="5" t="s">
        <v>40</v>
      </c>
      <c r="R18688" s="5" t="s">
        <v>897</v>
      </c>
      <c r="S18688" s="5" t="s">
        <v>40</v>
      </c>
      <c r="T18688" s="5" t="s">
        <v>42</v>
      </c>
      <c r="U18688" s="2">
        <v>45.646000000000001</v>
      </c>
      <c r="V18688" s="2">
        <v>42.438000000000002</v>
      </c>
      <c r="W18688" s="2">
        <v>0.18099999999999999</v>
      </c>
      <c r="X18688" s="2">
        <v>17</v>
      </c>
      <c r="Y18688" s="2">
        <v>80.7</v>
      </c>
      <c r="Z18688" s="2">
        <v>131.6</v>
      </c>
      <c r="AA18688" s="5">
        <v>7</v>
      </c>
      <c r="AB18688" s="5" t="s">
        <v>43</v>
      </c>
      <c r="AC18688" s="5" t="s">
        <v>735</v>
      </c>
      <c r="AD18688" s="2" t="s">
        <v>57719</v>
      </c>
      <c r="AE18688" s="1"/>
    </row>
    <row r="18689" spans="1:31" ht="14.45">
      <c r="A18689" s="5" t="s">
        <v>116</v>
      </c>
      <c r="B18689" s="21">
        <v>46082</v>
      </c>
      <c r="C18689" s="2" t="s">
        <v>57720</v>
      </c>
      <c r="D18689" s="14" t="s">
        <v>57721</v>
      </c>
      <c r="E18689" s="2" t="s">
        <v>57722</v>
      </c>
      <c r="F18689" s="2" t="s">
        <v>57723</v>
      </c>
      <c r="G18689" s="8">
        <v>1236</v>
      </c>
      <c r="H18689" s="5">
        <v>5</v>
      </c>
      <c r="I18689" s="5" t="s">
        <v>69</v>
      </c>
      <c r="J18689" s="5" t="s">
        <v>55802</v>
      </c>
      <c r="K18689" s="2" t="s">
        <v>55803</v>
      </c>
      <c r="L18689" s="5" t="s">
        <v>55802</v>
      </c>
      <c r="M18689" s="2" t="s">
        <v>55803</v>
      </c>
      <c r="N18689" s="5" t="s">
        <v>733</v>
      </c>
      <c r="O18689" s="5" t="s">
        <v>38</v>
      </c>
      <c r="P18689" s="5" t="s">
        <v>39</v>
      </c>
      <c r="Q18689" s="5" t="s">
        <v>40</v>
      </c>
      <c r="R18689" s="5" t="s">
        <v>897</v>
      </c>
      <c r="S18689" s="5" t="s">
        <v>40</v>
      </c>
      <c r="T18689" s="5" t="s">
        <v>42</v>
      </c>
      <c r="U18689" s="2">
        <v>45.85</v>
      </c>
      <c r="V18689" s="2">
        <v>42.74</v>
      </c>
      <c r="W18689" s="2">
        <v>0.18099999999999999</v>
      </c>
      <c r="X18689" s="2">
        <v>17</v>
      </c>
      <c r="Y18689" s="2">
        <v>80.7</v>
      </c>
      <c r="Z18689" s="2">
        <v>131.6</v>
      </c>
      <c r="AA18689" s="5">
        <v>7</v>
      </c>
      <c r="AB18689" s="5" t="s">
        <v>43</v>
      </c>
      <c r="AC18689" s="5" t="s">
        <v>735</v>
      </c>
      <c r="AD18689" s="2" t="s">
        <v>57724</v>
      </c>
      <c r="AE18689" s="1"/>
    </row>
    <row r="18690" spans="1:31" ht="14.45">
      <c r="A18690" s="11"/>
      <c r="B18690" s="20"/>
      <c r="C18690" s="2" t="s">
        <v>57725</v>
      </c>
      <c r="D18690" s="14" t="s">
        <v>57726</v>
      </c>
      <c r="E18690" s="2" t="s">
        <v>57727</v>
      </c>
      <c r="F18690" s="2" t="s">
        <v>57718</v>
      </c>
      <c r="G18690" s="8">
        <v>1136</v>
      </c>
      <c r="H18690" s="5">
        <v>5</v>
      </c>
      <c r="I18690" s="5" t="s">
        <v>69</v>
      </c>
      <c r="J18690" s="5" t="s">
        <v>55802</v>
      </c>
      <c r="K18690" s="2" t="s">
        <v>55803</v>
      </c>
      <c r="L18690" s="5" t="s">
        <v>55802</v>
      </c>
      <c r="M18690" s="2" t="s">
        <v>55803</v>
      </c>
      <c r="N18690" s="5" t="s">
        <v>733</v>
      </c>
      <c r="O18690" s="5" t="s">
        <v>38</v>
      </c>
      <c r="P18690" s="5" t="s">
        <v>39</v>
      </c>
      <c r="Q18690" s="5" t="s">
        <v>40</v>
      </c>
      <c r="R18690" s="5" t="s">
        <v>897</v>
      </c>
      <c r="S18690" s="5" t="s">
        <v>40</v>
      </c>
      <c r="T18690" s="5" t="s">
        <v>42</v>
      </c>
      <c r="U18690" s="2">
        <v>45.762999999999998</v>
      </c>
      <c r="V18690" s="2">
        <v>42.469000000000001</v>
      </c>
      <c r="W18690" s="2">
        <v>0.18099999999999999</v>
      </c>
      <c r="X18690" s="2">
        <v>17</v>
      </c>
      <c r="Y18690" s="2">
        <v>80.7</v>
      </c>
      <c r="Z18690" s="2">
        <v>131.6</v>
      </c>
      <c r="AA18690" s="5">
        <v>7</v>
      </c>
      <c r="AB18690" s="5" t="s">
        <v>43</v>
      </c>
      <c r="AC18690" s="5" t="s">
        <v>735</v>
      </c>
      <c r="AD18690" s="2" t="s">
        <v>57728</v>
      </c>
      <c r="AE18690" s="1"/>
    </row>
    <row r="18691" spans="1:31" ht="14.45">
      <c r="A18691" s="11"/>
      <c r="B18691" s="20"/>
      <c r="C18691" s="2" t="s">
        <v>57729</v>
      </c>
      <c r="D18691" s="14" t="s">
        <v>57730</v>
      </c>
      <c r="E18691" s="2" t="s">
        <v>57731</v>
      </c>
      <c r="F18691" s="2" t="s">
        <v>57718</v>
      </c>
      <c r="G18691" s="8">
        <v>1383</v>
      </c>
      <c r="H18691" s="5">
        <v>10</v>
      </c>
      <c r="I18691" s="5" t="s">
        <v>69</v>
      </c>
      <c r="J18691" s="5" t="s">
        <v>55802</v>
      </c>
      <c r="K18691" s="2" t="s">
        <v>55803</v>
      </c>
      <c r="L18691" s="5" t="s">
        <v>55802</v>
      </c>
      <c r="M18691" s="2" t="s">
        <v>55803</v>
      </c>
      <c r="N18691" s="5" t="s">
        <v>733</v>
      </c>
      <c r="O18691" s="5" t="s">
        <v>38</v>
      </c>
      <c r="P18691" s="5" t="s">
        <v>39</v>
      </c>
      <c r="Q18691" s="5" t="s">
        <v>40</v>
      </c>
      <c r="R18691" s="5" t="s">
        <v>897</v>
      </c>
      <c r="S18691" s="5" t="s">
        <v>40</v>
      </c>
      <c r="T18691" s="5" t="s">
        <v>42</v>
      </c>
      <c r="U18691" s="2">
        <v>47.094999999999999</v>
      </c>
      <c r="V18691" s="2">
        <v>43.973999999999997</v>
      </c>
      <c r="W18691" s="2">
        <v>0.18099999999999999</v>
      </c>
      <c r="X18691" s="2">
        <v>17</v>
      </c>
      <c r="Y18691" s="2">
        <v>80.7</v>
      </c>
      <c r="Z18691" s="2">
        <v>131.6</v>
      </c>
      <c r="AA18691" s="5">
        <v>7</v>
      </c>
      <c r="AB18691" s="5" t="s">
        <v>43</v>
      </c>
      <c r="AC18691" s="5" t="s">
        <v>735</v>
      </c>
      <c r="AD18691" s="2" t="s">
        <v>57732</v>
      </c>
      <c r="AE18691" s="1"/>
    </row>
    <row r="18692" spans="1:31" ht="14.45">
      <c r="A18692" s="11"/>
      <c r="B18692" s="20"/>
      <c r="C18692" s="2" t="s">
        <v>57733</v>
      </c>
      <c r="D18692" s="14" t="s">
        <v>57734</v>
      </c>
      <c r="E18692" s="2" t="s">
        <v>57735</v>
      </c>
      <c r="F18692" s="2" t="s">
        <v>57736</v>
      </c>
      <c r="G18692" s="8">
        <v>967</v>
      </c>
      <c r="H18692" s="5">
        <v>10</v>
      </c>
      <c r="I18692" s="5" t="s">
        <v>69</v>
      </c>
      <c r="J18692" s="5" t="s">
        <v>55802</v>
      </c>
      <c r="K18692" s="2" t="s">
        <v>55803</v>
      </c>
      <c r="L18692" s="5" t="s">
        <v>55802</v>
      </c>
      <c r="M18692" s="2" t="s">
        <v>55803</v>
      </c>
      <c r="N18692" s="5" t="s">
        <v>733</v>
      </c>
      <c r="O18692" s="5" t="s">
        <v>38</v>
      </c>
      <c r="P18692" s="5" t="s">
        <v>39</v>
      </c>
      <c r="Q18692" s="5" t="s">
        <v>40</v>
      </c>
      <c r="R18692" s="5" t="s">
        <v>897</v>
      </c>
      <c r="S18692" s="5" t="s">
        <v>40</v>
      </c>
      <c r="T18692" s="5" t="s">
        <v>42</v>
      </c>
      <c r="U18692" s="2">
        <v>43.581000000000003</v>
      </c>
      <c r="V18692" s="2">
        <v>40.496000000000002</v>
      </c>
      <c r="W18692" s="2">
        <v>0.18099999999999999</v>
      </c>
      <c r="X18692" s="2">
        <v>17</v>
      </c>
      <c r="Y18692" s="2">
        <v>80.7</v>
      </c>
      <c r="Z18692" s="2">
        <v>131.6</v>
      </c>
      <c r="AA18692" s="5">
        <v>7</v>
      </c>
      <c r="AB18692" s="5" t="s">
        <v>43</v>
      </c>
      <c r="AC18692" s="5" t="s">
        <v>735</v>
      </c>
      <c r="AD18692" s="2" t="s">
        <v>57737</v>
      </c>
      <c r="AE18692" s="1"/>
    </row>
    <row r="18693" spans="1:31" ht="14.45">
      <c r="A18693" s="11"/>
      <c r="B18693" s="20"/>
      <c r="C18693" s="2" t="s">
        <v>57738</v>
      </c>
      <c r="D18693" s="14" t="s">
        <v>57739</v>
      </c>
      <c r="E18693" s="2" t="s">
        <v>57740</v>
      </c>
      <c r="F18693" s="2" t="s">
        <v>57736</v>
      </c>
      <c r="G18693" s="8">
        <v>1267</v>
      </c>
      <c r="H18693" s="5">
        <v>10</v>
      </c>
      <c r="I18693" s="5" t="s">
        <v>69</v>
      </c>
      <c r="J18693" s="5" t="s">
        <v>55802</v>
      </c>
      <c r="K18693" s="2" t="s">
        <v>55803</v>
      </c>
      <c r="L18693" s="5" t="s">
        <v>55802</v>
      </c>
      <c r="M18693" s="2" t="s">
        <v>55803</v>
      </c>
      <c r="N18693" s="5" t="s">
        <v>733</v>
      </c>
      <c r="O18693" s="5" t="s">
        <v>38</v>
      </c>
      <c r="P18693" s="5" t="s">
        <v>39</v>
      </c>
      <c r="Q18693" s="5" t="s">
        <v>40</v>
      </c>
      <c r="R18693" s="5" t="s">
        <v>897</v>
      </c>
      <c r="S18693" s="5" t="s">
        <v>40</v>
      </c>
      <c r="T18693" s="5" t="s">
        <v>42</v>
      </c>
      <c r="U18693" s="2">
        <v>45.485999999999997</v>
      </c>
      <c r="V18693" s="2">
        <v>42.277999999999999</v>
      </c>
      <c r="W18693" s="2">
        <v>0.18099999999999999</v>
      </c>
      <c r="X18693" s="2">
        <v>17</v>
      </c>
      <c r="Y18693" s="2">
        <v>80.7</v>
      </c>
      <c r="Z18693" s="2">
        <v>131.6</v>
      </c>
      <c r="AA18693" s="5">
        <v>7</v>
      </c>
      <c r="AB18693" s="5" t="s">
        <v>43</v>
      </c>
      <c r="AC18693" s="5" t="s">
        <v>735</v>
      </c>
      <c r="AD18693" s="2" t="s">
        <v>57741</v>
      </c>
      <c r="AE18693" s="1"/>
    </row>
    <row r="18694" spans="1:31" ht="14.45">
      <c r="A18694" s="11"/>
      <c r="B18694" s="20"/>
      <c r="C18694" s="2" t="s">
        <v>57742</v>
      </c>
      <c r="D18694" s="14" t="s">
        <v>57743</v>
      </c>
      <c r="E18694" s="2" t="s">
        <v>57744</v>
      </c>
      <c r="F18694" s="2" t="s">
        <v>57736</v>
      </c>
      <c r="G18694" s="8">
        <v>1267</v>
      </c>
      <c r="H18694" s="5">
        <v>10</v>
      </c>
      <c r="I18694" s="5" t="s">
        <v>69</v>
      </c>
      <c r="J18694" s="5" t="s">
        <v>55802</v>
      </c>
      <c r="K18694" s="2" t="s">
        <v>55803</v>
      </c>
      <c r="L18694" s="5" t="s">
        <v>55802</v>
      </c>
      <c r="M18694" s="2" t="s">
        <v>55803</v>
      </c>
      <c r="N18694" s="5" t="s">
        <v>733</v>
      </c>
      <c r="O18694" s="5" t="s">
        <v>38</v>
      </c>
      <c r="P18694" s="5" t="s">
        <v>39</v>
      </c>
      <c r="Q18694" s="5" t="s">
        <v>40</v>
      </c>
      <c r="R18694" s="5" t="s">
        <v>897</v>
      </c>
      <c r="S18694" s="5" t="s">
        <v>40</v>
      </c>
      <c r="T18694" s="5" t="s">
        <v>42</v>
      </c>
      <c r="U18694" s="2">
        <v>45.62</v>
      </c>
      <c r="V18694" s="2">
        <v>42.326000000000001</v>
      </c>
      <c r="W18694" s="2">
        <v>0.18099999999999999</v>
      </c>
      <c r="X18694" s="2">
        <v>17</v>
      </c>
      <c r="Y18694" s="2">
        <v>80.7</v>
      </c>
      <c r="Z18694" s="2">
        <v>131.6</v>
      </c>
      <c r="AA18694" s="5">
        <v>7</v>
      </c>
      <c r="AB18694" s="5" t="s">
        <v>43</v>
      </c>
      <c r="AC18694" s="5" t="s">
        <v>735</v>
      </c>
      <c r="AD18694" s="2" t="s">
        <v>57745</v>
      </c>
      <c r="AE18694" s="1"/>
    </row>
    <row r="18695" spans="1:31" ht="14.45">
      <c r="A18695" s="11"/>
      <c r="B18695" s="20"/>
      <c r="C18695" s="2" t="s">
        <v>57746</v>
      </c>
      <c r="D18695" s="14" t="s">
        <v>57747</v>
      </c>
      <c r="E18695" s="2" t="s">
        <v>57748</v>
      </c>
      <c r="F18695" s="2" t="s">
        <v>57749</v>
      </c>
      <c r="G18695" s="8">
        <v>710</v>
      </c>
      <c r="H18695" s="5">
        <v>10</v>
      </c>
      <c r="I18695" s="5" t="s">
        <v>69</v>
      </c>
      <c r="J18695" s="5" t="s">
        <v>55802</v>
      </c>
      <c r="K18695" s="2" t="s">
        <v>55803</v>
      </c>
      <c r="L18695" s="5" t="s">
        <v>55802</v>
      </c>
      <c r="M18695" s="2" t="s">
        <v>55803</v>
      </c>
      <c r="N18695" s="5" t="s">
        <v>733</v>
      </c>
      <c r="O18695" s="5" t="s">
        <v>38</v>
      </c>
      <c r="P18695" s="5" t="s">
        <v>39</v>
      </c>
      <c r="Q18695" s="5" t="s">
        <v>40</v>
      </c>
      <c r="R18695" s="5" t="s">
        <v>897</v>
      </c>
      <c r="S18695" s="5" t="s">
        <v>40</v>
      </c>
      <c r="T18695" s="5" t="s">
        <v>42</v>
      </c>
      <c r="U18695" s="2">
        <v>43.771000000000001</v>
      </c>
      <c r="V18695" s="2">
        <v>40.686</v>
      </c>
      <c r="W18695" s="2">
        <v>0.18099999999999999</v>
      </c>
      <c r="X18695" s="2">
        <v>17</v>
      </c>
      <c r="Y18695" s="2">
        <v>80.7</v>
      </c>
      <c r="Z18695" s="2">
        <v>131.6</v>
      </c>
      <c r="AA18695" s="5">
        <v>7</v>
      </c>
      <c r="AB18695" s="5" t="s">
        <v>43</v>
      </c>
      <c r="AC18695" s="5" t="s">
        <v>735</v>
      </c>
      <c r="AD18695" s="2" t="s">
        <v>57750</v>
      </c>
      <c r="AE18695" s="1"/>
    </row>
    <row r="18696" spans="1:31" ht="14.45">
      <c r="A18696" s="11"/>
      <c r="B18696" s="20"/>
      <c r="C18696" s="2" t="s">
        <v>57751</v>
      </c>
      <c r="D18696" s="14" t="s">
        <v>57752</v>
      </c>
      <c r="E18696" s="2" t="s">
        <v>57753</v>
      </c>
      <c r="F18696" s="2" t="s">
        <v>57749</v>
      </c>
      <c r="G18696" s="8">
        <v>1010</v>
      </c>
      <c r="H18696" s="5">
        <v>10</v>
      </c>
      <c r="I18696" s="5" t="s">
        <v>69</v>
      </c>
      <c r="J18696" s="5" t="s">
        <v>55802</v>
      </c>
      <c r="K18696" s="2" t="s">
        <v>55803</v>
      </c>
      <c r="L18696" s="5" t="s">
        <v>55802</v>
      </c>
      <c r="M18696" s="2" t="s">
        <v>55803</v>
      </c>
      <c r="N18696" s="5" t="s">
        <v>733</v>
      </c>
      <c r="O18696" s="5" t="s">
        <v>38</v>
      </c>
      <c r="P18696" s="5" t="s">
        <v>39</v>
      </c>
      <c r="Q18696" s="5" t="s">
        <v>40</v>
      </c>
      <c r="R18696" s="5" t="s">
        <v>897</v>
      </c>
      <c r="S18696" s="5" t="s">
        <v>40</v>
      </c>
      <c r="T18696" s="5" t="s">
        <v>42</v>
      </c>
      <c r="U18696" s="2">
        <v>45.676000000000002</v>
      </c>
      <c r="V18696" s="2">
        <v>42.468000000000004</v>
      </c>
      <c r="W18696" s="2">
        <v>0.18099999999999999</v>
      </c>
      <c r="X18696" s="2">
        <v>17</v>
      </c>
      <c r="Y18696" s="2">
        <v>80.7</v>
      </c>
      <c r="Z18696" s="2">
        <v>131.6</v>
      </c>
      <c r="AA18696" s="5">
        <v>7</v>
      </c>
      <c r="AB18696" s="5" t="s">
        <v>43</v>
      </c>
      <c r="AC18696" s="5" t="s">
        <v>735</v>
      </c>
      <c r="AD18696" s="2" t="s">
        <v>57754</v>
      </c>
      <c r="AE18696" s="1"/>
    </row>
    <row r="18697" spans="1:31" ht="14.45">
      <c r="A18697" s="11"/>
      <c r="B18697" s="20"/>
      <c r="C18697" s="2" t="s">
        <v>57755</v>
      </c>
      <c r="D18697" s="14" t="s">
        <v>57756</v>
      </c>
      <c r="E18697" s="2" t="s">
        <v>57757</v>
      </c>
      <c r="F18697" s="2" t="s">
        <v>57749</v>
      </c>
      <c r="G18697" s="8">
        <v>1010</v>
      </c>
      <c r="H18697" s="5">
        <v>10</v>
      </c>
      <c r="I18697" s="5" t="s">
        <v>69</v>
      </c>
      <c r="J18697" s="5" t="s">
        <v>55802</v>
      </c>
      <c r="K18697" s="2" t="s">
        <v>55803</v>
      </c>
      <c r="L18697" s="5" t="s">
        <v>55802</v>
      </c>
      <c r="M18697" s="2" t="s">
        <v>55803</v>
      </c>
      <c r="N18697" s="5" t="s">
        <v>733</v>
      </c>
      <c r="O18697" s="5" t="s">
        <v>38</v>
      </c>
      <c r="P18697" s="5" t="s">
        <v>39</v>
      </c>
      <c r="Q18697" s="5" t="s">
        <v>40</v>
      </c>
      <c r="R18697" s="5" t="s">
        <v>897</v>
      </c>
      <c r="S18697" s="5" t="s">
        <v>40</v>
      </c>
      <c r="T18697" s="5" t="s">
        <v>42</v>
      </c>
      <c r="U18697" s="2">
        <v>45.792999999999999</v>
      </c>
      <c r="V18697" s="2">
        <v>42.499000000000002</v>
      </c>
      <c r="W18697" s="2">
        <v>0.18099999999999999</v>
      </c>
      <c r="X18697" s="2">
        <v>17</v>
      </c>
      <c r="Y18697" s="2">
        <v>80.7</v>
      </c>
      <c r="Z18697" s="2">
        <v>131.6</v>
      </c>
      <c r="AA18697" s="5">
        <v>7</v>
      </c>
      <c r="AB18697" s="5" t="s">
        <v>43</v>
      </c>
      <c r="AC18697" s="5" t="s">
        <v>735</v>
      </c>
      <c r="AD18697" s="2" t="s">
        <v>57758</v>
      </c>
      <c r="AE18697" s="1"/>
    </row>
    <row r="18698" spans="1:31" ht="14.45">
      <c r="A18698" s="11"/>
      <c r="B18698" s="20"/>
      <c r="C18698" s="2" t="s">
        <v>57759</v>
      </c>
      <c r="D18698" s="14" t="s">
        <v>57760</v>
      </c>
      <c r="E18698" s="2" t="s">
        <v>57761</v>
      </c>
      <c r="F18698" s="2" t="s">
        <v>57762</v>
      </c>
      <c r="G18698" s="8">
        <v>551</v>
      </c>
      <c r="H18698" s="5">
        <v>5</v>
      </c>
      <c r="I18698" s="5" t="s">
        <v>69</v>
      </c>
      <c r="J18698" s="5" t="s">
        <v>55802</v>
      </c>
      <c r="K18698" s="2" t="s">
        <v>55803</v>
      </c>
      <c r="L18698" s="5" t="s">
        <v>55802</v>
      </c>
      <c r="M18698" s="2" t="s">
        <v>55803</v>
      </c>
      <c r="N18698" s="5" t="s">
        <v>733</v>
      </c>
      <c r="O18698" s="5" t="s">
        <v>38</v>
      </c>
      <c r="P18698" s="5" t="s">
        <v>39</v>
      </c>
      <c r="Q18698" s="5" t="s">
        <v>40</v>
      </c>
      <c r="R18698" s="5" t="s">
        <v>897</v>
      </c>
      <c r="S18698" s="5" t="s">
        <v>40</v>
      </c>
      <c r="T18698" s="5" t="s">
        <v>42</v>
      </c>
      <c r="U18698" s="2">
        <v>38.765999999999998</v>
      </c>
      <c r="V18698" s="2">
        <v>35.686</v>
      </c>
      <c r="W18698" s="2">
        <v>0.18099999999999999</v>
      </c>
      <c r="X18698" s="2">
        <v>17</v>
      </c>
      <c r="Y18698" s="2">
        <v>80.7</v>
      </c>
      <c r="Z18698" s="2">
        <v>131.6</v>
      </c>
      <c r="AA18698" s="5">
        <v>7</v>
      </c>
      <c r="AB18698" s="5" t="s">
        <v>43</v>
      </c>
      <c r="AC18698" s="5" t="s">
        <v>735</v>
      </c>
      <c r="AD18698" s="2" t="s">
        <v>57763</v>
      </c>
      <c r="AE18698" s="1"/>
    </row>
    <row r="18699" spans="1:31" ht="14.45">
      <c r="A18699" s="11"/>
      <c r="B18699" s="20"/>
      <c r="C18699" s="2" t="s">
        <v>57764</v>
      </c>
      <c r="D18699" s="14" t="s">
        <v>57765</v>
      </c>
      <c r="E18699" s="2" t="s">
        <v>57766</v>
      </c>
      <c r="F18699" s="2" t="s">
        <v>57762</v>
      </c>
      <c r="G18699" s="8">
        <v>851</v>
      </c>
      <c r="H18699" s="5">
        <v>5</v>
      </c>
      <c r="I18699" s="5" t="s">
        <v>69</v>
      </c>
      <c r="J18699" s="5" t="s">
        <v>55802</v>
      </c>
      <c r="K18699" s="2" t="s">
        <v>55803</v>
      </c>
      <c r="L18699" s="5" t="s">
        <v>55802</v>
      </c>
      <c r="M18699" s="2" t="s">
        <v>55803</v>
      </c>
      <c r="N18699" s="5" t="s">
        <v>733</v>
      </c>
      <c r="O18699" s="5" t="s">
        <v>38</v>
      </c>
      <c r="P18699" s="5" t="s">
        <v>39</v>
      </c>
      <c r="Q18699" s="5" t="s">
        <v>40</v>
      </c>
      <c r="R18699" s="5" t="s">
        <v>897</v>
      </c>
      <c r="S18699" s="5" t="s">
        <v>40</v>
      </c>
      <c r="T18699" s="5" t="s">
        <v>42</v>
      </c>
      <c r="U18699" s="2">
        <v>40.566000000000003</v>
      </c>
      <c r="V18699" s="2">
        <v>37.359000000000002</v>
      </c>
      <c r="W18699" s="2">
        <v>0.18099999999999999</v>
      </c>
      <c r="X18699" s="2">
        <v>17</v>
      </c>
      <c r="Y18699" s="2">
        <v>80.7</v>
      </c>
      <c r="Z18699" s="2">
        <v>131.6</v>
      </c>
      <c r="AA18699" s="5">
        <v>7</v>
      </c>
      <c r="AB18699" s="5" t="s">
        <v>43</v>
      </c>
      <c r="AC18699" s="5" t="s">
        <v>735</v>
      </c>
      <c r="AD18699" s="2" t="s">
        <v>57767</v>
      </c>
      <c r="AE18699" s="1"/>
    </row>
    <row r="18700" spans="1:31" ht="14.45">
      <c r="A18700" s="5" t="s">
        <v>116</v>
      </c>
      <c r="B18700" s="21">
        <v>46082</v>
      </c>
      <c r="C18700" s="2" t="s">
        <v>57768</v>
      </c>
      <c r="D18700" s="14" t="s">
        <v>57769</v>
      </c>
      <c r="E18700" s="2" t="s">
        <v>57770</v>
      </c>
      <c r="F18700" s="2" t="s">
        <v>57771</v>
      </c>
      <c r="G18700" s="8">
        <v>951</v>
      </c>
      <c r="H18700" s="5">
        <v>5</v>
      </c>
      <c r="I18700" s="5" t="s">
        <v>69</v>
      </c>
      <c r="J18700" s="5" t="s">
        <v>55802</v>
      </c>
      <c r="K18700" s="2" t="s">
        <v>55803</v>
      </c>
      <c r="L18700" s="5" t="s">
        <v>55802</v>
      </c>
      <c r="M18700" s="2" t="s">
        <v>55803</v>
      </c>
      <c r="N18700" s="5" t="s">
        <v>733</v>
      </c>
      <c r="O18700" s="5" t="s">
        <v>38</v>
      </c>
      <c r="P18700" s="5" t="s">
        <v>39</v>
      </c>
      <c r="Q18700" s="5" t="s">
        <v>40</v>
      </c>
      <c r="R18700" s="5" t="s">
        <v>897</v>
      </c>
      <c r="S18700" s="5" t="s">
        <v>40</v>
      </c>
      <c r="T18700" s="5" t="s">
        <v>42</v>
      </c>
      <c r="U18700" s="2">
        <v>40.225000000000001</v>
      </c>
      <c r="V18700" s="2">
        <v>37.143000000000001</v>
      </c>
      <c r="W18700" s="2">
        <v>0.18099999999999999</v>
      </c>
      <c r="X18700" s="2">
        <v>17</v>
      </c>
      <c r="Y18700" s="2">
        <v>80.7</v>
      </c>
      <c r="Z18700" s="2">
        <v>131.6</v>
      </c>
      <c r="AA18700" s="5">
        <v>7</v>
      </c>
      <c r="AB18700" s="5" t="s">
        <v>43</v>
      </c>
      <c r="AC18700" s="5" t="s">
        <v>735</v>
      </c>
      <c r="AD18700" s="2" t="s">
        <v>57772</v>
      </c>
      <c r="AE18700" s="1"/>
    </row>
    <row r="18701" spans="1:31" ht="14.45">
      <c r="A18701" s="11"/>
      <c r="B18701" s="20"/>
      <c r="C18701" s="2" t="s">
        <v>57773</v>
      </c>
      <c r="D18701" s="14" t="s">
        <v>57774</v>
      </c>
      <c r="E18701" s="2" t="s">
        <v>57775</v>
      </c>
      <c r="F18701" s="2" t="s">
        <v>57762</v>
      </c>
      <c r="G18701" s="8">
        <v>851</v>
      </c>
      <c r="H18701" s="5">
        <v>5</v>
      </c>
      <c r="I18701" s="5" t="s">
        <v>69</v>
      </c>
      <c r="J18701" s="5" t="s">
        <v>55802</v>
      </c>
      <c r="K18701" s="2" t="s">
        <v>55803</v>
      </c>
      <c r="L18701" s="5" t="s">
        <v>55802</v>
      </c>
      <c r="M18701" s="2" t="s">
        <v>55803</v>
      </c>
      <c r="N18701" s="5" t="s">
        <v>733</v>
      </c>
      <c r="O18701" s="5" t="s">
        <v>38</v>
      </c>
      <c r="P18701" s="5" t="s">
        <v>39</v>
      </c>
      <c r="Q18701" s="5" t="s">
        <v>40</v>
      </c>
      <c r="R18701" s="5" t="s">
        <v>897</v>
      </c>
      <c r="S18701" s="5" t="s">
        <v>40</v>
      </c>
      <c r="T18701" s="5" t="s">
        <v>42</v>
      </c>
      <c r="U18701" s="2">
        <v>40.960999999999999</v>
      </c>
      <c r="V18701" s="2">
        <v>37.667999999999999</v>
      </c>
      <c r="W18701" s="2">
        <v>0.18099999999999999</v>
      </c>
      <c r="X18701" s="2">
        <v>17</v>
      </c>
      <c r="Y18701" s="2">
        <v>80.7</v>
      </c>
      <c r="Z18701" s="2">
        <v>131.6</v>
      </c>
      <c r="AA18701" s="5">
        <v>7</v>
      </c>
      <c r="AB18701" s="5" t="s">
        <v>43</v>
      </c>
      <c r="AC18701" s="5" t="s">
        <v>735</v>
      </c>
      <c r="AD18701" s="2" t="s">
        <v>57776</v>
      </c>
      <c r="AE18701" s="1"/>
    </row>
    <row r="18702" spans="1:31" ht="14.45">
      <c r="A18702" s="11"/>
      <c r="B18702" s="20"/>
      <c r="C18702" s="2" t="s">
        <v>57777</v>
      </c>
      <c r="D18702" s="14" t="s">
        <v>57778</v>
      </c>
      <c r="E18702" s="2" t="s">
        <v>57779</v>
      </c>
      <c r="F18702" s="2" t="s">
        <v>57762</v>
      </c>
      <c r="G18702" s="8">
        <v>1098</v>
      </c>
      <c r="H18702" s="5">
        <v>5</v>
      </c>
      <c r="I18702" s="5" t="s">
        <v>69</v>
      </c>
      <c r="J18702" s="5" t="s">
        <v>55802</v>
      </c>
      <c r="K18702" s="2" t="s">
        <v>55803</v>
      </c>
      <c r="L18702" s="5" t="s">
        <v>55802</v>
      </c>
      <c r="M18702" s="2" t="s">
        <v>55803</v>
      </c>
      <c r="N18702" s="5" t="s">
        <v>733</v>
      </c>
      <c r="O18702" s="5" t="s">
        <v>38</v>
      </c>
      <c r="P18702" s="5" t="s">
        <v>39</v>
      </c>
      <c r="Q18702" s="5" t="s">
        <v>40</v>
      </c>
      <c r="R18702" s="5" t="s">
        <v>897</v>
      </c>
      <c r="S18702" s="5" t="s">
        <v>40</v>
      </c>
      <c r="T18702" s="5" t="s">
        <v>42</v>
      </c>
      <c r="U18702" s="2">
        <v>41.587000000000003</v>
      </c>
      <c r="V18702" s="2">
        <v>38.457999999999998</v>
      </c>
      <c r="W18702" s="2">
        <v>0.18099999999999999</v>
      </c>
      <c r="X18702" s="2">
        <v>17</v>
      </c>
      <c r="Y18702" s="2">
        <v>80.7</v>
      </c>
      <c r="Z18702" s="2">
        <v>131.6</v>
      </c>
      <c r="AA18702" s="5">
        <v>7</v>
      </c>
      <c r="AB18702" s="5" t="s">
        <v>43</v>
      </c>
      <c r="AC18702" s="5" t="s">
        <v>735</v>
      </c>
      <c r="AD18702" s="2" t="s">
        <v>57780</v>
      </c>
      <c r="AE18702" s="1"/>
    </row>
    <row r="18703" spans="1:31" ht="14.45">
      <c r="A18703" s="11"/>
      <c r="B18703" s="20"/>
      <c r="C18703" s="2" t="s">
        <v>57781</v>
      </c>
      <c r="D18703" s="14" t="s">
        <v>57782</v>
      </c>
      <c r="E18703" s="2" t="s">
        <v>57783</v>
      </c>
      <c r="F18703" s="2" t="s">
        <v>57784</v>
      </c>
      <c r="G18703" s="8">
        <v>919</v>
      </c>
      <c r="H18703" s="5">
        <v>10</v>
      </c>
      <c r="I18703" s="5" t="s">
        <v>69</v>
      </c>
      <c r="J18703" s="5" t="s">
        <v>55802</v>
      </c>
      <c r="K18703" s="2" t="s">
        <v>55803</v>
      </c>
      <c r="L18703" s="5" t="s">
        <v>55802</v>
      </c>
      <c r="M18703" s="2" t="s">
        <v>55803</v>
      </c>
      <c r="N18703" s="5" t="s">
        <v>733</v>
      </c>
      <c r="O18703" s="5" t="s">
        <v>38</v>
      </c>
      <c r="P18703" s="5" t="s">
        <v>39</v>
      </c>
      <c r="Q18703" s="5" t="s">
        <v>40</v>
      </c>
      <c r="R18703" s="5" t="s">
        <v>897</v>
      </c>
      <c r="S18703" s="5" t="s">
        <v>40</v>
      </c>
      <c r="T18703" s="5" t="s">
        <v>42</v>
      </c>
      <c r="U18703" s="2">
        <v>39.756999999999998</v>
      </c>
      <c r="V18703" s="2">
        <v>36.670999999999999</v>
      </c>
      <c r="W18703" s="2">
        <v>0.18099999999999999</v>
      </c>
      <c r="X18703" s="2">
        <v>17</v>
      </c>
      <c r="Y18703" s="2">
        <v>80.7</v>
      </c>
      <c r="Z18703" s="2">
        <v>131.6</v>
      </c>
      <c r="AA18703" s="5">
        <v>7</v>
      </c>
      <c r="AB18703" s="5" t="s">
        <v>43</v>
      </c>
      <c r="AC18703" s="5" t="s">
        <v>735</v>
      </c>
      <c r="AD18703" s="2" t="s">
        <v>57785</v>
      </c>
      <c r="AE18703" s="1"/>
    </row>
    <row r="18704" spans="1:31" ht="14.45">
      <c r="A18704" s="11"/>
      <c r="B18704" s="20"/>
      <c r="C18704" s="2" t="s">
        <v>57786</v>
      </c>
      <c r="D18704" s="14" t="s">
        <v>57787</v>
      </c>
      <c r="E18704" s="2" t="s">
        <v>57788</v>
      </c>
      <c r="F18704" s="2" t="s">
        <v>57789</v>
      </c>
      <c r="G18704" s="8">
        <v>753</v>
      </c>
      <c r="H18704" s="5">
        <v>5</v>
      </c>
      <c r="I18704" s="5" t="s">
        <v>69</v>
      </c>
      <c r="J18704" s="5" t="s">
        <v>55802</v>
      </c>
      <c r="K18704" s="2" t="s">
        <v>55803</v>
      </c>
      <c r="L18704" s="5" t="s">
        <v>55802</v>
      </c>
      <c r="M18704" s="2" t="s">
        <v>55803</v>
      </c>
      <c r="N18704" s="5" t="s">
        <v>733</v>
      </c>
      <c r="O18704" s="5" t="s">
        <v>38</v>
      </c>
      <c r="P18704" s="5" t="s">
        <v>39</v>
      </c>
      <c r="Q18704" s="5" t="s">
        <v>40</v>
      </c>
      <c r="R18704" s="5" t="s">
        <v>897</v>
      </c>
      <c r="S18704" s="5" t="s">
        <v>40</v>
      </c>
      <c r="T18704" s="5" t="s">
        <v>42</v>
      </c>
      <c r="U18704" s="2">
        <v>43.709000000000003</v>
      </c>
      <c r="V18704" s="2">
        <v>40.624000000000002</v>
      </c>
      <c r="W18704" s="2">
        <v>0.18099999999999999</v>
      </c>
      <c r="X18704" s="2">
        <v>17</v>
      </c>
      <c r="Y18704" s="2">
        <v>80.7</v>
      </c>
      <c r="Z18704" s="2">
        <v>131.6</v>
      </c>
      <c r="AA18704" s="5">
        <v>7</v>
      </c>
      <c r="AB18704" s="5" t="s">
        <v>43</v>
      </c>
      <c r="AC18704" s="5" t="s">
        <v>735</v>
      </c>
      <c r="AD18704" s="2" t="s">
        <v>57790</v>
      </c>
      <c r="AE18704" s="1"/>
    </row>
    <row r="18705" spans="1:31" ht="14.45">
      <c r="A18705" s="11"/>
      <c r="B18705" s="20"/>
      <c r="C18705" s="2" t="s">
        <v>57791</v>
      </c>
      <c r="D18705" s="14" t="s">
        <v>57792</v>
      </c>
      <c r="E18705" s="2" t="s">
        <v>57793</v>
      </c>
      <c r="F18705" s="2" t="s">
        <v>57789</v>
      </c>
      <c r="G18705" s="8">
        <v>1053</v>
      </c>
      <c r="H18705" s="5">
        <v>5</v>
      </c>
      <c r="I18705" s="5" t="s">
        <v>69</v>
      </c>
      <c r="J18705" s="5" t="s">
        <v>55802</v>
      </c>
      <c r="K18705" s="2" t="s">
        <v>55803</v>
      </c>
      <c r="L18705" s="5" t="s">
        <v>55802</v>
      </c>
      <c r="M18705" s="2" t="s">
        <v>55803</v>
      </c>
      <c r="N18705" s="5" t="s">
        <v>733</v>
      </c>
      <c r="O18705" s="5" t="s">
        <v>38</v>
      </c>
      <c r="P18705" s="5" t="s">
        <v>39</v>
      </c>
      <c r="Q18705" s="5" t="s">
        <v>40</v>
      </c>
      <c r="R18705" s="5" t="s">
        <v>897</v>
      </c>
      <c r="S18705" s="5" t="s">
        <v>40</v>
      </c>
      <c r="T18705" s="5" t="s">
        <v>42</v>
      </c>
      <c r="U18705" s="2">
        <v>45.613999999999997</v>
      </c>
      <c r="V18705" s="2">
        <v>42.405999999999999</v>
      </c>
      <c r="W18705" s="2">
        <v>0.18099999999999999</v>
      </c>
      <c r="X18705" s="2">
        <v>17</v>
      </c>
      <c r="Y18705" s="2">
        <v>80.7</v>
      </c>
      <c r="Z18705" s="2">
        <v>131.6</v>
      </c>
      <c r="AA18705" s="5">
        <v>7</v>
      </c>
      <c r="AB18705" s="5" t="s">
        <v>43</v>
      </c>
      <c r="AC18705" s="5" t="s">
        <v>735</v>
      </c>
      <c r="AD18705" s="2" t="s">
        <v>57794</v>
      </c>
      <c r="AE18705" s="1"/>
    </row>
    <row r="18706" spans="1:31" ht="14.45">
      <c r="A18706" s="5" t="s">
        <v>116</v>
      </c>
      <c r="B18706" s="21">
        <v>46082</v>
      </c>
      <c r="C18706" s="2" t="s">
        <v>57795</v>
      </c>
      <c r="D18706" s="14" t="s">
        <v>57796</v>
      </c>
      <c r="E18706" s="2" t="s">
        <v>57797</v>
      </c>
      <c r="F18706" s="2" t="s">
        <v>57798</v>
      </c>
      <c r="G18706" s="8">
        <v>1153</v>
      </c>
      <c r="H18706" s="5">
        <v>5</v>
      </c>
      <c r="I18706" s="5" t="s">
        <v>69</v>
      </c>
      <c r="J18706" s="5" t="s">
        <v>55802</v>
      </c>
      <c r="K18706" s="2" t="s">
        <v>55803</v>
      </c>
      <c r="L18706" s="5" t="s">
        <v>55802</v>
      </c>
      <c r="M18706" s="2" t="s">
        <v>55803</v>
      </c>
      <c r="N18706" s="5" t="s">
        <v>733</v>
      </c>
      <c r="O18706" s="5" t="s">
        <v>38</v>
      </c>
      <c r="P18706" s="5" t="s">
        <v>39</v>
      </c>
      <c r="Q18706" s="5" t="s">
        <v>40</v>
      </c>
      <c r="R18706" s="5" t="s">
        <v>897</v>
      </c>
      <c r="S18706" s="5" t="s">
        <v>40</v>
      </c>
      <c r="T18706" s="5" t="s">
        <v>42</v>
      </c>
      <c r="U18706" s="2">
        <v>45.817999999999998</v>
      </c>
      <c r="V18706" s="2">
        <v>42.707999999999998</v>
      </c>
      <c r="W18706" s="2">
        <v>0.18099999999999999</v>
      </c>
      <c r="X18706" s="2">
        <v>17</v>
      </c>
      <c r="Y18706" s="2">
        <v>80.7</v>
      </c>
      <c r="Z18706" s="2">
        <v>131.6</v>
      </c>
      <c r="AA18706" s="5">
        <v>7</v>
      </c>
      <c r="AB18706" s="5" t="s">
        <v>43</v>
      </c>
      <c r="AC18706" s="5" t="s">
        <v>735</v>
      </c>
      <c r="AD18706" s="2" t="s">
        <v>57799</v>
      </c>
      <c r="AE18706" s="1"/>
    </row>
    <row r="18707" spans="1:31" ht="14.45">
      <c r="A18707" s="11"/>
      <c r="B18707" s="20"/>
      <c r="C18707" s="2" t="s">
        <v>57800</v>
      </c>
      <c r="D18707" s="14" t="s">
        <v>57801</v>
      </c>
      <c r="E18707" s="2" t="s">
        <v>57802</v>
      </c>
      <c r="F18707" s="2" t="s">
        <v>57789</v>
      </c>
      <c r="G18707" s="8">
        <v>1053</v>
      </c>
      <c r="H18707" s="5">
        <v>10</v>
      </c>
      <c r="I18707" s="5" t="s">
        <v>69</v>
      </c>
      <c r="J18707" s="5" t="s">
        <v>55802</v>
      </c>
      <c r="K18707" s="2" t="s">
        <v>55803</v>
      </c>
      <c r="L18707" s="5" t="s">
        <v>55802</v>
      </c>
      <c r="M18707" s="2" t="s">
        <v>55803</v>
      </c>
      <c r="N18707" s="5" t="s">
        <v>733</v>
      </c>
      <c r="O18707" s="5" t="s">
        <v>38</v>
      </c>
      <c r="P18707" s="5" t="s">
        <v>39</v>
      </c>
      <c r="Q18707" s="5" t="s">
        <v>40</v>
      </c>
      <c r="R18707" s="5" t="s">
        <v>897</v>
      </c>
      <c r="S18707" s="5" t="s">
        <v>40</v>
      </c>
      <c r="T18707" s="5" t="s">
        <v>42</v>
      </c>
      <c r="U18707" s="2">
        <v>45.731000000000002</v>
      </c>
      <c r="V18707" s="2">
        <v>42.436999999999998</v>
      </c>
      <c r="W18707" s="2">
        <v>0.18099999999999999</v>
      </c>
      <c r="X18707" s="2">
        <v>17</v>
      </c>
      <c r="Y18707" s="2">
        <v>80.7</v>
      </c>
      <c r="Z18707" s="2">
        <v>131.6</v>
      </c>
      <c r="AA18707" s="5">
        <v>7</v>
      </c>
      <c r="AB18707" s="5" t="s">
        <v>43</v>
      </c>
      <c r="AC18707" s="5" t="s">
        <v>735</v>
      </c>
      <c r="AD18707" s="2" t="s">
        <v>57803</v>
      </c>
      <c r="AE18707" s="1"/>
    </row>
    <row r="18708" spans="1:31" ht="14.45">
      <c r="A18708" s="5"/>
      <c r="B18708" s="21"/>
      <c r="C18708" s="2" t="s">
        <v>57804</v>
      </c>
      <c r="D18708" s="14" t="s">
        <v>57805</v>
      </c>
      <c r="E18708" s="2" t="s">
        <v>57806</v>
      </c>
      <c r="F18708" s="2" t="s">
        <v>57807</v>
      </c>
      <c r="G18708" s="8">
        <v>1300</v>
      </c>
      <c r="H18708" s="5">
        <v>5</v>
      </c>
      <c r="I18708" s="5" t="s">
        <v>69</v>
      </c>
      <c r="J18708" s="5" t="s">
        <v>55802</v>
      </c>
      <c r="K18708" s="2" t="s">
        <v>55803</v>
      </c>
      <c r="L18708" s="5" t="s">
        <v>55802</v>
      </c>
      <c r="M18708" s="2" t="s">
        <v>55803</v>
      </c>
      <c r="N18708" s="5" t="s">
        <v>733</v>
      </c>
      <c r="O18708" s="5" t="s">
        <v>38</v>
      </c>
      <c r="P18708" s="5" t="s">
        <v>39</v>
      </c>
      <c r="Q18708" s="5" t="s">
        <v>40</v>
      </c>
      <c r="R18708" s="5" t="s">
        <v>897</v>
      </c>
      <c r="S18708" s="5" t="s">
        <v>40</v>
      </c>
      <c r="T18708" s="5" t="s">
        <v>42</v>
      </c>
      <c r="U18708" s="2">
        <v>47.063000000000002</v>
      </c>
      <c r="V18708" s="2">
        <v>43.942</v>
      </c>
      <c r="W18708" s="2">
        <v>0.18099999999999999</v>
      </c>
      <c r="X18708" s="2">
        <v>17</v>
      </c>
      <c r="Y18708" s="2">
        <v>80.7</v>
      </c>
      <c r="Z18708" s="2">
        <v>131.6</v>
      </c>
      <c r="AA18708" s="5">
        <v>7</v>
      </c>
      <c r="AB18708" s="5" t="s">
        <v>43</v>
      </c>
      <c r="AC18708" s="5" t="s">
        <v>735</v>
      </c>
      <c r="AD18708" s="2"/>
      <c r="AE18708" s="1"/>
    </row>
    <row r="18709" spans="1:31" ht="14.45">
      <c r="A18709" s="11"/>
      <c r="B18709" s="20"/>
      <c r="C18709" s="2" t="s">
        <v>57808</v>
      </c>
      <c r="D18709" s="14" t="s">
        <v>57809</v>
      </c>
      <c r="E18709" s="2" t="s">
        <v>57810</v>
      </c>
      <c r="F18709" s="2" t="s">
        <v>57811</v>
      </c>
      <c r="G18709" s="8">
        <v>1735</v>
      </c>
      <c r="H18709" s="5">
        <v>10</v>
      </c>
      <c r="I18709" s="5" t="s">
        <v>69</v>
      </c>
      <c r="J18709" s="5" t="s">
        <v>55802</v>
      </c>
      <c r="K18709" s="2" t="s">
        <v>55803</v>
      </c>
      <c r="L18709" s="5" t="s">
        <v>55802</v>
      </c>
      <c r="M18709" s="2" t="s">
        <v>55803</v>
      </c>
      <c r="N18709" s="5" t="s">
        <v>733</v>
      </c>
      <c r="O18709" s="5" t="s">
        <v>38</v>
      </c>
      <c r="P18709" s="5" t="s">
        <v>39</v>
      </c>
      <c r="Q18709" s="5" t="s">
        <v>40</v>
      </c>
      <c r="R18709" s="5" t="s">
        <v>897</v>
      </c>
      <c r="S18709" s="5" t="s">
        <v>40</v>
      </c>
      <c r="T18709" s="5" t="s">
        <v>42</v>
      </c>
      <c r="U18709" s="2">
        <v>55.027999999999999</v>
      </c>
      <c r="V18709" s="2">
        <v>51.82</v>
      </c>
      <c r="W18709" s="2">
        <v>0.18099999999999999</v>
      </c>
      <c r="X18709" s="2">
        <v>17</v>
      </c>
      <c r="Y18709" s="2">
        <v>80.7</v>
      </c>
      <c r="Z18709" s="2">
        <v>131.6</v>
      </c>
      <c r="AA18709" s="5">
        <v>7</v>
      </c>
      <c r="AB18709" s="5" t="s">
        <v>43</v>
      </c>
      <c r="AC18709" s="5" t="s">
        <v>735</v>
      </c>
      <c r="AD18709" s="2" t="s">
        <v>57812</v>
      </c>
      <c r="AE18709" s="1"/>
    </row>
    <row r="18710" spans="1:31" ht="14.45">
      <c r="A18710" s="11"/>
      <c r="B18710" s="20"/>
      <c r="C18710" s="2" t="s">
        <v>57813</v>
      </c>
      <c r="D18710" s="14" t="s">
        <v>57814</v>
      </c>
      <c r="E18710" s="2" t="s">
        <v>57815</v>
      </c>
      <c r="F18710" s="2" t="s">
        <v>57816</v>
      </c>
      <c r="G18710" s="8">
        <v>1304</v>
      </c>
      <c r="H18710" s="5">
        <v>10</v>
      </c>
      <c r="I18710" s="5" t="s">
        <v>69</v>
      </c>
      <c r="J18710" s="5" t="s">
        <v>55802</v>
      </c>
      <c r="K18710" s="2" t="s">
        <v>55803</v>
      </c>
      <c r="L18710" s="5" t="s">
        <v>55802</v>
      </c>
      <c r="M18710" s="2" t="s">
        <v>55803</v>
      </c>
      <c r="N18710" s="5" t="s">
        <v>733</v>
      </c>
      <c r="O18710" s="5" t="s">
        <v>38</v>
      </c>
      <c r="P18710" s="5" t="s">
        <v>39</v>
      </c>
      <c r="Q18710" s="5" t="s">
        <v>40</v>
      </c>
      <c r="R18710" s="5" t="s">
        <v>897</v>
      </c>
      <c r="S18710" s="5" t="s">
        <v>40</v>
      </c>
      <c r="T18710" s="5" t="s">
        <v>42</v>
      </c>
      <c r="U18710" s="2">
        <v>48.134</v>
      </c>
      <c r="V18710" s="2">
        <v>45.024999999999999</v>
      </c>
      <c r="W18710" s="2">
        <v>0.18099999999999999</v>
      </c>
      <c r="X18710" s="2">
        <v>17</v>
      </c>
      <c r="Y18710" s="2">
        <v>80.7</v>
      </c>
      <c r="Z18710" s="2">
        <v>131.6</v>
      </c>
      <c r="AA18710" s="5">
        <v>7</v>
      </c>
      <c r="AB18710" s="5" t="s">
        <v>43</v>
      </c>
      <c r="AC18710" s="5" t="s">
        <v>735</v>
      </c>
      <c r="AD18710" s="2" t="s">
        <v>57817</v>
      </c>
      <c r="AE18710" s="1"/>
    </row>
    <row r="18711" spans="1:31" ht="14.45">
      <c r="A18711" s="11"/>
      <c r="B18711" s="20"/>
      <c r="C18711" s="2" t="s">
        <v>57818</v>
      </c>
      <c r="D18711" s="14" t="s">
        <v>57819</v>
      </c>
      <c r="E18711" s="2" t="s">
        <v>57820</v>
      </c>
      <c r="F18711" s="2" t="s">
        <v>57821</v>
      </c>
      <c r="G18711" s="8">
        <v>1604</v>
      </c>
      <c r="H18711" s="5">
        <v>10</v>
      </c>
      <c r="I18711" s="5" t="s">
        <v>69</v>
      </c>
      <c r="J18711" s="5" t="s">
        <v>55802</v>
      </c>
      <c r="K18711" s="2" t="s">
        <v>55803</v>
      </c>
      <c r="L18711" s="5" t="s">
        <v>55802</v>
      </c>
      <c r="M18711" s="2" t="s">
        <v>55803</v>
      </c>
      <c r="N18711" s="5" t="s">
        <v>733</v>
      </c>
      <c r="O18711" s="5" t="s">
        <v>38</v>
      </c>
      <c r="P18711" s="5" t="s">
        <v>39</v>
      </c>
      <c r="Q18711" s="5" t="s">
        <v>40</v>
      </c>
      <c r="R18711" s="5" t="s">
        <v>897</v>
      </c>
      <c r="S18711" s="5" t="s">
        <v>40</v>
      </c>
      <c r="T18711" s="5" t="s">
        <v>42</v>
      </c>
      <c r="U18711" s="2">
        <v>48.698999999999998</v>
      </c>
      <c r="V18711" s="2">
        <v>45.491</v>
      </c>
      <c r="W18711" s="2">
        <v>0.18099999999999999</v>
      </c>
      <c r="X18711" s="2">
        <v>17</v>
      </c>
      <c r="Y18711" s="2">
        <v>80.7</v>
      </c>
      <c r="Z18711" s="2">
        <v>131.6</v>
      </c>
      <c r="AA18711" s="5">
        <v>7</v>
      </c>
      <c r="AB18711" s="5" t="s">
        <v>43</v>
      </c>
      <c r="AC18711" s="5" t="s">
        <v>735</v>
      </c>
      <c r="AD18711" s="2" t="s">
        <v>57822</v>
      </c>
      <c r="AE18711" s="1"/>
    </row>
    <row r="18712" spans="1:31" ht="14.45">
      <c r="A18712" s="5" t="s">
        <v>116</v>
      </c>
      <c r="B18712" s="21">
        <v>46082</v>
      </c>
      <c r="C18712" s="2" t="s">
        <v>57823</v>
      </c>
      <c r="D18712" s="14" t="s">
        <v>57824</v>
      </c>
      <c r="E18712" s="2" t="s">
        <v>57825</v>
      </c>
      <c r="F18712" s="2" t="s">
        <v>57826</v>
      </c>
      <c r="G18712" s="8">
        <v>1704</v>
      </c>
      <c r="H18712" s="5">
        <v>5</v>
      </c>
      <c r="I18712" s="5" t="s">
        <v>69</v>
      </c>
      <c r="J18712" s="5" t="s">
        <v>55802</v>
      </c>
      <c r="K18712" s="2" t="s">
        <v>55803</v>
      </c>
      <c r="L18712" s="5" t="s">
        <v>55802</v>
      </c>
      <c r="M18712" s="2" t="s">
        <v>55803</v>
      </c>
      <c r="N18712" s="5" t="s">
        <v>733</v>
      </c>
      <c r="O18712" s="5" t="s">
        <v>38</v>
      </c>
      <c r="P18712" s="5" t="s">
        <v>39</v>
      </c>
      <c r="Q18712" s="5" t="s">
        <v>40</v>
      </c>
      <c r="R18712" s="5" t="s">
        <v>897</v>
      </c>
      <c r="S18712" s="5" t="s">
        <v>40</v>
      </c>
      <c r="T18712" s="5" t="s">
        <v>42</v>
      </c>
      <c r="U18712" s="2">
        <v>48.954999999999998</v>
      </c>
      <c r="V18712" s="2">
        <v>45.844999999999999</v>
      </c>
      <c r="W18712" s="2">
        <v>0.18099999999999999</v>
      </c>
      <c r="X18712" s="2">
        <v>17</v>
      </c>
      <c r="Y18712" s="2">
        <v>80.7</v>
      </c>
      <c r="Z18712" s="2">
        <v>131.6</v>
      </c>
      <c r="AA18712" s="5">
        <v>7</v>
      </c>
      <c r="AB18712" s="5" t="s">
        <v>43</v>
      </c>
      <c r="AC18712" s="5" t="s">
        <v>735</v>
      </c>
      <c r="AD18712" s="2" t="s">
        <v>57827</v>
      </c>
      <c r="AE18712" s="1"/>
    </row>
    <row r="18713" spans="1:31" ht="14.45">
      <c r="A18713" s="11"/>
      <c r="B18713" s="20"/>
      <c r="C18713" s="2" t="s">
        <v>57828</v>
      </c>
      <c r="D18713" s="14" t="s">
        <v>57829</v>
      </c>
      <c r="E18713" s="2" t="s">
        <v>57830</v>
      </c>
      <c r="F18713" s="2" t="s">
        <v>57821</v>
      </c>
      <c r="G18713" s="8">
        <v>1604</v>
      </c>
      <c r="H18713" s="5">
        <v>10</v>
      </c>
      <c r="I18713" s="5" t="s">
        <v>69</v>
      </c>
      <c r="J18713" s="5" t="s">
        <v>55802</v>
      </c>
      <c r="K18713" s="2" t="s">
        <v>55803</v>
      </c>
      <c r="L18713" s="5" t="s">
        <v>55802</v>
      </c>
      <c r="M18713" s="2" t="s">
        <v>55803</v>
      </c>
      <c r="N18713" s="5" t="s">
        <v>733</v>
      </c>
      <c r="O18713" s="5" t="s">
        <v>38</v>
      </c>
      <c r="P18713" s="5" t="s">
        <v>39</v>
      </c>
      <c r="Q18713" s="5" t="s">
        <v>40</v>
      </c>
      <c r="R18713" s="5" t="s">
        <v>897</v>
      </c>
      <c r="S18713" s="5" t="s">
        <v>40</v>
      </c>
      <c r="T18713" s="5" t="s">
        <v>42</v>
      </c>
      <c r="U18713" s="2">
        <v>48.945999999999998</v>
      </c>
      <c r="V18713" s="2">
        <v>45.652000000000001</v>
      </c>
      <c r="W18713" s="2">
        <v>0.18099999999999999</v>
      </c>
      <c r="X18713" s="2">
        <v>17</v>
      </c>
      <c r="Y18713" s="2">
        <v>80.7</v>
      </c>
      <c r="Z18713" s="2">
        <v>131.6</v>
      </c>
      <c r="AA18713" s="5">
        <v>7</v>
      </c>
      <c r="AB18713" s="5" t="s">
        <v>43</v>
      </c>
      <c r="AC18713" s="5" t="s">
        <v>735</v>
      </c>
      <c r="AD18713" s="2" t="s">
        <v>57831</v>
      </c>
      <c r="AE18713" s="1"/>
    </row>
    <row r="18714" spans="1:31" ht="14.45">
      <c r="A18714" s="11"/>
      <c r="B18714" s="20"/>
      <c r="C18714" s="2" t="s">
        <v>57832</v>
      </c>
      <c r="D18714" s="14" t="s">
        <v>57833</v>
      </c>
      <c r="E18714" s="2" t="s">
        <v>57834</v>
      </c>
      <c r="F18714" s="2" t="s">
        <v>57835</v>
      </c>
      <c r="G18714" s="8">
        <v>1019</v>
      </c>
      <c r="H18714" s="5">
        <v>10</v>
      </c>
      <c r="I18714" s="5" t="s">
        <v>69</v>
      </c>
      <c r="J18714" s="5" t="s">
        <v>55802</v>
      </c>
      <c r="K18714" s="2" t="s">
        <v>55803</v>
      </c>
      <c r="L18714" s="5" t="s">
        <v>55802</v>
      </c>
      <c r="M18714" s="2" t="s">
        <v>55803</v>
      </c>
      <c r="N18714" s="5" t="s">
        <v>733</v>
      </c>
      <c r="O18714" s="5" t="s">
        <v>38</v>
      </c>
      <c r="P18714" s="5" t="s">
        <v>39</v>
      </c>
      <c r="Q18714" s="5" t="s">
        <v>40</v>
      </c>
      <c r="R18714" s="5" t="s">
        <v>897</v>
      </c>
      <c r="S18714" s="5" t="s">
        <v>40</v>
      </c>
      <c r="T18714" s="5" t="s">
        <v>42</v>
      </c>
      <c r="U18714" s="2">
        <v>42.652999999999999</v>
      </c>
      <c r="V18714" s="2">
        <v>39.543999999999997</v>
      </c>
      <c r="W18714" s="2">
        <v>0.18099999999999999</v>
      </c>
      <c r="X18714" s="2">
        <v>17</v>
      </c>
      <c r="Y18714" s="2">
        <v>80.7</v>
      </c>
      <c r="Z18714" s="2">
        <v>131.6</v>
      </c>
      <c r="AA18714" s="5">
        <v>7</v>
      </c>
      <c r="AB18714" s="5" t="s">
        <v>43</v>
      </c>
      <c r="AC18714" s="5" t="s">
        <v>735</v>
      </c>
      <c r="AD18714" s="2" t="s">
        <v>57836</v>
      </c>
      <c r="AE18714" s="1"/>
    </row>
    <row r="18715" spans="1:31" ht="14.45">
      <c r="A18715" s="11"/>
      <c r="B18715" s="20"/>
      <c r="C18715" s="2" t="s">
        <v>57837</v>
      </c>
      <c r="D18715" s="14" t="s">
        <v>57838</v>
      </c>
      <c r="E18715" s="2" t="s">
        <v>57839</v>
      </c>
      <c r="F18715" s="2" t="s">
        <v>57840</v>
      </c>
      <c r="G18715" s="8">
        <v>1319</v>
      </c>
      <c r="H18715" s="5">
        <v>10</v>
      </c>
      <c r="I18715" s="5" t="s">
        <v>69</v>
      </c>
      <c r="J18715" s="5" t="s">
        <v>55802</v>
      </c>
      <c r="K18715" s="2" t="s">
        <v>55803</v>
      </c>
      <c r="L18715" s="5" t="s">
        <v>55802</v>
      </c>
      <c r="M18715" s="2" t="s">
        <v>55803</v>
      </c>
      <c r="N18715" s="5" t="s">
        <v>733</v>
      </c>
      <c r="O18715" s="5" t="s">
        <v>38</v>
      </c>
      <c r="P18715" s="5" t="s">
        <v>39</v>
      </c>
      <c r="Q18715" s="5" t="s">
        <v>40</v>
      </c>
      <c r="R18715" s="5" t="s">
        <v>897</v>
      </c>
      <c r="S18715" s="5" t="s">
        <v>40</v>
      </c>
      <c r="T18715" s="5" t="s">
        <v>42</v>
      </c>
      <c r="U18715" s="2">
        <v>43.225999999999999</v>
      </c>
      <c r="V18715" s="2">
        <v>40.01</v>
      </c>
      <c r="W18715" s="2">
        <v>0.18099999999999999</v>
      </c>
      <c r="X18715" s="2">
        <v>17</v>
      </c>
      <c r="Y18715" s="2">
        <v>80.7</v>
      </c>
      <c r="Z18715" s="2">
        <v>131.6</v>
      </c>
      <c r="AA18715" s="5">
        <v>7</v>
      </c>
      <c r="AB18715" s="5" t="s">
        <v>43</v>
      </c>
      <c r="AC18715" s="5" t="s">
        <v>735</v>
      </c>
      <c r="AD18715" s="2" t="s">
        <v>57841</v>
      </c>
      <c r="AE18715" s="1"/>
    </row>
    <row r="18716" spans="1:31" ht="14.45">
      <c r="A18716" s="5" t="s">
        <v>116</v>
      </c>
      <c r="B18716" s="21">
        <v>46082</v>
      </c>
      <c r="C18716" s="2" t="s">
        <v>57842</v>
      </c>
      <c r="D18716" s="14" t="s">
        <v>57843</v>
      </c>
      <c r="E18716" s="2" t="s">
        <v>57844</v>
      </c>
      <c r="F18716" s="2" t="s">
        <v>57845</v>
      </c>
      <c r="G18716" s="8">
        <v>1419</v>
      </c>
      <c r="H18716" s="5">
        <v>5</v>
      </c>
      <c r="I18716" s="5" t="s">
        <v>69</v>
      </c>
      <c r="J18716" s="5" t="s">
        <v>55802</v>
      </c>
      <c r="K18716" s="2" t="s">
        <v>55803</v>
      </c>
      <c r="L18716" s="5" t="s">
        <v>55802</v>
      </c>
      <c r="M18716" s="2" t="s">
        <v>55803</v>
      </c>
      <c r="N18716" s="5" t="s">
        <v>733</v>
      </c>
      <c r="O18716" s="5" t="s">
        <v>38</v>
      </c>
      <c r="P18716" s="5" t="s">
        <v>39</v>
      </c>
      <c r="Q18716" s="5" t="s">
        <v>40</v>
      </c>
      <c r="R18716" s="5" t="s">
        <v>897</v>
      </c>
      <c r="S18716" s="5" t="s">
        <v>40</v>
      </c>
      <c r="T18716" s="5" t="s">
        <v>42</v>
      </c>
      <c r="U18716" s="2">
        <v>43.402000000000001</v>
      </c>
      <c r="V18716" s="2">
        <v>40.32</v>
      </c>
      <c r="W18716" s="2">
        <v>0.18099999999999999</v>
      </c>
      <c r="X18716" s="2">
        <v>17</v>
      </c>
      <c r="Y18716" s="2">
        <v>80.7</v>
      </c>
      <c r="Z18716" s="2">
        <v>131.6</v>
      </c>
      <c r="AA18716" s="5">
        <v>7</v>
      </c>
      <c r="AB18716" s="5" t="s">
        <v>43</v>
      </c>
      <c r="AC18716" s="5" t="s">
        <v>735</v>
      </c>
      <c r="AD18716" s="2" t="s">
        <v>57846</v>
      </c>
      <c r="AE18716" s="1"/>
    </row>
    <row r="18717" spans="1:31" ht="14.45">
      <c r="A18717" s="11"/>
      <c r="B18717" s="20"/>
      <c r="C18717" s="2" t="s">
        <v>57847</v>
      </c>
      <c r="D18717" s="14" t="s">
        <v>57848</v>
      </c>
      <c r="E18717" s="2" t="s">
        <v>57849</v>
      </c>
      <c r="F18717" s="2" t="s">
        <v>57840</v>
      </c>
      <c r="G18717" s="8">
        <v>1319</v>
      </c>
      <c r="H18717" s="5">
        <v>10</v>
      </c>
      <c r="I18717" s="5" t="s">
        <v>69</v>
      </c>
      <c r="J18717" s="5" t="s">
        <v>55802</v>
      </c>
      <c r="K18717" s="2" t="s">
        <v>55803</v>
      </c>
      <c r="L18717" s="5" t="s">
        <v>55802</v>
      </c>
      <c r="M18717" s="2" t="s">
        <v>55803</v>
      </c>
      <c r="N18717" s="5" t="s">
        <v>733</v>
      </c>
      <c r="O18717" s="5" t="s">
        <v>38</v>
      </c>
      <c r="P18717" s="5" t="s">
        <v>39</v>
      </c>
      <c r="Q18717" s="5" t="s">
        <v>40</v>
      </c>
      <c r="R18717" s="5" t="s">
        <v>897</v>
      </c>
      <c r="S18717" s="5" t="s">
        <v>40</v>
      </c>
      <c r="T18717" s="5" t="s">
        <v>42</v>
      </c>
      <c r="U18717" s="2">
        <v>43.472999999999999</v>
      </c>
      <c r="V18717" s="2">
        <v>40.170999999999999</v>
      </c>
      <c r="W18717" s="2">
        <v>0.18099999999999999</v>
      </c>
      <c r="X18717" s="2">
        <v>17</v>
      </c>
      <c r="Y18717" s="2">
        <v>80.7</v>
      </c>
      <c r="Z18717" s="2">
        <v>131.6</v>
      </c>
      <c r="AA18717" s="5">
        <v>7</v>
      </c>
      <c r="AB18717" s="5" t="s">
        <v>43</v>
      </c>
      <c r="AC18717" s="5" t="s">
        <v>735</v>
      </c>
      <c r="AD18717" s="2" t="s">
        <v>57850</v>
      </c>
      <c r="AE18717" s="1"/>
    </row>
    <row r="18718" spans="1:31" ht="14.45">
      <c r="A18718" s="11"/>
      <c r="B18718" s="20"/>
      <c r="C18718" s="2" t="s">
        <v>57851</v>
      </c>
      <c r="D18718" s="14" t="s">
        <v>57852</v>
      </c>
      <c r="E18718" s="2" t="s">
        <v>57853</v>
      </c>
      <c r="F18718" s="2" t="s">
        <v>57854</v>
      </c>
      <c r="G18718" s="8">
        <v>1221</v>
      </c>
      <c r="H18718" s="5">
        <v>5</v>
      </c>
      <c r="I18718" s="5" t="s">
        <v>69</v>
      </c>
      <c r="J18718" s="5" t="s">
        <v>55802</v>
      </c>
      <c r="K18718" s="2" t="s">
        <v>55803</v>
      </c>
      <c r="L18718" s="5" t="s">
        <v>55802</v>
      </c>
      <c r="M18718" s="2" t="s">
        <v>55803</v>
      </c>
      <c r="N18718" s="5" t="s">
        <v>733</v>
      </c>
      <c r="O18718" s="5" t="s">
        <v>38</v>
      </c>
      <c r="P18718" s="5" t="s">
        <v>39</v>
      </c>
      <c r="Q18718" s="5" t="s">
        <v>40</v>
      </c>
      <c r="R18718" s="5" t="s">
        <v>897</v>
      </c>
      <c r="S18718" s="5" t="s">
        <v>40</v>
      </c>
      <c r="T18718" s="5" t="s">
        <v>42</v>
      </c>
      <c r="U18718" s="2">
        <v>48.101999999999997</v>
      </c>
      <c r="V18718" s="2">
        <v>44.993000000000002</v>
      </c>
      <c r="W18718" s="2">
        <v>0.18099999999999999</v>
      </c>
      <c r="X18718" s="2">
        <v>17</v>
      </c>
      <c r="Y18718" s="2">
        <v>80.7</v>
      </c>
      <c r="Z18718" s="2">
        <v>131.6</v>
      </c>
      <c r="AA18718" s="5">
        <v>7</v>
      </c>
      <c r="AB18718" s="5" t="s">
        <v>43</v>
      </c>
      <c r="AC18718" s="5" t="s">
        <v>735</v>
      </c>
      <c r="AD18718" s="2" t="s">
        <v>57855</v>
      </c>
      <c r="AE18718" s="1"/>
    </row>
    <row r="18719" spans="1:31" ht="14.45">
      <c r="A18719" s="11"/>
      <c r="B18719" s="20"/>
      <c r="C18719" s="2" t="s">
        <v>57856</v>
      </c>
      <c r="D18719" s="14" t="s">
        <v>57857</v>
      </c>
      <c r="E18719" s="2" t="s">
        <v>57858</v>
      </c>
      <c r="F18719" s="2" t="s">
        <v>57854</v>
      </c>
      <c r="G18719" s="8">
        <v>1521</v>
      </c>
      <c r="H18719" s="5">
        <v>10</v>
      </c>
      <c r="I18719" s="5" t="s">
        <v>69</v>
      </c>
      <c r="J18719" s="5" t="s">
        <v>55802</v>
      </c>
      <c r="K18719" s="2" t="s">
        <v>55803</v>
      </c>
      <c r="L18719" s="5" t="s">
        <v>55802</v>
      </c>
      <c r="M18719" s="2" t="s">
        <v>55803</v>
      </c>
      <c r="N18719" s="5" t="s">
        <v>733</v>
      </c>
      <c r="O18719" s="5" t="s">
        <v>38</v>
      </c>
      <c r="P18719" s="5" t="s">
        <v>39</v>
      </c>
      <c r="Q18719" s="5" t="s">
        <v>40</v>
      </c>
      <c r="R18719" s="5" t="s">
        <v>897</v>
      </c>
      <c r="S18719" s="5" t="s">
        <v>40</v>
      </c>
      <c r="T18719" s="5" t="s">
        <v>42</v>
      </c>
      <c r="U18719" s="2">
        <v>48.667000000000002</v>
      </c>
      <c r="V18719" s="2">
        <v>45.459000000000003</v>
      </c>
      <c r="W18719" s="2">
        <v>0.18099999999999999</v>
      </c>
      <c r="X18719" s="2">
        <v>17</v>
      </c>
      <c r="Y18719" s="2">
        <v>80.7</v>
      </c>
      <c r="Z18719" s="2">
        <v>131.6</v>
      </c>
      <c r="AA18719" s="5">
        <v>7</v>
      </c>
      <c r="AB18719" s="5" t="s">
        <v>43</v>
      </c>
      <c r="AC18719" s="5" t="s">
        <v>735</v>
      </c>
      <c r="AD18719" s="2" t="s">
        <v>57859</v>
      </c>
      <c r="AE18719" s="1"/>
    </row>
    <row r="18720" spans="1:31" ht="14.45">
      <c r="A18720" s="5" t="s">
        <v>116</v>
      </c>
      <c r="B18720" s="21">
        <v>46082</v>
      </c>
      <c r="C18720" s="2" t="s">
        <v>57860</v>
      </c>
      <c r="D18720" s="14" t="s">
        <v>57861</v>
      </c>
      <c r="E18720" s="2" t="s">
        <v>57862</v>
      </c>
      <c r="F18720" s="2" t="s">
        <v>57863</v>
      </c>
      <c r="G18720" s="8">
        <v>1621</v>
      </c>
      <c r="H18720" s="5">
        <v>5</v>
      </c>
      <c r="I18720" s="5" t="s">
        <v>69</v>
      </c>
      <c r="J18720" s="5" t="s">
        <v>55802</v>
      </c>
      <c r="K18720" s="2" t="s">
        <v>55803</v>
      </c>
      <c r="L18720" s="5" t="s">
        <v>55802</v>
      </c>
      <c r="M18720" s="2" t="s">
        <v>55803</v>
      </c>
      <c r="N18720" s="5" t="s">
        <v>733</v>
      </c>
      <c r="O18720" s="5" t="s">
        <v>38</v>
      </c>
      <c r="P18720" s="5" t="s">
        <v>39</v>
      </c>
      <c r="Q18720" s="5" t="s">
        <v>40</v>
      </c>
      <c r="R18720" s="5" t="s">
        <v>897</v>
      </c>
      <c r="S18720" s="5" t="s">
        <v>40</v>
      </c>
      <c r="T18720" s="5" t="s">
        <v>42</v>
      </c>
      <c r="U18720" s="2">
        <v>48.923000000000002</v>
      </c>
      <c r="V18720" s="2">
        <v>45.813000000000002</v>
      </c>
      <c r="W18720" s="2">
        <v>0.18099999999999999</v>
      </c>
      <c r="X18720" s="2">
        <v>17</v>
      </c>
      <c r="Y18720" s="2">
        <v>80.7</v>
      </c>
      <c r="Z18720" s="2">
        <v>131.6</v>
      </c>
      <c r="AA18720" s="5">
        <v>7</v>
      </c>
      <c r="AB18720" s="5" t="s">
        <v>43</v>
      </c>
      <c r="AC18720" s="5" t="s">
        <v>735</v>
      </c>
      <c r="AD18720" s="2" t="s">
        <v>57864</v>
      </c>
      <c r="AE18720" s="1"/>
    </row>
    <row r="18721" spans="1:31" ht="14.45">
      <c r="A18721" s="11"/>
      <c r="B18721" s="20"/>
      <c r="C18721" s="2" t="s">
        <v>57865</v>
      </c>
      <c r="D18721" s="14" t="s">
        <v>57866</v>
      </c>
      <c r="E18721" s="2" t="s">
        <v>57867</v>
      </c>
      <c r="F18721" s="2" t="s">
        <v>57854</v>
      </c>
      <c r="G18721" s="8">
        <v>1521</v>
      </c>
      <c r="H18721" s="5">
        <v>5</v>
      </c>
      <c r="I18721" s="5" t="s">
        <v>69</v>
      </c>
      <c r="J18721" s="5" t="s">
        <v>55802</v>
      </c>
      <c r="K18721" s="2" t="s">
        <v>55803</v>
      </c>
      <c r="L18721" s="5" t="s">
        <v>55802</v>
      </c>
      <c r="M18721" s="2" t="s">
        <v>55803</v>
      </c>
      <c r="N18721" s="5" t="s">
        <v>733</v>
      </c>
      <c r="O18721" s="5" t="s">
        <v>38</v>
      </c>
      <c r="P18721" s="5" t="s">
        <v>39</v>
      </c>
      <c r="Q18721" s="5" t="s">
        <v>40</v>
      </c>
      <c r="R18721" s="5" t="s">
        <v>897</v>
      </c>
      <c r="S18721" s="5" t="s">
        <v>40</v>
      </c>
      <c r="T18721" s="5" t="s">
        <v>42</v>
      </c>
      <c r="U18721" s="2">
        <v>48.914000000000001</v>
      </c>
      <c r="V18721" s="2">
        <v>45.62</v>
      </c>
      <c r="W18721" s="2">
        <v>0.18099999999999999</v>
      </c>
      <c r="X18721" s="2">
        <v>17</v>
      </c>
      <c r="Y18721" s="2">
        <v>80.7</v>
      </c>
      <c r="Z18721" s="2">
        <v>131.6</v>
      </c>
      <c r="AA18721" s="5">
        <v>7</v>
      </c>
      <c r="AB18721" s="5" t="s">
        <v>43</v>
      </c>
      <c r="AC18721" s="5" t="s">
        <v>735</v>
      </c>
      <c r="AD18721" s="2" t="s">
        <v>57868</v>
      </c>
      <c r="AE18721" s="1"/>
    </row>
    <row r="18722" spans="1:31" ht="14.45">
      <c r="A18722" s="11"/>
      <c r="B18722" s="20"/>
      <c r="C18722" s="2" t="s">
        <v>57869</v>
      </c>
      <c r="D18722" s="14" t="s">
        <v>57870</v>
      </c>
      <c r="E18722" s="2" t="s">
        <v>57871</v>
      </c>
      <c r="F18722" s="2" t="s">
        <v>57872</v>
      </c>
      <c r="G18722" s="8">
        <v>1304</v>
      </c>
      <c r="H18722" s="5">
        <v>10</v>
      </c>
      <c r="I18722" s="5" t="s">
        <v>69</v>
      </c>
      <c r="J18722" s="5" t="s">
        <v>55802</v>
      </c>
      <c r="K18722" s="2" t="s">
        <v>55803</v>
      </c>
      <c r="L18722" s="5" t="s">
        <v>55802</v>
      </c>
      <c r="M18722" s="2" t="s">
        <v>55803</v>
      </c>
      <c r="N18722" s="5" t="s">
        <v>733</v>
      </c>
      <c r="O18722" s="5" t="s">
        <v>38</v>
      </c>
      <c r="P18722" s="5" t="s">
        <v>39</v>
      </c>
      <c r="Q18722" s="5" t="s">
        <v>40</v>
      </c>
      <c r="R18722" s="5" t="s">
        <v>897</v>
      </c>
      <c r="S18722" s="5" t="s">
        <v>40</v>
      </c>
      <c r="T18722" s="5" t="s">
        <v>42</v>
      </c>
      <c r="U18722" s="2">
        <v>47.279000000000003</v>
      </c>
      <c r="V18722" s="2">
        <v>44.17</v>
      </c>
      <c r="W18722" s="2">
        <v>0.18099999999999999</v>
      </c>
      <c r="X18722" s="2">
        <v>17</v>
      </c>
      <c r="Y18722" s="2">
        <v>80.7</v>
      </c>
      <c r="Z18722" s="2">
        <v>131.6</v>
      </c>
      <c r="AA18722" s="5">
        <v>7</v>
      </c>
      <c r="AB18722" s="5" t="s">
        <v>43</v>
      </c>
      <c r="AC18722" s="5" t="s">
        <v>735</v>
      </c>
      <c r="AD18722" s="2" t="s">
        <v>57873</v>
      </c>
      <c r="AE18722" s="1"/>
    </row>
    <row r="18723" spans="1:31" ht="14.45">
      <c r="A18723" s="11"/>
      <c r="B18723" s="20"/>
      <c r="C18723" s="2" t="s">
        <v>57874</v>
      </c>
      <c r="D18723" s="14" t="s">
        <v>57875</v>
      </c>
      <c r="E18723" s="2" t="s">
        <v>57876</v>
      </c>
      <c r="F18723" s="2" t="s">
        <v>57877</v>
      </c>
      <c r="G18723" s="8">
        <v>1604</v>
      </c>
      <c r="H18723" s="5">
        <v>10</v>
      </c>
      <c r="I18723" s="5" t="s">
        <v>69</v>
      </c>
      <c r="J18723" s="5" t="s">
        <v>55802</v>
      </c>
      <c r="K18723" s="2" t="s">
        <v>55803</v>
      </c>
      <c r="L18723" s="5" t="s">
        <v>55802</v>
      </c>
      <c r="M18723" s="2" t="s">
        <v>55803</v>
      </c>
      <c r="N18723" s="5" t="s">
        <v>733</v>
      </c>
      <c r="O18723" s="5" t="s">
        <v>38</v>
      </c>
      <c r="P18723" s="5" t="s">
        <v>39</v>
      </c>
      <c r="Q18723" s="5" t="s">
        <v>40</v>
      </c>
      <c r="R18723" s="5" t="s">
        <v>897</v>
      </c>
      <c r="S18723" s="5" t="s">
        <v>40</v>
      </c>
      <c r="T18723" s="5" t="s">
        <v>42</v>
      </c>
      <c r="U18723" s="2">
        <v>47.844000000000001</v>
      </c>
      <c r="V18723" s="2">
        <v>44.636000000000003</v>
      </c>
      <c r="W18723" s="2">
        <v>0.18099999999999999</v>
      </c>
      <c r="X18723" s="2">
        <v>17</v>
      </c>
      <c r="Y18723" s="2">
        <v>80.7</v>
      </c>
      <c r="Z18723" s="2">
        <v>131.6</v>
      </c>
      <c r="AA18723" s="5">
        <v>7</v>
      </c>
      <c r="AB18723" s="5" t="s">
        <v>43</v>
      </c>
      <c r="AC18723" s="5" t="s">
        <v>735</v>
      </c>
      <c r="AD18723" s="2" t="s">
        <v>57878</v>
      </c>
      <c r="AE18723" s="1"/>
    </row>
    <row r="18724" spans="1:31" ht="14.45">
      <c r="A18724" s="11"/>
      <c r="B18724" s="20"/>
      <c r="C18724" s="2" t="s">
        <v>57879</v>
      </c>
      <c r="D18724" s="14" t="s">
        <v>57880</v>
      </c>
      <c r="E18724" s="2" t="s">
        <v>57881</v>
      </c>
      <c r="F18724" s="2" t="s">
        <v>57877</v>
      </c>
      <c r="G18724" s="8">
        <v>1604</v>
      </c>
      <c r="H18724" s="5">
        <v>10</v>
      </c>
      <c r="I18724" s="5" t="s">
        <v>69</v>
      </c>
      <c r="J18724" s="5" t="s">
        <v>55802</v>
      </c>
      <c r="K18724" s="2" t="s">
        <v>55803</v>
      </c>
      <c r="L18724" s="5" t="s">
        <v>55802</v>
      </c>
      <c r="M18724" s="2" t="s">
        <v>55803</v>
      </c>
      <c r="N18724" s="5" t="s">
        <v>733</v>
      </c>
      <c r="O18724" s="5" t="s">
        <v>38</v>
      </c>
      <c r="P18724" s="5" t="s">
        <v>39</v>
      </c>
      <c r="Q18724" s="5" t="s">
        <v>40</v>
      </c>
      <c r="R18724" s="5" t="s">
        <v>897</v>
      </c>
      <c r="S18724" s="5" t="s">
        <v>40</v>
      </c>
      <c r="T18724" s="5" t="s">
        <v>42</v>
      </c>
      <c r="U18724" s="2">
        <v>48.091000000000001</v>
      </c>
      <c r="V18724" s="2">
        <v>44.796999999999997</v>
      </c>
      <c r="W18724" s="2">
        <v>0.18099999999999999</v>
      </c>
      <c r="X18724" s="2">
        <v>17</v>
      </c>
      <c r="Y18724" s="2">
        <v>80.7</v>
      </c>
      <c r="Z18724" s="2">
        <v>131.6</v>
      </c>
      <c r="AA18724" s="5">
        <v>7</v>
      </c>
      <c r="AB18724" s="5" t="s">
        <v>43</v>
      </c>
      <c r="AC18724" s="5" t="s">
        <v>735</v>
      </c>
      <c r="AD18724" s="2" t="s">
        <v>57882</v>
      </c>
      <c r="AE18724" s="1"/>
    </row>
    <row r="18725" spans="1:31" ht="14.45">
      <c r="A18725" s="11"/>
      <c r="B18725" s="20"/>
      <c r="C18725" s="2" t="s">
        <v>57883</v>
      </c>
      <c r="D18725" s="14" t="s">
        <v>57884</v>
      </c>
      <c r="E18725" s="2" t="s">
        <v>57885</v>
      </c>
      <c r="F18725" s="2" t="s">
        <v>57886</v>
      </c>
      <c r="G18725" s="8">
        <v>1319</v>
      </c>
      <c r="H18725" s="5">
        <v>5</v>
      </c>
      <c r="I18725" s="5" t="s">
        <v>69</v>
      </c>
      <c r="J18725" s="5" t="s">
        <v>55802</v>
      </c>
      <c r="K18725" s="2" t="s">
        <v>55803</v>
      </c>
      <c r="L18725" s="5" t="s">
        <v>55802</v>
      </c>
      <c r="M18725" s="2" t="s">
        <v>55803</v>
      </c>
      <c r="N18725" s="5" t="s">
        <v>733</v>
      </c>
      <c r="O18725" s="5" t="s">
        <v>38</v>
      </c>
      <c r="P18725" s="5" t="s">
        <v>39</v>
      </c>
      <c r="Q18725" s="5" t="s">
        <v>40</v>
      </c>
      <c r="R18725" s="5" t="s">
        <v>897</v>
      </c>
      <c r="S18725" s="5" t="s">
        <v>40</v>
      </c>
      <c r="T18725" s="5" t="s">
        <v>42</v>
      </c>
      <c r="U18725" s="2">
        <v>42.372</v>
      </c>
      <c r="V18725" s="2">
        <v>39.155999999999999</v>
      </c>
      <c r="W18725" s="2">
        <v>0.18099999999999999</v>
      </c>
      <c r="X18725" s="2">
        <v>17</v>
      </c>
      <c r="Y18725" s="2">
        <v>80.7</v>
      </c>
      <c r="Z18725" s="2">
        <v>131.6</v>
      </c>
      <c r="AA18725" s="5">
        <v>7</v>
      </c>
      <c r="AB18725" s="5" t="s">
        <v>43</v>
      </c>
      <c r="AC18725" s="5" t="s">
        <v>735</v>
      </c>
      <c r="AD18725" s="2" t="s">
        <v>57887</v>
      </c>
      <c r="AE18725" s="1"/>
    </row>
    <row r="18726" spans="1:31" ht="14.45">
      <c r="A18726" s="11"/>
      <c r="B18726" s="20"/>
      <c r="C18726" s="2" t="s">
        <v>57888</v>
      </c>
      <c r="D18726" s="14" t="s">
        <v>57889</v>
      </c>
      <c r="E18726" s="2" t="s">
        <v>57890</v>
      </c>
      <c r="F18726" s="2" t="s">
        <v>57886</v>
      </c>
      <c r="G18726" s="8">
        <v>1319</v>
      </c>
      <c r="H18726" s="5">
        <v>10</v>
      </c>
      <c r="I18726" s="5" t="s">
        <v>69</v>
      </c>
      <c r="J18726" s="5" t="s">
        <v>55802</v>
      </c>
      <c r="K18726" s="2" t="s">
        <v>55803</v>
      </c>
      <c r="L18726" s="5" t="s">
        <v>55802</v>
      </c>
      <c r="M18726" s="2" t="s">
        <v>55803</v>
      </c>
      <c r="N18726" s="5" t="s">
        <v>733</v>
      </c>
      <c r="O18726" s="5" t="s">
        <v>38</v>
      </c>
      <c r="P18726" s="5" t="s">
        <v>39</v>
      </c>
      <c r="Q18726" s="5" t="s">
        <v>40</v>
      </c>
      <c r="R18726" s="5" t="s">
        <v>897</v>
      </c>
      <c r="S18726" s="5" t="s">
        <v>40</v>
      </c>
      <c r="T18726" s="5" t="s">
        <v>42</v>
      </c>
      <c r="U18726" s="2">
        <v>42.619</v>
      </c>
      <c r="V18726" s="2">
        <v>39.317</v>
      </c>
      <c r="W18726" s="2">
        <v>0.18099999999999999</v>
      </c>
      <c r="X18726" s="2">
        <v>17</v>
      </c>
      <c r="Y18726" s="2">
        <v>80.7</v>
      </c>
      <c r="Z18726" s="2">
        <v>131.6</v>
      </c>
      <c r="AA18726" s="5">
        <v>7</v>
      </c>
      <c r="AB18726" s="5" t="s">
        <v>43</v>
      </c>
      <c r="AC18726" s="5" t="s">
        <v>735</v>
      </c>
      <c r="AD18726" s="2" t="s">
        <v>57891</v>
      </c>
      <c r="AE18726" s="1"/>
    </row>
    <row r="18727" spans="1:31" ht="14.45">
      <c r="A18727" s="11"/>
      <c r="B18727" s="20"/>
      <c r="C18727" s="2" t="s">
        <v>57892</v>
      </c>
      <c r="D18727" s="14" t="s">
        <v>57893</v>
      </c>
      <c r="E18727" s="2" t="s">
        <v>57894</v>
      </c>
      <c r="F18727" s="2" t="s">
        <v>57895</v>
      </c>
      <c r="G18727" s="8">
        <v>1221</v>
      </c>
      <c r="H18727" s="5">
        <v>10</v>
      </c>
      <c r="I18727" s="5" t="s">
        <v>69</v>
      </c>
      <c r="J18727" s="5" t="s">
        <v>55802</v>
      </c>
      <c r="K18727" s="2" t="s">
        <v>55803</v>
      </c>
      <c r="L18727" s="5" t="s">
        <v>55802</v>
      </c>
      <c r="M18727" s="2" t="s">
        <v>55803</v>
      </c>
      <c r="N18727" s="5" t="s">
        <v>733</v>
      </c>
      <c r="O18727" s="5" t="s">
        <v>38</v>
      </c>
      <c r="P18727" s="5" t="s">
        <v>39</v>
      </c>
      <c r="Q18727" s="5" t="s">
        <v>40</v>
      </c>
      <c r="R18727" s="5" t="s">
        <v>897</v>
      </c>
      <c r="S18727" s="5" t="s">
        <v>40</v>
      </c>
      <c r="T18727" s="5" t="s">
        <v>42</v>
      </c>
      <c r="U18727" s="2">
        <v>47.247</v>
      </c>
      <c r="V18727" s="2">
        <v>44.137999999999998</v>
      </c>
      <c r="W18727" s="2">
        <v>0.18099999999999999</v>
      </c>
      <c r="X18727" s="2">
        <v>17</v>
      </c>
      <c r="Y18727" s="2">
        <v>80.7</v>
      </c>
      <c r="Z18727" s="2">
        <v>131.6</v>
      </c>
      <c r="AA18727" s="5">
        <v>7</v>
      </c>
      <c r="AB18727" s="5" t="s">
        <v>43</v>
      </c>
      <c r="AC18727" s="5" t="s">
        <v>735</v>
      </c>
      <c r="AD18727" s="2" t="s">
        <v>57896</v>
      </c>
      <c r="AE18727" s="1"/>
    </row>
    <row r="18728" spans="1:31" ht="14.45">
      <c r="A18728" s="11"/>
      <c r="B18728" s="20"/>
      <c r="C18728" s="2" t="s">
        <v>57897</v>
      </c>
      <c r="D18728" s="14" t="s">
        <v>57898</v>
      </c>
      <c r="E18728" s="2" t="s">
        <v>57899</v>
      </c>
      <c r="F18728" s="2" t="s">
        <v>57895</v>
      </c>
      <c r="G18728" s="8">
        <v>1521</v>
      </c>
      <c r="H18728" s="5">
        <v>5</v>
      </c>
      <c r="I18728" s="5" t="s">
        <v>69</v>
      </c>
      <c r="J18728" s="5" t="s">
        <v>55802</v>
      </c>
      <c r="K18728" s="2" t="s">
        <v>55803</v>
      </c>
      <c r="L18728" s="5" t="s">
        <v>55802</v>
      </c>
      <c r="M18728" s="2" t="s">
        <v>55803</v>
      </c>
      <c r="N18728" s="5" t="s">
        <v>733</v>
      </c>
      <c r="O18728" s="5" t="s">
        <v>38</v>
      </c>
      <c r="P18728" s="5" t="s">
        <v>39</v>
      </c>
      <c r="Q18728" s="5" t="s">
        <v>40</v>
      </c>
      <c r="R18728" s="5" t="s">
        <v>897</v>
      </c>
      <c r="S18728" s="5" t="s">
        <v>40</v>
      </c>
      <c r="T18728" s="5" t="s">
        <v>42</v>
      </c>
      <c r="U18728" s="2">
        <v>48.058999999999997</v>
      </c>
      <c r="V18728" s="2">
        <v>44.765000000000001</v>
      </c>
      <c r="W18728" s="2">
        <v>0.18099999999999999</v>
      </c>
      <c r="X18728" s="2">
        <v>17</v>
      </c>
      <c r="Y18728" s="2">
        <v>80.7</v>
      </c>
      <c r="Z18728" s="2">
        <v>131.6</v>
      </c>
      <c r="AA18728" s="5">
        <v>7</v>
      </c>
      <c r="AB18728" s="5" t="s">
        <v>43</v>
      </c>
      <c r="AC18728" s="5" t="s">
        <v>735</v>
      </c>
      <c r="AD18728" s="2" t="s">
        <v>57900</v>
      </c>
      <c r="AE18728" s="1"/>
    </row>
    <row r="18729" spans="1:31" ht="14.45">
      <c r="A18729" s="11"/>
      <c r="B18729" s="20"/>
      <c r="C18729" s="2" t="s">
        <v>57901</v>
      </c>
      <c r="D18729" s="14" t="s">
        <v>57902</v>
      </c>
      <c r="E18729" s="2" t="s">
        <v>57903</v>
      </c>
      <c r="F18729" s="2" t="s">
        <v>57904</v>
      </c>
      <c r="G18729" s="8">
        <v>967</v>
      </c>
      <c r="H18729" s="5">
        <v>5</v>
      </c>
      <c r="I18729" s="5" t="s">
        <v>69</v>
      </c>
      <c r="J18729" s="5" t="s">
        <v>55802</v>
      </c>
      <c r="K18729" s="2" t="s">
        <v>55803</v>
      </c>
      <c r="L18729" s="5" t="s">
        <v>55802</v>
      </c>
      <c r="M18729" s="2" t="s">
        <v>55803</v>
      </c>
      <c r="N18729" s="5" t="s">
        <v>733</v>
      </c>
      <c r="O18729" s="5" t="s">
        <v>38</v>
      </c>
      <c r="P18729" s="5" t="s">
        <v>39</v>
      </c>
      <c r="Q18729" s="5" t="s">
        <v>40</v>
      </c>
      <c r="R18729" s="5" t="s">
        <v>897</v>
      </c>
      <c r="S18729" s="5" t="s">
        <v>40</v>
      </c>
      <c r="T18729" s="5" t="s">
        <v>42</v>
      </c>
      <c r="U18729" s="2">
        <v>50.173999999999999</v>
      </c>
      <c r="V18729" s="2">
        <v>47.094000000000001</v>
      </c>
      <c r="W18729" s="2">
        <v>0.18099999999999999</v>
      </c>
      <c r="X18729" s="2">
        <v>17</v>
      </c>
      <c r="Y18729" s="2">
        <v>80.7</v>
      </c>
      <c r="Z18729" s="2">
        <v>131.6</v>
      </c>
      <c r="AA18729" s="5">
        <v>7</v>
      </c>
      <c r="AB18729" s="5" t="s">
        <v>43</v>
      </c>
      <c r="AC18729" s="5" t="s">
        <v>735</v>
      </c>
      <c r="AD18729" s="2" t="s">
        <v>57905</v>
      </c>
      <c r="AE18729" s="1"/>
    </row>
    <row r="18730" spans="1:31" ht="14.45">
      <c r="A18730" s="11"/>
      <c r="B18730" s="20"/>
      <c r="C18730" s="2" t="s">
        <v>57906</v>
      </c>
      <c r="D18730" s="14" t="s">
        <v>57907</v>
      </c>
      <c r="E18730" s="2" t="s">
        <v>57908</v>
      </c>
      <c r="F18730" s="2" t="s">
        <v>57909</v>
      </c>
      <c r="G18730" s="8">
        <v>1267</v>
      </c>
      <c r="H18730" s="5">
        <v>10</v>
      </c>
      <c r="I18730" s="5" t="s">
        <v>69</v>
      </c>
      <c r="J18730" s="5" t="s">
        <v>55802</v>
      </c>
      <c r="K18730" s="2" t="s">
        <v>55803</v>
      </c>
      <c r="L18730" s="5" t="s">
        <v>55802</v>
      </c>
      <c r="M18730" s="2" t="s">
        <v>55803</v>
      </c>
      <c r="N18730" s="5" t="s">
        <v>733</v>
      </c>
      <c r="O18730" s="5" t="s">
        <v>38</v>
      </c>
      <c r="P18730" s="5" t="s">
        <v>39</v>
      </c>
      <c r="Q18730" s="5" t="s">
        <v>40</v>
      </c>
      <c r="R18730" s="5" t="s">
        <v>897</v>
      </c>
      <c r="S18730" s="5" t="s">
        <v>40</v>
      </c>
      <c r="T18730" s="5" t="s">
        <v>42</v>
      </c>
      <c r="U18730" s="2">
        <v>51.892000000000003</v>
      </c>
      <c r="V18730" s="2">
        <v>48.683999999999997</v>
      </c>
      <c r="W18730" s="2">
        <v>0.18099999999999999</v>
      </c>
      <c r="X18730" s="2">
        <v>17</v>
      </c>
      <c r="Y18730" s="2">
        <v>80.7</v>
      </c>
      <c r="Z18730" s="2">
        <v>131.6</v>
      </c>
      <c r="AA18730" s="5">
        <v>7</v>
      </c>
      <c r="AB18730" s="5" t="s">
        <v>43</v>
      </c>
      <c r="AC18730" s="5" t="s">
        <v>735</v>
      </c>
      <c r="AD18730" s="2" t="s">
        <v>57910</v>
      </c>
      <c r="AE18730" s="1"/>
    </row>
    <row r="18731" spans="1:31" ht="14.45">
      <c r="A18731" s="11"/>
      <c r="B18731" s="20"/>
      <c r="C18731" s="2" t="s">
        <v>57911</v>
      </c>
      <c r="D18731" s="14" t="s">
        <v>57912</v>
      </c>
      <c r="E18731" s="2" t="s">
        <v>57913</v>
      </c>
      <c r="F18731" s="2" t="s">
        <v>57914</v>
      </c>
      <c r="G18731" s="8">
        <v>836</v>
      </c>
      <c r="H18731" s="5">
        <v>5</v>
      </c>
      <c r="I18731" s="5" t="s">
        <v>69</v>
      </c>
      <c r="J18731" s="5" t="s">
        <v>55802</v>
      </c>
      <c r="K18731" s="2" t="s">
        <v>55803</v>
      </c>
      <c r="L18731" s="5" t="s">
        <v>55802</v>
      </c>
      <c r="M18731" s="2" t="s">
        <v>55803</v>
      </c>
      <c r="N18731" s="5" t="s">
        <v>733</v>
      </c>
      <c r="O18731" s="5" t="s">
        <v>38</v>
      </c>
      <c r="P18731" s="5" t="s">
        <v>39</v>
      </c>
      <c r="Q18731" s="5" t="s">
        <v>40</v>
      </c>
      <c r="R18731" s="5" t="s">
        <v>897</v>
      </c>
      <c r="S18731" s="5" t="s">
        <v>40</v>
      </c>
      <c r="T18731" s="5" t="s">
        <v>42</v>
      </c>
      <c r="U18731" s="2">
        <v>44.094000000000001</v>
      </c>
      <c r="V18731" s="2">
        <v>41.014000000000003</v>
      </c>
      <c r="W18731" s="2">
        <v>0.18099999999999999</v>
      </c>
      <c r="X18731" s="2">
        <v>17</v>
      </c>
      <c r="Y18731" s="2">
        <v>80.7</v>
      </c>
      <c r="Z18731" s="2">
        <v>131.6</v>
      </c>
      <c r="AA18731" s="5">
        <v>7</v>
      </c>
      <c r="AB18731" s="5" t="s">
        <v>43</v>
      </c>
      <c r="AC18731" s="5" t="s">
        <v>735</v>
      </c>
      <c r="AD18731" s="2" t="s">
        <v>57915</v>
      </c>
      <c r="AE18731" s="1"/>
    </row>
    <row r="18732" spans="1:31" ht="14.45">
      <c r="A18732" s="11"/>
      <c r="B18732" s="20"/>
      <c r="C18732" s="2" t="s">
        <v>57916</v>
      </c>
      <c r="D18732" s="14" t="s">
        <v>57917</v>
      </c>
      <c r="E18732" s="2" t="s">
        <v>57918</v>
      </c>
      <c r="F18732" s="2" t="s">
        <v>57919</v>
      </c>
      <c r="G18732" s="8">
        <v>1136</v>
      </c>
      <c r="H18732" s="5">
        <v>5</v>
      </c>
      <c r="I18732" s="5" t="s">
        <v>69</v>
      </c>
      <c r="J18732" s="5" t="s">
        <v>55802</v>
      </c>
      <c r="K18732" s="2" t="s">
        <v>55803</v>
      </c>
      <c r="L18732" s="5" t="s">
        <v>55802</v>
      </c>
      <c r="M18732" s="2" t="s">
        <v>55803</v>
      </c>
      <c r="N18732" s="5" t="s">
        <v>733</v>
      </c>
      <c r="O18732" s="5" t="s">
        <v>38</v>
      </c>
      <c r="P18732" s="5" t="s">
        <v>39</v>
      </c>
      <c r="Q18732" s="5" t="s">
        <v>40</v>
      </c>
      <c r="R18732" s="5" t="s">
        <v>897</v>
      </c>
      <c r="S18732" s="5" t="s">
        <v>40</v>
      </c>
      <c r="T18732" s="5" t="s">
        <v>42</v>
      </c>
      <c r="U18732" s="2">
        <v>45.969000000000001</v>
      </c>
      <c r="V18732" s="2">
        <v>42.77</v>
      </c>
      <c r="W18732" s="2">
        <v>0.18099999999999999</v>
      </c>
      <c r="X18732" s="2">
        <v>17</v>
      </c>
      <c r="Y18732" s="2">
        <v>80.7</v>
      </c>
      <c r="Z18732" s="2">
        <v>131.6</v>
      </c>
      <c r="AA18732" s="5">
        <v>7</v>
      </c>
      <c r="AB18732" s="5" t="s">
        <v>43</v>
      </c>
      <c r="AC18732" s="5" t="s">
        <v>735</v>
      </c>
      <c r="AD18732" s="2" t="s">
        <v>57920</v>
      </c>
      <c r="AE18732" s="1"/>
    </row>
    <row r="18733" spans="1:31" ht="14.45">
      <c r="A18733" s="11"/>
      <c r="B18733" s="20"/>
      <c r="C18733" s="2" t="s">
        <v>57921</v>
      </c>
      <c r="D18733" s="14" t="s">
        <v>57922</v>
      </c>
      <c r="E18733" s="2" t="s">
        <v>57923</v>
      </c>
      <c r="F18733" s="2" t="s">
        <v>57919</v>
      </c>
      <c r="G18733" s="8">
        <v>1136</v>
      </c>
      <c r="H18733" s="5">
        <v>10</v>
      </c>
      <c r="I18733" s="5" t="s">
        <v>69</v>
      </c>
      <c r="J18733" s="5" t="s">
        <v>55802</v>
      </c>
      <c r="K18733" s="2" t="s">
        <v>55803</v>
      </c>
      <c r="L18733" s="5" t="s">
        <v>55802</v>
      </c>
      <c r="M18733" s="2" t="s">
        <v>55803</v>
      </c>
      <c r="N18733" s="5" t="s">
        <v>733</v>
      </c>
      <c r="O18733" s="5" t="s">
        <v>38</v>
      </c>
      <c r="P18733" s="5" t="s">
        <v>39</v>
      </c>
      <c r="Q18733" s="5" t="s">
        <v>40</v>
      </c>
      <c r="R18733" s="5" t="s">
        <v>897</v>
      </c>
      <c r="S18733" s="5" t="s">
        <v>40</v>
      </c>
      <c r="T18733" s="5" t="s">
        <v>42</v>
      </c>
      <c r="U18733" s="2">
        <v>45.706000000000003</v>
      </c>
      <c r="V18733" s="2">
        <v>42.411999999999999</v>
      </c>
      <c r="W18733" s="2">
        <v>0.18099999999999999</v>
      </c>
      <c r="X18733" s="2">
        <v>17</v>
      </c>
      <c r="Y18733" s="2">
        <v>80.7</v>
      </c>
      <c r="Z18733" s="2">
        <v>131.6</v>
      </c>
      <c r="AA18733" s="5">
        <v>7</v>
      </c>
      <c r="AB18733" s="5" t="s">
        <v>43</v>
      </c>
      <c r="AC18733" s="5" t="s">
        <v>735</v>
      </c>
      <c r="AD18733" s="2" t="s">
        <v>57924</v>
      </c>
      <c r="AE18733" s="1"/>
    </row>
    <row r="18734" spans="1:31" ht="14.45">
      <c r="A18734" s="11"/>
      <c r="B18734" s="20"/>
      <c r="C18734" s="2" t="s">
        <v>57925</v>
      </c>
      <c r="D18734" s="14" t="s">
        <v>57926</v>
      </c>
      <c r="E18734" s="2" t="s">
        <v>57927</v>
      </c>
      <c r="F18734" s="2" t="s">
        <v>57919</v>
      </c>
      <c r="G18734" s="8">
        <v>1383</v>
      </c>
      <c r="H18734" s="5">
        <v>10</v>
      </c>
      <c r="I18734" s="5" t="s">
        <v>69</v>
      </c>
      <c r="J18734" s="5" t="s">
        <v>55802</v>
      </c>
      <c r="K18734" s="2" t="s">
        <v>55803</v>
      </c>
      <c r="L18734" s="5" t="s">
        <v>55802</v>
      </c>
      <c r="M18734" s="2" t="s">
        <v>55803</v>
      </c>
      <c r="N18734" s="5" t="s">
        <v>733</v>
      </c>
      <c r="O18734" s="5" t="s">
        <v>38</v>
      </c>
      <c r="P18734" s="5" t="s">
        <v>39</v>
      </c>
      <c r="Q18734" s="5" t="s">
        <v>40</v>
      </c>
      <c r="R18734" s="5" t="s">
        <v>897</v>
      </c>
      <c r="S18734" s="5" t="s">
        <v>40</v>
      </c>
      <c r="T18734" s="5" t="s">
        <v>42</v>
      </c>
      <c r="U18734" s="2">
        <v>46.53</v>
      </c>
      <c r="V18734" s="2">
        <v>43.408999999999999</v>
      </c>
      <c r="W18734" s="2">
        <v>0.18099999999999999</v>
      </c>
      <c r="X18734" s="2">
        <v>17</v>
      </c>
      <c r="Y18734" s="2">
        <v>80.7</v>
      </c>
      <c r="Z18734" s="2">
        <v>131.6</v>
      </c>
      <c r="AA18734" s="5">
        <v>7</v>
      </c>
      <c r="AB18734" s="5" t="s">
        <v>43</v>
      </c>
      <c r="AC18734" s="5" t="s">
        <v>735</v>
      </c>
      <c r="AD18734" s="2" t="s">
        <v>57928</v>
      </c>
      <c r="AE18734" s="1"/>
    </row>
    <row r="18735" spans="1:31" ht="14.45">
      <c r="A18735" s="11"/>
      <c r="B18735" s="20"/>
      <c r="C18735" s="2" t="s">
        <v>57929</v>
      </c>
      <c r="D18735" s="14" t="s">
        <v>57930</v>
      </c>
      <c r="E18735" s="2" t="s">
        <v>57931</v>
      </c>
      <c r="F18735" s="2" t="s">
        <v>57932</v>
      </c>
      <c r="G18735" s="8">
        <v>967</v>
      </c>
      <c r="H18735" s="5">
        <v>10</v>
      </c>
      <c r="I18735" s="5" t="s">
        <v>69</v>
      </c>
      <c r="J18735" s="5" t="s">
        <v>55802</v>
      </c>
      <c r="K18735" s="2" t="s">
        <v>55803</v>
      </c>
      <c r="L18735" s="5" t="s">
        <v>55802</v>
      </c>
      <c r="M18735" s="2" t="s">
        <v>55803</v>
      </c>
      <c r="N18735" s="5" t="s">
        <v>733</v>
      </c>
      <c r="O18735" s="5" t="s">
        <v>38</v>
      </c>
      <c r="P18735" s="5" t="s">
        <v>39</v>
      </c>
      <c r="Q18735" s="5" t="s">
        <v>40</v>
      </c>
      <c r="R18735" s="5" t="s">
        <v>897</v>
      </c>
      <c r="S18735" s="5" t="s">
        <v>40</v>
      </c>
      <c r="T18735" s="5" t="s">
        <v>42</v>
      </c>
      <c r="U18735" s="2">
        <v>43.527999999999999</v>
      </c>
      <c r="V18735" s="2">
        <v>40.442999999999998</v>
      </c>
      <c r="W18735" s="2">
        <v>0.18099999999999999</v>
      </c>
      <c r="X18735" s="2">
        <v>17</v>
      </c>
      <c r="Y18735" s="2">
        <v>80.7</v>
      </c>
      <c r="Z18735" s="2">
        <v>131.6</v>
      </c>
      <c r="AA18735" s="5">
        <v>7</v>
      </c>
      <c r="AB18735" s="5" t="s">
        <v>43</v>
      </c>
      <c r="AC18735" s="5" t="s">
        <v>735</v>
      </c>
      <c r="AD18735" s="2" t="s">
        <v>57933</v>
      </c>
      <c r="AE18735" s="1"/>
    </row>
    <row r="18736" spans="1:31" ht="14.45">
      <c r="A18736" s="11"/>
      <c r="B18736" s="20"/>
      <c r="C18736" s="2" t="s">
        <v>57934</v>
      </c>
      <c r="D18736" s="14" t="s">
        <v>57935</v>
      </c>
      <c r="E18736" s="2" t="s">
        <v>57936</v>
      </c>
      <c r="F18736" s="2" t="s">
        <v>57932</v>
      </c>
      <c r="G18736" s="8">
        <v>1267</v>
      </c>
      <c r="H18736" s="5">
        <v>10</v>
      </c>
      <c r="I18736" s="5" t="s">
        <v>69</v>
      </c>
      <c r="J18736" s="5" t="s">
        <v>55802</v>
      </c>
      <c r="K18736" s="2" t="s">
        <v>55803</v>
      </c>
      <c r="L18736" s="5" t="s">
        <v>55802</v>
      </c>
      <c r="M18736" s="2" t="s">
        <v>55803</v>
      </c>
      <c r="N18736" s="5" t="s">
        <v>733</v>
      </c>
      <c r="O18736" s="5" t="s">
        <v>38</v>
      </c>
      <c r="P18736" s="5" t="s">
        <v>39</v>
      </c>
      <c r="Q18736" s="5" t="s">
        <v>40</v>
      </c>
      <c r="R18736" s="5" t="s">
        <v>897</v>
      </c>
      <c r="S18736" s="5" t="s">
        <v>40</v>
      </c>
      <c r="T18736" s="5" t="s">
        <v>42</v>
      </c>
      <c r="U18736" s="2">
        <v>45.433</v>
      </c>
      <c r="V18736" s="2">
        <v>42.225000000000001</v>
      </c>
      <c r="W18736" s="2">
        <v>0.18099999999999999</v>
      </c>
      <c r="X18736" s="2">
        <v>17</v>
      </c>
      <c r="Y18736" s="2">
        <v>80.7</v>
      </c>
      <c r="Z18736" s="2">
        <v>131.6</v>
      </c>
      <c r="AA18736" s="5">
        <v>7</v>
      </c>
      <c r="AB18736" s="5" t="s">
        <v>43</v>
      </c>
      <c r="AC18736" s="5" t="s">
        <v>735</v>
      </c>
      <c r="AD18736" s="2" t="s">
        <v>57937</v>
      </c>
      <c r="AE18736" s="1"/>
    </row>
    <row r="18737" spans="1:31" ht="14.45">
      <c r="A18737" s="11"/>
      <c r="B18737" s="20"/>
      <c r="C18737" s="2" t="s">
        <v>57938</v>
      </c>
      <c r="D18737" s="14" t="s">
        <v>57939</v>
      </c>
      <c r="E18737" s="2" t="s">
        <v>57940</v>
      </c>
      <c r="F18737" s="2" t="s">
        <v>57932</v>
      </c>
      <c r="G18737" s="8">
        <v>1267</v>
      </c>
      <c r="H18737" s="5">
        <v>10</v>
      </c>
      <c r="I18737" s="5" t="s">
        <v>69</v>
      </c>
      <c r="J18737" s="5" t="s">
        <v>55802</v>
      </c>
      <c r="K18737" s="2" t="s">
        <v>55803</v>
      </c>
      <c r="L18737" s="5" t="s">
        <v>55802</v>
      </c>
      <c r="M18737" s="2" t="s">
        <v>55803</v>
      </c>
      <c r="N18737" s="5" t="s">
        <v>733</v>
      </c>
      <c r="O18737" s="5" t="s">
        <v>38</v>
      </c>
      <c r="P18737" s="5" t="s">
        <v>39</v>
      </c>
      <c r="Q18737" s="5" t="s">
        <v>40</v>
      </c>
      <c r="R18737" s="5" t="s">
        <v>897</v>
      </c>
      <c r="S18737" s="5" t="s">
        <v>40</v>
      </c>
      <c r="T18737" s="5" t="s">
        <v>42</v>
      </c>
      <c r="U18737" s="2">
        <v>45.563000000000002</v>
      </c>
      <c r="V18737" s="2">
        <v>42.268999999999998</v>
      </c>
      <c r="W18737" s="2">
        <v>0.18099999999999999</v>
      </c>
      <c r="X18737" s="2">
        <v>17</v>
      </c>
      <c r="Y18737" s="2">
        <v>80.7</v>
      </c>
      <c r="Z18737" s="2">
        <v>131.6</v>
      </c>
      <c r="AA18737" s="5">
        <v>7</v>
      </c>
      <c r="AB18737" s="5" t="s">
        <v>43</v>
      </c>
      <c r="AC18737" s="5" t="s">
        <v>735</v>
      </c>
      <c r="AD18737" s="2" t="s">
        <v>57941</v>
      </c>
      <c r="AE18737" s="1"/>
    </row>
    <row r="18738" spans="1:31" ht="14.45">
      <c r="A18738" s="11"/>
      <c r="B18738" s="20"/>
      <c r="C18738" s="2" t="s">
        <v>57942</v>
      </c>
      <c r="D18738" s="14" t="s">
        <v>57943</v>
      </c>
      <c r="E18738" s="2" t="s">
        <v>57944</v>
      </c>
      <c r="F18738" s="2" t="s">
        <v>57945</v>
      </c>
      <c r="G18738" s="8">
        <v>710</v>
      </c>
      <c r="H18738" s="5">
        <v>10</v>
      </c>
      <c r="I18738" s="5" t="s">
        <v>69</v>
      </c>
      <c r="J18738" s="5" t="s">
        <v>55802</v>
      </c>
      <c r="K18738" s="2" t="s">
        <v>55803</v>
      </c>
      <c r="L18738" s="5" t="s">
        <v>55802</v>
      </c>
      <c r="M18738" s="2" t="s">
        <v>55803</v>
      </c>
      <c r="N18738" s="5" t="s">
        <v>733</v>
      </c>
      <c r="O18738" s="5" t="s">
        <v>38</v>
      </c>
      <c r="P18738" s="5" t="s">
        <v>39</v>
      </c>
      <c r="Q18738" s="5" t="s">
        <v>40</v>
      </c>
      <c r="R18738" s="5" t="s">
        <v>897</v>
      </c>
      <c r="S18738" s="5" t="s">
        <v>40</v>
      </c>
      <c r="T18738" s="5" t="s">
        <v>42</v>
      </c>
      <c r="U18738" s="2">
        <v>43.718000000000004</v>
      </c>
      <c r="V18738" s="2">
        <v>40.633000000000003</v>
      </c>
      <c r="W18738" s="2">
        <v>0.18099999999999999</v>
      </c>
      <c r="X18738" s="2">
        <v>17</v>
      </c>
      <c r="Y18738" s="2">
        <v>80.7</v>
      </c>
      <c r="Z18738" s="2">
        <v>131.6</v>
      </c>
      <c r="AA18738" s="5">
        <v>7</v>
      </c>
      <c r="AB18738" s="5" t="s">
        <v>43</v>
      </c>
      <c r="AC18738" s="5" t="s">
        <v>735</v>
      </c>
      <c r="AD18738" s="2" t="s">
        <v>57946</v>
      </c>
      <c r="AE18738" s="1"/>
    </row>
    <row r="18739" spans="1:31" ht="14.45">
      <c r="A18739" s="11"/>
      <c r="B18739" s="20"/>
      <c r="C18739" s="2" t="s">
        <v>57947</v>
      </c>
      <c r="D18739" s="14" t="s">
        <v>57948</v>
      </c>
      <c r="E18739" s="2" t="s">
        <v>57949</v>
      </c>
      <c r="F18739" s="2" t="s">
        <v>57945</v>
      </c>
      <c r="G18739" s="8">
        <v>1010</v>
      </c>
      <c r="H18739" s="5">
        <v>10</v>
      </c>
      <c r="I18739" s="5" t="s">
        <v>69</v>
      </c>
      <c r="J18739" s="5" t="s">
        <v>55802</v>
      </c>
      <c r="K18739" s="2" t="s">
        <v>55803</v>
      </c>
      <c r="L18739" s="5" t="s">
        <v>55802</v>
      </c>
      <c r="M18739" s="2" t="s">
        <v>55803</v>
      </c>
      <c r="N18739" s="5" t="s">
        <v>733</v>
      </c>
      <c r="O18739" s="5" t="s">
        <v>38</v>
      </c>
      <c r="P18739" s="5" t="s">
        <v>39</v>
      </c>
      <c r="Q18739" s="5" t="s">
        <v>40</v>
      </c>
      <c r="R18739" s="5" t="s">
        <v>897</v>
      </c>
      <c r="S18739" s="5" t="s">
        <v>40</v>
      </c>
      <c r="T18739" s="5" t="s">
        <v>42</v>
      </c>
      <c r="U18739" s="2">
        <v>45.622999999999998</v>
      </c>
      <c r="V18739" s="2">
        <v>42.414999999999999</v>
      </c>
      <c r="W18739" s="2">
        <v>0.18099999999999999</v>
      </c>
      <c r="X18739" s="2">
        <v>17</v>
      </c>
      <c r="Y18739" s="2">
        <v>80.7</v>
      </c>
      <c r="Z18739" s="2">
        <v>131.6</v>
      </c>
      <c r="AA18739" s="5">
        <v>7</v>
      </c>
      <c r="AB18739" s="5" t="s">
        <v>43</v>
      </c>
      <c r="AC18739" s="5" t="s">
        <v>735</v>
      </c>
      <c r="AD18739" s="2" t="s">
        <v>57950</v>
      </c>
      <c r="AE18739" s="1"/>
    </row>
    <row r="18740" spans="1:31" ht="14.45">
      <c r="A18740" s="11"/>
      <c r="B18740" s="20"/>
      <c r="C18740" s="2" t="s">
        <v>57951</v>
      </c>
      <c r="D18740" s="14" t="s">
        <v>57952</v>
      </c>
      <c r="E18740" s="2" t="s">
        <v>57953</v>
      </c>
      <c r="F18740" s="2" t="s">
        <v>57945</v>
      </c>
      <c r="G18740" s="8">
        <v>1010</v>
      </c>
      <c r="H18740" s="5">
        <v>10</v>
      </c>
      <c r="I18740" s="5" t="s">
        <v>69</v>
      </c>
      <c r="J18740" s="5" t="s">
        <v>55802</v>
      </c>
      <c r="K18740" s="2" t="s">
        <v>55803</v>
      </c>
      <c r="L18740" s="5" t="s">
        <v>55802</v>
      </c>
      <c r="M18740" s="2" t="s">
        <v>55803</v>
      </c>
      <c r="N18740" s="5" t="s">
        <v>733</v>
      </c>
      <c r="O18740" s="5" t="s">
        <v>38</v>
      </c>
      <c r="P18740" s="5" t="s">
        <v>39</v>
      </c>
      <c r="Q18740" s="5" t="s">
        <v>40</v>
      </c>
      <c r="R18740" s="5" t="s">
        <v>897</v>
      </c>
      <c r="S18740" s="5" t="s">
        <v>40</v>
      </c>
      <c r="T18740" s="5" t="s">
        <v>42</v>
      </c>
      <c r="U18740" s="2">
        <v>45.735999999999997</v>
      </c>
      <c r="V18740" s="2">
        <v>42.442</v>
      </c>
      <c r="W18740" s="2">
        <v>0.18099999999999999</v>
      </c>
      <c r="X18740" s="2">
        <v>17</v>
      </c>
      <c r="Y18740" s="2">
        <v>80.7</v>
      </c>
      <c r="Z18740" s="2">
        <v>131.6</v>
      </c>
      <c r="AA18740" s="5">
        <v>7</v>
      </c>
      <c r="AB18740" s="5" t="s">
        <v>43</v>
      </c>
      <c r="AC18740" s="5" t="s">
        <v>735</v>
      </c>
      <c r="AD18740" s="2" t="s">
        <v>57954</v>
      </c>
      <c r="AE18740" s="1"/>
    </row>
    <row r="18741" spans="1:31" ht="14.45">
      <c r="A18741" s="11"/>
      <c r="B18741" s="20"/>
      <c r="C18741" s="2" t="s">
        <v>57955</v>
      </c>
      <c r="D18741" s="14" t="s">
        <v>57956</v>
      </c>
      <c r="E18741" s="2" t="s">
        <v>57957</v>
      </c>
      <c r="F18741" s="2" t="s">
        <v>57958</v>
      </c>
      <c r="G18741" s="8">
        <v>551</v>
      </c>
      <c r="H18741" s="5">
        <v>5</v>
      </c>
      <c r="I18741" s="5" t="s">
        <v>69</v>
      </c>
      <c r="J18741" s="5" t="s">
        <v>55802</v>
      </c>
      <c r="K18741" s="2" t="s">
        <v>55803</v>
      </c>
      <c r="L18741" s="5" t="s">
        <v>55802</v>
      </c>
      <c r="M18741" s="2" t="s">
        <v>55803</v>
      </c>
      <c r="N18741" s="5" t="s">
        <v>733</v>
      </c>
      <c r="O18741" s="5" t="s">
        <v>38</v>
      </c>
      <c r="P18741" s="5" t="s">
        <v>39</v>
      </c>
      <c r="Q18741" s="5" t="s">
        <v>40</v>
      </c>
      <c r="R18741" s="5" t="s">
        <v>897</v>
      </c>
      <c r="S18741" s="5" t="s">
        <v>40</v>
      </c>
      <c r="T18741" s="5" t="s">
        <v>42</v>
      </c>
      <c r="U18741" s="2">
        <v>38.578000000000003</v>
      </c>
      <c r="V18741" s="2">
        <v>35.497999999999998</v>
      </c>
      <c r="W18741" s="2">
        <v>0.18099999999999999</v>
      </c>
      <c r="X18741" s="2">
        <v>17</v>
      </c>
      <c r="Y18741" s="2">
        <v>80.7</v>
      </c>
      <c r="Z18741" s="2">
        <v>131.6</v>
      </c>
      <c r="AA18741" s="5">
        <v>7</v>
      </c>
      <c r="AB18741" s="5" t="s">
        <v>43</v>
      </c>
      <c r="AC18741" s="5" t="s">
        <v>735</v>
      </c>
      <c r="AD18741" s="2" t="s">
        <v>57959</v>
      </c>
      <c r="AE18741" s="1"/>
    </row>
    <row r="18742" spans="1:31" ht="14.45">
      <c r="A18742" s="11"/>
      <c r="B18742" s="20"/>
      <c r="C18742" s="2" t="s">
        <v>57960</v>
      </c>
      <c r="D18742" s="14" t="s">
        <v>57961</v>
      </c>
      <c r="E18742" s="2" t="s">
        <v>57962</v>
      </c>
      <c r="F18742" s="2" t="s">
        <v>57958</v>
      </c>
      <c r="G18742" s="8">
        <v>851</v>
      </c>
      <c r="H18742" s="5">
        <v>5</v>
      </c>
      <c r="I18742" s="5" t="s">
        <v>69</v>
      </c>
      <c r="J18742" s="5" t="s">
        <v>55802</v>
      </c>
      <c r="K18742" s="2" t="s">
        <v>55803</v>
      </c>
      <c r="L18742" s="5" t="s">
        <v>55802</v>
      </c>
      <c r="M18742" s="2" t="s">
        <v>55803</v>
      </c>
      <c r="N18742" s="5" t="s">
        <v>733</v>
      </c>
      <c r="O18742" s="5" t="s">
        <v>38</v>
      </c>
      <c r="P18742" s="5" t="s">
        <v>39</v>
      </c>
      <c r="Q18742" s="5" t="s">
        <v>40</v>
      </c>
      <c r="R18742" s="5" t="s">
        <v>897</v>
      </c>
      <c r="S18742" s="5" t="s">
        <v>40</v>
      </c>
      <c r="T18742" s="5" t="s">
        <v>42</v>
      </c>
      <c r="U18742" s="2">
        <v>40.488999999999997</v>
      </c>
      <c r="V18742" s="2">
        <v>37.281999999999996</v>
      </c>
      <c r="W18742" s="2">
        <v>0.18099999999999999</v>
      </c>
      <c r="X18742" s="2">
        <v>17</v>
      </c>
      <c r="Y18742" s="2">
        <v>80.7</v>
      </c>
      <c r="Z18742" s="2">
        <v>131.6</v>
      </c>
      <c r="AA18742" s="5">
        <v>7</v>
      </c>
      <c r="AB18742" s="5" t="s">
        <v>43</v>
      </c>
      <c r="AC18742" s="5" t="s">
        <v>735</v>
      </c>
      <c r="AD18742" s="2" t="s">
        <v>57963</v>
      </c>
      <c r="AE18742" s="1"/>
    </row>
    <row r="18743" spans="1:31" ht="14.45">
      <c r="A18743" s="11"/>
      <c r="B18743" s="20"/>
      <c r="C18743" s="2" t="s">
        <v>57964</v>
      </c>
      <c r="D18743" s="14" t="s">
        <v>57965</v>
      </c>
      <c r="E18743" s="2" t="s">
        <v>57966</v>
      </c>
      <c r="F18743" s="2" t="s">
        <v>57958</v>
      </c>
      <c r="G18743" s="8">
        <v>851</v>
      </c>
      <c r="H18743" s="5">
        <v>5</v>
      </c>
      <c r="I18743" s="5" t="s">
        <v>69</v>
      </c>
      <c r="J18743" s="5" t="s">
        <v>55802</v>
      </c>
      <c r="K18743" s="2" t="s">
        <v>55803</v>
      </c>
      <c r="L18743" s="5" t="s">
        <v>55802</v>
      </c>
      <c r="M18743" s="2" t="s">
        <v>55803</v>
      </c>
      <c r="N18743" s="5" t="s">
        <v>733</v>
      </c>
      <c r="O18743" s="5" t="s">
        <v>38</v>
      </c>
      <c r="P18743" s="5" t="s">
        <v>39</v>
      </c>
      <c r="Q18743" s="5" t="s">
        <v>40</v>
      </c>
      <c r="R18743" s="5" t="s">
        <v>897</v>
      </c>
      <c r="S18743" s="5" t="s">
        <v>40</v>
      </c>
      <c r="T18743" s="5" t="s">
        <v>42</v>
      </c>
      <c r="U18743" s="2">
        <v>40.238</v>
      </c>
      <c r="V18743" s="2">
        <v>36.936</v>
      </c>
      <c r="W18743" s="2">
        <v>0.18099999999999999</v>
      </c>
      <c r="X18743" s="2">
        <v>17</v>
      </c>
      <c r="Y18743" s="2">
        <v>80.7</v>
      </c>
      <c r="Z18743" s="2">
        <v>131.6</v>
      </c>
      <c r="AA18743" s="5">
        <v>7</v>
      </c>
      <c r="AB18743" s="5" t="s">
        <v>43</v>
      </c>
      <c r="AC18743" s="5" t="s">
        <v>735</v>
      </c>
      <c r="AD18743" s="2" t="s">
        <v>57967</v>
      </c>
      <c r="AE18743" s="1"/>
    </row>
    <row r="18744" spans="1:31" ht="14.45">
      <c r="A18744" s="11"/>
      <c r="B18744" s="20"/>
      <c r="C18744" s="2" t="s">
        <v>57968</v>
      </c>
      <c r="D18744" s="14" t="s">
        <v>57969</v>
      </c>
      <c r="E18744" s="2" t="s">
        <v>57970</v>
      </c>
      <c r="F18744" s="2" t="s">
        <v>57958</v>
      </c>
      <c r="G18744" s="8">
        <v>1098</v>
      </c>
      <c r="H18744" s="5">
        <v>5</v>
      </c>
      <c r="I18744" s="5" t="s">
        <v>69</v>
      </c>
      <c r="J18744" s="5" t="s">
        <v>55802</v>
      </c>
      <c r="K18744" s="2" t="s">
        <v>55803</v>
      </c>
      <c r="L18744" s="5" t="s">
        <v>55802</v>
      </c>
      <c r="M18744" s="2" t="s">
        <v>55803</v>
      </c>
      <c r="N18744" s="5" t="s">
        <v>733</v>
      </c>
      <c r="O18744" s="5" t="s">
        <v>38</v>
      </c>
      <c r="P18744" s="5" t="s">
        <v>39</v>
      </c>
      <c r="Q18744" s="5" t="s">
        <v>40</v>
      </c>
      <c r="R18744" s="5" t="s">
        <v>897</v>
      </c>
      <c r="S18744" s="5" t="s">
        <v>40</v>
      </c>
      <c r="T18744" s="5" t="s">
        <v>42</v>
      </c>
      <c r="U18744" s="2">
        <v>41.021999999999998</v>
      </c>
      <c r="V18744" s="2">
        <v>37.893000000000001</v>
      </c>
      <c r="W18744" s="2">
        <v>0.18099999999999999</v>
      </c>
      <c r="X18744" s="2">
        <v>17</v>
      </c>
      <c r="Y18744" s="2">
        <v>80.7</v>
      </c>
      <c r="Z18744" s="2">
        <v>131.6</v>
      </c>
      <c r="AA18744" s="5">
        <v>7</v>
      </c>
      <c r="AB18744" s="5" t="s">
        <v>43</v>
      </c>
      <c r="AC18744" s="5" t="s">
        <v>735</v>
      </c>
      <c r="AD18744" s="2" t="s">
        <v>57971</v>
      </c>
      <c r="AE18744" s="1"/>
    </row>
    <row r="18745" spans="1:31" ht="14.45">
      <c r="A18745" s="11"/>
      <c r="B18745" s="20"/>
      <c r="C18745" s="2" t="s">
        <v>57972</v>
      </c>
      <c r="D18745" s="14" t="s">
        <v>57973</v>
      </c>
      <c r="E18745" s="2" t="s">
        <v>57974</v>
      </c>
      <c r="F18745" s="2" t="s">
        <v>57975</v>
      </c>
      <c r="G18745" s="8">
        <v>753</v>
      </c>
      <c r="H18745" s="5">
        <v>5</v>
      </c>
      <c r="I18745" s="5" t="s">
        <v>69</v>
      </c>
      <c r="J18745" s="5" t="s">
        <v>55802</v>
      </c>
      <c r="K18745" s="2" t="s">
        <v>55803</v>
      </c>
      <c r="L18745" s="5" t="s">
        <v>55802</v>
      </c>
      <c r="M18745" s="2" t="s">
        <v>55803</v>
      </c>
      <c r="N18745" s="5" t="s">
        <v>733</v>
      </c>
      <c r="O18745" s="5" t="s">
        <v>38</v>
      </c>
      <c r="P18745" s="5" t="s">
        <v>39</v>
      </c>
      <c r="Q18745" s="5" t="s">
        <v>40</v>
      </c>
      <c r="R18745" s="5" t="s">
        <v>897</v>
      </c>
      <c r="S18745" s="5" t="s">
        <v>40</v>
      </c>
      <c r="T18745" s="5" t="s">
        <v>42</v>
      </c>
      <c r="U18745" s="2">
        <v>43.655999999999999</v>
      </c>
      <c r="V18745" s="2">
        <v>40.570999999999998</v>
      </c>
      <c r="W18745" s="2">
        <v>0.18099999999999999</v>
      </c>
      <c r="X18745" s="2">
        <v>17</v>
      </c>
      <c r="Y18745" s="2">
        <v>80.7</v>
      </c>
      <c r="Z18745" s="2">
        <v>131.6</v>
      </c>
      <c r="AA18745" s="5">
        <v>7</v>
      </c>
      <c r="AB18745" s="5" t="s">
        <v>43</v>
      </c>
      <c r="AC18745" s="5" t="s">
        <v>735</v>
      </c>
      <c r="AD18745" s="2" t="s">
        <v>57976</v>
      </c>
      <c r="AE18745" s="1"/>
    </row>
    <row r="18746" spans="1:31" ht="14.45">
      <c r="A18746" s="11"/>
      <c r="B18746" s="20"/>
      <c r="C18746" s="2" t="s">
        <v>57977</v>
      </c>
      <c r="D18746" s="14" t="s">
        <v>57978</v>
      </c>
      <c r="E18746" s="2" t="s">
        <v>57979</v>
      </c>
      <c r="F18746" s="2" t="s">
        <v>57975</v>
      </c>
      <c r="G18746" s="8">
        <v>1053</v>
      </c>
      <c r="H18746" s="5">
        <v>5</v>
      </c>
      <c r="I18746" s="5" t="s">
        <v>69</v>
      </c>
      <c r="J18746" s="5" t="s">
        <v>55802</v>
      </c>
      <c r="K18746" s="2" t="s">
        <v>55803</v>
      </c>
      <c r="L18746" s="5" t="s">
        <v>55802</v>
      </c>
      <c r="M18746" s="2" t="s">
        <v>55803</v>
      </c>
      <c r="N18746" s="5" t="s">
        <v>733</v>
      </c>
      <c r="O18746" s="5" t="s">
        <v>38</v>
      </c>
      <c r="P18746" s="5" t="s">
        <v>39</v>
      </c>
      <c r="Q18746" s="5" t="s">
        <v>40</v>
      </c>
      <c r="R18746" s="5" t="s">
        <v>897</v>
      </c>
      <c r="S18746" s="5" t="s">
        <v>40</v>
      </c>
      <c r="T18746" s="5" t="s">
        <v>42</v>
      </c>
      <c r="U18746" s="2">
        <v>45.561</v>
      </c>
      <c r="V18746" s="2">
        <v>42.353000000000002</v>
      </c>
      <c r="W18746" s="2">
        <v>0.18099999999999999</v>
      </c>
      <c r="X18746" s="2">
        <v>17</v>
      </c>
      <c r="Y18746" s="2">
        <v>80.7</v>
      </c>
      <c r="Z18746" s="2">
        <v>131.6</v>
      </c>
      <c r="AA18746" s="5">
        <v>7</v>
      </c>
      <c r="AB18746" s="5" t="s">
        <v>43</v>
      </c>
      <c r="AC18746" s="5" t="s">
        <v>735</v>
      </c>
      <c r="AD18746" s="2" t="s">
        <v>57980</v>
      </c>
      <c r="AE18746" s="1"/>
    </row>
    <row r="18747" spans="1:31" ht="14.45">
      <c r="A18747" s="11"/>
      <c r="B18747" s="20"/>
      <c r="C18747" s="2" t="s">
        <v>57981</v>
      </c>
      <c r="D18747" s="14" t="s">
        <v>57982</v>
      </c>
      <c r="E18747" s="2" t="s">
        <v>57983</v>
      </c>
      <c r="F18747" s="2" t="s">
        <v>57975</v>
      </c>
      <c r="G18747" s="8">
        <v>1053</v>
      </c>
      <c r="H18747" s="5">
        <v>10</v>
      </c>
      <c r="I18747" s="5" t="s">
        <v>69</v>
      </c>
      <c r="J18747" s="5" t="s">
        <v>55802</v>
      </c>
      <c r="K18747" s="2" t="s">
        <v>55803</v>
      </c>
      <c r="L18747" s="5" t="s">
        <v>55802</v>
      </c>
      <c r="M18747" s="2" t="s">
        <v>55803</v>
      </c>
      <c r="N18747" s="5" t="s">
        <v>733</v>
      </c>
      <c r="O18747" s="5" t="s">
        <v>38</v>
      </c>
      <c r="P18747" s="5" t="s">
        <v>39</v>
      </c>
      <c r="Q18747" s="5" t="s">
        <v>40</v>
      </c>
      <c r="R18747" s="5" t="s">
        <v>897</v>
      </c>
      <c r="S18747" s="5" t="s">
        <v>40</v>
      </c>
      <c r="T18747" s="5" t="s">
        <v>42</v>
      </c>
      <c r="U18747" s="2">
        <v>45.673999999999999</v>
      </c>
      <c r="V18747" s="2">
        <v>42.38</v>
      </c>
      <c r="W18747" s="2">
        <v>0.18099999999999999</v>
      </c>
      <c r="X18747" s="2">
        <v>17</v>
      </c>
      <c r="Y18747" s="2">
        <v>80.7</v>
      </c>
      <c r="Z18747" s="2">
        <v>131.6</v>
      </c>
      <c r="AA18747" s="5">
        <v>7</v>
      </c>
      <c r="AB18747" s="5" t="s">
        <v>43</v>
      </c>
      <c r="AC18747" s="5" t="s">
        <v>735</v>
      </c>
      <c r="AD18747" s="2" t="s">
        <v>57984</v>
      </c>
      <c r="AE18747" s="1"/>
    </row>
    <row r="18748" spans="1:31" ht="14.45">
      <c r="A18748" s="5"/>
      <c r="B18748" s="21"/>
      <c r="C18748" s="2" t="s">
        <v>57985</v>
      </c>
      <c r="D18748" s="14" t="s">
        <v>57986</v>
      </c>
      <c r="E18748" s="2" t="s">
        <v>57987</v>
      </c>
      <c r="F18748" s="2" t="s">
        <v>57988</v>
      </c>
      <c r="G18748" s="8">
        <v>1300</v>
      </c>
      <c r="H18748" s="5">
        <v>5</v>
      </c>
      <c r="I18748" s="5" t="s">
        <v>69</v>
      </c>
      <c r="J18748" s="5" t="s">
        <v>55802</v>
      </c>
      <c r="K18748" s="2" t="s">
        <v>55803</v>
      </c>
      <c r="L18748" s="5" t="s">
        <v>55802</v>
      </c>
      <c r="M18748" s="2" t="s">
        <v>55803</v>
      </c>
      <c r="N18748" s="5" t="s">
        <v>733</v>
      </c>
      <c r="O18748" s="5" t="s">
        <v>38</v>
      </c>
      <c r="P18748" s="5" t="s">
        <v>39</v>
      </c>
      <c r="Q18748" s="5" t="s">
        <v>40</v>
      </c>
      <c r="R18748" s="5" t="s">
        <v>897</v>
      </c>
      <c r="S18748" s="5" t="s">
        <v>40</v>
      </c>
      <c r="T18748" s="5" t="s">
        <v>42</v>
      </c>
      <c r="U18748" s="2">
        <v>46.497999999999998</v>
      </c>
      <c r="V18748" s="2">
        <v>43.377000000000002</v>
      </c>
      <c r="W18748" s="2">
        <v>0.18099999999999999</v>
      </c>
      <c r="X18748" s="2">
        <v>17</v>
      </c>
      <c r="Y18748" s="2">
        <v>80.7</v>
      </c>
      <c r="Z18748" s="2">
        <v>131.6</v>
      </c>
      <c r="AA18748" s="5">
        <v>7</v>
      </c>
      <c r="AB18748" s="5" t="s">
        <v>43</v>
      </c>
      <c r="AC18748" s="5" t="s">
        <v>735</v>
      </c>
      <c r="AD18748" s="2"/>
      <c r="AE18748" s="1"/>
    </row>
    <row r="18749" spans="1:31" ht="14.45">
      <c r="A18749" s="11"/>
      <c r="B18749" s="20"/>
      <c r="C18749" s="2" t="s">
        <v>57989</v>
      </c>
      <c r="D18749" s="14" t="s">
        <v>57990</v>
      </c>
      <c r="E18749" s="2" t="s">
        <v>57991</v>
      </c>
      <c r="F18749" s="2" t="s">
        <v>57992</v>
      </c>
      <c r="G18749" s="8">
        <v>1735</v>
      </c>
      <c r="H18749" s="5">
        <v>10</v>
      </c>
      <c r="I18749" s="5" t="s">
        <v>69</v>
      </c>
      <c r="J18749" s="5" t="s">
        <v>55802</v>
      </c>
      <c r="K18749" s="2" t="s">
        <v>55803</v>
      </c>
      <c r="L18749" s="5" t="s">
        <v>55802</v>
      </c>
      <c r="M18749" s="2" t="s">
        <v>55803</v>
      </c>
      <c r="N18749" s="5" t="s">
        <v>733</v>
      </c>
      <c r="O18749" s="5" t="s">
        <v>38</v>
      </c>
      <c r="P18749" s="5" t="s">
        <v>39</v>
      </c>
      <c r="Q18749" s="5" t="s">
        <v>40</v>
      </c>
      <c r="R18749" s="5" t="s">
        <v>897</v>
      </c>
      <c r="S18749" s="5" t="s">
        <v>40</v>
      </c>
      <c r="T18749" s="5" t="s">
        <v>42</v>
      </c>
      <c r="U18749" s="2">
        <v>54.975000000000001</v>
      </c>
      <c r="V18749" s="2">
        <v>51.767000000000003</v>
      </c>
      <c r="W18749" s="2">
        <v>0.18099999999999999</v>
      </c>
      <c r="X18749" s="2">
        <v>17</v>
      </c>
      <c r="Y18749" s="2">
        <v>80.7</v>
      </c>
      <c r="Z18749" s="2">
        <v>131.6</v>
      </c>
      <c r="AA18749" s="5">
        <v>7</v>
      </c>
      <c r="AB18749" s="5" t="s">
        <v>43</v>
      </c>
      <c r="AC18749" s="5" t="s">
        <v>735</v>
      </c>
      <c r="AD18749" s="2" t="s">
        <v>57993</v>
      </c>
      <c r="AE18749" s="1"/>
    </row>
    <row r="18750" spans="1:31" ht="14.45">
      <c r="A18750" s="11"/>
      <c r="B18750" s="20"/>
      <c r="C18750" s="2" t="s">
        <v>57994</v>
      </c>
      <c r="D18750" s="14" t="s">
        <v>57995</v>
      </c>
      <c r="E18750" s="2" t="s">
        <v>57996</v>
      </c>
      <c r="F18750" s="2" t="s">
        <v>57997</v>
      </c>
      <c r="G18750" s="8">
        <v>1304</v>
      </c>
      <c r="H18750" s="5">
        <v>5</v>
      </c>
      <c r="I18750" s="5" t="s">
        <v>69</v>
      </c>
      <c r="J18750" s="5" t="s">
        <v>55802</v>
      </c>
      <c r="K18750" s="2" t="s">
        <v>55803</v>
      </c>
      <c r="L18750" s="5" t="s">
        <v>55802</v>
      </c>
      <c r="M18750" s="2" t="s">
        <v>55803</v>
      </c>
      <c r="N18750" s="5" t="s">
        <v>733</v>
      </c>
      <c r="O18750" s="5" t="s">
        <v>38</v>
      </c>
      <c r="P18750" s="5" t="s">
        <v>39</v>
      </c>
      <c r="Q18750" s="5" t="s">
        <v>40</v>
      </c>
      <c r="R18750" s="5" t="s">
        <v>897</v>
      </c>
      <c r="S18750" s="5" t="s">
        <v>40</v>
      </c>
      <c r="T18750" s="5" t="s">
        <v>42</v>
      </c>
      <c r="U18750" s="2">
        <v>48.055999999999997</v>
      </c>
      <c r="V18750" s="2">
        <v>44.947000000000003</v>
      </c>
      <c r="W18750" s="2">
        <v>0.18099999999999999</v>
      </c>
      <c r="X18750" s="2">
        <v>17</v>
      </c>
      <c r="Y18750" s="2">
        <v>80.7</v>
      </c>
      <c r="Z18750" s="2">
        <v>131.6</v>
      </c>
      <c r="AA18750" s="5">
        <v>7</v>
      </c>
      <c r="AB18750" s="5" t="s">
        <v>43</v>
      </c>
      <c r="AC18750" s="5" t="s">
        <v>735</v>
      </c>
      <c r="AD18750" s="2" t="s">
        <v>57998</v>
      </c>
      <c r="AE18750" s="1"/>
    </row>
    <row r="18751" spans="1:31" ht="14.45">
      <c r="A18751" s="11"/>
      <c r="B18751" s="20"/>
      <c r="C18751" s="2" t="s">
        <v>57999</v>
      </c>
      <c r="D18751" s="14" t="s">
        <v>58000</v>
      </c>
      <c r="E18751" s="2" t="s">
        <v>58001</v>
      </c>
      <c r="F18751" s="2" t="s">
        <v>58002</v>
      </c>
      <c r="G18751" s="8">
        <v>1604</v>
      </c>
      <c r="H18751" s="5">
        <v>10</v>
      </c>
      <c r="I18751" s="5" t="s">
        <v>69</v>
      </c>
      <c r="J18751" s="5" t="s">
        <v>55802</v>
      </c>
      <c r="K18751" s="2" t="s">
        <v>55803</v>
      </c>
      <c r="L18751" s="5" t="s">
        <v>55802</v>
      </c>
      <c r="M18751" s="2" t="s">
        <v>55803</v>
      </c>
      <c r="N18751" s="5" t="s">
        <v>733</v>
      </c>
      <c r="O18751" s="5" t="s">
        <v>38</v>
      </c>
      <c r="P18751" s="5" t="s">
        <v>39</v>
      </c>
      <c r="Q18751" s="5" t="s">
        <v>40</v>
      </c>
      <c r="R18751" s="5" t="s">
        <v>897</v>
      </c>
      <c r="S18751" s="5" t="s">
        <v>40</v>
      </c>
      <c r="T18751" s="5" t="s">
        <v>42</v>
      </c>
      <c r="U18751" s="2">
        <v>48.646000000000001</v>
      </c>
      <c r="V18751" s="2">
        <v>45.438000000000002</v>
      </c>
      <c r="W18751" s="2">
        <v>0.18099999999999999</v>
      </c>
      <c r="X18751" s="2">
        <v>17</v>
      </c>
      <c r="Y18751" s="2">
        <v>80.7</v>
      </c>
      <c r="Z18751" s="2">
        <v>131.6</v>
      </c>
      <c r="AA18751" s="5">
        <v>7</v>
      </c>
      <c r="AB18751" s="5" t="s">
        <v>43</v>
      </c>
      <c r="AC18751" s="5" t="s">
        <v>735</v>
      </c>
      <c r="AD18751" s="2" t="s">
        <v>58003</v>
      </c>
      <c r="AE18751" s="1"/>
    </row>
    <row r="18752" spans="1:31" ht="14.45">
      <c r="A18752" s="11"/>
      <c r="B18752" s="20"/>
      <c r="C18752" s="2" t="s">
        <v>58004</v>
      </c>
      <c r="D18752" s="14" t="s">
        <v>58005</v>
      </c>
      <c r="E18752" s="2" t="s">
        <v>58006</v>
      </c>
      <c r="F18752" s="2" t="s">
        <v>58002</v>
      </c>
      <c r="G18752" s="8">
        <v>1604</v>
      </c>
      <c r="H18752" s="5">
        <v>10</v>
      </c>
      <c r="I18752" s="5" t="s">
        <v>69</v>
      </c>
      <c r="J18752" s="5" t="s">
        <v>55802</v>
      </c>
      <c r="K18752" s="2" t="s">
        <v>55803</v>
      </c>
      <c r="L18752" s="5" t="s">
        <v>55802</v>
      </c>
      <c r="M18752" s="2" t="s">
        <v>55803</v>
      </c>
      <c r="N18752" s="5" t="s">
        <v>733</v>
      </c>
      <c r="O18752" s="5" t="s">
        <v>38</v>
      </c>
      <c r="P18752" s="5" t="s">
        <v>39</v>
      </c>
      <c r="Q18752" s="5" t="s">
        <v>40</v>
      </c>
      <c r="R18752" s="5" t="s">
        <v>897</v>
      </c>
      <c r="S18752" s="5" t="s">
        <v>40</v>
      </c>
      <c r="T18752" s="5" t="s">
        <v>42</v>
      </c>
      <c r="U18752" s="2">
        <v>48.889000000000003</v>
      </c>
      <c r="V18752" s="2">
        <v>45.594999999999999</v>
      </c>
      <c r="W18752" s="2">
        <v>0.18099999999999999</v>
      </c>
      <c r="X18752" s="2">
        <v>17</v>
      </c>
      <c r="Y18752" s="2">
        <v>80.7</v>
      </c>
      <c r="Z18752" s="2">
        <v>131.6</v>
      </c>
      <c r="AA18752" s="5">
        <v>7</v>
      </c>
      <c r="AB18752" s="5" t="s">
        <v>43</v>
      </c>
      <c r="AC18752" s="5" t="s">
        <v>735</v>
      </c>
      <c r="AD18752" s="2" t="s">
        <v>58007</v>
      </c>
      <c r="AE18752" s="1"/>
    </row>
    <row r="18753" spans="1:31" ht="14.45">
      <c r="A18753" s="11"/>
      <c r="B18753" s="20"/>
      <c r="C18753" s="2" t="s">
        <v>58008</v>
      </c>
      <c r="D18753" s="14" t="s">
        <v>58009</v>
      </c>
      <c r="E18753" s="2" t="s">
        <v>58010</v>
      </c>
      <c r="F18753" s="2" t="s">
        <v>58011</v>
      </c>
      <c r="G18753" s="8">
        <v>1221</v>
      </c>
      <c r="H18753" s="5">
        <v>5</v>
      </c>
      <c r="I18753" s="5" t="s">
        <v>69</v>
      </c>
      <c r="J18753" s="5" t="s">
        <v>55802</v>
      </c>
      <c r="K18753" s="2" t="s">
        <v>55803</v>
      </c>
      <c r="L18753" s="5" t="s">
        <v>55802</v>
      </c>
      <c r="M18753" s="2" t="s">
        <v>55803</v>
      </c>
      <c r="N18753" s="5" t="s">
        <v>733</v>
      </c>
      <c r="O18753" s="5" t="s">
        <v>38</v>
      </c>
      <c r="P18753" s="5" t="s">
        <v>39</v>
      </c>
      <c r="Q18753" s="5" t="s">
        <v>40</v>
      </c>
      <c r="R18753" s="5" t="s">
        <v>897</v>
      </c>
      <c r="S18753" s="5" t="s">
        <v>40</v>
      </c>
      <c r="T18753" s="5" t="s">
        <v>42</v>
      </c>
      <c r="U18753" s="2">
        <v>48.024000000000001</v>
      </c>
      <c r="V18753" s="2">
        <v>44.914999999999999</v>
      </c>
      <c r="W18753" s="2">
        <v>0.18099999999999999</v>
      </c>
      <c r="X18753" s="2">
        <v>17</v>
      </c>
      <c r="Y18753" s="2">
        <v>80.7</v>
      </c>
      <c r="Z18753" s="2">
        <v>131.6</v>
      </c>
      <c r="AA18753" s="5">
        <v>7</v>
      </c>
      <c r="AB18753" s="5" t="s">
        <v>43</v>
      </c>
      <c r="AC18753" s="5" t="s">
        <v>735</v>
      </c>
      <c r="AD18753" s="2" t="s">
        <v>58012</v>
      </c>
      <c r="AE18753" s="1"/>
    </row>
    <row r="18754" spans="1:31" ht="14.45">
      <c r="A18754" s="11"/>
      <c r="B18754" s="20"/>
      <c r="C18754" s="2" t="s">
        <v>58013</v>
      </c>
      <c r="D18754" s="14" t="s">
        <v>58014</v>
      </c>
      <c r="E18754" s="2" t="s">
        <v>58015</v>
      </c>
      <c r="F18754" s="2" t="s">
        <v>58011</v>
      </c>
      <c r="G18754" s="8">
        <v>1521</v>
      </c>
      <c r="H18754" s="5">
        <v>10</v>
      </c>
      <c r="I18754" s="5" t="s">
        <v>69</v>
      </c>
      <c r="J18754" s="5" t="s">
        <v>55802</v>
      </c>
      <c r="K18754" s="2" t="s">
        <v>55803</v>
      </c>
      <c r="L18754" s="5" t="s">
        <v>55802</v>
      </c>
      <c r="M18754" s="2" t="s">
        <v>55803</v>
      </c>
      <c r="N18754" s="5" t="s">
        <v>733</v>
      </c>
      <c r="O18754" s="5" t="s">
        <v>38</v>
      </c>
      <c r="P18754" s="5" t="s">
        <v>39</v>
      </c>
      <c r="Q18754" s="5" t="s">
        <v>40</v>
      </c>
      <c r="R18754" s="5" t="s">
        <v>897</v>
      </c>
      <c r="S18754" s="5" t="s">
        <v>40</v>
      </c>
      <c r="T18754" s="5" t="s">
        <v>42</v>
      </c>
      <c r="U18754" s="2">
        <v>48.613999999999997</v>
      </c>
      <c r="V18754" s="2">
        <v>45.405999999999999</v>
      </c>
      <c r="W18754" s="2">
        <v>0.18099999999999999</v>
      </c>
      <c r="X18754" s="2">
        <v>17</v>
      </c>
      <c r="Y18754" s="2">
        <v>80.7</v>
      </c>
      <c r="Z18754" s="2">
        <v>131.6</v>
      </c>
      <c r="AA18754" s="5">
        <v>7</v>
      </c>
      <c r="AB18754" s="5" t="s">
        <v>43</v>
      </c>
      <c r="AC18754" s="5" t="s">
        <v>735</v>
      </c>
      <c r="AD18754" s="2" t="s">
        <v>58016</v>
      </c>
      <c r="AE18754" s="1"/>
    </row>
    <row r="18755" spans="1:31" ht="14.45">
      <c r="A18755" s="11"/>
      <c r="B18755" s="20"/>
      <c r="C18755" s="2" t="s">
        <v>58017</v>
      </c>
      <c r="D18755" s="14" t="s">
        <v>58018</v>
      </c>
      <c r="E18755" s="2" t="s">
        <v>58019</v>
      </c>
      <c r="F18755" s="2" t="s">
        <v>58011</v>
      </c>
      <c r="G18755" s="8">
        <v>1521</v>
      </c>
      <c r="H18755" s="5">
        <v>5</v>
      </c>
      <c r="I18755" s="5" t="s">
        <v>69</v>
      </c>
      <c r="J18755" s="5" t="s">
        <v>55802</v>
      </c>
      <c r="K18755" s="2" t="s">
        <v>55803</v>
      </c>
      <c r="L18755" s="5" t="s">
        <v>55802</v>
      </c>
      <c r="M18755" s="2" t="s">
        <v>55803</v>
      </c>
      <c r="N18755" s="5" t="s">
        <v>733</v>
      </c>
      <c r="O18755" s="5" t="s">
        <v>38</v>
      </c>
      <c r="P18755" s="5" t="s">
        <v>39</v>
      </c>
      <c r="Q18755" s="5" t="s">
        <v>40</v>
      </c>
      <c r="R18755" s="5" t="s">
        <v>897</v>
      </c>
      <c r="S18755" s="5" t="s">
        <v>40</v>
      </c>
      <c r="T18755" s="5" t="s">
        <v>42</v>
      </c>
      <c r="U18755" s="2">
        <v>48.856999999999999</v>
      </c>
      <c r="V18755" s="2">
        <v>45.563000000000002</v>
      </c>
      <c r="W18755" s="2">
        <v>0.18099999999999999</v>
      </c>
      <c r="X18755" s="2">
        <v>17</v>
      </c>
      <c r="Y18755" s="2">
        <v>80.7</v>
      </c>
      <c r="Z18755" s="2">
        <v>131.6</v>
      </c>
      <c r="AA18755" s="5">
        <v>7</v>
      </c>
      <c r="AB18755" s="5" t="s">
        <v>43</v>
      </c>
      <c r="AC18755" s="5" t="s">
        <v>735</v>
      </c>
      <c r="AD18755" s="2" t="s">
        <v>58020</v>
      </c>
      <c r="AE18755" s="1"/>
    </row>
    <row r="18756" spans="1:31" ht="14.45">
      <c r="A18756" s="11"/>
      <c r="B18756" s="20"/>
      <c r="C18756" s="2" t="s">
        <v>58021</v>
      </c>
      <c r="D18756" s="14" t="s">
        <v>58022</v>
      </c>
      <c r="E18756" s="2" t="s">
        <v>58023</v>
      </c>
      <c r="F18756" s="2" t="s">
        <v>58024</v>
      </c>
      <c r="G18756" s="8">
        <v>1604</v>
      </c>
      <c r="H18756" s="5">
        <v>10</v>
      </c>
      <c r="I18756" s="5" t="s">
        <v>69</v>
      </c>
      <c r="J18756" s="5" t="s">
        <v>55802</v>
      </c>
      <c r="K18756" s="2" t="s">
        <v>55803</v>
      </c>
      <c r="L18756" s="5" t="s">
        <v>55802</v>
      </c>
      <c r="M18756" s="2" t="s">
        <v>55803</v>
      </c>
      <c r="N18756" s="5" t="s">
        <v>733</v>
      </c>
      <c r="O18756" s="5" t="s">
        <v>38</v>
      </c>
      <c r="P18756" s="5" t="s">
        <v>39</v>
      </c>
      <c r="Q18756" s="5" t="s">
        <v>40</v>
      </c>
      <c r="R18756" s="5" t="s">
        <v>897</v>
      </c>
      <c r="S18756" s="5" t="s">
        <v>40</v>
      </c>
      <c r="T18756" s="5" t="s">
        <v>42</v>
      </c>
      <c r="U18756" s="2">
        <v>47.790999999999997</v>
      </c>
      <c r="V18756" s="2">
        <v>44.582999999999998</v>
      </c>
      <c r="W18756" s="2">
        <v>0.18099999999999999</v>
      </c>
      <c r="X18756" s="2">
        <v>17</v>
      </c>
      <c r="Y18756" s="2">
        <v>80.7</v>
      </c>
      <c r="Z18756" s="2">
        <v>131.6</v>
      </c>
      <c r="AA18756" s="5">
        <v>7</v>
      </c>
      <c r="AB18756" s="5" t="s">
        <v>43</v>
      </c>
      <c r="AC18756" s="5" t="s">
        <v>735</v>
      </c>
      <c r="AD18756" s="2" t="s">
        <v>58025</v>
      </c>
      <c r="AE18756" s="1"/>
    </row>
    <row r="18757" spans="1:31" ht="14.45">
      <c r="A18757" s="11"/>
      <c r="B18757" s="20"/>
      <c r="C18757" s="2" t="s">
        <v>58026</v>
      </c>
      <c r="D18757" s="14" t="s">
        <v>58027</v>
      </c>
      <c r="E18757" s="2" t="s">
        <v>58028</v>
      </c>
      <c r="F18757" s="2" t="s">
        <v>58029</v>
      </c>
      <c r="G18757" s="8">
        <v>1221</v>
      </c>
      <c r="H18757" s="5">
        <v>10</v>
      </c>
      <c r="I18757" s="5" t="s">
        <v>69</v>
      </c>
      <c r="J18757" s="5" t="s">
        <v>55802</v>
      </c>
      <c r="K18757" s="2" t="s">
        <v>55803</v>
      </c>
      <c r="L18757" s="5" t="s">
        <v>55802</v>
      </c>
      <c r="M18757" s="2" t="s">
        <v>55803</v>
      </c>
      <c r="N18757" s="5" t="s">
        <v>733</v>
      </c>
      <c r="O18757" s="5" t="s">
        <v>38</v>
      </c>
      <c r="P18757" s="5" t="s">
        <v>39</v>
      </c>
      <c r="Q18757" s="5" t="s">
        <v>40</v>
      </c>
      <c r="R18757" s="5" t="s">
        <v>897</v>
      </c>
      <c r="S18757" s="5" t="s">
        <v>40</v>
      </c>
      <c r="T18757" s="5" t="s">
        <v>42</v>
      </c>
      <c r="U18757" s="2">
        <v>47.168999999999997</v>
      </c>
      <c r="V18757" s="2">
        <v>44.06</v>
      </c>
      <c r="W18757" s="2">
        <v>0.18099999999999999</v>
      </c>
      <c r="X18757" s="2">
        <v>17</v>
      </c>
      <c r="Y18757" s="2">
        <v>80.7</v>
      </c>
      <c r="Z18757" s="2">
        <v>131.6</v>
      </c>
      <c r="AA18757" s="5">
        <v>7</v>
      </c>
      <c r="AB18757" s="5" t="s">
        <v>43</v>
      </c>
      <c r="AC18757" s="5" t="s">
        <v>735</v>
      </c>
      <c r="AD18757" s="2" t="s">
        <v>58030</v>
      </c>
      <c r="AE18757" s="1"/>
    </row>
    <row r="18758" spans="1:31" ht="14.45">
      <c r="A18758" s="11"/>
      <c r="B18758" s="20"/>
      <c r="C18758" s="2" t="s">
        <v>58031</v>
      </c>
      <c r="D18758" s="14" t="s">
        <v>58032</v>
      </c>
      <c r="E18758" s="2" t="s">
        <v>58033</v>
      </c>
      <c r="F18758" s="2" t="s">
        <v>58034</v>
      </c>
      <c r="G18758" s="8">
        <v>1872</v>
      </c>
      <c r="H18758" s="5">
        <v>10</v>
      </c>
      <c r="I18758" s="5" t="s">
        <v>69</v>
      </c>
      <c r="J18758" s="5" t="s">
        <v>55802</v>
      </c>
      <c r="K18758" s="2" t="s">
        <v>55803</v>
      </c>
      <c r="L18758" s="5" t="s">
        <v>55802</v>
      </c>
      <c r="M18758" s="2" t="s">
        <v>55803</v>
      </c>
      <c r="N18758" s="5" t="s">
        <v>733</v>
      </c>
      <c r="O18758" s="5" t="s">
        <v>38</v>
      </c>
      <c r="P18758" s="5" t="s">
        <v>39</v>
      </c>
      <c r="Q18758" s="5" t="s">
        <v>40</v>
      </c>
      <c r="R18758" s="5" t="s">
        <v>1487</v>
      </c>
      <c r="S18758" s="5"/>
      <c r="T18758" s="5" t="s">
        <v>42</v>
      </c>
      <c r="U18758" s="2">
        <v>0</v>
      </c>
      <c r="V18758" s="2">
        <v>0</v>
      </c>
      <c r="W18758" s="2">
        <v>0</v>
      </c>
      <c r="X18758" s="2">
        <v>0</v>
      </c>
      <c r="Y18758" s="2">
        <v>0</v>
      </c>
      <c r="Z18758" s="2">
        <v>0</v>
      </c>
      <c r="AA18758" s="5"/>
      <c r="AB18758" s="5" t="s">
        <v>43</v>
      </c>
      <c r="AC18758" s="5" t="s">
        <v>735</v>
      </c>
      <c r="AD18758" s="2" t="s">
        <v>58035</v>
      </c>
      <c r="AE18758" s="1"/>
    </row>
    <row r="18759" spans="1:31" ht="14.45">
      <c r="A18759" s="11"/>
      <c r="B18759" s="20"/>
      <c r="C18759" s="2" t="s">
        <v>58036</v>
      </c>
      <c r="D18759" s="14" t="s">
        <v>58037</v>
      </c>
      <c r="E18759" s="2" t="s">
        <v>58038</v>
      </c>
      <c r="F18759" s="2" t="s">
        <v>57762</v>
      </c>
      <c r="G18759" s="8">
        <v>1587</v>
      </c>
      <c r="H18759" s="5">
        <v>5</v>
      </c>
      <c r="I18759" s="5" t="s">
        <v>69</v>
      </c>
      <c r="J18759" s="5" t="s">
        <v>55802</v>
      </c>
      <c r="K18759" s="2" t="s">
        <v>55803</v>
      </c>
      <c r="L18759" s="5" t="s">
        <v>55802</v>
      </c>
      <c r="M18759" s="2" t="s">
        <v>55803</v>
      </c>
      <c r="N18759" s="5" t="s">
        <v>733</v>
      </c>
      <c r="O18759" s="5" t="s">
        <v>38</v>
      </c>
      <c r="P18759" s="5" t="s">
        <v>39</v>
      </c>
      <c r="Q18759" s="5" t="s">
        <v>40</v>
      </c>
      <c r="R18759" s="5" t="s">
        <v>1487</v>
      </c>
      <c r="S18759" s="5"/>
      <c r="T18759" s="5" t="s">
        <v>42</v>
      </c>
      <c r="U18759" s="2">
        <v>0</v>
      </c>
      <c r="V18759" s="2">
        <v>0</v>
      </c>
      <c r="W18759" s="2">
        <v>0</v>
      </c>
      <c r="X18759" s="2">
        <v>0</v>
      </c>
      <c r="Y18759" s="2">
        <v>0</v>
      </c>
      <c r="Z18759" s="2">
        <v>0</v>
      </c>
      <c r="AA18759" s="5"/>
      <c r="AB18759" s="5" t="s">
        <v>43</v>
      </c>
      <c r="AC18759" s="5" t="s">
        <v>735</v>
      </c>
      <c r="AD18759" s="2" t="s">
        <v>58039</v>
      </c>
      <c r="AE18759" s="1"/>
    </row>
    <row r="18760" spans="1:31" ht="14.45">
      <c r="A18760" s="11"/>
      <c r="B18760" s="20"/>
      <c r="C18760" s="2" t="s">
        <v>58040</v>
      </c>
      <c r="D18760" s="14" t="s">
        <v>58041</v>
      </c>
      <c r="E18760" s="2" t="s">
        <v>58042</v>
      </c>
      <c r="F18760" s="2" t="s">
        <v>58043</v>
      </c>
      <c r="G18760" s="8">
        <v>1088</v>
      </c>
      <c r="H18760" s="5">
        <v>5</v>
      </c>
      <c r="I18760" s="5" t="s">
        <v>69</v>
      </c>
      <c r="J18760" s="5" t="s">
        <v>55802</v>
      </c>
      <c r="K18760" s="2" t="s">
        <v>55803</v>
      </c>
      <c r="L18760" s="5" t="s">
        <v>55802</v>
      </c>
      <c r="M18760" s="2" t="s">
        <v>55803</v>
      </c>
      <c r="N18760" s="5" t="s">
        <v>733</v>
      </c>
      <c r="O18760" s="5" t="s">
        <v>38</v>
      </c>
      <c r="P18760" s="5" t="s">
        <v>39</v>
      </c>
      <c r="Q18760" s="5" t="s">
        <v>40</v>
      </c>
      <c r="R18760" s="5" t="s">
        <v>897</v>
      </c>
      <c r="S18760" s="5" t="s">
        <v>40</v>
      </c>
      <c r="T18760" s="5" t="s">
        <v>42</v>
      </c>
      <c r="U18760" s="2">
        <v>58.646999999999998</v>
      </c>
      <c r="V18760" s="2">
        <v>55.149000000000001</v>
      </c>
      <c r="W18760" s="2">
        <v>0.21099999999999999</v>
      </c>
      <c r="X18760" s="2">
        <v>17</v>
      </c>
      <c r="Y18760" s="2">
        <v>80.7</v>
      </c>
      <c r="Z18760" s="2">
        <v>153.6</v>
      </c>
      <c r="AA18760" s="5">
        <v>7</v>
      </c>
      <c r="AB18760" s="5" t="s">
        <v>43</v>
      </c>
      <c r="AC18760" s="5" t="s">
        <v>735</v>
      </c>
      <c r="AD18760" s="2" t="s">
        <v>58044</v>
      </c>
      <c r="AE18760" s="1"/>
    </row>
    <row r="18761" spans="1:31" ht="14.45">
      <c r="A18761" s="11"/>
      <c r="B18761" s="20"/>
      <c r="C18761" s="2" t="s">
        <v>58045</v>
      </c>
      <c r="D18761" s="14" t="s">
        <v>58046</v>
      </c>
      <c r="E18761" s="2" t="s">
        <v>58047</v>
      </c>
      <c r="F18761" s="2" t="s">
        <v>58048</v>
      </c>
      <c r="G18761" s="8">
        <v>1388</v>
      </c>
      <c r="H18761" s="5">
        <v>10</v>
      </c>
      <c r="I18761" s="5" t="s">
        <v>69</v>
      </c>
      <c r="J18761" s="5" t="s">
        <v>55802</v>
      </c>
      <c r="K18761" s="2" t="s">
        <v>55803</v>
      </c>
      <c r="L18761" s="5" t="s">
        <v>55802</v>
      </c>
      <c r="M18761" s="2" t="s">
        <v>55803</v>
      </c>
      <c r="N18761" s="5" t="s">
        <v>733</v>
      </c>
      <c r="O18761" s="5" t="s">
        <v>38</v>
      </c>
      <c r="P18761" s="5" t="s">
        <v>39</v>
      </c>
      <c r="Q18761" s="5" t="s">
        <v>40</v>
      </c>
      <c r="R18761" s="5" t="s">
        <v>897</v>
      </c>
      <c r="S18761" s="5" t="s">
        <v>40</v>
      </c>
      <c r="T18761" s="5" t="s">
        <v>42</v>
      </c>
      <c r="U18761" s="2">
        <v>60.314</v>
      </c>
      <c r="V18761" s="2">
        <v>56.688000000000002</v>
      </c>
      <c r="W18761" s="2">
        <v>0.21099999999999999</v>
      </c>
      <c r="X18761" s="2">
        <v>17</v>
      </c>
      <c r="Y18761" s="2">
        <v>80.7</v>
      </c>
      <c r="Z18761" s="2">
        <v>153.6</v>
      </c>
      <c r="AA18761" s="5">
        <v>7</v>
      </c>
      <c r="AB18761" s="5" t="s">
        <v>43</v>
      </c>
      <c r="AC18761" s="5" t="s">
        <v>735</v>
      </c>
      <c r="AD18761" s="2" t="s">
        <v>58049</v>
      </c>
      <c r="AE18761" s="1"/>
    </row>
    <row r="18762" spans="1:31" ht="14.45">
      <c r="A18762" s="11"/>
      <c r="B18762" s="20"/>
      <c r="C18762" s="2" t="s">
        <v>58050</v>
      </c>
      <c r="D18762" s="14" t="s">
        <v>58051</v>
      </c>
      <c r="E18762" s="2" t="s">
        <v>58052</v>
      </c>
      <c r="F18762" s="2" t="s">
        <v>58053</v>
      </c>
      <c r="G18762" s="8">
        <v>932</v>
      </c>
      <c r="H18762" s="5">
        <v>5</v>
      </c>
      <c r="I18762" s="5" t="s">
        <v>69</v>
      </c>
      <c r="J18762" s="5" t="s">
        <v>55802</v>
      </c>
      <c r="K18762" s="2" t="s">
        <v>55803</v>
      </c>
      <c r="L18762" s="5" t="s">
        <v>55802</v>
      </c>
      <c r="M18762" s="2" t="s">
        <v>55803</v>
      </c>
      <c r="N18762" s="5" t="s">
        <v>733</v>
      </c>
      <c r="O18762" s="5" t="s">
        <v>38</v>
      </c>
      <c r="P18762" s="5" t="s">
        <v>39</v>
      </c>
      <c r="Q18762" s="5" t="s">
        <v>40</v>
      </c>
      <c r="R18762" s="5" t="s">
        <v>897</v>
      </c>
      <c r="S18762" s="5" t="s">
        <v>40</v>
      </c>
      <c r="T18762" s="5" t="s">
        <v>42</v>
      </c>
      <c r="U18762" s="2">
        <v>51.308</v>
      </c>
      <c r="V18762" s="2">
        <v>47.81</v>
      </c>
      <c r="W18762" s="2">
        <v>0.21099999999999999</v>
      </c>
      <c r="X18762" s="2">
        <v>17</v>
      </c>
      <c r="Y18762" s="2">
        <v>80.7</v>
      </c>
      <c r="Z18762" s="2">
        <v>153.6</v>
      </c>
      <c r="AA18762" s="5">
        <v>7</v>
      </c>
      <c r="AB18762" s="5" t="s">
        <v>43</v>
      </c>
      <c r="AC18762" s="5" t="s">
        <v>735</v>
      </c>
      <c r="AD18762" s="2" t="s">
        <v>58054</v>
      </c>
      <c r="AE18762" s="1"/>
    </row>
    <row r="18763" spans="1:31" ht="14.45">
      <c r="A18763" s="11"/>
      <c r="B18763" s="20"/>
      <c r="C18763" s="2" t="s">
        <v>58055</v>
      </c>
      <c r="D18763" s="14" t="s">
        <v>58056</v>
      </c>
      <c r="E18763" s="2" t="s">
        <v>58057</v>
      </c>
      <c r="F18763" s="2" t="s">
        <v>58058</v>
      </c>
      <c r="G18763" s="8">
        <v>1232</v>
      </c>
      <c r="H18763" s="5">
        <v>5</v>
      </c>
      <c r="I18763" s="5" t="s">
        <v>69</v>
      </c>
      <c r="J18763" s="5" t="s">
        <v>55802</v>
      </c>
      <c r="K18763" s="2" t="s">
        <v>55803</v>
      </c>
      <c r="L18763" s="5" t="s">
        <v>55802</v>
      </c>
      <c r="M18763" s="2" t="s">
        <v>55803</v>
      </c>
      <c r="N18763" s="5" t="s">
        <v>733</v>
      </c>
      <c r="O18763" s="5" t="s">
        <v>38</v>
      </c>
      <c r="P18763" s="5" t="s">
        <v>39</v>
      </c>
      <c r="Q18763" s="5" t="s">
        <v>40</v>
      </c>
      <c r="R18763" s="5" t="s">
        <v>897</v>
      </c>
      <c r="S18763" s="5" t="s">
        <v>40</v>
      </c>
      <c r="T18763" s="5" t="s">
        <v>42</v>
      </c>
      <c r="U18763" s="2">
        <v>53.241</v>
      </c>
      <c r="V18763" s="2">
        <v>49.622</v>
      </c>
      <c r="W18763" s="2">
        <v>0.21099999999999999</v>
      </c>
      <c r="X18763" s="2">
        <v>17</v>
      </c>
      <c r="Y18763" s="2">
        <v>80.7</v>
      </c>
      <c r="Z18763" s="2">
        <v>153.6</v>
      </c>
      <c r="AA18763" s="5">
        <v>7</v>
      </c>
      <c r="AB18763" s="5" t="s">
        <v>43</v>
      </c>
      <c r="AC18763" s="5" t="s">
        <v>735</v>
      </c>
      <c r="AD18763" s="2" t="s">
        <v>58059</v>
      </c>
      <c r="AE18763" s="1"/>
    </row>
    <row r="18764" spans="1:31" ht="14.45">
      <c r="A18764" s="5" t="s">
        <v>116</v>
      </c>
      <c r="B18764" s="21">
        <v>46082</v>
      </c>
      <c r="C18764" s="2" t="s">
        <v>58060</v>
      </c>
      <c r="D18764" s="14" t="s">
        <v>58061</v>
      </c>
      <c r="E18764" s="2" t="s">
        <v>58062</v>
      </c>
      <c r="F18764" s="2" t="s">
        <v>58063</v>
      </c>
      <c r="G18764" s="8">
        <v>1332</v>
      </c>
      <c r="H18764" s="5">
        <v>5</v>
      </c>
      <c r="I18764" s="5" t="s">
        <v>69</v>
      </c>
      <c r="J18764" s="5" t="s">
        <v>55802</v>
      </c>
      <c r="K18764" s="2" t="s">
        <v>55803</v>
      </c>
      <c r="L18764" s="5" t="s">
        <v>55802</v>
      </c>
      <c r="M18764" s="2" t="s">
        <v>55803</v>
      </c>
      <c r="N18764" s="5" t="s">
        <v>733</v>
      </c>
      <c r="O18764" s="5" t="s">
        <v>38</v>
      </c>
      <c r="P18764" s="5" t="s">
        <v>39</v>
      </c>
      <c r="Q18764" s="5" t="s">
        <v>40</v>
      </c>
      <c r="R18764" s="5" t="s">
        <v>897</v>
      </c>
      <c r="S18764" s="5" t="s">
        <v>40</v>
      </c>
      <c r="T18764" s="5" t="s">
        <v>42</v>
      </c>
      <c r="U18764" s="2">
        <v>52.783000000000001</v>
      </c>
      <c r="V18764" s="2">
        <v>49.28</v>
      </c>
      <c r="W18764" s="2">
        <v>0.21099999999999999</v>
      </c>
      <c r="X18764" s="2">
        <v>17</v>
      </c>
      <c r="Y18764" s="2">
        <v>80.7</v>
      </c>
      <c r="Z18764" s="2">
        <v>153.6</v>
      </c>
      <c r="AA18764" s="5">
        <v>7</v>
      </c>
      <c r="AB18764" s="5" t="s">
        <v>43</v>
      </c>
      <c r="AC18764" s="5" t="s">
        <v>735</v>
      </c>
      <c r="AD18764" s="2" t="s">
        <v>58064</v>
      </c>
      <c r="AE18764" s="1"/>
    </row>
    <row r="18765" spans="1:31" ht="14.45">
      <c r="A18765" s="11"/>
      <c r="B18765" s="20"/>
      <c r="C18765" s="2" t="s">
        <v>58065</v>
      </c>
      <c r="D18765" s="14" t="s">
        <v>58066</v>
      </c>
      <c r="E18765" s="2" t="s">
        <v>58067</v>
      </c>
      <c r="F18765" s="2" t="s">
        <v>58058</v>
      </c>
      <c r="G18765" s="8">
        <v>1232</v>
      </c>
      <c r="H18765" s="5">
        <v>5</v>
      </c>
      <c r="I18765" s="5" t="s">
        <v>69</v>
      </c>
      <c r="J18765" s="5" t="s">
        <v>55802</v>
      </c>
      <c r="K18765" s="2" t="s">
        <v>55803</v>
      </c>
      <c r="L18765" s="5" t="s">
        <v>55802</v>
      </c>
      <c r="M18765" s="2" t="s">
        <v>55803</v>
      </c>
      <c r="N18765" s="5" t="s">
        <v>733</v>
      </c>
      <c r="O18765" s="5" t="s">
        <v>38</v>
      </c>
      <c r="P18765" s="5" t="s">
        <v>39</v>
      </c>
      <c r="Q18765" s="5" t="s">
        <v>40</v>
      </c>
      <c r="R18765" s="5" t="s">
        <v>897</v>
      </c>
      <c r="S18765" s="5" t="s">
        <v>40</v>
      </c>
      <c r="T18765" s="5" t="s">
        <v>42</v>
      </c>
      <c r="U18765" s="2">
        <v>52.771000000000001</v>
      </c>
      <c r="V18765" s="2">
        <v>49.084000000000003</v>
      </c>
      <c r="W18765" s="2">
        <v>0.21099999999999999</v>
      </c>
      <c r="X18765" s="2">
        <v>17</v>
      </c>
      <c r="Y18765" s="2">
        <v>80.7</v>
      </c>
      <c r="Z18765" s="2">
        <v>153.6</v>
      </c>
      <c r="AA18765" s="5">
        <v>7</v>
      </c>
      <c r="AB18765" s="5" t="s">
        <v>43</v>
      </c>
      <c r="AC18765" s="5" t="s">
        <v>735</v>
      </c>
      <c r="AD18765" s="2" t="s">
        <v>58068</v>
      </c>
      <c r="AE18765" s="1"/>
    </row>
    <row r="18766" spans="1:31" ht="14.45">
      <c r="A18766" s="11"/>
      <c r="B18766" s="20"/>
      <c r="C18766" s="2" t="s">
        <v>58069</v>
      </c>
      <c r="D18766" s="14" t="s">
        <v>58070</v>
      </c>
      <c r="E18766" s="2" t="s">
        <v>58071</v>
      </c>
      <c r="F18766" s="2" t="s">
        <v>58058</v>
      </c>
      <c r="G18766" s="8">
        <v>1479</v>
      </c>
      <c r="H18766" s="5">
        <v>10</v>
      </c>
      <c r="I18766" s="5" t="s">
        <v>69</v>
      </c>
      <c r="J18766" s="5" t="s">
        <v>55802</v>
      </c>
      <c r="K18766" s="2" t="s">
        <v>55803</v>
      </c>
      <c r="L18766" s="5" t="s">
        <v>55802</v>
      </c>
      <c r="M18766" s="2" t="s">
        <v>55803</v>
      </c>
      <c r="N18766" s="5" t="s">
        <v>733</v>
      </c>
      <c r="O18766" s="5" t="s">
        <v>38</v>
      </c>
      <c r="P18766" s="5" t="s">
        <v>39</v>
      </c>
      <c r="Q18766" s="5" t="s">
        <v>40</v>
      </c>
      <c r="R18766" s="5" t="s">
        <v>897</v>
      </c>
      <c r="S18766" s="5" t="s">
        <v>40</v>
      </c>
      <c r="T18766" s="5" t="s">
        <v>42</v>
      </c>
      <c r="U18766" s="2">
        <v>54.219000000000001</v>
      </c>
      <c r="V18766" s="2">
        <v>50.68</v>
      </c>
      <c r="W18766" s="2">
        <v>0.21099999999999999</v>
      </c>
      <c r="X18766" s="2">
        <v>17</v>
      </c>
      <c r="Y18766" s="2">
        <v>80.7</v>
      </c>
      <c r="Z18766" s="2">
        <v>153.6</v>
      </c>
      <c r="AA18766" s="5">
        <v>7</v>
      </c>
      <c r="AB18766" s="5" t="s">
        <v>43</v>
      </c>
      <c r="AC18766" s="5" t="s">
        <v>735</v>
      </c>
      <c r="AD18766" s="2" t="s">
        <v>58072</v>
      </c>
      <c r="AE18766" s="1"/>
    </row>
    <row r="18767" spans="1:31" ht="14.45">
      <c r="A18767" s="11"/>
      <c r="B18767" s="20"/>
      <c r="C18767" s="2" t="s">
        <v>58073</v>
      </c>
      <c r="D18767" s="14" t="s">
        <v>58074</v>
      </c>
      <c r="E18767" s="2" t="s">
        <v>58075</v>
      </c>
      <c r="F18767" s="2" t="s">
        <v>58076</v>
      </c>
      <c r="G18767" s="8">
        <v>1088</v>
      </c>
      <c r="H18767" s="5">
        <v>10</v>
      </c>
      <c r="I18767" s="5" t="s">
        <v>69</v>
      </c>
      <c r="J18767" s="5" t="s">
        <v>55802</v>
      </c>
      <c r="K18767" s="2" t="s">
        <v>55803</v>
      </c>
      <c r="L18767" s="5" t="s">
        <v>55802</v>
      </c>
      <c r="M18767" s="2" t="s">
        <v>55803</v>
      </c>
      <c r="N18767" s="5" t="s">
        <v>733</v>
      </c>
      <c r="O18767" s="5" t="s">
        <v>38</v>
      </c>
      <c r="P18767" s="5" t="s">
        <v>39</v>
      </c>
      <c r="Q18767" s="5" t="s">
        <v>40</v>
      </c>
      <c r="R18767" s="5" t="s">
        <v>897</v>
      </c>
      <c r="S18767" s="5" t="s">
        <v>40</v>
      </c>
      <c r="T18767" s="5" t="s">
        <v>42</v>
      </c>
      <c r="U18767" s="2">
        <v>50.561999999999998</v>
      </c>
      <c r="V18767" s="2">
        <v>47.058999999999997</v>
      </c>
      <c r="W18767" s="2">
        <v>0.21099999999999999</v>
      </c>
      <c r="X18767" s="2">
        <v>17</v>
      </c>
      <c r="Y18767" s="2">
        <v>80.7</v>
      </c>
      <c r="Z18767" s="2">
        <v>153.6</v>
      </c>
      <c r="AA18767" s="5">
        <v>7</v>
      </c>
      <c r="AB18767" s="5" t="s">
        <v>43</v>
      </c>
      <c r="AC18767" s="5" t="s">
        <v>735</v>
      </c>
      <c r="AD18767" s="2" t="s">
        <v>58077</v>
      </c>
      <c r="AE18767" s="1"/>
    </row>
    <row r="18768" spans="1:31" ht="14.45">
      <c r="A18768" s="11"/>
      <c r="B18768" s="20"/>
      <c r="C18768" s="2" t="s">
        <v>58078</v>
      </c>
      <c r="D18768" s="14" t="s">
        <v>58079</v>
      </c>
      <c r="E18768" s="2" t="s">
        <v>58080</v>
      </c>
      <c r="F18768" s="2" t="s">
        <v>58076</v>
      </c>
      <c r="G18768" s="8">
        <v>1388</v>
      </c>
      <c r="H18768" s="5">
        <v>10</v>
      </c>
      <c r="I18768" s="5" t="s">
        <v>69</v>
      </c>
      <c r="J18768" s="5" t="s">
        <v>55802</v>
      </c>
      <c r="K18768" s="2" t="s">
        <v>55803</v>
      </c>
      <c r="L18768" s="5" t="s">
        <v>55802</v>
      </c>
      <c r="M18768" s="2" t="s">
        <v>55803</v>
      </c>
      <c r="N18768" s="5" t="s">
        <v>733</v>
      </c>
      <c r="O18768" s="5" t="s">
        <v>38</v>
      </c>
      <c r="P18768" s="5" t="s">
        <v>39</v>
      </c>
      <c r="Q18768" s="5" t="s">
        <v>40</v>
      </c>
      <c r="R18768" s="5" t="s">
        <v>897</v>
      </c>
      <c r="S18768" s="5" t="s">
        <v>40</v>
      </c>
      <c r="T18768" s="5" t="s">
        <v>42</v>
      </c>
      <c r="U18768" s="2">
        <v>52.473999999999997</v>
      </c>
      <c r="V18768" s="2">
        <v>48.847999999999999</v>
      </c>
      <c r="W18768" s="2">
        <v>0.21099999999999999</v>
      </c>
      <c r="X18768" s="2">
        <v>17</v>
      </c>
      <c r="Y18768" s="2">
        <v>80.7</v>
      </c>
      <c r="Z18768" s="2">
        <v>153.6</v>
      </c>
      <c r="AA18768" s="5">
        <v>7</v>
      </c>
      <c r="AB18768" s="5" t="s">
        <v>43</v>
      </c>
      <c r="AC18768" s="5" t="s">
        <v>735</v>
      </c>
      <c r="AD18768" s="2" t="s">
        <v>58081</v>
      </c>
      <c r="AE18768" s="1"/>
    </row>
    <row r="18769" spans="1:31" ht="14.45">
      <c r="A18769" s="11"/>
      <c r="B18769" s="20"/>
      <c r="C18769" s="2" t="s">
        <v>58082</v>
      </c>
      <c r="D18769" s="14" t="s">
        <v>58083</v>
      </c>
      <c r="E18769" s="2" t="s">
        <v>58084</v>
      </c>
      <c r="F18769" s="2" t="s">
        <v>58076</v>
      </c>
      <c r="G18769" s="8">
        <v>1388</v>
      </c>
      <c r="H18769" s="5">
        <v>10</v>
      </c>
      <c r="I18769" s="5" t="s">
        <v>69</v>
      </c>
      <c r="J18769" s="5" t="s">
        <v>55802</v>
      </c>
      <c r="K18769" s="2" t="s">
        <v>55803</v>
      </c>
      <c r="L18769" s="5" t="s">
        <v>55802</v>
      </c>
      <c r="M18769" s="2" t="s">
        <v>55803</v>
      </c>
      <c r="N18769" s="5" t="s">
        <v>733</v>
      </c>
      <c r="O18769" s="5" t="s">
        <v>38</v>
      </c>
      <c r="P18769" s="5" t="s">
        <v>39</v>
      </c>
      <c r="Q18769" s="5" t="s">
        <v>40</v>
      </c>
      <c r="R18769" s="5" t="s">
        <v>897</v>
      </c>
      <c r="S18769" s="5" t="s">
        <v>40</v>
      </c>
      <c r="T18769" s="5" t="s">
        <v>42</v>
      </c>
      <c r="U18769" s="2">
        <v>52.601999999999997</v>
      </c>
      <c r="V18769" s="2">
        <v>48.914999999999999</v>
      </c>
      <c r="W18769" s="2">
        <v>0.21099999999999999</v>
      </c>
      <c r="X18769" s="2">
        <v>17</v>
      </c>
      <c r="Y18769" s="2">
        <v>80.7</v>
      </c>
      <c r="Z18769" s="2">
        <v>153.6</v>
      </c>
      <c r="AA18769" s="5">
        <v>7</v>
      </c>
      <c r="AB18769" s="5" t="s">
        <v>43</v>
      </c>
      <c r="AC18769" s="5" t="s">
        <v>735</v>
      </c>
      <c r="AD18769" s="2" t="s">
        <v>58085</v>
      </c>
      <c r="AE18769" s="1"/>
    </row>
    <row r="18770" spans="1:31" ht="14.45">
      <c r="A18770" s="11"/>
      <c r="B18770" s="20"/>
      <c r="C18770" s="2" t="s">
        <v>58086</v>
      </c>
      <c r="D18770" s="14" t="s">
        <v>58087</v>
      </c>
      <c r="E18770" s="2" t="s">
        <v>58088</v>
      </c>
      <c r="F18770" s="2" t="s">
        <v>58089</v>
      </c>
      <c r="G18770" s="8">
        <v>783</v>
      </c>
      <c r="H18770" s="5">
        <v>10</v>
      </c>
      <c r="I18770" s="5" t="s">
        <v>69</v>
      </c>
      <c r="J18770" s="5" t="s">
        <v>55802</v>
      </c>
      <c r="K18770" s="2" t="s">
        <v>55803</v>
      </c>
      <c r="L18770" s="5" t="s">
        <v>55802</v>
      </c>
      <c r="M18770" s="2" t="s">
        <v>55803</v>
      </c>
      <c r="N18770" s="5" t="s">
        <v>733</v>
      </c>
      <c r="O18770" s="5" t="s">
        <v>38</v>
      </c>
      <c r="P18770" s="5" t="s">
        <v>39</v>
      </c>
      <c r="Q18770" s="5" t="s">
        <v>40</v>
      </c>
      <c r="R18770" s="5" t="s">
        <v>897</v>
      </c>
      <c r="S18770" s="5" t="s">
        <v>40</v>
      </c>
      <c r="T18770" s="5" t="s">
        <v>42</v>
      </c>
      <c r="U18770" s="2">
        <v>50.792999999999999</v>
      </c>
      <c r="V18770" s="2">
        <v>47.29</v>
      </c>
      <c r="W18770" s="2">
        <v>0.21099999999999999</v>
      </c>
      <c r="X18770" s="2">
        <v>17</v>
      </c>
      <c r="Y18770" s="2">
        <v>80.7</v>
      </c>
      <c r="Z18770" s="2">
        <v>153.6</v>
      </c>
      <c r="AA18770" s="5">
        <v>7</v>
      </c>
      <c r="AB18770" s="5" t="s">
        <v>43</v>
      </c>
      <c r="AC18770" s="5" t="s">
        <v>735</v>
      </c>
      <c r="AD18770" s="2" t="s">
        <v>58090</v>
      </c>
      <c r="AE18770" s="1"/>
    </row>
    <row r="18771" spans="1:31" ht="14.45">
      <c r="A18771" s="11"/>
      <c r="B18771" s="20"/>
      <c r="C18771" s="2" t="s">
        <v>58091</v>
      </c>
      <c r="D18771" s="14" t="s">
        <v>58092</v>
      </c>
      <c r="E18771" s="2" t="s">
        <v>58093</v>
      </c>
      <c r="F18771" s="2" t="s">
        <v>58089</v>
      </c>
      <c r="G18771" s="8">
        <v>1083</v>
      </c>
      <c r="H18771" s="5">
        <v>10</v>
      </c>
      <c r="I18771" s="5" t="s">
        <v>69</v>
      </c>
      <c r="J18771" s="5" t="s">
        <v>55802</v>
      </c>
      <c r="K18771" s="2" t="s">
        <v>55803</v>
      </c>
      <c r="L18771" s="5" t="s">
        <v>55802</v>
      </c>
      <c r="M18771" s="2" t="s">
        <v>55803</v>
      </c>
      <c r="N18771" s="5" t="s">
        <v>733</v>
      </c>
      <c r="O18771" s="5" t="s">
        <v>38</v>
      </c>
      <c r="P18771" s="5" t="s">
        <v>39</v>
      </c>
      <c r="Q18771" s="5" t="s">
        <v>40</v>
      </c>
      <c r="R18771" s="5" t="s">
        <v>897</v>
      </c>
      <c r="S18771" s="5" t="s">
        <v>40</v>
      </c>
      <c r="T18771" s="5" t="s">
        <v>42</v>
      </c>
      <c r="U18771" s="2">
        <v>52.704999999999998</v>
      </c>
      <c r="V18771" s="2">
        <v>49.079000000000001</v>
      </c>
      <c r="W18771" s="2">
        <v>0.21099999999999999</v>
      </c>
      <c r="X18771" s="2">
        <v>17</v>
      </c>
      <c r="Y18771" s="2">
        <v>80.7</v>
      </c>
      <c r="Z18771" s="2">
        <v>153.6</v>
      </c>
      <c r="AA18771" s="5">
        <v>7</v>
      </c>
      <c r="AB18771" s="5" t="s">
        <v>43</v>
      </c>
      <c r="AC18771" s="5" t="s">
        <v>735</v>
      </c>
      <c r="AD18771" s="2" t="s">
        <v>58094</v>
      </c>
      <c r="AE18771" s="1"/>
    </row>
    <row r="18772" spans="1:31" ht="14.45">
      <c r="A18772" s="11"/>
      <c r="B18772" s="20"/>
      <c r="C18772" s="2" t="s">
        <v>58095</v>
      </c>
      <c r="D18772" s="14" t="s">
        <v>58096</v>
      </c>
      <c r="E18772" s="2" t="s">
        <v>58097</v>
      </c>
      <c r="F18772" s="2" t="s">
        <v>58089</v>
      </c>
      <c r="G18772" s="8">
        <v>1083</v>
      </c>
      <c r="H18772" s="5">
        <v>10</v>
      </c>
      <c r="I18772" s="5" t="s">
        <v>69</v>
      </c>
      <c r="J18772" s="5" t="s">
        <v>55802</v>
      </c>
      <c r="K18772" s="2" t="s">
        <v>55803</v>
      </c>
      <c r="L18772" s="5" t="s">
        <v>55802</v>
      </c>
      <c r="M18772" s="2" t="s">
        <v>55803</v>
      </c>
      <c r="N18772" s="5" t="s">
        <v>733</v>
      </c>
      <c r="O18772" s="5" t="s">
        <v>38</v>
      </c>
      <c r="P18772" s="5" t="s">
        <v>39</v>
      </c>
      <c r="Q18772" s="5" t="s">
        <v>40</v>
      </c>
      <c r="R18772" s="5" t="s">
        <v>897</v>
      </c>
      <c r="S18772" s="5" t="s">
        <v>40</v>
      </c>
      <c r="T18772" s="5" t="s">
        <v>42</v>
      </c>
      <c r="U18772" s="2">
        <v>52.811999999999998</v>
      </c>
      <c r="V18772" s="2">
        <v>49.125</v>
      </c>
      <c r="W18772" s="2">
        <v>0.21099999999999999</v>
      </c>
      <c r="X18772" s="2">
        <v>17</v>
      </c>
      <c r="Y18772" s="2">
        <v>80.7</v>
      </c>
      <c r="Z18772" s="2">
        <v>153.6</v>
      </c>
      <c r="AA18772" s="5">
        <v>7</v>
      </c>
      <c r="AB18772" s="5" t="s">
        <v>43</v>
      </c>
      <c r="AC18772" s="5" t="s">
        <v>735</v>
      </c>
      <c r="AD18772" s="2" t="s">
        <v>58098</v>
      </c>
      <c r="AE18772" s="1"/>
    </row>
    <row r="18773" spans="1:31" ht="14.45">
      <c r="A18773" s="11"/>
      <c r="B18773" s="20"/>
      <c r="C18773" s="2" t="s">
        <v>58099</v>
      </c>
      <c r="D18773" s="14" t="s">
        <v>58100</v>
      </c>
      <c r="E18773" s="2" t="s">
        <v>58101</v>
      </c>
      <c r="F18773" s="2" t="s">
        <v>58102</v>
      </c>
      <c r="G18773" s="8">
        <v>595</v>
      </c>
      <c r="H18773" s="5">
        <v>5</v>
      </c>
      <c r="I18773" s="5" t="s">
        <v>69</v>
      </c>
      <c r="J18773" s="5" t="s">
        <v>55802</v>
      </c>
      <c r="K18773" s="2" t="s">
        <v>55803</v>
      </c>
      <c r="L18773" s="5" t="s">
        <v>55802</v>
      </c>
      <c r="M18773" s="2" t="s">
        <v>55803</v>
      </c>
      <c r="N18773" s="5" t="s">
        <v>733</v>
      </c>
      <c r="O18773" s="5" t="s">
        <v>38</v>
      </c>
      <c r="P18773" s="5" t="s">
        <v>39</v>
      </c>
      <c r="Q18773" s="5" t="s">
        <v>40</v>
      </c>
      <c r="R18773" s="5" t="s">
        <v>897</v>
      </c>
      <c r="S18773" s="5" t="s">
        <v>40</v>
      </c>
      <c r="T18773" s="5" t="s">
        <v>42</v>
      </c>
      <c r="U18773" s="2">
        <v>44.689</v>
      </c>
      <c r="V18773" s="2">
        <v>41.191000000000003</v>
      </c>
      <c r="W18773" s="2">
        <v>0.21099999999999999</v>
      </c>
      <c r="X18773" s="2">
        <v>17</v>
      </c>
      <c r="Y18773" s="2">
        <v>80.7</v>
      </c>
      <c r="Z18773" s="2">
        <v>153.6</v>
      </c>
      <c r="AA18773" s="5">
        <v>7</v>
      </c>
      <c r="AB18773" s="5" t="s">
        <v>43</v>
      </c>
      <c r="AC18773" s="5" t="s">
        <v>735</v>
      </c>
      <c r="AD18773" s="2" t="s">
        <v>58103</v>
      </c>
      <c r="AE18773" s="1"/>
    </row>
    <row r="18774" spans="1:31" ht="14.45">
      <c r="A18774" s="11"/>
      <c r="B18774" s="20"/>
      <c r="C18774" s="2" t="s">
        <v>58104</v>
      </c>
      <c r="D18774" s="14" t="s">
        <v>58105</v>
      </c>
      <c r="E18774" s="2" t="s">
        <v>58106</v>
      </c>
      <c r="F18774" s="2" t="s">
        <v>58102</v>
      </c>
      <c r="G18774" s="8">
        <v>895</v>
      </c>
      <c r="H18774" s="5">
        <v>5</v>
      </c>
      <c r="I18774" s="5" t="s">
        <v>69</v>
      </c>
      <c r="J18774" s="5" t="s">
        <v>55802</v>
      </c>
      <c r="K18774" s="2" t="s">
        <v>55803</v>
      </c>
      <c r="L18774" s="5" t="s">
        <v>55802</v>
      </c>
      <c r="M18774" s="2" t="s">
        <v>55803</v>
      </c>
      <c r="N18774" s="5" t="s">
        <v>733</v>
      </c>
      <c r="O18774" s="5" t="s">
        <v>38</v>
      </c>
      <c r="P18774" s="5" t="s">
        <v>39</v>
      </c>
      <c r="Q18774" s="5" t="s">
        <v>40</v>
      </c>
      <c r="R18774" s="5" t="s">
        <v>897</v>
      </c>
      <c r="S18774" s="5" t="s">
        <v>40</v>
      </c>
      <c r="T18774" s="5" t="s">
        <v>42</v>
      </c>
      <c r="U18774" s="2">
        <v>46.664000000000001</v>
      </c>
      <c r="V18774" s="2">
        <v>43.039000000000001</v>
      </c>
      <c r="W18774" s="2">
        <v>0.21099999999999999</v>
      </c>
      <c r="X18774" s="2">
        <v>17</v>
      </c>
      <c r="Y18774" s="2">
        <v>80.7</v>
      </c>
      <c r="Z18774" s="2">
        <v>153.6</v>
      </c>
      <c r="AA18774" s="5">
        <v>7</v>
      </c>
      <c r="AB18774" s="5" t="s">
        <v>43</v>
      </c>
      <c r="AC18774" s="5" t="s">
        <v>735</v>
      </c>
      <c r="AD18774" s="2" t="s">
        <v>58107</v>
      </c>
      <c r="AE18774" s="1"/>
    </row>
    <row r="18775" spans="1:31" ht="14.45">
      <c r="A18775" s="5" t="s">
        <v>116</v>
      </c>
      <c r="B18775" s="21">
        <v>46082</v>
      </c>
      <c r="C18775" s="2" t="s">
        <v>58108</v>
      </c>
      <c r="D18775" s="14" t="s">
        <v>58109</v>
      </c>
      <c r="E18775" s="2" t="s">
        <v>58110</v>
      </c>
      <c r="F18775" s="2" t="s">
        <v>58111</v>
      </c>
      <c r="G18775" s="8">
        <v>995</v>
      </c>
      <c r="H18775" s="5">
        <v>5</v>
      </c>
      <c r="I18775" s="5" t="s">
        <v>69</v>
      </c>
      <c r="J18775" s="5" t="s">
        <v>55802</v>
      </c>
      <c r="K18775" s="2" t="s">
        <v>55803</v>
      </c>
      <c r="L18775" s="5" t="s">
        <v>55802</v>
      </c>
      <c r="M18775" s="2" t="s">
        <v>55803</v>
      </c>
      <c r="N18775" s="5" t="s">
        <v>733</v>
      </c>
      <c r="O18775" s="5" t="s">
        <v>38</v>
      </c>
      <c r="P18775" s="5" t="s">
        <v>39</v>
      </c>
      <c r="Q18775" s="5" t="s">
        <v>40</v>
      </c>
      <c r="R18775" s="5" t="s">
        <v>897</v>
      </c>
      <c r="S18775" s="5" t="s">
        <v>40</v>
      </c>
      <c r="T18775" s="5" t="s">
        <v>42</v>
      </c>
      <c r="U18775" s="2">
        <v>46.045999999999999</v>
      </c>
      <c r="V18775" s="2">
        <v>42.570999999999998</v>
      </c>
      <c r="W18775" s="2">
        <v>0.21099999999999999</v>
      </c>
      <c r="X18775" s="2">
        <v>17</v>
      </c>
      <c r="Y18775" s="2">
        <v>80.7</v>
      </c>
      <c r="Z18775" s="2">
        <v>153.6</v>
      </c>
      <c r="AA18775" s="5">
        <v>7</v>
      </c>
      <c r="AB18775" s="5" t="s">
        <v>43</v>
      </c>
      <c r="AC18775" s="5" t="s">
        <v>735</v>
      </c>
      <c r="AD18775" s="2" t="s">
        <v>58112</v>
      </c>
      <c r="AE18775" s="1"/>
    </row>
    <row r="18776" spans="1:31" ht="14.45">
      <c r="A18776" s="11"/>
      <c r="B18776" s="20"/>
      <c r="C18776" s="2" t="s">
        <v>58113</v>
      </c>
      <c r="D18776" s="14" t="s">
        <v>58114</v>
      </c>
      <c r="E18776" s="2" t="s">
        <v>58115</v>
      </c>
      <c r="F18776" s="2" t="s">
        <v>58102</v>
      </c>
      <c r="G18776" s="8">
        <v>895</v>
      </c>
      <c r="H18776" s="5">
        <v>5</v>
      </c>
      <c r="I18776" s="5" t="s">
        <v>69</v>
      </c>
      <c r="J18776" s="5" t="s">
        <v>55802</v>
      </c>
      <c r="K18776" s="2" t="s">
        <v>55803</v>
      </c>
      <c r="L18776" s="5" t="s">
        <v>55802</v>
      </c>
      <c r="M18776" s="2" t="s">
        <v>55803</v>
      </c>
      <c r="N18776" s="5" t="s">
        <v>733</v>
      </c>
      <c r="O18776" s="5" t="s">
        <v>38</v>
      </c>
      <c r="P18776" s="5" t="s">
        <v>39</v>
      </c>
      <c r="Q18776" s="5" t="s">
        <v>40</v>
      </c>
      <c r="R18776" s="5" t="s">
        <v>897</v>
      </c>
      <c r="S18776" s="5" t="s">
        <v>40</v>
      </c>
      <c r="T18776" s="5" t="s">
        <v>42</v>
      </c>
      <c r="U18776" s="2">
        <v>46.942999999999998</v>
      </c>
      <c r="V18776" s="2">
        <v>43.256999999999998</v>
      </c>
      <c r="W18776" s="2">
        <v>0.21099999999999999</v>
      </c>
      <c r="X18776" s="2">
        <v>17</v>
      </c>
      <c r="Y18776" s="2">
        <v>80.7</v>
      </c>
      <c r="Z18776" s="2">
        <v>153.6</v>
      </c>
      <c r="AA18776" s="5">
        <v>7</v>
      </c>
      <c r="AB18776" s="5" t="s">
        <v>43</v>
      </c>
      <c r="AC18776" s="5" t="s">
        <v>735</v>
      </c>
      <c r="AD18776" s="2" t="s">
        <v>58116</v>
      </c>
      <c r="AE18776" s="1"/>
    </row>
    <row r="18777" spans="1:31" ht="14.45">
      <c r="A18777" s="11"/>
      <c r="B18777" s="20"/>
      <c r="C18777" s="2" t="s">
        <v>58117</v>
      </c>
      <c r="D18777" s="14" t="s">
        <v>58118</v>
      </c>
      <c r="E18777" s="2" t="s">
        <v>58119</v>
      </c>
      <c r="F18777" s="2" t="s">
        <v>58102</v>
      </c>
      <c r="G18777" s="8">
        <v>1142</v>
      </c>
      <c r="H18777" s="5">
        <v>5</v>
      </c>
      <c r="I18777" s="5" t="s">
        <v>69</v>
      </c>
      <c r="J18777" s="5" t="s">
        <v>55802</v>
      </c>
      <c r="K18777" s="2" t="s">
        <v>55803</v>
      </c>
      <c r="L18777" s="5" t="s">
        <v>55802</v>
      </c>
      <c r="M18777" s="2" t="s">
        <v>55803</v>
      </c>
      <c r="N18777" s="5" t="s">
        <v>733</v>
      </c>
      <c r="O18777" s="5" t="s">
        <v>38</v>
      </c>
      <c r="P18777" s="5" t="s">
        <v>39</v>
      </c>
      <c r="Q18777" s="5" t="s">
        <v>40</v>
      </c>
      <c r="R18777" s="5" t="s">
        <v>897</v>
      </c>
      <c r="S18777" s="5" t="s">
        <v>40</v>
      </c>
      <c r="T18777" s="5" t="s">
        <v>42</v>
      </c>
      <c r="U18777" s="2">
        <v>47.607999999999997</v>
      </c>
      <c r="V18777" s="2">
        <v>44.061</v>
      </c>
      <c r="W18777" s="2">
        <v>0.21099999999999999</v>
      </c>
      <c r="X18777" s="2">
        <v>17</v>
      </c>
      <c r="Y18777" s="2">
        <v>80.7</v>
      </c>
      <c r="Z18777" s="2">
        <v>153.6</v>
      </c>
      <c r="AA18777" s="5">
        <v>7</v>
      </c>
      <c r="AB18777" s="5" t="s">
        <v>43</v>
      </c>
      <c r="AC18777" s="5" t="s">
        <v>735</v>
      </c>
      <c r="AD18777" s="2" t="s">
        <v>58120</v>
      </c>
      <c r="AE18777" s="1"/>
    </row>
    <row r="18778" spans="1:31" ht="14.45">
      <c r="A18778" s="11"/>
      <c r="B18778" s="20"/>
      <c r="C18778" s="2" t="s">
        <v>58121</v>
      </c>
      <c r="D18778" s="14" t="s">
        <v>58122</v>
      </c>
      <c r="E18778" s="2" t="s">
        <v>58123</v>
      </c>
      <c r="F18778" s="2" t="s">
        <v>58124</v>
      </c>
      <c r="G18778" s="8">
        <v>993</v>
      </c>
      <c r="H18778" s="5">
        <v>10</v>
      </c>
      <c r="I18778" s="5" t="s">
        <v>69</v>
      </c>
      <c r="J18778" s="5" t="s">
        <v>55802</v>
      </c>
      <c r="K18778" s="2" t="s">
        <v>55803</v>
      </c>
      <c r="L18778" s="5" t="s">
        <v>55802</v>
      </c>
      <c r="M18778" s="2" t="s">
        <v>55803</v>
      </c>
      <c r="N18778" s="5" t="s">
        <v>733</v>
      </c>
      <c r="O18778" s="5" t="s">
        <v>38</v>
      </c>
      <c r="P18778" s="5" t="s">
        <v>39</v>
      </c>
      <c r="Q18778" s="5" t="s">
        <v>40</v>
      </c>
      <c r="R18778" s="5" t="s">
        <v>897</v>
      </c>
      <c r="S18778" s="5" t="s">
        <v>40</v>
      </c>
      <c r="T18778" s="5" t="s">
        <v>42</v>
      </c>
      <c r="U18778" s="2">
        <v>45.607999999999997</v>
      </c>
      <c r="V18778" s="2">
        <v>42.128999999999998</v>
      </c>
      <c r="W18778" s="2">
        <v>0.21099999999999999</v>
      </c>
      <c r="X18778" s="2">
        <v>17</v>
      </c>
      <c r="Y18778" s="2">
        <v>80.7</v>
      </c>
      <c r="Z18778" s="2">
        <v>153.6</v>
      </c>
      <c r="AA18778" s="5">
        <v>7</v>
      </c>
      <c r="AB18778" s="5" t="s">
        <v>43</v>
      </c>
      <c r="AC18778" s="5" t="s">
        <v>735</v>
      </c>
      <c r="AD18778" s="2" t="s">
        <v>58125</v>
      </c>
      <c r="AE18778" s="1"/>
    </row>
    <row r="18779" spans="1:31" ht="14.45">
      <c r="A18779" s="11"/>
      <c r="B18779" s="20"/>
      <c r="C18779" s="2" t="s">
        <v>58126</v>
      </c>
      <c r="D18779" s="14" t="s">
        <v>58127</v>
      </c>
      <c r="E18779" s="2" t="s">
        <v>58128</v>
      </c>
      <c r="F18779" s="2" t="s">
        <v>58129</v>
      </c>
      <c r="G18779" s="8">
        <v>834</v>
      </c>
      <c r="H18779" s="5">
        <v>5</v>
      </c>
      <c r="I18779" s="5" t="s">
        <v>69</v>
      </c>
      <c r="J18779" s="5" t="s">
        <v>55802</v>
      </c>
      <c r="K18779" s="2" t="s">
        <v>55803</v>
      </c>
      <c r="L18779" s="5" t="s">
        <v>55802</v>
      </c>
      <c r="M18779" s="2" t="s">
        <v>55803</v>
      </c>
      <c r="N18779" s="5" t="s">
        <v>733</v>
      </c>
      <c r="O18779" s="5" t="s">
        <v>38</v>
      </c>
      <c r="P18779" s="5" t="s">
        <v>39</v>
      </c>
      <c r="Q18779" s="5" t="s">
        <v>40</v>
      </c>
      <c r="R18779" s="5" t="s">
        <v>897</v>
      </c>
      <c r="S18779" s="5" t="s">
        <v>40</v>
      </c>
      <c r="T18779" s="5" t="s">
        <v>42</v>
      </c>
      <c r="U18779" s="2">
        <v>50.712000000000003</v>
      </c>
      <c r="V18779" s="2">
        <v>47.209000000000003</v>
      </c>
      <c r="W18779" s="2">
        <v>0.21099999999999999</v>
      </c>
      <c r="X18779" s="2">
        <v>17</v>
      </c>
      <c r="Y18779" s="2">
        <v>80.7</v>
      </c>
      <c r="Z18779" s="2">
        <v>153.6</v>
      </c>
      <c r="AA18779" s="5">
        <v>7</v>
      </c>
      <c r="AB18779" s="5" t="s">
        <v>43</v>
      </c>
      <c r="AC18779" s="5" t="s">
        <v>735</v>
      </c>
      <c r="AD18779" s="2" t="s">
        <v>58130</v>
      </c>
      <c r="AE18779" s="1"/>
    </row>
    <row r="18780" spans="1:31" ht="14.45">
      <c r="A18780" s="11"/>
      <c r="B18780" s="20"/>
      <c r="C18780" s="2" t="s">
        <v>58131</v>
      </c>
      <c r="D18780" s="14" t="s">
        <v>58132</v>
      </c>
      <c r="E18780" s="2" t="s">
        <v>58133</v>
      </c>
      <c r="F18780" s="2" t="s">
        <v>58129</v>
      </c>
      <c r="G18780" s="8">
        <v>1134</v>
      </c>
      <c r="H18780" s="5">
        <v>5</v>
      </c>
      <c r="I18780" s="5" t="s">
        <v>69</v>
      </c>
      <c r="J18780" s="5" t="s">
        <v>55802</v>
      </c>
      <c r="K18780" s="2" t="s">
        <v>55803</v>
      </c>
      <c r="L18780" s="5" t="s">
        <v>55802</v>
      </c>
      <c r="M18780" s="2" t="s">
        <v>55803</v>
      </c>
      <c r="N18780" s="5" t="s">
        <v>733</v>
      </c>
      <c r="O18780" s="5" t="s">
        <v>38</v>
      </c>
      <c r="P18780" s="5" t="s">
        <v>39</v>
      </c>
      <c r="Q18780" s="5" t="s">
        <v>40</v>
      </c>
      <c r="R18780" s="5" t="s">
        <v>897</v>
      </c>
      <c r="S18780" s="5" t="s">
        <v>40</v>
      </c>
      <c r="T18780" s="5" t="s">
        <v>42</v>
      </c>
      <c r="U18780" s="2">
        <v>52.624000000000002</v>
      </c>
      <c r="V18780" s="2">
        <v>48.997999999999998</v>
      </c>
      <c r="W18780" s="2">
        <v>0.21099999999999999</v>
      </c>
      <c r="X18780" s="2">
        <v>17</v>
      </c>
      <c r="Y18780" s="2">
        <v>80.7</v>
      </c>
      <c r="Z18780" s="2">
        <v>153.6</v>
      </c>
      <c r="AA18780" s="5">
        <v>7</v>
      </c>
      <c r="AB18780" s="5" t="s">
        <v>43</v>
      </c>
      <c r="AC18780" s="5" t="s">
        <v>735</v>
      </c>
      <c r="AD18780" s="2" t="s">
        <v>58134</v>
      </c>
      <c r="AE18780" s="1"/>
    </row>
    <row r="18781" spans="1:31" ht="14.45">
      <c r="A18781" s="5" t="s">
        <v>116</v>
      </c>
      <c r="B18781" s="21">
        <v>46082</v>
      </c>
      <c r="C18781" s="2" t="s">
        <v>58135</v>
      </c>
      <c r="D18781" s="14" t="s">
        <v>58136</v>
      </c>
      <c r="E18781" s="2" t="s">
        <v>58137</v>
      </c>
      <c r="F18781" s="2" t="s">
        <v>58138</v>
      </c>
      <c r="G18781" s="8">
        <v>1234</v>
      </c>
      <c r="H18781" s="5">
        <v>5</v>
      </c>
      <c r="I18781" s="5" t="s">
        <v>69</v>
      </c>
      <c r="J18781" s="5" t="s">
        <v>55802</v>
      </c>
      <c r="K18781" s="2" t="s">
        <v>55803</v>
      </c>
      <c r="L18781" s="5" t="s">
        <v>55802</v>
      </c>
      <c r="M18781" s="2" t="s">
        <v>55803</v>
      </c>
      <c r="N18781" s="5" t="s">
        <v>733</v>
      </c>
      <c r="O18781" s="5" t="s">
        <v>38</v>
      </c>
      <c r="P18781" s="5" t="s">
        <v>39</v>
      </c>
      <c r="Q18781" s="5" t="s">
        <v>40</v>
      </c>
      <c r="R18781" s="5" t="s">
        <v>897</v>
      </c>
      <c r="S18781" s="5" t="s">
        <v>40</v>
      </c>
      <c r="T18781" s="5" t="s">
        <v>42</v>
      </c>
      <c r="U18781" s="2">
        <v>52.743000000000002</v>
      </c>
      <c r="V18781" s="2">
        <v>49.24</v>
      </c>
      <c r="W18781" s="2">
        <v>0.21099999999999999</v>
      </c>
      <c r="X18781" s="2">
        <v>17</v>
      </c>
      <c r="Y18781" s="2">
        <v>80.7</v>
      </c>
      <c r="Z18781" s="2">
        <v>153.6</v>
      </c>
      <c r="AA18781" s="5">
        <v>7</v>
      </c>
      <c r="AB18781" s="5" t="s">
        <v>43</v>
      </c>
      <c r="AC18781" s="5" t="s">
        <v>735</v>
      </c>
      <c r="AD18781" s="2" t="s">
        <v>58139</v>
      </c>
      <c r="AE18781" s="1"/>
    </row>
    <row r="18782" spans="1:31" ht="14.45">
      <c r="A18782" s="11"/>
      <c r="B18782" s="20"/>
      <c r="C18782" s="2" t="s">
        <v>58140</v>
      </c>
      <c r="D18782" s="14" t="s">
        <v>58141</v>
      </c>
      <c r="E18782" s="2" t="s">
        <v>58142</v>
      </c>
      <c r="F18782" s="2" t="s">
        <v>58129</v>
      </c>
      <c r="G18782" s="8">
        <v>1134</v>
      </c>
      <c r="H18782" s="5">
        <v>5</v>
      </c>
      <c r="I18782" s="5" t="s">
        <v>69</v>
      </c>
      <c r="J18782" s="5" t="s">
        <v>55802</v>
      </c>
      <c r="K18782" s="2" t="s">
        <v>55803</v>
      </c>
      <c r="L18782" s="5" t="s">
        <v>55802</v>
      </c>
      <c r="M18782" s="2" t="s">
        <v>55803</v>
      </c>
      <c r="N18782" s="5" t="s">
        <v>733</v>
      </c>
      <c r="O18782" s="5" t="s">
        <v>38</v>
      </c>
      <c r="P18782" s="5" t="s">
        <v>39</v>
      </c>
      <c r="Q18782" s="5" t="s">
        <v>40</v>
      </c>
      <c r="R18782" s="5" t="s">
        <v>897</v>
      </c>
      <c r="S18782" s="5" t="s">
        <v>40</v>
      </c>
      <c r="T18782" s="5" t="s">
        <v>42</v>
      </c>
      <c r="U18782" s="2">
        <v>52.731000000000002</v>
      </c>
      <c r="V18782" s="2">
        <v>49.043999999999997</v>
      </c>
      <c r="W18782" s="2">
        <v>0.21099999999999999</v>
      </c>
      <c r="X18782" s="2">
        <v>17</v>
      </c>
      <c r="Y18782" s="2">
        <v>80.7</v>
      </c>
      <c r="Z18782" s="2">
        <v>153.6</v>
      </c>
      <c r="AA18782" s="5">
        <v>7</v>
      </c>
      <c r="AB18782" s="5" t="s">
        <v>43</v>
      </c>
      <c r="AC18782" s="5" t="s">
        <v>735</v>
      </c>
      <c r="AD18782" s="2" t="s">
        <v>58143</v>
      </c>
      <c r="AE18782" s="1"/>
    </row>
    <row r="18783" spans="1:31" ht="14.45">
      <c r="A18783" s="5"/>
      <c r="B18783" s="21"/>
      <c r="C18783" s="2" t="s">
        <v>58144</v>
      </c>
      <c r="D18783" s="14" t="s">
        <v>58145</v>
      </c>
      <c r="E18783" s="2" t="s">
        <v>58146</v>
      </c>
      <c r="F18783" s="2" t="s">
        <v>58147</v>
      </c>
      <c r="G18783" s="8">
        <v>1381</v>
      </c>
      <c r="H18783" s="5">
        <v>5</v>
      </c>
      <c r="I18783" s="5" t="s">
        <v>69</v>
      </c>
      <c r="J18783" s="5" t="s">
        <v>55802</v>
      </c>
      <c r="K18783" s="2" t="s">
        <v>55803</v>
      </c>
      <c r="L18783" s="5" t="s">
        <v>55802</v>
      </c>
      <c r="M18783" s="2" t="s">
        <v>55803</v>
      </c>
      <c r="N18783" s="5" t="s">
        <v>733</v>
      </c>
      <c r="O18783" s="5" t="s">
        <v>38</v>
      </c>
      <c r="P18783" s="5" t="s">
        <v>39</v>
      </c>
      <c r="Q18783" s="5" t="s">
        <v>40</v>
      </c>
      <c r="R18783" s="5" t="s">
        <v>897</v>
      </c>
      <c r="S18783" s="5" t="s">
        <v>40</v>
      </c>
      <c r="T18783" s="5" t="s">
        <v>42</v>
      </c>
      <c r="U18783" s="2">
        <v>54.179000000000002</v>
      </c>
      <c r="V18783" s="2">
        <v>50.64</v>
      </c>
      <c r="W18783" s="2">
        <v>0.21099999999999999</v>
      </c>
      <c r="X18783" s="2">
        <v>17</v>
      </c>
      <c r="Y18783" s="2">
        <v>80.7</v>
      </c>
      <c r="Z18783" s="2">
        <v>153.6</v>
      </c>
      <c r="AA18783" s="5">
        <v>7</v>
      </c>
      <c r="AB18783" s="5" t="s">
        <v>43</v>
      </c>
      <c r="AC18783" s="5" t="s">
        <v>735</v>
      </c>
      <c r="AD18783" s="2"/>
      <c r="AE18783" s="1"/>
    </row>
    <row r="18784" spans="1:31" ht="14.45">
      <c r="A18784" s="11"/>
      <c r="B18784" s="20"/>
      <c r="C18784" s="2" t="s">
        <v>58148</v>
      </c>
      <c r="D18784" s="14" t="s">
        <v>58149</v>
      </c>
      <c r="E18784" s="2" t="s">
        <v>58150</v>
      </c>
      <c r="F18784" s="2" t="s">
        <v>58151</v>
      </c>
      <c r="G18784" s="8">
        <v>1556</v>
      </c>
      <c r="H18784" s="5">
        <v>10</v>
      </c>
      <c r="I18784" s="5" t="s">
        <v>69</v>
      </c>
      <c r="J18784" s="5" t="s">
        <v>55802</v>
      </c>
      <c r="K18784" s="2" t="s">
        <v>55803</v>
      </c>
      <c r="L18784" s="5" t="s">
        <v>55802</v>
      </c>
      <c r="M18784" s="2" t="s">
        <v>55803</v>
      </c>
      <c r="N18784" s="5" t="s">
        <v>733</v>
      </c>
      <c r="O18784" s="5" t="s">
        <v>38</v>
      </c>
      <c r="P18784" s="5" t="s">
        <v>39</v>
      </c>
      <c r="Q18784" s="5" t="s">
        <v>40</v>
      </c>
      <c r="R18784" s="5" t="s">
        <v>897</v>
      </c>
      <c r="S18784" s="5" t="s">
        <v>40</v>
      </c>
      <c r="T18784" s="5" t="s">
        <v>42</v>
      </c>
      <c r="U18784" s="2">
        <v>63.259</v>
      </c>
      <c r="V18784" s="2">
        <v>59.737000000000002</v>
      </c>
      <c r="W18784" s="2">
        <v>0.21099999999999999</v>
      </c>
      <c r="X18784" s="2">
        <v>17</v>
      </c>
      <c r="Y18784" s="2">
        <v>80.7</v>
      </c>
      <c r="Z18784" s="2">
        <v>153.6</v>
      </c>
      <c r="AA18784" s="5">
        <v>7</v>
      </c>
      <c r="AB18784" s="5" t="s">
        <v>43</v>
      </c>
      <c r="AC18784" s="5" t="s">
        <v>735</v>
      </c>
      <c r="AD18784" s="2" t="s">
        <v>58152</v>
      </c>
      <c r="AE18784" s="1"/>
    </row>
    <row r="18785" spans="1:31" ht="14.45">
      <c r="A18785" s="11"/>
      <c r="B18785" s="20"/>
      <c r="C18785" s="2" t="s">
        <v>58153</v>
      </c>
      <c r="D18785" s="14" t="s">
        <v>58154</v>
      </c>
      <c r="E18785" s="2" t="s">
        <v>58155</v>
      </c>
      <c r="F18785" s="2" t="s">
        <v>58156</v>
      </c>
      <c r="G18785" s="8">
        <v>1856</v>
      </c>
      <c r="H18785" s="5">
        <v>10</v>
      </c>
      <c r="I18785" s="5" t="s">
        <v>69</v>
      </c>
      <c r="J18785" s="5" t="s">
        <v>55802</v>
      </c>
      <c r="K18785" s="2" t="s">
        <v>55803</v>
      </c>
      <c r="L18785" s="5" t="s">
        <v>55802</v>
      </c>
      <c r="M18785" s="2" t="s">
        <v>55803</v>
      </c>
      <c r="N18785" s="5" t="s">
        <v>733</v>
      </c>
      <c r="O18785" s="5" t="s">
        <v>38</v>
      </c>
      <c r="P18785" s="5" t="s">
        <v>39</v>
      </c>
      <c r="Q18785" s="5" t="s">
        <v>40</v>
      </c>
      <c r="R18785" s="5" t="s">
        <v>897</v>
      </c>
      <c r="S18785" s="5" t="s">
        <v>40</v>
      </c>
      <c r="T18785" s="5" t="s">
        <v>42</v>
      </c>
      <c r="U18785" s="2">
        <v>63.716000000000001</v>
      </c>
      <c r="V18785" s="2">
        <v>60.09</v>
      </c>
      <c r="W18785" s="2">
        <v>0.21099999999999999</v>
      </c>
      <c r="X18785" s="2">
        <v>17</v>
      </c>
      <c r="Y18785" s="2">
        <v>80.7</v>
      </c>
      <c r="Z18785" s="2">
        <v>153.6</v>
      </c>
      <c r="AA18785" s="5">
        <v>7</v>
      </c>
      <c r="AB18785" s="5" t="s">
        <v>43</v>
      </c>
      <c r="AC18785" s="5" t="s">
        <v>735</v>
      </c>
      <c r="AD18785" s="2" t="s">
        <v>58157</v>
      </c>
      <c r="AE18785" s="1"/>
    </row>
    <row r="18786" spans="1:31" ht="14.45">
      <c r="A18786" s="11"/>
      <c r="B18786" s="20"/>
      <c r="C18786" s="2" t="s">
        <v>58158</v>
      </c>
      <c r="D18786" s="14" t="s">
        <v>58159</v>
      </c>
      <c r="E18786" s="2" t="s">
        <v>58160</v>
      </c>
      <c r="F18786" s="2" t="s">
        <v>58161</v>
      </c>
      <c r="G18786" s="8">
        <v>1400</v>
      </c>
      <c r="H18786" s="5">
        <v>5</v>
      </c>
      <c r="I18786" s="5" t="s">
        <v>69</v>
      </c>
      <c r="J18786" s="5" t="s">
        <v>55802</v>
      </c>
      <c r="K18786" s="2" t="s">
        <v>55803</v>
      </c>
      <c r="L18786" s="5" t="s">
        <v>55802</v>
      </c>
      <c r="M18786" s="2" t="s">
        <v>55803</v>
      </c>
      <c r="N18786" s="5" t="s">
        <v>733</v>
      </c>
      <c r="O18786" s="5" t="s">
        <v>38</v>
      </c>
      <c r="P18786" s="5" t="s">
        <v>39</v>
      </c>
      <c r="Q18786" s="5" t="s">
        <v>40</v>
      </c>
      <c r="R18786" s="5" t="s">
        <v>897</v>
      </c>
      <c r="S18786" s="5" t="s">
        <v>40</v>
      </c>
      <c r="T18786" s="5" t="s">
        <v>42</v>
      </c>
      <c r="U18786" s="2">
        <v>55.46</v>
      </c>
      <c r="V18786" s="2">
        <v>51.933</v>
      </c>
      <c r="W18786" s="2">
        <v>0.21099999999999999</v>
      </c>
      <c r="X18786" s="2">
        <v>17</v>
      </c>
      <c r="Y18786" s="2">
        <v>80.7</v>
      </c>
      <c r="Z18786" s="2">
        <v>153.6</v>
      </c>
      <c r="AA18786" s="5">
        <v>7</v>
      </c>
      <c r="AB18786" s="5" t="s">
        <v>43</v>
      </c>
      <c r="AC18786" s="5" t="s">
        <v>735</v>
      </c>
      <c r="AD18786" s="2" t="s">
        <v>58162</v>
      </c>
      <c r="AE18786" s="1"/>
    </row>
    <row r="18787" spans="1:31" ht="14.45">
      <c r="A18787" s="11"/>
      <c r="B18787" s="20"/>
      <c r="C18787" s="2" t="s">
        <v>58163</v>
      </c>
      <c r="D18787" s="14" t="s">
        <v>58164</v>
      </c>
      <c r="E18787" s="2" t="s">
        <v>58165</v>
      </c>
      <c r="F18787" s="2" t="s">
        <v>58166</v>
      </c>
      <c r="G18787" s="8">
        <v>1700</v>
      </c>
      <c r="H18787" s="5">
        <v>5</v>
      </c>
      <c r="I18787" s="5" t="s">
        <v>69</v>
      </c>
      <c r="J18787" s="5" t="s">
        <v>55802</v>
      </c>
      <c r="K18787" s="2" t="s">
        <v>55803</v>
      </c>
      <c r="L18787" s="5" t="s">
        <v>55802</v>
      </c>
      <c r="M18787" s="2" t="s">
        <v>55803</v>
      </c>
      <c r="N18787" s="5" t="s">
        <v>733</v>
      </c>
      <c r="O18787" s="5" t="s">
        <v>38</v>
      </c>
      <c r="P18787" s="5" t="s">
        <v>39</v>
      </c>
      <c r="Q18787" s="5" t="s">
        <v>40</v>
      </c>
      <c r="R18787" s="5" t="s">
        <v>897</v>
      </c>
      <c r="S18787" s="5" t="s">
        <v>40</v>
      </c>
      <c r="T18787" s="5" t="s">
        <v>42</v>
      </c>
      <c r="U18787" s="2">
        <v>56.031999999999996</v>
      </c>
      <c r="V18787" s="2">
        <v>52.405999999999999</v>
      </c>
      <c r="W18787" s="2">
        <v>0.21099999999999999</v>
      </c>
      <c r="X18787" s="2">
        <v>17</v>
      </c>
      <c r="Y18787" s="2">
        <v>80.7</v>
      </c>
      <c r="Z18787" s="2">
        <v>153.6</v>
      </c>
      <c r="AA18787" s="5">
        <v>7</v>
      </c>
      <c r="AB18787" s="5" t="s">
        <v>43</v>
      </c>
      <c r="AC18787" s="5" t="s">
        <v>735</v>
      </c>
      <c r="AD18787" s="2" t="s">
        <v>58167</v>
      </c>
      <c r="AE18787" s="1"/>
    </row>
    <row r="18788" spans="1:31" ht="14.45">
      <c r="A18788" s="5" t="s">
        <v>116</v>
      </c>
      <c r="B18788" s="21">
        <v>46082</v>
      </c>
      <c r="C18788" s="2" t="s">
        <v>58168</v>
      </c>
      <c r="D18788" s="14" t="s">
        <v>58169</v>
      </c>
      <c r="E18788" s="2" t="s">
        <v>58170</v>
      </c>
      <c r="F18788" s="2" t="s">
        <v>58171</v>
      </c>
      <c r="G18788" s="8">
        <v>1800</v>
      </c>
      <c r="H18788" s="5">
        <v>5</v>
      </c>
      <c r="I18788" s="5" t="s">
        <v>69</v>
      </c>
      <c r="J18788" s="5" t="s">
        <v>55802</v>
      </c>
      <c r="K18788" s="2" t="s">
        <v>55803</v>
      </c>
      <c r="L18788" s="5" t="s">
        <v>55802</v>
      </c>
      <c r="M18788" s="2" t="s">
        <v>55803</v>
      </c>
      <c r="N18788" s="5" t="s">
        <v>733</v>
      </c>
      <c r="O18788" s="5" t="s">
        <v>38</v>
      </c>
      <c r="P18788" s="5" t="s">
        <v>39</v>
      </c>
      <c r="Q18788" s="5" t="s">
        <v>40</v>
      </c>
      <c r="R18788" s="5" t="s">
        <v>897</v>
      </c>
      <c r="S18788" s="5" t="s">
        <v>40</v>
      </c>
      <c r="T18788" s="5" t="s">
        <v>42</v>
      </c>
      <c r="U18788" s="2">
        <v>56.204999999999998</v>
      </c>
      <c r="V18788" s="2">
        <v>52.701999999999998</v>
      </c>
      <c r="W18788" s="2">
        <v>0.21099999999999999</v>
      </c>
      <c r="X18788" s="2">
        <v>17</v>
      </c>
      <c r="Y18788" s="2">
        <v>80.7</v>
      </c>
      <c r="Z18788" s="2">
        <v>153.6</v>
      </c>
      <c r="AA18788" s="5">
        <v>7</v>
      </c>
      <c r="AB18788" s="5" t="s">
        <v>43</v>
      </c>
      <c r="AC18788" s="5" t="s">
        <v>735</v>
      </c>
      <c r="AD18788" s="2" t="s">
        <v>58172</v>
      </c>
      <c r="AE18788" s="1"/>
    </row>
    <row r="18789" spans="1:31" ht="14.45">
      <c r="A18789" s="11"/>
      <c r="B18789" s="20"/>
      <c r="C18789" s="2" t="s">
        <v>58173</v>
      </c>
      <c r="D18789" s="14" t="s">
        <v>58174</v>
      </c>
      <c r="E18789" s="2" t="s">
        <v>58175</v>
      </c>
      <c r="F18789" s="2" t="s">
        <v>58166</v>
      </c>
      <c r="G18789" s="8">
        <v>1700</v>
      </c>
      <c r="H18789" s="5">
        <v>10</v>
      </c>
      <c r="I18789" s="5" t="s">
        <v>69</v>
      </c>
      <c r="J18789" s="5" t="s">
        <v>55802</v>
      </c>
      <c r="K18789" s="2" t="s">
        <v>55803</v>
      </c>
      <c r="L18789" s="5" t="s">
        <v>55802</v>
      </c>
      <c r="M18789" s="2" t="s">
        <v>55803</v>
      </c>
      <c r="N18789" s="5" t="s">
        <v>733</v>
      </c>
      <c r="O18789" s="5" t="s">
        <v>38</v>
      </c>
      <c r="P18789" s="5" t="s">
        <v>39</v>
      </c>
      <c r="Q18789" s="5" t="s">
        <v>40</v>
      </c>
      <c r="R18789" s="5" t="s">
        <v>897</v>
      </c>
      <c r="S18789" s="5" t="s">
        <v>40</v>
      </c>
      <c r="T18789" s="5" t="s">
        <v>42</v>
      </c>
      <c r="U18789" s="2">
        <v>56.186999999999998</v>
      </c>
      <c r="V18789" s="2">
        <v>52.5</v>
      </c>
      <c r="W18789" s="2">
        <v>0.21099999999999999</v>
      </c>
      <c r="X18789" s="2">
        <v>17</v>
      </c>
      <c r="Y18789" s="2">
        <v>80.7</v>
      </c>
      <c r="Z18789" s="2">
        <v>153.6</v>
      </c>
      <c r="AA18789" s="5">
        <v>7</v>
      </c>
      <c r="AB18789" s="5" t="s">
        <v>43</v>
      </c>
      <c r="AC18789" s="5" t="s">
        <v>735</v>
      </c>
      <c r="AD18789" s="2" t="s">
        <v>58176</v>
      </c>
      <c r="AE18789" s="1"/>
    </row>
    <row r="18790" spans="1:31" ht="14.45">
      <c r="A18790" s="11"/>
      <c r="B18790" s="20"/>
      <c r="C18790" s="2" t="s">
        <v>58177</v>
      </c>
      <c r="D18790" s="14" t="s">
        <v>58178</v>
      </c>
      <c r="E18790" s="2" t="s">
        <v>58179</v>
      </c>
      <c r="F18790" s="2" t="s">
        <v>58180</v>
      </c>
      <c r="G18790" s="8">
        <v>1063</v>
      </c>
      <c r="H18790" s="5">
        <v>10</v>
      </c>
      <c r="I18790" s="5" t="s">
        <v>69</v>
      </c>
      <c r="J18790" s="5" t="s">
        <v>55802</v>
      </c>
      <c r="K18790" s="2" t="s">
        <v>55803</v>
      </c>
      <c r="L18790" s="5" t="s">
        <v>55802</v>
      </c>
      <c r="M18790" s="2" t="s">
        <v>55803</v>
      </c>
      <c r="N18790" s="5" t="s">
        <v>733</v>
      </c>
      <c r="O18790" s="5" t="s">
        <v>38</v>
      </c>
      <c r="P18790" s="5" t="s">
        <v>39</v>
      </c>
      <c r="Q18790" s="5" t="s">
        <v>40</v>
      </c>
      <c r="R18790" s="5" t="s">
        <v>897</v>
      </c>
      <c r="S18790" s="5" t="s">
        <v>40</v>
      </c>
      <c r="T18790" s="5" t="s">
        <v>42</v>
      </c>
      <c r="U18790" s="2">
        <v>48.887</v>
      </c>
      <c r="V18790" s="2">
        <v>45.36</v>
      </c>
      <c r="W18790" s="2">
        <v>0.21099999999999999</v>
      </c>
      <c r="X18790" s="2">
        <v>17</v>
      </c>
      <c r="Y18790" s="2">
        <v>80.7</v>
      </c>
      <c r="Z18790" s="2">
        <v>153.6</v>
      </c>
      <c r="AA18790" s="5">
        <v>7</v>
      </c>
      <c r="AB18790" s="5" t="s">
        <v>43</v>
      </c>
      <c r="AC18790" s="5" t="s">
        <v>735</v>
      </c>
      <c r="AD18790" s="2" t="s">
        <v>58181</v>
      </c>
      <c r="AE18790" s="1"/>
    </row>
    <row r="18791" spans="1:31" ht="14.45">
      <c r="A18791" s="11"/>
      <c r="B18791" s="20"/>
      <c r="C18791" s="2" t="s">
        <v>58182</v>
      </c>
      <c r="D18791" s="14" t="s">
        <v>58183</v>
      </c>
      <c r="E18791" s="2" t="s">
        <v>58184</v>
      </c>
      <c r="F18791" s="2" t="s">
        <v>58185</v>
      </c>
      <c r="G18791" s="8">
        <v>1363</v>
      </c>
      <c r="H18791" s="5">
        <v>10</v>
      </c>
      <c r="I18791" s="5" t="s">
        <v>69</v>
      </c>
      <c r="J18791" s="5" t="s">
        <v>55802</v>
      </c>
      <c r="K18791" s="2" t="s">
        <v>55803</v>
      </c>
      <c r="L18791" s="5" t="s">
        <v>55802</v>
      </c>
      <c r="M18791" s="2" t="s">
        <v>55803</v>
      </c>
      <c r="N18791" s="5" t="s">
        <v>733</v>
      </c>
      <c r="O18791" s="5" t="s">
        <v>38</v>
      </c>
      <c r="P18791" s="5" t="s">
        <v>39</v>
      </c>
      <c r="Q18791" s="5" t="s">
        <v>40</v>
      </c>
      <c r="R18791" s="5" t="s">
        <v>897</v>
      </c>
      <c r="S18791" s="5" t="s">
        <v>40</v>
      </c>
      <c r="T18791" s="5" t="s">
        <v>42</v>
      </c>
      <c r="U18791" s="2">
        <v>49.466999999999999</v>
      </c>
      <c r="V18791" s="2">
        <v>45.832999999999998</v>
      </c>
      <c r="W18791" s="2">
        <v>0.21099999999999999</v>
      </c>
      <c r="X18791" s="2">
        <v>17</v>
      </c>
      <c r="Y18791" s="2">
        <v>80.7</v>
      </c>
      <c r="Z18791" s="2">
        <v>153.6</v>
      </c>
      <c r="AA18791" s="5">
        <v>7</v>
      </c>
      <c r="AB18791" s="5" t="s">
        <v>43</v>
      </c>
      <c r="AC18791" s="5" t="s">
        <v>735</v>
      </c>
      <c r="AD18791" s="2" t="s">
        <v>58186</v>
      </c>
      <c r="AE18791" s="1"/>
    </row>
    <row r="18792" spans="1:31" ht="14.45">
      <c r="A18792" s="5" t="s">
        <v>116</v>
      </c>
      <c r="B18792" s="21">
        <v>46082</v>
      </c>
      <c r="C18792" s="2" t="s">
        <v>58187</v>
      </c>
      <c r="D18792" s="14" t="s">
        <v>58188</v>
      </c>
      <c r="E18792" s="2" t="s">
        <v>58189</v>
      </c>
      <c r="F18792" s="2" t="s">
        <v>58190</v>
      </c>
      <c r="G18792" s="8">
        <v>1463</v>
      </c>
      <c r="H18792" s="5">
        <v>5</v>
      </c>
      <c r="I18792" s="5" t="s">
        <v>69</v>
      </c>
      <c r="J18792" s="5" t="s">
        <v>55802</v>
      </c>
      <c r="K18792" s="2" t="s">
        <v>55803</v>
      </c>
      <c r="L18792" s="5" t="s">
        <v>55802</v>
      </c>
      <c r="M18792" s="2" t="s">
        <v>55803</v>
      </c>
      <c r="N18792" s="5" t="s">
        <v>733</v>
      </c>
      <c r="O18792" s="5" t="s">
        <v>38</v>
      </c>
      <c r="P18792" s="5" t="s">
        <v>39</v>
      </c>
      <c r="Q18792" s="5" t="s">
        <v>40</v>
      </c>
      <c r="R18792" s="5" t="s">
        <v>897</v>
      </c>
      <c r="S18792" s="5" t="s">
        <v>40</v>
      </c>
      <c r="T18792" s="5" t="s">
        <v>42</v>
      </c>
      <c r="U18792" s="2">
        <v>49.558</v>
      </c>
      <c r="V18792" s="2">
        <v>46.082999999999998</v>
      </c>
      <c r="W18792" s="2">
        <v>0.21099999999999999</v>
      </c>
      <c r="X18792" s="2">
        <v>17</v>
      </c>
      <c r="Y18792" s="2">
        <v>80.7</v>
      </c>
      <c r="Z18792" s="2">
        <v>153.6</v>
      </c>
      <c r="AA18792" s="5">
        <v>7</v>
      </c>
      <c r="AB18792" s="5" t="s">
        <v>43</v>
      </c>
      <c r="AC18792" s="5" t="s">
        <v>735</v>
      </c>
      <c r="AD18792" s="2" t="s">
        <v>58191</v>
      </c>
      <c r="AE18792" s="1"/>
    </row>
    <row r="18793" spans="1:31" ht="14.45">
      <c r="A18793" s="11"/>
      <c r="B18793" s="20"/>
      <c r="C18793" s="2" t="s">
        <v>58192</v>
      </c>
      <c r="D18793" s="14" t="s">
        <v>58193</v>
      </c>
      <c r="E18793" s="2" t="s">
        <v>58194</v>
      </c>
      <c r="F18793" s="2" t="s">
        <v>58185</v>
      </c>
      <c r="G18793" s="8">
        <v>1363</v>
      </c>
      <c r="H18793" s="5">
        <v>10</v>
      </c>
      <c r="I18793" s="5" t="s">
        <v>69</v>
      </c>
      <c r="J18793" s="5" t="s">
        <v>55802</v>
      </c>
      <c r="K18793" s="2" t="s">
        <v>55803</v>
      </c>
      <c r="L18793" s="5" t="s">
        <v>55802</v>
      </c>
      <c r="M18793" s="2" t="s">
        <v>55803</v>
      </c>
      <c r="N18793" s="5" t="s">
        <v>733</v>
      </c>
      <c r="O18793" s="5" t="s">
        <v>38</v>
      </c>
      <c r="P18793" s="5" t="s">
        <v>39</v>
      </c>
      <c r="Q18793" s="5" t="s">
        <v>40</v>
      </c>
      <c r="R18793" s="5" t="s">
        <v>897</v>
      </c>
      <c r="S18793" s="5" t="s">
        <v>40</v>
      </c>
      <c r="T18793" s="5" t="s">
        <v>42</v>
      </c>
      <c r="U18793" s="2">
        <v>49.622</v>
      </c>
      <c r="V18793" s="2">
        <v>45.927</v>
      </c>
      <c r="W18793" s="2">
        <v>0.21099999999999999</v>
      </c>
      <c r="X18793" s="2">
        <v>17</v>
      </c>
      <c r="Y18793" s="2">
        <v>80.7</v>
      </c>
      <c r="Z18793" s="2">
        <v>153.6</v>
      </c>
      <c r="AA18793" s="5">
        <v>7</v>
      </c>
      <c r="AB18793" s="5" t="s">
        <v>43</v>
      </c>
      <c r="AC18793" s="5" t="s">
        <v>735</v>
      </c>
      <c r="AD18793" s="2" t="s">
        <v>58195</v>
      </c>
      <c r="AE18793" s="1"/>
    </row>
    <row r="18794" spans="1:31" ht="14.45">
      <c r="A18794" s="11"/>
      <c r="B18794" s="20"/>
      <c r="C18794" s="2" t="s">
        <v>58196</v>
      </c>
      <c r="D18794" s="14" t="s">
        <v>58197</v>
      </c>
      <c r="E18794" s="2" t="s">
        <v>58198</v>
      </c>
      <c r="F18794" s="2" t="s">
        <v>58199</v>
      </c>
      <c r="G18794" s="8">
        <v>1302</v>
      </c>
      <c r="H18794" s="5">
        <v>5</v>
      </c>
      <c r="I18794" s="5" t="s">
        <v>69</v>
      </c>
      <c r="J18794" s="5" t="s">
        <v>55802</v>
      </c>
      <c r="K18794" s="2" t="s">
        <v>55803</v>
      </c>
      <c r="L18794" s="5" t="s">
        <v>55802</v>
      </c>
      <c r="M18794" s="2" t="s">
        <v>55803</v>
      </c>
      <c r="N18794" s="5" t="s">
        <v>733</v>
      </c>
      <c r="O18794" s="5" t="s">
        <v>38</v>
      </c>
      <c r="P18794" s="5" t="s">
        <v>39</v>
      </c>
      <c r="Q18794" s="5" t="s">
        <v>40</v>
      </c>
      <c r="R18794" s="5" t="s">
        <v>897</v>
      </c>
      <c r="S18794" s="5" t="s">
        <v>40</v>
      </c>
      <c r="T18794" s="5" t="s">
        <v>42</v>
      </c>
      <c r="U18794" s="2">
        <v>55.42</v>
      </c>
      <c r="V18794" s="2">
        <v>51.893000000000001</v>
      </c>
      <c r="W18794" s="2">
        <v>0.21099999999999999</v>
      </c>
      <c r="X18794" s="2">
        <v>17</v>
      </c>
      <c r="Y18794" s="2">
        <v>80.7</v>
      </c>
      <c r="Z18794" s="2">
        <v>153.6</v>
      </c>
      <c r="AA18794" s="5">
        <v>7</v>
      </c>
      <c r="AB18794" s="5" t="s">
        <v>43</v>
      </c>
      <c r="AC18794" s="5" t="s">
        <v>735</v>
      </c>
      <c r="AD18794" s="2" t="s">
        <v>58200</v>
      </c>
      <c r="AE18794" s="1"/>
    </row>
    <row r="18795" spans="1:31" ht="14.45">
      <c r="A18795" s="11"/>
      <c r="B18795" s="20"/>
      <c r="C18795" s="2" t="s">
        <v>58201</v>
      </c>
      <c r="D18795" s="14" t="s">
        <v>58202</v>
      </c>
      <c r="E18795" s="2" t="s">
        <v>58203</v>
      </c>
      <c r="F18795" s="2" t="s">
        <v>58199</v>
      </c>
      <c r="G18795" s="8">
        <v>1602</v>
      </c>
      <c r="H18795" s="5">
        <v>5</v>
      </c>
      <c r="I18795" s="5" t="s">
        <v>69</v>
      </c>
      <c r="J18795" s="5" t="s">
        <v>55802</v>
      </c>
      <c r="K18795" s="2" t="s">
        <v>55803</v>
      </c>
      <c r="L18795" s="5" t="s">
        <v>55802</v>
      </c>
      <c r="M18795" s="2" t="s">
        <v>55803</v>
      </c>
      <c r="N18795" s="5" t="s">
        <v>733</v>
      </c>
      <c r="O18795" s="5" t="s">
        <v>38</v>
      </c>
      <c r="P18795" s="5" t="s">
        <v>39</v>
      </c>
      <c r="Q18795" s="5" t="s">
        <v>40</v>
      </c>
      <c r="R18795" s="5" t="s">
        <v>897</v>
      </c>
      <c r="S18795" s="5" t="s">
        <v>40</v>
      </c>
      <c r="T18795" s="5" t="s">
        <v>42</v>
      </c>
      <c r="U18795" s="2">
        <v>55.991999999999997</v>
      </c>
      <c r="V18795" s="2">
        <v>52.366</v>
      </c>
      <c r="W18795" s="2">
        <v>0.21099999999999999</v>
      </c>
      <c r="X18795" s="2">
        <v>17</v>
      </c>
      <c r="Y18795" s="2">
        <v>80.7</v>
      </c>
      <c r="Z18795" s="2">
        <v>153.6</v>
      </c>
      <c r="AA18795" s="5">
        <v>7</v>
      </c>
      <c r="AB18795" s="5" t="s">
        <v>43</v>
      </c>
      <c r="AC18795" s="5" t="s">
        <v>735</v>
      </c>
      <c r="AD18795" s="2" t="s">
        <v>58204</v>
      </c>
      <c r="AE18795" s="1"/>
    </row>
    <row r="18796" spans="1:31" ht="14.45">
      <c r="A18796" s="5" t="s">
        <v>116</v>
      </c>
      <c r="B18796" s="21">
        <v>46082</v>
      </c>
      <c r="C18796" s="2" t="s">
        <v>58205</v>
      </c>
      <c r="D18796" s="14" t="s">
        <v>58206</v>
      </c>
      <c r="E18796" s="2" t="s">
        <v>58207</v>
      </c>
      <c r="F18796" s="2" t="s">
        <v>58208</v>
      </c>
      <c r="G18796" s="8">
        <v>1702</v>
      </c>
      <c r="H18796" s="5">
        <v>5</v>
      </c>
      <c r="I18796" s="5" t="s">
        <v>69</v>
      </c>
      <c r="J18796" s="5" t="s">
        <v>55802</v>
      </c>
      <c r="K18796" s="2" t="s">
        <v>55803</v>
      </c>
      <c r="L18796" s="5" t="s">
        <v>55802</v>
      </c>
      <c r="M18796" s="2" t="s">
        <v>55803</v>
      </c>
      <c r="N18796" s="5" t="s">
        <v>733</v>
      </c>
      <c r="O18796" s="5" t="s">
        <v>38</v>
      </c>
      <c r="P18796" s="5" t="s">
        <v>39</v>
      </c>
      <c r="Q18796" s="5" t="s">
        <v>40</v>
      </c>
      <c r="R18796" s="5" t="s">
        <v>897</v>
      </c>
      <c r="S18796" s="5" t="s">
        <v>40</v>
      </c>
      <c r="T18796" s="5" t="s">
        <v>42</v>
      </c>
      <c r="U18796" s="2">
        <v>56.164999999999999</v>
      </c>
      <c r="V18796" s="2">
        <v>52.661999999999999</v>
      </c>
      <c r="W18796" s="2">
        <v>0.21099999999999999</v>
      </c>
      <c r="X18796" s="2">
        <v>17</v>
      </c>
      <c r="Y18796" s="2">
        <v>80.7</v>
      </c>
      <c r="Z18796" s="2">
        <v>153.6</v>
      </c>
      <c r="AA18796" s="5">
        <v>7</v>
      </c>
      <c r="AB18796" s="5" t="s">
        <v>43</v>
      </c>
      <c r="AC18796" s="5" t="s">
        <v>735</v>
      </c>
      <c r="AD18796" s="2" t="s">
        <v>58209</v>
      </c>
      <c r="AE18796" s="1"/>
    </row>
    <row r="18797" spans="1:31" ht="14.45">
      <c r="A18797" s="11"/>
      <c r="B18797" s="20"/>
      <c r="C18797" s="2" t="s">
        <v>58210</v>
      </c>
      <c r="D18797" s="14" t="s">
        <v>58211</v>
      </c>
      <c r="E18797" s="2" t="s">
        <v>58212</v>
      </c>
      <c r="F18797" s="2" t="s">
        <v>58199</v>
      </c>
      <c r="G18797" s="8">
        <v>1602</v>
      </c>
      <c r="H18797" s="5">
        <v>5</v>
      </c>
      <c r="I18797" s="5" t="s">
        <v>69</v>
      </c>
      <c r="J18797" s="5" t="s">
        <v>55802</v>
      </c>
      <c r="K18797" s="2" t="s">
        <v>55803</v>
      </c>
      <c r="L18797" s="5" t="s">
        <v>55802</v>
      </c>
      <c r="M18797" s="2" t="s">
        <v>55803</v>
      </c>
      <c r="N18797" s="5" t="s">
        <v>733</v>
      </c>
      <c r="O18797" s="5" t="s">
        <v>38</v>
      </c>
      <c r="P18797" s="5" t="s">
        <v>39</v>
      </c>
      <c r="Q18797" s="5" t="s">
        <v>40</v>
      </c>
      <c r="R18797" s="5" t="s">
        <v>897</v>
      </c>
      <c r="S18797" s="5" t="s">
        <v>40</v>
      </c>
      <c r="T18797" s="5" t="s">
        <v>42</v>
      </c>
      <c r="U18797" s="2">
        <v>56.146999999999998</v>
      </c>
      <c r="V18797" s="2">
        <v>52.46</v>
      </c>
      <c r="W18797" s="2">
        <v>0.21099999999999999</v>
      </c>
      <c r="X18797" s="2">
        <v>17</v>
      </c>
      <c r="Y18797" s="2">
        <v>80.7</v>
      </c>
      <c r="Z18797" s="2">
        <v>153.6</v>
      </c>
      <c r="AA18797" s="5">
        <v>7</v>
      </c>
      <c r="AB18797" s="5" t="s">
        <v>43</v>
      </c>
      <c r="AC18797" s="5" t="s">
        <v>735</v>
      </c>
      <c r="AD18797" s="2" t="s">
        <v>58213</v>
      </c>
      <c r="AE18797" s="1"/>
    </row>
    <row r="18798" spans="1:31" ht="14.45">
      <c r="A18798" s="11"/>
      <c r="B18798" s="20"/>
      <c r="C18798" s="2" t="s">
        <v>58214</v>
      </c>
      <c r="D18798" s="14" t="s">
        <v>58215</v>
      </c>
      <c r="E18798" s="2" t="s">
        <v>58216</v>
      </c>
      <c r="F18798" s="2" t="s">
        <v>58217</v>
      </c>
      <c r="G18798" s="8">
        <v>1400</v>
      </c>
      <c r="H18798" s="5">
        <v>10</v>
      </c>
      <c r="I18798" s="5" t="s">
        <v>69</v>
      </c>
      <c r="J18798" s="5" t="s">
        <v>55802</v>
      </c>
      <c r="K18798" s="2" t="s">
        <v>55803</v>
      </c>
      <c r="L18798" s="5" t="s">
        <v>55802</v>
      </c>
      <c r="M18798" s="2" t="s">
        <v>55803</v>
      </c>
      <c r="N18798" s="5" t="s">
        <v>733</v>
      </c>
      <c r="O18798" s="5" t="s">
        <v>38</v>
      </c>
      <c r="P18798" s="5" t="s">
        <v>39</v>
      </c>
      <c r="Q18798" s="5" t="s">
        <v>40</v>
      </c>
      <c r="R18798" s="5" t="s">
        <v>897</v>
      </c>
      <c r="S18798" s="5" t="s">
        <v>40</v>
      </c>
      <c r="T18798" s="5" t="s">
        <v>42</v>
      </c>
      <c r="U18798" s="2">
        <v>54.51</v>
      </c>
      <c r="V18798" s="2">
        <v>50.982999999999997</v>
      </c>
      <c r="W18798" s="2">
        <v>0.21099999999999999</v>
      </c>
      <c r="X18798" s="2">
        <v>17</v>
      </c>
      <c r="Y18798" s="2">
        <v>80.7</v>
      </c>
      <c r="Z18798" s="2">
        <v>153.6</v>
      </c>
      <c r="AA18798" s="5">
        <v>7</v>
      </c>
      <c r="AB18798" s="5" t="s">
        <v>43</v>
      </c>
      <c r="AC18798" s="5" t="s">
        <v>735</v>
      </c>
      <c r="AD18798" s="2" t="s">
        <v>58218</v>
      </c>
      <c r="AE18798" s="1"/>
    </row>
    <row r="18799" spans="1:31" ht="14.45">
      <c r="A18799" s="11"/>
      <c r="B18799" s="20"/>
      <c r="C18799" s="2" t="s">
        <v>58219</v>
      </c>
      <c r="D18799" s="14" t="s">
        <v>58220</v>
      </c>
      <c r="E18799" s="2" t="s">
        <v>58221</v>
      </c>
      <c r="F18799" s="2" t="s">
        <v>58222</v>
      </c>
      <c r="G18799" s="8">
        <v>1700</v>
      </c>
      <c r="H18799" s="5">
        <v>10</v>
      </c>
      <c r="I18799" s="5" t="s">
        <v>69</v>
      </c>
      <c r="J18799" s="5" t="s">
        <v>55802</v>
      </c>
      <c r="K18799" s="2" t="s">
        <v>55803</v>
      </c>
      <c r="L18799" s="5" t="s">
        <v>55802</v>
      </c>
      <c r="M18799" s="2" t="s">
        <v>55803</v>
      </c>
      <c r="N18799" s="5" t="s">
        <v>733</v>
      </c>
      <c r="O18799" s="5" t="s">
        <v>38</v>
      </c>
      <c r="P18799" s="5" t="s">
        <v>39</v>
      </c>
      <c r="Q18799" s="5" t="s">
        <v>40</v>
      </c>
      <c r="R18799" s="5" t="s">
        <v>897</v>
      </c>
      <c r="S18799" s="5" t="s">
        <v>40</v>
      </c>
      <c r="T18799" s="5" t="s">
        <v>42</v>
      </c>
      <c r="U18799" s="2">
        <v>55.082000000000001</v>
      </c>
      <c r="V18799" s="2">
        <v>51.456000000000003</v>
      </c>
      <c r="W18799" s="2">
        <v>0.21099999999999999</v>
      </c>
      <c r="X18799" s="2">
        <v>17</v>
      </c>
      <c r="Y18799" s="2">
        <v>80.7</v>
      </c>
      <c r="Z18799" s="2">
        <v>153.6</v>
      </c>
      <c r="AA18799" s="5">
        <v>7</v>
      </c>
      <c r="AB18799" s="5" t="s">
        <v>43</v>
      </c>
      <c r="AC18799" s="5" t="s">
        <v>735</v>
      </c>
      <c r="AD18799" s="2" t="s">
        <v>58223</v>
      </c>
      <c r="AE18799" s="1"/>
    </row>
    <row r="18800" spans="1:31" ht="14.45">
      <c r="A18800" s="11"/>
      <c r="B18800" s="20"/>
      <c r="C18800" s="2" t="s">
        <v>58224</v>
      </c>
      <c r="D18800" s="14" t="s">
        <v>58225</v>
      </c>
      <c r="E18800" s="2" t="s">
        <v>58226</v>
      </c>
      <c r="F18800" s="2" t="s">
        <v>58222</v>
      </c>
      <c r="G18800" s="8">
        <v>1700</v>
      </c>
      <c r="H18800" s="5">
        <v>10</v>
      </c>
      <c r="I18800" s="5" t="s">
        <v>69</v>
      </c>
      <c r="J18800" s="5" t="s">
        <v>55802</v>
      </c>
      <c r="K18800" s="2" t="s">
        <v>55803</v>
      </c>
      <c r="L18800" s="5" t="s">
        <v>55802</v>
      </c>
      <c r="M18800" s="2" t="s">
        <v>55803</v>
      </c>
      <c r="N18800" s="5" t="s">
        <v>733</v>
      </c>
      <c r="O18800" s="5" t="s">
        <v>38</v>
      </c>
      <c r="P18800" s="5" t="s">
        <v>39</v>
      </c>
      <c r="Q18800" s="5" t="s">
        <v>40</v>
      </c>
      <c r="R18800" s="5" t="s">
        <v>897</v>
      </c>
      <c r="S18800" s="5" t="s">
        <v>40</v>
      </c>
      <c r="T18800" s="5" t="s">
        <v>42</v>
      </c>
      <c r="U18800" s="2">
        <v>55.237000000000002</v>
      </c>
      <c r="V18800" s="2">
        <v>51.55</v>
      </c>
      <c r="W18800" s="2">
        <v>0.21099999999999999</v>
      </c>
      <c r="X18800" s="2">
        <v>17</v>
      </c>
      <c r="Y18800" s="2">
        <v>80.7</v>
      </c>
      <c r="Z18800" s="2">
        <v>153.6</v>
      </c>
      <c r="AA18800" s="5">
        <v>7</v>
      </c>
      <c r="AB18800" s="5" t="s">
        <v>43</v>
      </c>
      <c r="AC18800" s="5" t="s">
        <v>735</v>
      </c>
      <c r="AD18800" s="2" t="s">
        <v>58227</v>
      </c>
      <c r="AE18800" s="1"/>
    </row>
    <row r="18801" spans="1:31" ht="14.45">
      <c r="A18801" s="11"/>
      <c r="B18801" s="20"/>
      <c r="C18801" s="2" t="s">
        <v>58228</v>
      </c>
      <c r="D18801" s="14" t="s">
        <v>58229</v>
      </c>
      <c r="E18801" s="2" t="s">
        <v>58230</v>
      </c>
      <c r="F18801" s="2" t="s">
        <v>58231</v>
      </c>
      <c r="G18801" s="8">
        <v>1063</v>
      </c>
      <c r="H18801" s="5">
        <v>10</v>
      </c>
      <c r="I18801" s="5" t="s">
        <v>69</v>
      </c>
      <c r="J18801" s="5" t="s">
        <v>55802</v>
      </c>
      <c r="K18801" s="2" t="s">
        <v>55803</v>
      </c>
      <c r="L18801" s="5" t="s">
        <v>55802</v>
      </c>
      <c r="M18801" s="2" t="s">
        <v>55803</v>
      </c>
      <c r="N18801" s="5" t="s">
        <v>733</v>
      </c>
      <c r="O18801" s="5" t="s">
        <v>38</v>
      </c>
      <c r="P18801" s="5" t="s">
        <v>39</v>
      </c>
      <c r="Q18801" s="5" t="s">
        <v>40</v>
      </c>
      <c r="R18801" s="5" t="s">
        <v>897</v>
      </c>
      <c r="S18801" s="5" t="s">
        <v>40</v>
      </c>
      <c r="T18801" s="5" t="s">
        <v>42</v>
      </c>
      <c r="U18801" s="2">
        <v>47.935000000000002</v>
      </c>
      <c r="V18801" s="2">
        <v>44.408000000000001</v>
      </c>
      <c r="W18801" s="2">
        <v>0.21099999999999999</v>
      </c>
      <c r="X18801" s="2">
        <v>17</v>
      </c>
      <c r="Y18801" s="2">
        <v>80.7</v>
      </c>
      <c r="Z18801" s="2">
        <v>153.6</v>
      </c>
      <c r="AA18801" s="5">
        <v>7</v>
      </c>
      <c r="AB18801" s="5" t="s">
        <v>43</v>
      </c>
      <c r="AC18801" s="5" t="s">
        <v>735</v>
      </c>
      <c r="AD18801" s="2" t="s">
        <v>58232</v>
      </c>
      <c r="AE18801" s="1"/>
    </row>
    <row r="18802" spans="1:31" ht="14.45">
      <c r="A18802" s="11"/>
      <c r="B18802" s="20"/>
      <c r="C18802" s="2" t="s">
        <v>58233</v>
      </c>
      <c r="D18802" s="14" t="s">
        <v>58234</v>
      </c>
      <c r="E18802" s="2" t="s">
        <v>58235</v>
      </c>
      <c r="F18802" s="2" t="s">
        <v>58231</v>
      </c>
      <c r="G18802" s="8">
        <v>1363</v>
      </c>
      <c r="H18802" s="5">
        <v>5</v>
      </c>
      <c r="I18802" s="5" t="s">
        <v>69</v>
      </c>
      <c r="J18802" s="5" t="s">
        <v>55802</v>
      </c>
      <c r="K18802" s="2" t="s">
        <v>55803</v>
      </c>
      <c r="L18802" s="5" t="s">
        <v>55802</v>
      </c>
      <c r="M18802" s="2" t="s">
        <v>55803</v>
      </c>
      <c r="N18802" s="5" t="s">
        <v>733</v>
      </c>
      <c r="O18802" s="5" t="s">
        <v>38</v>
      </c>
      <c r="P18802" s="5" t="s">
        <v>39</v>
      </c>
      <c r="Q18802" s="5" t="s">
        <v>40</v>
      </c>
      <c r="R18802" s="5" t="s">
        <v>897</v>
      </c>
      <c r="S18802" s="5" t="s">
        <v>40</v>
      </c>
      <c r="T18802" s="5" t="s">
        <v>42</v>
      </c>
      <c r="U18802" s="2">
        <v>48.515000000000001</v>
      </c>
      <c r="V18802" s="2">
        <v>44.881</v>
      </c>
      <c r="W18802" s="2">
        <v>0.21099999999999999</v>
      </c>
      <c r="X18802" s="2">
        <v>17</v>
      </c>
      <c r="Y18802" s="2">
        <v>80.7</v>
      </c>
      <c r="Z18802" s="2">
        <v>153.6</v>
      </c>
      <c r="AA18802" s="5">
        <v>7</v>
      </c>
      <c r="AB18802" s="5" t="s">
        <v>43</v>
      </c>
      <c r="AC18802" s="5" t="s">
        <v>735</v>
      </c>
      <c r="AD18802" s="2" t="s">
        <v>58236</v>
      </c>
      <c r="AE18802" s="1"/>
    </row>
    <row r="18803" spans="1:31" ht="14.45">
      <c r="A18803" s="11"/>
      <c r="B18803" s="20"/>
      <c r="C18803" s="2" t="s">
        <v>58237</v>
      </c>
      <c r="D18803" s="14" t="s">
        <v>58238</v>
      </c>
      <c r="E18803" s="2" t="s">
        <v>58239</v>
      </c>
      <c r="F18803" s="2" t="s">
        <v>58231</v>
      </c>
      <c r="G18803" s="8">
        <v>1363</v>
      </c>
      <c r="H18803" s="5">
        <v>10</v>
      </c>
      <c r="I18803" s="5" t="s">
        <v>69</v>
      </c>
      <c r="J18803" s="5" t="s">
        <v>55802</v>
      </c>
      <c r="K18803" s="2" t="s">
        <v>55803</v>
      </c>
      <c r="L18803" s="5" t="s">
        <v>55802</v>
      </c>
      <c r="M18803" s="2" t="s">
        <v>55803</v>
      </c>
      <c r="N18803" s="5" t="s">
        <v>733</v>
      </c>
      <c r="O18803" s="5" t="s">
        <v>38</v>
      </c>
      <c r="P18803" s="5" t="s">
        <v>39</v>
      </c>
      <c r="Q18803" s="5" t="s">
        <v>40</v>
      </c>
      <c r="R18803" s="5" t="s">
        <v>897</v>
      </c>
      <c r="S18803" s="5" t="s">
        <v>40</v>
      </c>
      <c r="T18803" s="5" t="s">
        <v>42</v>
      </c>
      <c r="U18803" s="2">
        <v>48.67</v>
      </c>
      <c r="V18803" s="2">
        <v>44.975000000000001</v>
      </c>
      <c r="W18803" s="2">
        <v>0.21099999999999999</v>
      </c>
      <c r="X18803" s="2">
        <v>17</v>
      </c>
      <c r="Y18803" s="2">
        <v>80.7</v>
      </c>
      <c r="Z18803" s="2">
        <v>153.6</v>
      </c>
      <c r="AA18803" s="5">
        <v>7</v>
      </c>
      <c r="AB18803" s="5" t="s">
        <v>43</v>
      </c>
      <c r="AC18803" s="5" t="s">
        <v>735</v>
      </c>
      <c r="AD18803" s="2" t="s">
        <v>58240</v>
      </c>
      <c r="AE18803" s="1"/>
    </row>
    <row r="18804" spans="1:31" ht="14.45">
      <c r="A18804" s="11"/>
      <c r="B18804" s="20"/>
      <c r="C18804" s="2" t="s">
        <v>58241</v>
      </c>
      <c r="D18804" s="14" t="s">
        <v>58242</v>
      </c>
      <c r="E18804" s="2" t="s">
        <v>58243</v>
      </c>
      <c r="F18804" s="2" t="s">
        <v>58244</v>
      </c>
      <c r="G18804" s="8">
        <v>1302</v>
      </c>
      <c r="H18804" s="5">
        <v>10</v>
      </c>
      <c r="I18804" s="5" t="s">
        <v>69</v>
      </c>
      <c r="J18804" s="5" t="s">
        <v>55802</v>
      </c>
      <c r="K18804" s="2" t="s">
        <v>55803</v>
      </c>
      <c r="L18804" s="5" t="s">
        <v>55802</v>
      </c>
      <c r="M18804" s="2" t="s">
        <v>55803</v>
      </c>
      <c r="N18804" s="5" t="s">
        <v>733</v>
      </c>
      <c r="O18804" s="5" t="s">
        <v>38</v>
      </c>
      <c r="P18804" s="5" t="s">
        <v>39</v>
      </c>
      <c r="Q18804" s="5" t="s">
        <v>40</v>
      </c>
      <c r="R18804" s="5" t="s">
        <v>897</v>
      </c>
      <c r="S18804" s="5" t="s">
        <v>40</v>
      </c>
      <c r="T18804" s="5" t="s">
        <v>42</v>
      </c>
      <c r="U18804" s="2">
        <v>54.47</v>
      </c>
      <c r="V18804" s="2">
        <v>50.942999999999998</v>
      </c>
      <c r="W18804" s="2">
        <v>0.21099999999999999</v>
      </c>
      <c r="X18804" s="2">
        <v>17</v>
      </c>
      <c r="Y18804" s="2">
        <v>80.7</v>
      </c>
      <c r="Z18804" s="2">
        <v>153.6</v>
      </c>
      <c r="AA18804" s="5">
        <v>7</v>
      </c>
      <c r="AB18804" s="5" t="s">
        <v>43</v>
      </c>
      <c r="AC18804" s="5" t="s">
        <v>735</v>
      </c>
      <c r="AD18804" s="2" t="s">
        <v>58245</v>
      </c>
      <c r="AE18804" s="1"/>
    </row>
    <row r="18805" spans="1:31" ht="14.45">
      <c r="A18805" s="11"/>
      <c r="B18805" s="20"/>
      <c r="C18805" s="2" t="s">
        <v>58246</v>
      </c>
      <c r="D18805" s="14" t="s">
        <v>58247</v>
      </c>
      <c r="E18805" s="2" t="s">
        <v>58248</v>
      </c>
      <c r="F18805" s="2" t="s">
        <v>58244</v>
      </c>
      <c r="G18805" s="8">
        <v>1602</v>
      </c>
      <c r="H18805" s="5">
        <v>5</v>
      </c>
      <c r="I18805" s="5" t="s">
        <v>69</v>
      </c>
      <c r="J18805" s="5" t="s">
        <v>55802</v>
      </c>
      <c r="K18805" s="2" t="s">
        <v>55803</v>
      </c>
      <c r="L18805" s="5" t="s">
        <v>55802</v>
      </c>
      <c r="M18805" s="2" t="s">
        <v>55803</v>
      </c>
      <c r="N18805" s="5" t="s">
        <v>733</v>
      </c>
      <c r="O18805" s="5" t="s">
        <v>38</v>
      </c>
      <c r="P18805" s="5" t="s">
        <v>39</v>
      </c>
      <c r="Q18805" s="5" t="s">
        <v>40</v>
      </c>
      <c r="R18805" s="5" t="s">
        <v>897</v>
      </c>
      <c r="S18805" s="5" t="s">
        <v>40</v>
      </c>
      <c r="T18805" s="5" t="s">
        <v>42</v>
      </c>
      <c r="U18805" s="2">
        <v>55.197000000000003</v>
      </c>
      <c r="V18805" s="2">
        <v>51.51</v>
      </c>
      <c r="W18805" s="2">
        <v>0.21099999999999999</v>
      </c>
      <c r="X18805" s="2">
        <v>17</v>
      </c>
      <c r="Y18805" s="2">
        <v>80.7</v>
      </c>
      <c r="Z18805" s="2">
        <v>153.6</v>
      </c>
      <c r="AA18805" s="5">
        <v>7</v>
      </c>
      <c r="AB18805" s="5" t="s">
        <v>43</v>
      </c>
      <c r="AC18805" s="5" t="s">
        <v>735</v>
      </c>
      <c r="AD18805" s="2" t="s">
        <v>58249</v>
      </c>
      <c r="AE18805" s="1"/>
    </row>
    <row r="18806" spans="1:31" ht="14.45">
      <c r="A18806" s="11"/>
      <c r="B18806" s="20"/>
      <c r="C18806" s="2" t="s">
        <v>58250</v>
      </c>
      <c r="D18806" s="14" t="s">
        <v>58251</v>
      </c>
      <c r="E18806" s="2" t="s">
        <v>58252</v>
      </c>
      <c r="F18806" s="2" t="s">
        <v>58253</v>
      </c>
      <c r="G18806" s="8">
        <v>1088</v>
      </c>
      <c r="H18806" s="5">
        <v>5</v>
      </c>
      <c r="I18806" s="5" t="s">
        <v>69</v>
      </c>
      <c r="J18806" s="5" t="s">
        <v>55802</v>
      </c>
      <c r="K18806" s="2" t="s">
        <v>55803</v>
      </c>
      <c r="L18806" s="5" t="s">
        <v>55802</v>
      </c>
      <c r="M18806" s="2" t="s">
        <v>55803</v>
      </c>
      <c r="N18806" s="5" t="s">
        <v>733</v>
      </c>
      <c r="O18806" s="5" t="s">
        <v>38</v>
      </c>
      <c r="P18806" s="5" t="s">
        <v>39</v>
      </c>
      <c r="Q18806" s="5" t="s">
        <v>40</v>
      </c>
      <c r="R18806" s="5" t="s">
        <v>897</v>
      </c>
      <c r="S18806" s="5" t="s">
        <v>40</v>
      </c>
      <c r="T18806" s="5" t="s">
        <v>42</v>
      </c>
      <c r="U18806" s="2">
        <v>58.581000000000003</v>
      </c>
      <c r="V18806" s="2">
        <v>55.082999999999998</v>
      </c>
      <c r="W18806" s="2">
        <v>0.21099999999999999</v>
      </c>
      <c r="X18806" s="2">
        <v>17</v>
      </c>
      <c r="Y18806" s="2">
        <v>80.7</v>
      </c>
      <c r="Z18806" s="2">
        <v>153.6</v>
      </c>
      <c r="AA18806" s="5">
        <v>7</v>
      </c>
      <c r="AB18806" s="5" t="s">
        <v>43</v>
      </c>
      <c r="AC18806" s="5" t="s">
        <v>735</v>
      </c>
      <c r="AD18806" s="2" t="s">
        <v>58254</v>
      </c>
      <c r="AE18806" s="1"/>
    </row>
    <row r="18807" spans="1:31" ht="14.45">
      <c r="A18807" s="11"/>
      <c r="B18807" s="20"/>
      <c r="C18807" s="2" t="s">
        <v>58255</v>
      </c>
      <c r="D18807" s="14" t="s">
        <v>58256</v>
      </c>
      <c r="E18807" s="2" t="s">
        <v>58257</v>
      </c>
      <c r="F18807" s="2" t="s">
        <v>58258</v>
      </c>
      <c r="G18807" s="8">
        <v>1388</v>
      </c>
      <c r="H18807" s="5">
        <v>10</v>
      </c>
      <c r="I18807" s="5" t="s">
        <v>69</v>
      </c>
      <c r="J18807" s="5" t="s">
        <v>55802</v>
      </c>
      <c r="K18807" s="2" t="s">
        <v>55803</v>
      </c>
      <c r="L18807" s="5" t="s">
        <v>55802</v>
      </c>
      <c r="M18807" s="2" t="s">
        <v>55803</v>
      </c>
      <c r="N18807" s="5" t="s">
        <v>733</v>
      </c>
      <c r="O18807" s="5" t="s">
        <v>38</v>
      </c>
      <c r="P18807" s="5" t="s">
        <v>39</v>
      </c>
      <c r="Q18807" s="5" t="s">
        <v>40</v>
      </c>
      <c r="R18807" s="5" t="s">
        <v>897</v>
      </c>
      <c r="S18807" s="5" t="s">
        <v>40</v>
      </c>
      <c r="T18807" s="5" t="s">
        <v>42</v>
      </c>
      <c r="U18807" s="2">
        <v>60.609000000000002</v>
      </c>
      <c r="V18807" s="2">
        <v>56.982999999999997</v>
      </c>
      <c r="W18807" s="2">
        <v>0.21099999999999999</v>
      </c>
      <c r="X18807" s="2">
        <v>17</v>
      </c>
      <c r="Y18807" s="2">
        <v>80.7</v>
      </c>
      <c r="Z18807" s="2">
        <v>153.6</v>
      </c>
      <c r="AA18807" s="5">
        <v>7</v>
      </c>
      <c r="AB18807" s="5" t="s">
        <v>43</v>
      </c>
      <c r="AC18807" s="5" t="s">
        <v>735</v>
      </c>
      <c r="AD18807" s="2" t="s">
        <v>58259</v>
      </c>
      <c r="AE18807" s="1"/>
    </row>
    <row r="18808" spans="1:31" ht="14.45">
      <c r="A18808" s="11"/>
      <c r="B18808" s="20"/>
      <c r="C18808" s="2" t="s">
        <v>58260</v>
      </c>
      <c r="D18808" s="14" t="s">
        <v>58261</v>
      </c>
      <c r="E18808" s="2" t="s">
        <v>58262</v>
      </c>
      <c r="F18808" s="2" t="s">
        <v>58263</v>
      </c>
      <c r="G18808" s="8">
        <v>932</v>
      </c>
      <c r="H18808" s="5">
        <v>5</v>
      </c>
      <c r="I18808" s="5" t="s">
        <v>69</v>
      </c>
      <c r="J18808" s="5" t="s">
        <v>55802</v>
      </c>
      <c r="K18808" s="2" t="s">
        <v>55803</v>
      </c>
      <c r="L18808" s="5" t="s">
        <v>55802</v>
      </c>
      <c r="M18808" s="2" t="s">
        <v>55803</v>
      </c>
      <c r="N18808" s="5" t="s">
        <v>733</v>
      </c>
      <c r="O18808" s="5" t="s">
        <v>38</v>
      </c>
      <c r="P18808" s="5" t="s">
        <v>39</v>
      </c>
      <c r="Q18808" s="5" t="s">
        <v>40</v>
      </c>
      <c r="R18808" s="5" t="s">
        <v>897</v>
      </c>
      <c r="S18808" s="5" t="s">
        <v>40</v>
      </c>
      <c r="T18808" s="5" t="s">
        <v>42</v>
      </c>
      <c r="U18808" s="2">
        <v>51.231999999999999</v>
      </c>
      <c r="V18808" s="2">
        <v>47.734000000000002</v>
      </c>
      <c r="W18808" s="2">
        <v>0.21099999999999999</v>
      </c>
      <c r="X18808" s="2">
        <v>17</v>
      </c>
      <c r="Y18808" s="2">
        <v>80.7</v>
      </c>
      <c r="Z18808" s="2">
        <v>153.6</v>
      </c>
      <c r="AA18808" s="5">
        <v>7</v>
      </c>
      <c r="AB18808" s="5" t="s">
        <v>43</v>
      </c>
      <c r="AC18808" s="5" t="s">
        <v>735</v>
      </c>
      <c r="AD18808" s="2" t="s">
        <v>58264</v>
      </c>
      <c r="AE18808" s="1"/>
    </row>
    <row r="18809" spans="1:31" ht="14.45">
      <c r="A18809" s="11"/>
      <c r="B18809" s="20"/>
      <c r="C18809" s="2" t="s">
        <v>58265</v>
      </c>
      <c r="D18809" s="14" t="s">
        <v>58266</v>
      </c>
      <c r="E18809" s="2" t="s">
        <v>58267</v>
      </c>
      <c r="F18809" s="2" t="s">
        <v>58268</v>
      </c>
      <c r="G18809" s="8">
        <v>1232</v>
      </c>
      <c r="H18809" s="5">
        <v>5</v>
      </c>
      <c r="I18809" s="5" t="s">
        <v>69</v>
      </c>
      <c r="J18809" s="5" t="s">
        <v>55802</v>
      </c>
      <c r="K18809" s="2" t="s">
        <v>55803</v>
      </c>
      <c r="L18809" s="5" t="s">
        <v>55802</v>
      </c>
      <c r="M18809" s="2" t="s">
        <v>55803</v>
      </c>
      <c r="N18809" s="5" t="s">
        <v>733</v>
      </c>
      <c r="O18809" s="5" t="s">
        <v>38</v>
      </c>
      <c r="P18809" s="5" t="s">
        <v>39</v>
      </c>
      <c r="Q18809" s="5" t="s">
        <v>40</v>
      </c>
      <c r="R18809" s="5" t="s">
        <v>897</v>
      </c>
      <c r="S18809" s="5" t="s">
        <v>40</v>
      </c>
      <c r="T18809" s="5" t="s">
        <v>42</v>
      </c>
      <c r="U18809" s="2">
        <v>53.113999999999997</v>
      </c>
      <c r="V18809" s="2">
        <v>49.497</v>
      </c>
      <c r="W18809" s="2">
        <v>0.21099999999999999</v>
      </c>
      <c r="X18809" s="2">
        <v>17</v>
      </c>
      <c r="Y18809" s="2">
        <v>80.7</v>
      </c>
      <c r="Z18809" s="2">
        <v>153.6</v>
      </c>
      <c r="AA18809" s="5">
        <v>7</v>
      </c>
      <c r="AB18809" s="5" t="s">
        <v>43</v>
      </c>
      <c r="AC18809" s="5" t="s">
        <v>735</v>
      </c>
      <c r="AD18809" s="2" t="s">
        <v>58269</v>
      </c>
      <c r="AE18809" s="1"/>
    </row>
    <row r="18810" spans="1:31" ht="14.45">
      <c r="A18810" s="11"/>
      <c r="B18810" s="20"/>
      <c r="C18810" s="2" t="s">
        <v>58270</v>
      </c>
      <c r="D18810" s="14" t="s">
        <v>58271</v>
      </c>
      <c r="E18810" s="2" t="s">
        <v>58272</v>
      </c>
      <c r="F18810" s="2" t="s">
        <v>58268</v>
      </c>
      <c r="G18810" s="8">
        <v>1232</v>
      </c>
      <c r="H18810" s="5">
        <v>10</v>
      </c>
      <c r="I18810" s="5" t="s">
        <v>69</v>
      </c>
      <c r="J18810" s="5" t="s">
        <v>55802</v>
      </c>
      <c r="K18810" s="2" t="s">
        <v>55803</v>
      </c>
      <c r="L18810" s="5" t="s">
        <v>55802</v>
      </c>
      <c r="M18810" s="2" t="s">
        <v>55803</v>
      </c>
      <c r="N18810" s="5" t="s">
        <v>733</v>
      </c>
      <c r="O18810" s="5" t="s">
        <v>38</v>
      </c>
      <c r="P18810" s="5" t="s">
        <v>39</v>
      </c>
      <c r="Q18810" s="5" t="s">
        <v>40</v>
      </c>
      <c r="R18810" s="5" t="s">
        <v>897</v>
      </c>
      <c r="S18810" s="5" t="s">
        <v>40</v>
      </c>
      <c r="T18810" s="5" t="s">
        <v>42</v>
      </c>
      <c r="U18810" s="2">
        <v>53.061999999999998</v>
      </c>
      <c r="V18810" s="2">
        <v>49.375</v>
      </c>
      <c r="W18810" s="2">
        <v>0.21099999999999999</v>
      </c>
      <c r="X18810" s="2">
        <v>17</v>
      </c>
      <c r="Y18810" s="2">
        <v>80.7</v>
      </c>
      <c r="Z18810" s="2">
        <v>153.6</v>
      </c>
      <c r="AA18810" s="5">
        <v>7</v>
      </c>
      <c r="AB18810" s="5" t="s">
        <v>43</v>
      </c>
      <c r="AC18810" s="5" t="s">
        <v>735</v>
      </c>
      <c r="AD18810" s="2" t="s">
        <v>58273</v>
      </c>
      <c r="AE18810" s="1"/>
    </row>
    <row r="18811" spans="1:31" ht="14.45">
      <c r="A18811" s="11"/>
      <c r="B18811" s="20"/>
      <c r="C18811" s="2" t="s">
        <v>58274</v>
      </c>
      <c r="D18811" s="14" t="s">
        <v>58275</v>
      </c>
      <c r="E18811" s="2" t="s">
        <v>58276</v>
      </c>
      <c r="F18811" s="2" t="s">
        <v>58268</v>
      </c>
      <c r="G18811" s="8">
        <v>1479</v>
      </c>
      <c r="H18811" s="5">
        <v>10</v>
      </c>
      <c r="I18811" s="5" t="s">
        <v>69</v>
      </c>
      <c r="J18811" s="5" t="s">
        <v>55802</v>
      </c>
      <c r="K18811" s="2" t="s">
        <v>55803</v>
      </c>
      <c r="L18811" s="5" t="s">
        <v>55802</v>
      </c>
      <c r="M18811" s="2" t="s">
        <v>55803</v>
      </c>
      <c r="N18811" s="5" t="s">
        <v>733</v>
      </c>
      <c r="O18811" s="5" t="s">
        <v>38</v>
      </c>
      <c r="P18811" s="5" t="s">
        <v>39</v>
      </c>
      <c r="Q18811" s="5" t="s">
        <v>40</v>
      </c>
      <c r="R18811" s="5" t="s">
        <v>897</v>
      </c>
      <c r="S18811" s="5" t="s">
        <v>40</v>
      </c>
      <c r="T18811" s="5" t="s">
        <v>42</v>
      </c>
      <c r="U18811" s="2">
        <v>53.692</v>
      </c>
      <c r="V18811" s="2">
        <v>50.152999999999999</v>
      </c>
      <c r="W18811" s="2">
        <v>0.21099999999999999</v>
      </c>
      <c r="X18811" s="2">
        <v>17</v>
      </c>
      <c r="Y18811" s="2">
        <v>80.7</v>
      </c>
      <c r="Z18811" s="2">
        <v>153.6</v>
      </c>
      <c r="AA18811" s="5">
        <v>7</v>
      </c>
      <c r="AB18811" s="5" t="s">
        <v>43</v>
      </c>
      <c r="AC18811" s="5" t="s">
        <v>735</v>
      </c>
      <c r="AD18811" s="2" t="s">
        <v>58277</v>
      </c>
      <c r="AE18811" s="1"/>
    </row>
    <row r="18812" spans="1:31" ht="14.45">
      <c r="A18812" s="11"/>
      <c r="B18812" s="20"/>
      <c r="C18812" s="2" t="s">
        <v>58278</v>
      </c>
      <c r="D18812" s="14" t="s">
        <v>58279</v>
      </c>
      <c r="E18812" s="2" t="s">
        <v>58280</v>
      </c>
      <c r="F18812" s="2" t="s">
        <v>58281</v>
      </c>
      <c r="G18812" s="8">
        <v>1088</v>
      </c>
      <c r="H18812" s="5">
        <v>10</v>
      </c>
      <c r="I18812" s="5" t="s">
        <v>69</v>
      </c>
      <c r="J18812" s="5" t="s">
        <v>55802</v>
      </c>
      <c r="K18812" s="2" t="s">
        <v>55803</v>
      </c>
      <c r="L18812" s="5" t="s">
        <v>55802</v>
      </c>
      <c r="M18812" s="2" t="s">
        <v>55803</v>
      </c>
      <c r="N18812" s="5" t="s">
        <v>733</v>
      </c>
      <c r="O18812" s="5" t="s">
        <v>38</v>
      </c>
      <c r="P18812" s="5" t="s">
        <v>39</v>
      </c>
      <c r="Q18812" s="5" t="s">
        <v>40</v>
      </c>
      <c r="R18812" s="5" t="s">
        <v>897</v>
      </c>
      <c r="S18812" s="5" t="s">
        <v>40</v>
      </c>
      <c r="T18812" s="5" t="s">
        <v>42</v>
      </c>
      <c r="U18812" s="2">
        <v>50.856999999999999</v>
      </c>
      <c r="V18812" s="2">
        <v>47.353999999999999</v>
      </c>
      <c r="W18812" s="2">
        <v>0.21099999999999999</v>
      </c>
      <c r="X18812" s="2">
        <v>17</v>
      </c>
      <c r="Y18812" s="2">
        <v>80.7</v>
      </c>
      <c r="Z18812" s="2">
        <v>153.6</v>
      </c>
      <c r="AA18812" s="5">
        <v>7</v>
      </c>
      <c r="AB18812" s="5" t="s">
        <v>43</v>
      </c>
      <c r="AC18812" s="5" t="s">
        <v>735</v>
      </c>
      <c r="AD18812" s="2" t="s">
        <v>58282</v>
      </c>
      <c r="AE18812" s="1"/>
    </row>
    <row r="18813" spans="1:31" ht="14.45">
      <c r="A18813" s="11"/>
      <c r="B18813" s="20"/>
      <c r="C18813" s="2" t="s">
        <v>58283</v>
      </c>
      <c r="D18813" s="14" t="s">
        <v>58284</v>
      </c>
      <c r="E18813" s="2" t="s">
        <v>58285</v>
      </c>
      <c r="F18813" s="2" t="s">
        <v>58281</v>
      </c>
      <c r="G18813" s="8">
        <v>1388</v>
      </c>
      <c r="H18813" s="5">
        <v>10</v>
      </c>
      <c r="I18813" s="5" t="s">
        <v>69</v>
      </c>
      <c r="J18813" s="5" t="s">
        <v>55802</v>
      </c>
      <c r="K18813" s="2" t="s">
        <v>55803</v>
      </c>
      <c r="L18813" s="5" t="s">
        <v>55802</v>
      </c>
      <c r="M18813" s="2" t="s">
        <v>55803</v>
      </c>
      <c r="N18813" s="5" t="s">
        <v>733</v>
      </c>
      <c r="O18813" s="5" t="s">
        <v>38</v>
      </c>
      <c r="P18813" s="5" t="s">
        <v>39</v>
      </c>
      <c r="Q18813" s="5" t="s">
        <v>40</v>
      </c>
      <c r="R18813" s="5" t="s">
        <v>897</v>
      </c>
      <c r="S18813" s="5" t="s">
        <v>40</v>
      </c>
      <c r="T18813" s="5" t="s">
        <v>42</v>
      </c>
      <c r="U18813" s="2">
        <v>52.768999999999998</v>
      </c>
      <c r="V18813" s="2">
        <v>49.143000000000001</v>
      </c>
      <c r="W18813" s="2">
        <v>0.21099999999999999</v>
      </c>
      <c r="X18813" s="2">
        <v>17</v>
      </c>
      <c r="Y18813" s="2">
        <v>80.7</v>
      </c>
      <c r="Z18813" s="2">
        <v>153.6</v>
      </c>
      <c r="AA18813" s="5">
        <v>7</v>
      </c>
      <c r="AB18813" s="5" t="s">
        <v>43</v>
      </c>
      <c r="AC18813" s="5" t="s">
        <v>735</v>
      </c>
      <c r="AD18813" s="2" t="s">
        <v>58286</v>
      </c>
      <c r="AE18813" s="1"/>
    </row>
    <row r="18814" spans="1:31" ht="14.45">
      <c r="A18814" s="11"/>
      <c r="B18814" s="20"/>
      <c r="C18814" s="2" t="s">
        <v>58287</v>
      </c>
      <c r="D18814" s="14" t="s">
        <v>58288</v>
      </c>
      <c r="E18814" s="2" t="s">
        <v>58289</v>
      </c>
      <c r="F18814" s="2" t="s">
        <v>58281</v>
      </c>
      <c r="G18814" s="8">
        <v>1388</v>
      </c>
      <c r="H18814" s="5">
        <v>10</v>
      </c>
      <c r="I18814" s="5" t="s">
        <v>69</v>
      </c>
      <c r="J18814" s="5" t="s">
        <v>55802</v>
      </c>
      <c r="K18814" s="2" t="s">
        <v>55803</v>
      </c>
      <c r="L18814" s="5" t="s">
        <v>55802</v>
      </c>
      <c r="M18814" s="2" t="s">
        <v>55803</v>
      </c>
      <c r="N18814" s="5" t="s">
        <v>733</v>
      </c>
      <c r="O18814" s="5" t="s">
        <v>38</v>
      </c>
      <c r="P18814" s="5" t="s">
        <v>39</v>
      </c>
      <c r="Q18814" s="5" t="s">
        <v>40</v>
      </c>
      <c r="R18814" s="5" t="s">
        <v>897</v>
      </c>
      <c r="S18814" s="5" t="s">
        <v>40</v>
      </c>
      <c r="T18814" s="5" t="s">
        <v>42</v>
      </c>
      <c r="U18814" s="2">
        <v>52.893000000000001</v>
      </c>
      <c r="V18814" s="2">
        <v>49.206000000000003</v>
      </c>
      <c r="W18814" s="2">
        <v>0.21099999999999999</v>
      </c>
      <c r="X18814" s="2">
        <v>17</v>
      </c>
      <c r="Y18814" s="2">
        <v>80.7</v>
      </c>
      <c r="Z18814" s="2">
        <v>153.6</v>
      </c>
      <c r="AA18814" s="5">
        <v>7</v>
      </c>
      <c r="AB18814" s="5" t="s">
        <v>43</v>
      </c>
      <c r="AC18814" s="5" t="s">
        <v>735</v>
      </c>
      <c r="AD18814" s="2" t="s">
        <v>58290</v>
      </c>
      <c r="AE18814" s="1"/>
    </row>
    <row r="18815" spans="1:31" ht="14.45">
      <c r="A18815" s="11"/>
      <c r="B18815" s="20"/>
      <c r="C18815" s="2" t="s">
        <v>58291</v>
      </c>
      <c r="D18815" s="14" t="s">
        <v>58292</v>
      </c>
      <c r="E18815" s="2" t="s">
        <v>58293</v>
      </c>
      <c r="F18815" s="2" t="s">
        <v>58294</v>
      </c>
      <c r="G18815" s="8">
        <v>783</v>
      </c>
      <c r="H18815" s="5">
        <v>10</v>
      </c>
      <c r="I18815" s="5" t="s">
        <v>69</v>
      </c>
      <c r="J18815" s="5" t="s">
        <v>55802</v>
      </c>
      <c r="K18815" s="2" t="s">
        <v>55803</v>
      </c>
      <c r="L18815" s="5" t="s">
        <v>55802</v>
      </c>
      <c r="M18815" s="2" t="s">
        <v>55803</v>
      </c>
      <c r="N18815" s="5" t="s">
        <v>733</v>
      </c>
      <c r="O18815" s="5" t="s">
        <v>38</v>
      </c>
      <c r="P18815" s="5" t="s">
        <v>39</v>
      </c>
      <c r="Q18815" s="5" t="s">
        <v>40</v>
      </c>
      <c r="R18815" s="5" t="s">
        <v>897</v>
      </c>
      <c r="S18815" s="5" t="s">
        <v>40</v>
      </c>
      <c r="T18815" s="5" t="s">
        <v>42</v>
      </c>
      <c r="U18815" s="2">
        <v>51.088000000000001</v>
      </c>
      <c r="V18815" s="2">
        <v>47.585000000000001</v>
      </c>
      <c r="W18815" s="2">
        <v>0.21099999999999999</v>
      </c>
      <c r="X18815" s="2">
        <v>17</v>
      </c>
      <c r="Y18815" s="2">
        <v>80.7</v>
      </c>
      <c r="Z18815" s="2">
        <v>153.6</v>
      </c>
      <c r="AA18815" s="5">
        <v>7</v>
      </c>
      <c r="AB18815" s="5" t="s">
        <v>43</v>
      </c>
      <c r="AC18815" s="5" t="s">
        <v>735</v>
      </c>
      <c r="AD18815" s="2" t="s">
        <v>58295</v>
      </c>
      <c r="AE18815" s="1"/>
    </row>
    <row r="18816" spans="1:31" ht="14.45">
      <c r="A18816" s="11"/>
      <c r="B18816" s="20"/>
      <c r="C18816" s="2" t="s">
        <v>58296</v>
      </c>
      <c r="D18816" s="14" t="s">
        <v>58297</v>
      </c>
      <c r="E18816" s="2" t="s">
        <v>58298</v>
      </c>
      <c r="F18816" s="2" t="s">
        <v>58294</v>
      </c>
      <c r="G18816" s="8">
        <v>1083</v>
      </c>
      <c r="H18816" s="5">
        <v>10</v>
      </c>
      <c r="I18816" s="5" t="s">
        <v>69</v>
      </c>
      <c r="J18816" s="5" t="s">
        <v>55802</v>
      </c>
      <c r="K18816" s="2" t="s">
        <v>55803</v>
      </c>
      <c r="L18816" s="5" t="s">
        <v>55802</v>
      </c>
      <c r="M18816" s="2" t="s">
        <v>55803</v>
      </c>
      <c r="N18816" s="5" t="s">
        <v>733</v>
      </c>
      <c r="O18816" s="5" t="s">
        <v>38</v>
      </c>
      <c r="P18816" s="5" t="s">
        <v>39</v>
      </c>
      <c r="Q18816" s="5" t="s">
        <v>40</v>
      </c>
      <c r="R18816" s="5" t="s">
        <v>897</v>
      </c>
      <c r="S18816" s="5" t="s">
        <v>40</v>
      </c>
      <c r="T18816" s="5" t="s">
        <v>42</v>
      </c>
      <c r="U18816" s="2">
        <v>53</v>
      </c>
      <c r="V18816" s="2">
        <v>49.374000000000002</v>
      </c>
      <c r="W18816" s="2">
        <v>0.21099999999999999</v>
      </c>
      <c r="X18816" s="2">
        <v>17</v>
      </c>
      <c r="Y18816" s="2">
        <v>80.7</v>
      </c>
      <c r="Z18816" s="2">
        <v>153.6</v>
      </c>
      <c r="AA18816" s="5">
        <v>7</v>
      </c>
      <c r="AB18816" s="5" t="s">
        <v>43</v>
      </c>
      <c r="AC18816" s="5" t="s">
        <v>735</v>
      </c>
      <c r="AD18816" s="2" t="s">
        <v>58299</v>
      </c>
      <c r="AE18816" s="1"/>
    </row>
    <row r="18817" spans="1:31" ht="14.45">
      <c r="A18817" s="11"/>
      <c r="B18817" s="20"/>
      <c r="C18817" s="2" t="s">
        <v>58300</v>
      </c>
      <c r="D18817" s="14" t="s">
        <v>58301</v>
      </c>
      <c r="E18817" s="2" t="s">
        <v>58302</v>
      </c>
      <c r="F18817" s="2" t="s">
        <v>58294</v>
      </c>
      <c r="G18817" s="8">
        <v>1083</v>
      </c>
      <c r="H18817" s="5">
        <v>10</v>
      </c>
      <c r="I18817" s="5" t="s">
        <v>69</v>
      </c>
      <c r="J18817" s="5" t="s">
        <v>55802</v>
      </c>
      <c r="K18817" s="2" t="s">
        <v>55803</v>
      </c>
      <c r="L18817" s="5" t="s">
        <v>55802</v>
      </c>
      <c r="M18817" s="2" t="s">
        <v>55803</v>
      </c>
      <c r="N18817" s="5" t="s">
        <v>733</v>
      </c>
      <c r="O18817" s="5" t="s">
        <v>38</v>
      </c>
      <c r="P18817" s="5" t="s">
        <v>39</v>
      </c>
      <c r="Q18817" s="5" t="s">
        <v>40</v>
      </c>
      <c r="R18817" s="5" t="s">
        <v>897</v>
      </c>
      <c r="S18817" s="5" t="s">
        <v>40</v>
      </c>
      <c r="T18817" s="5" t="s">
        <v>42</v>
      </c>
      <c r="U18817" s="2">
        <v>53.103000000000002</v>
      </c>
      <c r="V18817" s="2">
        <v>49.415999999999997</v>
      </c>
      <c r="W18817" s="2">
        <v>0.21099999999999999</v>
      </c>
      <c r="X18817" s="2">
        <v>17</v>
      </c>
      <c r="Y18817" s="2">
        <v>80.7</v>
      </c>
      <c r="Z18817" s="2">
        <v>153.6</v>
      </c>
      <c r="AA18817" s="5">
        <v>7</v>
      </c>
      <c r="AB18817" s="5" t="s">
        <v>43</v>
      </c>
      <c r="AC18817" s="5" t="s">
        <v>735</v>
      </c>
      <c r="AD18817" s="2" t="s">
        <v>58303</v>
      </c>
      <c r="AE18817" s="1"/>
    </row>
    <row r="18818" spans="1:31" ht="14.45">
      <c r="A18818" s="11"/>
      <c r="B18818" s="20"/>
      <c r="C18818" s="2" t="s">
        <v>58304</v>
      </c>
      <c r="D18818" s="14" t="s">
        <v>58305</v>
      </c>
      <c r="E18818" s="2" t="s">
        <v>58306</v>
      </c>
      <c r="F18818" s="2" t="s">
        <v>58307</v>
      </c>
      <c r="G18818" s="8">
        <v>595</v>
      </c>
      <c r="H18818" s="5">
        <v>5</v>
      </c>
      <c r="I18818" s="5" t="s">
        <v>69</v>
      </c>
      <c r="J18818" s="5" t="s">
        <v>55802</v>
      </c>
      <c r="K18818" s="2" t="s">
        <v>55803</v>
      </c>
      <c r="L18818" s="5" t="s">
        <v>55802</v>
      </c>
      <c r="M18818" s="2" t="s">
        <v>55803</v>
      </c>
      <c r="N18818" s="5" t="s">
        <v>733</v>
      </c>
      <c r="O18818" s="5" t="s">
        <v>38</v>
      </c>
      <c r="P18818" s="5" t="s">
        <v>39</v>
      </c>
      <c r="Q18818" s="5" t="s">
        <v>40</v>
      </c>
      <c r="R18818" s="5" t="s">
        <v>897</v>
      </c>
      <c r="S18818" s="5" t="s">
        <v>40</v>
      </c>
      <c r="T18818" s="5" t="s">
        <v>42</v>
      </c>
      <c r="U18818" s="2">
        <v>44.613</v>
      </c>
      <c r="V18818" s="2">
        <v>41.115000000000002</v>
      </c>
      <c r="W18818" s="2">
        <v>0.21099999999999999</v>
      </c>
      <c r="X18818" s="2">
        <v>17</v>
      </c>
      <c r="Y18818" s="2">
        <v>80.7</v>
      </c>
      <c r="Z18818" s="2">
        <v>153.6</v>
      </c>
      <c r="AA18818" s="5">
        <v>7</v>
      </c>
      <c r="AB18818" s="5" t="s">
        <v>43</v>
      </c>
      <c r="AC18818" s="5" t="s">
        <v>735</v>
      </c>
      <c r="AD18818" s="2" t="s">
        <v>58308</v>
      </c>
      <c r="AE18818" s="1"/>
    </row>
    <row r="18819" spans="1:31" ht="14.45">
      <c r="A18819" s="11"/>
      <c r="B18819" s="20"/>
      <c r="C18819" s="2" t="s">
        <v>58309</v>
      </c>
      <c r="D18819" s="14" t="s">
        <v>58310</v>
      </c>
      <c r="E18819" s="2" t="s">
        <v>58311</v>
      </c>
      <c r="F18819" s="2" t="s">
        <v>58307</v>
      </c>
      <c r="G18819" s="8">
        <v>895</v>
      </c>
      <c r="H18819" s="5">
        <v>5</v>
      </c>
      <c r="I18819" s="5" t="s">
        <v>69</v>
      </c>
      <c r="J18819" s="5" t="s">
        <v>55802</v>
      </c>
      <c r="K18819" s="2" t="s">
        <v>55803</v>
      </c>
      <c r="L18819" s="5" t="s">
        <v>55802</v>
      </c>
      <c r="M18819" s="2" t="s">
        <v>55803</v>
      </c>
      <c r="N18819" s="5" t="s">
        <v>733</v>
      </c>
      <c r="O18819" s="5" t="s">
        <v>38</v>
      </c>
      <c r="P18819" s="5" t="s">
        <v>39</v>
      </c>
      <c r="Q18819" s="5" t="s">
        <v>40</v>
      </c>
      <c r="R18819" s="5" t="s">
        <v>897</v>
      </c>
      <c r="S18819" s="5" t="s">
        <v>40</v>
      </c>
      <c r="T18819" s="5" t="s">
        <v>42</v>
      </c>
      <c r="U18819" s="2">
        <v>46.527999999999999</v>
      </c>
      <c r="V18819" s="2">
        <v>42.902999999999999</v>
      </c>
      <c r="W18819" s="2">
        <v>0.21099999999999999</v>
      </c>
      <c r="X18819" s="2">
        <v>17</v>
      </c>
      <c r="Y18819" s="2">
        <v>80.7</v>
      </c>
      <c r="Z18819" s="2">
        <v>153.6</v>
      </c>
      <c r="AA18819" s="5">
        <v>7</v>
      </c>
      <c r="AB18819" s="5" t="s">
        <v>43</v>
      </c>
      <c r="AC18819" s="5" t="s">
        <v>735</v>
      </c>
      <c r="AD18819" s="2" t="s">
        <v>58312</v>
      </c>
      <c r="AE18819" s="1"/>
    </row>
    <row r="18820" spans="1:31" ht="14.45">
      <c r="A18820" s="11"/>
      <c r="B18820" s="20"/>
      <c r="C18820" s="2" t="s">
        <v>58313</v>
      </c>
      <c r="D18820" s="14" t="s">
        <v>58314</v>
      </c>
      <c r="E18820" s="2" t="s">
        <v>58315</v>
      </c>
      <c r="F18820" s="2" t="s">
        <v>58307</v>
      </c>
      <c r="G18820" s="8">
        <v>895</v>
      </c>
      <c r="H18820" s="5">
        <v>5</v>
      </c>
      <c r="I18820" s="5" t="s">
        <v>69</v>
      </c>
      <c r="J18820" s="5" t="s">
        <v>55802</v>
      </c>
      <c r="K18820" s="2" t="s">
        <v>55803</v>
      </c>
      <c r="L18820" s="5" t="s">
        <v>55802</v>
      </c>
      <c r="M18820" s="2" t="s">
        <v>55803</v>
      </c>
      <c r="N18820" s="5" t="s">
        <v>733</v>
      </c>
      <c r="O18820" s="5" t="s">
        <v>38</v>
      </c>
      <c r="P18820" s="5" t="s">
        <v>39</v>
      </c>
      <c r="Q18820" s="5" t="s">
        <v>40</v>
      </c>
      <c r="R18820" s="5" t="s">
        <v>897</v>
      </c>
      <c r="S18820" s="5" t="s">
        <v>40</v>
      </c>
      <c r="T18820" s="5" t="s">
        <v>42</v>
      </c>
      <c r="U18820" s="2">
        <v>46.692</v>
      </c>
      <c r="V18820" s="2">
        <v>43.006</v>
      </c>
      <c r="W18820" s="2">
        <v>0.21099999999999999</v>
      </c>
      <c r="X18820" s="2">
        <v>17</v>
      </c>
      <c r="Y18820" s="2">
        <v>80.7</v>
      </c>
      <c r="Z18820" s="2">
        <v>153.6</v>
      </c>
      <c r="AA18820" s="5">
        <v>7</v>
      </c>
      <c r="AB18820" s="5" t="s">
        <v>43</v>
      </c>
      <c r="AC18820" s="5" t="s">
        <v>735</v>
      </c>
      <c r="AD18820" s="2" t="s">
        <v>58316</v>
      </c>
      <c r="AE18820" s="1"/>
    </row>
    <row r="18821" spans="1:31" ht="14.45">
      <c r="A18821" s="11"/>
      <c r="B18821" s="20"/>
      <c r="C18821" s="2" t="s">
        <v>58317</v>
      </c>
      <c r="D18821" s="14" t="s">
        <v>58318</v>
      </c>
      <c r="E18821" s="2" t="s">
        <v>58319</v>
      </c>
      <c r="F18821" s="2" t="s">
        <v>58307</v>
      </c>
      <c r="G18821" s="8">
        <v>1142</v>
      </c>
      <c r="H18821" s="5">
        <v>5</v>
      </c>
      <c r="I18821" s="5" t="s">
        <v>69</v>
      </c>
      <c r="J18821" s="5" t="s">
        <v>55802</v>
      </c>
      <c r="K18821" s="2" t="s">
        <v>55803</v>
      </c>
      <c r="L18821" s="5" t="s">
        <v>55802</v>
      </c>
      <c r="M18821" s="2" t="s">
        <v>55803</v>
      </c>
      <c r="N18821" s="5" t="s">
        <v>733</v>
      </c>
      <c r="O18821" s="5" t="s">
        <v>38</v>
      </c>
      <c r="P18821" s="5" t="s">
        <v>39</v>
      </c>
      <c r="Q18821" s="5" t="s">
        <v>40</v>
      </c>
      <c r="R18821" s="5" t="s">
        <v>897</v>
      </c>
      <c r="S18821" s="5" t="s">
        <v>40</v>
      </c>
      <c r="T18821" s="5" t="s">
        <v>42</v>
      </c>
      <c r="U18821" s="2">
        <v>47.081000000000003</v>
      </c>
      <c r="V18821" s="2">
        <v>43.533999999999999</v>
      </c>
      <c r="W18821" s="2">
        <v>0.21099999999999999</v>
      </c>
      <c r="X18821" s="2">
        <v>17</v>
      </c>
      <c r="Y18821" s="2">
        <v>80.7</v>
      </c>
      <c r="Z18821" s="2">
        <v>153.6</v>
      </c>
      <c r="AA18821" s="5">
        <v>7</v>
      </c>
      <c r="AB18821" s="5" t="s">
        <v>43</v>
      </c>
      <c r="AC18821" s="5" t="s">
        <v>735</v>
      </c>
      <c r="AD18821" s="2" t="s">
        <v>58320</v>
      </c>
      <c r="AE18821" s="1"/>
    </row>
    <row r="18822" spans="1:31" ht="14.45">
      <c r="A18822" s="11"/>
      <c r="B18822" s="20"/>
      <c r="C18822" s="2" t="s">
        <v>58321</v>
      </c>
      <c r="D18822" s="14" t="s">
        <v>58322</v>
      </c>
      <c r="E18822" s="2" t="s">
        <v>58323</v>
      </c>
      <c r="F18822" s="2" t="s">
        <v>58324</v>
      </c>
      <c r="G18822" s="8">
        <v>834</v>
      </c>
      <c r="H18822" s="5">
        <v>5</v>
      </c>
      <c r="I18822" s="5" t="s">
        <v>69</v>
      </c>
      <c r="J18822" s="5" t="s">
        <v>55802</v>
      </c>
      <c r="K18822" s="2" t="s">
        <v>55803</v>
      </c>
      <c r="L18822" s="5" t="s">
        <v>55802</v>
      </c>
      <c r="M18822" s="2" t="s">
        <v>55803</v>
      </c>
      <c r="N18822" s="5" t="s">
        <v>733</v>
      </c>
      <c r="O18822" s="5" t="s">
        <v>38</v>
      </c>
      <c r="P18822" s="5" t="s">
        <v>39</v>
      </c>
      <c r="Q18822" s="5" t="s">
        <v>40</v>
      </c>
      <c r="R18822" s="5" t="s">
        <v>897</v>
      </c>
      <c r="S18822" s="5" t="s">
        <v>40</v>
      </c>
      <c r="T18822" s="5" t="s">
        <v>42</v>
      </c>
      <c r="U18822" s="2">
        <v>51.006999999999998</v>
      </c>
      <c r="V18822" s="2">
        <v>47.503999999999998</v>
      </c>
      <c r="W18822" s="2">
        <v>0.21099999999999999</v>
      </c>
      <c r="X18822" s="2">
        <v>17</v>
      </c>
      <c r="Y18822" s="2">
        <v>80.7</v>
      </c>
      <c r="Z18822" s="2">
        <v>153.6</v>
      </c>
      <c r="AA18822" s="5">
        <v>7</v>
      </c>
      <c r="AB18822" s="5" t="s">
        <v>43</v>
      </c>
      <c r="AC18822" s="5" t="s">
        <v>735</v>
      </c>
      <c r="AD18822" s="2" t="s">
        <v>58325</v>
      </c>
      <c r="AE18822" s="1"/>
    </row>
    <row r="18823" spans="1:31" ht="14.45">
      <c r="A18823" s="11"/>
      <c r="B18823" s="20"/>
      <c r="C18823" s="2" t="s">
        <v>58326</v>
      </c>
      <c r="D18823" s="14" t="s">
        <v>58327</v>
      </c>
      <c r="E18823" s="2" t="s">
        <v>58328</v>
      </c>
      <c r="F18823" s="2" t="s">
        <v>58324</v>
      </c>
      <c r="G18823" s="8">
        <v>1134</v>
      </c>
      <c r="H18823" s="5">
        <v>5</v>
      </c>
      <c r="I18823" s="5" t="s">
        <v>69</v>
      </c>
      <c r="J18823" s="5" t="s">
        <v>55802</v>
      </c>
      <c r="K18823" s="2" t="s">
        <v>55803</v>
      </c>
      <c r="L18823" s="5" t="s">
        <v>55802</v>
      </c>
      <c r="M18823" s="2" t="s">
        <v>55803</v>
      </c>
      <c r="N18823" s="5" t="s">
        <v>733</v>
      </c>
      <c r="O18823" s="5" t="s">
        <v>38</v>
      </c>
      <c r="P18823" s="5" t="s">
        <v>39</v>
      </c>
      <c r="Q18823" s="5" t="s">
        <v>40</v>
      </c>
      <c r="R18823" s="5" t="s">
        <v>897</v>
      </c>
      <c r="S18823" s="5" t="s">
        <v>40</v>
      </c>
      <c r="T18823" s="5" t="s">
        <v>42</v>
      </c>
      <c r="U18823" s="2">
        <v>52.918999999999997</v>
      </c>
      <c r="V18823" s="2">
        <v>49.292999999999999</v>
      </c>
      <c r="W18823" s="2">
        <v>0.21099999999999999</v>
      </c>
      <c r="X18823" s="2">
        <v>17</v>
      </c>
      <c r="Y18823" s="2">
        <v>80.7</v>
      </c>
      <c r="Z18823" s="2">
        <v>153.6</v>
      </c>
      <c r="AA18823" s="5">
        <v>7</v>
      </c>
      <c r="AB18823" s="5" t="s">
        <v>43</v>
      </c>
      <c r="AC18823" s="5" t="s">
        <v>735</v>
      </c>
      <c r="AD18823" s="2" t="s">
        <v>58329</v>
      </c>
      <c r="AE18823" s="1"/>
    </row>
    <row r="18824" spans="1:31" ht="14.45">
      <c r="A18824" s="11"/>
      <c r="B18824" s="20"/>
      <c r="C18824" s="2" t="s">
        <v>58330</v>
      </c>
      <c r="D18824" s="14" t="s">
        <v>58331</v>
      </c>
      <c r="E18824" s="2" t="s">
        <v>58332</v>
      </c>
      <c r="F18824" s="2" t="s">
        <v>58324</v>
      </c>
      <c r="G18824" s="8">
        <v>1134</v>
      </c>
      <c r="H18824" s="5">
        <v>10</v>
      </c>
      <c r="I18824" s="5" t="s">
        <v>69</v>
      </c>
      <c r="J18824" s="5" t="s">
        <v>55802</v>
      </c>
      <c r="K18824" s="2" t="s">
        <v>55803</v>
      </c>
      <c r="L18824" s="5" t="s">
        <v>55802</v>
      </c>
      <c r="M18824" s="2" t="s">
        <v>55803</v>
      </c>
      <c r="N18824" s="5" t="s">
        <v>733</v>
      </c>
      <c r="O18824" s="5" t="s">
        <v>38</v>
      </c>
      <c r="P18824" s="5" t="s">
        <v>39</v>
      </c>
      <c r="Q18824" s="5" t="s">
        <v>40</v>
      </c>
      <c r="R18824" s="5" t="s">
        <v>897</v>
      </c>
      <c r="S18824" s="5" t="s">
        <v>40</v>
      </c>
      <c r="T18824" s="5" t="s">
        <v>42</v>
      </c>
      <c r="U18824" s="2">
        <v>53.021999999999998</v>
      </c>
      <c r="V18824" s="2">
        <v>49.335000000000001</v>
      </c>
      <c r="W18824" s="2">
        <v>0.21099999999999999</v>
      </c>
      <c r="X18824" s="2">
        <v>17</v>
      </c>
      <c r="Y18824" s="2">
        <v>80.7</v>
      </c>
      <c r="Z18824" s="2">
        <v>153.6</v>
      </c>
      <c r="AA18824" s="5">
        <v>7</v>
      </c>
      <c r="AB18824" s="5" t="s">
        <v>43</v>
      </c>
      <c r="AC18824" s="5" t="s">
        <v>735</v>
      </c>
      <c r="AD18824" s="2" t="s">
        <v>58333</v>
      </c>
      <c r="AE18824" s="1"/>
    </row>
    <row r="18825" spans="1:31" ht="14.45">
      <c r="A18825" s="5"/>
      <c r="B18825" s="21"/>
      <c r="C18825" s="2" t="s">
        <v>58334</v>
      </c>
      <c r="D18825" s="14" t="s">
        <v>58335</v>
      </c>
      <c r="E18825" s="2" t="s">
        <v>58336</v>
      </c>
      <c r="F18825" s="2" t="s">
        <v>58337</v>
      </c>
      <c r="G18825" s="8">
        <v>1381</v>
      </c>
      <c r="H18825" s="5">
        <v>5</v>
      </c>
      <c r="I18825" s="5" t="s">
        <v>69</v>
      </c>
      <c r="J18825" s="5" t="s">
        <v>55802</v>
      </c>
      <c r="K18825" s="2" t="s">
        <v>55803</v>
      </c>
      <c r="L18825" s="5" t="s">
        <v>55802</v>
      </c>
      <c r="M18825" s="2" t="s">
        <v>55803</v>
      </c>
      <c r="N18825" s="5" t="s">
        <v>733</v>
      </c>
      <c r="O18825" s="5" t="s">
        <v>38</v>
      </c>
      <c r="P18825" s="5" t="s">
        <v>39</v>
      </c>
      <c r="Q18825" s="5" t="s">
        <v>40</v>
      </c>
      <c r="R18825" s="5" t="s">
        <v>897</v>
      </c>
      <c r="S18825" s="5" t="s">
        <v>40</v>
      </c>
      <c r="T18825" s="5" t="s">
        <v>42</v>
      </c>
      <c r="U18825" s="2">
        <v>53.652000000000001</v>
      </c>
      <c r="V18825" s="2">
        <v>50.113</v>
      </c>
      <c r="W18825" s="2">
        <v>0.21099999999999999</v>
      </c>
      <c r="X18825" s="2">
        <v>17</v>
      </c>
      <c r="Y18825" s="2">
        <v>80.7</v>
      </c>
      <c r="Z18825" s="2">
        <v>153.6</v>
      </c>
      <c r="AA18825" s="5">
        <v>7</v>
      </c>
      <c r="AB18825" s="5" t="s">
        <v>43</v>
      </c>
      <c r="AC18825" s="5" t="s">
        <v>735</v>
      </c>
      <c r="AD18825" s="2"/>
      <c r="AE18825" s="1"/>
    </row>
    <row r="18826" spans="1:31" ht="14.45">
      <c r="A18826" s="11"/>
      <c r="B18826" s="20"/>
      <c r="C18826" s="2" t="s">
        <v>58338</v>
      </c>
      <c r="D18826" s="14" t="s">
        <v>58339</v>
      </c>
      <c r="E18826" s="2" t="s">
        <v>58340</v>
      </c>
      <c r="F18826" s="2" t="s">
        <v>58341</v>
      </c>
      <c r="G18826" s="8">
        <v>1856</v>
      </c>
      <c r="H18826" s="5">
        <v>10</v>
      </c>
      <c r="I18826" s="5" t="s">
        <v>69</v>
      </c>
      <c r="J18826" s="5" t="s">
        <v>55802</v>
      </c>
      <c r="K18826" s="2" t="s">
        <v>55803</v>
      </c>
      <c r="L18826" s="5" t="s">
        <v>55802</v>
      </c>
      <c r="M18826" s="2" t="s">
        <v>55803</v>
      </c>
      <c r="N18826" s="5" t="s">
        <v>733</v>
      </c>
      <c r="O18826" s="5" t="s">
        <v>38</v>
      </c>
      <c r="P18826" s="5" t="s">
        <v>39</v>
      </c>
      <c r="Q18826" s="5" t="s">
        <v>40</v>
      </c>
      <c r="R18826" s="5" t="s">
        <v>897</v>
      </c>
      <c r="S18826" s="5" t="s">
        <v>40</v>
      </c>
      <c r="T18826" s="5" t="s">
        <v>42</v>
      </c>
      <c r="U18826" s="2">
        <v>64.010999999999996</v>
      </c>
      <c r="V18826" s="2">
        <v>60.384999999999998</v>
      </c>
      <c r="W18826" s="2">
        <v>0.21099999999999999</v>
      </c>
      <c r="X18826" s="2">
        <v>17</v>
      </c>
      <c r="Y18826" s="2">
        <v>80.7</v>
      </c>
      <c r="Z18826" s="2">
        <v>153.6</v>
      </c>
      <c r="AA18826" s="5">
        <v>7</v>
      </c>
      <c r="AB18826" s="5" t="s">
        <v>43</v>
      </c>
      <c r="AC18826" s="5" t="s">
        <v>735</v>
      </c>
      <c r="AD18826" s="2" t="s">
        <v>58342</v>
      </c>
      <c r="AE18826" s="1"/>
    </row>
    <row r="18827" spans="1:31" ht="14.45">
      <c r="A18827" s="11"/>
      <c r="B18827" s="20"/>
      <c r="C18827" s="2" t="s">
        <v>58343</v>
      </c>
      <c r="D18827" s="14" t="s">
        <v>58344</v>
      </c>
      <c r="E18827" s="2" t="s">
        <v>58345</v>
      </c>
      <c r="F18827" s="2" t="s">
        <v>58346</v>
      </c>
      <c r="G18827" s="8">
        <v>1400</v>
      </c>
      <c r="H18827" s="5">
        <v>5</v>
      </c>
      <c r="I18827" s="5" t="s">
        <v>69</v>
      </c>
      <c r="J18827" s="5" t="s">
        <v>55802</v>
      </c>
      <c r="K18827" s="2" t="s">
        <v>55803</v>
      </c>
      <c r="L18827" s="5" t="s">
        <v>55802</v>
      </c>
      <c r="M18827" s="2" t="s">
        <v>55803</v>
      </c>
      <c r="N18827" s="5" t="s">
        <v>733</v>
      </c>
      <c r="O18827" s="5" t="s">
        <v>38</v>
      </c>
      <c r="P18827" s="5" t="s">
        <v>39</v>
      </c>
      <c r="Q18827" s="5" t="s">
        <v>40</v>
      </c>
      <c r="R18827" s="5" t="s">
        <v>897</v>
      </c>
      <c r="S18827" s="5" t="s">
        <v>40</v>
      </c>
      <c r="T18827" s="5" t="s">
        <v>42</v>
      </c>
      <c r="U18827" s="2">
        <v>55.73</v>
      </c>
      <c r="V18827" s="2">
        <v>52.203000000000003</v>
      </c>
      <c r="W18827" s="2">
        <v>0.21099999999999999</v>
      </c>
      <c r="X18827" s="2">
        <v>17</v>
      </c>
      <c r="Y18827" s="2">
        <v>80.7</v>
      </c>
      <c r="Z18827" s="2">
        <v>153.6</v>
      </c>
      <c r="AA18827" s="5">
        <v>7</v>
      </c>
      <c r="AB18827" s="5" t="s">
        <v>43</v>
      </c>
      <c r="AC18827" s="5" t="s">
        <v>735</v>
      </c>
      <c r="AD18827" s="2" t="s">
        <v>58347</v>
      </c>
      <c r="AE18827" s="1"/>
    </row>
    <row r="18828" spans="1:31" ht="14.45">
      <c r="A18828" s="11"/>
      <c r="B18828" s="20"/>
      <c r="C18828" s="2" t="s">
        <v>58348</v>
      </c>
      <c r="D18828" s="14" t="s">
        <v>58349</v>
      </c>
      <c r="E18828" s="2" t="s">
        <v>58350</v>
      </c>
      <c r="F18828" s="2" t="s">
        <v>58351</v>
      </c>
      <c r="G18828" s="8">
        <v>1700</v>
      </c>
      <c r="H18828" s="5">
        <v>10</v>
      </c>
      <c r="I18828" s="5" t="s">
        <v>69</v>
      </c>
      <c r="J18828" s="5" t="s">
        <v>55802</v>
      </c>
      <c r="K18828" s="2" t="s">
        <v>55803</v>
      </c>
      <c r="L18828" s="5" t="s">
        <v>55802</v>
      </c>
      <c r="M18828" s="2" t="s">
        <v>55803</v>
      </c>
      <c r="N18828" s="5" t="s">
        <v>733</v>
      </c>
      <c r="O18828" s="5" t="s">
        <v>38</v>
      </c>
      <c r="P18828" s="5" t="s">
        <v>39</v>
      </c>
      <c r="Q18828" s="5" t="s">
        <v>40</v>
      </c>
      <c r="R18828" s="5" t="s">
        <v>897</v>
      </c>
      <c r="S18828" s="5" t="s">
        <v>40</v>
      </c>
      <c r="T18828" s="5" t="s">
        <v>42</v>
      </c>
      <c r="U18828" s="2">
        <v>56.326999999999998</v>
      </c>
      <c r="V18828" s="2">
        <v>52.701000000000001</v>
      </c>
      <c r="W18828" s="2">
        <v>0.21099999999999999</v>
      </c>
      <c r="X18828" s="2">
        <v>17</v>
      </c>
      <c r="Y18828" s="2">
        <v>80.7</v>
      </c>
      <c r="Z18828" s="2">
        <v>153.6</v>
      </c>
      <c r="AA18828" s="5">
        <v>7</v>
      </c>
      <c r="AB18828" s="5" t="s">
        <v>43</v>
      </c>
      <c r="AC18828" s="5" t="s">
        <v>735</v>
      </c>
      <c r="AD18828" s="2" t="s">
        <v>58352</v>
      </c>
      <c r="AE18828" s="1"/>
    </row>
    <row r="18829" spans="1:31" ht="14.45">
      <c r="A18829" s="11"/>
      <c r="B18829" s="20"/>
      <c r="C18829" s="2" t="s">
        <v>58353</v>
      </c>
      <c r="D18829" s="14" t="s">
        <v>58354</v>
      </c>
      <c r="E18829" s="2" t="s">
        <v>58355</v>
      </c>
      <c r="F18829" s="2" t="s">
        <v>58351</v>
      </c>
      <c r="G18829" s="8">
        <v>1700</v>
      </c>
      <c r="H18829" s="5">
        <v>10</v>
      </c>
      <c r="I18829" s="5" t="s">
        <v>69</v>
      </c>
      <c r="J18829" s="5" t="s">
        <v>55802</v>
      </c>
      <c r="K18829" s="2" t="s">
        <v>55803</v>
      </c>
      <c r="L18829" s="5" t="s">
        <v>55802</v>
      </c>
      <c r="M18829" s="2" t="s">
        <v>55803</v>
      </c>
      <c r="N18829" s="5" t="s">
        <v>733</v>
      </c>
      <c r="O18829" s="5" t="s">
        <v>38</v>
      </c>
      <c r="P18829" s="5" t="s">
        <v>39</v>
      </c>
      <c r="Q18829" s="5" t="s">
        <v>40</v>
      </c>
      <c r="R18829" s="5" t="s">
        <v>897</v>
      </c>
      <c r="S18829" s="5" t="s">
        <v>40</v>
      </c>
      <c r="T18829" s="5" t="s">
        <v>42</v>
      </c>
      <c r="U18829" s="2">
        <v>56.478000000000002</v>
      </c>
      <c r="V18829" s="2">
        <v>52.790999999999997</v>
      </c>
      <c r="W18829" s="2">
        <v>0.21099999999999999</v>
      </c>
      <c r="X18829" s="2">
        <v>17</v>
      </c>
      <c r="Y18829" s="2">
        <v>80.7</v>
      </c>
      <c r="Z18829" s="2">
        <v>153.6</v>
      </c>
      <c r="AA18829" s="5">
        <v>7</v>
      </c>
      <c r="AB18829" s="5" t="s">
        <v>43</v>
      </c>
      <c r="AC18829" s="5" t="s">
        <v>735</v>
      </c>
      <c r="AD18829" s="2" t="s">
        <v>58356</v>
      </c>
      <c r="AE18829" s="1"/>
    </row>
    <row r="18830" spans="1:31" ht="14.45">
      <c r="A18830" s="11"/>
      <c r="B18830" s="20"/>
      <c r="C18830" s="2" t="s">
        <v>58357</v>
      </c>
      <c r="D18830" s="14" t="s">
        <v>58358</v>
      </c>
      <c r="E18830" s="2" t="s">
        <v>58359</v>
      </c>
      <c r="F18830" s="2" t="s">
        <v>58360</v>
      </c>
      <c r="G18830" s="8">
        <v>1302</v>
      </c>
      <c r="H18830" s="5">
        <v>5</v>
      </c>
      <c r="I18830" s="5" t="s">
        <v>69</v>
      </c>
      <c r="J18830" s="5" t="s">
        <v>55802</v>
      </c>
      <c r="K18830" s="2" t="s">
        <v>55803</v>
      </c>
      <c r="L18830" s="5" t="s">
        <v>55802</v>
      </c>
      <c r="M18830" s="2" t="s">
        <v>55803</v>
      </c>
      <c r="N18830" s="5" t="s">
        <v>733</v>
      </c>
      <c r="O18830" s="5" t="s">
        <v>38</v>
      </c>
      <c r="P18830" s="5" t="s">
        <v>39</v>
      </c>
      <c r="Q18830" s="5" t="s">
        <v>40</v>
      </c>
      <c r="R18830" s="5" t="s">
        <v>897</v>
      </c>
      <c r="S18830" s="5" t="s">
        <v>40</v>
      </c>
      <c r="T18830" s="5" t="s">
        <v>42</v>
      </c>
      <c r="U18830" s="2">
        <v>55.69</v>
      </c>
      <c r="V18830" s="2">
        <v>52.162999999999997</v>
      </c>
      <c r="W18830" s="2">
        <v>0.21099999999999999</v>
      </c>
      <c r="X18830" s="2">
        <v>17</v>
      </c>
      <c r="Y18830" s="2">
        <v>80.7</v>
      </c>
      <c r="Z18830" s="2">
        <v>153.6</v>
      </c>
      <c r="AA18830" s="5">
        <v>7</v>
      </c>
      <c r="AB18830" s="5" t="s">
        <v>43</v>
      </c>
      <c r="AC18830" s="5" t="s">
        <v>735</v>
      </c>
      <c r="AD18830" s="2" t="s">
        <v>58361</v>
      </c>
      <c r="AE18830" s="1"/>
    </row>
    <row r="18831" spans="1:31" ht="14.45">
      <c r="A18831" s="11"/>
      <c r="B18831" s="20"/>
      <c r="C18831" s="2" t="s">
        <v>58362</v>
      </c>
      <c r="D18831" s="14" t="s">
        <v>58363</v>
      </c>
      <c r="E18831" s="2" t="s">
        <v>58364</v>
      </c>
      <c r="F18831" s="2" t="s">
        <v>58360</v>
      </c>
      <c r="G18831" s="8">
        <v>1602</v>
      </c>
      <c r="H18831" s="5">
        <v>5</v>
      </c>
      <c r="I18831" s="5" t="s">
        <v>69</v>
      </c>
      <c r="J18831" s="5" t="s">
        <v>55802</v>
      </c>
      <c r="K18831" s="2" t="s">
        <v>55803</v>
      </c>
      <c r="L18831" s="5" t="s">
        <v>55802</v>
      </c>
      <c r="M18831" s="2" t="s">
        <v>55803</v>
      </c>
      <c r="N18831" s="5" t="s">
        <v>733</v>
      </c>
      <c r="O18831" s="5" t="s">
        <v>38</v>
      </c>
      <c r="P18831" s="5" t="s">
        <v>39</v>
      </c>
      <c r="Q18831" s="5" t="s">
        <v>40</v>
      </c>
      <c r="R18831" s="5" t="s">
        <v>897</v>
      </c>
      <c r="S18831" s="5" t="s">
        <v>40</v>
      </c>
      <c r="T18831" s="5" t="s">
        <v>42</v>
      </c>
      <c r="U18831" s="2">
        <v>56.286999999999999</v>
      </c>
      <c r="V18831" s="2">
        <v>52.661000000000001</v>
      </c>
      <c r="W18831" s="2">
        <v>0.21099999999999999</v>
      </c>
      <c r="X18831" s="2">
        <v>17</v>
      </c>
      <c r="Y18831" s="2">
        <v>80.7</v>
      </c>
      <c r="Z18831" s="2">
        <v>153.6</v>
      </c>
      <c r="AA18831" s="5">
        <v>7</v>
      </c>
      <c r="AB18831" s="5" t="s">
        <v>43</v>
      </c>
      <c r="AC18831" s="5" t="s">
        <v>735</v>
      </c>
      <c r="AD18831" s="2" t="s">
        <v>58365</v>
      </c>
      <c r="AE18831" s="1"/>
    </row>
    <row r="18832" spans="1:31" ht="14.45">
      <c r="A18832" s="11"/>
      <c r="B18832" s="20"/>
      <c r="C18832" s="2" t="s">
        <v>58366</v>
      </c>
      <c r="D18832" s="14" t="s">
        <v>58367</v>
      </c>
      <c r="E18832" s="2" t="s">
        <v>58368</v>
      </c>
      <c r="F18832" s="2" t="s">
        <v>58360</v>
      </c>
      <c r="G18832" s="8">
        <v>1602</v>
      </c>
      <c r="H18832" s="5">
        <v>5</v>
      </c>
      <c r="I18832" s="5" t="s">
        <v>69</v>
      </c>
      <c r="J18832" s="5" t="s">
        <v>55802</v>
      </c>
      <c r="K18832" s="2" t="s">
        <v>55803</v>
      </c>
      <c r="L18832" s="5" t="s">
        <v>55802</v>
      </c>
      <c r="M18832" s="2" t="s">
        <v>55803</v>
      </c>
      <c r="N18832" s="5" t="s">
        <v>733</v>
      </c>
      <c r="O18832" s="5" t="s">
        <v>38</v>
      </c>
      <c r="P18832" s="5" t="s">
        <v>39</v>
      </c>
      <c r="Q18832" s="5" t="s">
        <v>40</v>
      </c>
      <c r="R18832" s="5" t="s">
        <v>897</v>
      </c>
      <c r="S18832" s="5" t="s">
        <v>40</v>
      </c>
      <c r="T18832" s="5" t="s">
        <v>42</v>
      </c>
      <c r="U18832" s="2">
        <v>56.438000000000002</v>
      </c>
      <c r="V18832" s="2">
        <v>52.750999999999998</v>
      </c>
      <c r="W18832" s="2">
        <v>0.21099999999999999</v>
      </c>
      <c r="X18832" s="2">
        <v>17</v>
      </c>
      <c r="Y18832" s="2">
        <v>80.7</v>
      </c>
      <c r="Z18832" s="2">
        <v>153.6</v>
      </c>
      <c r="AA18832" s="5">
        <v>7</v>
      </c>
      <c r="AB18832" s="5" t="s">
        <v>43</v>
      </c>
      <c r="AC18832" s="5" t="s">
        <v>735</v>
      </c>
      <c r="AD18832" s="2" t="s">
        <v>58369</v>
      </c>
      <c r="AE18832" s="1"/>
    </row>
    <row r="18833" spans="1:31" ht="14.45">
      <c r="A18833" s="11"/>
      <c r="B18833" s="20"/>
      <c r="C18833" s="2" t="s">
        <v>58370</v>
      </c>
      <c r="D18833" s="14" t="s">
        <v>58371</v>
      </c>
      <c r="E18833" s="2" t="s">
        <v>58372</v>
      </c>
      <c r="F18833" s="2" t="s">
        <v>58373</v>
      </c>
      <c r="G18833" s="8">
        <v>1400</v>
      </c>
      <c r="H18833" s="5">
        <v>10</v>
      </c>
      <c r="I18833" s="5" t="s">
        <v>69</v>
      </c>
      <c r="J18833" s="5" t="s">
        <v>55802</v>
      </c>
      <c r="K18833" s="2" t="s">
        <v>55803</v>
      </c>
      <c r="L18833" s="5" t="s">
        <v>55802</v>
      </c>
      <c r="M18833" s="2" t="s">
        <v>55803</v>
      </c>
      <c r="N18833" s="5" t="s">
        <v>733</v>
      </c>
      <c r="O18833" s="5" t="s">
        <v>38</v>
      </c>
      <c r="P18833" s="5" t="s">
        <v>39</v>
      </c>
      <c r="Q18833" s="5" t="s">
        <v>40</v>
      </c>
      <c r="R18833" s="5" t="s">
        <v>897</v>
      </c>
      <c r="S18833" s="5" t="s">
        <v>40</v>
      </c>
      <c r="T18833" s="5" t="s">
        <v>42</v>
      </c>
      <c r="U18833" s="2">
        <v>54.78</v>
      </c>
      <c r="V18833" s="2">
        <v>51.253</v>
      </c>
      <c r="W18833" s="2">
        <v>0.21099999999999999</v>
      </c>
      <c r="X18833" s="2">
        <v>17</v>
      </c>
      <c r="Y18833" s="2">
        <v>80.7</v>
      </c>
      <c r="Z18833" s="2">
        <v>153.6</v>
      </c>
      <c r="AA18833" s="5">
        <v>7</v>
      </c>
      <c r="AB18833" s="5" t="s">
        <v>43</v>
      </c>
      <c r="AC18833" s="5" t="s">
        <v>735</v>
      </c>
      <c r="AD18833" s="2" t="s">
        <v>58374</v>
      </c>
      <c r="AE18833" s="1"/>
    </row>
    <row r="18834" spans="1:31" ht="14.45">
      <c r="A18834" s="11"/>
      <c r="B18834" s="20"/>
      <c r="C18834" s="2" t="s">
        <v>58375</v>
      </c>
      <c r="D18834" s="14" t="s">
        <v>58376</v>
      </c>
      <c r="E18834" s="2" t="s">
        <v>58377</v>
      </c>
      <c r="F18834" s="2" t="s">
        <v>58378</v>
      </c>
      <c r="G18834" s="8">
        <v>1700</v>
      </c>
      <c r="H18834" s="5">
        <v>10</v>
      </c>
      <c r="I18834" s="5" t="s">
        <v>69</v>
      </c>
      <c r="J18834" s="5" t="s">
        <v>55802</v>
      </c>
      <c r="K18834" s="2" t="s">
        <v>55803</v>
      </c>
      <c r="L18834" s="5" t="s">
        <v>55802</v>
      </c>
      <c r="M18834" s="2" t="s">
        <v>55803</v>
      </c>
      <c r="N18834" s="5" t="s">
        <v>733</v>
      </c>
      <c r="O18834" s="5" t="s">
        <v>38</v>
      </c>
      <c r="P18834" s="5" t="s">
        <v>39</v>
      </c>
      <c r="Q18834" s="5" t="s">
        <v>40</v>
      </c>
      <c r="R18834" s="5" t="s">
        <v>897</v>
      </c>
      <c r="S18834" s="5" t="s">
        <v>40</v>
      </c>
      <c r="T18834" s="5" t="s">
        <v>42</v>
      </c>
      <c r="U18834" s="2">
        <v>55.377000000000002</v>
      </c>
      <c r="V18834" s="2">
        <v>51.750999999999998</v>
      </c>
      <c r="W18834" s="2">
        <v>0.21099999999999999</v>
      </c>
      <c r="X18834" s="2">
        <v>17</v>
      </c>
      <c r="Y18834" s="2">
        <v>80.7</v>
      </c>
      <c r="Z18834" s="2">
        <v>153.6</v>
      </c>
      <c r="AA18834" s="5">
        <v>7</v>
      </c>
      <c r="AB18834" s="5" t="s">
        <v>43</v>
      </c>
      <c r="AC18834" s="5" t="s">
        <v>735</v>
      </c>
      <c r="AD18834" s="2" t="s">
        <v>58379</v>
      </c>
      <c r="AE18834" s="1"/>
    </row>
    <row r="18835" spans="1:31" ht="14.45">
      <c r="A18835" s="11"/>
      <c r="B18835" s="20"/>
      <c r="C18835" s="2" t="s">
        <v>58380</v>
      </c>
      <c r="D18835" s="14" t="s">
        <v>58381</v>
      </c>
      <c r="E18835" s="2" t="s">
        <v>58382</v>
      </c>
      <c r="F18835" s="2" t="s">
        <v>58378</v>
      </c>
      <c r="G18835" s="8">
        <v>1700</v>
      </c>
      <c r="H18835" s="5">
        <v>10</v>
      </c>
      <c r="I18835" s="5" t="s">
        <v>69</v>
      </c>
      <c r="J18835" s="5" t="s">
        <v>55802</v>
      </c>
      <c r="K18835" s="2" t="s">
        <v>55803</v>
      </c>
      <c r="L18835" s="5" t="s">
        <v>55802</v>
      </c>
      <c r="M18835" s="2" t="s">
        <v>55803</v>
      </c>
      <c r="N18835" s="5" t="s">
        <v>733</v>
      </c>
      <c r="O18835" s="5" t="s">
        <v>38</v>
      </c>
      <c r="P18835" s="5" t="s">
        <v>39</v>
      </c>
      <c r="Q18835" s="5" t="s">
        <v>40</v>
      </c>
      <c r="R18835" s="5" t="s">
        <v>897</v>
      </c>
      <c r="S18835" s="5" t="s">
        <v>40</v>
      </c>
      <c r="T18835" s="5" t="s">
        <v>42</v>
      </c>
      <c r="U18835" s="2">
        <v>55.527999999999999</v>
      </c>
      <c r="V18835" s="2">
        <v>51.841000000000001</v>
      </c>
      <c r="W18835" s="2">
        <v>0.21099999999999999</v>
      </c>
      <c r="X18835" s="2">
        <v>17</v>
      </c>
      <c r="Y18835" s="2">
        <v>80.7</v>
      </c>
      <c r="Z18835" s="2">
        <v>153.6</v>
      </c>
      <c r="AA18835" s="5">
        <v>7</v>
      </c>
      <c r="AB18835" s="5" t="s">
        <v>43</v>
      </c>
      <c r="AC18835" s="5" t="s">
        <v>735</v>
      </c>
      <c r="AD18835" s="2" t="s">
        <v>58383</v>
      </c>
      <c r="AE18835" s="1"/>
    </row>
    <row r="18836" spans="1:31" ht="14.45">
      <c r="A18836" s="11"/>
      <c r="B18836" s="20"/>
      <c r="C18836" s="2" t="s">
        <v>58384</v>
      </c>
      <c r="D18836" s="14" t="s">
        <v>58385</v>
      </c>
      <c r="E18836" s="2" t="s">
        <v>58386</v>
      </c>
      <c r="F18836" s="2" t="s">
        <v>58387</v>
      </c>
      <c r="G18836" s="8">
        <v>1302</v>
      </c>
      <c r="H18836" s="5">
        <v>5</v>
      </c>
      <c r="I18836" s="5" t="s">
        <v>69</v>
      </c>
      <c r="J18836" s="5" t="s">
        <v>55802</v>
      </c>
      <c r="K18836" s="2" t="s">
        <v>55803</v>
      </c>
      <c r="L18836" s="5" t="s">
        <v>55802</v>
      </c>
      <c r="M18836" s="2" t="s">
        <v>55803</v>
      </c>
      <c r="N18836" s="5" t="s">
        <v>733</v>
      </c>
      <c r="O18836" s="5" t="s">
        <v>38</v>
      </c>
      <c r="P18836" s="5" t="s">
        <v>39</v>
      </c>
      <c r="Q18836" s="5" t="s">
        <v>40</v>
      </c>
      <c r="R18836" s="5" t="s">
        <v>897</v>
      </c>
      <c r="S18836" s="5" t="s">
        <v>40</v>
      </c>
      <c r="T18836" s="5" t="s">
        <v>42</v>
      </c>
      <c r="U18836" s="2">
        <v>54.74</v>
      </c>
      <c r="V18836" s="2">
        <v>51.213000000000001</v>
      </c>
      <c r="W18836" s="2">
        <v>0.21099999999999999</v>
      </c>
      <c r="X18836" s="2">
        <v>17</v>
      </c>
      <c r="Y18836" s="2">
        <v>80.7</v>
      </c>
      <c r="Z18836" s="2">
        <v>153.6</v>
      </c>
      <c r="AA18836" s="5">
        <v>7</v>
      </c>
      <c r="AB18836" s="5" t="s">
        <v>43</v>
      </c>
      <c r="AC18836" s="5" t="s">
        <v>735</v>
      </c>
      <c r="AD18836" s="2" t="s">
        <v>58388</v>
      </c>
      <c r="AE18836" s="1"/>
    </row>
    <row r="18837" spans="1:31" ht="14.45">
      <c r="A18837" s="11"/>
      <c r="B18837" s="20"/>
      <c r="C18837" s="2" t="s">
        <v>58389</v>
      </c>
      <c r="D18837" s="14" t="s">
        <v>58390</v>
      </c>
      <c r="E18837" s="2" t="s">
        <v>58391</v>
      </c>
      <c r="F18837" s="2" t="s">
        <v>58387</v>
      </c>
      <c r="G18837" s="8">
        <v>1602</v>
      </c>
      <c r="H18837" s="5">
        <v>5</v>
      </c>
      <c r="I18837" s="5" t="s">
        <v>69</v>
      </c>
      <c r="J18837" s="5" t="s">
        <v>55802</v>
      </c>
      <c r="K18837" s="2" t="s">
        <v>55803</v>
      </c>
      <c r="L18837" s="5" t="s">
        <v>55802</v>
      </c>
      <c r="M18837" s="2" t="s">
        <v>55803</v>
      </c>
      <c r="N18837" s="5" t="s">
        <v>733</v>
      </c>
      <c r="O18837" s="5" t="s">
        <v>38</v>
      </c>
      <c r="P18837" s="5" t="s">
        <v>39</v>
      </c>
      <c r="Q18837" s="5" t="s">
        <v>40</v>
      </c>
      <c r="R18837" s="5" t="s">
        <v>897</v>
      </c>
      <c r="S18837" s="5" t="s">
        <v>40</v>
      </c>
      <c r="T18837" s="5" t="s">
        <v>42</v>
      </c>
      <c r="U18837" s="2">
        <v>55.488</v>
      </c>
      <c r="V18837" s="2">
        <v>51.801000000000002</v>
      </c>
      <c r="W18837" s="2">
        <v>0.21099999999999999</v>
      </c>
      <c r="X18837" s="2">
        <v>17</v>
      </c>
      <c r="Y18837" s="2">
        <v>80.7</v>
      </c>
      <c r="Z18837" s="2">
        <v>153.6</v>
      </c>
      <c r="AA18837" s="5">
        <v>7</v>
      </c>
      <c r="AB18837" s="5" t="s">
        <v>43</v>
      </c>
      <c r="AC18837" s="5" t="s">
        <v>735</v>
      </c>
      <c r="AD18837" s="2" t="s">
        <v>58392</v>
      </c>
      <c r="AE18837" s="1"/>
    </row>
    <row r="18838" spans="1:31" ht="14.45">
      <c r="A18838" s="11"/>
      <c r="B18838" s="20"/>
      <c r="C18838" s="2" t="s">
        <v>58393</v>
      </c>
      <c r="D18838" s="14" t="s">
        <v>58394</v>
      </c>
      <c r="E18838" s="2" t="s">
        <v>58395</v>
      </c>
      <c r="F18838" s="2" t="s">
        <v>58396</v>
      </c>
      <c r="G18838" s="8">
        <v>1968</v>
      </c>
      <c r="H18838" s="5">
        <v>10</v>
      </c>
      <c r="I18838" s="5" t="s">
        <v>69</v>
      </c>
      <c r="J18838" s="5" t="s">
        <v>55802</v>
      </c>
      <c r="K18838" s="2" t="s">
        <v>55803</v>
      </c>
      <c r="L18838" s="5" t="s">
        <v>55802</v>
      </c>
      <c r="M18838" s="2" t="s">
        <v>55803</v>
      </c>
      <c r="N18838" s="5" t="s">
        <v>733</v>
      </c>
      <c r="O18838" s="5" t="s">
        <v>38</v>
      </c>
      <c r="P18838" s="5" t="s">
        <v>39</v>
      </c>
      <c r="Q18838" s="5" t="s">
        <v>40</v>
      </c>
      <c r="R18838" s="5" t="s">
        <v>1487</v>
      </c>
      <c r="S18838" s="5"/>
      <c r="T18838" s="5" t="s">
        <v>42</v>
      </c>
      <c r="U18838" s="2">
        <v>0</v>
      </c>
      <c r="V18838" s="2">
        <v>0</v>
      </c>
      <c r="W18838" s="2">
        <v>0</v>
      </c>
      <c r="X18838" s="2">
        <v>0</v>
      </c>
      <c r="Y18838" s="2">
        <v>0</v>
      </c>
      <c r="Z18838" s="2">
        <v>0</v>
      </c>
      <c r="AA18838" s="5"/>
      <c r="AB18838" s="5" t="s">
        <v>43</v>
      </c>
      <c r="AC18838" s="5" t="s">
        <v>735</v>
      </c>
      <c r="AD18838" s="2" t="s">
        <v>58397</v>
      </c>
      <c r="AE18838" s="1"/>
    </row>
    <row r="18839" spans="1:31" ht="14.45">
      <c r="A18839" s="11"/>
      <c r="B18839" s="20"/>
      <c r="C18839" s="2" t="s">
        <v>58398</v>
      </c>
      <c r="D18839" s="14" t="s">
        <v>58399</v>
      </c>
      <c r="E18839" s="2" t="s">
        <v>58400</v>
      </c>
      <c r="F18839" s="2" t="s">
        <v>58401</v>
      </c>
      <c r="G18839" s="8">
        <v>1631</v>
      </c>
      <c r="H18839" s="5">
        <v>5</v>
      </c>
      <c r="I18839" s="5" t="s">
        <v>69</v>
      </c>
      <c r="J18839" s="5" t="s">
        <v>55802</v>
      </c>
      <c r="K18839" s="2" t="s">
        <v>55803</v>
      </c>
      <c r="L18839" s="5" t="s">
        <v>55802</v>
      </c>
      <c r="M18839" s="2" t="s">
        <v>55803</v>
      </c>
      <c r="N18839" s="5" t="s">
        <v>733</v>
      </c>
      <c r="O18839" s="5" t="s">
        <v>38</v>
      </c>
      <c r="P18839" s="5" t="s">
        <v>39</v>
      </c>
      <c r="Q18839" s="5" t="s">
        <v>40</v>
      </c>
      <c r="R18839" s="5" t="s">
        <v>1487</v>
      </c>
      <c r="S18839" s="5"/>
      <c r="T18839" s="5" t="s">
        <v>42</v>
      </c>
      <c r="U18839" s="2">
        <v>0</v>
      </c>
      <c r="V18839" s="2">
        <v>0</v>
      </c>
      <c r="W18839" s="2">
        <v>0</v>
      </c>
      <c r="X18839" s="2">
        <v>0</v>
      </c>
      <c r="Y18839" s="2">
        <v>0</v>
      </c>
      <c r="Z18839" s="2">
        <v>0</v>
      </c>
      <c r="AA18839" s="5"/>
      <c r="AB18839" s="5" t="s">
        <v>43</v>
      </c>
      <c r="AC18839" s="5" t="s">
        <v>735</v>
      </c>
      <c r="AD18839" s="2" t="s">
        <v>58402</v>
      </c>
      <c r="AE18839" s="1"/>
    </row>
    <row r="18840" spans="1:31" ht="14.45">
      <c r="A18840" s="11"/>
      <c r="B18840" s="20"/>
      <c r="C18840" s="2" t="s">
        <v>58403</v>
      </c>
      <c r="D18840" s="14" t="s">
        <v>58404</v>
      </c>
      <c r="E18840" s="2" t="s">
        <v>58405</v>
      </c>
      <c r="F18840" s="2" t="s">
        <v>58406</v>
      </c>
      <c r="G18840" s="8">
        <v>1631</v>
      </c>
      <c r="H18840" s="5">
        <v>5</v>
      </c>
      <c r="I18840" s="5" t="s">
        <v>69</v>
      </c>
      <c r="J18840" s="5" t="s">
        <v>55802</v>
      </c>
      <c r="K18840" s="2" t="s">
        <v>55803</v>
      </c>
      <c r="L18840" s="5" t="s">
        <v>55802</v>
      </c>
      <c r="M18840" s="2" t="s">
        <v>55803</v>
      </c>
      <c r="N18840" s="5" t="s">
        <v>733</v>
      </c>
      <c r="O18840" s="5" t="s">
        <v>38</v>
      </c>
      <c r="P18840" s="5" t="s">
        <v>39</v>
      </c>
      <c r="Q18840" s="5" t="s">
        <v>40</v>
      </c>
      <c r="R18840" s="5" t="s">
        <v>1487</v>
      </c>
      <c r="S18840" s="5"/>
      <c r="T18840" s="5" t="s">
        <v>42</v>
      </c>
      <c r="U18840" s="2">
        <v>0</v>
      </c>
      <c r="V18840" s="2">
        <v>0</v>
      </c>
      <c r="W18840" s="2">
        <v>0</v>
      </c>
      <c r="X18840" s="2">
        <v>0</v>
      </c>
      <c r="Y18840" s="2">
        <v>0</v>
      </c>
      <c r="Z18840" s="2">
        <v>0</v>
      </c>
      <c r="AA18840" s="5"/>
      <c r="AB18840" s="5" t="s">
        <v>43</v>
      </c>
      <c r="AC18840" s="5" t="s">
        <v>735</v>
      </c>
      <c r="AD18840" s="2" t="s">
        <v>58407</v>
      </c>
      <c r="AE18840" s="1"/>
    </row>
    <row r="18841" spans="1:31" ht="14.45">
      <c r="A18841" s="11"/>
      <c r="B18841" s="20"/>
      <c r="C18841" s="2" t="s">
        <v>58408</v>
      </c>
      <c r="D18841" s="14" t="s">
        <v>58409</v>
      </c>
      <c r="E18841" s="2" t="s">
        <v>58410</v>
      </c>
      <c r="F18841" s="2" t="s">
        <v>58411</v>
      </c>
      <c r="G18841" s="8">
        <v>1232</v>
      </c>
      <c r="H18841" s="5">
        <v>10</v>
      </c>
      <c r="I18841" s="5" t="s">
        <v>69</v>
      </c>
      <c r="J18841" s="5" t="s">
        <v>55802</v>
      </c>
      <c r="K18841" s="2" t="s">
        <v>55803</v>
      </c>
      <c r="L18841" s="5" t="s">
        <v>55802</v>
      </c>
      <c r="M18841" s="2" t="s">
        <v>55803</v>
      </c>
      <c r="N18841" s="5" t="s">
        <v>733</v>
      </c>
      <c r="O18841" s="5" t="s">
        <v>38</v>
      </c>
      <c r="P18841" s="5" t="s">
        <v>39</v>
      </c>
      <c r="Q18841" s="5" t="s">
        <v>40</v>
      </c>
      <c r="R18841" s="5" t="s">
        <v>897</v>
      </c>
      <c r="S18841" s="5" t="s">
        <v>40</v>
      </c>
      <c r="T18841" s="5" t="s">
        <v>42</v>
      </c>
      <c r="U18841" s="2">
        <v>66.774000000000001</v>
      </c>
      <c r="V18841" s="2">
        <v>62.171999999999997</v>
      </c>
      <c r="W18841" s="2">
        <v>0.26200000000000001</v>
      </c>
      <c r="X18841" s="2">
        <v>17</v>
      </c>
      <c r="Y18841" s="2">
        <v>88.7</v>
      </c>
      <c r="Z18841" s="2">
        <v>173.8</v>
      </c>
      <c r="AA18841" s="5">
        <v>7</v>
      </c>
      <c r="AB18841" s="5" t="s">
        <v>43</v>
      </c>
      <c r="AC18841" s="5" t="s">
        <v>735</v>
      </c>
      <c r="AD18841" s="2" t="s">
        <v>58412</v>
      </c>
      <c r="AE18841" s="1"/>
    </row>
    <row r="18842" spans="1:31" ht="14.45">
      <c r="A18842" s="11"/>
      <c r="B18842" s="20"/>
      <c r="C18842" s="2" t="s">
        <v>58413</v>
      </c>
      <c r="D18842" s="14" t="s">
        <v>58414</v>
      </c>
      <c r="E18842" s="2" t="s">
        <v>58415</v>
      </c>
      <c r="F18842" s="2" t="s">
        <v>58416</v>
      </c>
      <c r="G18842" s="8">
        <v>1532</v>
      </c>
      <c r="H18842" s="5">
        <v>10</v>
      </c>
      <c r="I18842" s="5" t="s">
        <v>69</v>
      </c>
      <c r="J18842" s="5" t="s">
        <v>55802</v>
      </c>
      <c r="K18842" s="2" t="s">
        <v>55803</v>
      </c>
      <c r="L18842" s="5" t="s">
        <v>55802</v>
      </c>
      <c r="M18842" s="2" t="s">
        <v>55803</v>
      </c>
      <c r="N18842" s="5" t="s">
        <v>733</v>
      </c>
      <c r="O18842" s="5" t="s">
        <v>38</v>
      </c>
      <c r="P18842" s="5" t="s">
        <v>39</v>
      </c>
      <c r="Q18842" s="5" t="s">
        <v>40</v>
      </c>
      <c r="R18842" s="5" t="s">
        <v>897</v>
      </c>
      <c r="S18842" s="5" t="s">
        <v>40</v>
      </c>
      <c r="T18842" s="5" t="s">
        <v>42</v>
      </c>
      <c r="U18842" s="2">
        <v>68.576999999999998</v>
      </c>
      <c r="V18842" s="2">
        <v>63.847000000000001</v>
      </c>
      <c r="W18842" s="2">
        <v>0.26200000000000001</v>
      </c>
      <c r="X18842" s="2">
        <v>17</v>
      </c>
      <c r="Y18842" s="2">
        <v>88.7</v>
      </c>
      <c r="Z18842" s="2">
        <v>173.8</v>
      </c>
      <c r="AA18842" s="5">
        <v>7</v>
      </c>
      <c r="AB18842" s="5" t="s">
        <v>43</v>
      </c>
      <c r="AC18842" s="5" t="s">
        <v>735</v>
      </c>
      <c r="AD18842" s="2" t="s">
        <v>58417</v>
      </c>
      <c r="AE18842" s="1"/>
    </row>
    <row r="18843" spans="1:31" ht="14.45">
      <c r="A18843" s="11"/>
      <c r="B18843" s="20"/>
      <c r="C18843" s="2" t="s">
        <v>58418</v>
      </c>
      <c r="D18843" s="14" t="s">
        <v>58419</v>
      </c>
      <c r="E18843" s="2" t="s">
        <v>58420</v>
      </c>
      <c r="F18843" s="2" t="s">
        <v>58421</v>
      </c>
      <c r="G18843" s="8">
        <v>1054</v>
      </c>
      <c r="H18843" s="5">
        <v>5</v>
      </c>
      <c r="I18843" s="5" t="s">
        <v>69</v>
      </c>
      <c r="J18843" s="5" t="s">
        <v>55802</v>
      </c>
      <c r="K18843" s="2" t="s">
        <v>55803</v>
      </c>
      <c r="L18843" s="5" t="s">
        <v>55802</v>
      </c>
      <c r="M18843" s="2" t="s">
        <v>55803</v>
      </c>
      <c r="N18843" s="5" t="s">
        <v>733</v>
      </c>
      <c r="O18843" s="5" t="s">
        <v>38</v>
      </c>
      <c r="P18843" s="5" t="s">
        <v>39</v>
      </c>
      <c r="Q18843" s="5" t="s">
        <v>40</v>
      </c>
      <c r="R18843" s="5" t="s">
        <v>897</v>
      </c>
      <c r="S18843" s="5" t="s">
        <v>40</v>
      </c>
      <c r="T18843" s="5" t="s">
        <v>42</v>
      </c>
      <c r="U18843" s="2">
        <v>58.16</v>
      </c>
      <c r="V18843" s="2">
        <v>53.725999999999999</v>
      </c>
      <c r="W18843" s="2">
        <v>0.25600000000000001</v>
      </c>
      <c r="X18843" s="2">
        <v>17</v>
      </c>
      <c r="Y18843" s="2">
        <v>86.7</v>
      </c>
      <c r="Z18843" s="2">
        <v>173.8</v>
      </c>
      <c r="AA18843" s="5">
        <v>7</v>
      </c>
      <c r="AB18843" s="5" t="s">
        <v>43</v>
      </c>
      <c r="AC18843" s="5" t="s">
        <v>735</v>
      </c>
      <c r="AD18843" s="2" t="s">
        <v>58422</v>
      </c>
      <c r="AE18843" s="1"/>
    </row>
    <row r="18844" spans="1:31" ht="14.45">
      <c r="A18844" s="11"/>
      <c r="B18844" s="20"/>
      <c r="C18844" s="2" t="s">
        <v>58423</v>
      </c>
      <c r="D18844" s="14" t="s">
        <v>58424</v>
      </c>
      <c r="E18844" s="2" t="s">
        <v>58425</v>
      </c>
      <c r="F18844" s="2" t="s">
        <v>58426</v>
      </c>
      <c r="G18844" s="8">
        <v>1354</v>
      </c>
      <c r="H18844" s="5">
        <v>5</v>
      </c>
      <c r="I18844" s="5" t="s">
        <v>69</v>
      </c>
      <c r="J18844" s="5" t="s">
        <v>55802</v>
      </c>
      <c r="K18844" s="2" t="s">
        <v>55803</v>
      </c>
      <c r="L18844" s="5" t="s">
        <v>55802</v>
      </c>
      <c r="M18844" s="2" t="s">
        <v>55803</v>
      </c>
      <c r="N18844" s="5" t="s">
        <v>733</v>
      </c>
      <c r="O18844" s="5" t="s">
        <v>38</v>
      </c>
      <c r="P18844" s="5" t="s">
        <v>39</v>
      </c>
      <c r="Q18844" s="5" t="s">
        <v>40</v>
      </c>
      <c r="R18844" s="5" t="s">
        <v>897</v>
      </c>
      <c r="S18844" s="5" t="s">
        <v>40</v>
      </c>
      <c r="T18844" s="5" t="s">
        <v>42</v>
      </c>
      <c r="U18844" s="2">
        <v>59.686</v>
      </c>
      <c r="V18844" s="2">
        <v>54.956000000000003</v>
      </c>
      <c r="W18844" s="2">
        <v>0.26200000000000001</v>
      </c>
      <c r="X18844" s="2">
        <v>17</v>
      </c>
      <c r="Y18844" s="2">
        <v>88.7</v>
      </c>
      <c r="Z18844" s="2">
        <v>173.8</v>
      </c>
      <c r="AA18844" s="5">
        <v>7</v>
      </c>
      <c r="AB18844" s="5" t="s">
        <v>43</v>
      </c>
      <c r="AC18844" s="5" t="s">
        <v>735</v>
      </c>
      <c r="AD18844" s="2" t="s">
        <v>58427</v>
      </c>
      <c r="AE18844" s="1"/>
    </row>
    <row r="18845" spans="1:31" ht="14.45">
      <c r="A18845" s="11"/>
      <c r="B18845" s="20"/>
      <c r="C18845" s="2" t="s">
        <v>58428</v>
      </c>
      <c r="D18845" s="14" t="s">
        <v>58429</v>
      </c>
      <c r="E18845" s="2" t="s">
        <v>58430</v>
      </c>
      <c r="F18845" s="2" t="s">
        <v>58426</v>
      </c>
      <c r="G18845" s="8">
        <v>1354</v>
      </c>
      <c r="H18845" s="5">
        <v>5</v>
      </c>
      <c r="I18845" s="5" t="s">
        <v>69</v>
      </c>
      <c r="J18845" s="5" t="s">
        <v>55802</v>
      </c>
      <c r="K18845" s="2" t="s">
        <v>55803</v>
      </c>
      <c r="L18845" s="5" t="s">
        <v>55802</v>
      </c>
      <c r="M18845" s="2" t="s">
        <v>55803</v>
      </c>
      <c r="N18845" s="5" t="s">
        <v>733</v>
      </c>
      <c r="O18845" s="5" t="s">
        <v>38</v>
      </c>
      <c r="P18845" s="5" t="s">
        <v>39</v>
      </c>
      <c r="Q18845" s="5" t="s">
        <v>40</v>
      </c>
      <c r="R18845" s="5" t="s">
        <v>897</v>
      </c>
      <c r="S18845" s="5" t="s">
        <v>40</v>
      </c>
      <c r="T18845" s="5" t="s">
        <v>42</v>
      </c>
      <c r="U18845" s="2">
        <v>59.784999999999997</v>
      </c>
      <c r="V18845" s="2">
        <v>54.994</v>
      </c>
      <c r="W18845" s="2">
        <v>0.26200000000000001</v>
      </c>
      <c r="X18845" s="2">
        <v>17</v>
      </c>
      <c r="Y18845" s="2">
        <v>88.7</v>
      </c>
      <c r="Z18845" s="2">
        <v>173.8</v>
      </c>
      <c r="AA18845" s="5">
        <v>7</v>
      </c>
      <c r="AB18845" s="5" t="s">
        <v>43</v>
      </c>
      <c r="AC18845" s="5" t="s">
        <v>735</v>
      </c>
      <c r="AD18845" s="2" t="s">
        <v>58431</v>
      </c>
      <c r="AE18845" s="1"/>
    </row>
    <row r="18846" spans="1:31" ht="14.45">
      <c r="A18846" s="11"/>
      <c r="B18846" s="20"/>
      <c r="C18846" s="2" t="s">
        <v>58432</v>
      </c>
      <c r="D18846" s="14" t="s">
        <v>58433</v>
      </c>
      <c r="E18846" s="2" t="s">
        <v>58434</v>
      </c>
      <c r="F18846" s="2" t="s">
        <v>58435</v>
      </c>
      <c r="G18846" s="8">
        <v>1232</v>
      </c>
      <c r="H18846" s="5">
        <v>10</v>
      </c>
      <c r="I18846" s="5" t="s">
        <v>69</v>
      </c>
      <c r="J18846" s="5" t="s">
        <v>55802</v>
      </c>
      <c r="K18846" s="2" t="s">
        <v>55803</v>
      </c>
      <c r="L18846" s="5" t="s">
        <v>55802</v>
      </c>
      <c r="M18846" s="2" t="s">
        <v>55803</v>
      </c>
      <c r="N18846" s="5" t="s">
        <v>733</v>
      </c>
      <c r="O18846" s="5" t="s">
        <v>38</v>
      </c>
      <c r="P18846" s="5" t="s">
        <v>39</v>
      </c>
      <c r="Q18846" s="5" t="s">
        <v>40</v>
      </c>
      <c r="R18846" s="5" t="s">
        <v>897</v>
      </c>
      <c r="S18846" s="5" t="s">
        <v>40</v>
      </c>
      <c r="T18846" s="5" t="s">
        <v>42</v>
      </c>
      <c r="U18846" s="2">
        <v>57.546999999999997</v>
      </c>
      <c r="V18846" s="2">
        <v>52.94</v>
      </c>
      <c r="W18846" s="2">
        <v>0.26200000000000001</v>
      </c>
      <c r="X18846" s="2">
        <v>17</v>
      </c>
      <c r="Y18846" s="2">
        <v>88.7</v>
      </c>
      <c r="Z18846" s="2">
        <v>173.8</v>
      </c>
      <c r="AA18846" s="5">
        <v>7</v>
      </c>
      <c r="AB18846" s="5" t="s">
        <v>43</v>
      </c>
      <c r="AC18846" s="5" t="s">
        <v>735</v>
      </c>
      <c r="AD18846" s="2" t="s">
        <v>58436</v>
      </c>
      <c r="AE18846" s="1"/>
    </row>
    <row r="18847" spans="1:31" ht="14.45">
      <c r="A18847" s="11"/>
      <c r="B18847" s="20"/>
      <c r="C18847" s="2" t="s">
        <v>58437</v>
      </c>
      <c r="D18847" s="14" t="s">
        <v>58438</v>
      </c>
      <c r="E18847" s="2" t="s">
        <v>58439</v>
      </c>
      <c r="F18847" s="2" t="s">
        <v>58435</v>
      </c>
      <c r="G18847" s="8">
        <v>1532</v>
      </c>
      <c r="H18847" s="5">
        <v>10</v>
      </c>
      <c r="I18847" s="5" t="s">
        <v>69</v>
      </c>
      <c r="J18847" s="5" t="s">
        <v>55802</v>
      </c>
      <c r="K18847" s="2" t="s">
        <v>55803</v>
      </c>
      <c r="L18847" s="5" t="s">
        <v>55802</v>
      </c>
      <c r="M18847" s="2" t="s">
        <v>55803</v>
      </c>
      <c r="N18847" s="5" t="s">
        <v>733</v>
      </c>
      <c r="O18847" s="5" t="s">
        <v>38</v>
      </c>
      <c r="P18847" s="5" t="s">
        <v>39</v>
      </c>
      <c r="Q18847" s="5" t="s">
        <v>40</v>
      </c>
      <c r="R18847" s="5" t="s">
        <v>897</v>
      </c>
      <c r="S18847" s="5" t="s">
        <v>40</v>
      </c>
      <c r="T18847" s="5" t="s">
        <v>42</v>
      </c>
      <c r="U18847" s="2">
        <v>59.465000000000003</v>
      </c>
      <c r="V18847" s="2">
        <v>54.734999999999999</v>
      </c>
      <c r="W18847" s="2">
        <v>0.26200000000000001</v>
      </c>
      <c r="X18847" s="2">
        <v>17</v>
      </c>
      <c r="Y18847" s="2">
        <v>88.7</v>
      </c>
      <c r="Z18847" s="2">
        <v>173.8</v>
      </c>
      <c r="AA18847" s="5">
        <v>7</v>
      </c>
      <c r="AB18847" s="5" t="s">
        <v>43</v>
      </c>
      <c r="AC18847" s="5" t="s">
        <v>735</v>
      </c>
      <c r="AD18847" s="2" t="s">
        <v>58440</v>
      </c>
      <c r="AE18847" s="1"/>
    </row>
    <row r="18848" spans="1:31" ht="14.45">
      <c r="A18848" s="11"/>
      <c r="B18848" s="20"/>
      <c r="C18848" s="2" t="s">
        <v>58441</v>
      </c>
      <c r="D18848" s="14" t="s">
        <v>58442</v>
      </c>
      <c r="E18848" s="2" t="s">
        <v>58443</v>
      </c>
      <c r="F18848" s="2" t="s">
        <v>58444</v>
      </c>
      <c r="G18848" s="8">
        <v>882</v>
      </c>
      <c r="H18848" s="5">
        <v>10</v>
      </c>
      <c r="I18848" s="5" t="s">
        <v>69</v>
      </c>
      <c r="J18848" s="5" t="s">
        <v>55802</v>
      </c>
      <c r="K18848" s="2" t="s">
        <v>55803</v>
      </c>
      <c r="L18848" s="5" t="s">
        <v>55802</v>
      </c>
      <c r="M18848" s="2" t="s">
        <v>55803</v>
      </c>
      <c r="N18848" s="5" t="s">
        <v>733</v>
      </c>
      <c r="O18848" s="5" t="s">
        <v>38</v>
      </c>
      <c r="P18848" s="5" t="s">
        <v>39</v>
      </c>
      <c r="Q18848" s="5" t="s">
        <v>40</v>
      </c>
      <c r="R18848" s="5" t="s">
        <v>897</v>
      </c>
      <c r="S18848" s="5" t="s">
        <v>40</v>
      </c>
      <c r="T18848" s="5" t="s">
        <v>42</v>
      </c>
      <c r="U18848" s="2">
        <v>57.820999999999998</v>
      </c>
      <c r="V18848" s="2">
        <v>53.213999999999999</v>
      </c>
      <c r="W18848" s="2">
        <v>0.26200000000000001</v>
      </c>
      <c r="X18848" s="2">
        <v>17</v>
      </c>
      <c r="Y18848" s="2">
        <v>88.7</v>
      </c>
      <c r="Z18848" s="2">
        <v>173.8</v>
      </c>
      <c r="AA18848" s="5">
        <v>7</v>
      </c>
      <c r="AB18848" s="5" t="s">
        <v>43</v>
      </c>
      <c r="AC18848" s="5" t="s">
        <v>735</v>
      </c>
      <c r="AD18848" s="2" t="s">
        <v>58445</v>
      </c>
      <c r="AE18848" s="1"/>
    </row>
    <row r="18849" spans="1:31" ht="14.45">
      <c r="A18849" s="11"/>
      <c r="B18849" s="20"/>
      <c r="C18849" s="2" t="s">
        <v>58446</v>
      </c>
      <c r="D18849" s="14" t="s">
        <v>58447</v>
      </c>
      <c r="E18849" s="2" t="s">
        <v>58448</v>
      </c>
      <c r="F18849" s="2" t="s">
        <v>58444</v>
      </c>
      <c r="G18849" s="8">
        <v>1182</v>
      </c>
      <c r="H18849" s="5">
        <v>10</v>
      </c>
      <c r="I18849" s="5" t="s">
        <v>69</v>
      </c>
      <c r="J18849" s="5" t="s">
        <v>55802</v>
      </c>
      <c r="K18849" s="2" t="s">
        <v>55803</v>
      </c>
      <c r="L18849" s="5" t="s">
        <v>55802</v>
      </c>
      <c r="M18849" s="2" t="s">
        <v>55803</v>
      </c>
      <c r="N18849" s="5" t="s">
        <v>733</v>
      </c>
      <c r="O18849" s="5" t="s">
        <v>38</v>
      </c>
      <c r="P18849" s="5" t="s">
        <v>39</v>
      </c>
      <c r="Q18849" s="5" t="s">
        <v>40</v>
      </c>
      <c r="R18849" s="5" t="s">
        <v>897</v>
      </c>
      <c r="S18849" s="5" t="s">
        <v>40</v>
      </c>
      <c r="T18849" s="5" t="s">
        <v>42</v>
      </c>
      <c r="U18849" s="2">
        <v>59.738999999999997</v>
      </c>
      <c r="V18849" s="2">
        <v>55.009</v>
      </c>
      <c r="W18849" s="2">
        <v>0.26200000000000001</v>
      </c>
      <c r="X18849" s="2">
        <v>17</v>
      </c>
      <c r="Y18849" s="2">
        <v>88.7</v>
      </c>
      <c r="Z18849" s="2">
        <v>173.8</v>
      </c>
      <c r="AA18849" s="5">
        <v>7</v>
      </c>
      <c r="AB18849" s="5" t="s">
        <v>43</v>
      </c>
      <c r="AC18849" s="5" t="s">
        <v>735</v>
      </c>
      <c r="AD18849" s="2" t="s">
        <v>58449</v>
      </c>
      <c r="AE18849" s="1"/>
    </row>
    <row r="18850" spans="1:31" ht="14.45">
      <c r="A18850" s="11"/>
      <c r="B18850" s="20"/>
      <c r="C18850" s="2" t="s">
        <v>58450</v>
      </c>
      <c r="D18850" s="14" t="s">
        <v>58451</v>
      </c>
      <c r="E18850" s="2" t="s">
        <v>58452</v>
      </c>
      <c r="F18850" s="2" t="s">
        <v>58453</v>
      </c>
      <c r="G18850" s="8">
        <v>666</v>
      </c>
      <c r="H18850" s="5">
        <v>5</v>
      </c>
      <c r="I18850" s="5" t="s">
        <v>69</v>
      </c>
      <c r="J18850" s="5" t="s">
        <v>55802</v>
      </c>
      <c r="K18850" s="2" t="s">
        <v>55803</v>
      </c>
      <c r="L18850" s="5" t="s">
        <v>55802</v>
      </c>
      <c r="M18850" s="2" t="s">
        <v>55803</v>
      </c>
      <c r="N18850" s="5" t="s">
        <v>733</v>
      </c>
      <c r="O18850" s="5" t="s">
        <v>38</v>
      </c>
      <c r="P18850" s="5" t="s">
        <v>39</v>
      </c>
      <c r="Q18850" s="5" t="s">
        <v>40</v>
      </c>
      <c r="R18850" s="5" t="s">
        <v>897</v>
      </c>
      <c r="S18850" s="5" t="s">
        <v>40</v>
      </c>
      <c r="T18850" s="5" t="s">
        <v>42</v>
      </c>
      <c r="U18850" s="2">
        <v>50.536000000000001</v>
      </c>
      <c r="V18850" s="2">
        <v>46.101999999999997</v>
      </c>
      <c r="W18850" s="2">
        <v>0.25600000000000001</v>
      </c>
      <c r="X18850" s="2">
        <v>17</v>
      </c>
      <c r="Y18850" s="2">
        <v>86.7</v>
      </c>
      <c r="Z18850" s="2">
        <v>173.8</v>
      </c>
      <c r="AA18850" s="5">
        <v>7</v>
      </c>
      <c r="AB18850" s="5" t="s">
        <v>43</v>
      </c>
      <c r="AC18850" s="5" t="s">
        <v>735</v>
      </c>
      <c r="AD18850" s="2" t="s">
        <v>58454</v>
      </c>
      <c r="AE18850" s="1"/>
    </row>
    <row r="18851" spans="1:31" ht="14.45">
      <c r="A18851" s="11"/>
      <c r="B18851" s="20"/>
      <c r="C18851" s="2" t="s">
        <v>58455</v>
      </c>
      <c r="D18851" s="14" t="s">
        <v>58456</v>
      </c>
      <c r="E18851" s="2" t="s">
        <v>58457</v>
      </c>
      <c r="F18851" s="2" t="s">
        <v>58453</v>
      </c>
      <c r="G18851" s="8">
        <v>966</v>
      </c>
      <c r="H18851" s="5">
        <v>10</v>
      </c>
      <c r="I18851" s="5" t="s">
        <v>69</v>
      </c>
      <c r="J18851" s="5" t="s">
        <v>55802</v>
      </c>
      <c r="K18851" s="2" t="s">
        <v>55803</v>
      </c>
      <c r="L18851" s="5" t="s">
        <v>55802</v>
      </c>
      <c r="M18851" s="2" t="s">
        <v>55803</v>
      </c>
      <c r="N18851" s="5" t="s">
        <v>733</v>
      </c>
      <c r="O18851" s="5" t="s">
        <v>38</v>
      </c>
      <c r="P18851" s="5" t="s">
        <v>39</v>
      </c>
      <c r="Q18851" s="5" t="s">
        <v>40</v>
      </c>
      <c r="R18851" s="5" t="s">
        <v>897</v>
      </c>
      <c r="S18851" s="5" t="s">
        <v>40</v>
      </c>
      <c r="T18851" s="5" t="s">
        <v>42</v>
      </c>
      <c r="U18851" s="2">
        <v>52.511000000000003</v>
      </c>
      <c r="V18851" s="2">
        <v>47.95</v>
      </c>
      <c r="W18851" s="2">
        <v>0.25600000000000001</v>
      </c>
      <c r="X18851" s="2">
        <v>17</v>
      </c>
      <c r="Y18851" s="2">
        <v>86.7</v>
      </c>
      <c r="Z18851" s="2">
        <v>173.8</v>
      </c>
      <c r="AA18851" s="5">
        <v>7</v>
      </c>
      <c r="AB18851" s="5" t="s">
        <v>43</v>
      </c>
      <c r="AC18851" s="5" t="s">
        <v>735</v>
      </c>
      <c r="AD18851" s="2" t="s">
        <v>58458</v>
      </c>
      <c r="AE18851" s="1"/>
    </row>
    <row r="18852" spans="1:31" ht="14.45">
      <c r="A18852" s="11"/>
      <c r="B18852" s="20"/>
      <c r="C18852" s="2" t="s">
        <v>58459</v>
      </c>
      <c r="D18852" s="14" t="s">
        <v>58460</v>
      </c>
      <c r="E18852" s="2" t="s">
        <v>58461</v>
      </c>
      <c r="F18852" s="2" t="s">
        <v>58453</v>
      </c>
      <c r="G18852" s="8">
        <v>966</v>
      </c>
      <c r="H18852" s="5">
        <v>5</v>
      </c>
      <c r="I18852" s="5" t="s">
        <v>69</v>
      </c>
      <c r="J18852" s="5" t="s">
        <v>55802</v>
      </c>
      <c r="K18852" s="2" t="s">
        <v>55803</v>
      </c>
      <c r="L18852" s="5" t="s">
        <v>55802</v>
      </c>
      <c r="M18852" s="2" t="s">
        <v>55803</v>
      </c>
      <c r="N18852" s="5" t="s">
        <v>733</v>
      </c>
      <c r="O18852" s="5" t="s">
        <v>38</v>
      </c>
      <c r="P18852" s="5" t="s">
        <v>39</v>
      </c>
      <c r="Q18852" s="5" t="s">
        <v>40</v>
      </c>
      <c r="R18852" s="5" t="s">
        <v>897</v>
      </c>
      <c r="S18852" s="5" t="s">
        <v>40</v>
      </c>
      <c r="T18852" s="5" t="s">
        <v>42</v>
      </c>
      <c r="U18852" s="2">
        <v>52.119</v>
      </c>
      <c r="V18852" s="2">
        <v>47.32</v>
      </c>
      <c r="W18852" s="2">
        <v>0.26200000000000001</v>
      </c>
      <c r="X18852" s="2">
        <v>17</v>
      </c>
      <c r="Y18852" s="2">
        <v>88.7</v>
      </c>
      <c r="Z18852" s="2">
        <v>173.8</v>
      </c>
      <c r="AA18852" s="5">
        <v>7</v>
      </c>
      <c r="AB18852" s="5" t="s">
        <v>43</v>
      </c>
      <c r="AC18852" s="5" t="s">
        <v>735</v>
      </c>
      <c r="AD18852" s="2" t="s">
        <v>58462</v>
      </c>
      <c r="AE18852" s="1"/>
    </row>
    <row r="18853" spans="1:31" ht="14.45">
      <c r="A18853" s="11"/>
      <c r="B18853" s="20"/>
      <c r="C18853" s="2" t="s">
        <v>58463</v>
      </c>
      <c r="D18853" s="14" t="s">
        <v>58464</v>
      </c>
      <c r="E18853" s="2" t="s">
        <v>58465</v>
      </c>
      <c r="F18853" s="2" t="s">
        <v>58466</v>
      </c>
      <c r="G18853" s="8">
        <v>1112</v>
      </c>
      <c r="H18853" s="5">
        <v>15</v>
      </c>
      <c r="I18853" s="5" t="s">
        <v>69</v>
      </c>
      <c r="J18853" s="5" t="s">
        <v>55802</v>
      </c>
      <c r="K18853" s="2" t="s">
        <v>55803</v>
      </c>
      <c r="L18853" s="5" t="s">
        <v>55802</v>
      </c>
      <c r="M18853" s="2" t="s">
        <v>55803</v>
      </c>
      <c r="N18853" s="5" t="s">
        <v>733</v>
      </c>
      <c r="O18853" s="5" t="s">
        <v>38</v>
      </c>
      <c r="P18853" s="5" t="s">
        <v>39</v>
      </c>
      <c r="Q18853" s="5" t="s">
        <v>40</v>
      </c>
      <c r="R18853" s="5" t="s">
        <v>897</v>
      </c>
      <c r="S18853" s="5" t="s">
        <v>40</v>
      </c>
      <c r="T18853" s="5" t="s">
        <v>42</v>
      </c>
      <c r="U18853" s="2">
        <v>52.139000000000003</v>
      </c>
      <c r="V18853" s="2">
        <v>47.551000000000002</v>
      </c>
      <c r="W18853" s="2">
        <v>0.26200000000000001</v>
      </c>
      <c r="X18853" s="2">
        <v>17</v>
      </c>
      <c r="Y18853" s="2">
        <v>88.7</v>
      </c>
      <c r="Z18853" s="2">
        <v>173.8</v>
      </c>
      <c r="AA18853" s="5">
        <v>7</v>
      </c>
      <c r="AB18853" s="5" t="s">
        <v>43</v>
      </c>
      <c r="AC18853" s="5" t="s">
        <v>735</v>
      </c>
      <c r="AD18853" s="2" t="s">
        <v>58467</v>
      </c>
      <c r="AE18853" s="1"/>
    </row>
    <row r="18854" spans="1:31" ht="14.45">
      <c r="A18854" s="11"/>
      <c r="B18854" s="20"/>
      <c r="C18854" s="2" t="s">
        <v>58468</v>
      </c>
      <c r="D18854" s="14" t="s">
        <v>58469</v>
      </c>
      <c r="E18854" s="2" t="s">
        <v>58470</v>
      </c>
      <c r="F18854" s="2" t="s">
        <v>58471</v>
      </c>
      <c r="G18854" s="8">
        <v>941</v>
      </c>
      <c r="H18854" s="5">
        <v>5</v>
      </c>
      <c r="I18854" s="5" t="s">
        <v>69</v>
      </c>
      <c r="J18854" s="5" t="s">
        <v>55802</v>
      </c>
      <c r="K18854" s="2" t="s">
        <v>55803</v>
      </c>
      <c r="L18854" s="5" t="s">
        <v>55802</v>
      </c>
      <c r="M18854" s="2" t="s">
        <v>55803</v>
      </c>
      <c r="N18854" s="5" t="s">
        <v>733</v>
      </c>
      <c r="O18854" s="5" t="s">
        <v>38</v>
      </c>
      <c r="P18854" s="5" t="s">
        <v>39</v>
      </c>
      <c r="Q18854" s="5" t="s">
        <v>40</v>
      </c>
      <c r="R18854" s="5" t="s">
        <v>897</v>
      </c>
      <c r="S18854" s="5" t="s">
        <v>40</v>
      </c>
      <c r="T18854" s="5" t="s">
        <v>42</v>
      </c>
      <c r="U18854" s="2">
        <v>57.722000000000001</v>
      </c>
      <c r="V18854" s="2">
        <v>53.115000000000002</v>
      </c>
      <c r="W18854" s="2">
        <v>0.26200000000000001</v>
      </c>
      <c r="X18854" s="2">
        <v>17</v>
      </c>
      <c r="Y18854" s="2">
        <v>88.7</v>
      </c>
      <c r="Z18854" s="2">
        <v>173.8</v>
      </c>
      <c r="AA18854" s="5">
        <v>7</v>
      </c>
      <c r="AB18854" s="5" t="s">
        <v>43</v>
      </c>
      <c r="AC18854" s="5" t="s">
        <v>735</v>
      </c>
      <c r="AD18854" s="2" t="s">
        <v>58472</v>
      </c>
      <c r="AE18854" s="1"/>
    </row>
    <row r="18855" spans="1:31" ht="14.45">
      <c r="A18855" s="11"/>
      <c r="B18855" s="20"/>
      <c r="C18855" s="2" t="s">
        <v>58473</v>
      </c>
      <c r="D18855" s="14" t="s">
        <v>58474</v>
      </c>
      <c r="E18855" s="2" t="s">
        <v>58475</v>
      </c>
      <c r="F18855" s="2" t="s">
        <v>58471</v>
      </c>
      <c r="G18855" s="8">
        <v>1241</v>
      </c>
      <c r="H18855" s="5">
        <v>5</v>
      </c>
      <c r="I18855" s="5" t="s">
        <v>69</v>
      </c>
      <c r="J18855" s="5" t="s">
        <v>55802</v>
      </c>
      <c r="K18855" s="2" t="s">
        <v>55803</v>
      </c>
      <c r="L18855" s="5" t="s">
        <v>55802</v>
      </c>
      <c r="M18855" s="2" t="s">
        <v>55803</v>
      </c>
      <c r="N18855" s="5" t="s">
        <v>733</v>
      </c>
      <c r="O18855" s="5" t="s">
        <v>38</v>
      </c>
      <c r="P18855" s="5" t="s">
        <v>39</v>
      </c>
      <c r="Q18855" s="5" t="s">
        <v>40</v>
      </c>
      <c r="R18855" s="5" t="s">
        <v>897</v>
      </c>
      <c r="S18855" s="5" t="s">
        <v>40</v>
      </c>
      <c r="T18855" s="5" t="s">
        <v>42</v>
      </c>
      <c r="U18855" s="2">
        <v>59.64</v>
      </c>
      <c r="V18855" s="2">
        <v>54.91</v>
      </c>
      <c r="W18855" s="2">
        <v>0.26200000000000001</v>
      </c>
      <c r="X18855" s="2">
        <v>17</v>
      </c>
      <c r="Y18855" s="2">
        <v>88.7</v>
      </c>
      <c r="Z18855" s="2">
        <v>173.8</v>
      </c>
      <c r="AA18855" s="5">
        <v>7</v>
      </c>
      <c r="AB18855" s="5" t="s">
        <v>43</v>
      </c>
      <c r="AC18855" s="5" t="s">
        <v>735</v>
      </c>
      <c r="AD18855" s="2" t="s">
        <v>58476</v>
      </c>
      <c r="AE18855" s="1"/>
    </row>
    <row r="18856" spans="1:31" ht="14.45">
      <c r="A18856" s="11"/>
      <c r="B18856" s="20"/>
      <c r="C18856" s="2" t="s">
        <v>58477</v>
      </c>
      <c r="D18856" s="14" t="s">
        <v>58478</v>
      </c>
      <c r="E18856" s="2" t="s">
        <v>58479</v>
      </c>
      <c r="F18856" s="2" t="s">
        <v>58471</v>
      </c>
      <c r="G18856" s="8">
        <v>1241</v>
      </c>
      <c r="H18856" s="5">
        <v>5</v>
      </c>
      <c r="I18856" s="5" t="s">
        <v>69</v>
      </c>
      <c r="J18856" s="5" t="s">
        <v>55802</v>
      </c>
      <c r="K18856" s="2" t="s">
        <v>55803</v>
      </c>
      <c r="L18856" s="5" t="s">
        <v>55802</v>
      </c>
      <c r="M18856" s="2" t="s">
        <v>55803</v>
      </c>
      <c r="N18856" s="5" t="s">
        <v>733</v>
      </c>
      <c r="O18856" s="5" t="s">
        <v>38</v>
      </c>
      <c r="P18856" s="5" t="s">
        <v>39</v>
      </c>
      <c r="Q18856" s="5" t="s">
        <v>40</v>
      </c>
      <c r="R18856" s="5" t="s">
        <v>897</v>
      </c>
      <c r="S18856" s="5" t="s">
        <v>40</v>
      </c>
      <c r="T18856" s="5" t="s">
        <v>42</v>
      </c>
      <c r="U18856" s="2">
        <v>59.738999999999997</v>
      </c>
      <c r="V18856" s="2">
        <v>54.948</v>
      </c>
      <c r="W18856" s="2">
        <v>0.26200000000000001</v>
      </c>
      <c r="X18856" s="2">
        <v>17</v>
      </c>
      <c r="Y18856" s="2">
        <v>88.7</v>
      </c>
      <c r="Z18856" s="2">
        <v>173.8</v>
      </c>
      <c r="AA18856" s="5">
        <v>7</v>
      </c>
      <c r="AB18856" s="5" t="s">
        <v>43</v>
      </c>
      <c r="AC18856" s="5" t="s">
        <v>735</v>
      </c>
      <c r="AD18856" s="2" t="s">
        <v>58480</v>
      </c>
      <c r="AE18856" s="1"/>
    </row>
    <row r="18857" spans="1:31" ht="14.45">
      <c r="A18857" s="11"/>
      <c r="B18857" s="20"/>
      <c r="C18857" s="2" t="s">
        <v>58481</v>
      </c>
      <c r="D18857" s="14" t="s">
        <v>58482</v>
      </c>
      <c r="E18857" s="2" t="s">
        <v>58483</v>
      </c>
      <c r="F18857" s="2" t="s">
        <v>58484</v>
      </c>
      <c r="G18857" s="8">
        <v>1822</v>
      </c>
      <c r="H18857" s="5">
        <v>10</v>
      </c>
      <c r="I18857" s="5" t="s">
        <v>69</v>
      </c>
      <c r="J18857" s="5" t="s">
        <v>55802</v>
      </c>
      <c r="K18857" s="2" t="s">
        <v>55803</v>
      </c>
      <c r="L18857" s="5" t="s">
        <v>55802</v>
      </c>
      <c r="M18857" s="2" t="s">
        <v>55803</v>
      </c>
      <c r="N18857" s="5" t="s">
        <v>733</v>
      </c>
      <c r="O18857" s="5" t="s">
        <v>38</v>
      </c>
      <c r="P18857" s="5" t="s">
        <v>39</v>
      </c>
      <c r="Q18857" s="5" t="s">
        <v>40</v>
      </c>
      <c r="R18857" s="5" t="s">
        <v>897</v>
      </c>
      <c r="S18857" s="5" t="s">
        <v>40</v>
      </c>
      <c r="T18857" s="5" t="s">
        <v>42</v>
      </c>
      <c r="U18857" s="2">
        <v>63.335999999999999</v>
      </c>
      <c r="V18857" s="2">
        <v>58.606000000000002</v>
      </c>
      <c r="W18857" s="2">
        <v>0.26200000000000001</v>
      </c>
      <c r="X18857" s="2">
        <v>17</v>
      </c>
      <c r="Y18857" s="2">
        <v>88.7</v>
      </c>
      <c r="Z18857" s="2">
        <v>173.8</v>
      </c>
      <c r="AA18857" s="5">
        <v>7</v>
      </c>
      <c r="AB18857" s="5" t="s">
        <v>43</v>
      </c>
      <c r="AC18857" s="5" t="s">
        <v>735</v>
      </c>
      <c r="AD18857" s="2" t="s">
        <v>58485</v>
      </c>
      <c r="AE18857" s="1"/>
    </row>
    <row r="18858" spans="1:31" ht="14.45">
      <c r="A18858" s="11"/>
      <c r="B18858" s="20"/>
      <c r="C18858" s="2" t="s">
        <v>58486</v>
      </c>
      <c r="D18858" s="14" t="s">
        <v>58487</v>
      </c>
      <c r="E18858" s="2" t="s">
        <v>58488</v>
      </c>
      <c r="F18858" s="2" t="s">
        <v>58484</v>
      </c>
      <c r="G18858" s="8">
        <v>1822</v>
      </c>
      <c r="H18858" s="5">
        <v>10</v>
      </c>
      <c r="I18858" s="5" t="s">
        <v>69</v>
      </c>
      <c r="J18858" s="5" t="s">
        <v>55802</v>
      </c>
      <c r="K18858" s="2" t="s">
        <v>55803</v>
      </c>
      <c r="L18858" s="5" t="s">
        <v>55802</v>
      </c>
      <c r="M18858" s="2" t="s">
        <v>55803</v>
      </c>
      <c r="N18858" s="5" t="s">
        <v>733</v>
      </c>
      <c r="O18858" s="5" t="s">
        <v>38</v>
      </c>
      <c r="P18858" s="5" t="s">
        <v>39</v>
      </c>
      <c r="Q18858" s="5" t="s">
        <v>40</v>
      </c>
      <c r="R18858" s="5" t="s">
        <v>897</v>
      </c>
      <c r="S18858" s="5" t="s">
        <v>40</v>
      </c>
      <c r="T18858" s="5" t="s">
        <v>42</v>
      </c>
      <c r="U18858" s="2">
        <v>63.491</v>
      </c>
      <c r="V18858" s="2">
        <v>58.7</v>
      </c>
      <c r="W18858" s="2">
        <v>0.26200000000000001</v>
      </c>
      <c r="X18858" s="2">
        <v>17</v>
      </c>
      <c r="Y18858" s="2">
        <v>88.7</v>
      </c>
      <c r="Z18858" s="2">
        <v>173.8</v>
      </c>
      <c r="AA18858" s="5">
        <v>7</v>
      </c>
      <c r="AB18858" s="5" t="s">
        <v>43</v>
      </c>
      <c r="AC18858" s="5" t="s">
        <v>735</v>
      </c>
      <c r="AD18858" s="2" t="s">
        <v>58489</v>
      </c>
      <c r="AE18858" s="1"/>
    </row>
    <row r="18859" spans="1:31" ht="14.45">
      <c r="A18859" s="11"/>
      <c r="B18859" s="20"/>
      <c r="C18859" s="2" t="s">
        <v>58490</v>
      </c>
      <c r="D18859" s="14" t="s">
        <v>58491</v>
      </c>
      <c r="E18859" s="2" t="s">
        <v>58492</v>
      </c>
      <c r="F18859" s="2" t="s">
        <v>58493</v>
      </c>
      <c r="G18859" s="8">
        <v>1434</v>
      </c>
      <c r="H18859" s="5">
        <v>10</v>
      </c>
      <c r="I18859" s="5" t="s">
        <v>69</v>
      </c>
      <c r="J18859" s="5" t="s">
        <v>55802</v>
      </c>
      <c r="K18859" s="2" t="s">
        <v>55803</v>
      </c>
      <c r="L18859" s="5" t="s">
        <v>55802</v>
      </c>
      <c r="M18859" s="2" t="s">
        <v>55803</v>
      </c>
      <c r="N18859" s="5" t="s">
        <v>733</v>
      </c>
      <c r="O18859" s="5" t="s">
        <v>38</v>
      </c>
      <c r="P18859" s="5" t="s">
        <v>39</v>
      </c>
      <c r="Q18859" s="5" t="s">
        <v>40</v>
      </c>
      <c r="R18859" s="5" t="s">
        <v>897</v>
      </c>
      <c r="S18859" s="5" t="s">
        <v>40</v>
      </c>
      <c r="T18859" s="5" t="s">
        <v>42</v>
      </c>
      <c r="U18859" s="2">
        <v>55.774000000000001</v>
      </c>
      <c r="V18859" s="2">
        <v>51.036000000000001</v>
      </c>
      <c r="W18859" s="2">
        <v>0.26200000000000001</v>
      </c>
      <c r="X18859" s="2">
        <v>17</v>
      </c>
      <c r="Y18859" s="2">
        <v>88.7</v>
      </c>
      <c r="Z18859" s="2">
        <v>173.8</v>
      </c>
      <c r="AA18859" s="5">
        <v>7</v>
      </c>
      <c r="AB18859" s="5" t="s">
        <v>43</v>
      </c>
      <c r="AC18859" s="5" t="s">
        <v>735</v>
      </c>
      <c r="AD18859" s="2" t="s">
        <v>58494</v>
      </c>
      <c r="AE18859" s="1"/>
    </row>
    <row r="18860" spans="1:31" ht="14.45">
      <c r="A18860" s="11"/>
      <c r="B18860" s="20"/>
      <c r="C18860" s="2" t="s">
        <v>58495</v>
      </c>
      <c r="D18860" s="14" t="s">
        <v>58496</v>
      </c>
      <c r="E18860" s="2" t="s">
        <v>58497</v>
      </c>
      <c r="F18860" s="2" t="s">
        <v>58498</v>
      </c>
      <c r="G18860" s="8">
        <v>1409</v>
      </c>
      <c r="H18860" s="5">
        <v>10</v>
      </c>
      <c r="I18860" s="5" t="s">
        <v>69</v>
      </c>
      <c r="J18860" s="5" t="s">
        <v>55802</v>
      </c>
      <c r="K18860" s="2" t="s">
        <v>55803</v>
      </c>
      <c r="L18860" s="5" t="s">
        <v>55802</v>
      </c>
      <c r="M18860" s="2" t="s">
        <v>55803</v>
      </c>
      <c r="N18860" s="5" t="s">
        <v>733</v>
      </c>
      <c r="O18860" s="5" t="s">
        <v>38</v>
      </c>
      <c r="P18860" s="5" t="s">
        <v>39</v>
      </c>
      <c r="Q18860" s="5" t="s">
        <v>40</v>
      </c>
      <c r="R18860" s="5" t="s">
        <v>897</v>
      </c>
      <c r="S18860" s="5" t="s">
        <v>40</v>
      </c>
      <c r="T18860" s="5" t="s">
        <v>42</v>
      </c>
      <c r="U18860" s="2">
        <v>62.712000000000003</v>
      </c>
      <c r="V18860" s="2">
        <v>58.081000000000003</v>
      </c>
      <c r="W18860" s="2">
        <v>0.26200000000000001</v>
      </c>
      <c r="X18860" s="2">
        <v>17</v>
      </c>
      <c r="Y18860" s="2">
        <v>88.7</v>
      </c>
      <c r="Z18860" s="2">
        <v>173.8</v>
      </c>
      <c r="AA18860" s="5">
        <v>7</v>
      </c>
      <c r="AB18860" s="5" t="s">
        <v>43</v>
      </c>
      <c r="AC18860" s="5" t="s">
        <v>735</v>
      </c>
      <c r="AD18860" s="2" t="s">
        <v>58499</v>
      </c>
      <c r="AE18860" s="1"/>
    </row>
    <row r="18861" spans="1:31" ht="14.45">
      <c r="A18861" s="11"/>
      <c r="B18861" s="20"/>
      <c r="C18861" s="2" t="s">
        <v>58500</v>
      </c>
      <c r="D18861" s="14" t="s">
        <v>58501</v>
      </c>
      <c r="E18861" s="2" t="s">
        <v>58502</v>
      </c>
      <c r="F18861" s="2" t="s">
        <v>58498</v>
      </c>
      <c r="G18861" s="8">
        <v>1709</v>
      </c>
      <c r="H18861" s="5">
        <v>10</v>
      </c>
      <c r="I18861" s="5" t="s">
        <v>69</v>
      </c>
      <c r="J18861" s="5" t="s">
        <v>55802</v>
      </c>
      <c r="K18861" s="2" t="s">
        <v>55803</v>
      </c>
      <c r="L18861" s="5" t="s">
        <v>55802</v>
      </c>
      <c r="M18861" s="2" t="s">
        <v>55803</v>
      </c>
      <c r="N18861" s="5" t="s">
        <v>733</v>
      </c>
      <c r="O18861" s="5" t="s">
        <v>38</v>
      </c>
      <c r="P18861" s="5" t="s">
        <v>39</v>
      </c>
      <c r="Q18861" s="5" t="s">
        <v>40</v>
      </c>
      <c r="R18861" s="5" t="s">
        <v>897</v>
      </c>
      <c r="S18861" s="5" t="s">
        <v>40</v>
      </c>
      <c r="T18861" s="5" t="s">
        <v>42</v>
      </c>
      <c r="U18861" s="2">
        <v>63.29</v>
      </c>
      <c r="V18861" s="2">
        <v>58.56</v>
      </c>
      <c r="W18861" s="2">
        <v>0.26200000000000001</v>
      </c>
      <c r="X18861" s="2">
        <v>17</v>
      </c>
      <c r="Y18861" s="2">
        <v>88.7</v>
      </c>
      <c r="Z18861" s="2">
        <v>173.8</v>
      </c>
      <c r="AA18861" s="5">
        <v>7</v>
      </c>
      <c r="AB18861" s="5" t="s">
        <v>43</v>
      </c>
      <c r="AC18861" s="5" t="s">
        <v>735</v>
      </c>
      <c r="AD18861" s="2" t="s">
        <v>58503</v>
      </c>
      <c r="AE18861" s="1"/>
    </row>
    <row r="18862" spans="1:31" ht="14.45">
      <c r="A18862" s="11"/>
      <c r="B18862" s="20"/>
      <c r="C18862" s="2" t="s">
        <v>58504</v>
      </c>
      <c r="D18862" s="14" t="s">
        <v>58505</v>
      </c>
      <c r="E18862" s="2" t="s">
        <v>58506</v>
      </c>
      <c r="F18862" s="2" t="s">
        <v>58498</v>
      </c>
      <c r="G18862" s="8">
        <v>1709</v>
      </c>
      <c r="H18862" s="5">
        <v>5</v>
      </c>
      <c r="I18862" s="5" t="s">
        <v>69</v>
      </c>
      <c r="J18862" s="5" t="s">
        <v>55802</v>
      </c>
      <c r="K18862" s="2" t="s">
        <v>55803</v>
      </c>
      <c r="L18862" s="5" t="s">
        <v>55802</v>
      </c>
      <c r="M18862" s="2" t="s">
        <v>55803</v>
      </c>
      <c r="N18862" s="5" t="s">
        <v>733</v>
      </c>
      <c r="O18862" s="5" t="s">
        <v>38</v>
      </c>
      <c r="P18862" s="5" t="s">
        <v>39</v>
      </c>
      <c r="Q18862" s="5" t="s">
        <v>40</v>
      </c>
      <c r="R18862" s="5" t="s">
        <v>897</v>
      </c>
      <c r="S18862" s="5" t="s">
        <v>40</v>
      </c>
      <c r="T18862" s="5" t="s">
        <v>42</v>
      </c>
      <c r="U18862" s="2">
        <v>63.445</v>
      </c>
      <c r="V18862" s="2">
        <v>58.654000000000003</v>
      </c>
      <c r="W18862" s="2">
        <v>0.26200000000000001</v>
      </c>
      <c r="X18862" s="2">
        <v>17</v>
      </c>
      <c r="Y18862" s="2">
        <v>88.7</v>
      </c>
      <c r="Z18862" s="2">
        <v>173.8</v>
      </c>
      <c r="AA18862" s="5">
        <v>7</v>
      </c>
      <c r="AB18862" s="5" t="s">
        <v>43</v>
      </c>
      <c r="AC18862" s="5" t="s">
        <v>735</v>
      </c>
      <c r="AD18862" s="2" t="s">
        <v>58507</v>
      </c>
      <c r="AE18862" s="1"/>
    </row>
    <row r="18863" spans="1:31" ht="14.45">
      <c r="A18863" s="11"/>
      <c r="B18863" s="20"/>
      <c r="C18863" s="2" t="s">
        <v>58508</v>
      </c>
      <c r="D18863" s="14" t="s">
        <v>58509</v>
      </c>
      <c r="E18863" s="2" t="s">
        <v>58510</v>
      </c>
      <c r="F18863" s="2" t="s">
        <v>58511</v>
      </c>
      <c r="G18863" s="8">
        <v>1522</v>
      </c>
      <c r="H18863" s="5">
        <v>10</v>
      </c>
      <c r="I18863" s="5" t="s">
        <v>69</v>
      </c>
      <c r="J18863" s="5" t="s">
        <v>55802</v>
      </c>
      <c r="K18863" s="2" t="s">
        <v>55803</v>
      </c>
      <c r="L18863" s="5" t="s">
        <v>55802</v>
      </c>
      <c r="M18863" s="2" t="s">
        <v>55803</v>
      </c>
      <c r="N18863" s="5" t="s">
        <v>733</v>
      </c>
      <c r="O18863" s="5" t="s">
        <v>38</v>
      </c>
      <c r="P18863" s="5" t="s">
        <v>39</v>
      </c>
      <c r="Q18863" s="5" t="s">
        <v>40</v>
      </c>
      <c r="R18863" s="5" t="s">
        <v>897</v>
      </c>
      <c r="S18863" s="5" t="s">
        <v>40</v>
      </c>
      <c r="T18863" s="5" t="s">
        <v>42</v>
      </c>
      <c r="U18863" s="2">
        <v>61.719000000000001</v>
      </c>
      <c r="V18863" s="2">
        <v>57.088000000000001</v>
      </c>
      <c r="W18863" s="2">
        <v>0.26200000000000001</v>
      </c>
      <c r="X18863" s="2">
        <v>17</v>
      </c>
      <c r="Y18863" s="2">
        <v>88.7</v>
      </c>
      <c r="Z18863" s="2">
        <v>173.8</v>
      </c>
      <c r="AA18863" s="5">
        <v>7</v>
      </c>
      <c r="AB18863" s="5" t="s">
        <v>43</v>
      </c>
      <c r="AC18863" s="5" t="s">
        <v>735</v>
      </c>
      <c r="AD18863" s="2" t="s">
        <v>58512</v>
      </c>
      <c r="AE18863" s="1"/>
    </row>
    <row r="18864" spans="1:31" ht="14.45">
      <c r="A18864" s="11"/>
      <c r="B18864" s="20"/>
      <c r="C18864" s="2" t="s">
        <v>58513</v>
      </c>
      <c r="D18864" s="14" t="s">
        <v>58514</v>
      </c>
      <c r="E18864" s="2" t="s">
        <v>58515</v>
      </c>
      <c r="F18864" s="2" t="s">
        <v>58516</v>
      </c>
      <c r="G18864" s="8">
        <v>1822</v>
      </c>
      <c r="H18864" s="5">
        <v>10</v>
      </c>
      <c r="I18864" s="5" t="s">
        <v>69</v>
      </c>
      <c r="J18864" s="5" t="s">
        <v>55802</v>
      </c>
      <c r="K18864" s="2" t="s">
        <v>55803</v>
      </c>
      <c r="L18864" s="5" t="s">
        <v>55802</v>
      </c>
      <c r="M18864" s="2" t="s">
        <v>55803</v>
      </c>
      <c r="N18864" s="5" t="s">
        <v>733</v>
      </c>
      <c r="O18864" s="5" t="s">
        <v>38</v>
      </c>
      <c r="P18864" s="5" t="s">
        <v>39</v>
      </c>
      <c r="Q18864" s="5" t="s">
        <v>40</v>
      </c>
      <c r="R18864" s="5" t="s">
        <v>897</v>
      </c>
      <c r="S18864" s="5" t="s">
        <v>40</v>
      </c>
      <c r="T18864" s="5" t="s">
        <v>42</v>
      </c>
      <c r="U18864" s="2">
        <v>62.296999999999997</v>
      </c>
      <c r="V18864" s="2">
        <v>57.567</v>
      </c>
      <c r="W18864" s="2">
        <v>0.26200000000000001</v>
      </c>
      <c r="X18864" s="2">
        <v>17</v>
      </c>
      <c r="Y18864" s="2">
        <v>88.7</v>
      </c>
      <c r="Z18864" s="2">
        <v>173.8</v>
      </c>
      <c r="AA18864" s="5">
        <v>7</v>
      </c>
      <c r="AB18864" s="5" t="s">
        <v>43</v>
      </c>
      <c r="AC18864" s="5" t="s">
        <v>735</v>
      </c>
      <c r="AD18864" s="2" t="s">
        <v>58517</v>
      </c>
      <c r="AE18864" s="1"/>
    </row>
    <row r="18865" spans="1:31" ht="14.45">
      <c r="A18865" s="11"/>
      <c r="B18865" s="20"/>
      <c r="C18865" s="2" t="s">
        <v>58518</v>
      </c>
      <c r="D18865" s="14" t="s">
        <v>58519</v>
      </c>
      <c r="E18865" s="2" t="s">
        <v>58520</v>
      </c>
      <c r="F18865" s="2" t="s">
        <v>58516</v>
      </c>
      <c r="G18865" s="8">
        <v>1822</v>
      </c>
      <c r="H18865" s="5">
        <v>10</v>
      </c>
      <c r="I18865" s="5" t="s">
        <v>69</v>
      </c>
      <c r="J18865" s="5" t="s">
        <v>55802</v>
      </c>
      <c r="K18865" s="2" t="s">
        <v>55803</v>
      </c>
      <c r="L18865" s="5" t="s">
        <v>55802</v>
      </c>
      <c r="M18865" s="2" t="s">
        <v>55803</v>
      </c>
      <c r="N18865" s="5" t="s">
        <v>733</v>
      </c>
      <c r="O18865" s="5" t="s">
        <v>38</v>
      </c>
      <c r="P18865" s="5" t="s">
        <v>39</v>
      </c>
      <c r="Q18865" s="5" t="s">
        <v>40</v>
      </c>
      <c r="R18865" s="5" t="s">
        <v>897</v>
      </c>
      <c r="S18865" s="5" t="s">
        <v>40</v>
      </c>
      <c r="T18865" s="5" t="s">
        <v>42</v>
      </c>
      <c r="U18865" s="2">
        <v>62.451999999999998</v>
      </c>
      <c r="V18865" s="2">
        <v>57.661000000000001</v>
      </c>
      <c r="W18865" s="2">
        <v>0.26200000000000001</v>
      </c>
      <c r="X18865" s="2">
        <v>17</v>
      </c>
      <c r="Y18865" s="2">
        <v>88.7</v>
      </c>
      <c r="Z18865" s="2">
        <v>173.8</v>
      </c>
      <c r="AA18865" s="5">
        <v>7</v>
      </c>
      <c r="AB18865" s="5" t="s">
        <v>43</v>
      </c>
      <c r="AC18865" s="5" t="s">
        <v>735</v>
      </c>
      <c r="AD18865" s="2" t="s">
        <v>58521</v>
      </c>
      <c r="AE18865" s="1"/>
    </row>
    <row r="18866" spans="1:31" ht="14.45">
      <c r="A18866" s="11"/>
      <c r="B18866" s="20"/>
      <c r="C18866" s="2" t="s">
        <v>58522</v>
      </c>
      <c r="D18866" s="14" t="s">
        <v>58523</v>
      </c>
      <c r="E18866" s="2" t="s">
        <v>58524</v>
      </c>
      <c r="F18866" s="2" t="s">
        <v>58525</v>
      </c>
      <c r="G18866" s="8">
        <v>1134</v>
      </c>
      <c r="H18866" s="5">
        <v>10</v>
      </c>
      <c r="I18866" s="5" t="s">
        <v>69</v>
      </c>
      <c r="J18866" s="5" t="s">
        <v>55802</v>
      </c>
      <c r="K18866" s="2" t="s">
        <v>55803</v>
      </c>
      <c r="L18866" s="5" t="s">
        <v>55802</v>
      </c>
      <c r="M18866" s="2" t="s">
        <v>55803</v>
      </c>
      <c r="N18866" s="5" t="s">
        <v>733</v>
      </c>
      <c r="O18866" s="5" t="s">
        <v>38</v>
      </c>
      <c r="P18866" s="5" t="s">
        <v>39</v>
      </c>
      <c r="Q18866" s="5" t="s">
        <v>40</v>
      </c>
      <c r="R18866" s="5" t="s">
        <v>897</v>
      </c>
      <c r="S18866" s="5" t="s">
        <v>40</v>
      </c>
      <c r="T18866" s="5" t="s">
        <v>42</v>
      </c>
      <c r="U18866" s="2">
        <v>54.148000000000003</v>
      </c>
      <c r="V18866" s="2">
        <v>49.517000000000003</v>
      </c>
      <c r="W18866" s="2">
        <v>0.26200000000000001</v>
      </c>
      <c r="X18866" s="2">
        <v>17</v>
      </c>
      <c r="Y18866" s="2">
        <v>88.7</v>
      </c>
      <c r="Z18866" s="2">
        <v>173.8</v>
      </c>
      <c r="AA18866" s="5">
        <v>7</v>
      </c>
      <c r="AB18866" s="5" t="s">
        <v>43</v>
      </c>
      <c r="AC18866" s="5" t="s">
        <v>735</v>
      </c>
      <c r="AD18866" s="2" t="s">
        <v>58526</v>
      </c>
      <c r="AE18866" s="1"/>
    </row>
    <row r="18867" spans="1:31" ht="14.45">
      <c r="A18867" s="11"/>
      <c r="B18867" s="20"/>
      <c r="C18867" s="2" t="s">
        <v>58527</v>
      </c>
      <c r="D18867" s="14" t="s">
        <v>58528</v>
      </c>
      <c r="E18867" s="2" t="s">
        <v>58529</v>
      </c>
      <c r="F18867" s="2" t="s">
        <v>58530</v>
      </c>
      <c r="G18867" s="8">
        <v>1409</v>
      </c>
      <c r="H18867" s="5">
        <v>10</v>
      </c>
      <c r="I18867" s="5" t="s">
        <v>69</v>
      </c>
      <c r="J18867" s="5" t="s">
        <v>55802</v>
      </c>
      <c r="K18867" s="2" t="s">
        <v>55803</v>
      </c>
      <c r="L18867" s="5" t="s">
        <v>55802</v>
      </c>
      <c r="M18867" s="2" t="s">
        <v>55803</v>
      </c>
      <c r="N18867" s="5" t="s">
        <v>733</v>
      </c>
      <c r="O18867" s="5" t="s">
        <v>38</v>
      </c>
      <c r="P18867" s="5" t="s">
        <v>39</v>
      </c>
      <c r="Q18867" s="5" t="s">
        <v>40</v>
      </c>
      <c r="R18867" s="5" t="s">
        <v>897</v>
      </c>
      <c r="S18867" s="5" t="s">
        <v>40</v>
      </c>
      <c r="T18867" s="5" t="s">
        <v>42</v>
      </c>
      <c r="U18867" s="2">
        <v>61.673000000000002</v>
      </c>
      <c r="V18867" s="2">
        <v>57.042000000000002</v>
      </c>
      <c r="W18867" s="2">
        <v>0.26200000000000001</v>
      </c>
      <c r="X18867" s="2">
        <v>17</v>
      </c>
      <c r="Y18867" s="2">
        <v>88.7</v>
      </c>
      <c r="Z18867" s="2">
        <v>173.8</v>
      </c>
      <c r="AA18867" s="5">
        <v>7</v>
      </c>
      <c r="AB18867" s="5" t="s">
        <v>43</v>
      </c>
      <c r="AC18867" s="5" t="s">
        <v>735</v>
      </c>
      <c r="AD18867" s="2" t="s">
        <v>58531</v>
      </c>
      <c r="AE18867" s="1"/>
    </row>
    <row r="18868" spans="1:31" ht="14.45">
      <c r="A18868" s="11"/>
      <c r="B18868" s="20"/>
      <c r="C18868" s="2" t="s">
        <v>58532</v>
      </c>
      <c r="D18868" s="14" t="s">
        <v>58533</v>
      </c>
      <c r="E18868" s="2" t="s">
        <v>58534</v>
      </c>
      <c r="F18868" s="2" t="s">
        <v>58530</v>
      </c>
      <c r="G18868" s="8">
        <v>1709</v>
      </c>
      <c r="H18868" s="5">
        <v>5</v>
      </c>
      <c r="I18868" s="5" t="s">
        <v>69</v>
      </c>
      <c r="J18868" s="5" t="s">
        <v>55802</v>
      </c>
      <c r="K18868" s="2" t="s">
        <v>55803</v>
      </c>
      <c r="L18868" s="5" t="s">
        <v>55802</v>
      </c>
      <c r="M18868" s="2" t="s">
        <v>55803</v>
      </c>
      <c r="N18868" s="5" t="s">
        <v>733</v>
      </c>
      <c r="O18868" s="5" t="s">
        <v>38</v>
      </c>
      <c r="P18868" s="5" t="s">
        <v>39</v>
      </c>
      <c r="Q18868" s="5" t="s">
        <v>40</v>
      </c>
      <c r="R18868" s="5" t="s">
        <v>897</v>
      </c>
      <c r="S18868" s="5" t="s">
        <v>40</v>
      </c>
      <c r="T18868" s="5" t="s">
        <v>42</v>
      </c>
      <c r="U18868" s="2">
        <v>62.405999999999999</v>
      </c>
      <c r="V18868" s="2">
        <v>57.615000000000002</v>
      </c>
      <c r="W18868" s="2">
        <v>0.26200000000000001</v>
      </c>
      <c r="X18868" s="2">
        <v>17</v>
      </c>
      <c r="Y18868" s="2">
        <v>88.7</v>
      </c>
      <c r="Z18868" s="2">
        <v>173.8</v>
      </c>
      <c r="AA18868" s="5">
        <v>7</v>
      </c>
      <c r="AB18868" s="5" t="s">
        <v>43</v>
      </c>
      <c r="AC18868" s="5" t="s">
        <v>735</v>
      </c>
      <c r="AD18868" s="2" t="s">
        <v>58535</v>
      </c>
      <c r="AE18868" s="1"/>
    </row>
    <row r="18869" spans="1:31" ht="14.45">
      <c r="A18869" s="11"/>
      <c r="B18869" s="20"/>
      <c r="C18869" s="2" t="s">
        <v>58536</v>
      </c>
      <c r="D18869" s="14" t="s">
        <v>58537</v>
      </c>
      <c r="E18869" s="2" t="s">
        <v>58538</v>
      </c>
      <c r="F18869" s="2" t="s">
        <v>58539</v>
      </c>
      <c r="G18869" s="8">
        <v>1232</v>
      </c>
      <c r="H18869" s="5">
        <v>10</v>
      </c>
      <c r="I18869" s="5" t="s">
        <v>69</v>
      </c>
      <c r="J18869" s="5" t="s">
        <v>55802</v>
      </c>
      <c r="K18869" s="2" t="s">
        <v>55803</v>
      </c>
      <c r="L18869" s="5" t="s">
        <v>55802</v>
      </c>
      <c r="M18869" s="2" t="s">
        <v>55803</v>
      </c>
      <c r="N18869" s="5" t="s">
        <v>733</v>
      </c>
      <c r="O18869" s="5" t="s">
        <v>38</v>
      </c>
      <c r="P18869" s="5" t="s">
        <v>39</v>
      </c>
      <c r="Q18869" s="5" t="s">
        <v>40</v>
      </c>
      <c r="R18869" s="5" t="s">
        <v>897</v>
      </c>
      <c r="S18869" s="5" t="s">
        <v>40</v>
      </c>
      <c r="T18869" s="5" t="s">
        <v>42</v>
      </c>
      <c r="U18869" s="2">
        <v>67.069000000000003</v>
      </c>
      <c r="V18869" s="2">
        <v>62.466999999999999</v>
      </c>
      <c r="W18869" s="2">
        <v>0.26200000000000001</v>
      </c>
      <c r="X18869" s="2">
        <v>17</v>
      </c>
      <c r="Y18869" s="2">
        <v>88.7</v>
      </c>
      <c r="Z18869" s="2">
        <v>173.8</v>
      </c>
      <c r="AA18869" s="5">
        <v>7</v>
      </c>
      <c r="AB18869" s="5" t="s">
        <v>43</v>
      </c>
      <c r="AC18869" s="5" t="s">
        <v>735</v>
      </c>
      <c r="AD18869" s="2" t="s">
        <v>58540</v>
      </c>
      <c r="AE18869" s="1"/>
    </row>
    <row r="18870" spans="1:31" ht="14.45">
      <c r="A18870" s="11"/>
      <c r="B18870" s="20"/>
      <c r="C18870" s="2" t="s">
        <v>58541</v>
      </c>
      <c r="D18870" s="14" t="s">
        <v>58542</v>
      </c>
      <c r="E18870" s="2" t="s">
        <v>58543</v>
      </c>
      <c r="F18870" s="2" t="s">
        <v>58544</v>
      </c>
      <c r="G18870" s="8">
        <v>1532</v>
      </c>
      <c r="H18870" s="5">
        <v>10</v>
      </c>
      <c r="I18870" s="5" t="s">
        <v>69</v>
      </c>
      <c r="J18870" s="5" t="s">
        <v>55802</v>
      </c>
      <c r="K18870" s="2" t="s">
        <v>55803</v>
      </c>
      <c r="L18870" s="5" t="s">
        <v>55802</v>
      </c>
      <c r="M18870" s="2" t="s">
        <v>55803</v>
      </c>
      <c r="N18870" s="5" t="s">
        <v>733</v>
      </c>
      <c r="O18870" s="5" t="s">
        <v>38</v>
      </c>
      <c r="P18870" s="5" t="s">
        <v>39</v>
      </c>
      <c r="Q18870" s="5" t="s">
        <v>40</v>
      </c>
      <c r="R18870" s="5" t="s">
        <v>897</v>
      </c>
      <c r="S18870" s="5" t="s">
        <v>40</v>
      </c>
      <c r="T18870" s="5" t="s">
        <v>42</v>
      </c>
      <c r="U18870" s="2">
        <v>68.872</v>
      </c>
      <c r="V18870" s="2">
        <v>64.141999999999996</v>
      </c>
      <c r="W18870" s="2">
        <v>0.26200000000000001</v>
      </c>
      <c r="X18870" s="2">
        <v>17</v>
      </c>
      <c r="Y18870" s="2">
        <v>88.7</v>
      </c>
      <c r="Z18870" s="2">
        <v>173.8</v>
      </c>
      <c r="AA18870" s="5">
        <v>7</v>
      </c>
      <c r="AB18870" s="5" t="s">
        <v>43</v>
      </c>
      <c r="AC18870" s="5" t="s">
        <v>735</v>
      </c>
      <c r="AD18870" s="2" t="s">
        <v>58545</v>
      </c>
      <c r="AE18870" s="1"/>
    </row>
    <row r="18871" spans="1:31" ht="14.45">
      <c r="A18871" s="11"/>
      <c r="B18871" s="20"/>
      <c r="C18871" s="2" t="s">
        <v>58546</v>
      </c>
      <c r="D18871" s="14" t="s">
        <v>58547</v>
      </c>
      <c r="E18871" s="2" t="s">
        <v>58548</v>
      </c>
      <c r="F18871" s="2" t="s">
        <v>58549</v>
      </c>
      <c r="G18871" s="8">
        <v>1054</v>
      </c>
      <c r="H18871" s="5">
        <v>5</v>
      </c>
      <c r="I18871" s="5" t="s">
        <v>69</v>
      </c>
      <c r="J18871" s="5" t="s">
        <v>55802</v>
      </c>
      <c r="K18871" s="2" t="s">
        <v>55803</v>
      </c>
      <c r="L18871" s="5" t="s">
        <v>55802</v>
      </c>
      <c r="M18871" s="2" t="s">
        <v>55803</v>
      </c>
      <c r="N18871" s="5" t="s">
        <v>733</v>
      </c>
      <c r="O18871" s="5" t="s">
        <v>38</v>
      </c>
      <c r="P18871" s="5" t="s">
        <v>39</v>
      </c>
      <c r="Q18871" s="5" t="s">
        <v>40</v>
      </c>
      <c r="R18871" s="5" t="s">
        <v>897</v>
      </c>
      <c r="S18871" s="5" t="s">
        <v>40</v>
      </c>
      <c r="T18871" s="5" t="s">
        <v>42</v>
      </c>
      <c r="U18871" s="2">
        <v>58.155999999999999</v>
      </c>
      <c r="V18871" s="2">
        <v>53.722000000000001</v>
      </c>
      <c r="W18871" s="2">
        <v>0.25600000000000001</v>
      </c>
      <c r="X18871" s="2">
        <v>17</v>
      </c>
      <c r="Y18871" s="2">
        <v>86.7</v>
      </c>
      <c r="Z18871" s="2">
        <v>173.8</v>
      </c>
      <c r="AA18871" s="5">
        <v>7</v>
      </c>
      <c r="AB18871" s="5" t="s">
        <v>43</v>
      </c>
      <c r="AC18871" s="5" t="s">
        <v>735</v>
      </c>
      <c r="AD18871" s="2" t="s">
        <v>58550</v>
      </c>
      <c r="AE18871" s="1"/>
    </row>
    <row r="18872" spans="1:31" ht="14.45">
      <c r="A18872" s="11"/>
      <c r="B18872" s="20"/>
      <c r="C18872" s="2" t="s">
        <v>58551</v>
      </c>
      <c r="D18872" s="14" t="s">
        <v>58552</v>
      </c>
      <c r="E18872" s="2" t="s">
        <v>58553</v>
      </c>
      <c r="F18872" s="2" t="s">
        <v>58554</v>
      </c>
      <c r="G18872" s="8">
        <v>1354</v>
      </c>
      <c r="H18872" s="5">
        <v>10</v>
      </c>
      <c r="I18872" s="5" t="s">
        <v>69</v>
      </c>
      <c r="J18872" s="5" t="s">
        <v>55802</v>
      </c>
      <c r="K18872" s="2" t="s">
        <v>55803</v>
      </c>
      <c r="L18872" s="5" t="s">
        <v>55802</v>
      </c>
      <c r="M18872" s="2" t="s">
        <v>55803</v>
      </c>
      <c r="N18872" s="5" t="s">
        <v>733</v>
      </c>
      <c r="O18872" s="5" t="s">
        <v>38</v>
      </c>
      <c r="P18872" s="5" t="s">
        <v>39</v>
      </c>
      <c r="Q18872" s="5" t="s">
        <v>40</v>
      </c>
      <c r="R18872" s="5" t="s">
        <v>897</v>
      </c>
      <c r="S18872" s="5" t="s">
        <v>40</v>
      </c>
      <c r="T18872" s="5" t="s">
        <v>42</v>
      </c>
      <c r="U18872" s="2">
        <v>59.981000000000002</v>
      </c>
      <c r="V18872" s="2">
        <v>55.250999999999998</v>
      </c>
      <c r="W18872" s="2">
        <v>0.26200000000000001</v>
      </c>
      <c r="X18872" s="2">
        <v>17</v>
      </c>
      <c r="Y18872" s="2">
        <v>88.7</v>
      </c>
      <c r="Z18872" s="2">
        <v>173.8</v>
      </c>
      <c r="AA18872" s="5">
        <v>7</v>
      </c>
      <c r="AB18872" s="5" t="s">
        <v>43</v>
      </c>
      <c r="AC18872" s="5" t="s">
        <v>735</v>
      </c>
      <c r="AD18872" s="2" t="s">
        <v>58555</v>
      </c>
      <c r="AE18872" s="1"/>
    </row>
    <row r="18873" spans="1:31" ht="14.45">
      <c r="A18873" s="11"/>
      <c r="B18873" s="20"/>
      <c r="C18873" s="2" t="s">
        <v>58556</v>
      </c>
      <c r="D18873" s="14" t="s">
        <v>58557</v>
      </c>
      <c r="E18873" s="2" t="s">
        <v>58558</v>
      </c>
      <c r="F18873" s="2" t="s">
        <v>58554</v>
      </c>
      <c r="G18873" s="8">
        <v>1354</v>
      </c>
      <c r="H18873" s="5">
        <v>10</v>
      </c>
      <c r="I18873" s="5" t="s">
        <v>69</v>
      </c>
      <c r="J18873" s="5" t="s">
        <v>55802</v>
      </c>
      <c r="K18873" s="2" t="s">
        <v>55803</v>
      </c>
      <c r="L18873" s="5" t="s">
        <v>55802</v>
      </c>
      <c r="M18873" s="2" t="s">
        <v>55803</v>
      </c>
      <c r="N18873" s="5" t="s">
        <v>733</v>
      </c>
      <c r="O18873" s="5" t="s">
        <v>38</v>
      </c>
      <c r="P18873" s="5" t="s">
        <v>39</v>
      </c>
      <c r="Q18873" s="5" t="s">
        <v>40</v>
      </c>
      <c r="R18873" s="5" t="s">
        <v>897</v>
      </c>
      <c r="S18873" s="5" t="s">
        <v>40</v>
      </c>
      <c r="T18873" s="5" t="s">
        <v>42</v>
      </c>
      <c r="U18873" s="2">
        <v>60.076000000000001</v>
      </c>
      <c r="V18873" s="2">
        <v>55.284999999999997</v>
      </c>
      <c r="W18873" s="2">
        <v>0.26200000000000001</v>
      </c>
      <c r="X18873" s="2">
        <v>17</v>
      </c>
      <c r="Y18873" s="2">
        <v>88.7</v>
      </c>
      <c r="Z18873" s="2">
        <v>173.8</v>
      </c>
      <c r="AA18873" s="5">
        <v>7</v>
      </c>
      <c r="AB18873" s="5" t="s">
        <v>43</v>
      </c>
      <c r="AC18873" s="5" t="s">
        <v>735</v>
      </c>
      <c r="AD18873" s="2" t="s">
        <v>58559</v>
      </c>
      <c r="AE18873" s="1"/>
    </row>
    <row r="18874" spans="1:31" ht="14.45">
      <c r="A18874" s="11"/>
      <c r="B18874" s="20"/>
      <c r="C18874" s="2" t="s">
        <v>58560</v>
      </c>
      <c r="D18874" s="14" t="s">
        <v>58561</v>
      </c>
      <c r="E18874" s="2" t="s">
        <v>58562</v>
      </c>
      <c r="F18874" s="2" t="s">
        <v>58563</v>
      </c>
      <c r="G18874" s="8">
        <v>1232</v>
      </c>
      <c r="H18874" s="5">
        <v>10</v>
      </c>
      <c r="I18874" s="5" t="s">
        <v>69</v>
      </c>
      <c r="J18874" s="5" t="s">
        <v>55802</v>
      </c>
      <c r="K18874" s="2" t="s">
        <v>55803</v>
      </c>
      <c r="L18874" s="5" t="s">
        <v>55802</v>
      </c>
      <c r="M18874" s="2" t="s">
        <v>55803</v>
      </c>
      <c r="N18874" s="5" t="s">
        <v>733</v>
      </c>
      <c r="O18874" s="5" t="s">
        <v>38</v>
      </c>
      <c r="P18874" s="5" t="s">
        <v>39</v>
      </c>
      <c r="Q18874" s="5" t="s">
        <v>40</v>
      </c>
      <c r="R18874" s="5" t="s">
        <v>897</v>
      </c>
      <c r="S18874" s="5" t="s">
        <v>40</v>
      </c>
      <c r="T18874" s="5" t="s">
        <v>42</v>
      </c>
      <c r="U18874" s="2">
        <v>57.841999999999999</v>
      </c>
      <c r="V18874" s="2">
        <v>53.234999999999999</v>
      </c>
      <c r="W18874" s="2">
        <v>0.26200000000000001</v>
      </c>
      <c r="X18874" s="2">
        <v>17</v>
      </c>
      <c r="Y18874" s="2">
        <v>88.7</v>
      </c>
      <c r="Z18874" s="2">
        <v>173.8</v>
      </c>
      <c r="AA18874" s="5">
        <v>7</v>
      </c>
      <c r="AB18874" s="5" t="s">
        <v>43</v>
      </c>
      <c r="AC18874" s="5" t="s">
        <v>735</v>
      </c>
      <c r="AD18874" s="2" t="s">
        <v>58564</v>
      </c>
      <c r="AE18874" s="1"/>
    </row>
    <row r="18875" spans="1:31" ht="14.45">
      <c r="A18875" s="11"/>
      <c r="B18875" s="20"/>
      <c r="C18875" s="2" t="s">
        <v>58565</v>
      </c>
      <c r="D18875" s="14" t="s">
        <v>58566</v>
      </c>
      <c r="E18875" s="2" t="s">
        <v>58567</v>
      </c>
      <c r="F18875" s="2" t="s">
        <v>58563</v>
      </c>
      <c r="G18875" s="8">
        <v>1532</v>
      </c>
      <c r="H18875" s="5">
        <v>10</v>
      </c>
      <c r="I18875" s="5" t="s">
        <v>69</v>
      </c>
      <c r="J18875" s="5" t="s">
        <v>55802</v>
      </c>
      <c r="K18875" s="2" t="s">
        <v>55803</v>
      </c>
      <c r="L18875" s="5" t="s">
        <v>55802</v>
      </c>
      <c r="M18875" s="2" t="s">
        <v>55803</v>
      </c>
      <c r="N18875" s="5" t="s">
        <v>733</v>
      </c>
      <c r="O18875" s="5" t="s">
        <v>38</v>
      </c>
      <c r="P18875" s="5" t="s">
        <v>39</v>
      </c>
      <c r="Q18875" s="5" t="s">
        <v>40</v>
      </c>
      <c r="R18875" s="5" t="s">
        <v>897</v>
      </c>
      <c r="S18875" s="5" t="s">
        <v>40</v>
      </c>
      <c r="T18875" s="5" t="s">
        <v>42</v>
      </c>
      <c r="U18875" s="2">
        <v>59.76</v>
      </c>
      <c r="V18875" s="2">
        <v>55.03</v>
      </c>
      <c r="W18875" s="2">
        <v>0.26200000000000001</v>
      </c>
      <c r="X18875" s="2">
        <v>17</v>
      </c>
      <c r="Y18875" s="2">
        <v>88.7</v>
      </c>
      <c r="Z18875" s="2">
        <v>173.8</v>
      </c>
      <c r="AA18875" s="5">
        <v>7</v>
      </c>
      <c r="AB18875" s="5" t="s">
        <v>43</v>
      </c>
      <c r="AC18875" s="5" t="s">
        <v>735</v>
      </c>
      <c r="AD18875" s="2" t="s">
        <v>58568</v>
      </c>
      <c r="AE18875" s="1"/>
    </row>
    <row r="18876" spans="1:31" ht="14.45">
      <c r="A18876" s="11"/>
      <c r="B18876" s="20"/>
      <c r="C18876" s="2" t="s">
        <v>58569</v>
      </c>
      <c r="D18876" s="14" t="s">
        <v>58570</v>
      </c>
      <c r="E18876" s="2" t="s">
        <v>58571</v>
      </c>
      <c r="F18876" s="2" t="s">
        <v>58572</v>
      </c>
      <c r="G18876" s="8">
        <v>882</v>
      </c>
      <c r="H18876" s="5">
        <v>10</v>
      </c>
      <c r="I18876" s="5" t="s">
        <v>69</v>
      </c>
      <c r="J18876" s="5" t="s">
        <v>55802</v>
      </c>
      <c r="K18876" s="2" t="s">
        <v>55803</v>
      </c>
      <c r="L18876" s="5" t="s">
        <v>55802</v>
      </c>
      <c r="M18876" s="2" t="s">
        <v>55803</v>
      </c>
      <c r="N18876" s="5" t="s">
        <v>733</v>
      </c>
      <c r="O18876" s="5" t="s">
        <v>38</v>
      </c>
      <c r="P18876" s="5" t="s">
        <v>39</v>
      </c>
      <c r="Q18876" s="5" t="s">
        <v>40</v>
      </c>
      <c r="R18876" s="5" t="s">
        <v>897</v>
      </c>
      <c r="S18876" s="5" t="s">
        <v>40</v>
      </c>
      <c r="T18876" s="5" t="s">
        <v>42</v>
      </c>
      <c r="U18876" s="2">
        <v>58.116</v>
      </c>
      <c r="V18876" s="2">
        <v>53.509</v>
      </c>
      <c r="W18876" s="2">
        <v>0.26200000000000001</v>
      </c>
      <c r="X18876" s="2">
        <v>17</v>
      </c>
      <c r="Y18876" s="2">
        <v>88.7</v>
      </c>
      <c r="Z18876" s="2">
        <v>173.8</v>
      </c>
      <c r="AA18876" s="5">
        <v>7</v>
      </c>
      <c r="AB18876" s="5" t="s">
        <v>43</v>
      </c>
      <c r="AC18876" s="5" t="s">
        <v>735</v>
      </c>
      <c r="AD18876" s="2" t="s">
        <v>58573</v>
      </c>
      <c r="AE18876" s="1"/>
    </row>
    <row r="18877" spans="1:31" ht="14.45">
      <c r="A18877" s="11"/>
      <c r="B18877" s="20"/>
      <c r="C18877" s="2" t="s">
        <v>58574</v>
      </c>
      <c r="D18877" s="14" t="s">
        <v>58575</v>
      </c>
      <c r="E18877" s="2" t="s">
        <v>58576</v>
      </c>
      <c r="F18877" s="2" t="s">
        <v>58572</v>
      </c>
      <c r="G18877" s="8">
        <v>1182</v>
      </c>
      <c r="H18877" s="5">
        <v>10</v>
      </c>
      <c r="I18877" s="5" t="s">
        <v>69</v>
      </c>
      <c r="J18877" s="5" t="s">
        <v>55802</v>
      </c>
      <c r="K18877" s="2" t="s">
        <v>55803</v>
      </c>
      <c r="L18877" s="5" t="s">
        <v>55802</v>
      </c>
      <c r="M18877" s="2" t="s">
        <v>55803</v>
      </c>
      <c r="N18877" s="5" t="s">
        <v>733</v>
      </c>
      <c r="O18877" s="5" t="s">
        <v>38</v>
      </c>
      <c r="P18877" s="5" t="s">
        <v>39</v>
      </c>
      <c r="Q18877" s="5" t="s">
        <v>40</v>
      </c>
      <c r="R18877" s="5" t="s">
        <v>897</v>
      </c>
      <c r="S18877" s="5" t="s">
        <v>40</v>
      </c>
      <c r="T18877" s="5" t="s">
        <v>42</v>
      </c>
      <c r="U18877" s="2">
        <v>60.033999999999999</v>
      </c>
      <c r="V18877" s="2">
        <v>55.304000000000002</v>
      </c>
      <c r="W18877" s="2">
        <v>0.26200000000000001</v>
      </c>
      <c r="X18877" s="2">
        <v>17</v>
      </c>
      <c r="Y18877" s="2">
        <v>88.7</v>
      </c>
      <c r="Z18877" s="2">
        <v>173.8</v>
      </c>
      <c r="AA18877" s="5">
        <v>7</v>
      </c>
      <c r="AB18877" s="5" t="s">
        <v>43</v>
      </c>
      <c r="AC18877" s="5" t="s">
        <v>735</v>
      </c>
      <c r="AD18877" s="2" t="s">
        <v>58577</v>
      </c>
      <c r="AE18877" s="1"/>
    </row>
    <row r="18878" spans="1:31" ht="14.45">
      <c r="A18878" s="11"/>
      <c r="B18878" s="20"/>
      <c r="C18878" s="2" t="s">
        <v>58578</v>
      </c>
      <c r="D18878" s="14" t="s">
        <v>58579</v>
      </c>
      <c r="E18878" s="2" t="s">
        <v>58580</v>
      </c>
      <c r="F18878" s="2" t="s">
        <v>58581</v>
      </c>
      <c r="G18878" s="8">
        <v>666</v>
      </c>
      <c r="H18878" s="5">
        <v>5</v>
      </c>
      <c r="I18878" s="5" t="s">
        <v>69</v>
      </c>
      <c r="J18878" s="5" t="s">
        <v>55802</v>
      </c>
      <c r="K18878" s="2" t="s">
        <v>55803</v>
      </c>
      <c r="L18878" s="5" t="s">
        <v>55802</v>
      </c>
      <c r="M18878" s="2" t="s">
        <v>55803</v>
      </c>
      <c r="N18878" s="5" t="s">
        <v>733</v>
      </c>
      <c r="O18878" s="5" t="s">
        <v>38</v>
      </c>
      <c r="P18878" s="5" t="s">
        <v>39</v>
      </c>
      <c r="Q18878" s="5" t="s">
        <v>40</v>
      </c>
      <c r="R18878" s="5" t="s">
        <v>897</v>
      </c>
      <c r="S18878" s="5" t="s">
        <v>40</v>
      </c>
      <c r="T18878" s="5" t="s">
        <v>42</v>
      </c>
      <c r="U18878" s="2">
        <v>50.531999999999996</v>
      </c>
      <c r="V18878" s="2">
        <v>46.097999999999999</v>
      </c>
      <c r="W18878" s="2">
        <v>0.25600000000000001</v>
      </c>
      <c r="X18878" s="2">
        <v>17</v>
      </c>
      <c r="Y18878" s="2">
        <v>86.7</v>
      </c>
      <c r="Z18878" s="2">
        <v>173.8</v>
      </c>
      <c r="AA18878" s="5">
        <v>7</v>
      </c>
      <c r="AB18878" s="5" t="s">
        <v>43</v>
      </c>
      <c r="AC18878" s="5" t="s">
        <v>735</v>
      </c>
      <c r="AD18878" s="2" t="s">
        <v>58582</v>
      </c>
      <c r="AE18878" s="1"/>
    </row>
    <row r="18879" spans="1:31" ht="14.45">
      <c r="A18879" s="11"/>
      <c r="B18879" s="20"/>
      <c r="C18879" s="2" t="s">
        <v>58583</v>
      </c>
      <c r="D18879" s="14" t="s">
        <v>58584</v>
      </c>
      <c r="E18879" s="2" t="s">
        <v>58585</v>
      </c>
      <c r="F18879" s="2" t="s">
        <v>58581</v>
      </c>
      <c r="G18879" s="8">
        <v>966</v>
      </c>
      <c r="H18879" s="5">
        <v>5</v>
      </c>
      <c r="I18879" s="5" t="s">
        <v>69</v>
      </c>
      <c r="J18879" s="5" t="s">
        <v>55802</v>
      </c>
      <c r="K18879" s="2" t="s">
        <v>55803</v>
      </c>
      <c r="L18879" s="5" t="s">
        <v>55802</v>
      </c>
      <c r="M18879" s="2" t="s">
        <v>55803</v>
      </c>
      <c r="N18879" s="5" t="s">
        <v>733</v>
      </c>
      <c r="O18879" s="5" t="s">
        <v>38</v>
      </c>
      <c r="P18879" s="5" t="s">
        <v>39</v>
      </c>
      <c r="Q18879" s="5" t="s">
        <v>40</v>
      </c>
      <c r="R18879" s="5" t="s">
        <v>897</v>
      </c>
      <c r="S18879" s="5" t="s">
        <v>40</v>
      </c>
      <c r="T18879" s="5" t="s">
        <v>42</v>
      </c>
      <c r="U18879" s="2">
        <v>52.365000000000002</v>
      </c>
      <c r="V18879" s="2">
        <v>47.627000000000002</v>
      </c>
      <c r="W18879" s="2">
        <v>0.26200000000000001</v>
      </c>
      <c r="X18879" s="2">
        <v>17</v>
      </c>
      <c r="Y18879" s="2">
        <v>88.7</v>
      </c>
      <c r="Z18879" s="2">
        <v>173.8</v>
      </c>
      <c r="AA18879" s="5">
        <v>7</v>
      </c>
      <c r="AB18879" s="5" t="s">
        <v>43</v>
      </c>
      <c r="AC18879" s="5" t="s">
        <v>735</v>
      </c>
      <c r="AD18879" s="2" t="s">
        <v>58586</v>
      </c>
      <c r="AE18879" s="1"/>
    </row>
    <row r="18880" spans="1:31" ht="14.45">
      <c r="A18880" s="11"/>
      <c r="B18880" s="20"/>
      <c r="C18880" s="2" t="s">
        <v>58587</v>
      </c>
      <c r="D18880" s="14" t="s">
        <v>58588</v>
      </c>
      <c r="E18880" s="2" t="s">
        <v>58589</v>
      </c>
      <c r="F18880" s="2" t="s">
        <v>58581</v>
      </c>
      <c r="G18880" s="8">
        <v>966</v>
      </c>
      <c r="H18880" s="5">
        <v>10</v>
      </c>
      <c r="I18880" s="5" t="s">
        <v>69</v>
      </c>
      <c r="J18880" s="5" t="s">
        <v>55802</v>
      </c>
      <c r="K18880" s="2" t="s">
        <v>55803</v>
      </c>
      <c r="L18880" s="5" t="s">
        <v>55802</v>
      </c>
      <c r="M18880" s="2" t="s">
        <v>55803</v>
      </c>
      <c r="N18880" s="5" t="s">
        <v>733</v>
      </c>
      <c r="O18880" s="5" t="s">
        <v>38</v>
      </c>
      <c r="P18880" s="5" t="s">
        <v>39</v>
      </c>
      <c r="Q18880" s="5" t="s">
        <v>40</v>
      </c>
      <c r="R18880" s="5" t="s">
        <v>897</v>
      </c>
      <c r="S18880" s="5" t="s">
        <v>40</v>
      </c>
      <c r="T18880" s="5" t="s">
        <v>42</v>
      </c>
      <c r="U18880" s="2">
        <v>52.41</v>
      </c>
      <c r="V18880" s="2">
        <v>47.610999999999997</v>
      </c>
      <c r="W18880" s="2">
        <v>0.26200000000000001</v>
      </c>
      <c r="X18880" s="2">
        <v>17</v>
      </c>
      <c r="Y18880" s="2">
        <v>88.7</v>
      </c>
      <c r="Z18880" s="2">
        <v>173.8</v>
      </c>
      <c r="AA18880" s="5">
        <v>7</v>
      </c>
      <c r="AB18880" s="5" t="s">
        <v>43</v>
      </c>
      <c r="AC18880" s="5" t="s">
        <v>735</v>
      </c>
      <c r="AD18880" s="2" t="s">
        <v>58590</v>
      </c>
      <c r="AE18880" s="1"/>
    </row>
    <row r="18881" spans="1:31" ht="14.45">
      <c r="A18881" s="11"/>
      <c r="B18881" s="20"/>
      <c r="C18881" s="2" t="s">
        <v>58591</v>
      </c>
      <c r="D18881" s="14" t="s">
        <v>58592</v>
      </c>
      <c r="E18881" s="2" t="s">
        <v>58593</v>
      </c>
      <c r="F18881" s="2" t="s">
        <v>58594</v>
      </c>
      <c r="G18881" s="8">
        <v>941</v>
      </c>
      <c r="H18881" s="5">
        <v>5</v>
      </c>
      <c r="I18881" s="5" t="s">
        <v>69</v>
      </c>
      <c r="J18881" s="5" t="s">
        <v>55802</v>
      </c>
      <c r="K18881" s="2" t="s">
        <v>55803</v>
      </c>
      <c r="L18881" s="5" t="s">
        <v>55802</v>
      </c>
      <c r="M18881" s="2" t="s">
        <v>55803</v>
      </c>
      <c r="N18881" s="5" t="s">
        <v>733</v>
      </c>
      <c r="O18881" s="5" t="s">
        <v>38</v>
      </c>
      <c r="P18881" s="5" t="s">
        <v>39</v>
      </c>
      <c r="Q18881" s="5" t="s">
        <v>40</v>
      </c>
      <c r="R18881" s="5" t="s">
        <v>897</v>
      </c>
      <c r="S18881" s="5" t="s">
        <v>40</v>
      </c>
      <c r="T18881" s="5" t="s">
        <v>42</v>
      </c>
      <c r="U18881" s="2">
        <v>58.017000000000003</v>
      </c>
      <c r="V18881" s="2">
        <v>53.41</v>
      </c>
      <c r="W18881" s="2">
        <v>0.26200000000000001</v>
      </c>
      <c r="X18881" s="2">
        <v>17</v>
      </c>
      <c r="Y18881" s="2">
        <v>88.7</v>
      </c>
      <c r="Z18881" s="2">
        <v>173.8</v>
      </c>
      <c r="AA18881" s="5">
        <v>7</v>
      </c>
      <c r="AB18881" s="5" t="s">
        <v>43</v>
      </c>
      <c r="AC18881" s="5" t="s">
        <v>735</v>
      </c>
      <c r="AD18881" s="2" t="s">
        <v>58595</v>
      </c>
      <c r="AE18881" s="1"/>
    </row>
    <row r="18882" spans="1:31" ht="14.45">
      <c r="A18882" s="11"/>
      <c r="B18882" s="20"/>
      <c r="C18882" s="2" t="s">
        <v>58596</v>
      </c>
      <c r="D18882" s="14" t="s">
        <v>58597</v>
      </c>
      <c r="E18882" s="2" t="s">
        <v>58598</v>
      </c>
      <c r="F18882" s="2" t="s">
        <v>58594</v>
      </c>
      <c r="G18882" s="8">
        <v>1241</v>
      </c>
      <c r="H18882" s="5">
        <v>5</v>
      </c>
      <c r="I18882" s="5" t="s">
        <v>69</v>
      </c>
      <c r="J18882" s="5" t="s">
        <v>55802</v>
      </c>
      <c r="K18882" s="2" t="s">
        <v>55803</v>
      </c>
      <c r="L18882" s="5" t="s">
        <v>55802</v>
      </c>
      <c r="M18882" s="2" t="s">
        <v>55803</v>
      </c>
      <c r="N18882" s="5" t="s">
        <v>733</v>
      </c>
      <c r="O18882" s="5" t="s">
        <v>38</v>
      </c>
      <c r="P18882" s="5" t="s">
        <v>39</v>
      </c>
      <c r="Q18882" s="5" t="s">
        <v>40</v>
      </c>
      <c r="R18882" s="5" t="s">
        <v>897</v>
      </c>
      <c r="S18882" s="5" t="s">
        <v>40</v>
      </c>
      <c r="T18882" s="5" t="s">
        <v>42</v>
      </c>
      <c r="U18882" s="2">
        <v>59.935000000000002</v>
      </c>
      <c r="V18882" s="2">
        <v>55.204999999999998</v>
      </c>
      <c r="W18882" s="2">
        <v>0.26200000000000001</v>
      </c>
      <c r="X18882" s="2">
        <v>17</v>
      </c>
      <c r="Y18882" s="2">
        <v>88.7</v>
      </c>
      <c r="Z18882" s="2">
        <v>173.8</v>
      </c>
      <c r="AA18882" s="5">
        <v>7</v>
      </c>
      <c r="AB18882" s="5" t="s">
        <v>43</v>
      </c>
      <c r="AC18882" s="5" t="s">
        <v>735</v>
      </c>
      <c r="AD18882" s="2" t="s">
        <v>58599</v>
      </c>
      <c r="AE18882" s="1"/>
    </row>
    <row r="18883" spans="1:31" ht="14.45">
      <c r="A18883" s="11"/>
      <c r="B18883" s="20"/>
      <c r="C18883" s="2" t="s">
        <v>58600</v>
      </c>
      <c r="D18883" s="14" t="s">
        <v>58601</v>
      </c>
      <c r="E18883" s="2" t="s">
        <v>58602</v>
      </c>
      <c r="F18883" s="2" t="s">
        <v>58594</v>
      </c>
      <c r="G18883" s="8">
        <v>1241</v>
      </c>
      <c r="H18883" s="5">
        <v>5</v>
      </c>
      <c r="I18883" s="5" t="s">
        <v>69</v>
      </c>
      <c r="J18883" s="5" t="s">
        <v>55802</v>
      </c>
      <c r="K18883" s="2" t="s">
        <v>55803</v>
      </c>
      <c r="L18883" s="5" t="s">
        <v>55802</v>
      </c>
      <c r="M18883" s="2" t="s">
        <v>55803</v>
      </c>
      <c r="N18883" s="5" t="s">
        <v>733</v>
      </c>
      <c r="O18883" s="5" t="s">
        <v>38</v>
      </c>
      <c r="P18883" s="5" t="s">
        <v>39</v>
      </c>
      <c r="Q18883" s="5" t="s">
        <v>40</v>
      </c>
      <c r="R18883" s="5" t="s">
        <v>897</v>
      </c>
      <c r="S18883" s="5" t="s">
        <v>40</v>
      </c>
      <c r="T18883" s="5" t="s">
        <v>42</v>
      </c>
      <c r="U18883" s="2">
        <v>60.03</v>
      </c>
      <c r="V18883" s="2">
        <v>55.238999999999997</v>
      </c>
      <c r="W18883" s="2">
        <v>0.26200000000000001</v>
      </c>
      <c r="X18883" s="2">
        <v>17</v>
      </c>
      <c r="Y18883" s="2">
        <v>88.7</v>
      </c>
      <c r="Z18883" s="2">
        <v>173.8</v>
      </c>
      <c r="AA18883" s="5">
        <v>7</v>
      </c>
      <c r="AB18883" s="5" t="s">
        <v>43</v>
      </c>
      <c r="AC18883" s="5" t="s">
        <v>735</v>
      </c>
      <c r="AD18883" s="2" t="s">
        <v>58603</v>
      </c>
      <c r="AE18883" s="1"/>
    </row>
    <row r="18884" spans="1:31" ht="14.45">
      <c r="A18884" s="11"/>
      <c r="B18884" s="20"/>
      <c r="C18884" s="2" t="s">
        <v>58604</v>
      </c>
      <c r="D18884" s="14" t="s">
        <v>58605</v>
      </c>
      <c r="E18884" s="2" t="s">
        <v>58606</v>
      </c>
      <c r="F18884" s="2" t="s">
        <v>58607</v>
      </c>
      <c r="G18884" s="8">
        <v>1522</v>
      </c>
      <c r="H18884" s="5">
        <v>10</v>
      </c>
      <c r="I18884" s="5" t="s">
        <v>69</v>
      </c>
      <c r="J18884" s="5" t="s">
        <v>55802</v>
      </c>
      <c r="K18884" s="2" t="s">
        <v>55803</v>
      </c>
      <c r="L18884" s="5" t="s">
        <v>55802</v>
      </c>
      <c r="M18884" s="2" t="s">
        <v>55803</v>
      </c>
      <c r="N18884" s="5" t="s">
        <v>733</v>
      </c>
      <c r="O18884" s="5" t="s">
        <v>38</v>
      </c>
      <c r="P18884" s="5" t="s">
        <v>39</v>
      </c>
      <c r="Q18884" s="5" t="s">
        <v>40</v>
      </c>
      <c r="R18884" s="5" t="s">
        <v>897</v>
      </c>
      <c r="S18884" s="5" t="s">
        <v>40</v>
      </c>
      <c r="T18884" s="5" t="s">
        <v>42</v>
      </c>
      <c r="U18884" s="2">
        <v>63.027999999999999</v>
      </c>
      <c r="V18884" s="2">
        <v>58.396999999999998</v>
      </c>
      <c r="W18884" s="2">
        <v>0.26200000000000001</v>
      </c>
      <c r="X18884" s="2">
        <v>17</v>
      </c>
      <c r="Y18884" s="2">
        <v>88.7</v>
      </c>
      <c r="Z18884" s="2">
        <v>173.8</v>
      </c>
      <c r="AA18884" s="5">
        <v>7</v>
      </c>
      <c r="AB18884" s="5" t="s">
        <v>43</v>
      </c>
      <c r="AC18884" s="5" t="s">
        <v>735</v>
      </c>
      <c r="AD18884" s="2" t="s">
        <v>58608</v>
      </c>
      <c r="AE18884" s="1"/>
    </row>
    <row r="18885" spans="1:31" ht="14.45">
      <c r="A18885" s="11"/>
      <c r="B18885" s="20"/>
      <c r="C18885" s="2" t="s">
        <v>58609</v>
      </c>
      <c r="D18885" s="14" t="s">
        <v>58610</v>
      </c>
      <c r="E18885" s="2" t="s">
        <v>58611</v>
      </c>
      <c r="F18885" s="2" t="s">
        <v>58612</v>
      </c>
      <c r="G18885" s="8">
        <v>1822</v>
      </c>
      <c r="H18885" s="5">
        <v>10</v>
      </c>
      <c r="I18885" s="5" t="s">
        <v>69</v>
      </c>
      <c r="J18885" s="5" t="s">
        <v>55802</v>
      </c>
      <c r="K18885" s="2" t="s">
        <v>55803</v>
      </c>
      <c r="L18885" s="5" t="s">
        <v>55802</v>
      </c>
      <c r="M18885" s="2" t="s">
        <v>55803</v>
      </c>
      <c r="N18885" s="5" t="s">
        <v>733</v>
      </c>
      <c r="O18885" s="5" t="s">
        <v>38</v>
      </c>
      <c r="P18885" s="5" t="s">
        <v>39</v>
      </c>
      <c r="Q18885" s="5" t="s">
        <v>40</v>
      </c>
      <c r="R18885" s="5" t="s">
        <v>897</v>
      </c>
      <c r="S18885" s="5" t="s">
        <v>40</v>
      </c>
      <c r="T18885" s="5" t="s">
        <v>42</v>
      </c>
      <c r="U18885" s="2">
        <v>63.631</v>
      </c>
      <c r="V18885" s="2">
        <v>58.901000000000003</v>
      </c>
      <c r="W18885" s="2">
        <v>0.26200000000000001</v>
      </c>
      <c r="X18885" s="2">
        <v>17</v>
      </c>
      <c r="Y18885" s="2">
        <v>88.7</v>
      </c>
      <c r="Z18885" s="2">
        <v>173.8</v>
      </c>
      <c r="AA18885" s="5">
        <v>7</v>
      </c>
      <c r="AB18885" s="5" t="s">
        <v>43</v>
      </c>
      <c r="AC18885" s="5" t="s">
        <v>735</v>
      </c>
      <c r="AD18885" s="2" t="s">
        <v>58613</v>
      </c>
      <c r="AE18885" s="1"/>
    </row>
    <row r="18886" spans="1:31" ht="14.45">
      <c r="A18886" s="11"/>
      <c r="B18886" s="20"/>
      <c r="C18886" s="2" t="s">
        <v>58614</v>
      </c>
      <c r="D18886" s="14" t="s">
        <v>58615</v>
      </c>
      <c r="E18886" s="2" t="s">
        <v>58616</v>
      </c>
      <c r="F18886" s="2" t="s">
        <v>58617</v>
      </c>
      <c r="G18886" s="8">
        <v>1409</v>
      </c>
      <c r="H18886" s="5">
        <v>10</v>
      </c>
      <c r="I18886" s="5" t="s">
        <v>69</v>
      </c>
      <c r="J18886" s="5" t="s">
        <v>55802</v>
      </c>
      <c r="K18886" s="2" t="s">
        <v>55803</v>
      </c>
      <c r="L18886" s="5" t="s">
        <v>55802</v>
      </c>
      <c r="M18886" s="2" t="s">
        <v>55803</v>
      </c>
      <c r="N18886" s="5" t="s">
        <v>733</v>
      </c>
      <c r="O18886" s="5" t="s">
        <v>38</v>
      </c>
      <c r="P18886" s="5" t="s">
        <v>39</v>
      </c>
      <c r="Q18886" s="5" t="s">
        <v>40</v>
      </c>
      <c r="R18886" s="5" t="s">
        <v>897</v>
      </c>
      <c r="S18886" s="5" t="s">
        <v>40</v>
      </c>
      <c r="T18886" s="5" t="s">
        <v>42</v>
      </c>
      <c r="U18886" s="2">
        <v>62.981999999999999</v>
      </c>
      <c r="V18886" s="2">
        <v>58.350999999999999</v>
      </c>
      <c r="W18886" s="2">
        <v>0.26200000000000001</v>
      </c>
      <c r="X18886" s="2">
        <v>17</v>
      </c>
      <c r="Y18886" s="2">
        <v>88.7</v>
      </c>
      <c r="Z18886" s="2">
        <v>173.8</v>
      </c>
      <c r="AA18886" s="5">
        <v>7</v>
      </c>
      <c r="AB18886" s="5" t="s">
        <v>43</v>
      </c>
      <c r="AC18886" s="5" t="s">
        <v>735</v>
      </c>
      <c r="AD18886" s="2" t="s">
        <v>58618</v>
      </c>
      <c r="AE18886" s="1"/>
    </row>
    <row r="18887" spans="1:31" ht="14.45">
      <c r="A18887" s="11"/>
      <c r="B18887" s="20"/>
      <c r="C18887" s="2" t="s">
        <v>58619</v>
      </c>
      <c r="D18887" s="14" t="s">
        <v>58620</v>
      </c>
      <c r="E18887" s="2" t="s">
        <v>58621</v>
      </c>
      <c r="F18887" s="2" t="s">
        <v>58622</v>
      </c>
      <c r="G18887" s="8">
        <v>1822</v>
      </c>
      <c r="H18887" s="5">
        <v>10</v>
      </c>
      <c r="I18887" s="5" t="s">
        <v>69</v>
      </c>
      <c r="J18887" s="5" t="s">
        <v>55802</v>
      </c>
      <c r="K18887" s="2" t="s">
        <v>55803</v>
      </c>
      <c r="L18887" s="5" t="s">
        <v>55802</v>
      </c>
      <c r="M18887" s="2" t="s">
        <v>55803</v>
      </c>
      <c r="N18887" s="5" t="s">
        <v>733</v>
      </c>
      <c r="O18887" s="5" t="s">
        <v>38</v>
      </c>
      <c r="P18887" s="5" t="s">
        <v>39</v>
      </c>
      <c r="Q18887" s="5" t="s">
        <v>40</v>
      </c>
      <c r="R18887" s="5" t="s">
        <v>897</v>
      </c>
      <c r="S18887" s="5" t="s">
        <v>40</v>
      </c>
      <c r="T18887" s="5" t="s">
        <v>42</v>
      </c>
      <c r="U18887" s="2">
        <v>62.591999999999999</v>
      </c>
      <c r="V18887" s="2">
        <v>57.862000000000002</v>
      </c>
      <c r="W18887" s="2">
        <v>0.26200000000000001</v>
      </c>
      <c r="X18887" s="2">
        <v>17</v>
      </c>
      <c r="Y18887" s="2">
        <v>88.7</v>
      </c>
      <c r="Z18887" s="2">
        <v>173.8</v>
      </c>
      <c r="AA18887" s="5">
        <v>7</v>
      </c>
      <c r="AB18887" s="5" t="s">
        <v>43</v>
      </c>
      <c r="AC18887" s="5" t="s">
        <v>735</v>
      </c>
      <c r="AD18887" s="2" t="s">
        <v>58623</v>
      </c>
      <c r="AE18887" s="1"/>
    </row>
    <row r="18888" spans="1:31" ht="14.45">
      <c r="A18888" s="11"/>
      <c r="B18888" s="20"/>
      <c r="C18888" s="2" t="s">
        <v>58624</v>
      </c>
      <c r="D18888" s="14" t="s">
        <v>58625</v>
      </c>
      <c r="E18888" s="2" t="s">
        <v>58626</v>
      </c>
      <c r="F18888" s="2" t="s">
        <v>58627</v>
      </c>
      <c r="G18888" s="8">
        <v>1194</v>
      </c>
      <c r="H18888" s="5">
        <v>5</v>
      </c>
      <c r="I18888" s="5" t="s">
        <v>69</v>
      </c>
      <c r="J18888" s="5" t="s">
        <v>55802</v>
      </c>
      <c r="K18888" s="2" t="s">
        <v>55803</v>
      </c>
      <c r="L18888" s="5" t="s">
        <v>55802</v>
      </c>
      <c r="M18888" s="2" t="s">
        <v>55803</v>
      </c>
      <c r="N18888" s="5" t="s">
        <v>733</v>
      </c>
      <c r="O18888" s="5" t="s">
        <v>38</v>
      </c>
      <c r="P18888" s="5" t="s">
        <v>39</v>
      </c>
      <c r="Q18888" s="5" t="s">
        <v>40</v>
      </c>
      <c r="R18888" s="5" t="s">
        <v>897</v>
      </c>
      <c r="S18888" s="5" t="s">
        <v>40</v>
      </c>
      <c r="T18888" s="5" t="s">
        <v>42</v>
      </c>
      <c r="U18888" s="2">
        <v>64.995999999999995</v>
      </c>
      <c r="V18888" s="2">
        <v>60.122</v>
      </c>
      <c r="W18888" s="2">
        <v>0.28599999999999998</v>
      </c>
      <c r="X18888" s="2">
        <v>17</v>
      </c>
      <c r="Y18888" s="2">
        <v>86.7</v>
      </c>
      <c r="Z18888" s="2">
        <v>193.8</v>
      </c>
      <c r="AA18888" s="5">
        <v>7</v>
      </c>
      <c r="AB18888" s="5" t="s">
        <v>43</v>
      </c>
      <c r="AC18888" s="5" t="s">
        <v>735</v>
      </c>
      <c r="AD18888" s="2" t="s">
        <v>58628</v>
      </c>
      <c r="AE18888" s="1"/>
    </row>
    <row r="18889" spans="1:31" ht="14.45">
      <c r="A18889" s="11"/>
      <c r="B18889" s="20"/>
      <c r="C18889" s="2" t="s">
        <v>58629</v>
      </c>
      <c r="D18889" s="14" t="s">
        <v>58630</v>
      </c>
      <c r="E18889" s="2" t="s">
        <v>58631</v>
      </c>
      <c r="F18889" s="2" t="s">
        <v>58632</v>
      </c>
      <c r="G18889" s="8">
        <v>1494</v>
      </c>
      <c r="H18889" s="5">
        <v>10</v>
      </c>
      <c r="I18889" s="5" t="s">
        <v>69</v>
      </c>
      <c r="J18889" s="5" t="s">
        <v>55802</v>
      </c>
      <c r="K18889" s="2" t="s">
        <v>55803</v>
      </c>
      <c r="L18889" s="5" t="s">
        <v>55802</v>
      </c>
      <c r="M18889" s="2" t="s">
        <v>55803</v>
      </c>
      <c r="N18889" s="5" t="s">
        <v>733</v>
      </c>
      <c r="O18889" s="5" t="s">
        <v>38</v>
      </c>
      <c r="P18889" s="5" t="s">
        <v>39</v>
      </c>
      <c r="Q18889" s="5" t="s">
        <v>40</v>
      </c>
      <c r="R18889" s="5" t="s">
        <v>897</v>
      </c>
      <c r="S18889" s="5" t="s">
        <v>40</v>
      </c>
      <c r="T18889" s="5" t="s">
        <v>42</v>
      </c>
      <c r="U18889" s="2">
        <v>65.997</v>
      </c>
      <c r="V18889" s="2">
        <v>60.994999999999997</v>
      </c>
      <c r="W18889" s="2">
        <v>0.28599999999999998</v>
      </c>
      <c r="X18889" s="2">
        <v>17</v>
      </c>
      <c r="Y18889" s="2">
        <v>86.7</v>
      </c>
      <c r="Z18889" s="2">
        <v>193.8</v>
      </c>
      <c r="AA18889" s="5">
        <v>7</v>
      </c>
      <c r="AB18889" s="5" t="s">
        <v>43</v>
      </c>
      <c r="AC18889" s="5" t="s">
        <v>735</v>
      </c>
      <c r="AD18889" s="2" t="s">
        <v>58633</v>
      </c>
      <c r="AE18889" s="1"/>
    </row>
    <row r="18890" spans="1:31" ht="14.45">
      <c r="A18890" s="11"/>
      <c r="B18890" s="20"/>
      <c r="C18890" s="2" t="s">
        <v>58634</v>
      </c>
      <c r="D18890" s="14" t="s">
        <v>58635</v>
      </c>
      <c r="E18890" s="2" t="s">
        <v>58636</v>
      </c>
      <c r="F18890" s="2" t="s">
        <v>58637</v>
      </c>
      <c r="G18890" s="8">
        <v>1394</v>
      </c>
      <c r="H18890" s="5">
        <v>10</v>
      </c>
      <c r="I18890" s="5" t="s">
        <v>69</v>
      </c>
      <c r="J18890" s="5" t="s">
        <v>55802</v>
      </c>
      <c r="K18890" s="2" t="s">
        <v>55803</v>
      </c>
      <c r="L18890" s="5" t="s">
        <v>55802</v>
      </c>
      <c r="M18890" s="2" t="s">
        <v>55803</v>
      </c>
      <c r="N18890" s="5" t="s">
        <v>733</v>
      </c>
      <c r="O18890" s="5" t="s">
        <v>38</v>
      </c>
      <c r="P18890" s="5" t="s">
        <v>39</v>
      </c>
      <c r="Q18890" s="5" t="s">
        <v>40</v>
      </c>
      <c r="R18890" s="5" t="s">
        <v>897</v>
      </c>
      <c r="S18890" s="5" t="s">
        <v>40</v>
      </c>
      <c r="T18890" s="5" t="s">
        <v>42</v>
      </c>
      <c r="U18890" s="2">
        <v>63.823999999999998</v>
      </c>
      <c r="V18890" s="2">
        <v>58.945</v>
      </c>
      <c r="W18890" s="2">
        <v>0.28599999999999998</v>
      </c>
      <c r="X18890" s="2">
        <v>17</v>
      </c>
      <c r="Y18890" s="2">
        <v>86.7</v>
      </c>
      <c r="Z18890" s="2">
        <v>193.8</v>
      </c>
      <c r="AA18890" s="5">
        <v>7</v>
      </c>
      <c r="AB18890" s="5" t="s">
        <v>43</v>
      </c>
      <c r="AC18890" s="5" t="s">
        <v>735</v>
      </c>
      <c r="AD18890" s="2" t="s">
        <v>58638</v>
      </c>
      <c r="AE18890" s="1"/>
    </row>
    <row r="18891" spans="1:31" ht="14.45">
      <c r="A18891" s="11"/>
      <c r="B18891" s="20"/>
      <c r="C18891" s="2" t="s">
        <v>58639</v>
      </c>
      <c r="D18891" s="14" t="s">
        <v>58640</v>
      </c>
      <c r="E18891" s="2" t="s">
        <v>58641</v>
      </c>
      <c r="F18891" s="2" t="s">
        <v>58642</v>
      </c>
      <c r="G18891" s="8">
        <v>1002</v>
      </c>
      <c r="H18891" s="5">
        <v>10</v>
      </c>
      <c r="I18891" s="5" t="s">
        <v>69</v>
      </c>
      <c r="J18891" s="5" t="s">
        <v>55802</v>
      </c>
      <c r="K18891" s="2" t="s">
        <v>55803</v>
      </c>
      <c r="L18891" s="5" t="s">
        <v>55802</v>
      </c>
      <c r="M18891" s="2" t="s">
        <v>55803</v>
      </c>
      <c r="N18891" s="5" t="s">
        <v>733</v>
      </c>
      <c r="O18891" s="5" t="s">
        <v>38</v>
      </c>
      <c r="P18891" s="5" t="s">
        <v>39</v>
      </c>
      <c r="Q18891" s="5" t="s">
        <v>40</v>
      </c>
      <c r="R18891" s="5" t="s">
        <v>897</v>
      </c>
      <c r="S18891" s="5" t="s">
        <v>40</v>
      </c>
      <c r="T18891" s="5" t="s">
        <v>42</v>
      </c>
      <c r="U18891" s="2">
        <v>64.132999999999996</v>
      </c>
      <c r="V18891" s="2">
        <v>59.253999999999998</v>
      </c>
      <c r="W18891" s="2">
        <v>0.28599999999999998</v>
      </c>
      <c r="X18891" s="2">
        <v>17</v>
      </c>
      <c r="Y18891" s="2">
        <v>86.7</v>
      </c>
      <c r="Z18891" s="2">
        <v>193.8</v>
      </c>
      <c r="AA18891" s="5">
        <v>7</v>
      </c>
      <c r="AB18891" s="5" t="s">
        <v>43</v>
      </c>
      <c r="AC18891" s="5" t="s">
        <v>735</v>
      </c>
      <c r="AD18891" s="2" t="s">
        <v>58643</v>
      </c>
      <c r="AE18891" s="1"/>
    </row>
    <row r="18892" spans="1:31" ht="14.45">
      <c r="A18892" s="11"/>
      <c r="B18892" s="20"/>
      <c r="C18892" s="2" t="s">
        <v>58644</v>
      </c>
      <c r="D18892" s="14" t="s">
        <v>58645</v>
      </c>
      <c r="E18892" s="2" t="s">
        <v>58646</v>
      </c>
      <c r="F18892" s="2" t="s">
        <v>58647</v>
      </c>
      <c r="G18892" s="8">
        <v>760</v>
      </c>
      <c r="H18892" s="5">
        <v>5</v>
      </c>
      <c r="I18892" s="5" t="s">
        <v>69</v>
      </c>
      <c r="J18892" s="5" t="s">
        <v>55802</v>
      </c>
      <c r="K18892" s="2" t="s">
        <v>55803</v>
      </c>
      <c r="L18892" s="5" t="s">
        <v>55802</v>
      </c>
      <c r="M18892" s="2" t="s">
        <v>55803</v>
      </c>
      <c r="N18892" s="5" t="s">
        <v>733</v>
      </c>
      <c r="O18892" s="5" t="s">
        <v>38</v>
      </c>
      <c r="P18892" s="5" t="s">
        <v>39</v>
      </c>
      <c r="Q18892" s="5" t="s">
        <v>40</v>
      </c>
      <c r="R18892" s="5" t="s">
        <v>897</v>
      </c>
      <c r="S18892" s="5" t="s">
        <v>40</v>
      </c>
      <c r="T18892" s="5" t="s">
        <v>42</v>
      </c>
      <c r="U18892" s="2">
        <v>56.314999999999998</v>
      </c>
      <c r="V18892" s="2">
        <v>51.441000000000003</v>
      </c>
      <c r="W18892" s="2">
        <v>0.28599999999999998</v>
      </c>
      <c r="X18892" s="2">
        <v>17</v>
      </c>
      <c r="Y18892" s="2">
        <v>86.7</v>
      </c>
      <c r="Z18892" s="2">
        <v>193.8</v>
      </c>
      <c r="AA18892" s="5">
        <v>7</v>
      </c>
      <c r="AB18892" s="5" t="s">
        <v>43</v>
      </c>
      <c r="AC18892" s="5" t="s">
        <v>735</v>
      </c>
      <c r="AD18892" s="2" t="s">
        <v>58648</v>
      </c>
      <c r="AE18892" s="1"/>
    </row>
    <row r="18893" spans="1:31" ht="14.45">
      <c r="A18893" s="11"/>
      <c r="B18893" s="20"/>
      <c r="C18893" s="2" t="s">
        <v>58649</v>
      </c>
      <c r="D18893" s="14" t="s">
        <v>58650</v>
      </c>
      <c r="E18893" s="2" t="s">
        <v>58651</v>
      </c>
      <c r="F18893" s="2" t="s">
        <v>58652</v>
      </c>
      <c r="G18893" s="8">
        <v>1068</v>
      </c>
      <c r="H18893" s="5">
        <v>5</v>
      </c>
      <c r="I18893" s="5" t="s">
        <v>69</v>
      </c>
      <c r="J18893" s="5" t="s">
        <v>55802</v>
      </c>
      <c r="K18893" s="2" t="s">
        <v>55803</v>
      </c>
      <c r="L18893" s="5" t="s">
        <v>55802</v>
      </c>
      <c r="M18893" s="2" t="s">
        <v>55803</v>
      </c>
      <c r="N18893" s="5" t="s">
        <v>733</v>
      </c>
      <c r="O18893" s="5" t="s">
        <v>38</v>
      </c>
      <c r="P18893" s="5" t="s">
        <v>39</v>
      </c>
      <c r="Q18893" s="5" t="s">
        <v>40</v>
      </c>
      <c r="R18893" s="5" t="s">
        <v>897</v>
      </c>
      <c r="S18893" s="5" t="s">
        <v>40</v>
      </c>
      <c r="T18893" s="5" t="s">
        <v>42</v>
      </c>
      <c r="U18893" s="2">
        <v>64.019000000000005</v>
      </c>
      <c r="V18893" s="2">
        <v>59.14</v>
      </c>
      <c r="W18893" s="2">
        <v>0.28599999999999998</v>
      </c>
      <c r="X18893" s="2">
        <v>17</v>
      </c>
      <c r="Y18893" s="2">
        <v>86.7</v>
      </c>
      <c r="Z18893" s="2">
        <v>193.8</v>
      </c>
      <c r="AA18893" s="5">
        <v>7</v>
      </c>
      <c r="AB18893" s="5" t="s">
        <v>43</v>
      </c>
      <c r="AC18893" s="5" t="s">
        <v>735</v>
      </c>
      <c r="AD18893" s="2" t="s">
        <v>58653</v>
      </c>
      <c r="AE18893" s="1"/>
    </row>
    <row r="18894" spans="1:31" ht="14.45">
      <c r="A18894" s="11"/>
      <c r="B18894" s="20"/>
      <c r="C18894" s="2" t="s">
        <v>58654</v>
      </c>
      <c r="D18894" s="14" t="s">
        <v>58655</v>
      </c>
      <c r="E18894" s="2" t="s">
        <v>58656</v>
      </c>
      <c r="F18894" s="2" t="s">
        <v>58652</v>
      </c>
      <c r="G18894" s="8">
        <v>1368</v>
      </c>
      <c r="H18894" s="5">
        <v>5</v>
      </c>
      <c r="I18894" s="5" t="s">
        <v>69</v>
      </c>
      <c r="J18894" s="5" t="s">
        <v>55802</v>
      </c>
      <c r="K18894" s="2" t="s">
        <v>55803</v>
      </c>
      <c r="L18894" s="5" t="s">
        <v>55802</v>
      </c>
      <c r="M18894" s="2" t="s">
        <v>55803</v>
      </c>
      <c r="N18894" s="5" t="s">
        <v>733</v>
      </c>
      <c r="O18894" s="5" t="s">
        <v>38</v>
      </c>
      <c r="P18894" s="5" t="s">
        <v>39</v>
      </c>
      <c r="Q18894" s="5" t="s">
        <v>40</v>
      </c>
      <c r="R18894" s="5" t="s">
        <v>897</v>
      </c>
      <c r="S18894" s="5" t="s">
        <v>40</v>
      </c>
      <c r="T18894" s="5" t="s">
        <v>42</v>
      </c>
      <c r="U18894" s="2">
        <v>65.944999999999993</v>
      </c>
      <c r="V18894" s="2">
        <v>60.942999999999998</v>
      </c>
      <c r="W18894" s="2">
        <v>0.28599999999999998</v>
      </c>
      <c r="X18894" s="2">
        <v>17</v>
      </c>
      <c r="Y18894" s="2">
        <v>86.7</v>
      </c>
      <c r="Z18894" s="2">
        <v>193.8</v>
      </c>
      <c r="AA18894" s="5">
        <v>7</v>
      </c>
      <c r="AB18894" s="5" t="s">
        <v>43</v>
      </c>
      <c r="AC18894" s="5" t="s">
        <v>735</v>
      </c>
      <c r="AD18894" s="2" t="s">
        <v>58657</v>
      </c>
      <c r="AE18894" s="1"/>
    </row>
    <row r="18895" spans="1:31" ht="14.45">
      <c r="A18895" s="11"/>
      <c r="B18895" s="20"/>
      <c r="C18895" s="2" t="s">
        <v>58658</v>
      </c>
      <c r="D18895" s="14" t="s">
        <v>58659</v>
      </c>
      <c r="E18895" s="2" t="s">
        <v>58660</v>
      </c>
      <c r="F18895" s="2" t="s">
        <v>58661</v>
      </c>
      <c r="G18895" s="8">
        <v>1662</v>
      </c>
      <c r="H18895" s="5">
        <v>10</v>
      </c>
      <c r="I18895" s="5" t="s">
        <v>69</v>
      </c>
      <c r="J18895" s="5" t="s">
        <v>55802</v>
      </c>
      <c r="K18895" s="2" t="s">
        <v>55803</v>
      </c>
      <c r="L18895" s="5" t="s">
        <v>55802</v>
      </c>
      <c r="M18895" s="2" t="s">
        <v>55803</v>
      </c>
      <c r="N18895" s="5" t="s">
        <v>733</v>
      </c>
      <c r="O18895" s="5" t="s">
        <v>38</v>
      </c>
      <c r="P18895" s="5" t="s">
        <v>39</v>
      </c>
      <c r="Q18895" s="5" t="s">
        <v>40</v>
      </c>
      <c r="R18895" s="5" t="s">
        <v>897</v>
      </c>
      <c r="S18895" s="5" t="s">
        <v>40</v>
      </c>
      <c r="T18895" s="5" t="s">
        <v>42</v>
      </c>
      <c r="U18895" s="2">
        <v>69.346000000000004</v>
      </c>
      <c r="V18895" s="2">
        <v>64.442999999999998</v>
      </c>
      <c r="W18895" s="2">
        <v>0.28599999999999998</v>
      </c>
      <c r="X18895" s="2">
        <v>17</v>
      </c>
      <c r="Y18895" s="2">
        <v>86.7</v>
      </c>
      <c r="Z18895" s="2">
        <v>193.8</v>
      </c>
      <c r="AA18895" s="5">
        <v>7</v>
      </c>
      <c r="AB18895" s="5" t="s">
        <v>43</v>
      </c>
      <c r="AC18895" s="5" t="s">
        <v>735</v>
      </c>
      <c r="AD18895" s="2" t="s">
        <v>58662</v>
      </c>
      <c r="AE18895" s="1"/>
    </row>
    <row r="18896" spans="1:31" ht="14.45">
      <c r="A18896" s="11"/>
      <c r="B18896" s="20"/>
      <c r="C18896" s="2" t="s">
        <v>58663</v>
      </c>
      <c r="D18896" s="14" t="s">
        <v>58664</v>
      </c>
      <c r="E18896" s="2" t="s">
        <v>58665</v>
      </c>
      <c r="F18896" s="2" t="s">
        <v>58516</v>
      </c>
      <c r="G18896" s="8">
        <v>1662</v>
      </c>
      <c r="H18896" s="5">
        <v>10</v>
      </c>
      <c r="I18896" s="5" t="s">
        <v>69</v>
      </c>
      <c r="J18896" s="5" t="s">
        <v>55802</v>
      </c>
      <c r="K18896" s="2" t="s">
        <v>55803</v>
      </c>
      <c r="L18896" s="5" t="s">
        <v>55802</v>
      </c>
      <c r="M18896" s="2" t="s">
        <v>55803</v>
      </c>
      <c r="N18896" s="5" t="s">
        <v>733</v>
      </c>
      <c r="O18896" s="5" t="s">
        <v>38</v>
      </c>
      <c r="P18896" s="5" t="s">
        <v>39</v>
      </c>
      <c r="Q18896" s="5" t="s">
        <v>40</v>
      </c>
      <c r="R18896" s="5" t="s">
        <v>897</v>
      </c>
      <c r="S18896" s="5" t="s">
        <v>40</v>
      </c>
      <c r="T18896" s="5" t="s">
        <v>42</v>
      </c>
      <c r="U18896" s="2">
        <v>68.22</v>
      </c>
      <c r="V18896" s="2">
        <v>63.317</v>
      </c>
      <c r="W18896" s="2">
        <v>0.28599999999999998</v>
      </c>
      <c r="X18896" s="2">
        <v>17</v>
      </c>
      <c r="Y18896" s="2">
        <v>86.7</v>
      </c>
      <c r="Z18896" s="2">
        <v>193.8</v>
      </c>
      <c r="AA18896" s="5">
        <v>7</v>
      </c>
      <c r="AB18896" s="5" t="s">
        <v>43</v>
      </c>
      <c r="AC18896" s="5" t="s">
        <v>735</v>
      </c>
      <c r="AD18896" s="2" t="s">
        <v>58666</v>
      </c>
      <c r="AE18896" s="1"/>
    </row>
    <row r="18897" spans="1:31" ht="14.45">
      <c r="A18897" s="11"/>
      <c r="B18897" s="20"/>
      <c r="C18897" s="2" t="s">
        <v>58667</v>
      </c>
      <c r="D18897" s="14" t="s">
        <v>58668</v>
      </c>
      <c r="E18897" s="2" t="s">
        <v>58669</v>
      </c>
      <c r="F18897" s="2" t="s">
        <v>58670</v>
      </c>
      <c r="G18897" s="8">
        <v>1194</v>
      </c>
      <c r="H18897" s="5">
        <v>5</v>
      </c>
      <c r="I18897" s="5" t="s">
        <v>69</v>
      </c>
      <c r="J18897" s="5" t="s">
        <v>55802</v>
      </c>
      <c r="K18897" s="2" t="s">
        <v>55803</v>
      </c>
      <c r="L18897" s="5" t="s">
        <v>55802</v>
      </c>
      <c r="M18897" s="2" t="s">
        <v>55803</v>
      </c>
      <c r="N18897" s="5" t="s">
        <v>733</v>
      </c>
      <c r="O18897" s="5" t="s">
        <v>38</v>
      </c>
      <c r="P18897" s="5" t="s">
        <v>39</v>
      </c>
      <c r="Q18897" s="5" t="s">
        <v>40</v>
      </c>
      <c r="R18897" s="5" t="s">
        <v>897</v>
      </c>
      <c r="S18897" s="5" t="s">
        <v>40</v>
      </c>
      <c r="T18897" s="5" t="s">
        <v>42</v>
      </c>
      <c r="U18897" s="2">
        <v>64.366</v>
      </c>
      <c r="V18897" s="2">
        <v>59.487000000000002</v>
      </c>
      <c r="W18897" s="2">
        <v>0.28599999999999998</v>
      </c>
      <c r="X18897" s="2">
        <v>17</v>
      </c>
      <c r="Y18897" s="2">
        <v>86.7</v>
      </c>
      <c r="Z18897" s="2">
        <v>193.8</v>
      </c>
      <c r="AA18897" s="5">
        <v>7</v>
      </c>
      <c r="AB18897" s="5" t="s">
        <v>43</v>
      </c>
      <c r="AC18897" s="5" t="s">
        <v>735</v>
      </c>
      <c r="AD18897" s="2" t="s">
        <v>58671</v>
      </c>
      <c r="AE18897" s="1"/>
    </row>
    <row r="18898" spans="1:31" ht="14.45">
      <c r="A18898" s="11"/>
      <c r="B18898" s="20"/>
      <c r="C18898" s="2" t="s">
        <v>58672</v>
      </c>
      <c r="D18898" s="14" t="s">
        <v>58673</v>
      </c>
      <c r="E18898" s="2" t="s">
        <v>58674</v>
      </c>
      <c r="F18898" s="2" t="s">
        <v>58675</v>
      </c>
      <c r="G18898" s="8">
        <v>760</v>
      </c>
      <c r="H18898" s="5">
        <v>5</v>
      </c>
      <c r="I18898" s="5" t="s">
        <v>69</v>
      </c>
      <c r="J18898" s="5" t="s">
        <v>55802</v>
      </c>
      <c r="K18898" s="2" t="s">
        <v>55803</v>
      </c>
      <c r="L18898" s="5" t="s">
        <v>55802</v>
      </c>
      <c r="M18898" s="2" t="s">
        <v>55803</v>
      </c>
      <c r="N18898" s="5" t="s">
        <v>733</v>
      </c>
      <c r="O18898" s="5" t="s">
        <v>38</v>
      </c>
      <c r="P18898" s="5" t="s">
        <v>39</v>
      </c>
      <c r="Q18898" s="5" t="s">
        <v>40</v>
      </c>
      <c r="R18898" s="5" t="s">
        <v>897</v>
      </c>
      <c r="S18898" s="5" t="s">
        <v>40</v>
      </c>
      <c r="T18898" s="5" t="s">
        <v>42</v>
      </c>
      <c r="U18898" s="2">
        <v>56.061</v>
      </c>
      <c r="V18898" s="2">
        <v>51.186999999999998</v>
      </c>
      <c r="W18898" s="2">
        <v>0.28599999999999998</v>
      </c>
      <c r="X18898" s="2">
        <v>17</v>
      </c>
      <c r="Y18898" s="2">
        <v>86.7</v>
      </c>
      <c r="Z18898" s="2">
        <v>193.8</v>
      </c>
      <c r="AA18898" s="5">
        <v>7</v>
      </c>
      <c r="AB18898" s="5" t="s">
        <v>43</v>
      </c>
      <c r="AC18898" s="5" t="s">
        <v>735</v>
      </c>
      <c r="AD18898" s="2" t="s">
        <v>58676</v>
      </c>
      <c r="AE18898" s="1"/>
    </row>
    <row r="18899" spans="1:31" ht="14.45">
      <c r="A18899" s="11"/>
      <c r="B18899" s="20"/>
      <c r="C18899" s="2" t="s">
        <v>58677</v>
      </c>
      <c r="D18899" s="14" t="s">
        <v>58678</v>
      </c>
      <c r="E18899" s="2" t="s">
        <v>58679</v>
      </c>
      <c r="F18899" s="2" t="s">
        <v>58680</v>
      </c>
      <c r="G18899" s="8">
        <v>1068</v>
      </c>
      <c r="H18899" s="5">
        <v>10</v>
      </c>
      <c r="I18899" s="5" t="s">
        <v>69</v>
      </c>
      <c r="J18899" s="5" t="s">
        <v>55802</v>
      </c>
      <c r="K18899" s="2" t="s">
        <v>55803</v>
      </c>
      <c r="L18899" s="5" t="s">
        <v>55802</v>
      </c>
      <c r="M18899" s="2" t="s">
        <v>55803</v>
      </c>
      <c r="N18899" s="5" t="s">
        <v>733</v>
      </c>
      <c r="O18899" s="5" t="s">
        <v>38</v>
      </c>
      <c r="P18899" s="5" t="s">
        <v>39</v>
      </c>
      <c r="Q18899" s="5" t="s">
        <v>40</v>
      </c>
      <c r="R18899" s="5" t="s">
        <v>897</v>
      </c>
      <c r="S18899" s="5" t="s">
        <v>40</v>
      </c>
      <c r="T18899" s="5" t="s">
        <v>42</v>
      </c>
      <c r="U18899" s="2">
        <v>64.313999999999993</v>
      </c>
      <c r="V18899" s="2">
        <v>59.435000000000002</v>
      </c>
      <c r="W18899" s="2">
        <v>0.28599999999999998</v>
      </c>
      <c r="X18899" s="2">
        <v>17</v>
      </c>
      <c r="Y18899" s="2">
        <v>86.7</v>
      </c>
      <c r="Z18899" s="2">
        <v>193.8</v>
      </c>
      <c r="AA18899" s="5">
        <v>7</v>
      </c>
      <c r="AB18899" s="5" t="s">
        <v>43</v>
      </c>
      <c r="AC18899" s="5" t="s">
        <v>735</v>
      </c>
      <c r="AD18899" s="2" t="s">
        <v>58681</v>
      </c>
      <c r="AE18899" s="1"/>
    </row>
    <row r="18900" spans="1:31" ht="14.45">
      <c r="A18900" s="11"/>
      <c r="B18900" s="20"/>
      <c r="C18900" s="2" t="s">
        <v>58682</v>
      </c>
      <c r="D18900" s="14" t="s">
        <v>58683</v>
      </c>
      <c r="E18900" s="2" t="s">
        <v>58684</v>
      </c>
      <c r="F18900" s="2" t="s">
        <v>58685</v>
      </c>
      <c r="G18900" s="8">
        <v>1119</v>
      </c>
      <c r="H18900" s="5">
        <v>10</v>
      </c>
      <c r="I18900" s="5" t="s">
        <v>69</v>
      </c>
      <c r="J18900" s="5" t="s">
        <v>55802</v>
      </c>
      <c r="K18900" s="2" t="s">
        <v>55803</v>
      </c>
      <c r="L18900" s="5" t="s">
        <v>55802</v>
      </c>
      <c r="M18900" s="2" t="s">
        <v>55803</v>
      </c>
      <c r="N18900" s="5" t="s">
        <v>733</v>
      </c>
      <c r="O18900" s="5" t="s">
        <v>38</v>
      </c>
      <c r="P18900" s="5" t="s">
        <v>39</v>
      </c>
      <c r="Q18900" s="5" t="s">
        <v>40</v>
      </c>
      <c r="R18900" s="5" t="s">
        <v>897</v>
      </c>
      <c r="S18900" s="5" t="s">
        <v>40</v>
      </c>
      <c r="T18900" s="5" t="s">
        <v>42</v>
      </c>
      <c r="U18900" s="2">
        <v>59.286999999999999</v>
      </c>
      <c r="V18900" s="2">
        <v>55.774000000000001</v>
      </c>
      <c r="W18900" s="2">
        <v>0.217</v>
      </c>
      <c r="X18900" s="2">
        <v>17</v>
      </c>
      <c r="Y18900" s="2">
        <v>96.9</v>
      </c>
      <c r="Z18900" s="2">
        <v>131.6</v>
      </c>
      <c r="AA18900" s="5">
        <v>7</v>
      </c>
      <c r="AB18900" s="5" t="s">
        <v>43</v>
      </c>
      <c r="AC18900" s="5" t="s">
        <v>735</v>
      </c>
      <c r="AD18900" s="2" t="s">
        <v>58686</v>
      </c>
      <c r="AE18900" s="1"/>
    </row>
    <row r="18901" spans="1:31" ht="14.45">
      <c r="A18901" s="11"/>
      <c r="B18901" s="20"/>
      <c r="C18901" s="2" t="s">
        <v>58687</v>
      </c>
      <c r="D18901" s="14" t="s">
        <v>58688</v>
      </c>
      <c r="E18901" s="2" t="s">
        <v>58689</v>
      </c>
      <c r="F18901" s="2" t="s">
        <v>58690</v>
      </c>
      <c r="G18901" s="8">
        <v>1419</v>
      </c>
      <c r="H18901" s="5">
        <v>10</v>
      </c>
      <c r="I18901" s="5" t="s">
        <v>69</v>
      </c>
      <c r="J18901" s="5" t="s">
        <v>55802</v>
      </c>
      <c r="K18901" s="2" t="s">
        <v>55803</v>
      </c>
      <c r="L18901" s="5" t="s">
        <v>55802</v>
      </c>
      <c r="M18901" s="2" t="s">
        <v>55803</v>
      </c>
      <c r="N18901" s="5" t="s">
        <v>733</v>
      </c>
      <c r="O18901" s="5" t="s">
        <v>38</v>
      </c>
      <c r="P18901" s="5" t="s">
        <v>39</v>
      </c>
      <c r="Q18901" s="5" t="s">
        <v>40</v>
      </c>
      <c r="R18901" s="5" t="s">
        <v>897</v>
      </c>
      <c r="S18901" s="5" t="s">
        <v>40</v>
      </c>
      <c r="T18901" s="5" t="s">
        <v>42</v>
      </c>
      <c r="U18901" s="2">
        <v>61.055999999999997</v>
      </c>
      <c r="V18901" s="2">
        <v>57.405999999999999</v>
      </c>
      <c r="W18901" s="2">
        <v>0.217</v>
      </c>
      <c r="X18901" s="2">
        <v>17</v>
      </c>
      <c r="Y18901" s="2">
        <v>96.9</v>
      </c>
      <c r="Z18901" s="2">
        <v>131.6</v>
      </c>
      <c r="AA18901" s="5">
        <v>7</v>
      </c>
      <c r="AB18901" s="5" t="s">
        <v>43</v>
      </c>
      <c r="AC18901" s="5" t="s">
        <v>735</v>
      </c>
      <c r="AD18901" s="2" t="s">
        <v>58691</v>
      </c>
      <c r="AE18901" s="1"/>
    </row>
    <row r="18902" spans="1:31" ht="14.45">
      <c r="A18902" s="11"/>
      <c r="B18902" s="20"/>
      <c r="C18902" s="2" t="s">
        <v>58692</v>
      </c>
      <c r="D18902" s="14" t="s">
        <v>58693</v>
      </c>
      <c r="E18902" s="2" t="s">
        <v>58694</v>
      </c>
      <c r="F18902" s="2" t="s">
        <v>58695</v>
      </c>
      <c r="G18902" s="8">
        <v>961</v>
      </c>
      <c r="H18902" s="5">
        <v>5</v>
      </c>
      <c r="I18902" s="5" t="s">
        <v>69</v>
      </c>
      <c r="J18902" s="5" t="s">
        <v>55802</v>
      </c>
      <c r="K18902" s="2" t="s">
        <v>55803</v>
      </c>
      <c r="L18902" s="5" t="s">
        <v>55802</v>
      </c>
      <c r="M18902" s="2" t="s">
        <v>55803</v>
      </c>
      <c r="N18902" s="5" t="s">
        <v>733</v>
      </c>
      <c r="O18902" s="5" t="s">
        <v>38</v>
      </c>
      <c r="P18902" s="5" t="s">
        <v>39</v>
      </c>
      <c r="Q18902" s="5" t="s">
        <v>40</v>
      </c>
      <c r="R18902" s="5" t="s">
        <v>897</v>
      </c>
      <c r="S18902" s="5" t="s">
        <v>40</v>
      </c>
      <c r="T18902" s="5" t="s">
        <v>42</v>
      </c>
      <c r="U18902" s="2">
        <v>51.561</v>
      </c>
      <c r="V18902" s="2">
        <v>48.048000000000002</v>
      </c>
      <c r="W18902" s="2">
        <v>0.217</v>
      </c>
      <c r="X18902" s="2">
        <v>17</v>
      </c>
      <c r="Y18902" s="2">
        <v>96.9</v>
      </c>
      <c r="Z18902" s="2">
        <v>131.6</v>
      </c>
      <c r="AA18902" s="5">
        <v>7</v>
      </c>
      <c r="AB18902" s="5" t="s">
        <v>43</v>
      </c>
      <c r="AC18902" s="5" t="s">
        <v>735</v>
      </c>
      <c r="AD18902" s="2" t="s">
        <v>58696</v>
      </c>
      <c r="AE18902" s="1"/>
    </row>
    <row r="18903" spans="1:31" ht="14.45">
      <c r="A18903" s="11"/>
      <c r="B18903" s="20"/>
      <c r="C18903" s="2" t="s">
        <v>58697</v>
      </c>
      <c r="D18903" s="14" t="s">
        <v>58698</v>
      </c>
      <c r="E18903" s="2" t="s">
        <v>58699</v>
      </c>
      <c r="F18903" s="2" t="s">
        <v>58700</v>
      </c>
      <c r="G18903" s="8">
        <v>1261</v>
      </c>
      <c r="H18903" s="5">
        <v>5</v>
      </c>
      <c r="I18903" s="5" t="s">
        <v>69</v>
      </c>
      <c r="J18903" s="5" t="s">
        <v>55802</v>
      </c>
      <c r="K18903" s="2" t="s">
        <v>55803</v>
      </c>
      <c r="L18903" s="5" t="s">
        <v>55802</v>
      </c>
      <c r="M18903" s="2" t="s">
        <v>55803</v>
      </c>
      <c r="N18903" s="5" t="s">
        <v>733</v>
      </c>
      <c r="O18903" s="5" t="s">
        <v>38</v>
      </c>
      <c r="P18903" s="5" t="s">
        <v>39</v>
      </c>
      <c r="Q18903" s="5" t="s">
        <v>40</v>
      </c>
      <c r="R18903" s="5" t="s">
        <v>897</v>
      </c>
      <c r="S18903" s="5" t="s">
        <v>40</v>
      </c>
      <c r="T18903" s="5" t="s">
        <v>42</v>
      </c>
      <c r="U18903" s="2">
        <v>53.067999999999998</v>
      </c>
      <c r="V18903" s="2">
        <v>49.417999999999999</v>
      </c>
      <c r="W18903" s="2">
        <v>0.217</v>
      </c>
      <c r="X18903" s="2">
        <v>17</v>
      </c>
      <c r="Y18903" s="2">
        <v>96.9</v>
      </c>
      <c r="Z18903" s="2">
        <v>131.6</v>
      </c>
      <c r="AA18903" s="5">
        <v>7</v>
      </c>
      <c r="AB18903" s="5" t="s">
        <v>43</v>
      </c>
      <c r="AC18903" s="5" t="s">
        <v>735</v>
      </c>
      <c r="AD18903" s="2" t="s">
        <v>58701</v>
      </c>
      <c r="AE18903" s="1"/>
    </row>
    <row r="18904" spans="1:31" ht="14.45">
      <c r="A18904" s="5" t="s">
        <v>116</v>
      </c>
      <c r="B18904" s="21">
        <v>46082</v>
      </c>
      <c r="C18904" s="2" t="s">
        <v>58702</v>
      </c>
      <c r="D18904" s="14" t="s">
        <v>58703</v>
      </c>
      <c r="E18904" s="2" t="s">
        <v>58704</v>
      </c>
      <c r="F18904" s="2" t="s">
        <v>58705</v>
      </c>
      <c r="G18904" s="8">
        <v>1361</v>
      </c>
      <c r="H18904" s="5">
        <v>5</v>
      </c>
      <c r="I18904" s="5" t="s">
        <v>69</v>
      </c>
      <c r="J18904" s="5" t="s">
        <v>55802</v>
      </c>
      <c r="K18904" s="2" t="s">
        <v>55803</v>
      </c>
      <c r="L18904" s="5" t="s">
        <v>55802</v>
      </c>
      <c r="M18904" s="2" t="s">
        <v>55803</v>
      </c>
      <c r="N18904" s="5" t="s">
        <v>733</v>
      </c>
      <c r="O18904" s="5" t="s">
        <v>38</v>
      </c>
      <c r="P18904" s="5" t="s">
        <v>39</v>
      </c>
      <c r="Q18904" s="5" t="s">
        <v>40</v>
      </c>
      <c r="R18904" s="5" t="s">
        <v>897</v>
      </c>
      <c r="S18904" s="5" t="s">
        <v>40</v>
      </c>
      <c r="T18904" s="5" t="s">
        <v>42</v>
      </c>
      <c r="U18904" s="2">
        <v>53.273000000000003</v>
      </c>
      <c r="V18904" s="2">
        <v>49.720999999999997</v>
      </c>
      <c r="W18904" s="2">
        <v>0.217</v>
      </c>
      <c r="X18904" s="2">
        <v>17</v>
      </c>
      <c r="Y18904" s="2">
        <v>96.9</v>
      </c>
      <c r="Z18904" s="2">
        <v>131.6</v>
      </c>
      <c r="AA18904" s="5">
        <v>7</v>
      </c>
      <c r="AB18904" s="5" t="s">
        <v>43</v>
      </c>
      <c r="AC18904" s="5" t="s">
        <v>735</v>
      </c>
      <c r="AD18904" s="2" t="s">
        <v>58706</v>
      </c>
      <c r="AE18904" s="1"/>
    </row>
    <row r="18905" spans="1:31" ht="14.45">
      <c r="A18905" s="11"/>
      <c r="B18905" s="20"/>
      <c r="C18905" s="2" t="s">
        <v>58707</v>
      </c>
      <c r="D18905" s="14" t="s">
        <v>58708</v>
      </c>
      <c r="E18905" s="2" t="s">
        <v>58709</v>
      </c>
      <c r="F18905" s="2" t="s">
        <v>58700</v>
      </c>
      <c r="G18905" s="8">
        <v>1508</v>
      </c>
      <c r="H18905" s="5">
        <v>10</v>
      </c>
      <c r="I18905" s="5" t="s">
        <v>69</v>
      </c>
      <c r="J18905" s="5" t="s">
        <v>55802</v>
      </c>
      <c r="K18905" s="2" t="s">
        <v>55803</v>
      </c>
      <c r="L18905" s="5" t="s">
        <v>55802</v>
      </c>
      <c r="M18905" s="2" t="s">
        <v>55803</v>
      </c>
      <c r="N18905" s="5" t="s">
        <v>733</v>
      </c>
      <c r="O18905" s="5" t="s">
        <v>38</v>
      </c>
      <c r="P18905" s="5" t="s">
        <v>39</v>
      </c>
      <c r="Q18905" s="5" t="s">
        <v>40</v>
      </c>
      <c r="R18905" s="5" t="s">
        <v>897</v>
      </c>
      <c r="S18905" s="5" t="s">
        <v>40</v>
      </c>
      <c r="T18905" s="5" t="s">
        <v>42</v>
      </c>
      <c r="U18905" s="2">
        <v>53.866999999999997</v>
      </c>
      <c r="V18905" s="2">
        <v>50.304000000000002</v>
      </c>
      <c r="W18905" s="2">
        <v>0.217</v>
      </c>
      <c r="X18905" s="2">
        <v>17</v>
      </c>
      <c r="Y18905" s="2">
        <v>96.9</v>
      </c>
      <c r="Z18905" s="2">
        <v>131.6</v>
      </c>
      <c r="AA18905" s="5">
        <v>7</v>
      </c>
      <c r="AB18905" s="5" t="s">
        <v>43</v>
      </c>
      <c r="AC18905" s="5" t="s">
        <v>735</v>
      </c>
      <c r="AD18905" s="2" t="s">
        <v>58710</v>
      </c>
      <c r="AE18905" s="1"/>
    </row>
    <row r="18906" spans="1:31" ht="14.45">
      <c r="A18906" s="11"/>
      <c r="B18906" s="20"/>
      <c r="C18906" s="2" t="s">
        <v>58711</v>
      </c>
      <c r="D18906" s="14" t="s">
        <v>58712</v>
      </c>
      <c r="E18906" s="2" t="s">
        <v>58713</v>
      </c>
      <c r="F18906" s="2" t="s">
        <v>58714</v>
      </c>
      <c r="G18906" s="8">
        <v>1119</v>
      </c>
      <c r="H18906" s="5">
        <v>10</v>
      </c>
      <c r="I18906" s="5" t="s">
        <v>69</v>
      </c>
      <c r="J18906" s="5" t="s">
        <v>55802</v>
      </c>
      <c r="K18906" s="2" t="s">
        <v>55803</v>
      </c>
      <c r="L18906" s="5" t="s">
        <v>55802</v>
      </c>
      <c r="M18906" s="2" t="s">
        <v>55803</v>
      </c>
      <c r="N18906" s="5" t="s">
        <v>733</v>
      </c>
      <c r="O18906" s="5" t="s">
        <v>38</v>
      </c>
      <c r="P18906" s="5" t="s">
        <v>39</v>
      </c>
      <c r="Q18906" s="5" t="s">
        <v>40</v>
      </c>
      <c r="R18906" s="5" t="s">
        <v>897</v>
      </c>
      <c r="S18906" s="5" t="s">
        <v>40</v>
      </c>
      <c r="T18906" s="5" t="s">
        <v>42</v>
      </c>
      <c r="U18906" s="2">
        <v>50.978000000000002</v>
      </c>
      <c r="V18906" s="2">
        <v>47.46</v>
      </c>
      <c r="W18906" s="2">
        <v>0.217</v>
      </c>
      <c r="X18906" s="2">
        <v>17</v>
      </c>
      <c r="Y18906" s="2">
        <v>96.9</v>
      </c>
      <c r="Z18906" s="2">
        <v>131.6</v>
      </c>
      <c r="AA18906" s="5">
        <v>7</v>
      </c>
      <c r="AB18906" s="5" t="s">
        <v>43</v>
      </c>
      <c r="AC18906" s="5" t="s">
        <v>735</v>
      </c>
      <c r="AD18906" s="2" t="s">
        <v>58715</v>
      </c>
      <c r="AE18906" s="1"/>
    </row>
    <row r="18907" spans="1:31" ht="14.45">
      <c r="A18907" s="11"/>
      <c r="B18907" s="20"/>
      <c r="C18907" s="2" t="s">
        <v>58716</v>
      </c>
      <c r="D18907" s="14" t="s">
        <v>58717</v>
      </c>
      <c r="E18907" s="2" t="s">
        <v>58718</v>
      </c>
      <c r="F18907" s="2" t="s">
        <v>58714</v>
      </c>
      <c r="G18907" s="8">
        <v>1419</v>
      </c>
      <c r="H18907" s="5">
        <v>10</v>
      </c>
      <c r="I18907" s="5" t="s">
        <v>69</v>
      </c>
      <c r="J18907" s="5" t="s">
        <v>55802</v>
      </c>
      <c r="K18907" s="2" t="s">
        <v>55803</v>
      </c>
      <c r="L18907" s="5" t="s">
        <v>55802</v>
      </c>
      <c r="M18907" s="2" t="s">
        <v>55803</v>
      </c>
      <c r="N18907" s="5" t="s">
        <v>733</v>
      </c>
      <c r="O18907" s="5" t="s">
        <v>38</v>
      </c>
      <c r="P18907" s="5" t="s">
        <v>39</v>
      </c>
      <c r="Q18907" s="5" t="s">
        <v>40</v>
      </c>
      <c r="R18907" s="5" t="s">
        <v>897</v>
      </c>
      <c r="S18907" s="5" t="s">
        <v>40</v>
      </c>
      <c r="T18907" s="5" t="s">
        <v>42</v>
      </c>
      <c r="U18907" s="2">
        <v>52.892000000000003</v>
      </c>
      <c r="V18907" s="2">
        <v>49.241999999999997</v>
      </c>
      <c r="W18907" s="2">
        <v>0.217</v>
      </c>
      <c r="X18907" s="2">
        <v>17</v>
      </c>
      <c r="Y18907" s="2">
        <v>96.9</v>
      </c>
      <c r="Z18907" s="2">
        <v>131.6</v>
      </c>
      <c r="AA18907" s="5">
        <v>7</v>
      </c>
      <c r="AB18907" s="5" t="s">
        <v>43</v>
      </c>
      <c r="AC18907" s="5" t="s">
        <v>735</v>
      </c>
      <c r="AD18907" s="2" t="s">
        <v>58719</v>
      </c>
      <c r="AE18907" s="1"/>
    </row>
    <row r="18908" spans="1:31" ht="14.45">
      <c r="A18908" s="11"/>
      <c r="B18908" s="20"/>
      <c r="C18908" s="2" t="s">
        <v>58720</v>
      </c>
      <c r="D18908" s="14" t="s">
        <v>58721</v>
      </c>
      <c r="E18908" s="2" t="s">
        <v>58722</v>
      </c>
      <c r="F18908" s="2" t="s">
        <v>58714</v>
      </c>
      <c r="G18908" s="8">
        <v>1419</v>
      </c>
      <c r="H18908" s="5">
        <v>10</v>
      </c>
      <c r="I18908" s="5" t="s">
        <v>69</v>
      </c>
      <c r="J18908" s="5" t="s">
        <v>55802</v>
      </c>
      <c r="K18908" s="2" t="s">
        <v>55803</v>
      </c>
      <c r="L18908" s="5" t="s">
        <v>55802</v>
      </c>
      <c r="M18908" s="2" t="s">
        <v>55803</v>
      </c>
      <c r="N18908" s="5" t="s">
        <v>733</v>
      </c>
      <c r="O18908" s="5" t="s">
        <v>38</v>
      </c>
      <c r="P18908" s="5" t="s">
        <v>39</v>
      </c>
      <c r="Q18908" s="5" t="s">
        <v>40</v>
      </c>
      <c r="R18908" s="5" t="s">
        <v>897</v>
      </c>
      <c r="S18908" s="5" t="s">
        <v>40</v>
      </c>
      <c r="T18908" s="5" t="s">
        <v>42</v>
      </c>
      <c r="U18908" s="2">
        <v>53.161000000000001</v>
      </c>
      <c r="V18908" s="2">
        <v>49.424999999999997</v>
      </c>
      <c r="W18908" s="2">
        <v>0.217</v>
      </c>
      <c r="X18908" s="2">
        <v>17</v>
      </c>
      <c r="Y18908" s="2">
        <v>96.9</v>
      </c>
      <c r="Z18908" s="2">
        <v>131.6</v>
      </c>
      <c r="AA18908" s="5">
        <v>7</v>
      </c>
      <c r="AB18908" s="5" t="s">
        <v>43</v>
      </c>
      <c r="AC18908" s="5" t="s">
        <v>735</v>
      </c>
      <c r="AD18908" s="2" t="s">
        <v>58723</v>
      </c>
      <c r="AE18908" s="1"/>
    </row>
    <row r="18909" spans="1:31" ht="14.45">
      <c r="A18909" s="11"/>
      <c r="B18909" s="20"/>
      <c r="C18909" s="2" t="s">
        <v>58724</v>
      </c>
      <c r="D18909" s="14" t="s">
        <v>58725</v>
      </c>
      <c r="E18909" s="2" t="s">
        <v>58726</v>
      </c>
      <c r="F18909" s="2" t="s">
        <v>58727</v>
      </c>
      <c r="G18909" s="8">
        <v>809</v>
      </c>
      <c r="H18909" s="5">
        <v>10</v>
      </c>
      <c r="I18909" s="5" t="s">
        <v>69</v>
      </c>
      <c r="J18909" s="5" t="s">
        <v>55802</v>
      </c>
      <c r="K18909" s="2" t="s">
        <v>55803</v>
      </c>
      <c r="L18909" s="5" t="s">
        <v>55802</v>
      </c>
      <c r="M18909" s="2" t="s">
        <v>55803</v>
      </c>
      <c r="N18909" s="5" t="s">
        <v>733</v>
      </c>
      <c r="O18909" s="5" t="s">
        <v>38</v>
      </c>
      <c r="P18909" s="5" t="s">
        <v>39</v>
      </c>
      <c r="Q18909" s="5" t="s">
        <v>40</v>
      </c>
      <c r="R18909" s="5" t="s">
        <v>897</v>
      </c>
      <c r="S18909" s="5" t="s">
        <v>40</v>
      </c>
      <c r="T18909" s="5" t="s">
        <v>42</v>
      </c>
      <c r="U18909" s="2">
        <v>51.201000000000001</v>
      </c>
      <c r="V18909" s="2">
        <v>47.683</v>
      </c>
      <c r="W18909" s="2">
        <v>0.217</v>
      </c>
      <c r="X18909" s="2">
        <v>17</v>
      </c>
      <c r="Y18909" s="2">
        <v>96.9</v>
      </c>
      <c r="Z18909" s="2">
        <v>131.6</v>
      </c>
      <c r="AA18909" s="5">
        <v>7</v>
      </c>
      <c r="AB18909" s="5" t="s">
        <v>43</v>
      </c>
      <c r="AC18909" s="5" t="s">
        <v>735</v>
      </c>
      <c r="AD18909" s="2" t="s">
        <v>58728</v>
      </c>
      <c r="AE18909" s="1"/>
    </row>
    <row r="18910" spans="1:31" ht="14.45">
      <c r="A18910" s="11"/>
      <c r="B18910" s="20"/>
      <c r="C18910" s="2" t="s">
        <v>58729</v>
      </c>
      <c r="D18910" s="14" t="s">
        <v>58730</v>
      </c>
      <c r="E18910" s="2" t="s">
        <v>58731</v>
      </c>
      <c r="F18910" s="2" t="s">
        <v>58727</v>
      </c>
      <c r="G18910" s="8">
        <v>1109</v>
      </c>
      <c r="H18910" s="5">
        <v>10</v>
      </c>
      <c r="I18910" s="5" t="s">
        <v>69</v>
      </c>
      <c r="J18910" s="5" t="s">
        <v>55802</v>
      </c>
      <c r="K18910" s="2" t="s">
        <v>55803</v>
      </c>
      <c r="L18910" s="5" t="s">
        <v>55802</v>
      </c>
      <c r="M18910" s="2" t="s">
        <v>55803</v>
      </c>
      <c r="N18910" s="5" t="s">
        <v>733</v>
      </c>
      <c r="O18910" s="5" t="s">
        <v>38</v>
      </c>
      <c r="P18910" s="5" t="s">
        <v>39</v>
      </c>
      <c r="Q18910" s="5" t="s">
        <v>40</v>
      </c>
      <c r="R18910" s="5" t="s">
        <v>897</v>
      </c>
      <c r="S18910" s="5" t="s">
        <v>40</v>
      </c>
      <c r="T18910" s="5" t="s">
        <v>42</v>
      </c>
      <c r="U18910" s="2">
        <v>53.115000000000002</v>
      </c>
      <c r="V18910" s="2">
        <v>49.465000000000003</v>
      </c>
      <c r="W18910" s="2">
        <v>0.217</v>
      </c>
      <c r="X18910" s="2">
        <v>17</v>
      </c>
      <c r="Y18910" s="2">
        <v>96.9</v>
      </c>
      <c r="Z18910" s="2">
        <v>131.6</v>
      </c>
      <c r="AA18910" s="5">
        <v>7</v>
      </c>
      <c r="AB18910" s="5" t="s">
        <v>43</v>
      </c>
      <c r="AC18910" s="5" t="s">
        <v>735</v>
      </c>
      <c r="AD18910" s="2" t="s">
        <v>58732</v>
      </c>
      <c r="AE18910" s="1"/>
    </row>
    <row r="18911" spans="1:31" ht="14.45">
      <c r="A18911" s="11"/>
      <c r="B18911" s="20"/>
      <c r="C18911" s="2" t="s">
        <v>58733</v>
      </c>
      <c r="D18911" s="14" t="s">
        <v>58734</v>
      </c>
      <c r="E18911" s="2" t="s">
        <v>58735</v>
      </c>
      <c r="F18911" s="2" t="s">
        <v>58727</v>
      </c>
      <c r="G18911" s="8">
        <v>1109</v>
      </c>
      <c r="H18911" s="5">
        <v>10</v>
      </c>
      <c r="I18911" s="5" t="s">
        <v>69</v>
      </c>
      <c r="J18911" s="5" t="s">
        <v>55802</v>
      </c>
      <c r="K18911" s="2" t="s">
        <v>55803</v>
      </c>
      <c r="L18911" s="5" t="s">
        <v>55802</v>
      </c>
      <c r="M18911" s="2" t="s">
        <v>55803</v>
      </c>
      <c r="N18911" s="5" t="s">
        <v>733</v>
      </c>
      <c r="O18911" s="5" t="s">
        <v>38</v>
      </c>
      <c r="P18911" s="5" t="s">
        <v>39</v>
      </c>
      <c r="Q18911" s="5" t="s">
        <v>40</v>
      </c>
      <c r="R18911" s="5" t="s">
        <v>897</v>
      </c>
      <c r="S18911" s="5" t="s">
        <v>40</v>
      </c>
      <c r="T18911" s="5" t="s">
        <v>42</v>
      </c>
      <c r="U18911" s="2">
        <v>53.368000000000002</v>
      </c>
      <c r="V18911" s="2">
        <v>49.631999999999998</v>
      </c>
      <c r="W18911" s="2">
        <v>0.217</v>
      </c>
      <c r="X18911" s="2">
        <v>17</v>
      </c>
      <c r="Y18911" s="2">
        <v>96.9</v>
      </c>
      <c r="Z18911" s="2">
        <v>131.6</v>
      </c>
      <c r="AA18911" s="5">
        <v>7</v>
      </c>
      <c r="AB18911" s="5" t="s">
        <v>43</v>
      </c>
      <c r="AC18911" s="5" t="s">
        <v>735</v>
      </c>
      <c r="AD18911" s="2" t="s">
        <v>58736</v>
      </c>
      <c r="AE18911" s="1"/>
    </row>
    <row r="18912" spans="1:31" ht="14.45">
      <c r="A18912" s="11"/>
      <c r="B18912" s="20"/>
      <c r="C18912" s="2" t="s">
        <v>58737</v>
      </c>
      <c r="D18912" s="14" t="s">
        <v>58738</v>
      </c>
      <c r="E18912" s="2" t="s">
        <v>58739</v>
      </c>
      <c r="F18912" s="2" t="s">
        <v>58740</v>
      </c>
      <c r="G18912" s="8">
        <v>617</v>
      </c>
      <c r="H18912" s="5">
        <v>5</v>
      </c>
      <c r="I18912" s="5" t="s">
        <v>69</v>
      </c>
      <c r="J18912" s="5" t="s">
        <v>55802</v>
      </c>
      <c r="K18912" s="2" t="s">
        <v>55803</v>
      </c>
      <c r="L18912" s="5" t="s">
        <v>55802</v>
      </c>
      <c r="M18912" s="2" t="s">
        <v>55803</v>
      </c>
      <c r="N18912" s="5" t="s">
        <v>733</v>
      </c>
      <c r="O18912" s="5" t="s">
        <v>38</v>
      </c>
      <c r="P18912" s="5" t="s">
        <v>39</v>
      </c>
      <c r="Q18912" s="5" t="s">
        <v>40</v>
      </c>
      <c r="R18912" s="5" t="s">
        <v>897</v>
      </c>
      <c r="S18912" s="5" t="s">
        <v>40</v>
      </c>
      <c r="T18912" s="5" t="s">
        <v>42</v>
      </c>
      <c r="U18912" s="2">
        <v>44.759</v>
      </c>
      <c r="V18912" s="2">
        <v>41.246000000000002</v>
      </c>
      <c r="W18912" s="2">
        <v>0.217</v>
      </c>
      <c r="X18912" s="2">
        <v>17</v>
      </c>
      <c r="Y18912" s="2">
        <v>96.9</v>
      </c>
      <c r="Z18912" s="2">
        <v>131.6</v>
      </c>
      <c r="AA18912" s="5">
        <v>7</v>
      </c>
      <c r="AB18912" s="5" t="s">
        <v>43</v>
      </c>
      <c r="AC18912" s="5" t="s">
        <v>735</v>
      </c>
      <c r="AD18912" s="2" t="s">
        <v>58741</v>
      </c>
      <c r="AE18912" s="1"/>
    </row>
    <row r="18913" spans="1:31" ht="14.45">
      <c r="A18913" s="11"/>
      <c r="B18913" s="20"/>
      <c r="C18913" s="2" t="s">
        <v>58742</v>
      </c>
      <c r="D18913" s="14" t="s">
        <v>58743</v>
      </c>
      <c r="E18913" s="2" t="s">
        <v>58744</v>
      </c>
      <c r="F18913" s="2" t="s">
        <v>58740</v>
      </c>
      <c r="G18913" s="8">
        <v>917</v>
      </c>
      <c r="H18913" s="5">
        <v>5</v>
      </c>
      <c r="I18913" s="5" t="s">
        <v>69</v>
      </c>
      <c r="J18913" s="5" t="s">
        <v>55802</v>
      </c>
      <c r="K18913" s="2" t="s">
        <v>55803</v>
      </c>
      <c r="L18913" s="5" t="s">
        <v>55802</v>
      </c>
      <c r="M18913" s="2" t="s">
        <v>55803</v>
      </c>
      <c r="N18913" s="5" t="s">
        <v>733</v>
      </c>
      <c r="O18913" s="5" t="s">
        <v>38</v>
      </c>
      <c r="P18913" s="5" t="s">
        <v>39</v>
      </c>
      <c r="Q18913" s="5" t="s">
        <v>40</v>
      </c>
      <c r="R18913" s="5" t="s">
        <v>897</v>
      </c>
      <c r="S18913" s="5" t="s">
        <v>40</v>
      </c>
      <c r="T18913" s="5" t="s">
        <v>42</v>
      </c>
      <c r="U18913" s="2">
        <v>46.685000000000002</v>
      </c>
      <c r="V18913" s="2">
        <v>43.03</v>
      </c>
      <c r="W18913" s="2">
        <v>0.217</v>
      </c>
      <c r="X18913" s="2">
        <v>17</v>
      </c>
      <c r="Y18913" s="2">
        <v>96.9</v>
      </c>
      <c r="Z18913" s="2">
        <v>131.6</v>
      </c>
      <c r="AA18913" s="5">
        <v>7</v>
      </c>
      <c r="AB18913" s="5" t="s">
        <v>43</v>
      </c>
      <c r="AC18913" s="5" t="s">
        <v>735</v>
      </c>
      <c r="AD18913" s="2" t="s">
        <v>58745</v>
      </c>
      <c r="AE18913" s="1"/>
    </row>
    <row r="18914" spans="1:31" ht="14.45">
      <c r="A18914" s="5" t="s">
        <v>116</v>
      </c>
      <c r="B18914" s="21">
        <v>46082</v>
      </c>
      <c r="C18914" s="2" t="s">
        <v>58746</v>
      </c>
      <c r="D18914" s="14" t="s">
        <v>58747</v>
      </c>
      <c r="E18914" s="2" t="s">
        <v>58748</v>
      </c>
      <c r="F18914" s="2" t="s">
        <v>58749</v>
      </c>
      <c r="G18914" s="8">
        <v>1017</v>
      </c>
      <c r="H18914" s="5">
        <v>5</v>
      </c>
      <c r="I18914" s="5" t="s">
        <v>69</v>
      </c>
      <c r="J18914" s="5" t="s">
        <v>55802</v>
      </c>
      <c r="K18914" s="2" t="s">
        <v>55803</v>
      </c>
      <c r="L18914" s="5" t="s">
        <v>55802</v>
      </c>
      <c r="M18914" s="2" t="s">
        <v>55803</v>
      </c>
      <c r="N18914" s="5" t="s">
        <v>733</v>
      </c>
      <c r="O18914" s="5" t="s">
        <v>38</v>
      </c>
      <c r="P18914" s="5" t="s">
        <v>39</v>
      </c>
      <c r="Q18914" s="5" t="s">
        <v>40</v>
      </c>
      <c r="R18914" s="5" t="s">
        <v>897</v>
      </c>
      <c r="S18914" s="5" t="s">
        <v>40</v>
      </c>
      <c r="T18914" s="5" t="s">
        <v>42</v>
      </c>
      <c r="U18914" s="2">
        <v>46.348999999999997</v>
      </c>
      <c r="V18914" s="2">
        <v>42.832999999999998</v>
      </c>
      <c r="W18914" s="2">
        <v>0.217</v>
      </c>
      <c r="X18914" s="2">
        <v>17</v>
      </c>
      <c r="Y18914" s="2">
        <v>96.9</v>
      </c>
      <c r="Z18914" s="2">
        <v>131.6</v>
      </c>
      <c r="AA18914" s="5">
        <v>7</v>
      </c>
      <c r="AB18914" s="5" t="s">
        <v>43</v>
      </c>
      <c r="AC18914" s="5" t="s">
        <v>735</v>
      </c>
      <c r="AD18914" s="2" t="s">
        <v>58750</v>
      </c>
      <c r="AE18914" s="1"/>
    </row>
    <row r="18915" spans="1:31" ht="14.45">
      <c r="A18915" s="11"/>
      <c r="B18915" s="20"/>
      <c r="C18915" s="2" t="s">
        <v>58751</v>
      </c>
      <c r="D18915" s="14" t="s">
        <v>58752</v>
      </c>
      <c r="E18915" s="2" t="s">
        <v>58753</v>
      </c>
      <c r="F18915" s="2" t="s">
        <v>58740</v>
      </c>
      <c r="G18915" s="8">
        <v>917</v>
      </c>
      <c r="H18915" s="5">
        <v>5</v>
      </c>
      <c r="I18915" s="5" t="s">
        <v>69</v>
      </c>
      <c r="J18915" s="5" t="s">
        <v>55802</v>
      </c>
      <c r="K18915" s="2" t="s">
        <v>55803</v>
      </c>
      <c r="L18915" s="5" t="s">
        <v>55802</v>
      </c>
      <c r="M18915" s="2" t="s">
        <v>55803</v>
      </c>
      <c r="N18915" s="5" t="s">
        <v>733</v>
      </c>
      <c r="O18915" s="5" t="s">
        <v>38</v>
      </c>
      <c r="P18915" s="5" t="s">
        <v>39</v>
      </c>
      <c r="Q18915" s="5" t="s">
        <v>40</v>
      </c>
      <c r="R18915" s="5" t="s">
        <v>897</v>
      </c>
      <c r="S18915" s="5" t="s">
        <v>40</v>
      </c>
      <c r="T18915" s="5" t="s">
        <v>42</v>
      </c>
      <c r="U18915" s="2">
        <v>47.246000000000002</v>
      </c>
      <c r="V18915" s="2">
        <v>43.506999999999998</v>
      </c>
      <c r="W18915" s="2">
        <v>0.217</v>
      </c>
      <c r="X18915" s="2">
        <v>17</v>
      </c>
      <c r="Y18915" s="2">
        <v>96.9</v>
      </c>
      <c r="Z18915" s="2">
        <v>131.6</v>
      </c>
      <c r="AA18915" s="5">
        <v>7</v>
      </c>
      <c r="AB18915" s="5" t="s">
        <v>43</v>
      </c>
      <c r="AC18915" s="5" t="s">
        <v>735</v>
      </c>
      <c r="AD18915" s="2" t="s">
        <v>58754</v>
      </c>
      <c r="AE18915" s="1"/>
    </row>
    <row r="18916" spans="1:31" ht="14.45">
      <c r="A18916" s="11"/>
      <c r="B18916" s="20"/>
      <c r="C18916" s="2" t="s">
        <v>58755</v>
      </c>
      <c r="D18916" s="14" t="s">
        <v>58756</v>
      </c>
      <c r="E18916" s="2" t="s">
        <v>58757</v>
      </c>
      <c r="F18916" s="2" t="s">
        <v>58740</v>
      </c>
      <c r="G18916" s="8">
        <v>1164</v>
      </c>
      <c r="H18916" s="5">
        <v>10</v>
      </c>
      <c r="I18916" s="5" t="s">
        <v>69</v>
      </c>
      <c r="J18916" s="5" t="s">
        <v>55802</v>
      </c>
      <c r="K18916" s="2" t="s">
        <v>55803</v>
      </c>
      <c r="L18916" s="5" t="s">
        <v>55802</v>
      </c>
      <c r="M18916" s="2" t="s">
        <v>55803</v>
      </c>
      <c r="N18916" s="5" t="s">
        <v>733</v>
      </c>
      <c r="O18916" s="5" t="s">
        <v>38</v>
      </c>
      <c r="P18916" s="5" t="s">
        <v>39</v>
      </c>
      <c r="Q18916" s="5" t="s">
        <v>40</v>
      </c>
      <c r="R18916" s="5" t="s">
        <v>897</v>
      </c>
      <c r="S18916" s="5" t="s">
        <v>40</v>
      </c>
      <c r="T18916" s="5" t="s">
        <v>42</v>
      </c>
      <c r="U18916" s="2">
        <v>47.076999999999998</v>
      </c>
      <c r="V18916" s="2">
        <v>43.502000000000002</v>
      </c>
      <c r="W18916" s="2">
        <v>0.217</v>
      </c>
      <c r="X18916" s="2">
        <v>17</v>
      </c>
      <c r="Y18916" s="2">
        <v>96.9</v>
      </c>
      <c r="Z18916" s="2">
        <v>131.6</v>
      </c>
      <c r="AA18916" s="5">
        <v>7</v>
      </c>
      <c r="AB18916" s="5" t="s">
        <v>43</v>
      </c>
      <c r="AC18916" s="5" t="s">
        <v>735</v>
      </c>
      <c r="AD18916" s="2" t="s">
        <v>58758</v>
      </c>
      <c r="AE18916" s="1"/>
    </row>
    <row r="18917" spans="1:31" ht="14.45">
      <c r="A18917" s="11"/>
      <c r="B18917" s="20"/>
      <c r="C18917" s="2" t="s">
        <v>58759</v>
      </c>
      <c r="D18917" s="14" t="s">
        <v>58760</v>
      </c>
      <c r="E18917" s="2" t="s">
        <v>58761</v>
      </c>
      <c r="F18917" s="2" t="s">
        <v>58762</v>
      </c>
      <c r="G18917" s="8">
        <v>1030</v>
      </c>
      <c r="H18917" s="5">
        <v>5</v>
      </c>
      <c r="I18917" s="5" t="s">
        <v>69</v>
      </c>
      <c r="J18917" s="5" t="s">
        <v>55802</v>
      </c>
      <c r="K18917" s="2" t="s">
        <v>55803</v>
      </c>
      <c r="L18917" s="5" t="s">
        <v>55802</v>
      </c>
      <c r="M18917" s="2" t="s">
        <v>55803</v>
      </c>
      <c r="N18917" s="5" t="s">
        <v>733</v>
      </c>
      <c r="O18917" s="5" t="s">
        <v>38</v>
      </c>
      <c r="P18917" s="5" t="s">
        <v>39</v>
      </c>
      <c r="Q18917" s="5" t="s">
        <v>40</v>
      </c>
      <c r="R18917" s="5" t="s">
        <v>897</v>
      </c>
      <c r="S18917" s="5" t="s">
        <v>40</v>
      </c>
      <c r="T18917" s="5" t="s">
        <v>42</v>
      </c>
      <c r="U18917" s="2">
        <v>46.307000000000002</v>
      </c>
      <c r="V18917" s="2">
        <v>42.787999999999997</v>
      </c>
      <c r="W18917" s="2">
        <v>0.217</v>
      </c>
      <c r="X18917" s="2">
        <v>17</v>
      </c>
      <c r="Y18917" s="2">
        <v>96.9</v>
      </c>
      <c r="Z18917" s="2">
        <v>131.6</v>
      </c>
      <c r="AA18917" s="5">
        <v>7</v>
      </c>
      <c r="AB18917" s="5" t="s">
        <v>43</v>
      </c>
      <c r="AC18917" s="5" t="s">
        <v>735</v>
      </c>
      <c r="AD18917" s="2" t="s">
        <v>58763</v>
      </c>
      <c r="AE18917" s="1"/>
    </row>
    <row r="18918" spans="1:31" ht="14.45">
      <c r="A18918" s="11"/>
      <c r="B18918" s="20"/>
      <c r="C18918" s="2" t="s">
        <v>58764</v>
      </c>
      <c r="D18918" s="14" t="s">
        <v>58765</v>
      </c>
      <c r="E18918" s="2" t="s">
        <v>58766</v>
      </c>
      <c r="F18918" s="2" t="s">
        <v>58767</v>
      </c>
      <c r="G18918" s="8">
        <v>861</v>
      </c>
      <c r="H18918" s="5">
        <v>5</v>
      </c>
      <c r="I18918" s="5" t="s">
        <v>69</v>
      </c>
      <c r="J18918" s="5" t="s">
        <v>55802</v>
      </c>
      <c r="K18918" s="2" t="s">
        <v>55803</v>
      </c>
      <c r="L18918" s="5" t="s">
        <v>55802</v>
      </c>
      <c r="M18918" s="2" t="s">
        <v>55803</v>
      </c>
      <c r="N18918" s="5" t="s">
        <v>733</v>
      </c>
      <c r="O18918" s="5" t="s">
        <v>38</v>
      </c>
      <c r="P18918" s="5" t="s">
        <v>39</v>
      </c>
      <c r="Q18918" s="5" t="s">
        <v>40</v>
      </c>
      <c r="R18918" s="5" t="s">
        <v>897</v>
      </c>
      <c r="S18918" s="5" t="s">
        <v>40</v>
      </c>
      <c r="T18918" s="5" t="s">
        <v>42</v>
      </c>
      <c r="U18918" s="2">
        <v>51.113</v>
      </c>
      <c r="V18918" s="2">
        <v>47.594999999999999</v>
      </c>
      <c r="W18918" s="2">
        <v>0.217</v>
      </c>
      <c r="X18918" s="2">
        <v>17</v>
      </c>
      <c r="Y18918" s="2">
        <v>96.9</v>
      </c>
      <c r="Z18918" s="2">
        <v>131.6</v>
      </c>
      <c r="AA18918" s="5">
        <v>7</v>
      </c>
      <c r="AB18918" s="5" t="s">
        <v>43</v>
      </c>
      <c r="AC18918" s="5" t="s">
        <v>735</v>
      </c>
      <c r="AD18918" s="2" t="s">
        <v>58768</v>
      </c>
      <c r="AE18918" s="1"/>
    </row>
    <row r="18919" spans="1:31" ht="14.45">
      <c r="A18919" s="11"/>
      <c r="B18919" s="20"/>
      <c r="C18919" s="2" t="s">
        <v>58769</v>
      </c>
      <c r="D18919" s="14" t="s">
        <v>58770</v>
      </c>
      <c r="E18919" s="2" t="s">
        <v>58771</v>
      </c>
      <c r="F18919" s="2" t="s">
        <v>58767</v>
      </c>
      <c r="G18919" s="8">
        <v>1161</v>
      </c>
      <c r="H18919" s="5">
        <v>5</v>
      </c>
      <c r="I18919" s="5" t="s">
        <v>69</v>
      </c>
      <c r="J18919" s="5" t="s">
        <v>55802</v>
      </c>
      <c r="K18919" s="2" t="s">
        <v>55803</v>
      </c>
      <c r="L18919" s="5" t="s">
        <v>55802</v>
      </c>
      <c r="M18919" s="2" t="s">
        <v>55803</v>
      </c>
      <c r="N18919" s="5" t="s">
        <v>733</v>
      </c>
      <c r="O18919" s="5" t="s">
        <v>38</v>
      </c>
      <c r="P18919" s="5" t="s">
        <v>39</v>
      </c>
      <c r="Q18919" s="5" t="s">
        <v>40</v>
      </c>
      <c r="R18919" s="5" t="s">
        <v>897</v>
      </c>
      <c r="S18919" s="5" t="s">
        <v>40</v>
      </c>
      <c r="T18919" s="5" t="s">
        <v>42</v>
      </c>
      <c r="U18919" s="2">
        <v>53.027000000000001</v>
      </c>
      <c r="V18919" s="2">
        <v>49.377000000000002</v>
      </c>
      <c r="W18919" s="2">
        <v>0.217</v>
      </c>
      <c r="X18919" s="2">
        <v>17</v>
      </c>
      <c r="Y18919" s="2">
        <v>96.9</v>
      </c>
      <c r="Z18919" s="2">
        <v>131.6</v>
      </c>
      <c r="AA18919" s="5">
        <v>7</v>
      </c>
      <c r="AB18919" s="5" t="s">
        <v>43</v>
      </c>
      <c r="AC18919" s="5" t="s">
        <v>735</v>
      </c>
      <c r="AD18919" s="2" t="s">
        <v>58772</v>
      </c>
      <c r="AE18919" s="1"/>
    </row>
    <row r="18920" spans="1:31" ht="14.45">
      <c r="A18920" s="5" t="s">
        <v>116</v>
      </c>
      <c r="B18920" s="21">
        <v>46082</v>
      </c>
      <c r="C18920" s="2" t="s">
        <v>58773</v>
      </c>
      <c r="D18920" s="14" t="s">
        <v>58774</v>
      </c>
      <c r="E18920" s="2" t="s">
        <v>58775</v>
      </c>
      <c r="F18920" s="2" t="s">
        <v>58776</v>
      </c>
      <c r="G18920" s="8">
        <v>1261</v>
      </c>
      <c r="H18920" s="5">
        <v>5</v>
      </c>
      <c r="I18920" s="5" t="s">
        <v>69</v>
      </c>
      <c r="J18920" s="5" t="s">
        <v>55802</v>
      </c>
      <c r="K18920" s="2" t="s">
        <v>55803</v>
      </c>
      <c r="L18920" s="5" t="s">
        <v>55802</v>
      </c>
      <c r="M18920" s="2" t="s">
        <v>55803</v>
      </c>
      <c r="N18920" s="5" t="s">
        <v>733</v>
      </c>
      <c r="O18920" s="5" t="s">
        <v>38</v>
      </c>
      <c r="P18920" s="5" t="s">
        <v>39</v>
      </c>
      <c r="Q18920" s="5" t="s">
        <v>40</v>
      </c>
      <c r="R18920" s="5" t="s">
        <v>897</v>
      </c>
      <c r="S18920" s="5" t="s">
        <v>40</v>
      </c>
      <c r="T18920" s="5" t="s">
        <v>42</v>
      </c>
      <c r="U18920" s="2">
        <v>53.231999999999999</v>
      </c>
      <c r="V18920" s="2">
        <v>49.68</v>
      </c>
      <c r="W18920" s="2">
        <v>0.217</v>
      </c>
      <c r="X18920" s="2">
        <v>17</v>
      </c>
      <c r="Y18920" s="2">
        <v>96.9</v>
      </c>
      <c r="Z18920" s="2">
        <v>131.6</v>
      </c>
      <c r="AA18920" s="5">
        <v>7</v>
      </c>
      <c r="AB18920" s="5" t="s">
        <v>43</v>
      </c>
      <c r="AC18920" s="5" t="s">
        <v>735</v>
      </c>
      <c r="AD18920" s="2" t="s">
        <v>58777</v>
      </c>
      <c r="AE18920" s="1"/>
    </row>
    <row r="18921" spans="1:31" ht="14.45">
      <c r="A18921" s="11"/>
      <c r="B18921" s="20"/>
      <c r="C18921" s="2" t="s">
        <v>58778</v>
      </c>
      <c r="D18921" s="14" t="s">
        <v>58779</v>
      </c>
      <c r="E18921" s="2" t="s">
        <v>58780</v>
      </c>
      <c r="F18921" s="2" t="s">
        <v>58767</v>
      </c>
      <c r="G18921" s="8">
        <v>1161</v>
      </c>
      <c r="H18921" s="5">
        <v>10</v>
      </c>
      <c r="I18921" s="5" t="s">
        <v>69</v>
      </c>
      <c r="J18921" s="5" t="s">
        <v>55802</v>
      </c>
      <c r="K18921" s="2" t="s">
        <v>55803</v>
      </c>
      <c r="L18921" s="5" t="s">
        <v>55802</v>
      </c>
      <c r="M18921" s="2" t="s">
        <v>55803</v>
      </c>
      <c r="N18921" s="5" t="s">
        <v>733</v>
      </c>
      <c r="O18921" s="5" t="s">
        <v>38</v>
      </c>
      <c r="P18921" s="5" t="s">
        <v>39</v>
      </c>
      <c r="Q18921" s="5" t="s">
        <v>40</v>
      </c>
      <c r="R18921" s="5" t="s">
        <v>897</v>
      </c>
      <c r="S18921" s="5" t="s">
        <v>40</v>
      </c>
      <c r="T18921" s="5" t="s">
        <v>42</v>
      </c>
      <c r="U18921" s="2">
        <v>53.28</v>
      </c>
      <c r="V18921" s="2">
        <v>49.543999999999997</v>
      </c>
      <c r="W18921" s="2">
        <v>0.217</v>
      </c>
      <c r="X18921" s="2">
        <v>17</v>
      </c>
      <c r="Y18921" s="2">
        <v>96.9</v>
      </c>
      <c r="Z18921" s="2">
        <v>131.6</v>
      </c>
      <c r="AA18921" s="5">
        <v>7</v>
      </c>
      <c r="AB18921" s="5" t="s">
        <v>43</v>
      </c>
      <c r="AC18921" s="5" t="s">
        <v>735</v>
      </c>
      <c r="AD18921" s="2" t="s">
        <v>58781</v>
      </c>
      <c r="AE18921" s="1"/>
    </row>
    <row r="18922" spans="1:31" ht="14.45">
      <c r="A18922" s="5"/>
      <c r="B18922" s="21"/>
      <c r="C18922" s="2" t="s">
        <v>58782</v>
      </c>
      <c r="D18922" s="14" t="s">
        <v>58783</v>
      </c>
      <c r="E18922" s="2" t="s">
        <v>58784</v>
      </c>
      <c r="F18922" s="2" t="s">
        <v>58785</v>
      </c>
      <c r="G18922" s="8">
        <v>1408</v>
      </c>
      <c r="H18922" s="5">
        <v>5</v>
      </c>
      <c r="I18922" s="5" t="s">
        <v>69</v>
      </c>
      <c r="J18922" s="5" t="s">
        <v>55802</v>
      </c>
      <c r="K18922" s="2" t="s">
        <v>55803</v>
      </c>
      <c r="L18922" s="5" t="s">
        <v>55802</v>
      </c>
      <c r="M18922" s="2" t="s">
        <v>55803</v>
      </c>
      <c r="N18922" s="5" t="s">
        <v>733</v>
      </c>
      <c r="O18922" s="5" t="s">
        <v>38</v>
      </c>
      <c r="P18922" s="5" t="s">
        <v>39</v>
      </c>
      <c r="Q18922" s="5" t="s">
        <v>40</v>
      </c>
      <c r="R18922" s="5" t="s">
        <v>897</v>
      </c>
      <c r="S18922" s="5" t="s">
        <v>40</v>
      </c>
      <c r="T18922" s="5" t="s">
        <v>42</v>
      </c>
      <c r="U18922" s="2">
        <v>53.826000000000001</v>
      </c>
      <c r="V18922" s="2">
        <v>50.262999999999998</v>
      </c>
      <c r="W18922" s="2">
        <v>0.217</v>
      </c>
      <c r="X18922" s="2">
        <v>17</v>
      </c>
      <c r="Y18922" s="2">
        <v>96.9</v>
      </c>
      <c r="Z18922" s="2">
        <v>131.6</v>
      </c>
      <c r="AA18922" s="5">
        <v>7</v>
      </c>
      <c r="AB18922" s="5" t="s">
        <v>43</v>
      </c>
      <c r="AC18922" s="5" t="s">
        <v>735</v>
      </c>
      <c r="AD18922" s="2"/>
      <c r="AE18922" s="1"/>
    </row>
    <row r="18923" spans="1:31" ht="14.45">
      <c r="A18923" s="11"/>
      <c r="B18923" s="20"/>
      <c r="C18923" s="2" t="s">
        <v>58786</v>
      </c>
      <c r="D18923" s="14" t="s">
        <v>58787</v>
      </c>
      <c r="E18923" s="2" t="s">
        <v>58788</v>
      </c>
      <c r="F18923" s="2" t="s">
        <v>58789</v>
      </c>
      <c r="G18923" s="8">
        <v>1887</v>
      </c>
      <c r="H18923" s="5">
        <v>10</v>
      </c>
      <c r="I18923" s="5" t="s">
        <v>69</v>
      </c>
      <c r="J18923" s="5" t="s">
        <v>55802</v>
      </c>
      <c r="K18923" s="2" t="s">
        <v>55803</v>
      </c>
      <c r="L18923" s="5" t="s">
        <v>55802</v>
      </c>
      <c r="M18923" s="2" t="s">
        <v>55803</v>
      </c>
      <c r="N18923" s="5" t="s">
        <v>733</v>
      </c>
      <c r="O18923" s="5" t="s">
        <v>38</v>
      </c>
      <c r="P18923" s="5" t="s">
        <v>39</v>
      </c>
      <c r="Q18923" s="5" t="s">
        <v>40</v>
      </c>
      <c r="R18923" s="5" t="s">
        <v>897</v>
      </c>
      <c r="S18923" s="5" t="s">
        <v>40</v>
      </c>
      <c r="T18923" s="5" t="s">
        <v>42</v>
      </c>
      <c r="U18923" s="2">
        <v>64.421000000000006</v>
      </c>
      <c r="V18923" s="2">
        <v>60.771000000000001</v>
      </c>
      <c r="W18923" s="2">
        <v>0.217</v>
      </c>
      <c r="X18923" s="2">
        <v>17</v>
      </c>
      <c r="Y18923" s="2">
        <v>96.9</v>
      </c>
      <c r="Z18923" s="2">
        <v>131.6</v>
      </c>
      <c r="AA18923" s="5">
        <v>7</v>
      </c>
      <c r="AB18923" s="5" t="s">
        <v>43</v>
      </c>
      <c r="AC18923" s="5" t="s">
        <v>735</v>
      </c>
      <c r="AD18923" s="2" t="s">
        <v>58790</v>
      </c>
      <c r="AE18923" s="1"/>
    </row>
    <row r="18924" spans="1:31" ht="14.45">
      <c r="A18924" s="11"/>
      <c r="B18924" s="20"/>
      <c r="C18924" s="2" t="s">
        <v>58791</v>
      </c>
      <c r="D18924" s="14" t="s">
        <v>58792</v>
      </c>
      <c r="E18924" s="2" t="s">
        <v>58793</v>
      </c>
      <c r="F18924" s="2" t="s">
        <v>58794</v>
      </c>
      <c r="G18924" s="8">
        <v>1729</v>
      </c>
      <c r="H18924" s="5">
        <v>10</v>
      </c>
      <c r="I18924" s="5" t="s">
        <v>69</v>
      </c>
      <c r="J18924" s="5" t="s">
        <v>55802</v>
      </c>
      <c r="K18924" s="2" t="s">
        <v>55803</v>
      </c>
      <c r="L18924" s="5" t="s">
        <v>55802</v>
      </c>
      <c r="M18924" s="2" t="s">
        <v>55803</v>
      </c>
      <c r="N18924" s="5" t="s">
        <v>733</v>
      </c>
      <c r="O18924" s="5" t="s">
        <v>38</v>
      </c>
      <c r="P18924" s="5" t="s">
        <v>39</v>
      </c>
      <c r="Q18924" s="5" t="s">
        <v>40</v>
      </c>
      <c r="R18924" s="5" t="s">
        <v>897</v>
      </c>
      <c r="S18924" s="5" t="s">
        <v>40</v>
      </c>
      <c r="T18924" s="5" t="s">
        <v>42</v>
      </c>
      <c r="U18924" s="2">
        <v>56.430999999999997</v>
      </c>
      <c r="V18924" s="2">
        <v>52.780999999999999</v>
      </c>
      <c r="W18924" s="2">
        <v>0.217</v>
      </c>
      <c r="X18924" s="2">
        <v>17</v>
      </c>
      <c r="Y18924" s="2">
        <v>96.9</v>
      </c>
      <c r="Z18924" s="2">
        <v>131.6</v>
      </c>
      <c r="AA18924" s="5">
        <v>7</v>
      </c>
      <c r="AB18924" s="5" t="s">
        <v>43</v>
      </c>
      <c r="AC18924" s="5" t="s">
        <v>735</v>
      </c>
      <c r="AD18924" s="2" t="s">
        <v>58795</v>
      </c>
      <c r="AE18924" s="1"/>
    </row>
    <row r="18925" spans="1:31" ht="14.45">
      <c r="A18925" s="5" t="s">
        <v>116</v>
      </c>
      <c r="B18925" s="21">
        <v>46082</v>
      </c>
      <c r="C18925" s="2" t="s">
        <v>58796</v>
      </c>
      <c r="D18925" s="14" t="s">
        <v>58797</v>
      </c>
      <c r="E18925" s="2" t="s">
        <v>58798</v>
      </c>
      <c r="F18925" s="2" t="s">
        <v>58799</v>
      </c>
      <c r="G18925" s="8">
        <v>1829</v>
      </c>
      <c r="H18925" s="5">
        <v>5</v>
      </c>
      <c r="I18925" s="5" t="s">
        <v>69</v>
      </c>
      <c r="J18925" s="5" t="s">
        <v>55802</v>
      </c>
      <c r="K18925" s="2" t="s">
        <v>55803</v>
      </c>
      <c r="L18925" s="5" t="s">
        <v>55802</v>
      </c>
      <c r="M18925" s="2" t="s">
        <v>55803</v>
      </c>
      <c r="N18925" s="5" t="s">
        <v>733</v>
      </c>
      <c r="O18925" s="5" t="s">
        <v>38</v>
      </c>
      <c r="P18925" s="5" t="s">
        <v>39</v>
      </c>
      <c r="Q18925" s="5" t="s">
        <v>40</v>
      </c>
      <c r="R18925" s="5" t="s">
        <v>897</v>
      </c>
      <c r="S18925" s="5" t="s">
        <v>40</v>
      </c>
      <c r="T18925" s="5" t="s">
        <v>42</v>
      </c>
      <c r="U18925" s="2">
        <v>56.664999999999999</v>
      </c>
      <c r="V18925" s="2">
        <v>53.113</v>
      </c>
      <c r="W18925" s="2">
        <v>0.217</v>
      </c>
      <c r="X18925" s="2">
        <v>17</v>
      </c>
      <c r="Y18925" s="2">
        <v>96.9</v>
      </c>
      <c r="Z18925" s="2">
        <v>131.6</v>
      </c>
      <c r="AA18925" s="5">
        <v>7</v>
      </c>
      <c r="AB18925" s="5" t="s">
        <v>43</v>
      </c>
      <c r="AC18925" s="5" t="s">
        <v>735</v>
      </c>
      <c r="AD18925" s="2" t="s">
        <v>58800</v>
      </c>
      <c r="AE18925" s="1"/>
    </row>
    <row r="18926" spans="1:31" ht="14.45">
      <c r="A18926" s="11"/>
      <c r="B18926" s="20"/>
      <c r="C18926" s="2" t="s">
        <v>58801</v>
      </c>
      <c r="D18926" s="14" t="s">
        <v>58802</v>
      </c>
      <c r="E18926" s="2" t="s">
        <v>58803</v>
      </c>
      <c r="F18926" s="2" t="s">
        <v>58804</v>
      </c>
      <c r="G18926" s="8">
        <v>1385</v>
      </c>
      <c r="H18926" s="5">
        <v>10</v>
      </c>
      <c r="I18926" s="5" t="s">
        <v>69</v>
      </c>
      <c r="J18926" s="5" t="s">
        <v>55802</v>
      </c>
      <c r="K18926" s="2" t="s">
        <v>55803</v>
      </c>
      <c r="L18926" s="5" t="s">
        <v>55802</v>
      </c>
      <c r="M18926" s="2" t="s">
        <v>55803</v>
      </c>
      <c r="N18926" s="5" t="s">
        <v>733</v>
      </c>
      <c r="O18926" s="5" t="s">
        <v>38</v>
      </c>
      <c r="P18926" s="5" t="s">
        <v>39</v>
      </c>
      <c r="Q18926" s="5" t="s">
        <v>40</v>
      </c>
      <c r="R18926" s="5" t="s">
        <v>897</v>
      </c>
      <c r="S18926" s="5" t="s">
        <v>40</v>
      </c>
      <c r="T18926" s="5" t="s">
        <v>42</v>
      </c>
      <c r="U18926" s="2">
        <v>49.67</v>
      </c>
      <c r="V18926" s="2">
        <v>46.008000000000003</v>
      </c>
      <c r="W18926" s="2">
        <v>0.217</v>
      </c>
      <c r="X18926" s="2">
        <v>17</v>
      </c>
      <c r="Y18926" s="2">
        <v>96.9</v>
      </c>
      <c r="Z18926" s="2">
        <v>131.6</v>
      </c>
      <c r="AA18926" s="5">
        <v>7</v>
      </c>
      <c r="AB18926" s="5" t="s">
        <v>43</v>
      </c>
      <c r="AC18926" s="5" t="s">
        <v>735</v>
      </c>
      <c r="AD18926" s="2" t="s">
        <v>58805</v>
      </c>
      <c r="AE18926" s="1"/>
    </row>
    <row r="18927" spans="1:31" ht="14.45">
      <c r="A18927" s="5" t="s">
        <v>116</v>
      </c>
      <c r="B18927" s="21">
        <v>46082</v>
      </c>
      <c r="C18927" s="2" t="s">
        <v>58806</v>
      </c>
      <c r="D18927" s="14" t="s">
        <v>58807</v>
      </c>
      <c r="E18927" s="2" t="s">
        <v>58808</v>
      </c>
      <c r="F18927" s="2" t="s">
        <v>58809</v>
      </c>
      <c r="G18927" s="8">
        <v>1485</v>
      </c>
      <c r="H18927" s="5">
        <v>5</v>
      </c>
      <c r="I18927" s="5" t="s">
        <v>69</v>
      </c>
      <c r="J18927" s="5" t="s">
        <v>55802</v>
      </c>
      <c r="K18927" s="2" t="s">
        <v>55803</v>
      </c>
      <c r="L18927" s="5" t="s">
        <v>55802</v>
      </c>
      <c r="M18927" s="2" t="s">
        <v>55803</v>
      </c>
      <c r="N18927" s="5" t="s">
        <v>733</v>
      </c>
      <c r="O18927" s="5" t="s">
        <v>38</v>
      </c>
      <c r="P18927" s="5" t="s">
        <v>39</v>
      </c>
      <c r="Q18927" s="5" t="s">
        <v>40</v>
      </c>
      <c r="R18927" s="5" t="s">
        <v>897</v>
      </c>
      <c r="S18927" s="5" t="s">
        <v>40</v>
      </c>
      <c r="T18927" s="5" t="s">
        <v>42</v>
      </c>
      <c r="U18927" s="2">
        <v>49.811999999999998</v>
      </c>
      <c r="V18927" s="2">
        <v>46.295999999999999</v>
      </c>
      <c r="W18927" s="2">
        <v>0.217</v>
      </c>
      <c r="X18927" s="2">
        <v>17</v>
      </c>
      <c r="Y18927" s="2">
        <v>96.9</v>
      </c>
      <c r="Z18927" s="2">
        <v>131.6</v>
      </c>
      <c r="AA18927" s="5">
        <v>7</v>
      </c>
      <c r="AB18927" s="5" t="s">
        <v>43</v>
      </c>
      <c r="AC18927" s="5" t="s">
        <v>735</v>
      </c>
      <c r="AD18927" s="2" t="s">
        <v>58810</v>
      </c>
      <c r="AE18927" s="1"/>
    </row>
    <row r="18928" spans="1:31" ht="14.45">
      <c r="A18928" s="11"/>
      <c r="B18928" s="20"/>
      <c r="C18928" s="2" t="s">
        <v>58811</v>
      </c>
      <c r="D18928" s="14" t="s">
        <v>58812</v>
      </c>
      <c r="E18928" s="2" t="s">
        <v>58813</v>
      </c>
      <c r="F18928" s="2" t="s">
        <v>58814</v>
      </c>
      <c r="G18928" s="8">
        <v>1329</v>
      </c>
      <c r="H18928" s="5">
        <v>10</v>
      </c>
      <c r="I18928" s="5" t="s">
        <v>69</v>
      </c>
      <c r="J18928" s="5" t="s">
        <v>55802</v>
      </c>
      <c r="K18928" s="2" t="s">
        <v>55803</v>
      </c>
      <c r="L18928" s="5" t="s">
        <v>55802</v>
      </c>
      <c r="M18928" s="2" t="s">
        <v>55803</v>
      </c>
      <c r="N18928" s="5" t="s">
        <v>733</v>
      </c>
      <c r="O18928" s="5" t="s">
        <v>38</v>
      </c>
      <c r="P18928" s="5" t="s">
        <v>39</v>
      </c>
      <c r="Q18928" s="5" t="s">
        <v>40</v>
      </c>
      <c r="R18928" s="5" t="s">
        <v>897</v>
      </c>
      <c r="S18928" s="5" t="s">
        <v>40</v>
      </c>
      <c r="T18928" s="5" t="s">
        <v>42</v>
      </c>
      <c r="U18928" s="2">
        <v>56.241</v>
      </c>
      <c r="V18928" s="2">
        <v>52.698999999999998</v>
      </c>
      <c r="W18928" s="2">
        <v>0.217</v>
      </c>
      <c r="X18928" s="2">
        <v>17</v>
      </c>
      <c r="Y18928" s="2">
        <v>96.9</v>
      </c>
      <c r="Z18928" s="2">
        <v>131.6</v>
      </c>
      <c r="AA18928" s="5">
        <v>7</v>
      </c>
      <c r="AB18928" s="5" t="s">
        <v>43</v>
      </c>
      <c r="AC18928" s="5" t="s">
        <v>735</v>
      </c>
      <c r="AD18928" s="2" t="s">
        <v>58815</v>
      </c>
      <c r="AE18928" s="1"/>
    </row>
    <row r="18929" spans="1:31" ht="14.45">
      <c r="A18929" s="11"/>
      <c r="B18929" s="20"/>
      <c r="C18929" s="2" t="s">
        <v>58816</v>
      </c>
      <c r="D18929" s="14" t="s">
        <v>58817</v>
      </c>
      <c r="E18929" s="2" t="s">
        <v>58818</v>
      </c>
      <c r="F18929" s="2" t="s">
        <v>58814</v>
      </c>
      <c r="G18929" s="8">
        <v>1629</v>
      </c>
      <c r="H18929" s="5">
        <v>10</v>
      </c>
      <c r="I18929" s="5" t="s">
        <v>69</v>
      </c>
      <c r="J18929" s="5" t="s">
        <v>55802</v>
      </c>
      <c r="K18929" s="2" t="s">
        <v>55803</v>
      </c>
      <c r="L18929" s="5" t="s">
        <v>55802</v>
      </c>
      <c r="M18929" s="2" t="s">
        <v>55803</v>
      </c>
      <c r="N18929" s="5" t="s">
        <v>733</v>
      </c>
      <c r="O18929" s="5" t="s">
        <v>38</v>
      </c>
      <c r="P18929" s="5" t="s">
        <v>39</v>
      </c>
      <c r="Q18929" s="5" t="s">
        <v>40</v>
      </c>
      <c r="R18929" s="5" t="s">
        <v>897</v>
      </c>
      <c r="S18929" s="5" t="s">
        <v>40</v>
      </c>
      <c r="T18929" s="5" t="s">
        <v>42</v>
      </c>
      <c r="U18929" s="2">
        <v>56.39</v>
      </c>
      <c r="V18929" s="2">
        <v>52.74</v>
      </c>
      <c r="W18929" s="2">
        <v>0.217</v>
      </c>
      <c r="X18929" s="2">
        <v>17</v>
      </c>
      <c r="Y18929" s="2">
        <v>96.9</v>
      </c>
      <c r="Z18929" s="2">
        <v>131.6</v>
      </c>
      <c r="AA18929" s="5">
        <v>7</v>
      </c>
      <c r="AB18929" s="5" t="s">
        <v>43</v>
      </c>
      <c r="AC18929" s="5" t="s">
        <v>735</v>
      </c>
      <c r="AD18929" s="2" t="s">
        <v>58819</v>
      </c>
      <c r="AE18929" s="1"/>
    </row>
    <row r="18930" spans="1:31" ht="14.45">
      <c r="A18930" s="5" t="s">
        <v>116</v>
      </c>
      <c r="B18930" s="21">
        <v>46082</v>
      </c>
      <c r="C18930" s="2" t="s">
        <v>58820</v>
      </c>
      <c r="D18930" s="14" t="s">
        <v>58821</v>
      </c>
      <c r="E18930" s="2" t="s">
        <v>58822</v>
      </c>
      <c r="F18930" s="2" t="s">
        <v>58823</v>
      </c>
      <c r="G18930" s="8">
        <v>1729</v>
      </c>
      <c r="H18930" s="5">
        <v>5</v>
      </c>
      <c r="I18930" s="5" t="s">
        <v>69</v>
      </c>
      <c r="J18930" s="5" t="s">
        <v>55802</v>
      </c>
      <c r="K18930" s="2" t="s">
        <v>55803</v>
      </c>
      <c r="L18930" s="5" t="s">
        <v>55802</v>
      </c>
      <c r="M18930" s="2" t="s">
        <v>55803</v>
      </c>
      <c r="N18930" s="5" t="s">
        <v>733</v>
      </c>
      <c r="O18930" s="5" t="s">
        <v>38</v>
      </c>
      <c r="P18930" s="5" t="s">
        <v>39</v>
      </c>
      <c r="Q18930" s="5" t="s">
        <v>40</v>
      </c>
      <c r="R18930" s="5" t="s">
        <v>897</v>
      </c>
      <c r="S18930" s="5" t="s">
        <v>40</v>
      </c>
      <c r="T18930" s="5" t="s">
        <v>42</v>
      </c>
      <c r="U18930" s="2">
        <v>56.624000000000002</v>
      </c>
      <c r="V18930" s="2">
        <v>53.072000000000003</v>
      </c>
      <c r="W18930" s="2">
        <v>0.217</v>
      </c>
      <c r="X18930" s="2">
        <v>17</v>
      </c>
      <c r="Y18930" s="2">
        <v>96.9</v>
      </c>
      <c r="Z18930" s="2">
        <v>131.6</v>
      </c>
      <c r="AA18930" s="5">
        <v>7</v>
      </c>
      <c r="AB18930" s="5" t="s">
        <v>43</v>
      </c>
      <c r="AC18930" s="5" t="s">
        <v>735</v>
      </c>
      <c r="AD18930" s="2" t="s">
        <v>58824</v>
      </c>
      <c r="AE18930" s="1"/>
    </row>
    <row r="18931" spans="1:31" ht="14.45">
      <c r="A18931" s="11"/>
      <c r="B18931" s="20"/>
      <c r="C18931" s="2" t="s">
        <v>58825</v>
      </c>
      <c r="D18931" s="14" t="s">
        <v>58826</v>
      </c>
      <c r="E18931" s="2" t="s">
        <v>58827</v>
      </c>
      <c r="F18931" s="2" t="s">
        <v>58828</v>
      </c>
      <c r="G18931" s="8">
        <v>1429</v>
      </c>
      <c r="H18931" s="5">
        <v>10</v>
      </c>
      <c r="I18931" s="5" t="s">
        <v>69</v>
      </c>
      <c r="J18931" s="5" t="s">
        <v>55802</v>
      </c>
      <c r="K18931" s="2" t="s">
        <v>55803</v>
      </c>
      <c r="L18931" s="5" t="s">
        <v>55802</v>
      </c>
      <c r="M18931" s="2" t="s">
        <v>55803</v>
      </c>
      <c r="N18931" s="5" t="s">
        <v>733</v>
      </c>
      <c r="O18931" s="5" t="s">
        <v>38</v>
      </c>
      <c r="P18931" s="5" t="s">
        <v>39</v>
      </c>
      <c r="Q18931" s="5" t="s">
        <v>40</v>
      </c>
      <c r="R18931" s="5" t="s">
        <v>897</v>
      </c>
      <c r="S18931" s="5" t="s">
        <v>40</v>
      </c>
      <c r="T18931" s="5" t="s">
        <v>42</v>
      </c>
      <c r="U18931" s="2">
        <v>55.356000000000002</v>
      </c>
      <c r="V18931" s="2">
        <v>51.814</v>
      </c>
      <c r="W18931" s="2">
        <v>0.217</v>
      </c>
      <c r="X18931" s="2">
        <v>17</v>
      </c>
      <c r="Y18931" s="2">
        <v>96.9</v>
      </c>
      <c r="Z18931" s="2">
        <v>131.6</v>
      </c>
      <c r="AA18931" s="5">
        <v>7</v>
      </c>
      <c r="AB18931" s="5" t="s">
        <v>43</v>
      </c>
      <c r="AC18931" s="5" t="s">
        <v>735</v>
      </c>
      <c r="AD18931" s="2" t="s">
        <v>58829</v>
      </c>
      <c r="AE18931" s="1"/>
    </row>
    <row r="18932" spans="1:31" ht="14.45">
      <c r="A18932" s="11"/>
      <c r="B18932" s="20"/>
      <c r="C18932" s="2" t="s">
        <v>58830</v>
      </c>
      <c r="D18932" s="14" t="s">
        <v>58831</v>
      </c>
      <c r="E18932" s="2" t="s">
        <v>58832</v>
      </c>
      <c r="F18932" s="2" t="s">
        <v>58833</v>
      </c>
      <c r="G18932" s="8">
        <v>1729</v>
      </c>
      <c r="H18932" s="5">
        <v>10</v>
      </c>
      <c r="I18932" s="5" t="s">
        <v>69</v>
      </c>
      <c r="J18932" s="5" t="s">
        <v>55802</v>
      </c>
      <c r="K18932" s="2" t="s">
        <v>55803</v>
      </c>
      <c r="L18932" s="5" t="s">
        <v>55802</v>
      </c>
      <c r="M18932" s="2" t="s">
        <v>55803</v>
      </c>
      <c r="N18932" s="5" t="s">
        <v>733</v>
      </c>
      <c r="O18932" s="5" t="s">
        <v>38</v>
      </c>
      <c r="P18932" s="5" t="s">
        <v>39</v>
      </c>
      <c r="Q18932" s="5" t="s">
        <v>40</v>
      </c>
      <c r="R18932" s="5" t="s">
        <v>897</v>
      </c>
      <c r="S18932" s="5" t="s">
        <v>40</v>
      </c>
      <c r="T18932" s="5" t="s">
        <v>42</v>
      </c>
      <c r="U18932" s="2">
        <v>55.505000000000003</v>
      </c>
      <c r="V18932" s="2">
        <v>51.854999999999997</v>
      </c>
      <c r="W18932" s="2">
        <v>0.217</v>
      </c>
      <c r="X18932" s="2">
        <v>17</v>
      </c>
      <c r="Y18932" s="2">
        <v>96.9</v>
      </c>
      <c r="Z18932" s="2">
        <v>131.6</v>
      </c>
      <c r="AA18932" s="5">
        <v>7</v>
      </c>
      <c r="AB18932" s="5" t="s">
        <v>43</v>
      </c>
      <c r="AC18932" s="5" t="s">
        <v>735</v>
      </c>
      <c r="AD18932" s="2" t="s">
        <v>58834</v>
      </c>
      <c r="AE18932" s="1"/>
    </row>
    <row r="18933" spans="1:31" ht="14.45">
      <c r="A18933" s="11"/>
      <c r="B18933" s="20"/>
      <c r="C18933" s="2" t="s">
        <v>58835</v>
      </c>
      <c r="D18933" s="14" t="s">
        <v>58836</v>
      </c>
      <c r="E18933" s="2" t="s">
        <v>58837</v>
      </c>
      <c r="F18933" s="2" t="s">
        <v>58838</v>
      </c>
      <c r="G18933" s="8">
        <v>1329</v>
      </c>
      <c r="H18933" s="5">
        <v>10</v>
      </c>
      <c r="I18933" s="5" t="s">
        <v>69</v>
      </c>
      <c r="J18933" s="5" t="s">
        <v>55802</v>
      </c>
      <c r="K18933" s="2" t="s">
        <v>55803</v>
      </c>
      <c r="L18933" s="5" t="s">
        <v>55802</v>
      </c>
      <c r="M18933" s="2" t="s">
        <v>55803</v>
      </c>
      <c r="N18933" s="5" t="s">
        <v>733</v>
      </c>
      <c r="O18933" s="5" t="s">
        <v>38</v>
      </c>
      <c r="P18933" s="5" t="s">
        <v>39</v>
      </c>
      <c r="Q18933" s="5" t="s">
        <v>40</v>
      </c>
      <c r="R18933" s="5" t="s">
        <v>897</v>
      </c>
      <c r="S18933" s="5" t="s">
        <v>40</v>
      </c>
      <c r="T18933" s="5" t="s">
        <v>42</v>
      </c>
      <c r="U18933" s="2">
        <v>55.314999999999998</v>
      </c>
      <c r="V18933" s="2">
        <v>51.773000000000003</v>
      </c>
      <c r="W18933" s="2">
        <v>0.217</v>
      </c>
      <c r="X18933" s="2">
        <v>17</v>
      </c>
      <c r="Y18933" s="2">
        <v>96.9</v>
      </c>
      <c r="Z18933" s="2">
        <v>131.6</v>
      </c>
      <c r="AA18933" s="5">
        <v>7</v>
      </c>
      <c r="AB18933" s="5" t="s">
        <v>43</v>
      </c>
      <c r="AC18933" s="5" t="s">
        <v>735</v>
      </c>
      <c r="AD18933" s="2" t="s">
        <v>58839</v>
      </c>
      <c r="AE18933" s="1"/>
    </row>
    <row r="18934" spans="1:31" ht="14.45">
      <c r="A18934" s="11"/>
      <c r="B18934" s="20"/>
      <c r="C18934" s="2" t="s">
        <v>58840</v>
      </c>
      <c r="D18934" s="14" t="s">
        <v>58841</v>
      </c>
      <c r="E18934" s="2" t="s">
        <v>58842</v>
      </c>
      <c r="F18934" s="2" t="s">
        <v>58843</v>
      </c>
      <c r="G18934" s="8">
        <v>1119</v>
      </c>
      <c r="H18934" s="5">
        <v>10</v>
      </c>
      <c r="I18934" s="5" t="s">
        <v>69</v>
      </c>
      <c r="J18934" s="5" t="s">
        <v>55802</v>
      </c>
      <c r="K18934" s="2" t="s">
        <v>55803</v>
      </c>
      <c r="L18934" s="5" t="s">
        <v>55802</v>
      </c>
      <c r="M18934" s="2" t="s">
        <v>55803</v>
      </c>
      <c r="N18934" s="5" t="s">
        <v>733</v>
      </c>
      <c r="O18934" s="5" t="s">
        <v>38</v>
      </c>
      <c r="P18934" s="5" t="s">
        <v>39</v>
      </c>
      <c r="Q18934" s="5" t="s">
        <v>40</v>
      </c>
      <c r="R18934" s="5" t="s">
        <v>897</v>
      </c>
      <c r="S18934" s="5" t="s">
        <v>40</v>
      </c>
      <c r="T18934" s="5" t="s">
        <v>42</v>
      </c>
      <c r="U18934" s="2">
        <v>59.247</v>
      </c>
      <c r="V18934" s="2">
        <v>55.734000000000002</v>
      </c>
      <c r="W18934" s="2">
        <v>0.217</v>
      </c>
      <c r="X18934" s="2">
        <v>17</v>
      </c>
      <c r="Y18934" s="2">
        <v>96.9</v>
      </c>
      <c r="Z18934" s="2">
        <v>131.6</v>
      </c>
      <c r="AA18934" s="5">
        <v>7</v>
      </c>
      <c r="AB18934" s="5" t="s">
        <v>43</v>
      </c>
      <c r="AC18934" s="5" t="s">
        <v>735</v>
      </c>
      <c r="AD18934" s="2" t="s">
        <v>58844</v>
      </c>
      <c r="AE18934" s="1"/>
    </row>
    <row r="18935" spans="1:31" ht="14.45">
      <c r="A18935" s="11"/>
      <c r="B18935" s="20"/>
      <c r="C18935" s="2" t="s">
        <v>58845</v>
      </c>
      <c r="D18935" s="14" t="s">
        <v>58846</v>
      </c>
      <c r="E18935" s="2" t="s">
        <v>58847</v>
      </c>
      <c r="F18935" s="2" t="s">
        <v>58848</v>
      </c>
      <c r="G18935" s="8">
        <v>1419</v>
      </c>
      <c r="H18935" s="5">
        <v>10</v>
      </c>
      <c r="I18935" s="5" t="s">
        <v>69</v>
      </c>
      <c r="J18935" s="5" t="s">
        <v>55802</v>
      </c>
      <c r="K18935" s="2" t="s">
        <v>55803</v>
      </c>
      <c r="L18935" s="5" t="s">
        <v>55802</v>
      </c>
      <c r="M18935" s="2" t="s">
        <v>55803</v>
      </c>
      <c r="N18935" s="5" t="s">
        <v>733</v>
      </c>
      <c r="O18935" s="5" t="s">
        <v>38</v>
      </c>
      <c r="P18935" s="5" t="s">
        <v>39</v>
      </c>
      <c r="Q18935" s="5" t="s">
        <v>40</v>
      </c>
      <c r="R18935" s="5" t="s">
        <v>897</v>
      </c>
      <c r="S18935" s="5" t="s">
        <v>40</v>
      </c>
      <c r="T18935" s="5" t="s">
        <v>42</v>
      </c>
      <c r="U18935" s="2">
        <v>61.015999999999998</v>
      </c>
      <c r="V18935" s="2">
        <v>57.366</v>
      </c>
      <c r="W18935" s="2">
        <v>0.217</v>
      </c>
      <c r="X18935" s="2">
        <v>17</v>
      </c>
      <c r="Y18935" s="2">
        <v>96.9</v>
      </c>
      <c r="Z18935" s="2">
        <v>131.6</v>
      </c>
      <c r="AA18935" s="5">
        <v>7</v>
      </c>
      <c r="AB18935" s="5" t="s">
        <v>43</v>
      </c>
      <c r="AC18935" s="5" t="s">
        <v>735</v>
      </c>
      <c r="AD18935" s="2" t="s">
        <v>58849</v>
      </c>
      <c r="AE18935" s="1"/>
    </row>
    <row r="18936" spans="1:31" ht="14.45">
      <c r="A18936" s="11"/>
      <c r="B18936" s="20"/>
      <c r="C18936" s="2" t="s">
        <v>58850</v>
      </c>
      <c r="D18936" s="14" t="s">
        <v>58851</v>
      </c>
      <c r="E18936" s="2" t="s">
        <v>58852</v>
      </c>
      <c r="F18936" s="2" t="s">
        <v>58853</v>
      </c>
      <c r="G18936" s="8">
        <v>961</v>
      </c>
      <c r="H18936" s="5">
        <v>10</v>
      </c>
      <c r="I18936" s="5" t="s">
        <v>69</v>
      </c>
      <c r="J18936" s="5" t="s">
        <v>55802</v>
      </c>
      <c r="K18936" s="2" t="s">
        <v>55803</v>
      </c>
      <c r="L18936" s="5" t="s">
        <v>55802</v>
      </c>
      <c r="M18936" s="2" t="s">
        <v>55803</v>
      </c>
      <c r="N18936" s="5" t="s">
        <v>733</v>
      </c>
      <c r="O18936" s="5" t="s">
        <v>38</v>
      </c>
      <c r="P18936" s="5" t="s">
        <v>39</v>
      </c>
      <c r="Q18936" s="5" t="s">
        <v>40</v>
      </c>
      <c r="R18936" s="5" t="s">
        <v>897</v>
      </c>
      <c r="S18936" s="5" t="s">
        <v>40</v>
      </c>
      <c r="T18936" s="5" t="s">
        <v>42</v>
      </c>
      <c r="U18936" s="2">
        <v>51.514000000000003</v>
      </c>
      <c r="V18936" s="2">
        <v>48.000999999999998</v>
      </c>
      <c r="W18936" s="2">
        <v>0.217</v>
      </c>
      <c r="X18936" s="2">
        <v>17</v>
      </c>
      <c r="Y18936" s="2">
        <v>96.9</v>
      </c>
      <c r="Z18936" s="2">
        <v>131.6</v>
      </c>
      <c r="AA18936" s="5">
        <v>7</v>
      </c>
      <c r="AB18936" s="5" t="s">
        <v>43</v>
      </c>
      <c r="AC18936" s="5" t="s">
        <v>735</v>
      </c>
      <c r="AD18936" s="2" t="s">
        <v>58854</v>
      </c>
      <c r="AE18936" s="1"/>
    </row>
    <row r="18937" spans="1:31" ht="14.45">
      <c r="A18937" s="11"/>
      <c r="B18937" s="20"/>
      <c r="C18937" s="2" t="s">
        <v>58855</v>
      </c>
      <c r="D18937" s="14" t="s">
        <v>58856</v>
      </c>
      <c r="E18937" s="2" t="s">
        <v>58857</v>
      </c>
      <c r="F18937" s="2" t="s">
        <v>58858</v>
      </c>
      <c r="G18937" s="8">
        <v>1261</v>
      </c>
      <c r="H18937" s="5">
        <v>10</v>
      </c>
      <c r="I18937" s="5" t="s">
        <v>69</v>
      </c>
      <c r="J18937" s="5" t="s">
        <v>55802</v>
      </c>
      <c r="K18937" s="2" t="s">
        <v>55803</v>
      </c>
      <c r="L18937" s="5" t="s">
        <v>55802</v>
      </c>
      <c r="M18937" s="2" t="s">
        <v>55803</v>
      </c>
      <c r="N18937" s="5" t="s">
        <v>733</v>
      </c>
      <c r="O18937" s="5" t="s">
        <v>38</v>
      </c>
      <c r="P18937" s="5" t="s">
        <v>39</v>
      </c>
      <c r="Q18937" s="5" t="s">
        <v>40</v>
      </c>
      <c r="R18937" s="5" t="s">
        <v>897</v>
      </c>
      <c r="S18937" s="5" t="s">
        <v>40</v>
      </c>
      <c r="T18937" s="5" t="s">
        <v>42</v>
      </c>
      <c r="U18937" s="2">
        <v>53.027999999999999</v>
      </c>
      <c r="V18937" s="2">
        <v>49.378</v>
      </c>
      <c r="W18937" s="2">
        <v>0.217</v>
      </c>
      <c r="X18937" s="2">
        <v>17</v>
      </c>
      <c r="Y18937" s="2">
        <v>96.9</v>
      </c>
      <c r="Z18937" s="2">
        <v>131.6</v>
      </c>
      <c r="AA18937" s="5">
        <v>7</v>
      </c>
      <c r="AB18937" s="5" t="s">
        <v>43</v>
      </c>
      <c r="AC18937" s="5" t="s">
        <v>735</v>
      </c>
      <c r="AD18937" s="2" t="s">
        <v>58859</v>
      </c>
      <c r="AE18937" s="1"/>
    </row>
    <row r="18938" spans="1:31" ht="14.45">
      <c r="A18938" s="11"/>
      <c r="B18938" s="20"/>
      <c r="C18938" s="2" t="s">
        <v>58860</v>
      </c>
      <c r="D18938" s="14" t="s">
        <v>58861</v>
      </c>
      <c r="E18938" s="2" t="s">
        <v>58862</v>
      </c>
      <c r="F18938" s="2" t="s">
        <v>58858</v>
      </c>
      <c r="G18938" s="8">
        <v>1508</v>
      </c>
      <c r="H18938" s="5">
        <v>10</v>
      </c>
      <c r="I18938" s="5" t="s">
        <v>69</v>
      </c>
      <c r="J18938" s="5" t="s">
        <v>55802</v>
      </c>
      <c r="K18938" s="2" t="s">
        <v>55803</v>
      </c>
      <c r="L18938" s="5" t="s">
        <v>55802</v>
      </c>
      <c r="M18938" s="2" t="s">
        <v>55803</v>
      </c>
      <c r="N18938" s="5" t="s">
        <v>733</v>
      </c>
      <c r="O18938" s="5" t="s">
        <v>38</v>
      </c>
      <c r="P18938" s="5" t="s">
        <v>39</v>
      </c>
      <c r="Q18938" s="5" t="s">
        <v>40</v>
      </c>
      <c r="R18938" s="5" t="s">
        <v>897</v>
      </c>
      <c r="S18938" s="5" t="s">
        <v>40</v>
      </c>
      <c r="T18938" s="5" t="s">
        <v>42</v>
      </c>
      <c r="U18938" s="2">
        <v>53.783999999999999</v>
      </c>
      <c r="V18938" s="2">
        <v>50.220999999999997</v>
      </c>
      <c r="W18938" s="2">
        <v>0.217</v>
      </c>
      <c r="X18938" s="2">
        <v>17</v>
      </c>
      <c r="Y18938" s="2">
        <v>96.9</v>
      </c>
      <c r="Z18938" s="2">
        <v>131.6</v>
      </c>
      <c r="AA18938" s="5">
        <v>7</v>
      </c>
      <c r="AB18938" s="5" t="s">
        <v>43</v>
      </c>
      <c r="AC18938" s="5" t="s">
        <v>735</v>
      </c>
      <c r="AD18938" s="2" t="s">
        <v>58863</v>
      </c>
      <c r="AE18938" s="1"/>
    </row>
    <row r="18939" spans="1:31" ht="14.45">
      <c r="A18939" s="11"/>
      <c r="B18939" s="20"/>
      <c r="C18939" s="2" t="s">
        <v>58864</v>
      </c>
      <c r="D18939" s="14" t="s">
        <v>58865</v>
      </c>
      <c r="E18939" s="2" t="s">
        <v>58866</v>
      </c>
      <c r="F18939" s="2" t="s">
        <v>58867</v>
      </c>
      <c r="G18939" s="8">
        <v>1119</v>
      </c>
      <c r="H18939" s="5">
        <v>10</v>
      </c>
      <c r="I18939" s="5" t="s">
        <v>69</v>
      </c>
      <c r="J18939" s="5" t="s">
        <v>55802</v>
      </c>
      <c r="K18939" s="2" t="s">
        <v>55803</v>
      </c>
      <c r="L18939" s="5" t="s">
        <v>55802</v>
      </c>
      <c r="M18939" s="2" t="s">
        <v>55803</v>
      </c>
      <c r="N18939" s="5" t="s">
        <v>733</v>
      </c>
      <c r="O18939" s="5" t="s">
        <v>38</v>
      </c>
      <c r="P18939" s="5" t="s">
        <v>39</v>
      </c>
      <c r="Q18939" s="5" t="s">
        <v>40</v>
      </c>
      <c r="R18939" s="5" t="s">
        <v>897</v>
      </c>
      <c r="S18939" s="5" t="s">
        <v>40</v>
      </c>
      <c r="T18939" s="5" t="s">
        <v>42</v>
      </c>
      <c r="U18939" s="2">
        <v>50.938000000000002</v>
      </c>
      <c r="V18939" s="2">
        <v>47.42</v>
      </c>
      <c r="W18939" s="2">
        <v>0.217</v>
      </c>
      <c r="X18939" s="2">
        <v>17</v>
      </c>
      <c r="Y18939" s="2">
        <v>96.9</v>
      </c>
      <c r="Z18939" s="2">
        <v>131.6</v>
      </c>
      <c r="AA18939" s="5">
        <v>7</v>
      </c>
      <c r="AB18939" s="5" t="s">
        <v>43</v>
      </c>
      <c r="AC18939" s="5" t="s">
        <v>735</v>
      </c>
      <c r="AD18939" s="2" t="s">
        <v>58868</v>
      </c>
      <c r="AE18939" s="1"/>
    </row>
    <row r="18940" spans="1:31" ht="14.45">
      <c r="A18940" s="11"/>
      <c r="B18940" s="20"/>
      <c r="C18940" s="2" t="s">
        <v>58869</v>
      </c>
      <c r="D18940" s="14" t="s">
        <v>58870</v>
      </c>
      <c r="E18940" s="2" t="s">
        <v>58871</v>
      </c>
      <c r="F18940" s="2" t="s">
        <v>58867</v>
      </c>
      <c r="G18940" s="8">
        <v>1419</v>
      </c>
      <c r="H18940" s="5">
        <v>10</v>
      </c>
      <c r="I18940" s="5" t="s">
        <v>69</v>
      </c>
      <c r="J18940" s="5" t="s">
        <v>55802</v>
      </c>
      <c r="K18940" s="2" t="s">
        <v>55803</v>
      </c>
      <c r="L18940" s="5" t="s">
        <v>55802</v>
      </c>
      <c r="M18940" s="2" t="s">
        <v>55803</v>
      </c>
      <c r="N18940" s="5" t="s">
        <v>733</v>
      </c>
      <c r="O18940" s="5" t="s">
        <v>38</v>
      </c>
      <c r="P18940" s="5" t="s">
        <v>39</v>
      </c>
      <c r="Q18940" s="5" t="s">
        <v>40</v>
      </c>
      <c r="R18940" s="5" t="s">
        <v>897</v>
      </c>
      <c r="S18940" s="5" t="s">
        <v>40</v>
      </c>
      <c r="T18940" s="5" t="s">
        <v>42</v>
      </c>
      <c r="U18940" s="2">
        <v>52.851999999999997</v>
      </c>
      <c r="V18940" s="2">
        <v>49.201999999999998</v>
      </c>
      <c r="W18940" s="2">
        <v>0.217</v>
      </c>
      <c r="X18940" s="2">
        <v>17</v>
      </c>
      <c r="Y18940" s="2">
        <v>96.9</v>
      </c>
      <c r="Z18940" s="2">
        <v>131.6</v>
      </c>
      <c r="AA18940" s="5">
        <v>7</v>
      </c>
      <c r="AB18940" s="5" t="s">
        <v>43</v>
      </c>
      <c r="AC18940" s="5" t="s">
        <v>735</v>
      </c>
      <c r="AD18940" s="2" t="s">
        <v>58872</v>
      </c>
      <c r="AE18940" s="1"/>
    </row>
    <row r="18941" spans="1:31" ht="14.45">
      <c r="A18941" s="11"/>
      <c r="B18941" s="20"/>
      <c r="C18941" s="2" t="s">
        <v>58873</v>
      </c>
      <c r="D18941" s="14" t="s">
        <v>58874</v>
      </c>
      <c r="E18941" s="2" t="s">
        <v>58875</v>
      </c>
      <c r="F18941" s="2" t="s">
        <v>58867</v>
      </c>
      <c r="G18941" s="8">
        <v>1419</v>
      </c>
      <c r="H18941" s="5">
        <v>10</v>
      </c>
      <c r="I18941" s="5" t="s">
        <v>69</v>
      </c>
      <c r="J18941" s="5" t="s">
        <v>55802</v>
      </c>
      <c r="K18941" s="2" t="s">
        <v>55803</v>
      </c>
      <c r="L18941" s="5" t="s">
        <v>55802</v>
      </c>
      <c r="M18941" s="2" t="s">
        <v>55803</v>
      </c>
      <c r="N18941" s="5" t="s">
        <v>733</v>
      </c>
      <c r="O18941" s="5" t="s">
        <v>38</v>
      </c>
      <c r="P18941" s="5" t="s">
        <v>39</v>
      </c>
      <c r="Q18941" s="5" t="s">
        <v>40</v>
      </c>
      <c r="R18941" s="5" t="s">
        <v>897</v>
      </c>
      <c r="S18941" s="5" t="s">
        <v>40</v>
      </c>
      <c r="T18941" s="5" t="s">
        <v>42</v>
      </c>
      <c r="U18941" s="2">
        <v>53.142000000000003</v>
      </c>
      <c r="V18941" s="2">
        <v>49.405999999999999</v>
      </c>
      <c r="W18941" s="2">
        <v>0.217</v>
      </c>
      <c r="X18941" s="2">
        <v>17</v>
      </c>
      <c r="Y18941" s="2">
        <v>96.9</v>
      </c>
      <c r="Z18941" s="2">
        <v>131.6</v>
      </c>
      <c r="AA18941" s="5">
        <v>7</v>
      </c>
      <c r="AB18941" s="5" t="s">
        <v>43</v>
      </c>
      <c r="AC18941" s="5" t="s">
        <v>735</v>
      </c>
      <c r="AD18941" s="2" t="s">
        <v>58876</v>
      </c>
      <c r="AE18941" s="1"/>
    </row>
    <row r="18942" spans="1:31" ht="14.45">
      <c r="A18942" s="11"/>
      <c r="B18942" s="20"/>
      <c r="C18942" s="2" t="s">
        <v>58877</v>
      </c>
      <c r="D18942" s="14" t="s">
        <v>58878</v>
      </c>
      <c r="E18942" s="2" t="s">
        <v>58879</v>
      </c>
      <c r="F18942" s="2" t="s">
        <v>58880</v>
      </c>
      <c r="G18942" s="8">
        <v>809</v>
      </c>
      <c r="H18942" s="5">
        <v>10</v>
      </c>
      <c r="I18942" s="5" t="s">
        <v>69</v>
      </c>
      <c r="J18942" s="5" t="s">
        <v>55802</v>
      </c>
      <c r="K18942" s="2" t="s">
        <v>55803</v>
      </c>
      <c r="L18942" s="5" t="s">
        <v>55802</v>
      </c>
      <c r="M18942" s="2" t="s">
        <v>55803</v>
      </c>
      <c r="N18942" s="5" t="s">
        <v>733</v>
      </c>
      <c r="O18942" s="5" t="s">
        <v>38</v>
      </c>
      <c r="P18942" s="5" t="s">
        <v>39</v>
      </c>
      <c r="Q18942" s="5" t="s">
        <v>40</v>
      </c>
      <c r="R18942" s="5" t="s">
        <v>897</v>
      </c>
      <c r="S18942" s="5" t="s">
        <v>40</v>
      </c>
      <c r="T18942" s="5" t="s">
        <v>42</v>
      </c>
      <c r="U18942" s="2">
        <v>51.161000000000001</v>
      </c>
      <c r="V18942" s="2">
        <v>47.643000000000001</v>
      </c>
      <c r="W18942" s="2">
        <v>0.217</v>
      </c>
      <c r="X18942" s="2">
        <v>17</v>
      </c>
      <c r="Y18942" s="2">
        <v>96.9</v>
      </c>
      <c r="Z18942" s="2">
        <v>131.6</v>
      </c>
      <c r="AA18942" s="5">
        <v>7</v>
      </c>
      <c r="AB18942" s="5" t="s">
        <v>43</v>
      </c>
      <c r="AC18942" s="5" t="s">
        <v>735</v>
      </c>
      <c r="AD18942" s="2" t="s">
        <v>58881</v>
      </c>
      <c r="AE18942" s="1"/>
    </row>
    <row r="18943" spans="1:31" ht="14.45">
      <c r="A18943" s="11"/>
      <c r="B18943" s="20"/>
      <c r="C18943" s="2" t="s">
        <v>58882</v>
      </c>
      <c r="D18943" s="14" t="s">
        <v>58883</v>
      </c>
      <c r="E18943" s="2" t="s">
        <v>58884</v>
      </c>
      <c r="F18943" s="2" t="s">
        <v>58880</v>
      </c>
      <c r="G18943" s="8">
        <v>1109</v>
      </c>
      <c r="H18943" s="5">
        <v>10</v>
      </c>
      <c r="I18943" s="5" t="s">
        <v>69</v>
      </c>
      <c r="J18943" s="5" t="s">
        <v>55802</v>
      </c>
      <c r="K18943" s="2" t="s">
        <v>55803</v>
      </c>
      <c r="L18943" s="5" t="s">
        <v>55802</v>
      </c>
      <c r="M18943" s="2" t="s">
        <v>55803</v>
      </c>
      <c r="N18943" s="5" t="s">
        <v>733</v>
      </c>
      <c r="O18943" s="5" t="s">
        <v>38</v>
      </c>
      <c r="P18943" s="5" t="s">
        <v>39</v>
      </c>
      <c r="Q18943" s="5" t="s">
        <v>40</v>
      </c>
      <c r="R18943" s="5" t="s">
        <v>897</v>
      </c>
      <c r="S18943" s="5" t="s">
        <v>40</v>
      </c>
      <c r="T18943" s="5" t="s">
        <v>42</v>
      </c>
      <c r="U18943" s="2">
        <v>53.075000000000003</v>
      </c>
      <c r="V18943" s="2">
        <v>49.424999999999997</v>
      </c>
      <c r="W18943" s="2">
        <v>0.217</v>
      </c>
      <c r="X18943" s="2">
        <v>17</v>
      </c>
      <c r="Y18943" s="2">
        <v>96.9</v>
      </c>
      <c r="Z18943" s="2">
        <v>131.6</v>
      </c>
      <c r="AA18943" s="5">
        <v>7</v>
      </c>
      <c r="AB18943" s="5" t="s">
        <v>43</v>
      </c>
      <c r="AC18943" s="5" t="s">
        <v>735</v>
      </c>
      <c r="AD18943" s="2" t="s">
        <v>58885</v>
      </c>
      <c r="AE18943" s="1"/>
    </row>
    <row r="18944" spans="1:31" ht="14.45">
      <c r="A18944" s="11"/>
      <c r="B18944" s="20"/>
      <c r="C18944" s="2" t="s">
        <v>58886</v>
      </c>
      <c r="D18944" s="14" t="s">
        <v>58887</v>
      </c>
      <c r="E18944" s="2" t="s">
        <v>58888</v>
      </c>
      <c r="F18944" s="2" t="s">
        <v>58880</v>
      </c>
      <c r="G18944" s="8">
        <v>1109</v>
      </c>
      <c r="H18944" s="5">
        <v>10</v>
      </c>
      <c r="I18944" s="5" t="s">
        <v>69</v>
      </c>
      <c r="J18944" s="5" t="s">
        <v>55802</v>
      </c>
      <c r="K18944" s="2" t="s">
        <v>55803</v>
      </c>
      <c r="L18944" s="5" t="s">
        <v>55802</v>
      </c>
      <c r="M18944" s="2" t="s">
        <v>55803</v>
      </c>
      <c r="N18944" s="5" t="s">
        <v>733</v>
      </c>
      <c r="O18944" s="5" t="s">
        <v>38</v>
      </c>
      <c r="P18944" s="5" t="s">
        <v>39</v>
      </c>
      <c r="Q18944" s="5" t="s">
        <v>40</v>
      </c>
      <c r="R18944" s="5" t="s">
        <v>897</v>
      </c>
      <c r="S18944" s="5" t="s">
        <v>40</v>
      </c>
      <c r="T18944" s="5" t="s">
        <v>42</v>
      </c>
      <c r="U18944" s="2">
        <v>53.348999999999997</v>
      </c>
      <c r="V18944" s="2">
        <v>49.613</v>
      </c>
      <c r="W18944" s="2">
        <v>0.217</v>
      </c>
      <c r="X18944" s="2">
        <v>17</v>
      </c>
      <c r="Y18944" s="2">
        <v>96.9</v>
      </c>
      <c r="Z18944" s="2">
        <v>131.6</v>
      </c>
      <c r="AA18944" s="5">
        <v>7</v>
      </c>
      <c r="AB18944" s="5" t="s">
        <v>43</v>
      </c>
      <c r="AC18944" s="5" t="s">
        <v>735</v>
      </c>
      <c r="AD18944" s="2" t="s">
        <v>58889</v>
      </c>
      <c r="AE18944" s="1"/>
    </row>
    <row r="18945" spans="1:31" ht="14.45">
      <c r="A18945" s="11"/>
      <c r="B18945" s="20"/>
      <c r="C18945" s="2" t="s">
        <v>58890</v>
      </c>
      <c r="D18945" s="14" t="s">
        <v>58891</v>
      </c>
      <c r="E18945" s="2" t="s">
        <v>58892</v>
      </c>
      <c r="F18945" s="2" t="s">
        <v>58893</v>
      </c>
      <c r="G18945" s="8">
        <v>617</v>
      </c>
      <c r="H18945" s="5">
        <v>5</v>
      </c>
      <c r="I18945" s="5" t="s">
        <v>69</v>
      </c>
      <c r="J18945" s="5" t="s">
        <v>55802</v>
      </c>
      <c r="K18945" s="2" t="s">
        <v>55803</v>
      </c>
      <c r="L18945" s="5" t="s">
        <v>55802</v>
      </c>
      <c r="M18945" s="2" t="s">
        <v>55803</v>
      </c>
      <c r="N18945" s="5" t="s">
        <v>733</v>
      </c>
      <c r="O18945" s="5" t="s">
        <v>38</v>
      </c>
      <c r="P18945" s="5" t="s">
        <v>39</v>
      </c>
      <c r="Q18945" s="5" t="s">
        <v>40</v>
      </c>
      <c r="R18945" s="5" t="s">
        <v>897</v>
      </c>
      <c r="S18945" s="5" t="s">
        <v>40</v>
      </c>
      <c r="T18945" s="5" t="s">
        <v>42</v>
      </c>
      <c r="U18945" s="2">
        <v>44.712000000000003</v>
      </c>
      <c r="V18945" s="2">
        <v>41.198999999999998</v>
      </c>
      <c r="W18945" s="2">
        <v>0.217</v>
      </c>
      <c r="X18945" s="2">
        <v>17</v>
      </c>
      <c r="Y18945" s="2">
        <v>96.9</v>
      </c>
      <c r="Z18945" s="2">
        <v>131.6</v>
      </c>
      <c r="AA18945" s="5">
        <v>7</v>
      </c>
      <c r="AB18945" s="5" t="s">
        <v>43</v>
      </c>
      <c r="AC18945" s="5" t="s">
        <v>735</v>
      </c>
      <c r="AD18945" s="2" t="s">
        <v>58894</v>
      </c>
      <c r="AE18945" s="1"/>
    </row>
    <row r="18946" spans="1:31" ht="14.45">
      <c r="A18946" s="11"/>
      <c r="B18946" s="20"/>
      <c r="C18946" s="2" t="s">
        <v>58895</v>
      </c>
      <c r="D18946" s="14" t="s">
        <v>58896</v>
      </c>
      <c r="E18946" s="2" t="s">
        <v>58897</v>
      </c>
      <c r="F18946" s="2" t="s">
        <v>58893</v>
      </c>
      <c r="G18946" s="8">
        <v>917</v>
      </c>
      <c r="H18946" s="5">
        <v>5</v>
      </c>
      <c r="I18946" s="5" t="s">
        <v>69</v>
      </c>
      <c r="J18946" s="5" t="s">
        <v>55802</v>
      </c>
      <c r="K18946" s="2" t="s">
        <v>55803</v>
      </c>
      <c r="L18946" s="5" t="s">
        <v>55802</v>
      </c>
      <c r="M18946" s="2" t="s">
        <v>55803</v>
      </c>
      <c r="N18946" s="5" t="s">
        <v>733</v>
      </c>
      <c r="O18946" s="5" t="s">
        <v>38</v>
      </c>
      <c r="P18946" s="5" t="s">
        <v>39</v>
      </c>
      <c r="Q18946" s="5" t="s">
        <v>40</v>
      </c>
      <c r="R18946" s="5" t="s">
        <v>897</v>
      </c>
      <c r="S18946" s="5" t="s">
        <v>40</v>
      </c>
      <c r="T18946" s="5" t="s">
        <v>42</v>
      </c>
      <c r="U18946" s="2">
        <v>46.622</v>
      </c>
      <c r="V18946" s="2">
        <v>42.969000000000001</v>
      </c>
      <c r="W18946" s="2">
        <v>0.217</v>
      </c>
      <c r="X18946" s="2">
        <v>17</v>
      </c>
      <c r="Y18946" s="2">
        <v>96.9</v>
      </c>
      <c r="Z18946" s="2">
        <v>131.6</v>
      </c>
      <c r="AA18946" s="5">
        <v>7</v>
      </c>
      <c r="AB18946" s="5" t="s">
        <v>43</v>
      </c>
      <c r="AC18946" s="5" t="s">
        <v>735</v>
      </c>
      <c r="AD18946" s="2" t="s">
        <v>58898</v>
      </c>
      <c r="AE18946" s="1"/>
    </row>
    <row r="18947" spans="1:31" ht="14.45">
      <c r="A18947" s="11"/>
      <c r="B18947" s="20"/>
      <c r="C18947" s="2" t="s">
        <v>58899</v>
      </c>
      <c r="D18947" s="14" t="s">
        <v>58900</v>
      </c>
      <c r="E18947" s="2" t="s">
        <v>58901</v>
      </c>
      <c r="F18947" s="2" t="s">
        <v>58893</v>
      </c>
      <c r="G18947" s="8">
        <v>917</v>
      </c>
      <c r="H18947" s="5">
        <v>10</v>
      </c>
      <c r="I18947" s="5" t="s">
        <v>69</v>
      </c>
      <c r="J18947" s="5" t="s">
        <v>55802</v>
      </c>
      <c r="K18947" s="2" t="s">
        <v>55803</v>
      </c>
      <c r="L18947" s="5" t="s">
        <v>55802</v>
      </c>
      <c r="M18947" s="2" t="s">
        <v>55803</v>
      </c>
      <c r="N18947" s="5" t="s">
        <v>733</v>
      </c>
      <c r="O18947" s="5" t="s">
        <v>38</v>
      </c>
      <c r="P18947" s="5" t="s">
        <v>39</v>
      </c>
      <c r="Q18947" s="5" t="s">
        <v>40</v>
      </c>
      <c r="R18947" s="5" t="s">
        <v>897</v>
      </c>
      <c r="S18947" s="5" t="s">
        <v>40</v>
      </c>
      <c r="T18947" s="5" t="s">
        <v>42</v>
      </c>
      <c r="U18947" s="2">
        <v>46.472999999999999</v>
      </c>
      <c r="V18947" s="2">
        <v>42.725000000000001</v>
      </c>
      <c r="W18947" s="2">
        <v>0.217</v>
      </c>
      <c r="X18947" s="2">
        <v>17</v>
      </c>
      <c r="Y18947" s="2">
        <v>96.9</v>
      </c>
      <c r="Z18947" s="2">
        <v>131.6</v>
      </c>
      <c r="AA18947" s="5">
        <v>7</v>
      </c>
      <c r="AB18947" s="5" t="s">
        <v>43</v>
      </c>
      <c r="AC18947" s="5" t="s">
        <v>735</v>
      </c>
      <c r="AD18947" s="2" t="s">
        <v>58902</v>
      </c>
      <c r="AE18947" s="1"/>
    </row>
    <row r="18948" spans="1:31" ht="14.45">
      <c r="A18948" s="11"/>
      <c r="B18948" s="20"/>
      <c r="C18948" s="2" t="s">
        <v>58903</v>
      </c>
      <c r="D18948" s="14" t="s">
        <v>58904</v>
      </c>
      <c r="E18948" s="2" t="s">
        <v>58905</v>
      </c>
      <c r="F18948" s="2" t="s">
        <v>58893</v>
      </c>
      <c r="G18948" s="8">
        <v>1164</v>
      </c>
      <c r="H18948" s="5">
        <v>10</v>
      </c>
      <c r="I18948" s="5" t="s">
        <v>69</v>
      </c>
      <c r="J18948" s="5" t="s">
        <v>55802</v>
      </c>
      <c r="K18948" s="2" t="s">
        <v>55803</v>
      </c>
      <c r="L18948" s="5" t="s">
        <v>55802</v>
      </c>
      <c r="M18948" s="2" t="s">
        <v>55803</v>
      </c>
      <c r="N18948" s="5" t="s">
        <v>733</v>
      </c>
      <c r="O18948" s="5" t="s">
        <v>38</v>
      </c>
      <c r="P18948" s="5" t="s">
        <v>39</v>
      </c>
      <c r="Q18948" s="5" t="s">
        <v>40</v>
      </c>
      <c r="R18948" s="5" t="s">
        <v>897</v>
      </c>
      <c r="S18948" s="5" t="s">
        <v>40</v>
      </c>
      <c r="T18948" s="5" t="s">
        <v>42</v>
      </c>
      <c r="U18948" s="2">
        <v>46.994</v>
      </c>
      <c r="V18948" s="2">
        <v>43.418999999999997</v>
      </c>
      <c r="W18948" s="2">
        <v>0.217</v>
      </c>
      <c r="X18948" s="2">
        <v>17</v>
      </c>
      <c r="Y18948" s="2">
        <v>96.9</v>
      </c>
      <c r="Z18948" s="2">
        <v>131.6</v>
      </c>
      <c r="AA18948" s="5">
        <v>7</v>
      </c>
      <c r="AB18948" s="5" t="s">
        <v>43</v>
      </c>
      <c r="AC18948" s="5" t="s">
        <v>735</v>
      </c>
      <c r="AD18948" s="2" t="s">
        <v>58906</v>
      </c>
      <c r="AE18948" s="1"/>
    </row>
    <row r="18949" spans="1:31" ht="14.45">
      <c r="A18949" s="11"/>
      <c r="B18949" s="20"/>
      <c r="C18949" s="2" t="s">
        <v>58907</v>
      </c>
      <c r="D18949" s="14" t="s">
        <v>58908</v>
      </c>
      <c r="E18949" s="2" t="s">
        <v>58909</v>
      </c>
      <c r="F18949" s="2" t="s">
        <v>58910</v>
      </c>
      <c r="G18949" s="8">
        <v>861</v>
      </c>
      <c r="H18949" s="5">
        <v>5</v>
      </c>
      <c r="I18949" s="5" t="s">
        <v>69</v>
      </c>
      <c r="J18949" s="5" t="s">
        <v>55802</v>
      </c>
      <c r="K18949" s="2" t="s">
        <v>55803</v>
      </c>
      <c r="L18949" s="5" t="s">
        <v>55802</v>
      </c>
      <c r="M18949" s="2" t="s">
        <v>55803</v>
      </c>
      <c r="N18949" s="5" t="s">
        <v>733</v>
      </c>
      <c r="O18949" s="5" t="s">
        <v>38</v>
      </c>
      <c r="P18949" s="5" t="s">
        <v>39</v>
      </c>
      <c r="Q18949" s="5" t="s">
        <v>40</v>
      </c>
      <c r="R18949" s="5" t="s">
        <v>897</v>
      </c>
      <c r="S18949" s="5" t="s">
        <v>40</v>
      </c>
      <c r="T18949" s="5" t="s">
        <v>42</v>
      </c>
      <c r="U18949" s="2">
        <v>51.073</v>
      </c>
      <c r="V18949" s="2">
        <v>47.555</v>
      </c>
      <c r="W18949" s="2">
        <v>0.217</v>
      </c>
      <c r="X18949" s="2">
        <v>17</v>
      </c>
      <c r="Y18949" s="2">
        <v>96.9</v>
      </c>
      <c r="Z18949" s="2">
        <v>131.6</v>
      </c>
      <c r="AA18949" s="5">
        <v>7</v>
      </c>
      <c r="AB18949" s="5" t="s">
        <v>43</v>
      </c>
      <c r="AC18949" s="5" t="s">
        <v>735</v>
      </c>
      <c r="AD18949" s="2" t="s">
        <v>58911</v>
      </c>
      <c r="AE18949" s="1"/>
    </row>
    <row r="18950" spans="1:31" ht="14.45">
      <c r="A18950" s="11"/>
      <c r="B18950" s="20"/>
      <c r="C18950" s="2" t="s">
        <v>58912</v>
      </c>
      <c r="D18950" s="14" t="s">
        <v>58913</v>
      </c>
      <c r="E18950" s="2" t="s">
        <v>58914</v>
      </c>
      <c r="F18950" s="2" t="s">
        <v>58910</v>
      </c>
      <c r="G18950" s="8">
        <v>1161</v>
      </c>
      <c r="H18950" s="5">
        <v>5</v>
      </c>
      <c r="I18950" s="5" t="s">
        <v>69</v>
      </c>
      <c r="J18950" s="5" t="s">
        <v>55802</v>
      </c>
      <c r="K18950" s="2" t="s">
        <v>55803</v>
      </c>
      <c r="L18950" s="5" t="s">
        <v>55802</v>
      </c>
      <c r="M18950" s="2" t="s">
        <v>55803</v>
      </c>
      <c r="N18950" s="5" t="s">
        <v>733</v>
      </c>
      <c r="O18950" s="5" t="s">
        <v>38</v>
      </c>
      <c r="P18950" s="5" t="s">
        <v>39</v>
      </c>
      <c r="Q18950" s="5" t="s">
        <v>40</v>
      </c>
      <c r="R18950" s="5" t="s">
        <v>897</v>
      </c>
      <c r="S18950" s="5" t="s">
        <v>40</v>
      </c>
      <c r="T18950" s="5" t="s">
        <v>42</v>
      </c>
      <c r="U18950" s="2">
        <v>52.987000000000002</v>
      </c>
      <c r="V18950" s="2">
        <v>49.337000000000003</v>
      </c>
      <c r="W18950" s="2">
        <v>0.217</v>
      </c>
      <c r="X18950" s="2">
        <v>17</v>
      </c>
      <c r="Y18950" s="2">
        <v>96.9</v>
      </c>
      <c r="Z18950" s="2">
        <v>131.6</v>
      </c>
      <c r="AA18950" s="5">
        <v>7</v>
      </c>
      <c r="AB18950" s="5" t="s">
        <v>43</v>
      </c>
      <c r="AC18950" s="5" t="s">
        <v>735</v>
      </c>
      <c r="AD18950" s="2" t="s">
        <v>58915</v>
      </c>
      <c r="AE18950" s="1"/>
    </row>
    <row r="18951" spans="1:31" ht="14.45">
      <c r="A18951" s="11"/>
      <c r="B18951" s="20"/>
      <c r="C18951" s="2" t="s">
        <v>58916</v>
      </c>
      <c r="D18951" s="14" t="s">
        <v>58917</v>
      </c>
      <c r="E18951" s="2" t="s">
        <v>58918</v>
      </c>
      <c r="F18951" s="2" t="s">
        <v>58910</v>
      </c>
      <c r="G18951" s="8">
        <v>1161</v>
      </c>
      <c r="H18951" s="5">
        <v>10</v>
      </c>
      <c r="I18951" s="5" t="s">
        <v>69</v>
      </c>
      <c r="J18951" s="5" t="s">
        <v>55802</v>
      </c>
      <c r="K18951" s="2" t="s">
        <v>55803</v>
      </c>
      <c r="L18951" s="5" t="s">
        <v>55802</v>
      </c>
      <c r="M18951" s="2" t="s">
        <v>55803</v>
      </c>
      <c r="N18951" s="5" t="s">
        <v>733</v>
      </c>
      <c r="O18951" s="5" t="s">
        <v>38</v>
      </c>
      <c r="P18951" s="5" t="s">
        <v>39</v>
      </c>
      <c r="Q18951" s="5" t="s">
        <v>40</v>
      </c>
      <c r="R18951" s="5" t="s">
        <v>897</v>
      </c>
      <c r="S18951" s="5" t="s">
        <v>40</v>
      </c>
      <c r="T18951" s="5" t="s">
        <v>42</v>
      </c>
      <c r="U18951" s="2">
        <v>53.261000000000003</v>
      </c>
      <c r="V18951" s="2">
        <v>49.524999999999999</v>
      </c>
      <c r="W18951" s="2">
        <v>0.217</v>
      </c>
      <c r="X18951" s="2">
        <v>17</v>
      </c>
      <c r="Y18951" s="2">
        <v>96.9</v>
      </c>
      <c r="Z18951" s="2">
        <v>131.6</v>
      </c>
      <c r="AA18951" s="5">
        <v>7</v>
      </c>
      <c r="AB18951" s="5" t="s">
        <v>43</v>
      </c>
      <c r="AC18951" s="5" t="s">
        <v>735</v>
      </c>
      <c r="AD18951" s="2" t="s">
        <v>58919</v>
      </c>
      <c r="AE18951" s="1"/>
    </row>
    <row r="18952" spans="1:31" ht="14.45">
      <c r="A18952" s="5"/>
      <c r="B18952" s="21"/>
      <c r="C18952" s="2" t="s">
        <v>58920</v>
      </c>
      <c r="D18952" s="14" t="s">
        <v>58921</v>
      </c>
      <c r="E18952" s="2" t="s">
        <v>58922</v>
      </c>
      <c r="F18952" s="2" t="s">
        <v>58923</v>
      </c>
      <c r="G18952" s="8">
        <v>1408</v>
      </c>
      <c r="H18952" s="5">
        <v>5</v>
      </c>
      <c r="I18952" s="5" t="s">
        <v>69</v>
      </c>
      <c r="J18952" s="5" t="s">
        <v>55802</v>
      </c>
      <c r="K18952" s="2" t="s">
        <v>55803</v>
      </c>
      <c r="L18952" s="5" t="s">
        <v>55802</v>
      </c>
      <c r="M18952" s="2" t="s">
        <v>55803</v>
      </c>
      <c r="N18952" s="5" t="s">
        <v>733</v>
      </c>
      <c r="O18952" s="5" t="s">
        <v>38</v>
      </c>
      <c r="P18952" s="5" t="s">
        <v>39</v>
      </c>
      <c r="Q18952" s="5" t="s">
        <v>40</v>
      </c>
      <c r="R18952" s="5" t="s">
        <v>897</v>
      </c>
      <c r="S18952" s="5" t="s">
        <v>40</v>
      </c>
      <c r="T18952" s="5" t="s">
        <v>42</v>
      </c>
      <c r="U18952" s="2">
        <v>53.743000000000002</v>
      </c>
      <c r="V18952" s="2">
        <v>50.18</v>
      </c>
      <c r="W18952" s="2">
        <v>0.217</v>
      </c>
      <c r="X18952" s="2">
        <v>17</v>
      </c>
      <c r="Y18952" s="2">
        <v>96.9</v>
      </c>
      <c r="Z18952" s="2">
        <v>131.6</v>
      </c>
      <c r="AA18952" s="5">
        <v>7</v>
      </c>
      <c r="AB18952" s="5" t="s">
        <v>43</v>
      </c>
      <c r="AC18952" s="5" t="s">
        <v>735</v>
      </c>
      <c r="AD18952" s="2"/>
      <c r="AE18952" s="1"/>
    </row>
    <row r="18953" spans="1:31" ht="14.45">
      <c r="A18953" s="11"/>
      <c r="B18953" s="20"/>
      <c r="C18953" s="2" t="s">
        <v>58924</v>
      </c>
      <c r="D18953" s="14" t="s">
        <v>58925</v>
      </c>
      <c r="E18953" s="2" t="s">
        <v>58926</v>
      </c>
      <c r="F18953" s="2" t="s">
        <v>58927</v>
      </c>
      <c r="G18953" s="8">
        <v>1887</v>
      </c>
      <c r="H18953" s="5">
        <v>10</v>
      </c>
      <c r="I18953" s="5" t="s">
        <v>69</v>
      </c>
      <c r="J18953" s="5" t="s">
        <v>55802</v>
      </c>
      <c r="K18953" s="2" t="s">
        <v>55803</v>
      </c>
      <c r="L18953" s="5" t="s">
        <v>55802</v>
      </c>
      <c r="M18953" s="2" t="s">
        <v>55803</v>
      </c>
      <c r="N18953" s="5" t="s">
        <v>733</v>
      </c>
      <c r="O18953" s="5" t="s">
        <v>38</v>
      </c>
      <c r="P18953" s="5" t="s">
        <v>39</v>
      </c>
      <c r="Q18953" s="5" t="s">
        <v>40</v>
      </c>
      <c r="R18953" s="5" t="s">
        <v>897</v>
      </c>
      <c r="S18953" s="5" t="s">
        <v>40</v>
      </c>
      <c r="T18953" s="5" t="s">
        <v>42</v>
      </c>
      <c r="U18953" s="2">
        <v>64.381</v>
      </c>
      <c r="V18953" s="2">
        <v>60.731000000000002</v>
      </c>
      <c r="W18953" s="2">
        <v>0.217</v>
      </c>
      <c r="X18953" s="2">
        <v>17</v>
      </c>
      <c r="Y18953" s="2">
        <v>96.9</v>
      </c>
      <c r="Z18953" s="2">
        <v>131.6</v>
      </c>
      <c r="AA18953" s="5">
        <v>7</v>
      </c>
      <c r="AB18953" s="5" t="s">
        <v>43</v>
      </c>
      <c r="AC18953" s="5" t="s">
        <v>735</v>
      </c>
      <c r="AD18953" s="2" t="s">
        <v>58928</v>
      </c>
      <c r="AE18953" s="1"/>
    </row>
    <row r="18954" spans="1:31" ht="14.45">
      <c r="A18954" s="11"/>
      <c r="B18954" s="20"/>
      <c r="C18954" s="2" t="s">
        <v>58929</v>
      </c>
      <c r="D18954" s="14" t="s">
        <v>58930</v>
      </c>
      <c r="E18954" s="2" t="s">
        <v>58931</v>
      </c>
      <c r="F18954" s="2" t="s">
        <v>58932</v>
      </c>
      <c r="G18954" s="8">
        <v>1729</v>
      </c>
      <c r="H18954" s="5">
        <v>10</v>
      </c>
      <c r="I18954" s="5" t="s">
        <v>69</v>
      </c>
      <c r="J18954" s="5" t="s">
        <v>55802</v>
      </c>
      <c r="K18954" s="2" t="s">
        <v>55803</v>
      </c>
      <c r="L18954" s="5" t="s">
        <v>55802</v>
      </c>
      <c r="M18954" s="2" t="s">
        <v>55803</v>
      </c>
      <c r="N18954" s="5" t="s">
        <v>733</v>
      </c>
      <c r="O18954" s="5" t="s">
        <v>38</v>
      </c>
      <c r="P18954" s="5" t="s">
        <v>39</v>
      </c>
      <c r="Q18954" s="5" t="s">
        <v>40</v>
      </c>
      <c r="R18954" s="5" t="s">
        <v>897</v>
      </c>
      <c r="S18954" s="5" t="s">
        <v>40</v>
      </c>
      <c r="T18954" s="5" t="s">
        <v>42</v>
      </c>
      <c r="U18954" s="2">
        <v>56.390999999999998</v>
      </c>
      <c r="V18954" s="2">
        <v>52.741</v>
      </c>
      <c r="W18954" s="2">
        <v>0.217</v>
      </c>
      <c r="X18954" s="2">
        <v>17</v>
      </c>
      <c r="Y18954" s="2">
        <v>96.9</v>
      </c>
      <c r="Z18954" s="2">
        <v>131.6</v>
      </c>
      <c r="AA18954" s="5">
        <v>7</v>
      </c>
      <c r="AB18954" s="5" t="s">
        <v>43</v>
      </c>
      <c r="AC18954" s="5" t="s">
        <v>735</v>
      </c>
      <c r="AD18954" s="2" t="s">
        <v>58933</v>
      </c>
      <c r="AE18954" s="1"/>
    </row>
    <row r="18955" spans="1:31" ht="14.45">
      <c r="A18955" s="11"/>
      <c r="B18955" s="20"/>
      <c r="C18955" s="2" t="s">
        <v>58934</v>
      </c>
      <c r="D18955" s="14" t="s">
        <v>58935</v>
      </c>
      <c r="E18955" s="2" t="s">
        <v>58936</v>
      </c>
      <c r="F18955" s="2" t="s">
        <v>58937</v>
      </c>
      <c r="G18955" s="8">
        <v>1329</v>
      </c>
      <c r="H18955" s="5">
        <v>10</v>
      </c>
      <c r="I18955" s="5" t="s">
        <v>69</v>
      </c>
      <c r="J18955" s="5" t="s">
        <v>55802</v>
      </c>
      <c r="K18955" s="2" t="s">
        <v>55803</v>
      </c>
      <c r="L18955" s="5" t="s">
        <v>55802</v>
      </c>
      <c r="M18955" s="2" t="s">
        <v>55803</v>
      </c>
      <c r="N18955" s="5" t="s">
        <v>733</v>
      </c>
      <c r="O18955" s="5" t="s">
        <v>38</v>
      </c>
      <c r="P18955" s="5" t="s">
        <v>39</v>
      </c>
      <c r="Q18955" s="5" t="s">
        <v>40</v>
      </c>
      <c r="R18955" s="5" t="s">
        <v>897</v>
      </c>
      <c r="S18955" s="5" t="s">
        <v>40</v>
      </c>
      <c r="T18955" s="5" t="s">
        <v>42</v>
      </c>
      <c r="U18955" s="2">
        <v>56.2</v>
      </c>
      <c r="V18955" s="2">
        <v>52.658000000000001</v>
      </c>
      <c r="W18955" s="2">
        <v>0.217</v>
      </c>
      <c r="X18955" s="2">
        <v>17</v>
      </c>
      <c r="Y18955" s="2">
        <v>96.9</v>
      </c>
      <c r="Z18955" s="2">
        <v>131.6</v>
      </c>
      <c r="AA18955" s="5">
        <v>7</v>
      </c>
      <c r="AB18955" s="5" t="s">
        <v>43</v>
      </c>
      <c r="AC18955" s="5" t="s">
        <v>735</v>
      </c>
      <c r="AD18955" s="2" t="s">
        <v>58938</v>
      </c>
      <c r="AE18955" s="1"/>
    </row>
    <row r="18956" spans="1:31" ht="14.45">
      <c r="A18956" s="11"/>
      <c r="B18956" s="20"/>
      <c r="C18956" s="2" t="s">
        <v>58939</v>
      </c>
      <c r="D18956" s="14" t="s">
        <v>58940</v>
      </c>
      <c r="E18956" s="2" t="s">
        <v>58941</v>
      </c>
      <c r="F18956" s="2" t="s">
        <v>58937</v>
      </c>
      <c r="G18956" s="8">
        <v>1629</v>
      </c>
      <c r="H18956" s="5">
        <v>10</v>
      </c>
      <c r="I18956" s="5" t="s">
        <v>69</v>
      </c>
      <c r="J18956" s="5" t="s">
        <v>55802</v>
      </c>
      <c r="K18956" s="2" t="s">
        <v>55803</v>
      </c>
      <c r="L18956" s="5" t="s">
        <v>55802</v>
      </c>
      <c r="M18956" s="2" t="s">
        <v>55803</v>
      </c>
      <c r="N18956" s="5" t="s">
        <v>733</v>
      </c>
      <c r="O18956" s="5" t="s">
        <v>38</v>
      </c>
      <c r="P18956" s="5" t="s">
        <v>39</v>
      </c>
      <c r="Q18956" s="5" t="s">
        <v>40</v>
      </c>
      <c r="R18956" s="5" t="s">
        <v>897</v>
      </c>
      <c r="S18956" s="5" t="s">
        <v>40</v>
      </c>
      <c r="T18956" s="5" t="s">
        <v>42</v>
      </c>
      <c r="U18956" s="2">
        <v>56.35</v>
      </c>
      <c r="V18956" s="2">
        <v>52.7</v>
      </c>
      <c r="W18956" s="2">
        <v>0.217</v>
      </c>
      <c r="X18956" s="2">
        <v>17</v>
      </c>
      <c r="Y18956" s="2">
        <v>96.9</v>
      </c>
      <c r="Z18956" s="2">
        <v>131.6</v>
      </c>
      <c r="AA18956" s="5">
        <v>7</v>
      </c>
      <c r="AB18956" s="5" t="s">
        <v>43</v>
      </c>
      <c r="AC18956" s="5" t="s">
        <v>735</v>
      </c>
      <c r="AD18956" s="2" t="s">
        <v>58942</v>
      </c>
      <c r="AE18956" s="1"/>
    </row>
    <row r="18957" spans="1:31" ht="14.45">
      <c r="A18957" s="11"/>
      <c r="B18957" s="20"/>
      <c r="C18957" s="2" t="s">
        <v>58943</v>
      </c>
      <c r="D18957" s="14" t="s">
        <v>58944</v>
      </c>
      <c r="E18957" s="2" t="s">
        <v>58945</v>
      </c>
      <c r="F18957" s="2" t="s">
        <v>58937</v>
      </c>
      <c r="G18957" s="8">
        <v>1629</v>
      </c>
      <c r="H18957" s="5">
        <v>5</v>
      </c>
      <c r="I18957" s="5" t="s">
        <v>69</v>
      </c>
      <c r="J18957" s="5" t="s">
        <v>55802</v>
      </c>
      <c r="K18957" s="2" t="s">
        <v>55803</v>
      </c>
      <c r="L18957" s="5" t="s">
        <v>55802</v>
      </c>
      <c r="M18957" s="2" t="s">
        <v>55803</v>
      </c>
      <c r="N18957" s="5" t="s">
        <v>733</v>
      </c>
      <c r="O18957" s="5" t="s">
        <v>38</v>
      </c>
      <c r="P18957" s="5" t="s">
        <v>39</v>
      </c>
      <c r="Q18957" s="5" t="s">
        <v>40</v>
      </c>
      <c r="R18957" s="5" t="s">
        <v>897</v>
      </c>
      <c r="S18957" s="5" t="s">
        <v>40</v>
      </c>
      <c r="T18957" s="5" t="s">
        <v>42</v>
      </c>
      <c r="U18957" s="2">
        <v>56.656999999999996</v>
      </c>
      <c r="V18957" s="2">
        <v>52.920999999999999</v>
      </c>
      <c r="W18957" s="2">
        <v>0.217</v>
      </c>
      <c r="X18957" s="2">
        <v>17</v>
      </c>
      <c r="Y18957" s="2">
        <v>96.9</v>
      </c>
      <c r="Z18957" s="2">
        <v>131.6</v>
      </c>
      <c r="AA18957" s="5">
        <v>7</v>
      </c>
      <c r="AB18957" s="5" t="s">
        <v>43</v>
      </c>
      <c r="AC18957" s="5" t="s">
        <v>735</v>
      </c>
      <c r="AD18957" s="2" t="s">
        <v>58946</v>
      </c>
      <c r="AE18957" s="1"/>
    </row>
    <row r="18958" spans="1:31" ht="14.45">
      <c r="A18958" s="11"/>
      <c r="B18958" s="20"/>
      <c r="C18958" s="2" t="s">
        <v>58947</v>
      </c>
      <c r="D18958" s="14" t="s">
        <v>58948</v>
      </c>
      <c r="E18958" s="2" t="s">
        <v>58949</v>
      </c>
      <c r="F18958" s="2" t="s">
        <v>58950</v>
      </c>
      <c r="G18958" s="8">
        <v>1729</v>
      </c>
      <c r="H18958" s="5">
        <v>10</v>
      </c>
      <c r="I18958" s="5" t="s">
        <v>69</v>
      </c>
      <c r="J18958" s="5" t="s">
        <v>55802</v>
      </c>
      <c r="K18958" s="2" t="s">
        <v>55803</v>
      </c>
      <c r="L18958" s="5" t="s">
        <v>55802</v>
      </c>
      <c r="M18958" s="2" t="s">
        <v>55803</v>
      </c>
      <c r="N18958" s="5" t="s">
        <v>733</v>
      </c>
      <c r="O18958" s="5" t="s">
        <v>38</v>
      </c>
      <c r="P18958" s="5" t="s">
        <v>39</v>
      </c>
      <c r="Q18958" s="5" t="s">
        <v>40</v>
      </c>
      <c r="R18958" s="5" t="s">
        <v>897</v>
      </c>
      <c r="S18958" s="5" t="s">
        <v>40</v>
      </c>
      <c r="T18958" s="5" t="s">
        <v>42</v>
      </c>
      <c r="U18958" s="2">
        <v>55.465000000000003</v>
      </c>
      <c r="V18958" s="2">
        <v>51.814999999999998</v>
      </c>
      <c r="W18958" s="2">
        <v>0.217</v>
      </c>
      <c r="X18958" s="2">
        <v>17</v>
      </c>
      <c r="Y18958" s="2">
        <v>96.9</v>
      </c>
      <c r="Z18958" s="2">
        <v>131.6</v>
      </c>
      <c r="AA18958" s="5">
        <v>7</v>
      </c>
      <c r="AB18958" s="5" t="s">
        <v>43</v>
      </c>
      <c r="AC18958" s="5" t="s">
        <v>735</v>
      </c>
      <c r="AD18958" s="2" t="s">
        <v>58951</v>
      </c>
      <c r="AE18958" s="1"/>
    </row>
    <row r="18959" spans="1:31" ht="14.45">
      <c r="A18959" s="11"/>
      <c r="B18959" s="20"/>
      <c r="C18959" s="2" t="s">
        <v>58952</v>
      </c>
      <c r="D18959" s="14" t="s">
        <v>58953</v>
      </c>
      <c r="E18959" s="2" t="s">
        <v>58954</v>
      </c>
      <c r="F18959" s="2" t="s">
        <v>58955</v>
      </c>
      <c r="G18959" s="8">
        <v>1270</v>
      </c>
      <c r="H18959" s="5">
        <v>10</v>
      </c>
      <c r="I18959" s="5" t="s">
        <v>69</v>
      </c>
      <c r="J18959" s="5" t="s">
        <v>55802</v>
      </c>
      <c r="K18959" s="2" t="s">
        <v>55803</v>
      </c>
      <c r="L18959" s="5" t="s">
        <v>55802</v>
      </c>
      <c r="M18959" s="2" t="s">
        <v>55803</v>
      </c>
      <c r="N18959" s="5" t="s">
        <v>733</v>
      </c>
      <c r="O18959" s="5" t="s">
        <v>38</v>
      </c>
      <c r="P18959" s="5" t="s">
        <v>39</v>
      </c>
      <c r="Q18959" s="5" t="s">
        <v>40</v>
      </c>
      <c r="R18959" s="5" t="s">
        <v>897</v>
      </c>
      <c r="S18959" s="5" t="s">
        <v>40</v>
      </c>
      <c r="T18959" s="5" t="s">
        <v>42</v>
      </c>
      <c r="U18959" s="2">
        <v>69.825000000000003</v>
      </c>
      <c r="V18959" s="2">
        <v>65.174000000000007</v>
      </c>
      <c r="W18959" s="2">
        <v>0.27400000000000002</v>
      </c>
      <c r="X18959" s="2">
        <v>17</v>
      </c>
      <c r="Y18959" s="2">
        <v>104.9</v>
      </c>
      <c r="Z18959" s="2">
        <v>153.6</v>
      </c>
      <c r="AA18959" s="5">
        <v>7</v>
      </c>
      <c r="AB18959" s="5" t="s">
        <v>43</v>
      </c>
      <c r="AC18959" s="5" t="s">
        <v>735</v>
      </c>
      <c r="AD18959" s="2" t="s">
        <v>58956</v>
      </c>
      <c r="AE18959" s="1"/>
    </row>
    <row r="18960" spans="1:31" ht="14.45">
      <c r="A18960" s="11"/>
      <c r="B18960" s="20"/>
      <c r="C18960" s="2" t="s">
        <v>58957</v>
      </c>
      <c r="D18960" s="14" t="s">
        <v>58958</v>
      </c>
      <c r="E18960" s="2" t="s">
        <v>58959</v>
      </c>
      <c r="F18960" s="2" t="s">
        <v>58960</v>
      </c>
      <c r="G18960" s="8">
        <v>1570</v>
      </c>
      <c r="H18960" s="5">
        <v>10</v>
      </c>
      <c r="I18960" s="5" t="s">
        <v>69</v>
      </c>
      <c r="J18960" s="5" t="s">
        <v>55802</v>
      </c>
      <c r="K18960" s="2" t="s">
        <v>55803</v>
      </c>
      <c r="L18960" s="5" t="s">
        <v>55802</v>
      </c>
      <c r="M18960" s="2" t="s">
        <v>55803</v>
      </c>
      <c r="N18960" s="5" t="s">
        <v>733</v>
      </c>
      <c r="O18960" s="5" t="s">
        <v>38</v>
      </c>
      <c r="P18960" s="5" t="s">
        <v>39</v>
      </c>
      <c r="Q18960" s="5" t="s">
        <v>40</v>
      </c>
      <c r="R18960" s="5" t="s">
        <v>897</v>
      </c>
      <c r="S18960" s="5" t="s">
        <v>40</v>
      </c>
      <c r="T18960" s="5" t="s">
        <v>42</v>
      </c>
      <c r="U18960" s="2">
        <v>71.600999999999999</v>
      </c>
      <c r="V18960" s="2">
        <v>66.813000000000002</v>
      </c>
      <c r="W18960" s="2">
        <v>0.27400000000000002</v>
      </c>
      <c r="X18960" s="2">
        <v>17</v>
      </c>
      <c r="Y18960" s="2">
        <v>104.9</v>
      </c>
      <c r="Z18960" s="2">
        <v>153.6</v>
      </c>
      <c r="AA18960" s="5">
        <v>7</v>
      </c>
      <c r="AB18960" s="5" t="s">
        <v>43</v>
      </c>
      <c r="AC18960" s="5" t="s">
        <v>735</v>
      </c>
      <c r="AD18960" s="2" t="s">
        <v>58961</v>
      </c>
      <c r="AE18960" s="1"/>
    </row>
    <row r="18961" spans="1:31" ht="14.45">
      <c r="A18961" s="11"/>
      <c r="B18961" s="20"/>
      <c r="C18961" s="2" t="s">
        <v>58962</v>
      </c>
      <c r="D18961" s="14" t="s">
        <v>58963</v>
      </c>
      <c r="E18961" s="2" t="s">
        <v>58964</v>
      </c>
      <c r="F18961" s="2" t="s">
        <v>58965</v>
      </c>
      <c r="G18961" s="8">
        <v>1081</v>
      </c>
      <c r="H18961" s="5">
        <v>5</v>
      </c>
      <c r="I18961" s="5" t="s">
        <v>69</v>
      </c>
      <c r="J18961" s="5" t="s">
        <v>55802</v>
      </c>
      <c r="K18961" s="2" t="s">
        <v>55803</v>
      </c>
      <c r="L18961" s="5" t="s">
        <v>55802</v>
      </c>
      <c r="M18961" s="2" t="s">
        <v>55803</v>
      </c>
      <c r="N18961" s="5" t="s">
        <v>733</v>
      </c>
      <c r="O18961" s="5" t="s">
        <v>38</v>
      </c>
      <c r="P18961" s="5" t="s">
        <v>39</v>
      </c>
      <c r="Q18961" s="5" t="s">
        <v>40</v>
      </c>
      <c r="R18961" s="5" t="s">
        <v>897</v>
      </c>
      <c r="S18961" s="5" t="s">
        <v>40</v>
      </c>
      <c r="T18961" s="5" t="s">
        <v>42</v>
      </c>
      <c r="U18961" s="2">
        <v>60.271999999999998</v>
      </c>
      <c r="V18961" s="2">
        <v>55.904000000000003</v>
      </c>
      <c r="W18961" s="2">
        <v>0.26300000000000001</v>
      </c>
      <c r="X18961" s="2">
        <v>17</v>
      </c>
      <c r="Y18961" s="2">
        <v>100.9</v>
      </c>
      <c r="Z18961" s="2">
        <v>153.6</v>
      </c>
      <c r="AA18961" s="5">
        <v>7</v>
      </c>
      <c r="AB18961" s="5" t="s">
        <v>43</v>
      </c>
      <c r="AC18961" s="5" t="s">
        <v>735</v>
      </c>
      <c r="AD18961" s="2" t="s">
        <v>58966</v>
      </c>
      <c r="AE18961" s="1"/>
    </row>
    <row r="18962" spans="1:31" ht="14.45">
      <c r="A18962" s="11"/>
      <c r="B18962" s="20"/>
      <c r="C18962" s="2" t="s">
        <v>58967</v>
      </c>
      <c r="D18962" s="14" t="s">
        <v>58968</v>
      </c>
      <c r="E18962" s="2" t="s">
        <v>58969</v>
      </c>
      <c r="F18962" s="2" t="s">
        <v>58970</v>
      </c>
      <c r="G18962" s="8">
        <v>1381</v>
      </c>
      <c r="H18962" s="5">
        <v>5</v>
      </c>
      <c r="I18962" s="5" t="s">
        <v>69</v>
      </c>
      <c r="J18962" s="5" t="s">
        <v>55802</v>
      </c>
      <c r="K18962" s="2" t="s">
        <v>55803</v>
      </c>
      <c r="L18962" s="5" t="s">
        <v>55802</v>
      </c>
      <c r="M18962" s="2" t="s">
        <v>55803</v>
      </c>
      <c r="N18962" s="5" t="s">
        <v>733</v>
      </c>
      <c r="O18962" s="5" t="s">
        <v>38</v>
      </c>
      <c r="P18962" s="5" t="s">
        <v>39</v>
      </c>
      <c r="Q18962" s="5" t="s">
        <v>40</v>
      </c>
      <c r="R18962" s="5" t="s">
        <v>897</v>
      </c>
      <c r="S18962" s="5" t="s">
        <v>40</v>
      </c>
      <c r="T18962" s="5" t="s">
        <v>42</v>
      </c>
      <c r="U18962" s="2">
        <v>61.908999999999999</v>
      </c>
      <c r="V18962" s="2">
        <v>57.121000000000002</v>
      </c>
      <c r="W18962" s="2">
        <v>0.27400000000000002</v>
      </c>
      <c r="X18962" s="2">
        <v>17</v>
      </c>
      <c r="Y18962" s="2">
        <v>104.9</v>
      </c>
      <c r="Z18962" s="2">
        <v>153.6</v>
      </c>
      <c r="AA18962" s="5">
        <v>7</v>
      </c>
      <c r="AB18962" s="5" t="s">
        <v>43</v>
      </c>
      <c r="AC18962" s="5" t="s">
        <v>735</v>
      </c>
      <c r="AD18962" s="2" t="s">
        <v>58971</v>
      </c>
      <c r="AE18962" s="1"/>
    </row>
    <row r="18963" spans="1:31" ht="14.45">
      <c r="A18963" s="5" t="s">
        <v>116</v>
      </c>
      <c r="B18963" s="21">
        <v>46082</v>
      </c>
      <c r="C18963" s="2" t="s">
        <v>58972</v>
      </c>
      <c r="D18963" s="14" t="s">
        <v>58973</v>
      </c>
      <c r="E18963" s="2" t="s">
        <v>58974</v>
      </c>
      <c r="F18963" s="2" t="s">
        <v>58975</v>
      </c>
      <c r="G18963" s="8">
        <v>1481</v>
      </c>
      <c r="H18963" s="5">
        <v>5</v>
      </c>
      <c r="I18963" s="5" t="s">
        <v>69</v>
      </c>
      <c r="J18963" s="5" t="s">
        <v>55802</v>
      </c>
      <c r="K18963" s="2" t="s">
        <v>55803</v>
      </c>
      <c r="L18963" s="5" t="s">
        <v>55802</v>
      </c>
      <c r="M18963" s="2" t="s">
        <v>55803</v>
      </c>
      <c r="N18963" s="5" t="s">
        <v>733</v>
      </c>
      <c r="O18963" s="5" t="s">
        <v>38</v>
      </c>
      <c r="P18963" s="5" t="s">
        <v>39</v>
      </c>
      <c r="Q18963" s="5" t="s">
        <v>40</v>
      </c>
      <c r="R18963" s="5" t="s">
        <v>897</v>
      </c>
      <c r="S18963" s="5" t="s">
        <v>40</v>
      </c>
      <c r="T18963" s="5" t="s">
        <v>42</v>
      </c>
      <c r="U18963" s="2">
        <v>62.036999999999999</v>
      </c>
      <c r="V18963" s="2">
        <v>57.372</v>
      </c>
      <c r="W18963" s="2">
        <v>0.26300000000000001</v>
      </c>
      <c r="X18963" s="2">
        <v>17</v>
      </c>
      <c r="Y18963" s="2">
        <v>100.9</v>
      </c>
      <c r="Z18963" s="2">
        <v>153.6</v>
      </c>
      <c r="AA18963" s="5">
        <v>7</v>
      </c>
      <c r="AB18963" s="5" t="s">
        <v>43</v>
      </c>
      <c r="AC18963" s="5" t="s">
        <v>735</v>
      </c>
      <c r="AD18963" s="2" t="s">
        <v>58976</v>
      </c>
      <c r="AE18963" s="1"/>
    </row>
    <row r="18964" spans="1:31" ht="14.45">
      <c r="A18964" s="11"/>
      <c r="B18964" s="20"/>
      <c r="C18964" s="2" t="s">
        <v>58977</v>
      </c>
      <c r="D18964" s="14" t="s">
        <v>58978</v>
      </c>
      <c r="E18964" s="2" t="s">
        <v>58979</v>
      </c>
      <c r="F18964" s="2" t="s">
        <v>58970</v>
      </c>
      <c r="G18964" s="8">
        <v>1381</v>
      </c>
      <c r="H18964" s="5">
        <v>5</v>
      </c>
      <c r="I18964" s="5" t="s">
        <v>69</v>
      </c>
      <c r="J18964" s="5" t="s">
        <v>55802</v>
      </c>
      <c r="K18964" s="2" t="s">
        <v>55803</v>
      </c>
      <c r="L18964" s="5" t="s">
        <v>55802</v>
      </c>
      <c r="M18964" s="2" t="s">
        <v>55803</v>
      </c>
      <c r="N18964" s="5" t="s">
        <v>733</v>
      </c>
      <c r="O18964" s="5" t="s">
        <v>38</v>
      </c>
      <c r="P18964" s="5" t="s">
        <v>39</v>
      </c>
      <c r="Q18964" s="5" t="s">
        <v>40</v>
      </c>
      <c r="R18964" s="5" t="s">
        <v>897</v>
      </c>
      <c r="S18964" s="5" t="s">
        <v>40</v>
      </c>
      <c r="T18964" s="5" t="s">
        <v>42</v>
      </c>
      <c r="U18964" s="2">
        <v>62.085999999999999</v>
      </c>
      <c r="V18964" s="2">
        <v>57.237000000000002</v>
      </c>
      <c r="W18964" s="2">
        <v>0.27400000000000002</v>
      </c>
      <c r="X18964" s="2">
        <v>17</v>
      </c>
      <c r="Y18964" s="2">
        <v>104.9</v>
      </c>
      <c r="Z18964" s="2">
        <v>153.6</v>
      </c>
      <c r="AA18964" s="5">
        <v>7</v>
      </c>
      <c r="AB18964" s="5" t="s">
        <v>43</v>
      </c>
      <c r="AC18964" s="5" t="s">
        <v>735</v>
      </c>
      <c r="AD18964" s="2" t="s">
        <v>58980</v>
      </c>
      <c r="AE18964" s="1"/>
    </row>
    <row r="18965" spans="1:31" ht="14.45">
      <c r="A18965" s="11"/>
      <c r="B18965" s="20"/>
      <c r="C18965" s="2" t="s">
        <v>58981</v>
      </c>
      <c r="D18965" s="14" t="s">
        <v>58982</v>
      </c>
      <c r="E18965" s="2" t="s">
        <v>58983</v>
      </c>
      <c r="F18965" s="2" t="s">
        <v>58970</v>
      </c>
      <c r="G18965" s="8">
        <v>1628</v>
      </c>
      <c r="H18965" s="5">
        <v>10</v>
      </c>
      <c r="I18965" s="5" t="s">
        <v>69</v>
      </c>
      <c r="J18965" s="5" t="s">
        <v>55802</v>
      </c>
      <c r="K18965" s="2" t="s">
        <v>55803</v>
      </c>
      <c r="L18965" s="5" t="s">
        <v>55802</v>
      </c>
      <c r="M18965" s="2" t="s">
        <v>55803</v>
      </c>
      <c r="N18965" s="5" t="s">
        <v>733</v>
      </c>
      <c r="O18965" s="5" t="s">
        <v>38</v>
      </c>
      <c r="P18965" s="5" t="s">
        <v>39</v>
      </c>
      <c r="Q18965" s="5" t="s">
        <v>40</v>
      </c>
      <c r="R18965" s="5" t="s">
        <v>897</v>
      </c>
      <c r="S18965" s="5" t="s">
        <v>40</v>
      </c>
      <c r="T18965" s="5" t="s">
        <v>42</v>
      </c>
      <c r="U18965" s="2">
        <v>62.814</v>
      </c>
      <c r="V18965" s="2">
        <v>58.113</v>
      </c>
      <c r="W18965" s="2">
        <v>0.27400000000000002</v>
      </c>
      <c r="X18965" s="2">
        <v>17</v>
      </c>
      <c r="Y18965" s="2">
        <v>104.9</v>
      </c>
      <c r="Z18965" s="2">
        <v>153.6</v>
      </c>
      <c r="AA18965" s="5">
        <v>7</v>
      </c>
      <c r="AB18965" s="5" t="s">
        <v>43</v>
      </c>
      <c r="AC18965" s="5" t="s">
        <v>735</v>
      </c>
      <c r="AD18965" s="2" t="s">
        <v>58984</v>
      </c>
      <c r="AE18965" s="1"/>
    </row>
    <row r="18966" spans="1:31" ht="14.45">
      <c r="A18966" s="11"/>
      <c r="B18966" s="20"/>
      <c r="C18966" s="2" t="s">
        <v>58985</v>
      </c>
      <c r="D18966" s="14" t="s">
        <v>58986</v>
      </c>
      <c r="E18966" s="2" t="s">
        <v>58987</v>
      </c>
      <c r="F18966" s="2" t="s">
        <v>58988</v>
      </c>
      <c r="G18966" s="8">
        <v>1270</v>
      </c>
      <c r="H18966" s="5">
        <v>10</v>
      </c>
      <c r="I18966" s="5" t="s">
        <v>69</v>
      </c>
      <c r="J18966" s="5" t="s">
        <v>55802</v>
      </c>
      <c r="K18966" s="2" t="s">
        <v>55803</v>
      </c>
      <c r="L18966" s="5" t="s">
        <v>55802</v>
      </c>
      <c r="M18966" s="2" t="s">
        <v>55803</v>
      </c>
      <c r="N18966" s="5" t="s">
        <v>733</v>
      </c>
      <c r="O18966" s="5" t="s">
        <v>38</v>
      </c>
      <c r="P18966" s="5" t="s">
        <v>39</v>
      </c>
      <c r="Q18966" s="5" t="s">
        <v>40</v>
      </c>
      <c r="R18966" s="5" t="s">
        <v>897</v>
      </c>
      <c r="S18966" s="5" t="s">
        <v>40</v>
      </c>
      <c r="T18966" s="5" t="s">
        <v>42</v>
      </c>
      <c r="U18966" s="2">
        <v>59.787999999999997</v>
      </c>
      <c r="V18966" s="2">
        <v>55.131999999999998</v>
      </c>
      <c r="W18966" s="2">
        <v>0.27400000000000002</v>
      </c>
      <c r="X18966" s="2">
        <v>17</v>
      </c>
      <c r="Y18966" s="2">
        <v>104.9</v>
      </c>
      <c r="Z18966" s="2">
        <v>153.6</v>
      </c>
      <c r="AA18966" s="5">
        <v>7</v>
      </c>
      <c r="AB18966" s="5" t="s">
        <v>43</v>
      </c>
      <c r="AC18966" s="5" t="s">
        <v>735</v>
      </c>
      <c r="AD18966" s="2" t="s">
        <v>58989</v>
      </c>
      <c r="AE18966" s="1"/>
    </row>
    <row r="18967" spans="1:31" ht="14.45">
      <c r="A18967" s="11"/>
      <c r="B18967" s="20"/>
      <c r="C18967" s="2" t="s">
        <v>58990</v>
      </c>
      <c r="D18967" s="14" t="s">
        <v>58991</v>
      </c>
      <c r="E18967" s="2" t="s">
        <v>58992</v>
      </c>
      <c r="F18967" s="2" t="s">
        <v>58988</v>
      </c>
      <c r="G18967" s="8">
        <v>1570</v>
      </c>
      <c r="H18967" s="5">
        <v>10</v>
      </c>
      <c r="I18967" s="5" t="s">
        <v>69</v>
      </c>
      <c r="J18967" s="5" t="s">
        <v>55802</v>
      </c>
      <c r="K18967" s="2" t="s">
        <v>55803</v>
      </c>
      <c r="L18967" s="5" t="s">
        <v>55802</v>
      </c>
      <c r="M18967" s="2" t="s">
        <v>55803</v>
      </c>
      <c r="N18967" s="5" t="s">
        <v>733</v>
      </c>
      <c r="O18967" s="5" t="s">
        <v>38</v>
      </c>
      <c r="P18967" s="5" t="s">
        <v>39</v>
      </c>
      <c r="Q18967" s="5" t="s">
        <v>40</v>
      </c>
      <c r="R18967" s="5" t="s">
        <v>897</v>
      </c>
      <c r="S18967" s="5" t="s">
        <v>40</v>
      </c>
      <c r="T18967" s="5" t="s">
        <v>42</v>
      </c>
      <c r="U18967" s="2">
        <v>61.709000000000003</v>
      </c>
      <c r="V18967" s="2">
        <v>56.920999999999999</v>
      </c>
      <c r="W18967" s="2">
        <v>0.27400000000000002</v>
      </c>
      <c r="X18967" s="2">
        <v>17</v>
      </c>
      <c r="Y18967" s="2">
        <v>104.9</v>
      </c>
      <c r="Z18967" s="2">
        <v>153.6</v>
      </c>
      <c r="AA18967" s="5">
        <v>7</v>
      </c>
      <c r="AB18967" s="5" t="s">
        <v>43</v>
      </c>
      <c r="AC18967" s="5" t="s">
        <v>735</v>
      </c>
      <c r="AD18967" s="2" t="s">
        <v>58993</v>
      </c>
      <c r="AE18967" s="1"/>
    </row>
    <row r="18968" spans="1:31" ht="14.45">
      <c r="A18968" s="11"/>
      <c r="B18968" s="20"/>
      <c r="C18968" s="2" t="s">
        <v>58994</v>
      </c>
      <c r="D18968" s="14" t="s">
        <v>58995</v>
      </c>
      <c r="E18968" s="2" t="s">
        <v>58996</v>
      </c>
      <c r="F18968" s="2" t="s">
        <v>58997</v>
      </c>
      <c r="G18968" s="8">
        <v>900</v>
      </c>
      <c r="H18968" s="5">
        <v>10</v>
      </c>
      <c r="I18968" s="5" t="s">
        <v>69</v>
      </c>
      <c r="J18968" s="5" t="s">
        <v>55802</v>
      </c>
      <c r="K18968" s="2" t="s">
        <v>55803</v>
      </c>
      <c r="L18968" s="5" t="s">
        <v>55802</v>
      </c>
      <c r="M18968" s="2" t="s">
        <v>55803</v>
      </c>
      <c r="N18968" s="5" t="s">
        <v>733</v>
      </c>
      <c r="O18968" s="5" t="s">
        <v>38</v>
      </c>
      <c r="P18968" s="5" t="s">
        <v>39</v>
      </c>
      <c r="Q18968" s="5" t="s">
        <v>40</v>
      </c>
      <c r="R18968" s="5" t="s">
        <v>897</v>
      </c>
      <c r="S18968" s="5" t="s">
        <v>40</v>
      </c>
      <c r="T18968" s="5" t="s">
        <v>42</v>
      </c>
      <c r="U18968" s="2">
        <v>60.052</v>
      </c>
      <c r="V18968" s="2">
        <v>55.396000000000001</v>
      </c>
      <c r="W18968" s="2">
        <v>0.27400000000000002</v>
      </c>
      <c r="X18968" s="2">
        <v>17</v>
      </c>
      <c r="Y18968" s="2">
        <v>104.9</v>
      </c>
      <c r="Z18968" s="2">
        <v>153.6</v>
      </c>
      <c r="AA18968" s="5">
        <v>7</v>
      </c>
      <c r="AB18968" s="5" t="s">
        <v>43</v>
      </c>
      <c r="AC18968" s="5" t="s">
        <v>735</v>
      </c>
      <c r="AD18968" s="2" t="s">
        <v>58998</v>
      </c>
      <c r="AE18968" s="1"/>
    </row>
    <row r="18969" spans="1:31" ht="14.45">
      <c r="A18969" s="11"/>
      <c r="B18969" s="20"/>
      <c r="C18969" s="2" t="s">
        <v>58999</v>
      </c>
      <c r="D18969" s="14" t="s">
        <v>59000</v>
      </c>
      <c r="E18969" s="2" t="s">
        <v>59001</v>
      </c>
      <c r="F18969" s="2" t="s">
        <v>58997</v>
      </c>
      <c r="G18969" s="8">
        <v>1200</v>
      </c>
      <c r="H18969" s="5">
        <v>10</v>
      </c>
      <c r="I18969" s="5" t="s">
        <v>69</v>
      </c>
      <c r="J18969" s="5" t="s">
        <v>55802</v>
      </c>
      <c r="K18969" s="2" t="s">
        <v>55803</v>
      </c>
      <c r="L18969" s="5" t="s">
        <v>55802</v>
      </c>
      <c r="M18969" s="2" t="s">
        <v>55803</v>
      </c>
      <c r="N18969" s="5" t="s">
        <v>733</v>
      </c>
      <c r="O18969" s="5" t="s">
        <v>38</v>
      </c>
      <c r="P18969" s="5" t="s">
        <v>39</v>
      </c>
      <c r="Q18969" s="5" t="s">
        <v>40</v>
      </c>
      <c r="R18969" s="5" t="s">
        <v>897</v>
      </c>
      <c r="S18969" s="5" t="s">
        <v>40</v>
      </c>
      <c r="T18969" s="5" t="s">
        <v>42</v>
      </c>
      <c r="U18969" s="2">
        <v>61.972999999999999</v>
      </c>
      <c r="V18969" s="2">
        <v>57.185000000000002</v>
      </c>
      <c r="W18969" s="2">
        <v>0.27400000000000002</v>
      </c>
      <c r="X18969" s="2">
        <v>17</v>
      </c>
      <c r="Y18969" s="2">
        <v>104.9</v>
      </c>
      <c r="Z18969" s="2">
        <v>153.6</v>
      </c>
      <c r="AA18969" s="5">
        <v>7</v>
      </c>
      <c r="AB18969" s="5" t="s">
        <v>43</v>
      </c>
      <c r="AC18969" s="5" t="s">
        <v>735</v>
      </c>
      <c r="AD18969" s="2" t="s">
        <v>59002</v>
      </c>
      <c r="AE18969" s="1"/>
    </row>
    <row r="18970" spans="1:31" ht="14.45">
      <c r="A18970" s="11"/>
      <c r="B18970" s="20"/>
      <c r="C18970" s="2" t="s">
        <v>59003</v>
      </c>
      <c r="D18970" s="14" t="s">
        <v>59004</v>
      </c>
      <c r="E18970" s="2" t="s">
        <v>59005</v>
      </c>
      <c r="F18970" s="2" t="s">
        <v>59006</v>
      </c>
      <c r="G18970" s="8">
        <v>672</v>
      </c>
      <c r="H18970" s="5">
        <v>5</v>
      </c>
      <c r="I18970" s="5" t="s">
        <v>69</v>
      </c>
      <c r="J18970" s="5" t="s">
        <v>55802</v>
      </c>
      <c r="K18970" s="2" t="s">
        <v>55803</v>
      </c>
      <c r="L18970" s="5" t="s">
        <v>55802</v>
      </c>
      <c r="M18970" s="2" t="s">
        <v>55803</v>
      </c>
      <c r="N18970" s="5" t="s">
        <v>733</v>
      </c>
      <c r="O18970" s="5" t="s">
        <v>38</v>
      </c>
      <c r="P18970" s="5" t="s">
        <v>39</v>
      </c>
      <c r="Q18970" s="5" t="s">
        <v>40</v>
      </c>
      <c r="R18970" s="5" t="s">
        <v>897</v>
      </c>
      <c r="S18970" s="5" t="s">
        <v>40</v>
      </c>
      <c r="T18970" s="5" t="s">
        <v>42</v>
      </c>
      <c r="U18970" s="2">
        <v>52.13</v>
      </c>
      <c r="V18970" s="2">
        <v>47.762</v>
      </c>
      <c r="W18970" s="2">
        <v>0.26300000000000001</v>
      </c>
      <c r="X18970" s="2">
        <v>17</v>
      </c>
      <c r="Y18970" s="2">
        <v>100.9</v>
      </c>
      <c r="Z18970" s="2">
        <v>153.6</v>
      </c>
      <c r="AA18970" s="5">
        <v>7</v>
      </c>
      <c r="AB18970" s="5" t="s">
        <v>43</v>
      </c>
      <c r="AC18970" s="5" t="s">
        <v>735</v>
      </c>
      <c r="AD18970" s="2" t="s">
        <v>59007</v>
      </c>
      <c r="AE18970" s="1"/>
    </row>
    <row r="18971" spans="1:31" ht="14.45">
      <c r="A18971" s="11"/>
      <c r="B18971" s="20"/>
      <c r="C18971" s="2" t="s">
        <v>59008</v>
      </c>
      <c r="D18971" s="14" t="s">
        <v>59009</v>
      </c>
      <c r="E18971" s="2" t="s">
        <v>59010</v>
      </c>
      <c r="F18971" s="2" t="s">
        <v>59006</v>
      </c>
      <c r="G18971" s="8">
        <v>972</v>
      </c>
      <c r="H18971" s="5">
        <v>5</v>
      </c>
      <c r="I18971" s="5" t="s">
        <v>69</v>
      </c>
      <c r="J18971" s="5" t="s">
        <v>55802</v>
      </c>
      <c r="K18971" s="2" t="s">
        <v>55803</v>
      </c>
      <c r="L18971" s="5" t="s">
        <v>55802</v>
      </c>
      <c r="M18971" s="2" t="s">
        <v>55803</v>
      </c>
      <c r="N18971" s="5" t="s">
        <v>733</v>
      </c>
      <c r="O18971" s="5" t="s">
        <v>38</v>
      </c>
      <c r="P18971" s="5" t="s">
        <v>39</v>
      </c>
      <c r="Q18971" s="5" t="s">
        <v>40</v>
      </c>
      <c r="R18971" s="5" t="s">
        <v>897</v>
      </c>
      <c r="S18971" s="5" t="s">
        <v>40</v>
      </c>
      <c r="T18971" s="5" t="s">
        <v>42</v>
      </c>
      <c r="U18971" s="2">
        <v>54.063000000000002</v>
      </c>
      <c r="V18971" s="2">
        <v>49.552999999999997</v>
      </c>
      <c r="W18971" s="2">
        <v>0.26300000000000001</v>
      </c>
      <c r="X18971" s="2">
        <v>17</v>
      </c>
      <c r="Y18971" s="2">
        <v>100.9</v>
      </c>
      <c r="Z18971" s="2">
        <v>153.6</v>
      </c>
      <c r="AA18971" s="5">
        <v>7</v>
      </c>
      <c r="AB18971" s="5" t="s">
        <v>43</v>
      </c>
      <c r="AC18971" s="5" t="s">
        <v>735</v>
      </c>
      <c r="AD18971" s="2" t="s">
        <v>59011</v>
      </c>
      <c r="AE18971" s="1"/>
    </row>
    <row r="18972" spans="1:31" ht="14.45">
      <c r="A18972" s="5" t="s">
        <v>116</v>
      </c>
      <c r="B18972" s="21">
        <v>46082</v>
      </c>
      <c r="C18972" s="2" t="s">
        <v>59012</v>
      </c>
      <c r="D18972" s="14" t="s">
        <v>59013</v>
      </c>
      <c r="E18972" s="2" t="s">
        <v>59014</v>
      </c>
      <c r="F18972" s="2" t="s">
        <v>59015</v>
      </c>
      <c r="G18972" s="8">
        <v>1072</v>
      </c>
      <c r="H18972" s="5">
        <v>5</v>
      </c>
      <c r="I18972" s="5" t="s">
        <v>69</v>
      </c>
      <c r="J18972" s="5" t="s">
        <v>55802</v>
      </c>
      <c r="K18972" s="2" t="s">
        <v>55803</v>
      </c>
      <c r="L18972" s="5" t="s">
        <v>55802</v>
      </c>
      <c r="M18972" s="2" t="s">
        <v>55803</v>
      </c>
      <c r="N18972" s="5" t="s">
        <v>733</v>
      </c>
      <c r="O18972" s="5" t="s">
        <v>38</v>
      </c>
      <c r="P18972" s="5" t="s">
        <v>39</v>
      </c>
      <c r="Q18972" s="5" t="s">
        <v>40</v>
      </c>
      <c r="R18972" s="5" t="s">
        <v>897</v>
      </c>
      <c r="S18972" s="5" t="s">
        <v>40</v>
      </c>
      <c r="T18972" s="5" t="s">
        <v>42</v>
      </c>
      <c r="U18972" s="2">
        <v>53.762999999999998</v>
      </c>
      <c r="V18972" s="2">
        <v>49.134</v>
      </c>
      <c r="W18972" s="2">
        <v>0.26300000000000001</v>
      </c>
      <c r="X18972" s="2">
        <v>17</v>
      </c>
      <c r="Y18972" s="2">
        <v>100.9</v>
      </c>
      <c r="Z18972" s="2">
        <v>153.6</v>
      </c>
      <c r="AA18972" s="5">
        <v>7</v>
      </c>
      <c r="AB18972" s="5" t="s">
        <v>43</v>
      </c>
      <c r="AC18972" s="5" t="s">
        <v>735</v>
      </c>
      <c r="AD18972" s="2" t="s">
        <v>59016</v>
      </c>
      <c r="AE18972" s="1"/>
    </row>
    <row r="18973" spans="1:31" ht="14.45">
      <c r="A18973" s="11"/>
      <c r="B18973" s="20"/>
      <c r="C18973" s="2" t="s">
        <v>59017</v>
      </c>
      <c r="D18973" s="14" t="s">
        <v>59018</v>
      </c>
      <c r="E18973" s="2" t="s">
        <v>59019</v>
      </c>
      <c r="F18973" s="2" t="s">
        <v>59006</v>
      </c>
      <c r="G18973" s="8">
        <v>972</v>
      </c>
      <c r="H18973" s="5">
        <v>5</v>
      </c>
      <c r="I18973" s="5" t="s">
        <v>69</v>
      </c>
      <c r="J18973" s="5" t="s">
        <v>55802</v>
      </c>
      <c r="K18973" s="2" t="s">
        <v>55803</v>
      </c>
      <c r="L18973" s="5" t="s">
        <v>55802</v>
      </c>
      <c r="M18973" s="2" t="s">
        <v>55803</v>
      </c>
      <c r="N18973" s="5" t="s">
        <v>733</v>
      </c>
      <c r="O18973" s="5" t="s">
        <v>38</v>
      </c>
      <c r="P18973" s="5" t="s">
        <v>39</v>
      </c>
      <c r="Q18973" s="5" t="s">
        <v>40</v>
      </c>
      <c r="R18973" s="5" t="s">
        <v>897</v>
      </c>
      <c r="S18973" s="5" t="s">
        <v>40</v>
      </c>
      <c r="T18973" s="5" t="s">
        <v>42</v>
      </c>
      <c r="U18973" s="2">
        <v>54.546999999999997</v>
      </c>
      <c r="V18973" s="2">
        <v>49.978000000000002</v>
      </c>
      <c r="W18973" s="2">
        <v>0.26300000000000001</v>
      </c>
      <c r="X18973" s="2">
        <v>17</v>
      </c>
      <c r="Y18973" s="2">
        <v>100.9</v>
      </c>
      <c r="Z18973" s="2">
        <v>153.6</v>
      </c>
      <c r="AA18973" s="5">
        <v>7</v>
      </c>
      <c r="AB18973" s="5" t="s">
        <v>43</v>
      </c>
      <c r="AC18973" s="5" t="s">
        <v>735</v>
      </c>
      <c r="AD18973" s="2" t="s">
        <v>59020</v>
      </c>
      <c r="AE18973" s="1"/>
    </row>
    <row r="18974" spans="1:31" ht="14.45">
      <c r="A18974" s="11"/>
      <c r="B18974" s="20"/>
      <c r="C18974" s="2" t="s">
        <v>59021</v>
      </c>
      <c r="D18974" s="14" t="s">
        <v>59022</v>
      </c>
      <c r="E18974" s="2" t="s">
        <v>59023</v>
      </c>
      <c r="F18974" s="2" t="s">
        <v>59006</v>
      </c>
      <c r="G18974" s="8">
        <v>1219</v>
      </c>
      <c r="H18974" s="5">
        <v>10</v>
      </c>
      <c r="I18974" s="5" t="s">
        <v>69</v>
      </c>
      <c r="J18974" s="5" t="s">
        <v>55802</v>
      </c>
      <c r="K18974" s="2" t="s">
        <v>55803</v>
      </c>
      <c r="L18974" s="5" t="s">
        <v>55802</v>
      </c>
      <c r="M18974" s="2" t="s">
        <v>55803</v>
      </c>
      <c r="N18974" s="5" t="s">
        <v>733</v>
      </c>
      <c r="O18974" s="5" t="s">
        <v>38</v>
      </c>
      <c r="P18974" s="5" t="s">
        <v>39</v>
      </c>
      <c r="Q18974" s="5" t="s">
        <v>40</v>
      </c>
      <c r="R18974" s="5" t="s">
        <v>897</v>
      </c>
      <c r="S18974" s="5" t="s">
        <v>40</v>
      </c>
      <c r="T18974" s="5" t="s">
        <v>42</v>
      </c>
      <c r="U18974" s="2">
        <v>54.683999999999997</v>
      </c>
      <c r="V18974" s="2">
        <v>49.970999999999997</v>
      </c>
      <c r="W18974" s="2">
        <v>0.27400000000000002</v>
      </c>
      <c r="X18974" s="2">
        <v>17</v>
      </c>
      <c r="Y18974" s="2">
        <v>104.9</v>
      </c>
      <c r="Z18974" s="2">
        <v>153.6</v>
      </c>
      <c r="AA18974" s="5">
        <v>7</v>
      </c>
      <c r="AB18974" s="5" t="s">
        <v>43</v>
      </c>
      <c r="AC18974" s="5" t="s">
        <v>735</v>
      </c>
      <c r="AD18974" s="2" t="s">
        <v>59024</v>
      </c>
      <c r="AE18974" s="1"/>
    </row>
    <row r="18975" spans="1:31" ht="14.45">
      <c r="A18975" s="11"/>
      <c r="B18975" s="20"/>
      <c r="C18975" s="2" t="s">
        <v>59025</v>
      </c>
      <c r="D18975" s="14" t="s">
        <v>59026</v>
      </c>
      <c r="E18975" s="2" t="s">
        <v>59027</v>
      </c>
      <c r="F18975" s="2" t="s">
        <v>59028</v>
      </c>
      <c r="G18975" s="8">
        <v>1122</v>
      </c>
      <c r="H18975" s="5">
        <v>5</v>
      </c>
      <c r="I18975" s="5" t="s">
        <v>69</v>
      </c>
      <c r="J18975" s="5" t="s">
        <v>55802</v>
      </c>
      <c r="K18975" s="2" t="s">
        <v>55803</v>
      </c>
      <c r="L18975" s="5" t="s">
        <v>55802</v>
      </c>
      <c r="M18975" s="2" t="s">
        <v>55803</v>
      </c>
      <c r="N18975" s="5" t="s">
        <v>733</v>
      </c>
      <c r="O18975" s="5" t="s">
        <v>38</v>
      </c>
      <c r="P18975" s="5" t="s">
        <v>39</v>
      </c>
      <c r="Q18975" s="5" t="s">
        <v>40</v>
      </c>
      <c r="R18975" s="5" t="s">
        <v>897</v>
      </c>
      <c r="S18975" s="5" t="s">
        <v>40</v>
      </c>
      <c r="T18975" s="5" t="s">
        <v>42</v>
      </c>
      <c r="U18975" s="2">
        <v>53.21</v>
      </c>
      <c r="V18975" s="2">
        <v>48.860999999999997</v>
      </c>
      <c r="W18975" s="2">
        <v>0.26300000000000001</v>
      </c>
      <c r="X18975" s="2">
        <v>17</v>
      </c>
      <c r="Y18975" s="2">
        <v>100.9</v>
      </c>
      <c r="Z18975" s="2">
        <v>153.6</v>
      </c>
      <c r="AA18975" s="5">
        <v>7</v>
      </c>
      <c r="AB18975" s="5" t="s">
        <v>43</v>
      </c>
      <c r="AC18975" s="5" t="s">
        <v>735</v>
      </c>
      <c r="AD18975" s="2" t="s">
        <v>59029</v>
      </c>
      <c r="AE18975" s="1"/>
    </row>
    <row r="18976" spans="1:31" ht="14.45">
      <c r="A18976" s="11"/>
      <c r="B18976" s="20"/>
      <c r="C18976" s="2" t="s">
        <v>59030</v>
      </c>
      <c r="D18976" s="14" t="s">
        <v>59031</v>
      </c>
      <c r="E18976" s="2" t="s">
        <v>59032</v>
      </c>
      <c r="F18976" s="2" t="s">
        <v>59033</v>
      </c>
      <c r="G18976" s="8">
        <v>962</v>
      </c>
      <c r="H18976" s="5">
        <v>5</v>
      </c>
      <c r="I18976" s="5" t="s">
        <v>69</v>
      </c>
      <c r="J18976" s="5" t="s">
        <v>55802</v>
      </c>
      <c r="K18976" s="2" t="s">
        <v>55803</v>
      </c>
      <c r="L18976" s="5" t="s">
        <v>55802</v>
      </c>
      <c r="M18976" s="2" t="s">
        <v>55803</v>
      </c>
      <c r="N18976" s="5" t="s">
        <v>733</v>
      </c>
      <c r="O18976" s="5" t="s">
        <v>38</v>
      </c>
      <c r="P18976" s="5" t="s">
        <v>39</v>
      </c>
      <c r="Q18976" s="5" t="s">
        <v>40</v>
      </c>
      <c r="R18976" s="5" t="s">
        <v>897</v>
      </c>
      <c r="S18976" s="5" t="s">
        <v>40</v>
      </c>
      <c r="T18976" s="5" t="s">
        <v>42</v>
      </c>
      <c r="U18976" s="2">
        <v>59.939</v>
      </c>
      <c r="V18976" s="2">
        <v>55.283000000000001</v>
      </c>
      <c r="W18976" s="2">
        <v>0.27400000000000002</v>
      </c>
      <c r="X18976" s="2">
        <v>17</v>
      </c>
      <c r="Y18976" s="2">
        <v>104.9</v>
      </c>
      <c r="Z18976" s="2">
        <v>153.6</v>
      </c>
      <c r="AA18976" s="5">
        <v>7</v>
      </c>
      <c r="AB18976" s="5" t="s">
        <v>43</v>
      </c>
      <c r="AC18976" s="5" t="s">
        <v>735</v>
      </c>
      <c r="AD18976" s="2" t="s">
        <v>59034</v>
      </c>
      <c r="AE18976" s="1"/>
    </row>
    <row r="18977" spans="1:31" ht="14.45">
      <c r="A18977" s="11"/>
      <c r="B18977" s="20"/>
      <c r="C18977" s="2" t="s">
        <v>59035</v>
      </c>
      <c r="D18977" s="14" t="s">
        <v>59036</v>
      </c>
      <c r="E18977" s="2" t="s">
        <v>59037</v>
      </c>
      <c r="F18977" s="2" t="s">
        <v>59033</v>
      </c>
      <c r="G18977" s="8">
        <v>1262</v>
      </c>
      <c r="H18977" s="5">
        <v>5</v>
      </c>
      <c r="I18977" s="5" t="s">
        <v>69</v>
      </c>
      <c r="J18977" s="5" t="s">
        <v>55802</v>
      </c>
      <c r="K18977" s="2" t="s">
        <v>55803</v>
      </c>
      <c r="L18977" s="5" t="s">
        <v>55802</v>
      </c>
      <c r="M18977" s="2" t="s">
        <v>55803</v>
      </c>
      <c r="N18977" s="5" t="s">
        <v>733</v>
      </c>
      <c r="O18977" s="5" t="s">
        <v>38</v>
      </c>
      <c r="P18977" s="5" t="s">
        <v>39</v>
      </c>
      <c r="Q18977" s="5" t="s">
        <v>40</v>
      </c>
      <c r="R18977" s="5" t="s">
        <v>897</v>
      </c>
      <c r="S18977" s="5" t="s">
        <v>40</v>
      </c>
      <c r="T18977" s="5" t="s">
        <v>42</v>
      </c>
      <c r="U18977" s="2">
        <v>61.86</v>
      </c>
      <c r="V18977" s="2">
        <v>57.072000000000003</v>
      </c>
      <c r="W18977" s="2">
        <v>0.27400000000000002</v>
      </c>
      <c r="X18977" s="2">
        <v>17</v>
      </c>
      <c r="Y18977" s="2">
        <v>104.9</v>
      </c>
      <c r="Z18977" s="2">
        <v>153.6</v>
      </c>
      <c r="AA18977" s="5">
        <v>7</v>
      </c>
      <c r="AB18977" s="5" t="s">
        <v>43</v>
      </c>
      <c r="AC18977" s="5" t="s">
        <v>735</v>
      </c>
      <c r="AD18977" s="2" t="s">
        <v>59038</v>
      </c>
      <c r="AE18977" s="1"/>
    </row>
    <row r="18978" spans="1:31" ht="14.45">
      <c r="A18978" s="5" t="s">
        <v>116</v>
      </c>
      <c r="B18978" s="21">
        <v>46082</v>
      </c>
      <c r="C18978" s="2" t="s">
        <v>59039</v>
      </c>
      <c r="D18978" s="14" t="s">
        <v>59040</v>
      </c>
      <c r="E18978" s="2" t="s">
        <v>59041</v>
      </c>
      <c r="F18978" s="2" t="s">
        <v>59042</v>
      </c>
      <c r="G18978" s="8">
        <v>1362</v>
      </c>
      <c r="H18978" s="5">
        <v>5</v>
      </c>
      <c r="I18978" s="5" t="s">
        <v>69</v>
      </c>
      <c r="J18978" s="5" t="s">
        <v>55802</v>
      </c>
      <c r="K18978" s="2" t="s">
        <v>55803</v>
      </c>
      <c r="L18978" s="5" t="s">
        <v>55802</v>
      </c>
      <c r="M18978" s="2" t="s">
        <v>55803</v>
      </c>
      <c r="N18978" s="5" t="s">
        <v>733</v>
      </c>
      <c r="O18978" s="5" t="s">
        <v>38</v>
      </c>
      <c r="P18978" s="5" t="s">
        <v>39</v>
      </c>
      <c r="Q18978" s="5" t="s">
        <v>40</v>
      </c>
      <c r="R18978" s="5" t="s">
        <v>897</v>
      </c>
      <c r="S18978" s="5" t="s">
        <v>40</v>
      </c>
      <c r="T18978" s="5" t="s">
        <v>42</v>
      </c>
      <c r="U18978" s="2">
        <v>61.988</v>
      </c>
      <c r="V18978" s="2">
        <v>57.323</v>
      </c>
      <c r="W18978" s="2">
        <v>0.26300000000000001</v>
      </c>
      <c r="X18978" s="2">
        <v>17</v>
      </c>
      <c r="Y18978" s="2">
        <v>100.9</v>
      </c>
      <c r="Z18978" s="2">
        <v>153.6</v>
      </c>
      <c r="AA18978" s="5">
        <v>7</v>
      </c>
      <c r="AB18978" s="5" t="s">
        <v>43</v>
      </c>
      <c r="AC18978" s="5" t="s">
        <v>735</v>
      </c>
      <c r="AD18978" s="2" t="s">
        <v>59043</v>
      </c>
      <c r="AE18978" s="1"/>
    </row>
    <row r="18979" spans="1:31" ht="14.45">
      <c r="A18979" s="11"/>
      <c r="B18979" s="20"/>
      <c r="C18979" s="2" t="s">
        <v>59044</v>
      </c>
      <c r="D18979" s="14" t="s">
        <v>59045</v>
      </c>
      <c r="E18979" s="2" t="s">
        <v>59046</v>
      </c>
      <c r="F18979" s="2" t="s">
        <v>59033</v>
      </c>
      <c r="G18979" s="8">
        <v>1262</v>
      </c>
      <c r="H18979" s="5">
        <v>5</v>
      </c>
      <c r="I18979" s="5" t="s">
        <v>69</v>
      </c>
      <c r="J18979" s="5" t="s">
        <v>55802</v>
      </c>
      <c r="K18979" s="2" t="s">
        <v>55803</v>
      </c>
      <c r="L18979" s="5" t="s">
        <v>55802</v>
      </c>
      <c r="M18979" s="2" t="s">
        <v>55803</v>
      </c>
      <c r="N18979" s="5" t="s">
        <v>733</v>
      </c>
      <c r="O18979" s="5" t="s">
        <v>38</v>
      </c>
      <c r="P18979" s="5" t="s">
        <v>39</v>
      </c>
      <c r="Q18979" s="5" t="s">
        <v>40</v>
      </c>
      <c r="R18979" s="5" t="s">
        <v>897</v>
      </c>
      <c r="S18979" s="5" t="s">
        <v>40</v>
      </c>
      <c r="T18979" s="5" t="s">
        <v>42</v>
      </c>
      <c r="U18979" s="2">
        <v>62.036999999999999</v>
      </c>
      <c r="V18979" s="2">
        <v>57.188000000000002</v>
      </c>
      <c r="W18979" s="2">
        <v>0.27400000000000002</v>
      </c>
      <c r="X18979" s="2">
        <v>17</v>
      </c>
      <c r="Y18979" s="2">
        <v>104.9</v>
      </c>
      <c r="Z18979" s="2">
        <v>153.6</v>
      </c>
      <c r="AA18979" s="5">
        <v>7</v>
      </c>
      <c r="AB18979" s="5" t="s">
        <v>43</v>
      </c>
      <c r="AC18979" s="5" t="s">
        <v>735</v>
      </c>
      <c r="AD18979" s="2" t="s">
        <v>59047</v>
      </c>
      <c r="AE18979" s="1"/>
    </row>
    <row r="18980" spans="1:31" ht="14.45">
      <c r="A18980" s="5"/>
      <c r="B18980" s="21"/>
      <c r="C18980" s="2" t="s">
        <v>59048</v>
      </c>
      <c r="D18980" s="14" t="s">
        <v>59049</v>
      </c>
      <c r="E18980" s="2" t="s">
        <v>59050</v>
      </c>
      <c r="F18980" s="2" t="s">
        <v>59051</v>
      </c>
      <c r="G18980" s="8">
        <v>1509</v>
      </c>
      <c r="H18980" s="5">
        <v>5</v>
      </c>
      <c r="I18980" s="5" t="s">
        <v>69</v>
      </c>
      <c r="J18980" s="5" t="s">
        <v>55802</v>
      </c>
      <c r="K18980" s="2" t="s">
        <v>55803</v>
      </c>
      <c r="L18980" s="5" t="s">
        <v>55802</v>
      </c>
      <c r="M18980" s="2" t="s">
        <v>55803</v>
      </c>
      <c r="N18980" s="5" t="s">
        <v>733</v>
      </c>
      <c r="O18980" s="5" t="s">
        <v>38</v>
      </c>
      <c r="P18980" s="5" t="s">
        <v>39</v>
      </c>
      <c r="Q18980" s="5" t="s">
        <v>40</v>
      </c>
      <c r="R18980" s="5" t="s">
        <v>897</v>
      </c>
      <c r="S18980" s="5" t="s">
        <v>40</v>
      </c>
      <c r="T18980" s="5" t="s">
        <v>42</v>
      </c>
      <c r="U18980" s="2">
        <v>62.765000000000001</v>
      </c>
      <c r="V18980" s="2">
        <v>58.064</v>
      </c>
      <c r="W18980" s="2">
        <v>0.27400000000000002</v>
      </c>
      <c r="X18980" s="2">
        <v>17</v>
      </c>
      <c r="Y18980" s="2">
        <v>104.9</v>
      </c>
      <c r="Z18980" s="2">
        <v>153.6</v>
      </c>
      <c r="AA18980" s="5">
        <v>7</v>
      </c>
      <c r="AB18980" s="5" t="s">
        <v>43</v>
      </c>
      <c r="AC18980" s="5" t="s">
        <v>735</v>
      </c>
      <c r="AD18980" s="2"/>
      <c r="AE18980" s="1"/>
    </row>
    <row r="18981" spans="1:31" ht="14.45">
      <c r="A18981" s="11"/>
      <c r="B18981" s="20"/>
      <c r="C18981" s="2" t="s">
        <v>59052</v>
      </c>
      <c r="D18981" s="14" t="s">
        <v>59053</v>
      </c>
      <c r="E18981" s="2" t="s">
        <v>59054</v>
      </c>
      <c r="F18981" s="2" t="s">
        <v>59055</v>
      </c>
      <c r="G18981" s="8">
        <v>1849</v>
      </c>
      <c r="H18981" s="5">
        <v>10</v>
      </c>
      <c r="I18981" s="5" t="s">
        <v>69</v>
      </c>
      <c r="J18981" s="5" t="s">
        <v>55802</v>
      </c>
      <c r="K18981" s="2" t="s">
        <v>55803</v>
      </c>
      <c r="L18981" s="5" t="s">
        <v>55802</v>
      </c>
      <c r="M18981" s="2" t="s">
        <v>55803</v>
      </c>
      <c r="N18981" s="5" t="s">
        <v>733</v>
      </c>
      <c r="O18981" s="5" t="s">
        <v>38</v>
      </c>
      <c r="P18981" s="5" t="s">
        <v>39</v>
      </c>
      <c r="Q18981" s="5" t="s">
        <v>40</v>
      </c>
      <c r="R18981" s="5" t="s">
        <v>897</v>
      </c>
      <c r="S18981" s="5" t="s">
        <v>40</v>
      </c>
      <c r="T18981" s="5" t="s">
        <v>42</v>
      </c>
      <c r="U18981" s="2">
        <v>65.587000000000003</v>
      </c>
      <c r="V18981" s="2">
        <v>60.798999999999999</v>
      </c>
      <c r="W18981" s="2">
        <v>0.27400000000000002</v>
      </c>
      <c r="X18981" s="2">
        <v>17</v>
      </c>
      <c r="Y18981" s="2">
        <v>104.9</v>
      </c>
      <c r="Z18981" s="2">
        <v>153.6</v>
      </c>
      <c r="AA18981" s="5">
        <v>7</v>
      </c>
      <c r="AB18981" s="5" t="s">
        <v>43</v>
      </c>
      <c r="AC18981" s="5" t="s">
        <v>735</v>
      </c>
      <c r="AD18981" s="2" t="s">
        <v>59056</v>
      </c>
      <c r="AE18981" s="1"/>
    </row>
    <row r="18982" spans="1:31" ht="14.45">
      <c r="A18982" s="5" t="s">
        <v>116</v>
      </c>
      <c r="B18982" s="21">
        <v>46082</v>
      </c>
      <c r="C18982" s="2" t="s">
        <v>59057</v>
      </c>
      <c r="D18982" s="14" t="s">
        <v>59058</v>
      </c>
      <c r="E18982" s="2" t="s">
        <v>59059</v>
      </c>
      <c r="F18982" s="2" t="s">
        <v>59060</v>
      </c>
      <c r="G18982" s="8">
        <v>1949</v>
      </c>
      <c r="H18982" s="5">
        <v>5</v>
      </c>
      <c r="I18982" s="5" t="s">
        <v>69</v>
      </c>
      <c r="J18982" s="5" t="s">
        <v>55802</v>
      </c>
      <c r="K18982" s="2" t="s">
        <v>55803</v>
      </c>
      <c r="L18982" s="5" t="s">
        <v>55802</v>
      </c>
      <c r="M18982" s="2" t="s">
        <v>55803</v>
      </c>
      <c r="N18982" s="5" t="s">
        <v>733</v>
      </c>
      <c r="O18982" s="5" t="s">
        <v>38</v>
      </c>
      <c r="P18982" s="5" t="s">
        <v>39</v>
      </c>
      <c r="Q18982" s="5" t="s">
        <v>40</v>
      </c>
      <c r="R18982" s="5" t="s">
        <v>897</v>
      </c>
      <c r="S18982" s="5" t="s">
        <v>40</v>
      </c>
      <c r="T18982" s="5" t="s">
        <v>42</v>
      </c>
      <c r="U18982" s="2">
        <v>65.745999999999995</v>
      </c>
      <c r="V18982" s="2">
        <v>61.081000000000003</v>
      </c>
      <c r="W18982" s="2">
        <v>0.26300000000000001</v>
      </c>
      <c r="X18982" s="2">
        <v>17</v>
      </c>
      <c r="Y18982" s="2">
        <v>100.9</v>
      </c>
      <c r="Z18982" s="2">
        <v>153.6</v>
      </c>
      <c r="AA18982" s="5">
        <v>7</v>
      </c>
      <c r="AB18982" s="5" t="s">
        <v>43</v>
      </c>
      <c r="AC18982" s="5" t="s">
        <v>735</v>
      </c>
      <c r="AD18982" s="2" t="s">
        <v>59061</v>
      </c>
      <c r="AE18982" s="1"/>
    </row>
    <row r="18983" spans="1:31" ht="14.45">
      <c r="A18983" s="11"/>
      <c r="B18983" s="20"/>
      <c r="C18983" s="2" t="s">
        <v>59062</v>
      </c>
      <c r="D18983" s="14" t="s">
        <v>59063</v>
      </c>
      <c r="E18983" s="2" t="s">
        <v>59064</v>
      </c>
      <c r="F18983" s="2" t="s">
        <v>59065</v>
      </c>
      <c r="G18983" s="8">
        <v>1140</v>
      </c>
      <c r="H18983" s="5">
        <v>10</v>
      </c>
      <c r="I18983" s="5" t="s">
        <v>69</v>
      </c>
      <c r="J18983" s="5" t="s">
        <v>55802</v>
      </c>
      <c r="K18983" s="2" t="s">
        <v>55803</v>
      </c>
      <c r="L18983" s="5" t="s">
        <v>55802</v>
      </c>
      <c r="M18983" s="2" t="s">
        <v>55803</v>
      </c>
      <c r="N18983" s="5" t="s">
        <v>733</v>
      </c>
      <c r="O18983" s="5" t="s">
        <v>38</v>
      </c>
      <c r="P18983" s="5" t="s">
        <v>39</v>
      </c>
      <c r="Q18983" s="5" t="s">
        <v>40</v>
      </c>
      <c r="R18983" s="5" t="s">
        <v>897</v>
      </c>
      <c r="S18983" s="5" t="s">
        <v>40</v>
      </c>
      <c r="T18983" s="5" t="s">
        <v>42</v>
      </c>
      <c r="U18983" s="2">
        <v>57.329000000000001</v>
      </c>
      <c r="V18983" s="2">
        <v>52.649000000000001</v>
      </c>
      <c r="W18983" s="2">
        <v>0.27400000000000002</v>
      </c>
      <c r="X18983" s="2">
        <v>17</v>
      </c>
      <c r="Y18983" s="2">
        <v>104.9</v>
      </c>
      <c r="Z18983" s="2">
        <v>153.6</v>
      </c>
      <c r="AA18983" s="5">
        <v>7</v>
      </c>
      <c r="AB18983" s="5" t="s">
        <v>43</v>
      </c>
      <c r="AC18983" s="5" t="s">
        <v>735</v>
      </c>
      <c r="AD18983" s="2" t="s">
        <v>59066</v>
      </c>
      <c r="AE18983" s="1"/>
    </row>
    <row r="18984" spans="1:31" ht="14.45">
      <c r="A18984" s="11"/>
      <c r="B18984" s="20"/>
      <c r="C18984" s="2" t="s">
        <v>59067</v>
      </c>
      <c r="D18984" s="14" t="s">
        <v>59068</v>
      </c>
      <c r="E18984" s="2" t="s">
        <v>59069</v>
      </c>
      <c r="F18984" s="2" t="s">
        <v>59070</v>
      </c>
      <c r="G18984" s="8">
        <v>1440</v>
      </c>
      <c r="H18984" s="5">
        <v>10</v>
      </c>
      <c r="I18984" s="5" t="s">
        <v>69</v>
      </c>
      <c r="J18984" s="5" t="s">
        <v>55802</v>
      </c>
      <c r="K18984" s="2" t="s">
        <v>55803</v>
      </c>
      <c r="L18984" s="5" t="s">
        <v>55802</v>
      </c>
      <c r="M18984" s="2" t="s">
        <v>55803</v>
      </c>
      <c r="N18984" s="5" t="s">
        <v>733</v>
      </c>
      <c r="O18984" s="5" t="s">
        <v>38</v>
      </c>
      <c r="P18984" s="5" t="s">
        <v>39</v>
      </c>
      <c r="Q18984" s="5" t="s">
        <v>40</v>
      </c>
      <c r="R18984" s="5" t="s">
        <v>897</v>
      </c>
      <c r="S18984" s="5" t="s">
        <v>40</v>
      </c>
      <c r="T18984" s="5" t="s">
        <v>42</v>
      </c>
      <c r="U18984" s="2">
        <v>57.497</v>
      </c>
      <c r="V18984" s="2">
        <v>52.697000000000003</v>
      </c>
      <c r="W18984" s="2">
        <v>0.27400000000000002</v>
      </c>
      <c r="X18984" s="2">
        <v>17</v>
      </c>
      <c r="Y18984" s="2">
        <v>104.9</v>
      </c>
      <c r="Z18984" s="2">
        <v>153.6</v>
      </c>
      <c r="AA18984" s="5">
        <v>7</v>
      </c>
      <c r="AB18984" s="5" t="s">
        <v>43</v>
      </c>
      <c r="AC18984" s="5" t="s">
        <v>735</v>
      </c>
      <c r="AD18984" s="2" t="s">
        <v>59071</v>
      </c>
      <c r="AE18984" s="1"/>
    </row>
    <row r="18985" spans="1:31" ht="14.45">
      <c r="A18985" s="5" t="s">
        <v>116</v>
      </c>
      <c r="B18985" s="21">
        <v>46082</v>
      </c>
      <c r="C18985" s="2" t="s">
        <v>59072</v>
      </c>
      <c r="D18985" s="14" t="s">
        <v>59073</v>
      </c>
      <c r="E18985" s="2" t="s">
        <v>59074</v>
      </c>
      <c r="F18985" s="2" t="s">
        <v>59075</v>
      </c>
      <c r="G18985" s="8">
        <v>1540</v>
      </c>
      <c r="H18985" s="5">
        <v>5</v>
      </c>
      <c r="I18985" s="5" t="s">
        <v>69</v>
      </c>
      <c r="J18985" s="5" t="s">
        <v>55802</v>
      </c>
      <c r="K18985" s="2" t="s">
        <v>55803</v>
      </c>
      <c r="L18985" s="5" t="s">
        <v>55802</v>
      </c>
      <c r="M18985" s="2" t="s">
        <v>55803</v>
      </c>
      <c r="N18985" s="5" t="s">
        <v>733</v>
      </c>
      <c r="O18985" s="5" t="s">
        <v>38</v>
      </c>
      <c r="P18985" s="5" t="s">
        <v>39</v>
      </c>
      <c r="Q18985" s="5" t="s">
        <v>40</v>
      </c>
      <c r="R18985" s="5" t="s">
        <v>897</v>
      </c>
      <c r="S18985" s="5" t="s">
        <v>40</v>
      </c>
      <c r="T18985" s="5" t="s">
        <v>42</v>
      </c>
      <c r="U18985" s="2">
        <v>57.561999999999998</v>
      </c>
      <c r="V18985" s="2">
        <v>52.933</v>
      </c>
      <c r="W18985" s="2">
        <v>0.26300000000000001</v>
      </c>
      <c r="X18985" s="2">
        <v>17</v>
      </c>
      <c r="Y18985" s="2">
        <v>100.9</v>
      </c>
      <c r="Z18985" s="2">
        <v>153.6</v>
      </c>
      <c r="AA18985" s="5">
        <v>7</v>
      </c>
      <c r="AB18985" s="5" t="s">
        <v>43</v>
      </c>
      <c r="AC18985" s="5" t="s">
        <v>735</v>
      </c>
      <c r="AD18985" s="2" t="s">
        <v>59076</v>
      </c>
      <c r="AE18985" s="1"/>
    </row>
    <row r="18986" spans="1:31" ht="14.45">
      <c r="A18986" s="11"/>
      <c r="B18986" s="20"/>
      <c r="C18986" s="2" t="s">
        <v>59077</v>
      </c>
      <c r="D18986" s="14" t="s">
        <v>59078</v>
      </c>
      <c r="E18986" s="2" t="s">
        <v>59079</v>
      </c>
      <c r="F18986" s="2" t="s">
        <v>59080</v>
      </c>
      <c r="G18986" s="8">
        <v>1430</v>
      </c>
      <c r="H18986" s="5">
        <v>10</v>
      </c>
      <c r="I18986" s="5" t="s">
        <v>69</v>
      </c>
      <c r="J18986" s="5" t="s">
        <v>55802</v>
      </c>
      <c r="K18986" s="2" t="s">
        <v>55803</v>
      </c>
      <c r="L18986" s="5" t="s">
        <v>55802</v>
      </c>
      <c r="M18986" s="2" t="s">
        <v>55803</v>
      </c>
      <c r="N18986" s="5" t="s">
        <v>733</v>
      </c>
      <c r="O18986" s="5" t="s">
        <v>38</v>
      </c>
      <c r="P18986" s="5" t="s">
        <v>39</v>
      </c>
      <c r="Q18986" s="5" t="s">
        <v>40</v>
      </c>
      <c r="R18986" s="5" t="s">
        <v>897</v>
      </c>
      <c r="S18986" s="5" t="s">
        <v>40</v>
      </c>
      <c r="T18986" s="5" t="s">
        <v>42</v>
      </c>
      <c r="U18986" s="2">
        <v>65.382000000000005</v>
      </c>
      <c r="V18986" s="2">
        <v>60.701999999999998</v>
      </c>
      <c r="W18986" s="2">
        <v>0.27400000000000002</v>
      </c>
      <c r="X18986" s="2">
        <v>17</v>
      </c>
      <c r="Y18986" s="2">
        <v>104.9</v>
      </c>
      <c r="Z18986" s="2">
        <v>153.6</v>
      </c>
      <c r="AA18986" s="5">
        <v>7</v>
      </c>
      <c r="AB18986" s="5" t="s">
        <v>43</v>
      </c>
      <c r="AC18986" s="5" t="s">
        <v>735</v>
      </c>
      <c r="AD18986" s="2" t="s">
        <v>59081</v>
      </c>
      <c r="AE18986" s="1"/>
    </row>
    <row r="18987" spans="1:31" ht="14.45">
      <c r="A18987" s="11"/>
      <c r="B18987" s="20"/>
      <c r="C18987" s="2" t="s">
        <v>59082</v>
      </c>
      <c r="D18987" s="14" t="s">
        <v>59083</v>
      </c>
      <c r="E18987" s="2" t="s">
        <v>59084</v>
      </c>
      <c r="F18987" s="2" t="s">
        <v>59080</v>
      </c>
      <c r="G18987" s="8">
        <v>1730</v>
      </c>
      <c r="H18987" s="5">
        <v>10</v>
      </c>
      <c r="I18987" s="5" t="s">
        <v>69</v>
      </c>
      <c r="J18987" s="5" t="s">
        <v>55802</v>
      </c>
      <c r="K18987" s="2" t="s">
        <v>55803</v>
      </c>
      <c r="L18987" s="5" t="s">
        <v>55802</v>
      </c>
      <c r="M18987" s="2" t="s">
        <v>55803</v>
      </c>
      <c r="N18987" s="5" t="s">
        <v>733</v>
      </c>
      <c r="O18987" s="5" t="s">
        <v>38</v>
      </c>
      <c r="P18987" s="5" t="s">
        <v>39</v>
      </c>
      <c r="Q18987" s="5" t="s">
        <v>40</v>
      </c>
      <c r="R18987" s="5" t="s">
        <v>897</v>
      </c>
      <c r="S18987" s="5" t="s">
        <v>40</v>
      </c>
      <c r="T18987" s="5" t="s">
        <v>42</v>
      </c>
      <c r="U18987" s="2">
        <v>65.537999999999997</v>
      </c>
      <c r="V18987" s="2">
        <v>60.75</v>
      </c>
      <c r="W18987" s="2">
        <v>0.27400000000000002</v>
      </c>
      <c r="X18987" s="2">
        <v>17</v>
      </c>
      <c r="Y18987" s="2">
        <v>104.9</v>
      </c>
      <c r="Z18987" s="2">
        <v>153.6</v>
      </c>
      <c r="AA18987" s="5">
        <v>7</v>
      </c>
      <c r="AB18987" s="5" t="s">
        <v>43</v>
      </c>
      <c r="AC18987" s="5" t="s">
        <v>735</v>
      </c>
      <c r="AD18987" s="2" t="s">
        <v>59085</v>
      </c>
      <c r="AE18987" s="1"/>
    </row>
    <row r="18988" spans="1:31" ht="14.45">
      <c r="A18988" s="5" t="s">
        <v>116</v>
      </c>
      <c r="B18988" s="21">
        <v>46082</v>
      </c>
      <c r="C18988" s="2" t="s">
        <v>59086</v>
      </c>
      <c r="D18988" s="14" t="s">
        <v>59087</v>
      </c>
      <c r="E18988" s="2" t="s">
        <v>59088</v>
      </c>
      <c r="F18988" s="2" t="s">
        <v>59089</v>
      </c>
      <c r="G18988" s="8">
        <v>1830</v>
      </c>
      <c r="H18988" s="5">
        <v>5</v>
      </c>
      <c r="I18988" s="5" t="s">
        <v>69</v>
      </c>
      <c r="J18988" s="5" t="s">
        <v>55802</v>
      </c>
      <c r="K18988" s="2" t="s">
        <v>55803</v>
      </c>
      <c r="L18988" s="5" t="s">
        <v>55802</v>
      </c>
      <c r="M18988" s="2" t="s">
        <v>55803</v>
      </c>
      <c r="N18988" s="5" t="s">
        <v>733</v>
      </c>
      <c r="O18988" s="5" t="s">
        <v>38</v>
      </c>
      <c r="P18988" s="5" t="s">
        <v>39</v>
      </c>
      <c r="Q18988" s="5" t="s">
        <v>40</v>
      </c>
      <c r="R18988" s="5" t="s">
        <v>897</v>
      </c>
      <c r="S18988" s="5" t="s">
        <v>40</v>
      </c>
      <c r="T18988" s="5" t="s">
        <v>42</v>
      </c>
      <c r="U18988" s="2">
        <v>65.697000000000003</v>
      </c>
      <c r="V18988" s="2">
        <v>61.031999999999996</v>
      </c>
      <c r="W18988" s="2">
        <v>0.26300000000000001</v>
      </c>
      <c r="X18988" s="2">
        <v>17</v>
      </c>
      <c r="Y18988" s="2">
        <v>100.9</v>
      </c>
      <c r="Z18988" s="2">
        <v>153.6</v>
      </c>
      <c r="AA18988" s="5">
        <v>7</v>
      </c>
      <c r="AB18988" s="5" t="s">
        <v>43</v>
      </c>
      <c r="AC18988" s="5" t="s">
        <v>735</v>
      </c>
      <c r="AD18988" s="2" t="s">
        <v>59090</v>
      </c>
      <c r="AE18988" s="1"/>
    </row>
    <row r="18989" spans="1:31" ht="14.45">
      <c r="A18989" s="11"/>
      <c r="B18989" s="20"/>
      <c r="C18989" s="2" t="s">
        <v>59091</v>
      </c>
      <c r="D18989" s="14" t="s">
        <v>59092</v>
      </c>
      <c r="E18989" s="2" t="s">
        <v>59093</v>
      </c>
      <c r="F18989" s="2" t="s">
        <v>59094</v>
      </c>
      <c r="G18989" s="8">
        <v>1549</v>
      </c>
      <c r="H18989" s="5">
        <v>10</v>
      </c>
      <c r="I18989" s="5" t="s">
        <v>69</v>
      </c>
      <c r="J18989" s="5" t="s">
        <v>55802</v>
      </c>
      <c r="K18989" s="2" t="s">
        <v>55803</v>
      </c>
      <c r="L18989" s="5" t="s">
        <v>55802</v>
      </c>
      <c r="M18989" s="2" t="s">
        <v>55803</v>
      </c>
      <c r="N18989" s="5" t="s">
        <v>733</v>
      </c>
      <c r="O18989" s="5" t="s">
        <v>38</v>
      </c>
      <c r="P18989" s="5" t="s">
        <v>39</v>
      </c>
      <c r="Q18989" s="5" t="s">
        <v>40</v>
      </c>
      <c r="R18989" s="5" t="s">
        <v>897</v>
      </c>
      <c r="S18989" s="5" t="s">
        <v>40</v>
      </c>
      <c r="T18989" s="5" t="s">
        <v>42</v>
      </c>
      <c r="U18989" s="2">
        <v>64.409000000000006</v>
      </c>
      <c r="V18989" s="2">
        <v>59.728999999999999</v>
      </c>
      <c r="W18989" s="2">
        <v>0.27400000000000002</v>
      </c>
      <c r="X18989" s="2">
        <v>17</v>
      </c>
      <c r="Y18989" s="2">
        <v>104.9</v>
      </c>
      <c r="Z18989" s="2">
        <v>153.6</v>
      </c>
      <c r="AA18989" s="5">
        <v>7</v>
      </c>
      <c r="AB18989" s="5" t="s">
        <v>43</v>
      </c>
      <c r="AC18989" s="5" t="s">
        <v>735</v>
      </c>
      <c r="AD18989" s="2" t="s">
        <v>59095</v>
      </c>
      <c r="AE18989" s="1"/>
    </row>
    <row r="18990" spans="1:31" ht="14.45">
      <c r="A18990" s="11"/>
      <c r="B18990" s="20"/>
      <c r="C18990" s="2" t="s">
        <v>59096</v>
      </c>
      <c r="D18990" s="14" t="s">
        <v>59097</v>
      </c>
      <c r="E18990" s="2" t="s">
        <v>59098</v>
      </c>
      <c r="F18990" s="2" t="s">
        <v>59099</v>
      </c>
      <c r="G18990" s="8">
        <v>1849</v>
      </c>
      <c r="H18990" s="5">
        <v>10</v>
      </c>
      <c r="I18990" s="5" t="s">
        <v>69</v>
      </c>
      <c r="J18990" s="5" t="s">
        <v>55802</v>
      </c>
      <c r="K18990" s="2" t="s">
        <v>55803</v>
      </c>
      <c r="L18990" s="5" t="s">
        <v>55802</v>
      </c>
      <c r="M18990" s="2" t="s">
        <v>55803</v>
      </c>
      <c r="N18990" s="5" t="s">
        <v>733</v>
      </c>
      <c r="O18990" s="5" t="s">
        <v>38</v>
      </c>
      <c r="P18990" s="5" t="s">
        <v>39</v>
      </c>
      <c r="Q18990" s="5" t="s">
        <v>40</v>
      </c>
      <c r="R18990" s="5" t="s">
        <v>897</v>
      </c>
      <c r="S18990" s="5" t="s">
        <v>40</v>
      </c>
      <c r="T18990" s="5" t="s">
        <v>42</v>
      </c>
      <c r="U18990" s="2">
        <v>64.564999999999998</v>
      </c>
      <c r="V18990" s="2">
        <v>59.777000000000001</v>
      </c>
      <c r="W18990" s="2">
        <v>0.27400000000000002</v>
      </c>
      <c r="X18990" s="2">
        <v>17</v>
      </c>
      <c r="Y18990" s="2">
        <v>104.9</v>
      </c>
      <c r="Z18990" s="2">
        <v>153.6</v>
      </c>
      <c r="AA18990" s="5">
        <v>7</v>
      </c>
      <c r="AB18990" s="5" t="s">
        <v>43</v>
      </c>
      <c r="AC18990" s="5" t="s">
        <v>735</v>
      </c>
      <c r="AD18990" s="2" t="s">
        <v>59100</v>
      </c>
      <c r="AE18990" s="1"/>
    </row>
    <row r="18991" spans="1:31" ht="14.45">
      <c r="A18991" s="11"/>
      <c r="B18991" s="20"/>
      <c r="C18991" s="2" t="s">
        <v>59101</v>
      </c>
      <c r="D18991" s="14" t="s">
        <v>59102</v>
      </c>
      <c r="E18991" s="2" t="s">
        <v>59103</v>
      </c>
      <c r="F18991" s="2" t="s">
        <v>59104</v>
      </c>
      <c r="G18991" s="8">
        <v>1430</v>
      </c>
      <c r="H18991" s="5">
        <v>10</v>
      </c>
      <c r="I18991" s="5" t="s">
        <v>69</v>
      </c>
      <c r="J18991" s="5" t="s">
        <v>55802</v>
      </c>
      <c r="K18991" s="2" t="s">
        <v>55803</v>
      </c>
      <c r="L18991" s="5" t="s">
        <v>55802</v>
      </c>
      <c r="M18991" s="2" t="s">
        <v>55803</v>
      </c>
      <c r="N18991" s="5" t="s">
        <v>733</v>
      </c>
      <c r="O18991" s="5" t="s">
        <v>38</v>
      </c>
      <c r="P18991" s="5" t="s">
        <v>39</v>
      </c>
      <c r="Q18991" s="5" t="s">
        <v>40</v>
      </c>
      <c r="R18991" s="5" t="s">
        <v>897</v>
      </c>
      <c r="S18991" s="5" t="s">
        <v>40</v>
      </c>
      <c r="T18991" s="5" t="s">
        <v>42</v>
      </c>
      <c r="U18991" s="2">
        <v>64.36</v>
      </c>
      <c r="V18991" s="2">
        <v>59.68</v>
      </c>
      <c r="W18991" s="2">
        <v>0.27400000000000002</v>
      </c>
      <c r="X18991" s="2">
        <v>17</v>
      </c>
      <c r="Y18991" s="2">
        <v>104.9</v>
      </c>
      <c r="Z18991" s="2">
        <v>153.6</v>
      </c>
      <c r="AA18991" s="5">
        <v>7</v>
      </c>
      <c r="AB18991" s="5" t="s">
        <v>43</v>
      </c>
      <c r="AC18991" s="5" t="s">
        <v>735</v>
      </c>
      <c r="AD18991" s="2" t="s">
        <v>59105</v>
      </c>
      <c r="AE18991" s="1"/>
    </row>
    <row r="18992" spans="1:31" ht="14.45">
      <c r="A18992" s="11"/>
      <c r="B18992" s="20"/>
      <c r="C18992" s="2" t="s">
        <v>59106</v>
      </c>
      <c r="D18992" s="14" t="s">
        <v>59107</v>
      </c>
      <c r="E18992" s="2" t="s">
        <v>59108</v>
      </c>
      <c r="F18992" s="2" t="s">
        <v>59109</v>
      </c>
      <c r="G18992" s="8">
        <v>1270</v>
      </c>
      <c r="H18992" s="5">
        <v>5</v>
      </c>
      <c r="I18992" s="5" t="s">
        <v>69</v>
      </c>
      <c r="J18992" s="5" t="s">
        <v>55802</v>
      </c>
      <c r="K18992" s="2" t="s">
        <v>55803</v>
      </c>
      <c r="L18992" s="5" t="s">
        <v>55802</v>
      </c>
      <c r="M18992" s="2" t="s">
        <v>55803</v>
      </c>
      <c r="N18992" s="5" t="s">
        <v>733</v>
      </c>
      <c r="O18992" s="5" t="s">
        <v>38</v>
      </c>
      <c r="P18992" s="5" t="s">
        <v>39</v>
      </c>
      <c r="Q18992" s="5" t="s">
        <v>40</v>
      </c>
      <c r="R18992" s="5" t="s">
        <v>897</v>
      </c>
      <c r="S18992" s="5" t="s">
        <v>40</v>
      </c>
      <c r="T18992" s="5" t="s">
        <v>42</v>
      </c>
      <c r="U18992" s="2">
        <v>69.822999999999993</v>
      </c>
      <c r="V18992" s="2">
        <v>65.171999999999997</v>
      </c>
      <c r="W18992" s="2">
        <v>0.27400000000000002</v>
      </c>
      <c r="X18992" s="2">
        <v>17</v>
      </c>
      <c r="Y18992" s="2">
        <v>104.9</v>
      </c>
      <c r="Z18992" s="2">
        <v>153.6</v>
      </c>
      <c r="AA18992" s="5">
        <v>7</v>
      </c>
      <c r="AB18992" s="5" t="s">
        <v>43</v>
      </c>
      <c r="AC18992" s="5" t="s">
        <v>735</v>
      </c>
      <c r="AD18992" s="2" t="s">
        <v>59110</v>
      </c>
      <c r="AE18992" s="1"/>
    </row>
    <row r="18993" spans="1:31" ht="14.45">
      <c r="A18993" s="11"/>
      <c r="B18993" s="20"/>
      <c r="C18993" s="2" t="s">
        <v>59111</v>
      </c>
      <c r="D18993" s="14" t="s">
        <v>59112</v>
      </c>
      <c r="E18993" s="2" t="s">
        <v>59113</v>
      </c>
      <c r="F18993" s="2" t="s">
        <v>59114</v>
      </c>
      <c r="G18993" s="8">
        <v>1570</v>
      </c>
      <c r="H18993" s="5">
        <v>10</v>
      </c>
      <c r="I18993" s="5" t="s">
        <v>69</v>
      </c>
      <c r="J18993" s="5" t="s">
        <v>55802</v>
      </c>
      <c r="K18993" s="2" t="s">
        <v>55803</v>
      </c>
      <c r="L18993" s="5" t="s">
        <v>55802</v>
      </c>
      <c r="M18993" s="2" t="s">
        <v>55803</v>
      </c>
      <c r="N18993" s="5" t="s">
        <v>733</v>
      </c>
      <c r="O18993" s="5" t="s">
        <v>38</v>
      </c>
      <c r="P18993" s="5" t="s">
        <v>39</v>
      </c>
      <c r="Q18993" s="5" t="s">
        <v>40</v>
      </c>
      <c r="R18993" s="5" t="s">
        <v>897</v>
      </c>
      <c r="S18993" s="5" t="s">
        <v>40</v>
      </c>
      <c r="T18993" s="5" t="s">
        <v>42</v>
      </c>
      <c r="U18993" s="2">
        <v>71.599000000000004</v>
      </c>
      <c r="V18993" s="2">
        <v>66.811000000000007</v>
      </c>
      <c r="W18993" s="2">
        <v>0.27400000000000002</v>
      </c>
      <c r="X18993" s="2">
        <v>17</v>
      </c>
      <c r="Y18993" s="2">
        <v>104.9</v>
      </c>
      <c r="Z18993" s="2">
        <v>153.6</v>
      </c>
      <c r="AA18993" s="5">
        <v>7</v>
      </c>
      <c r="AB18993" s="5" t="s">
        <v>43</v>
      </c>
      <c r="AC18993" s="5" t="s">
        <v>735</v>
      </c>
      <c r="AD18993" s="2" t="s">
        <v>59115</v>
      </c>
      <c r="AE18993" s="1"/>
    </row>
    <row r="18994" spans="1:31" ht="14.45">
      <c r="A18994" s="11"/>
      <c r="B18994" s="20"/>
      <c r="C18994" s="2" t="s">
        <v>59116</v>
      </c>
      <c r="D18994" s="14" t="s">
        <v>59117</v>
      </c>
      <c r="E18994" s="2" t="s">
        <v>59118</v>
      </c>
      <c r="F18994" s="2" t="s">
        <v>59119</v>
      </c>
      <c r="G18994" s="8">
        <v>1081</v>
      </c>
      <c r="H18994" s="5">
        <v>5</v>
      </c>
      <c r="I18994" s="5" t="s">
        <v>69</v>
      </c>
      <c r="J18994" s="5" t="s">
        <v>55802</v>
      </c>
      <c r="K18994" s="2" t="s">
        <v>55803</v>
      </c>
      <c r="L18994" s="5" t="s">
        <v>55802</v>
      </c>
      <c r="M18994" s="2" t="s">
        <v>55803</v>
      </c>
      <c r="N18994" s="5" t="s">
        <v>733</v>
      </c>
      <c r="O18994" s="5" t="s">
        <v>38</v>
      </c>
      <c r="P18994" s="5" t="s">
        <v>39</v>
      </c>
      <c r="Q18994" s="5" t="s">
        <v>40</v>
      </c>
      <c r="R18994" s="5" t="s">
        <v>897</v>
      </c>
      <c r="S18994" s="5" t="s">
        <v>40</v>
      </c>
      <c r="T18994" s="5" t="s">
        <v>42</v>
      </c>
      <c r="U18994" s="2">
        <v>60.192</v>
      </c>
      <c r="V18994" s="2">
        <v>55.823999999999998</v>
      </c>
      <c r="W18994" s="2">
        <v>0.26300000000000001</v>
      </c>
      <c r="X18994" s="2">
        <v>17</v>
      </c>
      <c r="Y18994" s="2">
        <v>100.9</v>
      </c>
      <c r="Z18994" s="2">
        <v>153.6</v>
      </c>
      <c r="AA18994" s="5">
        <v>7</v>
      </c>
      <c r="AB18994" s="5" t="s">
        <v>43</v>
      </c>
      <c r="AC18994" s="5" t="s">
        <v>735</v>
      </c>
      <c r="AD18994" s="2" t="s">
        <v>59120</v>
      </c>
      <c r="AE18994" s="1"/>
    </row>
    <row r="18995" spans="1:31" ht="14.45">
      <c r="A18995" s="11"/>
      <c r="B18995" s="20"/>
      <c r="C18995" s="2" t="s">
        <v>59121</v>
      </c>
      <c r="D18995" s="14" t="s">
        <v>59122</v>
      </c>
      <c r="E18995" s="2" t="s">
        <v>59123</v>
      </c>
      <c r="F18995" s="2" t="s">
        <v>59124</v>
      </c>
      <c r="G18995" s="8">
        <v>1381</v>
      </c>
      <c r="H18995" s="5">
        <v>10</v>
      </c>
      <c r="I18995" s="5" t="s">
        <v>69</v>
      </c>
      <c r="J18995" s="5" t="s">
        <v>55802</v>
      </c>
      <c r="K18995" s="2" t="s">
        <v>55803</v>
      </c>
      <c r="L18995" s="5" t="s">
        <v>55802</v>
      </c>
      <c r="M18995" s="2" t="s">
        <v>55803</v>
      </c>
      <c r="N18995" s="5" t="s">
        <v>733</v>
      </c>
      <c r="O18995" s="5" t="s">
        <v>38</v>
      </c>
      <c r="P18995" s="5" t="s">
        <v>39</v>
      </c>
      <c r="Q18995" s="5" t="s">
        <v>40</v>
      </c>
      <c r="R18995" s="5" t="s">
        <v>897</v>
      </c>
      <c r="S18995" s="5" t="s">
        <v>40</v>
      </c>
      <c r="T18995" s="5" t="s">
        <v>42</v>
      </c>
      <c r="U18995" s="2">
        <v>61.906999999999996</v>
      </c>
      <c r="V18995" s="2">
        <v>57.119</v>
      </c>
      <c r="W18995" s="2">
        <v>0.27400000000000002</v>
      </c>
      <c r="X18995" s="2">
        <v>17</v>
      </c>
      <c r="Y18995" s="2">
        <v>104.9</v>
      </c>
      <c r="Z18995" s="2">
        <v>153.6</v>
      </c>
      <c r="AA18995" s="5">
        <v>7</v>
      </c>
      <c r="AB18995" s="5" t="s">
        <v>43</v>
      </c>
      <c r="AC18995" s="5" t="s">
        <v>735</v>
      </c>
      <c r="AD18995" s="2" t="s">
        <v>59125</v>
      </c>
      <c r="AE18995" s="1"/>
    </row>
    <row r="18996" spans="1:31" ht="14.45">
      <c r="A18996" s="11"/>
      <c r="B18996" s="20"/>
      <c r="C18996" s="2" t="s">
        <v>59126</v>
      </c>
      <c r="D18996" s="14" t="s">
        <v>59127</v>
      </c>
      <c r="E18996" s="2" t="s">
        <v>59128</v>
      </c>
      <c r="F18996" s="2" t="s">
        <v>59124</v>
      </c>
      <c r="G18996" s="8">
        <v>1381</v>
      </c>
      <c r="H18996" s="5">
        <v>10</v>
      </c>
      <c r="I18996" s="5" t="s">
        <v>69</v>
      </c>
      <c r="J18996" s="5" t="s">
        <v>55802</v>
      </c>
      <c r="K18996" s="2" t="s">
        <v>55803</v>
      </c>
      <c r="L18996" s="5" t="s">
        <v>55802</v>
      </c>
      <c r="M18996" s="2" t="s">
        <v>55803</v>
      </c>
      <c r="N18996" s="5" t="s">
        <v>733</v>
      </c>
      <c r="O18996" s="5" t="s">
        <v>38</v>
      </c>
      <c r="P18996" s="5" t="s">
        <v>39</v>
      </c>
      <c r="Q18996" s="5" t="s">
        <v>40</v>
      </c>
      <c r="R18996" s="5" t="s">
        <v>897</v>
      </c>
      <c r="S18996" s="5" t="s">
        <v>40</v>
      </c>
      <c r="T18996" s="5" t="s">
        <v>42</v>
      </c>
      <c r="U18996" s="2">
        <v>62.104999999999997</v>
      </c>
      <c r="V18996" s="2">
        <v>57.256</v>
      </c>
      <c r="W18996" s="2">
        <v>0.27400000000000002</v>
      </c>
      <c r="X18996" s="2">
        <v>17</v>
      </c>
      <c r="Y18996" s="2">
        <v>104.9</v>
      </c>
      <c r="Z18996" s="2">
        <v>153.6</v>
      </c>
      <c r="AA18996" s="5">
        <v>7</v>
      </c>
      <c r="AB18996" s="5" t="s">
        <v>43</v>
      </c>
      <c r="AC18996" s="5" t="s">
        <v>735</v>
      </c>
      <c r="AD18996" s="2" t="s">
        <v>59129</v>
      </c>
      <c r="AE18996" s="1"/>
    </row>
    <row r="18997" spans="1:31" ht="14.45">
      <c r="A18997" s="11"/>
      <c r="B18997" s="20"/>
      <c r="C18997" s="2" t="s">
        <v>59130</v>
      </c>
      <c r="D18997" s="14" t="s">
        <v>59131</v>
      </c>
      <c r="E18997" s="2" t="s">
        <v>59132</v>
      </c>
      <c r="F18997" s="2" t="s">
        <v>59124</v>
      </c>
      <c r="G18997" s="8">
        <v>1628</v>
      </c>
      <c r="H18997" s="5">
        <v>10</v>
      </c>
      <c r="I18997" s="5" t="s">
        <v>69</v>
      </c>
      <c r="J18997" s="5" t="s">
        <v>55802</v>
      </c>
      <c r="K18997" s="2" t="s">
        <v>55803</v>
      </c>
      <c r="L18997" s="5" t="s">
        <v>55802</v>
      </c>
      <c r="M18997" s="2" t="s">
        <v>55803</v>
      </c>
      <c r="N18997" s="5" t="s">
        <v>733</v>
      </c>
      <c r="O18997" s="5" t="s">
        <v>38</v>
      </c>
      <c r="P18997" s="5" t="s">
        <v>39</v>
      </c>
      <c r="Q18997" s="5" t="s">
        <v>40</v>
      </c>
      <c r="R18997" s="5" t="s">
        <v>897</v>
      </c>
      <c r="S18997" s="5" t="s">
        <v>40</v>
      </c>
      <c r="T18997" s="5" t="s">
        <v>42</v>
      </c>
      <c r="U18997" s="2">
        <v>62.768999999999998</v>
      </c>
      <c r="V18997" s="2">
        <v>58.067999999999998</v>
      </c>
      <c r="W18997" s="2">
        <v>0.27400000000000002</v>
      </c>
      <c r="X18997" s="2">
        <v>17</v>
      </c>
      <c r="Y18997" s="2">
        <v>104.9</v>
      </c>
      <c r="Z18997" s="2">
        <v>153.6</v>
      </c>
      <c r="AA18997" s="5">
        <v>7</v>
      </c>
      <c r="AB18997" s="5" t="s">
        <v>43</v>
      </c>
      <c r="AC18997" s="5" t="s">
        <v>735</v>
      </c>
      <c r="AD18997" s="2" t="s">
        <v>59133</v>
      </c>
      <c r="AE18997" s="1"/>
    </row>
    <row r="18998" spans="1:31" ht="14.45">
      <c r="A18998" s="11"/>
      <c r="B18998" s="20"/>
      <c r="C18998" s="2" t="s">
        <v>59134</v>
      </c>
      <c r="D18998" s="14" t="s">
        <v>59135</v>
      </c>
      <c r="E18998" s="2" t="s">
        <v>59136</v>
      </c>
      <c r="F18998" s="2" t="s">
        <v>59137</v>
      </c>
      <c r="G18998" s="8">
        <v>1270</v>
      </c>
      <c r="H18998" s="5">
        <v>10</v>
      </c>
      <c r="I18998" s="5" t="s">
        <v>69</v>
      </c>
      <c r="J18998" s="5" t="s">
        <v>55802</v>
      </c>
      <c r="K18998" s="2" t="s">
        <v>55803</v>
      </c>
      <c r="L18998" s="5" t="s">
        <v>55802</v>
      </c>
      <c r="M18998" s="2" t="s">
        <v>55803</v>
      </c>
      <c r="N18998" s="5" t="s">
        <v>733</v>
      </c>
      <c r="O18998" s="5" t="s">
        <v>38</v>
      </c>
      <c r="P18998" s="5" t="s">
        <v>39</v>
      </c>
      <c r="Q18998" s="5" t="s">
        <v>40</v>
      </c>
      <c r="R18998" s="5" t="s">
        <v>897</v>
      </c>
      <c r="S18998" s="5" t="s">
        <v>40</v>
      </c>
      <c r="T18998" s="5" t="s">
        <v>42</v>
      </c>
      <c r="U18998" s="2">
        <v>59.786000000000001</v>
      </c>
      <c r="V18998" s="2">
        <v>55.13</v>
      </c>
      <c r="W18998" s="2">
        <v>0.27400000000000002</v>
      </c>
      <c r="X18998" s="2">
        <v>17</v>
      </c>
      <c r="Y18998" s="2">
        <v>104.9</v>
      </c>
      <c r="Z18998" s="2">
        <v>153.6</v>
      </c>
      <c r="AA18998" s="5">
        <v>7</v>
      </c>
      <c r="AB18998" s="5" t="s">
        <v>43</v>
      </c>
      <c r="AC18998" s="5" t="s">
        <v>735</v>
      </c>
      <c r="AD18998" s="2" t="s">
        <v>59138</v>
      </c>
      <c r="AE18998" s="1"/>
    </row>
    <row r="18999" spans="1:31" ht="14.45">
      <c r="A18999" s="11"/>
      <c r="B18999" s="20"/>
      <c r="C18999" s="2" t="s">
        <v>59139</v>
      </c>
      <c r="D18999" s="14" t="s">
        <v>59140</v>
      </c>
      <c r="E18999" s="2" t="s">
        <v>59141</v>
      </c>
      <c r="F18999" s="2" t="s">
        <v>59137</v>
      </c>
      <c r="G18999" s="8">
        <v>1570</v>
      </c>
      <c r="H18999" s="5">
        <v>10</v>
      </c>
      <c r="I18999" s="5" t="s">
        <v>69</v>
      </c>
      <c r="J18999" s="5" t="s">
        <v>55802</v>
      </c>
      <c r="K18999" s="2" t="s">
        <v>55803</v>
      </c>
      <c r="L18999" s="5" t="s">
        <v>55802</v>
      </c>
      <c r="M18999" s="2" t="s">
        <v>55803</v>
      </c>
      <c r="N18999" s="5" t="s">
        <v>733</v>
      </c>
      <c r="O18999" s="5" t="s">
        <v>38</v>
      </c>
      <c r="P18999" s="5" t="s">
        <v>39</v>
      </c>
      <c r="Q18999" s="5" t="s">
        <v>40</v>
      </c>
      <c r="R18999" s="5" t="s">
        <v>897</v>
      </c>
      <c r="S18999" s="5" t="s">
        <v>40</v>
      </c>
      <c r="T18999" s="5" t="s">
        <v>42</v>
      </c>
      <c r="U18999" s="2">
        <v>61.707000000000001</v>
      </c>
      <c r="V18999" s="2">
        <v>56.918999999999997</v>
      </c>
      <c r="W18999" s="2">
        <v>0.27400000000000002</v>
      </c>
      <c r="X18999" s="2">
        <v>17</v>
      </c>
      <c r="Y18999" s="2">
        <v>104.9</v>
      </c>
      <c r="Z18999" s="2">
        <v>153.6</v>
      </c>
      <c r="AA18999" s="5">
        <v>7</v>
      </c>
      <c r="AB18999" s="5" t="s">
        <v>43</v>
      </c>
      <c r="AC18999" s="5" t="s">
        <v>735</v>
      </c>
      <c r="AD18999" s="2" t="s">
        <v>59142</v>
      </c>
      <c r="AE18999" s="1"/>
    </row>
    <row r="19000" spans="1:31" ht="14.45">
      <c r="A19000" s="11"/>
      <c r="B19000" s="20"/>
      <c r="C19000" s="2" t="s">
        <v>59143</v>
      </c>
      <c r="D19000" s="14" t="s">
        <v>59144</v>
      </c>
      <c r="E19000" s="2" t="s">
        <v>59145</v>
      </c>
      <c r="F19000" s="2" t="s">
        <v>59146</v>
      </c>
      <c r="G19000" s="8">
        <v>900</v>
      </c>
      <c r="H19000" s="5">
        <v>10</v>
      </c>
      <c r="I19000" s="5" t="s">
        <v>69</v>
      </c>
      <c r="J19000" s="5" t="s">
        <v>55802</v>
      </c>
      <c r="K19000" s="2" t="s">
        <v>55803</v>
      </c>
      <c r="L19000" s="5" t="s">
        <v>55802</v>
      </c>
      <c r="M19000" s="2" t="s">
        <v>55803</v>
      </c>
      <c r="N19000" s="5" t="s">
        <v>733</v>
      </c>
      <c r="O19000" s="5" t="s">
        <v>38</v>
      </c>
      <c r="P19000" s="5" t="s">
        <v>39</v>
      </c>
      <c r="Q19000" s="5" t="s">
        <v>40</v>
      </c>
      <c r="R19000" s="5" t="s">
        <v>897</v>
      </c>
      <c r="S19000" s="5" t="s">
        <v>40</v>
      </c>
      <c r="T19000" s="5" t="s">
        <v>42</v>
      </c>
      <c r="U19000" s="2">
        <v>60.05</v>
      </c>
      <c r="V19000" s="2">
        <v>55.393999999999998</v>
      </c>
      <c r="W19000" s="2">
        <v>0.27400000000000002</v>
      </c>
      <c r="X19000" s="2">
        <v>17</v>
      </c>
      <c r="Y19000" s="2">
        <v>104.9</v>
      </c>
      <c r="Z19000" s="2">
        <v>153.6</v>
      </c>
      <c r="AA19000" s="5">
        <v>7</v>
      </c>
      <c r="AB19000" s="5" t="s">
        <v>43</v>
      </c>
      <c r="AC19000" s="5" t="s">
        <v>735</v>
      </c>
      <c r="AD19000" s="2" t="s">
        <v>59147</v>
      </c>
      <c r="AE19000" s="1"/>
    </row>
    <row r="19001" spans="1:31" ht="14.45">
      <c r="A19001" s="11"/>
      <c r="B19001" s="20"/>
      <c r="C19001" s="2" t="s">
        <v>59148</v>
      </c>
      <c r="D19001" s="14" t="s">
        <v>59149</v>
      </c>
      <c r="E19001" s="2" t="s">
        <v>59150</v>
      </c>
      <c r="F19001" s="2" t="s">
        <v>59146</v>
      </c>
      <c r="G19001" s="8">
        <v>1200</v>
      </c>
      <c r="H19001" s="5">
        <v>10</v>
      </c>
      <c r="I19001" s="5" t="s">
        <v>69</v>
      </c>
      <c r="J19001" s="5" t="s">
        <v>55802</v>
      </c>
      <c r="K19001" s="2" t="s">
        <v>55803</v>
      </c>
      <c r="L19001" s="5" t="s">
        <v>55802</v>
      </c>
      <c r="M19001" s="2" t="s">
        <v>55803</v>
      </c>
      <c r="N19001" s="5" t="s">
        <v>733</v>
      </c>
      <c r="O19001" s="5" t="s">
        <v>38</v>
      </c>
      <c r="P19001" s="5" t="s">
        <v>39</v>
      </c>
      <c r="Q19001" s="5" t="s">
        <v>40</v>
      </c>
      <c r="R19001" s="5" t="s">
        <v>897</v>
      </c>
      <c r="S19001" s="5" t="s">
        <v>40</v>
      </c>
      <c r="T19001" s="5" t="s">
        <v>42</v>
      </c>
      <c r="U19001" s="2">
        <v>61.970999999999997</v>
      </c>
      <c r="V19001" s="2">
        <v>57.183</v>
      </c>
      <c r="W19001" s="2">
        <v>0.27400000000000002</v>
      </c>
      <c r="X19001" s="2">
        <v>17</v>
      </c>
      <c r="Y19001" s="2">
        <v>104.9</v>
      </c>
      <c r="Z19001" s="2">
        <v>153.6</v>
      </c>
      <c r="AA19001" s="5">
        <v>7</v>
      </c>
      <c r="AB19001" s="5" t="s">
        <v>43</v>
      </c>
      <c r="AC19001" s="5" t="s">
        <v>735</v>
      </c>
      <c r="AD19001" s="2" t="s">
        <v>59151</v>
      </c>
      <c r="AE19001" s="1"/>
    </row>
    <row r="19002" spans="1:31" ht="14.45">
      <c r="A19002" s="11"/>
      <c r="B19002" s="20"/>
      <c r="C19002" s="2" t="s">
        <v>59152</v>
      </c>
      <c r="D19002" s="14" t="s">
        <v>59153</v>
      </c>
      <c r="E19002" s="2" t="s">
        <v>59154</v>
      </c>
      <c r="F19002" s="2" t="s">
        <v>59155</v>
      </c>
      <c r="G19002" s="8">
        <v>672</v>
      </c>
      <c r="H19002" s="5">
        <v>5</v>
      </c>
      <c r="I19002" s="5" t="s">
        <v>69</v>
      </c>
      <c r="J19002" s="5" t="s">
        <v>55802</v>
      </c>
      <c r="K19002" s="2" t="s">
        <v>55803</v>
      </c>
      <c r="L19002" s="5" t="s">
        <v>55802</v>
      </c>
      <c r="M19002" s="2" t="s">
        <v>55803</v>
      </c>
      <c r="N19002" s="5" t="s">
        <v>733</v>
      </c>
      <c r="O19002" s="5" t="s">
        <v>38</v>
      </c>
      <c r="P19002" s="5" t="s">
        <v>39</v>
      </c>
      <c r="Q19002" s="5" t="s">
        <v>40</v>
      </c>
      <c r="R19002" s="5" t="s">
        <v>897</v>
      </c>
      <c r="S19002" s="5" t="s">
        <v>40</v>
      </c>
      <c r="T19002" s="5" t="s">
        <v>42</v>
      </c>
      <c r="U19002" s="2">
        <v>52.05</v>
      </c>
      <c r="V19002" s="2">
        <v>47.682000000000002</v>
      </c>
      <c r="W19002" s="2">
        <v>0.26300000000000001</v>
      </c>
      <c r="X19002" s="2">
        <v>17</v>
      </c>
      <c r="Y19002" s="2">
        <v>100.9</v>
      </c>
      <c r="Z19002" s="2">
        <v>153.6</v>
      </c>
      <c r="AA19002" s="5">
        <v>7</v>
      </c>
      <c r="AB19002" s="5" t="s">
        <v>43</v>
      </c>
      <c r="AC19002" s="5" t="s">
        <v>735</v>
      </c>
      <c r="AD19002" s="2" t="s">
        <v>59156</v>
      </c>
      <c r="AE19002" s="1"/>
    </row>
    <row r="19003" spans="1:31" ht="14.45">
      <c r="A19003" s="11"/>
      <c r="B19003" s="20"/>
      <c r="C19003" s="2" t="s">
        <v>59157</v>
      </c>
      <c r="D19003" s="14" t="s">
        <v>59158</v>
      </c>
      <c r="E19003" s="2" t="s">
        <v>59159</v>
      </c>
      <c r="F19003" s="2" t="s">
        <v>59155</v>
      </c>
      <c r="G19003" s="8">
        <v>972</v>
      </c>
      <c r="H19003" s="5">
        <v>5</v>
      </c>
      <c r="I19003" s="5" t="s">
        <v>69</v>
      </c>
      <c r="J19003" s="5" t="s">
        <v>55802</v>
      </c>
      <c r="K19003" s="2" t="s">
        <v>55803</v>
      </c>
      <c r="L19003" s="5" t="s">
        <v>55802</v>
      </c>
      <c r="M19003" s="2" t="s">
        <v>55803</v>
      </c>
      <c r="N19003" s="5" t="s">
        <v>733</v>
      </c>
      <c r="O19003" s="5" t="s">
        <v>38</v>
      </c>
      <c r="P19003" s="5" t="s">
        <v>39</v>
      </c>
      <c r="Q19003" s="5" t="s">
        <v>40</v>
      </c>
      <c r="R19003" s="5" t="s">
        <v>897</v>
      </c>
      <c r="S19003" s="5" t="s">
        <v>40</v>
      </c>
      <c r="T19003" s="5" t="s">
        <v>42</v>
      </c>
      <c r="U19003" s="2">
        <v>53.777000000000001</v>
      </c>
      <c r="V19003" s="2">
        <v>48.976999999999997</v>
      </c>
      <c r="W19003" s="2">
        <v>0.27400000000000002</v>
      </c>
      <c r="X19003" s="2">
        <v>17</v>
      </c>
      <c r="Y19003" s="2">
        <v>104.9</v>
      </c>
      <c r="Z19003" s="2">
        <v>153.6</v>
      </c>
      <c r="AA19003" s="5">
        <v>7</v>
      </c>
      <c r="AB19003" s="5" t="s">
        <v>43</v>
      </c>
      <c r="AC19003" s="5" t="s">
        <v>735</v>
      </c>
      <c r="AD19003" s="2" t="s">
        <v>59160</v>
      </c>
      <c r="AE19003" s="1"/>
    </row>
    <row r="19004" spans="1:31" ht="14.45">
      <c r="A19004" s="11"/>
      <c r="B19004" s="20"/>
      <c r="C19004" s="2" t="s">
        <v>59161</v>
      </c>
      <c r="D19004" s="14" t="s">
        <v>59162</v>
      </c>
      <c r="E19004" s="2" t="s">
        <v>59163</v>
      </c>
      <c r="F19004" s="2" t="s">
        <v>59155</v>
      </c>
      <c r="G19004" s="8">
        <v>972</v>
      </c>
      <c r="H19004" s="5">
        <v>10</v>
      </c>
      <c r="I19004" s="5" t="s">
        <v>69</v>
      </c>
      <c r="J19004" s="5" t="s">
        <v>55802</v>
      </c>
      <c r="K19004" s="2" t="s">
        <v>55803</v>
      </c>
      <c r="L19004" s="5" t="s">
        <v>55802</v>
      </c>
      <c r="M19004" s="2" t="s">
        <v>55803</v>
      </c>
      <c r="N19004" s="5" t="s">
        <v>733</v>
      </c>
      <c r="O19004" s="5" t="s">
        <v>38</v>
      </c>
      <c r="P19004" s="5" t="s">
        <v>39</v>
      </c>
      <c r="Q19004" s="5" t="s">
        <v>40</v>
      </c>
      <c r="R19004" s="5" t="s">
        <v>897</v>
      </c>
      <c r="S19004" s="5" t="s">
        <v>40</v>
      </c>
      <c r="T19004" s="5" t="s">
        <v>42</v>
      </c>
      <c r="U19004" s="2">
        <v>53.921999999999997</v>
      </c>
      <c r="V19004" s="2">
        <v>49.061</v>
      </c>
      <c r="W19004" s="2">
        <v>0.27400000000000002</v>
      </c>
      <c r="X19004" s="2">
        <v>17</v>
      </c>
      <c r="Y19004" s="2">
        <v>104.9</v>
      </c>
      <c r="Z19004" s="2">
        <v>153.6</v>
      </c>
      <c r="AA19004" s="5">
        <v>7</v>
      </c>
      <c r="AB19004" s="5" t="s">
        <v>43</v>
      </c>
      <c r="AC19004" s="5" t="s">
        <v>735</v>
      </c>
      <c r="AD19004" s="2" t="s">
        <v>59164</v>
      </c>
      <c r="AE19004" s="1"/>
    </row>
    <row r="19005" spans="1:31" ht="14.45">
      <c r="A19005" s="11"/>
      <c r="B19005" s="20"/>
      <c r="C19005" s="2" t="s">
        <v>59165</v>
      </c>
      <c r="D19005" s="14" t="s">
        <v>59166</v>
      </c>
      <c r="E19005" s="2" t="s">
        <v>59167</v>
      </c>
      <c r="F19005" s="2" t="s">
        <v>59155</v>
      </c>
      <c r="G19005" s="8">
        <v>1219</v>
      </c>
      <c r="H19005" s="5">
        <v>10</v>
      </c>
      <c r="I19005" s="5" t="s">
        <v>69</v>
      </c>
      <c r="J19005" s="5" t="s">
        <v>55802</v>
      </c>
      <c r="K19005" s="2" t="s">
        <v>55803</v>
      </c>
      <c r="L19005" s="5" t="s">
        <v>55802</v>
      </c>
      <c r="M19005" s="2" t="s">
        <v>55803</v>
      </c>
      <c r="N19005" s="5" t="s">
        <v>733</v>
      </c>
      <c r="O19005" s="5" t="s">
        <v>38</v>
      </c>
      <c r="P19005" s="5" t="s">
        <v>39</v>
      </c>
      <c r="Q19005" s="5" t="s">
        <v>40</v>
      </c>
      <c r="R19005" s="5" t="s">
        <v>897</v>
      </c>
      <c r="S19005" s="5" t="s">
        <v>40</v>
      </c>
      <c r="T19005" s="5" t="s">
        <v>42</v>
      </c>
      <c r="U19005" s="2">
        <v>54.639000000000003</v>
      </c>
      <c r="V19005" s="2">
        <v>49.926000000000002</v>
      </c>
      <c r="W19005" s="2">
        <v>0.27400000000000002</v>
      </c>
      <c r="X19005" s="2">
        <v>17</v>
      </c>
      <c r="Y19005" s="2">
        <v>104.9</v>
      </c>
      <c r="Z19005" s="2">
        <v>153.6</v>
      </c>
      <c r="AA19005" s="5">
        <v>7</v>
      </c>
      <c r="AB19005" s="5" t="s">
        <v>43</v>
      </c>
      <c r="AC19005" s="5" t="s">
        <v>735</v>
      </c>
      <c r="AD19005" s="2" t="s">
        <v>59168</v>
      </c>
      <c r="AE19005" s="1"/>
    </row>
    <row r="19006" spans="1:31" ht="14.45">
      <c r="A19006" s="11"/>
      <c r="B19006" s="20"/>
      <c r="C19006" s="2" t="s">
        <v>59169</v>
      </c>
      <c r="D19006" s="14" t="s">
        <v>59170</v>
      </c>
      <c r="E19006" s="2" t="s">
        <v>59171</v>
      </c>
      <c r="F19006" s="2" t="s">
        <v>59172</v>
      </c>
      <c r="G19006" s="8">
        <v>962</v>
      </c>
      <c r="H19006" s="5">
        <v>5</v>
      </c>
      <c r="I19006" s="5" t="s">
        <v>69</v>
      </c>
      <c r="J19006" s="5" t="s">
        <v>55802</v>
      </c>
      <c r="K19006" s="2" t="s">
        <v>55803</v>
      </c>
      <c r="L19006" s="5" t="s">
        <v>55802</v>
      </c>
      <c r="M19006" s="2" t="s">
        <v>55803</v>
      </c>
      <c r="N19006" s="5" t="s">
        <v>733</v>
      </c>
      <c r="O19006" s="5" t="s">
        <v>38</v>
      </c>
      <c r="P19006" s="5" t="s">
        <v>39</v>
      </c>
      <c r="Q19006" s="5" t="s">
        <v>40</v>
      </c>
      <c r="R19006" s="5" t="s">
        <v>897</v>
      </c>
      <c r="S19006" s="5" t="s">
        <v>40</v>
      </c>
      <c r="T19006" s="5" t="s">
        <v>42</v>
      </c>
      <c r="U19006" s="2">
        <v>59.936999999999998</v>
      </c>
      <c r="V19006" s="2">
        <v>55.280999999999999</v>
      </c>
      <c r="W19006" s="2">
        <v>0.27400000000000002</v>
      </c>
      <c r="X19006" s="2">
        <v>17</v>
      </c>
      <c r="Y19006" s="2">
        <v>104.9</v>
      </c>
      <c r="Z19006" s="2">
        <v>153.6</v>
      </c>
      <c r="AA19006" s="5">
        <v>7</v>
      </c>
      <c r="AB19006" s="5" t="s">
        <v>43</v>
      </c>
      <c r="AC19006" s="5" t="s">
        <v>735</v>
      </c>
      <c r="AD19006" s="2" t="s">
        <v>59173</v>
      </c>
      <c r="AE19006" s="1"/>
    </row>
    <row r="19007" spans="1:31" ht="14.45">
      <c r="A19007" s="11"/>
      <c r="B19007" s="20"/>
      <c r="C19007" s="2" t="s">
        <v>59174</v>
      </c>
      <c r="D19007" s="14" t="s">
        <v>59175</v>
      </c>
      <c r="E19007" s="2" t="s">
        <v>59176</v>
      </c>
      <c r="F19007" s="2" t="s">
        <v>59172</v>
      </c>
      <c r="G19007" s="8">
        <v>1262</v>
      </c>
      <c r="H19007" s="5">
        <v>5</v>
      </c>
      <c r="I19007" s="5" t="s">
        <v>69</v>
      </c>
      <c r="J19007" s="5" t="s">
        <v>55802</v>
      </c>
      <c r="K19007" s="2" t="s">
        <v>55803</v>
      </c>
      <c r="L19007" s="5" t="s">
        <v>55802</v>
      </c>
      <c r="M19007" s="2" t="s">
        <v>55803</v>
      </c>
      <c r="N19007" s="5" t="s">
        <v>733</v>
      </c>
      <c r="O19007" s="5" t="s">
        <v>38</v>
      </c>
      <c r="P19007" s="5" t="s">
        <v>39</v>
      </c>
      <c r="Q19007" s="5" t="s">
        <v>40</v>
      </c>
      <c r="R19007" s="5" t="s">
        <v>897</v>
      </c>
      <c r="S19007" s="5" t="s">
        <v>40</v>
      </c>
      <c r="T19007" s="5" t="s">
        <v>42</v>
      </c>
      <c r="U19007" s="2">
        <v>61.857999999999997</v>
      </c>
      <c r="V19007" s="2">
        <v>57.07</v>
      </c>
      <c r="W19007" s="2">
        <v>0.27400000000000002</v>
      </c>
      <c r="X19007" s="2">
        <v>17</v>
      </c>
      <c r="Y19007" s="2">
        <v>104.9</v>
      </c>
      <c r="Z19007" s="2">
        <v>153.6</v>
      </c>
      <c r="AA19007" s="5">
        <v>7</v>
      </c>
      <c r="AB19007" s="5" t="s">
        <v>43</v>
      </c>
      <c r="AC19007" s="5" t="s">
        <v>735</v>
      </c>
      <c r="AD19007" s="2" t="s">
        <v>59177</v>
      </c>
      <c r="AE19007" s="1"/>
    </row>
    <row r="19008" spans="1:31" ht="14.45">
      <c r="A19008" s="11"/>
      <c r="B19008" s="20"/>
      <c r="C19008" s="2" t="s">
        <v>59178</v>
      </c>
      <c r="D19008" s="14" t="s">
        <v>59179</v>
      </c>
      <c r="E19008" s="2" t="s">
        <v>59180</v>
      </c>
      <c r="F19008" s="2" t="s">
        <v>59172</v>
      </c>
      <c r="G19008" s="8">
        <v>1262</v>
      </c>
      <c r="H19008" s="5">
        <v>5</v>
      </c>
      <c r="I19008" s="5" t="s">
        <v>69</v>
      </c>
      <c r="J19008" s="5" t="s">
        <v>55802</v>
      </c>
      <c r="K19008" s="2" t="s">
        <v>55803</v>
      </c>
      <c r="L19008" s="5" t="s">
        <v>55802</v>
      </c>
      <c r="M19008" s="2" t="s">
        <v>55803</v>
      </c>
      <c r="N19008" s="5" t="s">
        <v>733</v>
      </c>
      <c r="O19008" s="5" t="s">
        <v>38</v>
      </c>
      <c r="P19008" s="5" t="s">
        <v>39</v>
      </c>
      <c r="Q19008" s="5" t="s">
        <v>40</v>
      </c>
      <c r="R19008" s="5" t="s">
        <v>897</v>
      </c>
      <c r="S19008" s="5" t="s">
        <v>40</v>
      </c>
      <c r="T19008" s="5" t="s">
        <v>42</v>
      </c>
      <c r="U19008" s="2">
        <v>62.055999999999997</v>
      </c>
      <c r="V19008" s="2">
        <v>57.207000000000001</v>
      </c>
      <c r="W19008" s="2">
        <v>0.27400000000000002</v>
      </c>
      <c r="X19008" s="2">
        <v>17</v>
      </c>
      <c r="Y19008" s="2">
        <v>104.9</v>
      </c>
      <c r="Z19008" s="2">
        <v>153.6</v>
      </c>
      <c r="AA19008" s="5">
        <v>7</v>
      </c>
      <c r="AB19008" s="5" t="s">
        <v>43</v>
      </c>
      <c r="AC19008" s="5" t="s">
        <v>735</v>
      </c>
      <c r="AD19008" s="2" t="s">
        <v>59181</v>
      </c>
      <c r="AE19008" s="1"/>
    </row>
    <row r="19009" spans="1:31" ht="14.45">
      <c r="A19009" s="5"/>
      <c r="B19009" s="21"/>
      <c r="C19009" s="2" t="s">
        <v>59182</v>
      </c>
      <c r="D19009" s="14" t="s">
        <v>59183</v>
      </c>
      <c r="E19009" s="2" t="s">
        <v>59184</v>
      </c>
      <c r="F19009" s="2" t="s">
        <v>59185</v>
      </c>
      <c r="G19009" s="8">
        <v>1509</v>
      </c>
      <c r="H19009" s="5">
        <v>5</v>
      </c>
      <c r="I19009" s="5" t="s">
        <v>69</v>
      </c>
      <c r="J19009" s="5" t="s">
        <v>55802</v>
      </c>
      <c r="K19009" s="2" t="s">
        <v>55803</v>
      </c>
      <c r="L19009" s="5" t="s">
        <v>55802</v>
      </c>
      <c r="M19009" s="2" t="s">
        <v>55803</v>
      </c>
      <c r="N19009" s="5" t="s">
        <v>733</v>
      </c>
      <c r="O19009" s="5" t="s">
        <v>38</v>
      </c>
      <c r="P19009" s="5" t="s">
        <v>39</v>
      </c>
      <c r="Q19009" s="5" t="s">
        <v>40</v>
      </c>
      <c r="R19009" s="5" t="s">
        <v>897</v>
      </c>
      <c r="S19009" s="5" t="s">
        <v>40</v>
      </c>
      <c r="T19009" s="5" t="s">
        <v>42</v>
      </c>
      <c r="U19009" s="2">
        <v>62.72</v>
      </c>
      <c r="V19009" s="2">
        <v>58.018999999999998</v>
      </c>
      <c r="W19009" s="2">
        <v>0.27400000000000002</v>
      </c>
      <c r="X19009" s="2">
        <v>17</v>
      </c>
      <c r="Y19009" s="2">
        <v>104.9</v>
      </c>
      <c r="Z19009" s="2">
        <v>153.6</v>
      </c>
      <c r="AA19009" s="5">
        <v>7</v>
      </c>
      <c r="AB19009" s="5" t="s">
        <v>43</v>
      </c>
      <c r="AC19009" s="5" t="s">
        <v>735</v>
      </c>
      <c r="AD19009" s="2"/>
      <c r="AE19009" s="1"/>
    </row>
    <row r="19010" spans="1:31" ht="14.45">
      <c r="A19010" s="11"/>
      <c r="B19010" s="20"/>
      <c r="C19010" s="2" t="s">
        <v>59186</v>
      </c>
      <c r="D19010" s="14" t="s">
        <v>59187</v>
      </c>
      <c r="E19010" s="2" t="s">
        <v>59188</v>
      </c>
      <c r="F19010" s="2" t="s">
        <v>59189</v>
      </c>
      <c r="G19010" s="8">
        <v>2038</v>
      </c>
      <c r="H19010" s="5">
        <v>10</v>
      </c>
      <c r="I19010" s="5" t="s">
        <v>69</v>
      </c>
      <c r="J19010" s="5" t="s">
        <v>55802</v>
      </c>
      <c r="K19010" s="2" t="s">
        <v>55803</v>
      </c>
      <c r="L19010" s="5" t="s">
        <v>55802</v>
      </c>
      <c r="M19010" s="2" t="s">
        <v>55803</v>
      </c>
      <c r="N19010" s="5" t="s">
        <v>733</v>
      </c>
      <c r="O19010" s="5" t="s">
        <v>38</v>
      </c>
      <c r="P19010" s="5" t="s">
        <v>39</v>
      </c>
      <c r="Q19010" s="5" t="s">
        <v>40</v>
      </c>
      <c r="R19010" s="5" t="s">
        <v>897</v>
      </c>
      <c r="S19010" s="5" t="s">
        <v>40</v>
      </c>
      <c r="T19010" s="5" t="s">
        <v>42</v>
      </c>
      <c r="U19010" s="2">
        <v>75.283000000000001</v>
      </c>
      <c r="V19010" s="2">
        <v>70.495000000000005</v>
      </c>
      <c r="W19010" s="2">
        <v>0.27400000000000002</v>
      </c>
      <c r="X19010" s="2">
        <v>17</v>
      </c>
      <c r="Y19010" s="2">
        <v>104.9</v>
      </c>
      <c r="Z19010" s="2">
        <v>153.6</v>
      </c>
      <c r="AA19010" s="5">
        <v>7</v>
      </c>
      <c r="AB19010" s="5" t="s">
        <v>43</v>
      </c>
      <c r="AC19010" s="5" t="s">
        <v>735</v>
      </c>
      <c r="AD19010" s="2" t="s">
        <v>59190</v>
      </c>
      <c r="AE19010" s="1"/>
    </row>
    <row r="19011" spans="1:31" ht="14.45">
      <c r="A19011" s="11"/>
      <c r="B19011" s="20"/>
      <c r="C19011" s="2" t="s">
        <v>59191</v>
      </c>
      <c r="D19011" s="14" t="s">
        <v>59192</v>
      </c>
      <c r="E19011" s="2" t="s">
        <v>59193</v>
      </c>
      <c r="F19011" s="2" t="s">
        <v>59194</v>
      </c>
      <c r="G19011" s="8">
        <v>1549</v>
      </c>
      <c r="H19011" s="5">
        <v>10</v>
      </c>
      <c r="I19011" s="5" t="s">
        <v>69</v>
      </c>
      <c r="J19011" s="5" t="s">
        <v>55802</v>
      </c>
      <c r="K19011" s="2" t="s">
        <v>55803</v>
      </c>
      <c r="L19011" s="5" t="s">
        <v>55802</v>
      </c>
      <c r="M19011" s="2" t="s">
        <v>55803</v>
      </c>
      <c r="N19011" s="5" t="s">
        <v>733</v>
      </c>
      <c r="O19011" s="5" t="s">
        <v>38</v>
      </c>
      <c r="P19011" s="5" t="s">
        <v>39</v>
      </c>
      <c r="Q19011" s="5" t="s">
        <v>40</v>
      </c>
      <c r="R19011" s="5" t="s">
        <v>897</v>
      </c>
      <c r="S19011" s="5" t="s">
        <v>40</v>
      </c>
      <c r="T19011" s="5" t="s">
        <v>42</v>
      </c>
      <c r="U19011" s="2">
        <v>65.427999999999997</v>
      </c>
      <c r="V19011" s="2">
        <v>60.747999999999998</v>
      </c>
      <c r="W19011" s="2">
        <v>0.27400000000000002</v>
      </c>
      <c r="X19011" s="2">
        <v>17</v>
      </c>
      <c r="Y19011" s="2">
        <v>104.9</v>
      </c>
      <c r="Z19011" s="2">
        <v>153.6</v>
      </c>
      <c r="AA19011" s="5">
        <v>7</v>
      </c>
      <c r="AB19011" s="5" t="s">
        <v>43</v>
      </c>
      <c r="AC19011" s="5" t="s">
        <v>735</v>
      </c>
      <c r="AD19011" s="2" t="s">
        <v>59195</v>
      </c>
      <c r="AE19011" s="1"/>
    </row>
    <row r="19012" spans="1:31" ht="14.45">
      <c r="A19012" s="11"/>
      <c r="B19012" s="20"/>
      <c r="C19012" s="2" t="s">
        <v>59196</v>
      </c>
      <c r="D19012" s="14" t="s">
        <v>59197</v>
      </c>
      <c r="E19012" s="2" t="s">
        <v>59198</v>
      </c>
      <c r="F19012" s="2" t="s">
        <v>59199</v>
      </c>
      <c r="G19012" s="8">
        <v>1849</v>
      </c>
      <c r="H19012" s="5">
        <v>10</v>
      </c>
      <c r="I19012" s="5" t="s">
        <v>69</v>
      </c>
      <c r="J19012" s="5" t="s">
        <v>55802</v>
      </c>
      <c r="K19012" s="2" t="s">
        <v>55803</v>
      </c>
      <c r="L19012" s="5" t="s">
        <v>55802</v>
      </c>
      <c r="M19012" s="2" t="s">
        <v>55803</v>
      </c>
      <c r="N19012" s="5" t="s">
        <v>733</v>
      </c>
      <c r="O19012" s="5" t="s">
        <v>38</v>
      </c>
      <c r="P19012" s="5" t="s">
        <v>39</v>
      </c>
      <c r="Q19012" s="5" t="s">
        <v>40</v>
      </c>
      <c r="R19012" s="5" t="s">
        <v>897</v>
      </c>
      <c r="S19012" s="5" t="s">
        <v>40</v>
      </c>
      <c r="T19012" s="5" t="s">
        <v>42</v>
      </c>
      <c r="U19012" s="2">
        <v>65.584999999999994</v>
      </c>
      <c r="V19012" s="2">
        <v>60.796999999999997</v>
      </c>
      <c r="W19012" s="2">
        <v>0.27400000000000002</v>
      </c>
      <c r="X19012" s="2">
        <v>17</v>
      </c>
      <c r="Y19012" s="2">
        <v>104.9</v>
      </c>
      <c r="Z19012" s="2">
        <v>153.6</v>
      </c>
      <c r="AA19012" s="5">
        <v>7</v>
      </c>
      <c r="AB19012" s="5" t="s">
        <v>43</v>
      </c>
      <c r="AC19012" s="5" t="s">
        <v>735</v>
      </c>
      <c r="AD19012" s="2" t="s">
        <v>59200</v>
      </c>
      <c r="AE19012" s="1"/>
    </row>
    <row r="19013" spans="1:31" ht="14.45">
      <c r="A19013" s="11"/>
      <c r="B19013" s="20"/>
      <c r="C19013" s="2" t="s">
        <v>59201</v>
      </c>
      <c r="D19013" s="14" t="s">
        <v>59202</v>
      </c>
      <c r="E19013" s="2" t="s">
        <v>59203</v>
      </c>
      <c r="F19013" s="2" t="s">
        <v>59204</v>
      </c>
      <c r="G19013" s="8">
        <v>1430</v>
      </c>
      <c r="H19013" s="5">
        <v>10</v>
      </c>
      <c r="I19013" s="5" t="s">
        <v>69</v>
      </c>
      <c r="J19013" s="5" t="s">
        <v>55802</v>
      </c>
      <c r="K19013" s="2" t="s">
        <v>55803</v>
      </c>
      <c r="L19013" s="5" t="s">
        <v>55802</v>
      </c>
      <c r="M19013" s="2" t="s">
        <v>55803</v>
      </c>
      <c r="N19013" s="5" t="s">
        <v>733</v>
      </c>
      <c r="O19013" s="5" t="s">
        <v>38</v>
      </c>
      <c r="P19013" s="5" t="s">
        <v>39</v>
      </c>
      <c r="Q19013" s="5" t="s">
        <v>40</v>
      </c>
      <c r="R19013" s="5" t="s">
        <v>897</v>
      </c>
      <c r="S19013" s="5" t="s">
        <v>40</v>
      </c>
      <c r="T19013" s="5" t="s">
        <v>42</v>
      </c>
      <c r="U19013" s="2">
        <v>65.379000000000005</v>
      </c>
      <c r="V19013" s="2">
        <v>60.698999999999998</v>
      </c>
      <c r="W19013" s="2">
        <v>0.27400000000000002</v>
      </c>
      <c r="X19013" s="2">
        <v>17</v>
      </c>
      <c r="Y19013" s="2">
        <v>104.9</v>
      </c>
      <c r="Z19013" s="2">
        <v>153.6</v>
      </c>
      <c r="AA19013" s="5">
        <v>7</v>
      </c>
      <c r="AB19013" s="5" t="s">
        <v>43</v>
      </c>
      <c r="AC19013" s="5" t="s">
        <v>735</v>
      </c>
      <c r="AD19013" s="2" t="s">
        <v>59205</v>
      </c>
      <c r="AE19013" s="1"/>
    </row>
    <row r="19014" spans="1:31" ht="14.45">
      <c r="A19014" s="11"/>
      <c r="B19014" s="20"/>
      <c r="C19014" s="2" t="s">
        <v>59206</v>
      </c>
      <c r="D19014" s="14" t="s">
        <v>59207</v>
      </c>
      <c r="E19014" s="2" t="s">
        <v>59208</v>
      </c>
      <c r="F19014" s="2" t="s">
        <v>59209</v>
      </c>
      <c r="G19014" s="8">
        <v>1849</v>
      </c>
      <c r="H19014" s="5">
        <v>10</v>
      </c>
      <c r="I19014" s="5" t="s">
        <v>69</v>
      </c>
      <c r="J19014" s="5" t="s">
        <v>55802</v>
      </c>
      <c r="K19014" s="2" t="s">
        <v>55803</v>
      </c>
      <c r="L19014" s="5" t="s">
        <v>55802</v>
      </c>
      <c r="M19014" s="2" t="s">
        <v>55803</v>
      </c>
      <c r="N19014" s="5" t="s">
        <v>733</v>
      </c>
      <c r="O19014" s="5" t="s">
        <v>38</v>
      </c>
      <c r="P19014" s="5" t="s">
        <v>39</v>
      </c>
      <c r="Q19014" s="5" t="s">
        <v>40</v>
      </c>
      <c r="R19014" s="5" t="s">
        <v>897</v>
      </c>
      <c r="S19014" s="5" t="s">
        <v>40</v>
      </c>
      <c r="T19014" s="5" t="s">
        <v>42</v>
      </c>
      <c r="U19014" s="2">
        <v>64.563000000000002</v>
      </c>
      <c r="V19014" s="2">
        <v>59.774999999999999</v>
      </c>
      <c r="W19014" s="2">
        <v>0.27400000000000002</v>
      </c>
      <c r="X19014" s="2">
        <v>17</v>
      </c>
      <c r="Y19014" s="2">
        <v>104.9</v>
      </c>
      <c r="Z19014" s="2">
        <v>153.6</v>
      </c>
      <c r="AA19014" s="5">
        <v>7</v>
      </c>
      <c r="AB19014" s="5" t="s">
        <v>43</v>
      </c>
      <c r="AC19014" s="5" t="s">
        <v>735</v>
      </c>
      <c r="AD19014" s="2" t="s">
        <v>59210</v>
      </c>
      <c r="AE19014" s="1"/>
    </row>
    <row r="19015" spans="1:31" ht="14.45">
      <c r="A19015" s="11"/>
      <c r="B19015" s="20"/>
      <c r="C19015" s="2" t="s">
        <v>59211</v>
      </c>
      <c r="D19015" s="14" t="s">
        <v>59212</v>
      </c>
      <c r="E19015" s="2" t="s">
        <v>59213</v>
      </c>
      <c r="F19015" s="2" t="s">
        <v>59124</v>
      </c>
      <c r="G19015" s="8">
        <v>2117</v>
      </c>
      <c r="H19015" s="5">
        <v>10</v>
      </c>
      <c r="I19015" s="5" t="s">
        <v>69</v>
      </c>
      <c r="J19015" s="5" t="s">
        <v>55802</v>
      </c>
      <c r="K19015" s="2" t="s">
        <v>55803</v>
      </c>
      <c r="L19015" s="5" t="s">
        <v>55802</v>
      </c>
      <c r="M19015" s="2" t="s">
        <v>55803</v>
      </c>
      <c r="N19015" s="5" t="s">
        <v>733</v>
      </c>
      <c r="O19015" s="5" t="s">
        <v>38</v>
      </c>
      <c r="P19015" s="5" t="s">
        <v>39</v>
      </c>
      <c r="Q19015" s="5" t="s">
        <v>40</v>
      </c>
      <c r="R19015" s="5" t="s">
        <v>1487</v>
      </c>
      <c r="S19015" s="5"/>
      <c r="T19015" s="5" t="s">
        <v>42</v>
      </c>
      <c r="U19015" s="2">
        <v>0</v>
      </c>
      <c r="V19015" s="2">
        <v>0</v>
      </c>
      <c r="W19015" s="2">
        <v>0</v>
      </c>
      <c r="X19015" s="2">
        <v>0</v>
      </c>
      <c r="Y19015" s="2">
        <v>0</v>
      </c>
      <c r="Z19015" s="2">
        <v>0</v>
      </c>
      <c r="AA19015" s="5"/>
      <c r="AB19015" s="5" t="s">
        <v>43</v>
      </c>
      <c r="AC19015" s="5" t="s">
        <v>735</v>
      </c>
      <c r="AD19015" s="2" t="s">
        <v>59214</v>
      </c>
      <c r="AE19015" s="1"/>
    </row>
    <row r="19016" spans="1:31" ht="14.45">
      <c r="A19016" s="11"/>
      <c r="B19016" s="20"/>
      <c r="C19016" s="2" t="s">
        <v>59215</v>
      </c>
      <c r="D19016" s="14" t="s">
        <v>59216</v>
      </c>
      <c r="E19016" s="2" t="s">
        <v>59217</v>
      </c>
      <c r="F19016" s="2" t="s">
        <v>59218</v>
      </c>
      <c r="G19016" s="8">
        <v>1708</v>
      </c>
      <c r="H19016" s="5">
        <v>10</v>
      </c>
      <c r="I19016" s="5" t="s">
        <v>69</v>
      </c>
      <c r="J19016" s="5" t="s">
        <v>55802</v>
      </c>
      <c r="K19016" s="2" t="s">
        <v>55803</v>
      </c>
      <c r="L19016" s="5" t="s">
        <v>55802</v>
      </c>
      <c r="M19016" s="2" t="s">
        <v>55803</v>
      </c>
      <c r="N19016" s="5" t="s">
        <v>733</v>
      </c>
      <c r="O19016" s="5" t="s">
        <v>38</v>
      </c>
      <c r="P19016" s="5" t="s">
        <v>39</v>
      </c>
      <c r="Q19016" s="5" t="s">
        <v>40</v>
      </c>
      <c r="R19016" s="5" t="s">
        <v>1487</v>
      </c>
      <c r="S19016" s="5"/>
      <c r="T19016" s="5" t="s">
        <v>42</v>
      </c>
      <c r="U19016" s="2">
        <v>0</v>
      </c>
      <c r="V19016" s="2">
        <v>0</v>
      </c>
      <c r="W19016" s="2">
        <v>0</v>
      </c>
      <c r="X19016" s="2">
        <v>0</v>
      </c>
      <c r="Y19016" s="2">
        <v>0</v>
      </c>
      <c r="Z19016" s="2">
        <v>0</v>
      </c>
      <c r="AA19016" s="5"/>
      <c r="AB19016" s="5" t="s">
        <v>43</v>
      </c>
      <c r="AC19016" s="5" t="s">
        <v>735</v>
      </c>
      <c r="AD19016" s="2" t="s">
        <v>59219</v>
      </c>
      <c r="AE19016" s="1"/>
    </row>
    <row r="19017" spans="1:31" ht="14.45">
      <c r="A19017" s="11"/>
      <c r="B19017" s="20"/>
      <c r="C19017" s="2" t="s">
        <v>59220</v>
      </c>
      <c r="D19017" s="14" t="s">
        <v>59221</v>
      </c>
      <c r="E19017" s="2" t="s">
        <v>59222</v>
      </c>
      <c r="F19017" s="2" t="s">
        <v>58970</v>
      </c>
      <c r="G19017" s="8">
        <v>2117</v>
      </c>
      <c r="H19017" s="5">
        <v>10</v>
      </c>
      <c r="I19017" s="5" t="s">
        <v>69</v>
      </c>
      <c r="J19017" s="5" t="s">
        <v>55802</v>
      </c>
      <c r="K19017" s="2" t="s">
        <v>55803</v>
      </c>
      <c r="L19017" s="5" t="s">
        <v>55802</v>
      </c>
      <c r="M19017" s="2" t="s">
        <v>55803</v>
      </c>
      <c r="N19017" s="5" t="s">
        <v>733</v>
      </c>
      <c r="O19017" s="5" t="s">
        <v>38</v>
      </c>
      <c r="P19017" s="5" t="s">
        <v>39</v>
      </c>
      <c r="Q19017" s="5" t="s">
        <v>40</v>
      </c>
      <c r="R19017" s="5" t="s">
        <v>1487</v>
      </c>
      <c r="S19017" s="5"/>
      <c r="T19017" s="5" t="s">
        <v>42</v>
      </c>
      <c r="U19017" s="2">
        <v>0</v>
      </c>
      <c r="V19017" s="2">
        <v>0</v>
      </c>
      <c r="W19017" s="2">
        <v>0</v>
      </c>
      <c r="X19017" s="2">
        <v>0</v>
      </c>
      <c r="Y19017" s="2">
        <v>0</v>
      </c>
      <c r="Z19017" s="2">
        <v>0</v>
      </c>
      <c r="AA19017" s="5"/>
      <c r="AB19017" s="5" t="s">
        <v>43</v>
      </c>
      <c r="AC19017" s="5" t="s">
        <v>735</v>
      </c>
      <c r="AD19017" s="2" t="s">
        <v>59223</v>
      </c>
      <c r="AE19017" s="1"/>
    </row>
    <row r="19018" spans="1:31" ht="14.45">
      <c r="A19018" s="11"/>
      <c r="B19018" s="20"/>
      <c r="C19018" s="2" t="s">
        <v>59224</v>
      </c>
      <c r="D19018" s="14" t="s">
        <v>59225</v>
      </c>
      <c r="E19018" s="2" t="s">
        <v>59226</v>
      </c>
      <c r="F19018" s="2" t="s">
        <v>59006</v>
      </c>
      <c r="G19018" s="8">
        <v>1708</v>
      </c>
      <c r="H19018" s="5">
        <v>10</v>
      </c>
      <c r="I19018" s="5" t="s">
        <v>69</v>
      </c>
      <c r="J19018" s="5" t="s">
        <v>55802</v>
      </c>
      <c r="K19018" s="2" t="s">
        <v>55803</v>
      </c>
      <c r="L19018" s="5" t="s">
        <v>55802</v>
      </c>
      <c r="M19018" s="2" t="s">
        <v>55803</v>
      </c>
      <c r="N19018" s="5" t="s">
        <v>733</v>
      </c>
      <c r="O19018" s="5" t="s">
        <v>38</v>
      </c>
      <c r="P19018" s="5" t="s">
        <v>39</v>
      </c>
      <c r="Q19018" s="5" t="s">
        <v>40</v>
      </c>
      <c r="R19018" s="5" t="s">
        <v>1487</v>
      </c>
      <c r="S19018" s="5"/>
      <c r="T19018" s="5" t="s">
        <v>42</v>
      </c>
      <c r="U19018" s="2">
        <v>0</v>
      </c>
      <c r="V19018" s="2">
        <v>0</v>
      </c>
      <c r="W19018" s="2">
        <v>0</v>
      </c>
      <c r="X19018" s="2">
        <v>0</v>
      </c>
      <c r="Y19018" s="2">
        <v>0</v>
      </c>
      <c r="Z19018" s="2">
        <v>0</v>
      </c>
      <c r="AA19018" s="5"/>
      <c r="AB19018" s="5" t="s">
        <v>43</v>
      </c>
      <c r="AC19018" s="5" t="s">
        <v>735</v>
      </c>
      <c r="AD19018" s="2" t="s">
        <v>59227</v>
      </c>
      <c r="AE19018" s="1"/>
    </row>
    <row r="19019" spans="1:31" ht="14.45">
      <c r="A19019" s="11"/>
      <c r="B19019" s="20"/>
      <c r="C19019" s="2" t="s">
        <v>59228</v>
      </c>
      <c r="D19019" s="14" t="s">
        <v>59229</v>
      </c>
      <c r="E19019" s="2" t="s">
        <v>59230</v>
      </c>
      <c r="F19019" s="2" t="s">
        <v>59231</v>
      </c>
      <c r="G19019" s="8">
        <v>1416</v>
      </c>
      <c r="H19019" s="5">
        <v>5</v>
      </c>
      <c r="I19019" s="5" t="s">
        <v>69</v>
      </c>
      <c r="J19019" s="5" t="s">
        <v>55802</v>
      </c>
      <c r="K19019" s="2" t="s">
        <v>55803</v>
      </c>
      <c r="L19019" s="5" t="s">
        <v>55802</v>
      </c>
      <c r="M19019" s="2" t="s">
        <v>55803</v>
      </c>
      <c r="N19019" s="5" t="s">
        <v>733</v>
      </c>
      <c r="O19019" s="5" t="s">
        <v>38</v>
      </c>
      <c r="P19019" s="5" t="s">
        <v>39</v>
      </c>
      <c r="Q19019" s="5" t="s">
        <v>40</v>
      </c>
      <c r="R19019" s="5" t="s">
        <v>897</v>
      </c>
      <c r="S19019" s="5" t="s">
        <v>40</v>
      </c>
      <c r="T19019" s="5" t="s">
        <v>42</v>
      </c>
      <c r="U19019" s="2">
        <v>78.92</v>
      </c>
      <c r="V19019" s="2">
        <v>73.787000000000006</v>
      </c>
      <c r="W19019" s="2">
        <v>0.30399999999999999</v>
      </c>
      <c r="X19019" s="2">
        <v>17</v>
      </c>
      <c r="Y19019" s="2">
        <v>102.9</v>
      </c>
      <c r="Z19019" s="2">
        <v>173.8</v>
      </c>
      <c r="AA19019" s="5">
        <v>7</v>
      </c>
      <c r="AB19019" s="5" t="s">
        <v>43</v>
      </c>
      <c r="AC19019" s="5" t="s">
        <v>735</v>
      </c>
      <c r="AD19019" s="2" t="s">
        <v>59232</v>
      </c>
      <c r="AE19019" s="1"/>
    </row>
    <row r="19020" spans="1:31" ht="14.45">
      <c r="A19020" s="11"/>
      <c r="B19020" s="20"/>
      <c r="C19020" s="2" t="s">
        <v>59233</v>
      </c>
      <c r="D19020" s="14" t="s">
        <v>59234</v>
      </c>
      <c r="E19020" s="2" t="s">
        <v>59235</v>
      </c>
      <c r="F19020" s="2" t="s">
        <v>59236</v>
      </c>
      <c r="G19020" s="8">
        <v>1716</v>
      </c>
      <c r="H19020" s="5">
        <v>10</v>
      </c>
      <c r="I19020" s="5" t="s">
        <v>69</v>
      </c>
      <c r="J19020" s="5" t="s">
        <v>55802</v>
      </c>
      <c r="K19020" s="2" t="s">
        <v>55803</v>
      </c>
      <c r="L19020" s="5" t="s">
        <v>55802</v>
      </c>
      <c r="M19020" s="2" t="s">
        <v>55803</v>
      </c>
      <c r="N19020" s="5" t="s">
        <v>733</v>
      </c>
      <c r="O19020" s="5" t="s">
        <v>38</v>
      </c>
      <c r="P19020" s="5" t="s">
        <v>39</v>
      </c>
      <c r="Q19020" s="5" t="s">
        <v>40</v>
      </c>
      <c r="R19020" s="5" t="s">
        <v>897</v>
      </c>
      <c r="S19020" s="5" t="s">
        <v>40</v>
      </c>
      <c r="T19020" s="5" t="s">
        <v>42</v>
      </c>
      <c r="U19020" s="2">
        <v>80.63</v>
      </c>
      <c r="V19020" s="2">
        <v>75.36</v>
      </c>
      <c r="W19020" s="2">
        <v>0.31</v>
      </c>
      <c r="X19020" s="2">
        <v>17</v>
      </c>
      <c r="Y19020" s="2">
        <v>104.9</v>
      </c>
      <c r="Z19020" s="2">
        <v>173.8</v>
      </c>
      <c r="AA19020" s="5">
        <v>7</v>
      </c>
      <c r="AB19020" s="5" t="s">
        <v>43</v>
      </c>
      <c r="AC19020" s="5" t="s">
        <v>735</v>
      </c>
      <c r="AD19020" s="2" t="s">
        <v>59237</v>
      </c>
      <c r="AE19020" s="1"/>
    </row>
    <row r="19021" spans="1:31" ht="14.45">
      <c r="A19021" s="11"/>
      <c r="B19021" s="20"/>
      <c r="C19021" s="2" t="s">
        <v>59238</v>
      </c>
      <c r="D19021" s="14" t="s">
        <v>59239</v>
      </c>
      <c r="E19021" s="2" t="s">
        <v>59240</v>
      </c>
      <c r="F19021" s="2" t="s">
        <v>59241</v>
      </c>
      <c r="G19021" s="8">
        <v>1200</v>
      </c>
      <c r="H19021" s="5">
        <v>5</v>
      </c>
      <c r="I19021" s="5" t="s">
        <v>69</v>
      </c>
      <c r="J19021" s="5" t="s">
        <v>55802</v>
      </c>
      <c r="K19021" s="2" t="s">
        <v>55803</v>
      </c>
      <c r="L19021" s="5" t="s">
        <v>55802</v>
      </c>
      <c r="M19021" s="2" t="s">
        <v>55803</v>
      </c>
      <c r="N19021" s="5" t="s">
        <v>733</v>
      </c>
      <c r="O19021" s="5" t="s">
        <v>38</v>
      </c>
      <c r="P19021" s="5" t="s">
        <v>39</v>
      </c>
      <c r="Q19021" s="5" t="s">
        <v>40</v>
      </c>
      <c r="R19021" s="5" t="s">
        <v>897</v>
      </c>
      <c r="S19021" s="5" t="s">
        <v>40</v>
      </c>
      <c r="T19021" s="5" t="s">
        <v>42</v>
      </c>
      <c r="U19021" s="2">
        <v>67.831000000000003</v>
      </c>
      <c r="V19021" s="2">
        <v>62.866</v>
      </c>
      <c r="W19021" s="2">
        <v>0.30399999999999999</v>
      </c>
      <c r="X19021" s="2">
        <v>17</v>
      </c>
      <c r="Y19021" s="2">
        <v>102.9</v>
      </c>
      <c r="Z19021" s="2">
        <v>173.8</v>
      </c>
      <c r="AA19021" s="5">
        <v>7</v>
      </c>
      <c r="AB19021" s="5" t="s">
        <v>43</v>
      </c>
      <c r="AC19021" s="5" t="s">
        <v>735</v>
      </c>
      <c r="AD19021" s="2" t="s">
        <v>59242</v>
      </c>
      <c r="AE19021" s="1"/>
    </row>
    <row r="19022" spans="1:31" ht="14.45">
      <c r="A19022" s="11"/>
      <c r="B19022" s="20"/>
      <c r="C19022" s="2" t="s">
        <v>59243</v>
      </c>
      <c r="D19022" s="14" t="s">
        <v>59244</v>
      </c>
      <c r="E19022" s="2" t="s">
        <v>59245</v>
      </c>
      <c r="F19022" s="2" t="s">
        <v>59246</v>
      </c>
      <c r="G19022" s="8">
        <v>1500</v>
      </c>
      <c r="H19022" s="5">
        <v>5</v>
      </c>
      <c r="I19022" s="5" t="s">
        <v>69</v>
      </c>
      <c r="J19022" s="5" t="s">
        <v>55802</v>
      </c>
      <c r="K19022" s="2" t="s">
        <v>55803</v>
      </c>
      <c r="L19022" s="5" t="s">
        <v>55802</v>
      </c>
      <c r="M19022" s="2" t="s">
        <v>55803</v>
      </c>
      <c r="N19022" s="5" t="s">
        <v>733</v>
      </c>
      <c r="O19022" s="5" t="s">
        <v>38</v>
      </c>
      <c r="P19022" s="5" t="s">
        <v>39</v>
      </c>
      <c r="Q19022" s="5" t="s">
        <v>40</v>
      </c>
      <c r="R19022" s="5" t="s">
        <v>897</v>
      </c>
      <c r="S19022" s="5" t="s">
        <v>40</v>
      </c>
      <c r="T19022" s="5" t="s">
        <v>42</v>
      </c>
      <c r="U19022" s="2">
        <v>69.367000000000004</v>
      </c>
      <c r="V19022" s="2">
        <v>64.096999999999994</v>
      </c>
      <c r="W19022" s="2">
        <v>0.30399999999999999</v>
      </c>
      <c r="X19022" s="2">
        <v>17</v>
      </c>
      <c r="Y19022" s="2">
        <v>102.9</v>
      </c>
      <c r="Z19022" s="2">
        <v>173.8</v>
      </c>
      <c r="AA19022" s="5">
        <v>7</v>
      </c>
      <c r="AB19022" s="5" t="s">
        <v>43</v>
      </c>
      <c r="AC19022" s="5" t="s">
        <v>735</v>
      </c>
      <c r="AD19022" s="2" t="s">
        <v>59247</v>
      </c>
      <c r="AE19022" s="1"/>
    </row>
    <row r="19023" spans="1:31" ht="14.45">
      <c r="A19023" s="11"/>
      <c r="B19023" s="20"/>
      <c r="C19023" s="2" t="s">
        <v>59248</v>
      </c>
      <c r="D19023" s="14" t="s">
        <v>59249</v>
      </c>
      <c r="E19023" s="2" t="s">
        <v>59250</v>
      </c>
      <c r="F19023" s="2" t="s">
        <v>59246</v>
      </c>
      <c r="G19023" s="8">
        <v>1500</v>
      </c>
      <c r="H19023" s="5">
        <v>5</v>
      </c>
      <c r="I19023" s="5" t="s">
        <v>69</v>
      </c>
      <c r="J19023" s="5" t="s">
        <v>55802</v>
      </c>
      <c r="K19023" s="2" t="s">
        <v>55803</v>
      </c>
      <c r="L19023" s="5" t="s">
        <v>55802</v>
      </c>
      <c r="M19023" s="2" t="s">
        <v>55803</v>
      </c>
      <c r="N19023" s="5" t="s">
        <v>733</v>
      </c>
      <c r="O19023" s="5" t="s">
        <v>38</v>
      </c>
      <c r="P19023" s="5" t="s">
        <v>39</v>
      </c>
      <c r="Q19023" s="5" t="s">
        <v>40</v>
      </c>
      <c r="R19023" s="5" t="s">
        <v>897</v>
      </c>
      <c r="S19023" s="5" t="s">
        <v>40</v>
      </c>
      <c r="T19023" s="5" t="s">
        <v>42</v>
      </c>
      <c r="U19023" s="2">
        <v>69.528000000000006</v>
      </c>
      <c r="V19023" s="2">
        <v>64.197000000000003</v>
      </c>
      <c r="W19023" s="2">
        <v>0.31</v>
      </c>
      <c r="X19023" s="2">
        <v>17</v>
      </c>
      <c r="Y19023" s="2">
        <v>104.9</v>
      </c>
      <c r="Z19023" s="2">
        <v>173.8</v>
      </c>
      <c r="AA19023" s="5">
        <v>7</v>
      </c>
      <c r="AB19023" s="5" t="s">
        <v>43</v>
      </c>
      <c r="AC19023" s="5" t="s">
        <v>735</v>
      </c>
      <c r="AD19023" s="2" t="s">
        <v>59251</v>
      </c>
      <c r="AE19023" s="1"/>
    </row>
    <row r="19024" spans="1:31" ht="14.45">
      <c r="A19024" s="11"/>
      <c r="B19024" s="20"/>
      <c r="C19024" s="2" t="s">
        <v>59252</v>
      </c>
      <c r="D19024" s="14" t="s">
        <v>59253</v>
      </c>
      <c r="E19024" s="2" t="s">
        <v>59254</v>
      </c>
      <c r="F19024" s="2" t="s">
        <v>59255</v>
      </c>
      <c r="G19024" s="8">
        <v>1416</v>
      </c>
      <c r="H19024" s="5">
        <v>10</v>
      </c>
      <c r="I19024" s="5" t="s">
        <v>69</v>
      </c>
      <c r="J19024" s="5" t="s">
        <v>55802</v>
      </c>
      <c r="K19024" s="2" t="s">
        <v>55803</v>
      </c>
      <c r="L19024" s="5" t="s">
        <v>55802</v>
      </c>
      <c r="M19024" s="2" t="s">
        <v>55803</v>
      </c>
      <c r="N19024" s="5" t="s">
        <v>733</v>
      </c>
      <c r="O19024" s="5" t="s">
        <v>38</v>
      </c>
      <c r="P19024" s="5" t="s">
        <v>39</v>
      </c>
      <c r="Q19024" s="5" t="s">
        <v>40</v>
      </c>
      <c r="R19024" s="5" t="s">
        <v>897</v>
      </c>
      <c r="S19024" s="5" t="s">
        <v>40</v>
      </c>
      <c r="T19024" s="5" t="s">
        <v>42</v>
      </c>
      <c r="U19024" s="2">
        <v>67.209999999999994</v>
      </c>
      <c r="V19024" s="2">
        <v>62.072000000000003</v>
      </c>
      <c r="W19024" s="2">
        <v>0.31</v>
      </c>
      <c r="X19024" s="2">
        <v>17</v>
      </c>
      <c r="Y19024" s="2">
        <v>104.9</v>
      </c>
      <c r="Z19024" s="2">
        <v>173.8</v>
      </c>
      <c r="AA19024" s="5">
        <v>7</v>
      </c>
      <c r="AB19024" s="5" t="s">
        <v>43</v>
      </c>
      <c r="AC19024" s="5" t="s">
        <v>735</v>
      </c>
      <c r="AD19024" s="2" t="s">
        <v>59256</v>
      </c>
      <c r="AE19024" s="1"/>
    </row>
    <row r="19025" spans="1:31" ht="14.45">
      <c r="A19025" s="11"/>
      <c r="B19025" s="20"/>
      <c r="C19025" s="2" t="s">
        <v>59257</v>
      </c>
      <c r="D19025" s="14" t="s">
        <v>59258</v>
      </c>
      <c r="E19025" s="2" t="s">
        <v>59259</v>
      </c>
      <c r="F19025" s="2" t="s">
        <v>59255</v>
      </c>
      <c r="G19025" s="8">
        <v>1716</v>
      </c>
      <c r="H19025" s="5">
        <v>10</v>
      </c>
      <c r="I19025" s="5" t="s">
        <v>69</v>
      </c>
      <c r="J19025" s="5" t="s">
        <v>55802</v>
      </c>
      <c r="K19025" s="2" t="s">
        <v>55803</v>
      </c>
      <c r="L19025" s="5" t="s">
        <v>55802</v>
      </c>
      <c r="M19025" s="2" t="s">
        <v>55803</v>
      </c>
      <c r="N19025" s="5" t="s">
        <v>733</v>
      </c>
      <c r="O19025" s="5" t="s">
        <v>38</v>
      </c>
      <c r="P19025" s="5" t="s">
        <v>39</v>
      </c>
      <c r="Q19025" s="5" t="s">
        <v>40</v>
      </c>
      <c r="R19025" s="5" t="s">
        <v>897</v>
      </c>
      <c r="S19025" s="5" t="s">
        <v>40</v>
      </c>
      <c r="T19025" s="5" t="s">
        <v>42</v>
      </c>
      <c r="U19025" s="2">
        <v>69.137</v>
      </c>
      <c r="V19025" s="2">
        <v>63.866999999999997</v>
      </c>
      <c r="W19025" s="2">
        <v>0.31</v>
      </c>
      <c r="X19025" s="2">
        <v>17</v>
      </c>
      <c r="Y19025" s="2">
        <v>104.9</v>
      </c>
      <c r="Z19025" s="2">
        <v>173.8</v>
      </c>
      <c r="AA19025" s="5">
        <v>7</v>
      </c>
      <c r="AB19025" s="5" t="s">
        <v>43</v>
      </c>
      <c r="AC19025" s="5" t="s">
        <v>735</v>
      </c>
      <c r="AD19025" s="2" t="s">
        <v>59260</v>
      </c>
      <c r="AE19025" s="1"/>
    </row>
    <row r="19026" spans="1:31" ht="14.45">
      <c r="A19026" s="11"/>
      <c r="B19026" s="20"/>
      <c r="C19026" s="2" t="s">
        <v>59261</v>
      </c>
      <c r="D19026" s="14" t="s">
        <v>59262</v>
      </c>
      <c r="E19026" s="2" t="s">
        <v>59263</v>
      </c>
      <c r="F19026" s="2" t="s">
        <v>59255</v>
      </c>
      <c r="G19026" s="8">
        <v>1716</v>
      </c>
      <c r="H19026" s="5">
        <v>10</v>
      </c>
      <c r="I19026" s="5" t="s">
        <v>69</v>
      </c>
      <c r="J19026" s="5" t="s">
        <v>55802</v>
      </c>
      <c r="K19026" s="2" t="s">
        <v>55803</v>
      </c>
      <c r="L19026" s="5" t="s">
        <v>55802</v>
      </c>
      <c r="M19026" s="2" t="s">
        <v>55803</v>
      </c>
      <c r="N19026" s="5" t="s">
        <v>733</v>
      </c>
      <c r="O19026" s="5" t="s">
        <v>38</v>
      </c>
      <c r="P19026" s="5" t="s">
        <v>39</v>
      </c>
      <c r="Q19026" s="5" t="s">
        <v>40</v>
      </c>
      <c r="R19026" s="5" t="s">
        <v>897</v>
      </c>
      <c r="S19026" s="5" t="s">
        <v>40</v>
      </c>
      <c r="T19026" s="5" t="s">
        <v>42</v>
      </c>
      <c r="U19026" s="2">
        <v>69.325999999999993</v>
      </c>
      <c r="V19026" s="2">
        <v>63.994999999999997</v>
      </c>
      <c r="W19026" s="2">
        <v>0.31</v>
      </c>
      <c r="X19026" s="2">
        <v>17</v>
      </c>
      <c r="Y19026" s="2">
        <v>104.9</v>
      </c>
      <c r="Z19026" s="2">
        <v>173.8</v>
      </c>
      <c r="AA19026" s="5">
        <v>7</v>
      </c>
      <c r="AB19026" s="5" t="s">
        <v>43</v>
      </c>
      <c r="AC19026" s="5" t="s">
        <v>735</v>
      </c>
      <c r="AD19026" s="2" t="s">
        <v>59264</v>
      </c>
      <c r="AE19026" s="1"/>
    </row>
    <row r="19027" spans="1:31" ht="14.45">
      <c r="A19027" s="11"/>
      <c r="B19027" s="20"/>
      <c r="C19027" s="2" t="s">
        <v>59265</v>
      </c>
      <c r="D19027" s="14" t="s">
        <v>59266</v>
      </c>
      <c r="E19027" s="2" t="s">
        <v>59267</v>
      </c>
      <c r="F19027" s="2" t="s">
        <v>59268</v>
      </c>
      <c r="G19027" s="8">
        <v>993</v>
      </c>
      <c r="H19027" s="5">
        <v>10</v>
      </c>
      <c r="I19027" s="5" t="s">
        <v>69</v>
      </c>
      <c r="J19027" s="5" t="s">
        <v>55802</v>
      </c>
      <c r="K19027" s="2" t="s">
        <v>55803</v>
      </c>
      <c r="L19027" s="5" t="s">
        <v>55802</v>
      </c>
      <c r="M19027" s="2" t="s">
        <v>55803</v>
      </c>
      <c r="N19027" s="5" t="s">
        <v>733</v>
      </c>
      <c r="O19027" s="5" t="s">
        <v>38</v>
      </c>
      <c r="P19027" s="5" t="s">
        <v>39</v>
      </c>
      <c r="Q19027" s="5" t="s">
        <v>40</v>
      </c>
      <c r="R19027" s="5" t="s">
        <v>897</v>
      </c>
      <c r="S19027" s="5" t="s">
        <v>40</v>
      </c>
      <c r="T19027" s="5" t="s">
        <v>42</v>
      </c>
      <c r="U19027" s="2">
        <v>67.518000000000001</v>
      </c>
      <c r="V19027" s="2">
        <v>62.38</v>
      </c>
      <c r="W19027" s="2">
        <v>0.31</v>
      </c>
      <c r="X19027" s="2">
        <v>17</v>
      </c>
      <c r="Y19027" s="2">
        <v>104.9</v>
      </c>
      <c r="Z19027" s="2">
        <v>173.8</v>
      </c>
      <c r="AA19027" s="5">
        <v>7</v>
      </c>
      <c r="AB19027" s="5" t="s">
        <v>43</v>
      </c>
      <c r="AC19027" s="5" t="s">
        <v>735</v>
      </c>
      <c r="AD19027" s="2" t="s">
        <v>59269</v>
      </c>
      <c r="AE19027" s="1"/>
    </row>
    <row r="19028" spans="1:31" ht="14.45">
      <c r="A19028" s="11"/>
      <c r="B19028" s="20"/>
      <c r="C19028" s="2" t="s">
        <v>59270</v>
      </c>
      <c r="D19028" s="14" t="s">
        <v>59271</v>
      </c>
      <c r="E19028" s="2" t="s">
        <v>59272</v>
      </c>
      <c r="F19028" s="2" t="s">
        <v>59268</v>
      </c>
      <c r="G19028" s="8">
        <v>1293</v>
      </c>
      <c r="H19028" s="5">
        <v>10</v>
      </c>
      <c r="I19028" s="5" t="s">
        <v>69</v>
      </c>
      <c r="J19028" s="5" t="s">
        <v>55802</v>
      </c>
      <c r="K19028" s="2" t="s">
        <v>55803</v>
      </c>
      <c r="L19028" s="5" t="s">
        <v>55802</v>
      </c>
      <c r="M19028" s="2" t="s">
        <v>55803</v>
      </c>
      <c r="N19028" s="5" t="s">
        <v>733</v>
      </c>
      <c r="O19028" s="5" t="s">
        <v>38</v>
      </c>
      <c r="P19028" s="5" t="s">
        <v>39</v>
      </c>
      <c r="Q19028" s="5" t="s">
        <v>40</v>
      </c>
      <c r="R19028" s="5" t="s">
        <v>897</v>
      </c>
      <c r="S19028" s="5" t="s">
        <v>40</v>
      </c>
      <c r="T19028" s="5" t="s">
        <v>42</v>
      </c>
      <c r="U19028" s="2">
        <v>69.444999999999993</v>
      </c>
      <c r="V19028" s="2">
        <v>64.174999999999997</v>
      </c>
      <c r="W19028" s="2">
        <v>0.31</v>
      </c>
      <c r="X19028" s="2">
        <v>17</v>
      </c>
      <c r="Y19028" s="2">
        <v>104.9</v>
      </c>
      <c r="Z19028" s="2">
        <v>173.8</v>
      </c>
      <c r="AA19028" s="5">
        <v>7</v>
      </c>
      <c r="AB19028" s="5" t="s">
        <v>43</v>
      </c>
      <c r="AC19028" s="5" t="s">
        <v>735</v>
      </c>
      <c r="AD19028" s="2" t="s">
        <v>59273</v>
      </c>
      <c r="AE19028" s="1"/>
    </row>
    <row r="19029" spans="1:31" ht="14.45">
      <c r="A19029" s="11"/>
      <c r="B19029" s="20"/>
      <c r="C19029" s="2" t="s">
        <v>59274</v>
      </c>
      <c r="D19029" s="14" t="s">
        <v>59275</v>
      </c>
      <c r="E19029" s="2" t="s">
        <v>59276</v>
      </c>
      <c r="F19029" s="2" t="s">
        <v>59268</v>
      </c>
      <c r="G19029" s="8">
        <v>1293</v>
      </c>
      <c r="H19029" s="5">
        <v>10</v>
      </c>
      <c r="I19029" s="5" t="s">
        <v>69</v>
      </c>
      <c r="J19029" s="5" t="s">
        <v>55802</v>
      </c>
      <c r="K19029" s="2" t="s">
        <v>55803</v>
      </c>
      <c r="L19029" s="5" t="s">
        <v>55802</v>
      </c>
      <c r="M19029" s="2" t="s">
        <v>55803</v>
      </c>
      <c r="N19029" s="5" t="s">
        <v>733</v>
      </c>
      <c r="O19029" s="5" t="s">
        <v>38</v>
      </c>
      <c r="P19029" s="5" t="s">
        <v>39</v>
      </c>
      <c r="Q19029" s="5" t="s">
        <v>40</v>
      </c>
      <c r="R19029" s="5" t="s">
        <v>897</v>
      </c>
      <c r="S19029" s="5" t="s">
        <v>40</v>
      </c>
      <c r="T19029" s="5" t="s">
        <v>42</v>
      </c>
      <c r="U19029" s="2">
        <v>69.605999999999995</v>
      </c>
      <c r="V19029" s="2">
        <v>64.275000000000006</v>
      </c>
      <c r="W19029" s="2">
        <v>0.31</v>
      </c>
      <c r="X19029" s="2">
        <v>17</v>
      </c>
      <c r="Y19029" s="2">
        <v>104.9</v>
      </c>
      <c r="Z19029" s="2">
        <v>173.8</v>
      </c>
      <c r="AA19029" s="5">
        <v>7</v>
      </c>
      <c r="AB19029" s="5" t="s">
        <v>43</v>
      </c>
      <c r="AC19029" s="5" t="s">
        <v>735</v>
      </c>
      <c r="AD19029" s="2" t="s">
        <v>59277</v>
      </c>
      <c r="AE19029" s="1"/>
    </row>
    <row r="19030" spans="1:31" ht="14.45">
      <c r="A19030" s="11"/>
      <c r="B19030" s="20"/>
      <c r="C19030" s="2" t="s">
        <v>59278</v>
      </c>
      <c r="D19030" s="14" t="s">
        <v>59279</v>
      </c>
      <c r="E19030" s="2" t="s">
        <v>59280</v>
      </c>
      <c r="F19030" s="2" t="s">
        <v>59281</v>
      </c>
      <c r="G19030" s="8">
        <v>732</v>
      </c>
      <c r="H19030" s="5">
        <v>5</v>
      </c>
      <c r="I19030" s="5" t="s">
        <v>69</v>
      </c>
      <c r="J19030" s="5" t="s">
        <v>55802</v>
      </c>
      <c r="K19030" s="2" t="s">
        <v>55803</v>
      </c>
      <c r="L19030" s="5" t="s">
        <v>55802</v>
      </c>
      <c r="M19030" s="2" t="s">
        <v>55803</v>
      </c>
      <c r="N19030" s="5" t="s">
        <v>733</v>
      </c>
      <c r="O19030" s="5" t="s">
        <v>38</v>
      </c>
      <c r="P19030" s="5" t="s">
        <v>39</v>
      </c>
      <c r="Q19030" s="5" t="s">
        <v>40</v>
      </c>
      <c r="R19030" s="5" t="s">
        <v>897</v>
      </c>
      <c r="S19030" s="5" t="s">
        <v>40</v>
      </c>
      <c r="T19030" s="5" t="s">
        <v>42</v>
      </c>
      <c r="U19030" s="2">
        <v>58.423000000000002</v>
      </c>
      <c r="V19030" s="2">
        <v>53.457999999999998</v>
      </c>
      <c r="W19030" s="2">
        <v>0.30399999999999999</v>
      </c>
      <c r="X19030" s="2">
        <v>17</v>
      </c>
      <c r="Y19030" s="2">
        <v>102.9</v>
      </c>
      <c r="Z19030" s="2">
        <v>173.8</v>
      </c>
      <c r="AA19030" s="5">
        <v>7</v>
      </c>
      <c r="AB19030" s="5" t="s">
        <v>43</v>
      </c>
      <c r="AC19030" s="5" t="s">
        <v>735</v>
      </c>
      <c r="AD19030" s="2" t="s">
        <v>59282</v>
      </c>
      <c r="AE19030" s="1"/>
    </row>
    <row r="19031" spans="1:31" ht="14.45">
      <c r="A19031" s="11"/>
      <c r="B19031" s="20"/>
      <c r="C19031" s="2" t="s">
        <v>59283</v>
      </c>
      <c r="D19031" s="14" t="s">
        <v>59284</v>
      </c>
      <c r="E19031" s="2" t="s">
        <v>59285</v>
      </c>
      <c r="F19031" s="2" t="s">
        <v>59281</v>
      </c>
      <c r="G19031" s="8">
        <v>1032</v>
      </c>
      <c r="H19031" s="5">
        <v>5</v>
      </c>
      <c r="I19031" s="5" t="s">
        <v>69</v>
      </c>
      <c r="J19031" s="5" t="s">
        <v>55802</v>
      </c>
      <c r="K19031" s="2" t="s">
        <v>55803</v>
      </c>
      <c r="L19031" s="5" t="s">
        <v>55802</v>
      </c>
      <c r="M19031" s="2" t="s">
        <v>55803</v>
      </c>
      <c r="N19031" s="5" t="s">
        <v>733</v>
      </c>
      <c r="O19031" s="5" t="s">
        <v>38</v>
      </c>
      <c r="P19031" s="5" t="s">
        <v>39</v>
      </c>
      <c r="Q19031" s="5" t="s">
        <v>40</v>
      </c>
      <c r="R19031" s="5" t="s">
        <v>897</v>
      </c>
      <c r="S19031" s="5" t="s">
        <v>40</v>
      </c>
      <c r="T19031" s="5" t="s">
        <v>42</v>
      </c>
      <c r="U19031" s="2">
        <v>60.362000000000002</v>
      </c>
      <c r="V19031" s="2">
        <v>55.255000000000003</v>
      </c>
      <c r="W19031" s="2">
        <v>0.30399999999999999</v>
      </c>
      <c r="X19031" s="2">
        <v>17</v>
      </c>
      <c r="Y19031" s="2">
        <v>102.9</v>
      </c>
      <c r="Z19031" s="2">
        <v>173.8</v>
      </c>
      <c r="AA19031" s="5">
        <v>7</v>
      </c>
      <c r="AB19031" s="5" t="s">
        <v>43</v>
      </c>
      <c r="AC19031" s="5" t="s">
        <v>735</v>
      </c>
      <c r="AD19031" s="2" t="s">
        <v>59286</v>
      </c>
      <c r="AE19031" s="1"/>
    </row>
    <row r="19032" spans="1:31" ht="14.45">
      <c r="A19032" s="11"/>
      <c r="B19032" s="20"/>
      <c r="C19032" s="2" t="s">
        <v>59287</v>
      </c>
      <c r="D19032" s="14" t="s">
        <v>59288</v>
      </c>
      <c r="E19032" s="2" t="s">
        <v>59289</v>
      </c>
      <c r="F19032" s="2" t="s">
        <v>59281</v>
      </c>
      <c r="G19032" s="8">
        <v>1032</v>
      </c>
      <c r="H19032" s="5">
        <v>5</v>
      </c>
      <c r="I19032" s="5" t="s">
        <v>69</v>
      </c>
      <c r="J19032" s="5" t="s">
        <v>55802</v>
      </c>
      <c r="K19032" s="2" t="s">
        <v>55803</v>
      </c>
      <c r="L19032" s="5" t="s">
        <v>55802</v>
      </c>
      <c r="M19032" s="2" t="s">
        <v>55803</v>
      </c>
      <c r="N19032" s="5" t="s">
        <v>733</v>
      </c>
      <c r="O19032" s="5" t="s">
        <v>38</v>
      </c>
      <c r="P19032" s="5" t="s">
        <v>39</v>
      </c>
      <c r="Q19032" s="5" t="s">
        <v>40</v>
      </c>
      <c r="R19032" s="5" t="s">
        <v>897</v>
      </c>
      <c r="S19032" s="5" t="s">
        <v>40</v>
      </c>
      <c r="T19032" s="5" t="s">
        <v>42</v>
      </c>
      <c r="U19032" s="2">
        <v>60.959000000000003</v>
      </c>
      <c r="V19032" s="2">
        <v>55.792999999999999</v>
      </c>
      <c r="W19032" s="2">
        <v>0.31</v>
      </c>
      <c r="X19032" s="2">
        <v>17</v>
      </c>
      <c r="Y19032" s="2">
        <v>104.9</v>
      </c>
      <c r="Z19032" s="2">
        <v>173.8</v>
      </c>
      <c r="AA19032" s="5">
        <v>7</v>
      </c>
      <c r="AB19032" s="5" t="s">
        <v>43</v>
      </c>
      <c r="AC19032" s="5" t="s">
        <v>735</v>
      </c>
      <c r="AD19032" s="2" t="s">
        <v>59290</v>
      </c>
      <c r="AE19032" s="1"/>
    </row>
    <row r="19033" spans="1:31" ht="14.45">
      <c r="A19033" s="11"/>
      <c r="B19033" s="20"/>
      <c r="C19033" s="2" t="s">
        <v>59291</v>
      </c>
      <c r="D19033" s="14" t="s">
        <v>59292</v>
      </c>
      <c r="E19033" s="2" t="s">
        <v>59293</v>
      </c>
      <c r="F19033" s="2" t="s">
        <v>59294</v>
      </c>
      <c r="G19033" s="8">
        <v>1223</v>
      </c>
      <c r="H19033" s="5">
        <v>5</v>
      </c>
      <c r="I19033" s="5" t="s">
        <v>69</v>
      </c>
      <c r="J19033" s="5" t="s">
        <v>55802</v>
      </c>
      <c r="K19033" s="2" t="s">
        <v>55803</v>
      </c>
      <c r="L19033" s="5" t="s">
        <v>55802</v>
      </c>
      <c r="M19033" s="2" t="s">
        <v>55803</v>
      </c>
      <c r="N19033" s="5" t="s">
        <v>733</v>
      </c>
      <c r="O19033" s="5" t="s">
        <v>38</v>
      </c>
      <c r="P19033" s="5" t="s">
        <v>39</v>
      </c>
      <c r="Q19033" s="5" t="s">
        <v>40</v>
      </c>
      <c r="R19033" s="5" t="s">
        <v>897</v>
      </c>
      <c r="S19033" s="5" t="s">
        <v>40</v>
      </c>
      <c r="T19033" s="5" t="s">
        <v>42</v>
      </c>
      <c r="U19033" s="2">
        <v>60.07</v>
      </c>
      <c r="V19033" s="2">
        <v>55.124000000000002</v>
      </c>
      <c r="W19033" s="2">
        <v>0.30399999999999999</v>
      </c>
      <c r="X19033" s="2">
        <v>17</v>
      </c>
      <c r="Y19033" s="2">
        <v>102.9</v>
      </c>
      <c r="Z19033" s="2">
        <v>173.8</v>
      </c>
      <c r="AA19033" s="5">
        <v>7</v>
      </c>
      <c r="AB19033" s="5" t="s">
        <v>43</v>
      </c>
      <c r="AC19033" s="5" t="s">
        <v>735</v>
      </c>
      <c r="AD19033" s="2" t="s">
        <v>59295</v>
      </c>
      <c r="AE19033" s="1"/>
    </row>
    <row r="19034" spans="1:31" ht="14.45">
      <c r="A19034" s="11"/>
      <c r="B19034" s="20"/>
      <c r="C19034" s="2" t="s">
        <v>59296</v>
      </c>
      <c r="D19034" s="14" t="s">
        <v>59297</v>
      </c>
      <c r="E19034" s="2" t="s">
        <v>59298</v>
      </c>
      <c r="F19034" s="2" t="s">
        <v>59299</v>
      </c>
      <c r="G19034" s="8">
        <v>1064</v>
      </c>
      <c r="H19034" s="5">
        <v>5</v>
      </c>
      <c r="I19034" s="5" t="s">
        <v>69</v>
      </c>
      <c r="J19034" s="5" t="s">
        <v>55802</v>
      </c>
      <c r="K19034" s="2" t="s">
        <v>55803</v>
      </c>
      <c r="L19034" s="5" t="s">
        <v>55802</v>
      </c>
      <c r="M19034" s="2" t="s">
        <v>55803</v>
      </c>
      <c r="N19034" s="5" t="s">
        <v>733</v>
      </c>
      <c r="O19034" s="5" t="s">
        <v>38</v>
      </c>
      <c r="P19034" s="5" t="s">
        <v>39</v>
      </c>
      <c r="Q19034" s="5" t="s">
        <v>40</v>
      </c>
      <c r="R19034" s="5" t="s">
        <v>897</v>
      </c>
      <c r="S19034" s="5" t="s">
        <v>40</v>
      </c>
      <c r="T19034" s="5" t="s">
        <v>42</v>
      </c>
      <c r="U19034" s="2">
        <v>67.382999999999996</v>
      </c>
      <c r="V19034" s="2">
        <v>62.244999999999997</v>
      </c>
      <c r="W19034" s="2">
        <v>0.31</v>
      </c>
      <c r="X19034" s="2">
        <v>17</v>
      </c>
      <c r="Y19034" s="2">
        <v>104.9</v>
      </c>
      <c r="Z19034" s="2">
        <v>173.8</v>
      </c>
      <c r="AA19034" s="5">
        <v>7</v>
      </c>
      <c r="AB19034" s="5" t="s">
        <v>43</v>
      </c>
      <c r="AC19034" s="5" t="s">
        <v>735</v>
      </c>
      <c r="AD19034" s="2" t="s">
        <v>59300</v>
      </c>
      <c r="AE19034" s="1"/>
    </row>
    <row r="19035" spans="1:31" ht="14.45">
      <c r="A19035" s="11"/>
      <c r="B19035" s="20"/>
      <c r="C19035" s="2" t="s">
        <v>59301</v>
      </c>
      <c r="D19035" s="14" t="s">
        <v>59302</v>
      </c>
      <c r="E19035" s="2" t="s">
        <v>59303</v>
      </c>
      <c r="F19035" s="2" t="s">
        <v>59299</v>
      </c>
      <c r="G19035" s="8">
        <v>1364</v>
      </c>
      <c r="H19035" s="5">
        <v>5</v>
      </c>
      <c r="I19035" s="5" t="s">
        <v>69</v>
      </c>
      <c r="J19035" s="5" t="s">
        <v>55802</v>
      </c>
      <c r="K19035" s="2" t="s">
        <v>55803</v>
      </c>
      <c r="L19035" s="5" t="s">
        <v>55802</v>
      </c>
      <c r="M19035" s="2" t="s">
        <v>55803</v>
      </c>
      <c r="N19035" s="5" t="s">
        <v>733</v>
      </c>
      <c r="O19035" s="5" t="s">
        <v>38</v>
      </c>
      <c r="P19035" s="5" t="s">
        <v>39</v>
      </c>
      <c r="Q19035" s="5" t="s">
        <v>40</v>
      </c>
      <c r="R19035" s="5" t="s">
        <v>897</v>
      </c>
      <c r="S19035" s="5" t="s">
        <v>40</v>
      </c>
      <c r="T19035" s="5" t="s">
        <v>42</v>
      </c>
      <c r="U19035" s="2">
        <v>69.31</v>
      </c>
      <c r="V19035" s="2">
        <v>64.040000000000006</v>
      </c>
      <c r="W19035" s="2">
        <v>0.31</v>
      </c>
      <c r="X19035" s="2">
        <v>17</v>
      </c>
      <c r="Y19035" s="2">
        <v>104.9</v>
      </c>
      <c r="Z19035" s="2">
        <v>173.8</v>
      </c>
      <c r="AA19035" s="5">
        <v>7</v>
      </c>
      <c r="AB19035" s="5" t="s">
        <v>43</v>
      </c>
      <c r="AC19035" s="5" t="s">
        <v>735</v>
      </c>
      <c r="AD19035" s="2" t="s">
        <v>59304</v>
      </c>
      <c r="AE19035" s="1"/>
    </row>
    <row r="19036" spans="1:31" ht="14.45">
      <c r="A19036" s="11"/>
      <c r="B19036" s="20"/>
      <c r="C19036" s="2" t="s">
        <v>59305</v>
      </c>
      <c r="D19036" s="14" t="s">
        <v>59306</v>
      </c>
      <c r="E19036" s="2" t="s">
        <v>59307</v>
      </c>
      <c r="F19036" s="2" t="s">
        <v>59299</v>
      </c>
      <c r="G19036" s="8">
        <v>1364</v>
      </c>
      <c r="H19036" s="5">
        <v>10</v>
      </c>
      <c r="I19036" s="5" t="s">
        <v>69</v>
      </c>
      <c r="J19036" s="5" t="s">
        <v>55802</v>
      </c>
      <c r="K19036" s="2" t="s">
        <v>55803</v>
      </c>
      <c r="L19036" s="5" t="s">
        <v>55802</v>
      </c>
      <c r="M19036" s="2" t="s">
        <v>55803</v>
      </c>
      <c r="N19036" s="5" t="s">
        <v>733</v>
      </c>
      <c r="O19036" s="5" t="s">
        <v>38</v>
      </c>
      <c r="P19036" s="5" t="s">
        <v>39</v>
      </c>
      <c r="Q19036" s="5" t="s">
        <v>40</v>
      </c>
      <c r="R19036" s="5" t="s">
        <v>897</v>
      </c>
      <c r="S19036" s="5" t="s">
        <v>40</v>
      </c>
      <c r="T19036" s="5" t="s">
        <v>42</v>
      </c>
      <c r="U19036" s="2">
        <v>69.471000000000004</v>
      </c>
      <c r="V19036" s="2">
        <v>64.14</v>
      </c>
      <c r="W19036" s="2">
        <v>0.31</v>
      </c>
      <c r="X19036" s="2">
        <v>17</v>
      </c>
      <c r="Y19036" s="2">
        <v>104.9</v>
      </c>
      <c r="Z19036" s="2">
        <v>173.8</v>
      </c>
      <c r="AA19036" s="5">
        <v>7</v>
      </c>
      <c r="AB19036" s="5" t="s">
        <v>43</v>
      </c>
      <c r="AC19036" s="5" t="s">
        <v>735</v>
      </c>
      <c r="AD19036" s="2" t="s">
        <v>59308</v>
      </c>
      <c r="AE19036" s="1"/>
    </row>
    <row r="19037" spans="1:31" ht="14.45">
      <c r="A19037" s="11"/>
      <c r="B19037" s="20"/>
      <c r="C19037" s="2" t="s">
        <v>59309</v>
      </c>
      <c r="D19037" s="14" t="s">
        <v>59310</v>
      </c>
      <c r="E19037" s="2" t="s">
        <v>59311</v>
      </c>
      <c r="F19037" s="2" t="s">
        <v>59312</v>
      </c>
      <c r="G19037" s="8">
        <v>1668</v>
      </c>
      <c r="H19037" s="5">
        <v>10</v>
      </c>
      <c r="I19037" s="5" t="s">
        <v>69</v>
      </c>
      <c r="J19037" s="5" t="s">
        <v>55802</v>
      </c>
      <c r="K19037" s="2" t="s">
        <v>55803</v>
      </c>
      <c r="L19037" s="5" t="s">
        <v>55802</v>
      </c>
      <c r="M19037" s="2" t="s">
        <v>55803</v>
      </c>
      <c r="N19037" s="5" t="s">
        <v>733</v>
      </c>
      <c r="O19037" s="5" t="s">
        <v>38</v>
      </c>
      <c r="P19037" s="5" t="s">
        <v>39</v>
      </c>
      <c r="Q19037" s="5" t="s">
        <v>40</v>
      </c>
      <c r="R19037" s="5" t="s">
        <v>897</v>
      </c>
      <c r="S19037" s="5" t="s">
        <v>40</v>
      </c>
      <c r="T19037" s="5" t="s">
        <v>42</v>
      </c>
      <c r="U19037" s="2">
        <v>73.165999999999997</v>
      </c>
      <c r="V19037" s="2">
        <v>68.004000000000005</v>
      </c>
      <c r="W19037" s="2">
        <v>0.31</v>
      </c>
      <c r="X19037" s="2">
        <v>17</v>
      </c>
      <c r="Y19037" s="2">
        <v>104.9</v>
      </c>
      <c r="Z19037" s="2">
        <v>173.8</v>
      </c>
      <c r="AA19037" s="5">
        <v>7</v>
      </c>
      <c r="AB19037" s="5" t="s">
        <v>43</v>
      </c>
      <c r="AC19037" s="5" t="s">
        <v>735</v>
      </c>
      <c r="AD19037" s="2" t="s">
        <v>59313</v>
      </c>
      <c r="AE19037" s="1"/>
    </row>
    <row r="19038" spans="1:31" ht="14.45">
      <c r="A19038" s="11"/>
      <c r="B19038" s="20"/>
      <c r="C19038" s="2" t="s">
        <v>59314</v>
      </c>
      <c r="D19038" s="14" t="s">
        <v>59315</v>
      </c>
      <c r="E19038" s="2" t="s">
        <v>59316</v>
      </c>
      <c r="F19038" s="2" t="s">
        <v>59317</v>
      </c>
      <c r="G19038" s="8">
        <v>1968</v>
      </c>
      <c r="H19038" s="5">
        <v>10</v>
      </c>
      <c r="I19038" s="5" t="s">
        <v>69</v>
      </c>
      <c r="J19038" s="5" t="s">
        <v>55802</v>
      </c>
      <c r="K19038" s="2" t="s">
        <v>55803</v>
      </c>
      <c r="L19038" s="5" t="s">
        <v>55802</v>
      </c>
      <c r="M19038" s="2" t="s">
        <v>55803</v>
      </c>
      <c r="N19038" s="5" t="s">
        <v>733</v>
      </c>
      <c r="O19038" s="5" t="s">
        <v>38</v>
      </c>
      <c r="P19038" s="5" t="s">
        <v>39</v>
      </c>
      <c r="Q19038" s="5" t="s">
        <v>40</v>
      </c>
      <c r="R19038" s="5" t="s">
        <v>897</v>
      </c>
      <c r="S19038" s="5" t="s">
        <v>40</v>
      </c>
      <c r="T19038" s="5" t="s">
        <v>42</v>
      </c>
      <c r="U19038" s="2">
        <v>73.328000000000003</v>
      </c>
      <c r="V19038" s="2">
        <v>68.058000000000007</v>
      </c>
      <c r="W19038" s="2">
        <v>0.31</v>
      </c>
      <c r="X19038" s="2">
        <v>17</v>
      </c>
      <c r="Y19038" s="2">
        <v>104.9</v>
      </c>
      <c r="Z19038" s="2">
        <v>173.8</v>
      </c>
      <c r="AA19038" s="5">
        <v>7</v>
      </c>
      <c r="AB19038" s="5" t="s">
        <v>43</v>
      </c>
      <c r="AC19038" s="5" t="s">
        <v>735</v>
      </c>
      <c r="AD19038" s="2" t="s">
        <v>59318</v>
      </c>
      <c r="AE19038" s="1"/>
    </row>
    <row r="19039" spans="1:31" ht="14.45">
      <c r="A19039" s="11"/>
      <c r="B19039" s="20"/>
      <c r="C19039" s="2" t="s">
        <v>59319</v>
      </c>
      <c r="D19039" s="14" t="s">
        <v>59320</v>
      </c>
      <c r="E19039" s="2" t="s">
        <v>59321</v>
      </c>
      <c r="F19039" s="2" t="s">
        <v>59317</v>
      </c>
      <c r="G19039" s="8">
        <v>1968</v>
      </c>
      <c r="H19039" s="5">
        <v>10</v>
      </c>
      <c r="I19039" s="5" t="s">
        <v>69</v>
      </c>
      <c r="J19039" s="5" t="s">
        <v>55802</v>
      </c>
      <c r="K19039" s="2" t="s">
        <v>55803</v>
      </c>
      <c r="L19039" s="5" t="s">
        <v>55802</v>
      </c>
      <c r="M19039" s="2" t="s">
        <v>55803</v>
      </c>
      <c r="N19039" s="5" t="s">
        <v>733</v>
      </c>
      <c r="O19039" s="5" t="s">
        <v>38</v>
      </c>
      <c r="P19039" s="5" t="s">
        <v>39</v>
      </c>
      <c r="Q19039" s="5" t="s">
        <v>40</v>
      </c>
      <c r="R19039" s="5" t="s">
        <v>897</v>
      </c>
      <c r="S19039" s="5" t="s">
        <v>40</v>
      </c>
      <c r="T19039" s="5" t="s">
        <v>42</v>
      </c>
      <c r="U19039" s="2">
        <v>73.522000000000006</v>
      </c>
      <c r="V19039" s="2">
        <v>68.191000000000003</v>
      </c>
      <c r="W19039" s="2">
        <v>0.31</v>
      </c>
      <c r="X19039" s="2">
        <v>17</v>
      </c>
      <c r="Y19039" s="2">
        <v>104.9</v>
      </c>
      <c r="Z19039" s="2">
        <v>173.8</v>
      </c>
      <c r="AA19039" s="5">
        <v>7</v>
      </c>
      <c r="AB19039" s="5" t="s">
        <v>43</v>
      </c>
      <c r="AC19039" s="5" t="s">
        <v>735</v>
      </c>
      <c r="AD19039" s="2" t="s">
        <v>59322</v>
      </c>
      <c r="AE19039" s="1"/>
    </row>
    <row r="19040" spans="1:31" ht="14.45">
      <c r="A19040" s="11"/>
      <c r="B19040" s="20"/>
      <c r="C19040" s="2" t="s">
        <v>59323</v>
      </c>
      <c r="D19040" s="14" t="s">
        <v>59324</v>
      </c>
      <c r="E19040" s="2" t="s">
        <v>59325</v>
      </c>
      <c r="F19040" s="2" t="s">
        <v>59326</v>
      </c>
      <c r="G19040" s="8">
        <v>1200</v>
      </c>
      <c r="H19040" s="5">
        <v>10</v>
      </c>
      <c r="I19040" s="5" t="s">
        <v>69</v>
      </c>
      <c r="J19040" s="5" t="s">
        <v>55802</v>
      </c>
      <c r="K19040" s="2" t="s">
        <v>55803</v>
      </c>
      <c r="L19040" s="5" t="s">
        <v>55802</v>
      </c>
      <c r="M19040" s="2" t="s">
        <v>55803</v>
      </c>
      <c r="N19040" s="5" t="s">
        <v>733</v>
      </c>
      <c r="O19040" s="5" t="s">
        <v>38</v>
      </c>
      <c r="P19040" s="5" t="s">
        <v>39</v>
      </c>
      <c r="Q19040" s="5" t="s">
        <v>40</v>
      </c>
      <c r="R19040" s="5" t="s">
        <v>897</v>
      </c>
      <c r="S19040" s="5" t="s">
        <v>40</v>
      </c>
      <c r="T19040" s="5" t="s">
        <v>42</v>
      </c>
      <c r="U19040" s="2">
        <v>63.805</v>
      </c>
      <c r="V19040" s="2">
        <v>58.643000000000001</v>
      </c>
      <c r="W19040" s="2">
        <v>0.31</v>
      </c>
      <c r="X19040" s="2">
        <v>17</v>
      </c>
      <c r="Y19040" s="2">
        <v>104.9</v>
      </c>
      <c r="Z19040" s="2">
        <v>173.8</v>
      </c>
      <c r="AA19040" s="5">
        <v>7</v>
      </c>
      <c r="AB19040" s="5" t="s">
        <v>43</v>
      </c>
      <c r="AC19040" s="5" t="s">
        <v>735</v>
      </c>
      <c r="AD19040" s="2" t="s">
        <v>59327</v>
      </c>
      <c r="AE19040" s="1"/>
    </row>
    <row r="19041" spans="1:31" ht="14.45">
      <c r="A19041" s="11"/>
      <c r="B19041" s="20"/>
      <c r="C19041" s="2" t="s">
        <v>59328</v>
      </c>
      <c r="D19041" s="14" t="s">
        <v>59329</v>
      </c>
      <c r="E19041" s="2" t="s">
        <v>59330</v>
      </c>
      <c r="F19041" s="2" t="s">
        <v>59331</v>
      </c>
      <c r="G19041" s="8">
        <v>1500</v>
      </c>
      <c r="H19041" s="5">
        <v>10</v>
      </c>
      <c r="I19041" s="5" t="s">
        <v>69</v>
      </c>
      <c r="J19041" s="5" t="s">
        <v>55802</v>
      </c>
      <c r="K19041" s="2" t="s">
        <v>55803</v>
      </c>
      <c r="L19041" s="5" t="s">
        <v>55802</v>
      </c>
      <c r="M19041" s="2" t="s">
        <v>55803</v>
      </c>
      <c r="N19041" s="5" t="s">
        <v>733</v>
      </c>
      <c r="O19041" s="5" t="s">
        <v>38</v>
      </c>
      <c r="P19041" s="5" t="s">
        <v>39</v>
      </c>
      <c r="Q19041" s="5" t="s">
        <v>40</v>
      </c>
      <c r="R19041" s="5" t="s">
        <v>897</v>
      </c>
      <c r="S19041" s="5" t="s">
        <v>40</v>
      </c>
      <c r="T19041" s="5" t="s">
        <v>42</v>
      </c>
      <c r="U19041" s="2">
        <v>63.978999999999999</v>
      </c>
      <c r="V19041" s="2">
        <v>58.697000000000003</v>
      </c>
      <c r="W19041" s="2">
        <v>0.31</v>
      </c>
      <c r="X19041" s="2">
        <v>17</v>
      </c>
      <c r="Y19041" s="2">
        <v>104.9</v>
      </c>
      <c r="Z19041" s="2">
        <v>173.8</v>
      </c>
      <c r="AA19041" s="5">
        <v>7</v>
      </c>
      <c r="AB19041" s="5" t="s">
        <v>43</v>
      </c>
      <c r="AC19041" s="5" t="s">
        <v>735</v>
      </c>
      <c r="AD19041" s="2" t="s">
        <v>59332</v>
      </c>
      <c r="AE19041" s="1"/>
    </row>
    <row r="19042" spans="1:31" ht="14.45">
      <c r="A19042" s="11"/>
      <c r="B19042" s="20"/>
      <c r="C19042" s="2" t="s">
        <v>59333</v>
      </c>
      <c r="D19042" s="14" t="s">
        <v>59334</v>
      </c>
      <c r="E19042" s="2" t="s">
        <v>59335</v>
      </c>
      <c r="F19042" s="2" t="s">
        <v>59331</v>
      </c>
      <c r="G19042" s="8">
        <v>1500</v>
      </c>
      <c r="H19042" s="5">
        <v>10</v>
      </c>
      <c r="I19042" s="5" t="s">
        <v>69</v>
      </c>
      <c r="J19042" s="5" t="s">
        <v>55802</v>
      </c>
      <c r="K19042" s="2" t="s">
        <v>55803</v>
      </c>
      <c r="L19042" s="5" t="s">
        <v>55802</v>
      </c>
      <c r="M19042" s="2" t="s">
        <v>55803</v>
      </c>
      <c r="N19042" s="5" t="s">
        <v>733</v>
      </c>
      <c r="O19042" s="5" t="s">
        <v>38</v>
      </c>
      <c r="P19042" s="5" t="s">
        <v>39</v>
      </c>
      <c r="Q19042" s="5" t="s">
        <v>40</v>
      </c>
      <c r="R19042" s="5" t="s">
        <v>897</v>
      </c>
      <c r="S19042" s="5" t="s">
        <v>40</v>
      </c>
      <c r="T19042" s="5" t="s">
        <v>42</v>
      </c>
      <c r="U19042" s="2">
        <v>64.173000000000002</v>
      </c>
      <c r="V19042" s="2">
        <v>58.83</v>
      </c>
      <c r="W19042" s="2">
        <v>0.31</v>
      </c>
      <c r="X19042" s="2">
        <v>17</v>
      </c>
      <c r="Y19042" s="2">
        <v>104.9</v>
      </c>
      <c r="Z19042" s="2">
        <v>173.8</v>
      </c>
      <c r="AA19042" s="5">
        <v>7</v>
      </c>
      <c r="AB19042" s="5" t="s">
        <v>43</v>
      </c>
      <c r="AC19042" s="5" t="s">
        <v>735</v>
      </c>
      <c r="AD19042" s="2" t="s">
        <v>59336</v>
      </c>
      <c r="AE19042" s="1"/>
    </row>
    <row r="19043" spans="1:31" ht="14.45">
      <c r="A19043" s="11"/>
      <c r="B19043" s="20"/>
      <c r="C19043" s="2" t="s">
        <v>59337</v>
      </c>
      <c r="D19043" s="14" t="s">
        <v>59338</v>
      </c>
      <c r="E19043" s="2" t="s">
        <v>59339</v>
      </c>
      <c r="F19043" s="2" t="s">
        <v>59340</v>
      </c>
      <c r="G19043" s="8">
        <v>1532</v>
      </c>
      <c r="H19043" s="5">
        <v>10</v>
      </c>
      <c r="I19043" s="5" t="s">
        <v>69</v>
      </c>
      <c r="J19043" s="5" t="s">
        <v>55802</v>
      </c>
      <c r="K19043" s="2" t="s">
        <v>55803</v>
      </c>
      <c r="L19043" s="5" t="s">
        <v>55802</v>
      </c>
      <c r="M19043" s="2" t="s">
        <v>55803</v>
      </c>
      <c r="N19043" s="5" t="s">
        <v>733</v>
      </c>
      <c r="O19043" s="5" t="s">
        <v>38</v>
      </c>
      <c r="P19043" s="5" t="s">
        <v>39</v>
      </c>
      <c r="Q19043" s="5" t="s">
        <v>40</v>
      </c>
      <c r="R19043" s="5" t="s">
        <v>897</v>
      </c>
      <c r="S19043" s="5" t="s">
        <v>40</v>
      </c>
      <c r="T19043" s="5" t="s">
        <v>42</v>
      </c>
      <c r="U19043" s="2">
        <v>73.108999999999995</v>
      </c>
      <c r="V19043" s="2">
        <v>67.947000000000003</v>
      </c>
      <c r="W19043" s="2">
        <v>0.31</v>
      </c>
      <c r="X19043" s="2">
        <v>17</v>
      </c>
      <c r="Y19043" s="2">
        <v>104.9</v>
      </c>
      <c r="Z19043" s="2">
        <v>173.8</v>
      </c>
      <c r="AA19043" s="5">
        <v>7</v>
      </c>
      <c r="AB19043" s="5" t="s">
        <v>43</v>
      </c>
      <c r="AC19043" s="5" t="s">
        <v>735</v>
      </c>
      <c r="AD19043" s="2" t="s">
        <v>59341</v>
      </c>
      <c r="AE19043" s="1"/>
    </row>
    <row r="19044" spans="1:31" ht="14.45">
      <c r="A19044" s="11"/>
      <c r="B19044" s="20"/>
      <c r="C19044" s="2" t="s">
        <v>59342</v>
      </c>
      <c r="D19044" s="14" t="s">
        <v>59343</v>
      </c>
      <c r="E19044" s="2" t="s">
        <v>59344</v>
      </c>
      <c r="F19044" s="2" t="s">
        <v>59340</v>
      </c>
      <c r="G19044" s="8">
        <v>1832</v>
      </c>
      <c r="H19044" s="5">
        <v>10</v>
      </c>
      <c r="I19044" s="5" t="s">
        <v>69</v>
      </c>
      <c r="J19044" s="5" t="s">
        <v>55802</v>
      </c>
      <c r="K19044" s="2" t="s">
        <v>55803</v>
      </c>
      <c r="L19044" s="5" t="s">
        <v>55802</v>
      </c>
      <c r="M19044" s="2" t="s">
        <v>55803</v>
      </c>
      <c r="N19044" s="5" t="s">
        <v>733</v>
      </c>
      <c r="O19044" s="5" t="s">
        <v>38</v>
      </c>
      <c r="P19044" s="5" t="s">
        <v>39</v>
      </c>
      <c r="Q19044" s="5" t="s">
        <v>40</v>
      </c>
      <c r="R19044" s="5" t="s">
        <v>897</v>
      </c>
      <c r="S19044" s="5" t="s">
        <v>40</v>
      </c>
      <c r="T19044" s="5" t="s">
        <v>42</v>
      </c>
      <c r="U19044" s="2">
        <v>73.271000000000001</v>
      </c>
      <c r="V19044" s="2">
        <v>68.001000000000005</v>
      </c>
      <c r="W19044" s="2">
        <v>0.31</v>
      </c>
      <c r="X19044" s="2">
        <v>17</v>
      </c>
      <c r="Y19044" s="2">
        <v>104.9</v>
      </c>
      <c r="Z19044" s="2">
        <v>173.8</v>
      </c>
      <c r="AA19044" s="5">
        <v>7</v>
      </c>
      <c r="AB19044" s="5" t="s">
        <v>43</v>
      </c>
      <c r="AC19044" s="5" t="s">
        <v>735</v>
      </c>
      <c r="AD19044" s="2" t="s">
        <v>59345</v>
      </c>
      <c r="AE19044" s="1"/>
    </row>
    <row r="19045" spans="1:31" ht="14.45">
      <c r="A19045" s="11"/>
      <c r="B19045" s="20"/>
      <c r="C19045" s="2" t="s">
        <v>59346</v>
      </c>
      <c r="D19045" s="14" t="s">
        <v>59347</v>
      </c>
      <c r="E19045" s="2" t="s">
        <v>59348</v>
      </c>
      <c r="F19045" s="2" t="s">
        <v>59340</v>
      </c>
      <c r="G19045" s="8">
        <v>1832</v>
      </c>
      <c r="H19045" s="5">
        <v>5</v>
      </c>
      <c r="I19045" s="5" t="s">
        <v>69</v>
      </c>
      <c r="J19045" s="5" t="s">
        <v>55802</v>
      </c>
      <c r="K19045" s="2" t="s">
        <v>55803</v>
      </c>
      <c r="L19045" s="5" t="s">
        <v>55802</v>
      </c>
      <c r="M19045" s="2" t="s">
        <v>55803</v>
      </c>
      <c r="N19045" s="5" t="s">
        <v>733</v>
      </c>
      <c r="O19045" s="5" t="s">
        <v>38</v>
      </c>
      <c r="P19045" s="5" t="s">
        <v>39</v>
      </c>
      <c r="Q19045" s="5" t="s">
        <v>40</v>
      </c>
      <c r="R19045" s="5" t="s">
        <v>897</v>
      </c>
      <c r="S19045" s="5" t="s">
        <v>40</v>
      </c>
      <c r="T19045" s="5" t="s">
        <v>42</v>
      </c>
      <c r="U19045" s="2">
        <v>73.465000000000003</v>
      </c>
      <c r="V19045" s="2">
        <v>68.134</v>
      </c>
      <c r="W19045" s="2">
        <v>0.31</v>
      </c>
      <c r="X19045" s="2">
        <v>17</v>
      </c>
      <c r="Y19045" s="2">
        <v>104.9</v>
      </c>
      <c r="Z19045" s="2">
        <v>173.8</v>
      </c>
      <c r="AA19045" s="5">
        <v>7</v>
      </c>
      <c r="AB19045" s="5" t="s">
        <v>43</v>
      </c>
      <c r="AC19045" s="5" t="s">
        <v>735</v>
      </c>
      <c r="AD19045" s="2" t="s">
        <v>59349</v>
      </c>
      <c r="AE19045" s="1"/>
    </row>
    <row r="19046" spans="1:31" ht="14.45">
      <c r="A19046" s="11"/>
      <c r="B19046" s="20"/>
      <c r="C19046" s="2" t="s">
        <v>59350</v>
      </c>
      <c r="D19046" s="14" t="s">
        <v>59351</v>
      </c>
      <c r="E19046" s="2" t="s">
        <v>59352</v>
      </c>
      <c r="F19046" s="2" t="s">
        <v>59353</v>
      </c>
      <c r="G19046" s="8">
        <v>1668</v>
      </c>
      <c r="H19046" s="5">
        <v>10</v>
      </c>
      <c r="I19046" s="5" t="s">
        <v>69</v>
      </c>
      <c r="J19046" s="5" t="s">
        <v>55802</v>
      </c>
      <c r="K19046" s="2" t="s">
        <v>55803</v>
      </c>
      <c r="L19046" s="5" t="s">
        <v>55802</v>
      </c>
      <c r="M19046" s="2" t="s">
        <v>55803</v>
      </c>
      <c r="N19046" s="5" t="s">
        <v>733</v>
      </c>
      <c r="O19046" s="5" t="s">
        <v>38</v>
      </c>
      <c r="P19046" s="5" t="s">
        <v>39</v>
      </c>
      <c r="Q19046" s="5" t="s">
        <v>40</v>
      </c>
      <c r="R19046" s="5" t="s">
        <v>897</v>
      </c>
      <c r="S19046" s="5" t="s">
        <v>40</v>
      </c>
      <c r="T19046" s="5" t="s">
        <v>42</v>
      </c>
      <c r="U19046" s="2">
        <v>72.055999999999997</v>
      </c>
      <c r="V19046" s="2">
        <v>66.894000000000005</v>
      </c>
      <c r="W19046" s="2">
        <v>0.31</v>
      </c>
      <c r="X19046" s="2">
        <v>17</v>
      </c>
      <c r="Y19046" s="2">
        <v>104.9</v>
      </c>
      <c r="Z19046" s="2">
        <v>173.8</v>
      </c>
      <c r="AA19046" s="5">
        <v>7</v>
      </c>
      <c r="AB19046" s="5" t="s">
        <v>43</v>
      </c>
      <c r="AC19046" s="5" t="s">
        <v>735</v>
      </c>
      <c r="AD19046" s="2" t="s">
        <v>59354</v>
      </c>
      <c r="AE19046" s="1"/>
    </row>
    <row r="19047" spans="1:31" ht="14.45">
      <c r="A19047" s="11"/>
      <c r="B19047" s="20"/>
      <c r="C19047" s="2" t="s">
        <v>59355</v>
      </c>
      <c r="D19047" s="14" t="s">
        <v>59356</v>
      </c>
      <c r="E19047" s="2" t="s">
        <v>59357</v>
      </c>
      <c r="F19047" s="2" t="s">
        <v>59358</v>
      </c>
      <c r="G19047" s="8">
        <v>1968</v>
      </c>
      <c r="H19047" s="5">
        <v>10</v>
      </c>
      <c r="I19047" s="5" t="s">
        <v>69</v>
      </c>
      <c r="J19047" s="5" t="s">
        <v>55802</v>
      </c>
      <c r="K19047" s="2" t="s">
        <v>55803</v>
      </c>
      <c r="L19047" s="5" t="s">
        <v>55802</v>
      </c>
      <c r="M19047" s="2" t="s">
        <v>55803</v>
      </c>
      <c r="N19047" s="5" t="s">
        <v>733</v>
      </c>
      <c r="O19047" s="5" t="s">
        <v>38</v>
      </c>
      <c r="P19047" s="5" t="s">
        <v>39</v>
      </c>
      <c r="Q19047" s="5" t="s">
        <v>40</v>
      </c>
      <c r="R19047" s="5" t="s">
        <v>897</v>
      </c>
      <c r="S19047" s="5" t="s">
        <v>40</v>
      </c>
      <c r="T19047" s="5" t="s">
        <v>42</v>
      </c>
      <c r="U19047" s="2">
        <v>72.218000000000004</v>
      </c>
      <c r="V19047" s="2">
        <v>66.947999999999993</v>
      </c>
      <c r="W19047" s="2">
        <v>0.31</v>
      </c>
      <c r="X19047" s="2">
        <v>17</v>
      </c>
      <c r="Y19047" s="2">
        <v>104.9</v>
      </c>
      <c r="Z19047" s="2">
        <v>173.8</v>
      </c>
      <c r="AA19047" s="5">
        <v>7</v>
      </c>
      <c r="AB19047" s="5" t="s">
        <v>43</v>
      </c>
      <c r="AC19047" s="5" t="s">
        <v>735</v>
      </c>
      <c r="AD19047" s="2" t="s">
        <v>59359</v>
      </c>
      <c r="AE19047" s="1"/>
    </row>
    <row r="19048" spans="1:31" ht="14.45">
      <c r="A19048" s="11"/>
      <c r="B19048" s="20"/>
      <c r="C19048" s="2" t="s">
        <v>59360</v>
      </c>
      <c r="D19048" s="14" t="s">
        <v>59361</v>
      </c>
      <c r="E19048" s="2" t="s">
        <v>59362</v>
      </c>
      <c r="F19048" s="2" t="s">
        <v>59358</v>
      </c>
      <c r="G19048" s="8">
        <v>1968</v>
      </c>
      <c r="H19048" s="5">
        <v>10</v>
      </c>
      <c r="I19048" s="5" t="s">
        <v>69</v>
      </c>
      <c r="J19048" s="5" t="s">
        <v>55802</v>
      </c>
      <c r="K19048" s="2" t="s">
        <v>55803</v>
      </c>
      <c r="L19048" s="5" t="s">
        <v>55802</v>
      </c>
      <c r="M19048" s="2" t="s">
        <v>55803</v>
      </c>
      <c r="N19048" s="5" t="s">
        <v>733</v>
      </c>
      <c r="O19048" s="5" t="s">
        <v>38</v>
      </c>
      <c r="P19048" s="5" t="s">
        <v>39</v>
      </c>
      <c r="Q19048" s="5" t="s">
        <v>40</v>
      </c>
      <c r="R19048" s="5" t="s">
        <v>897</v>
      </c>
      <c r="S19048" s="5" t="s">
        <v>40</v>
      </c>
      <c r="T19048" s="5" t="s">
        <v>42</v>
      </c>
      <c r="U19048" s="2">
        <v>72.411000000000001</v>
      </c>
      <c r="V19048" s="2">
        <v>67.08</v>
      </c>
      <c r="W19048" s="2">
        <v>0.31</v>
      </c>
      <c r="X19048" s="2">
        <v>17</v>
      </c>
      <c r="Y19048" s="2">
        <v>104.9</v>
      </c>
      <c r="Z19048" s="2">
        <v>173.8</v>
      </c>
      <c r="AA19048" s="5">
        <v>7</v>
      </c>
      <c r="AB19048" s="5" t="s">
        <v>43</v>
      </c>
      <c r="AC19048" s="5" t="s">
        <v>735</v>
      </c>
      <c r="AD19048" s="2" t="s">
        <v>59363</v>
      </c>
      <c r="AE19048" s="1"/>
    </row>
    <row r="19049" spans="1:31" ht="14.45">
      <c r="A19049" s="11"/>
      <c r="B19049" s="20"/>
      <c r="C19049" s="2" t="s">
        <v>59364</v>
      </c>
      <c r="D19049" s="14" t="s">
        <v>59365</v>
      </c>
      <c r="E19049" s="2" t="s">
        <v>59366</v>
      </c>
      <c r="F19049" s="2" t="s">
        <v>59367</v>
      </c>
      <c r="G19049" s="8">
        <v>1500</v>
      </c>
      <c r="H19049" s="5">
        <v>10</v>
      </c>
      <c r="I19049" s="5" t="s">
        <v>69</v>
      </c>
      <c r="J19049" s="5" t="s">
        <v>55802</v>
      </c>
      <c r="K19049" s="2" t="s">
        <v>55803</v>
      </c>
      <c r="L19049" s="5" t="s">
        <v>55802</v>
      </c>
      <c r="M19049" s="2" t="s">
        <v>55803</v>
      </c>
      <c r="N19049" s="5" t="s">
        <v>733</v>
      </c>
      <c r="O19049" s="5" t="s">
        <v>38</v>
      </c>
      <c r="P19049" s="5" t="s">
        <v>39</v>
      </c>
      <c r="Q19049" s="5" t="s">
        <v>40</v>
      </c>
      <c r="R19049" s="5" t="s">
        <v>897</v>
      </c>
      <c r="S19049" s="5" t="s">
        <v>40</v>
      </c>
      <c r="T19049" s="5" t="s">
        <v>42</v>
      </c>
      <c r="U19049" s="2">
        <v>62.871000000000002</v>
      </c>
      <c r="V19049" s="2">
        <v>57.588999999999999</v>
      </c>
      <c r="W19049" s="2">
        <v>0.31</v>
      </c>
      <c r="X19049" s="2">
        <v>17</v>
      </c>
      <c r="Y19049" s="2">
        <v>104.9</v>
      </c>
      <c r="Z19049" s="2">
        <v>173.8</v>
      </c>
      <c r="AA19049" s="5">
        <v>7</v>
      </c>
      <c r="AB19049" s="5" t="s">
        <v>43</v>
      </c>
      <c r="AC19049" s="5" t="s">
        <v>735</v>
      </c>
      <c r="AD19049" s="2" t="s">
        <v>59368</v>
      </c>
      <c r="AE19049" s="1"/>
    </row>
    <row r="19050" spans="1:31" ht="14.45">
      <c r="A19050" s="11"/>
      <c r="B19050" s="20"/>
      <c r="C19050" s="2" t="s">
        <v>59369</v>
      </c>
      <c r="D19050" s="14" t="s">
        <v>59370</v>
      </c>
      <c r="E19050" s="2" t="s">
        <v>59371</v>
      </c>
      <c r="F19050" s="2" t="s">
        <v>59367</v>
      </c>
      <c r="G19050" s="8">
        <v>1500</v>
      </c>
      <c r="H19050" s="5">
        <v>10</v>
      </c>
      <c r="I19050" s="5" t="s">
        <v>69</v>
      </c>
      <c r="J19050" s="5" t="s">
        <v>55802</v>
      </c>
      <c r="K19050" s="2" t="s">
        <v>55803</v>
      </c>
      <c r="L19050" s="5" t="s">
        <v>55802</v>
      </c>
      <c r="M19050" s="2" t="s">
        <v>55803</v>
      </c>
      <c r="N19050" s="5" t="s">
        <v>733</v>
      </c>
      <c r="O19050" s="5" t="s">
        <v>38</v>
      </c>
      <c r="P19050" s="5" t="s">
        <v>39</v>
      </c>
      <c r="Q19050" s="5" t="s">
        <v>40</v>
      </c>
      <c r="R19050" s="5" t="s">
        <v>897</v>
      </c>
      <c r="S19050" s="5" t="s">
        <v>40</v>
      </c>
      <c r="T19050" s="5" t="s">
        <v>42</v>
      </c>
      <c r="U19050" s="2">
        <v>63.064</v>
      </c>
      <c r="V19050" s="2">
        <v>57.720999999999997</v>
      </c>
      <c r="W19050" s="2">
        <v>0.31</v>
      </c>
      <c r="X19050" s="2">
        <v>17</v>
      </c>
      <c r="Y19050" s="2">
        <v>104.9</v>
      </c>
      <c r="Z19050" s="2">
        <v>173.8</v>
      </c>
      <c r="AA19050" s="5">
        <v>7</v>
      </c>
      <c r="AB19050" s="5" t="s">
        <v>43</v>
      </c>
      <c r="AC19050" s="5" t="s">
        <v>735</v>
      </c>
      <c r="AD19050" s="2" t="s">
        <v>59372</v>
      </c>
      <c r="AE19050" s="1"/>
    </row>
    <row r="19051" spans="1:31" ht="14.45">
      <c r="A19051" s="11"/>
      <c r="B19051" s="20"/>
      <c r="C19051" s="2" t="s">
        <v>59373</v>
      </c>
      <c r="D19051" s="14" t="s">
        <v>59374</v>
      </c>
      <c r="E19051" s="2" t="s">
        <v>59375</v>
      </c>
      <c r="F19051" s="2" t="s">
        <v>59376</v>
      </c>
      <c r="G19051" s="8">
        <v>1532</v>
      </c>
      <c r="H19051" s="5">
        <v>10</v>
      </c>
      <c r="I19051" s="5" t="s">
        <v>69</v>
      </c>
      <c r="J19051" s="5" t="s">
        <v>55802</v>
      </c>
      <c r="K19051" s="2" t="s">
        <v>55803</v>
      </c>
      <c r="L19051" s="5" t="s">
        <v>55802</v>
      </c>
      <c r="M19051" s="2" t="s">
        <v>55803</v>
      </c>
      <c r="N19051" s="5" t="s">
        <v>733</v>
      </c>
      <c r="O19051" s="5" t="s">
        <v>38</v>
      </c>
      <c r="P19051" s="5" t="s">
        <v>39</v>
      </c>
      <c r="Q19051" s="5" t="s">
        <v>40</v>
      </c>
      <c r="R19051" s="5" t="s">
        <v>897</v>
      </c>
      <c r="S19051" s="5" t="s">
        <v>40</v>
      </c>
      <c r="T19051" s="5" t="s">
        <v>42</v>
      </c>
      <c r="U19051" s="2">
        <v>71.998999999999995</v>
      </c>
      <c r="V19051" s="2">
        <v>66.837000000000003</v>
      </c>
      <c r="W19051" s="2">
        <v>0.31</v>
      </c>
      <c r="X19051" s="2">
        <v>17</v>
      </c>
      <c r="Y19051" s="2">
        <v>104.9</v>
      </c>
      <c r="Z19051" s="2">
        <v>173.8</v>
      </c>
      <c r="AA19051" s="5">
        <v>7</v>
      </c>
      <c r="AB19051" s="5" t="s">
        <v>43</v>
      </c>
      <c r="AC19051" s="5" t="s">
        <v>735</v>
      </c>
      <c r="AD19051" s="2" t="s">
        <v>59377</v>
      </c>
      <c r="AE19051" s="1"/>
    </row>
    <row r="19052" spans="1:31" ht="14.45">
      <c r="A19052" s="11"/>
      <c r="B19052" s="20"/>
      <c r="C19052" s="2" t="s">
        <v>59378</v>
      </c>
      <c r="D19052" s="14" t="s">
        <v>59379</v>
      </c>
      <c r="E19052" s="2" t="s">
        <v>59380</v>
      </c>
      <c r="F19052" s="2" t="s">
        <v>59376</v>
      </c>
      <c r="G19052" s="8">
        <v>1832</v>
      </c>
      <c r="H19052" s="5">
        <v>5</v>
      </c>
      <c r="I19052" s="5" t="s">
        <v>69</v>
      </c>
      <c r="J19052" s="5" t="s">
        <v>55802</v>
      </c>
      <c r="K19052" s="2" t="s">
        <v>55803</v>
      </c>
      <c r="L19052" s="5" t="s">
        <v>55802</v>
      </c>
      <c r="M19052" s="2" t="s">
        <v>55803</v>
      </c>
      <c r="N19052" s="5" t="s">
        <v>733</v>
      </c>
      <c r="O19052" s="5" t="s">
        <v>38</v>
      </c>
      <c r="P19052" s="5" t="s">
        <v>39</v>
      </c>
      <c r="Q19052" s="5" t="s">
        <v>40</v>
      </c>
      <c r="R19052" s="5" t="s">
        <v>897</v>
      </c>
      <c r="S19052" s="5" t="s">
        <v>40</v>
      </c>
      <c r="T19052" s="5" t="s">
        <v>42</v>
      </c>
      <c r="U19052" s="2">
        <v>72.353999999999999</v>
      </c>
      <c r="V19052" s="2">
        <v>67.022999999999996</v>
      </c>
      <c r="W19052" s="2">
        <v>0.31</v>
      </c>
      <c r="X19052" s="2">
        <v>17</v>
      </c>
      <c r="Y19052" s="2">
        <v>104.9</v>
      </c>
      <c r="Z19052" s="2">
        <v>173.8</v>
      </c>
      <c r="AA19052" s="5">
        <v>7</v>
      </c>
      <c r="AB19052" s="5" t="s">
        <v>43</v>
      </c>
      <c r="AC19052" s="5" t="s">
        <v>735</v>
      </c>
      <c r="AD19052" s="2" t="s">
        <v>59381</v>
      </c>
      <c r="AE19052" s="1"/>
    </row>
    <row r="19053" spans="1:31" ht="14.45">
      <c r="A19053" s="11"/>
      <c r="B19053" s="20"/>
      <c r="C19053" s="2" t="s">
        <v>59382</v>
      </c>
      <c r="D19053" s="14" t="s">
        <v>59383</v>
      </c>
      <c r="E19053" s="2" t="s">
        <v>59384</v>
      </c>
      <c r="F19053" s="2" t="s">
        <v>59385</v>
      </c>
      <c r="G19053" s="8">
        <v>1416</v>
      </c>
      <c r="H19053" s="5">
        <v>10</v>
      </c>
      <c r="I19053" s="5" t="s">
        <v>69</v>
      </c>
      <c r="J19053" s="5" t="s">
        <v>55802</v>
      </c>
      <c r="K19053" s="2" t="s">
        <v>55803</v>
      </c>
      <c r="L19053" s="5" t="s">
        <v>55802</v>
      </c>
      <c r="M19053" s="2" t="s">
        <v>55803</v>
      </c>
      <c r="N19053" s="5" t="s">
        <v>733</v>
      </c>
      <c r="O19053" s="5" t="s">
        <v>38</v>
      </c>
      <c r="P19053" s="5" t="s">
        <v>39</v>
      </c>
      <c r="Q19053" s="5" t="s">
        <v>40</v>
      </c>
      <c r="R19053" s="5" t="s">
        <v>897</v>
      </c>
      <c r="S19053" s="5" t="s">
        <v>40</v>
      </c>
      <c r="T19053" s="5" t="s">
        <v>42</v>
      </c>
      <c r="U19053" s="2">
        <v>78.846000000000004</v>
      </c>
      <c r="V19053" s="2">
        <v>73.712999999999994</v>
      </c>
      <c r="W19053" s="2">
        <v>0.31</v>
      </c>
      <c r="X19053" s="2">
        <v>17</v>
      </c>
      <c r="Y19053" s="2">
        <v>104.9</v>
      </c>
      <c r="Z19053" s="2">
        <v>173.8</v>
      </c>
      <c r="AA19053" s="5">
        <v>7</v>
      </c>
      <c r="AB19053" s="5" t="s">
        <v>43</v>
      </c>
      <c r="AC19053" s="5" t="s">
        <v>735</v>
      </c>
      <c r="AD19053" s="2" t="s">
        <v>59386</v>
      </c>
      <c r="AE19053" s="1"/>
    </row>
    <row r="19054" spans="1:31" ht="14.45">
      <c r="A19054" s="11"/>
      <c r="B19054" s="20"/>
      <c r="C19054" s="2" t="s">
        <v>59387</v>
      </c>
      <c r="D19054" s="14" t="s">
        <v>59388</v>
      </c>
      <c r="E19054" s="2" t="s">
        <v>59389</v>
      </c>
      <c r="F19054" s="2" t="s">
        <v>59390</v>
      </c>
      <c r="G19054" s="8">
        <v>1716</v>
      </c>
      <c r="H19054" s="5">
        <v>10</v>
      </c>
      <c r="I19054" s="5" t="s">
        <v>69</v>
      </c>
      <c r="J19054" s="5" t="s">
        <v>55802</v>
      </c>
      <c r="K19054" s="2" t="s">
        <v>55803</v>
      </c>
      <c r="L19054" s="5" t="s">
        <v>55802</v>
      </c>
      <c r="M19054" s="2" t="s">
        <v>55803</v>
      </c>
      <c r="N19054" s="5" t="s">
        <v>733</v>
      </c>
      <c r="O19054" s="5" t="s">
        <v>38</v>
      </c>
      <c r="P19054" s="5" t="s">
        <v>39</v>
      </c>
      <c r="Q19054" s="5" t="s">
        <v>40</v>
      </c>
      <c r="R19054" s="5" t="s">
        <v>897</v>
      </c>
      <c r="S19054" s="5" t="s">
        <v>40</v>
      </c>
      <c r="T19054" s="5" t="s">
        <v>42</v>
      </c>
      <c r="U19054" s="2">
        <v>80.628</v>
      </c>
      <c r="V19054" s="2">
        <v>75.358000000000004</v>
      </c>
      <c r="W19054" s="2">
        <v>0.31</v>
      </c>
      <c r="X19054" s="2">
        <v>17</v>
      </c>
      <c r="Y19054" s="2">
        <v>104.9</v>
      </c>
      <c r="Z19054" s="2">
        <v>173.8</v>
      </c>
      <c r="AA19054" s="5">
        <v>7</v>
      </c>
      <c r="AB19054" s="5" t="s">
        <v>43</v>
      </c>
      <c r="AC19054" s="5" t="s">
        <v>735</v>
      </c>
      <c r="AD19054" s="2" t="s">
        <v>59391</v>
      </c>
      <c r="AE19054" s="1"/>
    </row>
    <row r="19055" spans="1:31" ht="14.45">
      <c r="A19055" s="11"/>
      <c r="B19055" s="20"/>
      <c r="C19055" s="2" t="s">
        <v>59392</v>
      </c>
      <c r="D19055" s="14" t="s">
        <v>59393</v>
      </c>
      <c r="E19055" s="2" t="s">
        <v>59394</v>
      </c>
      <c r="F19055" s="2" t="s">
        <v>59395</v>
      </c>
      <c r="G19055" s="8">
        <v>1200</v>
      </c>
      <c r="H19055" s="5">
        <v>5</v>
      </c>
      <c r="I19055" s="5" t="s">
        <v>69</v>
      </c>
      <c r="J19055" s="5" t="s">
        <v>55802</v>
      </c>
      <c r="K19055" s="2" t="s">
        <v>55803</v>
      </c>
      <c r="L19055" s="5" t="s">
        <v>55802</v>
      </c>
      <c r="M19055" s="2" t="s">
        <v>55803</v>
      </c>
      <c r="N19055" s="5" t="s">
        <v>733</v>
      </c>
      <c r="O19055" s="5" t="s">
        <v>38</v>
      </c>
      <c r="P19055" s="5" t="s">
        <v>39</v>
      </c>
      <c r="Q19055" s="5" t="s">
        <v>40</v>
      </c>
      <c r="R19055" s="5" t="s">
        <v>897</v>
      </c>
      <c r="S19055" s="5" t="s">
        <v>40</v>
      </c>
      <c r="T19055" s="5" t="s">
        <v>42</v>
      </c>
      <c r="U19055" s="2">
        <v>67.835999999999999</v>
      </c>
      <c r="V19055" s="2">
        <v>62.871000000000002</v>
      </c>
      <c r="W19055" s="2">
        <v>0.30399999999999999</v>
      </c>
      <c r="X19055" s="2">
        <v>17</v>
      </c>
      <c r="Y19055" s="2">
        <v>102.9</v>
      </c>
      <c r="Z19055" s="2">
        <v>173.8</v>
      </c>
      <c r="AA19055" s="5">
        <v>7</v>
      </c>
      <c r="AB19055" s="5" t="s">
        <v>43</v>
      </c>
      <c r="AC19055" s="5" t="s">
        <v>735</v>
      </c>
      <c r="AD19055" s="2" t="s">
        <v>59396</v>
      </c>
      <c r="AE19055" s="1"/>
    </row>
    <row r="19056" spans="1:31" ht="14.45">
      <c r="A19056" s="11"/>
      <c r="B19056" s="20"/>
      <c r="C19056" s="2" t="s">
        <v>59397</v>
      </c>
      <c r="D19056" s="14" t="s">
        <v>59398</v>
      </c>
      <c r="E19056" s="2" t="s">
        <v>59399</v>
      </c>
      <c r="F19056" s="2" t="s">
        <v>59400</v>
      </c>
      <c r="G19056" s="8">
        <v>1500</v>
      </c>
      <c r="H19056" s="5">
        <v>10</v>
      </c>
      <c r="I19056" s="5" t="s">
        <v>69</v>
      </c>
      <c r="J19056" s="5" t="s">
        <v>55802</v>
      </c>
      <c r="K19056" s="2" t="s">
        <v>55803</v>
      </c>
      <c r="L19056" s="5" t="s">
        <v>55802</v>
      </c>
      <c r="M19056" s="2" t="s">
        <v>55803</v>
      </c>
      <c r="N19056" s="5" t="s">
        <v>733</v>
      </c>
      <c r="O19056" s="5" t="s">
        <v>38</v>
      </c>
      <c r="P19056" s="5" t="s">
        <v>39</v>
      </c>
      <c r="Q19056" s="5" t="s">
        <v>40</v>
      </c>
      <c r="R19056" s="5" t="s">
        <v>897</v>
      </c>
      <c r="S19056" s="5" t="s">
        <v>40</v>
      </c>
      <c r="T19056" s="5" t="s">
        <v>42</v>
      </c>
      <c r="U19056" s="2">
        <v>69.364999999999995</v>
      </c>
      <c r="V19056" s="2">
        <v>64.094999999999999</v>
      </c>
      <c r="W19056" s="2">
        <v>0.31</v>
      </c>
      <c r="X19056" s="2">
        <v>17</v>
      </c>
      <c r="Y19056" s="2">
        <v>104.9</v>
      </c>
      <c r="Z19056" s="2">
        <v>173.8</v>
      </c>
      <c r="AA19056" s="5">
        <v>7</v>
      </c>
      <c r="AB19056" s="5" t="s">
        <v>43</v>
      </c>
      <c r="AC19056" s="5" t="s">
        <v>735</v>
      </c>
      <c r="AD19056" s="2" t="s">
        <v>59401</v>
      </c>
      <c r="AE19056" s="1"/>
    </row>
    <row r="19057" spans="1:31" ht="14.45">
      <c r="A19057" s="11"/>
      <c r="B19057" s="20"/>
      <c r="C19057" s="2" t="s">
        <v>59402</v>
      </c>
      <c r="D19057" s="14" t="s">
        <v>59403</v>
      </c>
      <c r="E19057" s="2" t="s">
        <v>59404</v>
      </c>
      <c r="F19057" s="2" t="s">
        <v>59400</v>
      </c>
      <c r="G19057" s="8">
        <v>1500</v>
      </c>
      <c r="H19057" s="5">
        <v>10</v>
      </c>
      <c r="I19057" s="5" t="s">
        <v>69</v>
      </c>
      <c r="J19057" s="5" t="s">
        <v>55802</v>
      </c>
      <c r="K19057" s="2" t="s">
        <v>55803</v>
      </c>
      <c r="L19057" s="5" t="s">
        <v>55802</v>
      </c>
      <c r="M19057" s="2" t="s">
        <v>55803</v>
      </c>
      <c r="N19057" s="5" t="s">
        <v>733</v>
      </c>
      <c r="O19057" s="5" t="s">
        <v>38</v>
      </c>
      <c r="P19057" s="5" t="s">
        <v>39</v>
      </c>
      <c r="Q19057" s="5" t="s">
        <v>40</v>
      </c>
      <c r="R19057" s="5" t="s">
        <v>897</v>
      </c>
      <c r="S19057" s="5" t="s">
        <v>40</v>
      </c>
      <c r="T19057" s="5" t="s">
        <v>42</v>
      </c>
      <c r="U19057" s="2">
        <v>69.546999999999997</v>
      </c>
      <c r="V19057" s="2">
        <v>64.215999999999994</v>
      </c>
      <c r="W19057" s="2">
        <v>0.31</v>
      </c>
      <c r="X19057" s="2">
        <v>17</v>
      </c>
      <c r="Y19057" s="2">
        <v>104.9</v>
      </c>
      <c r="Z19057" s="2">
        <v>173.8</v>
      </c>
      <c r="AA19057" s="5">
        <v>7</v>
      </c>
      <c r="AB19057" s="5" t="s">
        <v>43</v>
      </c>
      <c r="AC19057" s="5" t="s">
        <v>735</v>
      </c>
      <c r="AD19057" s="2" t="s">
        <v>59405</v>
      </c>
      <c r="AE19057" s="1"/>
    </row>
    <row r="19058" spans="1:31" ht="14.45">
      <c r="A19058" s="11"/>
      <c r="B19058" s="20"/>
      <c r="C19058" s="2" t="s">
        <v>59406</v>
      </c>
      <c r="D19058" s="14" t="s">
        <v>59407</v>
      </c>
      <c r="E19058" s="2" t="s">
        <v>59408</v>
      </c>
      <c r="F19058" s="2" t="s">
        <v>59409</v>
      </c>
      <c r="G19058" s="8">
        <v>1416</v>
      </c>
      <c r="H19058" s="5">
        <v>10</v>
      </c>
      <c r="I19058" s="5" t="s">
        <v>69</v>
      </c>
      <c r="J19058" s="5" t="s">
        <v>55802</v>
      </c>
      <c r="K19058" s="2" t="s">
        <v>55803</v>
      </c>
      <c r="L19058" s="5" t="s">
        <v>55802</v>
      </c>
      <c r="M19058" s="2" t="s">
        <v>55803</v>
      </c>
      <c r="N19058" s="5" t="s">
        <v>733</v>
      </c>
      <c r="O19058" s="5" t="s">
        <v>38</v>
      </c>
      <c r="P19058" s="5" t="s">
        <v>39</v>
      </c>
      <c r="Q19058" s="5" t="s">
        <v>40</v>
      </c>
      <c r="R19058" s="5" t="s">
        <v>897</v>
      </c>
      <c r="S19058" s="5" t="s">
        <v>40</v>
      </c>
      <c r="T19058" s="5" t="s">
        <v>42</v>
      </c>
      <c r="U19058" s="2">
        <v>67.207999999999998</v>
      </c>
      <c r="V19058" s="2">
        <v>62.07</v>
      </c>
      <c r="W19058" s="2">
        <v>0.31</v>
      </c>
      <c r="X19058" s="2">
        <v>17</v>
      </c>
      <c r="Y19058" s="2">
        <v>104.9</v>
      </c>
      <c r="Z19058" s="2">
        <v>173.8</v>
      </c>
      <c r="AA19058" s="5">
        <v>7</v>
      </c>
      <c r="AB19058" s="5" t="s">
        <v>43</v>
      </c>
      <c r="AC19058" s="5" t="s">
        <v>735</v>
      </c>
      <c r="AD19058" s="2" t="s">
        <v>59410</v>
      </c>
      <c r="AE19058" s="1"/>
    </row>
    <row r="19059" spans="1:31" ht="14.45">
      <c r="A19059" s="11"/>
      <c r="B19059" s="20"/>
      <c r="C19059" s="2" t="s">
        <v>59411</v>
      </c>
      <c r="D19059" s="14" t="s">
        <v>59412</v>
      </c>
      <c r="E19059" s="2" t="s">
        <v>59413</v>
      </c>
      <c r="F19059" s="2" t="s">
        <v>59409</v>
      </c>
      <c r="G19059" s="8">
        <v>1716</v>
      </c>
      <c r="H19059" s="5">
        <v>10</v>
      </c>
      <c r="I19059" s="5" t="s">
        <v>69</v>
      </c>
      <c r="J19059" s="5" t="s">
        <v>55802</v>
      </c>
      <c r="K19059" s="2" t="s">
        <v>55803</v>
      </c>
      <c r="L19059" s="5" t="s">
        <v>55802</v>
      </c>
      <c r="M19059" s="2" t="s">
        <v>55803</v>
      </c>
      <c r="N19059" s="5" t="s">
        <v>733</v>
      </c>
      <c r="O19059" s="5" t="s">
        <v>38</v>
      </c>
      <c r="P19059" s="5" t="s">
        <v>39</v>
      </c>
      <c r="Q19059" s="5" t="s">
        <v>40</v>
      </c>
      <c r="R19059" s="5" t="s">
        <v>897</v>
      </c>
      <c r="S19059" s="5" t="s">
        <v>40</v>
      </c>
      <c r="T19059" s="5" t="s">
        <v>42</v>
      </c>
      <c r="U19059" s="2">
        <v>69.135000000000005</v>
      </c>
      <c r="V19059" s="2">
        <v>63.865000000000002</v>
      </c>
      <c r="W19059" s="2">
        <v>0.31</v>
      </c>
      <c r="X19059" s="2">
        <v>17</v>
      </c>
      <c r="Y19059" s="2">
        <v>104.9</v>
      </c>
      <c r="Z19059" s="2">
        <v>173.8</v>
      </c>
      <c r="AA19059" s="5">
        <v>7</v>
      </c>
      <c r="AB19059" s="5" t="s">
        <v>43</v>
      </c>
      <c r="AC19059" s="5" t="s">
        <v>735</v>
      </c>
      <c r="AD19059" s="2" t="s">
        <v>59414</v>
      </c>
      <c r="AE19059" s="1"/>
    </row>
    <row r="19060" spans="1:31" ht="14.45">
      <c r="A19060" s="11"/>
      <c r="B19060" s="20"/>
      <c r="C19060" s="2" t="s">
        <v>59415</v>
      </c>
      <c r="D19060" s="14" t="s">
        <v>59416</v>
      </c>
      <c r="E19060" s="2" t="s">
        <v>59417</v>
      </c>
      <c r="F19060" s="2" t="s">
        <v>59409</v>
      </c>
      <c r="G19060" s="8">
        <v>1716</v>
      </c>
      <c r="H19060" s="5">
        <v>10</v>
      </c>
      <c r="I19060" s="5" t="s">
        <v>69</v>
      </c>
      <c r="J19060" s="5" t="s">
        <v>55802</v>
      </c>
      <c r="K19060" s="2" t="s">
        <v>55803</v>
      </c>
      <c r="L19060" s="5" t="s">
        <v>55802</v>
      </c>
      <c r="M19060" s="2" t="s">
        <v>55803</v>
      </c>
      <c r="N19060" s="5" t="s">
        <v>733</v>
      </c>
      <c r="O19060" s="5" t="s">
        <v>38</v>
      </c>
      <c r="P19060" s="5" t="s">
        <v>39</v>
      </c>
      <c r="Q19060" s="5" t="s">
        <v>40</v>
      </c>
      <c r="R19060" s="5" t="s">
        <v>897</v>
      </c>
      <c r="S19060" s="5" t="s">
        <v>40</v>
      </c>
      <c r="T19060" s="5" t="s">
        <v>42</v>
      </c>
      <c r="U19060" s="2">
        <v>69.344999999999999</v>
      </c>
      <c r="V19060" s="2">
        <v>64.013999999999996</v>
      </c>
      <c r="W19060" s="2">
        <v>0.31</v>
      </c>
      <c r="X19060" s="2">
        <v>17</v>
      </c>
      <c r="Y19060" s="2">
        <v>104.9</v>
      </c>
      <c r="Z19060" s="2">
        <v>173.8</v>
      </c>
      <c r="AA19060" s="5">
        <v>7</v>
      </c>
      <c r="AB19060" s="5" t="s">
        <v>43</v>
      </c>
      <c r="AC19060" s="5" t="s">
        <v>735</v>
      </c>
      <c r="AD19060" s="2" t="s">
        <v>59418</v>
      </c>
      <c r="AE19060" s="1"/>
    </row>
    <row r="19061" spans="1:31" ht="14.45">
      <c r="A19061" s="11"/>
      <c r="B19061" s="20"/>
      <c r="C19061" s="2" t="s">
        <v>59419</v>
      </c>
      <c r="D19061" s="14" t="s">
        <v>59420</v>
      </c>
      <c r="E19061" s="2" t="s">
        <v>59421</v>
      </c>
      <c r="F19061" s="2" t="s">
        <v>59422</v>
      </c>
      <c r="G19061" s="8">
        <v>993</v>
      </c>
      <c r="H19061" s="5">
        <v>10</v>
      </c>
      <c r="I19061" s="5" t="s">
        <v>69</v>
      </c>
      <c r="J19061" s="5" t="s">
        <v>55802</v>
      </c>
      <c r="K19061" s="2" t="s">
        <v>55803</v>
      </c>
      <c r="L19061" s="5" t="s">
        <v>55802</v>
      </c>
      <c r="M19061" s="2" t="s">
        <v>55803</v>
      </c>
      <c r="N19061" s="5" t="s">
        <v>733</v>
      </c>
      <c r="O19061" s="5" t="s">
        <v>38</v>
      </c>
      <c r="P19061" s="5" t="s">
        <v>39</v>
      </c>
      <c r="Q19061" s="5" t="s">
        <v>40</v>
      </c>
      <c r="R19061" s="5" t="s">
        <v>897</v>
      </c>
      <c r="S19061" s="5" t="s">
        <v>40</v>
      </c>
      <c r="T19061" s="5" t="s">
        <v>42</v>
      </c>
      <c r="U19061" s="2">
        <v>67.516000000000005</v>
      </c>
      <c r="V19061" s="2">
        <v>62.378</v>
      </c>
      <c r="W19061" s="2">
        <v>0.31</v>
      </c>
      <c r="X19061" s="2">
        <v>17</v>
      </c>
      <c r="Y19061" s="2">
        <v>104.9</v>
      </c>
      <c r="Z19061" s="2">
        <v>173.8</v>
      </c>
      <c r="AA19061" s="5">
        <v>7</v>
      </c>
      <c r="AB19061" s="5" t="s">
        <v>43</v>
      </c>
      <c r="AC19061" s="5" t="s">
        <v>735</v>
      </c>
      <c r="AD19061" s="2" t="s">
        <v>59423</v>
      </c>
      <c r="AE19061" s="1"/>
    </row>
    <row r="19062" spans="1:31" ht="14.45">
      <c r="A19062" s="11"/>
      <c r="B19062" s="20"/>
      <c r="C19062" s="2" t="s">
        <v>59424</v>
      </c>
      <c r="D19062" s="14" t="s">
        <v>59425</v>
      </c>
      <c r="E19062" s="2" t="s">
        <v>59426</v>
      </c>
      <c r="F19062" s="2" t="s">
        <v>59422</v>
      </c>
      <c r="G19062" s="8">
        <v>1293</v>
      </c>
      <c r="H19062" s="5">
        <v>10</v>
      </c>
      <c r="I19062" s="5" t="s">
        <v>69</v>
      </c>
      <c r="J19062" s="5" t="s">
        <v>55802</v>
      </c>
      <c r="K19062" s="2" t="s">
        <v>55803</v>
      </c>
      <c r="L19062" s="5" t="s">
        <v>55802</v>
      </c>
      <c r="M19062" s="2" t="s">
        <v>55803</v>
      </c>
      <c r="N19062" s="5" t="s">
        <v>733</v>
      </c>
      <c r="O19062" s="5" t="s">
        <v>38</v>
      </c>
      <c r="P19062" s="5" t="s">
        <v>39</v>
      </c>
      <c r="Q19062" s="5" t="s">
        <v>40</v>
      </c>
      <c r="R19062" s="5" t="s">
        <v>897</v>
      </c>
      <c r="S19062" s="5" t="s">
        <v>40</v>
      </c>
      <c r="T19062" s="5" t="s">
        <v>42</v>
      </c>
      <c r="U19062" s="2">
        <v>69.442999999999998</v>
      </c>
      <c r="V19062" s="2">
        <v>64.173000000000002</v>
      </c>
      <c r="W19062" s="2">
        <v>0.31</v>
      </c>
      <c r="X19062" s="2">
        <v>17</v>
      </c>
      <c r="Y19062" s="2">
        <v>104.9</v>
      </c>
      <c r="Z19062" s="2">
        <v>173.8</v>
      </c>
      <c r="AA19062" s="5">
        <v>7</v>
      </c>
      <c r="AB19062" s="5" t="s">
        <v>43</v>
      </c>
      <c r="AC19062" s="5" t="s">
        <v>735</v>
      </c>
      <c r="AD19062" s="2" t="s">
        <v>59427</v>
      </c>
      <c r="AE19062" s="1"/>
    </row>
    <row r="19063" spans="1:31" ht="14.45">
      <c r="A19063" s="11"/>
      <c r="B19063" s="20"/>
      <c r="C19063" s="2" t="s">
        <v>59428</v>
      </c>
      <c r="D19063" s="14" t="s">
        <v>59429</v>
      </c>
      <c r="E19063" s="2" t="s">
        <v>59430</v>
      </c>
      <c r="F19063" s="2" t="s">
        <v>59422</v>
      </c>
      <c r="G19063" s="8">
        <v>1293</v>
      </c>
      <c r="H19063" s="5">
        <v>10</v>
      </c>
      <c r="I19063" s="5" t="s">
        <v>69</v>
      </c>
      <c r="J19063" s="5" t="s">
        <v>55802</v>
      </c>
      <c r="K19063" s="2" t="s">
        <v>55803</v>
      </c>
      <c r="L19063" s="5" t="s">
        <v>55802</v>
      </c>
      <c r="M19063" s="2" t="s">
        <v>55803</v>
      </c>
      <c r="N19063" s="5" t="s">
        <v>733</v>
      </c>
      <c r="O19063" s="5" t="s">
        <v>38</v>
      </c>
      <c r="P19063" s="5" t="s">
        <v>39</v>
      </c>
      <c r="Q19063" s="5" t="s">
        <v>40</v>
      </c>
      <c r="R19063" s="5" t="s">
        <v>897</v>
      </c>
      <c r="S19063" s="5" t="s">
        <v>40</v>
      </c>
      <c r="T19063" s="5" t="s">
        <v>42</v>
      </c>
      <c r="U19063" s="2">
        <v>69.625</v>
      </c>
      <c r="V19063" s="2">
        <v>64.293999999999997</v>
      </c>
      <c r="W19063" s="2">
        <v>0.31</v>
      </c>
      <c r="X19063" s="2">
        <v>17</v>
      </c>
      <c r="Y19063" s="2">
        <v>104.9</v>
      </c>
      <c r="Z19063" s="2">
        <v>173.8</v>
      </c>
      <c r="AA19063" s="5">
        <v>7</v>
      </c>
      <c r="AB19063" s="5" t="s">
        <v>43</v>
      </c>
      <c r="AC19063" s="5" t="s">
        <v>735</v>
      </c>
      <c r="AD19063" s="2" t="s">
        <v>59431</v>
      </c>
      <c r="AE19063" s="1"/>
    </row>
    <row r="19064" spans="1:31" ht="14.45">
      <c r="A19064" s="11"/>
      <c r="B19064" s="20"/>
      <c r="C19064" s="2" t="s">
        <v>59432</v>
      </c>
      <c r="D19064" s="14" t="s">
        <v>59433</v>
      </c>
      <c r="E19064" s="2" t="s">
        <v>59434</v>
      </c>
      <c r="F19064" s="2" t="s">
        <v>59435</v>
      </c>
      <c r="G19064" s="8">
        <v>732</v>
      </c>
      <c r="H19064" s="5">
        <v>5</v>
      </c>
      <c r="I19064" s="5" t="s">
        <v>69</v>
      </c>
      <c r="J19064" s="5" t="s">
        <v>55802</v>
      </c>
      <c r="K19064" s="2" t="s">
        <v>55803</v>
      </c>
      <c r="L19064" s="5" t="s">
        <v>55802</v>
      </c>
      <c r="M19064" s="2" t="s">
        <v>55803</v>
      </c>
      <c r="N19064" s="5" t="s">
        <v>733</v>
      </c>
      <c r="O19064" s="5" t="s">
        <v>38</v>
      </c>
      <c r="P19064" s="5" t="s">
        <v>39</v>
      </c>
      <c r="Q19064" s="5" t="s">
        <v>40</v>
      </c>
      <c r="R19064" s="5" t="s">
        <v>897</v>
      </c>
      <c r="S19064" s="5" t="s">
        <v>40</v>
      </c>
      <c r="T19064" s="5" t="s">
        <v>42</v>
      </c>
      <c r="U19064" s="2">
        <v>58.427999999999997</v>
      </c>
      <c r="V19064" s="2">
        <v>53.463000000000001</v>
      </c>
      <c r="W19064" s="2">
        <v>0.30399999999999999</v>
      </c>
      <c r="X19064" s="2">
        <v>17</v>
      </c>
      <c r="Y19064" s="2">
        <v>102.9</v>
      </c>
      <c r="Z19064" s="2">
        <v>173.8</v>
      </c>
      <c r="AA19064" s="5">
        <v>7</v>
      </c>
      <c r="AB19064" s="5" t="s">
        <v>43</v>
      </c>
      <c r="AC19064" s="5" t="s">
        <v>735</v>
      </c>
      <c r="AD19064" s="2" t="s">
        <v>59436</v>
      </c>
      <c r="AE19064" s="1"/>
    </row>
    <row r="19065" spans="1:31" ht="14.45">
      <c r="A19065" s="11"/>
      <c r="B19065" s="20"/>
      <c r="C19065" s="2" t="s">
        <v>59437</v>
      </c>
      <c r="D19065" s="14" t="s">
        <v>59438</v>
      </c>
      <c r="E19065" s="2" t="s">
        <v>59439</v>
      </c>
      <c r="F19065" s="2" t="s">
        <v>59435</v>
      </c>
      <c r="G19065" s="8">
        <v>1032</v>
      </c>
      <c r="H19065" s="5">
        <v>5</v>
      </c>
      <c r="I19065" s="5" t="s">
        <v>69</v>
      </c>
      <c r="J19065" s="5" t="s">
        <v>55802</v>
      </c>
      <c r="K19065" s="2" t="s">
        <v>55803</v>
      </c>
      <c r="L19065" s="5" t="s">
        <v>55802</v>
      </c>
      <c r="M19065" s="2" t="s">
        <v>55803</v>
      </c>
      <c r="N19065" s="5" t="s">
        <v>733</v>
      </c>
      <c r="O19065" s="5" t="s">
        <v>38</v>
      </c>
      <c r="P19065" s="5" t="s">
        <v>39</v>
      </c>
      <c r="Q19065" s="5" t="s">
        <v>40</v>
      </c>
      <c r="R19065" s="5" t="s">
        <v>897</v>
      </c>
      <c r="S19065" s="5" t="s">
        <v>40</v>
      </c>
      <c r="T19065" s="5" t="s">
        <v>42</v>
      </c>
      <c r="U19065" s="2">
        <v>60.35</v>
      </c>
      <c r="V19065" s="2">
        <v>55.244999999999997</v>
      </c>
      <c r="W19065" s="2">
        <v>0.30399999999999999</v>
      </c>
      <c r="X19065" s="2">
        <v>17</v>
      </c>
      <c r="Y19065" s="2">
        <v>102.9</v>
      </c>
      <c r="Z19065" s="2">
        <v>173.8</v>
      </c>
      <c r="AA19065" s="5">
        <v>7</v>
      </c>
      <c r="AB19065" s="5" t="s">
        <v>43</v>
      </c>
      <c r="AC19065" s="5" t="s">
        <v>735</v>
      </c>
      <c r="AD19065" s="2" t="s">
        <v>59440</v>
      </c>
      <c r="AE19065" s="1"/>
    </row>
    <row r="19066" spans="1:31" ht="14.45">
      <c r="A19066" s="11"/>
      <c r="B19066" s="20"/>
      <c r="C19066" s="2" t="s">
        <v>59441</v>
      </c>
      <c r="D19066" s="14" t="s">
        <v>59442</v>
      </c>
      <c r="E19066" s="2" t="s">
        <v>59443</v>
      </c>
      <c r="F19066" s="2" t="s">
        <v>59435</v>
      </c>
      <c r="G19066" s="8">
        <v>1032</v>
      </c>
      <c r="H19066" s="5">
        <v>10</v>
      </c>
      <c r="I19066" s="5" t="s">
        <v>69</v>
      </c>
      <c r="J19066" s="5" t="s">
        <v>55802</v>
      </c>
      <c r="K19066" s="2" t="s">
        <v>55803</v>
      </c>
      <c r="L19066" s="5" t="s">
        <v>55802</v>
      </c>
      <c r="M19066" s="2" t="s">
        <v>55803</v>
      </c>
      <c r="N19066" s="5" t="s">
        <v>733</v>
      </c>
      <c r="O19066" s="5" t="s">
        <v>38</v>
      </c>
      <c r="P19066" s="5" t="s">
        <v>39</v>
      </c>
      <c r="Q19066" s="5" t="s">
        <v>40</v>
      </c>
      <c r="R19066" s="5" t="s">
        <v>897</v>
      </c>
      <c r="S19066" s="5" t="s">
        <v>40</v>
      </c>
      <c r="T19066" s="5" t="s">
        <v>42</v>
      </c>
      <c r="U19066" s="2">
        <v>60.095999999999997</v>
      </c>
      <c r="V19066" s="2">
        <v>54.753</v>
      </c>
      <c r="W19066" s="2">
        <v>0.31</v>
      </c>
      <c r="X19066" s="2">
        <v>17</v>
      </c>
      <c r="Y19066" s="2">
        <v>104.9</v>
      </c>
      <c r="Z19066" s="2">
        <v>173.8</v>
      </c>
      <c r="AA19066" s="5">
        <v>7</v>
      </c>
      <c r="AB19066" s="5" t="s">
        <v>43</v>
      </c>
      <c r="AC19066" s="5" t="s">
        <v>735</v>
      </c>
      <c r="AD19066" s="2" t="s">
        <v>59444</v>
      </c>
      <c r="AE19066" s="1"/>
    </row>
    <row r="19067" spans="1:31" ht="14.45">
      <c r="A19067" s="11"/>
      <c r="B19067" s="20"/>
      <c r="C19067" s="2" t="s">
        <v>59445</v>
      </c>
      <c r="D19067" s="14" t="s">
        <v>59446</v>
      </c>
      <c r="E19067" s="2" t="s">
        <v>59447</v>
      </c>
      <c r="F19067" s="2" t="s">
        <v>59448</v>
      </c>
      <c r="G19067" s="8">
        <v>1064</v>
      </c>
      <c r="H19067" s="5">
        <v>5</v>
      </c>
      <c r="I19067" s="5" t="s">
        <v>69</v>
      </c>
      <c r="J19067" s="5" t="s">
        <v>55802</v>
      </c>
      <c r="K19067" s="2" t="s">
        <v>55803</v>
      </c>
      <c r="L19067" s="5" t="s">
        <v>55802</v>
      </c>
      <c r="M19067" s="2" t="s">
        <v>55803</v>
      </c>
      <c r="N19067" s="5" t="s">
        <v>733</v>
      </c>
      <c r="O19067" s="5" t="s">
        <v>38</v>
      </c>
      <c r="P19067" s="5" t="s">
        <v>39</v>
      </c>
      <c r="Q19067" s="5" t="s">
        <v>40</v>
      </c>
      <c r="R19067" s="5" t="s">
        <v>897</v>
      </c>
      <c r="S19067" s="5" t="s">
        <v>40</v>
      </c>
      <c r="T19067" s="5" t="s">
        <v>42</v>
      </c>
      <c r="U19067" s="2">
        <v>67.381</v>
      </c>
      <c r="V19067" s="2">
        <v>62.243000000000002</v>
      </c>
      <c r="W19067" s="2">
        <v>0.31</v>
      </c>
      <c r="X19067" s="2">
        <v>17</v>
      </c>
      <c r="Y19067" s="2">
        <v>104.9</v>
      </c>
      <c r="Z19067" s="2">
        <v>173.8</v>
      </c>
      <c r="AA19067" s="5">
        <v>7</v>
      </c>
      <c r="AB19067" s="5" t="s">
        <v>43</v>
      </c>
      <c r="AC19067" s="5" t="s">
        <v>735</v>
      </c>
      <c r="AD19067" s="2" t="s">
        <v>59449</v>
      </c>
      <c r="AE19067" s="1"/>
    </row>
    <row r="19068" spans="1:31" ht="14.45">
      <c r="A19068" s="11"/>
      <c r="B19068" s="20"/>
      <c r="C19068" s="2" t="s">
        <v>59450</v>
      </c>
      <c r="D19068" s="14" t="s">
        <v>59451</v>
      </c>
      <c r="E19068" s="2" t="s">
        <v>59452</v>
      </c>
      <c r="F19068" s="2" t="s">
        <v>59448</v>
      </c>
      <c r="G19068" s="8">
        <v>1364</v>
      </c>
      <c r="H19068" s="5">
        <v>5</v>
      </c>
      <c r="I19068" s="5" t="s">
        <v>69</v>
      </c>
      <c r="J19068" s="5" t="s">
        <v>55802</v>
      </c>
      <c r="K19068" s="2" t="s">
        <v>55803</v>
      </c>
      <c r="L19068" s="5" t="s">
        <v>55802</v>
      </c>
      <c r="M19068" s="2" t="s">
        <v>55803</v>
      </c>
      <c r="N19068" s="5" t="s">
        <v>733</v>
      </c>
      <c r="O19068" s="5" t="s">
        <v>38</v>
      </c>
      <c r="P19068" s="5" t="s">
        <v>39</v>
      </c>
      <c r="Q19068" s="5" t="s">
        <v>40</v>
      </c>
      <c r="R19068" s="5" t="s">
        <v>897</v>
      </c>
      <c r="S19068" s="5" t="s">
        <v>40</v>
      </c>
      <c r="T19068" s="5" t="s">
        <v>42</v>
      </c>
      <c r="U19068" s="2">
        <v>69.308000000000007</v>
      </c>
      <c r="V19068" s="2">
        <v>64.037999999999997</v>
      </c>
      <c r="W19068" s="2">
        <v>0.31</v>
      </c>
      <c r="X19068" s="2">
        <v>17</v>
      </c>
      <c r="Y19068" s="2">
        <v>104.9</v>
      </c>
      <c r="Z19068" s="2">
        <v>173.8</v>
      </c>
      <c r="AA19068" s="5">
        <v>7</v>
      </c>
      <c r="AB19068" s="5" t="s">
        <v>43</v>
      </c>
      <c r="AC19068" s="5" t="s">
        <v>735</v>
      </c>
      <c r="AD19068" s="2" t="s">
        <v>59453</v>
      </c>
      <c r="AE19068" s="1"/>
    </row>
    <row r="19069" spans="1:31" ht="14.45">
      <c r="A19069" s="11"/>
      <c r="B19069" s="20"/>
      <c r="C19069" s="2" t="s">
        <v>59454</v>
      </c>
      <c r="D19069" s="14" t="s">
        <v>59455</v>
      </c>
      <c r="E19069" s="2" t="s">
        <v>59456</v>
      </c>
      <c r="F19069" s="2" t="s">
        <v>59448</v>
      </c>
      <c r="G19069" s="8">
        <v>1364</v>
      </c>
      <c r="H19069" s="5">
        <v>10</v>
      </c>
      <c r="I19069" s="5" t="s">
        <v>69</v>
      </c>
      <c r="J19069" s="5" t="s">
        <v>55802</v>
      </c>
      <c r="K19069" s="2" t="s">
        <v>55803</v>
      </c>
      <c r="L19069" s="5" t="s">
        <v>55802</v>
      </c>
      <c r="M19069" s="2" t="s">
        <v>55803</v>
      </c>
      <c r="N19069" s="5" t="s">
        <v>733</v>
      </c>
      <c r="O19069" s="5" t="s">
        <v>38</v>
      </c>
      <c r="P19069" s="5" t="s">
        <v>39</v>
      </c>
      <c r="Q19069" s="5" t="s">
        <v>40</v>
      </c>
      <c r="R19069" s="5" t="s">
        <v>897</v>
      </c>
      <c r="S19069" s="5" t="s">
        <v>40</v>
      </c>
      <c r="T19069" s="5" t="s">
        <v>42</v>
      </c>
      <c r="U19069" s="2">
        <v>69.489999999999995</v>
      </c>
      <c r="V19069" s="2">
        <v>64.159000000000006</v>
      </c>
      <c r="W19069" s="2">
        <v>0.31</v>
      </c>
      <c r="X19069" s="2">
        <v>17</v>
      </c>
      <c r="Y19069" s="2">
        <v>104.9</v>
      </c>
      <c r="Z19069" s="2">
        <v>173.8</v>
      </c>
      <c r="AA19069" s="5">
        <v>7</v>
      </c>
      <c r="AB19069" s="5" t="s">
        <v>43</v>
      </c>
      <c r="AC19069" s="5" t="s">
        <v>735</v>
      </c>
      <c r="AD19069" s="2" t="s">
        <v>59457</v>
      </c>
      <c r="AE19069" s="1"/>
    </row>
    <row r="19070" spans="1:31" ht="14.45">
      <c r="A19070" s="11"/>
      <c r="B19070" s="20"/>
      <c r="C19070" s="2" t="s">
        <v>59458</v>
      </c>
      <c r="D19070" s="14" t="s">
        <v>59459</v>
      </c>
      <c r="E19070" s="2" t="s">
        <v>59460</v>
      </c>
      <c r="F19070" s="2" t="s">
        <v>59461</v>
      </c>
      <c r="G19070" s="8">
        <v>2184</v>
      </c>
      <c r="H19070" s="5">
        <v>10</v>
      </c>
      <c r="I19070" s="5" t="s">
        <v>69</v>
      </c>
      <c r="J19070" s="5" t="s">
        <v>55802</v>
      </c>
      <c r="K19070" s="2" t="s">
        <v>55803</v>
      </c>
      <c r="L19070" s="5" t="s">
        <v>55802</v>
      </c>
      <c r="M19070" s="2" t="s">
        <v>55803</v>
      </c>
      <c r="N19070" s="5" t="s">
        <v>733</v>
      </c>
      <c r="O19070" s="5" t="s">
        <v>38</v>
      </c>
      <c r="P19070" s="5" t="s">
        <v>39</v>
      </c>
      <c r="Q19070" s="5" t="s">
        <v>40</v>
      </c>
      <c r="R19070" s="5" t="s">
        <v>897</v>
      </c>
      <c r="S19070" s="5" t="s">
        <v>40</v>
      </c>
      <c r="T19070" s="5" t="s">
        <v>42</v>
      </c>
      <c r="U19070" s="2">
        <v>84.602999999999994</v>
      </c>
      <c r="V19070" s="2">
        <v>79.332999999999998</v>
      </c>
      <c r="W19070" s="2">
        <v>0.31</v>
      </c>
      <c r="X19070" s="2">
        <v>17</v>
      </c>
      <c r="Y19070" s="2">
        <v>104.9</v>
      </c>
      <c r="Z19070" s="2">
        <v>173.8</v>
      </c>
      <c r="AA19070" s="5">
        <v>7</v>
      </c>
      <c r="AB19070" s="5" t="s">
        <v>43</v>
      </c>
      <c r="AC19070" s="5" t="s">
        <v>735</v>
      </c>
      <c r="AD19070" s="2" t="s">
        <v>59462</v>
      </c>
      <c r="AE19070" s="1"/>
    </row>
    <row r="19071" spans="1:31" ht="14.45">
      <c r="A19071" s="11"/>
      <c r="B19071" s="20"/>
      <c r="C19071" s="2" t="s">
        <v>59463</v>
      </c>
      <c r="D19071" s="14" t="s">
        <v>59464</v>
      </c>
      <c r="E19071" s="2" t="s">
        <v>59465</v>
      </c>
      <c r="F19071" s="2" t="s">
        <v>59466</v>
      </c>
      <c r="G19071" s="8">
        <v>1668</v>
      </c>
      <c r="H19071" s="5">
        <v>10</v>
      </c>
      <c r="I19071" s="5" t="s">
        <v>69</v>
      </c>
      <c r="J19071" s="5" t="s">
        <v>55802</v>
      </c>
      <c r="K19071" s="2" t="s">
        <v>55803</v>
      </c>
      <c r="L19071" s="5" t="s">
        <v>55802</v>
      </c>
      <c r="M19071" s="2" t="s">
        <v>55803</v>
      </c>
      <c r="N19071" s="5" t="s">
        <v>733</v>
      </c>
      <c r="O19071" s="5" t="s">
        <v>38</v>
      </c>
      <c r="P19071" s="5" t="s">
        <v>39</v>
      </c>
      <c r="Q19071" s="5" t="s">
        <v>40</v>
      </c>
      <c r="R19071" s="5" t="s">
        <v>897</v>
      </c>
      <c r="S19071" s="5" t="s">
        <v>40</v>
      </c>
      <c r="T19071" s="5" t="s">
        <v>42</v>
      </c>
      <c r="U19071" s="2">
        <v>73.162999999999997</v>
      </c>
      <c r="V19071" s="2">
        <v>68.001000000000005</v>
      </c>
      <c r="W19071" s="2">
        <v>0.31</v>
      </c>
      <c r="X19071" s="2">
        <v>17</v>
      </c>
      <c r="Y19071" s="2">
        <v>104.9</v>
      </c>
      <c r="Z19071" s="2">
        <v>173.8</v>
      </c>
      <c r="AA19071" s="5">
        <v>7</v>
      </c>
      <c r="AB19071" s="5" t="s">
        <v>43</v>
      </c>
      <c r="AC19071" s="5" t="s">
        <v>735</v>
      </c>
      <c r="AD19071" s="2" t="s">
        <v>59467</v>
      </c>
      <c r="AE19071" s="1"/>
    </row>
    <row r="19072" spans="1:31" ht="14.45">
      <c r="A19072" s="11"/>
      <c r="B19072" s="20"/>
      <c r="C19072" s="2" t="s">
        <v>59468</v>
      </c>
      <c r="D19072" s="14" t="s">
        <v>59469</v>
      </c>
      <c r="E19072" s="2" t="s">
        <v>59470</v>
      </c>
      <c r="F19072" s="2" t="s">
        <v>59471</v>
      </c>
      <c r="G19072" s="8">
        <v>1968</v>
      </c>
      <c r="H19072" s="5">
        <v>10</v>
      </c>
      <c r="I19072" s="5" t="s">
        <v>69</v>
      </c>
      <c r="J19072" s="5" t="s">
        <v>55802</v>
      </c>
      <c r="K19072" s="2" t="s">
        <v>55803</v>
      </c>
      <c r="L19072" s="5" t="s">
        <v>55802</v>
      </c>
      <c r="M19072" s="2" t="s">
        <v>55803</v>
      </c>
      <c r="N19072" s="5" t="s">
        <v>733</v>
      </c>
      <c r="O19072" s="5" t="s">
        <v>38</v>
      </c>
      <c r="P19072" s="5" t="s">
        <v>39</v>
      </c>
      <c r="Q19072" s="5" t="s">
        <v>40</v>
      </c>
      <c r="R19072" s="5" t="s">
        <v>897</v>
      </c>
      <c r="S19072" s="5" t="s">
        <v>40</v>
      </c>
      <c r="T19072" s="5" t="s">
        <v>42</v>
      </c>
      <c r="U19072" s="2">
        <v>73.325999999999993</v>
      </c>
      <c r="V19072" s="2">
        <v>68.055999999999997</v>
      </c>
      <c r="W19072" s="2">
        <v>0.31</v>
      </c>
      <c r="X19072" s="2">
        <v>17</v>
      </c>
      <c r="Y19072" s="2">
        <v>104.9</v>
      </c>
      <c r="Z19072" s="2">
        <v>173.8</v>
      </c>
      <c r="AA19072" s="5">
        <v>7</v>
      </c>
      <c r="AB19072" s="5" t="s">
        <v>43</v>
      </c>
      <c r="AC19072" s="5" t="s">
        <v>735</v>
      </c>
      <c r="AD19072" s="2" t="s">
        <v>59472</v>
      </c>
      <c r="AE19072" s="1"/>
    </row>
    <row r="19073" spans="1:31" ht="14.45">
      <c r="A19073" s="11"/>
      <c r="B19073" s="20"/>
      <c r="C19073" s="2" t="s">
        <v>59473</v>
      </c>
      <c r="D19073" s="14" t="s">
        <v>59474</v>
      </c>
      <c r="E19073" s="2" t="s">
        <v>59475</v>
      </c>
      <c r="F19073" s="2" t="s">
        <v>59471</v>
      </c>
      <c r="G19073" s="8">
        <v>1968</v>
      </c>
      <c r="H19073" s="5">
        <v>10</v>
      </c>
      <c r="I19073" s="5" t="s">
        <v>69</v>
      </c>
      <c r="J19073" s="5" t="s">
        <v>55802</v>
      </c>
      <c r="K19073" s="2" t="s">
        <v>55803</v>
      </c>
      <c r="L19073" s="5" t="s">
        <v>55802</v>
      </c>
      <c r="M19073" s="2" t="s">
        <v>55803</v>
      </c>
      <c r="N19073" s="5" t="s">
        <v>733</v>
      </c>
      <c r="O19073" s="5" t="s">
        <v>38</v>
      </c>
      <c r="P19073" s="5" t="s">
        <v>39</v>
      </c>
      <c r="Q19073" s="5" t="s">
        <v>40</v>
      </c>
      <c r="R19073" s="5" t="s">
        <v>897</v>
      </c>
      <c r="S19073" s="5" t="s">
        <v>40</v>
      </c>
      <c r="T19073" s="5" t="s">
        <v>42</v>
      </c>
      <c r="U19073" s="2">
        <v>73.540999999999997</v>
      </c>
      <c r="V19073" s="2">
        <v>68.209999999999994</v>
      </c>
      <c r="W19073" s="2">
        <v>0.31</v>
      </c>
      <c r="X19073" s="2">
        <v>17</v>
      </c>
      <c r="Y19073" s="2">
        <v>104.9</v>
      </c>
      <c r="Z19073" s="2">
        <v>173.8</v>
      </c>
      <c r="AA19073" s="5">
        <v>7</v>
      </c>
      <c r="AB19073" s="5" t="s">
        <v>43</v>
      </c>
      <c r="AC19073" s="5" t="s">
        <v>735</v>
      </c>
      <c r="AD19073" s="2" t="s">
        <v>59476</v>
      </c>
      <c r="AE19073" s="1"/>
    </row>
    <row r="19074" spans="1:31" ht="14.45">
      <c r="A19074" s="11"/>
      <c r="B19074" s="20"/>
      <c r="C19074" s="2" t="s">
        <v>59477</v>
      </c>
      <c r="D19074" s="14" t="s">
        <v>59478</v>
      </c>
      <c r="E19074" s="2" t="s">
        <v>59479</v>
      </c>
      <c r="F19074" s="2" t="s">
        <v>59480</v>
      </c>
      <c r="G19074" s="8">
        <v>1532</v>
      </c>
      <c r="H19074" s="5">
        <v>10</v>
      </c>
      <c r="I19074" s="5" t="s">
        <v>69</v>
      </c>
      <c r="J19074" s="5" t="s">
        <v>55802</v>
      </c>
      <c r="K19074" s="2" t="s">
        <v>55803</v>
      </c>
      <c r="L19074" s="5" t="s">
        <v>55802</v>
      </c>
      <c r="M19074" s="2" t="s">
        <v>55803</v>
      </c>
      <c r="N19074" s="5" t="s">
        <v>733</v>
      </c>
      <c r="O19074" s="5" t="s">
        <v>38</v>
      </c>
      <c r="P19074" s="5" t="s">
        <v>39</v>
      </c>
      <c r="Q19074" s="5" t="s">
        <v>40</v>
      </c>
      <c r="R19074" s="5" t="s">
        <v>897</v>
      </c>
      <c r="S19074" s="5" t="s">
        <v>40</v>
      </c>
      <c r="T19074" s="5" t="s">
        <v>42</v>
      </c>
      <c r="U19074" s="2">
        <v>73.105999999999995</v>
      </c>
      <c r="V19074" s="2">
        <v>67.944000000000003</v>
      </c>
      <c r="W19074" s="2">
        <v>0.31</v>
      </c>
      <c r="X19074" s="2">
        <v>17</v>
      </c>
      <c r="Y19074" s="2">
        <v>104.9</v>
      </c>
      <c r="Z19074" s="2">
        <v>173.8</v>
      </c>
      <c r="AA19074" s="5">
        <v>7</v>
      </c>
      <c r="AB19074" s="5" t="s">
        <v>43</v>
      </c>
      <c r="AC19074" s="5" t="s">
        <v>735</v>
      </c>
      <c r="AD19074" s="2" t="s">
        <v>59481</v>
      </c>
      <c r="AE19074" s="1"/>
    </row>
    <row r="19075" spans="1:31" ht="14.45">
      <c r="A19075" s="11"/>
      <c r="B19075" s="20"/>
      <c r="C19075" s="2" t="s">
        <v>59482</v>
      </c>
      <c r="D19075" s="14" t="s">
        <v>59483</v>
      </c>
      <c r="E19075" s="2" t="s">
        <v>59484</v>
      </c>
      <c r="F19075" s="2" t="s">
        <v>59480</v>
      </c>
      <c r="G19075" s="8">
        <v>1832</v>
      </c>
      <c r="H19075" s="5">
        <v>10</v>
      </c>
      <c r="I19075" s="5" t="s">
        <v>69</v>
      </c>
      <c r="J19075" s="5" t="s">
        <v>55802</v>
      </c>
      <c r="K19075" s="2" t="s">
        <v>55803</v>
      </c>
      <c r="L19075" s="5" t="s">
        <v>55802</v>
      </c>
      <c r="M19075" s="2" t="s">
        <v>55803</v>
      </c>
      <c r="N19075" s="5" t="s">
        <v>733</v>
      </c>
      <c r="O19075" s="5" t="s">
        <v>38</v>
      </c>
      <c r="P19075" s="5" t="s">
        <v>39</v>
      </c>
      <c r="Q19075" s="5" t="s">
        <v>40</v>
      </c>
      <c r="R19075" s="5" t="s">
        <v>897</v>
      </c>
      <c r="S19075" s="5" t="s">
        <v>40</v>
      </c>
      <c r="T19075" s="5" t="s">
        <v>42</v>
      </c>
      <c r="U19075" s="2">
        <v>73.269000000000005</v>
      </c>
      <c r="V19075" s="2">
        <v>67.998999999999995</v>
      </c>
      <c r="W19075" s="2">
        <v>0.31</v>
      </c>
      <c r="X19075" s="2">
        <v>17</v>
      </c>
      <c r="Y19075" s="2">
        <v>104.9</v>
      </c>
      <c r="Z19075" s="2">
        <v>173.8</v>
      </c>
      <c r="AA19075" s="5">
        <v>7</v>
      </c>
      <c r="AB19075" s="5" t="s">
        <v>43</v>
      </c>
      <c r="AC19075" s="5" t="s">
        <v>735</v>
      </c>
      <c r="AD19075" s="2" t="s">
        <v>59485</v>
      </c>
      <c r="AE19075" s="1"/>
    </row>
    <row r="19076" spans="1:31" ht="14.45">
      <c r="A19076" s="11"/>
      <c r="B19076" s="20"/>
      <c r="C19076" s="2" t="s">
        <v>59486</v>
      </c>
      <c r="D19076" s="14" t="s">
        <v>59487</v>
      </c>
      <c r="E19076" s="2" t="s">
        <v>59488</v>
      </c>
      <c r="F19076" s="2" t="s">
        <v>59480</v>
      </c>
      <c r="G19076" s="8">
        <v>1832</v>
      </c>
      <c r="H19076" s="5">
        <v>5</v>
      </c>
      <c r="I19076" s="5" t="s">
        <v>69</v>
      </c>
      <c r="J19076" s="5" t="s">
        <v>55802</v>
      </c>
      <c r="K19076" s="2" t="s">
        <v>55803</v>
      </c>
      <c r="L19076" s="5" t="s">
        <v>55802</v>
      </c>
      <c r="M19076" s="2" t="s">
        <v>55803</v>
      </c>
      <c r="N19076" s="5" t="s">
        <v>733</v>
      </c>
      <c r="O19076" s="5" t="s">
        <v>38</v>
      </c>
      <c r="P19076" s="5" t="s">
        <v>39</v>
      </c>
      <c r="Q19076" s="5" t="s">
        <v>40</v>
      </c>
      <c r="R19076" s="5" t="s">
        <v>897</v>
      </c>
      <c r="S19076" s="5" t="s">
        <v>40</v>
      </c>
      <c r="T19076" s="5" t="s">
        <v>42</v>
      </c>
      <c r="U19076" s="2">
        <v>73.483999999999995</v>
      </c>
      <c r="V19076" s="2">
        <v>68.153000000000006</v>
      </c>
      <c r="W19076" s="2">
        <v>0.31</v>
      </c>
      <c r="X19076" s="2">
        <v>17</v>
      </c>
      <c r="Y19076" s="2">
        <v>104.9</v>
      </c>
      <c r="Z19076" s="2">
        <v>173.8</v>
      </c>
      <c r="AA19076" s="5">
        <v>7</v>
      </c>
      <c r="AB19076" s="5" t="s">
        <v>43</v>
      </c>
      <c r="AC19076" s="5" t="s">
        <v>735</v>
      </c>
      <c r="AD19076" s="2" t="s">
        <v>59489</v>
      </c>
      <c r="AE19076" s="1"/>
    </row>
    <row r="19077" spans="1:31" ht="14.45">
      <c r="A19077" s="11"/>
      <c r="B19077" s="20"/>
      <c r="C19077" s="2" t="s">
        <v>59490</v>
      </c>
      <c r="D19077" s="14" t="s">
        <v>59491</v>
      </c>
      <c r="E19077" s="2" t="s">
        <v>59492</v>
      </c>
      <c r="F19077" s="2" t="s">
        <v>59493</v>
      </c>
      <c r="G19077" s="8">
        <v>1668</v>
      </c>
      <c r="H19077" s="5">
        <v>10</v>
      </c>
      <c r="I19077" s="5" t="s">
        <v>69</v>
      </c>
      <c r="J19077" s="5" t="s">
        <v>55802</v>
      </c>
      <c r="K19077" s="2" t="s">
        <v>55803</v>
      </c>
      <c r="L19077" s="5" t="s">
        <v>55802</v>
      </c>
      <c r="M19077" s="2" t="s">
        <v>55803</v>
      </c>
      <c r="N19077" s="5" t="s">
        <v>733</v>
      </c>
      <c r="O19077" s="5" t="s">
        <v>38</v>
      </c>
      <c r="P19077" s="5" t="s">
        <v>39</v>
      </c>
      <c r="Q19077" s="5" t="s">
        <v>40</v>
      </c>
      <c r="R19077" s="5" t="s">
        <v>897</v>
      </c>
      <c r="S19077" s="5" t="s">
        <v>40</v>
      </c>
      <c r="T19077" s="5" t="s">
        <v>42</v>
      </c>
      <c r="U19077" s="2">
        <v>72.052999999999997</v>
      </c>
      <c r="V19077" s="2">
        <v>66.891000000000005</v>
      </c>
      <c r="W19077" s="2">
        <v>0.31</v>
      </c>
      <c r="X19077" s="2">
        <v>17</v>
      </c>
      <c r="Y19077" s="2">
        <v>104.9</v>
      </c>
      <c r="Z19077" s="2">
        <v>173.8</v>
      </c>
      <c r="AA19077" s="5">
        <v>7</v>
      </c>
      <c r="AB19077" s="5" t="s">
        <v>43</v>
      </c>
      <c r="AC19077" s="5" t="s">
        <v>735</v>
      </c>
      <c r="AD19077" s="2" t="s">
        <v>59494</v>
      </c>
      <c r="AE19077" s="1"/>
    </row>
    <row r="19078" spans="1:31" ht="14.45">
      <c r="A19078" s="11"/>
      <c r="B19078" s="20"/>
      <c r="C19078" s="2" t="s">
        <v>59495</v>
      </c>
      <c r="D19078" s="14" t="s">
        <v>59496</v>
      </c>
      <c r="E19078" s="2" t="s">
        <v>59497</v>
      </c>
      <c r="F19078" s="2" t="s">
        <v>59498</v>
      </c>
      <c r="G19078" s="8">
        <v>1968</v>
      </c>
      <c r="H19078" s="5">
        <v>10</v>
      </c>
      <c r="I19078" s="5" t="s">
        <v>69</v>
      </c>
      <c r="J19078" s="5" t="s">
        <v>55802</v>
      </c>
      <c r="K19078" s="2" t="s">
        <v>55803</v>
      </c>
      <c r="L19078" s="5" t="s">
        <v>55802</v>
      </c>
      <c r="M19078" s="2" t="s">
        <v>55803</v>
      </c>
      <c r="N19078" s="5" t="s">
        <v>733</v>
      </c>
      <c r="O19078" s="5" t="s">
        <v>38</v>
      </c>
      <c r="P19078" s="5" t="s">
        <v>39</v>
      </c>
      <c r="Q19078" s="5" t="s">
        <v>40</v>
      </c>
      <c r="R19078" s="5" t="s">
        <v>897</v>
      </c>
      <c r="S19078" s="5" t="s">
        <v>40</v>
      </c>
      <c r="T19078" s="5" t="s">
        <v>42</v>
      </c>
      <c r="U19078" s="2">
        <v>72.215999999999994</v>
      </c>
      <c r="V19078" s="2">
        <v>66.945999999999998</v>
      </c>
      <c r="W19078" s="2">
        <v>0.31</v>
      </c>
      <c r="X19078" s="2">
        <v>17</v>
      </c>
      <c r="Y19078" s="2">
        <v>104.9</v>
      </c>
      <c r="Z19078" s="2">
        <v>173.8</v>
      </c>
      <c r="AA19078" s="5">
        <v>7</v>
      </c>
      <c r="AB19078" s="5" t="s">
        <v>43</v>
      </c>
      <c r="AC19078" s="5" t="s">
        <v>735</v>
      </c>
      <c r="AD19078" s="2" t="s">
        <v>59499</v>
      </c>
      <c r="AE19078" s="1"/>
    </row>
    <row r="19079" spans="1:31" ht="14.45">
      <c r="A19079" s="11"/>
      <c r="B19079" s="20"/>
      <c r="C19079" s="2" t="s">
        <v>59500</v>
      </c>
      <c r="D19079" s="14" t="s">
        <v>59501</v>
      </c>
      <c r="E19079" s="2" t="s">
        <v>59502</v>
      </c>
      <c r="F19079" s="2" t="s">
        <v>59503</v>
      </c>
      <c r="G19079" s="8">
        <v>1532</v>
      </c>
      <c r="H19079" s="5">
        <v>10</v>
      </c>
      <c r="I19079" s="5" t="s">
        <v>69</v>
      </c>
      <c r="J19079" s="5" t="s">
        <v>55802</v>
      </c>
      <c r="K19079" s="2" t="s">
        <v>55803</v>
      </c>
      <c r="L19079" s="5" t="s">
        <v>55802</v>
      </c>
      <c r="M19079" s="2" t="s">
        <v>55803</v>
      </c>
      <c r="N19079" s="5" t="s">
        <v>733</v>
      </c>
      <c r="O19079" s="5" t="s">
        <v>38</v>
      </c>
      <c r="P19079" s="5" t="s">
        <v>39</v>
      </c>
      <c r="Q19079" s="5" t="s">
        <v>40</v>
      </c>
      <c r="R19079" s="5" t="s">
        <v>897</v>
      </c>
      <c r="S19079" s="5" t="s">
        <v>40</v>
      </c>
      <c r="T19079" s="5" t="s">
        <v>42</v>
      </c>
      <c r="U19079" s="2">
        <v>71.995999999999995</v>
      </c>
      <c r="V19079" s="2">
        <v>66.834000000000003</v>
      </c>
      <c r="W19079" s="2">
        <v>0.31</v>
      </c>
      <c r="X19079" s="2">
        <v>17</v>
      </c>
      <c r="Y19079" s="2">
        <v>104.9</v>
      </c>
      <c r="Z19079" s="2">
        <v>173.8</v>
      </c>
      <c r="AA19079" s="5">
        <v>7</v>
      </c>
      <c r="AB19079" s="5" t="s">
        <v>43</v>
      </c>
      <c r="AC19079" s="5" t="s">
        <v>735</v>
      </c>
      <c r="AD19079" s="2" t="s">
        <v>59504</v>
      </c>
      <c r="AE19079" s="1"/>
    </row>
    <row r="19080" spans="1:31" ht="14.45">
      <c r="A19080" s="11"/>
      <c r="B19080" s="20"/>
      <c r="C19080" s="2" t="s">
        <v>59505</v>
      </c>
      <c r="D19080" s="14" t="s">
        <v>59506</v>
      </c>
      <c r="E19080" s="2" t="s">
        <v>59507</v>
      </c>
      <c r="F19080" s="2" t="s">
        <v>59508</v>
      </c>
      <c r="G19080" s="8">
        <v>1295</v>
      </c>
      <c r="H19080" s="5">
        <v>5</v>
      </c>
      <c r="I19080" s="5" t="s">
        <v>69</v>
      </c>
      <c r="J19080" s="5" t="s">
        <v>55802</v>
      </c>
      <c r="K19080" s="2" t="s">
        <v>55803</v>
      </c>
      <c r="L19080" s="5" t="s">
        <v>55802</v>
      </c>
      <c r="M19080" s="2" t="s">
        <v>55803</v>
      </c>
      <c r="N19080" s="5" t="s">
        <v>733</v>
      </c>
      <c r="O19080" s="5" t="s">
        <v>38</v>
      </c>
      <c r="P19080" s="5" t="s">
        <v>39</v>
      </c>
      <c r="Q19080" s="5" t="s">
        <v>40</v>
      </c>
      <c r="R19080" s="5" t="s">
        <v>897</v>
      </c>
      <c r="S19080" s="5" t="s">
        <v>40</v>
      </c>
      <c r="T19080" s="5" t="s">
        <v>42</v>
      </c>
      <c r="U19080" s="2">
        <v>70.617000000000004</v>
      </c>
      <c r="V19080" s="2">
        <v>66.573999999999998</v>
      </c>
      <c r="W19080" s="2">
        <v>0.26100000000000001</v>
      </c>
      <c r="X19080" s="2">
        <v>17</v>
      </c>
      <c r="Y19080" s="2">
        <v>116.7</v>
      </c>
      <c r="Z19080" s="2">
        <v>131.6</v>
      </c>
      <c r="AA19080" s="5">
        <v>7</v>
      </c>
      <c r="AB19080" s="5" t="s">
        <v>43</v>
      </c>
      <c r="AC19080" s="5" t="s">
        <v>735</v>
      </c>
      <c r="AD19080" s="2" t="s">
        <v>59509</v>
      </c>
      <c r="AE19080" s="1"/>
    </row>
    <row r="19081" spans="1:31" ht="14.45">
      <c r="A19081" s="11"/>
      <c r="B19081" s="20"/>
      <c r="C19081" s="2" t="s">
        <v>59510</v>
      </c>
      <c r="D19081" s="14" t="s">
        <v>59511</v>
      </c>
      <c r="E19081" s="2" t="s">
        <v>59512</v>
      </c>
      <c r="F19081" s="2" t="s">
        <v>59513</v>
      </c>
      <c r="G19081" s="8">
        <v>1595</v>
      </c>
      <c r="H19081" s="5">
        <v>10</v>
      </c>
      <c r="I19081" s="5" t="s">
        <v>69</v>
      </c>
      <c r="J19081" s="5" t="s">
        <v>55802</v>
      </c>
      <c r="K19081" s="2" t="s">
        <v>55803</v>
      </c>
      <c r="L19081" s="5" t="s">
        <v>55802</v>
      </c>
      <c r="M19081" s="2" t="s">
        <v>55803</v>
      </c>
      <c r="N19081" s="5" t="s">
        <v>733</v>
      </c>
      <c r="O19081" s="5" t="s">
        <v>38</v>
      </c>
      <c r="P19081" s="5" t="s">
        <v>39</v>
      </c>
      <c r="Q19081" s="5" t="s">
        <v>40</v>
      </c>
      <c r="R19081" s="5" t="s">
        <v>897</v>
      </c>
      <c r="S19081" s="5" t="s">
        <v>40</v>
      </c>
      <c r="T19081" s="5" t="s">
        <v>42</v>
      </c>
      <c r="U19081" s="2">
        <v>72.278999999999996</v>
      </c>
      <c r="V19081" s="2">
        <v>68.081999999999994</v>
      </c>
      <c r="W19081" s="2">
        <v>0.26100000000000001</v>
      </c>
      <c r="X19081" s="2">
        <v>17</v>
      </c>
      <c r="Y19081" s="2">
        <v>116.7</v>
      </c>
      <c r="Z19081" s="2">
        <v>131.6</v>
      </c>
      <c r="AA19081" s="5">
        <v>7</v>
      </c>
      <c r="AB19081" s="5" t="s">
        <v>43</v>
      </c>
      <c r="AC19081" s="5" t="s">
        <v>735</v>
      </c>
      <c r="AD19081" s="2" t="s">
        <v>59514</v>
      </c>
      <c r="AE19081" s="1"/>
    </row>
    <row r="19082" spans="1:31" ht="14.45">
      <c r="A19082" s="11"/>
      <c r="B19082" s="20"/>
      <c r="C19082" s="2" t="s">
        <v>59515</v>
      </c>
      <c r="D19082" s="14" t="s">
        <v>59516</v>
      </c>
      <c r="E19082" s="2" t="s">
        <v>59517</v>
      </c>
      <c r="F19082" s="2" t="s">
        <v>59518</v>
      </c>
      <c r="G19082" s="8">
        <v>1104</v>
      </c>
      <c r="H19082" s="5">
        <v>5</v>
      </c>
      <c r="I19082" s="5" t="s">
        <v>69</v>
      </c>
      <c r="J19082" s="5" t="s">
        <v>55802</v>
      </c>
      <c r="K19082" s="2" t="s">
        <v>55803</v>
      </c>
      <c r="L19082" s="5" t="s">
        <v>55802</v>
      </c>
      <c r="M19082" s="2" t="s">
        <v>55803</v>
      </c>
      <c r="N19082" s="5" t="s">
        <v>733</v>
      </c>
      <c r="O19082" s="5" t="s">
        <v>38</v>
      </c>
      <c r="P19082" s="5" t="s">
        <v>39</v>
      </c>
      <c r="Q19082" s="5" t="s">
        <v>40</v>
      </c>
      <c r="R19082" s="5" t="s">
        <v>897</v>
      </c>
      <c r="S19082" s="5" t="s">
        <v>40</v>
      </c>
      <c r="T19082" s="5" t="s">
        <v>42</v>
      </c>
      <c r="U19082" s="2">
        <v>60.758000000000003</v>
      </c>
      <c r="V19082" s="2">
        <v>56.713000000000001</v>
      </c>
      <c r="W19082" s="2">
        <v>0.26100000000000001</v>
      </c>
      <c r="X19082" s="2">
        <v>17</v>
      </c>
      <c r="Y19082" s="2">
        <v>116.7</v>
      </c>
      <c r="Z19082" s="2">
        <v>131.6</v>
      </c>
      <c r="AA19082" s="5">
        <v>7</v>
      </c>
      <c r="AB19082" s="5" t="s">
        <v>43</v>
      </c>
      <c r="AC19082" s="5" t="s">
        <v>735</v>
      </c>
      <c r="AD19082" s="2" t="s">
        <v>59519</v>
      </c>
      <c r="AE19082" s="1"/>
    </row>
    <row r="19083" spans="1:31" ht="14.45">
      <c r="A19083" s="11"/>
      <c r="B19083" s="20"/>
      <c r="C19083" s="2" t="s">
        <v>59520</v>
      </c>
      <c r="D19083" s="14" t="s">
        <v>59521</v>
      </c>
      <c r="E19083" s="2" t="s">
        <v>59522</v>
      </c>
      <c r="F19083" s="2" t="s">
        <v>59523</v>
      </c>
      <c r="G19083" s="8">
        <v>1404</v>
      </c>
      <c r="H19083" s="5">
        <v>5</v>
      </c>
      <c r="I19083" s="5" t="s">
        <v>69</v>
      </c>
      <c r="J19083" s="5" t="s">
        <v>55802</v>
      </c>
      <c r="K19083" s="2" t="s">
        <v>55803</v>
      </c>
      <c r="L19083" s="5" t="s">
        <v>55802</v>
      </c>
      <c r="M19083" s="2" t="s">
        <v>55803</v>
      </c>
      <c r="N19083" s="5" t="s">
        <v>733</v>
      </c>
      <c r="O19083" s="5" t="s">
        <v>38</v>
      </c>
      <c r="P19083" s="5" t="s">
        <v>39</v>
      </c>
      <c r="Q19083" s="5" t="s">
        <v>40</v>
      </c>
      <c r="R19083" s="5" t="s">
        <v>897</v>
      </c>
      <c r="S19083" s="5" t="s">
        <v>40</v>
      </c>
      <c r="T19083" s="5" t="s">
        <v>42</v>
      </c>
      <c r="U19083" s="2">
        <v>62.634999999999998</v>
      </c>
      <c r="V19083" s="2">
        <v>58.451000000000001</v>
      </c>
      <c r="W19083" s="2">
        <v>0.26100000000000001</v>
      </c>
      <c r="X19083" s="2">
        <v>17</v>
      </c>
      <c r="Y19083" s="2">
        <v>116.7</v>
      </c>
      <c r="Z19083" s="2">
        <v>131.6</v>
      </c>
      <c r="AA19083" s="5">
        <v>7</v>
      </c>
      <c r="AB19083" s="5" t="s">
        <v>43</v>
      </c>
      <c r="AC19083" s="5" t="s">
        <v>735</v>
      </c>
      <c r="AD19083" s="2" t="s">
        <v>59524</v>
      </c>
      <c r="AE19083" s="1"/>
    </row>
    <row r="19084" spans="1:31" ht="14.45">
      <c r="A19084" s="5" t="s">
        <v>116</v>
      </c>
      <c r="B19084" s="21">
        <v>46082</v>
      </c>
      <c r="C19084" s="2" t="s">
        <v>59525</v>
      </c>
      <c r="D19084" s="14" t="s">
        <v>59526</v>
      </c>
      <c r="E19084" s="2" t="s">
        <v>59527</v>
      </c>
      <c r="F19084" s="2" t="s">
        <v>59528</v>
      </c>
      <c r="G19084" s="8">
        <v>1504</v>
      </c>
      <c r="H19084" s="5">
        <v>5</v>
      </c>
      <c r="I19084" s="5" t="s">
        <v>69</v>
      </c>
      <c r="J19084" s="5" t="s">
        <v>55802</v>
      </c>
      <c r="K19084" s="2" t="s">
        <v>55803</v>
      </c>
      <c r="L19084" s="5" t="s">
        <v>55802</v>
      </c>
      <c r="M19084" s="2" t="s">
        <v>55803</v>
      </c>
      <c r="N19084" s="5" t="s">
        <v>733</v>
      </c>
      <c r="O19084" s="5" t="s">
        <v>38</v>
      </c>
      <c r="P19084" s="5" t="s">
        <v>39</v>
      </c>
      <c r="Q19084" s="5" t="s">
        <v>40</v>
      </c>
      <c r="R19084" s="5" t="s">
        <v>897</v>
      </c>
      <c r="S19084" s="5" t="s">
        <v>40</v>
      </c>
      <c r="T19084" s="5" t="s">
        <v>42</v>
      </c>
      <c r="U19084" s="2">
        <v>62.481000000000002</v>
      </c>
      <c r="V19084" s="2">
        <v>58.381999999999998</v>
      </c>
      <c r="W19084" s="2">
        <v>0.26100000000000001</v>
      </c>
      <c r="X19084" s="2">
        <v>17</v>
      </c>
      <c r="Y19084" s="2">
        <v>116.7</v>
      </c>
      <c r="Z19084" s="2">
        <v>131.6</v>
      </c>
      <c r="AA19084" s="5">
        <v>7</v>
      </c>
      <c r="AB19084" s="5" t="s">
        <v>43</v>
      </c>
      <c r="AC19084" s="5" t="s">
        <v>735</v>
      </c>
      <c r="AD19084" s="2" t="s">
        <v>59529</v>
      </c>
      <c r="AE19084" s="1"/>
    </row>
    <row r="19085" spans="1:31" ht="14.45">
      <c r="A19085" s="11"/>
      <c r="B19085" s="20"/>
      <c r="C19085" s="2" t="s">
        <v>59530</v>
      </c>
      <c r="D19085" s="14" t="s">
        <v>59531</v>
      </c>
      <c r="E19085" s="2" t="s">
        <v>59532</v>
      </c>
      <c r="F19085" s="2" t="s">
        <v>59523</v>
      </c>
      <c r="G19085" s="8">
        <v>1404</v>
      </c>
      <c r="H19085" s="5">
        <v>5</v>
      </c>
      <c r="I19085" s="5" t="s">
        <v>69</v>
      </c>
      <c r="J19085" s="5" t="s">
        <v>55802</v>
      </c>
      <c r="K19085" s="2" t="s">
        <v>55803</v>
      </c>
      <c r="L19085" s="5" t="s">
        <v>55802</v>
      </c>
      <c r="M19085" s="2" t="s">
        <v>55803</v>
      </c>
      <c r="N19085" s="5" t="s">
        <v>733</v>
      </c>
      <c r="O19085" s="5" t="s">
        <v>38</v>
      </c>
      <c r="P19085" s="5" t="s">
        <v>39</v>
      </c>
      <c r="Q19085" s="5" t="s">
        <v>40</v>
      </c>
      <c r="R19085" s="5" t="s">
        <v>897</v>
      </c>
      <c r="S19085" s="5" t="s">
        <v>40</v>
      </c>
      <c r="T19085" s="5" t="s">
        <v>42</v>
      </c>
      <c r="U19085" s="2">
        <v>62.704000000000001</v>
      </c>
      <c r="V19085" s="2">
        <v>58.305999999999997</v>
      </c>
      <c r="W19085" s="2">
        <v>0.26100000000000001</v>
      </c>
      <c r="X19085" s="2">
        <v>17</v>
      </c>
      <c r="Y19085" s="2">
        <v>116.7</v>
      </c>
      <c r="Z19085" s="2">
        <v>131.6</v>
      </c>
      <c r="AA19085" s="5">
        <v>7</v>
      </c>
      <c r="AB19085" s="5" t="s">
        <v>43</v>
      </c>
      <c r="AC19085" s="5" t="s">
        <v>735</v>
      </c>
      <c r="AD19085" s="2" t="s">
        <v>59533</v>
      </c>
      <c r="AE19085" s="1"/>
    </row>
    <row r="19086" spans="1:31" ht="14.45">
      <c r="A19086" s="11"/>
      <c r="B19086" s="20"/>
      <c r="C19086" s="2" t="s">
        <v>59534</v>
      </c>
      <c r="D19086" s="14" t="s">
        <v>59535</v>
      </c>
      <c r="E19086" s="2" t="s">
        <v>59536</v>
      </c>
      <c r="F19086" s="2" t="s">
        <v>59523</v>
      </c>
      <c r="G19086" s="8">
        <v>1651</v>
      </c>
      <c r="H19086" s="5">
        <v>10</v>
      </c>
      <c r="I19086" s="5" t="s">
        <v>69</v>
      </c>
      <c r="J19086" s="5" t="s">
        <v>55802</v>
      </c>
      <c r="K19086" s="2" t="s">
        <v>55803</v>
      </c>
      <c r="L19086" s="5" t="s">
        <v>55802</v>
      </c>
      <c r="M19086" s="2" t="s">
        <v>55803</v>
      </c>
      <c r="N19086" s="5" t="s">
        <v>733</v>
      </c>
      <c r="O19086" s="5" t="s">
        <v>38</v>
      </c>
      <c r="P19086" s="5" t="s">
        <v>39</v>
      </c>
      <c r="Q19086" s="5" t="s">
        <v>40</v>
      </c>
      <c r="R19086" s="5" t="s">
        <v>897</v>
      </c>
      <c r="S19086" s="5" t="s">
        <v>40</v>
      </c>
      <c r="T19086" s="5" t="s">
        <v>42</v>
      </c>
      <c r="U19086" s="2">
        <v>63.396999999999998</v>
      </c>
      <c r="V19086" s="2">
        <v>59.283000000000001</v>
      </c>
      <c r="W19086" s="2">
        <v>0.26100000000000001</v>
      </c>
      <c r="X19086" s="2">
        <v>17</v>
      </c>
      <c r="Y19086" s="2">
        <v>116.7</v>
      </c>
      <c r="Z19086" s="2">
        <v>131.6</v>
      </c>
      <c r="AA19086" s="5">
        <v>7</v>
      </c>
      <c r="AB19086" s="5" t="s">
        <v>43</v>
      </c>
      <c r="AC19086" s="5" t="s">
        <v>735</v>
      </c>
      <c r="AD19086" s="2" t="s">
        <v>59537</v>
      </c>
      <c r="AE19086" s="1"/>
    </row>
    <row r="19087" spans="1:31" ht="14.45">
      <c r="A19087" s="11"/>
      <c r="B19087" s="20"/>
      <c r="C19087" s="2" t="s">
        <v>59538</v>
      </c>
      <c r="D19087" s="14" t="s">
        <v>59539</v>
      </c>
      <c r="E19087" s="2" t="s">
        <v>59540</v>
      </c>
      <c r="F19087" s="2" t="s">
        <v>59541</v>
      </c>
      <c r="G19087" s="8">
        <v>1295</v>
      </c>
      <c r="H19087" s="5">
        <v>10</v>
      </c>
      <c r="I19087" s="5" t="s">
        <v>69</v>
      </c>
      <c r="J19087" s="5" t="s">
        <v>55802</v>
      </c>
      <c r="K19087" s="2" t="s">
        <v>55803</v>
      </c>
      <c r="L19087" s="5" t="s">
        <v>55802</v>
      </c>
      <c r="M19087" s="2" t="s">
        <v>55803</v>
      </c>
      <c r="N19087" s="5" t="s">
        <v>733</v>
      </c>
      <c r="O19087" s="5" t="s">
        <v>38</v>
      </c>
      <c r="P19087" s="5" t="s">
        <v>39</v>
      </c>
      <c r="Q19087" s="5" t="s">
        <v>40</v>
      </c>
      <c r="R19087" s="5" t="s">
        <v>897</v>
      </c>
      <c r="S19087" s="5" t="s">
        <v>40</v>
      </c>
      <c r="T19087" s="5" t="s">
        <v>42</v>
      </c>
      <c r="U19087" s="2">
        <v>60.164000000000001</v>
      </c>
      <c r="V19087" s="2">
        <v>56.113999999999997</v>
      </c>
      <c r="W19087" s="2">
        <v>0.26100000000000001</v>
      </c>
      <c r="X19087" s="2">
        <v>17</v>
      </c>
      <c r="Y19087" s="2">
        <v>116.7</v>
      </c>
      <c r="Z19087" s="2">
        <v>131.6</v>
      </c>
      <c r="AA19087" s="5">
        <v>7</v>
      </c>
      <c r="AB19087" s="5" t="s">
        <v>43</v>
      </c>
      <c r="AC19087" s="5" t="s">
        <v>735</v>
      </c>
      <c r="AD19087" s="2" t="s">
        <v>59542</v>
      </c>
      <c r="AE19087" s="1"/>
    </row>
    <row r="19088" spans="1:31" ht="14.45">
      <c r="A19088" s="11"/>
      <c r="B19088" s="20"/>
      <c r="C19088" s="2" t="s">
        <v>59543</v>
      </c>
      <c r="D19088" s="14" t="s">
        <v>59544</v>
      </c>
      <c r="E19088" s="2" t="s">
        <v>59545</v>
      </c>
      <c r="F19088" s="2" t="s">
        <v>59541</v>
      </c>
      <c r="G19088" s="8">
        <v>1595</v>
      </c>
      <c r="H19088" s="5">
        <v>10</v>
      </c>
      <c r="I19088" s="5" t="s">
        <v>69</v>
      </c>
      <c r="J19088" s="5" t="s">
        <v>55802</v>
      </c>
      <c r="K19088" s="2" t="s">
        <v>55803</v>
      </c>
      <c r="L19088" s="5" t="s">
        <v>55802</v>
      </c>
      <c r="M19088" s="2" t="s">
        <v>55803</v>
      </c>
      <c r="N19088" s="5" t="s">
        <v>733</v>
      </c>
      <c r="O19088" s="5" t="s">
        <v>38</v>
      </c>
      <c r="P19088" s="5" t="s">
        <v>39</v>
      </c>
      <c r="Q19088" s="5" t="s">
        <v>40</v>
      </c>
      <c r="R19088" s="5" t="s">
        <v>897</v>
      </c>
      <c r="S19088" s="5" t="s">
        <v>40</v>
      </c>
      <c r="T19088" s="5" t="s">
        <v>42</v>
      </c>
      <c r="U19088" s="2">
        <v>62.064</v>
      </c>
      <c r="V19088" s="2">
        <v>57.866999999999997</v>
      </c>
      <c r="W19088" s="2">
        <v>0.26100000000000001</v>
      </c>
      <c r="X19088" s="2">
        <v>17</v>
      </c>
      <c r="Y19088" s="2">
        <v>116.7</v>
      </c>
      <c r="Z19088" s="2">
        <v>131.6</v>
      </c>
      <c r="AA19088" s="5">
        <v>7</v>
      </c>
      <c r="AB19088" s="5" t="s">
        <v>43</v>
      </c>
      <c r="AC19088" s="5" t="s">
        <v>735</v>
      </c>
      <c r="AD19088" s="2" t="s">
        <v>59546</v>
      </c>
      <c r="AE19088" s="1"/>
    </row>
    <row r="19089" spans="1:31" ht="14.45">
      <c r="A19089" s="11"/>
      <c r="B19089" s="20"/>
      <c r="C19089" s="2" t="s">
        <v>59547</v>
      </c>
      <c r="D19089" s="14" t="s">
        <v>59548</v>
      </c>
      <c r="E19089" s="2" t="s">
        <v>59549</v>
      </c>
      <c r="F19089" s="2" t="s">
        <v>59541</v>
      </c>
      <c r="G19089" s="8">
        <v>1595</v>
      </c>
      <c r="H19089" s="5">
        <v>10</v>
      </c>
      <c r="I19089" s="5" t="s">
        <v>69</v>
      </c>
      <c r="J19089" s="5" t="s">
        <v>55802</v>
      </c>
      <c r="K19089" s="2" t="s">
        <v>55803</v>
      </c>
      <c r="L19089" s="5" t="s">
        <v>55802</v>
      </c>
      <c r="M19089" s="2" t="s">
        <v>55803</v>
      </c>
      <c r="N19089" s="5" t="s">
        <v>733</v>
      </c>
      <c r="O19089" s="5" t="s">
        <v>38</v>
      </c>
      <c r="P19089" s="5" t="s">
        <v>39</v>
      </c>
      <c r="Q19089" s="5" t="s">
        <v>40</v>
      </c>
      <c r="R19089" s="5" t="s">
        <v>897</v>
      </c>
      <c r="S19089" s="5" t="s">
        <v>40</v>
      </c>
      <c r="T19089" s="5" t="s">
        <v>42</v>
      </c>
      <c r="U19089" s="2">
        <v>62.531999999999996</v>
      </c>
      <c r="V19089" s="2">
        <v>58.134</v>
      </c>
      <c r="W19089" s="2">
        <v>0.26100000000000001</v>
      </c>
      <c r="X19089" s="2">
        <v>17</v>
      </c>
      <c r="Y19089" s="2">
        <v>116.7</v>
      </c>
      <c r="Z19089" s="2">
        <v>131.6</v>
      </c>
      <c r="AA19089" s="5">
        <v>7</v>
      </c>
      <c r="AB19089" s="5" t="s">
        <v>43</v>
      </c>
      <c r="AC19089" s="5" t="s">
        <v>735</v>
      </c>
      <c r="AD19089" s="2" t="s">
        <v>59550</v>
      </c>
      <c r="AE19089" s="1"/>
    </row>
    <row r="19090" spans="1:31" ht="14.45">
      <c r="A19090" s="11"/>
      <c r="B19090" s="20"/>
      <c r="C19090" s="2" t="s">
        <v>59551</v>
      </c>
      <c r="D19090" s="14" t="s">
        <v>59552</v>
      </c>
      <c r="E19090" s="2" t="s">
        <v>59553</v>
      </c>
      <c r="F19090" s="2" t="s">
        <v>59554</v>
      </c>
      <c r="G19090" s="8">
        <v>920</v>
      </c>
      <c r="H19090" s="5">
        <v>5</v>
      </c>
      <c r="I19090" s="5" t="s">
        <v>69</v>
      </c>
      <c r="J19090" s="5" t="s">
        <v>55802</v>
      </c>
      <c r="K19090" s="2" t="s">
        <v>55803</v>
      </c>
      <c r="L19090" s="5" t="s">
        <v>55802</v>
      </c>
      <c r="M19090" s="2" t="s">
        <v>55803</v>
      </c>
      <c r="N19090" s="5" t="s">
        <v>733</v>
      </c>
      <c r="O19090" s="5" t="s">
        <v>38</v>
      </c>
      <c r="P19090" s="5" t="s">
        <v>39</v>
      </c>
      <c r="Q19090" s="5" t="s">
        <v>40</v>
      </c>
      <c r="R19090" s="5" t="s">
        <v>897</v>
      </c>
      <c r="S19090" s="5" t="s">
        <v>40</v>
      </c>
      <c r="T19090" s="5" t="s">
        <v>42</v>
      </c>
      <c r="U19090" s="2">
        <v>60.834000000000003</v>
      </c>
      <c r="V19090" s="2">
        <v>56.790999999999997</v>
      </c>
      <c r="W19090" s="2">
        <v>0.26100000000000001</v>
      </c>
      <c r="X19090" s="2">
        <v>17</v>
      </c>
      <c r="Y19090" s="2">
        <v>116.7</v>
      </c>
      <c r="Z19090" s="2">
        <v>131.6</v>
      </c>
      <c r="AA19090" s="5">
        <v>7</v>
      </c>
      <c r="AB19090" s="5" t="s">
        <v>43</v>
      </c>
      <c r="AC19090" s="5" t="s">
        <v>735</v>
      </c>
      <c r="AD19090" s="2" t="s">
        <v>59555</v>
      </c>
      <c r="AE19090" s="1"/>
    </row>
    <row r="19091" spans="1:31" ht="14.45">
      <c r="A19091" s="11"/>
      <c r="B19091" s="20"/>
      <c r="C19091" s="2" t="s">
        <v>59556</v>
      </c>
      <c r="D19091" s="14" t="s">
        <v>59557</v>
      </c>
      <c r="E19091" s="2" t="s">
        <v>59558</v>
      </c>
      <c r="F19091" s="2" t="s">
        <v>59554</v>
      </c>
      <c r="G19091" s="8">
        <v>1220</v>
      </c>
      <c r="H19091" s="5">
        <v>10</v>
      </c>
      <c r="I19091" s="5" t="s">
        <v>69</v>
      </c>
      <c r="J19091" s="5" t="s">
        <v>55802</v>
      </c>
      <c r="K19091" s="2" t="s">
        <v>55803</v>
      </c>
      <c r="L19091" s="5" t="s">
        <v>55802</v>
      </c>
      <c r="M19091" s="2" t="s">
        <v>55803</v>
      </c>
      <c r="N19091" s="5" t="s">
        <v>733</v>
      </c>
      <c r="O19091" s="5" t="s">
        <v>38</v>
      </c>
      <c r="P19091" s="5" t="s">
        <v>39</v>
      </c>
      <c r="Q19091" s="5" t="s">
        <v>40</v>
      </c>
      <c r="R19091" s="5" t="s">
        <v>897</v>
      </c>
      <c r="S19091" s="5" t="s">
        <v>40</v>
      </c>
      <c r="T19091" s="5" t="s">
        <v>42</v>
      </c>
      <c r="U19091" s="2">
        <v>62.317999999999998</v>
      </c>
      <c r="V19091" s="2">
        <v>58.121000000000002</v>
      </c>
      <c r="W19091" s="2">
        <v>0.26100000000000001</v>
      </c>
      <c r="X19091" s="2">
        <v>17</v>
      </c>
      <c r="Y19091" s="2">
        <v>116.7</v>
      </c>
      <c r="Z19091" s="2">
        <v>131.6</v>
      </c>
      <c r="AA19091" s="5">
        <v>7</v>
      </c>
      <c r="AB19091" s="5" t="s">
        <v>43</v>
      </c>
      <c r="AC19091" s="5" t="s">
        <v>735</v>
      </c>
      <c r="AD19091" s="2" t="s">
        <v>59559</v>
      </c>
      <c r="AE19091" s="1"/>
    </row>
    <row r="19092" spans="1:31" ht="14.45">
      <c r="A19092" s="11"/>
      <c r="B19092" s="20"/>
      <c r="C19092" s="2" t="s">
        <v>59560</v>
      </c>
      <c r="D19092" s="14" t="s">
        <v>59561</v>
      </c>
      <c r="E19092" s="2" t="s">
        <v>59562</v>
      </c>
      <c r="F19092" s="2" t="s">
        <v>59554</v>
      </c>
      <c r="G19092" s="8">
        <v>1220</v>
      </c>
      <c r="H19092" s="5">
        <v>10</v>
      </c>
      <c r="I19092" s="5" t="s">
        <v>69</v>
      </c>
      <c r="J19092" s="5" t="s">
        <v>55802</v>
      </c>
      <c r="K19092" s="2" t="s">
        <v>55803</v>
      </c>
      <c r="L19092" s="5" t="s">
        <v>55802</v>
      </c>
      <c r="M19092" s="2" t="s">
        <v>55803</v>
      </c>
      <c r="N19092" s="5" t="s">
        <v>733</v>
      </c>
      <c r="O19092" s="5" t="s">
        <v>38</v>
      </c>
      <c r="P19092" s="5" t="s">
        <v>39</v>
      </c>
      <c r="Q19092" s="5" t="s">
        <v>40</v>
      </c>
      <c r="R19092" s="5" t="s">
        <v>897</v>
      </c>
      <c r="S19092" s="5" t="s">
        <v>40</v>
      </c>
      <c r="T19092" s="5" t="s">
        <v>42</v>
      </c>
      <c r="U19092" s="2">
        <v>62.77</v>
      </c>
      <c r="V19092" s="2">
        <v>58.372</v>
      </c>
      <c r="W19092" s="2">
        <v>0.26100000000000001</v>
      </c>
      <c r="X19092" s="2">
        <v>17</v>
      </c>
      <c r="Y19092" s="2">
        <v>116.7</v>
      </c>
      <c r="Z19092" s="2">
        <v>131.6</v>
      </c>
      <c r="AA19092" s="5">
        <v>7</v>
      </c>
      <c r="AB19092" s="5" t="s">
        <v>43</v>
      </c>
      <c r="AC19092" s="5" t="s">
        <v>735</v>
      </c>
      <c r="AD19092" s="2" t="s">
        <v>59563</v>
      </c>
      <c r="AE19092" s="1"/>
    </row>
    <row r="19093" spans="1:31" ht="14.45">
      <c r="A19093" s="11"/>
      <c r="B19093" s="20"/>
      <c r="C19093" s="2" t="s">
        <v>59564</v>
      </c>
      <c r="D19093" s="14" t="s">
        <v>59565</v>
      </c>
      <c r="E19093" s="2" t="s">
        <v>59566</v>
      </c>
      <c r="F19093" s="2" t="s">
        <v>59567</v>
      </c>
      <c r="G19093" s="8">
        <v>688</v>
      </c>
      <c r="H19093" s="5">
        <v>5</v>
      </c>
      <c r="I19093" s="5" t="s">
        <v>69</v>
      </c>
      <c r="J19093" s="5" t="s">
        <v>55802</v>
      </c>
      <c r="K19093" s="2" t="s">
        <v>55803</v>
      </c>
      <c r="L19093" s="5" t="s">
        <v>55802</v>
      </c>
      <c r="M19093" s="2" t="s">
        <v>55803</v>
      </c>
      <c r="N19093" s="5" t="s">
        <v>733</v>
      </c>
      <c r="O19093" s="5" t="s">
        <v>38</v>
      </c>
      <c r="P19093" s="5" t="s">
        <v>39</v>
      </c>
      <c r="Q19093" s="5" t="s">
        <v>40</v>
      </c>
      <c r="R19093" s="5" t="s">
        <v>897</v>
      </c>
      <c r="S19093" s="5" t="s">
        <v>40</v>
      </c>
      <c r="T19093" s="5" t="s">
        <v>42</v>
      </c>
      <c r="U19093" s="2">
        <v>52.386000000000003</v>
      </c>
      <c r="V19093" s="2">
        <v>48.341000000000001</v>
      </c>
      <c r="W19093" s="2">
        <v>0.26100000000000001</v>
      </c>
      <c r="X19093" s="2">
        <v>17</v>
      </c>
      <c r="Y19093" s="2">
        <v>116.7</v>
      </c>
      <c r="Z19093" s="2">
        <v>131.6</v>
      </c>
      <c r="AA19093" s="5">
        <v>7</v>
      </c>
      <c r="AB19093" s="5" t="s">
        <v>43</v>
      </c>
      <c r="AC19093" s="5" t="s">
        <v>735</v>
      </c>
      <c r="AD19093" s="2" t="s">
        <v>59568</v>
      </c>
      <c r="AE19093" s="1"/>
    </row>
    <row r="19094" spans="1:31" ht="14.45">
      <c r="A19094" s="11"/>
      <c r="B19094" s="20"/>
      <c r="C19094" s="2" t="s">
        <v>59569</v>
      </c>
      <c r="D19094" s="14" t="s">
        <v>59570</v>
      </c>
      <c r="E19094" s="2" t="s">
        <v>59571</v>
      </c>
      <c r="F19094" s="2" t="s">
        <v>59567</v>
      </c>
      <c r="G19094" s="8">
        <v>988</v>
      </c>
      <c r="H19094" s="5">
        <v>5</v>
      </c>
      <c r="I19094" s="5" t="s">
        <v>69</v>
      </c>
      <c r="J19094" s="5" t="s">
        <v>55802</v>
      </c>
      <c r="K19094" s="2" t="s">
        <v>55803</v>
      </c>
      <c r="L19094" s="5" t="s">
        <v>55802</v>
      </c>
      <c r="M19094" s="2" t="s">
        <v>55803</v>
      </c>
      <c r="N19094" s="5" t="s">
        <v>733</v>
      </c>
      <c r="O19094" s="5" t="s">
        <v>38</v>
      </c>
      <c r="P19094" s="5" t="s">
        <v>39</v>
      </c>
      <c r="Q19094" s="5" t="s">
        <v>40</v>
      </c>
      <c r="R19094" s="5" t="s">
        <v>897</v>
      </c>
      <c r="S19094" s="5" t="s">
        <v>40</v>
      </c>
      <c r="T19094" s="5" t="s">
        <v>42</v>
      </c>
      <c r="U19094" s="2">
        <v>54.279000000000003</v>
      </c>
      <c r="V19094" s="2">
        <v>50.079000000000001</v>
      </c>
      <c r="W19094" s="2">
        <v>0.26100000000000001</v>
      </c>
      <c r="X19094" s="2">
        <v>17</v>
      </c>
      <c r="Y19094" s="2">
        <v>116.7</v>
      </c>
      <c r="Z19094" s="2">
        <v>131.6</v>
      </c>
      <c r="AA19094" s="5">
        <v>7</v>
      </c>
      <c r="AB19094" s="5" t="s">
        <v>43</v>
      </c>
      <c r="AC19094" s="5" t="s">
        <v>735</v>
      </c>
      <c r="AD19094" s="2" t="s">
        <v>59572</v>
      </c>
      <c r="AE19094" s="1"/>
    </row>
    <row r="19095" spans="1:31" ht="14.45">
      <c r="A19095" s="5" t="s">
        <v>116</v>
      </c>
      <c r="B19095" s="21">
        <v>46082</v>
      </c>
      <c r="C19095" s="2" t="s">
        <v>59573</v>
      </c>
      <c r="D19095" s="14" t="s">
        <v>59574</v>
      </c>
      <c r="E19095" s="2" t="s">
        <v>59575</v>
      </c>
      <c r="F19095" s="2" t="s">
        <v>59576</v>
      </c>
      <c r="G19095" s="8">
        <v>1088</v>
      </c>
      <c r="H19095" s="5">
        <v>5</v>
      </c>
      <c r="I19095" s="5" t="s">
        <v>69</v>
      </c>
      <c r="J19095" s="5" t="s">
        <v>55802</v>
      </c>
      <c r="K19095" s="2" t="s">
        <v>55803</v>
      </c>
      <c r="L19095" s="5" t="s">
        <v>55802</v>
      </c>
      <c r="M19095" s="2" t="s">
        <v>55803</v>
      </c>
      <c r="N19095" s="5" t="s">
        <v>733</v>
      </c>
      <c r="O19095" s="5" t="s">
        <v>38</v>
      </c>
      <c r="P19095" s="5" t="s">
        <v>39</v>
      </c>
      <c r="Q19095" s="5" t="s">
        <v>40</v>
      </c>
      <c r="R19095" s="5" t="s">
        <v>897</v>
      </c>
      <c r="S19095" s="5" t="s">
        <v>40</v>
      </c>
      <c r="T19095" s="5" t="s">
        <v>42</v>
      </c>
      <c r="U19095" s="2">
        <v>53.972000000000001</v>
      </c>
      <c r="V19095" s="2">
        <v>49.918999999999997</v>
      </c>
      <c r="W19095" s="2">
        <v>0.26100000000000001</v>
      </c>
      <c r="X19095" s="2">
        <v>17</v>
      </c>
      <c r="Y19095" s="2">
        <v>116.7</v>
      </c>
      <c r="Z19095" s="2">
        <v>131.6</v>
      </c>
      <c r="AA19095" s="5">
        <v>7</v>
      </c>
      <c r="AB19095" s="5" t="s">
        <v>43</v>
      </c>
      <c r="AC19095" s="5" t="s">
        <v>735</v>
      </c>
      <c r="AD19095" s="2" t="s">
        <v>59577</v>
      </c>
      <c r="AE19095" s="1"/>
    </row>
    <row r="19096" spans="1:31" ht="14.45">
      <c r="A19096" s="11"/>
      <c r="B19096" s="20"/>
      <c r="C19096" s="2" t="s">
        <v>59578</v>
      </c>
      <c r="D19096" s="14" t="s">
        <v>59579</v>
      </c>
      <c r="E19096" s="2" t="s">
        <v>59580</v>
      </c>
      <c r="F19096" s="2" t="s">
        <v>59567</v>
      </c>
      <c r="G19096" s="8">
        <v>988</v>
      </c>
      <c r="H19096" s="5">
        <v>5</v>
      </c>
      <c r="I19096" s="5" t="s">
        <v>69</v>
      </c>
      <c r="J19096" s="5" t="s">
        <v>55802</v>
      </c>
      <c r="K19096" s="2" t="s">
        <v>55803</v>
      </c>
      <c r="L19096" s="5" t="s">
        <v>55802</v>
      </c>
      <c r="M19096" s="2" t="s">
        <v>55803</v>
      </c>
      <c r="N19096" s="5" t="s">
        <v>733</v>
      </c>
      <c r="O19096" s="5" t="s">
        <v>38</v>
      </c>
      <c r="P19096" s="5" t="s">
        <v>39</v>
      </c>
      <c r="Q19096" s="5" t="s">
        <v>40</v>
      </c>
      <c r="R19096" s="5" t="s">
        <v>897</v>
      </c>
      <c r="S19096" s="5" t="s">
        <v>40</v>
      </c>
      <c r="T19096" s="5" t="s">
        <v>42</v>
      </c>
      <c r="U19096" s="2">
        <v>55.14</v>
      </c>
      <c r="V19096" s="2">
        <v>50.732999999999997</v>
      </c>
      <c r="W19096" s="2">
        <v>0.26100000000000001</v>
      </c>
      <c r="X19096" s="2">
        <v>17</v>
      </c>
      <c r="Y19096" s="2">
        <v>116.7</v>
      </c>
      <c r="Z19096" s="2">
        <v>131.6</v>
      </c>
      <c r="AA19096" s="5">
        <v>7</v>
      </c>
      <c r="AB19096" s="5" t="s">
        <v>43</v>
      </c>
      <c r="AC19096" s="5" t="s">
        <v>735</v>
      </c>
      <c r="AD19096" s="2" t="s">
        <v>59581</v>
      </c>
      <c r="AE19096" s="1"/>
    </row>
    <row r="19097" spans="1:31" ht="14.45">
      <c r="A19097" s="11"/>
      <c r="B19097" s="20"/>
      <c r="C19097" s="2" t="s">
        <v>59582</v>
      </c>
      <c r="D19097" s="14" t="s">
        <v>59583</v>
      </c>
      <c r="E19097" s="2" t="s">
        <v>59584</v>
      </c>
      <c r="F19097" s="2" t="s">
        <v>59567</v>
      </c>
      <c r="G19097" s="8">
        <v>1235</v>
      </c>
      <c r="H19097" s="5">
        <v>5</v>
      </c>
      <c r="I19097" s="5" t="s">
        <v>69</v>
      </c>
      <c r="J19097" s="5" t="s">
        <v>55802</v>
      </c>
      <c r="K19097" s="2" t="s">
        <v>55803</v>
      </c>
      <c r="L19097" s="5" t="s">
        <v>55802</v>
      </c>
      <c r="M19097" s="2" t="s">
        <v>55803</v>
      </c>
      <c r="N19097" s="5" t="s">
        <v>733</v>
      </c>
      <c r="O19097" s="5" t="s">
        <v>38</v>
      </c>
      <c r="P19097" s="5" t="s">
        <v>39</v>
      </c>
      <c r="Q19097" s="5" t="s">
        <v>40</v>
      </c>
      <c r="R19097" s="5" t="s">
        <v>897</v>
      </c>
      <c r="S19097" s="5" t="s">
        <v>40</v>
      </c>
      <c r="T19097" s="5" t="s">
        <v>42</v>
      </c>
      <c r="U19097" s="2">
        <v>55.478000000000002</v>
      </c>
      <c r="V19097" s="2">
        <v>51.354999999999997</v>
      </c>
      <c r="W19097" s="2">
        <v>0.26100000000000001</v>
      </c>
      <c r="X19097" s="2">
        <v>17</v>
      </c>
      <c r="Y19097" s="2">
        <v>116.7</v>
      </c>
      <c r="Z19097" s="2">
        <v>131.6</v>
      </c>
      <c r="AA19097" s="5">
        <v>7</v>
      </c>
      <c r="AB19097" s="5" t="s">
        <v>43</v>
      </c>
      <c r="AC19097" s="5" t="s">
        <v>735</v>
      </c>
      <c r="AD19097" s="2" t="s">
        <v>59585</v>
      </c>
      <c r="AE19097" s="1"/>
    </row>
    <row r="19098" spans="1:31" ht="14.45">
      <c r="A19098" s="11"/>
      <c r="B19098" s="20"/>
      <c r="C19098" s="2" t="s">
        <v>59586</v>
      </c>
      <c r="D19098" s="14" t="s">
        <v>59587</v>
      </c>
      <c r="E19098" s="2" t="s">
        <v>59588</v>
      </c>
      <c r="F19098" s="2" t="s">
        <v>59589</v>
      </c>
      <c r="G19098" s="8">
        <v>1149</v>
      </c>
      <c r="H19098" s="5">
        <v>5</v>
      </c>
      <c r="I19098" s="5" t="s">
        <v>69</v>
      </c>
      <c r="J19098" s="5" t="s">
        <v>55802</v>
      </c>
      <c r="K19098" s="2" t="s">
        <v>55803</v>
      </c>
      <c r="L19098" s="5" t="s">
        <v>55802</v>
      </c>
      <c r="M19098" s="2" t="s">
        <v>55803</v>
      </c>
      <c r="N19098" s="5" t="s">
        <v>733</v>
      </c>
      <c r="O19098" s="5" t="s">
        <v>38</v>
      </c>
      <c r="P19098" s="5" t="s">
        <v>39</v>
      </c>
      <c r="Q19098" s="5" t="s">
        <v>40</v>
      </c>
      <c r="R19098" s="5" t="s">
        <v>897</v>
      </c>
      <c r="S19098" s="5" t="s">
        <v>40</v>
      </c>
      <c r="T19098" s="5" t="s">
        <v>42</v>
      </c>
      <c r="U19098" s="2">
        <v>54.128</v>
      </c>
      <c r="V19098" s="2">
        <v>50.079000000000001</v>
      </c>
      <c r="W19098" s="2">
        <v>0.26100000000000001</v>
      </c>
      <c r="X19098" s="2">
        <v>17</v>
      </c>
      <c r="Y19098" s="2">
        <v>116.7</v>
      </c>
      <c r="Z19098" s="2">
        <v>131.6</v>
      </c>
      <c r="AA19098" s="5">
        <v>7</v>
      </c>
      <c r="AB19098" s="5" t="s">
        <v>43</v>
      </c>
      <c r="AC19098" s="5" t="s">
        <v>735</v>
      </c>
      <c r="AD19098" s="2" t="s">
        <v>59590</v>
      </c>
      <c r="AE19098" s="1"/>
    </row>
    <row r="19099" spans="1:31" ht="14.45">
      <c r="A19099" s="11"/>
      <c r="B19099" s="20"/>
      <c r="C19099" s="2" t="s">
        <v>59591</v>
      </c>
      <c r="D19099" s="14" t="s">
        <v>59592</v>
      </c>
      <c r="E19099" s="2" t="s">
        <v>59593</v>
      </c>
      <c r="F19099" s="2" t="s">
        <v>59594</v>
      </c>
      <c r="G19099" s="8">
        <v>983</v>
      </c>
      <c r="H19099" s="5">
        <v>5</v>
      </c>
      <c r="I19099" s="5" t="s">
        <v>69</v>
      </c>
      <c r="J19099" s="5" t="s">
        <v>55802</v>
      </c>
      <c r="K19099" s="2" t="s">
        <v>55803</v>
      </c>
      <c r="L19099" s="5" t="s">
        <v>55802</v>
      </c>
      <c r="M19099" s="2" t="s">
        <v>55803</v>
      </c>
      <c r="N19099" s="5" t="s">
        <v>733</v>
      </c>
      <c r="O19099" s="5" t="s">
        <v>38</v>
      </c>
      <c r="P19099" s="5" t="s">
        <v>39</v>
      </c>
      <c r="Q19099" s="5" t="s">
        <v>40</v>
      </c>
      <c r="R19099" s="5" t="s">
        <v>897</v>
      </c>
      <c r="S19099" s="5" t="s">
        <v>40</v>
      </c>
      <c r="T19099" s="5" t="s">
        <v>42</v>
      </c>
      <c r="U19099" s="2">
        <v>60.301000000000002</v>
      </c>
      <c r="V19099" s="2">
        <v>56.250999999999998</v>
      </c>
      <c r="W19099" s="2">
        <v>0.26100000000000001</v>
      </c>
      <c r="X19099" s="2">
        <v>17</v>
      </c>
      <c r="Y19099" s="2">
        <v>116.7</v>
      </c>
      <c r="Z19099" s="2">
        <v>131.6</v>
      </c>
      <c r="AA19099" s="5">
        <v>7</v>
      </c>
      <c r="AB19099" s="5" t="s">
        <v>43</v>
      </c>
      <c r="AC19099" s="5" t="s">
        <v>735</v>
      </c>
      <c r="AD19099" s="2" t="s">
        <v>59595</v>
      </c>
      <c r="AE19099" s="1"/>
    </row>
    <row r="19100" spans="1:31" ht="14.45">
      <c r="A19100" s="11"/>
      <c r="B19100" s="20"/>
      <c r="C19100" s="2" t="s">
        <v>59596</v>
      </c>
      <c r="D19100" s="14" t="s">
        <v>59597</v>
      </c>
      <c r="E19100" s="2" t="s">
        <v>59598</v>
      </c>
      <c r="F19100" s="2" t="s">
        <v>59594</v>
      </c>
      <c r="G19100" s="8">
        <v>1283</v>
      </c>
      <c r="H19100" s="5">
        <v>5</v>
      </c>
      <c r="I19100" s="5" t="s">
        <v>69</v>
      </c>
      <c r="J19100" s="5" t="s">
        <v>55802</v>
      </c>
      <c r="K19100" s="2" t="s">
        <v>55803</v>
      </c>
      <c r="L19100" s="5" t="s">
        <v>55802</v>
      </c>
      <c r="M19100" s="2" t="s">
        <v>55803</v>
      </c>
      <c r="N19100" s="5" t="s">
        <v>733</v>
      </c>
      <c r="O19100" s="5" t="s">
        <v>38</v>
      </c>
      <c r="P19100" s="5" t="s">
        <v>39</v>
      </c>
      <c r="Q19100" s="5" t="s">
        <v>40</v>
      </c>
      <c r="R19100" s="5" t="s">
        <v>897</v>
      </c>
      <c r="S19100" s="5" t="s">
        <v>40</v>
      </c>
      <c r="T19100" s="5" t="s">
        <v>42</v>
      </c>
      <c r="U19100" s="2">
        <v>62.201000000000001</v>
      </c>
      <c r="V19100" s="2">
        <v>58.003999999999998</v>
      </c>
      <c r="W19100" s="2">
        <v>0.26100000000000001</v>
      </c>
      <c r="X19100" s="2">
        <v>17</v>
      </c>
      <c r="Y19100" s="2">
        <v>116.7</v>
      </c>
      <c r="Z19100" s="2">
        <v>131.6</v>
      </c>
      <c r="AA19100" s="5">
        <v>7</v>
      </c>
      <c r="AB19100" s="5" t="s">
        <v>43</v>
      </c>
      <c r="AC19100" s="5" t="s">
        <v>735</v>
      </c>
      <c r="AD19100" s="2" t="s">
        <v>59599</v>
      </c>
      <c r="AE19100" s="1"/>
    </row>
    <row r="19101" spans="1:31" ht="14.45">
      <c r="A19101" s="5" t="s">
        <v>116</v>
      </c>
      <c r="B19101" s="21">
        <v>46082</v>
      </c>
      <c r="C19101" s="2" t="s">
        <v>59600</v>
      </c>
      <c r="D19101" s="14" t="s">
        <v>59601</v>
      </c>
      <c r="E19101" s="2" t="s">
        <v>59602</v>
      </c>
      <c r="F19101" s="2" t="s">
        <v>59603</v>
      </c>
      <c r="G19101" s="8">
        <v>1383</v>
      </c>
      <c r="H19101" s="5">
        <v>5</v>
      </c>
      <c r="I19101" s="5" t="s">
        <v>69</v>
      </c>
      <c r="J19101" s="5" t="s">
        <v>55802</v>
      </c>
      <c r="K19101" s="2" t="s">
        <v>55803</v>
      </c>
      <c r="L19101" s="5" t="s">
        <v>55802</v>
      </c>
      <c r="M19101" s="2" t="s">
        <v>55803</v>
      </c>
      <c r="N19101" s="5" t="s">
        <v>733</v>
      </c>
      <c r="O19101" s="5" t="s">
        <v>38</v>
      </c>
      <c r="P19101" s="5" t="s">
        <v>39</v>
      </c>
      <c r="Q19101" s="5" t="s">
        <v>40</v>
      </c>
      <c r="R19101" s="5" t="s">
        <v>897</v>
      </c>
      <c r="S19101" s="5" t="s">
        <v>40</v>
      </c>
      <c r="T19101" s="5" t="s">
        <v>42</v>
      </c>
      <c r="U19101" s="2">
        <v>62.43</v>
      </c>
      <c r="V19101" s="2">
        <v>58.331000000000003</v>
      </c>
      <c r="W19101" s="2">
        <v>0.26100000000000001</v>
      </c>
      <c r="X19101" s="2">
        <v>17</v>
      </c>
      <c r="Y19101" s="2">
        <v>116.7</v>
      </c>
      <c r="Z19101" s="2">
        <v>131.6</v>
      </c>
      <c r="AA19101" s="5">
        <v>7</v>
      </c>
      <c r="AB19101" s="5" t="s">
        <v>43</v>
      </c>
      <c r="AC19101" s="5" t="s">
        <v>735</v>
      </c>
      <c r="AD19101" s="2" t="s">
        <v>59604</v>
      </c>
      <c r="AE19101" s="1"/>
    </row>
    <row r="19102" spans="1:31" ht="14.45">
      <c r="A19102" s="11"/>
      <c r="B19102" s="20"/>
      <c r="C19102" s="2" t="s">
        <v>59605</v>
      </c>
      <c r="D19102" s="14" t="s">
        <v>59606</v>
      </c>
      <c r="E19102" s="2" t="s">
        <v>59607</v>
      </c>
      <c r="F19102" s="2" t="s">
        <v>59594</v>
      </c>
      <c r="G19102" s="8">
        <v>1283</v>
      </c>
      <c r="H19102" s="5">
        <v>10</v>
      </c>
      <c r="I19102" s="5" t="s">
        <v>69</v>
      </c>
      <c r="J19102" s="5" t="s">
        <v>55802</v>
      </c>
      <c r="K19102" s="2" t="s">
        <v>55803</v>
      </c>
      <c r="L19102" s="5" t="s">
        <v>55802</v>
      </c>
      <c r="M19102" s="2" t="s">
        <v>55803</v>
      </c>
      <c r="N19102" s="5" t="s">
        <v>733</v>
      </c>
      <c r="O19102" s="5" t="s">
        <v>38</v>
      </c>
      <c r="P19102" s="5" t="s">
        <v>39</v>
      </c>
      <c r="Q19102" s="5" t="s">
        <v>40</v>
      </c>
      <c r="R19102" s="5" t="s">
        <v>897</v>
      </c>
      <c r="S19102" s="5" t="s">
        <v>40</v>
      </c>
      <c r="T19102" s="5" t="s">
        <v>42</v>
      </c>
      <c r="U19102" s="2">
        <v>62.652999999999999</v>
      </c>
      <c r="V19102" s="2">
        <v>58.255000000000003</v>
      </c>
      <c r="W19102" s="2">
        <v>0.26100000000000001</v>
      </c>
      <c r="X19102" s="2">
        <v>17</v>
      </c>
      <c r="Y19102" s="2">
        <v>116.7</v>
      </c>
      <c r="Z19102" s="2">
        <v>131.6</v>
      </c>
      <c r="AA19102" s="5">
        <v>7</v>
      </c>
      <c r="AB19102" s="5" t="s">
        <v>43</v>
      </c>
      <c r="AC19102" s="5" t="s">
        <v>735</v>
      </c>
      <c r="AD19102" s="2" t="s">
        <v>59608</v>
      </c>
      <c r="AE19102" s="1"/>
    </row>
    <row r="19103" spans="1:31" ht="14.45">
      <c r="A19103" s="5"/>
      <c r="B19103" s="21"/>
      <c r="C19103" s="2" t="s">
        <v>59609</v>
      </c>
      <c r="D19103" s="14" t="s">
        <v>59610</v>
      </c>
      <c r="E19103" s="2" t="s">
        <v>59611</v>
      </c>
      <c r="F19103" s="2" t="s">
        <v>59612</v>
      </c>
      <c r="G19103" s="8">
        <v>1530</v>
      </c>
      <c r="H19103" s="5">
        <v>5</v>
      </c>
      <c r="I19103" s="5" t="s">
        <v>69</v>
      </c>
      <c r="J19103" s="5" t="s">
        <v>55802</v>
      </c>
      <c r="K19103" s="2" t="s">
        <v>55803</v>
      </c>
      <c r="L19103" s="5" t="s">
        <v>55802</v>
      </c>
      <c r="M19103" s="2" t="s">
        <v>55803</v>
      </c>
      <c r="N19103" s="5" t="s">
        <v>733</v>
      </c>
      <c r="O19103" s="5" t="s">
        <v>38</v>
      </c>
      <c r="P19103" s="5" t="s">
        <v>39</v>
      </c>
      <c r="Q19103" s="5" t="s">
        <v>40</v>
      </c>
      <c r="R19103" s="5" t="s">
        <v>897</v>
      </c>
      <c r="S19103" s="5" t="s">
        <v>40</v>
      </c>
      <c r="T19103" s="5" t="s">
        <v>42</v>
      </c>
      <c r="U19103" s="2">
        <v>63.345999999999997</v>
      </c>
      <c r="V19103" s="2">
        <v>59.231999999999999</v>
      </c>
      <c r="W19103" s="2">
        <v>0.26100000000000001</v>
      </c>
      <c r="X19103" s="2">
        <v>17</v>
      </c>
      <c r="Y19103" s="2">
        <v>116.7</v>
      </c>
      <c r="Z19103" s="2">
        <v>131.6</v>
      </c>
      <c r="AA19103" s="5">
        <v>7</v>
      </c>
      <c r="AB19103" s="5" t="s">
        <v>43</v>
      </c>
      <c r="AC19103" s="5" t="s">
        <v>735</v>
      </c>
      <c r="AD19103" s="2"/>
      <c r="AE19103" s="1"/>
    </row>
    <row r="19104" spans="1:31" ht="14.45">
      <c r="A19104" s="11"/>
      <c r="B19104" s="20"/>
      <c r="C19104" s="2" t="s">
        <v>59613</v>
      </c>
      <c r="D19104" s="14" t="s">
        <v>59614</v>
      </c>
      <c r="E19104" s="2" t="s">
        <v>59615</v>
      </c>
      <c r="F19104" s="2" t="s">
        <v>59616</v>
      </c>
      <c r="G19104" s="8">
        <v>2063</v>
      </c>
      <c r="H19104" s="5">
        <v>10</v>
      </c>
      <c r="I19104" s="5" t="s">
        <v>69</v>
      </c>
      <c r="J19104" s="5" t="s">
        <v>55802</v>
      </c>
      <c r="K19104" s="2" t="s">
        <v>55803</v>
      </c>
      <c r="L19104" s="5" t="s">
        <v>55802</v>
      </c>
      <c r="M19104" s="2" t="s">
        <v>55803</v>
      </c>
      <c r="N19104" s="5" t="s">
        <v>733</v>
      </c>
      <c r="O19104" s="5" t="s">
        <v>38</v>
      </c>
      <c r="P19104" s="5" t="s">
        <v>39</v>
      </c>
      <c r="Q19104" s="5" t="s">
        <v>40</v>
      </c>
      <c r="R19104" s="5" t="s">
        <v>897</v>
      </c>
      <c r="S19104" s="5" t="s">
        <v>40</v>
      </c>
      <c r="T19104" s="5" t="s">
        <v>42</v>
      </c>
      <c r="U19104" s="2">
        <v>75.983999999999995</v>
      </c>
      <c r="V19104" s="2">
        <v>71.787000000000006</v>
      </c>
      <c r="W19104" s="2">
        <v>0.26100000000000001</v>
      </c>
      <c r="X19104" s="2">
        <v>17</v>
      </c>
      <c r="Y19104" s="2">
        <v>116.7</v>
      </c>
      <c r="Z19104" s="2">
        <v>131.6</v>
      </c>
      <c r="AA19104" s="5">
        <v>7</v>
      </c>
      <c r="AB19104" s="5" t="s">
        <v>43</v>
      </c>
      <c r="AC19104" s="5" t="s">
        <v>735</v>
      </c>
      <c r="AD19104" s="2" t="s">
        <v>59617</v>
      </c>
      <c r="AE19104" s="1"/>
    </row>
    <row r="19105" spans="1:31" ht="14.45">
      <c r="A19105" s="11"/>
      <c r="B19105" s="20"/>
      <c r="C19105" s="2" t="s">
        <v>59618</v>
      </c>
      <c r="D19105" s="14" t="s">
        <v>59619</v>
      </c>
      <c r="E19105" s="2" t="s">
        <v>59620</v>
      </c>
      <c r="F19105" s="2" t="s">
        <v>59621</v>
      </c>
      <c r="G19105" s="8">
        <v>1572</v>
      </c>
      <c r="H19105" s="5">
        <v>10</v>
      </c>
      <c r="I19105" s="5" t="s">
        <v>69</v>
      </c>
      <c r="J19105" s="5" t="s">
        <v>55802</v>
      </c>
      <c r="K19105" s="2" t="s">
        <v>55803</v>
      </c>
      <c r="L19105" s="5" t="s">
        <v>55802</v>
      </c>
      <c r="M19105" s="2" t="s">
        <v>55803</v>
      </c>
      <c r="N19105" s="5" t="s">
        <v>733</v>
      </c>
      <c r="O19105" s="5" t="s">
        <v>38</v>
      </c>
      <c r="P19105" s="5" t="s">
        <v>39</v>
      </c>
      <c r="Q19105" s="5" t="s">
        <v>40</v>
      </c>
      <c r="R19105" s="5" t="s">
        <v>897</v>
      </c>
      <c r="S19105" s="5" t="s">
        <v>40</v>
      </c>
      <c r="T19105" s="5" t="s">
        <v>42</v>
      </c>
      <c r="U19105" s="2">
        <v>66.093999999999994</v>
      </c>
      <c r="V19105" s="2">
        <v>62.012</v>
      </c>
      <c r="W19105" s="2">
        <v>0.26100000000000001</v>
      </c>
      <c r="X19105" s="2">
        <v>17</v>
      </c>
      <c r="Y19105" s="2">
        <v>116.7</v>
      </c>
      <c r="Z19105" s="2">
        <v>131.6</v>
      </c>
      <c r="AA19105" s="5">
        <v>7</v>
      </c>
      <c r="AB19105" s="5" t="s">
        <v>43</v>
      </c>
      <c r="AC19105" s="5" t="s">
        <v>735</v>
      </c>
      <c r="AD19105" s="2" t="s">
        <v>59622</v>
      </c>
      <c r="AE19105" s="1"/>
    </row>
    <row r="19106" spans="1:31" ht="14.45">
      <c r="A19106" s="11"/>
      <c r="B19106" s="20"/>
      <c r="C19106" s="2" t="s">
        <v>59623</v>
      </c>
      <c r="D19106" s="14" t="s">
        <v>59624</v>
      </c>
      <c r="E19106" s="2" t="s">
        <v>59625</v>
      </c>
      <c r="F19106" s="2" t="s">
        <v>59626</v>
      </c>
      <c r="G19106" s="8">
        <v>1872</v>
      </c>
      <c r="H19106" s="5">
        <v>10</v>
      </c>
      <c r="I19106" s="5" t="s">
        <v>69</v>
      </c>
      <c r="J19106" s="5" t="s">
        <v>55802</v>
      </c>
      <c r="K19106" s="2" t="s">
        <v>55803</v>
      </c>
      <c r="L19106" s="5" t="s">
        <v>55802</v>
      </c>
      <c r="M19106" s="2" t="s">
        <v>55803</v>
      </c>
      <c r="N19106" s="5" t="s">
        <v>733</v>
      </c>
      <c r="O19106" s="5" t="s">
        <v>38</v>
      </c>
      <c r="P19106" s="5" t="s">
        <v>39</v>
      </c>
      <c r="Q19106" s="5" t="s">
        <v>40</v>
      </c>
      <c r="R19106" s="5" t="s">
        <v>897</v>
      </c>
      <c r="S19106" s="5" t="s">
        <v>40</v>
      </c>
      <c r="T19106" s="5" t="s">
        <v>42</v>
      </c>
      <c r="U19106" s="2">
        <v>65.965999999999994</v>
      </c>
      <c r="V19106" s="2">
        <v>61.768999999999998</v>
      </c>
      <c r="W19106" s="2">
        <v>0.26100000000000001</v>
      </c>
      <c r="X19106" s="2">
        <v>17</v>
      </c>
      <c r="Y19106" s="2">
        <v>116.7</v>
      </c>
      <c r="Z19106" s="2">
        <v>131.6</v>
      </c>
      <c r="AA19106" s="5">
        <v>7</v>
      </c>
      <c r="AB19106" s="5" t="s">
        <v>43</v>
      </c>
      <c r="AC19106" s="5" t="s">
        <v>735</v>
      </c>
      <c r="AD19106" s="2" t="s">
        <v>59627</v>
      </c>
      <c r="AE19106" s="1"/>
    </row>
    <row r="19107" spans="1:31" ht="14.45">
      <c r="A19107" s="5" t="s">
        <v>116</v>
      </c>
      <c r="B19107" s="21">
        <v>46082</v>
      </c>
      <c r="C19107" s="2" t="s">
        <v>59628</v>
      </c>
      <c r="D19107" s="14" t="s">
        <v>59629</v>
      </c>
      <c r="E19107" s="2" t="s">
        <v>59630</v>
      </c>
      <c r="F19107" s="2" t="s">
        <v>59631</v>
      </c>
      <c r="G19107" s="8">
        <v>1972</v>
      </c>
      <c r="H19107" s="5">
        <v>5</v>
      </c>
      <c r="I19107" s="5" t="s">
        <v>69</v>
      </c>
      <c r="J19107" s="5" t="s">
        <v>55802</v>
      </c>
      <c r="K19107" s="2" t="s">
        <v>55803</v>
      </c>
      <c r="L19107" s="5" t="s">
        <v>55802</v>
      </c>
      <c r="M19107" s="2" t="s">
        <v>55803</v>
      </c>
      <c r="N19107" s="5" t="s">
        <v>733</v>
      </c>
      <c r="O19107" s="5" t="s">
        <v>38</v>
      </c>
      <c r="P19107" s="5" t="s">
        <v>39</v>
      </c>
      <c r="Q19107" s="5" t="s">
        <v>40</v>
      </c>
      <c r="R19107" s="5" t="s">
        <v>897</v>
      </c>
      <c r="S19107" s="5" t="s">
        <v>40</v>
      </c>
      <c r="T19107" s="5" t="s">
        <v>42</v>
      </c>
      <c r="U19107" s="2">
        <v>66.191000000000003</v>
      </c>
      <c r="V19107" s="2">
        <v>62.091999999999999</v>
      </c>
      <c r="W19107" s="2">
        <v>0.26100000000000001</v>
      </c>
      <c r="X19107" s="2">
        <v>17</v>
      </c>
      <c r="Y19107" s="2">
        <v>116.7</v>
      </c>
      <c r="Z19107" s="2">
        <v>131.6</v>
      </c>
      <c r="AA19107" s="5">
        <v>7</v>
      </c>
      <c r="AB19107" s="5" t="s">
        <v>43</v>
      </c>
      <c r="AC19107" s="5" t="s">
        <v>735</v>
      </c>
      <c r="AD19107" s="2" t="s">
        <v>59632</v>
      </c>
      <c r="AE19107" s="1"/>
    </row>
    <row r="19108" spans="1:31" ht="14.45">
      <c r="A19108" s="11"/>
      <c r="B19108" s="20"/>
      <c r="C19108" s="2" t="s">
        <v>59633</v>
      </c>
      <c r="D19108" s="14" t="s">
        <v>59634</v>
      </c>
      <c r="E19108" s="2" t="s">
        <v>59635</v>
      </c>
      <c r="F19108" s="2" t="s">
        <v>59626</v>
      </c>
      <c r="G19108" s="8">
        <v>1872</v>
      </c>
      <c r="H19108" s="5">
        <v>10</v>
      </c>
      <c r="I19108" s="5" t="s">
        <v>69</v>
      </c>
      <c r="J19108" s="5" t="s">
        <v>55802</v>
      </c>
      <c r="K19108" s="2" t="s">
        <v>55803</v>
      </c>
      <c r="L19108" s="5" t="s">
        <v>55802</v>
      </c>
      <c r="M19108" s="2" t="s">
        <v>55803</v>
      </c>
      <c r="N19108" s="5" t="s">
        <v>733</v>
      </c>
      <c r="O19108" s="5" t="s">
        <v>38</v>
      </c>
      <c r="P19108" s="5" t="s">
        <v>39</v>
      </c>
      <c r="Q19108" s="5" t="s">
        <v>40</v>
      </c>
      <c r="R19108" s="5" t="s">
        <v>897</v>
      </c>
      <c r="S19108" s="5" t="s">
        <v>40</v>
      </c>
      <c r="T19108" s="5" t="s">
        <v>42</v>
      </c>
      <c r="U19108" s="2">
        <v>66.450999999999993</v>
      </c>
      <c r="V19108" s="2">
        <v>62.052999999999997</v>
      </c>
      <c r="W19108" s="2">
        <v>0.26100000000000001</v>
      </c>
      <c r="X19108" s="2">
        <v>17</v>
      </c>
      <c r="Y19108" s="2">
        <v>116.7</v>
      </c>
      <c r="Z19108" s="2">
        <v>131.6</v>
      </c>
      <c r="AA19108" s="5">
        <v>7</v>
      </c>
      <c r="AB19108" s="5" t="s">
        <v>43</v>
      </c>
      <c r="AC19108" s="5" t="s">
        <v>735</v>
      </c>
      <c r="AD19108" s="2" t="s">
        <v>59636</v>
      </c>
      <c r="AE19108" s="1"/>
    </row>
    <row r="19109" spans="1:31" ht="14.45">
      <c r="A19109" s="11"/>
      <c r="B19109" s="20"/>
      <c r="C19109" s="2" t="s">
        <v>59637</v>
      </c>
      <c r="D19109" s="14" t="s">
        <v>59638</v>
      </c>
      <c r="E19109" s="2" t="s">
        <v>59639</v>
      </c>
      <c r="F19109" s="2" t="s">
        <v>59640</v>
      </c>
      <c r="G19109" s="8">
        <v>1156</v>
      </c>
      <c r="H19109" s="5">
        <v>10</v>
      </c>
      <c r="I19109" s="5" t="s">
        <v>69</v>
      </c>
      <c r="J19109" s="5" t="s">
        <v>55802</v>
      </c>
      <c r="K19109" s="2" t="s">
        <v>55803</v>
      </c>
      <c r="L19109" s="5" t="s">
        <v>55802</v>
      </c>
      <c r="M19109" s="2" t="s">
        <v>55803</v>
      </c>
      <c r="N19109" s="5" t="s">
        <v>733</v>
      </c>
      <c r="O19109" s="5" t="s">
        <v>38</v>
      </c>
      <c r="P19109" s="5" t="s">
        <v>39</v>
      </c>
      <c r="Q19109" s="5" t="s">
        <v>40</v>
      </c>
      <c r="R19109" s="5" t="s">
        <v>897</v>
      </c>
      <c r="S19109" s="5" t="s">
        <v>40</v>
      </c>
      <c r="T19109" s="5" t="s">
        <v>42</v>
      </c>
      <c r="U19109" s="2">
        <v>57.741999999999997</v>
      </c>
      <c r="V19109" s="2">
        <v>53.66</v>
      </c>
      <c r="W19109" s="2">
        <v>0.26100000000000001</v>
      </c>
      <c r="X19109" s="2">
        <v>17</v>
      </c>
      <c r="Y19109" s="2">
        <v>116.7</v>
      </c>
      <c r="Z19109" s="2">
        <v>131.6</v>
      </c>
      <c r="AA19109" s="5">
        <v>7</v>
      </c>
      <c r="AB19109" s="5" t="s">
        <v>43</v>
      </c>
      <c r="AC19109" s="5" t="s">
        <v>735</v>
      </c>
      <c r="AD19109" s="2" t="s">
        <v>59641</v>
      </c>
      <c r="AE19109" s="1"/>
    </row>
    <row r="19110" spans="1:31" ht="14.45">
      <c r="A19110" s="11"/>
      <c r="B19110" s="20"/>
      <c r="C19110" s="2" t="s">
        <v>59642</v>
      </c>
      <c r="D19110" s="14" t="s">
        <v>59643</v>
      </c>
      <c r="E19110" s="2" t="s">
        <v>59644</v>
      </c>
      <c r="F19110" s="2" t="s">
        <v>59645</v>
      </c>
      <c r="G19110" s="8">
        <v>1456</v>
      </c>
      <c r="H19110" s="5">
        <v>10</v>
      </c>
      <c r="I19110" s="5" t="s">
        <v>69</v>
      </c>
      <c r="J19110" s="5" t="s">
        <v>55802</v>
      </c>
      <c r="K19110" s="2" t="s">
        <v>55803</v>
      </c>
      <c r="L19110" s="5" t="s">
        <v>55802</v>
      </c>
      <c r="M19110" s="2" t="s">
        <v>55803</v>
      </c>
      <c r="N19110" s="5" t="s">
        <v>733</v>
      </c>
      <c r="O19110" s="5" t="s">
        <v>38</v>
      </c>
      <c r="P19110" s="5" t="s">
        <v>39</v>
      </c>
      <c r="Q19110" s="5" t="s">
        <v>40</v>
      </c>
      <c r="R19110" s="5" t="s">
        <v>897</v>
      </c>
      <c r="S19110" s="5" t="s">
        <v>40</v>
      </c>
      <c r="T19110" s="5" t="s">
        <v>42</v>
      </c>
      <c r="U19110" s="2">
        <v>57.63</v>
      </c>
      <c r="V19110" s="2">
        <v>53.417000000000002</v>
      </c>
      <c r="W19110" s="2">
        <v>0.26100000000000001</v>
      </c>
      <c r="X19110" s="2">
        <v>17</v>
      </c>
      <c r="Y19110" s="2">
        <v>116.7</v>
      </c>
      <c r="Z19110" s="2">
        <v>131.6</v>
      </c>
      <c r="AA19110" s="5">
        <v>7</v>
      </c>
      <c r="AB19110" s="5" t="s">
        <v>43</v>
      </c>
      <c r="AC19110" s="5" t="s">
        <v>735</v>
      </c>
      <c r="AD19110" s="2" t="s">
        <v>59646</v>
      </c>
      <c r="AE19110" s="1"/>
    </row>
    <row r="19111" spans="1:31" ht="14.45">
      <c r="A19111" s="5" t="s">
        <v>116</v>
      </c>
      <c r="B19111" s="21">
        <v>46082</v>
      </c>
      <c r="C19111" s="2" t="s">
        <v>59647</v>
      </c>
      <c r="D19111" s="14" t="s">
        <v>59648</v>
      </c>
      <c r="E19111" s="2" t="s">
        <v>59649</v>
      </c>
      <c r="F19111" s="2" t="s">
        <v>59650</v>
      </c>
      <c r="G19111" s="8">
        <v>1556</v>
      </c>
      <c r="H19111" s="5">
        <v>5</v>
      </c>
      <c r="I19111" s="5" t="s">
        <v>69</v>
      </c>
      <c r="J19111" s="5" t="s">
        <v>55802</v>
      </c>
      <c r="K19111" s="2" t="s">
        <v>55803</v>
      </c>
      <c r="L19111" s="5" t="s">
        <v>55802</v>
      </c>
      <c r="M19111" s="2" t="s">
        <v>55803</v>
      </c>
      <c r="N19111" s="5" t="s">
        <v>733</v>
      </c>
      <c r="O19111" s="5" t="s">
        <v>38</v>
      </c>
      <c r="P19111" s="5" t="s">
        <v>39</v>
      </c>
      <c r="Q19111" s="5" t="s">
        <v>40</v>
      </c>
      <c r="R19111" s="5" t="s">
        <v>897</v>
      </c>
      <c r="S19111" s="5" t="s">
        <v>40</v>
      </c>
      <c r="T19111" s="5" t="s">
        <v>42</v>
      </c>
      <c r="U19111" s="2">
        <v>57.749000000000002</v>
      </c>
      <c r="V19111" s="2">
        <v>53.695999999999998</v>
      </c>
      <c r="W19111" s="2">
        <v>0.26100000000000001</v>
      </c>
      <c r="X19111" s="2">
        <v>17</v>
      </c>
      <c r="Y19111" s="2">
        <v>116.7</v>
      </c>
      <c r="Z19111" s="2">
        <v>131.6</v>
      </c>
      <c r="AA19111" s="5">
        <v>7</v>
      </c>
      <c r="AB19111" s="5" t="s">
        <v>43</v>
      </c>
      <c r="AC19111" s="5" t="s">
        <v>735</v>
      </c>
      <c r="AD19111" s="2" t="s">
        <v>59651</v>
      </c>
      <c r="AE19111" s="1"/>
    </row>
    <row r="19112" spans="1:31" ht="14.45">
      <c r="A19112" s="11"/>
      <c r="B19112" s="20"/>
      <c r="C19112" s="2" t="s">
        <v>59652</v>
      </c>
      <c r="D19112" s="14" t="s">
        <v>59653</v>
      </c>
      <c r="E19112" s="2" t="s">
        <v>59654</v>
      </c>
      <c r="F19112" s="2" t="s">
        <v>59645</v>
      </c>
      <c r="G19112" s="8">
        <v>1456</v>
      </c>
      <c r="H19112" s="5">
        <v>10</v>
      </c>
      <c r="I19112" s="5" t="s">
        <v>69</v>
      </c>
      <c r="J19112" s="5" t="s">
        <v>55802</v>
      </c>
      <c r="K19112" s="2" t="s">
        <v>55803</v>
      </c>
      <c r="L19112" s="5" t="s">
        <v>55802</v>
      </c>
      <c r="M19112" s="2" t="s">
        <v>55803</v>
      </c>
      <c r="N19112" s="5" t="s">
        <v>733</v>
      </c>
      <c r="O19112" s="5" t="s">
        <v>38</v>
      </c>
      <c r="P19112" s="5" t="s">
        <v>39</v>
      </c>
      <c r="Q19112" s="5" t="s">
        <v>40</v>
      </c>
      <c r="R19112" s="5" t="s">
        <v>897</v>
      </c>
      <c r="S19112" s="5" t="s">
        <v>40</v>
      </c>
      <c r="T19112" s="5" t="s">
        <v>42</v>
      </c>
      <c r="U19112" s="2">
        <v>58.115000000000002</v>
      </c>
      <c r="V19112" s="2">
        <v>53.701000000000001</v>
      </c>
      <c r="W19112" s="2">
        <v>0.26100000000000001</v>
      </c>
      <c r="X19112" s="2">
        <v>17</v>
      </c>
      <c r="Y19112" s="2">
        <v>116.7</v>
      </c>
      <c r="Z19112" s="2">
        <v>131.6</v>
      </c>
      <c r="AA19112" s="5">
        <v>7</v>
      </c>
      <c r="AB19112" s="5" t="s">
        <v>43</v>
      </c>
      <c r="AC19112" s="5" t="s">
        <v>735</v>
      </c>
      <c r="AD19112" s="2" t="s">
        <v>59655</v>
      </c>
      <c r="AE19112" s="1"/>
    </row>
    <row r="19113" spans="1:31" ht="14.45">
      <c r="A19113" s="11"/>
      <c r="B19113" s="20"/>
      <c r="C19113" s="2" t="s">
        <v>59656</v>
      </c>
      <c r="D19113" s="14" t="s">
        <v>59657</v>
      </c>
      <c r="E19113" s="2" t="s">
        <v>59658</v>
      </c>
      <c r="F19113" s="2" t="s">
        <v>59659</v>
      </c>
      <c r="G19113" s="8">
        <v>1451</v>
      </c>
      <c r="H19113" s="5">
        <v>5</v>
      </c>
      <c r="I19113" s="5" t="s">
        <v>69</v>
      </c>
      <c r="J19113" s="5" t="s">
        <v>55802</v>
      </c>
      <c r="K19113" s="2" t="s">
        <v>55803</v>
      </c>
      <c r="L19113" s="5" t="s">
        <v>55802</v>
      </c>
      <c r="M19113" s="2" t="s">
        <v>55803</v>
      </c>
      <c r="N19113" s="5" t="s">
        <v>733</v>
      </c>
      <c r="O19113" s="5" t="s">
        <v>38</v>
      </c>
      <c r="P19113" s="5" t="s">
        <v>39</v>
      </c>
      <c r="Q19113" s="5" t="s">
        <v>40</v>
      </c>
      <c r="R19113" s="5" t="s">
        <v>897</v>
      </c>
      <c r="S19113" s="5" t="s">
        <v>40</v>
      </c>
      <c r="T19113" s="5" t="s">
        <v>42</v>
      </c>
      <c r="U19113" s="2">
        <v>66.043000000000006</v>
      </c>
      <c r="V19113" s="2">
        <v>61.960999999999999</v>
      </c>
      <c r="W19113" s="2">
        <v>0.26100000000000001</v>
      </c>
      <c r="X19113" s="2">
        <v>17</v>
      </c>
      <c r="Y19113" s="2">
        <v>116.7</v>
      </c>
      <c r="Z19113" s="2">
        <v>131.6</v>
      </c>
      <c r="AA19113" s="5">
        <v>7</v>
      </c>
      <c r="AB19113" s="5" t="s">
        <v>43</v>
      </c>
      <c r="AC19113" s="5" t="s">
        <v>735</v>
      </c>
      <c r="AD19113" s="2" t="s">
        <v>59660</v>
      </c>
      <c r="AE19113" s="1"/>
    </row>
    <row r="19114" spans="1:31" ht="14.45">
      <c r="A19114" s="11"/>
      <c r="B19114" s="20"/>
      <c r="C19114" s="2" t="s">
        <v>59661</v>
      </c>
      <c r="D19114" s="14" t="s">
        <v>59662</v>
      </c>
      <c r="E19114" s="2" t="s">
        <v>59663</v>
      </c>
      <c r="F19114" s="2" t="s">
        <v>59659</v>
      </c>
      <c r="G19114" s="8">
        <v>1751</v>
      </c>
      <c r="H19114" s="5">
        <v>10</v>
      </c>
      <c r="I19114" s="5" t="s">
        <v>69</v>
      </c>
      <c r="J19114" s="5" t="s">
        <v>55802</v>
      </c>
      <c r="K19114" s="2" t="s">
        <v>55803</v>
      </c>
      <c r="L19114" s="5" t="s">
        <v>55802</v>
      </c>
      <c r="M19114" s="2" t="s">
        <v>55803</v>
      </c>
      <c r="N19114" s="5" t="s">
        <v>733</v>
      </c>
      <c r="O19114" s="5" t="s">
        <v>38</v>
      </c>
      <c r="P19114" s="5" t="s">
        <v>39</v>
      </c>
      <c r="Q19114" s="5" t="s">
        <v>40</v>
      </c>
      <c r="R19114" s="5" t="s">
        <v>897</v>
      </c>
      <c r="S19114" s="5" t="s">
        <v>40</v>
      </c>
      <c r="T19114" s="5" t="s">
        <v>42</v>
      </c>
      <c r="U19114" s="2">
        <v>65.915000000000006</v>
      </c>
      <c r="V19114" s="2">
        <v>61.718000000000004</v>
      </c>
      <c r="W19114" s="2">
        <v>0.26100000000000001</v>
      </c>
      <c r="X19114" s="2">
        <v>17</v>
      </c>
      <c r="Y19114" s="2">
        <v>116.7</v>
      </c>
      <c r="Z19114" s="2">
        <v>131.6</v>
      </c>
      <c r="AA19114" s="5">
        <v>7</v>
      </c>
      <c r="AB19114" s="5" t="s">
        <v>43</v>
      </c>
      <c r="AC19114" s="5" t="s">
        <v>735</v>
      </c>
      <c r="AD19114" s="2" t="s">
        <v>59664</v>
      </c>
      <c r="AE19114" s="1"/>
    </row>
    <row r="19115" spans="1:31" ht="14.45">
      <c r="A19115" s="5" t="s">
        <v>116</v>
      </c>
      <c r="B19115" s="21">
        <v>46082</v>
      </c>
      <c r="C19115" s="2" t="s">
        <v>59665</v>
      </c>
      <c r="D19115" s="14" t="s">
        <v>59666</v>
      </c>
      <c r="E19115" s="2" t="s">
        <v>59667</v>
      </c>
      <c r="F19115" s="2" t="s">
        <v>59668</v>
      </c>
      <c r="G19115" s="8">
        <v>1851</v>
      </c>
      <c r="H19115" s="5">
        <v>5</v>
      </c>
      <c r="I19115" s="5" t="s">
        <v>69</v>
      </c>
      <c r="J19115" s="5" t="s">
        <v>55802</v>
      </c>
      <c r="K19115" s="2" t="s">
        <v>55803</v>
      </c>
      <c r="L19115" s="5" t="s">
        <v>55802</v>
      </c>
      <c r="M19115" s="2" t="s">
        <v>55803</v>
      </c>
      <c r="N19115" s="5" t="s">
        <v>733</v>
      </c>
      <c r="O19115" s="5" t="s">
        <v>38</v>
      </c>
      <c r="P19115" s="5" t="s">
        <v>39</v>
      </c>
      <c r="Q19115" s="5" t="s">
        <v>40</v>
      </c>
      <c r="R19115" s="5" t="s">
        <v>897</v>
      </c>
      <c r="S19115" s="5" t="s">
        <v>40</v>
      </c>
      <c r="T19115" s="5" t="s">
        <v>42</v>
      </c>
      <c r="U19115" s="2">
        <v>66.14</v>
      </c>
      <c r="V19115" s="2">
        <v>62.040999999999997</v>
      </c>
      <c r="W19115" s="2">
        <v>0.26100000000000001</v>
      </c>
      <c r="X19115" s="2">
        <v>17</v>
      </c>
      <c r="Y19115" s="2">
        <v>116.7</v>
      </c>
      <c r="Z19115" s="2">
        <v>131.6</v>
      </c>
      <c r="AA19115" s="5">
        <v>7</v>
      </c>
      <c r="AB19115" s="5" t="s">
        <v>43</v>
      </c>
      <c r="AC19115" s="5" t="s">
        <v>735</v>
      </c>
      <c r="AD19115" s="2" t="s">
        <v>59669</v>
      </c>
      <c r="AE19115" s="1"/>
    </row>
    <row r="19116" spans="1:31" ht="14.45">
      <c r="A19116" s="11"/>
      <c r="B19116" s="20"/>
      <c r="C19116" s="2" t="s">
        <v>59670</v>
      </c>
      <c r="D19116" s="14" t="s">
        <v>59671</v>
      </c>
      <c r="E19116" s="2" t="s">
        <v>59672</v>
      </c>
      <c r="F19116" s="2" t="s">
        <v>59659</v>
      </c>
      <c r="G19116" s="8">
        <v>1751</v>
      </c>
      <c r="H19116" s="5">
        <v>5</v>
      </c>
      <c r="I19116" s="5" t="s">
        <v>69</v>
      </c>
      <c r="J19116" s="5" t="s">
        <v>55802</v>
      </c>
      <c r="K19116" s="2" t="s">
        <v>55803</v>
      </c>
      <c r="L19116" s="5" t="s">
        <v>55802</v>
      </c>
      <c r="M19116" s="2" t="s">
        <v>55803</v>
      </c>
      <c r="N19116" s="5" t="s">
        <v>733</v>
      </c>
      <c r="O19116" s="5" t="s">
        <v>38</v>
      </c>
      <c r="P19116" s="5" t="s">
        <v>39</v>
      </c>
      <c r="Q19116" s="5" t="s">
        <v>40</v>
      </c>
      <c r="R19116" s="5" t="s">
        <v>897</v>
      </c>
      <c r="S19116" s="5" t="s">
        <v>40</v>
      </c>
      <c r="T19116" s="5" t="s">
        <v>42</v>
      </c>
      <c r="U19116" s="2">
        <v>66.400000000000006</v>
      </c>
      <c r="V19116" s="2">
        <v>62.002000000000002</v>
      </c>
      <c r="W19116" s="2">
        <v>0.26100000000000001</v>
      </c>
      <c r="X19116" s="2">
        <v>17</v>
      </c>
      <c r="Y19116" s="2">
        <v>116.7</v>
      </c>
      <c r="Z19116" s="2">
        <v>131.6</v>
      </c>
      <c r="AA19116" s="5">
        <v>7</v>
      </c>
      <c r="AB19116" s="5" t="s">
        <v>43</v>
      </c>
      <c r="AC19116" s="5" t="s">
        <v>735</v>
      </c>
      <c r="AD19116" s="2" t="s">
        <v>59673</v>
      </c>
      <c r="AE19116" s="1"/>
    </row>
    <row r="19117" spans="1:31" ht="14.45">
      <c r="A19117" s="11"/>
      <c r="B19117" s="20"/>
      <c r="C19117" s="2" t="s">
        <v>59674</v>
      </c>
      <c r="D19117" s="14" t="s">
        <v>59675</v>
      </c>
      <c r="E19117" s="2" t="s">
        <v>59676</v>
      </c>
      <c r="F19117" s="2" t="s">
        <v>59677</v>
      </c>
      <c r="G19117" s="8">
        <v>1572</v>
      </c>
      <c r="H19117" s="5">
        <v>10</v>
      </c>
      <c r="I19117" s="5" t="s">
        <v>69</v>
      </c>
      <c r="J19117" s="5" t="s">
        <v>55802</v>
      </c>
      <c r="K19117" s="2" t="s">
        <v>55803</v>
      </c>
      <c r="L19117" s="5" t="s">
        <v>55802</v>
      </c>
      <c r="M19117" s="2" t="s">
        <v>55803</v>
      </c>
      <c r="N19117" s="5" t="s">
        <v>733</v>
      </c>
      <c r="O19117" s="5" t="s">
        <v>38</v>
      </c>
      <c r="P19117" s="5" t="s">
        <v>39</v>
      </c>
      <c r="Q19117" s="5" t="s">
        <v>40</v>
      </c>
      <c r="R19117" s="5" t="s">
        <v>897</v>
      </c>
      <c r="S19117" s="5" t="s">
        <v>40</v>
      </c>
      <c r="T19117" s="5" t="s">
        <v>42</v>
      </c>
      <c r="U19117" s="2">
        <v>65.078999999999994</v>
      </c>
      <c r="V19117" s="2">
        <v>60.997</v>
      </c>
      <c r="W19117" s="2">
        <v>0.26100000000000001</v>
      </c>
      <c r="X19117" s="2">
        <v>17</v>
      </c>
      <c r="Y19117" s="2">
        <v>116.7</v>
      </c>
      <c r="Z19117" s="2">
        <v>131.6</v>
      </c>
      <c r="AA19117" s="5">
        <v>7</v>
      </c>
      <c r="AB19117" s="5" t="s">
        <v>43</v>
      </c>
      <c r="AC19117" s="5" t="s">
        <v>735</v>
      </c>
      <c r="AD19117" s="2" t="s">
        <v>59678</v>
      </c>
      <c r="AE19117" s="1"/>
    </row>
    <row r="19118" spans="1:31" ht="14.45">
      <c r="A19118" s="11"/>
      <c r="B19118" s="20"/>
      <c r="C19118" s="2" t="s">
        <v>59679</v>
      </c>
      <c r="D19118" s="14" t="s">
        <v>59680</v>
      </c>
      <c r="E19118" s="2" t="s">
        <v>59681</v>
      </c>
      <c r="F19118" s="2" t="s">
        <v>59682</v>
      </c>
      <c r="G19118" s="8">
        <v>1872</v>
      </c>
      <c r="H19118" s="5">
        <v>10</v>
      </c>
      <c r="I19118" s="5" t="s">
        <v>69</v>
      </c>
      <c r="J19118" s="5" t="s">
        <v>55802</v>
      </c>
      <c r="K19118" s="2" t="s">
        <v>55803</v>
      </c>
      <c r="L19118" s="5" t="s">
        <v>55802</v>
      </c>
      <c r="M19118" s="2" t="s">
        <v>55803</v>
      </c>
      <c r="N19118" s="5" t="s">
        <v>733</v>
      </c>
      <c r="O19118" s="5" t="s">
        <v>38</v>
      </c>
      <c r="P19118" s="5" t="s">
        <v>39</v>
      </c>
      <c r="Q19118" s="5" t="s">
        <v>40</v>
      </c>
      <c r="R19118" s="5" t="s">
        <v>897</v>
      </c>
      <c r="S19118" s="5" t="s">
        <v>40</v>
      </c>
      <c r="T19118" s="5" t="s">
        <v>42</v>
      </c>
      <c r="U19118" s="2">
        <v>64.950999999999993</v>
      </c>
      <c r="V19118" s="2">
        <v>60.753999999999998</v>
      </c>
      <c r="W19118" s="2">
        <v>0.26100000000000001</v>
      </c>
      <c r="X19118" s="2">
        <v>17</v>
      </c>
      <c r="Y19118" s="2">
        <v>116.7</v>
      </c>
      <c r="Z19118" s="2">
        <v>131.6</v>
      </c>
      <c r="AA19118" s="5">
        <v>7</v>
      </c>
      <c r="AB19118" s="5" t="s">
        <v>43</v>
      </c>
      <c r="AC19118" s="5" t="s">
        <v>735</v>
      </c>
      <c r="AD19118" s="2" t="s">
        <v>59683</v>
      </c>
      <c r="AE19118" s="1"/>
    </row>
    <row r="19119" spans="1:31" ht="14.45">
      <c r="A19119" s="11"/>
      <c r="B19119" s="20"/>
      <c r="C19119" s="2" t="s">
        <v>59684</v>
      </c>
      <c r="D19119" s="14" t="s">
        <v>59685</v>
      </c>
      <c r="E19119" s="2" t="s">
        <v>59686</v>
      </c>
      <c r="F19119" s="2" t="s">
        <v>59682</v>
      </c>
      <c r="G19119" s="8">
        <v>1872</v>
      </c>
      <c r="H19119" s="5">
        <v>10</v>
      </c>
      <c r="I19119" s="5" t="s">
        <v>69</v>
      </c>
      <c r="J19119" s="5" t="s">
        <v>55802</v>
      </c>
      <c r="K19119" s="2" t="s">
        <v>55803</v>
      </c>
      <c r="L19119" s="5" t="s">
        <v>55802</v>
      </c>
      <c r="M19119" s="2" t="s">
        <v>55803</v>
      </c>
      <c r="N19119" s="5" t="s">
        <v>733</v>
      </c>
      <c r="O19119" s="5" t="s">
        <v>38</v>
      </c>
      <c r="P19119" s="5" t="s">
        <v>39</v>
      </c>
      <c r="Q19119" s="5" t="s">
        <v>40</v>
      </c>
      <c r="R19119" s="5" t="s">
        <v>897</v>
      </c>
      <c r="S19119" s="5" t="s">
        <v>40</v>
      </c>
      <c r="T19119" s="5" t="s">
        <v>42</v>
      </c>
      <c r="U19119" s="2">
        <v>65.436000000000007</v>
      </c>
      <c r="V19119" s="2">
        <v>61.037999999999997</v>
      </c>
      <c r="W19119" s="2">
        <v>0.26100000000000001</v>
      </c>
      <c r="X19119" s="2">
        <v>17</v>
      </c>
      <c r="Y19119" s="2">
        <v>116.7</v>
      </c>
      <c r="Z19119" s="2">
        <v>131.6</v>
      </c>
      <c r="AA19119" s="5">
        <v>7</v>
      </c>
      <c r="AB19119" s="5" t="s">
        <v>43</v>
      </c>
      <c r="AC19119" s="5" t="s">
        <v>735</v>
      </c>
      <c r="AD19119" s="2" t="s">
        <v>59687</v>
      </c>
      <c r="AE19119" s="1"/>
    </row>
    <row r="19120" spans="1:31" ht="14.45">
      <c r="A19120" s="11"/>
      <c r="B19120" s="20"/>
      <c r="C19120" s="2" t="s">
        <v>59688</v>
      </c>
      <c r="D19120" s="14" t="s">
        <v>59689</v>
      </c>
      <c r="E19120" s="2" t="s">
        <v>59690</v>
      </c>
      <c r="F19120" s="2" t="s">
        <v>59691</v>
      </c>
      <c r="G19120" s="8">
        <v>1156</v>
      </c>
      <c r="H19120" s="5">
        <v>10</v>
      </c>
      <c r="I19120" s="5" t="s">
        <v>69</v>
      </c>
      <c r="J19120" s="5" t="s">
        <v>55802</v>
      </c>
      <c r="K19120" s="2" t="s">
        <v>55803</v>
      </c>
      <c r="L19120" s="5" t="s">
        <v>55802</v>
      </c>
      <c r="M19120" s="2" t="s">
        <v>55803</v>
      </c>
      <c r="N19120" s="5" t="s">
        <v>733</v>
      </c>
      <c r="O19120" s="5" t="s">
        <v>38</v>
      </c>
      <c r="P19120" s="5" t="s">
        <v>39</v>
      </c>
      <c r="Q19120" s="5" t="s">
        <v>40</v>
      </c>
      <c r="R19120" s="5" t="s">
        <v>897</v>
      </c>
      <c r="S19120" s="5" t="s">
        <v>40</v>
      </c>
      <c r="T19120" s="5" t="s">
        <v>42</v>
      </c>
      <c r="U19120" s="2">
        <v>56.73</v>
      </c>
      <c r="V19120" s="2">
        <v>52.648000000000003</v>
      </c>
      <c r="W19120" s="2">
        <v>0.26100000000000001</v>
      </c>
      <c r="X19120" s="2">
        <v>17</v>
      </c>
      <c r="Y19120" s="2">
        <v>116.7</v>
      </c>
      <c r="Z19120" s="2">
        <v>131.6</v>
      </c>
      <c r="AA19120" s="5">
        <v>7</v>
      </c>
      <c r="AB19120" s="5" t="s">
        <v>43</v>
      </c>
      <c r="AC19120" s="5" t="s">
        <v>735</v>
      </c>
      <c r="AD19120" s="2" t="s">
        <v>59692</v>
      </c>
      <c r="AE19120" s="1"/>
    </row>
    <row r="19121" spans="1:31" ht="14.45">
      <c r="A19121" s="11"/>
      <c r="B19121" s="20"/>
      <c r="C19121" s="2" t="s">
        <v>59693</v>
      </c>
      <c r="D19121" s="14" t="s">
        <v>59694</v>
      </c>
      <c r="E19121" s="2" t="s">
        <v>59695</v>
      </c>
      <c r="F19121" s="2" t="s">
        <v>59691</v>
      </c>
      <c r="G19121" s="8">
        <v>1456</v>
      </c>
      <c r="H19121" s="5">
        <v>10</v>
      </c>
      <c r="I19121" s="5" t="s">
        <v>69</v>
      </c>
      <c r="J19121" s="5" t="s">
        <v>55802</v>
      </c>
      <c r="K19121" s="2" t="s">
        <v>55803</v>
      </c>
      <c r="L19121" s="5" t="s">
        <v>55802</v>
      </c>
      <c r="M19121" s="2" t="s">
        <v>55803</v>
      </c>
      <c r="N19121" s="5" t="s">
        <v>733</v>
      </c>
      <c r="O19121" s="5" t="s">
        <v>38</v>
      </c>
      <c r="P19121" s="5" t="s">
        <v>39</v>
      </c>
      <c r="Q19121" s="5" t="s">
        <v>40</v>
      </c>
      <c r="R19121" s="5" t="s">
        <v>897</v>
      </c>
      <c r="S19121" s="5" t="s">
        <v>40</v>
      </c>
      <c r="T19121" s="5" t="s">
        <v>42</v>
      </c>
      <c r="U19121" s="2">
        <v>57.103000000000002</v>
      </c>
      <c r="V19121" s="2">
        <v>52.689</v>
      </c>
      <c r="W19121" s="2">
        <v>0.26100000000000001</v>
      </c>
      <c r="X19121" s="2">
        <v>17</v>
      </c>
      <c r="Y19121" s="2">
        <v>116.7</v>
      </c>
      <c r="Z19121" s="2">
        <v>131.6</v>
      </c>
      <c r="AA19121" s="5">
        <v>7</v>
      </c>
      <c r="AB19121" s="5" t="s">
        <v>43</v>
      </c>
      <c r="AC19121" s="5" t="s">
        <v>735</v>
      </c>
      <c r="AD19121" s="2" t="s">
        <v>59696</v>
      </c>
      <c r="AE19121" s="1"/>
    </row>
    <row r="19122" spans="1:31" ht="14.45">
      <c r="A19122" s="11"/>
      <c r="B19122" s="20"/>
      <c r="C19122" s="2" t="s">
        <v>59697</v>
      </c>
      <c r="D19122" s="14" t="s">
        <v>59698</v>
      </c>
      <c r="E19122" s="2" t="s">
        <v>59699</v>
      </c>
      <c r="F19122" s="2" t="s">
        <v>59700</v>
      </c>
      <c r="G19122" s="8">
        <v>1451</v>
      </c>
      <c r="H19122" s="5">
        <v>10</v>
      </c>
      <c r="I19122" s="5" t="s">
        <v>69</v>
      </c>
      <c r="J19122" s="5" t="s">
        <v>55802</v>
      </c>
      <c r="K19122" s="2" t="s">
        <v>55803</v>
      </c>
      <c r="L19122" s="5" t="s">
        <v>55802</v>
      </c>
      <c r="M19122" s="2" t="s">
        <v>55803</v>
      </c>
      <c r="N19122" s="5" t="s">
        <v>733</v>
      </c>
      <c r="O19122" s="5" t="s">
        <v>38</v>
      </c>
      <c r="P19122" s="5" t="s">
        <v>39</v>
      </c>
      <c r="Q19122" s="5" t="s">
        <v>40</v>
      </c>
      <c r="R19122" s="5" t="s">
        <v>897</v>
      </c>
      <c r="S19122" s="5" t="s">
        <v>40</v>
      </c>
      <c r="T19122" s="5" t="s">
        <v>42</v>
      </c>
      <c r="U19122" s="2">
        <v>65.028000000000006</v>
      </c>
      <c r="V19122" s="2">
        <v>60.945999999999998</v>
      </c>
      <c r="W19122" s="2">
        <v>0.26100000000000001</v>
      </c>
      <c r="X19122" s="2">
        <v>17</v>
      </c>
      <c r="Y19122" s="2">
        <v>116.7</v>
      </c>
      <c r="Z19122" s="2">
        <v>131.6</v>
      </c>
      <c r="AA19122" s="5">
        <v>7</v>
      </c>
      <c r="AB19122" s="5" t="s">
        <v>43</v>
      </c>
      <c r="AC19122" s="5" t="s">
        <v>735</v>
      </c>
      <c r="AD19122" s="2" t="s">
        <v>59701</v>
      </c>
      <c r="AE19122" s="1"/>
    </row>
    <row r="19123" spans="1:31" ht="14.45">
      <c r="A19123" s="11"/>
      <c r="B19123" s="20"/>
      <c r="C19123" s="2" t="s">
        <v>59702</v>
      </c>
      <c r="D19123" s="14" t="s">
        <v>59703</v>
      </c>
      <c r="E19123" s="2" t="s">
        <v>59704</v>
      </c>
      <c r="F19123" s="2" t="s">
        <v>59700</v>
      </c>
      <c r="G19123" s="8">
        <v>1751</v>
      </c>
      <c r="H19123" s="5">
        <v>5</v>
      </c>
      <c r="I19123" s="5" t="s">
        <v>69</v>
      </c>
      <c r="J19123" s="5" t="s">
        <v>55802</v>
      </c>
      <c r="K19123" s="2" t="s">
        <v>55803</v>
      </c>
      <c r="L19123" s="5" t="s">
        <v>55802</v>
      </c>
      <c r="M19123" s="2" t="s">
        <v>55803</v>
      </c>
      <c r="N19123" s="5" t="s">
        <v>733</v>
      </c>
      <c r="O19123" s="5" t="s">
        <v>38</v>
      </c>
      <c r="P19123" s="5" t="s">
        <v>39</v>
      </c>
      <c r="Q19123" s="5" t="s">
        <v>40</v>
      </c>
      <c r="R19123" s="5" t="s">
        <v>897</v>
      </c>
      <c r="S19123" s="5" t="s">
        <v>40</v>
      </c>
      <c r="T19123" s="5" t="s">
        <v>42</v>
      </c>
      <c r="U19123" s="2">
        <v>65.385000000000005</v>
      </c>
      <c r="V19123" s="2">
        <v>60.987000000000002</v>
      </c>
      <c r="W19123" s="2">
        <v>0.26100000000000001</v>
      </c>
      <c r="X19123" s="2">
        <v>17</v>
      </c>
      <c r="Y19123" s="2">
        <v>116.7</v>
      </c>
      <c r="Z19123" s="2">
        <v>131.6</v>
      </c>
      <c r="AA19123" s="5">
        <v>7</v>
      </c>
      <c r="AB19123" s="5" t="s">
        <v>43</v>
      </c>
      <c r="AC19123" s="5" t="s">
        <v>735</v>
      </c>
      <c r="AD19123" s="2" t="s">
        <v>59705</v>
      </c>
      <c r="AE19123" s="1"/>
    </row>
    <row r="19124" spans="1:31" ht="14.45">
      <c r="A19124" s="11"/>
      <c r="B19124" s="20"/>
      <c r="C19124" s="2" t="s">
        <v>59706</v>
      </c>
      <c r="D19124" s="14" t="s">
        <v>59707</v>
      </c>
      <c r="E19124" s="2" t="s">
        <v>59708</v>
      </c>
      <c r="F19124" s="2" t="s">
        <v>59709</v>
      </c>
      <c r="G19124" s="8">
        <v>1295</v>
      </c>
      <c r="H19124" s="5">
        <v>10</v>
      </c>
      <c r="I19124" s="5" t="s">
        <v>69</v>
      </c>
      <c r="J19124" s="5" t="s">
        <v>55802</v>
      </c>
      <c r="K19124" s="2" t="s">
        <v>55803</v>
      </c>
      <c r="L19124" s="5" t="s">
        <v>55802</v>
      </c>
      <c r="M19124" s="2" t="s">
        <v>55803</v>
      </c>
      <c r="N19124" s="5" t="s">
        <v>733</v>
      </c>
      <c r="O19124" s="5" t="s">
        <v>38</v>
      </c>
      <c r="P19124" s="5" t="s">
        <v>39</v>
      </c>
      <c r="Q19124" s="5" t="s">
        <v>40</v>
      </c>
      <c r="R19124" s="5" t="s">
        <v>897</v>
      </c>
      <c r="S19124" s="5" t="s">
        <v>40</v>
      </c>
      <c r="T19124" s="5" t="s">
        <v>42</v>
      </c>
      <c r="U19124" s="2">
        <v>70.507000000000005</v>
      </c>
      <c r="V19124" s="2">
        <v>66.463999999999999</v>
      </c>
      <c r="W19124" s="2">
        <v>0.26100000000000001</v>
      </c>
      <c r="X19124" s="2">
        <v>17</v>
      </c>
      <c r="Y19124" s="2">
        <v>116.7</v>
      </c>
      <c r="Z19124" s="2">
        <v>131.6</v>
      </c>
      <c r="AA19124" s="5">
        <v>7</v>
      </c>
      <c r="AB19124" s="5" t="s">
        <v>43</v>
      </c>
      <c r="AC19124" s="5" t="s">
        <v>735</v>
      </c>
      <c r="AD19124" s="2" t="s">
        <v>59710</v>
      </c>
      <c r="AE19124" s="1"/>
    </row>
    <row r="19125" spans="1:31" ht="14.45">
      <c r="A19125" s="11"/>
      <c r="B19125" s="20"/>
      <c r="C19125" s="2" t="s">
        <v>59711</v>
      </c>
      <c r="D19125" s="14" t="s">
        <v>59712</v>
      </c>
      <c r="E19125" s="2" t="s">
        <v>59713</v>
      </c>
      <c r="F19125" s="2" t="s">
        <v>59714</v>
      </c>
      <c r="G19125" s="8">
        <v>1595</v>
      </c>
      <c r="H19125" s="5">
        <v>10</v>
      </c>
      <c r="I19125" s="5" t="s">
        <v>69</v>
      </c>
      <c r="J19125" s="5" t="s">
        <v>55802</v>
      </c>
      <c r="K19125" s="2" t="s">
        <v>55803</v>
      </c>
      <c r="L19125" s="5" t="s">
        <v>55802</v>
      </c>
      <c r="M19125" s="2" t="s">
        <v>55803</v>
      </c>
      <c r="N19125" s="5" t="s">
        <v>733</v>
      </c>
      <c r="O19125" s="5" t="s">
        <v>38</v>
      </c>
      <c r="P19125" s="5" t="s">
        <v>39</v>
      </c>
      <c r="Q19125" s="5" t="s">
        <v>40</v>
      </c>
      <c r="R19125" s="5" t="s">
        <v>897</v>
      </c>
      <c r="S19125" s="5" t="s">
        <v>40</v>
      </c>
      <c r="T19125" s="5" t="s">
        <v>42</v>
      </c>
      <c r="U19125" s="2">
        <v>72.239000000000004</v>
      </c>
      <c r="V19125" s="2">
        <v>68.042000000000002</v>
      </c>
      <c r="W19125" s="2">
        <v>0.26100000000000001</v>
      </c>
      <c r="X19125" s="2">
        <v>17</v>
      </c>
      <c r="Y19125" s="2">
        <v>116.7</v>
      </c>
      <c r="Z19125" s="2">
        <v>131.6</v>
      </c>
      <c r="AA19125" s="5">
        <v>7</v>
      </c>
      <c r="AB19125" s="5" t="s">
        <v>43</v>
      </c>
      <c r="AC19125" s="5" t="s">
        <v>735</v>
      </c>
      <c r="AD19125" s="2" t="s">
        <v>59715</v>
      </c>
      <c r="AE19125" s="1"/>
    </row>
    <row r="19126" spans="1:31" ht="14.45">
      <c r="A19126" s="11"/>
      <c r="B19126" s="20"/>
      <c r="C19126" s="2" t="s">
        <v>59716</v>
      </c>
      <c r="D19126" s="14" t="s">
        <v>59717</v>
      </c>
      <c r="E19126" s="2" t="s">
        <v>59718</v>
      </c>
      <c r="F19126" s="2" t="s">
        <v>59719</v>
      </c>
      <c r="G19126" s="8">
        <v>1104</v>
      </c>
      <c r="H19126" s="5">
        <v>5</v>
      </c>
      <c r="I19126" s="5" t="s">
        <v>69</v>
      </c>
      <c r="J19126" s="5" t="s">
        <v>55802</v>
      </c>
      <c r="K19126" s="2" t="s">
        <v>55803</v>
      </c>
      <c r="L19126" s="5" t="s">
        <v>55802</v>
      </c>
      <c r="M19126" s="2" t="s">
        <v>55803</v>
      </c>
      <c r="N19126" s="5" t="s">
        <v>733</v>
      </c>
      <c r="O19126" s="5" t="s">
        <v>38</v>
      </c>
      <c r="P19126" s="5" t="s">
        <v>39</v>
      </c>
      <c r="Q19126" s="5" t="s">
        <v>40</v>
      </c>
      <c r="R19126" s="5" t="s">
        <v>897</v>
      </c>
      <c r="S19126" s="5" t="s">
        <v>40</v>
      </c>
      <c r="T19126" s="5" t="s">
        <v>42</v>
      </c>
      <c r="U19126" s="2">
        <v>60.715000000000003</v>
      </c>
      <c r="V19126" s="2">
        <v>56.671999999999997</v>
      </c>
      <c r="W19126" s="2">
        <v>0.26100000000000001</v>
      </c>
      <c r="X19126" s="2">
        <v>17</v>
      </c>
      <c r="Y19126" s="2">
        <v>116.7</v>
      </c>
      <c r="Z19126" s="2">
        <v>131.6</v>
      </c>
      <c r="AA19126" s="5">
        <v>7</v>
      </c>
      <c r="AB19126" s="5" t="s">
        <v>43</v>
      </c>
      <c r="AC19126" s="5" t="s">
        <v>735</v>
      </c>
      <c r="AD19126" s="2" t="s">
        <v>59720</v>
      </c>
      <c r="AE19126" s="1"/>
    </row>
    <row r="19127" spans="1:31" ht="14.45">
      <c r="A19127" s="11"/>
      <c r="B19127" s="20"/>
      <c r="C19127" s="2" t="s">
        <v>59721</v>
      </c>
      <c r="D19127" s="14" t="s">
        <v>59722</v>
      </c>
      <c r="E19127" s="2" t="s">
        <v>59723</v>
      </c>
      <c r="F19127" s="2" t="s">
        <v>59724</v>
      </c>
      <c r="G19127" s="8">
        <v>1404</v>
      </c>
      <c r="H19127" s="5">
        <v>10</v>
      </c>
      <c r="I19127" s="5" t="s">
        <v>69</v>
      </c>
      <c r="J19127" s="5" t="s">
        <v>55802</v>
      </c>
      <c r="K19127" s="2" t="s">
        <v>55803</v>
      </c>
      <c r="L19127" s="5" t="s">
        <v>55802</v>
      </c>
      <c r="M19127" s="2" t="s">
        <v>55803</v>
      </c>
      <c r="N19127" s="5" t="s">
        <v>733</v>
      </c>
      <c r="O19127" s="5" t="s">
        <v>38</v>
      </c>
      <c r="P19127" s="5" t="s">
        <v>39</v>
      </c>
      <c r="Q19127" s="5" t="s">
        <v>40</v>
      </c>
      <c r="R19127" s="5" t="s">
        <v>897</v>
      </c>
      <c r="S19127" s="5" t="s">
        <v>40</v>
      </c>
      <c r="T19127" s="5" t="s">
        <v>42</v>
      </c>
      <c r="U19127" s="2">
        <v>62.212000000000003</v>
      </c>
      <c r="V19127" s="2">
        <v>58.015000000000001</v>
      </c>
      <c r="W19127" s="2">
        <v>0.26100000000000001</v>
      </c>
      <c r="X19127" s="2">
        <v>17</v>
      </c>
      <c r="Y19127" s="2">
        <v>116.7</v>
      </c>
      <c r="Z19127" s="2">
        <v>131.6</v>
      </c>
      <c r="AA19127" s="5">
        <v>7</v>
      </c>
      <c r="AB19127" s="5" t="s">
        <v>43</v>
      </c>
      <c r="AC19127" s="5" t="s">
        <v>735</v>
      </c>
      <c r="AD19127" s="2" t="s">
        <v>59725</v>
      </c>
      <c r="AE19127" s="1"/>
    </row>
    <row r="19128" spans="1:31" ht="14.45">
      <c r="A19128" s="11"/>
      <c r="B19128" s="20"/>
      <c r="C19128" s="2" t="s">
        <v>59726</v>
      </c>
      <c r="D19128" s="14" t="s">
        <v>59727</v>
      </c>
      <c r="E19128" s="2" t="s">
        <v>59728</v>
      </c>
      <c r="F19128" s="2" t="s">
        <v>59724</v>
      </c>
      <c r="G19128" s="8">
        <v>1404</v>
      </c>
      <c r="H19128" s="5">
        <v>10</v>
      </c>
      <c r="I19128" s="5" t="s">
        <v>69</v>
      </c>
      <c r="J19128" s="5" t="s">
        <v>55802</v>
      </c>
      <c r="K19128" s="2" t="s">
        <v>55803</v>
      </c>
      <c r="L19128" s="5" t="s">
        <v>55802</v>
      </c>
      <c r="M19128" s="2" t="s">
        <v>55803</v>
      </c>
      <c r="N19128" s="5" t="s">
        <v>733</v>
      </c>
      <c r="O19128" s="5" t="s">
        <v>38</v>
      </c>
      <c r="P19128" s="5" t="s">
        <v>39</v>
      </c>
      <c r="Q19128" s="5" t="s">
        <v>40</v>
      </c>
      <c r="R19128" s="5" t="s">
        <v>897</v>
      </c>
      <c r="S19128" s="5" t="s">
        <v>40</v>
      </c>
      <c r="T19128" s="5" t="s">
        <v>42</v>
      </c>
      <c r="U19128" s="2">
        <v>62.691000000000003</v>
      </c>
      <c r="V19128" s="2">
        <v>58.292999999999999</v>
      </c>
      <c r="W19128" s="2">
        <v>0.26100000000000001</v>
      </c>
      <c r="X19128" s="2">
        <v>17</v>
      </c>
      <c r="Y19128" s="2">
        <v>116.7</v>
      </c>
      <c r="Z19128" s="2">
        <v>131.6</v>
      </c>
      <c r="AA19128" s="5">
        <v>7</v>
      </c>
      <c r="AB19128" s="5" t="s">
        <v>43</v>
      </c>
      <c r="AC19128" s="5" t="s">
        <v>735</v>
      </c>
      <c r="AD19128" s="2" t="s">
        <v>59729</v>
      </c>
      <c r="AE19128" s="1"/>
    </row>
    <row r="19129" spans="1:31" ht="14.45">
      <c r="A19129" s="11"/>
      <c r="B19129" s="20"/>
      <c r="C19129" s="2" t="s">
        <v>59730</v>
      </c>
      <c r="D19129" s="14" t="s">
        <v>59731</v>
      </c>
      <c r="E19129" s="2" t="s">
        <v>59732</v>
      </c>
      <c r="F19129" s="2" t="s">
        <v>59724</v>
      </c>
      <c r="G19129" s="8">
        <v>1651</v>
      </c>
      <c r="H19129" s="5">
        <v>10</v>
      </c>
      <c r="I19129" s="5" t="s">
        <v>69</v>
      </c>
      <c r="J19129" s="5" t="s">
        <v>55802</v>
      </c>
      <c r="K19129" s="2" t="s">
        <v>55803</v>
      </c>
      <c r="L19129" s="5" t="s">
        <v>55802</v>
      </c>
      <c r="M19129" s="2" t="s">
        <v>55803</v>
      </c>
      <c r="N19129" s="5" t="s">
        <v>733</v>
      </c>
      <c r="O19129" s="5" t="s">
        <v>38</v>
      </c>
      <c r="P19129" s="5" t="s">
        <v>39</v>
      </c>
      <c r="Q19129" s="5" t="s">
        <v>40</v>
      </c>
      <c r="R19129" s="5" t="s">
        <v>897</v>
      </c>
      <c r="S19129" s="5" t="s">
        <v>40</v>
      </c>
      <c r="T19129" s="5" t="s">
        <v>42</v>
      </c>
      <c r="U19129" s="2">
        <v>62.585999999999999</v>
      </c>
      <c r="V19129" s="2">
        <v>58.472000000000001</v>
      </c>
      <c r="W19129" s="2">
        <v>0.26100000000000001</v>
      </c>
      <c r="X19129" s="2">
        <v>17</v>
      </c>
      <c r="Y19129" s="2">
        <v>116.7</v>
      </c>
      <c r="Z19129" s="2">
        <v>131.6</v>
      </c>
      <c r="AA19129" s="5">
        <v>7</v>
      </c>
      <c r="AB19129" s="5" t="s">
        <v>43</v>
      </c>
      <c r="AC19129" s="5" t="s">
        <v>735</v>
      </c>
      <c r="AD19129" s="2" t="s">
        <v>59733</v>
      </c>
      <c r="AE19129" s="1"/>
    </row>
    <row r="19130" spans="1:31" ht="14.45">
      <c r="A19130" s="11"/>
      <c r="B19130" s="20"/>
      <c r="C19130" s="2" t="s">
        <v>59734</v>
      </c>
      <c r="D19130" s="14" t="s">
        <v>59735</v>
      </c>
      <c r="E19130" s="2" t="s">
        <v>59736</v>
      </c>
      <c r="F19130" s="2" t="s">
        <v>59737</v>
      </c>
      <c r="G19130" s="8">
        <v>1295</v>
      </c>
      <c r="H19130" s="5">
        <v>10</v>
      </c>
      <c r="I19130" s="5" t="s">
        <v>69</v>
      </c>
      <c r="J19130" s="5" t="s">
        <v>55802</v>
      </c>
      <c r="K19130" s="2" t="s">
        <v>55803</v>
      </c>
      <c r="L19130" s="5" t="s">
        <v>55802</v>
      </c>
      <c r="M19130" s="2" t="s">
        <v>55803</v>
      </c>
      <c r="N19130" s="5" t="s">
        <v>733</v>
      </c>
      <c r="O19130" s="5" t="s">
        <v>38</v>
      </c>
      <c r="P19130" s="5" t="s">
        <v>39</v>
      </c>
      <c r="Q19130" s="5" t="s">
        <v>40</v>
      </c>
      <c r="R19130" s="5" t="s">
        <v>897</v>
      </c>
      <c r="S19130" s="5" t="s">
        <v>40</v>
      </c>
      <c r="T19130" s="5" t="s">
        <v>42</v>
      </c>
      <c r="U19130" s="2">
        <v>60.124000000000002</v>
      </c>
      <c r="V19130" s="2">
        <v>56.073999999999998</v>
      </c>
      <c r="W19130" s="2">
        <v>0.26100000000000001</v>
      </c>
      <c r="X19130" s="2">
        <v>17</v>
      </c>
      <c r="Y19130" s="2">
        <v>116.7</v>
      </c>
      <c r="Z19130" s="2">
        <v>131.6</v>
      </c>
      <c r="AA19130" s="5">
        <v>7</v>
      </c>
      <c r="AB19130" s="5" t="s">
        <v>43</v>
      </c>
      <c r="AC19130" s="5" t="s">
        <v>735</v>
      </c>
      <c r="AD19130" s="2" t="s">
        <v>59738</v>
      </c>
      <c r="AE19130" s="1"/>
    </row>
    <row r="19131" spans="1:31" ht="14.45">
      <c r="A19131" s="11"/>
      <c r="B19131" s="20"/>
      <c r="C19131" s="2" t="s">
        <v>59739</v>
      </c>
      <c r="D19131" s="14" t="s">
        <v>59740</v>
      </c>
      <c r="E19131" s="2" t="s">
        <v>59741</v>
      </c>
      <c r="F19131" s="2" t="s">
        <v>59737</v>
      </c>
      <c r="G19131" s="8">
        <v>1595</v>
      </c>
      <c r="H19131" s="5">
        <v>10</v>
      </c>
      <c r="I19131" s="5" t="s">
        <v>69</v>
      </c>
      <c r="J19131" s="5" t="s">
        <v>55802</v>
      </c>
      <c r="K19131" s="2" t="s">
        <v>55803</v>
      </c>
      <c r="L19131" s="5" t="s">
        <v>55802</v>
      </c>
      <c r="M19131" s="2" t="s">
        <v>55803</v>
      </c>
      <c r="N19131" s="5" t="s">
        <v>733</v>
      </c>
      <c r="O19131" s="5" t="s">
        <v>38</v>
      </c>
      <c r="P19131" s="5" t="s">
        <v>39</v>
      </c>
      <c r="Q19131" s="5" t="s">
        <v>40</v>
      </c>
      <c r="R19131" s="5" t="s">
        <v>897</v>
      </c>
      <c r="S19131" s="5" t="s">
        <v>40</v>
      </c>
      <c r="T19131" s="5" t="s">
        <v>42</v>
      </c>
      <c r="U19131" s="2">
        <v>62.024000000000001</v>
      </c>
      <c r="V19131" s="2">
        <v>57.826999999999998</v>
      </c>
      <c r="W19131" s="2">
        <v>0.26100000000000001</v>
      </c>
      <c r="X19131" s="2">
        <v>17</v>
      </c>
      <c r="Y19131" s="2">
        <v>116.7</v>
      </c>
      <c r="Z19131" s="2">
        <v>131.6</v>
      </c>
      <c r="AA19131" s="5">
        <v>7</v>
      </c>
      <c r="AB19131" s="5" t="s">
        <v>43</v>
      </c>
      <c r="AC19131" s="5" t="s">
        <v>735</v>
      </c>
      <c r="AD19131" s="2" t="s">
        <v>59742</v>
      </c>
      <c r="AE19131" s="1"/>
    </row>
    <row r="19132" spans="1:31" ht="14.45">
      <c r="A19132" s="11"/>
      <c r="B19132" s="20"/>
      <c r="C19132" s="2" t="s">
        <v>59743</v>
      </c>
      <c r="D19132" s="14" t="s">
        <v>59744</v>
      </c>
      <c r="E19132" s="2" t="s">
        <v>59745</v>
      </c>
      <c r="F19132" s="2" t="s">
        <v>59737</v>
      </c>
      <c r="G19132" s="8">
        <v>1595</v>
      </c>
      <c r="H19132" s="5">
        <v>10</v>
      </c>
      <c r="I19132" s="5" t="s">
        <v>69</v>
      </c>
      <c r="J19132" s="5" t="s">
        <v>55802</v>
      </c>
      <c r="K19132" s="2" t="s">
        <v>55803</v>
      </c>
      <c r="L19132" s="5" t="s">
        <v>55802</v>
      </c>
      <c r="M19132" s="2" t="s">
        <v>55803</v>
      </c>
      <c r="N19132" s="5" t="s">
        <v>733</v>
      </c>
      <c r="O19132" s="5" t="s">
        <v>38</v>
      </c>
      <c r="P19132" s="5" t="s">
        <v>39</v>
      </c>
      <c r="Q19132" s="5" t="s">
        <v>40</v>
      </c>
      <c r="R19132" s="5" t="s">
        <v>897</v>
      </c>
      <c r="S19132" s="5" t="s">
        <v>40</v>
      </c>
      <c r="T19132" s="5" t="s">
        <v>42</v>
      </c>
      <c r="U19132" s="2">
        <v>62.518999999999998</v>
      </c>
      <c r="V19132" s="2">
        <v>58.121000000000002</v>
      </c>
      <c r="W19132" s="2">
        <v>0.26100000000000001</v>
      </c>
      <c r="X19132" s="2">
        <v>17</v>
      </c>
      <c r="Y19132" s="2">
        <v>116.7</v>
      </c>
      <c r="Z19132" s="2">
        <v>131.6</v>
      </c>
      <c r="AA19132" s="5">
        <v>7</v>
      </c>
      <c r="AB19132" s="5" t="s">
        <v>43</v>
      </c>
      <c r="AC19132" s="5" t="s">
        <v>735</v>
      </c>
      <c r="AD19132" s="2" t="s">
        <v>59746</v>
      </c>
      <c r="AE19132" s="1"/>
    </row>
    <row r="19133" spans="1:31" ht="14.45">
      <c r="A19133" s="11"/>
      <c r="B19133" s="20"/>
      <c r="C19133" s="2" t="s">
        <v>59747</v>
      </c>
      <c r="D19133" s="14" t="s">
        <v>59748</v>
      </c>
      <c r="E19133" s="2" t="s">
        <v>59749</v>
      </c>
      <c r="F19133" s="2" t="s">
        <v>59750</v>
      </c>
      <c r="G19133" s="8">
        <v>920</v>
      </c>
      <c r="H19133" s="5">
        <v>10</v>
      </c>
      <c r="I19133" s="5" t="s">
        <v>69</v>
      </c>
      <c r="J19133" s="5" t="s">
        <v>55802</v>
      </c>
      <c r="K19133" s="2" t="s">
        <v>55803</v>
      </c>
      <c r="L19133" s="5" t="s">
        <v>55802</v>
      </c>
      <c r="M19133" s="2" t="s">
        <v>55803</v>
      </c>
      <c r="N19133" s="5" t="s">
        <v>733</v>
      </c>
      <c r="O19133" s="5" t="s">
        <v>38</v>
      </c>
      <c r="P19133" s="5" t="s">
        <v>39</v>
      </c>
      <c r="Q19133" s="5" t="s">
        <v>40</v>
      </c>
      <c r="R19133" s="5" t="s">
        <v>897</v>
      </c>
      <c r="S19133" s="5" t="s">
        <v>40</v>
      </c>
      <c r="T19133" s="5" t="s">
        <v>42</v>
      </c>
      <c r="U19133" s="2">
        <v>60.378</v>
      </c>
      <c r="V19133" s="2">
        <v>56.328000000000003</v>
      </c>
      <c r="W19133" s="2">
        <v>0.26100000000000001</v>
      </c>
      <c r="X19133" s="2">
        <v>17</v>
      </c>
      <c r="Y19133" s="2">
        <v>116.7</v>
      </c>
      <c r="Z19133" s="2">
        <v>131.6</v>
      </c>
      <c r="AA19133" s="5">
        <v>7</v>
      </c>
      <c r="AB19133" s="5" t="s">
        <v>43</v>
      </c>
      <c r="AC19133" s="5" t="s">
        <v>735</v>
      </c>
      <c r="AD19133" s="2" t="s">
        <v>59751</v>
      </c>
      <c r="AE19133" s="1"/>
    </row>
    <row r="19134" spans="1:31" ht="14.45">
      <c r="A19134" s="11"/>
      <c r="B19134" s="20"/>
      <c r="C19134" s="2" t="s">
        <v>59752</v>
      </c>
      <c r="D19134" s="14" t="s">
        <v>59753</v>
      </c>
      <c r="E19134" s="2" t="s">
        <v>59754</v>
      </c>
      <c r="F19134" s="2" t="s">
        <v>59750</v>
      </c>
      <c r="G19134" s="8">
        <v>1220</v>
      </c>
      <c r="H19134" s="5">
        <v>10</v>
      </c>
      <c r="I19134" s="5" t="s">
        <v>69</v>
      </c>
      <c r="J19134" s="5" t="s">
        <v>55802</v>
      </c>
      <c r="K19134" s="2" t="s">
        <v>55803</v>
      </c>
      <c r="L19134" s="5" t="s">
        <v>55802</v>
      </c>
      <c r="M19134" s="2" t="s">
        <v>55803</v>
      </c>
      <c r="N19134" s="5" t="s">
        <v>733</v>
      </c>
      <c r="O19134" s="5" t="s">
        <v>38</v>
      </c>
      <c r="P19134" s="5" t="s">
        <v>39</v>
      </c>
      <c r="Q19134" s="5" t="s">
        <v>40</v>
      </c>
      <c r="R19134" s="5" t="s">
        <v>897</v>
      </c>
      <c r="S19134" s="5" t="s">
        <v>40</v>
      </c>
      <c r="T19134" s="5" t="s">
        <v>42</v>
      </c>
      <c r="U19134" s="2">
        <v>62.277999999999999</v>
      </c>
      <c r="V19134" s="2">
        <v>58.081000000000003</v>
      </c>
      <c r="W19134" s="2">
        <v>0.26100000000000001</v>
      </c>
      <c r="X19134" s="2">
        <v>17</v>
      </c>
      <c r="Y19134" s="2">
        <v>116.7</v>
      </c>
      <c r="Z19134" s="2">
        <v>131.6</v>
      </c>
      <c r="AA19134" s="5">
        <v>7</v>
      </c>
      <c r="AB19134" s="5" t="s">
        <v>43</v>
      </c>
      <c r="AC19134" s="5" t="s">
        <v>735</v>
      </c>
      <c r="AD19134" s="2" t="s">
        <v>59755</v>
      </c>
      <c r="AE19134" s="1"/>
    </row>
    <row r="19135" spans="1:31" ht="14.45">
      <c r="A19135" s="11"/>
      <c r="B19135" s="20"/>
      <c r="C19135" s="2" t="s">
        <v>59756</v>
      </c>
      <c r="D19135" s="14" t="s">
        <v>59757</v>
      </c>
      <c r="E19135" s="2" t="s">
        <v>59758</v>
      </c>
      <c r="F19135" s="2" t="s">
        <v>59750</v>
      </c>
      <c r="G19135" s="8">
        <v>1220</v>
      </c>
      <c r="H19135" s="5">
        <v>10</v>
      </c>
      <c r="I19135" s="5" t="s">
        <v>69</v>
      </c>
      <c r="J19135" s="5" t="s">
        <v>55802</v>
      </c>
      <c r="K19135" s="2" t="s">
        <v>55803</v>
      </c>
      <c r="L19135" s="5" t="s">
        <v>55802</v>
      </c>
      <c r="M19135" s="2" t="s">
        <v>55803</v>
      </c>
      <c r="N19135" s="5" t="s">
        <v>733</v>
      </c>
      <c r="O19135" s="5" t="s">
        <v>38</v>
      </c>
      <c r="P19135" s="5" t="s">
        <v>39</v>
      </c>
      <c r="Q19135" s="5" t="s">
        <v>40</v>
      </c>
      <c r="R19135" s="5" t="s">
        <v>897</v>
      </c>
      <c r="S19135" s="5" t="s">
        <v>40</v>
      </c>
      <c r="T19135" s="5" t="s">
        <v>42</v>
      </c>
      <c r="U19135" s="2">
        <v>62.756999999999998</v>
      </c>
      <c r="V19135" s="2">
        <v>58.359000000000002</v>
      </c>
      <c r="W19135" s="2">
        <v>0.26100000000000001</v>
      </c>
      <c r="X19135" s="2">
        <v>17</v>
      </c>
      <c r="Y19135" s="2">
        <v>116.7</v>
      </c>
      <c r="Z19135" s="2">
        <v>131.6</v>
      </c>
      <c r="AA19135" s="5">
        <v>7</v>
      </c>
      <c r="AB19135" s="5" t="s">
        <v>43</v>
      </c>
      <c r="AC19135" s="5" t="s">
        <v>735</v>
      </c>
      <c r="AD19135" s="2" t="s">
        <v>59759</v>
      </c>
      <c r="AE19135" s="1"/>
    </row>
    <row r="19136" spans="1:31" ht="14.45">
      <c r="A19136" s="11"/>
      <c r="B19136" s="20"/>
      <c r="C19136" s="2" t="s">
        <v>59760</v>
      </c>
      <c r="D19136" s="14" t="s">
        <v>59761</v>
      </c>
      <c r="E19136" s="2" t="s">
        <v>59762</v>
      </c>
      <c r="F19136" s="2" t="s">
        <v>59763</v>
      </c>
      <c r="G19136" s="8">
        <v>688</v>
      </c>
      <c r="H19136" s="5">
        <v>5</v>
      </c>
      <c r="I19136" s="5" t="s">
        <v>69</v>
      </c>
      <c r="J19136" s="5" t="s">
        <v>55802</v>
      </c>
      <c r="K19136" s="2" t="s">
        <v>55803</v>
      </c>
      <c r="L19136" s="5" t="s">
        <v>55802</v>
      </c>
      <c r="M19136" s="2" t="s">
        <v>55803</v>
      </c>
      <c r="N19136" s="5" t="s">
        <v>733</v>
      </c>
      <c r="O19136" s="5" t="s">
        <v>38</v>
      </c>
      <c r="P19136" s="5" t="s">
        <v>39</v>
      </c>
      <c r="Q19136" s="5" t="s">
        <v>40</v>
      </c>
      <c r="R19136" s="5" t="s">
        <v>897</v>
      </c>
      <c r="S19136" s="5" t="s">
        <v>40</v>
      </c>
      <c r="T19136" s="5" t="s">
        <v>42</v>
      </c>
      <c r="U19136" s="2">
        <v>52.343000000000004</v>
      </c>
      <c r="V19136" s="2">
        <v>48.3</v>
      </c>
      <c r="W19136" s="2">
        <v>0.26100000000000001</v>
      </c>
      <c r="X19136" s="2">
        <v>17</v>
      </c>
      <c r="Y19136" s="2">
        <v>116.7</v>
      </c>
      <c r="Z19136" s="2">
        <v>131.6</v>
      </c>
      <c r="AA19136" s="5">
        <v>7</v>
      </c>
      <c r="AB19136" s="5" t="s">
        <v>43</v>
      </c>
      <c r="AC19136" s="5" t="s">
        <v>735</v>
      </c>
      <c r="AD19136" s="2" t="s">
        <v>59764</v>
      </c>
      <c r="AE19136" s="1"/>
    </row>
    <row r="19137" spans="1:31" ht="14.45">
      <c r="A19137" s="11"/>
      <c r="B19137" s="20"/>
      <c r="C19137" s="2" t="s">
        <v>59765</v>
      </c>
      <c r="D19137" s="14" t="s">
        <v>59766</v>
      </c>
      <c r="E19137" s="2" t="s">
        <v>59767</v>
      </c>
      <c r="F19137" s="2" t="s">
        <v>59763</v>
      </c>
      <c r="G19137" s="8">
        <v>988</v>
      </c>
      <c r="H19137" s="5">
        <v>5</v>
      </c>
      <c r="I19137" s="5" t="s">
        <v>69</v>
      </c>
      <c r="J19137" s="5" t="s">
        <v>55802</v>
      </c>
      <c r="K19137" s="2" t="s">
        <v>55803</v>
      </c>
      <c r="L19137" s="5" t="s">
        <v>55802</v>
      </c>
      <c r="M19137" s="2" t="s">
        <v>55803</v>
      </c>
      <c r="N19137" s="5" t="s">
        <v>733</v>
      </c>
      <c r="O19137" s="5" t="s">
        <v>38</v>
      </c>
      <c r="P19137" s="5" t="s">
        <v>39</v>
      </c>
      <c r="Q19137" s="5" t="s">
        <v>40</v>
      </c>
      <c r="R19137" s="5" t="s">
        <v>897</v>
      </c>
      <c r="S19137" s="5" t="s">
        <v>40</v>
      </c>
      <c r="T19137" s="5" t="s">
        <v>42</v>
      </c>
      <c r="U19137" s="2">
        <v>54.231999999999999</v>
      </c>
      <c r="V19137" s="2">
        <v>50.026000000000003</v>
      </c>
      <c r="W19137" s="2">
        <v>0.26100000000000001</v>
      </c>
      <c r="X19137" s="2">
        <v>17</v>
      </c>
      <c r="Y19137" s="2">
        <v>116.7</v>
      </c>
      <c r="Z19137" s="2">
        <v>131.6</v>
      </c>
      <c r="AA19137" s="5">
        <v>7</v>
      </c>
      <c r="AB19137" s="5" t="s">
        <v>43</v>
      </c>
      <c r="AC19137" s="5" t="s">
        <v>735</v>
      </c>
      <c r="AD19137" s="2" t="s">
        <v>59768</v>
      </c>
      <c r="AE19137" s="1"/>
    </row>
    <row r="19138" spans="1:31" ht="14.45">
      <c r="A19138" s="11"/>
      <c r="B19138" s="20"/>
      <c r="C19138" s="2" t="s">
        <v>59769</v>
      </c>
      <c r="D19138" s="14" t="s">
        <v>59770</v>
      </c>
      <c r="E19138" s="2" t="s">
        <v>59771</v>
      </c>
      <c r="F19138" s="2" t="s">
        <v>59763</v>
      </c>
      <c r="G19138" s="8">
        <v>988</v>
      </c>
      <c r="H19138" s="5">
        <v>5</v>
      </c>
      <c r="I19138" s="5" t="s">
        <v>69</v>
      </c>
      <c r="J19138" s="5" t="s">
        <v>55802</v>
      </c>
      <c r="K19138" s="2" t="s">
        <v>55803</v>
      </c>
      <c r="L19138" s="5" t="s">
        <v>55802</v>
      </c>
      <c r="M19138" s="2" t="s">
        <v>55803</v>
      </c>
      <c r="N19138" s="5" t="s">
        <v>733</v>
      </c>
      <c r="O19138" s="5" t="s">
        <v>38</v>
      </c>
      <c r="P19138" s="5" t="s">
        <v>39</v>
      </c>
      <c r="Q19138" s="5" t="s">
        <v>40</v>
      </c>
      <c r="R19138" s="5" t="s">
        <v>897</v>
      </c>
      <c r="S19138" s="5" t="s">
        <v>40</v>
      </c>
      <c r="T19138" s="5" t="s">
        <v>42</v>
      </c>
      <c r="U19138" s="2">
        <v>54.817</v>
      </c>
      <c r="V19138" s="2">
        <v>50.417999999999999</v>
      </c>
      <c r="W19138" s="2">
        <v>0.26100000000000001</v>
      </c>
      <c r="X19138" s="2">
        <v>17</v>
      </c>
      <c r="Y19138" s="2">
        <v>116.7</v>
      </c>
      <c r="Z19138" s="2">
        <v>131.6</v>
      </c>
      <c r="AA19138" s="5">
        <v>7</v>
      </c>
      <c r="AB19138" s="5" t="s">
        <v>43</v>
      </c>
      <c r="AC19138" s="5" t="s">
        <v>735</v>
      </c>
      <c r="AD19138" s="2" t="s">
        <v>59772</v>
      </c>
      <c r="AE19138" s="1"/>
    </row>
    <row r="19139" spans="1:31" ht="14.45">
      <c r="A19139" s="11"/>
      <c r="B19139" s="20"/>
      <c r="C19139" s="2" t="s">
        <v>59773</v>
      </c>
      <c r="D19139" s="14" t="s">
        <v>59774</v>
      </c>
      <c r="E19139" s="2" t="s">
        <v>59775</v>
      </c>
      <c r="F19139" s="2" t="s">
        <v>59763</v>
      </c>
      <c r="G19139" s="8">
        <v>1235</v>
      </c>
      <c r="H19139" s="5">
        <v>5</v>
      </c>
      <c r="I19139" s="5" t="s">
        <v>69</v>
      </c>
      <c r="J19139" s="5" t="s">
        <v>55802</v>
      </c>
      <c r="K19139" s="2" t="s">
        <v>55803</v>
      </c>
      <c r="L19139" s="5" t="s">
        <v>55802</v>
      </c>
      <c r="M19139" s="2" t="s">
        <v>55803</v>
      </c>
      <c r="N19139" s="5" t="s">
        <v>733</v>
      </c>
      <c r="O19139" s="5" t="s">
        <v>38</v>
      </c>
      <c r="P19139" s="5" t="s">
        <v>39</v>
      </c>
      <c r="Q19139" s="5" t="s">
        <v>40</v>
      </c>
      <c r="R19139" s="5" t="s">
        <v>897</v>
      </c>
      <c r="S19139" s="5" t="s">
        <v>40</v>
      </c>
      <c r="T19139" s="5" t="s">
        <v>42</v>
      </c>
      <c r="U19139" s="2">
        <v>54.654000000000003</v>
      </c>
      <c r="V19139" s="2">
        <v>50.530999999999999</v>
      </c>
      <c r="W19139" s="2">
        <v>0.26100000000000001</v>
      </c>
      <c r="X19139" s="2">
        <v>17</v>
      </c>
      <c r="Y19139" s="2">
        <v>116.7</v>
      </c>
      <c r="Z19139" s="2">
        <v>131.6</v>
      </c>
      <c r="AA19139" s="5">
        <v>7</v>
      </c>
      <c r="AB19139" s="5" t="s">
        <v>43</v>
      </c>
      <c r="AC19139" s="5" t="s">
        <v>735</v>
      </c>
      <c r="AD19139" s="2" t="s">
        <v>59776</v>
      </c>
      <c r="AE19139" s="1"/>
    </row>
    <row r="19140" spans="1:31" ht="14.45">
      <c r="A19140" s="11"/>
      <c r="B19140" s="20"/>
      <c r="C19140" s="2" t="s">
        <v>59777</v>
      </c>
      <c r="D19140" s="14" t="s">
        <v>59778</v>
      </c>
      <c r="E19140" s="2" t="s">
        <v>59779</v>
      </c>
      <c r="F19140" s="2" t="s">
        <v>59780</v>
      </c>
      <c r="G19140" s="8">
        <v>1149</v>
      </c>
      <c r="H19140" s="5">
        <v>15</v>
      </c>
      <c r="I19140" s="5" t="s">
        <v>69</v>
      </c>
      <c r="J19140" s="5" t="s">
        <v>55802</v>
      </c>
      <c r="K19140" s="2" t="s">
        <v>55803</v>
      </c>
      <c r="L19140" s="5" t="s">
        <v>55802</v>
      </c>
      <c r="M19140" s="2" t="s">
        <v>55803</v>
      </c>
      <c r="N19140" s="5" t="s">
        <v>733</v>
      </c>
      <c r="O19140" s="5" t="s">
        <v>38</v>
      </c>
      <c r="P19140" s="5" t="s">
        <v>39</v>
      </c>
      <c r="Q19140" s="5" t="s">
        <v>40</v>
      </c>
      <c r="R19140" s="5" t="s">
        <v>897</v>
      </c>
      <c r="S19140" s="5" t="s">
        <v>40</v>
      </c>
      <c r="T19140" s="5" t="s">
        <v>42</v>
      </c>
      <c r="U19140" s="2">
        <v>54.366999999999997</v>
      </c>
      <c r="V19140" s="2">
        <v>50.311</v>
      </c>
      <c r="W19140" s="2">
        <v>0.26100000000000001</v>
      </c>
      <c r="X19140" s="2">
        <v>17</v>
      </c>
      <c r="Y19140" s="2">
        <v>116.7</v>
      </c>
      <c r="Z19140" s="2">
        <v>131.6</v>
      </c>
      <c r="AA19140" s="5">
        <v>7</v>
      </c>
      <c r="AB19140" s="5" t="s">
        <v>43</v>
      </c>
      <c r="AC19140" s="5" t="s">
        <v>735</v>
      </c>
      <c r="AD19140" s="2" t="s">
        <v>59781</v>
      </c>
      <c r="AE19140" s="1"/>
    </row>
    <row r="19141" spans="1:31" ht="14.45">
      <c r="A19141" s="11"/>
      <c r="B19141" s="20"/>
      <c r="C19141" s="2" t="s">
        <v>59782</v>
      </c>
      <c r="D19141" s="14" t="s">
        <v>59783</v>
      </c>
      <c r="E19141" s="2" t="s">
        <v>59784</v>
      </c>
      <c r="F19141" s="2" t="s">
        <v>59785</v>
      </c>
      <c r="G19141" s="8">
        <v>983</v>
      </c>
      <c r="H19141" s="5">
        <v>5</v>
      </c>
      <c r="I19141" s="5" t="s">
        <v>69</v>
      </c>
      <c r="J19141" s="5" t="s">
        <v>55802</v>
      </c>
      <c r="K19141" s="2" t="s">
        <v>55803</v>
      </c>
      <c r="L19141" s="5" t="s">
        <v>55802</v>
      </c>
      <c r="M19141" s="2" t="s">
        <v>55803</v>
      </c>
      <c r="N19141" s="5" t="s">
        <v>733</v>
      </c>
      <c r="O19141" s="5" t="s">
        <v>38</v>
      </c>
      <c r="P19141" s="5" t="s">
        <v>39</v>
      </c>
      <c r="Q19141" s="5" t="s">
        <v>40</v>
      </c>
      <c r="R19141" s="5" t="s">
        <v>897</v>
      </c>
      <c r="S19141" s="5" t="s">
        <v>40</v>
      </c>
      <c r="T19141" s="5" t="s">
        <v>42</v>
      </c>
      <c r="U19141" s="2">
        <v>60.261000000000003</v>
      </c>
      <c r="V19141" s="2">
        <v>56.210999999999999</v>
      </c>
      <c r="W19141" s="2">
        <v>0.26100000000000001</v>
      </c>
      <c r="X19141" s="2">
        <v>17</v>
      </c>
      <c r="Y19141" s="2">
        <v>116.7</v>
      </c>
      <c r="Z19141" s="2">
        <v>131.6</v>
      </c>
      <c r="AA19141" s="5">
        <v>7</v>
      </c>
      <c r="AB19141" s="5" t="s">
        <v>43</v>
      </c>
      <c r="AC19141" s="5" t="s">
        <v>735</v>
      </c>
      <c r="AD19141" s="2" t="s">
        <v>59786</v>
      </c>
      <c r="AE19141" s="1"/>
    </row>
    <row r="19142" spans="1:31" ht="14.45">
      <c r="A19142" s="11"/>
      <c r="B19142" s="20"/>
      <c r="C19142" s="2" t="s">
        <v>59787</v>
      </c>
      <c r="D19142" s="14" t="s">
        <v>59788</v>
      </c>
      <c r="E19142" s="2" t="s">
        <v>59789</v>
      </c>
      <c r="F19142" s="2" t="s">
        <v>59785</v>
      </c>
      <c r="G19142" s="8">
        <v>1283</v>
      </c>
      <c r="H19142" s="5">
        <v>5</v>
      </c>
      <c r="I19142" s="5" t="s">
        <v>69</v>
      </c>
      <c r="J19142" s="5" t="s">
        <v>55802</v>
      </c>
      <c r="K19142" s="2" t="s">
        <v>55803</v>
      </c>
      <c r="L19142" s="5" t="s">
        <v>55802</v>
      </c>
      <c r="M19142" s="2" t="s">
        <v>55803</v>
      </c>
      <c r="N19142" s="5" t="s">
        <v>733</v>
      </c>
      <c r="O19142" s="5" t="s">
        <v>38</v>
      </c>
      <c r="P19142" s="5" t="s">
        <v>39</v>
      </c>
      <c r="Q19142" s="5" t="s">
        <v>40</v>
      </c>
      <c r="R19142" s="5" t="s">
        <v>897</v>
      </c>
      <c r="S19142" s="5" t="s">
        <v>40</v>
      </c>
      <c r="T19142" s="5" t="s">
        <v>42</v>
      </c>
      <c r="U19142" s="2">
        <v>62.161000000000001</v>
      </c>
      <c r="V19142" s="2">
        <v>57.963999999999999</v>
      </c>
      <c r="W19142" s="2">
        <v>0.26100000000000001</v>
      </c>
      <c r="X19142" s="2">
        <v>17</v>
      </c>
      <c r="Y19142" s="2">
        <v>116.7</v>
      </c>
      <c r="Z19142" s="2">
        <v>131.6</v>
      </c>
      <c r="AA19142" s="5">
        <v>7</v>
      </c>
      <c r="AB19142" s="5" t="s">
        <v>43</v>
      </c>
      <c r="AC19142" s="5" t="s">
        <v>735</v>
      </c>
      <c r="AD19142" s="2" t="s">
        <v>59790</v>
      </c>
      <c r="AE19142" s="1"/>
    </row>
    <row r="19143" spans="1:31" ht="14.45">
      <c r="A19143" s="11"/>
      <c r="B19143" s="20"/>
      <c r="C19143" s="2" t="s">
        <v>59791</v>
      </c>
      <c r="D19143" s="14" t="s">
        <v>59792</v>
      </c>
      <c r="E19143" s="2" t="s">
        <v>59793</v>
      </c>
      <c r="F19143" s="2" t="s">
        <v>59785</v>
      </c>
      <c r="G19143" s="8">
        <v>1283</v>
      </c>
      <c r="H19143" s="5">
        <v>10</v>
      </c>
      <c r="I19143" s="5" t="s">
        <v>69</v>
      </c>
      <c r="J19143" s="5" t="s">
        <v>55802</v>
      </c>
      <c r="K19143" s="2" t="s">
        <v>55803</v>
      </c>
      <c r="L19143" s="5" t="s">
        <v>55802</v>
      </c>
      <c r="M19143" s="2" t="s">
        <v>55803</v>
      </c>
      <c r="N19143" s="5" t="s">
        <v>733</v>
      </c>
      <c r="O19143" s="5" t="s">
        <v>38</v>
      </c>
      <c r="P19143" s="5" t="s">
        <v>39</v>
      </c>
      <c r="Q19143" s="5" t="s">
        <v>40</v>
      </c>
      <c r="R19143" s="5" t="s">
        <v>897</v>
      </c>
      <c r="S19143" s="5" t="s">
        <v>40</v>
      </c>
      <c r="T19143" s="5" t="s">
        <v>42</v>
      </c>
      <c r="U19143" s="2">
        <v>62.64</v>
      </c>
      <c r="V19143" s="2">
        <v>58.241999999999997</v>
      </c>
      <c r="W19143" s="2">
        <v>0.26100000000000001</v>
      </c>
      <c r="X19143" s="2">
        <v>17</v>
      </c>
      <c r="Y19143" s="2">
        <v>116.7</v>
      </c>
      <c r="Z19143" s="2">
        <v>131.6</v>
      </c>
      <c r="AA19143" s="5">
        <v>7</v>
      </c>
      <c r="AB19143" s="5" t="s">
        <v>43</v>
      </c>
      <c r="AC19143" s="5" t="s">
        <v>735</v>
      </c>
      <c r="AD19143" s="2" t="s">
        <v>59794</v>
      </c>
      <c r="AE19143" s="1"/>
    </row>
    <row r="19144" spans="1:31" ht="14.45">
      <c r="A19144" s="5"/>
      <c r="B19144" s="21"/>
      <c r="C19144" s="2" t="s">
        <v>59795</v>
      </c>
      <c r="D19144" s="14" t="s">
        <v>59796</v>
      </c>
      <c r="E19144" s="2" t="s">
        <v>59797</v>
      </c>
      <c r="F19144" s="2" t="s">
        <v>59798</v>
      </c>
      <c r="G19144" s="8">
        <v>1530</v>
      </c>
      <c r="H19144" s="5">
        <v>5</v>
      </c>
      <c r="I19144" s="5" t="s">
        <v>69</v>
      </c>
      <c r="J19144" s="5" t="s">
        <v>55802</v>
      </c>
      <c r="K19144" s="2" t="s">
        <v>55803</v>
      </c>
      <c r="L19144" s="5" t="s">
        <v>55802</v>
      </c>
      <c r="M19144" s="2" t="s">
        <v>55803</v>
      </c>
      <c r="N19144" s="5" t="s">
        <v>733</v>
      </c>
      <c r="O19144" s="5" t="s">
        <v>38</v>
      </c>
      <c r="P19144" s="5" t="s">
        <v>39</v>
      </c>
      <c r="Q19144" s="5" t="s">
        <v>40</v>
      </c>
      <c r="R19144" s="5" t="s">
        <v>897</v>
      </c>
      <c r="S19144" s="5" t="s">
        <v>40</v>
      </c>
      <c r="T19144" s="5" t="s">
        <v>42</v>
      </c>
      <c r="U19144" s="2">
        <v>62.534999999999997</v>
      </c>
      <c r="V19144" s="2">
        <v>58.420999999999999</v>
      </c>
      <c r="W19144" s="2">
        <v>0.26100000000000001</v>
      </c>
      <c r="X19144" s="2">
        <v>17</v>
      </c>
      <c r="Y19144" s="2">
        <v>116.7</v>
      </c>
      <c r="Z19144" s="2">
        <v>131.6</v>
      </c>
      <c r="AA19144" s="5">
        <v>7</v>
      </c>
      <c r="AB19144" s="5" t="s">
        <v>43</v>
      </c>
      <c r="AC19144" s="5" t="s">
        <v>735</v>
      </c>
      <c r="AD19144" s="2"/>
      <c r="AE19144" s="1"/>
    </row>
    <row r="19145" spans="1:31" ht="14.45">
      <c r="A19145" s="11"/>
      <c r="B19145" s="20"/>
      <c r="C19145" s="2" t="s">
        <v>59799</v>
      </c>
      <c r="D19145" s="14" t="s">
        <v>59800</v>
      </c>
      <c r="E19145" s="2" t="s">
        <v>59801</v>
      </c>
      <c r="F19145" s="2" t="s">
        <v>59802</v>
      </c>
      <c r="G19145" s="8">
        <v>1763</v>
      </c>
      <c r="H19145" s="5">
        <v>10</v>
      </c>
      <c r="I19145" s="5" t="s">
        <v>69</v>
      </c>
      <c r="J19145" s="5" t="s">
        <v>55802</v>
      </c>
      <c r="K19145" s="2" t="s">
        <v>55803</v>
      </c>
      <c r="L19145" s="5" t="s">
        <v>55802</v>
      </c>
      <c r="M19145" s="2" t="s">
        <v>55803</v>
      </c>
      <c r="N19145" s="5" t="s">
        <v>733</v>
      </c>
      <c r="O19145" s="5" t="s">
        <v>38</v>
      </c>
      <c r="P19145" s="5" t="s">
        <v>39</v>
      </c>
      <c r="Q19145" s="5" t="s">
        <v>40</v>
      </c>
      <c r="R19145" s="5" t="s">
        <v>897</v>
      </c>
      <c r="S19145" s="5" t="s">
        <v>40</v>
      </c>
      <c r="T19145" s="5" t="s">
        <v>42</v>
      </c>
      <c r="U19145" s="2">
        <v>76.239000000000004</v>
      </c>
      <c r="V19145" s="2">
        <v>72.164000000000001</v>
      </c>
      <c r="W19145" s="2">
        <v>0.26100000000000001</v>
      </c>
      <c r="X19145" s="2">
        <v>17</v>
      </c>
      <c r="Y19145" s="2">
        <v>116.7</v>
      </c>
      <c r="Z19145" s="2">
        <v>131.6</v>
      </c>
      <c r="AA19145" s="5">
        <v>7</v>
      </c>
      <c r="AB19145" s="5" t="s">
        <v>43</v>
      </c>
      <c r="AC19145" s="5" t="s">
        <v>735</v>
      </c>
      <c r="AD19145" s="2" t="s">
        <v>59803</v>
      </c>
      <c r="AE19145" s="1"/>
    </row>
    <row r="19146" spans="1:31" ht="14.45">
      <c r="A19146" s="11"/>
      <c r="B19146" s="20"/>
      <c r="C19146" s="2" t="s">
        <v>59804</v>
      </c>
      <c r="D19146" s="14" t="s">
        <v>59805</v>
      </c>
      <c r="E19146" s="2" t="s">
        <v>59806</v>
      </c>
      <c r="F19146" s="2" t="s">
        <v>59807</v>
      </c>
      <c r="G19146" s="8">
        <v>2063</v>
      </c>
      <c r="H19146" s="5">
        <v>10</v>
      </c>
      <c r="I19146" s="5" t="s">
        <v>69</v>
      </c>
      <c r="J19146" s="5" t="s">
        <v>55802</v>
      </c>
      <c r="K19146" s="2" t="s">
        <v>55803</v>
      </c>
      <c r="L19146" s="5" t="s">
        <v>55802</v>
      </c>
      <c r="M19146" s="2" t="s">
        <v>55803</v>
      </c>
      <c r="N19146" s="5" t="s">
        <v>733</v>
      </c>
      <c r="O19146" s="5" t="s">
        <v>38</v>
      </c>
      <c r="P19146" s="5" t="s">
        <v>39</v>
      </c>
      <c r="Q19146" s="5" t="s">
        <v>40</v>
      </c>
      <c r="R19146" s="5" t="s">
        <v>897</v>
      </c>
      <c r="S19146" s="5" t="s">
        <v>40</v>
      </c>
      <c r="T19146" s="5" t="s">
        <v>42</v>
      </c>
      <c r="U19146" s="2">
        <v>75.944000000000003</v>
      </c>
      <c r="V19146" s="2">
        <v>71.747</v>
      </c>
      <c r="W19146" s="2">
        <v>0.26100000000000001</v>
      </c>
      <c r="X19146" s="2">
        <v>17</v>
      </c>
      <c r="Y19146" s="2">
        <v>116.7</v>
      </c>
      <c r="Z19146" s="2">
        <v>131.6</v>
      </c>
      <c r="AA19146" s="5">
        <v>7</v>
      </c>
      <c r="AB19146" s="5" t="s">
        <v>43</v>
      </c>
      <c r="AC19146" s="5" t="s">
        <v>735</v>
      </c>
      <c r="AD19146" s="2" t="s">
        <v>59808</v>
      </c>
      <c r="AE19146" s="1"/>
    </row>
    <row r="19147" spans="1:31" ht="14.45">
      <c r="A19147" s="11"/>
      <c r="B19147" s="20"/>
      <c r="C19147" s="2" t="s">
        <v>59809</v>
      </c>
      <c r="D19147" s="14" t="s">
        <v>59810</v>
      </c>
      <c r="E19147" s="2" t="s">
        <v>59811</v>
      </c>
      <c r="F19147" s="2" t="s">
        <v>59812</v>
      </c>
      <c r="G19147" s="8">
        <v>1572</v>
      </c>
      <c r="H19147" s="5">
        <v>10</v>
      </c>
      <c r="I19147" s="5" t="s">
        <v>69</v>
      </c>
      <c r="J19147" s="5" t="s">
        <v>55802</v>
      </c>
      <c r="K19147" s="2" t="s">
        <v>55803</v>
      </c>
      <c r="L19147" s="5" t="s">
        <v>55802</v>
      </c>
      <c r="M19147" s="2" t="s">
        <v>55803</v>
      </c>
      <c r="N19147" s="5" t="s">
        <v>733</v>
      </c>
      <c r="O19147" s="5" t="s">
        <v>38</v>
      </c>
      <c r="P19147" s="5" t="s">
        <v>39</v>
      </c>
      <c r="Q19147" s="5" t="s">
        <v>40</v>
      </c>
      <c r="R19147" s="5" t="s">
        <v>897</v>
      </c>
      <c r="S19147" s="5" t="s">
        <v>40</v>
      </c>
      <c r="T19147" s="5" t="s">
        <v>42</v>
      </c>
      <c r="U19147" s="2">
        <v>66.052999999999997</v>
      </c>
      <c r="V19147" s="2">
        <v>61.970999999999997</v>
      </c>
      <c r="W19147" s="2">
        <v>0.26100000000000001</v>
      </c>
      <c r="X19147" s="2">
        <v>17</v>
      </c>
      <c r="Y19147" s="2">
        <v>116.7</v>
      </c>
      <c r="Z19147" s="2">
        <v>131.6</v>
      </c>
      <c r="AA19147" s="5">
        <v>7</v>
      </c>
      <c r="AB19147" s="5" t="s">
        <v>43</v>
      </c>
      <c r="AC19147" s="5" t="s">
        <v>735</v>
      </c>
      <c r="AD19147" s="2" t="s">
        <v>59813</v>
      </c>
      <c r="AE19147" s="1"/>
    </row>
    <row r="19148" spans="1:31" ht="14.45">
      <c r="A19148" s="11"/>
      <c r="B19148" s="20"/>
      <c r="C19148" s="2" t="s">
        <v>59814</v>
      </c>
      <c r="D19148" s="14" t="s">
        <v>59815</v>
      </c>
      <c r="E19148" s="2" t="s">
        <v>59816</v>
      </c>
      <c r="F19148" s="2" t="s">
        <v>59817</v>
      </c>
      <c r="G19148" s="8">
        <v>1872</v>
      </c>
      <c r="H19148" s="5">
        <v>10</v>
      </c>
      <c r="I19148" s="5" t="s">
        <v>69</v>
      </c>
      <c r="J19148" s="5" t="s">
        <v>55802</v>
      </c>
      <c r="K19148" s="2" t="s">
        <v>55803</v>
      </c>
      <c r="L19148" s="5" t="s">
        <v>55802</v>
      </c>
      <c r="M19148" s="2" t="s">
        <v>55803</v>
      </c>
      <c r="N19148" s="5" t="s">
        <v>733</v>
      </c>
      <c r="O19148" s="5" t="s">
        <v>38</v>
      </c>
      <c r="P19148" s="5" t="s">
        <v>39</v>
      </c>
      <c r="Q19148" s="5" t="s">
        <v>40</v>
      </c>
      <c r="R19148" s="5" t="s">
        <v>897</v>
      </c>
      <c r="S19148" s="5" t="s">
        <v>40</v>
      </c>
      <c r="T19148" s="5" t="s">
        <v>42</v>
      </c>
      <c r="U19148" s="2">
        <v>65.926000000000002</v>
      </c>
      <c r="V19148" s="2">
        <v>61.728999999999999</v>
      </c>
      <c r="W19148" s="2">
        <v>0.26100000000000001</v>
      </c>
      <c r="X19148" s="2">
        <v>17</v>
      </c>
      <c r="Y19148" s="2">
        <v>116.7</v>
      </c>
      <c r="Z19148" s="2">
        <v>131.6</v>
      </c>
      <c r="AA19148" s="5">
        <v>7</v>
      </c>
      <c r="AB19148" s="5" t="s">
        <v>43</v>
      </c>
      <c r="AC19148" s="5" t="s">
        <v>735</v>
      </c>
      <c r="AD19148" s="2" t="s">
        <v>59818</v>
      </c>
      <c r="AE19148" s="1"/>
    </row>
    <row r="19149" spans="1:31" ht="14.45">
      <c r="A19149" s="11"/>
      <c r="B19149" s="20"/>
      <c r="C19149" s="2" t="s">
        <v>59819</v>
      </c>
      <c r="D19149" s="14" t="s">
        <v>59820</v>
      </c>
      <c r="E19149" s="2" t="s">
        <v>59821</v>
      </c>
      <c r="F19149" s="2" t="s">
        <v>59817</v>
      </c>
      <c r="G19149" s="8">
        <v>1872</v>
      </c>
      <c r="H19149" s="5">
        <v>10</v>
      </c>
      <c r="I19149" s="5" t="s">
        <v>69</v>
      </c>
      <c r="J19149" s="5" t="s">
        <v>55802</v>
      </c>
      <c r="K19149" s="2" t="s">
        <v>55803</v>
      </c>
      <c r="L19149" s="5" t="s">
        <v>55802</v>
      </c>
      <c r="M19149" s="2" t="s">
        <v>55803</v>
      </c>
      <c r="N19149" s="5" t="s">
        <v>733</v>
      </c>
      <c r="O19149" s="5" t="s">
        <v>38</v>
      </c>
      <c r="P19149" s="5" t="s">
        <v>39</v>
      </c>
      <c r="Q19149" s="5" t="s">
        <v>40</v>
      </c>
      <c r="R19149" s="5" t="s">
        <v>897</v>
      </c>
      <c r="S19149" s="5" t="s">
        <v>40</v>
      </c>
      <c r="T19149" s="5" t="s">
        <v>42</v>
      </c>
      <c r="U19149" s="2">
        <v>66.438000000000002</v>
      </c>
      <c r="V19149" s="2">
        <v>62.04</v>
      </c>
      <c r="W19149" s="2">
        <v>0.26100000000000001</v>
      </c>
      <c r="X19149" s="2">
        <v>17</v>
      </c>
      <c r="Y19149" s="2">
        <v>116.7</v>
      </c>
      <c r="Z19149" s="2">
        <v>131.6</v>
      </c>
      <c r="AA19149" s="5">
        <v>7</v>
      </c>
      <c r="AB19149" s="5" t="s">
        <v>43</v>
      </c>
      <c r="AC19149" s="5" t="s">
        <v>735</v>
      </c>
      <c r="AD19149" s="2" t="s">
        <v>59822</v>
      </c>
      <c r="AE19149" s="1"/>
    </row>
    <row r="19150" spans="1:31" ht="14.45">
      <c r="A19150" s="11"/>
      <c r="B19150" s="20"/>
      <c r="C19150" s="2" t="s">
        <v>59823</v>
      </c>
      <c r="D19150" s="14" t="s">
        <v>59824</v>
      </c>
      <c r="E19150" s="2" t="s">
        <v>59825</v>
      </c>
      <c r="F19150" s="2" t="s">
        <v>59826</v>
      </c>
      <c r="G19150" s="8">
        <v>1451</v>
      </c>
      <c r="H19150" s="5">
        <v>5</v>
      </c>
      <c r="I19150" s="5" t="s">
        <v>69</v>
      </c>
      <c r="J19150" s="5" t="s">
        <v>55802</v>
      </c>
      <c r="K19150" s="2" t="s">
        <v>55803</v>
      </c>
      <c r="L19150" s="5" t="s">
        <v>55802</v>
      </c>
      <c r="M19150" s="2" t="s">
        <v>55803</v>
      </c>
      <c r="N19150" s="5" t="s">
        <v>733</v>
      </c>
      <c r="O19150" s="5" t="s">
        <v>38</v>
      </c>
      <c r="P19150" s="5" t="s">
        <v>39</v>
      </c>
      <c r="Q19150" s="5" t="s">
        <v>40</v>
      </c>
      <c r="R19150" s="5" t="s">
        <v>897</v>
      </c>
      <c r="S19150" s="5" t="s">
        <v>40</v>
      </c>
      <c r="T19150" s="5" t="s">
        <v>42</v>
      </c>
      <c r="U19150" s="2">
        <v>66.001999999999995</v>
      </c>
      <c r="V19150" s="2">
        <v>61.92</v>
      </c>
      <c r="W19150" s="2">
        <v>0.26100000000000001</v>
      </c>
      <c r="X19150" s="2">
        <v>17</v>
      </c>
      <c r="Y19150" s="2">
        <v>116.7</v>
      </c>
      <c r="Z19150" s="2">
        <v>131.6</v>
      </c>
      <c r="AA19150" s="5">
        <v>7</v>
      </c>
      <c r="AB19150" s="5" t="s">
        <v>43</v>
      </c>
      <c r="AC19150" s="5" t="s">
        <v>735</v>
      </c>
      <c r="AD19150" s="2" t="s">
        <v>59827</v>
      </c>
      <c r="AE19150" s="1"/>
    </row>
    <row r="19151" spans="1:31" ht="14.45">
      <c r="A19151" s="11"/>
      <c r="B19151" s="20"/>
      <c r="C19151" s="2" t="s">
        <v>59828</v>
      </c>
      <c r="D19151" s="14" t="s">
        <v>59829</v>
      </c>
      <c r="E19151" s="2" t="s">
        <v>59830</v>
      </c>
      <c r="F19151" s="2" t="s">
        <v>59826</v>
      </c>
      <c r="G19151" s="8">
        <v>1751</v>
      </c>
      <c r="H19151" s="5">
        <v>5</v>
      </c>
      <c r="I19151" s="5" t="s">
        <v>69</v>
      </c>
      <c r="J19151" s="5" t="s">
        <v>55802</v>
      </c>
      <c r="K19151" s="2" t="s">
        <v>55803</v>
      </c>
      <c r="L19151" s="5" t="s">
        <v>55802</v>
      </c>
      <c r="M19151" s="2" t="s">
        <v>55803</v>
      </c>
      <c r="N19151" s="5" t="s">
        <v>733</v>
      </c>
      <c r="O19151" s="5" t="s">
        <v>38</v>
      </c>
      <c r="P19151" s="5" t="s">
        <v>39</v>
      </c>
      <c r="Q19151" s="5" t="s">
        <v>40</v>
      </c>
      <c r="R19151" s="5" t="s">
        <v>897</v>
      </c>
      <c r="S19151" s="5" t="s">
        <v>40</v>
      </c>
      <c r="T19151" s="5" t="s">
        <v>42</v>
      </c>
      <c r="U19151" s="2">
        <v>65.875</v>
      </c>
      <c r="V19151" s="2">
        <v>61.677999999999997</v>
      </c>
      <c r="W19151" s="2">
        <v>0.26100000000000001</v>
      </c>
      <c r="X19151" s="2">
        <v>17</v>
      </c>
      <c r="Y19151" s="2">
        <v>116.7</v>
      </c>
      <c r="Z19151" s="2">
        <v>131.6</v>
      </c>
      <c r="AA19151" s="5">
        <v>7</v>
      </c>
      <c r="AB19151" s="5" t="s">
        <v>43</v>
      </c>
      <c r="AC19151" s="5" t="s">
        <v>735</v>
      </c>
      <c r="AD19151" s="2" t="s">
        <v>59831</v>
      </c>
      <c r="AE19151" s="1"/>
    </row>
    <row r="19152" spans="1:31" ht="14.45">
      <c r="A19152" s="11"/>
      <c r="B19152" s="20"/>
      <c r="C19152" s="2" t="s">
        <v>59832</v>
      </c>
      <c r="D19152" s="14" t="s">
        <v>59833</v>
      </c>
      <c r="E19152" s="2" t="s">
        <v>59834</v>
      </c>
      <c r="F19152" s="2" t="s">
        <v>59826</v>
      </c>
      <c r="G19152" s="8">
        <v>1751</v>
      </c>
      <c r="H19152" s="5">
        <v>5</v>
      </c>
      <c r="I19152" s="5" t="s">
        <v>69</v>
      </c>
      <c r="J19152" s="5" t="s">
        <v>55802</v>
      </c>
      <c r="K19152" s="2" t="s">
        <v>55803</v>
      </c>
      <c r="L19152" s="5" t="s">
        <v>55802</v>
      </c>
      <c r="M19152" s="2" t="s">
        <v>55803</v>
      </c>
      <c r="N19152" s="5" t="s">
        <v>733</v>
      </c>
      <c r="O19152" s="5" t="s">
        <v>38</v>
      </c>
      <c r="P19152" s="5" t="s">
        <v>39</v>
      </c>
      <c r="Q19152" s="5" t="s">
        <v>40</v>
      </c>
      <c r="R19152" s="5" t="s">
        <v>897</v>
      </c>
      <c r="S19152" s="5" t="s">
        <v>40</v>
      </c>
      <c r="T19152" s="5" t="s">
        <v>42</v>
      </c>
      <c r="U19152" s="2">
        <v>66.387</v>
      </c>
      <c r="V19152" s="2">
        <v>61.988999999999997</v>
      </c>
      <c r="W19152" s="2">
        <v>0.26100000000000001</v>
      </c>
      <c r="X19152" s="2">
        <v>17</v>
      </c>
      <c r="Y19152" s="2">
        <v>116.7</v>
      </c>
      <c r="Z19152" s="2">
        <v>131.6</v>
      </c>
      <c r="AA19152" s="5">
        <v>7</v>
      </c>
      <c r="AB19152" s="5" t="s">
        <v>43</v>
      </c>
      <c r="AC19152" s="5" t="s">
        <v>735</v>
      </c>
      <c r="AD19152" s="2" t="s">
        <v>59835</v>
      </c>
      <c r="AE19152" s="1"/>
    </row>
    <row r="19153" spans="1:31" ht="14.45">
      <c r="A19153" s="11"/>
      <c r="B19153" s="20"/>
      <c r="C19153" s="2" t="s">
        <v>59836</v>
      </c>
      <c r="D19153" s="14" t="s">
        <v>59837</v>
      </c>
      <c r="E19153" s="2" t="s">
        <v>59838</v>
      </c>
      <c r="F19153" s="2" t="s">
        <v>59839</v>
      </c>
      <c r="G19153" s="8">
        <v>1572</v>
      </c>
      <c r="H19153" s="5">
        <v>10</v>
      </c>
      <c r="I19153" s="5" t="s">
        <v>69</v>
      </c>
      <c r="J19153" s="5" t="s">
        <v>55802</v>
      </c>
      <c r="K19153" s="2" t="s">
        <v>55803</v>
      </c>
      <c r="L19153" s="5" t="s">
        <v>55802</v>
      </c>
      <c r="M19153" s="2" t="s">
        <v>55803</v>
      </c>
      <c r="N19153" s="5" t="s">
        <v>733</v>
      </c>
      <c r="O19153" s="5" t="s">
        <v>38</v>
      </c>
      <c r="P19153" s="5" t="s">
        <v>39</v>
      </c>
      <c r="Q19153" s="5" t="s">
        <v>40</v>
      </c>
      <c r="R19153" s="5" t="s">
        <v>897</v>
      </c>
      <c r="S19153" s="5" t="s">
        <v>40</v>
      </c>
      <c r="T19153" s="5" t="s">
        <v>42</v>
      </c>
      <c r="U19153" s="2">
        <v>65.037999999999997</v>
      </c>
      <c r="V19153" s="2">
        <v>60.956000000000003</v>
      </c>
      <c r="W19153" s="2">
        <v>0.26100000000000001</v>
      </c>
      <c r="X19153" s="2">
        <v>17</v>
      </c>
      <c r="Y19153" s="2">
        <v>116.7</v>
      </c>
      <c r="Z19153" s="2">
        <v>131.6</v>
      </c>
      <c r="AA19153" s="5">
        <v>7</v>
      </c>
      <c r="AB19153" s="5" t="s">
        <v>43</v>
      </c>
      <c r="AC19153" s="5" t="s">
        <v>735</v>
      </c>
      <c r="AD19153" s="2" t="s">
        <v>59840</v>
      </c>
      <c r="AE19153" s="1"/>
    </row>
    <row r="19154" spans="1:31" ht="14.45">
      <c r="A19154" s="11"/>
      <c r="B19154" s="20"/>
      <c r="C19154" s="2" t="s">
        <v>59841</v>
      </c>
      <c r="D19154" s="14" t="s">
        <v>59842</v>
      </c>
      <c r="E19154" s="2" t="s">
        <v>59843</v>
      </c>
      <c r="F19154" s="2" t="s">
        <v>59844</v>
      </c>
      <c r="G19154" s="8">
        <v>1872</v>
      </c>
      <c r="H19154" s="5">
        <v>10</v>
      </c>
      <c r="I19154" s="5" t="s">
        <v>69</v>
      </c>
      <c r="J19154" s="5" t="s">
        <v>55802</v>
      </c>
      <c r="K19154" s="2" t="s">
        <v>55803</v>
      </c>
      <c r="L19154" s="5" t="s">
        <v>55802</v>
      </c>
      <c r="M19154" s="2" t="s">
        <v>55803</v>
      </c>
      <c r="N19154" s="5" t="s">
        <v>733</v>
      </c>
      <c r="O19154" s="5" t="s">
        <v>38</v>
      </c>
      <c r="P19154" s="5" t="s">
        <v>39</v>
      </c>
      <c r="Q19154" s="5" t="s">
        <v>40</v>
      </c>
      <c r="R19154" s="5" t="s">
        <v>897</v>
      </c>
      <c r="S19154" s="5" t="s">
        <v>40</v>
      </c>
      <c r="T19154" s="5" t="s">
        <v>42</v>
      </c>
      <c r="U19154" s="2">
        <v>64.911000000000001</v>
      </c>
      <c r="V19154" s="2">
        <v>60.713999999999999</v>
      </c>
      <c r="W19154" s="2">
        <v>0.26100000000000001</v>
      </c>
      <c r="X19154" s="2">
        <v>17</v>
      </c>
      <c r="Y19154" s="2">
        <v>116.7</v>
      </c>
      <c r="Z19154" s="2">
        <v>131.6</v>
      </c>
      <c r="AA19154" s="5">
        <v>7</v>
      </c>
      <c r="AB19154" s="5" t="s">
        <v>43</v>
      </c>
      <c r="AC19154" s="5" t="s">
        <v>735</v>
      </c>
      <c r="AD19154" s="2" t="s">
        <v>59845</v>
      </c>
      <c r="AE19154" s="1"/>
    </row>
    <row r="19155" spans="1:31" ht="14.45">
      <c r="A19155" s="11"/>
      <c r="B19155" s="20"/>
      <c r="C19155" s="2" t="s">
        <v>59846</v>
      </c>
      <c r="D19155" s="14" t="s">
        <v>59847</v>
      </c>
      <c r="E19155" s="2" t="s">
        <v>59848</v>
      </c>
      <c r="F19155" s="2" t="s">
        <v>59844</v>
      </c>
      <c r="G19155" s="8">
        <v>1872</v>
      </c>
      <c r="H19155" s="5">
        <v>10</v>
      </c>
      <c r="I19155" s="5" t="s">
        <v>69</v>
      </c>
      <c r="J19155" s="5" t="s">
        <v>55802</v>
      </c>
      <c r="K19155" s="2" t="s">
        <v>55803</v>
      </c>
      <c r="L19155" s="5" t="s">
        <v>55802</v>
      </c>
      <c r="M19155" s="2" t="s">
        <v>55803</v>
      </c>
      <c r="N19155" s="5" t="s">
        <v>733</v>
      </c>
      <c r="O19155" s="5" t="s">
        <v>38</v>
      </c>
      <c r="P19155" s="5" t="s">
        <v>39</v>
      </c>
      <c r="Q19155" s="5" t="s">
        <v>40</v>
      </c>
      <c r="R19155" s="5" t="s">
        <v>897</v>
      </c>
      <c r="S19155" s="5" t="s">
        <v>40</v>
      </c>
      <c r="T19155" s="5" t="s">
        <v>42</v>
      </c>
      <c r="U19155" s="2">
        <v>65.423000000000002</v>
      </c>
      <c r="V19155" s="2">
        <v>61.024999999999999</v>
      </c>
      <c r="W19155" s="2">
        <v>0.26100000000000001</v>
      </c>
      <c r="X19155" s="2">
        <v>17</v>
      </c>
      <c r="Y19155" s="2">
        <v>116.7</v>
      </c>
      <c r="Z19155" s="2">
        <v>131.6</v>
      </c>
      <c r="AA19155" s="5">
        <v>7</v>
      </c>
      <c r="AB19155" s="5" t="s">
        <v>43</v>
      </c>
      <c r="AC19155" s="5" t="s">
        <v>735</v>
      </c>
      <c r="AD19155" s="2" t="s">
        <v>59849</v>
      </c>
      <c r="AE19155" s="1"/>
    </row>
    <row r="19156" spans="1:31" ht="14.45">
      <c r="A19156" s="11"/>
      <c r="B19156" s="20"/>
      <c r="C19156" s="2" t="s">
        <v>59850</v>
      </c>
      <c r="D19156" s="14" t="s">
        <v>59851</v>
      </c>
      <c r="E19156" s="2" t="s">
        <v>59852</v>
      </c>
      <c r="F19156" s="2" t="s">
        <v>59853</v>
      </c>
      <c r="G19156" s="8">
        <v>2140</v>
      </c>
      <c r="H19156" s="5">
        <v>10</v>
      </c>
      <c r="I19156" s="5" t="s">
        <v>69</v>
      </c>
      <c r="J19156" s="5" t="s">
        <v>55802</v>
      </c>
      <c r="K19156" s="2" t="s">
        <v>55803</v>
      </c>
      <c r="L19156" s="5" t="s">
        <v>55802</v>
      </c>
      <c r="M19156" s="2" t="s">
        <v>55803</v>
      </c>
      <c r="N19156" s="5" t="s">
        <v>733</v>
      </c>
      <c r="O19156" s="5" t="s">
        <v>38</v>
      </c>
      <c r="P19156" s="5" t="s">
        <v>39</v>
      </c>
      <c r="Q19156" s="5" t="s">
        <v>40</v>
      </c>
      <c r="R19156" s="5" t="s">
        <v>1487</v>
      </c>
      <c r="S19156" s="5"/>
      <c r="T19156" s="5" t="s">
        <v>42</v>
      </c>
      <c r="U19156" s="2">
        <v>0</v>
      </c>
      <c r="V19156" s="2">
        <v>0</v>
      </c>
      <c r="W19156" s="2">
        <v>0</v>
      </c>
      <c r="X19156" s="2">
        <v>0</v>
      </c>
      <c r="Y19156" s="2">
        <v>0</v>
      </c>
      <c r="Z19156" s="2">
        <v>0</v>
      </c>
      <c r="AA19156" s="5"/>
      <c r="AB19156" s="5" t="s">
        <v>43</v>
      </c>
      <c r="AC19156" s="5" t="s">
        <v>735</v>
      </c>
      <c r="AD19156" s="2" t="s">
        <v>59854</v>
      </c>
      <c r="AE19156" s="1"/>
    </row>
    <row r="19157" spans="1:31" ht="14.45">
      <c r="A19157" s="11"/>
      <c r="B19157" s="20"/>
      <c r="C19157" s="2" t="s">
        <v>59855</v>
      </c>
      <c r="D19157" s="14" t="s">
        <v>59856</v>
      </c>
      <c r="E19157" s="2" t="s">
        <v>59857</v>
      </c>
      <c r="F19157" s="2" t="s">
        <v>59858</v>
      </c>
      <c r="G19157" s="8">
        <v>1724</v>
      </c>
      <c r="H19157" s="5">
        <v>5</v>
      </c>
      <c r="I19157" s="5" t="s">
        <v>69</v>
      </c>
      <c r="J19157" s="5" t="s">
        <v>55802</v>
      </c>
      <c r="K19157" s="2" t="s">
        <v>55803</v>
      </c>
      <c r="L19157" s="5" t="s">
        <v>55802</v>
      </c>
      <c r="M19157" s="2" t="s">
        <v>55803</v>
      </c>
      <c r="N19157" s="5" t="s">
        <v>733</v>
      </c>
      <c r="O19157" s="5" t="s">
        <v>38</v>
      </c>
      <c r="P19157" s="5" t="s">
        <v>39</v>
      </c>
      <c r="Q19157" s="5" t="s">
        <v>40</v>
      </c>
      <c r="R19157" s="5" t="s">
        <v>1487</v>
      </c>
      <c r="S19157" s="5"/>
      <c r="T19157" s="5" t="s">
        <v>42</v>
      </c>
      <c r="U19157" s="2">
        <v>0</v>
      </c>
      <c r="V19157" s="2">
        <v>0</v>
      </c>
      <c r="W19157" s="2">
        <v>0</v>
      </c>
      <c r="X19157" s="2">
        <v>0</v>
      </c>
      <c r="Y19157" s="2">
        <v>0</v>
      </c>
      <c r="Z19157" s="2">
        <v>0</v>
      </c>
      <c r="AA19157" s="5"/>
      <c r="AB19157" s="5" t="s">
        <v>43</v>
      </c>
      <c r="AC19157" s="5" t="s">
        <v>735</v>
      </c>
      <c r="AD19157" s="2" t="s">
        <v>59859</v>
      </c>
      <c r="AE19157" s="1"/>
    </row>
    <row r="19158" spans="1:31" ht="14.45">
      <c r="A19158" s="11"/>
      <c r="B19158" s="20"/>
      <c r="C19158" s="2" t="s">
        <v>59860</v>
      </c>
      <c r="D19158" s="14" t="s">
        <v>59861</v>
      </c>
      <c r="E19158" s="2" t="s">
        <v>59862</v>
      </c>
      <c r="F19158" s="2" t="s">
        <v>59863</v>
      </c>
      <c r="G19158" s="8">
        <v>2140</v>
      </c>
      <c r="H19158" s="5">
        <v>10</v>
      </c>
      <c r="I19158" s="5" t="s">
        <v>69</v>
      </c>
      <c r="J19158" s="5" t="s">
        <v>55802</v>
      </c>
      <c r="K19158" s="2" t="s">
        <v>55803</v>
      </c>
      <c r="L19158" s="5" t="s">
        <v>55802</v>
      </c>
      <c r="M19158" s="2" t="s">
        <v>55803</v>
      </c>
      <c r="N19158" s="5" t="s">
        <v>733</v>
      </c>
      <c r="O19158" s="5" t="s">
        <v>38</v>
      </c>
      <c r="P19158" s="5" t="s">
        <v>39</v>
      </c>
      <c r="Q19158" s="5" t="s">
        <v>40</v>
      </c>
      <c r="R19158" s="5" t="s">
        <v>1487</v>
      </c>
      <c r="S19158" s="5"/>
      <c r="T19158" s="5" t="s">
        <v>42</v>
      </c>
      <c r="U19158" s="2">
        <v>0</v>
      </c>
      <c r="V19158" s="2">
        <v>0</v>
      </c>
      <c r="W19158" s="2">
        <v>0</v>
      </c>
      <c r="X19158" s="2">
        <v>0</v>
      </c>
      <c r="Y19158" s="2">
        <v>0</v>
      </c>
      <c r="Z19158" s="2">
        <v>0</v>
      </c>
      <c r="AA19158" s="5"/>
      <c r="AB19158" s="5" t="s">
        <v>43</v>
      </c>
      <c r="AC19158" s="5" t="s">
        <v>735</v>
      </c>
      <c r="AD19158" s="2" t="s">
        <v>59864</v>
      </c>
      <c r="AE19158" s="1"/>
    </row>
    <row r="19159" spans="1:31" ht="14.45">
      <c r="A19159" s="11"/>
      <c r="B19159" s="20"/>
      <c r="C19159" s="2" t="s">
        <v>59865</v>
      </c>
      <c r="D19159" s="14" t="s">
        <v>59866</v>
      </c>
      <c r="E19159" s="2" t="s">
        <v>59867</v>
      </c>
      <c r="F19159" s="2" t="s">
        <v>59868</v>
      </c>
      <c r="G19159" s="8">
        <v>1724</v>
      </c>
      <c r="H19159" s="5">
        <v>5</v>
      </c>
      <c r="I19159" s="5" t="s">
        <v>69</v>
      </c>
      <c r="J19159" s="5" t="s">
        <v>55802</v>
      </c>
      <c r="K19159" s="2" t="s">
        <v>55803</v>
      </c>
      <c r="L19159" s="5" t="s">
        <v>55802</v>
      </c>
      <c r="M19159" s="2" t="s">
        <v>55803</v>
      </c>
      <c r="N19159" s="5" t="s">
        <v>733</v>
      </c>
      <c r="O19159" s="5" t="s">
        <v>38</v>
      </c>
      <c r="P19159" s="5" t="s">
        <v>39</v>
      </c>
      <c r="Q19159" s="5" t="s">
        <v>40</v>
      </c>
      <c r="R19159" s="5" t="s">
        <v>1487</v>
      </c>
      <c r="S19159" s="5"/>
      <c r="T19159" s="5" t="s">
        <v>42</v>
      </c>
      <c r="U19159" s="2">
        <v>0</v>
      </c>
      <c r="V19159" s="2">
        <v>0</v>
      </c>
      <c r="W19159" s="2">
        <v>0</v>
      </c>
      <c r="X19159" s="2">
        <v>0</v>
      </c>
      <c r="Y19159" s="2">
        <v>0</v>
      </c>
      <c r="Z19159" s="2">
        <v>0</v>
      </c>
      <c r="AA19159" s="5"/>
      <c r="AB19159" s="5" t="s">
        <v>43</v>
      </c>
      <c r="AC19159" s="5" t="s">
        <v>735</v>
      </c>
      <c r="AD19159" s="2" t="s">
        <v>59869</v>
      </c>
      <c r="AE19159" s="1"/>
    </row>
    <row r="19160" spans="1:31" ht="14.45">
      <c r="A19160" s="11"/>
      <c r="B19160" s="20"/>
      <c r="C19160" s="2" t="s">
        <v>59870</v>
      </c>
      <c r="D19160" s="14" t="s">
        <v>59871</v>
      </c>
      <c r="E19160" s="2" t="s">
        <v>59872</v>
      </c>
      <c r="F19160" s="2" t="s">
        <v>59873</v>
      </c>
      <c r="G19160" s="8">
        <v>1464</v>
      </c>
      <c r="H19160" s="5">
        <v>10</v>
      </c>
      <c r="I19160" s="5" t="s">
        <v>69</v>
      </c>
      <c r="J19160" s="5" t="s">
        <v>55802</v>
      </c>
      <c r="K19160" s="2" t="s">
        <v>55803</v>
      </c>
      <c r="L19160" s="5" t="s">
        <v>55802</v>
      </c>
      <c r="M19160" s="2" t="s">
        <v>55803</v>
      </c>
      <c r="N19160" s="5" t="s">
        <v>733</v>
      </c>
      <c r="O19160" s="5" t="s">
        <v>38</v>
      </c>
      <c r="P19160" s="5" t="s">
        <v>39</v>
      </c>
      <c r="Q19160" s="5" t="s">
        <v>40</v>
      </c>
      <c r="R19160" s="5" t="s">
        <v>897</v>
      </c>
      <c r="S19160" s="5" t="s">
        <v>40</v>
      </c>
      <c r="T19160" s="5" t="s">
        <v>42</v>
      </c>
      <c r="U19160" s="2">
        <v>82.998000000000005</v>
      </c>
      <c r="V19160" s="2">
        <v>77.754000000000005</v>
      </c>
      <c r="W19160" s="2">
        <v>0.32600000000000001</v>
      </c>
      <c r="X19160" s="2">
        <v>17</v>
      </c>
      <c r="Y19160" s="2">
        <v>124.7</v>
      </c>
      <c r="Z19160" s="2">
        <v>153.6</v>
      </c>
      <c r="AA19160" s="5">
        <v>7</v>
      </c>
      <c r="AB19160" s="5" t="s">
        <v>43</v>
      </c>
      <c r="AC19160" s="5" t="s">
        <v>735</v>
      </c>
      <c r="AD19160" s="2" t="s">
        <v>59874</v>
      </c>
      <c r="AE19160" s="1"/>
    </row>
    <row r="19161" spans="1:31" ht="14.45">
      <c r="A19161" s="11"/>
      <c r="B19161" s="20"/>
      <c r="C19161" s="2" t="s">
        <v>59875</v>
      </c>
      <c r="D19161" s="14" t="s">
        <v>59876</v>
      </c>
      <c r="E19161" s="2" t="s">
        <v>59877</v>
      </c>
      <c r="F19161" s="2" t="s">
        <v>59878</v>
      </c>
      <c r="G19161" s="8">
        <v>1764</v>
      </c>
      <c r="H19161" s="5">
        <v>10</v>
      </c>
      <c r="I19161" s="5" t="s">
        <v>69</v>
      </c>
      <c r="J19161" s="5" t="s">
        <v>55802</v>
      </c>
      <c r="K19161" s="2" t="s">
        <v>55803</v>
      </c>
      <c r="L19161" s="5" t="s">
        <v>55802</v>
      </c>
      <c r="M19161" s="2" t="s">
        <v>55803</v>
      </c>
      <c r="N19161" s="5" t="s">
        <v>733</v>
      </c>
      <c r="O19161" s="5" t="s">
        <v>38</v>
      </c>
      <c r="P19161" s="5" t="s">
        <v>39</v>
      </c>
      <c r="Q19161" s="5" t="s">
        <v>40</v>
      </c>
      <c r="R19161" s="5" t="s">
        <v>897</v>
      </c>
      <c r="S19161" s="5" t="s">
        <v>40</v>
      </c>
      <c r="T19161" s="5" t="s">
        <v>42</v>
      </c>
      <c r="U19161" s="2">
        <v>84.736999999999995</v>
      </c>
      <c r="V19161" s="2">
        <v>79.338999999999999</v>
      </c>
      <c r="W19161" s="2">
        <v>0.32600000000000001</v>
      </c>
      <c r="X19161" s="2">
        <v>17</v>
      </c>
      <c r="Y19161" s="2">
        <v>124.7</v>
      </c>
      <c r="Z19161" s="2">
        <v>153.6</v>
      </c>
      <c r="AA19161" s="5">
        <v>7</v>
      </c>
      <c r="AB19161" s="5" t="s">
        <v>43</v>
      </c>
      <c r="AC19161" s="5" t="s">
        <v>735</v>
      </c>
      <c r="AD19161" s="2" t="s">
        <v>59879</v>
      </c>
      <c r="AE19161" s="1"/>
    </row>
    <row r="19162" spans="1:31" ht="14.45">
      <c r="A19162" s="11"/>
      <c r="B19162" s="20"/>
      <c r="C19162" s="2" t="s">
        <v>59880</v>
      </c>
      <c r="D19162" s="14" t="s">
        <v>59881</v>
      </c>
      <c r="E19162" s="2" t="s">
        <v>59882</v>
      </c>
      <c r="F19162" s="2" t="s">
        <v>59883</v>
      </c>
      <c r="G19162" s="8">
        <v>1236</v>
      </c>
      <c r="H19162" s="5">
        <v>5</v>
      </c>
      <c r="I19162" s="5" t="s">
        <v>69</v>
      </c>
      <c r="J19162" s="5" t="s">
        <v>55802</v>
      </c>
      <c r="K19162" s="2" t="s">
        <v>55803</v>
      </c>
      <c r="L19162" s="5" t="s">
        <v>55802</v>
      </c>
      <c r="M19162" s="2" t="s">
        <v>55803</v>
      </c>
      <c r="N19162" s="5" t="s">
        <v>733</v>
      </c>
      <c r="O19162" s="5" t="s">
        <v>38</v>
      </c>
      <c r="P19162" s="5" t="s">
        <v>39</v>
      </c>
      <c r="Q19162" s="5" t="s">
        <v>40</v>
      </c>
      <c r="R19162" s="5" t="s">
        <v>897</v>
      </c>
      <c r="S19162" s="5" t="s">
        <v>40</v>
      </c>
      <c r="T19162" s="5" t="s">
        <v>42</v>
      </c>
      <c r="U19162" s="2">
        <v>70.941999999999993</v>
      </c>
      <c r="V19162" s="2">
        <v>65.977999999999994</v>
      </c>
      <c r="W19162" s="2">
        <v>0.315</v>
      </c>
      <c r="X19162" s="2">
        <v>17</v>
      </c>
      <c r="Y19162" s="2">
        <v>120.7</v>
      </c>
      <c r="Z19162" s="2">
        <v>153.6</v>
      </c>
      <c r="AA19162" s="5">
        <v>7</v>
      </c>
      <c r="AB19162" s="5" t="s">
        <v>43</v>
      </c>
      <c r="AC19162" s="5" t="s">
        <v>735</v>
      </c>
      <c r="AD19162" s="2" t="s">
        <v>59884</v>
      </c>
      <c r="AE19162" s="1"/>
    </row>
    <row r="19163" spans="1:31" ht="14.45">
      <c r="A19163" s="11"/>
      <c r="B19163" s="20"/>
      <c r="C19163" s="2" t="s">
        <v>59885</v>
      </c>
      <c r="D19163" s="14" t="s">
        <v>59886</v>
      </c>
      <c r="E19163" s="2" t="s">
        <v>59887</v>
      </c>
      <c r="F19163" s="2" t="s">
        <v>59888</v>
      </c>
      <c r="G19163" s="8">
        <v>1536</v>
      </c>
      <c r="H19163" s="5">
        <v>5</v>
      </c>
      <c r="I19163" s="5" t="s">
        <v>69</v>
      </c>
      <c r="J19163" s="5" t="s">
        <v>55802</v>
      </c>
      <c r="K19163" s="2" t="s">
        <v>55803</v>
      </c>
      <c r="L19163" s="5" t="s">
        <v>55802</v>
      </c>
      <c r="M19163" s="2" t="s">
        <v>55803</v>
      </c>
      <c r="N19163" s="5" t="s">
        <v>733</v>
      </c>
      <c r="O19163" s="5" t="s">
        <v>38</v>
      </c>
      <c r="P19163" s="5" t="s">
        <v>39</v>
      </c>
      <c r="Q19163" s="5" t="s">
        <v>40</v>
      </c>
      <c r="R19163" s="5" t="s">
        <v>897</v>
      </c>
      <c r="S19163" s="5" t="s">
        <v>40</v>
      </c>
      <c r="T19163" s="5" t="s">
        <v>42</v>
      </c>
      <c r="U19163" s="2">
        <v>72.831000000000003</v>
      </c>
      <c r="V19163" s="2">
        <v>67.73</v>
      </c>
      <c r="W19163" s="2">
        <v>0.315</v>
      </c>
      <c r="X19163" s="2">
        <v>17</v>
      </c>
      <c r="Y19163" s="2">
        <v>120.7</v>
      </c>
      <c r="Z19163" s="2">
        <v>153.6</v>
      </c>
      <c r="AA19163" s="5">
        <v>7</v>
      </c>
      <c r="AB19163" s="5" t="s">
        <v>43</v>
      </c>
      <c r="AC19163" s="5" t="s">
        <v>735</v>
      </c>
      <c r="AD19163" s="2" t="s">
        <v>59889</v>
      </c>
      <c r="AE19163" s="1"/>
    </row>
    <row r="19164" spans="1:31" ht="14.45">
      <c r="A19164" s="5" t="s">
        <v>116</v>
      </c>
      <c r="B19164" s="21">
        <v>46082</v>
      </c>
      <c r="C19164" s="2" t="s">
        <v>59890</v>
      </c>
      <c r="D19164" s="14" t="s">
        <v>59891</v>
      </c>
      <c r="E19164" s="2" t="s">
        <v>59892</v>
      </c>
      <c r="F19164" s="2" t="s">
        <v>59893</v>
      </c>
      <c r="G19164" s="8">
        <v>1636</v>
      </c>
      <c r="H19164" s="5">
        <v>5</v>
      </c>
      <c r="I19164" s="5" t="s">
        <v>69</v>
      </c>
      <c r="J19164" s="5" t="s">
        <v>55802</v>
      </c>
      <c r="K19164" s="2" t="s">
        <v>55803</v>
      </c>
      <c r="L19164" s="5" t="s">
        <v>55802</v>
      </c>
      <c r="M19164" s="2" t="s">
        <v>55803</v>
      </c>
      <c r="N19164" s="5" t="s">
        <v>733</v>
      </c>
      <c r="O19164" s="5" t="s">
        <v>38</v>
      </c>
      <c r="P19164" s="5" t="s">
        <v>39</v>
      </c>
      <c r="Q19164" s="5" t="s">
        <v>40</v>
      </c>
      <c r="R19164" s="5" t="s">
        <v>897</v>
      </c>
      <c r="S19164" s="5" t="s">
        <v>40</v>
      </c>
      <c r="T19164" s="5" t="s">
        <v>42</v>
      </c>
      <c r="U19164" s="2">
        <v>72.709000000000003</v>
      </c>
      <c r="V19164" s="2">
        <v>67.433999999999997</v>
      </c>
      <c r="W19164" s="2">
        <v>0.315</v>
      </c>
      <c r="X19164" s="2">
        <v>17</v>
      </c>
      <c r="Y19164" s="2">
        <v>120.7</v>
      </c>
      <c r="Z19164" s="2">
        <v>153.6</v>
      </c>
      <c r="AA19164" s="5">
        <v>7</v>
      </c>
      <c r="AB19164" s="5" t="s">
        <v>43</v>
      </c>
      <c r="AC19164" s="5" t="s">
        <v>735</v>
      </c>
      <c r="AD19164" s="2" t="s">
        <v>59894</v>
      </c>
      <c r="AE19164" s="1"/>
    </row>
    <row r="19165" spans="1:31" ht="14.45">
      <c r="A19165" s="11"/>
      <c r="B19165" s="20"/>
      <c r="C19165" s="2" t="s">
        <v>59895</v>
      </c>
      <c r="D19165" s="14" t="s">
        <v>59896</v>
      </c>
      <c r="E19165" s="2" t="s">
        <v>59897</v>
      </c>
      <c r="F19165" s="2" t="s">
        <v>59888</v>
      </c>
      <c r="G19165" s="8">
        <v>1783</v>
      </c>
      <c r="H19165" s="5">
        <v>10</v>
      </c>
      <c r="I19165" s="5" t="s">
        <v>69</v>
      </c>
      <c r="J19165" s="5" t="s">
        <v>55802</v>
      </c>
      <c r="K19165" s="2" t="s">
        <v>55803</v>
      </c>
      <c r="L19165" s="5" t="s">
        <v>55802</v>
      </c>
      <c r="M19165" s="2" t="s">
        <v>55803</v>
      </c>
      <c r="N19165" s="5" t="s">
        <v>733</v>
      </c>
      <c r="O19165" s="5" t="s">
        <v>38</v>
      </c>
      <c r="P19165" s="5" t="s">
        <v>39</v>
      </c>
      <c r="Q19165" s="5" t="s">
        <v>40</v>
      </c>
      <c r="R19165" s="5" t="s">
        <v>897</v>
      </c>
      <c r="S19165" s="5" t="s">
        <v>40</v>
      </c>
      <c r="T19165" s="5" t="s">
        <v>42</v>
      </c>
      <c r="U19165" s="2">
        <v>73.822000000000003</v>
      </c>
      <c r="V19165" s="2">
        <v>68.501000000000005</v>
      </c>
      <c r="W19165" s="2">
        <v>0.32600000000000001</v>
      </c>
      <c r="X19165" s="2">
        <v>17</v>
      </c>
      <c r="Y19165" s="2">
        <v>124.7</v>
      </c>
      <c r="Z19165" s="2">
        <v>153.6</v>
      </c>
      <c r="AA19165" s="5">
        <v>7</v>
      </c>
      <c r="AB19165" s="5" t="s">
        <v>43</v>
      </c>
      <c r="AC19165" s="5" t="s">
        <v>735</v>
      </c>
      <c r="AD19165" s="2" t="s">
        <v>59898</v>
      </c>
      <c r="AE19165" s="1"/>
    </row>
    <row r="19166" spans="1:31" ht="14.45">
      <c r="A19166" s="11"/>
      <c r="B19166" s="20"/>
      <c r="C19166" s="2" t="s">
        <v>59899</v>
      </c>
      <c r="D19166" s="14" t="s">
        <v>59900</v>
      </c>
      <c r="E19166" s="2" t="s">
        <v>59901</v>
      </c>
      <c r="F19166" s="2" t="s">
        <v>59902</v>
      </c>
      <c r="G19166" s="8">
        <v>1464</v>
      </c>
      <c r="H19166" s="5">
        <v>10</v>
      </c>
      <c r="I19166" s="5" t="s">
        <v>69</v>
      </c>
      <c r="J19166" s="5" t="s">
        <v>55802</v>
      </c>
      <c r="K19166" s="2" t="s">
        <v>55803</v>
      </c>
      <c r="L19166" s="5" t="s">
        <v>55802</v>
      </c>
      <c r="M19166" s="2" t="s">
        <v>55803</v>
      </c>
      <c r="N19166" s="5" t="s">
        <v>733</v>
      </c>
      <c r="O19166" s="5" t="s">
        <v>38</v>
      </c>
      <c r="P19166" s="5" t="s">
        <v>39</v>
      </c>
      <c r="Q19166" s="5" t="s">
        <v>40</v>
      </c>
      <c r="R19166" s="5" t="s">
        <v>897</v>
      </c>
      <c r="S19166" s="5" t="s">
        <v>40</v>
      </c>
      <c r="T19166" s="5" t="s">
        <v>42</v>
      </c>
      <c r="U19166" s="2">
        <v>70.444000000000003</v>
      </c>
      <c r="V19166" s="2">
        <v>65.192999999999998</v>
      </c>
      <c r="W19166" s="2">
        <v>0.32600000000000001</v>
      </c>
      <c r="X19166" s="2">
        <v>17</v>
      </c>
      <c r="Y19166" s="2">
        <v>124.7</v>
      </c>
      <c r="Z19166" s="2">
        <v>153.6</v>
      </c>
      <c r="AA19166" s="5">
        <v>7</v>
      </c>
      <c r="AB19166" s="5" t="s">
        <v>43</v>
      </c>
      <c r="AC19166" s="5" t="s">
        <v>735</v>
      </c>
      <c r="AD19166" s="2" t="s">
        <v>59903</v>
      </c>
      <c r="AE19166" s="1"/>
    </row>
    <row r="19167" spans="1:31" ht="14.45">
      <c r="A19167" s="11"/>
      <c r="B19167" s="20"/>
      <c r="C19167" s="2" t="s">
        <v>59904</v>
      </c>
      <c r="D19167" s="14" t="s">
        <v>59905</v>
      </c>
      <c r="E19167" s="2" t="s">
        <v>59906</v>
      </c>
      <c r="F19167" s="2" t="s">
        <v>59902</v>
      </c>
      <c r="G19167" s="8">
        <v>1764</v>
      </c>
      <c r="H19167" s="5">
        <v>10</v>
      </c>
      <c r="I19167" s="5" t="s">
        <v>69</v>
      </c>
      <c r="J19167" s="5" t="s">
        <v>55802</v>
      </c>
      <c r="K19167" s="2" t="s">
        <v>55803</v>
      </c>
      <c r="L19167" s="5" t="s">
        <v>55802</v>
      </c>
      <c r="M19167" s="2" t="s">
        <v>55803</v>
      </c>
      <c r="N19167" s="5" t="s">
        <v>733</v>
      </c>
      <c r="O19167" s="5" t="s">
        <v>38</v>
      </c>
      <c r="P19167" s="5" t="s">
        <v>39</v>
      </c>
      <c r="Q19167" s="5" t="s">
        <v>40</v>
      </c>
      <c r="R19167" s="5" t="s">
        <v>897</v>
      </c>
      <c r="S19167" s="5" t="s">
        <v>40</v>
      </c>
      <c r="T19167" s="5" t="s">
        <v>42</v>
      </c>
      <c r="U19167" s="2">
        <v>72.350999999999999</v>
      </c>
      <c r="V19167" s="2">
        <v>66.953000000000003</v>
      </c>
      <c r="W19167" s="2">
        <v>0.32600000000000001</v>
      </c>
      <c r="X19167" s="2">
        <v>17</v>
      </c>
      <c r="Y19167" s="2">
        <v>124.7</v>
      </c>
      <c r="Z19167" s="2">
        <v>153.6</v>
      </c>
      <c r="AA19167" s="5">
        <v>7</v>
      </c>
      <c r="AB19167" s="5" t="s">
        <v>43</v>
      </c>
      <c r="AC19167" s="5" t="s">
        <v>735</v>
      </c>
      <c r="AD19167" s="2" t="s">
        <v>59907</v>
      </c>
      <c r="AE19167" s="1"/>
    </row>
    <row r="19168" spans="1:31" ht="14.45">
      <c r="A19168" s="11"/>
      <c r="B19168" s="20"/>
      <c r="C19168" s="2" t="s">
        <v>59908</v>
      </c>
      <c r="D19168" s="14" t="s">
        <v>59909</v>
      </c>
      <c r="E19168" s="2" t="s">
        <v>59910</v>
      </c>
      <c r="F19168" s="2" t="s">
        <v>59902</v>
      </c>
      <c r="G19168" s="8">
        <v>1764</v>
      </c>
      <c r="H19168" s="5">
        <v>10</v>
      </c>
      <c r="I19168" s="5" t="s">
        <v>69</v>
      </c>
      <c r="J19168" s="5" t="s">
        <v>55802</v>
      </c>
      <c r="K19168" s="2" t="s">
        <v>55803</v>
      </c>
      <c r="L19168" s="5" t="s">
        <v>55802</v>
      </c>
      <c r="M19168" s="2" t="s">
        <v>55803</v>
      </c>
      <c r="N19168" s="5" t="s">
        <v>733</v>
      </c>
      <c r="O19168" s="5" t="s">
        <v>38</v>
      </c>
      <c r="P19168" s="5" t="s">
        <v>39</v>
      </c>
      <c r="Q19168" s="5" t="s">
        <v>40</v>
      </c>
      <c r="R19168" s="5" t="s">
        <v>897</v>
      </c>
      <c r="S19168" s="5" t="s">
        <v>40</v>
      </c>
      <c r="T19168" s="5" t="s">
        <v>42</v>
      </c>
      <c r="U19168" s="2">
        <v>72.739000000000004</v>
      </c>
      <c r="V19168" s="2">
        <v>67.165000000000006</v>
      </c>
      <c r="W19168" s="2">
        <v>0.32600000000000001</v>
      </c>
      <c r="X19168" s="2">
        <v>17</v>
      </c>
      <c r="Y19168" s="2">
        <v>124.7</v>
      </c>
      <c r="Z19168" s="2">
        <v>153.6</v>
      </c>
      <c r="AA19168" s="5">
        <v>7</v>
      </c>
      <c r="AB19168" s="5" t="s">
        <v>43</v>
      </c>
      <c r="AC19168" s="5" t="s">
        <v>735</v>
      </c>
      <c r="AD19168" s="2" t="s">
        <v>59911</v>
      </c>
      <c r="AE19168" s="1"/>
    </row>
    <row r="19169" spans="1:31" ht="14.45">
      <c r="A19169" s="11"/>
      <c r="B19169" s="20"/>
      <c r="C19169" s="2" t="s">
        <v>59912</v>
      </c>
      <c r="D19169" s="14" t="s">
        <v>59913</v>
      </c>
      <c r="E19169" s="2" t="s">
        <v>59914</v>
      </c>
      <c r="F19169" s="2" t="s">
        <v>59915</v>
      </c>
      <c r="G19169" s="8">
        <v>1018</v>
      </c>
      <c r="H19169" s="5">
        <v>10</v>
      </c>
      <c r="I19169" s="5" t="s">
        <v>69</v>
      </c>
      <c r="J19169" s="5" t="s">
        <v>55802</v>
      </c>
      <c r="K19169" s="2" t="s">
        <v>55803</v>
      </c>
      <c r="L19169" s="5" t="s">
        <v>55802</v>
      </c>
      <c r="M19169" s="2" t="s">
        <v>55803</v>
      </c>
      <c r="N19169" s="5" t="s">
        <v>733</v>
      </c>
      <c r="O19169" s="5" t="s">
        <v>38</v>
      </c>
      <c r="P19169" s="5" t="s">
        <v>39</v>
      </c>
      <c r="Q19169" s="5" t="s">
        <v>40</v>
      </c>
      <c r="R19169" s="5" t="s">
        <v>897</v>
      </c>
      <c r="S19169" s="5" t="s">
        <v>40</v>
      </c>
      <c r="T19169" s="5" t="s">
        <v>42</v>
      </c>
      <c r="U19169" s="2">
        <v>70.747</v>
      </c>
      <c r="V19169" s="2">
        <v>65.495999999999995</v>
      </c>
      <c r="W19169" s="2">
        <v>0.32600000000000001</v>
      </c>
      <c r="X19169" s="2">
        <v>17</v>
      </c>
      <c r="Y19169" s="2">
        <v>124.7</v>
      </c>
      <c r="Z19169" s="2">
        <v>153.6</v>
      </c>
      <c r="AA19169" s="5">
        <v>7</v>
      </c>
      <c r="AB19169" s="5" t="s">
        <v>43</v>
      </c>
      <c r="AC19169" s="5" t="s">
        <v>735</v>
      </c>
      <c r="AD19169" s="2" t="s">
        <v>59916</v>
      </c>
      <c r="AE19169" s="1"/>
    </row>
    <row r="19170" spans="1:31" ht="14.45">
      <c r="A19170" s="11"/>
      <c r="B19170" s="20"/>
      <c r="C19170" s="2" t="s">
        <v>59917</v>
      </c>
      <c r="D19170" s="14" t="s">
        <v>59918</v>
      </c>
      <c r="E19170" s="2" t="s">
        <v>59919</v>
      </c>
      <c r="F19170" s="2" t="s">
        <v>59915</v>
      </c>
      <c r="G19170" s="8">
        <v>1318</v>
      </c>
      <c r="H19170" s="5">
        <v>10</v>
      </c>
      <c r="I19170" s="5" t="s">
        <v>69</v>
      </c>
      <c r="J19170" s="5" t="s">
        <v>55802</v>
      </c>
      <c r="K19170" s="2" t="s">
        <v>55803</v>
      </c>
      <c r="L19170" s="5" t="s">
        <v>55802</v>
      </c>
      <c r="M19170" s="2" t="s">
        <v>55803</v>
      </c>
      <c r="N19170" s="5" t="s">
        <v>733</v>
      </c>
      <c r="O19170" s="5" t="s">
        <v>38</v>
      </c>
      <c r="P19170" s="5" t="s">
        <v>39</v>
      </c>
      <c r="Q19170" s="5" t="s">
        <v>40</v>
      </c>
      <c r="R19170" s="5" t="s">
        <v>897</v>
      </c>
      <c r="S19170" s="5" t="s">
        <v>40</v>
      </c>
      <c r="T19170" s="5" t="s">
        <v>42</v>
      </c>
      <c r="U19170" s="2">
        <v>72.653999999999996</v>
      </c>
      <c r="V19170" s="2">
        <v>67.256</v>
      </c>
      <c r="W19170" s="2">
        <v>0.32600000000000001</v>
      </c>
      <c r="X19170" s="2">
        <v>17</v>
      </c>
      <c r="Y19170" s="2">
        <v>124.7</v>
      </c>
      <c r="Z19170" s="2">
        <v>153.6</v>
      </c>
      <c r="AA19170" s="5">
        <v>7</v>
      </c>
      <c r="AB19170" s="5" t="s">
        <v>43</v>
      </c>
      <c r="AC19170" s="5" t="s">
        <v>735</v>
      </c>
      <c r="AD19170" s="2" t="s">
        <v>59920</v>
      </c>
      <c r="AE19170" s="1"/>
    </row>
    <row r="19171" spans="1:31" ht="14.45">
      <c r="A19171" s="11"/>
      <c r="B19171" s="20"/>
      <c r="C19171" s="2" t="s">
        <v>59921</v>
      </c>
      <c r="D19171" s="14" t="s">
        <v>59922</v>
      </c>
      <c r="E19171" s="2" t="s">
        <v>59923</v>
      </c>
      <c r="F19171" s="2" t="s">
        <v>59915</v>
      </c>
      <c r="G19171" s="8">
        <v>1318</v>
      </c>
      <c r="H19171" s="5">
        <v>10</v>
      </c>
      <c r="I19171" s="5" t="s">
        <v>69</v>
      </c>
      <c r="J19171" s="5" t="s">
        <v>55802</v>
      </c>
      <c r="K19171" s="2" t="s">
        <v>55803</v>
      </c>
      <c r="L19171" s="5" t="s">
        <v>55802</v>
      </c>
      <c r="M19171" s="2" t="s">
        <v>55803</v>
      </c>
      <c r="N19171" s="5" t="s">
        <v>733</v>
      </c>
      <c r="O19171" s="5" t="s">
        <v>38</v>
      </c>
      <c r="P19171" s="5" t="s">
        <v>39</v>
      </c>
      <c r="Q19171" s="5" t="s">
        <v>40</v>
      </c>
      <c r="R19171" s="5" t="s">
        <v>897</v>
      </c>
      <c r="S19171" s="5" t="s">
        <v>40</v>
      </c>
      <c r="T19171" s="5" t="s">
        <v>42</v>
      </c>
      <c r="U19171" s="2">
        <v>73.022000000000006</v>
      </c>
      <c r="V19171" s="2">
        <v>67.447999999999993</v>
      </c>
      <c r="W19171" s="2">
        <v>0.32600000000000001</v>
      </c>
      <c r="X19171" s="2">
        <v>17</v>
      </c>
      <c r="Y19171" s="2">
        <v>124.7</v>
      </c>
      <c r="Z19171" s="2">
        <v>153.6</v>
      </c>
      <c r="AA19171" s="5">
        <v>7</v>
      </c>
      <c r="AB19171" s="5" t="s">
        <v>43</v>
      </c>
      <c r="AC19171" s="5" t="s">
        <v>735</v>
      </c>
      <c r="AD19171" s="2" t="s">
        <v>59924</v>
      </c>
      <c r="AE19171" s="1"/>
    </row>
    <row r="19172" spans="1:31" ht="14.45">
      <c r="A19172" s="11"/>
      <c r="B19172" s="20"/>
      <c r="C19172" s="2" t="s">
        <v>59925</v>
      </c>
      <c r="D19172" s="14" t="s">
        <v>59926</v>
      </c>
      <c r="E19172" s="2" t="s">
        <v>59927</v>
      </c>
      <c r="F19172" s="2" t="s">
        <v>59928</v>
      </c>
      <c r="G19172" s="8">
        <v>743</v>
      </c>
      <c r="H19172" s="5">
        <v>5</v>
      </c>
      <c r="I19172" s="5" t="s">
        <v>69</v>
      </c>
      <c r="J19172" s="5" t="s">
        <v>55802</v>
      </c>
      <c r="K19172" s="2" t="s">
        <v>55803</v>
      </c>
      <c r="L19172" s="5" t="s">
        <v>55802</v>
      </c>
      <c r="M19172" s="2" t="s">
        <v>55803</v>
      </c>
      <c r="N19172" s="5" t="s">
        <v>733</v>
      </c>
      <c r="O19172" s="5" t="s">
        <v>38</v>
      </c>
      <c r="P19172" s="5" t="s">
        <v>39</v>
      </c>
      <c r="Q19172" s="5" t="s">
        <v>40</v>
      </c>
      <c r="R19172" s="5" t="s">
        <v>897</v>
      </c>
      <c r="S19172" s="5" t="s">
        <v>40</v>
      </c>
      <c r="T19172" s="5" t="s">
        <v>42</v>
      </c>
      <c r="U19172" s="2">
        <v>60.905000000000001</v>
      </c>
      <c r="V19172" s="2">
        <v>55.941000000000003</v>
      </c>
      <c r="W19172" s="2">
        <v>0.315</v>
      </c>
      <c r="X19172" s="2">
        <v>17</v>
      </c>
      <c r="Y19172" s="2">
        <v>120.7</v>
      </c>
      <c r="Z19172" s="2">
        <v>153.6</v>
      </c>
      <c r="AA19172" s="5">
        <v>7</v>
      </c>
      <c r="AB19172" s="5" t="s">
        <v>43</v>
      </c>
      <c r="AC19172" s="5" t="s">
        <v>735</v>
      </c>
      <c r="AD19172" s="2" t="s">
        <v>59929</v>
      </c>
      <c r="AE19172" s="1"/>
    </row>
    <row r="19173" spans="1:31" ht="14.45">
      <c r="A19173" s="11"/>
      <c r="B19173" s="20"/>
      <c r="C19173" s="2" t="s">
        <v>59930</v>
      </c>
      <c r="D19173" s="14" t="s">
        <v>59931</v>
      </c>
      <c r="E19173" s="2" t="s">
        <v>59932</v>
      </c>
      <c r="F19173" s="2" t="s">
        <v>59928</v>
      </c>
      <c r="G19173" s="8">
        <v>1043</v>
      </c>
      <c r="H19173" s="5">
        <v>5</v>
      </c>
      <c r="I19173" s="5" t="s">
        <v>69</v>
      </c>
      <c r="J19173" s="5" t="s">
        <v>55802</v>
      </c>
      <c r="K19173" s="2" t="s">
        <v>55803</v>
      </c>
      <c r="L19173" s="5" t="s">
        <v>55802</v>
      </c>
      <c r="M19173" s="2" t="s">
        <v>55803</v>
      </c>
      <c r="N19173" s="5" t="s">
        <v>733</v>
      </c>
      <c r="O19173" s="5" t="s">
        <v>38</v>
      </c>
      <c r="P19173" s="5" t="s">
        <v>39</v>
      </c>
      <c r="Q19173" s="5" t="s">
        <v>40</v>
      </c>
      <c r="R19173" s="5" t="s">
        <v>897</v>
      </c>
      <c r="S19173" s="5" t="s">
        <v>40</v>
      </c>
      <c r="T19173" s="5" t="s">
        <v>42</v>
      </c>
      <c r="U19173" s="2">
        <v>62.805</v>
      </c>
      <c r="V19173" s="2">
        <v>57.686</v>
      </c>
      <c r="W19173" s="2">
        <v>0.315</v>
      </c>
      <c r="X19173" s="2">
        <v>17</v>
      </c>
      <c r="Y19173" s="2">
        <v>120.7</v>
      </c>
      <c r="Z19173" s="2">
        <v>153.6</v>
      </c>
      <c r="AA19173" s="5">
        <v>7</v>
      </c>
      <c r="AB19173" s="5" t="s">
        <v>43</v>
      </c>
      <c r="AC19173" s="5" t="s">
        <v>735</v>
      </c>
      <c r="AD19173" s="2" t="s">
        <v>59933</v>
      </c>
      <c r="AE19173" s="1"/>
    </row>
    <row r="19174" spans="1:31" ht="14.45">
      <c r="A19174" s="5" t="s">
        <v>116</v>
      </c>
      <c r="B19174" s="21">
        <v>46082</v>
      </c>
      <c r="C19174" s="2" t="s">
        <v>59934</v>
      </c>
      <c r="D19174" s="14" t="s">
        <v>59935</v>
      </c>
      <c r="E19174" s="2" t="s">
        <v>59936</v>
      </c>
      <c r="F19174" s="2" t="s">
        <v>59937</v>
      </c>
      <c r="G19174" s="8">
        <v>1143</v>
      </c>
      <c r="H19174" s="5">
        <v>5</v>
      </c>
      <c r="I19174" s="5" t="s">
        <v>69</v>
      </c>
      <c r="J19174" s="5" t="s">
        <v>55802</v>
      </c>
      <c r="K19174" s="2" t="s">
        <v>55803</v>
      </c>
      <c r="L19174" s="5" t="s">
        <v>55802</v>
      </c>
      <c r="M19174" s="2" t="s">
        <v>55803</v>
      </c>
      <c r="N19174" s="5" t="s">
        <v>733</v>
      </c>
      <c r="O19174" s="5" t="s">
        <v>38</v>
      </c>
      <c r="P19174" s="5" t="s">
        <v>39</v>
      </c>
      <c r="Q19174" s="5" t="s">
        <v>40</v>
      </c>
      <c r="R19174" s="5" t="s">
        <v>897</v>
      </c>
      <c r="S19174" s="5" t="s">
        <v>40</v>
      </c>
      <c r="T19174" s="5" t="s">
        <v>42</v>
      </c>
      <c r="U19174" s="2">
        <v>62.523000000000003</v>
      </c>
      <c r="V19174" s="2">
        <v>57.293999999999997</v>
      </c>
      <c r="W19174" s="2">
        <v>0.315</v>
      </c>
      <c r="X19174" s="2">
        <v>17</v>
      </c>
      <c r="Y19174" s="2">
        <v>120.7</v>
      </c>
      <c r="Z19174" s="2">
        <v>153.6</v>
      </c>
      <c r="AA19174" s="5">
        <v>7</v>
      </c>
      <c r="AB19174" s="5" t="s">
        <v>43</v>
      </c>
      <c r="AC19174" s="5" t="s">
        <v>735</v>
      </c>
      <c r="AD19174" s="2" t="s">
        <v>59938</v>
      </c>
      <c r="AE19174" s="1"/>
    </row>
    <row r="19175" spans="1:31" ht="14.45">
      <c r="A19175" s="11"/>
      <c r="B19175" s="20"/>
      <c r="C19175" s="2" t="s">
        <v>59939</v>
      </c>
      <c r="D19175" s="14" t="s">
        <v>59940</v>
      </c>
      <c r="E19175" s="2" t="s">
        <v>59941</v>
      </c>
      <c r="F19175" s="2" t="s">
        <v>59928</v>
      </c>
      <c r="G19175" s="8">
        <v>1043</v>
      </c>
      <c r="H19175" s="5">
        <v>5</v>
      </c>
      <c r="I19175" s="5" t="s">
        <v>69</v>
      </c>
      <c r="J19175" s="5" t="s">
        <v>55802</v>
      </c>
      <c r="K19175" s="2" t="s">
        <v>55803</v>
      </c>
      <c r="L19175" s="5" t="s">
        <v>55802</v>
      </c>
      <c r="M19175" s="2" t="s">
        <v>55803</v>
      </c>
      <c r="N19175" s="5" t="s">
        <v>733</v>
      </c>
      <c r="O19175" s="5" t="s">
        <v>38</v>
      </c>
      <c r="P19175" s="5" t="s">
        <v>39</v>
      </c>
      <c r="Q19175" s="5" t="s">
        <v>40</v>
      </c>
      <c r="R19175" s="5" t="s">
        <v>897</v>
      </c>
      <c r="S19175" s="5" t="s">
        <v>40</v>
      </c>
      <c r="T19175" s="5" t="s">
        <v>42</v>
      </c>
      <c r="U19175" s="2">
        <v>62.851999999999997</v>
      </c>
      <c r="V19175" s="2">
        <v>57.262</v>
      </c>
      <c r="W19175" s="2">
        <v>0.32600000000000001</v>
      </c>
      <c r="X19175" s="2">
        <v>17</v>
      </c>
      <c r="Y19175" s="2">
        <v>124.7</v>
      </c>
      <c r="Z19175" s="2">
        <v>153.6</v>
      </c>
      <c r="AA19175" s="5">
        <v>7</v>
      </c>
      <c r="AB19175" s="5" t="s">
        <v>43</v>
      </c>
      <c r="AC19175" s="5" t="s">
        <v>735</v>
      </c>
      <c r="AD19175" s="2" t="s">
        <v>59942</v>
      </c>
      <c r="AE19175" s="1"/>
    </row>
    <row r="19176" spans="1:31" ht="14.45">
      <c r="A19176" s="11"/>
      <c r="B19176" s="20"/>
      <c r="C19176" s="2" t="s">
        <v>59943</v>
      </c>
      <c r="D19176" s="14" t="s">
        <v>59944</v>
      </c>
      <c r="E19176" s="2" t="s">
        <v>59945</v>
      </c>
      <c r="F19176" s="2" t="s">
        <v>59928</v>
      </c>
      <c r="G19176" s="8">
        <v>1290</v>
      </c>
      <c r="H19176" s="5">
        <v>10</v>
      </c>
      <c r="I19176" s="5" t="s">
        <v>69</v>
      </c>
      <c r="J19176" s="5" t="s">
        <v>55802</v>
      </c>
      <c r="K19176" s="2" t="s">
        <v>55803</v>
      </c>
      <c r="L19176" s="5" t="s">
        <v>55802</v>
      </c>
      <c r="M19176" s="2" t="s">
        <v>55803</v>
      </c>
      <c r="N19176" s="5" t="s">
        <v>733</v>
      </c>
      <c r="O19176" s="5" t="s">
        <v>38</v>
      </c>
      <c r="P19176" s="5" t="s">
        <v>39</v>
      </c>
      <c r="Q19176" s="5" t="s">
        <v>40</v>
      </c>
      <c r="R19176" s="5" t="s">
        <v>897</v>
      </c>
      <c r="S19176" s="5" t="s">
        <v>40</v>
      </c>
      <c r="T19176" s="5" t="s">
        <v>42</v>
      </c>
      <c r="U19176" s="2">
        <v>63.801000000000002</v>
      </c>
      <c r="V19176" s="2">
        <v>58.463999999999999</v>
      </c>
      <c r="W19176" s="2">
        <v>0.32600000000000001</v>
      </c>
      <c r="X19176" s="2">
        <v>17</v>
      </c>
      <c r="Y19176" s="2">
        <v>124.7</v>
      </c>
      <c r="Z19176" s="2">
        <v>153.6</v>
      </c>
      <c r="AA19176" s="5">
        <v>7</v>
      </c>
      <c r="AB19176" s="5" t="s">
        <v>43</v>
      </c>
      <c r="AC19176" s="5" t="s">
        <v>735</v>
      </c>
      <c r="AD19176" s="2" t="s">
        <v>59946</v>
      </c>
      <c r="AE19176" s="1"/>
    </row>
    <row r="19177" spans="1:31" ht="14.45">
      <c r="A19177" s="11"/>
      <c r="B19177" s="20"/>
      <c r="C19177" s="2" t="s">
        <v>59947</v>
      </c>
      <c r="D19177" s="14" t="s">
        <v>59948</v>
      </c>
      <c r="E19177" s="2" t="s">
        <v>59949</v>
      </c>
      <c r="F19177" s="2" t="s">
        <v>59950</v>
      </c>
      <c r="G19177" s="8">
        <v>1241</v>
      </c>
      <c r="H19177" s="5">
        <v>5</v>
      </c>
      <c r="I19177" s="5" t="s">
        <v>69</v>
      </c>
      <c r="J19177" s="5" t="s">
        <v>55802</v>
      </c>
      <c r="K19177" s="2" t="s">
        <v>55803</v>
      </c>
      <c r="L19177" s="5" t="s">
        <v>55802</v>
      </c>
      <c r="M19177" s="2" t="s">
        <v>55803</v>
      </c>
      <c r="N19177" s="5" t="s">
        <v>733</v>
      </c>
      <c r="O19177" s="5" t="s">
        <v>38</v>
      </c>
      <c r="P19177" s="5" t="s">
        <v>39</v>
      </c>
      <c r="Q19177" s="5" t="s">
        <v>40</v>
      </c>
      <c r="R19177" s="5" t="s">
        <v>897</v>
      </c>
      <c r="S19177" s="5" t="s">
        <v>40</v>
      </c>
      <c r="T19177" s="5" t="s">
        <v>42</v>
      </c>
      <c r="U19177" s="2">
        <v>62.186999999999998</v>
      </c>
      <c r="V19177" s="2">
        <v>57.244</v>
      </c>
      <c r="W19177" s="2">
        <v>0.315</v>
      </c>
      <c r="X19177" s="2">
        <v>17</v>
      </c>
      <c r="Y19177" s="2">
        <v>120.7</v>
      </c>
      <c r="Z19177" s="2">
        <v>153.6</v>
      </c>
      <c r="AA19177" s="5">
        <v>7</v>
      </c>
      <c r="AB19177" s="5" t="s">
        <v>43</v>
      </c>
      <c r="AC19177" s="5" t="s">
        <v>735</v>
      </c>
      <c r="AD19177" s="2" t="s">
        <v>59951</v>
      </c>
      <c r="AE19177" s="1"/>
    </row>
    <row r="19178" spans="1:31" ht="14.45">
      <c r="A19178" s="11"/>
      <c r="B19178" s="20"/>
      <c r="C19178" s="2" t="s">
        <v>59952</v>
      </c>
      <c r="D19178" s="14" t="s">
        <v>59953</v>
      </c>
      <c r="E19178" s="2" t="s">
        <v>59954</v>
      </c>
      <c r="F19178" s="2" t="s">
        <v>59955</v>
      </c>
      <c r="G19178" s="8">
        <v>1093</v>
      </c>
      <c r="H19178" s="5">
        <v>5</v>
      </c>
      <c r="I19178" s="5" t="s">
        <v>69</v>
      </c>
      <c r="J19178" s="5" t="s">
        <v>55802</v>
      </c>
      <c r="K19178" s="2" t="s">
        <v>55803</v>
      </c>
      <c r="L19178" s="5" t="s">
        <v>55802</v>
      </c>
      <c r="M19178" s="2" t="s">
        <v>55803</v>
      </c>
      <c r="N19178" s="5" t="s">
        <v>733</v>
      </c>
      <c r="O19178" s="5" t="s">
        <v>38</v>
      </c>
      <c r="P19178" s="5" t="s">
        <v>39</v>
      </c>
      <c r="Q19178" s="5" t="s">
        <v>40</v>
      </c>
      <c r="R19178" s="5" t="s">
        <v>897</v>
      </c>
      <c r="S19178" s="5" t="s">
        <v>40</v>
      </c>
      <c r="T19178" s="5" t="s">
        <v>42</v>
      </c>
      <c r="U19178" s="2">
        <v>70.596000000000004</v>
      </c>
      <c r="V19178" s="2">
        <v>65.344999999999999</v>
      </c>
      <c r="W19178" s="2">
        <v>0.32600000000000001</v>
      </c>
      <c r="X19178" s="2">
        <v>17</v>
      </c>
      <c r="Y19178" s="2">
        <v>124.7</v>
      </c>
      <c r="Z19178" s="2">
        <v>153.6</v>
      </c>
      <c r="AA19178" s="5">
        <v>7</v>
      </c>
      <c r="AB19178" s="5" t="s">
        <v>43</v>
      </c>
      <c r="AC19178" s="5" t="s">
        <v>735</v>
      </c>
      <c r="AD19178" s="2" t="s">
        <v>59956</v>
      </c>
      <c r="AE19178" s="1"/>
    </row>
    <row r="19179" spans="1:31" ht="14.45">
      <c r="A19179" s="11"/>
      <c r="B19179" s="20"/>
      <c r="C19179" s="2" t="s">
        <v>59957</v>
      </c>
      <c r="D19179" s="14" t="s">
        <v>59958</v>
      </c>
      <c r="E19179" s="2" t="s">
        <v>59959</v>
      </c>
      <c r="F19179" s="2" t="s">
        <v>59955</v>
      </c>
      <c r="G19179" s="8">
        <v>1393</v>
      </c>
      <c r="H19179" s="5">
        <v>10</v>
      </c>
      <c r="I19179" s="5" t="s">
        <v>69</v>
      </c>
      <c r="J19179" s="5" t="s">
        <v>55802</v>
      </c>
      <c r="K19179" s="2" t="s">
        <v>55803</v>
      </c>
      <c r="L19179" s="5" t="s">
        <v>55802</v>
      </c>
      <c r="M19179" s="2" t="s">
        <v>55803</v>
      </c>
      <c r="N19179" s="5" t="s">
        <v>733</v>
      </c>
      <c r="O19179" s="5" t="s">
        <v>38</v>
      </c>
      <c r="P19179" s="5" t="s">
        <v>39</v>
      </c>
      <c r="Q19179" s="5" t="s">
        <v>40</v>
      </c>
      <c r="R19179" s="5" t="s">
        <v>897</v>
      </c>
      <c r="S19179" s="5" t="s">
        <v>40</v>
      </c>
      <c r="T19179" s="5" t="s">
        <v>42</v>
      </c>
      <c r="U19179" s="2">
        <v>72.503</v>
      </c>
      <c r="V19179" s="2">
        <v>67.105000000000004</v>
      </c>
      <c r="W19179" s="2">
        <v>0.32600000000000001</v>
      </c>
      <c r="X19179" s="2">
        <v>17</v>
      </c>
      <c r="Y19179" s="2">
        <v>124.7</v>
      </c>
      <c r="Z19179" s="2">
        <v>153.6</v>
      </c>
      <c r="AA19179" s="5">
        <v>7</v>
      </c>
      <c r="AB19179" s="5" t="s">
        <v>43</v>
      </c>
      <c r="AC19179" s="5" t="s">
        <v>735</v>
      </c>
      <c r="AD19179" s="2" t="s">
        <v>59960</v>
      </c>
      <c r="AE19179" s="1"/>
    </row>
    <row r="19180" spans="1:31" ht="14.45">
      <c r="A19180" s="5" t="s">
        <v>116</v>
      </c>
      <c r="B19180" s="21">
        <v>46082</v>
      </c>
      <c r="C19180" s="2" t="s">
        <v>59961</v>
      </c>
      <c r="D19180" s="14" t="s">
        <v>59962</v>
      </c>
      <c r="E19180" s="2" t="s">
        <v>59963</v>
      </c>
      <c r="F19180" s="2" t="s">
        <v>59964</v>
      </c>
      <c r="G19180" s="8">
        <v>1493</v>
      </c>
      <c r="H19180" s="5">
        <v>5</v>
      </c>
      <c r="I19180" s="5" t="s">
        <v>69</v>
      </c>
      <c r="J19180" s="5" t="s">
        <v>55802</v>
      </c>
      <c r="K19180" s="2" t="s">
        <v>55803</v>
      </c>
      <c r="L19180" s="5" t="s">
        <v>55802</v>
      </c>
      <c r="M19180" s="2" t="s">
        <v>55803</v>
      </c>
      <c r="N19180" s="5" t="s">
        <v>733</v>
      </c>
      <c r="O19180" s="5" t="s">
        <v>38</v>
      </c>
      <c r="P19180" s="5" t="s">
        <v>39</v>
      </c>
      <c r="Q19180" s="5" t="s">
        <v>40</v>
      </c>
      <c r="R19180" s="5" t="s">
        <v>897</v>
      </c>
      <c r="S19180" s="5" t="s">
        <v>40</v>
      </c>
      <c r="T19180" s="5" t="s">
        <v>42</v>
      </c>
      <c r="U19180" s="2">
        <v>72.647000000000006</v>
      </c>
      <c r="V19180" s="2">
        <v>67.372</v>
      </c>
      <c r="W19180" s="2">
        <v>0.315</v>
      </c>
      <c r="X19180" s="2">
        <v>17</v>
      </c>
      <c r="Y19180" s="2">
        <v>120.7</v>
      </c>
      <c r="Z19180" s="2">
        <v>153.6</v>
      </c>
      <c r="AA19180" s="5">
        <v>7</v>
      </c>
      <c r="AB19180" s="5" t="s">
        <v>43</v>
      </c>
      <c r="AC19180" s="5" t="s">
        <v>735</v>
      </c>
      <c r="AD19180" s="2" t="s">
        <v>59965</v>
      </c>
      <c r="AE19180" s="1"/>
    </row>
    <row r="19181" spans="1:31" ht="14.45">
      <c r="A19181" s="11"/>
      <c r="B19181" s="20"/>
      <c r="C19181" s="2" t="s">
        <v>59966</v>
      </c>
      <c r="D19181" s="14" t="s">
        <v>59967</v>
      </c>
      <c r="E19181" s="2" t="s">
        <v>59968</v>
      </c>
      <c r="F19181" s="2" t="s">
        <v>59955</v>
      </c>
      <c r="G19181" s="8">
        <v>1393</v>
      </c>
      <c r="H19181" s="5">
        <v>10</v>
      </c>
      <c r="I19181" s="5" t="s">
        <v>69</v>
      </c>
      <c r="J19181" s="5" t="s">
        <v>55802</v>
      </c>
      <c r="K19181" s="2" t="s">
        <v>55803</v>
      </c>
      <c r="L19181" s="5" t="s">
        <v>55802</v>
      </c>
      <c r="M19181" s="2" t="s">
        <v>55803</v>
      </c>
      <c r="N19181" s="5" t="s">
        <v>733</v>
      </c>
      <c r="O19181" s="5" t="s">
        <v>38</v>
      </c>
      <c r="P19181" s="5" t="s">
        <v>39</v>
      </c>
      <c r="Q19181" s="5" t="s">
        <v>40</v>
      </c>
      <c r="R19181" s="5" t="s">
        <v>897</v>
      </c>
      <c r="S19181" s="5" t="s">
        <v>40</v>
      </c>
      <c r="T19181" s="5" t="s">
        <v>42</v>
      </c>
      <c r="U19181" s="2">
        <v>72.870999999999995</v>
      </c>
      <c r="V19181" s="2">
        <v>67.296999999999997</v>
      </c>
      <c r="W19181" s="2">
        <v>0.32600000000000001</v>
      </c>
      <c r="X19181" s="2">
        <v>17</v>
      </c>
      <c r="Y19181" s="2">
        <v>124.7</v>
      </c>
      <c r="Z19181" s="2">
        <v>153.6</v>
      </c>
      <c r="AA19181" s="5">
        <v>7</v>
      </c>
      <c r="AB19181" s="5" t="s">
        <v>43</v>
      </c>
      <c r="AC19181" s="5" t="s">
        <v>735</v>
      </c>
      <c r="AD19181" s="2" t="s">
        <v>59969</v>
      </c>
      <c r="AE19181" s="1"/>
    </row>
    <row r="19182" spans="1:31" ht="14.45">
      <c r="A19182" s="5"/>
      <c r="B19182" s="21"/>
      <c r="C19182" s="2" t="s">
        <v>59970</v>
      </c>
      <c r="D19182" s="14" t="s">
        <v>59971</v>
      </c>
      <c r="E19182" s="2" t="s">
        <v>59972</v>
      </c>
      <c r="F19182" s="2" t="s">
        <v>59973</v>
      </c>
      <c r="G19182" s="8">
        <v>1640</v>
      </c>
      <c r="H19182" s="5">
        <v>5</v>
      </c>
      <c r="I19182" s="5" t="s">
        <v>69</v>
      </c>
      <c r="J19182" s="5" t="s">
        <v>55802</v>
      </c>
      <c r="K19182" s="2" t="s">
        <v>55803</v>
      </c>
      <c r="L19182" s="5" t="s">
        <v>55802</v>
      </c>
      <c r="M19182" s="2" t="s">
        <v>55803</v>
      </c>
      <c r="N19182" s="5" t="s">
        <v>733</v>
      </c>
      <c r="O19182" s="5" t="s">
        <v>38</v>
      </c>
      <c r="P19182" s="5" t="s">
        <v>39</v>
      </c>
      <c r="Q19182" s="5" t="s">
        <v>40</v>
      </c>
      <c r="R19182" s="5" t="s">
        <v>897</v>
      </c>
      <c r="S19182" s="5" t="s">
        <v>40</v>
      </c>
      <c r="T19182" s="5" t="s">
        <v>42</v>
      </c>
      <c r="U19182" s="2">
        <v>73.760000000000005</v>
      </c>
      <c r="V19182" s="2">
        <v>68.438999999999993</v>
      </c>
      <c r="W19182" s="2">
        <v>0.32600000000000001</v>
      </c>
      <c r="X19182" s="2">
        <v>17</v>
      </c>
      <c r="Y19182" s="2">
        <v>124.7</v>
      </c>
      <c r="Z19182" s="2">
        <v>153.6</v>
      </c>
      <c r="AA19182" s="5">
        <v>7</v>
      </c>
      <c r="AB19182" s="5" t="s">
        <v>43</v>
      </c>
      <c r="AC19182" s="5" t="s">
        <v>735</v>
      </c>
      <c r="AD19182" s="2"/>
      <c r="AE19182" s="1"/>
    </row>
    <row r="19183" spans="1:31" ht="14.45">
      <c r="A19183" s="11"/>
      <c r="B19183" s="20"/>
      <c r="C19183" s="2" t="s">
        <v>59974</v>
      </c>
      <c r="D19183" s="14" t="s">
        <v>59975</v>
      </c>
      <c r="E19183" s="2" t="s">
        <v>59976</v>
      </c>
      <c r="F19183" s="2" t="s">
        <v>59977</v>
      </c>
      <c r="G19183" s="8">
        <v>2232</v>
      </c>
      <c r="H19183" s="5">
        <v>10</v>
      </c>
      <c r="I19183" s="5" t="s">
        <v>69</v>
      </c>
      <c r="J19183" s="5" t="s">
        <v>55802</v>
      </c>
      <c r="K19183" s="2" t="s">
        <v>55803</v>
      </c>
      <c r="L19183" s="5" t="s">
        <v>55802</v>
      </c>
      <c r="M19183" s="2" t="s">
        <v>55803</v>
      </c>
      <c r="N19183" s="5" t="s">
        <v>733</v>
      </c>
      <c r="O19183" s="5" t="s">
        <v>38</v>
      </c>
      <c r="P19183" s="5" t="s">
        <v>39</v>
      </c>
      <c r="Q19183" s="5" t="s">
        <v>40</v>
      </c>
      <c r="R19183" s="5" t="s">
        <v>897</v>
      </c>
      <c r="S19183" s="5" t="s">
        <v>40</v>
      </c>
      <c r="T19183" s="5" t="s">
        <v>42</v>
      </c>
      <c r="U19183" s="2">
        <v>88.759</v>
      </c>
      <c r="V19183" s="2">
        <v>83.361000000000004</v>
      </c>
      <c r="W19183" s="2">
        <v>0.32600000000000001</v>
      </c>
      <c r="X19183" s="2">
        <v>17</v>
      </c>
      <c r="Y19183" s="2">
        <v>124.7</v>
      </c>
      <c r="Z19183" s="2">
        <v>153.6</v>
      </c>
      <c r="AA19183" s="5">
        <v>7</v>
      </c>
      <c r="AB19183" s="5" t="s">
        <v>43</v>
      </c>
      <c r="AC19183" s="5" t="s">
        <v>735</v>
      </c>
      <c r="AD19183" s="2" t="s">
        <v>59978</v>
      </c>
      <c r="AE19183" s="1"/>
    </row>
    <row r="19184" spans="1:31" ht="14.45">
      <c r="A19184" s="11"/>
      <c r="B19184" s="20"/>
      <c r="C19184" s="2" t="s">
        <v>59979</v>
      </c>
      <c r="D19184" s="14" t="s">
        <v>59980</v>
      </c>
      <c r="E19184" s="2" t="s">
        <v>59981</v>
      </c>
      <c r="F19184" s="2" t="s">
        <v>59982</v>
      </c>
      <c r="G19184" s="8">
        <v>2004</v>
      </c>
      <c r="H19184" s="5">
        <v>10</v>
      </c>
      <c r="I19184" s="5" t="s">
        <v>69</v>
      </c>
      <c r="J19184" s="5" t="s">
        <v>55802</v>
      </c>
      <c r="K19184" s="2" t="s">
        <v>55803</v>
      </c>
      <c r="L19184" s="5" t="s">
        <v>55802</v>
      </c>
      <c r="M19184" s="2" t="s">
        <v>55803</v>
      </c>
      <c r="N19184" s="5" t="s">
        <v>733</v>
      </c>
      <c r="O19184" s="5" t="s">
        <v>38</v>
      </c>
      <c r="P19184" s="5" t="s">
        <v>39</v>
      </c>
      <c r="Q19184" s="5" t="s">
        <v>40</v>
      </c>
      <c r="R19184" s="5" t="s">
        <v>897</v>
      </c>
      <c r="S19184" s="5" t="s">
        <v>40</v>
      </c>
      <c r="T19184" s="5" t="s">
        <v>42</v>
      </c>
      <c r="U19184" s="2">
        <v>76.591999999999999</v>
      </c>
      <c r="V19184" s="2">
        <v>71.194000000000003</v>
      </c>
      <c r="W19184" s="2">
        <v>0.32600000000000001</v>
      </c>
      <c r="X19184" s="2">
        <v>17</v>
      </c>
      <c r="Y19184" s="2">
        <v>124.7</v>
      </c>
      <c r="Z19184" s="2">
        <v>153.6</v>
      </c>
      <c r="AA19184" s="5">
        <v>7</v>
      </c>
      <c r="AB19184" s="5" t="s">
        <v>43</v>
      </c>
      <c r="AC19184" s="5" t="s">
        <v>735</v>
      </c>
      <c r="AD19184" s="2" t="s">
        <v>59983</v>
      </c>
      <c r="AE19184" s="1"/>
    </row>
    <row r="19185" spans="1:31" ht="14.45">
      <c r="A19185" s="5" t="s">
        <v>116</v>
      </c>
      <c r="B19185" s="21">
        <v>46082</v>
      </c>
      <c r="C19185" s="2" t="s">
        <v>59984</v>
      </c>
      <c r="D19185" s="14" t="s">
        <v>59985</v>
      </c>
      <c r="E19185" s="2" t="s">
        <v>59986</v>
      </c>
      <c r="F19185" s="2" t="s">
        <v>59987</v>
      </c>
      <c r="G19185" s="8">
        <v>2104</v>
      </c>
      <c r="H19185" s="5">
        <v>5</v>
      </c>
      <c r="I19185" s="5" t="s">
        <v>69</v>
      </c>
      <c r="J19185" s="5" t="s">
        <v>55802</v>
      </c>
      <c r="K19185" s="2" t="s">
        <v>55803</v>
      </c>
      <c r="L19185" s="5" t="s">
        <v>55802</v>
      </c>
      <c r="M19185" s="2" t="s">
        <v>55803</v>
      </c>
      <c r="N19185" s="5" t="s">
        <v>733</v>
      </c>
      <c r="O19185" s="5" t="s">
        <v>38</v>
      </c>
      <c r="P19185" s="5" t="s">
        <v>39</v>
      </c>
      <c r="Q19185" s="5" t="s">
        <v>40</v>
      </c>
      <c r="R19185" s="5" t="s">
        <v>897</v>
      </c>
      <c r="S19185" s="5" t="s">
        <v>40</v>
      </c>
      <c r="T19185" s="5" t="s">
        <v>42</v>
      </c>
      <c r="U19185" s="2">
        <v>76.733999999999995</v>
      </c>
      <c r="V19185" s="2">
        <v>71.459000000000003</v>
      </c>
      <c r="W19185" s="2">
        <v>0.315</v>
      </c>
      <c r="X19185" s="2">
        <v>17</v>
      </c>
      <c r="Y19185" s="2">
        <v>120.7</v>
      </c>
      <c r="Z19185" s="2">
        <v>153.6</v>
      </c>
      <c r="AA19185" s="5">
        <v>7</v>
      </c>
      <c r="AB19185" s="5" t="s">
        <v>43</v>
      </c>
      <c r="AC19185" s="5" t="s">
        <v>735</v>
      </c>
      <c r="AD19185" s="2" t="s">
        <v>59988</v>
      </c>
      <c r="AE19185" s="1"/>
    </row>
    <row r="19186" spans="1:31" ht="14.45">
      <c r="A19186" s="11"/>
      <c r="B19186" s="20"/>
      <c r="C19186" s="2" t="s">
        <v>59989</v>
      </c>
      <c r="D19186" s="14" t="s">
        <v>59990</v>
      </c>
      <c r="E19186" s="2" t="s">
        <v>59991</v>
      </c>
      <c r="F19186" s="2" t="s">
        <v>59992</v>
      </c>
      <c r="G19186" s="8">
        <v>1511</v>
      </c>
      <c r="H19186" s="5">
        <v>10</v>
      </c>
      <c r="I19186" s="5" t="s">
        <v>69</v>
      </c>
      <c r="J19186" s="5" t="s">
        <v>55802</v>
      </c>
      <c r="K19186" s="2" t="s">
        <v>55803</v>
      </c>
      <c r="L19186" s="5" t="s">
        <v>55802</v>
      </c>
      <c r="M19186" s="2" t="s">
        <v>55803</v>
      </c>
      <c r="N19186" s="5" t="s">
        <v>733</v>
      </c>
      <c r="O19186" s="5" t="s">
        <v>38</v>
      </c>
      <c r="P19186" s="5" t="s">
        <v>39</v>
      </c>
      <c r="Q19186" s="5" t="s">
        <v>40</v>
      </c>
      <c r="R19186" s="5" t="s">
        <v>897</v>
      </c>
      <c r="S19186" s="5" t="s">
        <v>40</v>
      </c>
      <c r="T19186" s="5" t="s">
        <v>42</v>
      </c>
      <c r="U19186" s="2">
        <v>66.602999999999994</v>
      </c>
      <c r="V19186" s="2">
        <v>61.189</v>
      </c>
      <c r="W19186" s="2">
        <v>0.32600000000000001</v>
      </c>
      <c r="X19186" s="2">
        <v>17</v>
      </c>
      <c r="Y19186" s="2">
        <v>124.7</v>
      </c>
      <c r="Z19186" s="2">
        <v>153.6</v>
      </c>
      <c r="AA19186" s="5">
        <v>7</v>
      </c>
      <c r="AB19186" s="5" t="s">
        <v>43</v>
      </c>
      <c r="AC19186" s="5" t="s">
        <v>735</v>
      </c>
      <c r="AD19186" s="2" t="s">
        <v>59993</v>
      </c>
      <c r="AE19186" s="1"/>
    </row>
    <row r="19187" spans="1:31" ht="14.45">
      <c r="A19187" s="5" t="s">
        <v>116</v>
      </c>
      <c r="B19187" s="21">
        <v>46082</v>
      </c>
      <c r="C19187" s="2" t="s">
        <v>59994</v>
      </c>
      <c r="D19187" s="14" t="s">
        <v>59995</v>
      </c>
      <c r="E19187" s="2" t="s">
        <v>59996</v>
      </c>
      <c r="F19187" s="2" t="s">
        <v>59997</v>
      </c>
      <c r="G19187" s="8">
        <v>1611</v>
      </c>
      <c r="H19187" s="5">
        <v>5</v>
      </c>
      <c r="I19187" s="5" t="s">
        <v>69</v>
      </c>
      <c r="J19187" s="5" t="s">
        <v>55802</v>
      </c>
      <c r="K19187" s="2" t="s">
        <v>55803</v>
      </c>
      <c r="L19187" s="5" t="s">
        <v>55802</v>
      </c>
      <c r="M19187" s="2" t="s">
        <v>55803</v>
      </c>
      <c r="N19187" s="5" t="s">
        <v>733</v>
      </c>
      <c r="O19187" s="5" t="s">
        <v>38</v>
      </c>
      <c r="P19187" s="5" t="s">
        <v>39</v>
      </c>
      <c r="Q19187" s="5" t="s">
        <v>40</v>
      </c>
      <c r="R19187" s="5" t="s">
        <v>897</v>
      </c>
      <c r="S19187" s="5" t="s">
        <v>40</v>
      </c>
      <c r="T19187" s="5" t="s">
        <v>42</v>
      </c>
      <c r="U19187" s="2">
        <v>66.637</v>
      </c>
      <c r="V19187" s="2">
        <v>61.408000000000001</v>
      </c>
      <c r="W19187" s="2">
        <v>0.315</v>
      </c>
      <c r="X19187" s="2">
        <v>17</v>
      </c>
      <c r="Y19187" s="2">
        <v>120.7</v>
      </c>
      <c r="Z19187" s="2">
        <v>153.6</v>
      </c>
      <c r="AA19187" s="5">
        <v>7</v>
      </c>
      <c r="AB19187" s="5" t="s">
        <v>43</v>
      </c>
      <c r="AC19187" s="5" t="s">
        <v>735</v>
      </c>
      <c r="AD19187" s="2" t="s">
        <v>59998</v>
      </c>
      <c r="AE19187" s="1"/>
    </row>
    <row r="19188" spans="1:31" ht="14.45">
      <c r="A19188" s="11"/>
      <c r="B19188" s="20"/>
      <c r="C19188" s="2" t="s">
        <v>59999</v>
      </c>
      <c r="D19188" s="14" t="s">
        <v>60000</v>
      </c>
      <c r="E19188" s="2" t="s">
        <v>60001</v>
      </c>
      <c r="F19188" s="2" t="s">
        <v>60002</v>
      </c>
      <c r="G19188" s="8">
        <v>1561</v>
      </c>
      <c r="H19188" s="5">
        <v>5</v>
      </c>
      <c r="I19188" s="5" t="s">
        <v>69</v>
      </c>
      <c r="J19188" s="5" t="s">
        <v>55802</v>
      </c>
      <c r="K19188" s="2" t="s">
        <v>55803</v>
      </c>
      <c r="L19188" s="5" t="s">
        <v>55802</v>
      </c>
      <c r="M19188" s="2" t="s">
        <v>55803</v>
      </c>
      <c r="N19188" s="5" t="s">
        <v>733</v>
      </c>
      <c r="O19188" s="5" t="s">
        <v>38</v>
      </c>
      <c r="P19188" s="5" t="s">
        <v>39</v>
      </c>
      <c r="Q19188" s="5" t="s">
        <v>40</v>
      </c>
      <c r="R19188" s="5" t="s">
        <v>897</v>
      </c>
      <c r="S19188" s="5" t="s">
        <v>40</v>
      </c>
      <c r="T19188" s="5" t="s">
        <v>42</v>
      </c>
      <c r="U19188" s="2">
        <v>76.650999999999996</v>
      </c>
      <c r="V19188" s="2">
        <v>71.367999999999995</v>
      </c>
      <c r="W19188" s="2">
        <v>0.32600000000000001</v>
      </c>
      <c r="X19188" s="2">
        <v>17</v>
      </c>
      <c r="Y19188" s="2">
        <v>124.7</v>
      </c>
      <c r="Z19188" s="2">
        <v>153.6</v>
      </c>
      <c r="AA19188" s="5">
        <v>7</v>
      </c>
      <c r="AB19188" s="5" t="s">
        <v>43</v>
      </c>
      <c r="AC19188" s="5" t="s">
        <v>735</v>
      </c>
      <c r="AD19188" s="2" t="s">
        <v>60003</v>
      </c>
      <c r="AE19188" s="1"/>
    </row>
    <row r="19189" spans="1:31" ht="14.45">
      <c r="A19189" s="11"/>
      <c r="B19189" s="20"/>
      <c r="C19189" s="2" t="s">
        <v>60004</v>
      </c>
      <c r="D19189" s="14" t="s">
        <v>60005</v>
      </c>
      <c r="E19189" s="2" t="s">
        <v>60006</v>
      </c>
      <c r="F19189" s="2" t="s">
        <v>60002</v>
      </c>
      <c r="G19189" s="8">
        <v>1861</v>
      </c>
      <c r="H19189" s="5">
        <v>10</v>
      </c>
      <c r="I19189" s="5" t="s">
        <v>69</v>
      </c>
      <c r="J19189" s="5" t="s">
        <v>55802</v>
      </c>
      <c r="K19189" s="2" t="s">
        <v>55803</v>
      </c>
      <c r="L19189" s="5" t="s">
        <v>55802</v>
      </c>
      <c r="M19189" s="2" t="s">
        <v>55803</v>
      </c>
      <c r="N19189" s="5" t="s">
        <v>733</v>
      </c>
      <c r="O19189" s="5" t="s">
        <v>38</v>
      </c>
      <c r="P19189" s="5" t="s">
        <v>39</v>
      </c>
      <c r="Q19189" s="5" t="s">
        <v>40</v>
      </c>
      <c r="R19189" s="5" t="s">
        <v>897</v>
      </c>
      <c r="S19189" s="5" t="s">
        <v>40</v>
      </c>
      <c r="T19189" s="5" t="s">
        <v>42</v>
      </c>
      <c r="U19189" s="2">
        <v>76.53</v>
      </c>
      <c r="V19189" s="2">
        <v>71.132000000000005</v>
      </c>
      <c r="W19189" s="2">
        <v>0.32600000000000001</v>
      </c>
      <c r="X19189" s="2">
        <v>17</v>
      </c>
      <c r="Y19189" s="2">
        <v>124.7</v>
      </c>
      <c r="Z19189" s="2">
        <v>153.6</v>
      </c>
      <c r="AA19189" s="5">
        <v>7</v>
      </c>
      <c r="AB19189" s="5" t="s">
        <v>43</v>
      </c>
      <c r="AC19189" s="5" t="s">
        <v>735</v>
      </c>
      <c r="AD19189" s="2" t="s">
        <v>60007</v>
      </c>
      <c r="AE19189" s="1"/>
    </row>
    <row r="19190" spans="1:31" ht="14.45">
      <c r="A19190" s="5" t="s">
        <v>116</v>
      </c>
      <c r="B19190" s="21">
        <v>46082</v>
      </c>
      <c r="C19190" s="2" t="s">
        <v>60008</v>
      </c>
      <c r="D19190" s="14" t="s">
        <v>60009</v>
      </c>
      <c r="E19190" s="2" t="s">
        <v>60010</v>
      </c>
      <c r="F19190" s="2" t="s">
        <v>60011</v>
      </c>
      <c r="G19190" s="8">
        <v>1961</v>
      </c>
      <c r="H19190" s="5">
        <v>5</v>
      </c>
      <c r="I19190" s="5" t="s">
        <v>69</v>
      </c>
      <c r="J19190" s="5" t="s">
        <v>55802</v>
      </c>
      <c r="K19190" s="2" t="s">
        <v>55803</v>
      </c>
      <c r="L19190" s="5" t="s">
        <v>55802</v>
      </c>
      <c r="M19190" s="2" t="s">
        <v>55803</v>
      </c>
      <c r="N19190" s="5" t="s">
        <v>733</v>
      </c>
      <c r="O19190" s="5" t="s">
        <v>38</v>
      </c>
      <c r="P19190" s="5" t="s">
        <v>39</v>
      </c>
      <c r="Q19190" s="5" t="s">
        <v>40</v>
      </c>
      <c r="R19190" s="5" t="s">
        <v>897</v>
      </c>
      <c r="S19190" s="5" t="s">
        <v>40</v>
      </c>
      <c r="T19190" s="5" t="s">
        <v>42</v>
      </c>
      <c r="U19190" s="2">
        <v>76.671999999999997</v>
      </c>
      <c r="V19190" s="2">
        <v>71.397000000000006</v>
      </c>
      <c r="W19190" s="2">
        <v>0.315</v>
      </c>
      <c r="X19190" s="2">
        <v>17</v>
      </c>
      <c r="Y19190" s="2">
        <v>120.7</v>
      </c>
      <c r="Z19190" s="2">
        <v>153.6</v>
      </c>
      <c r="AA19190" s="5">
        <v>7</v>
      </c>
      <c r="AB19190" s="5" t="s">
        <v>43</v>
      </c>
      <c r="AC19190" s="5" t="s">
        <v>735</v>
      </c>
      <c r="AD19190" s="2" t="s">
        <v>60012</v>
      </c>
      <c r="AE19190" s="1"/>
    </row>
    <row r="19191" spans="1:31" ht="14.45">
      <c r="A19191" s="11"/>
      <c r="B19191" s="20"/>
      <c r="C19191" s="2" t="s">
        <v>60013</v>
      </c>
      <c r="D19191" s="14" t="s">
        <v>60014</v>
      </c>
      <c r="E19191" s="2" t="s">
        <v>60015</v>
      </c>
      <c r="F19191" s="2" t="s">
        <v>60016</v>
      </c>
      <c r="G19191" s="8">
        <v>2004</v>
      </c>
      <c r="H19191" s="5">
        <v>10</v>
      </c>
      <c r="I19191" s="5" t="s">
        <v>69</v>
      </c>
      <c r="J19191" s="5" t="s">
        <v>55802</v>
      </c>
      <c r="K19191" s="2" t="s">
        <v>55803</v>
      </c>
      <c r="L19191" s="5" t="s">
        <v>55802</v>
      </c>
      <c r="M19191" s="2" t="s">
        <v>55803</v>
      </c>
      <c r="N19191" s="5" t="s">
        <v>733</v>
      </c>
      <c r="O19191" s="5" t="s">
        <v>38</v>
      </c>
      <c r="P19191" s="5" t="s">
        <v>39</v>
      </c>
      <c r="Q19191" s="5" t="s">
        <v>40</v>
      </c>
      <c r="R19191" s="5" t="s">
        <v>897</v>
      </c>
      <c r="S19191" s="5" t="s">
        <v>40</v>
      </c>
      <c r="T19191" s="5" t="s">
        <v>42</v>
      </c>
      <c r="U19191" s="2">
        <v>75.481999999999999</v>
      </c>
      <c r="V19191" s="2">
        <v>70.084000000000003</v>
      </c>
      <c r="W19191" s="2">
        <v>0.32600000000000001</v>
      </c>
      <c r="X19191" s="2">
        <v>17</v>
      </c>
      <c r="Y19191" s="2">
        <v>124.7</v>
      </c>
      <c r="Z19191" s="2">
        <v>153.6</v>
      </c>
      <c r="AA19191" s="5">
        <v>7</v>
      </c>
      <c r="AB19191" s="5" t="s">
        <v>43</v>
      </c>
      <c r="AC19191" s="5" t="s">
        <v>735</v>
      </c>
      <c r="AD19191" s="2" t="s">
        <v>60017</v>
      </c>
      <c r="AE19191" s="1"/>
    </row>
    <row r="19192" spans="1:31" ht="14.45">
      <c r="A19192" s="11"/>
      <c r="B19192" s="20"/>
      <c r="C19192" s="2" t="s">
        <v>60018</v>
      </c>
      <c r="D19192" s="14" t="s">
        <v>60019</v>
      </c>
      <c r="E19192" s="2" t="s">
        <v>60020</v>
      </c>
      <c r="F19192" s="2" t="s">
        <v>60021</v>
      </c>
      <c r="G19192" s="8">
        <v>1561</v>
      </c>
      <c r="H19192" s="5">
        <v>10</v>
      </c>
      <c r="I19192" s="5" t="s">
        <v>69</v>
      </c>
      <c r="J19192" s="5" t="s">
        <v>55802</v>
      </c>
      <c r="K19192" s="2" t="s">
        <v>55803</v>
      </c>
      <c r="L19192" s="5" t="s">
        <v>55802</v>
      </c>
      <c r="M19192" s="2" t="s">
        <v>55803</v>
      </c>
      <c r="N19192" s="5" t="s">
        <v>733</v>
      </c>
      <c r="O19192" s="5" t="s">
        <v>38</v>
      </c>
      <c r="P19192" s="5" t="s">
        <v>39</v>
      </c>
      <c r="Q19192" s="5" t="s">
        <v>40</v>
      </c>
      <c r="R19192" s="5" t="s">
        <v>897</v>
      </c>
      <c r="S19192" s="5" t="s">
        <v>40</v>
      </c>
      <c r="T19192" s="5" t="s">
        <v>42</v>
      </c>
      <c r="U19192" s="2">
        <v>75.540999999999997</v>
      </c>
      <c r="V19192" s="2">
        <v>70.257999999999996</v>
      </c>
      <c r="W19192" s="2">
        <v>0.32600000000000001</v>
      </c>
      <c r="X19192" s="2">
        <v>17</v>
      </c>
      <c r="Y19192" s="2">
        <v>124.7</v>
      </c>
      <c r="Z19192" s="2">
        <v>153.6</v>
      </c>
      <c r="AA19192" s="5">
        <v>7</v>
      </c>
      <c r="AB19192" s="5" t="s">
        <v>43</v>
      </c>
      <c r="AC19192" s="5" t="s">
        <v>735</v>
      </c>
      <c r="AD19192" s="2" t="s">
        <v>60022</v>
      </c>
      <c r="AE19192" s="1"/>
    </row>
    <row r="19193" spans="1:31" ht="14.45">
      <c r="A19193" s="11"/>
      <c r="B19193" s="20"/>
      <c r="C19193" s="2" t="s">
        <v>60023</v>
      </c>
      <c r="D19193" s="14" t="s">
        <v>60024</v>
      </c>
      <c r="E19193" s="2" t="s">
        <v>60025</v>
      </c>
      <c r="F19193" s="2" t="s">
        <v>60026</v>
      </c>
      <c r="G19193" s="8">
        <v>1464</v>
      </c>
      <c r="H19193" s="5">
        <v>10</v>
      </c>
      <c r="I19193" s="5" t="s">
        <v>69</v>
      </c>
      <c r="J19193" s="5" t="s">
        <v>55802</v>
      </c>
      <c r="K19193" s="2" t="s">
        <v>55803</v>
      </c>
      <c r="L19193" s="5" t="s">
        <v>55802</v>
      </c>
      <c r="M19193" s="2" t="s">
        <v>55803</v>
      </c>
      <c r="N19193" s="5" t="s">
        <v>733</v>
      </c>
      <c r="O19193" s="5" t="s">
        <v>38</v>
      </c>
      <c r="P19193" s="5" t="s">
        <v>39</v>
      </c>
      <c r="Q19193" s="5" t="s">
        <v>40</v>
      </c>
      <c r="R19193" s="5" t="s">
        <v>897</v>
      </c>
      <c r="S19193" s="5" t="s">
        <v>40</v>
      </c>
      <c r="T19193" s="5" t="s">
        <v>42</v>
      </c>
      <c r="U19193" s="2">
        <v>82.995999999999995</v>
      </c>
      <c r="V19193" s="2">
        <v>77.751999999999995</v>
      </c>
      <c r="W19193" s="2">
        <v>0.32600000000000001</v>
      </c>
      <c r="X19193" s="2">
        <v>17</v>
      </c>
      <c r="Y19193" s="2">
        <v>124.7</v>
      </c>
      <c r="Z19193" s="2">
        <v>153.6</v>
      </c>
      <c r="AA19193" s="5">
        <v>7</v>
      </c>
      <c r="AB19193" s="5" t="s">
        <v>43</v>
      </c>
      <c r="AC19193" s="5" t="s">
        <v>735</v>
      </c>
      <c r="AD19193" s="2" t="s">
        <v>60027</v>
      </c>
      <c r="AE19193" s="1"/>
    </row>
    <row r="19194" spans="1:31" ht="14.45">
      <c r="A19194" s="11"/>
      <c r="B19194" s="20"/>
      <c r="C19194" s="2" t="s">
        <v>60028</v>
      </c>
      <c r="D19194" s="14" t="s">
        <v>60029</v>
      </c>
      <c r="E19194" s="2" t="s">
        <v>60030</v>
      </c>
      <c r="F19194" s="2" t="s">
        <v>60031</v>
      </c>
      <c r="G19194" s="8">
        <v>1764</v>
      </c>
      <c r="H19194" s="5">
        <v>10</v>
      </c>
      <c r="I19194" s="5" t="s">
        <v>69</v>
      </c>
      <c r="J19194" s="5" t="s">
        <v>55802</v>
      </c>
      <c r="K19194" s="2" t="s">
        <v>55803</v>
      </c>
      <c r="L19194" s="5" t="s">
        <v>55802</v>
      </c>
      <c r="M19194" s="2" t="s">
        <v>55803</v>
      </c>
      <c r="N19194" s="5" t="s">
        <v>733</v>
      </c>
      <c r="O19194" s="5" t="s">
        <v>38</v>
      </c>
      <c r="P19194" s="5" t="s">
        <v>39</v>
      </c>
      <c r="Q19194" s="5" t="s">
        <v>40</v>
      </c>
      <c r="R19194" s="5" t="s">
        <v>897</v>
      </c>
      <c r="S19194" s="5" t="s">
        <v>40</v>
      </c>
      <c r="T19194" s="5" t="s">
        <v>42</v>
      </c>
      <c r="U19194" s="2">
        <v>84.734999999999999</v>
      </c>
      <c r="V19194" s="2">
        <v>79.337000000000003</v>
      </c>
      <c r="W19194" s="2">
        <v>0.32600000000000001</v>
      </c>
      <c r="X19194" s="2">
        <v>17</v>
      </c>
      <c r="Y19194" s="2">
        <v>124.7</v>
      </c>
      <c r="Z19194" s="2">
        <v>153.6</v>
      </c>
      <c r="AA19194" s="5">
        <v>7</v>
      </c>
      <c r="AB19194" s="5" t="s">
        <v>43</v>
      </c>
      <c r="AC19194" s="5" t="s">
        <v>735</v>
      </c>
      <c r="AD19194" s="2" t="s">
        <v>60032</v>
      </c>
      <c r="AE19194" s="1"/>
    </row>
    <row r="19195" spans="1:31" ht="14.45">
      <c r="A19195" s="11"/>
      <c r="B19195" s="20"/>
      <c r="C19195" s="2" t="s">
        <v>60033</v>
      </c>
      <c r="D19195" s="14" t="s">
        <v>60034</v>
      </c>
      <c r="E19195" s="2" t="s">
        <v>60035</v>
      </c>
      <c r="F19195" s="2" t="s">
        <v>60036</v>
      </c>
      <c r="G19195" s="8">
        <v>1236</v>
      </c>
      <c r="H19195" s="5">
        <v>5</v>
      </c>
      <c r="I19195" s="5" t="s">
        <v>69</v>
      </c>
      <c r="J19195" s="5" t="s">
        <v>55802</v>
      </c>
      <c r="K19195" s="2" t="s">
        <v>55803</v>
      </c>
      <c r="L19195" s="5" t="s">
        <v>55802</v>
      </c>
      <c r="M19195" s="2" t="s">
        <v>55803</v>
      </c>
      <c r="N19195" s="5" t="s">
        <v>733</v>
      </c>
      <c r="O19195" s="5" t="s">
        <v>38</v>
      </c>
      <c r="P19195" s="5" t="s">
        <v>39</v>
      </c>
      <c r="Q19195" s="5" t="s">
        <v>40</v>
      </c>
      <c r="R19195" s="5" t="s">
        <v>897</v>
      </c>
      <c r="S19195" s="5" t="s">
        <v>40</v>
      </c>
      <c r="T19195" s="5" t="s">
        <v>42</v>
      </c>
      <c r="U19195" s="2">
        <v>70.866</v>
      </c>
      <c r="V19195" s="2">
        <v>65.903999999999996</v>
      </c>
      <c r="W19195" s="2">
        <v>0.315</v>
      </c>
      <c r="X19195" s="2">
        <v>17</v>
      </c>
      <c r="Y19195" s="2">
        <v>120.7</v>
      </c>
      <c r="Z19195" s="2">
        <v>153.6</v>
      </c>
      <c r="AA19195" s="5">
        <v>7</v>
      </c>
      <c r="AB19195" s="5" t="s">
        <v>43</v>
      </c>
      <c r="AC19195" s="5" t="s">
        <v>735</v>
      </c>
      <c r="AD19195" s="2" t="s">
        <v>60037</v>
      </c>
      <c r="AE19195" s="1"/>
    </row>
    <row r="19196" spans="1:31" ht="14.45">
      <c r="A19196" s="11"/>
      <c r="B19196" s="20"/>
      <c r="C19196" s="2" t="s">
        <v>60038</v>
      </c>
      <c r="D19196" s="14" t="s">
        <v>60039</v>
      </c>
      <c r="E19196" s="2" t="s">
        <v>60040</v>
      </c>
      <c r="F19196" s="2" t="s">
        <v>60041</v>
      </c>
      <c r="G19196" s="8">
        <v>1536</v>
      </c>
      <c r="H19196" s="5">
        <v>5</v>
      </c>
      <c r="I19196" s="5" t="s">
        <v>69</v>
      </c>
      <c r="J19196" s="5" t="s">
        <v>55802</v>
      </c>
      <c r="K19196" s="2" t="s">
        <v>55803</v>
      </c>
      <c r="L19196" s="5" t="s">
        <v>55802</v>
      </c>
      <c r="M19196" s="2" t="s">
        <v>55803</v>
      </c>
      <c r="N19196" s="5" t="s">
        <v>733</v>
      </c>
      <c r="O19196" s="5" t="s">
        <v>38</v>
      </c>
      <c r="P19196" s="5" t="s">
        <v>39</v>
      </c>
      <c r="Q19196" s="5" t="s">
        <v>40</v>
      </c>
      <c r="R19196" s="5" t="s">
        <v>897</v>
      </c>
      <c r="S19196" s="5" t="s">
        <v>40</v>
      </c>
      <c r="T19196" s="5" t="s">
        <v>42</v>
      </c>
      <c r="U19196" s="2">
        <v>72.563000000000002</v>
      </c>
      <c r="V19196" s="2">
        <v>67.165000000000006</v>
      </c>
      <c r="W19196" s="2">
        <v>0.32600000000000001</v>
      </c>
      <c r="X19196" s="2">
        <v>17</v>
      </c>
      <c r="Y19196" s="2">
        <v>124.7</v>
      </c>
      <c r="Z19196" s="2">
        <v>153.6</v>
      </c>
      <c r="AA19196" s="5">
        <v>7</v>
      </c>
      <c r="AB19196" s="5" t="s">
        <v>43</v>
      </c>
      <c r="AC19196" s="5" t="s">
        <v>735</v>
      </c>
      <c r="AD19196" s="2" t="s">
        <v>60042</v>
      </c>
      <c r="AE19196" s="1"/>
    </row>
    <row r="19197" spans="1:31" ht="14.45">
      <c r="A19197" s="11"/>
      <c r="B19197" s="20"/>
      <c r="C19197" s="2" t="s">
        <v>60043</v>
      </c>
      <c r="D19197" s="14" t="s">
        <v>60044</v>
      </c>
      <c r="E19197" s="2" t="s">
        <v>60045</v>
      </c>
      <c r="F19197" s="2" t="s">
        <v>60041</v>
      </c>
      <c r="G19197" s="8">
        <v>1783</v>
      </c>
      <c r="H19197" s="5">
        <v>10</v>
      </c>
      <c r="I19197" s="5" t="s">
        <v>69</v>
      </c>
      <c r="J19197" s="5" t="s">
        <v>55802</v>
      </c>
      <c r="K19197" s="2" t="s">
        <v>55803</v>
      </c>
      <c r="L19197" s="5" t="s">
        <v>55802</v>
      </c>
      <c r="M19197" s="2" t="s">
        <v>55803</v>
      </c>
      <c r="N19197" s="5" t="s">
        <v>733</v>
      </c>
      <c r="O19197" s="5" t="s">
        <v>38</v>
      </c>
      <c r="P19197" s="5" t="s">
        <v>39</v>
      </c>
      <c r="Q19197" s="5" t="s">
        <v>40</v>
      </c>
      <c r="R19197" s="5" t="s">
        <v>897</v>
      </c>
      <c r="S19197" s="5" t="s">
        <v>40</v>
      </c>
      <c r="T19197" s="5" t="s">
        <v>42</v>
      </c>
      <c r="U19197" s="2">
        <v>73.049000000000007</v>
      </c>
      <c r="V19197" s="2">
        <v>67.727999999999994</v>
      </c>
      <c r="W19197" s="2">
        <v>0.32600000000000001</v>
      </c>
      <c r="X19197" s="2">
        <v>17</v>
      </c>
      <c r="Y19197" s="2">
        <v>124.7</v>
      </c>
      <c r="Z19197" s="2">
        <v>153.6</v>
      </c>
      <c r="AA19197" s="5">
        <v>7</v>
      </c>
      <c r="AB19197" s="5" t="s">
        <v>43</v>
      </c>
      <c r="AC19197" s="5" t="s">
        <v>735</v>
      </c>
      <c r="AD19197" s="2" t="s">
        <v>60046</v>
      </c>
      <c r="AE19197" s="1"/>
    </row>
    <row r="19198" spans="1:31" ht="14.45">
      <c r="A19198" s="11"/>
      <c r="B19198" s="20"/>
      <c r="C19198" s="2" t="s">
        <v>60047</v>
      </c>
      <c r="D19198" s="14" t="s">
        <v>60048</v>
      </c>
      <c r="E19198" s="2" t="s">
        <v>60049</v>
      </c>
      <c r="F19198" s="2" t="s">
        <v>60050</v>
      </c>
      <c r="G19198" s="8">
        <v>1464</v>
      </c>
      <c r="H19198" s="5">
        <v>10</v>
      </c>
      <c r="I19198" s="5" t="s">
        <v>69</v>
      </c>
      <c r="J19198" s="5" t="s">
        <v>55802</v>
      </c>
      <c r="K19198" s="2" t="s">
        <v>55803</v>
      </c>
      <c r="L19198" s="5" t="s">
        <v>55802</v>
      </c>
      <c r="M19198" s="2" t="s">
        <v>55803</v>
      </c>
      <c r="N19198" s="5" t="s">
        <v>733</v>
      </c>
      <c r="O19198" s="5" t="s">
        <v>38</v>
      </c>
      <c r="P19198" s="5" t="s">
        <v>39</v>
      </c>
      <c r="Q19198" s="5" t="s">
        <v>40</v>
      </c>
      <c r="R19198" s="5" t="s">
        <v>897</v>
      </c>
      <c r="S19198" s="5" t="s">
        <v>40</v>
      </c>
      <c r="T19198" s="5" t="s">
        <v>42</v>
      </c>
      <c r="U19198" s="2">
        <v>70.441999999999993</v>
      </c>
      <c r="V19198" s="2">
        <v>65.191000000000003</v>
      </c>
      <c r="W19198" s="2">
        <v>0.32600000000000001</v>
      </c>
      <c r="X19198" s="2">
        <v>17</v>
      </c>
      <c r="Y19198" s="2">
        <v>124.7</v>
      </c>
      <c r="Z19198" s="2">
        <v>153.6</v>
      </c>
      <c r="AA19198" s="5">
        <v>7</v>
      </c>
      <c r="AB19198" s="5" t="s">
        <v>43</v>
      </c>
      <c r="AC19198" s="5" t="s">
        <v>735</v>
      </c>
      <c r="AD19198" s="2" t="s">
        <v>60051</v>
      </c>
      <c r="AE19198" s="1"/>
    </row>
    <row r="19199" spans="1:31" ht="14.45">
      <c r="A19199" s="11"/>
      <c r="B19199" s="20"/>
      <c r="C19199" s="2" t="s">
        <v>60052</v>
      </c>
      <c r="D19199" s="14" t="s">
        <v>60053</v>
      </c>
      <c r="E19199" s="2" t="s">
        <v>60054</v>
      </c>
      <c r="F19199" s="2" t="s">
        <v>60050</v>
      </c>
      <c r="G19199" s="8">
        <v>1764</v>
      </c>
      <c r="H19199" s="5">
        <v>10</v>
      </c>
      <c r="I19199" s="5" t="s">
        <v>69</v>
      </c>
      <c r="J19199" s="5" t="s">
        <v>55802</v>
      </c>
      <c r="K19199" s="2" t="s">
        <v>55803</v>
      </c>
      <c r="L19199" s="5" t="s">
        <v>55802</v>
      </c>
      <c r="M19199" s="2" t="s">
        <v>55803</v>
      </c>
      <c r="N19199" s="5" t="s">
        <v>733</v>
      </c>
      <c r="O19199" s="5" t="s">
        <v>38</v>
      </c>
      <c r="P19199" s="5" t="s">
        <v>39</v>
      </c>
      <c r="Q19199" s="5" t="s">
        <v>40</v>
      </c>
      <c r="R19199" s="5" t="s">
        <v>897</v>
      </c>
      <c r="S19199" s="5" t="s">
        <v>40</v>
      </c>
      <c r="T19199" s="5" t="s">
        <v>42</v>
      </c>
      <c r="U19199" s="2">
        <v>72.349000000000004</v>
      </c>
      <c r="V19199" s="2">
        <v>66.950999999999993</v>
      </c>
      <c r="W19199" s="2">
        <v>0.32600000000000001</v>
      </c>
      <c r="X19199" s="2">
        <v>17</v>
      </c>
      <c r="Y19199" s="2">
        <v>124.7</v>
      </c>
      <c r="Z19199" s="2">
        <v>153.6</v>
      </c>
      <c r="AA19199" s="5">
        <v>7</v>
      </c>
      <c r="AB19199" s="5" t="s">
        <v>43</v>
      </c>
      <c r="AC19199" s="5" t="s">
        <v>735</v>
      </c>
      <c r="AD19199" s="2" t="s">
        <v>60055</v>
      </c>
      <c r="AE19199" s="1"/>
    </row>
    <row r="19200" spans="1:31" ht="14.45">
      <c r="A19200" s="11"/>
      <c r="B19200" s="20"/>
      <c r="C19200" s="2" t="s">
        <v>60056</v>
      </c>
      <c r="D19200" s="14" t="s">
        <v>60057</v>
      </c>
      <c r="E19200" s="2" t="s">
        <v>60058</v>
      </c>
      <c r="F19200" s="2" t="s">
        <v>60050</v>
      </c>
      <c r="G19200" s="8">
        <v>1764</v>
      </c>
      <c r="H19200" s="5">
        <v>10</v>
      </c>
      <c r="I19200" s="5" t="s">
        <v>69</v>
      </c>
      <c r="J19200" s="5" t="s">
        <v>55802</v>
      </c>
      <c r="K19200" s="2" t="s">
        <v>55803</v>
      </c>
      <c r="L19200" s="5" t="s">
        <v>55802</v>
      </c>
      <c r="M19200" s="2" t="s">
        <v>55803</v>
      </c>
      <c r="N19200" s="5" t="s">
        <v>733</v>
      </c>
      <c r="O19200" s="5" t="s">
        <v>38</v>
      </c>
      <c r="P19200" s="5" t="s">
        <v>39</v>
      </c>
      <c r="Q19200" s="5" t="s">
        <v>40</v>
      </c>
      <c r="R19200" s="5" t="s">
        <v>897</v>
      </c>
      <c r="S19200" s="5" t="s">
        <v>40</v>
      </c>
      <c r="T19200" s="5" t="s">
        <v>42</v>
      </c>
      <c r="U19200" s="2">
        <v>72.763999999999996</v>
      </c>
      <c r="V19200" s="2">
        <v>67.19</v>
      </c>
      <c r="W19200" s="2">
        <v>0.32600000000000001</v>
      </c>
      <c r="X19200" s="2">
        <v>17</v>
      </c>
      <c r="Y19200" s="2">
        <v>124.7</v>
      </c>
      <c r="Z19200" s="2">
        <v>153.6</v>
      </c>
      <c r="AA19200" s="5">
        <v>7</v>
      </c>
      <c r="AB19200" s="5" t="s">
        <v>43</v>
      </c>
      <c r="AC19200" s="5" t="s">
        <v>735</v>
      </c>
      <c r="AD19200" s="2" t="s">
        <v>60059</v>
      </c>
      <c r="AE19200" s="1"/>
    </row>
    <row r="19201" spans="1:31" ht="14.45">
      <c r="A19201" s="11"/>
      <c r="B19201" s="20"/>
      <c r="C19201" s="2" t="s">
        <v>60060</v>
      </c>
      <c r="D19201" s="14" t="s">
        <v>60061</v>
      </c>
      <c r="E19201" s="2" t="s">
        <v>60062</v>
      </c>
      <c r="F19201" s="2" t="s">
        <v>60063</v>
      </c>
      <c r="G19201" s="8">
        <v>1018</v>
      </c>
      <c r="H19201" s="5">
        <v>10</v>
      </c>
      <c r="I19201" s="5" t="s">
        <v>69</v>
      </c>
      <c r="J19201" s="5" t="s">
        <v>55802</v>
      </c>
      <c r="K19201" s="2" t="s">
        <v>55803</v>
      </c>
      <c r="L19201" s="5" t="s">
        <v>55802</v>
      </c>
      <c r="M19201" s="2" t="s">
        <v>55803</v>
      </c>
      <c r="N19201" s="5" t="s">
        <v>733</v>
      </c>
      <c r="O19201" s="5" t="s">
        <v>38</v>
      </c>
      <c r="P19201" s="5" t="s">
        <v>39</v>
      </c>
      <c r="Q19201" s="5" t="s">
        <v>40</v>
      </c>
      <c r="R19201" s="5" t="s">
        <v>897</v>
      </c>
      <c r="S19201" s="5" t="s">
        <v>40</v>
      </c>
      <c r="T19201" s="5" t="s">
        <v>42</v>
      </c>
      <c r="U19201" s="2">
        <v>70.745000000000005</v>
      </c>
      <c r="V19201" s="2">
        <v>65.494</v>
      </c>
      <c r="W19201" s="2">
        <v>0.32600000000000001</v>
      </c>
      <c r="X19201" s="2">
        <v>17</v>
      </c>
      <c r="Y19201" s="2">
        <v>124.7</v>
      </c>
      <c r="Z19201" s="2">
        <v>153.6</v>
      </c>
      <c r="AA19201" s="5">
        <v>7</v>
      </c>
      <c r="AB19201" s="5" t="s">
        <v>43</v>
      </c>
      <c r="AC19201" s="5" t="s">
        <v>735</v>
      </c>
      <c r="AD19201" s="2" t="s">
        <v>60064</v>
      </c>
      <c r="AE19201" s="1"/>
    </row>
    <row r="19202" spans="1:31" ht="14.45">
      <c r="A19202" s="11"/>
      <c r="B19202" s="20"/>
      <c r="C19202" s="2" t="s">
        <v>60065</v>
      </c>
      <c r="D19202" s="14" t="s">
        <v>60066</v>
      </c>
      <c r="E19202" s="2" t="s">
        <v>60067</v>
      </c>
      <c r="F19202" s="2" t="s">
        <v>60063</v>
      </c>
      <c r="G19202" s="8">
        <v>1318</v>
      </c>
      <c r="H19202" s="5">
        <v>10</v>
      </c>
      <c r="I19202" s="5" t="s">
        <v>69</v>
      </c>
      <c r="J19202" s="5" t="s">
        <v>55802</v>
      </c>
      <c r="K19202" s="2" t="s">
        <v>55803</v>
      </c>
      <c r="L19202" s="5" t="s">
        <v>55802</v>
      </c>
      <c r="M19202" s="2" t="s">
        <v>55803</v>
      </c>
      <c r="N19202" s="5" t="s">
        <v>733</v>
      </c>
      <c r="O19202" s="5" t="s">
        <v>38</v>
      </c>
      <c r="P19202" s="5" t="s">
        <v>39</v>
      </c>
      <c r="Q19202" s="5" t="s">
        <v>40</v>
      </c>
      <c r="R19202" s="5" t="s">
        <v>897</v>
      </c>
      <c r="S19202" s="5" t="s">
        <v>40</v>
      </c>
      <c r="T19202" s="5" t="s">
        <v>42</v>
      </c>
      <c r="U19202" s="2">
        <v>72.652000000000001</v>
      </c>
      <c r="V19202" s="2">
        <v>67.254000000000005</v>
      </c>
      <c r="W19202" s="2">
        <v>0.32600000000000001</v>
      </c>
      <c r="X19202" s="2">
        <v>17</v>
      </c>
      <c r="Y19202" s="2">
        <v>124.7</v>
      </c>
      <c r="Z19202" s="2">
        <v>153.6</v>
      </c>
      <c r="AA19202" s="5">
        <v>7</v>
      </c>
      <c r="AB19202" s="5" t="s">
        <v>43</v>
      </c>
      <c r="AC19202" s="5" t="s">
        <v>735</v>
      </c>
      <c r="AD19202" s="2" t="s">
        <v>60068</v>
      </c>
      <c r="AE19202" s="1"/>
    </row>
    <row r="19203" spans="1:31" ht="14.45">
      <c r="A19203" s="11"/>
      <c r="B19203" s="20"/>
      <c r="C19203" s="2" t="s">
        <v>60069</v>
      </c>
      <c r="D19203" s="14" t="s">
        <v>60070</v>
      </c>
      <c r="E19203" s="2" t="s">
        <v>60071</v>
      </c>
      <c r="F19203" s="2" t="s">
        <v>60063</v>
      </c>
      <c r="G19203" s="8">
        <v>1318</v>
      </c>
      <c r="H19203" s="5">
        <v>10</v>
      </c>
      <c r="I19203" s="5" t="s">
        <v>69</v>
      </c>
      <c r="J19203" s="5" t="s">
        <v>55802</v>
      </c>
      <c r="K19203" s="2" t="s">
        <v>55803</v>
      </c>
      <c r="L19203" s="5" t="s">
        <v>55802</v>
      </c>
      <c r="M19203" s="2" t="s">
        <v>55803</v>
      </c>
      <c r="N19203" s="5" t="s">
        <v>733</v>
      </c>
      <c r="O19203" s="5" t="s">
        <v>38</v>
      </c>
      <c r="P19203" s="5" t="s">
        <v>39</v>
      </c>
      <c r="Q19203" s="5" t="s">
        <v>40</v>
      </c>
      <c r="R19203" s="5" t="s">
        <v>897</v>
      </c>
      <c r="S19203" s="5" t="s">
        <v>40</v>
      </c>
      <c r="T19203" s="5" t="s">
        <v>42</v>
      </c>
      <c r="U19203" s="2">
        <v>73.046999999999997</v>
      </c>
      <c r="V19203" s="2">
        <v>67.472999999999999</v>
      </c>
      <c r="W19203" s="2">
        <v>0.32600000000000001</v>
      </c>
      <c r="X19203" s="2">
        <v>17</v>
      </c>
      <c r="Y19203" s="2">
        <v>124.7</v>
      </c>
      <c r="Z19203" s="2">
        <v>153.6</v>
      </c>
      <c r="AA19203" s="5">
        <v>7</v>
      </c>
      <c r="AB19203" s="5" t="s">
        <v>43</v>
      </c>
      <c r="AC19203" s="5" t="s">
        <v>735</v>
      </c>
      <c r="AD19203" s="2" t="s">
        <v>60072</v>
      </c>
      <c r="AE19203" s="1"/>
    </row>
    <row r="19204" spans="1:31" ht="14.45">
      <c r="A19204" s="11"/>
      <c r="B19204" s="20"/>
      <c r="C19204" s="2" t="s">
        <v>60073</v>
      </c>
      <c r="D19204" s="14" t="s">
        <v>60074</v>
      </c>
      <c r="E19204" s="2" t="s">
        <v>60075</v>
      </c>
      <c r="F19204" s="2" t="s">
        <v>60076</v>
      </c>
      <c r="G19204" s="8">
        <v>743</v>
      </c>
      <c r="H19204" s="5">
        <v>5</v>
      </c>
      <c r="I19204" s="5" t="s">
        <v>69</v>
      </c>
      <c r="J19204" s="5" t="s">
        <v>55802</v>
      </c>
      <c r="K19204" s="2" t="s">
        <v>55803</v>
      </c>
      <c r="L19204" s="5" t="s">
        <v>55802</v>
      </c>
      <c r="M19204" s="2" t="s">
        <v>55803</v>
      </c>
      <c r="N19204" s="5" t="s">
        <v>733</v>
      </c>
      <c r="O19204" s="5" t="s">
        <v>38</v>
      </c>
      <c r="P19204" s="5" t="s">
        <v>39</v>
      </c>
      <c r="Q19204" s="5" t="s">
        <v>40</v>
      </c>
      <c r="R19204" s="5" t="s">
        <v>897</v>
      </c>
      <c r="S19204" s="5" t="s">
        <v>40</v>
      </c>
      <c r="T19204" s="5" t="s">
        <v>42</v>
      </c>
      <c r="U19204" s="2">
        <v>60.829000000000001</v>
      </c>
      <c r="V19204" s="2">
        <v>55.866999999999997</v>
      </c>
      <c r="W19204" s="2">
        <v>0.315</v>
      </c>
      <c r="X19204" s="2">
        <v>17</v>
      </c>
      <c r="Y19204" s="2">
        <v>120.7</v>
      </c>
      <c r="Z19204" s="2">
        <v>153.6</v>
      </c>
      <c r="AA19204" s="5">
        <v>7</v>
      </c>
      <c r="AB19204" s="5" t="s">
        <v>43</v>
      </c>
      <c r="AC19204" s="5" t="s">
        <v>735</v>
      </c>
      <c r="AD19204" s="2" t="s">
        <v>60077</v>
      </c>
      <c r="AE19204" s="1"/>
    </row>
    <row r="19205" spans="1:31" ht="14.45">
      <c r="A19205" s="11"/>
      <c r="B19205" s="20"/>
      <c r="C19205" s="2" t="s">
        <v>60078</v>
      </c>
      <c r="D19205" s="14" t="s">
        <v>60079</v>
      </c>
      <c r="E19205" s="2" t="s">
        <v>60080</v>
      </c>
      <c r="F19205" s="2" t="s">
        <v>60076</v>
      </c>
      <c r="G19205" s="8">
        <v>1043</v>
      </c>
      <c r="H19205" s="5">
        <v>5</v>
      </c>
      <c r="I19205" s="5" t="s">
        <v>69</v>
      </c>
      <c r="J19205" s="5" t="s">
        <v>55802</v>
      </c>
      <c r="K19205" s="2" t="s">
        <v>55803</v>
      </c>
      <c r="L19205" s="5" t="s">
        <v>55802</v>
      </c>
      <c r="M19205" s="2" t="s">
        <v>55803</v>
      </c>
      <c r="N19205" s="5" t="s">
        <v>733</v>
      </c>
      <c r="O19205" s="5" t="s">
        <v>38</v>
      </c>
      <c r="P19205" s="5" t="s">
        <v>39</v>
      </c>
      <c r="Q19205" s="5" t="s">
        <v>40</v>
      </c>
      <c r="R19205" s="5" t="s">
        <v>897</v>
      </c>
      <c r="S19205" s="5" t="s">
        <v>40</v>
      </c>
      <c r="T19205" s="5" t="s">
        <v>42</v>
      </c>
      <c r="U19205" s="2">
        <v>62.728999999999999</v>
      </c>
      <c r="V19205" s="2">
        <v>57.597999999999999</v>
      </c>
      <c r="W19205" s="2">
        <v>0.315</v>
      </c>
      <c r="X19205" s="2">
        <v>17</v>
      </c>
      <c r="Y19205" s="2">
        <v>120.7</v>
      </c>
      <c r="Z19205" s="2">
        <v>153.6</v>
      </c>
      <c r="AA19205" s="5">
        <v>7</v>
      </c>
      <c r="AB19205" s="5" t="s">
        <v>43</v>
      </c>
      <c r="AC19205" s="5" t="s">
        <v>735</v>
      </c>
      <c r="AD19205" s="2" t="s">
        <v>60081</v>
      </c>
      <c r="AE19205" s="1"/>
    </row>
    <row r="19206" spans="1:31" ht="14.45">
      <c r="A19206" s="11"/>
      <c r="B19206" s="20"/>
      <c r="C19206" s="2" t="s">
        <v>60082</v>
      </c>
      <c r="D19206" s="14" t="s">
        <v>60083</v>
      </c>
      <c r="E19206" s="2" t="s">
        <v>60084</v>
      </c>
      <c r="F19206" s="2" t="s">
        <v>60076</v>
      </c>
      <c r="G19206" s="8">
        <v>1043</v>
      </c>
      <c r="H19206" s="5">
        <v>10</v>
      </c>
      <c r="I19206" s="5" t="s">
        <v>69</v>
      </c>
      <c r="J19206" s="5" t="s">
        <v>55802</v>
      </c>
      <c r="K19206" s="2" t="s">
        <v>55803</v>
      </c>
      <c r="L19206" s="5" t="s">
        <v>55802</v>
      </c>
      <c r="M19206" s="2" t="s">
        <v>55803</v>
      </c>
      <c r="N19206" s="5" t="s">
        <v>733</v>
      </c>
      <c r="O19206" s="5" t="s">
        <v>38</v>
      </c>
      <c r="P19206" s="5" t="s">
        <v>39</v>
      </c>
      <c r="Q19206" s="5" t="s">
        <v>40</v>
      </c>
      <c r="R19206" s="5" t="s">
        <v>897</v>
      </c>
      <c r="S19206" s="5" t="s">
        <v>40</v>
      </c>
      <c r="T19206" s="5" t="s">
        <v>42</v>
      </c>
      <c r="U19206" s="2">
        <v>62.877000000000002</v>
      </c>
      <c r="V19206" s="2">
        <v>57.286999999999999</v>
      </c>
      <c r="W19206" s="2">
        <v>0.32600000000000001</v>
      </c>
      <c r="X19206" s="2">
        <v>17</v>
      </c>
      <c r="Y19206" s="2">
        <v>124.7</v>
      </c>
      <c r="Z19206" s="2">
        <v>153.6</v>
      </c>
      <c r="AA19206" s="5">
        <v>7</v>
      </c>
      <c r="AB19206" s="5" t="s">
        <v>43</v>
      </c>
      <c r="AC19206" s="5" t="s">
        <v>735</v>
      </c>
      <c r="AD19206" s="2" t="s">
        <v>60085</v>
      </c>
      <c r="AE19206" s="1"/>
    </row>
    <row r="19207" spans="1:31" ht="14.45">
      <c r="A19207" s="11"/>
      <c r="B19207" s="20"/>
      <c r="C19207" s="2" t="s">
        <v>60086</v>
      </c>
      <c r="D19207" s="14" t="s">
        <v>60087</v>
      </c>
      <c r="E19207" s="2" t="s">
        <v>60088</v>
      </c>
      <c r="F19207" s="2" t="s">
        <v>60076</v>
      </c>
      <c r="G19207" s="8">
        <v>1290</v>
      </c>
      <c r="H19207" s="5">
        <v>10</v>
      </c>
      <c r="I19207" s="5" t="s">
        <v>69</v>
      </c>
      <c r="J19207" s="5" t="s">
        <v>55802</v>
      </c>
      <c r="K19207" s="2" t="s">
        <v>55803</v>
      </c>
      <c r="L19207" s="5" t="s">
        <v>55802</v>
      </c>
      <c r="M19207" s="2" t="s">
        <v>55803</v>
      </c>
      <c r="N19207" s="5" t="s">
        <v>733</v>
      </c>
      <c r="O19207" s="5" t="s">
        <v>38</v>
      </c>
      <c r="P19207" s="5" t="s">
        <v>39</v>
      </c>
      <c r="Q19207" s="5" t="s">
        <v>40</v>
      </c>
      <c r="R19207" s="5" t="s">
        <v>897</v>
      </c>
      <c r="S19207" s="5" t="s">
        <v>40</v>
      </c>
      <c r="T19207" s="5" t="s">
        <v>42</v>
      </c>
      <c r="U19207" s="2">
        <v>63.027999999999999</v>
      </c>
      <c r="V19207" s="2">
        <v>57.691000000000003</v>
      </c>
      <c r="W19207" s="2">
        <v>0.32600000000000001</v>
      </c>
      <c r="X19207" s="2">
        <v>17</v>
      </c>
      <c r="Y19207" s="2">
        <v>124.7</v>
      </c>
      <c r="Z19207" s="2">
        <v>153.6</v>
      </c>
      <c r="AA19207" s="5">
        <v>7</v>
      </c>
      <c r="AB19207" s="5" t="s">
        <v>43</v>
      </c>
      <c r="AC19207" s="5" t="s">
        <v>735</v>
      </c>
      <c r="AD19207" s="2" t="s">
        <v>60089</v>
      </c>
      <c r="AE19207" s="1"/>
    </row>
    <row r="19208" spans="1:31" ht="14.45">
      <c r="A19208" s="11"/>
      <c r="B19208" s="20"/>
      <c r="C19208" s="2" t="s">
        <v>60090</v>
      </c>
      <c r="D19208" s="14" t="s">
        <v>60091</v>
      </c>
      <c r="E19208" s="2" t="s">
        <v>60092</v>
      </c>
      <c r="F19208" s="2" t="s">
        <v>60093</v>
      </c>
      <c r="G19208" s="8">
        <v>1093</v>
      </c>
      <c r="H19208" s="5">
        <v>5</v>
      </c>
      <c r="I19208" s="5" t="s">
        <v>69</v>
      </c>
      <c r="J19208" s="5" t="s">
        <v>55802</v>
      </c>
      <c r="K19208" s="2" t="s">
        <v>55803</v>
      </c>
      <c r="L19208" s="5" t="s">
        <v>55802</v>
      </c>
      <c r="M19208" s="2" t="s">
        <v>55803</v>
      </c>
      <c r="N19208" s="5" t="s">
        <v>733</v>
      </c>
      <c r="O19208" s="5" t="s">
        <v>38</v>
      </c>
      <c r="P19208" s="5" t="s">
        <v>39</v>
      </c>
      <c r="Q19208" s="5" t="s">
        <v>40</v>
      </c>
      <c r="R19208" s="5" t="s">
        <v>897</v>
      </c>
      <c r="S19208" s="5" t="s">
        <v>40</v>
      </c>
      <c r="T19208" s="5" t="s">
        <v>42</v>
      </c>
      <c r="U19208" s="2">
        <v>70.593999999999994</v>
      </c>
      <c r="V19208" s="2">
        <v>65.343000000000004</v>
      </c>
      <c r="W19208" s="2">
        <v>0.32600000000000001</v>
      </c>
      <c r="X19208" s="2">
        <v>17</v>
      </c>
      <c r="Y19208" s="2">
        <v>124.7</v>
      </c>
      <c r="Z19208" s="2">
        <v>153.6</v>
      </c>
      <c r="AA19208" s="5">
        <v>7</v>
      </c>
      <c r="AB19208" s="5" t="s">
        <v>43</v>
      </c>
      <c r="AC19208" s="5" t="s">
        <v>735</v>
      </c>
      <c r="AD19208" s="2" t="s">
        <v>60094</v>
      </c>
      <c r="AE19208" s="1"/>
    </row>
    <row r="19209" spans="1:31" ht="14.45">
      <c r="A19209" s="11"/>
      <c r="B19209" s="20"/>
      <c r="C19209" s="2" t="s">
        <v>60095</v>
      </c>
      <c r="D19209" s="14" t="s">
        <v>60096</v>
      </c>
      <c r="E19209" s="2" t="s">
        <v>60097</v>
      </c>
      <c r="F19209" s="2" t="s">
        <v>60093</v>
      </c>
      <c r="G19209" s="8">
        <v>1393</v>
      </c>
      <c r="H19209" s="5">
        <v>5</v>
      </c>
      <c r="I19209" s="5" t="s">
        <v>69</v>
      </c>
      <c r="J19209" s="5" t="s">
        <v>55802</v>
      </c>
      <c r="K19209" s="2" t="s">
        <v>55803</v>
      </c>
      <c r="L19209" s="5" t="s">
        <v>55802</v>
      </c>
      <c r="M19209" s="2" t="s">
        <v>55803</v>
      </c>
      <c r="N19209" s="5" t="s">
        <v>733</v>
      </c>
      <c r="O19209" s="5" t="s">
        <v>38</v>
      </c>
      <c r="P19209" s="5" t="s">
        <v>39</v>
      </c>
      <c r="Q19209" s="5" t="s">
        <v>40</v>
      </c>
      <c r="R19209" s="5" t="s">
        <v>897</v>
      </c>
      <c r="S19209" s="5" t="s">
        <v>40</v>
      </c>
      <c r="T19209" s="5" t="s">
        <v>42</v>
      </c>
      <c r="U19209" s="2">
        <v>72.501000000000005</v>
      </c>
      <c r="V19209" s="2">
        <v>67.102999999999994</v>
      </c>
      <c r="W19209" s="2">
        <v>0.32600000000000001</v>
      </c>
      <c r="X19209" s="2">
        <v>17</v>
      </c>
      <c r="Y19209" s="2">
        <v>124.7</v>
      </c>
      <c r="Z19209" s="2">
        <v>153.6</v>
      </c>
      <c r="AA19209" s="5">
        <v>7</v>
      </c>
      <c r="AB19209" s="5" t="s">
        <v>43</v>
      </c>
      <c r="AC19209" s="5" t="s">
        <v>735</v>
      </c>
      <c r="AD19209" s="2" t="s">
        <v>60098</v>
      </c>
      <c r="AE19209" s="1"/>
    </row>
    <row r="19210" spans="1:31" ht="14.45">
      <c r="A19210" s="11"/>
      <c r="B19210" s="20"/>
      <c r="C19210" s="2" t="s">
        <v>60099</v>
      </c>
      <c r="D19210" s="14" t="s">
        <v>60100</v>
      </c>
      <c r="E19210" s="2" t="s">
        <v>60101</v>
      </c>
      <c r="F19210" s="2" t="s">
        <v>60093</v>
      </c>
      <c r="G19210" s="8">
        <v>1393</v>
      </c>
      <c r="H19210" s="5">
        <v>10</v>
      </c>
      <c r="I19210" s="5" t="s">
        <v>69</v>
      </c>
      <c r="J19210" s="5" t="s">
        <v>55802</v>
      </c>
      <c r="K19210" s="2" t="s">
        <v>55803</v>
      </c>
      <c r="L19210" s="5" t="s">
        <v>55802</v>
      </c>
      <c r="M19210" s="2" t="s">
        <v>55803</v>
      </c>
      <c r="N19210" s="5" t="s">
        <v>733</v>
      </c>
      <c r="O19210" s="5" t="s">
        <v>38</v>
      </c>
      <c r="P19210" s="5" t="s">
        <v>39</v>
      </c>
      <c r="Q19210" s="5" t="s">
        <v>40</v>
      </c>
      <c r="R19210" s="5" t="s">
        <v>897</v>
      </c>
      <c r="S19210" s="5" t="s">
        <v>40</v>
      </c>
      <c r="T19210" s="5" t="s">
        <v>42</v>
      </c>
      <c r="U19210" s="2">
        <v>72.896000000000001</v>
      </c>
      <c r="V19210" s="2">
        <v>67.322000000000003</v>
      </c>
      <c r="W19210" s="2">
        <v>0.32600000000000001</v>
      </c>
      <c r="X19210" s="2">
        <v>17</v>
      </c>
      <c r="Y19210" s="2">
        <v>124.7</v>
      </c>
      <c r="Z19210" s="2">
        <v>153.6</v>
      </c>
      <c r="AA19210" s="5">
        <v>7</v>
      </c>
      <c r="AB19210" s="5" t="s">
        <v>43</v>
      </c>
      <c r="AC19210" s="5" t="s">
        <v>735</v>
      </c>
      <c r="AD19210" s="2" t="s">
        <v>60102</v>
      </c>
      <c r="AE19210" s="1"/>
    </row>
    <row r="19211" spans="1:31" ht="14.45">
      <c r="A19211" s="5"/>
      <c r="B19211" s="21"/>
      <c r="C19211" s="2" t="s">
        <v>60103</v>
      </c>
      <c r="D19211" s="14" t="s">
        <v>60104</v>
      </c>
      <c r="E19211" s="2" t="s">
        <v>60105</v>
      </c>
      <c r="F19211" s="2" t="s">
        <v>60106</v>
      </c>
      <c r="G19211" s="8">
        <v>1640</v>
      </c>
      <c r="H19211" s="5">
        <v>5</v>
      </c>
      <c r="I19211" s="5" t="s">
        <v>69</v>
      </c>
      <c r="J19211" s="5" t="s">
        <v>55802</v>
      </c>
      <c r="K19211" s="2" t="s">
        <v>55803</v>
      </c>
      <c r="L19211" s="5" t="s">
        <v>55802</v>
      </c>
      <c r="M19211" s="2" t="s">
        <v>55803</v>
      </c>
      <c r="N19211" s="5" t="s">
        <v>733</v>
      </c>
      <c r="O19211" s="5" t="s">
        <v>38</v>
      </c>
      <c r="P19211" s="5" t="s">
        <v>39</v>
      </c>
      <c r="Q19211" s="5" t="s">
        <v>40</v>
      </c>
      <c r="R19211" s="5" t="s">
        <v>897</v>
      </c>
      <c r="S19211" s="5" t="s">
        <v>40</v>
      </c>
      <c r="T19211" s="5" t="s">
        <v>42</v>
      </c>
      <c r="U19211" s="2">
        <v>72.986999999999995</v>
      </c>
      <c r="V19211" s="2">
        <v>67.665999999999997</v>
      </c>
      <c r="W19211" s="2">
        <v>0.32600000000000001</v>
      </c>
      <c r="X19211" s="2">
        <v>17</v>
      </c>
      <c r="Y19211" s="2">
        <v>124.7</v>
      </c>
      <c r="Z19211" s="2">
        <v>153.6</v>
      </c>
      <c r="AA19211" s="5">
        <v>7</v>
      </c>
      <c r="AB19211" s="5" t="s">
        <v>43</v>
      </c>
      <c r="AC19211" s="5" t="s">
        <v>735</v>
      </c>
      <c r="AD19211" s="2"/>
      <c r="AE19211" s="1"/>
    </row>
    <row r="19212" spans="1:31" ht="14.45">
      <c r="A19212" s="11"/>
      <c r="B19212" s="20"/>
      <c r="C19212" s="2" t="s">
        <v>60107</v>
      </c>
      <c r="D19212" s="14" t="s">
        <v>60108</v>
      </c>
      <c r="E19212" s="2" t="s">
        <v>60109</v>
      </c>
      <c r="F19212" s="2" t="s">
        <v>60110</v>
      </c>
      <c r="G19212" s="8">
        <v>2232</v>
      </c>
      <c r="H19212" s="5">
        <v>10</v>
      </c>
      <c r="I19212" s="5" t="s">
        <v>69</v>
      </c>
      <c r="J19212" s="5" t="s">
        <v>55802</v>
      </c>
      <c r="K19212" s="2" t="s">
        <v>55803</v>
      </c>
      <c r="L19212" s="5" t="s">
        <v>55802</v>
      </c>
      <c r="M19212" s="2" t="s">
        <v>55803</v>
      </c>
      <c r="N19212" s="5" t="s">
        <v>733</v>
      </c>
      <c r="O19212" s="5" t="s">
        <v>38</v>
      </c>
      <c r="P19212" s="5" t="s">
        <v>39</v>
      </c>
      <c r="Q19212" s="5" t="s">
        <v>40</v>
      </c>
      <c r="R19212" s="5" t="s">
        <v>897</v>
      </c>
      <c r="S19212" s="5" t="s">
        <v>40</v>
      </c>
      <c r="T19212" s="5" t="s">
        <v>42</v>
      </c>
      <c r="U19212" s="2">
        <v>88.757000000000005</v>
      </c>
      <c r="V19212" s="2">
        <v>83.358999999999995</v>
      </c>
      <c r="W19212" s="2">
        <v>0.32600000000000001</v>
      </c>
      <c r="X19212" s="2">
        <v>17</v>
      </c>
      <c r="Y19212" s="2">
        <v>124.7</v>
      </c>
      <c r="Z19212" s="2">
        <v>153.6</v>
      </c>
      <c r="AA19212" s="5">
        <v>7</v>
      </c>
      <c r="AB19212" s="5" t="s">
        <v>43</v>
      </c>
      <c r="AC19212" s="5" t="s">
        <v>735</v>
      </c>
      <c r="AD19212" s="2" t="s">
        <v>60111</v>
      </c>
      <c r="AE19212" s="1"/>
    </row>
    <row r="19213" spans="1:31" ht="14.45">
      <c r="A19213" s="11"/>
      <c r="B19213" s="20"/>
      <c r="C19213" s="2" t="s">
        <v>60112</v>
      </c>
      <c r="D19213" s="14" t="s">
        <v>60113</v>
      </c>
      <c r="E19213" s="2" t="s">
        <v>60114</v>
      </c>
      <c r="F19213" s="2" t="s">
        <v>60115</v>
      </c>
      <c r="G19213" s="8">
        <v>2004</v>
      </c>
      <c r="H19213" s="5">
        <v>10</v>
      </c>
      <c r="I19213" s="5" t="s">
        <v>69</v>
      </c>
      <c r="J19213" s="5" t="s">
        <v>55802</v>
      </c>
      <c r="K19213" s="2" t="s">
        <v>55803</v>
      </c>
      <c r="L19213" s="5" t="s">
        <v>55802</v>
      </c>
      <c r="M19213" s="2" t="s">
        <v>55803</v>
      </c>
      <c r="N19213" s="5" t="s">
        <v>733</v>
      </c>
      <c r="O19213" s="5" t="s">
        <v>38</v>
      </c>
      <c r="P19213" s="5" t="s">
        <v>39</v>
      </c>
      <c r="Q19213" s="5" t="s">
        <v>40</v>
      </c>
      <c r="R19213" s="5" t="s">
        <v>897</v>
      </c>
      <c r="S19213" s="5" t="s">
        <v>40</v>
      </c>
      <c r="T19213" s="5" t="s">
        <v>42</v>
      </c>
      <c r="U19213" s="2">
        <v>76.59</v>
      </c>
      <c r="V19213" s="2">
        <v>71.191999999999993</v>
      </c>
      <c r="W19213" s="2">
        <v>0.32600000000000001</v>
      </c>
      <c r="X19213" s="2">
        <v>17</v>
      </c>
      <c r="Y19213" s="2">
        <v>124.7</v>
      </c>
      <c r="Z19213" s="2">
        <v>153.6</v>
      </c>
      <c r="AA19213" s="5">
        <v>7</v>
      </c>
      <c r="AB19213" s="5" t="s">
        <v>43</v>
      </c>
      <c r="AC19213" s="5" t="s">
        <v>735</v>
      </c>
      <c r="AD19213" s="2" t="s">
        <v>60116</v>
      </c>
      <c r="AE19213" s="1"/>
    </row>
    <row r="19214" spans="1:31" ht="14.45">
      <c r="A19214" s="11"/>
      <c r="B19214" s="20"/>
      <c r="C19214" s="2" t="s">
        <v>60117</v>
      </c>
      <c r="D19214" s="14" t="s">
        <v>60118</v>
      </c>
      <c r="E19214" s="2" t="s">
        <v>60119</v>
      </c>
      <c r="F19214" s="2" t="s">
        <v>60120</v>
      </c>
      <c r="G19214" s="8">
        <v>1561</v>
      </c>
      <c r="H19214" s="5">
        <v>5</v>
      </c>
      <c r="I19214" s="5" t="s">
        <v>69</v>
      </c>
      <c r="J19214" s="5" t="s">
        <v>55802</v>
      </c>
      <c r="K19214" s="2" t="s">
        <v>55803</v>
      </c>
      <c r="L19214" s="5" t="s">
        <v>55802</v>
      </c>
      <c r="M19214" s="2" t="s">
        <v>55803</v>
      </c>
      <c r="N19214" s="5" t="s">
        <v>733</v>
      </c>
      <c r="O19214" s="5" t="s">
        <v>38</v>
      </c>
      <c r="P19214" s="5" t="s">
        <v>39</v>
      </c>
      <c r="Q19214" s="5" t="s">
        <v>40</v>
      </c>
      <c r="R19214" s="5" t="s">
        <v>897</v>
      </c>
      <c r="S19214" s="5" t="s">
        <v>40</v>
      </c>
      <c r="T19214" s="5" t="s">
        <v>42</v>
      </c>
      <c r="U19214" s="2">
        <v>76.647999999999996</v>
      </c>
      <c r="V19214" s="2">
        <v>71.364999999999995</v>
      </c>
      <c r="W19214" s="2">
        <v>0.32600000000000001</v>
      </c>
      <c r="X19214" s="2">
        <v>17</v>
      </c>
      <c r="Y19214" s="2">
        <v>124.7</v>
      </c>
      <c r="Z19214" s="2">
        <v>153.6</v>
      </c>
      <c r="AA19214" s="5">
        <v>7</v>
      </c>
      <c r="AB19214" s="5" t="s">
        <v>43</v>
      </c>
      <c r="AC19214" s="5" t="s">
        <v>735</v>
      </c>
      <c r="AD19214" s="2" t="s">
        <v>60121</v>
      </c>
      <c r="AE19214" s="1"/>
    </row>
    <row r="19215" spans="1:31" ht="14.45">
      <c r="A19215" s="11"/>
      <c r="B19215" s="20"/>
      <c r="C19215" s="2" t="s">
        <v>60122</v>
      </c>
      <c r="D19215" s="14" t="s">
        <v>60123</v>
      </c>
      <c r="E19215" s="2" t="s">
        <v>60124</v>
      </c>
      <c r="F19215" s="2" t="s">
        <v>60120</v>
      </c>
      <c r="G19215" s="8">
        <v>1861</v>
      </c>
      <c r="H19215" s="5">
        <v>10</v>
      </c>
      <c r="I19215" s="5" t="s">
        <v>69</v>
      </c>
      <c r="J19215" s="5" t="s">
        <v>55802</v>
      </c>
      <c r="K19215" s="2" t="s">
        <v>55803</v>
      </c>
      <c r="L19215" s="5" t="s">
        <v>55802</v>
      </c>
      <c r="M19215" s="2" t="s">
        <v>55803</v>
      </c>
      <c r="N19215" s="5" t="s">
        <v>733</v>
      </c>
      <c r="O19215" s="5" t="s">
        <v>38</v>
      </c>
      <c r="P19215" s="5" t="s">
        <v>39</v>
      </c>
      <c r="Q19215" s="5" t="s">
        <v>40</v>
      </c>
      <c r="R19215" s="5" t="s">
        <v>897</v>
      </c>
      <c r="S19215" s="5" t="s">
        <v>40</v>
      </c>
      <c r="T19215" s="5" t="s">
        <v>42</v>
      </c>
      <c r="U19215" s="2">
        <v>76.528000000000006</v>
      </c>
      <c r="V19215" s="2">
        <v>71.13</v>
      </c>
      <c r="W19215" s="2">
        <v>0.32600000000000001</v>
      </c>
      <c r="X19215" s="2">
        <v>17</v>
      </c>
      <c r="Y19215" s="2">
        <v>124.7</v>
      </c>
      <c r="Z19215" s="2">
        <v>153.6</v>
      </c>
      <c r="AA19215" s="5">
        <v>7</v>
      </c>
      <c r="AB19215" s="5" t="s">
        <v>43</v>
      </c>
      <c r="AC19215" s="5" t="s">
        <v>735</v>
      </c>
      <c r="AD19215" s="2" t="s">
        <v>60125</v>
      </c>
      <c r="AE19215" s="1"/>
    </row>
    <row r="19216" spans="1:31" ht="14.45">
      <c r="A19216" s="11"/>
      <c r="B19216" s="20"/>
      <c r="C19216" s="2" t="s">
        <v>60126</v>
      </c>
      <c r="D19216" s="14" t="s">
        <v>60127</v>
      </c>
      <c r="E19216" s="2" t="s">
        <v>60128</v>
      </c>
      <c r="F19216" s="2" t="s">
        <v>60129</v>
      </c>
      <c r="G19216" s="8">
        <v>2004</v>
      </c>
      <c r="H19216" s="5">
        <v>10</v>
      </c>
      <c r="I19216" s="5" t="s">
        <v>69</v>
      </c>
      <c r="J19216" s="5" t="s">
        <v>55802</v>
      </c>
      <c r="K19216" s="2" t="s">
        <v>55803</v>
      </c>
      <c r="L19216" s="5" t="s">
        <v>55802</v>
      </c>
      <c r="M19216" s="2" t="s">
        <v>55803</v>
      </c>
      <c r="N19216" s="5" t="s">
        <v>733</v>
      </c>
      <c r="O19216" s="5" t="s">
        <v>38</v>
      </c>
      <c r="P19216" s="5" t="s">
        <v>39</v>
      </c>
      <c r="Q19216" s="5" t="s">
        <v>40</v>
      </c>
      <c r="R19216" s="5" t="s">
        <v>897</v>
      </c>
      <c r="S19216" s="5" t="s">
        <v>40</v>
      </c>
      <c r="T19216" s="5" t="s">
        <v>42</v>
      </c>
      <c r="U19216" s="2">
        <v>75.48</v>
      </c>
      <c r="V19216" s="2">
        <v>70.081999999999994</v>
      </c>
      <c r="W19216" s="2">
        <v>0.32600000000000001</v>
      </c>
      <c r="X19216" s="2">
        <v>17</v>
      </c>
      <c r="Y19216" s="2">
        <v>124.7</v>
      </c>
      <c r="Z19216" s="2">
        <v>153.6</v>
      </c>
      <c r="AA19216" s="5">
        <v>7</v>
      </c>
      <c r="AB19216" s="5" t="s">
        <v>43</v>
      </c>
      <c r="AC19216" s="5" t="s">
        <v>735</v>
      </c>
      <c r="AD19216" s="2" t="s">
        <v>60130</v>
      </c>
      <c r="AE19216" s="1"/>
    </row>
    <row r="19217" spans="1:31" ht="14.45">
      <c r="A19217" s="11"/>
      <c r="B19217" s="20"/>
      <c r="C19217" s="2" t="s">
        <v>60131</v>
      </c>
      <c r="D19217" s="14" t="s">
        <v>60132</v>
      </c>
      <c r="E19217" s="2" t="s">
        <v>60133</v>
      </c>
      <c r="F19217" s="2" t="s">
        <v>60134</v>
      </c>
      <c r="G19217" s="8">
        <v>2272</v>
      </c>
      <c r="H19217" s="5">
        <v>10</v>
      </c>
      <c r="I19217" s="5" t="s">
        <v>69</v>
      </c>
      <c r="J19217" s="5" t="s">
        <v>55802</v>
      </c>
      <c r="K19217" s="2" t="s">
        <v>55803</v>
      </c>
      <c r="L19217" s="5" t="s">
        <v>55802</v>
      </c>
      <c r="M19217" s="2" t="s">
        <v>55803</v>
      </c>
      <c r="N19217" s="5" t="s">
        <v>733</v>
      </c>
      <c r="O19217" s="5" t="s">
        <v>38</v>
      </c>
      <c r="P19217" s="5" t="s">
        <v>39</v>
      </c>
      <c r="Q19217" s="5" t="s">
        <v>40</v>
      </c>
      <c r="R19217" s="5" t="s">
        <v>1487</v>
      </c>
      <c r="S19217" s="5"/>
      <c r="T19217" s="5" t="s">
        <v>42</v>
      </c>
      <c r="U19217" s="2">
        <v>0</v>
      </c>
      <c r="V19217" s="2">
        <v>0</v>
      </c>
      <c r="W19217" s="2">
        <v>0</v>
      </c>
      <c r="X19217" s="2">
        <v>0</v>
      </c>
      <c r="Y19217" s="2">
        <v>0</v>
      </c>
      <c r="Z19217" s="2">
        <v>0</v>
      </c>
      <c r="AA19217" s="5"/>
      <c r="AB19217" s="5" t="s">
        <v>43</v>
      </c>
      <c r="AC19217" s="5" t="s">
        <v>735</v>
      </c>
      <c r="AD19217" s="2" t="s">
        <v>60135</v>
      </c>
      <c r="AE19217" s="1"/>
    </row>
    <row r="19218" spans="1:31" ht="14.45">
      <c r="A19218" s="11"/>
      <c r="B19218" s="20"/>
      <c r="C19218" s="2" t="s">
        <v>60136</v>
      </c>
      <c r="D19218" s="14" t="s">
        <v>60137</v>
      </c>
      <c r="E19218" s="2" t="s">
        <v>60138</v>
      </c>
      <c r="F19218" s="2" t="s">
        <v>60139</v>
      </c>
      <c r="G19218" s="8">
        <v>1779</v>
      </c>
      <c r="H19218" s="5">
        <v>10</v>
      </c>
      <c r="I19218" s="5" t="s">
        <v>69</v>
      </c>
      <c r="J19218" s="5" t="s">
        <v>55802</v>
      </c>
      <c r="K19218" s="2" t="s">
        <v>55803</v>
      </c>
      <c r="L19218" s="5" t="s">
        <v>55802</v>
      </c>
      <c r="M19218" s="2" t="s">
        <v>55803</v>
      </c>
      <c r="N19218" s="5" t="s">
        <v>733</v>
      </c>
      <c r="O19218" s="5" t="s">
        <v>38</v>
      </c>
      <c r="P19218" s="5" t="s">
        <v>39</v>
      </c>
      <c r="Q19218" s="5" t="s">
        <v>40</v>
      </c>
      <c r="R19218" s="5" t="s">
        <v>1487</v>
      </c>
      <c r="S19218" s="5"/>
      <c r="T19218" s="5" t="s">
        <v>42</v>
      </c>
      <c r="U19218" s="2">
        <v>0</v>
      </c>
      <c r="V19218" s="2">
        <v>0</v>
      </c>
      <c r="W19218" s="2">
        <v>0</v>
      </c>
      <c r="X19218" s="2">
        <v>0</v>
      </c>
      <c r="Y19218" s="2">
        <v>0</v>
      </c>
      <c r="Z19218" s="2">
        <v>0</v>
      </c>
      <c r="AA19218" s="5"/>
      <c r="AB19218" s="5" t="s">
        <v>43</v>
      </c>
      <c r="AC19218" s="5" t="s">
        <v>735</v>
      </c>
      <c r="AD19218" s="2" t="s">
        <v>60140</v>
      </c>
      <c r="AE19218" s="1"/>
    </row>
    <row r="19219" spans="1:31" ht="14.45">
      <c r="A19219" s="11"/>
      <c r="B19219" s="20"/>
      <c r="C19219" s="2" t="s">
        <v>60141</v>
      </c>
      <c r="D19219" s="14" t="s">
        <v>60142</v>
      </c>
      <c r="E19219" s="2" t="s">
        <v>60143</v>
      </c>
      <c r="F19219" s="2" t="s">
        <v>60144</v>
      </c>
      <c r="G19219" s="8">
        <v>2272</v>
      </c>
      <c r="H19219" s="5">
        <v>10</v>
      </c>
      <c r="I19219" s="5" t="s">
        <v>69</v>
      </c>
      <c r="J19219" s="5" t="s">
        <v>55802</v>
      </c>
      <c r="K19219" s="2" t="s">
        <v>55803</v>
      </c>
      <c r="L19219" s="5" t="s">
        <v>55802</v>
      </c>
      <c r="M19219" s="2" t="s">
        <v>55803</v>
      </c>
      <c r="N19219" s="5" t="s">
        <v>733</v>
      </c>
      <c r="O19219" s="5" t="s">
        <v>38</v>
      </c>
      <c r="P19219" s="5" t="s">
        <v>39</v>
      </c>
      <c r="Q19219" s="5" t="s">
        <v>40</v>
      </c>
      <c r="R19219" s="5" t="s">
        <v>1487</v>
      </c>
      <c r="S19219" s="5"/>
      <c r="T19219" s="5" t="s">
        <v>42</v>
      </c>
      <c r="U19219" s="2">
        <v>0</v>
      </c>
      <c r="V19219" s="2">
        <v>0</v>
      </c>
      <c r="W19219" s="2">
        <v>0</v>
      </c>
      <c r="X19219" s="2">
        <v>0</v>
      </c>
      <c r="Y19219" s="2">
        <v>0</v>
      </c>
      <c r="Z19219" s="2">
        <v>0</v>
      </c>
      <c r="AA19219" s="5"/>
      <c r="AB19219" s="5" t="s">
        <v>43</v>
      </c>
      <c r="AC19219" s="5" t="s">
        <v>735</v>
      </c>
      <c r="AD19219" s="2" t="s">
        <v>60145</v>
      </c>
      <c r="AE19219" s="1"/>
    </row>
    <row r="19220" spans="1:31" ht="14.45">
      <c r="A19220" s="11"/>
      <c r="B19220" s="20"/>
      <c r="C19220" s="2" t="s">
        <v>60146</v>
      </c>
      <c r="D19220" s="14" t="s">
        <v>60147</v>
      </c>
      <c r="E19220" s="2" t="s">
        <v>60148</v>
      </c>
      <c r="F19220" s="2" t="s">
        <v>60149</v>
      </c>
      <c r="G19220" s="8">
        <v>1779</v>
      </c>
      <c r="H19220" s="5">
        <v>10</v>
      </c>
      <c r="I19220" s="5" t="s">
        <v>69</v>
      </c>
      <c r="J19220" s="5" t="s">
        <v>55802</v>
      </c>
      <c r="K19220" s="2" t="s">
        <v>55803</v>
      </c>
      <c r="L19220" s="5" t="s">
        <v>55802</v>
      </c>
      <c r="M19220" s="2" t="s">
        <v>55803</v>
      </c>
      <c r="N19220" s="5" t="s">
        <v>733</v>
      </c>
      <c r="O19220" s="5" t="s">
        <v>38</v>
      </c>
      <c r="P19220" s="5" t="s">
        <v>39</v>
      </c>
      <c r="Q19220" s="5" t="s">
        <v>40</v>
      </c>
      <c r="R19220" s="5" t="s">
        <v>1487</v>
      </c>
      <c r="S19220" s="5"/>
      <c r="T19220" s="5" t="s">
        <v>42</v>
      </c>
      <c r="U19220" s="2">
        <v>0</v>
      </c>
      <c r="V19220" s="2">
        <v>0</v>
      </c>
      <c r="W19220" s="2">
        <v>0</v>
      </c>
      <c r="X19220" s="2">
        <v>0</v>
      </c>
      <c r="Y19220" s="2">
        <v>0</v>
      </c>
      <c r="Z19220" s="2">
        <v>0</v>
      </c>
      <c r="AA19220" s="5"/>
      <c r="AB19220" s="5" t="s">
        <v>43</v>
      </c>
      <c r="AC19220" s="5" t="s">
        <v>735</v>
      </c>
      <c r="AD19220" s="2" t="s">
        <v>60150</v>
      </c>
      <c r="AE19220" s="1"/>
    </row>
    <row r="19221" spans="1:31" ht="14.45">
      <c r="A19221" s="11"/>
      <c r="B19221" s="20"/>
      <c r="C19221" s="2" t="s">
        <v>60151</v>
      </c>
      <c r="D19221" s="14" t="s">
        <v>60152</v>
      </c>
      <c r="E19221" s="2" t="s">
        <v>60153</v>
      </c>
      <c r="F19221" s="2" t="s">
        <v>60154</v>
      </c>
      <c r="G19221" s="8">
        <v>1374</v>
      </c>
      <c r="H19221" s="5">
        <v>5</v>
      </c>
      <c r="I19221" s="5" t="s">
        <v>69</v>
      </c>
      <c r="J19221" s="5" t="s">
        <v>55802</v>
      </c>
      <c r="K19221" s="2" t="s">
        <v>55803</v>
      </c>
      <c r="L19221" s="5" t="s">
        <v>55802</v>
      </c>
      <c r="M19221" s="2" t="s">
        <v>55803</v>
      </c>
      <c r="N19221" s="5" t="s">
        <v>733</v>
      </c>
      <c r="O19221" s="5" t="s">
        <v>38</v>
      </c>
      <c r="P19221" s="5" t="s">
        <v>39</v>
      </c>
      <c r="Q19221" s="5" t="s">
        <v>40</v>
      </c>
      <c r="R19221" s="5" t="s">
        <v>897</v>
      </c>
      <c r="S19221" s="5" t="s">
        <v>40</v>
      </c>
      <c r="T19221" s="5" t="s">
        <v>42</v>
      </c>
      <c r="U19221" s="2">
        <v>79.831000000000003</v>
      </c>
      <c r="V19221" s="2">
        <v>74.213999999999999</v>
      </c>
      <c r="W19221" s="2">
        <v>0.36299999999999999</v>
      </c>
      <c r="X19221" s="2">
        <v>17</v>
      </c>
      <c r="Y19221" s="2">
        <v>122.7</v>
      </c>
      <c r="Z19221" s="2">
        <v>173.8</v>
      </c>
      <c r="AA19221" s="5">
        <v>7</v>
      </c>
      <c r="AB19221" s="5" t="s">
        <v>43</v>
      </c>
      <c r="AC19221" s="5" t="s">
        <v>735</v>
      </c>
      <c r="AD19221" s="2" t="s">
        <v>60155</v>
      </c>
      <c r="AE19221" s="1"/>
    </row>
    <row r="19222" spans="1:31" ht="14.45">
      <c r="A19222" s="11"/>
      <c r="B19222" s="20"/>
      <c r="C19222" s="2" t="s">
        <v>60156</v>
      </c>
      <c r="D19222" s="14" t="s">
        <v>60157</v>
      </c>
      <c r="E19222" s="2" t="s">
        <v>60158</v>
      </c>
      <c r="F19222" s="2" t="s">
        <v>60159</v>
      </c>
      <c r="G19222" s="8">
        <v>1674</v>
      </c>
      <c r="H19222" s="5">
        <v>5</v>
      </c>
      <c r="I19222" s="5" t="s">
        <v>69</v>
      </c>
      <c r="J19222" s="5" t="s">
        <v>55802</v>
      </c>
      <c r="K19222" s="2" t="s">
        <v>55803</v>
      </c>
      <c r="L19222" s="5" t="s">
        <v>55802</v>
      </c>
      <c r="M19222" s="2" t="s">
        <v>55803</v>
      </c>
      <c r="N19222" s="5" t="s">
        <v>733</v>
      </c>
      <c r="O19222" s="5" t="s">
        <v>38</v>
      </c>
      <c r="P19222" s="5" t="s">
        <v>39</v>
      </c>
      <c r="Q19222" s="5" t="s">
        <v>40</v>
      </c>
      <c r="R19222" s="5" t="s">
        <v>897</v>
      </c>
      <c r="S19222" s="5" t="s">
        <v>40</v>
      </c>
      <c r="T19222" s="5" t="s">
        <v>42</v>
      </c>
      <c r="U19222" s="2">
        <v>81.718999999999994</v>
      </c>
      <c r="V19222" s="2">
        <v>75.965000000000003</v>
      </c>
      <c r="W19222" s="2">
        <v>0.36299999999999999</v>
      </c>
      <c r="X19222" s="2">
        <v>17</v>
      </c>
      <c r="Y19222" s="2">
        <v>122.7</v>
      </c>
      <c r="Z19222" s="2">
        <v>173.8</v>
      </c>
      <c r="AA19222" s="5">
        <v>7</v>
      </c>
      <c r="AB19222" s="5" t="s">
        <v>43</v>
      </c>
      <c r="AC19222" s="5" t="s">
        <v>735</v>
      </c>
      <c r="AD19222" s="2" t="s">
        <v>60160</v>
      </c>
      <c r="AE19222" s="1"/>
    </row>
    <row r="19223" spans="1:31" ht="14.45">
      <c r="A19223" s="11"/>
      <c r="B19223" s="20"/>
      <c r="C19223" s="2" t="s">
        <v>60161</v>
      </c>
      <c r="D19223" s="14" t="s">
        <v>60162</v>
      </c>
      <c r="E19223" s="2" t="s">
        <v>60163</v>
      </c>
      <c r="F19223" s="2" t="s">
        <v>60164</v>
      </c>
      <c r="G19223" s="8">
        <v>1634</v>
      </c>
      <c r="H19223" s="5">
        <v>10</v>
      </c>
      <c r="I19223" s="5" t="s">
        <v>69</v>
      </c>
      <c r="J19223" s="5" t="s">
        <v>55802</v>
      </c>
      <c r="K19223" s="2" t="s">
        <v>55803</v>
      </c>
      <c r="L19223" s="5" t="s">
        <v>55802</v>
      </c>
      <c r="M19223" s="2" t="s">
        <v>55803</v>
      </c>
      <c r="N19223" s="5" t="s">
        <v>733</v>
      </c>
      <c r="O19223" s="5" t="s">
        <v>38</v>
      </c>
      <c r="P19223" s="5" t="s">
        <v>39</v>
      </c>
      <c r="Q19223" s="5" t="s">
        <v>40</v>
      </c>
      <c r="R19223" s="5" t="s">
        <v>897</v>
      </c>
      <c r="S19223" s="5" t="s">
        <v>40</v>
      </c>
      <c r="T19223" s="5" t="s">
        <v>42</v>
      </c>
      <c r="U19223" s="2">
        <v>79.186999999999998</v>
      </c>
      <c r="V19223" s="2">
        <v>73.397000000000006</v>
      </c>
      <c r="W19223" s="2">
        <v>0.36799999999999999</v>
      </c>
      <c r="X19223" s="2">
        <v>17</v>
      </c>
      <c r="Y19223" s="2">
        <v>124.7</v>
      </c>
      <c r="Z19223" s="2">
        <v>173.8</v>
      </c>
      <c r="AA19223" s="5">
        <v>7</v>
      </c>
      <c r="AB19223" s="5" t="s">
        <v>43</v>
      </c>
      <c r="AC19223" s="5" t="s">
        <v>735</v>
      </c>
      <c r="AD19223" s="2" t="s">
        <v>60165</v>
      </c>
      <c r="AE19223" s="1"/>
    </row>
    <row r="19224" spans="1:31" ht="14.45">
      <c r="A19224" s="11"/>
      <c r="B19224" s="20"/>
      <c r="C19224" s="2" t="s">
        <v>60166</v>
      </c>
      <c r="D19224" s="14" t="s">
        <v>60167</v>
      </c>
      <c r="E19224" s="2" t="s">
        <v>60168</v>
      </c>
      <c r="F19224" s="2" t="s">
        <v>60164</v>
      </c>
      <c r="G19224" s="8">
        <v>1934</v>
      </c>
      <c r="H19224" s="5">
        <v>10</v>
      </c>
      <c r="I19224" s="5" t="s">
        <v>69</v>
      </c>
      <c r="J19224" s="5" t="s">
        <v>55802</v>
      </c>
      <c r="K19224" s="2" t="s">
        <v>55803</v>
      </c>
      <c r="L19224" s="5" t="s">
        <v>55802</v>
      </c>
      <c r="M19224" s="2" t="s">
        <v>55803</v>
      </c>
      <c r="N19224" s="5" t="s">
        <v>733</v>
      </c>
      <c r="O19224" s="5" t="s">
        <v>38</v>
      </c>
      <c r="P19224" s="5" t="s">
        <v>39</v>
      </c>
      <c r="Q19224" s="5" t="s">
        <v>40</v>
      </c>
      <c r="R19224" s="5" t="s">
        <v>897</v>
      </c>
      <c r="S19224" s="5" t="s">
        <v>40</v>
      </c>
      <c r="T19224" s="5" t="s">
        <v>42</v>
      </c>
      <c r="U19224" s="2">
        <v>81.099999999999994</v>
      </c>
      <c r="V19224" s="2">
        <v>75.162999999999997</v>
      </c>
      <c r="W19224" s="2">
        <v>0.36799999999999999</v>
      </c>
      <c r="X19224" s="2">
        <v>17</v>
      </c>
      <c r="Y19224" s="2">
        <v>124.7</v>
      </c>
      <c r="Z19224" s="2">
        <v>173.8</v>
      </c>
      <c r="AA19224" s="5">
        <v>7</v>
      </c>
      <c r="AB19224" s="5" t="s">
        <v>43</v>
      </c>
      <c r="AC19224" s="5" t="s">
        <v>735</v>
      </c>
      <c r="AD19224" s="2" t="s">
        <v>60169</v>
      </c>
      <c r="AE19224" s="1"/>
    </row>
    <row r="19225" spans="1:31" ht="14.45">
      <c r="A19225" s="11"/>
      <c r="B19225" s="20"/>
      <c r="C19225" s="2" t="s">
        <v>60170</v>
      </c>
      <c r="D19225" s="14" t="s">
        <v>60171</v>
      </c>
      <c r="E19225" s="2" t="s">
        <v>60172</v>
      </c>
      <c r="F19225" s="2" t="s">
        <v>60173</v>
      </c>
      <c r="G19225" s="8">
        <v>1124</v>
      </c>
      <c r="H19225" s="5">
        <v>10</v>
      </c>
      <c r="I19225" s="5" t="s">
        <v>69</v>
      </c>
      <c r="J19225" s="5" t="s">
        <v>55802</v>
      </c>
      <c r="K19225" s="2" t="s">
        <v>55803</v>
      </c>
      <c r="L19225" s="5" t="s">
        <v>55802</v>
      </c>
      <c r="M19225" s="2" t="s">
        <v>55803</v>
      </c>
      <c r="N19225" s="5" t="s">
        <v>733</v>
      </c>
      <c r="O19225" s="5" t="s">
        <v>38</v>
      </c>
      <c r="P19225" s="5" t="s">
        <v>39</v>
      </c>
      <c r="Q19225" s="5" t="s">
        <v>40</v>
      </c>
      <c r="R19225" s="5" t="s">
        <v>897</v>
      </c>
      <c r="S19225" s="5" t="s">
        <v>40</v>
      </c>
      <c r="T19225" s="5" t="s">
        <v>42</v>
      </c>
      <c r="U19225" s="2">
        <v>79.534999999999997</v>
      </c>
      <c r="V19225" s="2">
        <v>73.745000000000005</v>
      </c>
      <c r="W19225" s="2">
        <v>0.36799999999999999</v>
      </c>
      <c r="X19225" s="2">
        <v>17</v>
      </c>
      <c r="Y19225" s="2">
        <v>124.7</v>
      </c>
      <c r="Z19225" s="2">
        <v>173.8</v>
      </c>
      <c r="AA19225" s="5">
        <v>7</v>
      </c>
      <c r="AB19225" s="5" t="s">
        <v>43</v>
      </c>
      <c r="AC19225" s="5" t="s">
        <v>735</v>
      </c>
      <c r="AD19225" s="2" t="s">
        <v>60174</v>
      </c>
      <c r="AE19225" s="1"/>
    </row>
    <row r="19226" spans="1:31" ht="14.45">
      <c r="A19226" s="11"/>
      <c r="B19226" s="20"/>
      <c r="C19226" s="2" t="s">
        <v>60175</v>
      </c>
      <c r="D19226" s="14" t="s">
        <v>60176</v>
      </c>
      <c r="E19226" s="2" t="s">
        <v>60177</v>
      </c>
      <c r="F19226" s="2" t="s">
        <v>60173</v>
      </c>
      <c r="G19226" s="8">
        <v>1424</v>
      </c>
      <c r="H19226" s="5">
        <v>10</v>
      </c>
      <c r="I19226" s="5" t="s">
        <v>69</v>
      </c>
      <c r="J19226" s="5" t="s">
        <v>55802</v>
      </c>
      <c r="K19226" s="2" t="s">
        <v>55803</v>
      </c>
      <c r="L19226" s="5" t="s">
        <v>55802</v>
      </c>
      <c r="M19226" s="2" t="s">
        <v>55803</v>
      </c>
      <c r="N19226" s="5" t="s">
        <v>733</v>
      </c>
      <c r="O19226" s="5" t="s">
        <v>38</v>
      </c>
      <c r="P19226" s="5" t="s">
        <v>39</v>
      </c>
      <c r="Q19226" s="5" t="s">
        <v>40</v>
      </c>
      <c r="R19226" s="5" t="s">
        <v>897</v>
      </c>
      <c r="S19226" s="5" t="s">
        <v>40</v>
      </c>
      <c r="T19226" s="5" t="s">
        <v>42</v>
      </c>
      <c r="U19226" s="2">
        <v>81.447999999999993</v>
      </c>
      <c r="V19226" s="2">
        <v>75.510999999999996</v>
      </c>
      <c r="W19226" s="2">
        <v>0.36799999999999999</v>
      </c>
      <c r="X19226" s="2">
        <v>17</v>
      </c>
      <c r="Y19226" s="2">
        <v>124.7</v>
      </c>
      <c r="Z19226" s="2">
        <v>173.8</v>
      </c>
      <c r="AA19226" s="5">
        <v>7</v>
      </c>
      <c r="AB19226" s="5" t="s">
        <v>43</v>
      </c>
      <c r="AC19226" s="5" t="s">
        <v>735</v>
      </c>
      <c r="AD19226" s="2" t="s">
        <v>60178</v>
      </c>
      <c r="AE19226" s="1"/>
    </row>
    <row r="19227" spans="1:31" ht="14.45">
      <c r="A19227" s="11"/>
      <c r="B19227" s="20"/>
      <c r="C19227" s="2" t="s">
        <v>60179</v>
      </c>
      <c r="D19227" s="14" t="s">
        <v>60180</v>
      </c>
      <c r="E19227" s="2" t="s">
        <v>60181</v>
      </c>
      <c r="F19227" s="2" t="s">
        <v>60182</v>
      </c>
      <c r="G19227" s="8">
        <v>809</v>
      </c>
      <c r="H19227" s="5">
        <v>5</v>
      </c>
      <c r="I19227" s="5" t="s">
        <v>69</v>
      </c>
      <c r="J19227" s="5" t="s">
        <v>55802</v>
      </c>
      <c r="K19227" s="2" t="s">
        <v>55803</v>
      </c>
      <c r="L19227" s="5" t="s">
        <v>55802</v>
      </c>
      <c r="M19227" s="2" t="s">
        <v>55803</v>
      </c>
      <c r="N19227" s="5" t="s">
        <v>733</v>
      </c>
      <c r="O19227" s="5" t="s">
        <v>38</v>
      </c>
      <c r="P19227" s="5" t="s">
        <v>39</v>
      </c>
      <c r="Q19227" s="5" t="s">
        <v>40</v>
      </c>
      <c r="R19227" s="5" t="s">
        <v>897</v>
      </c>
      <c r="S19227" s="5" t="s">
        <v>40</v>
      </c>
      <c r="T19227" s="5" t="s">
        <v>42</v>
      </c>
      <c r="U19227" s="2">
        <v>68.626999999999995</v>
      </c>
      <c r="V19227" s="2">
        <v>63.045999999999999</v>
      </c>
      <c r="W19227" s="2">
        <v>0.36299999999999999</v>
      </c>
      <c r="X19227" s="2">
        <v>17</v>
      </c>
      <c r="Y19227" s="2">
        <v>122.7</v>
      </c>
      <c r="Z19227" s="2">
        <v>173.8</v>
      </c>
      <c r="AA19227" s="5">
        <v>7</v>
      </c>
      <c r="AB19227" s="5" t="s">
        <v>43</v>
      </c>
      <c r="AC19227" s="5" t="s">
        <v>735</v>
      </c>
      <c r="AD19227" s="2" t="s">
        <v>60183</v>
      </c>
      <c r="AE19227" s="1"/>
    </row>
    <row r="19228" spans="1:31" ht="14.45">
      <c r="A19228" s="11"/>
      <c r="B19228" s="20"/>
      <c r="C19228" s="2" t="s">
        <v>60184</v>
      </c>
      <c r="D19228" s="14" t="s">
        <v>60185</v>
      </c>
      <c r="E19228" s="2" t="s">
        <v>60186</v>
      </c>
      <c r="F19228" s="2" t="s">
        <v>60182</v>
      </c>
      <c r="G19228" s="8">
        <v>1109</v>
      </c>
      <c r="H19228" s="5">
        <v>10</v>
      </c>
      <c r="I19228" s="5" t="s">
        <v>69</v>
      </c>
      <c r="J19228" s="5" t="s">
        <v>55802</v>
      </c>
      <c r="K19228" s="2" t="s">
        <v>55803</v>
      </c>
      <c r="L19228" s="5" t="s">
        <v>55802</v>
      </c>
      <c r="M19228" s="2" t="s">
        <v>55803</v>
      </c>
      <c r="N19228" s="5" t="s">
        <v>733</v>
      </c>
      <c r="O19228" s="5" t="s">
        <v>38</v>
      </c>
      <c r="P19228" s="5" t="s">
        <v>39</v>
      </c>
      <c r="Q19228" s="5" t="s">
        <v>40</v>
      </c>
      <c r="R19228" s="5" t="s">
        <v>897</v>
      </c>
      <c r="S19228" s="5" t="s">
        <v>40</v>
      </c>
      <c r="T19228" s="5" t="s">
        <v>42</v>
      </c>
      <c r="U19228" s="2">
        <v>69.783000000000001</v>
      </c>
      <c r="V19228" s="2">
        <v>63.83</v>
      </c>
      <c r="W19228" s="2">
        <v>0.36799999999999999</v>
      </c>
      <c r="X19228" s="2">
        <v>17</v>
      </c>
      <c r="Y19228" s="2">
        <v>124.7</v>
      </c>
      <c r="Z19228" s="2">
        <v>173.8</v>
      </c>
      <c r="AA19228" s="5">
        <v>7</v>
      </c>
      <c r="AB19228" s="5" t="s">
        <v>43</v>
      </c>
      <c r="AC19228" s="5" t="s">
        <v>735</v>
      </c>
      <c r="AD19228" s="2" t="s">
        <v>60187</v>
      </c>
      <c r="AE19228" s="1"/>
    </row>
    <row r="19229" spans="1:31" ht="14.45">
      <c r="A19229" s="11"/>
      <c r="B19229" s="20"/>
      <c r="C19229" s="2" t="s">
        <v>60188</v>
      </c>
      <c r="D19229" s="14" t="s">
        <v>60189</v>
      </c>
      <c r="E19229" s="2" t="s">
        <v>60190</v>
      </c>
      <c r="F19229" s="2" t="s">
        <v>60182</v>
      </c>
      <c r="G19229" s="8">
        <v>1109</v>
      </c>
      <c r="H19229" s="5">
        <v>5</v>
      </c>
      <c r="I19229" s="5" t="s">
        <v>69</v>
      </c>
      <c r="J19229" s="5" t="s">
        <v>55802</v>
      </c>
      <c r="K19229" s="2" t="s">
        <v>55803</v>
      </c>
      <c r="L19229" s="5" t="s">
        <v>55802</v>
      </c>
      <c r="M19229" s="2" t="s">
        <v>55803</v>
      </c>
      <c r="N19229" s="5" t="s">
        <v>733</v>
      </c>
      <c r="O19229" s="5" t="s">
        <v>38</v>
      </c>
      <c r="P19229" s="5" t="s">
        <v>39</v>
      </c>
      <c r="Q19229" s="5" t="s">
        <v>40</v>
      </c>
      <c r="R19229" s="5" t="s">
        <v>897</v>
      </c>
      <c r="S19229" s="5" t="s">
        <v>40</v>
      </c>
      <c r="T19229" s="5" t="s">
        <v>42</v>
      </c>
      <c r="U19229" s="2">
        <v>70.082999999999998</v>
      </c>
      <c r="V19229" s="2">
        <v>63.954000000000001</v>
      </c>
      <c r="W19229" s="2">
        <v>0.36799999999999999</v>
      </c>
      <c r="X19229" s="2">
        <v>17</v>
      </c>
      <c r="Y19229" s="2">
        <v>124.7</v>
      </c>
      <c r="Z19229" s="2">
        <v>173.8</v>
      </c>
      <c r="AA19229" s="5">
        <v>7</v>
      </c>
      <c r="AB19229" s="5" t="s">
        <v>43</v>
      </c>
      <c r="AC19229" s="5" t="s">
        <v>735</v>
      </c>
      <c r="AD19229" s="2" t="s">
        <v>60191</v>
      </c>
      <c r="AE19229" s="1"/>
    </row>
    <row r="19230" spans="1:31" ht="14.45">
      <c r="A19230" s="11"/>
      <c r="B19230" s="20"/>
      <c r="C19230" s="2" t="s">
        <v>60192</v>
      </c>
      <c r="D19230" s="14" t="s">
        <v>60193</v>
      </c>
      <c r="E19230" s="2" t="s">
        <v>60194</v>
      </c>
      <c r="F19230" s="2" t="s">
        <v>60195</v>
      </c>
      <c r="G19230" s="8">
        <v>1352</v>
      </c>
      <c r="H19230" s="5">
        <v>15</v>
      </c>
      <c r="I19230" s="5" t="s">
        <v>69</v>
      </c>
      <c r="J19230" s="5" t="s">
        <v>55802</v>
      </c>
      <c r="K19230" s="2" t="s">
        <v>55803</v>
      </c>
      <c r="L19230" s="5" t="s">
        <v>55802</v>
      </c>
      <c r="M19230" s="2" t="s">
        <v>55803</v>
      </c>
      <c r="N19230" s="5" t="s">
        <v>733</v>
      </c>
      <c r="O19230" s="5" t="s">
        <v>38</v>
      </c>
      <c r="P19230" s="5" t="s">
        <v>39</v>
      </c>
      <c r="Q19230" s="5" t="s">
        <v>40</v>
      </c>
      <c r="R19230" s="5" t="s">
        <v>897</v>
      </c>
      <c r="S19230" s="5" t="s">
        <v>40</v>
      </c>
      <c r="T19230" s="5" t="s">
        <v>42</v>
      </c>
      <c r="U19230" s="2">
        <v>70.272000000000006</v>
      </c>
      <c r="V19230" s="2">
        <v>64.501000000000005</v>
      </c>
      <c r="W19230" s="2">
        <v>0.36799999999999999</v>
      </c>
      <c r="X19230" s="2">
        <v>17</v>
      </c>
      <c r="Y19230" s="2">
        <v>124.7</v>
      </c>
      <c r="Z19230" s="2">
        <v>173.8</v>
      </c>
      <c r="AA19230" s="5">
        <v>7</v>
      </c>
      <c r="AB19230" s="5" t="s">
        <v>43</v>
      </c>
      <c r="AC19230" s="5" t="s">
        <v>735</v>
      </c>
      <c r="AD19230" s="2" t="s">
        <v>60196</v>
      </c>
      <c r="AE19230" s="1"/>
    </row>
    <row r="19231" spans="1:31" ht="14.45">
      <c r="A19231" s="11"/>
      <c r="B19231" s="20"/>
      <c r="C19231" s="2" t="s">
        <v>60197</v>
      </c>
      <c r="D19231" s="14" t="s">
        <v>60198</v>
      </c>
      <c r="E19231" s="2" t="s">
        <v>60199</v>
      </c>
      <c r="F19231" s="2" t="s">
        <v>60200</v>
      </c>
      <c r="G19231" s="8">
        <v>1210</v>
      </c>
      <c r="H19231" s="5">
        <v>5</v>
      </c>
      <c r="I19231" s="5" t="s">
        <v>69</v>
      </c>
      <c r="J19231" s="5" t="s">
        <v>55802</v>
      </c>
      <c r="K19231" s="2" t="s">
        <v>55803</v>
      </c>
      <c r="L19231" s="5" t="s">
        <v>55802</v>
      </c>
      <c r="M19231" s="2" t="s">
        <v>55803</v>
      </c>
      <c r="N19231" s="5" t="s">
        <v>733</v>
      </c>
      <c r="O19231" s="5" t="s">
        <v>38</v>
      </c>
      <c r="P19231" s="5" t="s">
        <v>39</v>
      </c>
      <c r="Q19231" s="5" t="s">
        <v>40</v>
      </c>
      <c r="R19231" s="5" t="s">
        <v>897</v>
      </c>
      <c r="S19231" s="5" t="s">
        <v>40</v>
      </c>
      <c r="T19231" s="5" t="s">
        <v>42</v>
      </c>
      <c r="U19231" s="2">
        <v>79.356999999999999</v>
      </c>
      <c r="V19231" s="2">
        <v>73.566999999999993</v>
      </c>
      <c r="W19231" s="2">
        <v>0.36799999999999999</v>
      </c>
      <c r="X19231" s="2">
        <v>17</v>
      </c>
      <c r="Y19231" s="2">
        <v>124.7</v>
      </c>
      <c r="Z19231" s="2">
        <v>173.8</v>
      </c>
      <c r="AA19231" s="5">
        <v>7</v>
      </c>
      <c r="AB19231" s="5" t="s">
        <v>43</v>
      </c>
      <c r="AC19231" s="5" t="s">
        <v>735</v>
      </c>
      <c r="AD19231" s="2" t="s">
        <v>60201</v>
      </c>
      <c r="AE19231" s="1"/>
    </row>
    <row r="19232" spans="1:31" ht="14.45">
      <c r="A19232" s="11"/>
      <c r="B19232" s="20"/>
      <c r="C19232" s="2" t="s">
        <v>60202</v>
      </c>
      <c r="D19232" s="14" t="s">
        <v>60203</v>
      </c>
      <c r="E19232" s="2" t="s">
        <v>60204</v>
      </c>
      <c r="F19232" s="2" t="s">
        <v>60200</v>
      </c>
      <c r="G19232" s="8">
        <v>1510</v>
      </c>
      <c r="H19232" s="5">
        <v>10</v>
      </c>
      <c r="I19232" s="5" t="s">
        <v>69</v>
      </c>
      <c r="J19232" s="5" t="s">
        <v>55802</v>
      </c>
      <c r="K19232" s="2" t="s">
        <v>55803</v>
      </c>
      <c r="L19232" s="5" t="s">
        <v>55802</v>
      </c>
      <c r="M19232" s="2" t="s">
        <v>55803</v>
      </c>
      <c r="N19232" s="5" t="s">
        <v>733</v>
      </c>
      <c r="O19232" s="5" t="s">
        <v>38</v>
      </c>
      <c r="P19232" s="5" t="s">
        <v>39</v>
      </c>
      <c r="Q19232" s="5" t="s">
        <v>40</v>
      </c>
      <c r="R19232" s="5" t="s">
        <v>897</v>
      </c>
      <c r="S19232" s="5" t="s">
        <v>40</v>
      </c>
      <c r="T19232" s="5" t="s">
        <v>42</v>
      </c>
      <c r="U19232" s="2">
        <v>81.27</v>
      </c>
      <c r="V19232" s="2">
        <v>75.332999999999998</v>
      </c>
      <c r="W19232" s="2">
        <v>0.36799999999999999</v>
      </c>
      <c r="X19232" s="2">
        <v>17</v>
      </c>
      <c r="Y19232" s="2">
        <v>124.7</v>
      </c>
      <c r="Z19232" s="2">
        <v>173.8</v>
      </c>
      <c r="AA19232" s="5">
        <v>7</v>
      </c>
      <c r="AB19232" s="5" t="s">
        <v>43</v>
      </c>
      <c r="AC19232" s="5" t="s">
        <v>735</v>
      </c>
      <c r="AD19232" s="2" t="s">
        <v>60205</v>
      </c>
      <c r="AE19232" s="1"/>
    </row>
    <row r="19233" spans="1:31" ht="14.45">
      <c r="A19233" s="11"/>
      <c r="B19233" s="20"/>
      <c r="C19233" s="2" t="s">
        <v>60206</v>
      </c>
      <c r="D19233" s="14" t="s">
        <v>60207</v>
      </c>
      <c r="E19233" s="2" t="s">
        <v>60208</v>
      </c>
      <c r="F19233" s="2" t="s">
        <v>60200</v>
      </c>
      <c r="G19233" s="8">
        <v>1510</v>
      </c>
      <c r="H19233" s="5">
        <v>5</v>
      </c>
      <c r="I19233" s="5" t="s">
        <v>69</v>
      </c>
      <c r="J19233" s="5" t="s">
        <v>55802</v>
      </c>
      <c r="K19233" s="2" t="s">
        <v>55803</v>
      </c>
      <c r="L19233" s="5" t="s">
        <v>55802</v>
      </c>
      <c r="M19233" s="2" t="s">
        <v>55803</v>
      </c>
      <c r="N19233" s="5" t="s">
        <v>733</v>
      </c>
      <c r="O19233" s="5" t="s">
        <v>38</v>
      </c>
      <c r="P19233" s="5" t="s">
        <v>39</v>
      </c>
      <c r="Q19233" s="5" t="s">
        <v>40</v>
      </c>
      <c r="R19233" s="5" t="s">
        <v>897</v>
      </c>
      <c r="S19233" s="5" t="s">
        <v>40</v>
      </c>
      <c r="T19233" s="5" t="s">
        <v>42</v>
      </c>
      <c r="U19233" s="2">
        <v>81.632000000000005</v>
      </c>
      <c r="V19233" s="2">
        <v>75.519000000000005</v>
      </c>
      <c r="W19233" s="2">
        <v>0.36799999999999999</v>
      </c>
      <c r="X19233" s="2">
        <v>17</v>
      </c>
      <c r="Y19233" s="2">
        <v>124.7</v>
      </c>
      <c r="Z19233" s="2">
        <v>173.8</v>
      </c>
      <c r="AA19233" s="5">
        <v>7</v>
      </c>
      <c r="AB19233" s="5" t="s">
        <v>43</v>
      </c>
      <c r="AC19233" s="5" t="s">
        <v>735</v>
      </c>
      <c r="AD19233" s="2" t="s">
        <v>60209</v>
      </c>
      <c r="AE19233" s="1"/>
    </row>
    <row r="19234" spans="1:31" ht="14.45">
      <c r="A19234" s="11"/>
      <c r="B19234" s="20"/>
      <c r="C19234" s="2" t="s">
        <v>60210</v>
      </c>
      <c r="D19234" s="14" t="s">
        <v>60211</v>
      </c>
      <c r="E19234" s="2" t="s">
        <v>60212</v>
      </c>
      <c r="F19234" s="2" t="s">
        <v>60213</v>
      </c>
      <c r="G19234" s="8">
        <v>2142</v>
      </c>
      <c r="H19234" s="5">
        <v>10</v>
      </c>
      <c r="I19234" s="5" t="s">
        <v>69</v>
      </c>
      <c r="J19234" s="5" t="s">
        <v>55802</v>
      </c>
      <c r="K19234" s="2" t="s">
        <v>55803</v>
      </c>
      <c r="L19234" s="5" t="s">
        <v>55802</v>
      </c>
      <c r="M19234" s="2" t="s">
        <v>55803</v>
      </c>
      <c r="N19234" s="5" t="s">
        <v>733</v>
      </c>
      <c r="O19234" s="5" t="s">
        <v>38</v>
      </c>
      <c r="P19234" s="5" t="s">
        <v>39</v>
      </c>
      <c r="Q19234" s="5" t="s">
        <v>40</v>
      </c>
      <c r="R19234" s="5" t="s">
        <v>897</v>
      </c>
      <c r="S19234" s="5" t="s">
        <v>40</v>
      </c>
      <c r="T19234" s="5" t="s">
        <v>42</v>
      </c>
      <c r="U19234" s="2">
        <v>85.652000000000001</v>
      </c>
      <c r="V19234" s="2">
        <v>79.715000000000003</v>
      </c>
      <c r="W19234" s="2">
        <v>0.36799999999999999</v>
      </c>
      <c r="X19234" s="2">
        <v>17</v>
      </c>
      <c r="Y19234" s="2">
        <v>124.7</v>
      </c>
      <c r="Z19234" s="2">
        <v>173.8</v>
      </c>
      <c r="AA19234" s="5">
        <v>7</v>
      </c>
      <c r="AB19234" s="5" t="s">
        <v>43</v>
      </c>
      <c r="AC19234" s="5" t="s">
        <v>735</v>
      </c>
      <c r="AD19234" s="2" t="s">
        <v>60214</v>
      </c>
      <c r="AE19234" s="1"/>
    </row>
    <row r="19235" spans="1:31" ht="14.45">
      <c r="A19235" s="11"/>
      <c r="B19235" s="20"/>
      <c r="C19235" s="2" t="s">
        <v>60215</v>
      </c>
      <c r="D19235" s="14" t="s">
        <v>60216</v>
      </c>
      <c r="E19235" s="2" t="s">
        <v>60217</v>
      </c>
      <c r="F19235" s="2" t="s">
        <v>60218</v>
      </c>
      <c r="G19235" s="8">
        <v>1577</v>
      </c>
      <c r="H19235" s="5">
        <v>10</v>
      </c>
      <c r="I19235" s="5" t="s">
        <v>69</v>
      </c>
      <c r="J19235" s="5" t="s">
        <v>55802</v>
      </c>
      <c r="K19235" s="2" t="s">
        <v>55803</v>
      </c>
      <c r="L19235" s="5" t="s">
        <v>55802</v>
      </c>
      <c r="M19235" s="2" t="s">
        <v>55803</v>
      </c>
      <c r="N19235" s="5" t="s">
        <v>733</v>
      </c>
      <c r="O19235" s="5" t="s">
        <v>38</v>
      </c>
      <c r="P19235" s="5" t="s">
        <v>39</v>
      </c>
      <c r="Q19235" s="5" t="s">
        <v>40</v>
      </c>
      <c r="R19235" s="5" t="s">
        <v>897</v>
      </c>
      <c r="S19235" s="5" t="s">
        <v>40</v>
      </c>
      <c r="T19235" s="5" t="s">
        <v>42</v>
      </c>
      <c r="U19235" s="2">
        <v>74.132999999999996</v>
      </c>
      <c r="V19235" s="2">
        <v>68.180000000000007</v>
      </c>
      <c r="W19235" s="2">
        <v>0.36799999999999999</v>
      </c>
      <c r="X19235" s="2">
        <v>17</v>
      </c>
      <c r="Y19235" s="2">
        <v>124.7</v>
      </c>
      <c r="Z19235" s="2">
        <v>173.8</v>
      </c>
      <c r="AA19235" s="5">
        <v>7</v>
      </c>
      <c r="AB19235" s="5" t="s">
        <v>43</v>
      </c>
      <c r="AC19235" s="5" t="s">
        <v>735</v>
      </c>
      <c r="AD19235" s="2" t="s">
        <v>60219</v>
      </c>
      <c r="AE19235" s="1"/>
    </row>
    <row r="19236" spans="1:31" ht="14.45">
      <c r="A19236" s="11"/>
      <c r="B19236" s="20"/>
      <c r="C19236" s="2" t="s">
        <v>60220</v>
      </c>
      <c r="D19236" s="14" t="s">
        <v>60221</v>
      </c>
      <c r="E19236" s="2" t="s">
        <v>60222</v>
      </c>
      <c r="F19236" s="2" t="s">
        <v>60223</v>
      </c>
      <c r="G19236" s="8">
        <v>1678</v>
      </c>
      <c r="H19236" s="5">
        <v>10</v>
      </c>
      <c r="I19236" s="5" t="s">
        <v>69</v>
      </c>
      <c r="J19236" s="5" t="s">
        <v>55802</v>
      </c>
      <c r="K19236" s="2" t="s">
        <v>55803</v>
      </c>
      <c r="L19236" s="5" t="s">
        <v>55802</v>
      </c>
      <c r="M19236" s="2" t="s">
        <v>55803</v>
      </c>
      <c r="N19236" s="5" t="s">
        <v>733</v>
      </c>
      <c r="O19236" s="5" t="s">
        <v>38</v>
      </c>
      <c r="P19236" s="5" t="s">
        <v>39</v>
      </c>
      <c r="Q19236" s="5" t="s">
        <v>40</v>
      </c>
      <c r="R19236" s="5" t="s">
        <v>897</v>
      </c>
      <c r="S19236" s="5" t="s">
        <v>40</v>
      </c>
      <c r="T19236" s="5" t="s">
        <v>42</v>
      </c>
      <c r="U19236" s="2">
        <v>85.694999999999993</v>
      </c>
      <c r="V19236" s="2">
        <v>79.873000000000005</v>
      </c>
      <c r="W19236" s="2">
        <v>0.36799999999999999</v>
      </c>
      <c r="X19236" s="2">
        <v>17</v>
      </c>
      <c r="Y19236" s="2">
        <v>124.7</v>
      </c>
      <c r="Z19236" s="2">
        <v>173.8</v>
      </c>
      <c r="AA19236" s="5">
        <v>7</v>
      </c>
      <c r="AB19236" s="5" t="s">
        <v>43</v>
      </c>
      <c r="AC19236" s="5" t="s">
        <v>735</v>
      </c>
      <c r="AD19236" s="2" t="s">
        <v>60224</v>
      </c>
      <c r="AE19236" s="1"/>
    </row>
    <row r="19237" spans="1:31" ht="14.45">
      <c r="A19237" s="11"/>
      <c r="B19237" s="20"/>
      <c r="C19237" s="2" t="s">
        <v>60225</v>
      </c>
      <c r="D19237" s="14" t="s">
        <v>60226</v>
      </c>
      <c r="E19237" s="2" t="s">
        <v>60227</v>
      </c>
      <c r="F19237" s="2" t="s">
        <v>60223</v>
      </c>
      <c r="G19237" s="8">
        <v>1978</v>
      </c>
      <c r="H19237" s="5">
        <v>10</v>
      </c>
      <c r="I19237" s="5" t="s">
        <v>69</v>
      </c>
      <c r="J19237" s="5" t="s">
        <v>55802</v>
      </c>
      <c r="K19237" s="2" t="s">
        <v>55803</v>
      </c>
      <c r="L19237" s="5" t="s">
        <v>55802</v>
      </c>
      <c r="M19237" s="2" t="s">
        <v>55803</v>
      </c>
      <c r="N19237" s="5" t="s">
        <v>733</v>
      </c>
      <c r="O19237" s="5" t="s">
        <v>38</v>
      </c>
      <c r="P19237" s="5" t="s">
        <v>39</v>
      </c>
      <c r="Q19237" s="5" t="s">
        <v>40</v>
      </c>
      <c r="R19237" s="5" t="s">
        <v>897</v>
      </c>
      <c r="S19237" s="5" t="s">
        <v>40</v>
      </c>
      <c r="T19237" s="5" t="s">
        <v>42</v>
      </c>
      <c r="U19237" s="2">
        <v>85.58</v>
      </c>
      <c r="V19237" s="2">
        <v>79.643000000000001</v>
      </c>
      <c r="W19237" s="2">
        <v>0.36799999999999999</v>
      </c>
      <c r="X19237" s="2">
        <v>17</v>
      </c>
      <c r="Y19237" s="2">
        <v>124.7</v>
      </c>
      <c r="Z19237" s="2">
        <v>173.8</v>
      </c>
      <c r="AA19237" s="5">
        <v>7</v>
      </c>
      <c r="AB19237" s="5" t="s">
        <v>43</v>
      </c>
      <c r="AC19237" s="5" t="s">
        <v>735</v>
      </c>
      <c r="AD19237" s="2" t="s">
        <v>60228</v>
      </c>
      <c r="AE19237" s="1"/>
    </row>
    <row r="19238" spans="1:31" ht="14.45">
      <c r="A19238" s="11"/>
      <c r="B19238" s="20"/>
      <c r="C19238" s="2" t="s">
        <v>60229</v>
      </c>
      <c r="D19238" s="14" t="s">
        <v>60230</v>
      </c>
      <c r="E19238" s="2" t="s">
        <v>60231</v>
      </c>
      <c r="F19238" s="2" t="s">
        <v>60232</v>
      </c>
      <c r="G19238" s="8">
        <v>1842</v>
      </c>
      <c r="H19238" s="5">
        <v>10</v>
      </c>
      <c r="I19238" s="5" t="s">
        <v>69</v>
      </c>
      <c r="J19238" s="5" t="s">
        <v>55802</v>
      </c>
      <c r="K19238" s="2" t="s">
        <v>55803</v>
      </c>
      <c r="L19238" s="5" t="s">
        <v>55802</v>
      </c>
      <c r="M19238" s="2" t="s">
        <v>55803</v>
      </c>
      <c r="N19238" s="5" t="s">
        <v>733</v>
      </c>
      <c r="O19238" s="5" t="s">
        <v>38</v>
      </c>
      <c r="P19238" s="5" t="s">
        <v>39</v>
      </c>
      <c r="Q19238" s="5" t="s">
        <v>40</v>
      </c>
      <c r="R19238" s="5" t="s">
        <v>897</v>
      </c>
      <c r="S19238" s="5" t="s">
        <v>40</v>
      </c>
      <c r="T19238" s="5" t="s">
        <v>42</v>
      </c>
      <c r="U19238" s="2">
        <v>84.569000000000003</v>
      </c>
      <c r="V19238" s="2">
        <v>78.747</v>
      </c>
      <c r="W19238" s="2">
        <v>0.36799999999999999</v>
      </c>
      <c r="X19238" s="2">
        <v>17</v>
      </c>
      <c r="Y19238" s="2">
        <v>124.7</v>
      </c>
      <c r="Z19238" s="2">
        <v>173.8</v>
      </c>
      <c r="AA19238" s="5">
        <v>7</v>
      </c>
      <c r="AB19238" s="5" t="s">
        <v>43</v>
      </c>
      <c r="AC19238" s="5" t="s">
        <v>735</v>
      </c>
      <c r="AD19238" s="2" t="s">
        <v>60233</v>
      </c>
      <c r="AE19238" s="1"/>
    </row>
    <row r="19239" spans="1:31" ht="14.45">
      <c r="A19239" s="11"/>
      <c r="B19239" s="20"/>
      <c r="C19239" s="2" t="s">
        <v>60234</v>
      </c>
      <c r="D19239" s="14" t="s">
        <v>60235</v>
      </c>
      <c r="E19239" s="2" t="s">
        <v>60236</v>
      </c>
      <c r="F19239" s="2" t="s">
        <v>60237</v>
      </c>
      <c r="G19239" s="8">
        <v>1678</v>
      </c>
      <c r="H19239" s="5">
        <v>10</v>
      </c>
      <c r="I19239" s="5" t="s">
        <v>69</v>
      </c>
      <c r="J19239" s="5" t="s">
        <v>55802</v>
      </c>
      <c r="K19239" s="2" t="s">
        <v>55803</v>
      </c>
      <c r="L19239" s="5" t="s">
        <v>55802</v>
      </c>
      <c r="M19239" s="2" t="s">
        <v>55803</v>
      </c>
      <c r="N19239" s="5" t="s">
        <v>733</v>
      </c>
      <c r="O19239" s="5" t="s">
        <v>38</v>
      </c>
      <c r="P19239" s="5" t="s">
        <v>39</v>
      </c>
      <c r="Q19239" s="5" t="s">
        <v>40</v>
      </c>
      <c r="R19239" s="5" t="s">
        <v>897</v>
      </c>
      <c r="S19239" s="5" t="s">
        <v>40</v>
      </c>
      <c r="T19239" s="5" t="s">
        <v>42</v>
      </c>
      <c r="U19239" s="2">
        <v>84.497</v>
      </c>
      <c r="V19239" s="2">
        <v>78.674999999999997</v>
      </c>
      <c r="W19239" s="2">
        <v>0.36799999999999999</v>
      </c>
      <c r="X19239" s="2">
        <v>17</v>
      </c>
      <c r="Y19239" s="2">
        <v>124.7</v>
      </c>
      <c r="Z19239" s="2">
        <v>173.8</v>
      </c>
      <c r="AA19239" s="5">
        <v>7</v>
      </c>
      <c r="AB19239" s="5" t="s">
        <v>43</v>
      </c>
      <c r="AC19239" s="5" t="s">
        <v>735</v>
      </c>
      <c r="AD19239" s="2" t="s">
        <v>60238</v>
      </c>
      <c r="AE19239" s="1"/>
    </row>
    <row r="19240" spans="1:31" ht="14.45">
      <c r="A19240" s="11"/>
      <c r="B19240" s="20"/>
      <c r="C19240" s="2" t="s">
        <v>60239</v>
      </c>
      <c r="D19240" s="14" t="s">
        <v>60240</v>
      </c>
      <c r="E19240" s="2" t="s">
        <v>60241</v>
      </c>
      <c r="F19240" s="2" t="s">
        <v>60242</v>
      </c>
      <c r="G19240" s="8">
        <v>1374</v>
      </c>
      <c r="H19240" s="5">
        <v>10</v>
      </c>
      <c r="I19240" s="5" t="s">
        <v>69</v>
      </c>
      <c r="J19240" s="5" t="s">
        <v>55802</v>
      </c>
      <c r="K19240" s="2" t="s">
        <v>55803</v>
      </c>
      <c r="L19240" s="5" t="s">
        <v>55802</v>
      </c>
      <c r="M19240" s="2" t="s">
        <v>55803</v>
      </c>
      <c r="N19240" s="5" t="s">
        <v>733</v>
      </c>
      <c r="O19240" s="5" t="s">
        <v>38</v>
      </c>
      <c r="P19240" s="5" t="s">
        <v>39</v>
      </c>
      <c r="Q19240" s="5" t="s">
        <v>40</v>
      </c>
      <c r="R19240" s="5" t="s">
        <v>897</v>
      </c>
      <c r="S19240" s="5" t="s">
        <v>40</v>
      </c>
      <c r="T19240" s="5" t="s">
        <v>42</v>
      </c>
      <c r="U19240" s="2">
        <v>79.427000000000007</v>
      </c>
      <c r="V19240" s="2">
        <v>73.637</v>
      </c>
      <c r="W19240" s="2">
        <v>0.36799999999999999</v>
      </c>
      <c r="X19240" s="2">
        <v>17</v>
      </c>
      <c r="Y19240" s="2">
        <v>124.7</v>
      </c>
      <c r="Z19240" s="2">
        <v>173.8</v>
      </c>
      <c r="AA19240" s="5">
        <v>7</v>
      </c>
      <c r="AB19240" s="5" t="s">
        <v>43</v>
      </c>
      <c r="AC19240" s="5" t="s">
        <v>735</v>
      </c>
      <c r="AD19240" s="2" t="s">
        <v>60243</v>
      </c>
      <c r="AE19240" s="1"/>
    </row>
    <row r="19241" spans="1:31" ht="14.45">
      <c r="A19241" s="11"/>
      <c r="B19241" s="20"/>
      <c r="C19241" s="2" t="s">
        <v>60244</v>
      </c>
      <c r="D19241" s="14" t="s">
        <v>60245</v>
      </c>
      <c r="E19241" s="2" t="s">
        <v>60246</v>
      </c>
      <c r="F19241" s="2" t="s">
        <v>60247</v>
      </c>
      <c r="G19241" s="8">
        <v>1674</v>
      </c>
      <c r="H19241" s="5">
        <v>10</v>
      </c>
      <c r="I19241" s="5" t="s">
        <v>69</v>
      </c>
      <c r="J19241" s="5" t="s">
        <v>55802</v>
      </c>
      <c r="K19241" s="2" t="s">
        <v>55803</v>
      </c>
      <c r="L19241" s="5" t="s">
        <v>55802</v>
      </c>
      <c r="M19241" s="2" t="s">
        <v>55803</v>
      </c>
      <c r="N19241" s="5" t="s">
        <v>733</v>
      </c>
      <c r="O19241" s="5" t="s">
        <v>38</v>
      </c>
      <c r="P19241" s="5" t="s">
        <v>39</v>
      </c>
      <c r="Q19241" s="5" t="s">
        <v>40</v>
      </c>
      <c r="R19241" s="5" t="s">
        <v>897</v>
      </c>
      <c r="S19241" s="5" t="s">
        <v>40</v>
      </c>
      <c r="T19241" s="5" t="s">
        <v>42</v>
      </c>
      <c r="U19241" s="2">
        <v>81.34</v>
      </c>
      <c r="V19241" s="2">
        <v>75.403000000000006</v>
      </c>
      <c r="W19241" s="2">
        <v>0.36799999999999999</v>
      </c>
      <c r="X19241" s="2">
        <v>17</v>
      </c>
      <c r="Y19241" s="2">
        <v>124.7</v>
      </c>
      <c r="Z19241" s="2">
        <v>173.8</v>
      </c>
      <c r="AA19241" s="5">
        <v>7</v>
      </c>
      <c r="AB19241" s="5" t="s">
        <v>43</v>
      </c>
      <c r="AC19241" s="5" t="s">
        <v>735</v>
      </c>
      <c r="AD19241" s="2" t="s">
        <v>60248</v>
      </c>
      <c r="AE19241" s="1"/>
    </row>
    <row r="19242" spans="1:31" ht="14.45">
      <c r="A19242" s="11"/>
      <c r="B19242" s="20"/>
      <c r="C19242" s="2" t="s">
        <v>60249</v>
      </c>
      <c r="D19242" s="14" t="s">
        <v>60250</v>
      </c>
      <c r="E19242" s="2" t="s">
        <v>60251</v>
      </c>
      <c r="F19242" s="2" t="s">
        <v>60252</v>
      </c>
      <c r="G19242" s="8">
        <v>1934</v>
      </c>
      <c r="H19242" s="5">
        <v>10</v>
      </c>
      <c r="I19242" s="5" t="s">
        <v>69</v>
      </c>
      <c r="J19242" s="5" t="s">
        <v>55802</v>
      </c>
      <c r="K19242" s="2" t="s">
        <v>55803</v>
      </c>
      <c r="L19242" s="5" t="s">
        <v>55802</v>
      </c>
      <c r="M19242" s="2" t="s">
        <v>55803</v>
      </c>
      <c r="N19242" s="5" t="s">
        <v>733</v>
      </c>
      <c r="O19242" s="5" t="s">
        <v>38</v>
      </c>
      <c r="P19242" s="5" t="s">
        <v>39</v>
      </c>
      <c r="Q19242" s="5" t="s">
        <v>40</v>
      </c>
      <c r="R19242" s="5" t="s">
        <v>897</v>
      </c>
      <c r="S19242" s="5" t="s">
        <v>40</v>
      </c>
      <c r="T19242" s="5" t="s">
        <v>42</v>
      </c>
      <c r="U19242" s="2">
        <v>81.097999999999999</v>
      </c>
      <c r="V19242" s="2">
        <v>75.161000000000001</v>
      </c>
      <c r="W19242" s="2">
        <v>0.36799999999999999</v>
      </c>
      <c r="X19242" s="2">
        <v>17</v>
      </c>
      <c r="Y19242" s="2">
        <v>124.7</v>
      </c>
      <c r="Z19242" s="2">
        <v>173.8</v>
      </c>
      <c r="AA19242" s="5">
        <v>7</v>
      </c>
      <c r="AB19242" s="5" t="s">
        <v>43</v>
      </c>
      <c r="AC19242" s="5" t="s">
        <v>735</v>
      </c>
      <c r="AD19242" s="2" t="s">
        <v>60253</v>
      </c>
      <c r="AE19242" s="1"/>
    </row>
    <row r="19243" spans="1:31" ht="14.45">
      <c r="A19243" s="11"/>
      <c r="B19243" s="20"/>
      <c r="C19243" s="2" t="s">
        <v>60254</v>
      </c>
      <c r="D19243" s="14" t="s">
        <v>60255</v>
      </c>
      <c r="E19243" s="2" t="s">
        <v>60256</v>
      </c>
      <c r="F19243" s="2" t="s">
        <v>60257</v>
      </c>
      <c r="G19243" s="8">
        <v>1424</v>
      </c>
      <c r="H19243" s="5">
        <v>10</v>
      </c>
      <c r="I19243" s="5" t="s">
        <v>69</v>
      </c>
      <c r="J19243" s="5" t="s">
        <v>55802</v>
      </c>
      <c r="K19243" s="2" t="s">
        <v>55803</v>
      </c>
      <c r="L19243" s="5" t="s">
        <v>55802</v>
      </c>
      <c r="M19243" s="2" t="s">
        <v>55803</v>
      </c>
      <c r="N19243" s="5" t="s">
        <v>733</v>
      </c>
      <c r="O19243" s="5" t="s">
        <v>38</v>
      </c>
      <c r="P19243" s="5" t="s">
        <v>39</v>
      </c>
      <c r="Q19243" s="5" t="s">
        <v>40</v>
      </c>
      <c r="R19243" s="5" t="s">
        <v>897</v>
      </c>
      <c r="S19243" s="5" t="s">
        <v>40</v>
      </c>
      <c r="T19243" s="5" t="s">
        <v>42</v>
      </c>
      <c r="U19243" s="2">
        <v>81.445999999999998</v>
      </c>
      <c r="V19243" s="2">
        <v>75.509</v>
      </c>
      <c r="W19243" s="2">
        <v>0.36799999999999999</v>
      </c>
      <c r="X19243" s="2">
        <v>17</v>
      </c>
      <c r="Y19243" s="2">
        <v>124.7</v>
      </c>
      <c r="Z19243" s="2">
        <v>173.8</v>
      </c>
      <c r="AA19243" s="5">
        <v>7</v>
      </c>
      <c r="AB19243" s="5" t="s">
        <v>43</v>
      </c>
      <c r="AC19243" s="5" t="s">
        <v>735</v>
      </c>
      <c r="AD19243" s="2" t="s">
        <v>60258</v>
      </c>
      <c r="AE19243" s="1"/>
    </row>
    <row r="19244" spans="1:31" ht="14.45">
      <c r="A19244" s="11"/>
      <c r="B19244" s="20"/>
      <c r="C19244" s="2" t="s">
        <v>60259</v>
      </c>
      <c r="D19244" s="14" t="s">
        <v>60260</v>
      </c>
      <c r="E19244" s="2" t="s">
        <v>60261</v>
      </c>
      <c r="F19244" s="2" t="s">
        <v>60262</v>
      </c>
      <c r="G19244" s="8">
        <v>809</v>
      </c>
      <c r="H19244" s="5">
        <v>5</v>
      </c>
      <c r="I19244" s="5" t="s">
        <v>69</v>
      </c>
      <c r="J19244" s="5" t="s">
        <v>55802</v>
      </c>
      <c r="K19244" s="2" t="s">
        <v>55803</v>
      </c>
      <c r="L19244" s="5" t="s">
        <v>55802</v>
      </c>
      <c r="M19244" s="2" t="s">
        <v>55803</v>
      </c>
      <c r="N19244" s="5" t="s">
        <v>733</v>
      </c>
      <c r="O19244" s="5" t="s">
        <v>38</v>
      </c>
      <c r="P19244" s="5" t="s">
        <v>39</v>
      </c>
      <c r="Q19244" s="5" t="s">
        <v>40</v>
      </c>
      <c r="R19244" s="5" t="s">
        <v>897</v>
      </c>
      <c r="S19244" s="5" t="s">
        <v>40</v>
      </c>
      <c r="T19244" s="5" t="s">
        <v>42</v>
      </c>
      <c r="U19244" s="2">
        <v>68.253</v>
      </c>
      <c r="V19244" s="2">
        <v>62.637999999999998</v>
      </c>
      <c r="W19244" s="2">
        <v>0.36299999999999999</v>
      </c>
      <c r="X19244" s="2">
        <v>17</v>
      </c>
      <c r="Y19244" s="2">
        <v>122.7</v>
      </c>
      <c r="Z19244" s="2">
        <v>173.8</v>
      </c>
      <c r="AA19244" s="5">
        <v>7</v>
      </c>
      <c r="AB19244" s="5" t="s">
        <v>43</v>
      </c>
      <c r="AC19244" s="5" t="s">
        <v>735</v>
      </c>
      <c r="AD19244" s="2" t="s">
        <v>60263</v>
      </c>
      <c r="AE19244" s="1"/>
    </row>
    <row r="19245" spans="1:31" ht="14.45">
      <c r="A19245" s="11"/>
      <c r="B19245" s="20"/>
      <c r="C19245" s="2" t="s">
        <v>60264</v>
      </c>
      <c r="D19245" s="14" t="s">
        <v>60265</v>
      </c>
      <c r="E19245" s="2" t="s">
        <v>60266</v>
      </c>
      <c r="F19245" s="2" t="s">
        <v>60262</v>
      </c>
      <c r="G19245" s="8">
        <v>1109</v>
      </c>
      <c r="H19245" s="5">
        <v>5</v>
      </c>
      <c r="I19245" s="5" t="s">
        <v>69</v>
      </c>
      <c r="J19245" s="5" t="s">
        <v>55802</v>
      </c>
      <c r="K19245" s="2" t="s">
        <v>55803</v>
      </c>
      <c r="L19245" s="5" t="s">
        <v>55802</v>
      </c>
      <c r="M19245" s="2" t="s">
        <v>55803</v>
      </c>
      <c r="N19245" s="5" t="s">
        <v>733</v>
      </c>
      <c r="O19245" s="5" t="s">
        <v>38</v>
      </c>
      <c r="P19245" s="5" t="s">
        <v>39</v>
      </c>
      <c r="Q19245" s="5" t="s">
        <v>40</v>
      </c>
      <c r="R19245" s="5" t="s">
        <v>897</v>
      </c>
      <c r="S19245" s="5" t="s">
        <v>40</v>
      </c>
      <c r="T19245" s="5" t="s">
        <v>42</v>
      </c>
      <c r="U19245" s="2">
        <v>69.781000000000006</v>
      </c>
      <c r="V19245" s="2">
        <v>63.828000000000003</v>
      </c>
      <c r="W19245" s="2">
        <v>0.36799999999999999</v>
      </c>
      <c r="X19245" s="2">
        <v>17</v>
      </c>
      <c r="Y19245" s="2">
        <v>124.7</v>
      </c>
      <c r="Z19245" s="2">
        <v>173.8</v>
      </c>
      <c r="AA19245" s="5">
        <v>7</v>
      </c>
      <c r="AB19245" s="5" t="s">
        <v>43</v>
      </c>
      <c r="AC19245" s="5" t="s">
        <v>735</v>
      </c>
      <c r="AD19245" s="2" t="s">
        <v>60267</v>
      </c>
      <c r="AE19245" s="1"/>
    </row>
    <row r="19246" spans="1:31" ht="14.45">
      <c r="A19246" s="11"/>
      <c r="B19246" s="20"/>
      <c r="C19246" s="2" t="s">
        <v>60268</v>
      </c>
      <c r="D19246" s="14" t="s">
        <v>60269</v>
      </c>
      <c r="E19246" s="2" t="s">
        <v>60270</v>
      </c>
      <c r="F19246" s="2" t="s">
        <v>60262</v>
      </c>
      <c r="G19246" s="8">
        <v>1109</v>
      </c>
      <c r="H19246" s="5">
        <v>10</v>
      </c>
      <c r="I19246" s="5" t="s">
        <v>69</v>
      </c>
      <c r="J19246" s="5" t="s">
        <v>55802</v>
      </c>
      <c r="K19246" s="2" t="s">
        <v>55803</v>
      </c>
      <c r="L19246" s="5" t="s">
        <v>55802</v>
      </c>
      <c r="M19246" s="2" t="s">
        <v>55803</v>
      </c>
      <c r="N19246" s="5" t="s">
        <v>733</v>
      </c>
      <c r="O19246" s="5" t="s">
        <v>38</v>
      </c>
      <c r="P19246" s="5" t="s">
        <v>39</v>
      </c>
      <c r="Q19246" s="5" t="s">
        <v>40</v>
      </c>
      <c r="R19246" s="5" t="s">
        <v>897</v>
      </c>
      <c r="S19246" s="5" t="s">
        <v>40</v>
      </c>
      <c r="T19246" s="5" t="s">
        <v>42</v>
      </c>
      <c r="U19246" s="2">
        <v>70.108000000000004</v>
      </c>
      <c r="V19246" s="2">
        <v>63.978999999999999</v>
      </c>
      <c r="W19246" s="2">
        <v>0.36799999999999999</v>
      </c>
      <c r="X19246" s="2">
        <v>17</v>
      </c>
      <c r="Y19246" s="2">
        <v>124.7</v>
      </c>
      <c r="Z19246" s="2">
        <v>173.8</v>
      </c>
      <c r="AA19246" s="5">
        <v>7</v>
      </c>
      <c r="AB19246" s="5" t="s">
        <v>43</v>
      </c>
      <c r="AC19246" s="5" t="s">
        <v>735</v>
      </c>
      <c r="AD19246" s="2" t="s">
        <v>60271</v>
      </c>
      <c r="AE19246" s="1"/>
    </row>
    <row r="19247" spans="1:31" ht="14.45">
      <c r="A19247" s="11"/>
      <c r="B19247" s="20"/>
      <c r="C19247" s="2" t="s">
        <v>60272</v>
      </c>
      <c r="D19247" s="14" t="s">
        <v>60273</v>
      </c>
      <c r="E19247" s="2" t="s">
        <v>60274</v>
      </c>
      <c r="F19247" s="2" t="s">
        <v>60275</v>
      </c>
      <c r="G19247" s="8">
        <v>1210</v>
      </c>
      <c r="H19247" s="5">
        <v>10</v>
      </c>
      <c r="I19247" s="5" t="s">
        <v>69</v>
      </c>
      <c r="J19247" s="5" t="s">
        <v>55802</v>
      </c>
      <c r="K19247" s="2" t="s">
        <v>55803</v>
      </c>
      <c r="L19247" s="5" t="s">
        <v>55802</v>
      </c>
      <c r="M19247" s="2" t="s">
        <v>55803</v>
      </c>
      <c r="N19247" s="5" t="s">
        <v>733</v>
      </c>
      <c r="O19247" s="5" t="s">
        <v>38</v>
      </c>
      <c r="P19247" s="5" t="s">
        <v>39</v>
      </c>
      <c r="Q19247" s="5" t="s">
        <v>40</v>
      </c>
      <c r="R19247" s="5" t="s">
        <v>897</v>
      </c>
      <c r="S19247" s="5" t="s">
        <v>40</v>
      </c>
      <c r="T19247" s="5" t="s">
        <v>42</v>
      </c>
      <c r="U19247" s="2">
        <v>79.355000000000004</v>
      </c>
      <c r="V19247" s="2">
        <v>73.564999999999998</v>
      </c>
      <c r="W19247" s="2">
        <v>0.36799999999999999</v>
      </c>
      <c r="X19247" s="2">
        <v>17</v>
      </c>
      <c r="Y19247" s="2">
        <v>124.7</v>
      </c>
      <c r="Z19247" s="2">
        <v>173.8</v>
      </c>
      <c r="AA19247" s="5">
        <v>7</v>
      </c>
      <c r="AB19247" s="5" t="s">
        <v>43</v>
      </c>
      <c r="AC19247" s="5" t="s">
        <v>735</v>
      </c>
      <c r="AD19247" s="2" t="s">
        <v>60276</v>
      </c>
      <c r="AE19247" s="1"/>
    </row>
    <row r="19248" spans="1:31" ht="14.45">
      <c r="A19248" s="11"/>
      <c r="B19248" s="20"/>
      <c r="C19248" s="2" t="s">
        <v>60277</v>
      </c>
      <c r="D19248" s="14" t="s">
        <v>60278</v>
      </c>
      <c r="E19248" s="2" t="s">
        <v>60279</v>
      </c>
      <c r="F19248" s="2" t="s">
        <v>60275</v>
      </c>
      <c r="G19248" s="8">
        <v>1510</v>
      </c>
      <c r="H19248" s="5">
        <v>10</v>
      </c>
      <c r="I19248" s="5" t="s">
        <v>69</v>
      </c>
      <c r="J19248" s="5" t="s">
        <v>55802</v>
      </c>
      <c r="K19248" s="2" t="s">
        <v>55803</v>
      </c>
      <c r="L19248" s="5" t="s">
        <v>55802</v>
      </c>
      <c r="M19248" s="2" t="s">
        <v>55803</v>
      </c>
      <c r="N19248" s="5" t="s">
        <v>733</v>
      </c>
      <c r="O19248" s="5" t="s">
        <v>38</v>
      </c>
      <c r="P19248" s="5" t="s">
        <v>39</v>
      </c>
      <c r="Q19248" s="5" t="s">
        <v>40</v>
      </c>
      <c r="R19248" s="5" t="s">
        <v>897</v>
      </c>
      <c r="S19248" s="5" t="s">
        <v>40</v>
      </c>
      <c r="T19248" s="5" t="s">
        <v>42</v>
      </c>
      <c r="U19248" s="2">
        <v>81.268000000000001</v>
      </c>
      <c r="V19248" s="2">
        <v>75.331000000000003</v>
      </c>
      <c r="W19248" s="2">
        <v>0.36799999999999999</v>
      </c>
      <c r="X19248" s="2">
        <v>17</v>
      </c>
      <c r="Y19248" s="2">
        <v>124.7</v>
      </c>
      <c r="Z19248" s="2">
        <v>173.8</v>
      </c>
      <c r="AA19248" s="5">
        <v>7</v>
      </c>
      <c r="AB19248" s="5" t="s">
        <v>43</v>
      </c>
      <c r="AC19248" s="5" t="s">
        <v>735</v>
      </c>
      <c r="AD19248" s="2" t="s">
        <v>60280</v>
      </c>
      <c r="AE19248" s="1"/>
    </row>
    <row r="19249" spans="1:31" ht="14.45">
      <c r="A19249" s="11"/>
      <c r="B19249" s="20"/>
      <c r="C19249" s="2" t="s">
        <v>60281</v>
      </c>
      <c r="D19249" s="14" t="s">
        <v>60282</v>
      </c>
      <c r="E19249" s="2" t="s">
        <v>60283</v>
      </c>
      <c r="F19249" s="2" t="s">
        <v>60275</v>
      </c>
      <c r="G19249" s="8">
        <v>1510</v>
      </c>
      <c r="H19249" s="5">
        <v>5</v>
      </c>
      <c r="I19249" s="5" t="s">
        <v>69</v>
      </c>
      <c r="J19249" s="5" t="s">
        <v>55802</v>
      </c>
      <c r="K19249" s="2" t="s">
        <v>55803</v>
      </c>
      <c r="L19249" s="5" t="s">
        <v>55802</v>
      </c>
      <c r="M19249" s="2" t="s">
        <v>55803</v>
      </c>
      <c r="N19249" s="5" t="s">
        <v>733</v>
      </c>
      <c r="O19249" s="5" t="s">
        <v>38</v>
      </c>
      <c r="P19249" s="5" t="s">
        <v>39</v>
      </c>
      <c r="Q19249" s="5" t="s">
        <v>40</v>
      </c>
      <c r="R19249" s="5" t="s">
        <v>897</v>
      </c>
      <c r="S19249" s="5" t="s">
        <v>40</v>
      </c>
      <c r="T19249" s="5" t="s">
        <v>42</v>
      </c>
      <c r="U19249" s="2">
        <v>81.656999999999996</v>
      </c>
      <c r="V19249" s="2">
        <v>75.543999999999997</v>
      </c>
      <c r="W19249" s="2">
        <v>0.36799999999999999</v>
      </c>
      <c r="X19249" s="2">
        <v>17</v>
      </c>
      <c r="Y19249" s="2">
        <v>124.7</v>
      </c>
      <c r="Z19249" s="2">
        <v>173.8</v>
      </c>
      <c r="AA19249" s="5">
        <v>7</v>
      </c>
      <c r="AB19249" s="5" t="s">
        <v>43</v>
      </c>
      <c r="AC19249" s="5" t="s">
        <v>735</v>
      </c>
      <c r="AD19249" s="2" t="s">
        <v>60284</v>
      </c>
      <c r="AE19249" s="1"/>
    </row>
    <row r="19250" spans="1:31" ht="14.45">
      <c r="A19250" s="11"/>
      <c r="B19250" s="20"/>
      <c r="C19250" s="2" t="s">
        <v>60285</v>
      </c>
      <c r="D19250" s="14" t="s">
        <v>60286</v>
      </c>
      <c r="E19250" s="2" t="s">
        <v>60287</v>
      </c>
      <c r="F19250" s="2" t="s">
        <v>60288</v>
      </c>
      <c r="G19250" s="8">
        <v>2142</v>
      </c>
      <c r="H19250" s="5">
        <v>10</v>
      </c>
      <c r="I19250" s="5" t="s">
        <v>69</v>
      </c>
      <c r="J19250" s="5" t="s">
        <v>55802</v>
      </c>
      <c r="K19250" s="2" t="s">
        <v>55803</v>
      </c>
      <c r="L19250" s="5" t="s">
        <v>55802</v>
      </c>
      <c r="M19250" s="2" t="s">
        <v>55803</v>
      </c>
      <c r="N19250" s="5" t="s">
        <v>733</v>
      </c>
      <c r="O19250" s="5" t="s">
        <v>38</v>
      </c>
      <c r="P19250" s="5" t="s">
        <v>39</v>
      </c>
      <c r="Q19250" s="5" t="s">
        <v>40</v>
      </c>
      <c r="R19250" s="5" t="s">
        <v>897</v>
      </c>
      <c r="S19250" s="5" t="s">
        <v>40</v>
      </c>
      <c r="T19250" s="5" t="s">
        <v>42</v>
      </c>
      <c r="U19250" s="2">
        <v>85.65</v>
      </c>
      <c r="V19250" s="2">
        <v>79.712999999999994</v>
      </c>
      <c r="W19250" s="2">
        <v>0.36799999999999999</v>
      </c>
      <c r="X19250" s="2">
        <v>17</v>
      </c>
      <c r="Y19250" s="2">
        <v>124.7</v>
      </c>
      <c r="Z19250" s="2">
        <v>173.8</v>
      </c>
      <c r="AA19250" s="5">
        <v>7</v>
      </c>
      <c r="AB19250" s="5" t="s">
        <v>43</v>
      </c>
      <c r="AC19250" s="5" t="s">
        <v>735</v>
      </c>
      <c r="AD19250" s="2" t="s">
        <v>60289</v>
      </c>
      <c r="AE19250" s="1"/>
    </row>
    <row r="19251" spans="1:31" ht="14.45">
      <c r="A19251" s="11"/>
      <c r="B19251" s="20"/>
      <c r="C19251" s="2" t="s">
        <v>60290</v>
      </c>
      <c r="D19251" s="14" t="s">
        <v>60291</v>
      </c>
      <c r="E19251" s="2" t="s">
        <v>60292</v>
      </c>
      <c r="F19251" s="2" t="s">
        <v>60293</v>
      </c>
      <c r="G19251" s="8">
        <v>1678</v>
      </c>
      <c r="H19251" s="5">
        <v>10</v>
      </c>
      <c r="I19251" s="5" t="s">
        <v>69</v>
      </c>
      <c r="J19251" s="5" t="s">
        <v>55802</v>
      </c>
      <c r="K19251" s="2" t="s">
        <v>55803</v>
      </c>
      <c r="L19251" s="5" t="s">
        <v>55802</v>
      </c>
      <c r="M19251" s="2" t="s">
        <v>55803</v>
      </c>
      <c r="N19251" s="5" t="s">
        <v>733</v>
      </c>
      <c r="O19251" s="5" t="s">
        <v>38</v>
      </c>
      <c r="P19251" s="5" t="s">
        <v>39</v>
      </c>
      <c r="Q19251" s="5" t="s">
        <v>40</v>
      </c>
      <c r="R19251" s="5" t="s">
        <v>897</v>
      </c>
      <c r="S19251" s="5" t="s">
        <v>40</v>
      </c>
      <c r="T19251" s="5" t="s">
        <v>42</v>
      </c>
      <c r="U19251" s="2">
        <v>85.691999999999993</v>
      </c>
      <c r="V19251" s="2">
        <v>79.87</v>
      </c>
      <c r="W19251" s="2">
        <v>0.36799999999999999</v>
      </c>
      <c r="X19251" s="2">
        <v>17</v>
      </c>
      <c r="Y19251" s="2">
        <v>124.7</v>
      </c>
      <c r="Z19251" s="2">
        <v>173.8</v>
      </c>
      <c r="AA19251" s="5">
        <v>7</v>
      </c>
      <c r="AB19251" s="5" t="s">
        <v>43</v>
      </c>
      <c r="AC19251" s="5" t="s">
        <v>735</v>
      </c>
      <c r="AD19251" s="2" t="s">
        <v>60294</v>
      </c>
      <c r="AE19251" s="1"/>
    </row>
    <row r="19252" spans="1:31" ht="14.45">
      <c r="A19252" s="11"/>
      <c r="B19252" s="20"/>
      <c r="C19252" s="2" t="s">
        <v>60295</v>
      </c>
      <c r="D19252" s="14" t="s">
        <v>60296</v>
      </c>
      <c r="E19252" s="2" t="s">
        <v>60297</v>
      </c>
      <c r="F19252" s="2" t="s">
        <v>60293</v>
      </c>
      <c r="G19252" s="8">
        <v>1978</v>
      </c>
      <c r="H19252" s="5">
        <v>10</v>
      </c>
      <c r="I19252" s="5" t="s">
        <v>69</v>
      </c>
      <c r="J19252" s="5" t="s">
        <v>55802</v>
      </c>
      <c r="K19252" s="2" t="s">
        <v>55803</v>
      </c>
      <c r="L19252" s="5" t="s">
        <v>55802</v>
      </c>
      <c r="M19252" s="2" t="s">
        <v>55803</v>
      </c>
      <c r="N19252" s="5" t="s">
        <v>733</v>
      </c>
      <c r="O19252" s="5" t="s">
        <v>38</v>
      </c>
      <c r="P19252" s="5" t="s">
        <v>39</v>
      </c>
      <c r="Q19252" s="5" t="s">
        <v>40</v>
      </c>
      <c r="R19252" s="5" t="s">
        <v>897</v>
      </c>
      <c r="S19252" s="5" t="s">
        <v>40</v>
      </c>
      <c r="T19252" s="5" t="s">
        <v>42</v>
      </c>
      <c r="U19252" s="2">
        <v>85.578000000000003</v>
      </c>
      <c r="V19252" s="2">
        <v>79.641000000000005</v>
      </c>
      <c r="W19252" s="2">
        <v>0.36799999999999999</v>
      </c>
      <c r="X19252" s="2">
        <v>17</v>
      </c>
      <c r="Y19252" s="2">
        <v>124.7</v>
      </c>
      <c r="Z19252" s="2">
        <v>173.8</v>
      </c>
      <c r="AA19252" s="5">
        <v>7</v>
      </c>
      <c r="AB19252" s="5" t="s">
        <v>43</v>
      </c>
      <c r="AC19252" s="5" t="s">
        <v>735</v>
      </c>
      <c r="AD19252" s="2" t="s">
        <v>60298</v>
      </c>
      <c r="AE19252" s="1"/>
    </row>
    <row r="19253" spans="1:31" ht="14.45">
      <c r="A19253" s="11"/>
      <c r="B19253" s="20"/>
      <c r="C19253" s="2" t="s">
        <v>60299</v>
      </c>
      <c r="D19253" s="14" t="s">
        <v>60300</v>
      </c>
      <c r="E19253" s="2" t="s">
        <v>60301</v>
      </c>
      <c r="F19253" s="2" t="s">
        <v>60302</v>
      </c>
      <c r="G19253" s="8">
        <v>1094</v>
      </c>
      <c r="H19253" s="5">
        <v>5</v>
      </c>
      <c r="I19253" s="5" t="s">
        <v>69</v>
      </c>
      <c r="J19253" s="5" t="s">
        <v>55802</v>
      </c>
      <c r="K19253" s="2" t="s">
        <v>55803</v>
      </c>
      <c r="L19253" s="5" t="s">
        <v>55802</v>
      </c>
      <c r="M19253" s="2" t="s">
        <v>55803</v>
      </c>
      <c r="N19253" s="5" t="s">
        <v>733</v>
      </c>
      <c r="O19253" s="5" t="s">
        <v>38</v>
      </c>
      <c r="P19253" s="5" t="s">
        <v>39</v>
      </c>
      <c r="Q19253" s="5" t="s">
        <v>40</v>
      </c>
      <c r="R19253" s="5" t="s">
        <v>897</v>
      </c>
      <c r="S19253" s="5" t="s">
        <v>40</v>
      </c>
      <c r="T19253" s="5" t="s">
        <v>42</v>
      </c>
      <c r="U19253" s="2">
        <v>59.679000000000002</v>
      </c>
      <c r="V19253" s="2">
        <v>55.603999999999999</v>
      </c>
      <c r="W19253" s="2">
        <v>0.25900000000000001</v>
      </c>
      <c r="X19253" s="2">
        <v>17</v>
      </c>
      <c r="Y19253" s="2">
        <v>136.69999999999999</v>
      </c>
      <c r="Z19253" s="2">
        <v>111.6</v>
      </c>
      <c r="AA19253" s="5">
        <v>7</v>
      </c>
      <c r="AB19253" s="5" t="s">
        <v>43</v>
      </c>
      <c r="AC19253" s="5" t="s">
        <v>735</v>
      </c>
      <c r="AD19253" s="2" t="s">
        <v>60303</v>
      </c>
      <c r="AE19253" s="1"/>
    </row>
    <row r="19254" spans="1:31" ht="14.45">
      <c r="A19254" s="11"/>
      <c r="B19254" s="20"/>
      <c r="C19254" s="2" t="s">
        <v>60304</v>
      </c>
      <c r="D19254" s="14" t="s">
        <v>60305</v>
      </c>
      <c r="E19254" s="2" t="s">
        <v>60306</v>
      </c>
      <c r="F19254" s="2" t="s">
        <v>60307</v>
      </c>
      <c r="G19254" s="8">
        <v>1394</v>
      </c>
      <c r="H19254" s="5">
        <v>5</v>
      </c>
      <c r="I19254" s="5" t="s">
        <v>69</v>
      </c>
      <c r="J19254" s="5" t="s">
        <v>55802</v>
      </c>
      <c r="K19254" s="2" t="s">
        <v>55803</v>
      </c>
      <c r="L19254" s="5" t="s">
        <v>55802</v>
      </c>
      <c r="M19254" s="2" t="s">
        <v>55803</v>
      </c>
      <c r="N19254" s="5" t="s">
        <v>733</v>
      </c>
      <c r="O19254" s="5" t="s">
        <v>38</v>
      </c>
      <c r="P19254" s="5" t="s">
        <v>39</v>
      </c>
      <c r="Q19254" s="5" t="s">
        <v>40</v>
      </c>
      <c r="R19254" s="5" t="s">
        <v>897</v>
      </c>
      <c r="S19254" s="5" t="s">
        <v>40</v>
      </c>
      <c r="T19254" s="5" t="s">
        <v>42</v>
      </c>
      <c r="U19254" s="2">
        <v>61.298000000000002</v>
      </c>
      <c r="V19254" s="2">
        <v>57.06</v>
      </c>
      <c r="W19254" s="2">
        <v>0.25900000000000001</v>
      </c>
      <c r="X19254" s="2">
        <v>17</v>
      </c>
      <c r="Y19254" s="2">
        <v>136.69999999999999</v>
      </c>
      <c r="Z19254" s="2">
        <v>111.6</v>
      </c>
      <c r="AA19254" s="5">
        <v>7</v>
      </c>
      <c r="AB19254" s="5" t="s">
        <v>43</v>
      </c>
      <c r="AC19254" s="5" t="s">
        <v>735</v>
      </c>
      <c r="AD19254" s="2" t="s">
        <v>60308</v>
      </c>
      <c r="AE19254" s="1"/>
    </row>
    <row r="19255" spans="1:31" ht="14.45">
      <c r="A19255" s="11"/>
      <c r="B19255" s="20"/>
      <c r="C19255" s="2" t="s">
        <v>60309</v>
      </c>
      <c r="D19255" s="14" t="s">
        <v>60310</v>
      </c>
      <c r="E19255" s="2" t="s">
        <v>60311</v>
      </c>
      <c r="F19255" s="2" t="s">
        <v>60307</v>
      </c>
      <c r="G19255" s="8">
        <v>1394</v>
      </c>
      <c r="H19255" s="5">
        <v>5</v>
      </c>
      <c r="I19255" s="5" t="s">
        <v>69</v>
      </c>
      <c r="J19255" s="5" t="s">
        <v>55802</v>
      </c>
      <c r="K19255" s="2" t="s">
        <v>55803</v>
      </c>
      <c r="L19255" s="5" t="s">
        <v>55802</v>
      </c>
      <c r="M19255" s="2" t="s">
        <v>55803</v>
      </c>
      <c r="N19255" s="5" t="s">
        <v>733</v>
      </c>
      <c r="O19255" s="5" t="s">
        <v>38</v>
      </c>
      <c r="P19255" s="5" t="s">
        <v>39</v>
      </c>
      <c r="Q19255" s="5" t="s">
        <v>40</v>
      </c>
      <c r="R19255" s="5" t="s">
        <v>897</v>
      </c>
      <c r="S19255" s="5" t="s">
        <v>40</v>
      </c>
      <c r="T19255" s="5" t="s">
        <v>42</v>
      </c>
      <c r="U19255" s="2">
        <v>61.866</v>
      </c>
      <c r="V19255" s="2">
        <v>57.427</v>
      </c>
      <c r="W19255" s="2">
        <v>0.25900000000000001</v>
      </c>
      <c r="X19255" s="2">
        <v>17</v>
      </c>
      <c r="Y19255" s="2">
        <v>136.69999999999999</v>
      </c>
      <c r="Z19255" s="2">
        <v>111.6</v>
      </c>
      <c r="AA19255" s="5">
        <v>7</v>
      </c>
      <c r="AB19255" s="5" t="s">
        <v>43</v>
      </c>
      <c r="AC19255" s="5" t="s">
        <v>735</v>
      </c>
      <c r="AD19255" s="2" t="s">
        <v>60312</v>
      </c>
      <c r="AE19255" s="1"/>
    </row>
    <row r="19256" spans="1:31" ht="14.45">
      <c r="A19256" s="11"/>
      <c r="B19256" s="20"/>
      <c r="C19256" s="2" t="s">
        <v>60313</v>
      </c>
      <c r="D19256" s="14" t="s">
        <v>60314</v>
      </c>
      <c r="E19256" s="2" t="s">
        <v>60315</v>
      </c>
      <c r="F19256" s="2" t="s">
        <v>60307</v>
      </c>
      <c r="G19256" s="8">
        <v>1641</v>
      </c>
      <c r="H19256" s="5">
        <v>10</v>
      </c>
      <c r="I19256" s="5" t="s">
        <v>69</v>
      </c>
      <c r="J19256" s="5" t="s">
        <v>55802</v>
      </c>
      <c r="K19256" s="2" t="s">
        <v>55803</v>
      </c>
      <c r="L19256" s="5" t="s">
        <v>55802</v>
      </c>
      <c r="M19256" s="2" t="s">
        <v>55803</v>
      </c>
      <c r="N19256" s="5" t="s">
        <v>733</v>
      </c>
      <c r="O19256" s="5" t="s">
        <v>38</v>
      </c>
      <c r="P19256" s="5" t="s">
        <v>39</v>
      </c>
      <c r="Q19256" s="5" t="s">
        <v>40</v>
      </c>
      <c r="R19256" s="5" t="s">
        <v>897</v>
      </c>
      <c r="S19256" s="5" t="s">
        <v>40</v>
      </c>
      <c r="T19256" s="5" t="s">
        <v>42</v>
      </c>
      <c r="U19256" s="2">
        <v>62.286999999999999</v>
      </c>
      <c r="V19256" s="2">
        <v>58.131999999999998</v>
      </c>
      <c r="W19256" s="2">
        <v>0.25900000000000001</v>
      </c>
      <c r="X19256" s="2">
        <v>17</v>
      </c>
      <c r="Y19256" s="2">
        <v>136.69999999999999</v>
      </c>
      <c r="Z19256" s="2">
        <v>111.6</v>
      </c>
      <c r="AA19256" s="5">
        <v>7</v>
      </c>
      <c r="AB19256" s="5" t="s">
        <v>43</v>
      </c>
      <c r="AC19256" s="5" t="s">
        <v>735</v>
      </c>
      <c r="AD19256" s="2" t="s">
        <v>60316</v>
      </c>
      <c r="AE19256" s="1"/>
    </row>
    <row r="19257" spans="1:31" ht="14.45">
      <c r="A19257" s="11"/>
      <c r="B19257" s="20"/>
      <c r="C19257" s="2" t="s">
        <v>60317</v>
      </c>
      <c r="D19257" s="14" t="s">
        <v>60318</v>
      </c>
      <c r="E19257" s="2" t="s">
        <v>60319</v>
      </c>
      <c r="F19257" s="2" t="s">
        <v>60320</v>
      </c>
      <c r="G19257" s="8">
        <v>1282</v>
      </c>
      <c r="H19257" s="5">
        <v>10</v>
      </c>
      <c r="I19257" s="5" t="s">
        <v>69</v>
      </c>
      <c r="J19257" s="5" t="s">
        <v>55802</v>
      </c>
      <c r="K19257" s="2" t="s">
        <v>55803</v>
      </c>
      <c r="L19257" s="5" t="s">
        <v>55802</v>
      </c>
      <c r="M19257" s="2" t="s">
        <v>55803</v>
      </c>
      <c r="N19257" s="5" t="s">
        <v>733</v>
      </c>
      <c r="O19257" s="5" t="s">
        <v>38</v>
      </c>
      <c r="P19257" s="5" t="s">
        <v>39</v>
      </c>
      <c r="Q19257" s="5" t="s">
        <v>40</v>
      </c>
      <c r="R19257" s="5" t="s">
        <v>897</v>
      </c>
      <c r="S19257" s="5" t="s">
        <v>40</v>
      </c>
      <c r="T19257" s="5" t="s">
        <v>42</v>
      </c>
      <c r="U19257" s="2">
        <v>59.151000000000003</v>
      </c>
      <c r="V19257" s="2">
        <v>55.070999999999998</v>
      </c>
      <c r="W19257" s="2">
        <v>0.25900000000000001</v>
      </c>
      <c r="X19257" s="2">
        <v>17</v>
      </c>
      <c r="Y19257" s="2">
        <v>136.69999999999999</v>
      </c>
      <c r="Z19257" s="2">
        <v>111.6</v>
      </c>
      <c r="AA19257" s="5">
        <v>7</v>
      </c>
      <c r="AB19257" s="5" t="s">
        <v>43</v>
      </c>
      <c r="AC19257" s="5" t="s">
        <v>735</v>
      </c>
      <c r="AD19257" s="2" t="s">
        <v>60321</v>
      </c>
      <c r="AE19257" s="1"/>
    </row>
    <row r="19258" spans="1:31" ht="14.45">
      <c r="A19258" s="11"/>
      <c r="B19258" s="20"/>
      <c r="C19258" s="2" t="s">
        <v>60322</v>
      </c>
      <c r="D19258" s="14" t="s">
        <v>60323</v>
      </c>
      <c r="E19258" s="2" t="s">
        <v>60324</v>
      </c>
      <c r="F19258" s="2" t="s">
        <v>60320</v>
      </c>
      <c r="G19258" s="8">
        <v>1582</v>
      </c>
      <c r="H19258" s="5">
        <v>10</v>
      </c>
      <c r="I19258" s="5" t="s">
        <v>69</v>
      </c>
      <c r="J19258" s="5" t="s">
        <v>55802</v>
      </c>
      <c r="K19258" s="2" t="s">
        <v>55803</v>
      </c>
      <c r="L19258" s="5" t="s">
        <v>55802</v>
      </c>
      <c r="M19258" s="2" t="s">
        <v>55803</v>
      </c>
      <c r="N19258" s="5" t="s">
        <v>733</v>
      </c>
      <c r="O19258" s="5" t="s">
        <v>38</v>
      </c>
      <c r="P19258" s="5" t="s">
        <v>39</v>
      </c>
      <c r="Q19258" s="5" t="s">
        <v>40</v>
      </c>
      <c r="R19258" s="5" t="s">
        <v>897</v>
      </c>
      <c r="S19258" s="5" t="s">
        <v>40</v>
      </c>
      <c r="T19258" s="5" t="s">
        <v>42</v>
      </c>
      <c r="U19258" s="2">
        <v>61.08</v>
      </c>
      <c r="V19258" s="2">
        <v>56.841999999999999</v>
      </c>
      <c r="W19258" s="2">
        <v>0.25900000000000001</v>
      </c>
      <c r="X19258" s="2">
        <v>17</v>
      </c>
      <c r="Y19258" s="2">
        <v>136.69999999999999</v>
      </c>
      <c r="Z19258" s="2">
        <v>111.6</v>
      </c>
      <c r="AA19258" s="5">
        <v>7</v>
      </c>
      <c r="AB19258" s="5" t="s">
        <v>43</v>
      </c>
      <c r="AC19258" s="5" t="s">
        <v>735</v>
      </c>
      <c r="AD19258" s="2" t="s">
        <v>60325</v>
      </c>
      <c r="AE19258" s="1"/>
    </row>
    <row r="19259" spans="1:31" ht="14.45">
      <c r="A19259" s="11"/>
      <c r="B19259" s="20"/>
      <c r="C19259" s="2" t="s">
        <v>60326</v>
      </c>
      <c r="D19259" s="14" t="s">
        <v>60327</v>
      </c>
      <c r="E19259" s="2" t="s">
        <v>60328</v>
      </c>
      <c r="F19259" s="2" t="s">
        <v>60320</v>
      </c>
      <c r="G19259" s="8">
        <v>1582</v>
      </c>
      <c r="H19259" s="5">
        <v>10</v>
      </c>
      <c r="I19259" s="5" t="s">
        <v>69</v>
      </c>
      <c r="J19259" s="5" t="s">
        <v>55802</v>
      </c>
      <c r="K19259" s="2" t="s">
        <v>55803</v>
      </c>
      <c r="L19259" s="5" t="s">
        <v>55802</v>
      </c>
      <c r="M19259" s="2" t="s">
        <v>55803</v>
      </c>
      <c r="N19259" s="5" t="s">
        <v>733</v>
      </c>
      <c r="O19259" s="5" t="s">
        <v>38</v>
      </c>
      <c r="P19259" s="5" t="s">
        <v>39</v>
      </c>
      <c r="Q19259" s="5" t="s">
        <v>40</v>
      </c>
      <c r="R19259" s="5" t="s">
        <v>897</v>
      </c>
      <c r="S19259" s="5" t="s">
        <v>40</v>
      </c>
      <c r="T19259" s="5" t="s">
        <v>42</v>
      </c>
      <c r="U19259" s="2">
        <v>61.66</v>
      </c>
      <c r="V19259" s="2">
        <v>57.220999999999997</v>
      </c>
      <c r="W19259" s="2">
        <v>0.25900000000000001</v>
      </c>
      <c r="X19259" s="2">
        <v>17</v>
      </c>
      <c r="Y19259" s="2">
        <v>136.69999999999999</v>
      </c>
      <c r="Z19259" s="2">
        <v>111.6</v>
      </c>
      <c r="AA19259" s="5">
        <v>7</v>
      </c>
      <c r="AB19259" s="5" t="s">
        <v>43</v>
      </c>
      <c r="AC19259" s="5" t="s">
        <v>735</v>
      </c>
      <c r="AD19259" s="2" t="s">
        <v>60329</v>
      </c>
      <c r="AE19259" s="1"/>
    </row>
    <row r="19260" spans="1:31" ht="14.45">
      <c r="A19260" s="11"/>
      <c r="B19260" s="20"/>
      <c r="C19260" s="2" t="s">
        <v>60330</v>
      </c>
      <c r="D19260" s="14" t="s">
        <v>60331</v>
      </c>
      <c r="E19260" s="2" t="s">
        <v>60332</v>
      </c>
      <c r="F19260" s="2" t="s">
        <v>60333</v>
      </c>
      <c r="G19260" s="8">
        <v>915</v>
      </c>
      <c r="H19260" s="5">
        <v>10</v>
      </c>
      <c r="I19260" s="5" t="s">
        <v>69</v>
      </c>
      <c r="J19260" s="5" t="s">
        <v>55802</v>
      </c>
      <c r="K19260" s="2" t="s">
        <v>55803</v>
      </c>
      <c r="L19260" s="5" t="s">
        <v>55802</v>
      </c>
      <c r="M19260" s="2" t="s">
        <v>55803</v>
      </c>
      <c r="N19260" s="5" t="s">
        <v>733</v>
      </c>
      <c r="O19260" s="5" t="s">
        <v>38</v>
      </c>
      <c r="P19260" s="5" t="s">
        <v>39</v>
      </c>
      <c r="Q19260" s="5" t="s">
        <v>40</v>
      </c>
      <c r="R19260" s="5" t="s">
        <v>897</v>
      </c>
      <c r="S19260" s="5" t="s">
        <v>40</v>
      </c>
      <c r="T19260" s="5" t="s">
        <v>42</v>
      </c>
      <c r="U19260" s="2">
        <v>59.430999999999997</v>
      </c>
      <c r="V19260" s="2">
        <v>55.350999999999999</v>
      </c>
      <c r="W19260" s="2">
        <v>0.25900000000000001</v>
      </c>
      <c r="X19260" s="2">
        <v>17</v>
      </c>
      <c r="Y19260" s="2">
        <v>136.69999999999999</v>
      </c>
      <c r="Z19260" s="2">
        <v>111.6</v>
      </c>
      <c r="AA19260" s="5">
        <v>7</v>
      </c>
      <c r="AB19260" s="5" t="s">
        <v>43</v>
      </c>
      <c r="AC19260" s="5" t="s">
        <v>735</v>
      </c>
      <c r="AD19260" s="2" t="s">
        <v>60334</v>
      </c>
      <c r="AE19260" s="1"/>
    </row>
    <row r="19261" spans="1:31" ht="14.45">
      <c r="A19261" s="11"/>
      <c r="B19261" s="20"/>
      <c r="C19261" s="2" t="s">
        <v>60335</v>
      </c>
      <c r="D19261" s="14" t="s">
        <v>60336</v>
      </c>
      <c r="E19261" s="2" t="s">
        <v>60337</v>
      </c>
      <c r="F19261" s="2" t="s">
        <v>60333</v>
      </c>
      <c r="G19261" s="8">
        <v>1215</v>
      </c>
      <c r="H19261" s="5">
        <v>10</v>
      </c>
      <c r="I19261" s="5" t="s">
        <v>69</v>
      </c>
      <c r="J19261" s="5" t="s">
        <v>55802</v>
      </c>
      <c r="K19261" s="2" t="s">
        <v>55803</v>
      </c>
      <c r="L19261" s="5" t="s">
        <v>55802</v>
      </c>
      <c r="M19261" s="2" t="s">
        <v>55803</v>
      </c>
      <c r="N19261" s="5" t="s">
        <v>733</v>
      </c>
      <c r="O19261" s="5" t="s">
        <v>38</v>
      </c>
      <c r="P19261" s="5" t="s">
        <v>39</v>
      </c>
      <c r="Q19261" s="5" t="s">
        <v>40</v>
      </c>
      <c r="R19261" s="5" t="s">
        <v>897</v>
      </c>
      <c r="S19261" s="5" t="s">
        <v>40</v>
      </c>
      <c r="T19261" s="5" t="s">
        <v>42</v>
      </c>
      <c r="U19261" s="2">
        <v>61.36</v>
      </c>
      <c r="V19261" s="2">
        <v>57.122</v>
      </c>
      <c r="W19261" s="2">
        <v>0.25900000000000001</v>
      </c>
      <c r="X19261" s="2">
        <v>17</v>
      </c>
      <c r="Y19261" s="2">
        <v>136.69999999999999</v>
      </c>
      <c r="Z19261" s="2">
        <v>111.6</v>
      </c>
      <c r="AA19261" s="5">
        <v>7</v>
      </c>
      <c r="AB19261" s="5" t="s">
        <v>43</v>
      </c>
      <c r="AC19261" s="5" t="s">
        <v>735</v>
      </c>
      <c r="AD19261" s="2" t="s">
        <v>60338</v>
      </c>
      <c r="AE19261" s="1"/>
    </row>
    <row r="19262" spans="1:31" ht="14.45">
      <c r="A19262" s="11"/>
      <c r="B19262" s="20"/>
      <c r="C19262" s="2" t="s">
        <v>60339</v>
      </c>
      <c r="D19262" s="14" t="s">
        <v>60340</v>
      </c>
      <c r="E19262" s="2" t="s">
        <v>60341</v>
      </c>
      <c r="F19262" s="2" t="s">
        <v>60333</v>
      </c>
      <c r="G19262" s="8">
        <v>1215</v>
      </c>
      <c r="H19262" s="5">
        <v>10</v>
      </c>
      <c r="I19262" s="5" t="s">
        <v>69</v>
      </c>
      <c r="J19262" s="5" t="s">
        <v>55802</v>
      </c>
      <c r="K19262" s="2" t="s">
        <v>55803</v>
      </c>
      <c r="L19262" s="5" t="s">
        <v>55802</v>
      </c>
      <c r="M19262" s="2" t="s">
        <v>55803</v>
      </c>
      <c r="N19262" s="5" t="s">
        <v>733</v>
      </c>
      <c r="O19262" s="5" t="s">
        <v>38</v>
      </c>
      <c r="P19262" s="5" t="s">
        <v>39</v>
      </c>
      <c r="Q19262" s="5" t="s">
        <v>40</v>
      </c>
      <c r="R19262" s="5" t="s">
        <v>897</v>
      </c>
      <c r="S19262" s="5" t="s">
        <v>40</v>
      </c>
      <c r="T19262" s="5" t="s">
        <v>42</v>
      </c>
      <c r="U19262" s="2">
        <v>61.927999999999997</v>
      </c>
      <c r="V19262" s="2">
        <v>57.488999999999997</v>
      </c>
      <c r="W19262" s="2">
        <v>0.25900000000000001</v>
      </c>
      <c r="X19262" s="2">
        <v>17</v>
      </c>
      <c r="Y19262" s="2">
        <v>136.69999999999999</v>
      </c>
      <c r="Z19262" s="2">
        <v>111.6</v>
      </c>
      <c r="AA19262" s="5">
        <v>7</v>
      </c>
      <c r="AB19262" s="5" t="s">
        <v>43</v>
      </c>
      <c r="AC19262" s="5" t="s">
        <v>735</v>
      </c>
      <c r="AD19262" s="2" t="s">
        <v>60342</v>
      </c>
      <c r="AE19262" s="1"/>
    </row>
    <row r="19263" spans="1:31" ht="14.45">
      <c r="A19263" s="11"/>
      <c r="B19263" s="20"/>
      <c r="C19263" s="2" t="s">
        <v>60343</v>
      </c>
      <c r="D19263" s="14" t="s">
        <v>60344</v>
      </c>
      <c r="E19263" s="2" t="s">
        <v>60345</v>
      </c>
      <c r="F19263" s="2" t="s">
        <v>60346</v>
      </c>
      <c r="G19263" s="8">
        <v>688</v>
      </c>
      <c r="H19263" s="5">
        <v>5</v>
      </c>
      <c r="I19263" s="5" t="s">
        <v>69</v>
      </c>
      <c r="J19263" s="5" t="s">
        <v>55802</v>
      </c>
      <c r="K19263" s="2" t="s">
        <v>55803</v>
      </c>
      <c r="L19263" s="5" t="s">
        <v>55802</v>
      </c>
      <c r="M19263" s="2" t="s">
        <v>55803</v>
      </c>
      <c r="N19263" s="5" t="s">
        <v>733</v>
      </c>
      <c r="O19263" s="5" t="s">
        <v>38</v>
      </c>
      <c r="P19263" s="5" t="s">
        <v>39</v>
      </c>
      <c r="Q19263" s="5" t="s">
        <v>40</v>
      </c>
      <c r="R19263" s="5" t="s">
        <v>897</v>
      </c>
      <c r="S19263" s="5" t="s">
        <v>40</v>
      </c>
      <c r="T19263" s="5" t="s">
        <v>42</v>
      </c>
      <c r="U19263" s="2">
        <v>51.593000000000004</v>
      </c>
      <c r="V19263" s="2">
        <v>47.518000000000001</v>
      </c>
      <c r="W19263" s="2">
        <v>0.25900000000000001</v>
      </c>
      <c r="X19263" s="2">
        <v>17</v>
      </c>
      <c r="Y19263" s="2">
        <v>136.69999999999999</v>
      </c>
      <c r="Z19263" s="2">
        <v>111.6</v>
      </c>
      <c r="AA19263" s="5">
        <v>7</v>
      </c>
      <c r="AB19263" s="5" t="s">
        <v>43</v>
      </c>
      <c r="AC19263" s="5" t="s">
        <v>735</v>
      </c>
      <c r="AD19263" s="2" t="s">
        <v>60347</v>
      </c>
      <c r="AE19263" s="1"/>
    </row>
    <row r="19264" spans="1:31" ht="14.45">
      <c r="A19264" s="11"/>
      <c r="B19264" s="20"/>
      <c r="C19264" s="2" t="s">
        <v>60348</v>
      </c>
      <c r="D19264" s="14" t="s">
        <v>60349</v>
      </c>
      <c r="E19264" s="2" t="s">
        <v>60350</v>
      </c>
      <c r="F19264" s="2" t="s">
        <v>60346</v>
      </c>
      <c r="G19264" s="8">
        <v>988</v>
      </c>
      <c r="H19264" s="5">
        <v>5</v>
      </c>
      <c r="I19264" s="5" t="s">
        <v>69</v>
      </c>
      <c r="J19264" s="5" t="s">
        <v>55802</v>
      </c>
      <c r="K19264" s="2" t="s">
        <v>55803</v>
      </c>
      <c r="L19264" s="5" t="s">
        <v>55802</v>
      </c>
      <c r="M19264" s="2" t="s">
        <v>55803</v>
      </c>
      <c r="N19264" s="5" t="s">
        <v>733</v>
      </c>
      <c r="O19264" s="5" t="s">
        <v>38</v>
      </c>
      <c r="P19264" s="5" t="s">
        <v>39</v>
      </c>
      <c r="Q19264" s="5" t="s">
        <v>40</v>
      </c>
      <c r="R19264" s="5" t="s">
        <v>897</v>
      </c>
      <c r="S19264" s="5" t="s">
        <v>40</v>
      </c>
      <c r="T19264" s="5" t="s">
        <v>42</v>
      </c>
      <c r="U19264" s="2">
        <v>53.536999999999999</v>
      </c>
      <c r="V19264" s="2">
        <v>49.295000000000002</v>
      </c>
      <c r="W19264" s="2">
        <v>0.25900000000000001</v>
      </c>
      <c r="X19264" s="2">
        <v>17</v>
      </c>
      <c r="Y19264" s="2">
        <v>136.69999999999999</v>
      </c>
      <c r="Z19264" s="2">
        <v>111.6</v>
      </c>
      <c r="AA19264" s="5">
        <v>7</v>
      </c>
      <c r="AB19264" s="5" t="s">
        <v>43</v>
      </c>
      <c r="AC19264" s="5" t="s">
        <v>735</v>
      </c>
      <c r="AD19264" s="2" t="s">
        <v>60351</v>
      </c>
      <c r="AE19264" s="1"/>
    </row>
    <row r="19265" spans="1:31" ht="14.45">
      <c r="A19265" s="11"/>
      <c r="B19265" s="20"/>
      <c r="C19265" s="2" t="s">
        <v>60352</v>
      </c>
      <c r="D19265" s="14" t="s">
        <v>60353</v>
      </c>
      <c r="E19265" s="2" t="s">
        <v>60354</v>
      </c>
      <c r="F19265" s="2" t="s">
        <v>60346</v>
      </c>
      <c r="G19265" s="8">
        <v>988</v>
      </c>
      <c r="H19265" s="5">
        <v>5</v>
      </c>
      <c r="I19265" s="5" t="s">
        <v>69</v>
      </c>
      <c r="J19265" s="5" t="s">
        <v>55802</v>
      </c>
      <c r="K19265" s="2" t="s">
        <v>55803</v>
      </c>
      <c r="L19265" s="5" t="s">
        <v>55802</v>
      </c>
      <c r="M19265" s="2" t="s">
        <v>55803</v>
      </c>
      <c r="N19265" s="5" t="s">
        <v>733</v>
      </c>
      <c r="O19265" s="5" t="s">
        <v>38</v>
      </c>
      <c r="P19265" s="5" t="s">
        <v>39</v>
      </c>
      <c r="Q19265" s="5" t="s">
        <v>40</v>
      </c>
      <c r="R19265" s="5" t="s">
        <v>897</v>
      </c>
      <c r="S19265" s="5" t="s">
        <v>40</v>
      </c>
      <c r="T19265" s="5" t="s">
        <v>42</v>
      </c>
      <c r="U19265" s="2">
        <v>54.548999999999999</v>
      </c>
      <c r="V19265" s="2">
        <v>50.107999999999997</v>
      </c>
      <c r="W19265" s="2">
        <v>0.25900000000000001</v>
      </c>
      <c r="X19265" s="2">
        <v>17</v>
      </c>
      <c r="Y19265" s="2">
        <v>136.69999999999999</v>
      </c>
      <c r="Z19265" s="2">
        <v>111.6</v>
      </c>
      <c r="AA19265" s="5">
        <v>7</v>
      </c>
      <c r="AB19265" s="5" t="s">
        <v>43</v>
      </c>
      <c r="AC19265" s="5" t="s">
        <v>735</v>
      </c>
      <c r="AD19265" s="2" t="s">
        <v>60355</v>
      </c>
      <c r="AE19265" s="1"/>
    </row>
    <row r="19266" spans="1:31" ht="14.45">
      <c r="A19266" s="11"/>
      <c r="B19266" s="20"/>
      <c r="C19266" s="2" t="s">
        <v>60356</v>
      </c>
      <c r="D19266" s="14" t="s">
        <v>60357</v>
      </c>
      <c r="E19266" s="2" t="s">
        <v>60358</v>
      </c>
      <c r="F19266" s="2" t="s">
        <v>60346</v>
      </c>
      <c r="G19266" s="8">
        <v>1235</v>
      </c>
      <c r="H19266" s="5">
        <v>5</v>
      </c>
      <c r="I19266" s="5" t="s">
        <v>69</v>
      </c>
      <c r="J19266" s="5" t="s">
        <v>55802</v>
      </c>
      <c r="K19266" s="2" t="s">
        <v>55803</v>
      </c>
      <c r="L19266" s="5" t="s">
        <v>55802</v>
      </c>
      <c r="M19266" s="2" t="s">
        <v>55803</v>
      </c>
      <c r="N19266" s="5" t="s">
        <v>733</v>
      </c>
      <c r="O19266" s="5" t="s">
        <v>38</v>
      </c>
      <c r="P19266" s="5" t="s">
        <v>39</v>
      </c>
      <c r="Q19266" s="5" t="s">
        <v>40</v>
      </c>
      <c r="R19266" s="5" t="s">
        <v>897</v>
      </c>
      <c r="S19266" s="5" t="s">
        <v>40</v>
      </c>
      <c r="T19266" s="5" t="s">
        <v>42</v>
      </c>
      <c r="U19266" s="2">
        <v>54.56</v>
      </c>
      <c r="V19266" s="2">
        <v>50.395000000000003</v>
      </c>
      <c r="W19266" s="2">
        <v>0.25900000000000001</v>
      </c>
      <c r="X19266" s="2">
        <v>17</v>
      </c>
      <c r="Y19266" s="2">
        <v>136.69999999999999</v>
      </c>
      <c r="Z19266" s="2">
        <v>111.6</v>
      </c>
      <c r="AA19266" s="5">
        <v>7</v>
      </c>
      <c r="AB19266" s="5" t="s">
        <v>43</v>
      </c>
      <c r="AC19266" s="5" t="s">
        <v>735</v>
      </c>
      <c r="AD19266" s="2" t="s">
        <v>60359</v>
      </c>
      <c r="AE19266" s="1"/>
    </row>
    <row r="19267" spans="1:31" ht="14.45">
      <c r="A19267" s="11"/>
      <c r="B19267" s="20"/>
      <c r="C19267" s="2" t="s">
        <v>60360</v>
      </c>
      <c r="D19267" s="14" t="s">
        <v>60361</v>
      </c>
      <c r="E19267" s="2" t="s">
        <v>60362</v>
      </c>
      <c r="F19267" s="2" t="s">
        <v>60363</v>
      </c>
      <c r="G19267" s="8">
        <v>1149</v>
      </c>
      <c r="H19267" s="5">
        <v>15</v>
      </c>
      <c r="I19267" s="5" t="s">
        <v>69</v>
      </c>
      <c r="J19267" s="5" t="s">
        <v>55802</v>
      </c>
      <c r="K19267" s="2" t="s">
        <v>55803</v>
      </c>
      <c r="L19267" s="5" t="s">
        <v>55802</v>
      </c>
      <c r="M19267" s="2" t="s">
        <v>55803</v>
      </c>
      <c r="N19267" s="5" t="s">
        <v>733</v>
      </c>
      <c r="O19267" s="5" t="s">
        <v>38</v>
      </c>
      <c r="P19267" s="5" t="s">
        <v>39</v>
      </c>
      <c r="Q19267" s="5" t="s">
        <v>40</v>
      </c>
      <c r="R19267" s="5" t="s">
        <v>897</v>
      </c>
      <c r="S19267" s="5" t="s">
        <v>40</v>
      </c>
      <c r="T19267" s="5" t="s">
        <v>42</v>
      </c>
      <c r="U19267" s="2">
        <v>53.264000000000003</v>
      </c>
      <c r="V19267" s="2">
        <v>49.177999999999997</v>
      </c>
      <c r="W19267" s="2">
        <v>0.25900000000000001</v>
      </c>
      <c r="X19267" s="2">
        <v>17</v>
      </c>
      <c r="Y19267" s="2">
        <v>136.69999999999999</v>
      </c>
      <c r="Z19267" s="2">
        <v>111.6</v>
      </c>
      <c r="AA19267" s="5">
        <v>7</v>
      </c>
      <c r="AB19267" s="5" t="s">
        <v>43</v>
      </c>
      <c r="AC19267" s="5" t="s">
        <v>735</v>
      </c>
      <c r="AD19267" s="2" t="s">
        <v>60364</v>
      </c>
      <c r="AE19267" s="1"/>
    </row>
    <row r="19268" spans="1:31" ht="14.45">
      <c r="A19268" s="11"/>
      <c r="B19268" s="20"/>
      <c r="C19268" s="2" t="s">
        <v>60365</v>
      </c>
      <c r="D19268" s="14" t="s">
        <v>60366</v>
      </c>
      <c r="E19268" s="2" t="s">
        <v>60367</v>
      </c>
      <c r="F19268" s="2" t="s">
        <v>60368</v>
      </c>
      <c r="G19268" s="8">
        <v>976</v>
      </c>
      <c r="H19268" s="5">
        <v>5</v>
      </c>
      <c r="I19268" s="5" t="s">
        <v>69</v>
      </c>
      <c r="J19268" s="5" t="s">
        <v>55802</v>
      </c>
      <c r="K19268" s="2" t="s">
        <v>55803</v>
      </c>
      <c r="L19268" s="5" t="s">
        <v>55802</v>
      </c>
      <c r="M19268" s="2" t="s">
        <v>55803</v>
      </c>
      <c r="N19268" s="5" t="s">
        <v>733</v>
      </c>
      <c r="O19268" s="5" t="s">
        <v>38</v>
      </c>
      <c r="P19268" s="5" t="s">
        <v>39</v>
      </c>
      <c r="Q19268" s="5" t="s">
        <v>40</v>
      </c>
      <c r="R19268" s="5" t="s">
        <v>897</v>
      </c>
      <c r="S19268" s="5" t="s">
        <v>40</v>
      </c>
      <c r="T19268" s="5" t="s">
        <v>42</v>
      </c>
      <c r="U19268" s="2">
        <v>59.319000000000003</v>
      </c>
      <c r="V19268" s="2">
        <v>55.238999999999997</v>
      </c>
      <c r="W19268" s="2">
        <v>0.25900000000000001</v>
      </c>
      <c r="X19268" s="2">
        <v>17</v>
      </c>
      <c r="Y19268" s="2">
        <v>136.69999999999999</v>
      </c>
      <c r="Z19268" s="2">
        <v>111.6</v>
      </c>
      <c r="AA19268" s="5">
        <v>7</v>
      </c>
      <c r="AB19268" s="5" t="s">
        <v>43</v>
      </c>
      <c r="AC19268" s="5" t="s">
        <v>735</v>
      </c>
      <c r="AD19268" s="2" t="s">
        <v>60369</v>
      </c>
      <c r="AE19268" s="1"/>
    </row>
    <row r="19269" spans="1:31" ht="14.45">
      <c r="A19269" s="11"/>
      <c r="B19269" s="20"/>
      <c r="C19269" s="2" t="s">
        <v>60370</v>
      </c>
      <c r="D19269" s="14" t="s">
        <v>60371</v>
      </c>
      <c r="E19269" s="2" t="s">
        <v>60372</v>
      </c>
      <c r="F19269" s="2" t="s">
        <v>60368</v>
      </c>
      <c r="G19269" s="8">
        <v>1276</v>
      </c>
      <c r="H19269" s="5">
        <v>10</v>
      </c>
      <c r="I19269" s="5" t="s">
        <v>69</v>
      </c>
      <c r="J19269" s="5" t="s">
        <v>55802</v>
      </c>
      <c r="K19269" s="2" t="s">
        <v>55803</v>
      </c>
      <c r="L19269" s="5" t="s">
        <v>55802</v>
      </c>
      <c r="M19269" s="2" t="s">
        <v>55803</v>
      </c>
      <c r="N19269" s="5" t="s">
        <v>733</v>
      </c>
      <c r="O19269" s="5" t="s">
        <v>38</v>
      </c>
      <c r="P19269" s="5" t="s">
        <v>39</v>
      </c>
      <c r="Q19269" s="5" t="s">
        <v>40</v>
      </c>
      <c r="R19269" s="5" t="s">
        <v>897</v>
      </c>
      <c r="S19269" s="5" t="s">
        <v>40</v>
      </c>
      <c r="T19269" s="5" t="s">
        <v>42</v>
      </c>
      <c r="U19269" s="2">
        <v>61.247999999999998</v>
      </c>
      <c r="V19269" s="2">
        <v>57.01</v>
      </c>
      <c r="W19269" s="2">
        <v>0.25900000000000001</v>
      </c>
      <c r="X19269" s="2">
        <v>17</v>
      </c>
      <c r="Y19269" s="2">
        <v>136.69999999999999</v>
      </c>
      <c r="Z19269" s="2">
        <v>111.6</v>
      </c>
      <c r="AA19269" s="5">
        <v>7</v>
      </c>
      <c r="AB19269" s="5" t="s">
        <v>43</v>
      </c>
      <c r="AC19269" s="5" t="s">
        <v>735</v>
      </c>
      <c r="AD19269" s="2" t="s">
        <v>60373</v>
      </c>
      <c r="AE19269" s="1"/>
    </row>
    <row r="19270" spans="1:31" ht="14.45">
      <c r="A19270" s="11"/>
      <c r="B19270" s="20"/>
      <c r="C19270" s="2" t="s">
        <v>60374</v>
      </c>
      <c r="D19270" s="14" t="s">
        <v>60375</v>
      </c>
      <c r="E19270" s="2" t="s">
        <v>60376</v>
      </c>
      <c r="F19270" s="2" t="s">
        <v>60368</v>
      </c>
      <c r="G19270" s="8">
        <v>1276</v>
      </c>
      <c r="H19270" s="5">
        <v>10</v>
      </c>
      <c r="I19270" s="5" t="s">
        <v>69</v>
      </c>
      <c r="J19270" s="5" t="s">
        <v>55802</v>
      </c>
      <c r="K19270" s="2" t="s">
        <v>55803</v>
      </c>
      <c r="L19270" s="5" t="s">
        <v>55802</v>
      </c>
      <c r="M19270" s="2" t="s">
        <v>55803</v>
      </c>
      <c r="N19270" s="5" t="s">
        <v>733</v>
      </c>
      <c r="O19270" s="5" t="s">
        <v>38</v>
      </c>
      <c r="P19270" s="5" t="s">
        <v>39</v>
      </c>
      <c r="Q19270" s="5" t="s">
        <v>40</v>
      </c>
      <c r="R19270" s="5" t="s">
        <v>897</v>
      </c>
      <c r="S19270" s="5" t="s">
        <v>40</v>
      </c>
      <c r="T19270" s="5" t="s">
        <v>42</v>
      </c>
      <c r="U19270" s="2">
        <v>61.816000000000003</v>
      </c>
      <c r="V19270" s="2">
        <v>57.377000000000002</v>
      </c>
      <c r="W19270" s="2">
        <v>0.25900000000000001</v>
      </c>
      <c r="X19270" s="2">
        <v>17</v>
      </c>
      <c r="Y19270" s="2">
        <v>136.69999999999999</v>
      </c>
      <c r="Z19270" s="2">
        <v>111.6</v>
      </c>
      <c r="AA19270" s="5">
        <v>7</v>
      </c>
      <c r="AB19270" s="5" t="s">
        <v>43</v>
      </c>
      <c r="AC19270" s="5" t="s">
        <v>735</v>
      </c>
      <c r="AD19270" s="2" t="s">
        <v>60377</v>
      </c>
      <c r="AE19270" s="1"/>
    </row>
    <row r="19271" spans="1:31" ht="14.45">
      <c r="A19271" s="5"/>
      <c r="B19271" s="21"/>
      <c r="C19271" s="2" t="s">
        <v>60378</v>
      </c>
      <c r="D19271" s="14" t="s">
        <v>60379</v>
      </c>
      <c r="E19271" s="2" t="s">
        <v>60380</v>
      </c>
      <c r="F19271" s="2" t="s">
        <v>60381</v>
      </c>
      <c r="G19271" s="8">
        <v>1523</v>
      </c>
      <c r="H19271" s="5">
        <v>5</v>
      </c>
      <c r="I19271" s="5" t="s">
        <v>69</v>
      </c>
      <c r="J19271" s="5" t="s">
        <v>55802</v>
      </c>
      <c r="K19271" s="2" t="s">
        <v>55803</v>
      </c>
      <c r="L19271" s="5" t="s">
        <v>55802</v>
      </c>
      <c r="M19271" s="2" t="s">
        <v>55803</v>
      </c>
      <c r="N19271" s="5" t="s">
        <v>733</v>
      </c>
      <c r="O19271" s="5" t="s">
        <v>38</v>
      </c>
      <c r="P19271" s="5" t="s">
        <v>39</v>
      </c>
      <c r="Q19271" s="5" t="s">
        <v>40</v>
      </c>
      <c r="R19271" s="5" t="s">
        <v>897</v>
      </c>
      <c r="S19271" s="5" t="s">
        <v>40</v>
      </c>
      <c r="T19271" s="5" t="s">
        <v>42</v>
      </c>
      <c r="U19271" s="2">
        <v>62.237000000000002</v>
      </c>
      <c r="V19271" s="2">
        <v>58.082000000000001</v>
      </c>
      <c r="W19271" s="2">
        <v>0.25900000000000001</v>
      </c>
      <c r="X19271" s="2">
        <v>17</v>
      </c>
      <c r="Y19271" s="2">
        <v>136.69999999999999</v>
      </c>
      <c r="Z19271" s="2">
        <v>111.6</v>
      </c>
      <c r="AA19271" s="5">
        <v>7</v>
      </c>
      <c r="AB19271" s="5" t="s">
        <v>43</v>
      </c>
      <c r="AC19271" s="5" t="s">
        <v>735</v>
      </c>
      <c r="AD19271" s="2"/>
      <c r="AE19271" s="1"/>
    </row>
    <row r="19272" spans="1:31" ht="14.45">
      <c r="A19272" s="11"/>
      <c r="B19272" s="20"/>
      <c r="C19272" s="2" t="s">
        <v>60382</v>
      </c>
      <c r="D19272" s="14" t="s">
        <v>60383</v>
      </c>
      <c r="E19272" s="2" t="s">
        <v>60384</v>
      </c>
      <c r="F19272" s="2" t="s">
        <v>60385</v>
      </c>
      <c r="G19272" s="8">
        <v>1562</v>
      </c>
      <c r="H19272" s="5">
        <v>10</v>
      </c>
      <c r="I19272" s="5" t="s">
        <v>69</v>
      </c>
      <c r="J19272" s="5" t="s">
        <v>55802</v>
      </c>
      <c r="K19272" s="2" t="s">
        <v>55803</v>
      </c>
      <c r="L19272" s="5" t="s">
        <v>55802</v>
      </c>
      <c r="M19272" s="2" t="s">
        <v>55803</v>
      </c>
      <c r="N19272" s="5" t="s">
        <v>733</v>
      </c>
      <c r="O19272" s="5" t="s">
        <v>38</v>
      </c>
      <c r="P19272" s="5" t="s">
        <v>39</v>
      </c>
      <c r="Q19272" s="5" t="s">
        <v>40</v>
      </c>
      <c r="R19272" s="5" t="s">
        <v>897</v>
      </c>
      <c r="S19272" s="5" t="s">
        <v>40</v>
      </c>
      <c r="T19272" s="5" t="s">
        <v>42</v>
      </c>
      <c r="U19272" s="2">
        <v>63.219000000000001</v>
      </c>
      <c r="V19272" s="2">
        <v>59.139000000000003</v>
      </c>
      <c r="W19272" s="2">
        <v>0.25900000000000001</v>
      </c>
      <c r="X19272" s="2">
        <v>17</v>
      </c>
      <c r="Y19272" s="2">
        <v>136.69999999999999</v>
      </c>
      <c r="Z19272" s="2">
        <v>111.6</v>
      </c>
      <c r="AA19272" s="5">
        <v>7</v>
      </c>
      <c r="AB19272" s="5" t="s">
        <v>43</v>
      </c>
      <c r="AC19272" s="5" t="s">
        <v>735</v>
      </c>
      <c r="AD19272" s="2" t="s">
        <v>60386</v>
      </c>
      <c r="AE19272" s="1"/>
    </row>
    <row r="19273" spans="1:31" ht="14.45">
      <c r="A19273" s="11"/>
      <c r="B19273" s="20"/>
      <c r="C19273" s="2" t="s">
        <v>60387</v>
      </c>
      <c r="D19273" s="14" t="s">
        <v>60388</v>
      </c>
      <c r="E19273" s="2" t="s">
        <v>60389</v>
      </c>
      <c r="F19273" s="2" t="s">
        <v>60390</v>
      </c>
      <c r="G19273" s="8">
        <v>1862</v>
      </c>
      <c r="H19273" s="5">
        <v>10</v>
      </c>
      <c r="I19273" s="5" t="s">
        <v>69</v>
      </c>
      <c r="J19273" s="5" t="s">
        <v>55802</v>
      </c>
      <c r="K19273" s="2" t="s">
        <v>55803</v>
      </c>
      <c r="L19273" s="5" t="s">
        <v>55802</v>
      </c>
      <c r="M19273" s="2" t="s">
        <v>55803</v>
      </c>
      <c r="N19273" s="5" t="s">
        <v>733</v>
      </c>
      <c r="O19273" s="5" t="s">
        <v>38</v>
      </c>
      <c r="P19273" s="5" t="s">
        <v>39</v>
      </c>
      <c r="Q19273" s="5" t="s">
        <v>40</v>
      </c>
      <c r="R19273" s="5" t="s">
        <v>897</v>
      </c>
      <c r="S19273" s="5" t="s">
        <v>40</v>
      </c>
      <c r="T19273" s="5" t="s">
        <v>42</v>
      </c>
      <c r="U19273" s="2">
        <v>65.147999999999996</v>
      </c>
      <c r="V19273" s="2">
        <v>60.91</v>
      </c>
      <c r="W19273" s="2">
        <v>0.25900000000000001</v>
      </c>
      <c r="X19273" s="2">
        <v>17</v>
      </c>
      <c r="Y19273" s="2">
        <v>136.69999999999999</v>
      </c>
      <c r="Z19273" s="2">
        <v>111.6</v>
      </c>
      <c r="AA19273" s="5">
        <v>7</v>
      </c>
      <c r="AB19273" s="5" t="s">
        <v>43</v>
      </c>
      <c r="AC19273" s="5" t="s">
        <v>735</v>
      </c>
      <c r="AD19273" s="2" t="s">
        <v>60391</v>
      </c>
      <c r="AE19273" s="1"/>
    </row>
    <row r="19274" spans="1:31" ht="14.45">
      <c r="A19274" s="11"/>
      <c r="B19274" s="20"/>
      <c r="C19274" s="2" t="s">
        <v>60392</v>
      </c>
      <c r="D19274" s="14" t="s">
        <v>60393</v>
      </c>
      <c r="E19274" s="2" t="s">
        <v>60394</v>
      </c>
      <c r="F19274" s="2" t="s">
        <v>60390</v>
      </c>
      <c r="G19274" s="8">
        <v>1862</v>
      </c>
      <c r="H19274" s="5">
        <v>10</v>
      </c>
      <c r="I19274" s="5" t="s">
        <v>69</v>
      </c>
      <c r="J19274" s="5" t="s">
        <v>55802</v>
      </c>
      <c r="K19274" s="2" t="s">
        <v>55803</v>
      </c>
      <c r="L19274" s="5" t="s">
        <v>55802</v>
      </c>
      <c r="M19274" s="2" t="s">
        <v>55803</v>
      </c>
      <c r="N19274" s="5" t="s">
        <v>733</v>
      </c>
      <c r="O19274" s="5" t="s">
        <v>38</v>
      </c>
      <c r="P19274" s="5" t="s">
        <v>39</v>
      </c>
      <c r="Q19274" s="5" t="s">
        <v>40</v>
      </c>
      <c r="R19274" s="5" t="s">
        <v>897</v>
      </c>
      <c r="S19274" s="5" t="s">
        <v>40</v>
      </c>
      <c r="T19274" s="5" t="s">
        <v>42</v>
      </c>
      <c r="U19274" s="2">
        <v>65.731999999999999</v>
      </c>
      <c r="V19274" s="2">
        <v>61.292999999999999</v>
      </c>
      <c r="W19274" s="2">
        <v>0.25900000000000001</v>
      </c>
      <c r="X19274" s="2">
        <v>17</v>
      </c>
      <c r="Y19274" s="2">
        <v>136.69999999999999</v>
      </c>
      <c r="Z19274" s="2">
        <v>111.6</v>
      </c>
      <c r="AA19274" s="5">
        <v>7</v>
      </c>
      <c r="AB19274" s="5" t="s">
        <v>43</v>
      </c>
      <c r="AC19274" s="5" t="s">
        <v>735</v>
      </c>
      <c r="AD19274" s="2" t="s">
        <v>60395</v>
      </c>
      <c r="AE19274" s="1"/>
    </row>
    <row r="19275" spans="1:31" ht="14.45">
      <c r="A19275" s="11"/>
      <c r="B19275" s="20"/>
      <c r="C19275" s="2" t="s">
        <v>60396</v>
      </c>
      <c r="D19275" s="14" t="s">
        <v>60397</v>
      </c>
      <c r="E19275" s="2" t="s">
        <v>60398</v>
      </c>
      <c r="F19275" s="2" t="s">
        <v>60399</v>
      </c>
      <c r="G19275" s="8">
        <v>1156</v>
      </c>
      <c r="H19275" s="5">
        <v>10</v>
      </c>
      <c r="I19275" s="5" t="s">
        <v>69</v>
      </c>
      <c r="J19275" s="5" t="s">
        <v>55802</v>
      </c>
      <c r="K19275" s="2" t="s">
        <v>55803</v>
      </c>
      <c r="L19275" s="5" t="s">
        <v>55802</v>
      </c>
      <c r="M19275" s="2" t="s">
        <v>55803</v>
      </c>
      <c r="N19275" s="5" t="s">
        <v>733</v>
      </c>
      <c r="O19275" s="5" t="s">
        <v>38</v>
      </c>
      <c r="P19275" s="5" t="s">
        <v>39</v>
      </c>
      <c r="Q19275" s="5" t="s">
        <v>40</v>
      </c>
      <c r="R19275" s="5" t="s">
        <v>897</v>
      </c>
      <c r="S19275" s="5" t="s">
        <v>40</v>
      </c>
      <c r="T19275" s="5" t="s">
        <v>42</v>
      </c>
      <c r="U19275" s="2">
        <v>55.070999999999998</v>
      </c>
      <c r="V19275" s="2">
        <v>50.991</v>
      </c>
      <c r="W19275" s="2">
        <v>0.25900000000000001</v>
      </c>
      <c r="X19275" s="2">
        <v>17</v>
      </c>
      <c r="Y19275" s="2">
        <v>136.69999999999999</v>
      </c>
      <c r="Z19275" s="2">
        <v>111.6</v>
      </c>
      <c r="AA19275" s="5">
        <v>7</v>
      </c>
      <c r="AB19275" s="5" t="s">
        <v>43</v>
      </c>
      <c r="AC19275" s="5" t="s">
        <v>735</v>
      </c>
      <c r="AD19275" s="2" t="s">
        <v>60400</v>
      </c>
      <c r="AE19275" s="1"/>
    </row>
    <row r="19276" spans="1:31" ht="14.45">
      <c r="A19276" s="11"/>
      <c r="B19276" s="20"/>
      <c r="C19276" s="2" t="s">
        <v>60401</v>
      </c>
      <c r="D19276" s="14" t="s">
        <v>60402</v>
      </c>
      <c r="E19276" s="2" t="s">
        <v>60403</v>
      </c>
      <c r="F19276" s="2" t="s">
        <v>60404</v>
      </c>
      <c r="G19276" s="8">
        <v>1456</v>
      </c>
      <c r="H19276" s="5">
        <v>10</v>
      </c>
      <c r="I19276" s="5" t="s">
        <v>69</v>
      </c>
      <c r="J19276" s="5" t="s">
        <v>55802</v>
      </c>
      <c r="K19276" s="2" t="s">
        <v>55803</v>
      </c>
      <c r="L19276" s="5" t="s">
        <v>55802</v>
      </c>
      <c r="M19276" s="2" t="s">
        <v>55803</v>
      </c>
      <c r="N19276" s="5" t="s">
        <v>733</v>
      </c>
      <c r="O19276" s="5" t="s">
        <v>38</v>
      </c>
      <c r="P19276" s="5" t="s">
        <v>39</v>
      </c>
      <c r="Q19276" s="5" t="s">
        <v>40</v>
      </c>
      <c r="R19276" s="5" t="s">
        <v>897</v>
      </c>
      <c r="S19276" s="5" t="s">
        <v>40</v>
      </c>
      <c r="T19276" s="5" t="s">
        <v>42</v>
      </c>
      <c r="U19276" s="2">
        <v>57.017000000000003</v>
      </c>
      <c r="V19276" s="2">
        <v>52.762</v>
      </c>
      <c r="W19276" s="2">
        <v>0.25900000000000001</v>
      </c>
      <c r="X19276" s="2">
        <v>17</v>
      </c>
      <c r="Y19276" s="2">
        <v>136.69999999999999</v>
      </c>
      <c r="Z19276" s="2">
        <v>111.6</v>
      </c>
      <c r="AA19276" s="5">
        <v>7</v>
      </c>
      <c r="AB19276" s="5" t="s">
        <v>43</v>
      </c>
      <c r="AC19276" s="5" t="s">
        <v>735</v>
      </c>
      <c r="AD19276" s="2" t="s">
        <v>60405</v>
      </c>
      <c r="AE19276" s="1"/>
    </row>
    <row r="19277" spans="1:31" ht="14.45">
      <c r="A19277" s="11"/>
      <c r="B19277" s="20"/>
      <c r="C19277" s="2" t="s">
        <v>60406</v>
      </c>
      <c r="D19277" s="14" t="s">
        <v>60407</v>
      </c>
      <c r="E19277" s="2" t="s">
        <v>60408</v>
      </c>
      <c r="F19277" s="2" t="s">
        <v>60404</v>
      </c>
      <c r="G19277" s="8">
        <v>1456</v>
      </c>
      <c r="H19277" s="5">
        <v>10</v>
      </c>
      <c r="I19277" s="5" t="s">
        <v>69</v>
      </c>
      <c r="J19277" s="5" t="s">
        <v>55802</v>
      </c>
      <c r="K19277" s="2" t="s">
        <v>55803</v>
      </c>
      <c r="L19277" s="5" t="s">
        <v>55802</v>
      </c>
      <c r="M19277" s="2" t="s">
        <v>55803</v>
      </c>
      <c r="N19277" s="5" t="s">
        <v>733</v>
      </c>
      <c r="O19277" s="5" t="s">
        <v>38</v>
      </c>
      <c r="P19277" s="5" t="s">
        <v>39</v>
      </c>
      <c r="Q19277" s="5" t="s">
        <v>40</v>
      </c>
      <c r="R19277" s="5" t="s">
        <v>897</v>
      </c>
      <c r="S19277" s="5" t="s">
        <v>40</v>
      </c>
      <c r="T19277" s="5" t="s">
        <v>42</v>
      </c>
      <c r="U19277" s="2">
        <v>57.600999999999999</v>
      </c>
      <c r="V19277" s="2">
        <v>53.145000000000003</v>
      </c>
      <c r="W19277" s="2">
        <v>0.25900000000000001</v>
      </c>
      <c r="X19277" s="2">
        <v>17</v>
      </c>
      <c r="Y19277" s="2">
        <v>136.69999999999999</v>
      </c>
      <c r="Z19277" s="2">
        <v>111.6</v>
      </c>
      <c r="AA19277" s="5">
        <v>7</v>
      </c>
      <c r="AB19277" s="5" t="s">
        <v>43</v>
      </c>
      <c r="AC19277" s="5" t="s">
        <v>735</v>
      </c>
      <c r="AD19277" s="2" t="s">
        <v>60409</v>
      </c>
      <c r="AE19277" s="1"/>
    </row>
    <row r="19278" spans="1:31" ht="14.45">
      <c r="A19278" s="11"/>
      <c r="B19278" s="20"/>
      <c r="C19278" s="2" t="s">
        <v>60410</v>
      </c>
      <c r="D19278" s="14" t="s">
        <v>60411</v>
      </c>
      <c r="E19278" s="2" t="s">
        <v>60412</v>
      </c>
      <c r="F19278" s="2" t="s">
        <v>60413</v>
      </c>
      <c r="G19278" s="8">
        <v>1444</v>
      </c>
      <c r="H19278" s="5">
        <v>10</v>
      </c>
      <c r="I19278" s="5" t="s">
        <v>69</v>
      </c>
      <c r="J19278" s="5" t="s">
        <v>55802</v>
      </c>
      <c r="K19278" s="2" t="s">
        <v>55803</v>
      </c>
      <c r="L19278" s="5" t="s">
        <v>55802</v>
      </c>
      <c r="M19278" s="2" t="s">
        <v>55803</v>
      </c>
      <c r="N19278" s="5" t="s">
        <v>733</v>
      </c>
      <c r="O19278" s="5" t="s">
        <v>38</v>
      </c>
      <c r="P19278" s="5" t="s">
        <v>39</v>
      </c>
      <c r="Q19278" s="5" t="s">
        <v>40</v>
      </c>
      <c r="R19278" s="5" t="s">
        <v>897</v>
      </c>
      <c r="S19278" s="5" t="s">
        <v>40</v>
      </c>
      <c r="T19278" s="5" t="s">
        <v>42</v>
      </c>
      <c r="U19278" s="2">
        <v>63.168999999999997</v>
      </c>
      <c r="V19278" s="2">
        <v>59.088999999999999</v>
      </c>
      <c r="W19278" s="2">
        <v>0.25900000000000001</v>
      </c>
      <c r="X19278" s="2">
        <v>17</v>
      </c>
      <c r="Y19278" s="2">
        <v>136.69999999999999</v>
      </c>
      <c r="Z19278" s="2">
        <v>111.6</v>
      </c>
      <c r="AA19278" s="5">
        <v>7</v>
      </c>
      <c r="AB19278" s="5" t="s">
        <v>43</v>
      </c>
      <c r="AC19278" s="5" t="s">
        <v>735</v>
      </c>
      <c r="AD19278" s="2" t="s">
        <v>60414</v>
      </c>
      <c r="AE19278" s="1"/>
    </row>
    <row r="19279" spans="1:31" ht="14.45">
      <c r="A19279" s="11"/>
      <c r="B19279" s="20"/>
      <c r="C19279" s="2" t="s">
        <v>60415</v>
      </c>
      <c r="D19279" s="14" t="s">
        <v>60416</v>
      </c>
      <c r="E19279" s="2" t="s">
        <v>60417</v>
      </c>
      <c r="F19279" s="2" t="s">
        <v>60413</v>
      </c>
      <c r="G19279" s="8">
        <v>1744</v>
      </c>
      <c r="H19279" s="5">
        <v>10</v>
      </c>
      <c r="I19279" s="5" t="s">
        <v>69</v>
      </c>
      <c r="J19279" s="5" t="s">
        <v>55802</v>
      </c>
      <c r="K19279" s="2" t="s">
        <v>55803</v>
      </c>
      <c r="L19279" s="5" t="s">
        <v>55802</v>
      </c>
      <c r="M19279" s="2" t="s">
        <v>55803</v>
      </c>
      <c r="N19279" s="5" t="s">
        <v>733</v>
      </c>
      <c r="O19279" s="5" t="s">
        <v>38</v>
      </c>
      <c r="P19279" s="5" t="s">
        <v>39</v>
      </c>
      <c r="Q19279" s="5" t="s">
        <v>40</v>
      </c>
      <c r="R19279" s="5" t="s">
        <v>897</v>
      </c>
      <c r="S19279" s="5" t="s">
        <v>40</v>
      </c>
      <c r="T19279" s="5" t="s">
        <v>42</v>
      </c>
      <c r="U19279" s="2">
        <v>65.097999999999999</v>
      </c>
      <c r="V19279" s="2">
        <v>60.86</v>
      </c>
      <c r="W19279" s="2">
        <v>0.25900000000000001</v>
      </c>
      <c r="X19279" s="2">
        <v>17</v>
      </c>
      <c r="Y19279" s="2">
        <v>136.69999999999999</v>
      </c>
      <c r="Z19279" s="2">
        <v>111.6</v>
      </c>
      <c r="AA19279" s="5">
        <v>7</v>
      </c>
      <c r="AB19279" s="5" t="s">
        <v>43</v>
      </c>
      <c r="AC19279" s="5" t="s">
        <v>735</v>
      </c>
      <c r="AD19279" s="2" t="s">
        <v>60418</v>
      </c>
      <c r="AE19279" s="1"/>
    </row>
    <row r="19280" spans="1:31" ht="14.45">
      <c r="A19280" s="11"/>
      <c r="B19280" s="20"/>
      <c r="C19280" s="2" t="s">
        <v>60419</v>
      </c>
      <c r="D19280" s="14" t="s">
        <v>60420</v>
      </c>
      <c r="E19280" s="2" t="s">
        <v>60421</v>
      </c>
      <c r="F19280" s="2" t="s">
        <v>60413</v>
      </c>
      <c r="G19280" s="8">
        <v>1744</v>
      </c>
      <c r="H19280" s="5">
        <v>5</v>
      </c>
      <c r="I19280" s="5" t="s">
        <v>69</v>
      </c>
      <c r="J19280" s="5" t="s">
        <v>55802</v>
      </c>
      <c r="K19280" s="2" t="s">
        <v>55803</v>
      </c>
      <c r="L19280" s="5" t="s">
        <v>55802</v>
      </c>
      <c r="M19280" s="2" t="s">
        <v>55803</v>
      </c>
      <c r="N19280" s="5" t="s">
        <v>733</v>
      </c>
      <c r="O19280" s="5" t="s">
        <v>38</v>
      </c>
      <c r="P19280" s="5" t="s">
        <v>39</v>
      </c>
      <c r="Q19280" s="5" t="s">
        <v>40</v>
      </c>
      <c r="R19280" s="5" t="s">
        <v>897</v>
      </c>
      <c r="S19280" s="5" t="s">
        <v>40</v>
      </c>
      <c r="T19280" s="5" t="s">
        <v>42</v>
      </c>
      <c r="U19280" s="2">
        <v>65.682000000000002</v>
      </c>
      <c r="V19280" s="2">
        <v>61.243000000000002</v>
      </c>
      <c r="W19280" s="2">
        <v>0.25900000000000001</v>
      </c>
      <c r="X19280" s="2">
        <v>17</v>
      </c>
      <c r="Y19280" s="2">
        <v>136.69999999999999</v>
      </c>
      <c r="Z19280" s="2">
        <v>111.6</v>
      </c>
      <c r="AA19280" s="5">
        <v>7</v>
      </c>
      <c r="AB19280" s="5" t="s">
        <v>43</v>
      </c>
      <c r="AC19280" s="5" t="s">
        <v>735</v>
      </c>
      <c r="AD19280" s="2" t="s">
        <v>60422</v>
      </c>
      <c r="AE19280" s="1"/>
    </row>
    <row r="19281" spans="1:31" ht="14.45">
      <c r="A19281" s="11"/>
      <c r="B19281" s="20"/>
      <c r="C19281" s="2" t="s">
        <v>60423</v>
      </c>
      <c r="D19281" s="14" t="s">
        <v>60424</v>
      </c>
      <c r="E19281" s="2" t="s">
        <v>60425</v>
      </c>
      <c r="F19281" s="2" t="s">
        <v>60426</v>
      </c>
      <c r="G19281" s="8">
        <v>1862</v>
      </c>
      <c r="H19281" s="5">
        <v>10</v>
      </c>
      <c r="I19281" s="5" t="s">
        <v>69</v>
      </c>
      <c r="J19281" s="5" t="s">
        <v>55802</v>
      </c>
      <c r="K19281" s="2" t="s">
        <v>55803</v>
      </c>
      <c r="L19281" s="5" t="s">
        <v>55802</v>
      </c>
      <c r="M19281" s="2" t="s">
        <v>55803</v>
      </c>
      <c r="N19281" s="5" t="s">
        <v>733</v>
      </c>
      <c r="O19281" s="5" t="s">
        <v>38</v>
      </c>
      <c r="P19281" s="5" t="s">
        <v>39</v>
      </c>
      <c r="Q19281" s="5" t="s">
        <v>40</v>
      </c>
      <c r="R19281" s="5" t="s">
        <v>897</v>
      </c>
      <c r="S19281" s="5" t="s">
        <v>40</v>
      </c>
      <c r="T19281" s="5" t="s">
        <v>42</v>
      </c>
      <c r="U19281" s="2">
        <v>64.131</v>
      </c>
      <c r="V19281" s="2">
        <v>59.893000000000001</v>
      </c>
      <c r="W19281" s="2">
        <v>0.25900000000000001</v>
      </c>
      <c r="X19281" s="2">
        <v>17</v>
      </c>
      <c r="Y19281" s="2">
        <v>136.69999999999999</v>
      </c>
      <c r="Z19281" s="2">
        <v>111.6</v>
      </c>
      <c r="AA19281" s="5">
        <v>7</v>
      </c>
      <c r="AB19281" s="5" t="s">
        <v>43</v>
      </c>
      <c r="AC19281" s="5" t="s">
        <v>735</v>
      </c>
      <c r="AD19281" s="2" t="s">
        <v>60427</v>
      </c>
      <c r="AE19281" s="1"/>
    </row>
    <row r="19282" spans="1:31" ht="14.45">
      <c r="A19282" s="11"/>
      <c r="B19282" s="20"/>
      <c r="C19282" s="2" t="s">
        <v>60428</v>
      </c>
      <c r="D19282" s="14" t="s">
        <v>60429</v>
      </c>
      <c r="E19282" s="2" t="s">
        <v>60430</v>
      </c>
      <c r="F19282" s="2" t="s">
        <v>60431</v>
      </c>
      <c r="G19282" s="8">
        <v>1456</v>
      </c>
      <c r="H19282" s="5">
        <v>10</v>
      </c>
      <c r="I19282" s="5" t="s">
        <v>69</v>
      </c>
      <c r="J19282" s="5" t="s">
        <v>55802</v>
      </c>
      <c r="K19282" s="2" t="s">
        <v>55803</v>
      </c>
      <c r="L19282" s="5" t="s">
        <v>55802</v>
      </c>
      <c r="M19282" s="2" t="s">
        <v>55803</v>
      </c>
      <c r="N19282" s="5" t="s">
        <v>733</v>
      </c>
      <c r="O19282" s="5" t="s">
        <v>38</v>
      </c>
      <c r="P19282" s="5" t="s">
        <v>39</v>
      </c>
      <c r="Q19282" s="5" t="s">
        <v>40</v>
      </c>
      <c r="R19282" s="5" t="s">
        <v>897</v>
      </c>
      <c r="S19282" s="5" t="s">
        <v>40</v>
      </c>
      <c r="T19282" s="5" t="s">
        <v>42</v>
      </c>
      <c r="U19282" s="2">
        <v>56.006</v>
      </c>
      <c r="V19282" s="2">
        <v>51.750999999999998</v>
      </c>
      <c r="W19282" s="2">
        <v>0.25900000000000001</v>
      </c>
      <c r="X19282" s="2">
        <v>17</v>
      </c>
      <c r="Y19282" s="2">
        <v>136.69999999999999</v>
      </c>
      <c r="Z19282" s="2">
        <v>111.6</v>
      </c>
      <c r="AA19282" s="5">
        <v>7</v>
      </c>
      <c r="AB19282" s="5" t="s">
        <v>43</v>
      </c>
      <c r="AC19282" s="5" t="s">
        <v>735</v>
      </c>
      <c r="AD19282" s="2" t="s">
        <v>60432</v>
      </c>
      <c r="AE19282" s="1"/>
    </row>
    <row r="19283" spans="1:31" ht="14.45">
      <c r="A19283" s="11"/>
      <c r="B19283" s="20"/>
      <c r="C19283" s="2" t="s">
        <v>60433</v>
      </c>
      <c r="D19283" s="14" t="s">
        <v>60434</v>
      </c>
      <c r="E19283" s="2" t="s">
        <v>60435</v>
      </c>
      <c r="F19283" s="2" t="s">
        <v>60431</v>
      </c>
      <c r="G19283" s="8">
        <v>1456</v>
      </c>
      <c r="H19283" s="5">
        <v>10</v>
      </c>
      <c r="I19283" s="5" t="s">
        <v>69</v>
      </c>
      <c r="J19283" s="5" t="s">
        <v>55802</v>
      </c>
      <c r="K19283" s="2" t="s">
        <v>55803</v>
      </c>
      <c r="L19283" s="5" t="s">
        <v>55802</v>
      </c>
      <c r="M19283" s="2" t="s">
        <v>55803</v>
      </c>
      <c r="N19283" s="5" t="s">
        <v>733</v>
      </c>
      <c r="O19283" s="5" t="s">
        <v>38</v>
      </c>
      <c r="P19283" s="5" t="s">
        <v>39</v>
      </c>
      <c r="Q19283" s="5" t="s">
        <v>40</v>
      </c>
      <c r="R19283" s="5" t="s">
        <v>897</v>
      </c>
      <c r="S19283" s="5" t="s">
        <v>40</v>
      </c>
      <c r="T19283" s="5" t="s">
        <v>42</v>
      </c>
      <c r="U19283" s="2">
        <v>56.588999999999999</v>
      </c>
      <c r="V19283" s="2">
        <v>52.133000000000003</v>
      </c>
      <c r="W19283" s="2">
        <v>0.25900000000000001</v>
      </c>
      <c r="X19283" s="2">
        <v>17</v>
      </c>
      <c r="Y19283" s="2">
        <v>136.69999999999999</v>
      </c>
      <c r="Z19283" s="2">
        <v>111.6</v>
      </c>
      <c r="AA19283" s="5">
        <v>7</v>
      </c>
      <c r="AB19283" s="5" t="s">
        <v>43</v>
      </c>
      <c r="AC19283" s="5" t="s">
        <v>735</v>
      </c>
      <c r="AD19283" s="2" t="s">
        <v>60436</v>
      </c>
      <c r="AE19283" s="1"/>
    </row>
    <row r="19284" spans="1:31" ht="14.45">
      <c r="A19284" s="11"/>
      <c r="B19284" s="20"/>
      <c r="C19284" s="2" t="s">
        <v>60437</v>
      </c>
      <c r="D19284" s="14" t="s">
        <v>60438</v>
      </c>
      <c r="E19284" s="2" t="s">
        <v>60439</v>
      </c>
      <c r="F19284" s="2" t="s">
        <v>60440</v>
      </c>
      <c r="G19284" s="8">
        <v>1444</v>
      </c>
      <c r="H19284" s="5">
        <v>10</v>
      </c>
      <c r="I19284" s="5" t="s">
        <v>69</v>
      </c>
      <c r="J19284" s="5" t="s">
        <v>55802</v>
      </c>
      <c r="K19284" s="2" t="s">
        <v>55803</v>
      </c>
      <c r="L19284" s="5" t="s">
        <v>55802</v>
      </c>
      <c r="M19284" s="2" t="s">
        <v>55803</v>
      </c>
      <c r="N19284" s="5" t="s">
        <v>733</v>
      </c>
      <c r="O19284" s="5" t="s">
        <v>38</v>
      </c>
      <c r="P19284" s="5" t="s">
        <v>39</v>
      </c>
      <c r="Q19284" s="5" t="s">
        <v>40</v>
      </c>
      <c r="R19284" s="5" t="s">
        <v>897</v>
      </c>
      <c r="S19284" s="5" t="s">
        <v>40</v>
      </c>
      <c r="T19284" s="5" t="s">
        <v>42</v>
      </c>
      <c r="U19284" s="2">
        <v>62.152000000000001</v>
      </c>
      <c r="V19284" s="2">
        <v>58.072000000000003</v>
      </c>
      <c r="W19284" s="2">
        <v>0.25900000000000001</v>
      </c>
      <c r="X19284" s="2">
        <v>17</v>
      </c>
      <c r="Y19284" s="2">
        <v>136.69999999999999</v>
      </c>
      <c r="Z19284" s="2">
        <v>111.6</v>
      </c>
      <c r="AA19284" s="5">
        <v>7</v>
      </c>
      <c r="AB19284" s="5" t="s">
        <v>43</v>
      </c>
      <c r="AC19284" s="5" t="s">
        <v>735</v>
      </c>
      <c r="AD19284" s="2" t="s">
        <v>60441</v>
      </c>
      <c r="AE19284" s="1"/>
    </row>
    <row r="19285" spans="1:31" ht="14.45">
      <c r="A19285" s="11"/>
      <c r="B19285" s="20"/>
      <c r="C19285" s="2" t="s">
        <v>60442</v>
      </c>
      <c r="D19285" s="14" t="s">
        <v>60443</v>
      </c>
      <c r="E19285" s="2" t="s">
        <v>60444</v>
      </c>
      <c r="F19285" s="2" t="s">
        <v>60440</v>
      </c>
      <c r="G19285" s="8">
        <v>1744</v>
      </c>
      <c r="H19285" s="5">
        <v>5</v>
      </c>
      <c r="I19285" s="5" t="s">
        <v>69</v>
      </c>
      <c r="J19285" s="5" t="s">
        <v>55802</v>
      </c>
      <c r="K19285" s="2" t="s">
        <v>55803</v>
      </c>
      <c r="L19285" s="5" t="s">
        <v>55802</v>
      </c>
      <c r="M19285" s="2" t="s">
        <v>55803</v>
      </c>
      <c r="N19285" s="5" t="s">
        <v>733</v>
      </c>
      <c r="O19285" s="5" t="s">
        <v>38</v>
      </c>
      <c r="P19285" s="5" t="s">
        <v>39</v>
      </c>
      <c r="Q19285" s="5" t="s">
        <v>40</v>
      </c>
      <c r="R19285" s="5" t="s">
        <v>897</v>
      </c>
      <c r="S19285" s="5" t="s">
        <v>40</v>
      </c>
      <c r="T19285" s="5" t="s">
        <v>42</v>
      </c>
      <c r="U19285" s="2">
        <v>64.664000000000001</v>
      </c>
      <c r="V19285" s="2">
        <v>60.225000000000001</v>
      </c>
      <c r="W19285" s="2">
        <v>0.25900000000000001</v>
      </c>
      <c r="X19285" s="2">
        <v>17</v>
      </c>
      <c r="Y19285" s="2">
        <v>136.69999999999999</v>
      </c>
      <c r="Z19285" s="2">
        <v>111.6</v>
      </c>
      <c r="AA19285" s="5">
        <v>7</v>
      </c>
      <c r="AB19285" s="5" t="s">
        <v>43</v>
      </c>
      <c r="AC19285" s="5" t="s">
        <v>735</v>
      </c>
      <c r="AD19285" s="2" t="s">
        <v>60445</v>
      </c>
      <c r="AE19285" s="1"/>
    </row>
    <row r="19286" spans="1:31" ht="14.45">
      <c r="A19286" s="11"/>
      <c r="B19286" s="20"/>
      <c r="C19286" s="2" t="s">
        <v>60446</v>
      </c>
      <c r="D19286" s="14" t="s">
        <v>60447</v>
      </c>
      <c r="E19286" s="2" t="s">
        <v>60448</v>
      </c>
      <c r="F19286" s="2" t="s">
        <v>60449</v>
      </c>
      <c r="G19286" s="8">
        <v>1094</v>
      </c>
      <c r="H19286" s="5">
        <v>10</v>
      </c>
      <c r="I19286" s="5" t="s">
        <v>69</v>
      </c>
      <c r="J19286" s="5" t="s">
        <v>55802</v>
      </c>
      <c r="K19286" s="2" t="s">
        <v>55803</v>
      </c>
      <c r="L19286" s="5" t="s">
        <v>55802</v>
      </c>
      <c r="M19286" s="2" t="s">
        <v>55803</v>
      </c>
      <c r="N19286" s="5" t="s">
        <v>733</v>
      </c>
      <c r="O19286" s="5" t="s">
        <v>38</v>
      </c>
      <c r="P19286" s="5" t="s">
        <v>39</v>
      </c>
      <c r="Q19286" s="5" t="s">
        <v>40</v>
      </c>
      <c r="R19286" s="5" t="s">
        <v>897</v>
      </c>
      <c r="S19286" s="5" t="s">
        <v>40</v>
      </c>
      <c r="T19286" s="5" t="s">
        <v>42</v>
      </c>
      <c r="U19286" s="2">
        <v>59.405000000000001</v>
      </c>
      <c r="V19286" s="2">
        <v>55.325000000000003</v>
      </c>
      <c r="W19286" s="2">
        <v>0.25900000000000001</v>
      </c>
      <c r="X19286" s="2">
        <v>17</v>
      </c>
      <c r="Y19286" s="2">
        <v>136.69999999999999</v>
      </c>
      <c r="Z19286" s="2">
        <v>111.6</v>
      </c>
      <c r="AA19286" s="5">
        <v>7</v>
      </c>
      <c r="AB19286" s="5" t="s">
        <v>43</v>
      </c>
      <c r="AC19286" s="5" t="s">
        <v>735</v>
      </c>
      <c r="AD19286" s="2" t="s">
        <v>60450</v>
      </c>
      <c r="AE19286" s="1"/>
    </row>
    <row r="19287" spans="1:31" ht="14.45">
      <c r="A19287" s="11"/>
      <c r="B19287" s="20"/>
      <c r="C19287" s="2" t="s">
        <v>60451</v>
      </c>
      <c r="D19287" s="14" t="s">
        <v>60452</v>
      </c>
      <c r="E19287" s="2" t="s">
        <v>60453</v>
      </c>
      <c r="F19287" s="2" t="s">
        <v>60454</v>
      </c>
      <c r="G19287" s="8">
        <v>1394</v>
      </c>
      <c r="H19287" s="5">
        <v>10</v>
      </c>
      <c r="I19287" s="5" t="s">
        <v>69</v>
      </c>
      <c r="J19287" s="5" t="s">
        <v>55802</v>
      </c>
      <c r="K19287" s="2" t="s">
        <v>55803</v>
      </c>
      <c r="L19287" s="5" t="s">
        <v>55802</v>
      </c>
      <c r="M19287" s="2" t="s">
        <v>55803</v>
      </c>
      <c r="N19287" s="5" t="s">
        <v>733</v>
      </c>
      <c r="O19287" s="5" t="s">
        <v>38</v>
      </c>
      <c r="P19287" s="5" t="s">
        <v>39</v>
      </c>
      <c r="Q19287" s="5" t="s">
        <v>40</v>
      </c>
      <c r="R19287" s="5" t="s">
        <v>897</v>
      </c>
      <c r="S19287" s="5" t="s">
        <v>40</v>
      </c>
      <c r="T19287" s="5" t="s">
        <v>42</v>
      </c>
      <c r="U19287" s="2">
        <v>61.334000000000003</v>
      </c>
      <c r="V19287" s="2">
        <v>57.095999999999997</v>
      </c>
      <c r="W19287" s="2">
        <v>0.25900000000000001</v>
      </c>
      <c r="X19287" s="2">
        <v>17</v>
      </c>
      <c r="Y19287" s="2">
        <v>136.69999999999999</v>
      </c>
      <c r="Z19287" s="2">
        <v>111.6</v>
      </c>
      <c r="AA19287" s="5">
        <v>7</v>
      </c>
      <c r="AB19287" s="5" t="s">
        <v>43</v>
      </c>
      <c r="AC19287" s="5" t="s">
        <v>735</v>
      </c>
      <c r="AD19287" s="2" t="s">
        <v>60455</v>
      </c>
      <c r="AE19287" s="1"/>
    </row>
    <row r="19288" spans="1:31" ht="14.45">
      <c r="A19288" s="11"/>
      <c r="B19288" s="20"/>
      <c r="C19288" s="2" t="s">
        <v>60456</v>
      </c>
      <c r="D19288" s="14" t="s">
        <v>60457</v>
      </c>
      <c r="E19288" s="2" t="s">
        <v>60458</v>
      </c>
      <c r="F19288" s="2" t="s">
        <v>60454</v>
      </c>
      <c r="G19288" s="8">
        <v>1394</v>
      </c>
      <c r="H19288" s="5">
        <v>10</v>
      </c>
      <c r="I19288" s="5" t="s">
        <v>69</v>
      </c>
      <c r="J19288" s="5" t="s">
        <v>55802</v>
      </c>
      <c r="K19288" s="2" t="s">
        <v>55803</v>
      </c>
      <c r="L19288" s="5" t="s">
        <v>55802</v>
      </c>
      <c r="M19288" s="2" t="s">
        <v>55803</v>
      </c>
      <c r="N19288" s="5" t="s">
        <v>733</v>
      </c>
      <c r="O19288" s="5" t="s">
        <v>38</v>
      </c>
      <c r="P19288" s="5" t="s">
        <v>39</v>
      </c>
      <c r="Q19288" s="5" t="s">
        <v>40</v>
      </c>
      <c r="R19288" s="5" t="s">
        <v>897</v>
      </c>
      <c r="S19288" s="5" t="s">
        <v>40</v>
      </c>
      <c r="T19288" s="5" t="s">
        <v>42</v>
      </c>
      <c r="U19288" s="2">
        <v>61.893999999999998</v>
      </c>
      <c r="V19288" s="2">
        <v>57.454999999999998</v>
      </c>
      <c r="W19288" s="2">
        <v>0.25900000000000001</v>
      </c>
      <c r="X19288" s="2">
        <v>17</v>
      </c>
      <c r="Y19288" s="2">
        <v>136.69999999999999</v>
      </c>
      <c r="Z19288" s="2">
        <v>111.6</v>
      </c>
      <c r="AA19288" s="5">
        <v>7</v>
      </c>
      <c r="AB19288" s="5" t="s">
        <v>43</v>
      </c>
      <c r="AC19288" s="5" t="s">
        <v>735</v>
      </c>
      <c r="AD19288" s="2" t="s">
        <v>60459</v>
      </c>
      <c r="AE19288" s="1"/>
    </row>
    <row r="19289" spans="1:31" ht="14.45">
      <c r="A19289" s="11"/>
      <c r="B19289" s="20"/>
      <c r="C19289" s="2" t="s">
        <v>60460</v>
      </c>
      <c r="D19289" s="14" t="s">
        <v>60461</v>
      </c>
      <c r="E19289" s="2" t="s">
        <v>60462</v>
      </c>
      <c r="F19289" s="2" t="s">
        <v>60454</v>
      </c>
      <c r="G19289" s="8">
        <v>1641</v>
      </c>
      <c r="H19289" s="5">
        <v>10</v>
      </c>
      <c r="I19289" s="5" t="s">
        <v>69</v>
      </c>
      <c r="J19289" s="5" t="s">
        <v>55802</v>
      </c>
      <c r="K19289" s="2" t="s">
        <v>55803</v>
      </c>
      <c r="L19289" s="5" t="s">
        <v>55802</v>
      </c>
      <c r="M19289" s="2" t="s">
        <v>55803</v>
      </c>
      <c r="N19289" s="5" t="s">
        <v>733</v>
      </c>
      <c r="O19289" s="5" t="s">
        <v>38</v>
      </c>
      <c r="P19289" s="5" t="s">
        <v>39</v>
      </c>
      <c r="Q19289" s="5" t="s">
        <v>40</v>
      </c>
      <c r="R19289" s="5" t="s">
        <v>897</v>
      </c>
      <c r="S19289" s="5" t="s">
        <v>40</v>
      </c>
      <c r="T19289" s="5" t="s">
        <v>42</v>
      </c>
      <c r="U19289" s="2">
        <v>61.366</v>
      </c>
      <c r="V19289" s="2">
        <v>57.210999999999999</v>
      </c>
      <c r="W19289" s="2">
        <v>0.25900000000000001</v>
      </c>
      <c r="X19289" s="2">
        <v>17</v>
      </c>
      <c r="Y19289" s="2">
        <v>136.69999999999999</v>
      </c>
      <c r="Z19289" s="2">
        <v>111.6</v>
      </c>
      <c r="AA19289" s="5">
        <v>7</v>
      </c>
      <c r="AB19289" s="5" t="s">
        <v>43</v>
      </c>
      <c r="AC19289" s="5" t="s">
        <v>735</v>
      </c>
      <c r="AD19289" s="2" t="s">
        <v>60463</v>
      </c>
      <c r="AE19289" s="1"/>
    </row>
    <row r="19290" spans="1:31" ht="14.45">
      <c r="A19290" s="11"/>
      <c r="B19290" s="20"/>
      <c r="C19290" s="2" t="s">
        <v>60464</v>
      </c>
      <c r="D19290" s="14" t="s">
        <v>60465</v>
      </c>
      <c r="E19290" s="2" t="s">
        <v>60466</v>
      </c>
      <c r="F19290" s="2" t="s">
        <v>60467</v>
      </c>
      <c r="G19290" s="8">
        <v>1282</v>
      </c>
      <c r="H19290" s="5">
        <v>10</v>
      </c>
      <c r="I19290" s="5" t="s">
        <v>69</v>
      </c>
      <c r="J19290" s="5" t="s">
        <v>55802</v>
      </c>
      <c r="K19290" s="2" t="s">
        <v>55803</v>
      </c>
      <c r="L19290" s="5" t="s">
        <v>55802</v>
      </c>
      <c r="M19290" s="2" t="s">
        <v>55803</v>
      </c>
      <c r="N19290" s="5" t="s">
        <v>733</v>
      </c>
      <c r="O19290" s="5" t="s">
        <v>38</v>
      </c>
      <c r="P19290" s="5" t="s">
        <v>39</v>
      </c>
      <c r="Q19290" s="5" t="s">
        <v>40</v>
      </c>
      <c r="R19290" s="5" t="s">
        <v>897</v>
      </c>
      <c r="S19290" s="5" t="s">
        <v>40</v>
      </c>
      <c r="T19290" s="5" t="s">
        <v>42</v>
      </c>
      <c r="U19290" s="2">
        <v>59.186999999999998</v>
      </c>
      <c r="V19290" s="2">
        <v>55.106999999999999</v>
      </c>
      <c r="W19290" s="2">
        <v>0.25900000000000001</v>
      </c>
      <c r="X19290" s="2">
        <v>17</v>
      </c>
      <c r="Y19290" s="2">
        <v>136.69999999999999</v>
      </c>
      <c r="Z19290" s="2">
        <v>111.6</v>
      </c>
      <c r="AA19290" s="5">
        <v>7</v>
      </c>
      <c r="AB19290" s="5" t="s">
        <v>43</v>
      </c>
      <c r="AC19290" s="5" t="s">
        <v>735</v>
      </c>
      <c r="AD19290" s="2" t="s">
        <v>60468</v>
      </c>
      <c r="AE19290" s="1"/>
    </row>
    <row r="19291" spans="1:31" ht="14.45">
      <c r="A19291" s="11"/>
      <c r="B19291" s="20"/>
      <c r="C19291" s="2" t="s">
        <v>60469</v>
      </c>
      <c r="D19291" s="14" t="s">
        <v>60470</v>
      </c>
      <c r="E19291" s="2" t="s">
        <v>60471</v>
      </c>
      <c r="F19291" s="2" t="s">
        <v>60467</v>
      </c>
      <c r="G19291" s="8">
        <v>1582</v>
      </c>
      <c r="H19291" s="5">
        <v>10</v>
      </c>
      <c r="I19291" s="5" t="s">
        <v>69</v>
      </c>
      <c r="J19291" s="5" t="s">
        <v>55802</v>
      </c>
      <c r="K19291" s="2" t="s">
        <v>55803</v>
      </c>
      <c r="L19291" s="5" t="s">
        <v>55802</v>
      </c>
      <c r="M19291" s="2" t="s">
        <v>55803</v>
      </c>
      <c r="N19291" s="5" t="s">
        <v>733</v>
      </c>
      <c r="O19291" s="5" t="s">
        <v>38</v>
      </c>
      <c r="P19291" s="5" t="s">
        <v>39</v>
      </c>
      <c r="Q19291" s="5" t="s">
        <v>40</v>
      </c>
      <c r="R19291" s="5" t="s">
        <v>897</v>
      </c>
      <c r="S19291" s="5" t="s">
        <v>40</v>
      </c>
      <c r="T19291" s="5" t="s">
        <v>42</v>
      </c>
      <c r="U19291" s="2">
        <v>61.116</v>
      </c>
      <c r="V19291" s="2">
        <v>56.878</v>
      </c>
      <c r="W19291" s="2">
        <v>0.25900000000000001</v>
      </c>
      <c r="X19291" s="2">
        <v>17</v>
      </c>
      <c r="Y19291" s="2">
        <v>136.69999999999999</v>
      </c>
      <c r="Z19291" s="2">
        <v>111.6</v>
      </c>
      <c r="AA19291" s="5">
        <v>7</v>
      </c>
      <c r="AB19291" s="5" t="s">
        <v>43</v>
      </c>
      <c r="AC19291" s="5" t="s">
        <v>735</v>
      </c>
      <c r="AD19291" s="2" t="s">
        <v>60472</v>
      </c>
      <c r="AE19291" s="1"/>
    </row>
    <row r="19292" spans="1:31" ht="14.45">
      <c r="A19292" s="11"/>
      <c r="B19292" s="20"/>
      <c r="C19292" s="2" t="s">
        <v>60473</v>
      </c>
      <c r="D19292" s="14" t="s">
        <v>60474</v>
      </c>
      <c r="E19292" s="2" t="s">
        <v>60475</v>
      </c>
      <c r="F19292" s="2" t="s">
        <v>60467</v>
      </c>
      <c r="G19292" s="8">
        <v>1582</v>
      </c>
      <c r="H19292" s="5">
        <v>10</v>
      </c>
      <c r="I19292" s="5" t="s">
        <v>69</v>
      </c>
      <c r="J19292" s="5" t="s">
        <v>55802</v>
      </c>
      <c r="K19292" s="2" t="s">
        <v>55803</v>
      </c>
      <c r="L19292" s="5" t="s">
        <v>55802</v>
      </c>
      <c r="M19292" s="2" t="s">
        <v>55803</v>
      </c>
      <c r="N19292" s="5" t="s">
        <v>733</v>
      </c>
      <c r="O19292" s="5" t="s">
        <v>38</v>
      </c>
      <c r="P19292" s="5" t="s">
        <v>39</v>
      </c>
      <c r="Q19292" s="5" t="s">
        <v>40</v>
      </c>
      <c r="R19292" s="5" t="s">
        <v>897</v>
      </c>
      <c r="S19292" s="5" t="s">
        <v>40</v>
      </c>
      <c r="T19292" s="5" t="s">
        <v>42</v>
      </c>
      <c r="U19292" s="2">
        <v>61.688000000000002</v>
      </c>
      <c r="V19292" s="2">
        <v>57.249000000000002</v>
      </c>
      <c r="W19292" s="2">
        <v>0.25900000000000001</v>
      </c>
      <c r="X19292" s="2">
        <v>17</v>
      </c>
      <c r="Y19292" s="2">
        <v>136.69999999999999</v>
      </c>
      <c r="Z19292" s="2">
        <v>111.6</v>
      </c>
      <c r="AA19292" s="5">
        <v>7</v>
      </c>
      <c r="AB19292" s="5" t="s">
        <v>43</v>
      </c>
      <c r="AC19292" s="5" t="s">
        <v>735</v>
      </c>
      <c r="AD19292" s="2" t="s">
        <v>60476</v>
      </c>
      <c r="AE19292" s="1"/>
    </row>
    <row r="19293" spans="1:31" ht="14.45">
      <c r="A19293" s="11"/>
      <c r="B19293" s="20"/>
      <c r="C19293" s="2" t="s">
        <v>60477</v>
      </c>
      <c r="D19293" s="14" t="s">
        <v>60478</v>
      </c>
      <c r="E19293" s="2" t="s">
        <v>60479</v>
      </c>
      <c r="F19293" s="2" t="s">
        <v>60480</v>
      </c>
      <c r="G19293" s="8">
        <v>915</v>
      </c>
      <c r="H19293" s="5">
        <v>10</v>
      </c>
      <c r="I19293" s="5" t="s">
        <v>69</v>
      </c>
      <c r="J19293" s="5" t="s">
        <v>55802</v>
      </c>
      <c r="K19293" s="2" t="s">
        <v>55803</v>
      </c>
      <c r="L19293" s="5" t="s">
        <v>55802</v>
      </c>
      <c r="M19293" s="2" t="s">
        <v>55803</v>
      </c>
      <c r="N19293" s="5" t="s">
        <v>733</v>
      </c>
      <c r="O19293" s="5" t="s">
        <v>38</v>
      </c>
      <c r="P19293" s="5" t="s">
        <v>39</v>
      </c>
      <c r="Q19293" s="5" t="s">
        <v>40</v>
      </c>
      <c r="R19293" s="5" t="s">
        <v>897</v>
      </c>
      <c r="S19293" s="5" t="s">
        <v>40</v>
      </c>
      <c r="T19293" s="5" t="s">
        <v>42</v>
      </c>
      <c r="U19293" s="2">
        <v>59.466999999999999</v>
      </c>
      <c r="V19293" s="2">
        <v>55.387</v>
      </c>
      <c r="W19293" s="2">
        <v>0.25900000000000001</v>
      </c>
      <c r="X19293" s="2">
        <v>17</v>
      </c>
      <c r="Y19293" s="2">
        <v>136.69999999999999</v>
      </c>
      <c r="Z19293" s="2">
        <v>111.6</v>
      </c>
      <c r="AA19293" s="5">
        <v>7</v>
      </c>
      <c r="AB19293" s="5" t="s">
        <v>43</v>
      </c>
      <c r="AC19293" s="5" t="s">
        <v>735</v>
      </c>
      <c r="AD19293" s="2" t="s">
        <v>60481</v>
      </c>
      <c r="AE19293" s="1"/>
    </row>
    <row r="19294" spans="1:31" ht="14.45">
      <c r="A19294" s="11"/>
      <c r="B19294" s="20"/>
      <c r="C19294" s="2" t="s">
        <v>60482</v>
      </c>
      <c r="D19294" s="14" t="s">
        <v>60483</v>
      </c>
      <c r="E19294" s="2" t="s">
        <v>60484</v>
      </c>
      <c r="F19294" s="2" t="s">
        <v>60480</v>
      </c>
      <c r="G19294" s="8">
        <v>1215</v>
      </c>
      <c r="H19294" s="5">
        <v>10</v>
      </c>
      <c r="I19294" s="5" t="s">
        <v>69</v>
      </c>
      <c r="J19294" s="5" t="s">
        <v>55802</v>
      </c>
      <c r="K19294" s="2" t="s">
        <v>55803</v>
      </c>
      <c r="L19294" s="5" t="s">
        <v>55802</v>
      </c>
      <c r="M19294" s="2" t="s">
        <v>55803</v>
      </c>
      <c r="N19294" s="5" t="s">
        <v>733</v>
      </c>
      <c r="O19294" s="5" t="s">
        <v>38</v>
      </c>
      <c r="P19294" s="5" t="s">
        <v>39</v>
      </c>
      <c r="Q19294" s="5" t="s">
        <v>40</v>
      </c>
      <c r="R19294" s="5" t="s">
        <v>897</v>
      </c>
      <c r="S19294" s="5" t="s">
        <v>40</v>
      </c>
      <c r="T19294" s="5" t="s">
        <v>42</v>
      </c>
      <c r="U19294" s="2">
        <v>61.396000000000001</v>
      </c>
      <c r="V19294" s="2">
        <v>57.158000000000001</v>
      </c>
      <c r="W19294" s="2">
        <v>0.25900000000000001</v>
      </c>
      <c r="X19294" s="2">
        <v>17</v>
      </c>
      <c r="Y19294" s="2">
        <v>136.69999999999999</v>
      </c>
      <c r="Z19294" s="2">
        <v>111.6</v>
      </c>
      <c r="AA19294" s="5">
        <v>7</v>
      </c>
      <c r="AB19294" s="5" t="s">
        <v>43</v>
      </c>
      <c r="AC19294" s="5" t="s">
        <v>735</v>
      </c>
      <c r="AD19294" s="2" t="s">
        <v>60485</v>
      </c>
      <c r="AE19294" s="1"/>
    </row>
    <row r="19295" spans="1:31" ht="14.45">
      <c r="A19295" s="11"/>
      <c r="B19295" s="20"/>
      <c r="C19295" s="2" t="s">
        <v>60486</v>
      </c>
      <c r="D19295" s="14" t="s">
        <v>60487</v>
      </c>
      <c r="E19295" s="2" t="s">
        <v>60488</v>
      </c>
      <c r="F19295" s="2" t="s">
        <v>60480</v>
      </c>
      <c r="G19295" s="8">
        <v>1215</v>
      </c>
      <c r="H19295" s="5">
        <v>10</v>
      </c>
      <c r="I19295" s="5" t="s">
        <v>69</v>
      </c>
      <c r="J19295" s="5" t="s">
        <v>55802</v>
      </c>
      <c r="K19295" s="2" t="s">
        <v>55803</v>
      </c>
      <c r="L19295" s="5" t="s">
        <v>55802</v>
      </c>
      <c r="M19295" s="2" t="s">
        <v>55803</v>
      </c>
      <c r="N19295" s="5" t="s">
        <v>733</v>
      </c>
      <c r="O19295" s="5" t="s">
        <v>38</v>
      </c>
      <c r="P19295" s="5" t="s">
        <v>39</v>
      </c>
      <c r="Q19295" s="5" t="s">
        <v>40</v>
      </c>
      <c r="R19295" s="5" t="s">
        <v>897</v>
      </c>
      <c r="S19295" s="5" t="s">
        <v>40</v>
      </c>
      <c r="T19295" s="5" t="s">
        <v>42</v>
      </c>
      <c r="U19295" s="2">
        <v>61.956000000000003</v>
      </c>
      <c r="V19295" s="2">
        <v>57.517000000000003</v>
      </c>
      <c r="W19295" s="2">
        <v>0.25900000000000001</v>
      </c>
      <c r="X19295" s="2">
        <v>17</v>
      </c>
      <c r="Y19295" s="2">
        <v>136.69999999999999</v>
      </c>
      <c r="Z19295" s="2">
        <v>111.6</v>
      </c>
      <c r="AA19295" s="5">
        <v>7</v>
      </c>
      <c r="AB19295" s="5" t="s">
        <v>43</v>
      </c>
      <c r="AC19295" s="5" t="s">
        <v>735</v>
      </c>
      <c r="AD19295" s="2" t="s">
        <v>60489</v>
      </c>
      <c r="AE19295" s="1"/>
    </row>
    <row r="19296" spans="1:31" ht="14.45">
      <c r="A19296" s="11"/>
      <c r="B19296" s="20"/>
      <c r="C19296" s="2" t="s">
        <v>60490</v>
      </c>
      <c r="D19296" s="14" t="s">
        <v>60491</v>
      </c>
      <c r="E19296" s="2" t="s">
        <v>60492</v>
      </c>
      <c r="F19296" s="2" t="s">
        <v>60493</v>
      </c>
      <c r="G19296" s="8">
        <v>688</v>
      </c>
      <c r="H19296" s="5">
        <v>5</v>
      </c>
      <c r="I19296" s="5" t="s">
        <v>69</v>
      </c>
      <c r="J19296" s="5" t="s">
        <v>55802</v>
      </c>
      <c r="K19296" s="2" t="s">
        <v>55803</v>
      </c>
      <c r="L19296" s="5" t="s">
        <v>55802</v>
      </c>
      <c r="M19296" s="2" t="s">
        <v>55803</v>
      </c>
      <c r="N19296" s="5" t="s">
        <v>733</v>
      </c>
      <c r="O19296" s="5" t="s">
        <v>38</v>
      </c>
      <c r="P19296" s="5" t="s">
        <v>39</v>
      </c>
      <c r="Q19296" s="5" t="s">
        <v>40</v>
      </c>
      <c r="R19296" s="5" t="s">
        <v>897</v>
      </c>
      <c r="S19296" s="5" t="s">
        <v>40</v>
      </c>
      <c r="T19296" s="5" t="s">
        <v>42</v>
      </c>
      <c r="U19296" s="2">
        <v>51.640999999999998</v>
      </c>
      <c r="V19296" s="2">
        <v>47.567999999999998</v>
      </c>
      <c r="W19296" s="2">
        <v>0.25900000000000001</v>
      </c>
      <c r="X19296" s="2">
        <v>17</v>
      </c>
      <c r="Y19296" s="2">
        <v>136.69999999999999</v>
      </c>
      <c r="Z19296" s="2">
        <v>111.6</v>
      </c>
      <c r="AA19296" s="5">
        <v>7</v>
      </c>
      <c r="AB19296" s="5" t="s">
        <v>43</v>
      </c>
      <c r="AC19296" s="5" t="s">
        <v>735</v>
      </c>
      <c r="AD19296" s="2" t="s">
        <v>60494</v>
      </c>
      <c r="AE19296" s="1"/>
    </row>
    <row r="19297" spans="1:31" ht="14.45">
      <c r="A19297" s="11"/>
      <c r="B19297" s="20"/>
      <c r="C19297" s="2" t="s">
        <v>60495</v>
      </c>
      <c r="D19297" s="14" t="s">
        <v>60496</v>
      </c>
      <c r="E19297" s="2" t="s">
        <v>60497</v>
      </c>
      <c r="F19297" s="2" t="s">
        <v>60493</v>
      </c>
      <c r="G19297" s="8">
        <v>988</v>
      </c>
      <c r="H19297" s="5">
        <v>5</v>
      </c>
      <c r="I19297" s="5" t="s">
        <v>69</v>
      </c>
      <c r="J19297" s="5" t="s">
        <v>55802</v>
      </c>
      <c r="K19297" s="2" t="s">
        <v>55803</v>
      </c>
      <c r="L19297" s="5" t="s">
        <v>55802</v>
      </c>
      <c r="M19297" s="2" t="s">
        <v>55803</v>
      </c>
      <c r="N19297" s="5" t="s">
        <v>733</v>
      </c>
      <c r="O19297" s="5" t="s">
        <v>38</v>
      </c>
      <c r="P19297" s="5" t="s">
        <v>39</v>
      </c>
      <c r="Q19297" s="5" t="s">
        <v>40</v>
      </c>
      <c r="R19297" s="5" t="s">
        <v>897</v>
      </c>
      <c r="S19297" s="5" t="s">
        <v>40</v>
      </c>
      <c r="T19297" s="5" t="s">
        <v>42</v>
      </c>
      <c r="U19297" s="2">
        <v>53.539000000000001</v>
      </c>
      <c r="V19297" s="2">
        <v>49.290999999999997</v>
      </c>
      <c r="W19297" s="2">
        <v>0.25900000000000001</v>
      </c>
      <c r="X19297" s="2">
        <v>17</v>
      </c>
      <c r="Y19297" s="2">
        <v>136.69999999999999</v>
      </c>
      <c r="Z19297" s="2">
        <v>111.6</v>
      </c>
      <c r="AA19297" s="5">
        <v>7</v>
      </c>
      <c r="AB19297" s="5" t="s">
        <v>43</v>
      </c>
      <c r="AC19297" s="5" t="s">
        <v>735</v>
      </c>
      <c r="AD19297" s="2" t="s">
        <v>60498</v>
      </c>
      <c r="AE19297" s="1"/>
    </row>
    <row r="19298" spans="1:31" ht="14.45">
      <c r="A19298" s="11"/>
      <c r="B19298" s="20"/>
      <c r="C19298" s="2" t="s">
        <v>60499</v>
      </c>
      <c r="D19298" s="14" t="s">
        <v>60500</v>
      </c>
      <c r="E19298" s="2" t="s">
        <v>60501</v>
      </c>
      <c r="F19298" s="2" t="s">
        <v>60493</v>
      </c>
      <c r="G19298" s="8">
        <v>988</v>
      </c>
      <c r="H19298" s="5">
        <v>10</v>
      </c>
      <c r="I19298" s="5" t="s">
        <v>69</v>
      </c>
      <c r="J19298" s="5" t="s">
        <v>55802</v>
      </c>
      <c r="K19298" s="2" t="s">
        <v>55803</v>
      </c>
      <c r="L19298" s="5" t="s">
        <v>55802</v>
      </c>
      <c r="M19298" s="2" t="s">
        <v>55803</v>
      </c>
      <c r="N19298" s="5" t="s">
        <v>733</v>
      </c>
      <c r="O19298" s="5" t="s">
        <v>38</v>
      </c>
      <c r="P19298" s="5" t="s">
        <v>39</v>
      </c>
      <c r="Q19298" s="5" t="s">
        <v>40</v>
      </c>
      <c r="R19298" s="5" t="s">
        <v>897</v>
      </c>
      <c r="S19298" s="5" t="s">
        <v>40</v>
      </c>
      <c r="T19298" s="5" t="s">
        <v>42</v>
      </c>
      <c r="U19298" s="2">
        <v>53.784999999999997</v>
      </c>
      <c r="V19298" s="2">
        <v>49.329000000000001</v>
      </c>
      <c r="W19298" s="2">
        <v>0.25900000000000001</v>
      </c>
      <c r="X19298" s="2">
        <v>17</v>
      </c>
      <c r="Y19298" s="2">
        <v>136.69999999999999</v>
      </c>
      <c r="Z19298" s="2">
        <v>111.6</v>
      </c>
      <c r="AA19298" s="5">
        <v>7</v>
      </c>
      <c r="AB19298" s="5" t="s">
        <v>43</v>
      </c>
      <c r="AC19298" s="5" t="s">
        <v>735</v>
      </c>
      <c r="AD19298" s="2" t="s">
        <v>60502</v>
      </c>
      <c r="AE19298" s="1"/>
    </row>
    <row r="19299" spans="1:31" ht="14.45">
      <c r="A19299" s="11"/>
      <c r="B19299" s="20"/>
      <c r="C19299" s="2" t="s">
        <v>60503</v>
      </c>
      <c r="D19299" s="14" t="s">
        <v>60504</v>
      </c>
      <c r="E19299" s="2" t="s">
        <v>60505</v>
      </c>
      <c r="F19299" s="2" t="s">
        <v>60493</v>
      </c>
      <c r="G19299" s="8">
        <v>1235</v>
      </c>
      <c r="H19299" s="5">
        <v>10</v>
      </c>
      <c r="I19299" s="5" t="s">
        <v>69</v>
      </c>
      <c r="J19299" s="5" t="s">
        <v>55802</v>
      </c>
      <c r="K19299" s="2" t="s">
        <v>55803</v>
      </c>
      <c r="L19299" s="5" t="s">
        <v>55802</v>
      </c>
      <c r="M19299" s="2" t="s">
        <v>55803</v>
      </c>
      <c r="N19299" s="5" t="s">
        <v>733</v>
      </c>
      <c r="O19299" s="5" t="s">
        <v>38</v>
      </c>
      <c r="P19299" s="5" t="s">
        <v>39</v>
      </c>
      <c r="Q19299" s="5" t="s">
        <v>40</v>
      </c>
      <c r="R19299" s="5" t="s">
        <v>897</v>
      </c>
      <c r="S19299" s="5" t="s">
        <v>40</v>
      </c>
      <c r="T19299" s="5" t="s">
        <v>42</v>
      </c>
      <c r="U19299" s="2">
        <v>53.296999999999997</v>
      </c>
      <c r="V19299" s="2">
        <v>49.125</v>
      </c>
      <c r="W19299" s="2">
        <v>0.25900000000000001</v>
      </c>
      <c r="X19299" s="2">
        <v>17</v>
      </c>
      <c r="Y19299" s="2">
        <v>136.69999999999999</v>
      </c>
      <c r="Z19299" s="2">
        <v>111.6</v>
      </c>
      <c r="AA19299" s="5">
        <v>7</v>
      </c>
      <c r="AB19299" s="5" t="s">
        <v>43</v>
      </c>
      <c r="AC19299" s="5" t="s">
        <v>735</v>
      </c>
      <c r="AD19299" s="2" t="s">
        <v>60506</v>
      </c>
      <c r="AE19299" s="1"/>
    </row>
    <row r="19300" spans="1:31" ht="14.45">
      <c r="A19300" s="11"/>
      <c r="B19300" s="20"/>
      <c r="C19300" s="2" t="s">
        <v>60507</v>
      </c>
      <c r="D19300" s="14" t="s">
        <v>60508</v>
      </c>
      <c r="E19300" s="2" t="s">
        <v>60509</v>
      </c>
      <c r="F19300" s="2" t="s">
        <v>60510</v>
      </c>
      <c r="G19300" s="8">
        <v>976</v>
      </c>
      <c r="H19300" s="5">
        <v>5</v>
      </c>
      <c r="I19300" s="5" t="s">
        <v>69</v>
      </c>
      <c r="J19300" s="5" t="s">
        <v>55802</v>
      </c>
      <c r="K19300" s="2" t="s">
        <v>55803</v>
      </c>
      <c r="L19300" s="5" t="s">
        <v>55802</v>
      </c>
      <c r="M19300" s="2" t="s">
        <v>55803</v>
      </c>
      <c r="N19300" s="5" t="s">
        <v>733</v>
      </c>
      <c r="O19300" s="5" t="s">
        <v>38</v>
      </c>
      <c r="P19300" s="5" t="s">
        <v>39</v>
      </c>
      <c r="Q19300" s="5" t="s">
        <v>40</v>
      </c>
      <c r="R19300" s="5" t="s">
        <v>897</v>
      </c>
      <c r="S19300" s="5" t="s">
        <v>40</v>
      </c>
      <c r="T19300" s="5" t="s">
        <v>42</v>
      </c>
      <c r="U19300" s="2">
        <v>59.354999999999997</v>
      </c>
      <c r="V19300" s="2">
        <v>55.274999999999999</v>
      </c>
      <c r="W19300" s="2">
        <v>0.25900000000000001</v>
      </c>
      <c r="X19300" s="2">
        <v>17</v>
      </c>
      <c r="Y19300" s="2">
        <v>136.69999999999999</v>
      </c>
      <c r="Z19300" s="2">
        <v>111.6</v>
      </c>
      <c r="AA19300" s="5">
        <v>7</v>
      </c>
      <c r="AB19300" s="5" t="s">
        <v>43</v>
      </c>
      <c r="AC19300" s="5" t="s">
        <v>735</v>
      </c>
      <c r="AD19300" s="2" t="s">
        <v>60511</v>
      </c>
      <c r="AE19300" s="1"/>
    </row>
    <row r="19301" spans="1:31" ht="14.45">
      <c r="A19301" s="11"/>
      <c r="B19301" s="20"/>
      <c r="C19301" s="2" t="s">
        <v>60512</v>
      </c>
      <c r="D19301" s="14" t="s">
        <v>60513</v>
      </c>
      <c r="E19301" s="2" t="s">
        <v>60514</v>
      </c>
      <c r="F19301" s="2" t="s">
        <v>60510</v>
      </c>
      <c r="G19301" s="8">
        <v>1276</v>
      </c>
      <c r="H19301" s="5">
        <v>5</v>
      </c>
      <c r="I19301" s="5" t="s">
        <v>69</v>
      </c>
      <c r="J19301" s="5" t="s">
        <v>55802</v>
      </c>
      <c r="K19301" s="2" t="s">
        <v>55803</v>
      </c>
      <c r="L19301" s="5" t="s">
        <v>55802</v>
      </c>
      <c r="M19301" s="2" t="s">
        <v>55803</v>
      </c>
      <c r="N19301" s="5" t="s">
        <v>733</v>
      </c>
      <c r="O19301" s="5" t="s">
        <v>38</v>
      </c>
      <c r="P19301" s="5" t="s">
        <v>39</v>
      </c>
      <c r="Q19301" s="5" t="s">
        <v>40</v>
      </c>
      <c r="R19301" s="5" t="s">
        <v>897</v>
      </c>
      <c r="S19301" s="5" t="s">
        <v>40</v>
      </c>
      <c r="T19301" s="5" t="s">
        <v>42</v>
      </c>
      <c r="U19301" s="2">
        <v>61.283999999999999</v>
      </c>
      <c r="V19301" s="2">
        <v>57.045999999999999</v>
      </c>
      <c r="W19301" s="2">
        <v>0.25900000000000001</v>
      </c>
      <c r="X19301" s="2">
        <v>17</v>
      </c>
      <c r="Y19301" s="2">
        <v>136.69999999999999</v>
      </c>
      <c r="Z19301" s="2">
        <v>111.6</v>
      </c>
      <c r="AA19301" s="5">
        <v>7</v>
      </c>
      <c r="AB19301" s="5" t="s">
        <v>43</v>
      </c>
      <c r="AC19301" s="5" t="s">
        <v>735</v>
      </c>
      <c r="AD19301" s="2" t="s">
        <v>60515</v>
      </c>
      <c r="AE19301" s="1"/>
    </row>
    <row r="19302" spans="1:31" ht="14.45">
      <c r="A19302" s="11"/>
      <c r="B19302" s="20"/>
      <c r="C19302" s="2" t="s">
        <v>60516</v>
      </c>
      <c r="D19302" s="14" t="s">
        <v>60517</v>
      </c>
      <c r="E19302" s="2" t="s">
        <v>60518</v>
      </c>
      <c r="F19302" s="2" t="s">
        <v>60510</v>
      </c>
      <c r="G19302" s="8">
        <v>1276</v>
      </c>
      <c r="H19302" s="5">
        <v>10</v>
      </c>
      <c r="I19302" s="5" t="s">
        <v>69</v>
      </c>
      <c r="J19302" s="5" t="s">
        <v>55802</v>
      </c>
      <c r="K19302" s="2" t="s">
        <v>55803</v>
      </c>
      <c r="L19302" s="5" t="s">
        <v>55802</v>
      </c>
      <c r="M19302" s="2" t="s">
        <v>55803</v>
      </c>
      <c r="N19302" s="5" t="s">
        <v>733</v>
      </c>
      <c r="O19302" s="5" t="s">
        <v>38</v>
      </c>
      <c r="P19302" s="5" t="s">
        <v>39</v>
      </c>
      <c r="Q19302" s="5" t="s">
        <v>40</v>
      </c>
      <c r="R19302" s="5" t="s">
        <v>897</v>
      </c>
      <c r="S19302" s="5" t="s">
        <v>40</v>
      </c>
      <c r="T19302" s="5" t="s">
        <v>42</v>
      </c>
      <c r="U19302" s="2">
        <v>61.844000000000001</v>
      </c>
      <c r="V19302" s="2">
        <v>57.405000000000001</v>
      </c>
      <c r="W19302" s="2">
        <v>0.25900000000000001</v>
      </c>
      <c r="X19302" s="2">
        <v>17</v>
      </c>
      <c r="Y19302" s="2">
        <v>136.69999999999999</v>
      </c>
      <c r="Z19302" s="2">
        <v>111.6</v>
      </c>
      <c r="AA19302" s="5">
        <v>7</v>
      </c>
      <c r="AB19302" s="5" t="s">
        <v>43</v>
      </c>
      <c r="AC19302" s="5" t="s">
        <v>735</v>
      </c>
      <c r="AD19302" s="2" t="s">
        <v>60519</v>
      </c>
      <c r="AE19302" s="1"/>
    </row>
    <row r="19303" spans="1:31" ht="14.45">
      <c r="A19303" s="5"/>
      <c r="B19303" s="21"/>
      <c r="C19303" s="2" t="s">
        <v>60520</v>
      </c>
      <c r="D19303" s="14" t="s">
        <v>60521</v>
      </c>
      <c r="E19303" s="2" t="s">
        <v>60522</v>
      </c>
      <c r="F19303" s="2" t="s">
        <v>60523</v>
      </c>
      <c r="G19303" s="8">
        <v>1523</v>
      </c>
      <c r="H19303" s="5">
        <v>5</v>
      </c>
      <c r="I19303" s="5" t="s">
        <v>69</v>
      </c>
      <c r="J19303" s="5" t="s">
        <v>55802</v>
      </c>
      <c r="K19303" s="2" t="s">
        <v>55803</v>
      </c>
      <c r="L19303" s="5" t="s">
        <v>55802</v>
      </c>
      <c r="M19303" s="2" t="s">
        <v>55803</v>
      </c>
      <c r="N19303" s="5" t="s">
        <v>733</v>
      </c>
      <c r="O19303" s="5" t="s">
        <v>38</v>
      </c>
      <c r="P19303" s="5" t="s">
        <v>39</v>
      </c>
      <c r="Q19303" s="5" t="s">
        <v>40</v>
      </c>
      <c r="R19303" s="5" t="s">
        <v>897</v>
      </c>
      <c r="S19303" s="5" t="s">
        <v>40</v>
      </c>
      <c r="T19303" s="5" t="s">
        <v>42</v>
      </c>
      <c r="U19303" s="2">
        <v>61.316000000000003</v>
      </c>
      <c r="V19303" s="2">
        <v>57.161000000000001</v>
      </c>
      <c r="W19303" s="2">
        <v>0.25900000000000001</v>
      </c>
      <c r="X19303" s="2">
        <v>17</v>
      </c>
      <c r="Y19303" s="2">
        <v>136.69999999999999</v>
      </c>
      <c r="Z19303" s="2">
        <v>111.6</v>
      </c>
      <c r="AA19303" s="5">
        <v>7</v>
      </c>
      <c r="AB19303" s="5" t="s">
        <v>43</v>
      </c>
      <c r="AC19303" s="5" t="s">
        <v>735</v>
      </c>
      <c r="AD19303" s="2"/>
      <c r="AE19303" s="1"/>
    </row>
    <row r="19304" spans="1:31" ht="14.45">
      <c r="A19304" s="11"/>
      <c r="B19304" s="20"/>
      <c r="C19304" s="2" t="s">
        <v>60524</v>
      </c>
      <c r="D19304" s="14" t="s">
        <v>60525</v>
      </c>
      <c r="E19304" s="2" t="s">
        <v>60526</v>
      </c>
      <c r="F19304" s="2" t="s">
        <v>60527</v>
      </c>
      <c r="G19304" s="8">
        <v>1562</v>
      </c>
      <c r="H19304" s="5">
        <v>10</v>
      </c>
      <c r="I19304" s="5" t="s">
        <v>69</v>
      </c>
      <c r="J19304" s="5" t="s">
        <v>55802</v>
      </c>
      <c r="K19304" s="2" t="s">
        <v>55803</v>
      </c>
      <c r="L19304" s="5" t="s">
        <v>55802</v>
      </c>
      <c r="M19304" s="2" t="s">
        <v>55803</v>
      </c>
      <c r="N19304" s="5" t="s">
        <v>733</v>
      </c>
      <c r="O19304" s="5" t="s">
        <v>38</v>
      </c>
      <c r="P19304" s="5" t="s">
        <v>39</v>
      </c>
      <c r="Q19304" s="5" t="s">
        <v>40</v>
      </c>
      <c r="R19304" s="5" t="s">
        <v>897</v>
      </c>
      <c r="S19304" s="5" t="s">
        <v>40</v>
      </c>
      <c r="T19304" s="5" t="s">
        <v>42</v>
      </c>
      <c r="U19304" s="2">
        <v>63.255000000000003</v>
      </c>
      <c r="V19304" s="2">
        <v>59.174999999999997</v>
      </c>
      <c r="W19304" s="2">
        <v>0.25900000000000001</v>
      </c>
      <c r="X19304" s="2">
        <v>17</v>
      </c>
      <c r="Y19304" s="2">
        <v>136.69999999999999</v>
      </c>
      <c r="Z19304" s="2">
        <v>111.6</v>
      </c>
      <c r="AA19304" s="5">
        <v>7</v>
      </c>
      <c r="AB19304" s="5" t="s">
        <v>43</v>
      </c>
      <c r="AC19304" s="5" t="s">
        <v>735</v>
      </c>
      <c r="AD19304" s="2" t="s">
        <v>60528</v>
      </c>
      <c r="AE19304" s="1"/>
    </row>
    <row r="19305" spans="1:31" ht="14.45">
      <c r="A19305" s="11"/>
      <c r="B19305" s="20"/>
      <c r="C19305" s="2" t="s">
        <v>60529</v>
      </c>
      <c r="D19305" s="14" t="s">
        <v>60530</v>
      </c>
      <c r="E19305" s="2" t="s">
        <v>60531</v>
      </c>
      <c r="F19305" s="2" t="s">
        <v>60532</v>
      </c>
      <c r="G19305" s="8">
        <v>1862</v>
      </c>
      <c r="H19305" s="5">
        <v>10</v>
      </c>
      <c r="I19305" s="5" t="s">
        <v>69</v>
      </c>
      <c r="J19305" s="5" t="s">
        <v>55802</v>
      </c>
      <c r="K19305" s="2" t="s">
        <v>55803</v>
      </c>
      <c r="L19305" s="5" t="s">
        <v>55802</v>
      </c>
      <c r="M19305" s="2" t="s">
        <v>55803</v>
      </c>
      <c r="N19305" s="5" t="s">
        <v>733</v>
      </c>
      <c r="O19305" s="5" t="s">
        <v>38</v>
      </c>
      <c r="P19305" s="5" t="s">
        <v>39</v>
      </c>
      <c r="Q19305" s="5" t="s">
        <v>40</v>
      </c>
      <c r="R19305" s="5" t="s">
        <v>897</v>
      </c>
      <c r="S19305" s="5" t="s">
        <v>40</v>
      </c>
      <c r="T19305" s="5" t="s">
        <v>42</v>
      </c>
      <c r="U19305" s="2">
        <v>65.183999999999997</v>
      </c>
      <c r="V19305" s="2">
        <v>60.945999999999998</v>
      </c>
      <c r="W19305" s="2">
        <v>0.25900000000000001</v>
      </c>
      <c r="X19305" s="2">
        <v>17</v>
      </c>
      <c r="Y19305" s="2">
        <v>136.69999999999999</v>
      </c>
      <c r="Z19305" s="2">
        <v>111.6</v>
      </c>
      <c r="AA19305" s="5">
        <v>7</v>
      </c>
      <c r="AB19305" s="5" t="s">
        <v>43</v>
      </c>
      <c r="AC19305" s="5" t="s">
        <v>735</v>
      </c>
      <c r="AD19305" s="2" t="s">
        <v>60533</v>
      </c>
      <c r="AE19305" s="1"/>
    </row>
    <row r="19306" spans="1:31" ht="14.45">
      <c r="A19306" s="11"/>
      <c r="B19306" s="20"/>
      <c r="C19306" s="2" t="s">
        <v>60534</v>
      </c>
      <c r="D19306" s="14" t="s">
        <v>60535</v>
      </c>
      <c r="E19306" s="2" t="s">
        <v>60536</v>
      </c>
      <c r="F19306" s="2" t="s">
        <v>60532</v>
      </c>
      <c r="G19306" s="8">
        <v>1862</v>
      </c>
      <c r="H19306" s="5">
        <v>10</v>
      </c>
      <c r="I19306" s="5" t="s">
        <v>69</v>
      </c>
      <c r="J19306" s="5" t="s">
        <v>55802</v>
      </c>
      <c r="K19306" s="2" t="s">
        <v>55803</v>
      </c>
      <c r="L19306" s="5" t="s">
        <v>55802</v>
      </c>
      <c r="M19306" s="2" t="s">
        <v>55803</v>
      </c>
      <c r="N19306" s="5" t="s">
        <v>733</v>
      </c>
      <c r="O19306" s="5" t="s">
        <v>38</v>
      </c>
      <c r="P19306" s="5" t="s">
        <v>39</v>
      </c>
      <c r="Q19306" s="5" t="s">
        <v>40</v>
      </c>
      <c r="R19306" s="5" t="s">
        <v>897</v>
      </c>
      <c r="S19306" s="5" t="s">
        <v>40</v>
      </c>
      <c r="T19306" s="5" t="s">
        <v>42</v>
      </c>
      <c r="U19306" s="2">
        <v>65.760000000000005</v>
      </c>
      <c r="V19306" s="2">
        <v>61.320999999999998</v>
      </c>
      <c r="W19306" s="2">
        <v>0.25900000000000001</v>
      </c>
      <c r="X19306" s="2">
        <v>17</v>
      </c>
      <c r="Y19306" s="2">
        <v>136.69999999999999</v>
      </c>
      <c r="Z19306" s="2">
        <v>111.6</v>
      </c>
      <c r="AA19306" s="5">
        <v>7</v>
      </c>
      <c r="AB19306" s="5" t="s">
        <v>43</v>
      </c>
      <c r="AC19306" s="5" t="s">
        <v>735</v>
      </c>
      <c r="AD19306" s="2" t="s">
        <v>60537</v>
      </c>
      <c r="AE19306" s="1"/>
    </row>
    <row r="19307" spans="1:31" ht="14.45">
      <c r="A19307" s="11"/>
      <c r="B19307" s="20"/>
      <c r="C19307" s="2" t="s">
        <v>60538</v>
      </c>
      <c r="D19307" s="14" t="s">
        <v>60539</v>
      </c>
      <c r="E19307" s="2" t="s">
        <v>60540</v>
      </c>
      <c r="F19307" s="2" t="s">
        <v>60541</v>
      </c>
      <c r="G19307" s="8">
        <v>1444</v>
      </c>
      <c r="H19307" s="5">
        <v>10</v>
      </c>
      <c r="I19307" s="5" t="s">
        <v>69</v>
      </c>
      <c r="J19307" s="5" t="s">
        <v>55802</v>
      </c>
      <c r="K19307" s="2" t="s">
        <v>55803</v>
      </c>
      <c r="L19307" s="5" t="s">
        <v>55802</v>
      </c>
      <c r="M19307" s="2" t="s">
        <v>55803</v>
      </c>
      <c r="N19307" s="5" t="s">
        <v>733</v>
      </c>
      <c r="O19307" s="5" t="s">
        <v>38</v>
      </c>
      <c r="P19307" s="5" t="s">
        <v>39</v>
      </c>
      <c r="Q19307" s="5" t="s">
        <v>40</v>
      </c>
      <c r="R19307" s="5" t="s">
        <v>897</v>
      </c>
      <c r="S19307" s="5" t="s">
        <v>40</v>
      </c>
      <c r="T19307" s="5" t="s">
        <v>42</v>
      </c>
      <c r="U19307" s="2">
        <v>63.204999999999998</v>
      </c>
      <c r="V19307" s="2">
        <v>59.125</v>
      </c>
      <c r="W19307" s="2">
        <v>0.25900000000000001</v>
      </c>
      <c r="X19307" s="2">
        <v>17</v>
      </c>
      <c r="Y19307" s="2">
        <v>136.69999999999999</v>
      </c>
      <c r="Z19307" s="2">
        <v>111.6</v>
      </c>
      <c r="AA19307" s="5">
        <v>7</v>
      </c>
      <c r="AB19307" s="5" t="s">
        <v>43</v>
      </c>
      <c r="AC19307" s="5" t="s">
        <v>735</v>
      </c>
      <c r="AD19307" s="2" t="s">
        <v>60542</v>
      </c>
      <c r="AE19307" s="1"/>
    </row>
    <row r="19308" spans="1:31" ht="14.45">
      <c r="A19308" s="11"/>
      <c r="B19308" s="20"/>
      <c r="C19308" s="2" t="s">
        <v>60543</v>
      </c>
      <c r="D19308" s="14" t="s">
        <v>60544</v>
      </c>
      <c r="E19308" s="2" t="s">
        <v>60545</v>
      </c>
      <c r="F19308" s="2" t="s">
        <v>60541</v>
      </c>
      <c r="G19308" s="8">
        <v>1744</v>
      </c>
      <c r="H19308" s="5">
        <v>10</v>
      </c>
      <c r="I19308" s="5" t="s">
        <v>69</v>
      </c>
      <c r="J19308" s="5" t="s">
        <v>55802</v>
      </c>
      <c r="K19308" s="2" t="s">
        <v>55803</v>
      </c>
      <c r="L19308" s="5" t="s">
        <v>55802</v>
      </c>
      <c r="M19308" s="2" t="s">
        <v>55803</v>
      </c>
      <c r="N19308" s="5" t="s">
        <v>733</v>
      </c>
      <c r="O19308" s="5" t="s">
        <v>38</v>
      </c>
      <c r="P19308" s="5" t="s">
        <v>39</v>
      </c>
      <c r="Q19308" s="5" t="s">
        <v>40</v>
      </c>
      <c r="R19308" s="5" t="s">
        <v>897</v>
      </c>
      <c r="S19308" s="5" t="s">
        <v>40</v>
      </c>
      <c r="T19308" s="5" t="s">
        <v>42</v>
      </c>
      <c r="U19308" s="2">
        <v>65.134</v>
      </c>
      <c r="V19308" s="2">
        <v>60.896000000000001</v>
      </c>
      <c r="W19308" s="2">
        <v>0.25900000000000001</v>
      </c>
      <c r="X19308" s="2">
        <v>17</v>
      </c>
      <c r="Y19308" s="2">
        <v>136.69999999999999</v>
      </c>
      <c r="Z19308" s="2">
        <v>111.6</v>
      </c>
      <c r="AA19308" s="5">
        <v>7</v>
      </c>
      <c r="AB19308" s="5" t="s">
        <v>43</v>
      </c>
      <c r="AC19308" s="5" t="s">
        <v>735</v>
      </c>
      <c r="AD19308" s="2" t="s">
        <v>60546</v>
      </c>
      <c r="AE19308" s="1"/>
    </row>
    <row r="19309" spans="1:31" ht="14.45">
      <c r="A19309" s="11"/>
      <c r="B19309" s="20"/>
      <c r="C19309" s="2" t="s">
        <v>60547</v>
      </c>
      <c r="D19309" s="14" t="s">
        <v>60548</v>
      </c>
      <c r="E19309" s="2" t="s">
        <v>60549</v>
      </c>
      <c r="F19309" s="2" t="s">
        <v>60541</v>
      </c>
      <c r="G19309" s="8">
        <v>1744</v>
      </c>
      <c r="H19309" s="5">
        <v>5</v>
      </c>
      <c r="I19309" s="5" t="s">
        <v>69</v>
      </c>
      <c r="J19309" s="5" t="s">
        <v>55802</v>
      </c>
      <c r="K19309" s="2" t="s">
        <v>55803</v>
      </c>
      <c r="L19309" s="5" t="s">
        <v>55802</v>
      </c>
      <c r="M19309" s="2" t="s">
        <v>55803</v>
      </c>
      <c r="N19309" s="5" t="s">
        <v>733</v>
      </c>
      <c r="O19309" s="5" t="s">
        <v>38</v>
      </c>
      <c r="P19309" s="5" t="s">
        <v>39</v>
      </c>
      <c r="Q19309" s="5" t="s">
        <v>40</v>
      </c>
      <c r="R19309" s="5" t="s">
        <v>897</v>
      </c>
      <c r="S19309" s="5" t="s">
        <v>40</v>
      </c>
      <c r="T19309" s="5" t="s">
        <v>42</v>
      </c>
      <c r="U19309" s="2">
        <v>65.709999999999994</v>
      </c>
      <c r="V19309" s="2">
        <v>61.271000000000001</v>
      </c>
      <c r="W19309" s="2">
        <v>0.25900000000000001</v>
      </c>
      <c r="X19309" s="2">
        <v>17</v>
      </c>
      <c r="Y19309" s="2">
        <v>136.69999999999999</v>
      </c>
      <c r="Z19309" s="2">
        <v>111.6</v>
      </c>
      <c r="AA19309" s="5">
        <v>7</v>
      </c>
      <c r="AB19309" s="5" t="s">
        <v>43</v>
      </c>
      <c r="AC19309" s="5" t="s">
        <v>735</v>
      </c>
      <c r="AD19309" s="2" t="s">
        <v>60550</v>
      </c>
      <c r="AE19309" s="1"/>
    </row>
    <row r="19310" spans="1:31" ht="14.45">
      <c r="A19310" s="11"/>
      <c r="B19310" s="20"/>
      <c r="C19310" s="2" t="s">
        <v>60551</v>
      </c>
      <c r="D19310" s="14" t="s">
        <v>60552</v>
      </c>
      <c r="E19310" s="2" t="s">
        <v>60553</v>
      </c>
      <c r="F19310" s="2" t="s">
        <v>60554</v>
      </c>
      <c r="G19310" s="8">
        <v>1862</v>
      </c>
      <c r="H19310" s="5">
        <v>10</v>
      </c>
      <c r="I19310" s="5" t="s">
        <v>69</v>
      </c>
      <c r="J19310" s="5" t="s">
        <v>55802</v>
      </c>
      <c r="K19310" s="2" t="s">
        <v>55803</v>
      </c>
      <c r="L19310" s="5" t="s">
        <v>55802</v>
      </c>
      <c r="M19310" s="2" t="s">
        <v>55803</v>
      </c>
      <c r="N19310" s="5" t="s">
        <v>733</v>
      </c>
      <c r="O19310" s="5" t="s">
        <v>38</v>
      </c>
      <c r="P19310" s="5" t="s">
        <v>39</v>
      </c>
      <c r="Q19310" s="5" t="s">
        <v>40</v>
      </c>
      <c r="R19310" s="5" t="s">
        <v>897</v>
      </c>
      <c r="S19310" s="5" t="s">
        <v>40</v>
      </c>
      <c r="T19310" s="5" t="s">
        <v>42</v>
      </c>
      <c r="U19310" s="2">
        <v>64.742000000000004</v>
      </c>
      <c r="V19310" s="2">
        <v>60.302999999999997</v>
      </c>
      <c r="W19310" s="2">
        <v>0.25900000000000001</v>
      </c>
      <c r="X19310" s="2">
        <v>17</v>
      </c>
      <c r="Y19310" s="2">
        <v>136.69999999999999</v>
      </c>
      <c r="Z19310" s="2">
        <v>111.6</v>
      </c>
      <c r="AA19310" s="5">
        <v>7</v>
      </c>
      <c r="AB19310" s="5" t="s">
        <v>43</v>
      </c>
      <c r="AC19310" s="5" t="s">
        <v>735</v>
      </c>
      <c r="AD19310" s="2" t="s">
        <v>60555</v>
      </c>
      <c r="AE19310" s="1"/>
    </row>
    <row r="19311" spans="1:31" ht="14.45">
      <c r="A19311" s="11"/>
      <c r="B19311" s="20"/>
      <c r="C19311" s="2" t="s">
        <v>60556</v>
      </c>
      <c r="D19311" s="14" t="s">
        <v>60557</v>
      </c>
      <c r="E19311" s="2" t="s">
        <v>60558</v>
      </c>
      <c r="F19311" s="2" t="s">
        <v>60559</v>
      </c>
      <c r="G19311" s="8">
        <v>1744</v>
      </c>
      <c r="H19311" s="5">
        <v>5</v>
      </c>
      <c r="I19311" s="5" t="s">
        <v>69</v>
      </c>
      <c r="J19311" s="5" t="s">
        <v>55802</v>
      </c>
      <c r="K19311" s="2" t="s">
        <v>55803</v>
      </c>
      <c r="L19311" s="5" t="s">
        <v>55802</v>
      </c>
      <c r="M19311" s="2" t="s">
        <v>55803</v>
      </c>
      <c r="N19311" s="5" t="s">
        <v>733</v>
      </c>
      <c r="O19311" s="5" t="s">
        <v>38</v>
      </c>
      <c r="P19311" s="5" t="s">
        <v>39</v>
      </c>
      <c r="Q19311" s="5" t="s">
        <v>40</v>
      </c>
      <c r="R19311" s="5" t="s">
        <v>897</v>
      </c>
      <c r="S19311" s="5" t="s">
        <v>40</v>
      </c>
      <c r="T19311" s="5" t="s">
        <v>42</v>
      </c>
      <c r="U19311" s="2">
        <v>64.691999999999993</v>
      </c>
      <c r="V19311" s="2">
        <v>60.253</v>
      </c>
      <c r="W19311" s="2">
        <v>0.25900000000000001</v>
      </c>
      <c r="X19311" s="2">
        <v>17</v>
      </c>
      <c r="Y19311" s="2">
        <v>136.69999999999999</v>
      </c>
      <c r="Z19311" s="2">
        <v>111.6</v>
      </c>
      <c r="AA19311" s="5">
        <v>7</v>
      </c>
      <c r="AB19311" s="5" t="s">
        <v>43</v>
      </c>
      <c r="AC19311" s="5" t="s">
        <v>735</v>
      </c>
      <c r="AD19311" s="2" t="s">
        <v>60560</v>
      </c>
      <c r="AE19311" s="1"/>
    </row>
    <row r="19312" spans="1:31" ht="14.45">
      <c r="A19312" s="11"/>
      <c r="B19312" s="20"/>
      <c r="C19312" s="2" t="s">
        <v>60561</v>
      </c>
      <c r="D19312" s="14" t="s">
        <v>60562</v>
      </c>
      <c r="E19312" s="2" t="s">
        <v>60563</v>
      </c>
      <c r="F19312" s="2" t="s">
        <v>60564</v>
      </c>
      <c r="G19312" s="8">
        <v>1724</v>
      </c>
      <c r="H19312" s="5">
        <v>10</v>
      </c>
      <c r="I19312" s="5" t="s">
        <v>69</v>
      </c>
      <c r="J19312" s="5" t="s">
        <v>55802</v>
      </c>
      <c r="K19312" s="2" t="s">
        <v>55803</v>
      </c>
      <c r="L19312" s="5" t="s">
        <v>55802</v>
      </c>
      <c r="M19312" s="2" t="s">
        <v>55803</v>
      </c>
      <c r="N19312" s="5" t="s">
        <v>733</v>
      </c>
      <c r="O19312" s="5" t="s">
        <v>38</v>
      </c>
      <c r="P19312" s="5" t="s">
        <v>39</v>
      </c>
      <c r="Q19312" s="5" t="s">
        <v>40</v>
      </c>
      <c r="R19312" s="5" t="s">
        <v>1487</v>
      </c>
      <c r="S19312" s="5"/>
      <c r="T19312" s="5" t="s">
        <v>42</v>
      </c>
      <c r="U19312" s="2">
        <v>0</v>
      </c>
      <c r="V19312" s="2">
        <v>0</v>
      </c>
      <c r="W19312" s="2">
        <v>0</v>
      </c>
      <c r="X19312" s="2">
        <v>0</v>
      </c>
      <c r="Y19312" s="2">
        <v>0</v>
      </c>
      <c r="Z19312" s="2">
        <v>0</v>
      </c>
      <c r="AA19312" s="5"/>
      <c r="AB19312" s="5" t="s">
        <v>43</v>
      </c>
      <c r="AC19312" s="5" t="s">
        <v>735</v>
      </c>
      <c r="AD19312" s="2" t="s">
        <v>60565</v>
      </c>
      <c r="AE19312" s="1"/>
    </row>
    <row r="19313" spans="1:31" ht="14.45">
      <c r="A19313" s="11"/>
      <c r="B19313" s="20"/>
      <c r="C19313" s="2" t="s">
        <v>60566</v>
      </c>
      <c r="D19313" s="14" t="s">
        <v>60567</v>
      </c>
      <c r="E19313" s="2" t="s">
        <v>60568</v>
      </c>
      <c r="F19313" s="2" t="s">
        <v>60569</v>
      </c>
      <c r="G19313" s="8">
        <v>2130</v>
      </c>
      <c r="H19313" s="5">
        <v>10</v>
      </c>
      <c r="I19313" s="5" t="s">
        <v>69</v>
      </c>
      <c r="J19313" s="5" t="s">
        <v>55802</v>
      </c>
      <c r="K19313" s="2" t="s">
        <v>55803</v>
      </c>
      <c r="L19313" s="5" t="s">
        <v>55802</v>
      </c>
      <c r="M19313" s="2" t="s">
        <v>55803</v>
      </c>
      <c r="N19313" s="5" t="s">
        <v>733</v>
      </c>
      <c r="O19313" s="5" t="s">
        <v>38</v>
      </c>
      <c r="P19313" s="5" t="s">
        <v>39</v>
      </c>
      <c r="Q19313" s="5" t="s">
        <v>40</v>
      </c>
      <c r="R19313" s="5" t="s">
        <v>1487</v>
      </c>
      <c r="S19313" s="5"/>
      <c r="T19313" s="5" t="s">
        <v>42</v>
      </c>
      <c r="U19313" s="2">
        <v>0</v>
      </c>
      <c r="V19313" s="2">
        <v>0</v>
      </c>
      <c r="W19313" s="2">
        <v>0</v>
      </c>
      <c r="X19313" s="2">
        <v>0</v>
      </c>
      <c r="Y19313" s="2">
        <v>0</v>
      </c>
      <c r="Z19313" s="2">
        <v>0</v>
      </c>
      <c r="AA19313" s="5"/>
      <c r="AB19313" s="5" t="s">
        <v>43</v>
      </c>
      <c r="AC19313" s="5" t="s">
        <v>735</v>
      </c>
      <c r="AD19313" s="2" t="s">
        <v>60570</v>
      </c>
      <c r="AE19313" s="1"/>
    </row>
    <row r="19314" spans="1:31" ht="14.45">
      <c r="A19314" s="11"/>
      <c r="B19314" s="20"/>
      <c r="C19314" s="2" t="s">
        <v>60571</v>
      </c>
      <c r="D19314" s="14" t="s">
        <v>60572</v>
      </c>
      <c r="E19314" s="2" t="s">
        <v>60573</v>
      </c>
      <c r="F19314" s="2" t="s">
        <v>60574</v>
      </c>
      <c r="G19314" s="8">
        <v>1395</v>
      </c>
      <c r="H19314" s="5">
        <v>5</v>
      </c>
      <c r="I19314" s="5" t="s">
        <v>69</v>
      </c>
      <c r="J19314" s="5" t="s">
        <v>55802</v>
      </c>
      <c r="K19314" s="2" t="s">
        <v>55803</v>
      </c>
      <c r="L19314" s="5" t="s">
        <v>55802</v>
      </c>
      <c r="M19314" s="2" t="s">
        <v>55803</v>
      </c>
      <c r="N19314" s="5" t="s">
        <v>733</v>
      </c>
      <c r="O19314" s="5" t="s">
        <v>38</v>
      </c>
      <c r="P19314" s="5" t="s">
        <v>39</v>
      </c>
      <c r="Q19314" s="5" t="s">
        <v>40</v>
      </c>
      <c r="R19314" s="5" t="s">
        <v>897</v>
      </c>
      <c r="S19314" s="5" t="s">
        <v>40</v>
      </c>
      <c r="T19314" s="5" t="s">
        <v>42</v>
      </c>
      <c r="U19314" s="2">
        <v>81.397000000000006</v>
      </c>
      <c r="V19314" s="2">
        <v>75.823999999999998</v>
      </c>
      <c r="W19314" s="2">
        <v>0.36699999999999999</v>
      </c>
      <c r="X19314" s="2">
        <v>17</v>
      </c>
      <c r="Y19314" s="2">
        <v>140.69999999999999</v>
      </c>
      <c r="Z19314" s="2">
        <v>153.6</v>
      </c>
      <c r="AA19314" s="5">
        <v>7</v>
      </c>
      <c r="AB19314" s="5" t="s">
        <v>43</v>
      </c>
      <c r="AC19314" s="5" t="s">
        <v>735</v>
      </c>
      <c r="AD19314" s="2" t="s">
        <v>60575</v>
      </c>
      <c r="AE19314" s="1"/>
    </row>
    <row r="19315" spans="1:31" ht="14.45">
      <c r="A19315" s="11"/>
      <c r="B19315" s="20"/>
      <c r="C19315" s="2" t="s">
        <v>60576</v>
      </c>
      <c r="D19315" s="14" t="s">
        <v>60577</v>
      </c>
      <c r="E19315" s="2" t="s">
        <v>60578</v>
      </c>
      <c r="F19315" s="2" t="s">
        <v>60579</v>
      </c>
      <c r="G19315" s="8">
        <v>1695</v>
      </c>
      <c r="H19315" s="5">
        <v>5</v>
      </c>
      <c r="I19315" s="5" t="s">
        <v>69</v>
      </c>
      <c r="J19315" s="5" t="s">
        <v>55802</v>
      </c>
      <c r="K19315" s="2" t="s">
        <v>55803</v>
      </c>
      <c r="L19315" s="5" t="s">
        <v>55802</v>
      </c>
      <c r="M19315" s="2" t="s">
        <v>55803</v>
      </c>
      <c r="N19315" s="5" t="s">
        <v>733</v>
      </c>
      <c r="O19315" s="5" t="s">
        <v>38</v>
      </c>
      <c r="P19315" s="5" t="s">
        <v>39</v>
      </c>
      <c r="Q19315" s="5" t="s">
        <v>40</v>
      </c>
      <c r="R19315" s="5" t="s">
        <v>897</v>
      </c>
      <c r="S19315" s="5" t="s">
        <v>40</v>
      </c>
      <c r="T19315" s="5" t="s">
        <v>42</v>
      </c>
      <c r="U19315" s="2">
        <v>83.043999999999997</v>
      </c>
      <c r="V19315" s="2">
        <v>77.027000000000001</v>
      </c>
      <c r="W19315" s="2">
        <v>0.378</v>
      </c>
      <c r="X19315" s="2">
        <v>17</v>
      </c>
      <c r="Y19315" s="2">
        <v>144.69999999999999</v>
      </c>
      <c r="Z19315" s="2">
        <v>153.6</v>
      </c>
      <c r="AA19315" s="5">
        <v>7</v>
      </c>
      <c r="AB19315" s="5" t="s">
        <v>43</v>
      </c>
      <c r="AC19315" s="5" t="s">
        <v>735</v>
      </c>
      <c r="AD19315" s="2" t="s">
        <v>60580</v>
      </c>
      <c r="AE19315" s="1"/>
    </row>
    <row r="19316" spans="1:31" ht="14.45">
      <c r="A19316" s="11"/>
      <c r="B19316" s="20"/>
      <c r="C19316" s="2" t="s">
        <v>60581</v>
      </c>
      <c r="D19316" s="14" t="s">
        <v>60582</v>
      </c>
      <c r="E19316" s="2" t="s">
        <v>60583</v>
      </c>
      <c r="F19316" s="2" t="s">
        <v>60579</v>
      </c>
      <c r="G19316" s="8">
        <v>1695</v>
      </c>
      <c r="H19316" s="5">
        <v>5</v>
      </c>
      <c r="I19316" s="5" t="s">
        <v>69</v>
      </c>
      <c r="J19316" s="5" t="s">
        <v>55802</v>
      </c>
      <c r="K19316" s="2" t="s">
        <v>55803</v>
      </c>
      <c r="L19316" s="5" t="s">
        <v>55802</v>
      </c>
      <c r="M19316" s="2" t="s">
        <v>55803</v>
      </c>
      <c r="N19316" s="5" t="s">
        <v>733</v>
      </c>
      <c r="O19316" s="5" t="s">
        <v>38</v>
      </c>
      <c r="P19316" s="5" t="s">
        <v>39</v>
      </c>
      <c r="Q19316" s="5" t="s">
        <v>40</v>
      </c>
      <c r="R19316" s="5" t="s">
        <v>897</v>
      </c>
      <c r="S19316" s="5" t="s">
        <v>40</v>
      </c>
      <c r="T19316" s="5" t="s">
        <v>42</v>
      </c>
      <c r="U19316" s="2">
        <v>83.506</v>
      </c>
      <c r="V19316" s="2">
        <v>77.313000000000002</v>
      </c>
      <c r="W19316" s="2">
        <v>0.378</v>
      </c>
      <c r="X19316" s="2">
        <v>17</v>
      </c>
      <c r="Y19316" s="2">
        <v>144.69999999999999</v>
      </c>
      <c r="Z19316" s="2">
        <v>153.6</v>
      </c>
      <c r="AA19316" s="5">
        <v>7</v>
      </c>
      <c r="AB19316" s="5" t="s">
        <v>43</v>
      </c>
      <c r="AC19316" s="5" t="s">
        <v>735</v>
      </c>
      <c r="AD19316" s="2" t="s">
        <v>60584</v>
      </c>
      <c r="AE19316" s="1"/>
    </row>
    <row r="19317" spans="1:31" ht="14.45">
      <c r="A19317" s="11"/>
      <c r="B19317" s="20"/>
      <c r="C19317" s="2" t="s">
        <v>60585</v>
      </c>
      <c r="D19317" s="14" t="s">
        <v>60586</v>
      </c>
      <c r="E19317" s="2" t="s">
        <v>60587</v>
      </c>
      <c r="F19317" s="2" t="s">
        <v>60579</v>
      </c>
      <c r="G19317" s="8">
        <v>1942</v>
      </c>
      <c r="H19317" s="5">
        <v>10</v>
      </c>
      <c r="I19317" s="5" t="s">
        <v>69</v>
      </c>
      <c r="J19317" s="5" t="s">
        <v>55802</v>
      </c>
      <c r="K19317" s="2" t="s">
        <v>55803</v>
      </c>
      <c r="L19317" s="5" t="s">
        <v>55802</v>
      </c>
      <c r="M19317" s="2" t="s">
        <v>55803</v>
      </c>
      <c r="N19317" s="5" t="s">
        <v>733</v>
      </c>
      <c r="O19317" s="5" t="s">
        <v>38</v>
      </c>
      <c r="P19317" s="5" t="s">
        <v>39</v>
      </c>
      <c r="Q19317" s="5" t="s">
        <v>40</v>
      </c>
      <c r="R19317" s="5" t="s">
        <v>897</v>
      </c>
      <c r="S19317" s="5" t="s">
        <v>40</v>
      </c>
      <c r="T19317" s="5" t="s">
        <v>42</v>
      </c>
      <c r="U19317" s="2">
        <v>84.284999999999997</v>
      </c>
      <c r="V19317" s="2">
        <v>78.343999999999994</v>
      </c>
      <c r="W19317" s="2">
        <v>0.378</v>
      </c>
      <c r="X19317" s="2">
        <v>17</v>
      </c>
      <c r="Y19317" s="2">
        <v>144.69999999999999</v>
      </c>
      <c r="Z19317" s="2">
        <v>153.6</v>
      </c>
      <c r="AA19317" s="5">
        <v>7</v>
      </c>
      <c r="AB19317" s="5" t="s">
        <v>43</v>
      </c>
      <c r="AC19317" s="5" t="s">
        <v>735</v>
      </c>
      <c r="AD19317" s="2" t="s">
        <v>60588</v>
      </c>
      <c r="AE19317" s="1"/>
    </row>
    <row r="19318" spans="1:31" ht="14.45">
      <c r="A19318" s="11"/>
      <c r="B19318" s="20"/>
      <c r="C19318" s="2" t="s">
        <v>60589</v>
      </c>
      <c r="D19318" s="14" t="s">
        <v>60590</v>
      </c>
      <c r="E19318" s="2" t="s">
        <v>60591</v>
      </c>
      <c r="F19318" s="2" t="s">
        <v>60592</v>
      </c>
      <c r="G19318" s="8">
        <v>1662</v>
      </c>
      <c r="H19318" s="5">
        <v>10</v>
      </c>
      <c r="I19318" s="5" t="s">
        <v>69</v>
      </c>
      <c r="J19318" s="5" t="s">
        <v>55802</v>
      </c>
      <c r="K19318" s="2" t="s">
        <v>55803</v>
      </c>
      <c r="L19318" s="5" t="s">
        <v>55802</v>
      </c>
      <c r="M19318" s="2" t="s">
        <v>55803</v>
      </c>
      <c r="N19318" s="5" t="s">
        <v>733</v>
      </c>
      <c r="O19318" s="5" t="s">
        <v>38</v>
      </c>
      <c r="P19318" s="5" t="s">
        <v>39</v>
      </c>
      <c r="Q19318" s="5" t="s">
        <v>40</v>
      </c>
      <c r="R19318" s="5" t="s">
        <v>897</v>
      </c>
      <c r="S19318" s="5" t="s">
        <v>40</v>
      </c>
      <c r="T19318" s="5" t="s">
        <v>42</v>
      </c>
      <c r="U19318" s="2">
        <v>80.835999999999999</v>
      </c>
      <c r="V19318" s="2">
        <v>74.977000000000004</v>
      </c>
      <c r="W19318" s="2">
        <v>0.378</v>
      </c>
      <c r="X19318" s="2">
        <v>17</v>
      </c>
      <c r="Y19318" s="2">
        <v>144.69999999999999</v>
      </c>
      <c r="Z19318" s="2">
        <v>153.6</v>
      </c>
      <c r="AA19318" s="5">
        <v>7</v>
      </c>
      <c r="AB19318" s="5" t="s">
        <v>43</v>
      </c>
      <c r="AC19318" s="5" t="s">
        <v>735</v>
      </c>
      <c r="AD19318" s="2" t="s">
        <v>60593</v>
      </c>
      <c r="AE19318" s="1"/>
    </row>
    <row r="19319" spans="1:31" ht="14.45">
      <c r="A19319" s="11"/>
      <c r="B19319" s="20"/>
      <c r="C19319" s="2" t="s">
        <v>60594</v>
      </c>
      <c r="D19319" s="14" t="s">
        <v>60595</v>
      </c>
      <c r="E19319" s="2" t="s">
        <v>60596</v>
      </c>
      <c r="F19319" s="2" t="s">
        <v>60592</v>
      </c>
      <c r="G19319" s="8">
        <v>1962</v>
      </c>
      <c r="H19319" s="5">
        <v>10</v>
      </c>
      <c r="I19319" s="5" t="s">
        <v>69</v>
      </c>
      <c r="J19319" s="5" t="s">
        <v>55802</v>
      </c>
      <c r="K19319" s="2" t="s">
        <v>55803</v>
      </c>
      <c r="L19319" s="5" t="s">
        <v>55802</v>
      </c>
      <c r="M19319" s="2" t="s">
        <v>55803</v>
      </c>
      <c r="N19319" s="5" t="s">
        <v>733</v>
      </c>
      <c r="O19319" s="5" t="s">
        <v>38</v>
      </c>
      <c r="P19319" s="5" t="s">
        <v>39</v>
      </c>
      <c r="Q19319" s="5" t="s">
        <v>40</v>
      </c>
      <c r="R19319" s="5" t="s">
        <v>897</v>
      </c>
      <c r="S19319" s="5" t="s">
        <v>40</v>
      </c>
      <c r="T19319" s="5" t="s">
        <v>42</v>
      </c>
      <c r="U19319" s="2">
        <v>82.78</v>
      </c>
      <c r="V19319" s="2">
        <v>76.763000000000005</v>
      </c>
      <c r="W19319" s="2">
        <v>0.378</v>
      </c>
      <c r="X19319" s="2">
        <v>17</v>
      </c>
      <c r="Y19319" s="2">
        <v>144.69999999999999</v>
      </c>
      <c r="Z19319" s="2">
        <v>153.6</v>
      </c>
      <c r="AA19319" s="5">
        <v>7</v>
      </c>
      <c r="AB19319" s="5" t="s">
        <v>43</v>
      </c>
      <c r="AC19319" s="5" t="s">
        <v>735</v>
      </c>
      <c r="AD19319" s="2" t="s">
        <v>60597</v>
      </c>
      <c r="AE19319" s="1"/>
    </row>
    <row r="19320" spans="1:31" ht="14.45">
      <c r="A19320" s="11"/>
      <c r="B19320" s="20"/>
      <c r="C19320" s="2" t="s">
        <v>60598</v>
      </c>
      <c r="D19320" s="14" t="s">
        <v>60599</v>
      </c>
      <c r="E19320" s="2" t="s">
        <v>60600</v>
      </c>
      <c r="F19320" s="2" t="s">
        <v>60592</v>
      </c>
      <c r="G19320" s="8">
        <v>1962</v>
      </c>
      <c r="H19320" s="5">
        <v>10</v>
      </c>
      <c r="I19320" s="5" t="s">
        <v>69</v>
      </c>
      <c r="J19320" s="5" t="s">
        <v>55802</v>
      </c>
      <c r="K19320" s="2" t="s">
        <v>55803</v>
      </c>
      <c r="L19320" s="5" t="s">
        <v>55802</v>
      </c>
      <c r="M19320" s="2" t="s">
        <v>55803</v>
      </c>
      <c r="N19320" s="5" t="s">
        <v>733</v>
      </c>
      <c r="O19320" s="5" t="s">
        <v>38</v>
      </c>
      <c r="P19320" s="5" t="s">
        <v>39</v>
      </c>
      <c r="Q19320" s="5" t="s">
        <v>40</v>
      </c>
      <c r="R19320" s="5" t="s">
        <v>897</v>
      </c>
      <c r="S19320" s="5" t="s">
        <v>40</v>
      </c>
      <c r="T19320" s="5" t="s">
        <v>42</v>
      </c>
      <c r="U19320" s="2">
        <v>83.262</v>
      </c>
      <c r="V19320" s="2">
        <v>77.069000000000003</v>
      </c>
      <c r="W19320" s="2">
        <v>0.378</v>
      </c>
      <c r="X19320" s="2">
        <v>17</v>
      </c>
      <c r="Y19320" s="2">
        <v>144.69999999999999</v>
      </c>
      <c r="Z19320" s="2">
        <v>153.6</v>
      </c>
      <c r="AA19320" s="5">
        <v>7</v>
      </c>
      <c r="AB19320" s="5" t="s">
        <v>43</v>
      </c>
      <c r="AC19320" s="5" t="s">
        <v>735</v>
      </c>
      <c r="AD19320" s="2" t="s">
        <v>60601</v>
      </c>
      <c r="AE19320" s="1"/>
    </row>
    <row r="19321" spans="1:31" ht="14.45">
      <c r="A19321" s="11"/>
      <c r="B19321" s="20"/>
      <c r="C19321" s="2" t="s">
        <v>60602</v>
      </c>
      <c r="D19321" s="14" t="s">
        <v>60603</v>
      </c>
      <c r="E19321" s="2" t="s">
        <v>60604</v>
      </c>
      <c r="F19321" s="2" t="s">
        <v>60605</v>
      </c>
      <c r="G19321" s="8">
        <v>1138</v>
      </c>
      <c r="H19321" s="5">
        <v>10</v>
      </c>
      <c r="I19321" s="5" t="s">
        <v>69</v>
      </c>
      <c r="J19321" s="5" t="s">
        <v>55802</v>
      </c>
      <c r="K19321" s="2" t="s">
        <v>55803</v>
      </c>
      <c r="L19321" s="5" t="s">
        <v>55802</v>
      </c>
      <c r="M19321" s="2" t="s">
        <v>55803</v>
      </c>
      <c r="N19321" s="5" t="s">
        <v>733</v>
      </c>
      <c r="O19321" s="5" t="s">
        <v>38</v>
      </c>
      <c r="P19321" s="5" t="s">
        <v>39</v>
      </c>
      <c r="Q19321" s="5" t="s">
        <v>40</v>
      </c>
      <c r="R19321" s="5" t="s">
        <v>897</v>
      </c>
      <c r="S19321" s="5" t="s">
        <v>40</v>
      </c>
      <c r="T19321" s="5" t="s">
        <v>42</v>
      </c>
      <c r="U19321" s="2">
        <v>81.212000000000003</v>
      </c>
      <c r="V19321" s="2">
        <v>75.352999999999994</v>
      </c>
      <c r="W19321" s="2">
        <v>0.378</v>
      </c>
      <c r="X19321" s="2">
        <v>17</v>
      </c>
      <c r="Y19321" s="2">
        <v>144.69999999999999</v>
      </c>
      <c r="Z19321" s="2">
        <v>153.6</v>
      </c>
      <c r="AA19321" s="5">
        <v>7</v>
      </c>
      <c r="AB19321" s="5" t="s">
        <v>43</v>
      </c>
      <c r="AC19321" s="5" t="s">
        <v>735</v>
      </c>
      <c r="AD19321" s="2" t="s">
        <v>60606</v>
      </c>
      <c r="AE19321" s="1"/>
    </row>
    <row r="19322" spans="1:31" ht="14.45">
      <c r="A19322" s="11"/>
      <c r="B19322" s="20"/>
      <c r="C19322" s="2" t="s">
        <v>60607</v>
      </c>
      <c r="D19322" s="14" t="s">
        <v>60608</v>
      </c>
      <c r="E19322" s="2" t="s">
        <v>60609</v>
      </c>
      <c r="F19322" s="2" t="s">
        <v>60605</v>
      </c>
      <c r="G19322" s="8">
        <v>1438</v>
      </c>
      <c r="H19322" s="5">
        <v>10</v>
      </c>
      <c r="I19322" s="5" t="s">
        <v>69</v>
      </c>
      <c r="J19322" s="5" t="s">
        <v>55802</v>
      </c>
      <c r="K19322" s="2" t="s">
        <v>55803</v>
      </c>
      <c r="L19322" s="5" t="s">
        <v>55802</v>
      </c>
      <c r="M19322" s="2" t="s">
        <v>55803</v>
      </c>
      <c r="N19322" s="5" t="s">
        <v>733</v>
      </c>
      <c r="O19322" s="5" t="s">
        <v>38</v>
      </c>
      <c r="P19322" s="5" t="s">
        <v>39</v>
      </c>
      <c r="Q19322" s="5" t="s">
        <v>40</v>
      </c>
      <c r="R19322" s="5" t="s">
        <v>897</v>
      </c>
      <c r="S19322" s="5" t="s">
        <v>40</v>
      </c>
      <c r="T19322" s="5" t="s">
        <v>42</v>
      </c>
      <c r="U19322" s="2">
        <v>83.156000000000006</v>
      </c>
      <c r="V19322" s="2">
        <v>77.138999999999996</v>
      </c>
      <c r="W19322" s="2">
        <v>0.378</v>
      </c>
      <c r="X19322" s="2">
        <v>17</v>
      </c>
      <c r="Y19322" s="2">
        <v>144.69999999999999</v>
      </c>
      <c r="Z19322" s="2">
        <v>153.6</v>
      </c>
      <c r="AA19322" s="5">
        <v>7</v>
      </c>
      <c r="AB19322" s="5" t="s">
        <v>43</v>
      </c>
      <c r="AC19322" s="5" t="s">
        <v>735</v>
      </c>
      <c r="AD19322" s="2" t="s">
        <v>60610</v>
      </c>
      <c r="AE19322" s="1"/>
    </row>
    <row r="19323" spans="1:31" ht="14.45">
      <c r="A19323" s="11"/>
      <c r="B19323" s="20"/>
      <c r="C19323" s="2" t="s">
        <v>60611</v>
      </c>
      <c r="D19323" s="14" t="s">
        <v>60612</v>
      </c>
      <c r="E19323" s="2" t="s">
        <v>60613</v>
      </c>
      <c r="F19323" s="2" t="s">
        <v>60605</v>
      </c>
      <c r="G19323" s="8">
        <v>1438</v>
      </c>
      <c r="H19323" s="5">
        <v>10</v>
      </c>
      <c r="I19323" s="5" t="s">
        <v>69</v>
      </c>
      <c r="J19323" s="5" t="s">
        <v>55802</v>
      </c>
      <c r="K19323" s="2" t="s">
        <v>55803</v>
      </c>
      <c r="L19323" s="5" t="s">
        <v>55802</v>
      </c>
      <c r="M19323" s="2" t="s">
        <v>55803</v>
      </c>
      <c r="N19323" s="5" t="s">
        <v>733</v>
      </c>
      <c r="O19323" s="5" t="s">
        <v>38</v>
      </c>
      <c r="P19323" s="5" t="s">
        <v>39</v>
      </c>
      <c r="Q19323" s="5" t="s">
        <v>40</v>
      </c>
      <c r="R19323" s="5" t="s">
        <v>897</v>
      </c>
      <c r="S19323" s="5" t="s">
        <v>40</v>
      </c>
      <c r="T19323" s="5" t="s">
        <v>42</v>
      </c>
      <c r="U19323" s="2">
        <v>83.617999999999995</v>
      </c>
      <c r="V19323" s="2">
        <v>77.424999999999997</v>
      </c>
      <c r="W19323" s="2">
        <v>0.378</v>
      </c>
      <c r="X19323" s="2">
        <v>17</v>
      </c>
      <c r="Y19323" s="2">
        <v>144.69999999999999</v>
      </c>
      <c r="Z19323" s="2">
        <v>153.6</v>
      </c>
      <c r="AA19323" s="5">
        <v>7</v>
      </c>
      <c r="AB19323" s="5" t="s">
        <v>43</v>
      </c>
      <c r="AC19323" s="5" t="s">
        <v>735</v>
      </c>
      <c r="AD19323" s="2" t="s">
        <v>60614</v>
      </c>
      <c r="AE19323" s="1"/>
    </row>
    <row r="19324" spans="1:31" ht="14.45">
      <c r="A19324" s="11"/>
      <c r="B19324" s="20"/>
      <c r="C19324" s="2" t="s">
        <v>60615</v>
      </c>
      <c r="D19324" s="14" t="s">
        <v>60616</v>
      </c>
      <c r="E19324" s="2" t="s">
        <v>60617</v>
      </c>
      <c r="F19324" s="2" t="s">
        <v>60618</v>
      </c>
      <c r="G19324" s="8">
        <v>815</v>
      </c>
      <c r="H19324" s="5">
        <v>5</v>
      </c>
      <c r="I19324" s="5" t="s">
        <v>69</v>
      </c>
      <c r="J19324" s="5" t="s">
        <v>55802</v>
      </c>
      <c r="K19324" s="2" t="s">
        <v>55803</v>
      </c>
      <c r="L19324" s="5" t="s">
        <v>55802</v>
      </c>
      <c r="M19324" s="2" t="s">
        <v>55803</v>
      </c>
      <c r="N19324" s="5" t="s">
        <v>733</v>
      </c>
      <c r="O19324" s="5" t="s">
        <v>38</v>
      </c>
      <c r="P19324" s="5" t="s">
        <v>39</v>
      </c>
      <c r="Q19324" s="5" t="s">
        <v>40</v>
      </c>
      <c r="R19324" s="5" t="s">
        <v>897</v>
      </c>
      <c r="S19324" s="5" t="s">
        <v>40</v>
      </c>
      <c r="T19324" s="5" t="s">
        <v>42</v>
      </c>
      <c r="U19324" s="2">
        <v>69.543999999999997</v>
      </c>
      <c r="V19324" s="2">
        <v>63.970999999999997</v>
      </c>
      <c r="W19324" s="2">
        <v>0.36699999999999999</v>
      </c>
      <c r="X19324" s="2">
        <v>17</v>
      </c>
      <c r="Y19324" s="2">
        <v>140.69999999999999</v>
      </c>
      <c r="Z19324" s="2">
        <v>153.6</v>
      </c>
      <c r="AA19324" s="5">
        <v>7</v>
      </c>
      <c r="AB19324" s="5" t="s">
        <v>43</v>
      </c>
      <c r="AC19324" s="5" t="s">
        <v>735</v>
      </c>
      <c r="AD19324" s="2" t="s">
        <v>60619</v>
      </c>
      <c r="AE19324" s="1"/>
    </row>
    <row r="19325" spans="1:31" ht="14.45">
      <c r="A19325" s="11"/>
      <c r="B19325" s="20"/>
      <c r="C19325" s="2" t="s">
        <v>60620</v>
      </c>
      <c r="D19325" s="14" t="s">
        <v>60621</v>
      </c>
      <c r="E19325" s="2" t="s">
        <v>60622</v>
      </c>
      <c r="F19325" s="2" t="s">
        <v>60618</v>
      </c>
      <c r="G19325" s="8">
        <v>1115</v>
      </c>
      <c r="H19325" s="5">
        <v>5</v>
      </c>
      <c r="I19325" s="5" t="s">
        <v>69</v>
      </c>
      <c r="J19325" s="5" t="s">
        <v>55802</v>
      </c>
      <c r="K19325" s="2" t="s">
        <v>55803</v>
      </c>
      <c r="L19325" s="5" t="s">
        <v>55802</v>
      </c>
      <c r="M19325" s="2" t="s">
        <v>55803</v>
      </c>
      <c r="N19325" s="5" t="s">
        <v>733</v>
      </c>
      <c r="O19325" s="5" t="s">
        <v>38</v>
      </c>
      <c r="P19325" s="5" t="s">
        <v>39</v>
      </c>
      <c r="Q19325" s="5" t="s">
        <v>40</v>
      </c>
      <c r="R19325" s="5" t="s">
        <v>897</v>
      </c>
      <c r="S19325" s="5" t="s">
        <v>40</v>
      </c>
      <c r="T19325" s="5" t="s">
        <v>42</v>
      </c>
      <c r="U19325" s="2">
        <v>71.549000000000007</v>
      </c>
      <c r="V19325" s="2">
        <v>65.796000000000006</v>
      </c>
      <c r="W19325" s="2">
        <v>0.36699999999999999</v>
      </c>
      <c r="X19325" s="2">
        <v>17</v>
      </c>
      <c r="Y19325" s="2">
        <v>140.69999999999999</v>
      </c>
      <c r="Z19325" s="2">
        <v>153.6</v>
      </c>
      <c r="AA19325" s="5">
        <v>7</v>
      </c>
      <c r="AB19325" s="5" t="s">
        <v>43</v>
      </c>
      <c r="AC19325" s="5" t="s">
        <v>735</v>
      </c>
      <c r="AD19325" s="2" t="s">
        <v>60623</v>
      </c>
      <c r="AE19325" s="1"/>
    </row>
    <row r="19326" spans="1:31" ht="14.45">
      <c r="A19326" s="11"/>
      <c r="B19326" s="20"/>
      <c r="C19326" s="2" t="s">
        <v>60624</v>
      </c>
      <c r="D19326" s="14" t="s">
        <v>60625</v>
      </c>
      <c r="E19326" s="2" t="s">
        <v>60626</v>
      </c>
      <c r="F19326" s="2" t="s">
        <v>60618</v>
      </c>
      <c r="G19326" s="8">
        <v>1115</v>
      </c>
      <c r="H19326" s="5">
        <v>5</v>
      </c>
      <c r="I19326" s="5" t="s">
        <v>69</v>
      </c>
      <c r="J19326" s="5" t="s">
        <v>55802</v>
      </c>
      <c r="K19326" s="2" t="s">
        <v>55803</v>
      </c>
      <c r="L19326" s="5" t="s">
        <v>55802</v>
      </c>
      <c r="M19326" s="2" t="s">
        <v>55803</v>
      </c>
      <c r="N19326" s="5" t="s">
        <v>733</v>
      </c>
      <c r="O19326" s="5" t="s">
        <v>38</v>
      </c>
      <c r="P19326" s="5" t="s">
        <v>39</v>
      </c>
      <c r="Q19326" s="5" t="s">
        <v>40</v>
      </c>
      <c r="R19326" s="5" t="s">
        <v>897</v>
      </c>
      <c r="S19326" s="5" t="s">
        <v>40</v>
      </c>
      <c r="T19326" s="5" t="s">
        <v>42</v>
      </c>
      <c r="U19326" s="2">
        <v>72.402000000000001</v>
      </c>
      <c r="V19326" s="2">
        <v>66.488</v>
      </c>
      <c r="W19326" s="2">
        <v>0.36699999999999999</v>
      </c>
      <c r="X19326" s="2">
        <v>17</v>
      </c>
      <c r="Y19326" s="2">
        <v>140.69999999999999</v>
      </c>
      <c r="Z19326" s="2">
        <v>153.6</v>
      </c>
      <c r="AA19326" s="5">
        <v>7</v>
      </c>
      <c r="AB19326" s="5" t="s">
        <v>43</v>
      </c>
      <c r="AC19326" s="5" t="s">
        <v>735</v>
      </c>
      <c r="AD19326" s="2" t="s">
        <v>60627</v>
      </c>
      <c r="AE19326" s="1"/>
    </row>
    <row r="19327" spans="1:31" ht="14.45">
      <c r="A19327" s="11"/>
      <c r="B19327" s="20"/>
      <c r="C19327" s="2" t="s">
        <v>60628</v>
      </c>
      <c r="D19327" s="14" t="s">
        <v>60629</v>
      </c>
      <c r="E19327" s="2" t="s">
        <v>60630</v>
      </c>
      <c r="F19327" s="2" t="s">
        <v>60618</v>
      </c>
      <c r="G19327" s="8">
        <v>1362</v>
      </c>
      <c r="H19327" s="5">
        <v>5</v>
      </c>
      <c r="I19327" s="5" t="s">
        <v>69</v>
      </c>
      <c r="J19327" s="5" t="s">
        <v>55802</v>
      </c>
      <c r="K19327" s="2" t="s">
        <v>55803</v>
      </c>
      <c r="L19327" s="5" t="s">
        <v>55802</v>
      </c>
      <c r="M19327" s="2" t="s">
        <v>55803</v>
      </c>
      <c r="N19327" s="5" t="s">
        <v>733</v>
      </c>
      <c r="O19327" s="5" t="s">
        <v>38</v>
      </c>
      <c r="P19327" s="5" t="s">
        <v>39</v>
      </c>
      <c r="Q19327" s="5" t="s">
        <v>40</v>
      </c>
      <c r="R19327" s="5" t="s">
        <v>897</v>
      </c>
      <c r="S19327" s="5" t="s">
        <v>40</v>
      </c>
      <c r="T19327" s="5" t="s">
        <v>42</v>
      </c>
      <c r="U19327" s="2">
        <v>72.763999999999996</v>
      </c>
      <c r="V19327" s="2">
        <v>67.093999999999994</v>
      </c>
      <c r="W19327" s="2">
        <v>0.36699999999999999</v>
      </c>
      <c r="X19327" s="2">
        <v>17</v>
      </c>
      <c r="Y19327" s="2">
        <v>140.69999999999999</v>
      </c>
      <c r="Z19327" s="2">
        <v>153.6</v>
      </c>
      <c r="AA19327" s="5">
        <v>7</v>
      </c>
      <c r="AB19327" s="5" t="s">
        <v>43</v>
      </c>
      <c r="AC19327" s="5" t="s">
        <v>735</v>
      </c>
      <c r="AD19327" s="2" t="s">
        <v>60631</v>
      </c>
      <c r="AE19327" s="1"/>
    </row>
    <row r="19328" spans="1:31" ht="14.45">
      <c r="A19328" s="11"/>
      <c r="B19328" s="20"/>
      <c r="C19328" s="2" t="s">
        <v>60632</v>
      </c>
      <c r="D19328" s="14" t="s">
        <v>60633</v>
      </c>
      <c r="E19328" s="2" t="s">
        <v>60634</v>
      </c>
      <c r="F19328" s="2" t="s">
        <v>60635</v>
      </c>
      <c r="G19328" s="8">
        <v>1361</v>
      </c>
      <c r="H19328" s="5">
        <v>10</v>
      </c>
      <c r="I19328" s="5" t="s">
        <v>69</v>
      </c>
      <c r="J19328" s="5" t="s">
        <v>55802</v>
      </c>
      <c r="K19328" s="2" t="s">
        <v>55803</v>
      </c>
      <c r="L19328" s="5" t="s">
        <v>55802</v>
      </c>
      <c r="M19328" s="2" t="s">
        <v>55803</v>
      </c>
      <c r="N19328" s="5" t="s">
        <v>733</v>
      </c>
      <c r="O19328" s="5" t="s">
        <v>38</v>
      </c>
      <c r="P19328" s="5" t="s">
        <v>39</v>
      </c>
      <c r="Q19328" s="5" t="s">
        <v>40</v>
      </c>
      <c r="R19328" s="5" t="s">
        <v>897</v>
      </c>
      <c r="S19328" s="5" t="s">
        <v>40</v>
      </c>
      <c r="T19328" s="5" t="s">
        <v>42</v>
      </c>
      <c r="U19328" s="2">
        <v>71.620999999999995</v>
      </c>
      <c r="V19328" s="2">
        <v>65.781000000000006</v>
      </c>
      <c r="W19328" s="2">
        <v>0.36699999999999999</v>
      </c>
      <c r="X19328" s="2">
        <v>17</v>
      </c>
      <c r="Y19328" s="2">
        <v>140.69999999999999</v>
      </c>
      <c r="Z19328" s="2">
        <v>153.6</v>
      </c>
      <c r="AA19328" s="5">
        <v>7</v>
      </c>
      <c r="AB19328" s="5" t="s">
        <v>43</v>
      </c>
      <c r="AC19328" s="5" t="s">
        <v>735</v>
      </c>
      <c r="AD19328" s="2" t="s">
        <v>60636</v>
      </c>
      <c r="AE19328" s="1"/>
    </row>
    <row r="19329" spans="1:31" ht="14.45">
      <c r="A19329" s="11"/>
      <c r="B19329" s="20"/>
      <c r="C19329" s="2" t="s">
        <v>60637</v>
      </c>
      <c r="D19329" s="14" t="s">
        <v>60638</v>
      </c>
      <c r="E19329" s="2" t="s">
        <v>60639</v>
      </c>
      <c r="F19329" s="2" t="s">
        <v>60640</v>
      </c>
      <c r="G19329" s="8">
        <v>1226</v>
      </c>
      <c r="H19329" s="5">
        <v>5</v>
      </c>
      <c r="I19329" s="5" t="s">
        <v>69</v>
      </c>
      <c r="J19329" s="5" t="s">
        <v>55802</v>
      </c>
      <c r="K19329" s="2" t="s">
        <v>55803</v>
      </c>
      <c r="L19329" s="5" t="s">
        <v>55802</v>
      </c>
      <c r="M19329" s="2" t="s">
        <v>55803</v>
      </c>
      <c r="N19329" s="5" t="s">
        <v>733</v>
      </c>
      <c r="O19329" s="5" t="s">
        <v>38</v>
      </c>
      <c r="P19329" s="5" t="s">
        <v>39</v>
      </c>
      <c r="Q19329" s="5" t="s">
        <v>40</v>
      </c>
      <c r="R19329" s="5" t="s">
        <v>897</v>
      </c>
      <c r="S19329" s="5" t="s">
        <v>40</v>
      </c>
      <c r="T19329" s="5" t="s">
        <v>42</v>
      </c>
      <c r="U19329" s="2">
        <v>81.025000000000006</v>
      </c>
      <c r="V19329" s="2">
        <v>75.165999999999997</v>
      </c>
      <c r="W19329" s="2">
        <v>0.378</v>
      </c>
      <c r="X19329" s="2">
        <v>17</v>
      </c>
      <c r="Y19329" s="2">
        <v>144.69999999999999</v>
      </c>
      <c r="Z19329" s="2">
        <v>153.6</v>
      </c>
      <c r="AA19329" s="5">
        <v>7</v>
      </c>
      <c r="AB19329" s="5" t="s">
        <v>43</v>
      </c>
      <c r="AC19329" s="5" t="s">
        <v>735</v>
      </c>
      <c r="AD19329" s="2" t="s">
        <v>60641</v>
      </c>
      <c r="AE19329" s="1"/>
    </row>
    <row r="19330" spans="1:31" ht="14.45">
      <c r="A19330" s="11"/>
      <c r="B19330" s="20"/>
      <c r="C19330" s="2" t="s">
        <v>60642</v>
      </c>
      <c r="D19330" s="14" t="s">
        <v>60643</v>
      </c>
      <c r="E19330" s="2" t="s">
        <v>60644</v>
      </c>
      <c r="F19330" s="2" t="s">
        <v>60640</v>
      </c>
      <c r="G19330" s="8">
        <v>1526</v>
      </c>
      <c r="H19330" s="5">
        <v>10</v>
      </c>
      <c r="I19330" s="5" t="s">
        <v>69</v>
      </c>
      <c r="J19330" s="5" t="s">
        <v>55802</v>
      </c>
      <c r="K19330" s="2" t="s">
        <v>55803</v>
      </c>
      <c r="L19330" s="5" t="s">
        <v>55802</v>
      </c>
      <c r="M19330" s="2" t="s">
        <v>55803</v>
      </c>
      <c r="N19330" s="5" t="s">
        <v>733</v>
      </c>
      <c r="O19330" s="5" t="s">
        <v>38</v>
      </c>
      <c r="P19330" s="5" t="s">
        <v>39</v>
      </c>
      <c r="Q19330" s="5" t="s">
        <v>40</v>
      </c>
      <c r="R19330" s="5" t="s">
        <v>897</v>
      </c>
      <c r="S19330" s="5" t="s">
        <v>40</v>
      </c>
      <c r="T19330" s="5" t="s">
        <v>42</v>
      </c>
      <c r="U19330" s="2">
        <v>82.968999999999994</v>
      </c>
      <c r="V19330" s="2">
        <v>76.951999999999998</v>
      </c>
      <c r="W19330" s="2">
        <v>0.378</v>
      </c>
      <c r="X19330" s="2">
        <v>17</v>
      </c>
      <c r="Y19330" s="2">
        <v>144.69999999999999</v>
      </c>
      <c r="Z19330" s="2">
        <v>153.6</v>
      </c>
      <c r="AA19330" s="5">
        <v>7</v>
      </c>
      <c r="AB19330" s="5" t="s">
        <v>43</v>
      </c>
      <c r="AC19330" s="5" t="s">
        <v>735</v>
      </c>
      <c r="AD19330" s="2" t="s">
        <v>60645</v>
      </c>
      <c r="AE19330" s="1"/>
    </row>
    <row r="19331" spans="1:31" ht="14.45">
      <c r="A19331" s="11"/>
      <c r="B19331" s="20"/>
      <c r="C19331" s="2" t="s">
        <v>60646</v>
      </c>
      <c r="D19331" s="14" t="s">
        <v>60647</v>
      </c>
      <c r="E19331" s="2" t="s">
        <v>60648</v>
      </c>
      <c r="F19331" s="2" t="s">
        <v>60640</v>
      </c>
      <c r="G19331" s="8">
        <v>1526</v>
      </c>
      <c r="H19331" s="5">
        <v>10</v>
      </c>
      <c r="I19331" s="5" t="s">
        <v>69</v>
      </c>
      <c r="J19331" s="5" t="s">
        <v>55802</v>
      </c>
      <c r="K19331" s="2" t="s">
        <v>55803</v>
      </c>
      <c r="L19331" s="5" t="s">
        <v>55802</v>
      </c>
      <c r="M19331" s="2" t="s">
        <v>55803</v>
      </c>
      <c r="N19331" s="5" t="s">
        <v>733</v>
      </c>
      <c r="O19331" s="5" t="s">
        <v>38</v>
      </c>
      <c r="P19331" s="5" t="s">
        <v>39</v>
      </c>
      <c r="Q19331" s="5" t="s">
        <v>40</v>
      </c>
      <c r="R19331" s="5" t="s">
        <v>897</v>
      </c>
      <c r="S19331" s="5" t="s">
        <v>40</v>
      </c>
      <c r="T19331" s="5" t="s">
        <v>42</v>
      </c>
      <c r="U19331" s="2">
        <v>83.430999999999997</v>
      </c>
      <c r="V19331" s="2">
        <v>77.238</v>
      </c>
      <c r="W19331" s="2">
        <v>0.378</v>
      </c>
      <c r="X19331" s="2">
        <v>17</v>
      </c>
      <c r="Y19331" s="2">
        <v>144.69999999999999</v>
      </c>
      <c r="Z19331" s="2">
        <v>153.6</v>
      </c>
      <c r="AA19331" s="5">
        <v>7</v>
      </c>
      <c r="AB19331" s="5" t="s">
        <v>43</v>
      </c>
      <c r="AC19331" s="5" t="s">
        <v>735</v>
      </c>
      <c r="AD19331" s="2" t="s">
        <v>60649</v>
      </c>
      <c r="AE19331" s="1"/>
    </row>
    <row r="19332" spans="1:31" ht="14.45">
      <c r="A19332" s="5"/>
      <c r="B19332" s="21"/>
      <c r="C19332" s="2" t="s">
        <v>60650</v>
      </c>
      <c r="D19332" s="14" t="s">
        <v>60651</v>
      </c>
      <c r="E19332" s="2" t="s">
        <v>60652</v>
      </c>
      <c r="F19332" s="2" t="s">
        <v>60653</v>
      </c>
      <c r="G19332" s="8">
        <v>1773</v>
      </c>
      <c r="H19332" s="5">
        <v>5</v>
      </c>
      <c r="I19332" s="5" t="s">
        <v>69</v>
      </c>
      <c r="J19332" s="5" t="s">
        <v>55802</v>
      </c>
      <c r="K19332" s="2" t="s">
        <v>55803</v>
      </c>
      <c r="L19332" s="5" t="s">
        <v>55802</v>
      </c>
      <c r="M19332" s="2" t="s">
        <v>55803</v>
      </c>
      <c r="N19332" s="5" t="s">
        <v>733</v>
      </c>
      <c r="O19332" s="5" t="s">
        <v>38</v>
      </c>
      <c r="P19332" s="5" t="s">
        <v>39</v>
      </c>
      <c r="Q19332" s="5" t="s">
        <v>40</v>
      </c>
      <c r="R19332" s="5" t="s">
        <v>897</v>
      </c>
      <c r="S19332" s="5" t="s">
        <v>40</v>
      </c>
      <c r="T19332" s="5" t="s">
        <v>42</v>
      </c>
      <c r="U19332" s="2">
        <v>84.21</v>
      </c>
      <c r="V19332" s="2">
        <v>78.269000000000005</v>
      </c>
      <c r="W19332" s="2">
        <v>0.378</v>
      </c>
      <c r="X19332" s="2">
        <v>17</v>
      </c>
      <c r="Y19332" s="2">
        <v>144.69999999999999</v>
      </c>
      <c r="Z19332" s="2">
        <v>153.6</v>
      </c>
      <c r="AA19332" s="5">
        <v>7</v>
      </c>
      <c r="AB19332" s="5" t="s">
        <v>43</v>
      </c>
      <c r="AC19332" s="5" t="s">
        <v>735</v>
      </c>
      <c r="AD19332" s="2"/>
      <c r="AE19332" s="1"/>
    </row>
    <row r="19333" spans="1:31" ht="14.45">
      <c r="A19333" s="11"/>
      <c r="B19333" s="20"/>
      <c r="C19333" s="2" t="s">
        <v>60654</v>
      </c>
      <c r="D19333" s="14" t="s">
        <v>60655</v>
      </c>
      <c r="E19333" s="2" t="s">
        <v>60656</v>
      </c>
      <c r="F19333" s="2" t="s">
        <v>60657</v>
      </c>
      <c r="G19333" s="8">
        <v>1863</v>
      </c>
      <c r="H19333" s="5">
        <v>10</v>
      </c>
      <c r="I19333" s="5" t="s">
        <v>69</v>
      </c>
      <c r="J19333" s="5" t="s">
        <v>55802</v>
      </c>
      <c r="K19333" s="2" t="s">
        <v>55803</v>
      </c>
      <c r="L19333" s="5" t="s">
        <v>55802</v>
      </c>
      <c r="M19333" s="2" t="s">
        <v>55803</v>
      </c>
      <c r="N19333" s="5" t="s">
        <v>733</v>
      </c>
      <c r="O19333" s="5" t="s">
        <v>38</v>
      </c>
      <c r="P19333" s="5" t="s">
        <v>39</v>
      </c>
      <c r="Q19333" s="5" t="s">
        <v>40</v>
      </c>
      <c r="R19333" s="5" t="s">
        <v>897</v>
      </c>
      <c r="S19333" s="5" t="s">
        <v>40</v>
      </c>
      <c r="T19333" s="5" t="s">
        <v>42</v>
      </c>
      <c r="U19333" s="2">
        <v>88.195999999999998</v>
      </c>
      <c r="V19333" s="2">
        <v>82.305000000000007</v>
      </c>
      <c r="W19333" s="2">
        <v>0.378</v>
      </c>
      <c r="X19333" s="2">
        <v>17</v>
      </c>
      <c r="Y19333" s="2">
        <v>144.69999999999999</v>
      </c>
      <c r="Z19333" s="2">
        <v>153.6</v>
      </c>
      <c r="AA19333" s="5">
        <v>7</v>
      </c>
      <c r="AB19333" s="5" t="s">
        <v>43</v>
      </c>
      <c r="AC19333" s="5" t="s">
        <v>735</v>
      </c>
      <c r="AD19333" s="2" t="s">
        <v>60658</v>
      </c>
      <c r="AE19333" s="1"/>
    </row>
    <row r="19334" spans="1:31" ht="14.45">
      <c r="A19334" s="11"/>
      <c r="B19334" s="20"/>
      <c r="C19334" s="2" t="s">
        <v>60659</v>
      </c>
      <c r="D19334" s="14" t="s">
        <v>60660</v>
      </c>
      <c r="E19334" s="2" t="s">
        <v>60661</v>
      </c>
      <c r="F19334" s="2" t="s">
        <v>60662</v>
      </c>
      <c r="G19334" s="8">
        <v>2163</v>
      </c>
      <c r="H19334" s="5">
        <v>10</v>
      </c>
      <c r="I19334" s="5" t="s">
        <v>69</v>
      </c>
      <c r="J19334" s="5" t="s">
        <v>55802</v>
      </c>
      <c r="K19334" s="2" t="s">
        <v>55803</v>
      </c>
      <c r="L19334" s="5" t="s">
        <v>55802</v>
      </c>
      <c r="M19334" s="2" t="s">
        <v>55803</v>
      </c>
      <c r="N19334" s="5" t="s">
        <v>733</v>
      </c>
      <c r="O19334" s="5" t="s">
        <v>38</v>
      </c>
      <c r="P19334" s="5" t="s">
        <v>39</v>
      </c>
      <c r="Q19334" s="5" t="s">
        <v>40</v>
      </c>
      <c r="R19334" s="5" t="s">
        <v>897</v>
      </c>
      <c r="S19334" s="5" t="s">
        <v>40</v>
      </c>
      <c r="T19334" s="5" t="s">
        <v>42</v>
      </c>
      <c r="U19334" s="2">
        <v>87.507999999999996</v>
      </c>
      <c r="V19334" s="2">
        <v>81.491</v>
      </c>
      <c r="W19334" s="2">
        <v>0.378</v>
      </c>
      <c r="X19334" s="2">
        <v>17</v>
      </c>
      <c r="Y19334" s="2">
        <v>144.69999999999999</v>
      </c>
      <c r="Z19334" s="2">
        <v>153.6</v>
      </c>
      <c r="AA19334" s="5">
        <v>7</v>
      </c>
      <c r="AB19334" s="5" t="s">
        <v>43</v>
      </c>
      <c r="AC19334" s="5" t="s">
        <v>735</v>
      </c>
      <c r="AD19334" s="2" t="s">
        <v>60663</v>
      </c>
      <c r="AE19334" s="1"/>
    </row>
    <row r="19335" spans="1:31" ht="14.45">
      <c r="A19335" s="11"/>
      <c r="B19335" s="20"/>
      <c r="C19335" s="2" t="s">
        <v>60664</v>
      </c>
      <c r="D19335" s="14" t="s">
        <v>60665</v>
      </c>
      <c r="E19335" s="2" t="s">
        <v>60666</v>
      </c>
      <c r="F19335" s="2" t="s">
        <v>60662</v>
      </c>
      <c r="G19335" s="8">
        <v>2163</v>
      </c>
      <c r="H19335" s="5">
        <v>10</v>
      </c>
      <c r="I19335" s="5" t="s">
        <v>69</v>
      </c>
      <c r="J19335" s="5" t="s">
        <v>55802</v>
      </c>
      <c r="K19335" s="2" t="s">
        <v>55803</v>
      </c>
      <c r="L19335" s="5" t="s">
        <v>55802</v>
      </c>
      <c r="M19335" s="2" t="s">
        <v>55803</v>
      </c>
      <c r="N19335" s="5" t="s">
        <v>733</v>
      </c>
      <c r="O19335" s="5" t="s">
        <v>38</v>
      </c>
      <c r="P19335" s="5" t="s">
        <v>39</v>
      </c>
      <c r="Q19335" s="5" t="s">
        <v>40</v>
      </c>
      <c r="R19335" s="5" t="s">
        <v>897</v>
      </c>
      <c r="S19335" s="5" t="s">
        <v>40</v>
      </c>
      <c r="T19335" s="5" t="s">
        <v>42</v>
      </c>
      <c r="U19335" s="2">
        <v>87.995000000000005</v>
      </c>
      <c r="V19335" s="2">
        <v>81.802000000000007</v>
      </c>
      <c r="W19335" s="2">
        <v>0.378</v>
      </c>
      <c r="X19335" s="2">
        <v>17</v>
      </c>
      <c r="Y19335" s="2">
        <v>144.69999999999999</v>
      </c>
      <c r="Z19335" s="2">
        <v>153.6</v>
      </c>
      <c r="AA19335" s="5">
        <v>7</v>
      </c>
      <c r="AB19335" s="5" t="s">
        <v>43</v>
      </c>
      <c r="AC19335" s="5" t="s">
        <v>735</v>
      </c>
      <c r="AD19335" s="2" t="s">
        <v>60667</v>
      </c>
      <c r="AE19335" s="1"/>
    </row>
    <row r="19336" spans="1:31" ht="14.45">
      <c r="A19336" s="11"/>
      <c r="B19336" s="20"/>
      <c r="C19336" s="2" t="s">
        <v>60668</v>
      </c>
      <c r="D19336" s="14" t="s">
        <v>60669</v>
      </c>
      <c r="E19336" s="2" t="s">
        <v>60670</v>
      </c>
      <c r="F19336" s="2" t="s">
        <v>60671</v>
      </c>
      <c r="G19336" s="8">
        <v>1283</v>
      </c>
      <c r="H19336" s="5">
        <v>10</v>
      </c>
      <c r="I19336" s="5" t="s">
        <v>69</v>
      </c>
      <c r="J19336" s="5" t="s">
        <v>55802</v>
      </c>
      <c r="K19336" s="2" t="s">
        <v>55803</v>
      </c>
      <c r="L19336" s="5" t="s">
        <v>55802</v>
      </c>
      <c r="M19336" s="2" t="s">
        <v>55803</v>
      </c>
      <c r="N19336" s="5" t="s">
        <v>733</v>
      </c>
      <c r="O19336" s="5" t="s">
        <v>38</v>
      </c>
      <c r="P19336" s="5" t="s">
        <v>39</v>
      </c>
      <c r="Q19336" s="5" t="s">
        <v>40</v>
      </c>
      <c r="R19336" s="5" t="s">
        <v>897</v>
      </c>
      <c r="S19336" s="5" t="s">
        <v>40</v>
      </c>
      <c r="T19336" s="5" t="s">
        <v>42</v>
      </c>
      <c r="U19336" s="2">
        <v>76.284000000000006</v>
      </c>
      <c r="V19336" s="2">
        <v>70.393000000000001</v>
      </c>
      <c r="W19336" s="2">
        <v>0.378</v>
      </c>
      <c r="X19336" s="2">
        <v>17</v>
      </c>
      <c r="Y19336" s="2">
        <v>144.69999999999999</v>
      </c>
      <c r="Z19336" s="2">
        <v>153.6</v>
      </c>
      <c r="AA19336" s="5">
        <v>7</v>
      </c>
      <c r="AB19336" s="5" t="s">
        <v>43</v>
      </c>
      <c r="AC19336" s="5" t="s">
        <v>735</v>
      </c>
      <c r="AD19336" s="2" t="s">
        <v>60672</v>
      </c>
      <c r="AE19336" s="1"/>
    </row>
    <row r="19337" spans="1:31" ht="14.45">
      <c r="A19337" s="11"/>
      <c r="B19337" s="20"/>
      <c r="C19337" s="2" t="s">
        <v>60673</v>
      </c>
      <c r="D19337" s="14" t="s">
        <v>60674</v>
      </c>
      <c r="E19337" s="2" t="s">
        <v>60675</v>
      </c>
      <c r="F19337" s="2" t="s">
        <v>60676</v>
      </c>
      <c r="G19337" s="8">
        <v>1583</v>
      </c>
      <c r="H19337" s="5">
        <v>10</v>
      </c>
      <c r="I19337" s="5" t="s">
        <v>69</v>
      </c>
      <c r="J19337" s="5" t="s">
        <v>55802</v>
      </c>
      <c r="K19337" s="2" t="s">
        <v>55803</v>
      </c>
      <c r="L19337" s="5" t="s">
        <v>55802</v>
      </c>
      <c r="M19337" s="2" t="s">
        <v>55803</v>
      </c>
      <c r="N19337" s="5" t="s">
        <v>733</v>
      </c>
      <c r="O19337" s="5" t="s">
        <v>38</v>
      </c>
      <c r="P19337" s="5" t="s">
        <v>39</v>
      </c>
      <c r="Q19337" s="5" t="s">
        <v>40</v>
      </c>
      <c r="R19337" s="5" t="s">
        <v>897</v>
      </c>
      <c r="S19337" s="5" t="s">
        <v>40</v>
      </c>
      <c r="T19337" s="5" t="s">
        <v>42</v>
      </c>
      <c r="U19337" s="2">
        <v>75.613</v>
      </c>
      <c r="V19337" s="2">
        <v>69.578999999999994</v>
      </c>
      <c r="W19337" s="2">
        <v>0.378</v>
      </c>
      <c r="X19337" s="2">
        <v>17</v>
      </c>
      <c r="Y19337" s="2">
        <v>144.69999999999999</v>
      </c>
      <c r="Z19337" s="2">
        <v>153.6</v>
      </c>
      <c r="AA19337" s="5">
        <v>7</v>
      </c>
      <c r="AB19337" s="5" t="s">
        <v>43</v>
      </c>
      <c r="AC19337" s="5" t="s">
        <v>735</v>
      </c>
      <c r="AD19337" s="2" t="s">
        <v>60677</v>
      </c>
      <c r="AE19337" s="1"/>
    </row>
    <row r="19338" spans="1:31" ht="14.45">
      <c r="A19338" s="11"/>
      <c r="B19338" s="20"/>
      <c r="C19338" s="2" t="s">
        <v>60678</v>
      </c>
      <c r="D19338" s="14" t="s">
        <v>60679</v>
      </c>
      <c r="E19338" s="2" t="s">
        <v>60680</v>
      </c>
      <c r="F19338" s="2" t="s">
        <v>60676</v>
      </c>
      <c r="G19338" s="8">
        <v>1583</v>
      </c>
      <c r="H19338" s="5">
        <v>10</v>
      </c>
      <c r="I19338" s="5" t="s">
        <v>69</v>
      </c>
      <c r="J19338" s="5" t="s">
        <v>55802</v>
      </c>
      <c r="K19338" s="2" t="s">
        <v>55803</v>
      </c>
      <c r="L19338" s="5" t="s">
        <v>55802</v>
      </c>
      <c r="M19338" s="2" t="s">
        <v>55803</v>
      </c>
      <c r="N19338" s="5" t="s">
        <v>733</v>
      </c>
      <c r="O19338" s="5" t="s">
        <v>38</v>
      </c>
      <c r="P19338" s="5" t="s">
        <v>39</v>
      </c>
      <c r="Q19338" s="5" t="s">
        <v>40</v>
      </c>
      <c r="R19338" s="5" t="s">
        <v>897</v>
      </c>
      <c r="S19338" s="5" t="s">
        <v>40</v>
      </c>
      <c r="T19338" s="5" t="s">
        <v>42</v>
      </c>
      <c r="U19338" s="2">
        <v>76.099999999999994</v>
      </c>
      <c r="V19338" s="2">
        <v>69.89</v>
      </c>
      <c r="W19338" s="2">
        <v>0.378</v>
      </c>
      <c r="X19338" s="2">
        <v>17</v>
      </c>
      <c r="Y19338" s="2">
        <v>144.69999999999999</v>
      </c>
      <c r="Z19338" s="2">
        <v>153.6</v>
      </c>
      <c r="AA19338" s="5">
        <v>7</v>
      </c>
      <c r="AB19338" s="5" t="s">
        <v>43</v>
      </c>
      <c r="AC19338" s="5" t="s">
        <v>735</v>
      </c>
      <c r="AD19338" s="2" t="s">
        <v>60681</v>
      </c>
      <c r="AE19338" s="1"/>
    </row>
    <row r="19339" spans="1:31" ht="14.45">
      <c r="A19339" s="11"/>
      <c r="B19339" s="20"/>
      <c r="C19339" s="2" t="s">
        <v>60682</v>
      </c>
      <c r="D19339" s="14" t="s">
        <v>60683</v>
      </c>
      <c r="E19339" s="2" t="s">
        <v>60684</v>
      </c>
      <c r="F19339" s="2" t="s">
        <v>60685</v>
      </c>
      <c r="G19339" s="8">
        <v>1694</v>
      </c>
      <c r="H19339" s="5">
        <v>10</v>
      </c>
      <c r="I19339" s="5" t="s">
        <v>69</v>
      </c>
      <c r="J19339" s="5" t="s">
        <v>55802</v>
      </c>
      <c r="K19339" s="2" t="s">
        <v>55803</v>
      </c>
      <c r="L19339" s="5" t="s">
        <v>55802</v>
      </c>
      <c r="M19339" s="2" t="s">
        <v>55803</v>
      </c>
      <c r="N19339" s="5" t="s">
        <v>733</v>
      </c>
      <c r="O19339" s="5" t="s">
        <v>38</v>
      </c>
      <c r="P19339" s="5" t="s">
        <v>39</v>
      </c>
      <c r="Q19339" s="5" t="s">
        <v>40</v>
      </c>
      <c r="R19339" s="5" t="s">
        <v>897</v>
      </c>
      <c r="S19339" s="5" t="s">
        <v>40</v>
      </c>
      <c r="T19339" s="5" t="s">
        <v>42</v>
      </c>
      <c r="U19339" s="2">
        <v>88.120999999999995</v>
      </c>
      <c r="V19339" s="2">
        <v>82.23</v>
      </c>
      <c r="W19339" s="2">
        <v>0.378</v>
      </c>
      <c r="X19339" s="2">
        <v>17</v>
      </c>
      <c r="Y19339" s="2">
        <v>144.69999999999999</v>
      </c>
      <c r="Z19339" s="2">
        <v>153.6</v>
      </c>
      <c r="AA19339" s="5">
        <v>7</v>
      </c>
      <c r="AB19339" s="5" t="s">
        <v>43</v>
      </c>
      <c r="AC19339" s="5" t="s">
        <v>735</v>
      </c>
      <c r="AD19339" s="2" t="s">
        <v>60686</v>
      </c>
      <c r="AE19339" s="1"/>
    </row>
    <row r="19340" spans="1:31" ht="14.45">
      <c r="A19340" s="11"/>
      <c r="B19340" s="20"/>
      <c r="C19340" s="2" t="s">
        <v>60687</v>
      </c>
      <c r="D19340" s="14" t="s">
        <v>60688</v>
      </c>
      <c r="E19340" s="2" t="s">
        <v>60689</v>
      </c>
      <c r="F19340" s="2" t="s">
        <v>60685</v>
      </c>
      <c r="G19340" s="8">
        <v>1994</v>
      </c>
      <c r="H19340" s="5">
        <v>10</v>
      </c>
      <c r="I19340" s="5" t="s">
        <v>69</v>
      </c>
      <c r="J19340" s="5" t="s">
        <v>55802</v>
      </c>
      <c r="K19340" s="2" t="s">
        <v>55803</v>
      </c>
      <c r="L19340" s="5" t="s">
        <v>55802</v>
      </c>
      <c r="M19340" s="2" t="s">
        <v>55803</v>
      </c>
      <c r="N19340" s="5" t="s">
        <v>733</v>
      </c>
      <c r="O19340" s="5" t="s">
        <v>38</v>
      </c>
      <c r="P19340" s="5" t="s">
        <v>39</v>
      </c>
      <c r="Q19340" s="5" t="s">
        <v>40</v>
      </c>
      <c r="R19340" s="5" t="s">
        <v>897</v>
      </c>
      <c r="S19340" s="5" t="s">
        <v>40</v>
      </c>
      <c r="T19340" s="5" t="s">
        <v>42</v>
      </c>
      <c r="U19340" s="2">
        <v>87.433000000000007</v>
      </c>
      <c r="V19340" s="2">
        <v>81.415999999999997</v>
      </c>
      <c r="W19340" s="2">
        <v>0.378</v>
      </c>
      <c r="X19340" s="2">
        <v>17</v>
      </c>
      <c r="Y19340" s="2">
        <v>144.69999999999999</v>
      </c>
      <c r="Z19340" s="2">
        <v>153.6</v>
      </c>
      <c r="AA19340" s="5">
        <v>7</v>
      </c>
      <c r="AB19340" s="5" t="s">
        <v>43</v>
      </c>
      <c r="AC19340" s="5" t="s">
        <v>735</v>
      </c>
      <c r="AD19340" s="2" t="s">
        <v>60690</v>
      </c>
      <c r="AE19340" s="1"/>
    </row>
    <row r="19341" spans="1:31" ht="14.45">
      <c r="A19341" s="11"/>
      <c r="B19341" s="20"/>
      <c r="C19341" s="2" t="s">
        <v>60691</v>
      </c>
      <c r="D19341" s="14" t="s">
        <v>60692</v>
      </c>
      <c r="E19341" s="2" t="s">
        <v>60693</v>
      </c>
      <c r="F19341" s="2" t="s">
        <v>60685</v>
      </c>
      <c r="G19341" s="8">
        <v>1994</v>
      </c>
      <c r="H19341" s="5">
        <v>5</v>
      </c>
      <c r="I19341" s="5" t="s">
        <v>69</v>
      </c>
      <c r="J19341" s="5" t="s">
        <v>55802</v>
      </c>
      <c r="K19341" s="2" t="s">
        <v>55803</v>
      </c>
      <c r="L19341" s="5" t="s">
        <v>55802</v>
      </c>
      <c r="M19341" s="2" t="s">
        <v>55803</v>
      </c>
      <c r="N19341" s="5" t="s">
        <v>733</v>
      </c>
      <c r="O19341" s="5" t="s">
        <v>38</v>
      </c>
      <c r="P19341" s="5" t="s">
        <v>39</v>
      </c>
      <c r="Q19341" s="5" t="s">
        <v>40</v>
      </c>
      <c r="R19341" s="5" t="s">
        <v>897</v>
      </c>
      <c r="S19341" s="5" t="s">
        <v>40</v>
      </c>
      <c r="T19341" s="5" t="s">
        <v>42</v>
      </c>
      <c r="U19341" s="2">
        <v>87.92</v>
      </c>
      <c r="V19341" s="2">
        <v>81.727000000000004</v>
      </c>
      <c r="W19341" s="2">
        <v>0.378</v>
      </c>
      <c r="X19341" s="2">
        <v>17</v>
      </c>
      <c r="Y19341" s="2">
        <v>144.69999999999999</v>
      </c>
      <c r="Z19341" s="2">
        <v>153.6</v>
      </c>
      <c r="AA19341" s="5">
        <v>7</v>
      </c>
      <c r="AB19341" s="5" t="s">
        <v>43</v>
      </c>
      <c r="AC19341" s="5" t="s">
        <v>735</v>
      </c>
      <c r="AD19341" s="2" t="s">
        <v>60694</v>
      </c>
      <c r="AE19341" s="1"/>
    </row>
    <row r="19342" spans="1:31" ht="14.45">
      <c r="A19342" s="11"/>
      <c r="B19342" s="20"/>
      <c r="C19342" s="2" t="s">
        <v>60695</v>
      </c>
      <c r="D19342" s="14" t="s">
        <v>60696</v>
      </c>
      <c r="E19342" s="2" t="s">
        <v>60697</v>
      </c>
      <c r="F19342" s="2" t="s">
        <v>60698</v>
      </c>
      <c r="G19342" s="8">
        <v>1863</v>
      </c>
      <c r="H19342" s="5">
        <v>10</v>
      </c>
      <c r="I19342" s="5" t="s">
        <v>69</v>
      </c>
      <c r="J19342" s="5" t="s">
        <v>55802</v>
      </c>
      <c r="K19342" s="2" t="s">
        <v>55803</v>
      </c>
      <c r="L19342" s="5" t="s">
        <v>55802</v>
      </c>
      <c r="M19342" s="2" t="s">
        <v>55803</v>
      </c>
      <c r="N19342" s="5" t="s">
        <v>733</v>
      </c>
      <c r="O19342" s="5" t="s">
        <v>38</v>
      </c>
      <c r="P19342" s="5" t="s">
        <v>39</v>
      </c>
      <c r="Q19342" s="5" t="s">
        <v>40</v>
      </c>
      <c r="R19342" s="5" t="s">
        <v>897</v>
      </c>
      <c r="S19342" s="5" t="s">
        <v>40</v>
      </c>
      <c r="T19342" s="5" t="s">
        <v>42</v>
      </c>
      <c r="U19342" s="2">
        <v>86.995999999999995</v>
      </c>
      <c r="V19342" s="2">
        <v>81.105000000000004</v>
      </c>
      <c r="W19342" s="2">
        <v>0.378</v>
      </c>
      <c r="X19342" s="2">
        <v>17</v>
      </c>
      <c r="Y19342" s="2">
        <v>144.69999999999999</v>
      </c>
      <c r="Z19342" s="2">
        <v>153.6</v>
      </c>
      <c r="AA19342" s="5">
        <v>7</v>
      </c>
      <c r="AB19342" s="5" t="s">
        <v>43</v>
      </c>
      <c r="AC19342" s="5" t="s">
        <v>735</v>
      </c>
      <c r="AD19342" s="2" t="s">
        <v>60699</v>
      </c>
      <c r="AE19342" s="1"/>
    </row>
    <row r="19343" spans="1:31" ht="14.45">
      <c r="A19343" s="11"/>
      <c r="B19343" s="20"/>
      <c r="C19343" s="2" t="s">
        <v>60700</v>
      </c>
      <c r="D19343" s="14" t="s">
        <v>60701</v>
      </c>
      <c r="E19343" s="2" t="s">
        <v>60702</v>
      </c>
      <c r="F19343" s="2" t="s">
        <v>60703</v>
      </c>
      <c r="G19343" s="8">
        <v>2163</v>
      </c>
      <c r="H19343" s="5">
        <v>10</v>
      </c>
      <c r="I19343" s="5" t="s">
        <v>69</v>
      </c>
      <c r="J19343" s="5" t="s">
        <v>55802</v>
      </c>
      <c r="K19343" s="2" t="s">
        <v>55803</v>
      </c>
      <c r="L19343" s="5" t="s">
        <v>55802</v>
      </c>
      <c r="M19343" s="2" t="s">
        <v>55803</v>
      </c>
      <c r="N19343" s="5" t="s">
        <v>733</v>
      </c>
      <c r="O19343" s="5" t="s">
        <v>38</v>
      </c>
      <c r="P19343" s="5" t="s">
        <v>39</v>
      </c>
      <c r="Q19343" s="5" t="s">
        <v>40</v>
      </c>
      <c r="R19343" s="5" t="s">
        <v>897</v>
      </c>
      <c r="S19343" s="5" t="s">
        <v>40</v>
      </c>
      <c r="T19343" s="5" t="s">
        <v>42</v>
      </c>
      <c r="U19343" s="2">
        <v>86.308000000000007</v>
      </c>
      <c r="V19343" s="2">
        <v>80.290999999999997</v>
      </c>
      <c r="W19343" s="2">
        <v>0.378</v>
      </c>
      <c r="X19343" s="2">
        <v>17</v>
      </c>
      <c r="Y19343" s="2">
        <v>144.69999999999999</v>
      </c>
      <c r="Z19343" s="2">
        <v>153.6</v>
      </c>
      <c r="AA19343" s="5">
        <v>7</v>
      </c>
      <c r="AB19343" s="5" t="s">
        <v>43</v>
      </c>
      <c r="AC19343" s="5" t="s">
        <v>735</v>
      </c>
      <c r="AD19343" s="2" t="s">
        <v>60704</v>
      </c>
      <c r="AE19343" s="1"/>
    </row>
    <row r="19344" spans="1:31" ht="14.45">
      <c r="A19344" s="11"/>
      <c r="B19344" s="20"/>
      <c r="C19344" s="2" t="s">
        <v>60705</v>
      </c>
      <c r="D19344" s="14" t="s">
        <v>60706</v>
      </c>
      <c r="E19344" s="2" t="s">
        <v>60707</v>
      </c>
      <c r="F19344" s="2" t="s">
        <v>60703</v>
      </c>
      <c r="G19344" s="8">
        <v>2163</v>
      </c>
      <c r="H19344" s="5">
        <v>10</v>
      </c>
      <c r="I19344" s="5" t="s">
        <v>69</v>
      </c>
      <c r="J19344" s="5" t="s">
        <v>55802</v>
      </c>
      <c r="K19344" s="2" t="s">
        <v>55803</v>
      </c>
      <c r="L19344" s="5" t="s">
        <v>55802</v>
      </c>
      <c r="M19344" s="2" t="s">
        <v>55803</v>
      </c>
      <c r="N19344" s="5" t="s">
        <v>733</v>
      </c>
      <c r="O19344" s="5" t="s">
        <v>38</v>
      </c>
      <c r="P19344" s="5" t="s">
        <v>39</v>
      </c>
      <c r="Q19344" s="5" t="s">
        <v>40</v>
      </c>
      <c r="R19344" s="5" t="s">
        <v>897</v>
      </c>
      <c r="S19344" s="5" t="s">
        <v>40</v>
      </c>
      <c r="T19344" s="5" t="s">
        <v>42</v>
      </c>
      <c r="U19344" s="2">
        <v>86.793999999999997</v>
      </c>
      <c r="V19344" s="2">
        <v>80.600999999999999</v>
      </c>
      <c r="W19344" s="2">
        <v>0.378</v>
      </c>
      <c r="X19344" s="2">
        <v>17</v>
      </c>
      <c r="Y19344" s="2">
        <v>144.69999999999999</v>
      </c>
      <c r="Z19344" s="2">
        <v>153.6</v>
      </c>
      <c r="AA19344" s="5">
        <v>7</v>
      </c>
      <c r="AB19344" s="5" t="s">
        <v>43</v>
      </c>
      <c r="AC19344" s="5" t="s">
        <v>735</v>
      </c>
      <c r="AD19344" s="2" t="s">
        <v>60708</v>
      </c>
      <c r="AE19344" s="1"/>
    </row>
    <row r="19345" spans="1:31" ht="14.45">
      <c r="A19345" s="11"/>
      <c r="B19345" s="20"/>
      <c r="C19345" s="2" t="s">
        <v>60709</v>
      </c>
      <c r="D19345" s="14" t="s">
        <v>60710</v>
      </c>
      <c r="E19345" s="2" t="s">
        <v>60711</v>
      </c>
      <c r="F19345" s="2" t="s">
        <v>60712</v>
      </c>
      <c r="G19345" s="8">
        <v>1583</v>
      </c>
      <c r="H19345" s="5">
        <v>10</v>
      </c>
      <c r="I19345" s="5" t="s">
        <v>69</v>
      </c>
      <c r="J19345" s="5" t="s">
        <v>55802</v>
      </c>
      <c r="K19345" s="2" t="s">
        <v>55803</v>
      </c>
      <c r="L19345" s="5" t="s">
        <v>55802</v>
      </c>
      <c r="M19345" s="2" t="s">
        <v>55803</v>
      </c>
      <c r="N19345" s="5" t="s">
        <v>733</v>
      </c>
      <c r="O19345" s="5" t="s">
        <v>38</v>
      </c>
      <c r="P19345" s="5" t="s">
        <v>39</v>
      </c>
      <c r="Q19345" s="5" t="s">
        <v>40</v>
      </c>
      <c r="R19345" s="5" t="s">
        <v>897</v>
      </c>
      <c r="S19345" s="5" t="s">
        <v>40</v>
      </c>
      <c r="T19345" s="5" t="s">
        <v>42</v>
      </c>
      <c r="U19345" s="2">
        <v>74.903000000000006</v>
      </c>
      <c r="V19345" s="2">
        <v>68.692999999999998</v>
      </c>
      <c r="W19345" s="2">
        <v>0.378</v>
      </c>
      <c r="X19345" s="2">
        <v>17</v>
      </c>
      <c r="Y19345" s="2">
        <v>144.69999999999999</v>
      </c>
      <c r="Z19345" s="2">
        <v>153.6</v>
      </c>
      <c r="AA19345" s="5">
        <v>7</v>
      </c>
      <c r="AB19345" s="5" t="s">
        <v>43</v>
      </c>
      <c r="AC19345" s="5" t="s">
        <v>735</v>
      </c>
      <c r="AD19345" s="2" t="s">
        <v>60713</v>
      </c>
      <c r="AE19345" s="1"/>
    </row>
    <row r="19346" spans="1:31" ht="14.45">
      <c r="A19346" s="11"/>
      <c r="B19346" s="20"/>
      <c r="C19346" s="2" t="s">
        <v>60714</v>
      </c>
      <c r="D19346" s="14" t="s">
        <v>60715</v>
      </c>
      <c r="E19346" s="2" t="s">
        <v>60716</v>
      </c>
      <c r="F19346" s="2" t="s">
        <v>60717</v>
      </c>
      <c r="G19346" s="8">
        <v>1694</v>
      </c>
      <c r="H19346" s="5">
        <v>10</v>
      </c>
      <c r="I19346" s="5" t="s">
        <v>69</v>
      </c>
      <c r="J19346" s="5" t="s">
        <v>55802</v>
      </c>
      <c r="K19346" s="2" t="s">
        <v>55803</v>
      </c>
      <c r="L19346" s="5" t="s">
        <v>55802</v>
      </c>
      <c r="M19346" s="2" t="s">
        <v>55803</v>
      </c>
      <c r="N19346" s="5" t="s">
        <v>733</v>
      </c>
      <c r="O19346" s="5" t="s">
        <v>38</v>
      </c>
      <c r="P19346" s="5" t="s">
        <v>39</v>
      </c>
      <c r="Q19346" s="5" t="s">
        <v>40</v>
      </c>
      <c r="R19346" s="5" t="s">
        <v>897</v>
      </c>
      <c r="S19346" s="5" t="s">
        <v>40</v>
      </c>
      <c r="T19346" s="5" t="s">
        <v>42</v>
      </c>
      <c r="U19346" s="2">
        <v>86.921000000000006</v>
      </c>
      <c r="V19346" s="2">
        <v>81.03</v>
      </c>
      <c r="W19346" s="2">
        <v>0.378</v>
      </c>
      <c r="X19346" s="2">
        <v>17</v>
      </c>
      <c r="Y19346" s="2">
        <v>144.69999999999999</v>
      </c>
      <c r="Z19346" s="2">
        <v>153.6</v>
      </c>
      <c r="AA19346" s="5">
        <v>7</v>
      </c>
      <c r="AB19346" s="5" t="s">
        <v>43</v>
      </c>
      <c r="AC19346" s="5" t="s">
        <v>735</v>
      </c>
      <c r="AD19346" s="2" t="s">
        <v>60718</v>
      </c>
      <c r="AE19346" s="1"/>
    </row>
    <row r="19347" spans="1:31" ht="14.45">
      <c r="A19347" s="11"/>
      <c r="B19347" s="20"/>
      <c r="C19347" s="2" t="s">
        <v>60719</v>
      </c>
      <c r="D19347" s="14" t="s">
        <v>60720</v>
      </c>
      <c r="E19347" s="2" t="s">
        <v>60721</v>
      </c>
      <c r="F19347" s="2" t="s">
        <v>60717</v>
      </c>
      <c r="G19347" s="8">
        <v>1994</v>
      </c>
      <c r="H19347" s="5">
        <v>5</v>
      </c>
      <c r="I19347" s="5" t="s">
        <v>69</v>
      </c>
      <c r="J19347" s="5" t="s">
        <v>55802</v>
      </c>
      <c r="K19347" s="2" t="s">
        <v>55803</v>
      </c>
      <c r="L19347" s="5" t="s">
        <v>55802</v>
      </c>
      <c r="M19347" s="2" t="s">
        <v>55803</v>
      </c>
      <c r="N19347" s="5" t="s">
        <v>733</v>
      </c>
      <c r="O19347" s="5" t="s">
        <v>38</v>
      </c>
      <c r="P19347" s="5" t="s">
        <v>39</v>
      </c>
      <c r="Q19347" s="5" t="s">
        <v>40</v>
      </c>
      <c r="R19347" s="5" t="s">
        <v>897</v>
      </c>
      <c r="S19347" s="5" t="s">
        <v>40</v>
      </c>
      <c r="T19347" s="5" t="s">
        <v>42</v>
      </c>
      <c r="U19347" s="2">
        <v>86.718999999999994</v>
      </c>
      <c r="V19347" s="2">
        <v>80.525999999999996</v>
      </c>
      <c r="W19347" s="2">
        <v>0.378</v>
      </c>
      <c r="X19347" s="2">
        <v>17</v>
      </c>
      <c r="Y19347" s="2">
        <v>144.69999999999999</v>
      </c>
      <c r="Z19347" s="2">
        <v>153.6</v>
      </c>
      <c r="AA19347" s="5">
        <v>7</v>
      </c>
      <c r="AB19347" s="5" t="s">
        <v>43</v>
      </c>
      <c r="AC19347" s="5" t="s">
        <v>735</v>
      </c>
      <c r="AD19347" s="2" t="s">
        <v>60722</v>
      </c>
      <c r="AE19347" s="1"/>
    </row>
    <row r="19348" spans="1:31" ht="14.45">
      <c r="A19348" s="11"/>
      <c r="B19348" s="20"/>
      <c r="C19348" s="2" t="s">
        <v>60723</v>
      </c>
      <c r="D19348" s="14" t="s">
        <v>60724</v>
      </c>
      <c r="E19348" s="2" t="s">
        <v>60725</v>
      </c>
      <c r="F19348" s="2" t="s">
        <v>60726</v>
      </c>
      <c r="G19348" s="8">
        <v>1395</v>
      </c>
      <c r="H19348" s="5">
        <v>5</v>
      </c>
      <c r="I19348" s="5" t="s">
        <v>69</v>
      </c>
      <c r="J19348" s="5" t="s">
        <v>55802</v>
      </c>
      <c r="K19348" s="2" t="s">
        <v>55803</v>
      </c>
      <c r="L19348" s="5" t="s">
        <v>55802</v>
      </c>
      <c r="M19348" s="2" t="s">
        <v>55803</v>
      </c>
      <c r="N19348" s="5" t="s">
        <v>733</v>
      </c>
      <c r="O19348" s="5" t="s">
        <v>38</v>
      </c>
      <c r="P19348" s="5" t="s">
        <v>39</v>
      </c>
      <c r="Q19348" s="5" t="s">
        <v>40</v>
      </c>
      <c r="R19348" s="5" t="s">
        <v>897</v>
      </c>
      <c r="S19348" s="5" t="s">
        <v>40</v>
      </c>
      <c r="T19348" s="5" t="s">
        <v>42</v>
      </c>
      <c r="U19348" s="2">
        <v>81.350999999999999</v>
      </c>
      <c r="V19348" s="2">
        <v>75.78</v>
      </c>
      <c r="W19348" s="2">
        <v>0.36699999999999999</v>
      </c>
      <c r="X19348" s="2">
        <v>17</v>
      </c>
      <c r="Y19348" s="2">
        <v>140.69999999999999</v>
      </c>
      <c r="Z19348" s="2">
        <v>153.6</v>
      </c>
      <c r="AA19348" s="5">
        <v>7</v>
      </c>
      <c r="AB19348" s="5" t="s">
        <v>43</v>
      </c>
      <c r="AC19348" s="5" t="s">
        <v>735</v>
      </c>
      <c r="AD19348" s="2" t="s">
        <v>60727</v>
      </c>
      <c r="AE19348" s="1"/>
    </row>
    <row r="19349" spans="1:31" ht="14.45">
      <c r="A19349" s="11"/>
      <c r="B19349" s="20"/>
      <c r="C19349" s="2" t="s">
        <v>60728</v>
      </c>
      <c r="D19349" s="14" t="s">
        <v>60729</v>
      </c>
      <c r="E19349" s="2" t="s">
        <v>60730</v>
      </c>
      <c r="F19349" s="2" t="s">
        <v>60731</v>
      </c>
      <c r="G19349" s="8">
        <v>1695</v>
      </c>
      <c r="H19349" s="5">
        <v>10</v>
      </c>
      <c r="I19349" s="5" t="s">
        <v>69</v>
      </c>
      <c r="J19349" s="5" t="s">
        <v>55802</v>
      </c>
      <c r="K19349" s="2" t="s">
        <v>55803</v>
      </c>
      <c r="L19349" s="5" t="s">
        <v>55802</v>
      </c>
      <c r="M19349" s="2" t="s">
        <v>55803</v>
      </c>
      <c r="N19349" s="5" t="s">
        <v>733</v>
      </c>
      <c r="O19349" s="5" t="s">
        <v>38</v>
      </c>
      <c r="P19349" s="5" t="s">
        <v>39</v>
      </c>
      <c r="Q19349" s="5" t="s">
        <v>40</v>
      </c>
      <c r="R19349" s="5" t="s">
        <v>897</v>
      </c>
      <c r="S19349" s="5" t="s">
        <v>40</v>
      </c>
      <c r="T19349" s="5" t="s">
        <v>42</v>
      </c>
      <c r="U19349" s="2">
        <v>83.08</v>
      </c>
      <c r="V19349" s="2">
        <v>77.063000000000002</v>
      </c>
      <c r="W19349" s="2">
        <v>0.378</v>
      </c>
      <c r="X19349" s="2">
        <v>17</v>
      </c>
      <c r="Y19349" s="2">
        <v>144.69999999999999</v>
      </c>
      <c r="Z19349" s="2">
        <v>153.6</v>
      </c>
      <c r="AA19349" s="5">
        <v>7</v>
      </c>
      <c r="AB19349" s="5" t="s">
        <v>43</v>
      </c>
      <c r="AC19349" s="5" t="s">
        <v>735</v>
      </c>
      <c r="AD19349" s="2" t="s">
        <v>60732</v>
      </c>
      <c r="AE19349" s="1"/>
    </row>
    <row r="19350" spans="1:31" ht="14.45">
      <c r="A19350" s="11"/>
      <c r="B19350" s="20"/>
      <c r="C19350" s="2" t="s">
        <v>60733</v>
      </c>
      <c r="D19350" s="14" t="s">
        <v>60734</v>
      </c>
      <c r="E19350" s="2" t="s">
        <v>60735</v>
      </c>
      <c r="F19350" s="2" t="s">
        <v>60731</v>
      </c>
      <c r="G19350" s="8">
        <v>1695</v>
      </c>
      <c r="H19350" s="5">
        <v>10</v>
      </c>
      <c r="I19350" s="5" t="s">
        <v>69</v>
      </c>
      <c r="J19350" s="5" t="s">
        <v>55802</v>
      </c>
      <c r="K19350" s="2" t="s">
        <v>55803</v>
      </c>
      <c r="L19350" s="5" t="s">
        <v>55802</v>
      </c>
      <c r="M19350" s="2" t="s">
        <v>55803</v>
      </c>
      <c r="N19350" s="5" t="s">
        <v>733</v>
      </c>
      <c r="O19350" s="5" t="s">
        <v>38</v>
      </c>
      <c r="P19350" s="5" t="s">
        <v>39</v>
      </c>
      <c r="Q19350" s="5" t="s">
        <v>40</v>
      </c>
      <c r="R19350" s="5" t="s">
        <v>897</v>
      </c>
      <c r="S19350" s="5" t="s">
        <v>40</v>
      </c>
      <c r="T19350" s="5" t="s">
        <v>42</v>
      </c>
      <c r="U19350" s="2">
        <v>83.534000000000006</v>
      </c>
      <c r="V19350" s="2">
        <v>77.340999999999994</v>
      </c>
      <c r="W19350" s="2">
        <v>0.378</v>
      </c>
      <c r="X19350" s="2">
        <v>17</v>
      </c>
      <c r="Y19350" s="2">
        <v>144.69999999999999</v>
      </c>
      <c r="Z19350" s="2">
        <v>153.6</v>
      </c>
      <c r="AA19350" s="5">
        <v>7</v>
      </c>
      <c r="AB19350" s="5" t="s">
        <v>43</v>
      </c>
      <c r="AC19350" s="5" t="s">
        <v>735</v>
      </c>
      <c r="AD19350" s="2" t="s">
        <v>60736</v>
      </c>
      <c r="AE19350" s="1"/>
    </row>
    <row r="19351" spans="1:31" ht="14.45">
      <c r="A19351" s="11"/>
      <c r="B19351" s="20"/>
      <c r="C19351" s="2" t="s">
        <v>60737</v>
      </c>
      <c r="D19351" s="14" t="s">
        <v>60738</v>
      </c>
      <c r="E19351" s="2" t="s">
        <v>60739</v>
      </c>
      <c r="F19351" s="2" t="s">
        <v>60731</v>
      </c>
      <c r="G19351" s="8">
        <v>1942</v>
      </c>
      <c r="H19351" s="5">
        <v>10</v>
      </c>
      <c r="I19351" s="5" t="s">
        <v>69</v>
      </c>
      <c r="J19351" s="5" t="s">
        <v>55802</v>
      </c>
      <c r="K19351" s="2" t="s">
        <v>55803</v>
      </c>
      <c r="L19351" s="5" t="s">
        <v>55802</v>
      </c>
      <c r="M19351" s="2" t="s">
        <v>55803</v>
      </c>
      <c r="N19351" s="5" t="s">
        <v>733</v>
      </c>
      <c r="O19351" s="5" t="s">
        <v>38</v>
      </c>
      <c r="P19351" s="5" t="s">
        <v>39</v>
      </c>
      <c r="Q19351" s="5" t="s">
        <v>40</v>
      </c>
      <c r="R19351" s="5" t="s">
        <v>897</v>
      </c>
      <c r="S19351" s="5" t="s">
        <v>40</v>
      </c>
      <c r="T19351" s="5" t="s">
        <v>42</v>
      </c>
      <c r="U19351" s="2">
        <v>83.364000000000004</v>
      </c>
      <c r="V19351" s="2">
        <v>77.423000000000002</v>
      </c>
      <c r="W19351" s="2">
        <v>0.378</v>
      </c>
      <c r="X19351" s="2">
        <v>17</v>
      </c>
      <c r="Y19351" s="2">
        <v>144.69999999999999</v>
      </c>
      <c r="Z19351" s="2">
        <v>153.6</v>
      </c>
      <c r="AA19351" s="5">
        <v>7</v>
      </c>
      <c r="AB19351" s="5" t="s">
        <v>43</v>
      </c>
      <c r="AC19351" s="5" t="s">
        <v>735</v>
      </c>
      <c r="AD19351" s="2" t="s">
        <v>60740</v>
      </c>
      <c r="AE19351" s="1"/>
    </row>
    <row r="19352" spans="1:31" ht="14.45">
      <c r="A19352" s="11"/>
      <c r="B19352" s="20"/>
      <c r="C19352" s="2" t="s">
        <v>60741</v>
      </c>
      <c r="D19352" s="14" t="s">
        <v>60742</v>
      </c>
      <c r="E19352" s="2" t="s">
        <v>60743</v>
      </c>
      <c r="F19352" s="2" t="s">
        <v>60744</v>
      </c>
      <c r="G19352" s="8">
        <v>1662</v>
      </c>
      <c r="H19352" s="5">
        <v>10</v>
      </c>
      <c r="I19352" s="5" t="s">
        <v>69</v>
      </c>
      <c r="J19352" s="5" t="s">
        <v>55802</v>
      </c>
      <c r="K19352" s="2" t="s">
        <v>55803</v>
      </c>
      <c r="L19352" s="5" t="s">
        <v>55802</v>
      </c>
      <c r="M19352" s="2" t="s">
        <v>55803</v>
      </c>
      <c r="N19352" s="5" t="s">
        <v>733</v>
      </c>
      <c r="O19352" s="5" t="s">
        <v>38</v>
      </c>
      <c r="P19352" s="5" t="s">
        <v>39</v>
      </c>
      <c r="Q19352" s="5" t="s">
        <v>40</v>
      </c>
      <c r="R19352" s="5" t="s">
        <v>897</v>
      </c>
      <c r="S19352" s="5" t="s">
        <v>40</v>
      </c>
      <c r="T19352" s="5" t="s">
        <v>42</v>
      </c>
      <c r="U19352" s="2">
        <v>80.872</v>
      </c>
      <c r="V19352" s="2">
        <v>75.013000000000005</v>
      </c>
      <c r="W19352" s="2">
        <v>0.378</v>
      </c>
      <c r="X19352" s="2">
        <v>17</v>
      </c>
      <c r="Y19352" s="2">
        <v>144.69999999999999</v>
      </c>
      <c r="Z19352" s="2">
        <v>153.6</v>
      </c>
      <c r="AA19352" s="5">
        <v>7</v>
      </c>
      <c r="AB19352" s="5" t="s">
        <v>43</v>
      </c>
      <c r="AC19352" s="5" t="s">
        <v>735</v>
      </c>
      <c r="AD19352" s="2" t="s">
        <v>60745</v>
      </c>
      <c r="AE19352" s="1"/>
    </row>
    <row r="19353" spans="1:31" ht="14.45">
      <c r="A19353" s="11"/>
      <c r="B19353" s="20"/>
      <c r="C19353" s="2" t="s">
        <v>60746</v>
      </c>
      <c r="D19353" s="14" t="s">
        <v>60747</v>
      </c>
      <c r="E19353" s="2" t="s">
        <v>60748</v>
      </c>
      <c r="F19353" s="2" t="s">
        <v>60744</v>
      </c>
      <c r="G19353" s="8">
        <v>1962</v>
      </c>
      <c r="H19353" s="5">
        <v>10</v>
      </c>
      <c r="I19353" s="5" t="s">
        <v>69</v>
      </c>
      <c r="J19353" s="5" t="s">
        <v>55802</v>
      </c>
      <c r="K19353" s="2" t="s">
        <v>55803</v>
      </c>
      <c r="L19353" s="5" t="s">
        <v>55802</v>
      </c>
      <c r="M19353" s="2" t="s">
        <v>55803</v>
      </c>
      <c r="N19353" s="5" t="s">
        <v>733</v>
      </c>
      <c r="O19353" s="5" t="s">
        <v>38</v>
      </c>
      <c r="P19353" s="5" t="s">
        <v>39</v>
      </c>
      <c r="Q19353" s="5" t="s">
        <v>40</v>
      </c>
      <c r="R19353" s="5" t="s">
        <v>897</v>
      </c>
      <c r="S19353" s="5" t="s">
        <v>40</v>
      </c>
      <c r="T19353" s="5" t="s">
        <v>42</v>
      </c>
      <c r="U19353" s="2">
        <v>82.816000000000003</v>
      </c>
      <c r="V19353" s="2">
        <v>76.799000000000007</v>
      </c>
      <c r="W19353" s="2">
        <v>0.378</v>
      </c>
      <c r="X19353" s="2">
        <v>17</v>
      </c>
      <c r="Y19353" s="2">
        <v>144.69999999999999</v>
      </c>
      <c r="Z19353" s="2">
        <v>153.6</v>
      </c>
      <c r="AA19353" s="5">
        <v>7</v>
      </c>
      <c r="AB19353" s="5" t="s">
        <v>43</v>
      </c>
      <c r="AC19353" s="5" t="s">
        <v>735</v>
      </c>
      <c r="AD19353" s="2" t="s">
        <v>60749</v>
      </c>
      <c r="AE19353" s="1"/>
    </row>
    <row r="19354" spans="1:31" ht="14.45">
      <c r="A19354" s="11"/>
      <c r="B19354" s="20"/>
      <c r="C19354" s="2" t="s">
        <v>60750</v>
      </c>
      <c r="D19354" s="14" t="s">
        <v>60751</v>
      </c>
      <c r="E19354" s="2" t="s">
        <v>60752</v>
      </c>
      <c r="F19354" s="2" t="s">
        <v>60744</v>
      </c>
      <c r="G19354" s="8">
        <v>1962</v>
      </c>
      <c r="H19354" s="5">
        <v>10</v>
      </c>
      <c r="I19354" s="5" t="s">
        <v>69</v>
      </c>
      <c r="J19354" s="5" t="s">
        <v>55802</v>
      </c>
      <c r="K19354" s="2" t="s">
        <v>55803</v>
      </c>
      <c r="L19354" s="5" t="s">
        <v>55802</v>
      </c>
      <c r="M19354" s="2" t="s">
        <v>55803</v>
      </c>
      <c r="N19354" s="5" t="s">
        <v>733</v>
      </c>
      <c r="O19354" s="5" t="s">
        <v>38</v>
      </c>
      <c r="P19354" s="5" t="s">
        <v>39</v>
      </c>
      <c r="Q19354" s="5" t="s">
        <v>40</v>
      </c>
      <c r="R19354" s="5" t="s">
        <v>897</v>
      </c>
      <c r="S19354" s="5" t="s">
        <v>40</v>
      </c>
      <c r="T19354" s="5" t="s">
        <v>42</v>
      </c>
      <c r="U19354" s="2">
        <v>83.29</v>
      </c>
      <c r="V19354" s="2">
        <v>77.096999999999994</v>
      </c>
      <c r="W19354" s="2">
        <v>0.378</v>
      </c>
      <c r="X19354" s="2">
        <v>17</v>
      </c>
      <c r="Y19354" s="2">
        <v>144.69999999999999</v>
      </c>
      <c r="Z19354" s="2">
        <v>153.6</v>
      </c>
      <c r="AA19354" s="5">
        <v>7</v>
      </c>
      <c r="AB19354" s="5" t="s">
        <v>43</v>
      </c>
      <c r="AC19354" s="5" t="s">
        <v>735</v>
      </c>
      <c r="AD19354" s="2" t="s">
        <v>60753</v>
      </c>
      <c r="AE19354" s="1"/>
    </row>
    <row r="19355" spans="1:31" ht="14.45">
      <c r="A19355" s="11"/>
      <c r="B19355" s="20"/>
      <c r="C19355" s="2" t="s">
        <v>60754</v>
      </c>
      <c r="D19355" s="14" t="s">
        <v>60755</v>
      </c>
      <c r="E19355" s="2" t="s">
        <v>60756</v>
      </c>
      <c r="F19355" s="2" t="s">
        <v>60757</v>
      </c>
      <c r="G19355" s="8">
        <v>1138</v>
      </c>
      <c r="H19355" s="5">
        <v>10</v>
      </c>
      <c r="I19355" s="5" t="s">
        <v>69</v>
      </c>
      <c r="J19355" s="5" t="s">
        <v>55802</v>
      </c>
      <c r="K19355" s="2" t="s">
        <v>55803</v>
      </c>
      <c r="L19355" s="5" t="s">
        <v>55802</v>
      </c>
      <c r="M19355" s="2" t="s">
        <v>55803</v>
      </c>
      <c r="N19355" s="5" t="s">
        <v>733</v>
      </c>
      <c r="O19355" s="5" t="s">
        <v>38</v>
      </c>
      <c r="P19355" s="5" t="s">
        <v>39</v>
      </c>
      <c r="Q19355" s="5" t="s">
        <v>40</v>
      </c>
      <c r="R19355" s="5" t="s">
        <v>897</v>
      </c>
      <c r="S19355" s="5" t="s">
        <v>40</v>
      </c>
      <c r="T19355" s="5" t="s">
        <v>42</v>
      </c>
      <c r="U19355" s="2">
        <v>81.248000000000005</v>
      </c>
      <c r="V19355" s="2">
        <v>75.388999999999996</v>
      </c>
      <c r="W19355" s="2">
        <v>0.378</v>
      </c>
      <c r="X19355" s="2">
        <v>17</v>
      </c>
      <c r="Y19355" s="2">
        <v>144.69999999999999</v>
      </c>
      <c r="Z19355" s="2">
        <v>153.6</v>
      </c>
      <c r="AA19355" s="5">
        <v>7</v>
      </c>
      <c r="AB19355" s="5" t="s">
        <v>43</v>
      </c>
      <c r="AC19355" s="5" t="s">
        <v>735</v>
      </c>
      <c r="AD19355" s="2" t="s">
        <v>60758</v>
      </c>
      <c r="AE19355" s="1"/>
    </row>
    <row r="19356" spans="1:31" ht="14.45">
      <c r="A19356" s="11"/>
      <c r="B19356" s="20"/>
      <c r="C19356" s="2" t="s">
        <v>60759</v>
      </c>
      <c r="D19356" s="14" t="s">
        <v>60760</v>
      </c>
      <c r="E19356" s="2" t="s">
        <v>60761</v>
      </c>
      <c r="F19356" s="2" t="s">
        <v>60757</v>
      </c>
      <c r="G19356" s="8">
        <v>1438</v>
      </c>
      <c r="H19356" s="5">
        <v>10</v>
      </c>
      <c r="I19356" s="5" t="s">
        <v>69</v>
      </c>
      <c r="J19356" s="5" t="s">
        <v>55802</v>
      </c>
      <c r="K19356" s="2" t="s">
        <v>55803</v>
      </c>
      <c r="L19356" s="5" t="s">
        <v>55802</v>
      </c>
      <c r="M19356" s="2" t="s">
        <v>55803</v>
      </c>
      <c r="N19356" s="5" t="s">
        <v>733</v>
      </c>
      <c r="O19356" s="5" t="s">
        <v>38</v>
      </c>
      <c r="P19356" s="5" t="s">
        <v>39</v>
      </c>
      <c r="Q19356" s="5" t="s">
        <v>40</v>
      </c>
      <c r="R19356" s="5" t="s">
        <v>897</v>
      </c>
      <c r="S19356" s="5" t="s">
        <v>40</v>
      </c>
      <c r="T19356" s="5" t="s">
        <v>42</v>
      </c>
      <c r="U19356" s="2">
        <v>83.191999999999993</v>
      </c>
      <c r="V19356" s="2">
        <v>77.174999999999997</v>
      </c>
      <c r="W19356" s="2">
        <v>0.378</v>
      </c>
      <c r="X19356" s="2">
        <v>17</v>
      </c>
      <c r="Y19356" s="2">
        <v>144.69999999999999</v>
      </c>
      <c r="Z19356" s="2">
        <v>153.6</v>
      </c>
      <c r="AA19356" s="5">
        <v>7</v>
      </c>
      <c r="AB19356" s="5" t="s">
        <v>43</v>
      </c>
      <c r="AC19356" s="5" t="s">
        <v>735</v>
      </c>
      <c r="AD19356" s="2" t="s">
        <v>60762</v>
      </c>
      <c r="AE19356" s="1"/>
    </row>
    <row r="19357" spans="1:31" ht="14.45">
      <c r="A19357" s="11"/>
      <c r="B19357" s="20"/>
      <c r="C19357" s="2" t="s">
        <v>60763</v>
      </c>
      <c r="D19357" s="14" t="s">
        <v>60764</v>
      </c>
      <c r="E19357" s="2" t="s">
        <v>60765</v>
      </c>
      <c r="F19357" s="2" t="s">
        <v>60757</v>
      </c>
      <c r="G19357" s="8">
        <v>1438</v>
      </c>
      <c r="H19357" s="5">
        <v>10</v>
      </c>
      <c r="I19357" s="5" t="s">
        <v>69</v>
      </c>
      <c r="J19357" s="5" t="s">
        <v>55802</v>
      </c>
      <c r="K19357" s="2" t="s">
        <v>55803</v>
      </c>
      <c r="L19357" s="5" t="s">
        <v>55802</v>
      </c>
      <c r="M19357" s="2" t="s">
        <v>55803</v>
      </c>
      <c r="N19357" s="5" t="s">
        <v>733</v>
      </c>
      <c r="O19357" s="5" t="s">
        <v>38</v>
      </c>
      <c r="P19357" s="5" t="s">
        <v>39</v>
      </c>
      <c r="Q19357" s="5" t="s">
        <v>40</v>
      </c>
      <c r="R19357" s="5" t="s">
        <v>897</v>
      </c>
      <c r="S19357" s="5" t="s">
        <v>40</v>
      </c>
      <c r="T19357" s="5" t="s">
        <v>42</v>
      </c>
      <c r="U19357" s="2">
        <v>83.646000000000001</v>
      </c>
      <c r="V19357" s="2">
        <v>77.453000000000003</v>
      </c>
      <c r="W19357" s="2">
        <v>0.378</v>
      </c>
      <c r="X19357" s="2">
        <v>17</v>
      </c>
      <c r="Y19357" s="2">
        <v>144.69999999999999</v>
      </c>
      <c r="Z19357" s="2">
        <v>153.6</v>
      </c>
      <c r="AA19357" s="5">
        <v>7</v>
      </c>
      <c r="AB19357" s="5" t="s">
        <v>43</v>
      </c>
      <c r="AC19357" s="5" t="s">
        <v>735</v>
      </c>
      <c r="AD19357" s="2" t="s">
        <v>60766</v>
      </c>
      <c r="AE19357" s="1"/>
    </row>
    <row r="19358" spans="1:31" ht="14.45">
      <c r="A19358" s="11"/>
      <c r="B19358" s="20"/>
      <c r="C19358" s="2" t="s">
        <v>60767</v>
      </c>
      <c r="D19358" s="14" t="s">
        <v>60768</v>
      </c>
      <c r="E19358" s="2" t="s">
        <v>60769</v>
      </c>
      <c r="F19358" s="2" t="s">
        <v>60770</v>
      </c>
      <c r="G19358" s="8">
        <v>815</v>
      </c>
      <c r="H19358" s="5">
        <v>5</v>
      </c>
      <c r="I19358" s="5" t="s">
        <v>69</v>
      </c>
      <c r="J19358" s="5" t="s">
        <v>55802</v>
      </c>
      <c r="K19358" s="2" t="s">
        <v>55803</v>
      </c>
      <c r="L19358" s="5" t="s">
        <v>55802</v>
      </c>
      <c r="M19358" s="2" t="s">
        <v>55803</v>
      </c>
      <c r="N19358" s="5" t="s">
        <v>733</v>
      </c>
      <c r="O19358" s="5" t="s">
        <v>38</v>
      </c>
      <c r="P19358" s="5" t="s">
        <v>39</v>
      </c>
      <c r="Q19358" s="5" t="s">
        <v>40</v>
      </c>
      <c r="R19358" s="5" t="s">
        <v>897</v>
      </c>
      <c r="S19358" s="5" t="s">
        <v>40</v>
      </c>
      <c r="T19358" s="5" t="s">
        <v>42</v>
      </c>
      <c r="U19358" s="2">
        <v>69.498000000000005</v>
      </c>
      <c r="V19358" s="2">
        <v>63.927</v>
      </c>
      <c r="W19358" s="2">
        <v>0.36699999999999999</v>
      </c>
      <c r="X19358" s="2">
        <v>17</v>
      </c>
      <c r="Y19358" s="2">
        <v>140.69999999999999</v>
      </c>
      <c r="Z19358" s="2">
        <v>153.6</v>
      </c>
      <c r="AA19358" s="5">
        <v>7</v>
      </c>
      <c r="AB19358" s="5" t="s">
        <v>43</v>
      </c>
      <c r="AC19358" s="5" t="s">
        <v>735</v>
      </c>
      <c r="AD19358" s="2" t="s">
        <v>60771</v>
      </c>
      <c r="AE19358" s="1"/>
    </row>
    <row r="19359" spans="1:31" ht="14.45">
      <c r="A19359" s="11"/>
      <c r="B19359" s="20"/>
      <c r="C19359" s="2" t="s">
        <v>60772</v>
      </c>
      <c r="D19359" s="14" t="s">
        <v>60773</v>
      </c>
      <c r="E19359" s="2" t="s">
        <v>60774</v>
      </c>
      <c r="F19359" s="2" t="s">
        <v>60770</v>
      </c>
      <c r="G19359" s="8">
        <v>1115</v>
      </c>
      <c r="H19359" s="5">
        <v>5</v>
      </c>
      <c r="I19359" s="5" t="s">
        <v>69</v>
      </c>
      <c r="J19359" s="5" t="s">
        <v>55802</v>
      </c>
      <c r="K19359" s="2" t="s">
        <v>55803</v>
      </c>
      <c r="L19359" s="5" t="s">
        <v>55802</v>
      </c>
      <c r="M19359" s="2" t="s">
        <v>55803</v>
      </c>
      <c r="N19359" s="5" t="s">
        <v>733</v>
      </c>
      <c r="O19359" s="5" t="s">
        <v>38</v>
      </c>
      <c r="P19359" s="5" t="s">
        <v>39</v>
      </c>
      <c r="Q19359" s="5" t="s">
        <v>40</v>
      </c>
      <c r="R19359" s="5" t="s">
        <v>897</v>
      </c>
      <c r="S19359" s="5" t="s">
        <v>40</v>
      </c>
      <c r="T19359" s="5" t="s">
        <v>42</v>
      </c>
      <c r="U19359" s="2">
        <v>71.421999999999997</v>
      </c>
      <c r="V19359" s="2">
        <v>65.668999999999997</v>
      </c>
      <c r="W19359" s="2">
        <v>0.36699999999999999</v>
      </c>
      <c r="X19359" s="2">
        <v>17</v>
      </c>
      <c r="Y19359" s="2">
        <v>140.69999999999999</v>
      </c>
      <c r="Z19359" s="2">
        <v>153.6</v>
      </c>
      <c r="AA19359" s="5">
        <v>7</v>
      </c>
      <c r="AB19359" s="5" t="s">
        <v>43</v>
      </c>
      <c r="AC19359" s="5" t="s">
        <v>735</v>
      </c>
      <c r="AD19359" s="2" t="s">
        <v>60775</v>
      </c>
      <c r="AE19359" s="1"/>
    </row>
    <row r="19360" spans="1:31" ht="14.45">
      <c r="A19360" s="11"/>
      <c r="B19360" s="20"/>
      <c r="C19360" s="2" t="s">
        <v>60776</v>
      </c>
      <c r="D19360" s="14" t="s">
        <v>60777</v>
      </c>
      <c r="E19360" s="2" t="s">
        <v>60778</v>
      </c>
      <c r="F19360" s="2" t="s">
        <v>60770</v>
      </c>
      <c r="G19360" s="8">
        <v>1115</v>
      </c>
      <c r="H19360" s="5">
        <v>10</v>
      </c>
      <c r="I19360" s="5" t="s">
        <v>69</v>
      </c>
      <c r="J19360" s="5" t="s">
        <v>55802</v>
      </c>
      <c r="K19360" s="2" t="s">
        <v>55803</v>
      </c>
      <c r="L19360" s="5" t="s">
        <v>55802</v>
      </c>
      <c r="M19360" s="2" t="s">
        <v>55803</v>
      </c>
      <c r="N19360" s="5" t="s">
        <v>733</v>
      </c>
      <c r="O19360" s="5" t="s">
        <v>38</v>
      </c>
      <c r="P19360" s="5" t="s">
        <v>39</v>
      </c>
      <c r="Q19360" s="5" t="s">
        <v>40</v>
      </c>
      <c r="R19360" s="5" t="s">
        <v>897</v>
      </c>
      <c r="S19360" s="5" t="s">
        <v>40</v>
      </c>
      <c r="T19360" s="5" t="s">
        <v>42</v>
      </c>
      <c r="U19360" s="2">
        <v>71.650999999999996</v>
      </c>
      <c r="V19360" s="2">
        <v>65.441000000000003</v>
      </c>
      <c r="W19360" s="2">
        <v>0.378</v>
      </c>
      <c r="X19360" s="2">
        <v>17</v>
      </c>
      <c r="Y19360" s="2">
        <v>144.69999999999999</v>
      </c>
      <c r="Z19360" s="2">
        <v>153.6</v>
      </c>
      <c r="AA19360" s="5">
        <v>7</v>
      </c>
      <c r="AB19360" s="5" t="s">
        <v>43</v>
      </c>
      <c r="AC19360" s="5" t="s">
        <v>735</v>
      </c>
      <c r="AD19360" s="2" t="s">
        <v>60779</v>
      </c>
      <c r="AE19360" s="1"/>
    </row>
    <row r="19361" spans="1:31" ht="14.45">
      <c r="A19361" s="11"/>
      <c r="B19361" s="20"/>
      <c r="C19361" s="2" t="s">
        <v>60780</v>
      </c>
      <c r="D19361" s="14" t="s">
        <v>60781</v>
      </c>
      <c r="E19361" s="2" t="s">
        <v>60782</v>
      </c>
      <c r="F19361" s="2" t="s">
        <v>60770</v>
      </c>
      <c r="G19361" s="8">
        <v>1362</v>
      </c>
      <c r="H19361" s="5">
        <v>5</v>
      </c>
      <c r="I19361" s="5" t="s">
        <v>69</v>
      </c>
      <c r="J19361" s="5" t="s">
        <v>55802</v>
      </c>
      <c r="K19361" s="2" t="s">
        <v>55803</v>
      </c>
      <c r="L19361" s="5" t="s">
        <v>55802</v>
      </c>
      <c r="M19361" s="2" t="s">
        <v>55803</v>
      </c>
      <c r="N19361" s="5" t="s">
        <v>733</v>
      </c>
      <c r="O19361" s="5" t="s">
        <v>38</v>
      </c>
      <c r="P19361" s="5" t="s">
        <v>39</v>
      </c>
      <c r="Q19361" s="5" t="s">
        <v>40</v>
      </c>
      <c r="R19361" s="5" t="s">
        <v>897</v>
      </c>
      <c r="S19361" s="5" t="s">
        <v>40</v>
      </c>
      <c r="T19361" s="5" t="s">
        <v>42</v>
      </c>
      <c r="U19361" s="2">
        <v>71.528000000000006</v>
      </c>
      <c r="V19361" s="2">
        <v>65.569999999999993</v>
      </c>
      <c r="W19361" s="2">
        <v>0.378</v>
      </c>
      <c r="X19361" s="2">
        <v>17</v>
      </c>
      <c r="Y19361" s="2">
        <v>144.69999999999999</v>
      </c>
      <c r="Z19361" s="2">
        <v>153.6</v>
      </c>
      <c r="AA19361" s="5">
        <v>7</v>
      </c>
      <c r="AB19361" s="5" t="s">
        <v>43</v>
      </c>
      <c r="AC19361" s="5" t="s">
        <v>735</v>
      </c>
      <c r="AD19361" s="2" t="s">
        <v>60783</v>
      </c>
      <c r="AE19361" s="1"/>
    </row>
    <row r="19362" spans="1:31" ht="14.45">
      <c r="A19362" s="11"/>
      <c r="B19362" s="20"/>
      <c r="C19362" s="2" t="s">
        <v>60784</v>
      </c>
      <c r="D19362" s="14" t="s">
        <v>60785</v>
      </c>
      <c r="E19362" s="2" t="s">
        <v>60786</v>
      </c>
      <c r="F19362" s="2" t="s">
        <v>60787</v>
      </c>
      <c r="G19362" s="8">
        <v>1226</v>
      </c>
      <c r="H19362" s="5">
        <v>5</v>
      </c>
      <c r="I19362" s="5" t="s">
        <v>69</v>
      </c>
      <c r="J19362" s="5" t="s">
        <v>55802</v>
      </c>
      <c r="K19362" s="2" t="s">
        <v>55803</v>
      </c>
      <c r="L19362" s="5" t="s">
        <v>55802</v>
      </c>
      <c r="M19362" s="2" t="s">
        <v>55803</v>
      </c>
      <c r="N19362" s="5" t="s">
        <v>733</v>
      </c>
      <c r="O19362" s="5" t="s">
        <v>38</v>
      </c>
      <c r="P19362" s="5" t="s">
        <v>39</v>
      </c>
      <c r="Q19362" s="5" t="s">
        <v>40</v>
      </c>
      <c r="R19362" s="5" t="s">
        <v>897</v>
      </c>
      <c r="S19362" s="5" t="s">
        <v>40</v>
      </c>
      <c r="T19362" s="5" t="s">
        <v>42</v>
      </c>
      <c r="U19362" s="2">
        <v>81.061000000000007</v>
      </c>
      <c r="V19362" s="2">
        <v>75.201999999999998</v>
      </c>
      <c r="W19362" s="2">
        <v>0.378</v>
      </c>
      <c r="X19362" s="2">
        <v>17</v>
      </c>
      <c r="Y19362" s="2">
        <v>144.69999999999999</v>
      </c>
      <c r="Z19362" s="2">
        <v>153.6</v>
      </c>
      <c r="AA19362" s="5">
        <v>7</v>
      </c>
      <c r="AB19362" s="5" t="s">
        <v>43</v>
      </c>
      <c r="AC19362" s="5" t="s">
        <v>735</v>
      </c>
      <c r="AD19362" s="2" t="s">
        <v>60788</v>
      </c>
      <c r="AE19362" s="1"/>
    </row>
    <row r="19363" spans="1:31" ht="14.45">
      <c r="A19363" s="11"/>
      <c r="B19363" s="20"/>
      <c r="C19363" s="2" t="s">
        <v>60789</v>
      </c>
      <c r="D19363" s="14" t="s">
        <v>60790</v>
      </c>
      <c r="E19363" s="2" t="s">
        <v>60791</v>
      </c>
      <c r="F19363" s="2" t="s">
        <v>60787</v>
      </c>
      <c r="G19363" s="8">
        <v>1526</v>
      </c>
      <c r="H19363" s="5">
        <v>5</v>
      </c>
      <c r="I19363" s="5" t="s">
        <v>69</v>
      </c>
      <c r="J19363" s="5" t="s">
        <v>55802</v>
      </c>
      <c r="K19363" s="2" t="s">
        <v>55803</v>
      </c>
      <c r="L19363" s="5" t="s">
        <v>55802</v>
      </c>
      <c r="M19363" s="2" t="s">
        <v>55803</v>
      </c>
      <c r="N19363" s="5" t="s">
        <v>733</v>
      </c>
      <c r="O19363" s="5" t="s">
        <v>38</v>
      </c>
      <c r="P19363" s="5" t="s">
        <v>39</v>
      </c>
      <c r="Q19363" s="5" t="s">
        <v>40</v>
      </c>
      <c r="R19363" s="5" t="s">
        <v>897</v>
      </c>
      <c r="S19363" s="5" t="s">
        <v>40</v>
      </c>
      <c r="T19363" s="5" t="s">
        <v>42</v>
      </c>
      <c r="U19363" s="2">
        <v>83.004999999999995</v>
      </c>
      <c r="V19363" s="2">
        <v>76.988</v>
      </c>
      <c r="W19363" s="2">
        <v>0.378</v>
      </c>
      <c r="X19363" s="2">
        <v>17</v>
      </c>
      <c r="Y19363" s="2">
        <v>144.69999999999999</v>
      </c>
      <c r="Z19363" s="2">
        <v>153.6</v>
      </c>
      <c r="AA19363" s="5">
        <v>7</v>
      </c>
      <c r="AB19363" s="5" t="s">
        <v>43</v>
      </c>
      <c r="AC19363" s="5" t="s">
        <v>735</v>
      </c>
      <c r="AD19363" s="2" t="s">
        <v>60792</v>
      </c>
      <c r="AE19363" s="1"/>
    </row>
    <row r="19364" spans="1:31" ht="14.45">
      <c r="A19364" s="11"/>
      <c r="B19364" s="20"/>
      <c r="C19364" s="2" t="s">
        <v>60793</v>
      </c>
      <c r="D19364" s="14" t="s">
        <v>60794</v>
      </c>
      <c r="E19364" s="2" t="s">
        <v>60795</v>
      </c>
      <c r="F19364" s="2" t="s">
        <v>60787</v>
      </c>
      <c r="G19364" s="8">
        <v>1526</v>
      </c>
      <c r="H19364" s="5">
        <v>10</v>
      </c>
      <c r="I19364" s="5" t="s">
        <v>69</v>
      </c>
      <c r="J19364" s="5" t="s">
        <v>55802</v>
      </c>
      <c r="K19364" s="2" t="s">
        <v>55803</v>
      </c>
      <c r="L19364" s="5" t="s">
        <v>55802</v>
      </c>
      <c r="M19364" s="2" t="s">
        <v>55803</v>
      </c>
      <c r="N19364" s="5" t="s">
        <v>733</v>
      </c>
      <c r="O19364" s="5" t="s">
        <v>38</v>
      </c>
      <c r="P19364" s="5" t="s">
        <v>39</v>
      </c>
      <c r="Q19364" s="5" t="s">
        <v>40</v>
      </c>
      <c r="R19364" s="5" t="s">
        <v>897</v>
      </c>
      <c r="S19364" s="5" t="s">
        <v>40</v>
      </c>
      <c r="T19364" s="5" t="s">
        <v>42</v>
      </c>
      <c r="U19364" s="2">
        <v>83.459000000000003</v>
      </c>
      <c r="V19364" s="2">
        <v>77.266000000000005</v>
      </c>
      <c r="W19364" s="2">
        <v>0.378</v>
      </c>
      <c r="X19364" s="2">
        <v>17</v>
      </c>
      <c r="Y19364" s="2">
        <v>144.69999999999999</v>
      </c>
      <c r="Z19364" s="2">
        <v>153.6</v>
      </c>
      <c r="AA19364" s="5">
        <v>7</v>
      </c>
      <c r="AB19364" s="5" t="s">
        <v>43</v>
      </c>
      <c r="AC19364" s="5" t="s">
        <v>735</v>
      </c>
      <c r="AD19364" s="2" t="s">
        <v>60796</v>
      </c>
      <c r="AE19364" s="1"/>
    </row>
    <row r="19365" spans="1:31" ht="14.45">
      <c r="A19365" s="5"/>
      <c r="B19365" s="21"/>
      <c r="C19365" s="2" t="s">
        <v>60797</v>
      </c>
      <c r="D19365" s="14" t="s">
        <v>60798</v>
      </c>
      <c r="E19365" s="2" t="s">
        <v>60799</v>
      </c>
      <c r="F19365" s="2" t="s">
        <v>60800</v>
      </c>
      <c r="G19365" s="8">
        <v>1773</v>
      </c>
      <c r="H19365" s="5">
        <v>5</v>
      </c>
      <c r="I19365" s="5" t="s">
        <v>69</v>
      </c>
      <c r="J19365" s="5" t="s">
        <v>55802</v>
      </c>
      <c r="K19365" s="2" t="s">
        <v>55803</v>
      </c>
      <c r="L19365" s="5" t="s">
        <v>55802</v>
      </c>
      <c r="M19365" s="2" t="s">
        <v>55803</v>
      </c>
      <c r="N19365" s="5" t="s">
        <v>733</v>
      </c>
      <c r="O19365" s="5" t="s">
        <v>38</v>
      </c>
      <c r="P19365" s="5" t="s">
        <v>39</v>
      </c>
      <c r="Q19365" s="5" t="s">
        <v>40</v>
      </c>
      <c r="R19365" s="5" t="s">
        <v>897</v>
      </c>
      <c r="S19365" s="5" t="s">
        <v>40</v>
      </c>
      <c r="T19365" s="5" t="s">
        <v>42</v>
      </c>
      <c r="U19365" s="2">
        <v>83.289000000000001</v>
      </c>
      <c r="V19365" s="2">
        <v>77.347999999999999</v>
      </c>
      <c r="W19365" s="2">
        <v>0.378</v>
      </c>
      <c r="X19365" s="2">
        <v>17</v>
      </c>
      <c r="Y19365" s="2">
        <v>144.69999999999999</v>
      </c>
      <c r="Z19365" s="2">
        <v>153.6</v>
      </c>
      <c r="AA19365" s="5">
        <v>7</v>
      </c>
      <c r="AB19365" s="5" t="s">
        <v>43</v>
      </c>
      <c r="AC19365" s="5" t="s">
        <v>735</v>
      </c>
      <c r="AD19365" s="2"/>
      <c r="AE19365" s="1"/>
    </row>
    <row r="19366" spans="1:31" ht="14.45">
      <c r="A19366" s="11"/>
      <c r="B19366" s="20"/>
      <c r="C19366" s="2" t="s">
        <v>60801</v>
      </c>
      <c r="D19366" s="14" t="s">
        <v>60802</v>
      </c>
      <c r="E19366" s="2" t="s">
        <v>60803</v>
      </c>
      <c r="F19366" s="2" t="s">
        <v>60804</v>
      </c>
      <c r="G19366" s="8">
        <v>1863</v>
      </c>
      <c r="H19366" s="5">
        <v>10</v>
      </c>
      <c r="I19366" s="5" t="s">
        <v>69</v>
      </c>
      <c r="J19366" s="5" t="s">
        <v>55802</v>
      </c>
      <c r="K19366" s="2" t="s">
        <v>55803</v>
      </c>
      <c r="L19366" s="5" t="s">
        <v>55802</v>
      </c>
      <c r="M19366" s="2" t="s">
        <v>55803</v>
      </c>
      <c r="N19366" s="5" t="s">
        <v>733</v>
      </c>
      <c r="O19366" s="5" t="s">
        <v>38</v>
      </c>
      <c r="P19366" s="5" t="s">
        <v>39</v>
      </c>
      <c r="Q19366" s="5" t="s">
        <v>40</v>
      </c>
      <c r="R19366" s="5" t="s">
        <v>897</v>
      </c>
      <c r="S19366" s="5" t="s">
        <v>40</v>
      </c>
      <c r="T19366" s="5" t="s">
        <v>42</v>
      </c>
      <c r="U19366" s="2">
        <v>88.191999999999993</v>
      </c>
      <c r="V19366" s="2">
        <v>82.301000000000002</v>
      </c>
      <c r="W19366" s="2">
        <v>0.378</v>
      </c>
      <c r="X19366" s="2">
        <v>17</v>
      </c>
      <c r="Y19366" s="2">
        <v>144.69999999999999</v>
      </c>
      <c r="Z19366" s="2">
        <v>153.6</v>
      </c>
      <c r="AA19366" s="5">
        <v>7</v>
      </c>
      <c r="AB19366" s="5" t="s">
        <v>43</v>
      </c>
      <c r="AC19366" s="5" t="s">
        <v>735</v>
      </c>
      <c r="AD19366" s="2" t="s">
        <v>60805</v>
      </c>
      <c r="AE19366" s="1"/>
    </row>
    <row r="19367" spans="1:31" ht="14.45">
      <c r="A19367" s="11"/>
      <c r="B19367" s="20"/>
      <c r="C19367" s="2" t="s">
        <v>60806</v>
      </c>
      <c r="D19367" s="14" t="s">
        <v>60807</v>
      </c>
      <c r="E19367" s="2" t="s">
        <v>60808</v>
      </c>
      <c r="F19367" s="2" t="s">
        <v>60809</v>
      </c>
      <c r="G19367" s="8">
        <v>2163</v>
      </c>
      <c r="H19367" s="5">
        <v>10</v>
      </c>
      <c r="I19367" s="5" t="s">
        <v>69</v>
      </c>
      <c r="J19367" s="5" t="s">
        <v>55802</v>
      </c>
      <c r="K19367" s="2" t="s">
        <v>55803</v>
      </c>
      <c r="L19367" s="5" t="s">
        <v>55802</v>
      </c>
      <c r="M19367" s="2" t="s">
        <v>55803</v>
      </c>
      <c r="N19367" s="5" t="s">
        <v>733</v>
      </c>
      <c r="O19367" s="5" t="s">
        <v>38</v>
      </c>
      <c r="P19367" s="5" t="s">
        <v>39</v>
      </c>
      <c r="Q19367" s="5" t="s">
        <v>40</v>
      </c>
      <c r="R19367" s="5" t="s">
        <v>897</v>
      </c>
      <c r="S19367" s="5" t="s">
        <v>40</v>
      </c>
      <c r="T19367" s="5" t="s">
        <v>42</v>
      </c>
      <c r="U19367" s="2">
        <v>87.543999999999997</v>
      </c>
      <c r="V19367" s="2">
        <v>81.527000000000001</v>
      </c>
      <c r="W19367" s="2">
        <v>0.378</v>
      </c>
      <c r="X19367" s="2">
        <v>17</v>
      </c>
      <c r="Y19367" s="2">
        <v>144.69999999999999</v>
      </c>
      <c r="Z19367" s="2">
        <v>153.6</v>
      </c>
      <c r="AA19367" s="5">
        <v>7</v>
      </c>
      <c r="AB19367" s="5" t="s">
        <v>43</v>
      </c>
      <c r="AC19367" s="5" t="s">
        <v>735</v>
      </c>
      <c r="AD19367" s="2" t="s">
        <v>60810</v>
      </c>
      <c r="AE19367" s="1"/>
    </row>
    <row r="19368" spans="1:31" ht="14.45">
      <c r="A19368" s="11"/>
      <c r="B19368" s="20"/>
      <c r="C19368" s="2" t="s">
        <v>60811</v>
      </c>
      <c r="D19368" s="14" t="s">
        <v>60812</v>
      </c>
      <c r="E19368" s="2" t="s">
        <v>60813</v>
      </c>
      <c r="F19368" s="2" t="s">
        <v>60809</v>
      </c>
      <c r="G19368" s="8">
        <v>2163</v>
      </c>
      <c r="H19368" s="5">
        <v>10</v>
      </c>
      <c r="I19368" s="5" t="s">
        <v>69</v>
      </c>
      <c r="J19368" s="5" t="s">
        <v>55802</v>
      </c>
      <c r="K19368" s="2" t="s">
        <v>55803</v>
      </c>
      <c r="L19368" s="5" t="s">
        <v>55802</v>
      </c>
      <c r="M19368" s="2" t="s">
        <v>55803</v>
      </c>
      <c r="N19368" s="5" t="s">
        <v>733</v>
      </c>
      <c r="O19368" s="5" t="s">
        <v>38</v>
      </c>
      <c r="P19368" s="5" t="s">
        <v>39</v>
      </c>
      <c r="Q19368" s="5" t="s">
        <v>40</v>
      </c>
      <c r="R19368" s="5" t="s">
        <v>897</v>
      </c>
      <c r="S19368" s="5" t="s">
        <v>40</v>
      </c>
      <c r="T19368" s="5" t="s">
        <v>42</v>
      </c>
      <c r="U19368" s="2">
        <v>88.022999999999996</v>
      </c>
      <c r="V19368" s="2">
        <v>81.83</v>
      </c>
      <c r="W19368" s="2">
        <v>0.378</v>
      </c>
      <c r="X19368" s="2">
        <v>17</v>
      </c>
      <c r="Y19368" s="2">
        <v>144.69999999999999</v>
      </c>
      <c r="Z19368" s="2">
        <v>153.6</v>
      </c>
      <c r="AA19368" s="5">
        <v>7</v>
      </c>
      <c r="AB19368" s="5" t="s">
        <v>43</v>
      </c>
      <c r="AC19368" s="5" t="s">
        <v>735</v>
      </c>
      <c r="AD19368" s="2" t="s">
        <v>60814</v>
      </c>
      <c r="AE19368" s="1"/>
    </row>
    <row r="19369" spans="1:31" ht="14.45">
      <c r="A19369" s="11"/>
      <c r="B19369" s="20"/>
      <c r="C19369" s="2" t="s">
        <v>60815</v>
      </c>
      <c r="D19369" s="14" t="s">
        <v>60816</v>
      </c>
      <c r="E19369" s="2" t="s">
        <v>60817</v>
      </c>
      <c r="F19369" s="2" t="s">
        <v>60818</v>
      </c>
      <c r="G19369" s="8">
        <v>1694</v>
      </c>
      <c r="H19369" s="5">
        <v>10</v>
      </c>
      <c r="I19369" s="5" t="s">
        <v>69</v>
      </c>
      <c r="J19369" s="5" t="s">
        <v>55802</v>
      </c>
      <c r="K19369" s="2" t="s">
        <v>55803</v>
      </c>
      <c r="L19369" s="5" t="s">
        <v>55802</v>
      </c>
      <c r="M19369" s="2" t="s">
        <v>55803</v>
      </c>
      <c r="N19369" s="5" t="s">
        <v>733</v>
      </c>
      <c r="O19369" s="5" t="s">
        <v>38</v>
      </c>
      <c r="P19369" s="5" t="s">
        <v>39</v>
      </c>
      <c r="Q19369" s="5" t="s">
        <v>40</v>
      </c>
      <c r="R19369" s="5" t="s">
        <v>897</v>
      </c>
      <c r="S19369" s="5" t="s">
        <v>40</v>
      </c>
      <c r="T19369" s="5" t="s">
        <v>42</v>
      </c>
      <c r="U19369" s="2">
        <v>88.117000000000004</v>
      </c>
      <c r="V19369" s="2">
        <v>82.225999999999999</v>
      </c>
      <c r="W19369" s="2">
        <v>0.378</v>
      </c>
      <c r="X19369" s="2">
        <v>17</v>
      </c>
      <c r="Y19369" s="2">
        <v>144.69999999999999</v>
      </c>
      <c r="Z19369" s="2">
        <v>153.6</v>
      </c>
      <c r="AA19369" s="5">
        <v>7</v>
      </c>
      <c r="AB19369" s="5" t="s">
        <v>43</v>
      </c>
      <c r="AC19369" s="5" t="s">
        <v>735</v>
      </c>
      <c r="AD19369" s="2" t="s">
        <v>60819</v>
      </c>
      <c r="AE19369" s="1"/>
    </row>
    <row r="19370" spans="1:31" ht="14.45">
      <c r="A19370" s="11"/>
      <c r="B19370" s="20"/>
      <c r="C19370" s="2" t="s">
        <v>60820</v>
      </c>
      <c r="D19370" s="14" t="s">
        <v>60821</v>
      </c>
      <c r="E19370" s="2" t="s">
        <v>60822</v>
      </c>
      <c r="F19370" s="2" t="s">
        <v>60818</v>
      </c>
      <c r="G19370" s="8">
        <v>1994</v>
      </c>
      <c r="H19370" s="5">
        <v>10</v>
      </c>
      <c r="I19370" s="5" t="s">
        <v>69</v>
      </c>
      <c r="J19370" s="5" t="s">
        <v>55802</v>
      </c>
      <c r="K19370" s="2" t="s">
        <v>55803</v>
      </c>
      <c r="L19370" s="5" t="s">
        <v>55802</v>
      </c>
      <c r="M19370" s="2" t="s">
        <v>55803</v>
      </c>
      <c r="N19370" s="5" t="s">
        <v>733</v>
      </c>
      <c r="O19370" s="5" t="s">
        <v>38</v>
      </c>
      <c r="P19370" s="5" t="s">
        <v>39</v>
      </c>
      <c r="Q19370" s="5" t="s">
        <v>40</v>
      </c>
      <c r="R19370" s="5" t="s">
        <v>897</v>
      </c>
      <c r="S19370" s="5" t="s">
        <v>40</v>
      </c>
      <c r="T19370" s="5" t="s">
        <v>42</v>
      </c>
      <c r="U19370" s="2">
        <v>87.468999999999994</v>
      </c>
      <c r="V19370" s="2">
        <v>81.451999999999998</v>
      </c>
      <c r="W19370" s="2">
        <v>0.378</v>
      </c>
      <c r="X19370" s="2">
        <v>17</v>
      </c>
      <c r="Y19370" s="2">
        <v>144.69999999999999</v>
      </c>
      <c r="Z19370" s="2">
        <v>153.6</v>
      </c>
      <c r="AA19370" s="5">
        <v>7</v>
      </c>
      <c r="AB19370" s="5" t="s">
        <v>43</v>
      </c>
      <c r="AC19370" s="5" t="s">
        <v>735</v>
      </c>
      <c r="AD19370" s="2" t="s">
        <v>60823</v>
      </c>
      <c r="AE19370" s="1"/>
    </row>
    <row r="19371" spans="1:31" ht="14.45">
      <c r="A19371" s="11"/>
      <c r="B19371" s="20"/>
      <c r="C19371" s="2" t="s">
        <v>60824</v>
      </c>
      <c r="D19371" s="14" t="s">
        <v>60825</v>
      </c>
      <c r="E19371" s="2" t="s">
        <v>60826</v>
      </c>
      <c r="F19371" s="2" t="s">
        <v>60818</v>
      </c>
      <c r="G19371" s="8">
        <v>1994</v>
      </c>
      <c r="H19371" s="5">
        <v>5</v>
      </c>
      <c r="I19371" s="5" t="s">
        <v>69</v>
      </c>
      <c r="J19371" s="5" t="s">
        <v>55802</v>
      </c>
      <c r="K19371" s="2" t="s">
        <v>55803</v>
      </c>
      <c r="L19371" s="5" t="s">
        <v>55802</v>
      </c>
      <c r="M19371" s="2" t="s">
        <v>55803</v>
      </c>
      <c r="N19371" s="5" t="s">
        <v>733</v>
      </c>
      <c r="O19371" s="5" t="s">
        <v>38</v>
      </c>
      <c r="P19371" s="5" t="s">
        <v>39</v>
      </c>
      <c r="Q19371" s="5" t="s">
        <v>40</v>
      </c>
      <c r="R19371" s="5" t="s">
        <v>897</v>
      </c>
      <c r="S19371" s="5" t="s">
        <v>40</v>
      </c>
      <c r="T19371" s="5" t="s">
        <v>42</v>
      </c>
      <c r="U19371" s="2">
        <v>87.947999999999993</v>
      </c>
      <c r="V19371" s="2">
        <v>81.754999999999995</v>
      </c>
      <c r="W19371" s="2">
        <v>0.378</v>
      </c>
      <c r="X19371" s="2">
        <v>17</v>
      </c>
      <c r="Y19371" s="2">
        <v>144.69999999999999</v>
      </c>
      <c r="Z19371" s="2">
        <v>153.6</v>
      </c>
      <c r="AA19371" s="5">
        <v>7</v>
      </c>
      <c r="AB19371" s="5" t="s">
        <v>43</v>
      </c>
      <c r="AC19371" s="5" t="s">
        <v>735</v>
      </c>
      <c r="AD19371" s="2" t="s">
        <v>60827</v>
      </c>
      <c r="AE19371" s="1"/>
    </row>
    <row r="19372" spans="1:31" ht="14.45">
      <c r="A19372" s="11"/>
      <c r="B19372" s="20"/>
      <c r="C19372" s="2" t="s">
        <v>60828</v>
      </c>
      <c r="D19372" s="14" t="s">
        <v>60829</v>
      </c>
      <c r="E19372" s="2" t="s">
        <v>60830</v>
      </c>
      <c r="F19372" s="2" t="s">
        <v>60831</v>
      </c>
      <c r="G19372" s="8">
        <v>2163</v>
      </c>
      <c r="H19372" s="5">
        <v>10</v>
      </c>
      <c r="I19372" s="5" t="s">
        <v>69</v>
      </c>
      <c r="J19372" s="5" t="s">
        <v>55802</v>
      </c>
      <c r="K19372" s="2" t="s">
        <v>55803</v>
      </c>
      <c r="L19372" s="5" t="s">
        <v>55802</v>
      </c>
      <c r="M19372" s="2" t="s">
        <v>55803</v>
      </c>
      <c r="N19372" s="5" t="s">
        <v>733</v>
      </c>
      <c r="O19372" s="5" t="s">
        <v>38</v>
      </c>
      <c r="P19372" s="5" t="s">
        <v>39</v>
      </c>
      <c r="Q19372" s="5" t="s">
        <v>40</v>
      </c>
      <c r="R19372" s="5" t="s">
        <v>897</v>
      </c>
      <c r="S19372" s="5" t="s">
        <v>40</v>
      </c>
      <c r="T19372" s="5" t="s">
        <v>42</v>
      </c>
      <c r="U19372" s="2">
        <v>86.343999999999994</v>
      </c>
      <c r="V19372" s="2">
        <v>80.326999999999998</v>
      </c>
      <c r="W19372" s="2">
        <v>0.378</v>
      </c>
      <c r="X19372" s="2">
        <v>17</v>
      </c>
      <c r="Y19372" s="2">
        <v>144.69999999999999</v>
      </c>
      <c r="Z19372" s="2">
        <v>153.6</v>
      </c>
      <c r="AA19372" s="5">
        <v>7</v>
      </c>
      <c r="AB19372" s="5" t="s">
        <v>43</v>
      </c>
      <c r="AC19372" s="5" t="s">
        <v>735</v>
      </c>
      <c r="AD19372" s="2" t="s">
        <v>60832</v>
      </c>
      <c r="AE19372" s="1"/>
    </row>
    <row r="19373" spans="1:31" ht="14.45">
      <c r="A19373" s="11"/>
      <c r="B19373" s="20"/>
      <c r="C19373" s="2" t="s">
        <v>60833</v>
      </c>
      <c r="D19373" s="14" t="s">
        <v>60834</v>
      </c>
      <c r="E19373" s="2" t="s">
        <v>60835</v>
      </c>
      <c r="F19373" s="2" t="s">
        <v>60831</v>
      </c>
      <c r="G19373" s="8">
        <v>2163</v>
      </c>
      <c r="H19373" s="5">
        <v>10</v>
      </c>
      <c r="I19373" s="5" t="s">
        <v>69</v>
      </c>
      <c r="J19373" s="5" t="s">
        <v>55802</v>
      </c>
      <c r="K19373" s="2" t="s">
        <v>55803</v>
      </c>
      <c r="L19373" s="5" t="s">
        <v>55802</v>
      </c>
      <c r="M19373" s="2" t="s">
        <v>55803</v>
      </c>
      <c r="N19373" s="5" t="s">
        <v>733</v>
      </c>
      <c r="O19373" s="5" t="s">
        <v>38</v>
      </c>
      <c r="P19373" s="5" t="s">
        <v>39</v>
      </c>
      <c r="Q19373" s="5" t="s">
        <v>40</v>
      </c>
      <c r="R19373" s="5" t="s">
        <v>897</v>
      </c>
      <c r="S19373" s="5" t="s">
        <v>40</v>
      </c>
      <c r="T19373" s="5" t="s">
        <v>42</v>
      </c>
      <c r="U19373" s="2">
        <v>86.822000000000003</v>
      </c>
      <c r="V19373" s="2">
        <v>80.629000000000005</v>
      </c>
      <c r="W19373" s="2">
        <v>0.378</v>
      </c>
      <c r="X19373" s="2">
        <v>17</v>
      </c>
      <c r="Y19373" s="2">
        <v>144.69999999999999</v>
      </c>
      <c r="Z19373" s="2">
        <v>153.6</v>
      </c>
      <c r="AA19373" s="5">
        <v>7</v>
      </c>
      <c r="AB19373" s="5" t="s">
        <v>43</v>
      </c>
      <c r="AC19373" s="5" t="s">
        <v>735</v>
      </c>
      <c r="AD19373" s="2" t="s">
        <v>60836</v>
      </c>
      <c r="AE19373" s="1"/>
    </row>
    <row r="19374" spans="1:31" ht="14.45">
      <c r="A19374" s="11"/>
      <c r="B19374" s="20"/>
      <c r="C19374" s="2" t="s">
        <v>60837</v>
      </c>
      <c r="D19374" s="14" t="s">
        <v>60838</v>
      </c>
      <c r="E19374" s="2" t="s">
        <v>60839</v>
      </c>
      <c r="F19374" s="2" t="s">
        <v>60840</v>
      </c>
      <c r="G19374" s="8">
        <v>1694</v>
      </c>
      <c r="H19374" s="5">
        <v>10</v>
      </c>
      <c r="I19374" s="5" t="s">
        <v>69</v>
      </c>
      <c r="J19374" s="5" t="s">
        <v>55802</v>
      </c>
      <c r="K19374" s="2" t="s">
        <v>55803</v>
      </c>
      <c r="L19374" s="5" t="s">
        <v>55802</v>
      </c>
      <c r="M19374" s="2" t="s">
        <v>55803</v>
      </c>
      <c r="N19374" s="5" t="s">
        <v>733</v>
      </c>
      <c r="O19374" s="5" t="s">
        <v>38</v>
      </c>
      <c r="P19374" s="5" t="s">
        <v>39</v>
      </c>
      <c r="Q19374" s="5" t="s">
        <v>40</v>
      </c>
      <c r="R19374" s="5" t="s">
        <v>897</v>
      </c>
      <c r="S19374" s="5" t="s">
        <v>40</v>
      </c>
      <c r="T19374" s="5" t="s">
        <v>42</v>
      </c>
      <c r="U19374" s="2">
        <v>86.917000000000002</v>
      </c>
      <c r="V19374" s="2">
        <v>81.025999999999996</v>
      </c>
      <c r="W19374" s="2">
        <v>0.378</v>
      </c>
      <c r="X19374" s="2">
        <v>17</v>
      </c>
      <c r="Y19374" s="2">
        <v>144.69999999999999</v>
      </c>
      <c r="Z19374" s="2">
        <v>153.6</v>
      </c>
      <c r="AA19374" s="5">
        <v>7</v>
      </c>
      <c r="AB19374" s="5" t="s">
        <v>43</v>
      </c>
      <c r="AC19374" s="5" t="s">
        <v>735</v>
      </c>
      <c r="AD19374" s="2" t="s">
        <v>60841</v>
      </c>
      <c r="AE19374" s="1"/>
    </row>
    <row r="19375" spans="1:31" ht="14.45">
      <c r="A19375" s="11"/>
      <c r="B19375" s="20"/>
      <c r="C19375" s="2" t="s">
        <v>60842</v>
      </c>
      <c r="D19375" s="14" t="s">
        <v>60843</v>
      </c>
      <c r="E19375" s="2" t="s">
        <v>60844</v>
      </c>
      <c r="F19375" s="2" t="s">
        <v>60845</v>
      </c>
      <c r="G19375" s="8">
        <v>2431</v>
      </c>
      <c r="H19375" s="5">
        <v>10</v>
      </c>
      <c r="I19375" s="5" t="s">
        <v>69</v>
      </c>
      <c r="J19375" s="5" t="s">
        <v>55802</v>
      </c>
      <c r="K19375" s="2" t="s">
        <v>55803</v>
      </c>
      <c r="L19375" s="5" t="s">
        <v>55802</v>
      </c>
      <c r="M19375" s="2" t="s">
        <v>55803</v>
      </c>
      <c r="N19375" s="5" t="s">
        <v>733</v>
      </c>
      <c r="O19375" s="5" t="s">
        <v>38</v>
      </c>
      <c r="P19375" s="5" t="s">
        <v>39</v>
      </c>
      <c r="Q19375" s="5" t="s">
        <v>40</v>
      </c>
      <c r="R19375" s="5" t="s">
        <v>1487</v>
      </c>
      <c r="S19375" s="5"/>
      <c r="T19375" s="5" t="s">
        <v>42</v>
      </c>
      <c r="U19375" s="2">
        <v>0</v>
      </c>
      <c r="V19375" s="2">
        <v>0</v>
      </c>
      <c r="W19375" s="2">
        <v>0</v>
      </c>
      <c r="X19375" s="2">
        <v>0</v>
      </c>
      <c r="Y19375" s="2">
        <v>0</v>
      </c>
      <c r="Z19375" s="2">
        <v>0</v>
      </c>
      <c r="AA19375" s="5"/>
      <c r="AB19375" s="5" t="s">
        <v>43</v>
      </c>
      <c r="AC19375" s="5" t="s">
        <v>735</v>
      </c>
      <c r="AD19375" s="2" t="s">
        <v>60846</v>
      </c>
      <c r="AE19375" s="1"/>
    </row>
    <row r="19376" spans="1:31" ht="14.45">
      <c r="A19376" s="11"/>
      <c r="B19376" s="20"/>
      <c r="C19376" s="2" t="s">
        <v>60847</v>
      </c>
      <c r="D19376" s="14" t="s">
        <v>60848</v>
      </c>
      <c r="E19376" s="2" t="s">
        <v>60849</v>
      </c>
      <c r="F19376" s="2" t="s">
        <v>60850</v>
      </c>
      <c r="G19376" s="8">
        <v>2431</v>
      </c>
      <c r="H19376" s="5">
        <v>10</v>
      </c>
      <c r="I19376" s="5" t="s">
        <v>69</v>
      </c>
      <c r="J19376" s="5" t="s">
        <v>55802</v>
      </c>
      <c r="K19376" s="2" t="s">
        <v>55803</v>
      </c>
      <c r="L19376" s="5" t="s">
        <v>55802</v>
      </c>
      <c r="M19376" s="2" t="s">
        <v>55803</v>
      </c>
      <c r="N19376" s="5" t="s">
        <v>733</v>
      </c>
      <c r="O19376" s="5" t="s">
        <v>38</v>
      </c>
      <c r="P19376" s="5" t="s">
        <v>39</v>
      </c>
      <c r="Q19376" s="5" t="s">
        <v>40</v>
      </c>
      <c r="R19376" s="5" t="s">
        <v>1487</v>
      </c>
      <c r="S19376" s="5"/>
      <c r="T19376" s="5" t="s">
        <v>42</v>
      </c>
      <c r="U19376" s="2">
        <v>0</v>
      </c>
      <c r="V19376" s="2">
        <v>0</v>
      </c>
      <c r="W19376" s="2">
        <v>0</v>
      </c>
      <c r="X19376" s="2">
        <v>0</v>
      </c>
      <c r="Y19376" s="2">
        <v>0</v>
      </c>
      <c r="Z19376" s="2">
        <v>0</v>
      </c>
      <c r="AA19376" s="5"/>
      <c r="AB19376" s="5" t="s">
        <v>43</v>
      </c>
      <c r="AC19376" s="5" t="s">
        <v>735</v>
      </c>
      <c r="AD19376" s="2" t="s">
        <v>60851</v>
      </c>
      <c r="AE19376" s="1"/>
    </row>
    <row r="19377" spans="1:31" ht="14.45">
      <c r="A19377" s="11"/>
      <c r="B19377" s="20"/>
      <c r="C19377" s="2" t="s">
        <v>60852</v>
      </c>
      <c r="D19377" s="14" t="s">
        <v>60853</v>
      </c>
      <c r="E19377" s="2" t="s">
        <v>60854</v>
      </c>
      <c r="F19377" s="2" t="s">
        <v>60618</v>
      </c>
      <c r="G19377" s="8">
        <v>1851</v>
      </c>
      <c r="H19377" s="5">
        <v>5</v>
      </c>
      <c r="I19377" s="5" t="s">
        <v>69</v>
      </c>
      <c r="J19377" s="5" t="s">
        <v>55802</v>
      </c>
      <c r="K19377" s="2" t="s">
        <v>55803</v>
      </c>
      <c r="L19377" s="5" t="s">
        <v>55802</v>
      </c>
      <c r="M19377" s="2" t="s">
        <v>55803</v>
      </c>
      <c r="N19377" s="5" t="s">
        <v>733</v>
      </c>
      <c r="O19377" s="5" t="s">
        <v>38</v>
      </c>
      <c r="P19377" s="5" t="s">
        <v>39</v>
      </c>
      <c r="Q19377" s="5" t="s">
        <v>40</v>
      </c>
      <c r="R19377" s="5" t="s">
        <v>1487</v>
      </c>
      <c r="S19377" s="5"/>
      <c r="T19377" s="5" t="s">
        <v>42</v>
      </c>
      <c r="U19377" s="2">
        <v>0</v>
      </c>
      <c r="V19377" s="2">
        <v>0</v>
      </c>
      <c r="W19377" s="2">
        <v>0</v>
      </c>
      <c r="X19377" s="2">
        <v>0</v>
      </c>
      <c r="Y19377" s="2">
        <v>0</v>
      </c>
      <c r="Z19377" s="2">
        <v>0</v>
      </c>
      <c r="AA19377" s="5"/>
      <c r="AB19377" s="5" t="s">
        <v>43</v>
      </c>
      <c r="AC19377" s="5" t="s">
        <v>735</v>
      </c>
      <c r="AD19377" s="2" t="s">
        <v>60855</v>
      </c>
      <c r="AE19377" s="1"/>
    </row>
    <row r="19378" spans="1:31" ht="14.45">
      <c r="A19378" s="11"/>
      <c r="B19378" s="20"/>
      <c r="C19378" s="2" t="s">
        <v>60856</v>
      </c>
      <c r="D19378" s="14" t="s">
        <v>60857</v>
      </c>
      <c r="E19378" s="2" t="s">
        <v>60858</v>
      </c>
      <c r="F19378" s="2" t="s">
        <v>60859</v>
      </c>
      <c r="G19378" s="8">
        <v>1610</v>
      </c>
      <c r="H19378" s="5">
        <v>5</v>
      </c>
      <c r="I19378" s="5" t="s">
        <v>69</v>
      </c>
      <c r="J19378" s="5" t="s">
        <v>55802</v>
      </c>
      <c r="K19378" s="2" t="s">
        <v>55803</v>
      </c>
      <c r="L19378" s="5" t="s">
        <v>55802</v>
      </c>
      <c r="M19378" s="2" t="s">
        <v>55803</v>
      </c>
      <c r="N19378" s="5" t="s">
        <v>733</v>
      </c>
      <c r="O19378" s="5" t="s">
        <v>38</v>
      </c>
      <c r="P19378" s="5" t="s">
        <v>39</v>
      </c>
      <c r="Q19378" s="5" t="s">
        <v>40</v>
      </c>
      <c r="R19378" s="5" t="s">
        <v>897</v>
      </c>
      <c r="S19378" s="5" t="s">
        <v>40</v>
      </c>
      <c r="T19378" s="5" t="s">
        <v>42</v>
      </c>
      <c r="U19378" s="2">
        <v>91.260999999999996</v>
      </c>
      <c r="V19378" s="2">
        <v>84.826999999999998</v>
      </c>
      <c r="W19378" s="2">
        <v>0.42199999999999999</v>
      </c>
      <c r="X19378" s="2">
        <v>17</v>
      </c>
      <c r="Y19378" s="2">
        <v>142.69999999999999</v>
      </c>
      <c r="Z19378" s="2">
        <v>173.8</v>
      </c>
      <c r="AA19378" s="5">
        <v>7</v>
      </c>
      <c r="AB19378" s="5" t="s">
        <v>43</v>
      </c>
      <c r="AC19378" s="5" t="s">
        <v>735</v>
      </c>
      <c r="AD19378" s="2" t="s">
        <v>60860</v>
      </c>
      <c r="AE19378" s="1"/>
    </row>
    <row r="19379" spans="1:31" ht="14.45">
      <c r="A19379" s="11"/>
      <c r="B19379" s="20"/>
      <c r="C19379" s="2" t="s">
        <v>60861</v>
      </c>
      <c r="D19379" s="14" t="s">
        <v>60862</v>
      </c>
      <c r="E19379" s="2" t="s">
        <v>60863</v>
      </c>
      <c r="F19379" s="2" t="s">
        <v>60864</v>
      </c>
      <c r="G19379" s="8">
        <v>1910</v>
      </c>
      <c r="H19379" s="5">
        <v>5</v>
      </c>
      <c r="I19379" s="5" t="s">
        <v>69</v>
      </c>
      <c r="J19379" s="5" t="s">
        <v>55802</v>
      </c>
      <c r="K19379" s="2" t="s">
        <v>55803</v>
      </c>
      <c r="L19379" s="5" t="s">
        <v>55802</v>
      </c>
      <c r="M19379" s="2" t="s">
        <v>55803</v>
      </c>
      <c r="N19379" s="5" t="s">
        <v>733</v>
      </c>
      <c r="O19379" s="5" t="s">
        <v>38</v>
      </c>
      <c r="P19379" s="5" t="s">
        <v>39</v>
      </c>
      <c r="Q19379" s="5" t="s">
        <v>40</v>
      </c>
      <c r="R19379" s="5" t="s">
        <v>897</v>
      </c>
      <c r="S19379" s="5" t="s">
        <v>40</v>
      </c>
      <c r="T19379" s="5" t="s">
        <v>42</v>
      </c>
      <c r="U19379" s="2">
        <v>93.210999999999999</v>
      </c>
      <c r="V19379" s="2">
        <v>86.619</v>
      </c>
      <c r="W19379" s="2">
        <v>0.42199999999999999</v>
      </c>
      <c r="X19379" s="2">
        <v>17</v>
      </c>
      <c r="Y19379" s="2">
        <v>142.69999999999999</v>
      </c>
      <c r="Z19379" s="2">
        <v>173.8</v>
      </c>
      <c r="AA19379" s="5">
        <v>7</v>
      </c>
      <c r="AB19379" s="5" t="s">
        <v>43</v>
      </c>
      <c r="AC19379" s="5" t="s">
        <v>735</v>
      </c>
      <c r="AD19379" s="2" t="s">
        <v>60865</v>
      </c>
      <c r="AE19379" s="1"/>
    </row>
    <row r="19380" spans="1:31" ht="14.45">
      <c r="A19380" s="11"/>
      <c r="B19380" s="20"/>
      <c r="C19380" s="2" t="s">
        <v>60866</v>
      </c>
      <c r="D19380" s="14" t="s">
        <v>60867</v>
      </c>
      <c r="E19380" s="2" t="s">
        <v>60868</v>
      </c>
      <c r="F19380" s="2" t="s">
        <v>60869</v>
      </c>
      <c r="G19380" s="8">
        <v>1916</v>
      </c>
      <c r="H19380" s="5">
        <v>10</v>
      </c>
      <c r="I19380" s="5" t="s">
        <v>69</v>
      </c>
      <c r="J19380" s="5" t="s">
        <v>55802</v>
      </c>
      <c r="K19380" s="2" t="s">
        <v>55803</v>
      </c>
      <c r="L19380" s="5" t="s">
        <v>55802</v>
      </c>
      <c r="M19380" s="2" t="s">
        <v>55803</v>
      </c>
      <c r="N19380" s="5" t="s">
        <v>733</v>
      </c>
      <c r="O19380" s="5" t="s">
        <v>38</v>
      </c>
      <c r="P19380" s="5" t="s">
        <v>39</v>
      </c>
      <c r="Q19380" s="5" t="s">
        <v>40</v>
      </c>
      <c r="R19380" s="5" t="s">
        <v>897</v>
      </c>
      <c r="S19380" s="5" t="s">
        <v>40</v>
      </c>
      <c r="T19380" s="5" t="s">
        <v>42</v>
      </c>
      <c r="U19380" s="2">
        <v>90.968999999999994</v>
      </c>
      <c r="V19380" s="2">
        <v>84.534999999999997</v>
      </c>
      <c r="W19380" s="2">
        <v>0.42199999999999999</v>
      </c>
      <c r="X19380" s="2">
        <v>17</v>
      </c>
      <c r="Y19380" s="2">
        <v>142.69999999999999</v>
      </c>
      <c r="Z19380" s="2">
        <v>173.8</v>
      </c>
      <c r="AA19380" s="5">
        <v>7</v>
      </c>
      <c r="AB19380" s="5" t="s">
        <v>43</v>
      </c>
      <c r="AC19380" s="5" t="s">
        <v>735</v>
      </c>
      <c r="AD19380" s="2" t="s">
        <v>60870</v>
      </c>
      <c r="AE19380" s="1"/>
    </row>
    <row r="19381" spans="1:31" ht="14.45">
      <c r="A19381" s="11"/>
      <c r="B19381" s="20"/>
      <c r="C19381" s="2" t="s">
        <v>60871</v>
      </c>
      <c r="D19381" s="14" t="s">
        <v>60872</v>
      </c>
      <c r="E19381" s="2" t="s">
        <v>60873</v>
      </c>
      <c r="F19381" s="2" t="s">
        <v>60869</v>
      </c>
      <c r="G19381" s="8">
        <v>2216</v>
      </c>
      <c r="H19381" s="5">
        <v>10</v>
      </c>
      <c r="I19381" s="5" t="s">
        <v>69</v>
      </c>
      <c r="J19381" s="5" t="s">
        <v>55802</v>
      </c>
      <c r="K19381" s="2" t="s">
        <v>55803</v>
      </c>
      <c r="L19381" s="5" t="s">
        <v>55802</v>
      </c>
      <c r="M19381" s="2" t="s">
        <v>55803</v>
      </c>
      <c r="N19381" s="5" t="s">
        <v>733</v>
      </c>
      <c r="O19381" s="5" t="s">
        <v>38</v>
      </c>
      <c r="P19381" s="5" t="s">
        <v>39</v>
      </c>
      <c r="Q19381" s="5" t="s">
        <v>40</v>
      </c>
      <c r="R19381" s="5" t="s">
        <v>897</v>
      </c>
      <c r="S19381" s="5" t="s">
        <v>40</v>
      </c>
      <c r="T19381" s="5" t="s">
        <v>42</v>
      </c>
      <c r="U19381" s="2">
        <v>92.918999999999997</v>
      </c>
      <c r="V19381" s="2">
        <v>86.326999999999998</v>
      </c>
      <c r="W19381" s="2">
        <v>0.42199999999999999</v>
      </c>
      <c r="X19381" s="2">
        <v>17</v>
      </c>
      <c r="Y19381" s="2">
        <v>142.69999999999999</v>
      </c>
      <c r="Z19381" s="2">
        <v>173.8</v>
      </c>
      <c r="AA19381" s="5">
        <v>7</v>
      </c>
      <c r="AB19381" s="5" t="s">
        <v>43</v>
      </c>
      <c r="AC19381" s="5" t="s">
        <v>735</v>
      </c>
      <c r="AD19381" s="2" t="s">
        <v>60874</v>
      </c>
      <c r="AE19381" s="1"/>
    </row>
    <row r="19382" spans="1:31" ht="14.45">
      <c r="A19382" s="11"/>
      <c r="B19382" s="20"/>
      <c r="C19382" s="2" t="s">
        <v>60875</v>
      </c>
      <c r="D19382" s="14" t="s">
        <v>60876</v>
      </c>
      <c r="E19382" s="2" t="s">
        <v>60877</v>
      </c>
      <c r="F19382" s="2" t="s">
        <v>60878</v>
      </c>
      <c r="G19382" s="8">
        <v>1317</v>
      </c>
      <c r="H19382" s="5">
        <v>10</v>
      </c>
      <c r="I19382" s="5" t="s">
        <v>69</v>
      </c>
      <c r="J19382" s="5" t="s">
        <v>55802</v>
      </c>
      <c r="K19382" s="2" t="s">
        <v>55803</v>
      </c>
      <c r="L19382" s="5" t="s">
        <v>55802</v>
      </c>
      <c r="M19382" s="2" t="s">
        <v>55803</v>
      </c>
      <c r="N19382" s="5" t="s">
        <v>733</v>
      </c>
      <c r="O19382" s="5" t="s">
        <v>38</v>
      </c>
      <c r="P19382" s="5" t="s">
        <v>39</v>
      </c>
      <c r="Q19382" s="5" t="s">
        <v>40</v>
      </c>
      <c r="R19382" s="5" t="s">
        <v>897</v>
      </c>
      <c r="S19382" s="5" t="s">
        <v>40</v>
      </c>
      <c r="T19382" s="5" t="s">
        <v>42</v>
      </c>
      <c r="U19382" s="2">
        <v>91.423000000000002</v>
      </c>
      <c r="V19382" s="2">
        <v>84.989000000000004</v>
      </c>
      <c r="W19382" s="2">
        <v>0.42199999999999999</v>
      </c>
      <c r="X19382" s="2">
        <v>17</v>
      </c>
      <c r="Y19382" s="2">
        <v>142.69999999999999</v>
      </c>
      <c r="Z19382" s="2">
        <v>173.8</v>
      </c>
      <c r="AA19382" s="5">
        <v>7</v>
      </c>
      <c r="AB19382" s="5" t="s">
        <v>43</v>
      </c>
      <c r="AC19382" s="5" t="s">
        <v>735</v>
      </c>
      <c r="AD19382" s="2" t="s">
        <v>60879</v>
      </c>
      <c r="AE19382" s="1"/>
    </row>
    <row r="19383" spans="1:31" ht="14.45">
      <c r="A19383" s="11"/>
      <c r="B19383" s="20"/>
      <c r="C19383" s="2" t="s">
        <v>60880</v>
      </c>
      <c r="D19383" s="14" t="s">
        <v>60881</v>
      </c>
      <c r="E19383" s="2" t="s">
        <v>60882</v>
      </c>
      <c r="F19383" s="2" t="s">
        <v>60878</v>
      </c>
      <c r="G19383" s="8">
        <v>1617</v>
      </c>
      <c r="H19383" s="5">
        <v>10</v>
      </c>
      <c r="I19383" s="5" t="s">
        <v>69</v>
      </c>
      <c r="J19383" s="5" t="s">
        <v>55802</v>
      </c>
      <c r="K19383" s="2" t="s">
        <v>55803</v>
      </c>
      <c r="L19383" s="5" t="s">
        <v>55802</v>
      </c>
      <c r="M19383" s="2" t="s">
        <v>55803</v>
      </c>
      <c r="N19383" s="5" t="s">
        <v>733</v>
      </c>
      <c r="O19383" s="5" t="s">
        <v>38</v>
      </c>
      <c r="P19383" s="5" t="s">
        <v>39</v>
      </c>
      <c r="Q19383" s="5" t="s">
        <v>40</v>
      </c>
      <c r="R19383" s="5" t="s">
        <v>897</v>
      </c>
      <c r="S19383" s="5" t="s">
        <v>40</v>
      </c>
      <c r="T19383" s="5" t="s">
        <v>42</v>
      </c>
      <c r="U19383" s="2">
        <v>93.373000000000005</v>
      </c>
      <c r="V19383" s="2">
        <v>86.781000000000006</v>
      </c>
      <c r="W19383" s="2">
        <v>0.42199999999999999</v>
      </c>
      <c r="X19383" s="2">
        <v>17</v>
      </c>
      <c r="Y19383" s="2">
        <v>142.69999999999999</v>
      </c>
      <c r="Z19383" s="2">
        <v>173.8</v>
      </c>
      <c r="AA19383" s="5">
        <v>7</v>
      </c>
      <c r="AB19383" s="5" t="s">
        <v>43</v>
      </c>
      <c r="AC19383" s="5" t="s">
        <v>735</v>
      </c>
      <c r="AD19383" s="2" t="s">
        <v>60883</v>
      </c>
      <c r="AE19383" s="1"/>
    </row>
    <row r="19384" spans="1:31" ht="14.45">
      <c r="A19384" s="11"/>
      <c r="B19384" s="20"/>
      <c r="C19384" s="2" t="s">
        <v>60884</v>
      </c>
      <c r="D19384" s="14" t="s">
        <v>60885</v>
      </c>
      <c r="E19384" s="2" t="s">
        <v>60886</v>
      </c>
      <c r="F19384" s="2" t="s">
        <v>60887</v>
      </c>
      <c r="G19384" s="8">
        <v>947</v>
      </c>
      <c r="H19384" s="5">
        <v>5</v>
      </c>
      <c r="I19384" s="5" t="s">
        <v>69</v>
      </c>
      <c r="J19384" s="5" t="s">
        <v>55802</v>
      </c>
      <c r="K19384" s="2" t="s">
        <v>55803</v>
      </c>
      <c r="L19384" s="5" t="s">
        <v>55802</v>
      </c>
      <c r="M19384" s="2" t="s">
        <v>55803</v>
      </c>
      <c r="N19384" s="5" t="s">
        <v>733</v>
      </c>
      <c r="O19384" s="5" t="s">
        <v>38</v>
      </c>
      <c r="P19384" s="5" t="s">
        <v>39</v>
      </c>
      <c r="Q19384" s="5" t="s">
        <v>40</v>
      </c>
      <c r="R19384" s="5" t="s">
        <v>897</v>
      </c>
      <c r="S19384" s="5" t="s">
        <v>40</v>
      </c>
      <c r="T19384" s="5" t="s">
        <v>42</v>
      </c>
      <c r="U19384" s="2">
        <v>77.954999999999998</v>
      </c>
      <c r="V19384" s="2">
        <v>71.671000000000006</v>
      </c>
      <c r="W19384" s="2">
        <v>0.42199999999999999</v>
      </c>
      <c r="X19384" s="2">
        <v>17</v>
      </c>
      <c r="Y19384" s="2">
        <v>142.69999999999999</v>
      </c>
      <c r="Z19384" s="2">
        <v>173.8</v>
      </c>
      <c r="AA19384" s="5">
        <v>7</v>
      </c>
      <c r="AB19384" s="5" t="s">
        <v>43</v>
      </c>
      <c r="AC19384" s="5" t="s">
        <v>735</v>
      </c>
      <c r="AD19384" s="2" t="s">
        <v>60888</v>
      </c>
      <c r="AE19384" s="1"/>
    </row>
    <row r="19385" spans="1:31" ht="14.45">
      <c r="A19385" s="11"/>
      <c r="B19385" s="20"/>
      <c r="C19385" s="2" t="s">
        <v>60889</v>
      </c>
      <c r="D19385" s="14" t="s">
        <v>60890</v>
      </c>
      <c r="E19385" s="2" t="s">
        <v>60891</v>
      </c>
      <c r="F19385" s="2" t="s">
        <v>60887</v>
      </c>
      <c r="G19385" s="8">
        <v>1247</v>
      </c>
      <c r="H19385" s="5">
        <v>5</v>
      </c>
      <c r="I19385" s="5" t="s">
        <v>69</v>
      </c>
      <c r="J19385" s="5" t="s">
        <v>55802</v>
      </c>
      <c r="K19385" s="2" t="s">
        <v>55803</v>
      </c>
      <c r="L19385" s="5" t="s">
        <v>55802</v>
      </c>
      <c r="M19385" s="2" t="s">
        <v>55803</v>
      </c>
      <c r="N19385" s="5" t="s">
        <v>733</v>
      </c>
      <c r="O19385" s="5" t="s">
        <v>38</v>
      </c>
      <c r="P19385" s="5" t="s">
        <v>39</v>
      </c>
      <c r="Q19385" s="5" t="s">
        <v>40</v>
      </c>
      <c r="R19385" s="5" t="s">
        <v>897</v>
      </c>
      <c r="S19385" s="5" t="s">
        <v>40</v>
      </c>
      <c r="T19385" s="5" t="s">
        <v>42</v>
      </c>
      <c r="U19385" s="2">
        <v>79.92</v>
      </c>
      <c r="V19385" s="2">
        <v>73.468999999999994</v>
      </c>
      <c r="W19385" s="2">
        <v>0.42199999999999999</v>
      </c>
      <c r="X19385" s="2">
        <v>17</v>
      </c>
      <c r="Y19385" s="2">
        <v>142.69999999999999</v>
      </c>
      <c r="Z19385" s="2">
        <v>173.8</v>
      </c>
      <c r="AA19385" s="5">
        <v>7</v>
      </c>
      <c r="AB19385" s="5" t="s">
        <v>43</v>
      </c>
      <c r="AC19385" s="5" t="s">
        <v>735</v>
      </c>
      <c r="AD19385" s="2" t="s">
        <v>60892</v>
      </c>
      <c r="AE19385" s="1"/>
    </row>
    <row r="19386" spans="1:31" ht="14.45">
      <c r="A19386" s="11"/>
      <c r="B19386" s="20"/>
      <c r="C19386" s="2" t="s">
        <v>60893</v>
      </c>
      <c r="D19386" s="14" t="s">
        <v>60894</v>
      </c>
      <c r="E19386" s="2" t="s">
        <v>60895</v>
      </c>
      <c r="F19386" s="2" t="s">
        <v>60887</v>
      </c>
      <c r="G19386" s="8">
        <v>1247</v>
      </c>
      <c r="H19386" s="5">
        <v>5</v>
      </c>
      <c r="I19386" s="5" t="s">
        <v>69</v>
      </c>
      <c r="J19386" s="5" t="s">
        <v>55802</v>
      </c>
      <c r="K19386" s="2" t="s">
        <v>55803</v>
      </c>
      <c r="L19386" s="5" t="s">
        <v>55802</v>
      </c>
      <c r="M19386" s="2" t="s">
        <v>55803</v>
      </c>
      <c r="N19386" s="5" t="s">
        <v>733</v>
      </c>
      <c r="O19386" s="5" t="s">
        <v>38</v>
      </c>
      <c r="P19386" s="5" t="s">
        <v>39</v>
      </c>
      <c r="Q19386" s="5" t="s">
        <v>40</v>
      </c>
      <c r="R19386" s="5" t="s">
        <v>897</v>
      </c>
      <c r="S19386" s="5" t="s">
        <v>40</v>
      </c>
      <c r="T19386" s="5" t="s">
        <v>42</v>
      </c>
      <c r="U19386" s="2">
        <v>79.903999999999996</v>
      </c>
      <c r="V19386" s="2">
        <v>73.119</v>
      </c>
      <c r="W19386" s="2">
        <v>0.42199999999999999</v>
      </c>
      <c r="X19386" s="2">
        <v>17</v>
      </c>
      <c r="Y19386" s="2">
        <v>142.69999999999999</v>
      </c>
      <c r="Z19386" s="2">
        <v>173.8</v>
      </c>
      <c r="AA19386" s="5">
        <v>7</v>
      </c>
      <c r="AB19386" s="5" t="s">
        <v>43</v>
      </c>
      <c r="AC19386" s="5" t="s">
        <v>735</v>
      </c>
      <c r="AD19386" s="2" t="s">
        <v>60896</v>
      </c>
      <c r="AE19386" s="1"/>
    </row>
    <row r="19387" spans="1:31" ht="14.45">
      <c r="A19387" s="11"/>
      <c r="B19387" s="20"/>
      <c r="C19387" s="2" t="s">
        <v>60897</v>
      </c>
      <c r="D19387" s="14" t="s">
        <v>60898</v>
      </c>
      <c r="E19387" s="2" t="s">
        <v>60899</v>
      </c>
      <c r="F19387" s="2" t="s">
        <v>60900</v>
      </c>
      <c r="G19387" s="8">
        <v>1581</v>
      </c>
      <c r="H19387" s="5">
        <v>15</v>
      </c>
      <c r="I19387" s="5" t="s">
        <v>69</v>
      </c>
      <c r="J19387" s="5" t="s">
        <v>55802</v>
      </c>
      <c r="K19387" s="2" t="s">
        <v>55803</v>
      </c>
      <c r="L19387" s="5" t="s">
        <v>55802</v>
      </c>
      <c r="M19387" s="2" t="s">
        <v>55803</v>
      </c>
      <c r="N19387" s="5" t="s">
        <v>733</v>
      </c>
      <c r="O19387" s="5" t="s">
        <v>38</v>
      </c>
      <c r="P19387" s="5" t="s">
        <v>39</v>
      </c>
      <c r="Q19387" s="5" t="s">
        <v>40</v>
      </c>
      <c r="R19387" s="5" t="s">
        <v>897</v>
      </c>
      <c r="S19387" s="5" t="s">
        <v>40</v>
      </c>
      <c r="T19387" s="5" t="s">
        <v>42</v>
      </c>
      <c r="U19387" s="2">
        <v>80.183999999999997</v>
      </c>
      <c r="V19387" s="2">
        <v>73.769000000000005</v>
      </c>
      <c r="W19387" s="2">
        <v>0.42199999999999999</v>
      </c>
      <c r="X19387" s="2">
        <v>17</v>
      </c>
      <c r="Y19387" s="2">
        <v>142.69999999999999</v>
      </c>
      <c r="Z19387" s="2">
        <v>173.8</v>
      </c>
      <c r="AA19387" s="5">
        <v>7</v>
      </c>
      <c r="AB19387" s="5" t="s">
        <v>43</v>
      </c>
      <c r="AC19387" s="5" t="s">
        <v>735</v>
      </c>
      <c r="AD19387" s="2" t="s">
        <v>60901</v>
      </c>
      <c r="AE19387" s="1"/>
    </row>
    <row r="19388" spans="1:31" ht="14.45">
      <c r="A19388" s="11"/>
      <c r="B19388" s="20"/>
      <c r="C19388" s="2" t="s">
        <v>60902</v>
      </c>
      <c r="D19388" s="14" t="s">
        <v>60903</v>
      </c>
      <c r="E19388" s="2" t="s">
        <v>60904</v>
      </c>
      <c r="F19388" s="2" t="s">
        <v>60905</v>
      </c>
      <c r="G19388" s="8">
        <v>1418</v>
      </c>
      <c r="H19388" s="5">
        <v>10</v>
      </c>
      <c r="I19388" s="5" t="s">
        <v>69</v>
      </c>
      <c r="J19388" s="5" t="s">
        <v>55802</v>
      </c>
      <c r="K19388" s="2" t="s">
        <v>55803</v>
      </c>
      <c r="L19388" s="5" t="s">
        <v>55802</v>
      </c>
      <c r="M19388" s="2" t="s">
        <v>55803</v>
      </c>
      <c r="N19388" s="5" t="s">
        <v>733</v>
      </c>
      <c r="O19388" s="5" t="s">
        <v>38</v>
      </c>
      <c r="P19388" s="5" t="s">
        <v>39</v>
      </c>
      <c r="Q19388" s="5" t="s">
        <v>40</v>
      </c>
      <c r="R19388" s="5" t="s">
        <v>897</v>
      </c>
      <c r="S19388" s="5" t="s">
        <v>40</v>
      </c>
      <c r="T19388" s="5" t="s">
        <v>42</v>
      </c>
      <c r="U19388" s="2">
        <v>91.174000000000007</v>
      </c>
      <c r="V19388" s="2">
        <v>84.74</v>
      </c>
      <c r="W19388" s="2">
        <v>0.42199999999999999</v>
      </c>
      <c r="X19388" s="2">
        <v>17</v>
      </c>
      <c r="Y19388" s="2">
        <v>142.69999999999999</v>
      </c>
      <c r="Z19388" s="2">
        <v>173.8</v>
      </c>
      <c r="AA19388" s="5">
        <v>7</v>
      </c>
      <c r="AB19388" s="5" t="s">
        <v>43</v>
      </c>
      <c r="AC19388" s="5" t="s">
        <v>735</v>
      </c>
      <c r="AD19388" s="2" t="s">
        <v>60906</v>
      </c>
      <c r="AE19388" s="1"/>
    </row>
    <row r="19389" spans="1:31" ht="14.45">
      <c r="A19389" s="11"/>
      <c r="B19389" s="20"/>
      <c r="C19389" s="2" t="s">
        <v>60907</v>
      </c>
      <c r="D19389" s="14" t="s">
        <v>60908</v>
      </c>
      <c r="E19389" s="2" t="s">
        <v>60909</v>
      </c>
      <c r="F19389" s="2" t="s">
        <v>60905</v>
      </c>
      <c r="G19389" s="8">
        <v>1718</v>
      </c>
      <c r="H19389" s="5">
        <v>10</v>
      </c>
      <c r="I19389" s="5" t="s">
        <v>69</v>
      </c>
      <c r="J19389" s="5" t="s">
        <v>55802</v>
      </c>
      <c r="K19389" s="2" t="s">
        <v>55803</v>
      </c>
      <c r="L19389" s="5" t="s">
        <v>55802</v>
      </c>
      <c r="M19389" s="2" t="s">
        <v>55803</v>
      </c>
      <c r="N19389" s="5" t="s">
        <v>733</v>
      </c>
      <c r="O19389" s="5" t="s">
        <v>38</v>
      </c>
      <c r="P19389" s="5" t="s">
        <v>39</v>
      </c>
      <c r="Q19389" s="5" t="s">
        <v>40</v>
      </c>
      <c r="R19389" s="5" t="s">
        <v>897</v>
      </c>
      <c r="S19389" s="5" t="s">
        <v>40</v>
      </c>
      <c r="T19389" s="5" t="s">
        <v>42</v>
      </c>
      <c r="U19389" s="2">
        <v>93.123999999999995</v>
      </c>
      <c r="V19389" s="2">
        <v>86.531999999999996</v>
      </c>
      <c r="W19389" s="2">
        <v>0.42199999999999999</v>
      </c>
      <c r="X19389" s="2">
        <v>17</v>
      </c>
      <c r="Y19389" s="2">
        <v>142.69999999999999</v>
      </c>
      <c r="Z19389" s="2">
        <v>173.8</v>
      </c>
      <c r="AA19389" s="5">
        <v>7</v>
      </c>
      <c r="AB19389" s="5" t="s">
        <v>43</v>
      </c>
      <c r="AC19389" s="5" t="s">
        <v>735</v>
      </c>
      <c r="AD19389" s="2" t="s">
        <v>60910</v>
      </c>
      <c r="AE19389" s="1"/>
    </row>
    <row r="19390" spans="1:31" ht="14.45">
      <c r="A19390" s="11"/>
      <c r="B19390" s="20"/>
      <c r="C19390" s="2" t="s">
        <v>60911</v>
      </c>
      <c r="D19390" s="14" t="s">
        <v>60912</v>
      </c>
      <c r="E19390" s="2" t="s">
        <v>60913</v>
      </c>
      <c r="F19390" s="2" t="s">
        <v>60905</v>
      </c>
      <c r="G19390" s="8">
        <v>1718</v>
      </c>
      <c r="H19390" s="5">
        <v>5</v>
      </c>
      <c r="I19390" s="5" t="s">
        <v>69</v>
      </c>
      <c r="J19390" s="5" t="s">
        <v>55802</v>
      </c>
      <c r="K19390" s="2" t="s">
        <v>55803</v>
      </c>
      <c r="L19390" s="5" t="s">
        <v>55802</v>
      </c>
      <c r="M19390" s="2" t="s">
        <v>55803</v>
      </c>
      <c r="N19390" s="5" t="s">
        <v>733</v>
      </c>
      <c r="O19390" s="5" t="s">
        <v>38</v>
      </c>
      <c r="P19390" s="5" t="s">
        <v>39</v>
      </c>
      <c r="Q19390" s="5" t="s">
        <v>40</v>
      </c>
      <c r="R19390" s="5" t="s">
        <v>897</v>
      </c>
      <c r="S19390" s="5" t="s">
        <v>40</v>
      </c>
      <c r="T19390" s="5" t="s">
        <v>42</v>
      </c>
      <c r="U19390" s="2">
        <v>93.575999999999993</v>
      </c>
      <c r="V19390" s="2">
        <v>86.808000000000007</v>
      </c>
      <c r="W19390" s="2">
        <v>0.42199999999999999</v>
      </c>
      <c r="X19390" s="2">
        <v>17</v>
      </c>
      <c r="Y19390" s="2">
        <v>142.69999999999999</v>
      </c>
      <c r="Z19390" s="2">
        <v>173.8</v>
      </c>
      <c r="AA19390" s="5">
        <v>7</v>
      </c>
      <c r="AB19390" s="5" t="s">
        <v>43</v>
      </c>
      <c r="AC19390" s="5" t="s">
        <v>735</v>
      </c>
      <c r="AD19390" s="2" t="s">
        <v>60914</v>
      </c>
      <c r="AE19390" s="1"/>
    </row>
    <row r="19391" spans="1:31" ht="14.45">
      <c r="A19391" s="11"/>
      <c r="B19391" s="20"/>
      <c r="C19391" s="2" t="s">
        <v>60915</v>
      </c>
      <c r="D19391" s="14" t="s">
        <v>60916</v>
      </c>
      <c r="E19391" s="2" t="s">
        <v>60917</v>
      </c>
      <c r="F19391" s="2" t="s">
        <v>60918</v>
      </c>
      <c r="G19391" s="8">
        <v>1715</v>
      </c>
      <c r="H19391" s="5">
        <v>10</v>
      </c>
      <c r="I19391" s="5" t="s">
        <v>69</v>
      </c>
      <c r="J19391" s="5" t="s">
        <v>55802</v>
      </c>
      <c r="K19391" s="2" t="s">
        <v>55803</v>
      </c>
      <c r="L19391" s="5" t="s">
        <v>55802</v>
      </c>
      <c r="M19391" s="2" t="s">
        <v>55803</v>
      </c>
      <c r="N19391" s="5" t="s">
        <v>733</v>
      </c>
      <c r="O19391" s="5" t="s">
        <v>38</v>
      </c>
      <c r="P19391" s="5" t="s">
        <v>39</v>
      </c>
      <c r="Q19391" s="5" t="s">
        <v>40</v>
      </c>
      <c r="R19391" s="5" t="s">
        <v>897</v>
      </c>
      <c r="S19391" s="5" t="s">
        <v>40</v>
      </c>
      <c r="T19391" s="5" t="s">
        <v>42</v>
      </c>
      <c r="U19391" s="2">
        <v>84.195999999999998</v>
      </c>
      <c r="V19391" s="2">
        <v>77.587000000000003</v>
      </c>
      <c r="W19391" s="2">
        <v>0.42199999999999999</v>
      </c>
      <c r="X19391" s="2">
        <v>17</v>
      </c>
      <c r="Y19391" s="2">
        <v>142.69999999999999</v>
      </c>
      <c r="Z19391" s="2">
        <v>173.8</v>
      </c>
      <c r="AA19391" s="5">
        <v>7</v>
      </c>
      <c r="AB19391" s="5" t="s">
        <v>43</v>
      </c>
      <c r="AC19391" s="5" t="s">
        <v>735</v>
      </c>
      <c r="AD19391" s="2" t="s">
        <v>60919</v>
      </c>
      <c r="AE19391" s="1"/>
    </row>
    <row r="19392" spans="1:31" ht="14.45">
      <c r="A19392" s="11"/>
      <c r="B19392" s="20"/>
      <c r="C19392" s="2" t="s">
        <v>60920</v>
      </c>
      <c r="D19392" s="14" t="s">
        <v>60921</v>
      </c>
      <c r="E19392" s="2" t="s">
        <v>60922</v>
      </c>
      <c r="F19392" s="2" t="s">
        <v>60923</v>
      </c>
      <c r="G19392" s="8">
        <v>1886</v>
      </c>
      <c r="H19392" s="5">
        <v>10</v>
      </c>
      <c r="I19392" s="5" t="s">
        <v>69</v>
      </c>
      <c r="J19392" s="5" t="s">
        <v>55802</v>
      </c>
      <c r="K19392" s="2" t="s">
        <v>55803</v>
      </c>
      <c r="L19392" s="5" t="s">
        <v>55802</v>
      </c>
      <c r="M19392" s="2" t="s">
        <v>55803</v>
      </c>
      <c r="N19392" s="5" t="s">
        <v>733</v>
      </c>
      <c r="O19392" s="5" t="s">
        <v>38</v>
      </c>
      <c r="P19392" s="5" t="s">
        <v>39</v>
      </c>
      <c r="Q19392" s="5" t="s">
        <v>40</v>
      </c>
      <c r="R19392" s="5" t="s">
        <v>897</v>
      </c>
      <c r="S19392" s="5" t="s">
        <v>40</v>
      </c>
      <c r="T19392" s="5" t="s">
        <v>42</v>
      </c>
      <c r="U19392" s="2">
        <v>98.471999999999994</v>
      </c>
      <c r="V19392" s="2">
        <v>92.006</v>
      </c>
      <c r="W19392" s="2">
        <v>0.42199999999999999</v>
      </c>
      <c r="X19392" s="2">
        <v>17</v>
      </c>
      <c r="Y19392" s="2">
        <v>142.69999999999999</v>
      </c>
      <c r="Z19392" s="2">
        <v>173.8</v>
      </c>
      <c r="AA19392" s="5">
        <v>7</v>
      </c>
      <c r="AB19392" s="5" t="s">
        <v>43</v>
      </c>
      <c r="AC19392" s="5" t="s">
        <v>735</v>
      </c>
      <c r="AD19392" s="2" t="s">
        <v>60924</v>
      </c>
      <c r="AE19392" s="1"/>
    </row>
    <row r="19393" spans="1:31" ht="14.45">
      <c r="A19393" s="11"/>
      <c r="B19393" s="20"/>
      <c r="C19393" s="2" t="s">
        <v>60925</v>
      </c>
      <c r="D19393" s="14" t="s">
        <v>60926</v>
      </c>
      <c r="E19393" s="2" t="s">
        <v>60927</v>
      </c>
      <c r="F19393" s="2" t="s">
        <v>60923</v>
      </c>
      <c r="G19393" s="8">
        <v>2186</v>
      </c>
      <c r="H19393" s="5">
        <v>10</v>
      </c>
      <c r="I19393" s="5" t="s">
        <v>69</v>
      </c>
      <c r="J19393" s="5" t="s">
        <v>55802</v>
      </c>
      <c r="K19393" s="2" t="s">
        <v>55803</v>
      </c>
      <c r="L19393" s="5" t="s">
        <v>55802</v>
      </c>
      <c r="M19393" s="2" t="s">
        <v>55803</v>
      </c>
      <c r="N19393" s="5" t="s">
        <v>733</v>
      </c>
      <c r="O19393" s="5" t="s">
        <v>38</v>
      </c>
      <c r="P19393" s="5" t="s">
        <v>39</v>
      </c>
      <c r="Q19393" s="5" t="s">
        <v>40</v>
      </c>
      <c r="R19393" s="5" t="s">
        <v>897</v>
      </c>
      <c r="S19393" s="5" t="s">
        <v>40</v>
      </c>
      <c r="T19393" s="5" t="s">
        <v>42</v>
      </c>
      <c r="U19393" s="2">
        <v>97.79</v>
      </c>
      <c r="V19393" s="2">
        <v>91.197999999999993</v>
      </c>
      <c r="W19393" s="2">
        <v>0.42199999999999999</v>
      </c>
      <c r="X19393" s="2">
        <v>17</v>
      </c>
      <c r="Y19393" s="2">
        <v>142.69999999999999</v>
      </c>
      <c r="Z19393" s="2">
        <v>173.8</v>
      </c>
      <c r="AA19393" s="5">
        <v>7</v>
      </c>
      <c r="AB19393" s="5" t="s">
        <v>43</v>
      </c>
      <c r="AC19393" s="5" t="s">
        <v>735</v>
      </c>
      <c r="AD19393" s="2" t="s">
        <v>60928</v>
      </c>
      <c r="AE19393" s="1"/>
    </row>
    <row r="19394" spans="1:31" ht="14.45">
      <c r="A19394" s="11"/>
      <c r="B19394" s="20"/>
      <c r="C19394" s="2" t="s">
        <v>60929</v>
      </c>
      <c r="D19394" s="14" t="s">
        <v>60930</v>
      </c>
      <c r="E19394" s="2" t="s">
        <v>60931</v>
      </c>
      <c r="F19394" s="2" t="s">
        <v>60932</v>
      </c>
      <c r="G19394" s="8">
        <v>2078</v>
      </c>
      <c r="H19394" s="5">
        <v>10</v>
      </c>
      <c r="I19394" s="5" t="s">
        <v>69</v>
      </c>
      <c r="J19394" s="5" t="s">
        <v>55802</v>
      </c>
      <c r="K19394" s="2" t="s">
        <v>55803</v>
      </c>
      <c r="L19394" s="5" t="s">
        <v>55802</v>
      </c>
      <c r="M19394" s="2" t="s">
        <v>55803</v>
      </c>
      <c r="N19394" s="5" t="s">
        <v>733</v>
      </c>
      <c r="O19394" s="5" t="s">
        <v>38</v>
      </c>
      <c r="P19394" s="5" t="s">
        <v>39</v>
      </c>
      <c r="Q19394" s="5" t="s">
        <v>40</v>
      </c>
      <c r="R19394" s="5" t="s">
        <v>897</v>
      </c>
      <c r="S19394" s="5" t="s">
        <v>40</v>
      </c>
      <c r="T19394" s="5" t="s">
        <v>42</v>
      </c>
      <c r="U19394" s="2">
        <v>97.27</v>
      </c>
      <c r="V19394" s="2">
        <v>90.804000000000002</v>
      </c>
      <c r="W19394" s="2">
        <v>0.42199999999999999</v>
      </c>
      <c r="X19394" s="2">
        <v>17</v>
      </c>
      <c r="Y19394" s="2">
        <v>142.69999999999999</v>
      </c>
      <c r="Z19394" s="2">
        <v>173.8</v>
      </c>
      <c r="AA19394" s="5">
        <v>7</v>
      </c>
      <c r="AB19394" s="5" t="s">
        <v>43</v>
      </c>
      <c r="AC19394" s="5" t="s">
        <v>735</v>
      </c>
      <c r="AD19394" s="2" t="s">
        <v>60933</v>
      </c>
      <c r="AE19394" s="1"/>
    </row>
    <row r="19395" spans="1:31" ht="14.45">
      <c r="A19395" s="11"/>
      <c r="B19395" s="20"/>
      <c r="C19395" s="2" t="s">
        <v>60934</v>
      </c>
      <c r="D19395" s="14" t="s">
        <v>60935</v>
      </c>
      <c r="E19395" s="2" t="s">
        <v>60936</v>
      </c>
      <c r="F19395" s="2" t="s">
        <v>60937</v>
      </c>
      <c r="G19395" s="8">
        <v>1886</v>
      </c>
      <c r="H19395" s="5">
        <v>10</v>
      </c>
      <c r="I19395" s="5" t="s">
        <v>69</v>
      </c>
      <c r="J19395" s="5" t="s">
        <v>55802</v>
      </c>
      <c r="K19395" s="2" t="s">
        <v>55803</v>
      </c>
      <c r="L19395" s="5" t="s">
        <v>55802</v>
      </c>
      <c r="M19395" s="2" t="s">
        <v>55803</v>
      </c>
      <c r="N19395" s="5" t="s">
        <v>733</v>
      </c>
      <c r="O19395" s="5" t="s">
        <v>38</v>
      </c>
      <c r="P19395" s="5" t="s">
        <v>39</v>
      </c>
      <c r="Q19395" s="5" t="s">
        <v>40</v>
      </c>
      <c r="R19395" s="5" t="s">
        <v>897</v>
      </c>
      <c r="S19395" s="5" t="s">
        <v>40</v>
      </c>
      <c r="T19395" s="5" t="s">
        <v>42</v>
      </c>
      <c r="U19395" s="2">
        <v>97.183000000000007</v>
      </c>
      <c r="V19395" s="2">
        <v>90.716999999999999</v>
      </c>
      <c r="W19395" s="2">
        <v>0.42199999999999999</v>
      </c>
      <c r="X19395" s="2">
        <v>17</v>
      </c>
      <c r="Y19395" s="2">
        <v>142.69999999999999</v>
      </c>
      <c r="Z19395" s="2">
        <v>173.8</v>
      </c>
      <c r="AA19395" s="5">
        <v>7</v>
      </c>
      <c r="AB19395" s="5" t="s">
        <v>43</v>
      </c>
      <c r="AC19395" s="5" t="s">
        <v>735</v>
      </c>
      <c r="AD19395" s="2" t="s">
        <v>60938</v>
      </c>
      <c r="AE19395" s="1"/>
    </row>
    <row r="19396" spans="1:31" ht="14.45">
      <c r="A19396" s="11"/>
      <c r="B19396" s="20"/>
      <c r="C19396" s="2" t="s">
        <v>60939</v>
      </c>
      <c r="D19396" s="14" t="s">
        <v>60940</v>
      </c>
      <c r="E19396" s="2" t="s">
        <v>60941</v>
      </c>
      <c r="F19396" s="2" t="s">
        <v>60942</v>
      </c>
      <c r="G19396" s="8">
        <v>1610</v>
      </c>
      <c r="H19396" s="5">
        <v>5</v>
      </c>
      <c r="I19396" s="5" t="s">
        <v>69</v>
      </c>
      <c r="J19396" s="5" t="s">
        <v>55802</v>
      </c>
      <c r="K19396" s="2" t="s">
        <v>55803</v>
      </c>
      <c r="L19396" s="5" t="s">
        <v>55802</v>
      </c>
      <c r="M19396" s="2" t="s">
        <v>55803</v>
      </c>
      <c r="N19396" s="5" t="s">
        <v>733</v>
      </c>
      <c r="O19396" s="5" t="s">
        <v>38</v>
      </c>
      <c r="P19396" s="5" t="s">
        <v>39</v>
      </c>
      <c r="Q19396" s="5" t="s">
        <v>40</v>
      </c>
      <c r="R19396" s="5" t="s">
        <v>897</v>
      </c>
      <c r="S19396" s="5" t="s">
        <v>40</v>
      </c>
      <c r="T19396" s="5" t="s">
        <v>42</v>
      </c>
      <c r="U19396" s="2">
        <v>91.296999999999997</v>
      </c>
      <c r="V19396" s="2">
        <v>84.863</v>
      </c>
      <c r="W19396" s="2">
        <v>0.42199999999999999</v>
      </c>
      <c r="X19396" s="2">
        <v>17</v>
      </c>
      <c r="Y19396" s="2">
        <v>142.69999999999999</v>
      </c>
      <c r="Z19396" s="2">
        <v>173.8</v>
      </c>
      <c r="AA19396" s="5">
        <v>7</v>
      </c>
      <c r="AB19396" s="5" t="s">
        <v>43</v>
      </c>
      <c r="AC19396" s="5" t="s">
        <v>735</v>
      </c>
      <c r="AD19396" s="2" t="s">
        <v>60943</v>
      </c>
      <c r="AE19396" s="1"/>
    </row>
    <row r="19397" spans="1:31" ht="14.45">
      <c r="A19397" s="11"/>
      <c r="B19397" s="20"/>
      <c r="C19397" s="2" t="s">
        <v>60944</v>
      </c>
      <c r="D19397" s="14" t="s">
        <v>60945</v>
      </c>
      <c r="E19397" s="2" t="s">
        <v>60946</v>
      </c>
      <c r="F19397" s="2" t="s">
        <v>60947</v>
      </c>
      <c r="G19397" s="8">
        <v>1910</v>
      </c>
      <c r="H19397" s="5">
        <v>10</v>
      </c>
      <c r="I19397" s="5" t="s">
        <v>69</v>
      </c>
      <c r="J19397" s="5" t="s">
        <v>55802</v>
      </c>
      <c r="K19397" s="2" t="s">
        <v>55803</v>
      </c>
      <c r="L19397" s="5" t="s">
        <v>55802</v>
      </c>
      <c r="M19397" s="2" t="s">
        <v>55803</v>
      </c>
      <c r="N19397" s="5" t="s">
        <v>733</v>
      </c>
      <c r="O19397" s="5" t="s">
        <v>38</v>
      </c>
      <c r="P19397" s="5" t="s">
        <v>39</v>
      </c>
      <c r="Q19397" s="5" t="s">
        <v>40</v>
      </c>
      <c r="R19397" s="5" t="s">
        <v>897</v>
      </c>
      <c r="S19397" s="5" t="s">
        <v>40</v>
      </c>
      <c r="T19397" s="5" t="s">
        <v>42</v>
      </c>
      <c r="U19397" s="2">
        <v>93.247</v>
      </c>
      <c r="V19397" s="2">
        <v>86.655000000000001</v>
      </c>
      <c r="W19397" s="2">
        <v>0.42199999999999999</v>
      </c>
      <c r="X19397" s="2">
        <v>17</v>
      </c>
      <c r="Y19397" s="2">
        <v>142.69999999999999</v>
      </c>
      <c r="Z19397" s="2">
        <v>173.8</v>
      </c>
      <c r="AA19397" s="5">
        <v>7</v>
      </c>
      <c r="AB19397" s="5" t="s">
        <v>43</v>
      </c>
      <c r="AC19397" s="5" t="s">
        <v>735</v>
      </c>
      <c r="AD19397" s="2" t="s">
        <v>60948</v>
      </c>
      <c r="AE19397" s="1"/>
    </row>
    <row r="19398" spans="1:31" ht="14.45">
      <c r="A19398" s="11"/>
      <c r="B19398" s="20"/>
      <c r="C19398" s="2" t="s">
        <v>60949</v>
      </c>
      <c r="D19398" s="14" t="s">
        <v>60950</v>
      </c>
      <c r="E19398" s="2" t="s">
        <v>60951</v>
      </c>
      <c r="F19398" s="2" t="s">
        <v>60952</v>
      </c>
      <c r="G19398" s="8">
        <v>2216</v>
      </c>
      <c r="H19398" s="5">
        <v>10</v>
      </c>
      <c r="I19398" s="5" t="s">
        <v>69</v>
      </c>
      <c r="J19398" s="5" t="s">
        <v>55802</v>
      </c>
      <c r="K19398" s="2" t="s">
        <v>55803</v>
      </c>
      <c r="L19398" s="5" t="s">
        <v>55802</v>
      </c>
      <c r="M19398" s="2" t="s">
        <v>55803</v>
      </c>
      <c r="N19398" s="5" t="s">
        <v>733</v>
      </c>
      <c r="O19398" s="5" t="s">
        <v>38</v>
      </c>
      <c r="P19398" s="5" t="s">
        <v>39</v>
      </c>
      <c r="Q19398" s="5" t="s">
        <v>40</v>
      </c>
      <c r="R19398" s="5" t="s">
        <v>897</v>
      </c>
      <c r="S19398" s="5" t="s">
        <v>40</v>
      </c>
      <c r="T19398" s="5" t="s">
        <v>42</v>
      </c>
      <c r="U19398" s="2">
        <v>92.954999999999998</v>
      </c>
      <c r="V19398" s="2">
        <v>86.363</v>
      </c>
      <c r="W19398" s="2">
        <v>0.42199999999999999</v>
      </c>
      <c r="X19398" s="2">
        <v>17</v>
      </c>
      <c r="Y19398" s="2">
        <v>142.69999999999999</v>
      </c>
      <c r="Z19398" s="2">
        <v>173.8</v>
      </c>
      <c r="AA19398" s="5">
        <v>7</v>
      </c>
      <c r="AB19398" s="5" t="s">
        <v>43</v>
      </c>
      <c r="AC19398" s="5" t="s">
        <v>735</v>
      </c>
      <c r="AD19398" s="2" t="s">
        <v>60953</v>
      </c>
      <c r="AE19398" s="1"/>
    </row>
    <row r="19399" spans="1:31" ht="14.45">
      <c r="A19399" s="11"/>
      <c r="B19399" s="20"/>
      <c r="C19399" s="2" t="s">
        <v>60954</v>
      </c>
      <c r="D19399" s="14" t="s">
        <v>60955</v>
      </c>
      <c r="E19399" s="2" t="s">
        <v>60956</v>
      </c>
      <c r="F19399" s="2" t="s">
        <v>60957</v>
      </c>
      <c r="G19399" s="8">
        <v>1617</v>
      </c>
      <c r="H19399" s="5">
        <v>10</v>
      </c>
      <c r="I19399" s="5" t="s">
        <v>69</v>
      </c>
      <c r="J19399" s="5" t="s">
        <v>55802</v>
      </c>
      <c r="K19399" s="2" t="s">
        <v>55803</v>
      </c>
      <c r="L19399" s="5" t="s">
        <v>55802</v>
      </c>
      <c r="M19399" s="2" t="s">
        <v>55803</v>
      </c>
      <c r="N19399" s="5" t="s">
        <v>733</v>
      </c>
      <c r="O19399" s="5" t="s">
        <v>38</v>
      </c>
      <c r="P19399" s="5" t="s">
        <v>39</v>
      </c>
      <c r="Q19399" s="5" t="s">
        <v>40</v>
      </c>
      <c r="R19399" s="5" t="s">
        <v>897</v>
      </c>
      <c r="S19399" s="5" t="s">
        <v>40</v>
      </c>
      <c r="T19399" s="5" t="s">
        <v>42</v>
      </c>
      <c r="U19399" s="2">
        <v>93.409000000000006</v>
      </c>
      <c r="V19399" s="2">
        <v>86.816999999999993</v>
      </c>
      <c r="W19399" s="2">
        <v>0.42199999999999999</v>
      </c>
      <c r="X19399" s="2">
        <v>17</v>
      </c>
      <c r="Y19399" s="2">
        <v>142.69999999999999</v>
      </c>
      <c r="Z19399" s="2">
        <v>173.8</v>
      </c>
      <c r="AA19399" s="5">
        <v>7</v>
      </c>
      <c r="AB19399" s="5" t="s">
        <v>43</v>
      </c>
      <c r="AC19399" s="5" t="s">
        <v>735</v>
      </c>
      <c r="AD19399" s="2" t="s">
        <v>60958</v>
      </c>
      <c r="AE19399" s="1"/>
    </row>
    <row r="19400" spans="1:31" ht="14.45">
      <c r="A19400" s="11"/>
      <c r="B19400" s="20"/>
      <c r="C19400" s="2" t="s">
        <v>60959</v>
      </c>
      <c r="D19400" s="14" t="s">
        <v>60960</v>
      </c>
      <c r="E19400" s="2" t="s">
        <v>60961</v>
      </c>
      <c r="F19400" s="2" t="s">
        <v>60962</v>
      </c>
      <c r="G19400" s="8">
        <v>947</v>
      </c>
      <c r="H19400" s="5">
        <v>5</v>
      </c>
      <c r="I19400" s="5" t="s">
        <v>69</v>
      </c>
      <c r="J19400" s="5" t="s">
        <v>55802</v>
      </c>
      <c r="K19400" s="2" t="s">
        <v>55803</v>
      </c>
      <c r="L19400" s="5" t="s">
        <v>55802</v>
      </c>
      <c r="M19400" s="2" t="s">
        <v>55803</v>
      </c>
      <c r="N19400" s="5" t="s">
        <v>733</v>
      </c>
      <c r="O19400" s="5" t="s">
        <v>38</v>
      </c>
      <c r="P19400" s="5" t="s">
        <v>39</v>
      </c>
      <c r="Q19400" s="5" t="s">
        <v>40</v>
      </c>
      <c r="R19400" s="5" t="s">
        <v>897</v>
      </c>
      <c r="S19400" s="5" t="s">
        <v>40</v>
      </c>
      <c r="T19400" s="5" t="s">
        <v>42</v>
      </c>
      <c r="U19400" s="2">
        <v>77.995000000000005</v>
      </c>
      <c r="V19400" s="2">
        <v>71.712999999999994</v>
      </c>
      <c r="W19400" s="2">
        <v>0.42199999999999999</v>
      </c>
      <c r="X19400" s="2">
        <v>17</v>
      </c>
      <c r="Y19400" s="2">
        <v>142.69999999999999</v>
      </c>
      <c r="Z19400" s="2">
        <v>173.8</v>
      </c>
      <c r="AA19400" s="5">
        <v>7</v>
      </c>
      <c r="AB19400" s="5" t="s">
        <v>43</v>
      </c>
      <c r="AC19400" s="5" t="s">
        <v>735</v>
      </c>
      <c r="AD19400" s="2" t="s">
        <v>60963</v>
      </c>
      <c r="AE19400" s="1"/>
    </row>
    <row r="19401" spans="1:31" ht="14.45">
      <c r="A19401" s="11"/>
      <c r="B19401" s="20"/>
      <c r="C19401" s="2" t="s">
        <v>60964</v>
      </c>
      <c r="D19401" s="14" t="s">
        <v>60965</v>
      </c>
      <c r="E19401" s="2" t="s">
        <v>60966</v>
      </c>
      <c r="F19401" s="2" t="s">
        <v>60962</v>
      </c>
      <c r="G19401" s="8">
        <v>1247</v>
      </c>
      <c r="H19401" s="5">
        <v>5</v>
      </c>
      <c r="I19401" s="5" t="s">
        <v>69</v>
      </c>
      <c r="J19401" s="5" t="s">
        <v>55802</v>
      </c>
      <c r="K19401" s="2" t="s">
        <v>55803</v>
      </c>
      <c r="L19401" s="5" t="s">
        <v>55802</v>
      </c>
      <c r="M19401" s="2" t="s">
        <v>55803</v>
      </c>
      <c r="N19401" s="5" t="s">
        <v>733</v>
      </c>
      <c r="O19401" s="5" t="s">
        <v>38</v>
      </c>
      <c r="P19401" s="5" t="s">
        <v>39</v>
      </c>
      <c r="Q19401" s="5" t="s">
        <v>40</v>
      </c>
      <c r="R19401" s="5" t="s">
        <v>897</v>
      </c>
      <c r="S19401" s="5" t="s">
        <v>40</v>
      </c>
      <c r="T19401" s="5" t="s">
        <v>42</v>
      </c>
      <c r="U19401" s="2">
        <v>79.534000000000006</v>
      </c>
      <c r="V19401" s="2">
        <v>72.924999999999997</v>
      </c>
      <c r="W19401" s="2">
        <v>0.42199999999999999</v>
      </c>
      <c r="X19401" s="2">
        <v>17</v>
      </c>
      <c r="Y19401" s="2">
        <v>142.69999999999999</v>
      </c>
      <c r="Z19401" s="2">
        <v>173.8</v>
      </c>
      <c r="AA19401" s="5">
        <v>7</v>
      </c>
      <c r="AB19401" s="5" t="s">
        <v>43</v>
      </c>
      <c r="AC19401" s="5" t="s">
        <v>735</v>
      </c>
      <c r="AD19401" s="2" t="s">
        <v>60967</v>
      </c>
      <c r="AE19401" s="1"/>
    </row>
    <row r="19402" spans="1:31" ht="14.45">
      <c r="A19402" s="11"/>
      <c r="B19402" s="20"/>
      <c r="C19402" s="2" t="s">
        <v>60968</v>
      </c>
      <c r="D19402" s="14" t="s">
        <v>60969</v>
      </c>
      <c r="E19402" s="2" t="s">
        <v>60970</v>
      </c>
      <c r="F19402" s="2" t="s">
        <v>60962</v>
      </c>
      <c r="G19402" s="8">
        <v>1247</v>
      </c>
      <c r="H19402" s="5">
        <v>10</v>
      </c>
      <c r="I19402" s="5" t="s">
        <v>69</v>
      </c>
      <c r="J19402" s="5" t="s">
        <v>55802</v>
      </c>
      <c r="K19402" s="2" t="s">
        <v>55803</v>
      </c>
      <c r="L19402" s="5" t="s">
        <v>55802</v>
      </c>
      <c r="M19402" s="2" t="s">
        <v>55803</v>
      </c>
      <c r="N19402" s="5" t="s">
        <v>733</v>
      </c>
      <c r="O19402" s="5" t="s">
        <v>38</v>
      </c>
      <c r="P19402" s="5" t="s">
        <v>39</v>
      </c>
      <c r="Q19402" s="5" t="s">
        <v>40</v>
      </c>
      <c r="R19402" s="5" t="s">
        <v>897</v>
      </c>
      <c r="S19402" s="5" t="s">
        <v>40</v>
      </c>
      <c r="T19402" s="5" t="s">
        <v>42</v>
      </c>
      <c r="U19402" s="2">
        <v>79.932000000000002</v>
      </c>
      <c r="V19402" s="2">
        <v>73.147000000000006</v>
      </c>
      <c r="W19402" s="2">
        <v>0.42199999999999999</v>
      </c>
      <c r="X19402" s="2">
        <v>17</v>
      </c>
      <c r="Y19402" s="2">
        <v>142.69999999999999</v>
      </c>
      <c r="Z19402" s="2">
        <v>173.8</v>
      </c>
      <c r="AA19402" s="5">
        <v>7</v>
      </c>
      <c r="AB19402" s="5" t="s">
        <v>43</v>
      </c>
      <c r="AC19402" s="5" t="s">
        <v>735</v>
      </c>
      <c r="AD19402" s="2" t="s">
        <v>60971</v>
      </c>
      <c r="AE19402" s="1"/>
    </row>
    <row r="19403" spans="1:31" ht="14.45">
      <c r="A19403" s="11"/>
      <c r="B19403" s="20"/>
      <c r="C19403" s="2" t="s">
        <v>60972</v>
      </c>
      <c r="D19403" s="14" t="s">
        <v>60973</v>
      </c>
      <c r="E19403" s="2" t="s">
        <v>60974</v>
      </c>
      <c r="F19403" s="2" t="s">
        <v>60975</v>
      </c>
      <c r="G19403" s="8">
        <v>1418</v>
      </c>
      <c r="H19403" s="5">
        <v>10</v>
      </c>
      <c r="I19403" s="5" t="s">
        <v>69</v>
      </c>
      <c r="J19403" s="5" t="s">
        <v>55802</v>
      </c>
      <c r="K19403" s="2" t="s">
        <v>55803</v>
      </c>
      <c r="L19403" s="5" t="s">
        <v>55802</v>
      </c>
      <c r="M19403" s="2" t="s">
        <v>55803</v>
      </c>
      <c r="N19403" s="5" t="s">
        <v>733</v>
      </c>
      <c r="O19403" s="5" t="s">
        <v>38</v>
      </c>
      <c r="P19403" s="5" t="s">
        <v>39</v>
      </c>
      <c r="Q19403" s="5" t="s">
        <v>40</v>
      </c>
      <c r="R19403" s="5" t="s">
        <v>897</v>
      </c>
      <c r="S19403" s="5" t="s">
        <v>40</v>
      </c>
      <c r="T19403" s="5" t="s">
        <v>42</v>
      </c>
      <c r="U19403" s="2">
        <v>91.21</v>
      </c>
      <c r="V19403" s="2">
        <v>84.775999999999996</v>
      </c>
      <c r="W19403" s="2">
        <v>0.42199999999999999</v>
      </c>
      <c r="X19403" s="2">
        <v>17</v>
      </c>
      <c r="Y19403" s="2">
        <v>142.69999999999999</v>
      </c>
      <c r="Z19403" s="2">
        <v>173.8</v>
      </c>
      <c r="AA19403" s="5">
        <v>7</v>
      </c>
      <c r="AB19403" s="5" t="s">
        <v>43</v>
      </c>
      <c r="AC19403" s="5" t="s">
        <v>735</v>
      </c>
      <c r="AD19403" s="2" t="s">
        <v>60976</v>
      </c>
      <c r="AE19403" s="1"/>
    </row>
    <row r="19404" spans="1:31" ht="14.45">
      <c r="A19404" s="11"/>
      <c r="B19404" s="20"/>
      <c r="C19404" s="2" t="s">
        <v>60977</v>
      </c>
      <c r="D19404" s="14" t="s">
        <v>60978</v>
      </c>
      <c r="E19404" s="2" t="s">
        <v>60979</v>
      </c>
      <c r="F19404" s="2" t="s">
        <v>60975</v>
      </c>
      <c r="G19404" s="8">
        <v>1718</v>
      </c>
      <c r="H19404" s="5">
        <v>10</v>
      </c>
      <c r="I19404" s="5" t="s">
        <v>69</v>
      </c>
      <c r="J19404" s="5" t="s">
        <v>55802</v>
      </c>
      <c r="K19404" s="2" t="s">
        <v>55803</v>
      </c>
      <c r="L19404" s="5" t="s">
        <v>55802</v>
      </c>
      <c r="M19404" s="2" t="s">
        <v>55803</v>
      </c>
      <c r="N19404" s="5" t="s">
        <v>733</v>
      </c>
      <c r="O19404" s="5" t="s">
        <v>38</v>
      </c>
      <c r="P19404" s="5" t="s">
        <v>39</v>
      </c>
      <c r="Q19404" s="5" t="s">
        <v>40</v>
      </c>
      <c r="R19404" s="5" t="s">
        <v>897</v>
      </c>
      <c r="S19404" s="5" t="s">
        <v>40</v>
      </c>
      <c r="T19404" s="5" t="s">
        <v>42</v>
      </c>
      <c r="U19404" s="2">
        <v>93.16</v>
      </c>
      <c r="V19404" s="2">
        <v>86.567999999999998</v>
      </c>
      <c r="W19404" s="2">
        <v>0.42199999999999999</v>
      </c>
      <c r="X19404" s="2">
        <v>17</v>
      </c>
      <c r="Y19404" s="2">
        <v>142.69999999999999</v>
      </c>
      <c r="Z19404" s="2">
        <v>173.8</v>
      </c>
      <c r="AA19404" s="5">
        <v>7</v>
      </c>
      <c r="AB19404" s="5" t="s">
        <v>43</v>
      </c>
      <c r="AC19404" s="5" t="s">
        <v>735</v>
      </c>
      <c r="AD19404" s="2" t="s">
        <v>60980</v>
      </c>
      <c r="AE19404" s="1"/>
    </row>
    <row r="19405" spans="1:31" ht="14.45">
      <c r="A19405" s="11"/>
      <c r="B19405" s="20"/>
      <c r="C19405" s="2" t="s">
        <v>60981</v>
      </c>
      <c r="D19405" s="14" t="s">
        <v>60982</v>
      </c>
      <c r="E19405" s="2" t="s">
        <v>60983</v>
      </c>
      <c r="F19405" s="2" t="s">
        <v>60975</v>
      </c>
      <c r="G19405" s="8">
        <v>1718</v>
      </c>
      <c r="H19405" s="5">
        <v>5</v>
      </c>
      <c r="I19405" s="5" t="s">
        <v>69</v>
      </c>
      <c r="J19405" s="5" t="s">
        <v>55802</v>
      </c>
      <c r="K19405" s="2" t="s">
        <v>55803</v>
      </c>
      <c r="L19405" s="5" t="s">
        <v>55802</v>
      </c>
      <c r="M19405" s="2" t="s">
        <v>55803</v>
      </c>
      <c r="N19405" s="5" t="s">
        <v>733</v>
      </c>
      <c r="O19405" s="5" t="s">
        <v>38</v>
      </c>
      <c r="P19405" s="5" t="s">
        <v>39</v>
      </c>
      <c r="Q19405" s="5" t="s">
        <v>40</v>
      </c>
      <c r="R19405" s="5" t="s">
        <v>897</v>
      </c>
      <c r="S19405" s="5" t="s">
        <v>40</v>
      </c>
      <c r="T19405" s="5" t="s">
        <v>42</v>
      </c>
      <c r="U19405" s="2">
        <v>93.603999999999999</v>
      </c>
      <c r="V19405" s="2">
        <v>86.835999999999999</v>
      </c>
      <c r="W19405" s="2">
        <v>0.42199999999999999</v>
      </c>
      <c r="X19405" s="2">
        <v>17</v>
      </c>
      <c r="Y19405" s="2">
        <v>142.69999999999999</v>
      </c>
      <c r="Z19405" s="2">
        <v>173.8</v>
      </c>
      <c r="AA19405" s="5">
        <v>7</v>
      </c>
      <c r="AB19405" s="5" t="s">
        <v>43</v>
      </c>
      <c r="AC19405" s="5" t="s">
        <v>735</v>
      </c>
      <c r="AD19405" s="2" t="s">
        <v>60984</v>
      </c>
      <c r="AE19405" s="1"/>
    </row>
    <row r="19406" spans="1:31" ht="14.45">
      <c r="A19406" s="11"/>
      <c r="B19406" s="20"/>
      <c r="C19406" s="2" t="s">
        <v>60985</v>
      </c>
      <c r="D19406" s="14" t="s">
        <v>60986</v>
      </c>
      <c r="E19406" s="2" t="s">
        <v>60987</v>
      </c>
      <c r="F19406" s="2" t="s">
        <v>60988</v>
      </c>
      <c r="G19406" s="8">
        <v>2378</v>
      </c>
      <c r="H19406" s="5">
        <v>10</v>
      </c>
      <c r="I19406" s="5" t="s">
        <v>69</v>
      </c>
      <c r="J19406" s="5" t="s">
        <v>55802</v>
      </c>
      <c r="K19406" s="2" t="s">
        <v>55803</v>
      </c>
      <c r="L19406" s="5" t="s">
        <v>55802</v>
      </c>
      <c r="M19406" s="2" t="s">
        <v>55803</v>
      </c>
      <c r="N19406" s="5" t="s">
        <v>733</v>
      </c>
      <c r="O19406" s="5" t="s">
        <v>38</v>
      </c>
      <c r="P19406" s="5" t="s">
        <v>39</v>
      </c>
      <c r="Q19406" s="5" t="s">
        <v>40</v>
      </c>
      <c r="R19406" s="5" t="s">
        <v>897</v>
      </c>
      <c r="S19406" s="5" t="s">
        <v>40</v>
      </c>
      <c r="T19406" s="5" t="s">
        <v>42</v>
      </c>
      <c r="U19406" s="2">
        <v>97.912999999999997</v>
      </c>
      <c r="V19406" s="2">
        <v>91.320999999999998</v>
      </c>
      <c r="W19406" s="2">
        <v>0.42199999999999999</v>
      </c>
      <c r="X19406" s="2">
        <v>17</v>
      </c>
      <c r="Y19406" s="2">
        <v>142.69999999999999</v>
      </c>
      <c r="Z19406" s="2">
        <v>173.8</v>
      </c>
      <c r="AA19406" s="5">
        <v>7</v>
      </c>
      <c r="AB19406" s="5" t="s">
        <v>43</v>
      </c>
      <c r="AC19406" s="5" t="s">
        <v>735</v>
      </c>
      <c r="AD19406" s="2" t="s">
        <v>60989</v>
      </c>
      <c r="AE19406" s="1"/>
    </row>
    <row r="19407" spans="1:31" ht="14.45">
      <c r="A19407" s="11"/>
      <c r="B19407" s="20"/>
      <c r="C19407" s="2" t="s">
        <v>60990</v>
      </c>
      <c r="D19407" s="14" t="s">
        <v>60991</v>
      </c>
      <c r="E19407" s="2" t="s">
        <v>60992</v>
      </c>
      <c r="F19407" s="2" t="s">
        <v>60993</v>
      </c>
      <c r="G19407" s="8">
        <v>1886</v>
      </c>
      <c r="H19407" s="5">
        <v>10</v>
      </c>
      <c r="I19407" s="5" t="s">
        <v>69</v>
      </c>
      <c r="J19407" s="5" t="s">
        <v>55802</v>
      </c>
      <c r="K19407" s="2" t="s">
        <v>55803</v>
      </c>
      <c r="L19407" s="5" t="s">
        <v>55802</v>
      </c>
      <c r="M19407" s="2" t="s">
        <v>55803</v>
      </c>
      <c r="N19407" s="5" t="s">
        <v>733</v>
      </c>
      <c r="O19407" s="5" t="s">
        <v>38</v>
      </c>
      <c r="P19407" s="5" t="s">
        <v>39</v>
      </c>
      <c r="Q19407" s="5" t="s">
        <v>40</v>
      </c>
      <c r="R19407" s="5" t="s">
        <v>897</v>
      </c>
      <c r="S19407" s="5" t="s">
        <v>40</v>
      </c>
      <c r="T19407" s="5" t="s">
        <v>42</v>
      </c>
      <c r="U19407" s="2">
        <v>98.468000000000004</v>
      </c>
      <c r="V19407" s="2">
        <v>92.001999999999995</v>
      </c>
      <c r="W19407" s="2">
        <v>0.42199999999999999</v>
      </c>
      <c r="X19407" s="2">
        <v>17</v>
      </c>
      <c r="Y19407" s="2">
        <v>142.69999999999999</v>
      </c>
      <c r="Z19407" s="2">
        <v>173.8</v>
      </c>
      <c r="AA19407" s="5">
        <v>7</v>
      </c>
      <c r="AB19407" s="5" t="s">
        <v>43</v>
      </c>
      <c r="AC19407" s="5" t="s">
        <v>735</v>
      </c>
      <c r="AD19407" s="2" t="s">
        <v>60994</v>
      </c>
      <c r="AE19407" s="1"/>
    </row>
    <row r="19408" spans="1:31" ht="14.45">
      <c r="A19408" s="11"/>
      <c r="B19408" s="20"/>
      <c r="C19408" s="2" t="s">
        <v>60995</v>
      </c>
      <c r="D19408" s="14" t="s">
        <v>60996</v>
      </c>
      <c r="E19408" s="2" t="s">
        <v>60997</v>
      </c>
      <c r="F19408" s="2" t="s">
        <v>60993</v>
      </c>
      <c r="G19408" s="8">
        <v>2186</v>
      </c>
      <c r="H19408" s="5">
        <v>10</v>
      </c>
      <c r="I19408" s="5" t="s">
        <v>69</v>
      </c>
      <c r="J19408" s="5" t="s">
        <v>55802</v>
      </c>
      <c r="K19408" s="2" t="s">
        <v>55803</v>
      </c>
      <c r="L19408" s="5" t="s">
        <v>55802</v>
      </c>
      <c r="M19408" s="2" t="s">
        <v>55803</v>
      </c>
      <c r="N19408" s="5" t="s">
        <v>733</v>
      </c>
      <c r="O19408" s="5" t="s">
        <v>38</v>
      </c>
      <c r="P19408" s="5" t="s">
        <v>39</v>
      </c>
      <c r="Q19408" s="5" t="s">
        <v>40</v>
      </c>
      <c r="R19408" s="5" t="s">
        <v>897</v>
      </c>
      <c r="S19408" s="5" t="s">
        <v>40</v>
      </c>
      <c r="T19408" s="5" t="s">
        <v>42</v>
      </c>
      <c r="U19408" s="2">
        <v>97.825999999999993</v>
      </c>
      <c r="V19408" s="2">
        <v>91.233999999999995</v>
      </c>
      <c r="W19408" s="2">
        <v>0.42199999999999999</v>
      </c>
      <c r="X19408" s="2">
        <v>17</v>
      </c>
      <c r="Y19408" s="2">
        <v>142.69999999999999</v>
      </c>
      <c r="Z19408" s="2">
        <v>173.8</v>
      </c>
      <c r="AA19408" s="5">
        <v>7</v>
      </c>
      <c r="AB19408" s="5" t="s">
        <v>43</v>
      </c>
      <c r="AC19408" s="5" t="s">
        <v>735</v>
      </c>
      <c r="AD19408" s="2" t="s">
        <v>60998</v>
      </c>
      <c r="AE19408" s="1"/>
    </row>
    <row r="19409" spans="1:31" ht="14.45">
      <c r="A19409" s="11"/>
      <c r="B19409" s="20"/>
      <c r="C19409" s="2" t="s">
        <v>60999</v>
      </c>
      <c r="D19409" s="14" t="s">
        <v>61000</v>
      </c>
      <c r="E19409" s="2" t="s">
        <v>61001</v>
      </c>
      <c r="F19409" s="2" t="s">
        <v>61002</v>
      </c>
      <c r="G19409" s="8">
        <v>2236</v>
      </c>
      <c r="H19409" s="5">
        <v>5</v>
      </c>
      <c r="I19409" s="5" t="s">
        <v>69</v>
      </c>
      <c r="J19409" s="5" t="s">
        <v>55802</v>
      </c>
      <c r="K19409" s="2" t="s">
        <v>55803</v>
      </c>
      <c r="L19409" s="5" t="s">
        <v>55802</v>
      </c>
      <c r="M19409" s="2" t="s">
        <v>55803</v>
      </c>
      <c r="N19409" s="5" t="s">
        <v>733</v>
      </c>
      <c r="O19409" s="5" t="s">
        <v>38</v>
      </c>
      <c r="P19409" s="5" t="s">
        <v>39</v>
      </c>
      <c r="Q19409" s="5" t="s">
        <v>40</v>
      </c>
      <c r="R19409" s="5" t="s">
        <v>897</v>
      </c>
      <c r="S19409" s="5" t="s">
        <v>40</v>
      </c>
      <c r="T19409" s="5" t="s">
        <v>42</v>
      </c>
      <c r="U19409" s="2">
        <v>148.10400000000001</v>
      </c>
      <c r="V19409" s="2">
        <v>97.975999999999999</v>
      </c>
      <c r="W19409" s="2">
        <v>0.91700000000000004</v>
      </c>
      <c r="X19409" s="2">
        <v>33.1</v>
      </c>
      <c r="Y19409" s="2">
        <v>202</v>
      </c>
      <c r="Z19409" s="2">
        <v>137.1</v>
      </c>
      <c r="AA19409" s="5">
        <v>3</v>
      </c>
      <c r="AB19409" s="5" t="s">
        <v>43</v>
      </c>
      <c r="AC19409" s="5" t="s">
        <v>735</v>
      </c>
      <c r="AD19409" s="2" t="s">
        <v>61003</v>
      </c>
      <c r="AE19409" s="1"/>
    </row>
    <row r="19410" spans="1:31" ht="14.45">
      <c r="A19410" s="11"/>
      <c r="B19410" s="20"/>
      <c r="C19410" s="2" t="s">
        <v>61004</v>
      </c>
      <c r="D19410" s="14" t="s">
        <v>61005</v>
      </c>
      <c r="E19410" s="2" t="s">
        <v>61006</v>
      </c>
      <c r="F19410" s="2" t="s">
        <v>61007</v>
      </c>
      <c r="G19410" s="8">
        <v>3126</v>
      </c>
      <c r="H19410" s="5">
        <v>5</v>
      </c>
      <c r="I19410" s="5" t="s">
        <v>69</v>
      </c>
      <c r="J19410" s="5" t="s">
        <v>55802</v>
      </c>
      <c r="K19410" s="2" t="s">
        <v>55803</v>
      </c>
      <c r="L19410" s="5" t="s">
        <v>55802</v>
      </c>
      <c r="M19410" s="2" t="s">
        <v>55803</v>
      </c>
      <c r="N19410" s="5" t="s">
        <v>733</v>
      </c>
      <c r="O19410" s="5" t="s">
        <v>38</v>
      </c>
      <c r="P19410" s="5" t="s">
        <v>39</v>
      </c>
      <c r="Q19410" s="5" t="s">
        <v>40</v>
      </c>
      <c r="R19410" s="5" t="s">
        <v>897</v>
      </c>
      <c r="S19410" s="5" t="s">
        <v>40</v>
      </c>
      <c r="T19410" s="5" t="s">
        <v>42</v>
      </c>
      <c r="U19410" s="2">
        <v>152.191</v>
      </c>
      <c r="V19410" s="2">
        <v>101.717</v>
      </c>
      <c r="W19410" s="2">
        <v>0.91700000000000004</v>
      </c>
      <c r="X19410" s="2">
        <v>33.1</v>
      </c>
      <c r="Y19410" s="2">
        <v>202</v>
      </c>
      <c r="Z19410" s="2">
        <v>137.1</v>
      </c>
      <c r="AA19410" s="5">
        <v>3</v>
      </c>
      <c r="AB19410" s="5" t="s">
        <v>43</v>
      </c>
      <c r="AC19410" s="5" t="s">
        <v>735</v>
      </c>
      <c r="AD19410" s="2" t="s">
        <v>61008</v>
      </c>
      <c r="AE19410" s="1"/>
    </row>
    <row r="19411" spans="1:31" ht="14.45">
      <c r="A19411" s="11"/>
      <c r="B19411" s="20"/>
      <c r="C19411" s="2" t="s">
        <v>61009</v>
      </c>
      <c r="D19411" s="14" t="s">
        <v>61010</v>
      </c>
      <c r="E19411" s="2" t="s">
        <v>61011</v>
      </c>
      <c r="F19411" s="2" t="s">
        <v>61012</v>
      </c>
      <c r="G19411" s="8">
        <v>1548</v>
      </c>
      <c r="H19411" s="5">
        <v>5</v>
      </c>
      <c r="I19411" s="5" t="s">
        <v>69</v>
      </c>
      <c r="J19411" s="5" t="s">
        <v>55802</v>
      </c>
      <c r="K19411" s="2" t="s">
        <v>55803</v>
      </c>
      <c r="L19411" s="5" t="s">
        <v>55802</v>
      </c>
      <c r="M19411" s="2" t="s">
        <v>55803</v>
      </c>
      <c r="N19411" s="5" t="s">
        <v>733</v>
      </c>
      <c r="O19411" s="5" t="s">
        <v>38</v>
      </c>
      <c r="P19411" s="5" t="s">
        <v>39</v>
      </c>
      <c r="Q19411" s="5" t="s">
        <v>40</v>
      </c>
      <c r="R19411" s="5" t="s">
        <v>897</v>
      </c>
      <c r="S19411" s="5" t="s">
        <v>40</v>
      </c>
      <c r="T19411" s="5" t="s">
        <v>42</v>
      </c>
      <c r="U19411" s="2">
        <v>134.429</v>
      </c>
      <c r="V19411" s="2">
        <v>84.259</v>
      </c>
      <c r="W19411" s="2">
        <v>0.91700000000000004</v>
      </c>
      <c r="X19411" s="2">
        <v>33.1</v>
      </c>
      <c r="Y19411" s="2">
        <v>202</v>
      </c>
      <c r="Z19411" s="2">
        <v>137.1</v>
      </c>
      <c r="AA19411" s="5">
        <v>3</v>
      </c>
      <c r="AB19411" s="5" t="s">
        <v>43</v>
      </c>
      <c r="AC19411" s="5" t="s">
        <v>735</v>
      </c>
      <c r="AD19411" s="2" t="s">
        <v>61013</v>
      </c>
      <c r="AE19411" s="1"/>
    </row>
    <row r="19412" spans="1:31" ht="14.45">
      <c r="A19412" s="11"/>
      <c r="B19412" s="20"/>
      <c r="C19412" s="2" t="s">
        <v>61014</v>
      </c>
      <c r="D19412" s="14" t="s">
        <v>61015</v>
      </c>
      <c r="E19412" s="2" t="s">
        <v>61016</v>
      </c>
      <c r="F19412" s="2" t="s">
        <v>61017</v>
      </c>
      <c r="G19412" s="8">
        <v>2438</v>
      </c>
      <c r="H19412" s="5">
        <v>5</v>
      </c>
      <c r="I19412" s="5" t="s">
        <v>69</v>
      </c>
      <c r="J19412" s="5" t="s">
        <v>55802</v>
      </c>
      <c r="K19412" s="2" t="s">
        <v>55803</v>
      </c>
      <c r="L19412" s="5" t="s">
        <v>55802</v>
      </c>
      <c r="M19412" s="2" t="s">
        <v>55803</v>
      </c>
      <c r="N19412" s="5" t="s">
        <v>733</v>
      </c>
      <c r="O19412" s="5" t="s">
        <v>38</v>
      </c>
      <c r="P19412" s="5" t="s">
        <v>39</v>
      </c>
      <c r="Q19412" s="5" t="s">
        <v>40</v>
      </c>
      <c r="R19412" s="5" t="s">
        <v>897</v>
      </c>
      <c r="S19412" s="5" t="s">
        <v>40</v>
      </c>
      <c r="T19412" s="5" t="s">
        <v>42</v>
      </c>
      <c r="U19412" s="2">
        <v>138.51599999999999</v>
      </c>
      <c r="V19412" s="2">
        <v>88</v>
      </c>
      <c r="W19412" s="2">
        <v>0.91700000000000004</v>
      </c>
      <c r="X19412" s="2">
        <v>33.1</v>
      </c>
      <c r="Y19412" s="2">
        <v>202</v>
      </c>
      <c r="Z19412" s="2">
        <v>137.1</v>
      </c>
      <c r="AA19412" s="5">
        <v>3</v>
      </c>
      <c r="AB19412" s="5" t="s">
        <v>43</v>
      </c>
      <c r="AC19412" s="5" t="s">
        <v>735</v>
      </c>
      <c r="AD19412" s="2" t="s">
        <v>61018</v>
      </c>
      <c r="AE19412" s="1"/>
    </row>
    <row r="19413" spans="1:31" ht="14.45">
      <c r="A19413" s="11"/>
      <c r="B19413" s="20"/>
      <c r="C19413" s="2" t="s">
        <v>61019</v>
      </c>
      <c r="D19413" s="14" t="s">
        <v>61020</v>
      </c>
      <c r="E19413" s="2" t="s">
        <v>61021</v>
      </c>
      <c r="F19413" s="2" t="s">
        <v>61022</v>
      </c>
      <c r="G19413" s="8">
        <v>3594</v>
      </c>
      <c r="H19413" s="5">
        <v>15</v>
      </c>
      <c r="I19413" s="5" t="s">
        <v>69</v>
      </c>
      <c r="J19413" s="5" t="s">
        <v>55802</v>
      </c>
      <c r="K19413" s="2" t="s">
        <v>55803</v>
      </c>
      <c r="L19413" s="5" t="s">
        <v>55802</v>
      </c>
      <c r="M19413" s="2" t="s">
        <v>55803</v>
      </c>
      <c r="N19413" s="5" t="s">
        <v>733</v>
      </c>
      <c r="O19413" s="5" t="s">
        <v>38</v>
      </c>
      <c r="P19413" s="5" t="s">
        <v>39</v>
      </c>
      <c r="Q19413" s="5" t="s">
        <v>40</v>
      </c>
      <c r="R19413" s="5" t="s">
        <v>897</v>
      </c>
      <c r="S19413" s="5" t="s">
        <v>40</v>
      </c>
      <c r="T19413" s="5" t="s">
        <v>42</v>
      </c>
      <c r="U19413" s="2">
        <v>160.48699999999999</v>
      </c>
      <c r="V19413" s="2">
        <v>110.01300000000001</v>
      </c>
      <c r="W19413" s="2">
        <v>0.91700000000000004</v>
      </c>
      <c r="X19413" s="2">
        <v>33.1</v>
      </c>
      <c r="Y19413" s="2">
        <v>202</v>
      </c>
      <c r="Z19413" s="2">
        <v>137.1</v>
      </c>
      <c r="AA19413" s="5">
        <v>3</v>
      </c>
      <c r="AB19413" s="5" t="s">
        <v>43</v>
      </c>
      <c r="AC19413" s="5" t="s">
        <v>735</v>
      </c>
      <c r="AD19413" s="2" t="s">
        <v>61023</v>
      </c>
      <c r="AE19413" s="1"/>
    </row>
    <row r="19414" spans="1:31" ht="14.45">
      <c r="A19414" s="11"/>
      <c r="B19414" s="20"/>
      <c r="C19414" s="2" t="s">
        <v>61024</v>
      </c>
      <c r="D19414" s="14" t="s">
        <v>61025</v>
      </c>
      <c r="E19414" s="2" t="s">
        <v>61026</v>
      </c>
      <c r="F19414" s="2" t="s">
        <v>61027</v>
      </c>
      <c r="G19414" s="8">
        <v>2016</v>
      </c>
      <c r="H19414" s="5">
        <v>15</v>
      </c>
      <c r="I19414" s="5" t="s">
        <v>69</v>
      </c>
      <c r="J19414" s="5" t="s">
        <v>55802</v>
      </c>
      <c r="K19414" s="2" t="s">
        <v>55803</v>
      </c>
      <c r="L19414" s="5" t="s">
        <v>55802</v>
      </c>
      <c r="M19414" s="2" t="s">
        <v>55803</v>
      </c>
      <c r="N19414" s="5" t="s">
        <v>733</v>
      </c>
      <c r="O19414" s="5" t="s">
        <v>38</v>
      </c>
      <c r="P19414" s="5" t="s">
        <v>39</v>
      </c>
      <c r="Q19414" s="5" t="s">
        <v>40</v>
      </c>
      <c r="R19414" s="5" t="s">
        <v>897</v>
      </c>
      <c r="S19414" s="5" t="s">
        <v>40</v>
      </c>
      <c r="T19414" s="5" t="s">
        <v>42</v>
      </c>
      <c r="U19414" s="2">
        <v>143.38999999999999</v>
      </c>
      <c r="V19414" s="2">
        <v>93.22</v>
      </c>
      <c r="W19414" s="2">
        <v>0.91700000000000004</v>
      </c>
      <c r="X19414" s="2">
        <v>33.1</v>
      </c>
      <c r="Y19414" s="2">
        <v>202</v>
      </c>
      <c r="Z19414" s="2">
        <v>137.1</v>
      </c>
      <c r="AA19414" s="5">
        <v>3</v>
      </c>
      <c r="AB19414" s="5" t="s">
        <v>43</v>
      </c>
      <c r="AC19414" s="5" t="s">
        <v>735</v>
      </c>
      <c r="AD19414" s="2" t="s">
        <v>61028</v>
      </c>
      <c r="AE19414" s="1"/>
    </row>
    <row r="19415" spans="1:31" ht="14.45">
      <c r="A19415" s="11"/>
      <c r="B19415" s="20"/>
      <c r="C19415" s="2" t="s">
        <v>61029</v>
      </c>
      <c r="D19415" s="14" t="s">
        <v>61030</v>
      </c>
      <c r="E19415" s="2" t="s">
        <v>61031</v>
      </c>
      <c r="F19415" s="2" t="s">
        <v>61027</v>
      </c>
      <c r="G19415" s="8">
        <v>2906</v>
      </c>
      <c r="H19415" s="5">
        <v>15</v>
      </c>
      <c r="I19415" s="5" t="s">
        <v>69</v>
      </c>
      <c r="J19415" s="5" t="s">
        <v>55802</v>
      </c>
      <c r="K19415" s="2" t="s">
        <v>55803</v>
      </c>
      <c r="L19415" s="5" t="s">
        <v>55802</v>
      </c>
      <c r="M19415" s="2" t="s">
        <v>55803</v>
      </c>
      <c r="N19415" s="5" t="s">
        <v>733</v>
      </c>
      <c r="O19415" s="5" t="s">
        <v>38</v>
      </c>
      <c r="P19415" s="5" t="s">
        <v>39</v>
      </c>
      <c r="Q19415" s="5" t="s">
        <v>40</v>
      </c>
      <c r="R19415" s="5" t="s">
        <v>897</v>
      </c>
      <c r="S19415" s="5" t="s">
        <v>40</v>
      </c>
      <c r="T19415" s="5" t="s">
        <v>42</v>
      </c>
      <c r="U19415" s="2">
        <v>147.477</v>
      </c>
      <c r="V19415" s="2">
        <v>96.960999999999999</v>
      </c>
      <c r="W19415" s="2">
        <v>0.91700000000000004</v>
      </c>
      <c r="X19415" s="2">
        <v>33.1</v>
      </c>
      <c r="Y19415" s="2">
        <v>202</v>
      </c>
      <c r="Z19415" s="2">
        <v>137.1</v>
      </c>
      <c r="AA19415" s="5">
        <v>3</v>
      </c>
      <c r="AB19415" s="5" t="s">
        <v>43</v>
      </c>
      <c r="AC19415" s="5" t="s">
        <v>735</v>
      </c>
      <c r="AD19415" s="2" t="s">
        <v>61032</v>
      </c>
      <c r="AE19415" s="1"/>
    </row>
    <row r="19416" spans="1:31" ht="14.45">
      <c r="A19416" s="11"/>
      <c r="B19416" s="20"/>
      <c r="C19416" s="2" t="s">
        <v>61033</v>
      </c>
      <c r="D19416" s="14" t="s">
        <v>61034</v>
      </c>
      <c r="E19416" s="2" t="s">
        <v>61035</v>
      </c>
      <c r="F19416" s="2" t="s">
        <v>61002</v>
      </c>
      <c r="G19416" s="8">
        <v>2506</v>
      </c>
      <c r="H19416" s="5">
        <v>5</v>
      </c>
      <c r="I19416" s="5" t="s">
        <v>69</v>
      </c>
      <c r="J19416" s="5" t="s">
        <v>55802</v>
      </c>
      <c r="K19416" s="2" t="s">
        <v>55803</v>
      </c>
      <c r="L19416" s="5" t="s">
        <v>55802</v>
      </c>
      <c r="M19416" s="2" t="s">
        <v>55803</v>
      </c>
      <c r="N19416" s="5" t="s">
        <v>733</v>
      </c>
      <c r="O19416" s="5" t="s">
        <v>38</v>
      </c>
      <c r="P19416" s="5" t="s">
        <v>39</v>
      </c>
      <c r="Q19416" s="5" t="s">
        <v>40</v>
      </c>
      <c r="R19416" s="5" t="s">
        <v>897</v>
      </c>
      <c r="S19416" s="5" t="s">
        <v>40</v>
      </c>
      <c r="T19416" s="5" t="s">
        <v>42</v>
      </c>
      <c r="U19416" s="2">
        <v>168.494</v>
      </c>
      <c r="V19416" s="2">
        <v>113.7</v>
      </c>
      <c r="W19416" s="2">
        <v>1.0640000000000001</v>
      </c>
      <c r="X19416" s="2">
        <v>33.1</v>
      </c>
      <c r="Y19416" s="2">
        <v>202</v>
      </c>
      <c r="Z19416" s="2">
        <v>159.1</v>
      </c>
      <c r="AA19416" s="5">
        <v>3</v>
      </c>
      <c r="AB19416" s="5" t="s">
        <v>43</v>
      </c>
      <c r="AC19416" s="5" t="s">
        <v>735</v>
      </c>
      <c r="AD19416" s="2" t="s">
        <v>61036</v>
      </c>
      <c r="AE19416" s="1"/>
    </row>
    <row r="19417" spans="1:31" ht="14.45">
      <c r="A19417" s="11"/>
      <c r="B19417" s="20"/>
      <c r="C19417" s="2" t="s">
        <v>61037</v>
      </c>
      <c r="D19417" s="14" t="s">
        <v>61038</v>
      </c>
      <c r="E19417" s="2" t="s">
        <v>61039</v>
      </c>
      <c r="F19417" s="2" t="s">
        <v>61007</v>
      </c>
      <c r="G19417" s="8">
        <v>3396</v>
      </c>
      <c r="H19417" s="5">
        <v>5</v>
      </c>
      <c r="I19417" s="5" t="s">
        <v>69</v>
      </c>
      <c r="J19417" s="5" t="s">
        <v>55802</v>
      </c>
      <c r="K19417" s="2" t="s">
        <v>55803</v>
      </c>
      <c r="L19417" s="5" t="s">
        <v>55802</v>
      </c>
      <c r="M19417" s="2" t="s">
        <v>55803</v>
      </c>
      <c r="N19417" s="5" t="s">
        <v>733</v>
      </c>
      <c r="O19417" s="5" t="s">
        <v>38</v>
      </c>
      <c r="P19417" s="5" t="s">
        <v>39</v>
      </c>
      <c r="Q19417" s="5" t="s">
        <v>40</v>
      </c>
      <c r="R19417" s="5" t="s">
        <v>897</v>
      </c>
      <c r="S19417" s="5" t="s">
        <v>40</v>
      </c>
      <c r="T19417" s="5" t="s">
        <v>42</v>
      </c>
      <c r="U19417" s="2">
        <v>172.58099999999999</v>
      </c>
      <c r="V19417" s="2">
        <v>117.441</v>
      </c>
      <c r="W19417" s="2">
        <v>1.0640000000000001</v>
      </c>
      <c r="X19417" s="2">
        <v>33.1</v>
      </c>
      <c r="Y19417" s="2">
        <v>202</v>
      </c>
      <c r="Z19417" s="2">
        <v>159.1</v>
      </c>
      <c r="AA19417" s="5">
        <v>3</v>
      </c>
      <c r="AB19417" s="5" t="s">
        <v>43</v>
      </c>
      <c r="AC19417" s="5" t="s">
        <v>735</v>
      </c>
      <c r="AD19417" s="2" t="s">
        <v>61040</v>
      </c>
      <c r="AE19417" s="1"/>
    </row>
    <row r="19418" spans="1:31" ht="14.45">
      <c r="A19418" s="11"/>
      <c r="B19418" s="20"/>
      <c r="C19418" s="2" t="s">
        <v>61041</v>
      </c>
      <c r="D19418" s="14" t="s">
        <v>61042</v>
      </c>
      <c r="E19418" s="2" t="s">
        <v>61043</v>
      </c>
      <c r="F19418" s="2" t="s">
        <v>61012</v>
      </c>
      <c r="G19418" s="8">
        <v>1690</v>
      </c>
      <c r="H19418" s="5">
        <v>5</v>
      </c>
      <c r="I19418" s="5" t="s">
        <v>69</v>
      </c>
      <c r="J19418" s="5" t="s">
        <v>55802</v>
      </c>
      <c r="K19418" s="2" t="s">
        <v>55803</v>
      </c>
      <c r="L19418" s="5" t="s">
        <v>55802</v>
      </c>
      <c r="M19418" s="2" t="s">
        <v>55803</v>
      </c>
      <c r="N19418" s="5" t="s">
        <v>733</v>
      </c>
      <c r="O19418" s="5" t="s">
        <v>38</v>
      </c>
      <c r="P19418" s="5" t="s">
        <v>39</v>
      </c>
      <c r="Q19418" s="5" t="s">
        <v>40</v>
      </c>
      <c r="R19418" s="5" t="s">
        <v>897</v>
      </c>
      <c r="S19418" s="5" t="s">
        <v>40</v>
      </c>
      <c r="T19418" s="5" t="s">
        <v>42</v>
      </c>
      <c r="U19418" s="2">
        <v>152.06800000000001</v>
      </c>
      <c r="V19418" s="2">
        <v>97.231999999999999</v>
      </c>
      <c r="W19418" s="2">
        <v>1.0640000000000001</v>
      </c>
      <c r="X19418" s="2">
        <v>33.1</v>
      </c>
      <c r="Y19418" s="2">
        <v>202</v>
      </c>
      <c r="Z19418" s="2">
        <v>159.1</v>
      </c>
      <c r="AA19418" s="5">
        <v>3</v>
      </c>
      <c r="AB19418" s="5" t="s">
        <v>43</v>
      </c>
      <c r="AC19418" s="5" t="s">
        <v>735</v>
      </c>
      <c r="AD19418" s="2" t="s">
        <v>61044</v>
      </c>
      <c r="AE19418" s="1"/>
    </row>
    <row r="19419" spans="1:31" ht="14.45">
      <c r="A19419" s="11"/>
      <c r="B19419" s="20"/>
      <c r="C19419" s="2" t="s">
        <v>61045</v>
      </c>
      <c r="D19419" s="14" t="s">
        <v>61046</v>
      </c>
      <c r="E19419" s="2" t="s">
        <v>61047</v>
      </c>
      <c r="F19419" s="2" t="s">
        <v>61017</v>
      </c>
      <c r="G19419" s="8">
        <v>2580</v>
      </c>
      <c r="H19419" s="5">
        <v>5</v>
      </c>
      <c r="I19419" s="5" t="s">
        <v>69</v>
      </c>
      <c r="J19419" s="5" t="s">
        <v>55802</v>
      </c>
      <c r="K19419" s="2" t="s">
        <v>55803</v>
      </c>
      <c r="L19419" s="5" t="s">
        <v>55802</v>
      </c>
      <c r="M19419" s="2" t="s">
        <v>55803</v>
      </c>
      <c r="N19419" s="5" t="s">
        <v>733</v>
      </c>
      <c r="O19419" s="5" t="s">
        <v>38</v>
      </c>
      <c r="P19419" s="5" t="s">
        <v>39</v>
      </c>
      <c r="Q19419" s="5" t="s">
        <v>40</v>
      </c>
      <c r="R19419" s="5" t="s">
        <v>897</v>
      </c>
      <c r="S19419" s="5" t="s">
        <v>40</v>
      </c>
      <c r="T19419" s="5" t="s">
        <v>42</v>
      </c>
      <c r="U19419" s="2">
        <v>156.155</v>
      </c>
      <c r="V19419" s="2">
        <v>100.973</v>
      </c>
      <c r="W19419" s="2">
        <v>1.0640000000000001</v>
      </c>
      <c r="X19419" s="2">
        <v>33.1</v>
      </c>
      <c r="Y19419" s="2">
        <v>202</v>
      </c>
      <c r="Z19419" s="2">
        <v>159.1</v>
      </c>
      <c r="AA19419" s="5">
        <v>3</v>
      </c>
      <c r="AB19419" s="5" t="s">
        <v>43</v>
      </c>
      <c r="AC19419" s="5" t="s">
        <v>735</v>
      </c>
      <c r="AD19419" s="2" t="s">
        <v>61048</v>
      </c>
      <c r="AE19419" s="1"/>
    </row>
    <row r="19420" spans="1:31" ht="14.45">
      <c r="A19420" s="11"/>
      <c r="B19420" s="20"/>
      <c r="C19420" s="2" t="s">
        <v>61049</v>
      </c>
      <c r="D19420" s="14" t="s">
        <v>61050</v>
      </c>
      <c r="E19420" s="2" t="s">
        <v>61051</v>
      </c>
      <c r="F19420" s="2" t="s">
        <v>61002</v>
      </c>
      <c r="G19420" s="8">
        <v>2974</v>
      </c>
      <c r="H19420" s="5">
        <v>15</v>
      </c>
      <c r="I19420" s="5" t="s">
        <v>69</v>
      </c>
      <c r="J19420" s="5" t="s">
        <v>55802</v>
      </c>
      <c r="K19420" s="2" t="s">
        <v>55803</v>
      </c>
      <c r="L19420" s="5" t="s">
        <v>55802</v>
      </c>
      <c r="M19420" s="2" t="s">
        <v>55803</v>
      </c>
      <c r="N19420" s="5" t="s">
        <v>733</v>
      </c>
      <c r="O19420" s="5" t="s">
        <v>38</v>
      </c>
      <c r="P19420" s="5" t="s">
        <v>39</v>
      </c>
      <c r="Q19420" s="5" t="s">
        <v>40</v>
      </c>
      <c r="R19420" s="5" t="s">
        <v>897</v>
      </c>
      <c r="S19420" s="5" t="s">
        <v>40</v>
      </c>
      <c r="T19420" s="5" t="s">
        <v>42</v>
      </c>
      <c r="U19420" s="2">
        <v>177.773</v>
      </c>
      <c r="V19420" s="2">
        <v>122.979</v>
      </c>
      <c r="W19420" s="2">
        <v>1.0640000000000001</v>
      </c>
      <c r="X19420" s="2">
        <v>33.1</v>
      </c>
      <c r="Y19420" s="2">
        <v>202</v>
      </c>
      <c r="Z19420" s="2">
        <v>159.1</v>
      </c>
      <c r="AA19420" s="5">
        <v>3</v>
      </c>
      <c r="AB19420" s="5" t="s">
        <v>43</v>
      </c>
      <c r="AC19420" s="5" t="s">
        <v>735</v>
      </c>
      <c r="AD19420" s="2" t="s">
        <v>61052</v>
      </c>
      <c r="AE19420" s="1"/>
    </row>
    <row r="19421" spans="1:31" ht="14.45">
      <c r="A19421" s="11"/>
      <c r="B19421" s="20"/>
      <c r="C19421" s="2" t="s">
        <v>61053</v>
      </c>
      <c r="D19421" s="14" t="s">
        <v>61054</v>
      </c>
      <c r="E19421" s="2" t="s">
        <v>61055</v>
      </c>
      <c r="F19421" s="2" t="s">
        <v>61022</v>
      </c>
      <c r="G19421" s="8">
        <v>3864</v>
      </c>
      <c r="H19421" s="5">
        <v>15</v>
      </c>
      <c r="I19421" s="5" t="s">
        <v>69</v>
      </c>
      <c r="J19421" s="5" t="s">
        <v>55802</v>
      </c>
      <c r="K19421" s="2" t="s">
        <v>55803</v>
      </c>
      <c r="L19421" s="5" t="s">
        <v>55802</v>
      </c>
      <c r="M19421" s="2" t="s">
        <v>55803</v>
      </c>
      <c r="N19421" s="5" t="s">
        <v>733</v>
      </c>
      <c r="O19421" s="5" t="s">
        <v>38</v>
      </c>
      <c r="P19421" s="5" t="s">
        <v>39</v>
      </c>
      <c r="Q19421" s="5" t="s">
        <v>40</v>
      </c>
      <c r="R19421" s="5" t="s">
        <v>897</v>
      </c>
      <c r="S19421" s="5" t="s">
        <v>40</v>
      </c>
      <c r="T19421" s="5" t="s">
        <v>42</v>
      </c>
      <c r="U19421" s="2">
        <v>181.86</v>
      </c>
      <c r="V19421" s="2">
        <v>126.72</v>
      </c>
      <c r="W19421" s="2">
        <v>1.0640000000000001</v>
      </c>
      <c r="X19421" s="2">
        <v>33.1</v>
      </c>
      <c r="Y19421" s="2">
        <v>202</v>
      </c>
      <c r="Z19421" s="2">
        <v>159.1</v>
      </c>
      <c r="AA19421" s="5">
        <v>3</v>
      </c>
      <c r="AB19421" s="5" t="s">
        <v>43</v>
      </c>
      <c r="AC19421" s="5" t="s">
        <v>735</v>
      </c>
      <c r="AD19421" s="2" t="s">
        <v>61056</v>
      </c>
      <c r="AE19421" s="1"/>
    </row>
    <row r="19422" spans="1:31" ht="14.45">
      <c r="A19422" s="11"/>
      <c r="B19422" s="20"/>
      <c r="C19422" s="2" t="s">
        <v>61057</v>
      </c>
      <c r="D19422" s="14" t="s">
        <v>61058</v>
      </c>
      <c r="E19422" s="2" t="s">
        <v>61059</v>
      </c>
      <c r="F19422" s="2" t="s">
        <v>61027</v>
      </c>
      <c r="G19422" s="8">
        <v>3048</v>
      </c>
      <c r="H19422" s="5">
        <v>15</v>
      </c>
      <c r="I19422" s="5" t="s">
        <v>69</v>
      </c>
      <c r="J19422" s="5" t="s">
        <v>55802</v>
      </c>
      <c r="K19422" s="2" t="s">
        <v>55803</v>
      </c>
      <c r="L19422" s="5" t="s">
        <v>55802</v>
      </c>
      <c r="M19422" s="2" t="s">
        <v>55803</v>
      </c>
      <c r="N19422" s="5" t="s">
        <v>733</v>
      </c>
      <c r="O19422" s="5" t="s">
        <v>38</v>
      </c>
      <c r="P19422" s="5" t="s">
        <v>39</v>
      </c>
      <c r="Q19422" s="5" t="s">
        <v>40</v>
      </c>
      <c r="R19422" s="5" t="s">
        <v>897</v>
      </c>
      <c r="S19422" s="5" t="s">
        <v>40</v>
      </c>
      <c r="T19422" s="5" t="s">
        <v>42</v>
      </c>
      <c r="U19422" s="2">
        <v>166.214</v>
      </c>
      <c r="V19422" s="2">
        <v>111.032</v>
      </c>
      <c r="W19422" s="2">
        <v>1.0640000000000001</v>
      </c>
      <c r="X19422" s="2">
        <v>33.1</v>
      </c>
      <c r="Y19422" s="2">
        <v>202</v>
      </c>
      <c r="Z19422" s="2">
        <v>159.1</v>
      </c>
      <c r="AA19422" s="5">
        <v>3</v>
      </c>
      <c r="AB19422" s="5" t="s">
        <v>43</v>
      </c>
      <c r="AC19422" s="5" t="s">
        <v>735</v>
      </c>
      <c r="AD19422" s="2" t="s">
        <v>61060</v>
      </c>
      <c r="AE19422" s="1"/>
    </row>
    <row r="19423" spans="1:31" ht="14.45">
      <c r="A19423" s="11"/>
      <c r="B19423" s="20"/>
      <c r="C19423" s="2" t="s">
        <v>61061</v>
      </c>
      <c r="D19423" s="14" t="s">
        <v>61062</v>
      </c>
      <c r="E19423" s="2" t="s">
        <v>61063</v>
      </c>
      <c r="F19423" s="2" t="s">
        <v>61064</v>
      </c>
      <c r="G19423" s="8">
        <v>731</v>
      </c>
      <c r="H19423" s="5">
        <v>5</v>
      </c>
      <c r="I19423" s="5" t="s">
        <v>69</v>
      </c>
      <c r="J19423" s="5" t="s">
        <v>61065</v>
      </c>
      <c r="K19423" s="2" t="s">
        <v>61066</v>
      </c>
      <c r="L19423" s="5" t="s">
        <v>61065</v>
      </c>
      <c r="M19423" s="2" t="s">
        <v>61066</v>
      </c>
      <c r="N19423" s="5" t="s">
        <v>733</v>
      </c>
      <c r="O19423" s="5" t="s">
        <v>38</v>
      </c>
      <c r="P19423" s="5" t="s">
        <v>39</v>
      </c>
      <c r="Q19423" s="5" t="s">
        <v>40</v>
      </c>
      <c r="R19423" s="5" t="s">
        <v>897</v>
      </c>
      <c r="S19423" s="5" t="s">
        <v>40</v>
      </c>
      <c r="T19423" s="5" t="s">
        <v>42</v>
      </c>
      <c r="U19423" s="2">
        <v>26.762</v>
      </c>
      <c r="V19423" s="2">
        <v>24.806000000000001</v>
      </c>
      <c r="W19423" s="2">
        <v>0.09</v>
      </c>
      <c r="X19423" s="2">
        <v>17</v>
      </c>
      <c r="Y19423" s="2">
        <v>57.7</v>
      </c>
      <c r="Z19423" s="2">
        <v>91.6</v>
      </c>
      <c r="AA19423" s="5">
        <v>7</v>
      </c>
      <c r="AB19423" s="5" t="s">
        <v>43</v>
      </c>
      <c r="AC19423" s="5" t="s">
        <v>735</v>
      </c>
      <c r="AD19423" s="2" t="s">
        <v>61067</v>
      </c>
      <c r="AE19423" s="1"/>
    </row>
    <row r="19424" spans="1:31" ht="14.45">
      <c r="A19424" s="11"/>
      <c r="B19424" s="20"/>
      <c r="C19424" s="2" t="s">
        <v>61068</v>
      </c>
      <c r="D19424" s="14" t="s">
        <v>61069</v>
      </c>
      <c r="E19424" s="2" t="s">
        <v>61070</v>
      </c>
      <c r="F19424" s="2" t="s">
        <v>61071</v>
      </c>
      <c r="G19424" s="8">
        <v>1031</v>
      </c>
      <c r="H19424" s="5">
        <v>5</v>
      </c>
      <c r="I19424" s="5" t="s">
        <v>69</v>
      </c>
      <c r="J19424" s="5" t="s">
        <v>61065</v>
      </c>
      <c r="K19424" s="2" t="s">
        <v>61066</v>
      </c>
      <c r="L19424" s="5" t="s">
        <v>61065</v>
      </c>
      <c r="M19424" s="2" t="s">
        <v>61066</v>
      </c>
      <c r="N19424" s="5" t="s">
        <v>733</v>
      </c>
      <c r="O19424" s="5" t="s">
        <v>38</v>
      </c>
      <c r="P19424" s="5" t="s">
        <v>39</v>
      </c>
      <c r="Q19424" s="5" t="s">
        <v>40</v>
      </c>
      <c r="R19424" s="5" t="s">
        <v>897</v>
      </c>
      <c r="S19424" s="5" t="s">
        <v>40</v>
      </c>
      <c r="T19424" s="5" t="s">
        <v>42</v>
      </c>
      <c r="U19424" s="2">
        <v>28.875</v>
      </c>
      <c r="V19424" s="2">
        <v>26.867999999999999</v>
      </c>
      <c r="W19424" s="2">
        <v>0.09</v>
      </c>
      <c r="X19424" s="2">
        <v>17</v>
      </c>
      <c r="Y19424" s="2">
        <v>57.7</v>
      </c>
      <c r="Z19424" s="2">
        <v>91.6</v>
      </c>
      <c r="AA19424" s="5">
        <v>7</v>
      </c>
      <c r="AB19424" s="5" t="s">
        <v>43</v>
      </c>
      <c r="AC19424" s="5" t="s">
        <v>735</v>
      </c>
      <c r="AD19424" s="2" t="s">
        <v>61072</v>
      </c>
      <c r="AE19424" s="1"/>
    </row>
    <row r="19425" spans="1:31" ht="14.45">
      <c r="A19425" s="11"/>
      <c r="B19425" s="20"/>
      <c r="C19425" s="2" t="s">
        <v>61073</v>
      </c>
      <c r="D19425" s="14" t="s">
        <v>61074</v>
      </c>
      <c r="E19425" s="2" t="s">
        <v>61075</v>
      </c>
      <c r="F19425" s="2" t="s">
        <v>61076</v>
      </c>
      <c r="G19425" s="8">
        <v>670</v>
      </c>
      <c r="H19425" s="5">
        <v>5</v>
      </c>
      <c r="I19425" s="5" t="s">
        <v>69</v>
      </c>
      <c r="J19425" s="5" t="s">
        <v>61065</v>
      </c>
      <c r="K19425" s="2" t="s">
        <v>61066</v>
      </c>
      <c r="L19425" s="5" t="s">
        <v>61065</v>
      </c>
      <c r="M19425" s="2" t="s">
        <v>61066</v>
      </c>
      <c r="N19425" s="5" t="s">
        <v>733</v>
      </c>
      <c r="O19425" s="5" t="s">
        <v>38</v>
      </c>
      <c r="P19425" s="5" t="s">
        <v>39</v>
      </c>
      <c r="Q19425" s="5" t="s">
        <v>40</v>
      </c>
      <c r="R19425" s="5" t="s">
        <v>897</v>
      </c>
      <c r="S19425" s="5" t="s">
        <v>40</v>
      </c>
      <c r="T19425" s="5" t="s">
        <v>42</v>
      </c>
      <c r="U19425" s="2">
        <v>24.391999999999999</v>
      </c>
      <c r="V19425" s="2">
        <v>22.443000000000001</v>
      </c>
      <c r="W19425" s="2">
        <v>0.09</v>
      </c>
      <c r="X19425" s="2">
        <v>17</v>
      </c>
      <c r="Y19425" s="2">
        <v>57.7</v>
      </c>
      <c r="Z19425" s="2">
        <v>91.6</v>
      </c>
      <c r="AA19425" s="5">
        <v>7</v>
      </c>
      <c r="AB19425" s="5" t="s">
        <v>43</v>
      </c>
      <c r="AC19425" s="5" t="s">
        <v>735</v>
      </c>
      <c r="AD19425" s="2" t="s">
        <v>61077</v>
      </c>
      <c r="AE19425" s="1"/>
    </row>
    <row r="19426" spans="1:31" ht="14.45">
      <c r="A19426" s="11"/>
      <c r="B19426" s="20"/>
      <c r="C19426" s="2" t="s">
        <v>61078</v>
      </c>
      <c r="D19426" s="14" t="s">
        <v>61079</v>
      </c>
      <c r="E19426" s="2" t="s">
        <v>61080</v>
      </c>
      <c r="F19426" s="2" t="s">
        <v>61081</v>
      </c>
      <c r="G19426" s="8">
        <v>970</v>
      </c>
      <c r="H19426" s="5">
        <v>5</v>
      </c>
      <c r="I19426" s="5" t="s">
        <v>69</v>
      </c>
      <c r="J19426" s="5" t="s">
        <v>61065</v>
      </c>
      <c r="K19426" s="2" t="s">
        <v>61066</v>
      </c>
      <c r="L19426" s="5" t="s">
        <v>61065</v>
      </c>
      <c r="M19426" s="2" t="s">
        <v>61066</v>
      </c>
      <c r="N19426" s="5" t="s">
        <v>733</v>
      </c>
      <c r="O19426" s="5" t="s">
        <v>38</v>
      </c>
      <c r="P19426" s="5" t="s">
        <v>39</v>
      </c>
      <c r="Q19426" s="5" t="s">
        <v>40</v>
      </c>
      <c r="R19426" s="5" t="s">
        <v>897</v>
      </c>
      <c r="S19426" s="5" t="s">
        <v>40</v>
      </c>
      <c r="T19426" s="5" t="s">
        <v>42</v>
      </c>
      <c r="U19426" s="2">
        <v>26.405000000000001</v>
      </c>
      <c r="V19426" s="2">
        <v>24.388999999999999</v>
      </c>
      <c r="W19426" s="2">
        <v>0.09</v>
      </c>
      <c r="X19426" s="2">
        <v>17</v>
      </c>
      <c r="Y19426" s="2">
        <v>57.7</v>
      </c>
      <c r="Z19426" s="2">
        <v>91.6</v>
      </c>
      <c r="AA19426" s="5">
        <v>7</v>
      </c>
      <c r="AB19426" s="5" t="s">
        <v>43</v>
      </c>
      <c r="AC19426" s="5" t="s">
        <v>735</v>
      </c>
      <c r="AD19426" s="2" t="s">
        <v>61082</v>
      </c>
      <c r="AE19426" s="1"/>
    </row>
    <row r="19427" spans="1:31" ht="14.45">
      <c r="A19427" s="11"/>
      <c r="B19427" s="20"/>
      <c r="C19427" s="2" t="s">
        <v>61083</v>
      </c>
      <c r="D19427" s="14" t="s">
        <v>61084</v>
      </c>
      <c r="E19427" s="2" t="s">
        <v>61085</v>
      </c>
      <c r="F19427" s="2" t="s">
        <v>61081</v>
      </c>
      <c r="G19427" s="8">
        <v>970</v>
      </c>
      <c r="H19427" s="5">
        <v>5</v>
      </c>
      <c r="I19427" s="5" t="s">
        <v>69</v>
      </c>
      <c r="J19427" s="5" t="s">
        <v>61065</v>
      </c>
      <c r="K19427" s="2" t="s">
        <v>61066</v>
      </c>
      <c r="L19427" s="5" t="s">
        <v>61065</v>
      </c>
      <c r="M19427" s="2" t="s">
        <v>61066</v>
      </c>
      <c r="N19427" s="5" t="s">
        <v>733</v>
      </c>
      <c r="O19427" s="5" t="s">
        <v>38</v>
      </c>
      <c r="P19427" s="5" t="s">
        <v>39</v>
      </c>
      <c r="Q19427" s="5" t="s">
        <v>40</v>
      </c>
      <c r="R19427" s="5" t="s">
        <v>897</v>
      </c>
      <c r="S19427" s="5" t="s">
        <v>40</v>
      </c>
      <c r="T19427" s="5" t="s">
        <v>42</v>
      </c>
      <c r="U19427" s="2">
        <v>26.242000000000001</v>
      </c>
      <c r="V19427" s="2">
        <v>24.148</v>
      </c>
      <c r="W19427" s="2">
        <v>0.09</v>
      </c>
      <c r="X19427" s="2">
        <v>17</v>
      </c>
      <c r="Y19427" s="2">
        <v>57.7</v>
      </c>
      <c r="Z19427" s="2">
        <v>91.6</v>
      </c>
      <c r="AA19427" s="5">
        <v>7</v>
      </c>
      <c r="AB19427" s="5" t="s">
        <v>43</v>
      </c>
      <c r="AC19427" s="5" t="s">
        <v>735</v>
      </c>
      <c r="AD19427" s="2" t="s">
        <v>61086</v>
      </c>
      <c r="AE19427" s="1"/>
    </row>
    <row r="19428" spans="1:31" ht="14.45">
      <c r="A19428" s="11"/>
      <c r="B19428" s="20"/>
      <c r="C19428" s="2" t="s">
        <v>61087</v>
      </c>
      <c r="D19428" s="14" t="s">
        <v>61088</v>
      </c>
      <c r="E19428" s="2" t="s">
        <v>61089</v>
      </c>
      <c r="F19428" s="2" t="s">
        <v>61090</v>
      </c>
      <c r="G19428" s="8">
        <v>731</v>
      </c>
      <c r="H19428" s="5">
        <v>10</v>
      </c>
      <c r="I19428" s="5" t="s">
        <v>69</v>
      </c>
      <c r="J19428" s="5" t="s">
        <v>61065</v>
      </c>
      <c r="K19428" s="2" t="s">
        <v>61066</v>
      </c>
      <c r="L19428" s="5" t="s">
        <v>61065</v>
      </c>
      <c r="M19428" s="2" t="s">
        <v>61066</v>
      </c>
      <c r="N19428" s="5" t="s">
        <v>733</v>
      </c>
      <c r="O19428" s="5" t="s">
        <v>38</v>
      </c>
      <c r="P19428" s="5" t="s">
        <v>39</v>
      </c>
      <c r="Q19428" s="5" t="s">
        <v>40</v>
      </c>
      <c r="R19428" s="5" t="s">
        <v>897</v>
      </c>
      <c r="S19428" s="5" t="s">
        <v>40</v>
      </c>
      <c r="T19428" s="5" t="s">
        <v>42</v>
      </c>
      <c r="U19428" s="2">
        <v>24.288</v>
      </c>
      <c r="V19428" s="2">
        <v>22.334</v>
      </c>
      <c r="W19428" s="2">
        <v>0.09</v>
      </c>
      <c r="X19428" s="2">
        <v>17</v>
      </c>
      <c r="Y19428" s="2">
        <v>57.7</v>
      </c>
      <c r="Z19428" s="2">
        <v>91.6</v>
      </c>
      <c r="AA19428" s="5">
        <v>7</v>
      </c>
      <c r="AB19428" s="5" t="s">
        <v>43</v>
      </c>
      <c r="AC19428" s="5" t="s">
        <v>735</v>
      </c>
      <c r="AD19428" s="2" t="s">
        <v>61091</v>
      </c>
      <c r="AE19428" s="1"/>
    </row>
    <row r="19429" spans="1:31" ht="14.45">
      <c r="A19429" s="11"/>
      <c r="B19429" s="20"/>
      <c r="C19429" s="2" t="s">
        <v>61092</v>
      </c>
      <c r="D19429" s="14" t="s">
        <v>61093</v>
      </c>
      <c r="E19429" s="2" t="s">
        <v>61094</v>
      </c>
      <c r="F19429" s="2" t="s">
        <v>61095</v>
      </c>
      <c r="G19429" s="8">
        <v>1031</v>
      </c>
      <c r="H19429" s="5">
        <v>10</v>
      </c>
      <c r="I19429" s="5" t="s">
        <v>69</v>
      </c>
      <c r="J19429" s="5" t="s">
        <v>61065</v>
      </c>
      <c r="K19429" s="2" t="s">
        <v>61066</v>
      </c>
      <c r="L19429" s="5" t="s">
        <v>61065</v>
      </c>
      <c r="M19429" s="2" t="s">
        <v>61066</v>
      </c>
      <c r="N19429" s="5" t="s">
        <v>733</v>
      </c>
      <c r="O19429" s="5" t="s">
        <v>38</v>
      </c>
      <c r="P19429" s="5" t="s">
        <v>39</v>
      </c>
      <c r="Q19429" s="5" t="s">
        <v>40</v>
      </c>
      <c r="R19429" s="5" t="s">
        <v>897</v>
      </c>
      <c r="S19429" s="5" t="s">
        <v>40</v>
      </c>
      <c r="T19429" s="5" t="s">
        <v>42</v>
      </c>
      <c r="U19429" s="2">
        <v>26.372</v>
      </c>
      <c r="V19429" s="2">
        <v>24.311</v>
      </c>
      <c r="W19429" s="2">
        <v>0.09</v>
      </c>
      <c r="X19429" s="2">
        <v>17</v>
      </c>
      <c r="Y19429" s="2">
        <v>57.7</v>
      </c>
      <c r="Z19429" s="2">
        <v>91.6</v>
      </c>
      <c r="AA19429" s="5">
        <v>7</v>
      </c>
      <c r="AB19429" s="5" t="s">
        <v>43</v>
      </c>
      <c r="AC19429" s="5" t="s">
        <v>735</v>
      </c>
      <c r="AD19429" s="2" t="s">
        <v>61096</v>
      </c>
      <c r="AE19429" s="1"/>
    </row>
    <row r="19430" spans="1:31" ht="14.45">
      <c r="A19430" s="11"/>
      <c r="B19430" s="20"/>
      <c r="C19430" s="2" t="s">
        <v>61097</v>
      </c>
      <c r="D19430" s="14" t="s">
        <v>61098</v>
      </c>
      <c r="E19430" s="2" t="s">
        <v>61099</v>
      </c>
      <c r="F19430" s="2" t="s">
        <v>61095</v>
      </c>
      <c r="G19430" s="8">
        <v>1031</v>
      </c>
      <c r="H19430" s="5">
        <v>10</v>
      </c>
      <c r="I19430" s="5" t="s">
        <v>69</v>
      </c>
      <c r="J19430" s="5" t="s">
        <v>61065</v>
      </c>
      <c r="K19430" s="2" t="s">
        <v>61066</v>
      </c>
      <c r="L19430" s="5" t="s">
        <v>61065</v>
      </c>
      <c r="M19430" s="2" t="s">
        <v>61066</v>
      </c>
      <c r="N19430" s="5" t="s">
        <v>733</v>
      </c>
      <c r="O19430" s="5" t="s">
        <v>38</v>
      </c>
      <c r="P19430" s="5" t="s">
        <v>39</v>
      </c>
      <c r="Q19430" s="5" t="s">
        <v>40</v>
      </c>
      <c r="R19430" s="5" t="s">
        <v>897</v>
      </c>
      <c r="S19430" s="5" t="s">
        <v>40</v>
      </c>
      <c r="T19430" s="5" t="s">
        <v>42</v>
      </c>
      <c r="U19430" s="2">
        <v>26.145</v>
      </c>
      <c r="V19430" s="2">
        <v>24.050999999999998</v>
      </c>
      <c r="W19430" s="2">
        <v>0.09</v>
      </c>
      <c r="X19430" s="2">
        <v>17</v>
      </c>
      <c r="Y19430" s="2">
        <v>57.7</v>
      </c>
      <c r="Z19430" s="2">
        <v>91.6</v>
      </c>
      <c r="AA19430" s="5">
        <v>7</v>
      </c>
      <c r="AB19430" s="5" t="s">
        <v>43</v>
      </c>
      <c r="AC19430" s="5" t="s">
        <v>735</v>
      </c>
      <c r="AD19430" s="2" t="s">
        <v>61100</v>
      </c>
      <c r="AE19430" s="1"/>
    </row>
    <row r="19431" spans="1:31" ht="14.45">
      <c r="A19431" s="11"/>
      <c r="B19431" s="20"/>
      <c r="C19431" s="2" t="s">
        <v>61101</v>
      </c>
      <c r="D19431" s="14" t="s">
        <v>61102</v>
      </c>
      <c r="E19431" s="2" t="s">
        <v>61103</v>
      </c>
      <c r="F19431" s="2" t="s">
        <v>61104</v>
      </c>
      <c r="G19431" s="8">
        <v>611</v>
      </c>
      <c r="H19431" s="5">
        <v>5</v>
      </c>
      <c r="I19431" s="5" t="s">
        <v>69</v>
      </c>
      <c r="J19431" s="5" t="s">
        <v>61065</v>
      </c>
      <c r="K19431" s="2" t="s">
        <v>61066</v>
      </c>
      <c r="L19431" s="5" t="s">
        <v>61065</v>
      </c>
      <c r="M19431" s="2" t="s">
        <v>61066</v>
      </c>
      <c r="N19431" s="5" t="s">
        <v>733</v>
      </c>
      <c r="O19431" s="5" t="s">
        <v>38</v>
      </c>
      <c r="P19431" s="5" t="s">
        <v>39</v>
      </c>
      <c r="Q19431" s="5" t="s">
        <v>40</v>
      </c>
      <c r="R19431" s="5" t="s">
        <v>897</v>
      </c>
      <c r="S19431" s="5" t="s">
        <v>40</v>
      </c>
      <c r="T19431" s="5" t="s">
        <v>42</v>
      </c>
      <c r="U19431" s="2">
        <v>24.401</v>
      </c>
      <c r="V19431" s="2">
        <v>22.446999999999999</v>
      </c>
      <c r="W19431" s="2">
        <v>0.09</v>
      </c>
      <c r="X19431" s="2">
        <v>17</v>
      </c>
      <c r="Y19431" s="2">
        <v>57.7</v>
      </c>
      <c r="Z19431" s="2">
        <v>91.6</v>
      </c>
      <c r="AA19431" s="5">
        <v>7</v>
      </c>
      <c r="AB19431" s="5" t="s">
        <v>43</v>
      </c>
      <c r="AC19431" s="5" t="s">
        <v>735</v>
      </c>
      <c r="AD19431" s="2" t="s">
        <v>61105</v>
      </c>
      <c r="AE19431" s="1"/>
    </row>
    <row r="19432" spans="1:31" ht="14.45">
      <c r="A19432" s="11"/>
      <c r="B19432" s="20"/>
      <c r="C19432" s="2" t="s">
        <v>61106</v>
      </c>
      <c r="D19432" s="14" t="s">
        <v>61107</v>
      </c>
      <c r="E19432" s="2" t="s">
        <v>61108</v>
      </c>
      <c r="F19432" s="2" t="s">
        <v>61104</v>
      </c>
      <c r="G19432" s="8">
        <v>911</v>
      </c>
      <c r="H19432" s="5">
        <v>5</v>
      </c>
      <c r="I19432" s="5" t="s">
        <v>69</v>
      </c>
      <c r="J19432" s="5" t="s">
        <v>61065</v>
      </c>
      <c r="K19432" s="2" t="s">
        <v>61066</v>
      </c>
      <c r="L19432" s="5" t="s">
        <v>61065</v>
      </c>
      <c r="M19432" s="2" t="s">
        <v>61066</v>
      </c>
      <c r="N19432" s="5" t="s">
        <v>733</v>
      </c>
      <c r="O19432" s="5" t="s">
        <v>38</v>
      </c>
      <c r="P19432" s="5" t="s">
        <v>39</v>
      </c>
      <c r="Q19432" s="5" t="s">
        <v>40</v>
      </c>
      <c r="R19432" s="5" t="s">
        <v>897</v>
      </c>
      <c r="S19432" s="5" t="s">
        <v>40</v>
      </c>
      <c r="T19432" s="5" t="s">
        <v>42</v>
      </c>
      <c r="U19432" s="2">
        <v>26.452999999999999</v>
      </c>
      <c r="V19432" s="2">
        <v>24.391999999999999</v>
      </c>
      <c r="W19432" s="2">
        <v>0.09</v>
      </c>
      <c r="X19432" s="2">
        <v>17</v>
      </c>
      <c r="Y19432" s="2">
        <v>57.7</v>
      </c>
      <c r="Z19432" s="2">
        <v>91.6</v>
      </c>
      <c r="AA19432" s="5">
        <v>7</v>
      </c>
      <c r="AB19432" s="5" t="s">
        <v>43</v>
      </c>
      <c r="AC19432" s="5" t="s">
        <v>735</v>
      </c>
      <c r="AD19432" s="2" t="s">
        <v>61109</v>
      </c>
      <c r="AE19432" s="1"/>
    </row>
    <row r="19433" spans="1:31" ht="14.45">
      <c r="A19433" s="11"/>
      <c r="B19433" s="20"/>
      <c r="C19433" s="2" t="s">
        <v>61110</v>
      </c>
      <c r="D19433" s="14" t="s">
        <v>61111</v>
      </c>
      <c r="E19433" s="2" t="s">
        <v>61112</v>
      </c>
      <c r="F19433" s="2" t="s">
        <v>61104</v>
      </c>
      <c r="G19433" s="8">
        <v>911</v>
      </c>
      <c r="H19433" s="5">
        <v>10</v>
      </c>
      <c r="I19433" s="5" t="s">
        <v>69</v>
      </c>
      <c r="J19433" s="5" t="s">
        <v>61065</v>
      </c>
      <c r="K19433" s="2" t="s">
        <v>61066</v>
      </c>
      <c r="L19433" s="5" t="s">
        <v>61065</v>
      </c>
      <c r="M19433" s="2" t="s">
        <v>61066</v>
      </c>
      <c r="N19433" s="5" t="s">
        <v>733</v>
      </c>
      <c r="O19433" s="5" t="s">
        <v>38</v>
      </c>
      <c r="P19433" s="5" t="s">
        <v>39</v>
      </c>
      <c r="Q19433" s="5" t="s">
        <v>40</v>
      </c>
      <c r="R19433" s="5" t="s">
        <v>897</v>
      </c>
      <c r="S19433" s="5" t="s">
        <v>40</v>
      </c>
      <c r="T19433" s="5" t="s">
        <v>42</v>
      </c>
      <c r="U19433" s="2">
        <v>26.222000000000001</v>
      </c>
      <c r="V19433" s="2">
        <v>24.128</v>
      </c>
      <c r="W19433" s="2">
        <v>0.09</v>
      </c>
      <c r="X19433" s="2">
        <v>17</v>
      </c>
      <c r="Y19433" s="2">
        <v>57.7</v>
      </c>
      <c r="Z19433" s="2">
        <v>91.6</v>
      </c>
      <c r="AA19433" s="5">
        <v>7</v>
      </c>
      <c r="AB19433" s="5" t="s">
        <v>43</v>
      </c>
      <c r="AC19433" s="5" t="s">
        <v>735</v>
      </c>
      <c r="AD19433" s="2" t="s">
        <v>61113</v>
      </c>
      <c r="AE19433" s="1"/>
    </row>
    <row r="19434" spans="1:31" ht="14.45">
      <c r="A19434" s="11"/>
      <c r="B19434" s="20"/>
      <c r="C19434" s="2" t="s">
        <v>61114</v>
      </c>
      <c r="D19434" s="14" t="s">
        <v>61115</v>
      </c>
      <c r="E19434" s="2" t="s">
        <v>61116</v>
      </c>
      <c r="F19434" s="2" t="s">
        <v>61117</v>
      </c>
      <c r="G19434" s="8">
        <v>536</v>
      </c>
      <c r="H19434" s="5">
        <v>5</v>
      </c>
      <c r="I19434" s="5" t="s">
        <v>69</v>
      </c>
      <c r="J19434" s="5" t="s">
        <v>61065</v>
      </c>
      <c r="K19434" s="2" t="s">
        <v>61066</v>
      </c>
      <c r="L19434" s="5" t="s">
        <v>61065</v>
      </c>
      <c r="M19434" s="2" t="s">
        <v>61066</v>
      </c>
      <c r="N19434" s="5" t="s">
        <v>733</v>
      </c>
      <c r="O19434" s="5" t="s">
        <v>38</v>
      </c>
      <c r="P19434" s="5" t="s">
        <v>39</v>
      </c>
      <c r="Q19434" s="5" t="s">
        <v>40</v>
      </c>
      <c r="R19434" s="5" t="s">
        <v>897</v>
      </c>
      <c r="S19434" s="5" t="s">
        <v>40</v>
      </c>
      <c r="T19434" s="5" t="s">
        <v>42</v>
      </c>
      <c r="U19434" s="2">
        <v>21.975000000000001</v>
      </c>
      <c r="V19434" s="2">
        <v>20.030999999999999</v>
      </c>
      <c r="W19434" s="2">
        <v>0.09</v>
      </c>
      <c r="X19434" s="2">
        <v>17</v>
      </c>
      <c r="Y19434" s="2">
        <v>57.7</v>
      </c>
      <c r="Z19434" s="2">
        <v>91.6</v>
      </c>
      <c r="AA19434" s="5">
        <v>7</v>
      </c>
      <c r="AB19434" s="5" t="s">
        <v>43</v>
      </c>
      <c r="AC19434" s="5" t="s">
        <v>735</v>
      </c>
      <c r="AD19434" s="2" t="s">
        <v>61118</v>
      </c>
      <c r="AE19434" s="1"/>
    </row>
    <row r="19435" spans="1:31" ht="14.45">
      <c r="A19435" s="11"/>
      <c r="B19435" s="20"/>
      <c r="C19435" s="2" t="s">
        <v>61119</v>
      </c>
      <c r="D19435" s="14" t="s">
        <v>61120</v>
      </c>
      <c r="E19435" s="2" t="s">
        <v>61121</v>
      </c>
      <c r="F19435" s="2" t="s">
        <v>61117</v>
      </c>
      <c r="G19435" s="8">
        <v>836</v>
      </c>
      <c r="H19435" s="5">
        <v>5</v>
      </c>
      <c r="I19435" s="5" t="s">
        <v>69</v>
      </c>
      <c r="J19435" s="5" t="s">
        <v>61065</v>
      </c>
      <c r="K19435" s="2" t="s">
        <v>61066</v>
      </c>
      <c r="L19435" s="5" t="s">
        <v>61065</v>
      </c>
      <c r="M19435" s="2" t="s">
        <v>61066</v>
      </c>
      <c r="N19435" s="5" t="s">
        <v>733</v>
      </c>
      <c r="O19435" s="5" t="s">
        <v>38</v>
      </c>
      <c r="P19435" s="5" t="s">
        <v>39</v>
      </c>
      <c r="Q19435" s="5" t="s">
        <v>40</v>
      </c>
      <c r="R19435" s="5" t="s">
        <v>897</v>
      </c>
      <c r="S19435" s="5" t="s">
        <v>40</v>
      </c>
      <c r="T19435" s="5" t="s">
        <v>42</v>
      </c>
      <c r="U19435" s="2">
        <v>24.059000000000001</v>
      </c>
      <c r="V19435" s="2">
        <v>22.033000000000001</v>
      </c>
      <c r="W19435" s="2">
        <v>0.09</v>
      </c>
      <c r="X19435" s="2">
        <v>17</v>
      </c>
      <c r="Y19435" s="2">
        <v>57.7</v>
      </c>
      <c r="Z19435" s="2">
        <v>91.6</v>
      </c>
      <c r="AA19435" s="5">
        <v>7</v>
      </c>
      <c r="AB19435" s="5" t="s">
        <v>43</v>
      </c>
      <c r="AC19435" s="5" t="s">
        <v>735</v>
      </c>
      <c r="AD19435" s="2" t="s">
        <v>61122</v>
      </c>
      <c r="AE19435" s="1"/>
    </row>
    <row r="19436" spans="1:31" ht="14.45">
      <c r="A19436" s="11"/>
      <c r="B19436" s="20"/>
      <c r="C19436" s="2" t="s">
        <v>61123</v>
      </c>
      <c r="D19436" s="14" t="s">
        <v>61124</v>
      </c>
      <c r="E19436" s="2" t="s">
        <v>61125</v>
      </c>
      <c r="F19436" s="2" t="s">
        <v>61117</v>
      </c>
      <c r="G19436" s="8">
        <v>836</v>
      </c>
      <c r="H19436" s="5">
        <v>5</v>
      </c>
      <c r="I19436" s="5" t="s">
        <v>69</v>
      </c>
      <c r="J19436" s="5" t="s">
        <v>61065</v>
      </c>
      <c r="K19436" s="2" t="s">
        <v>61066</v>
      </c>
      <c r="L19436" s="5" t="s">
        <v>61065</v>
      </c>
      <c r="M19436" s="2" t="s">
        <v>61066</v>
      </c>
      <c r="N19436" s="5" t="s">
        <v>733</v>
      </c>
      <c r="O19436" s="5" t="s">
        <v>38</v>
      </c>
      <c r="P19436" s="5" t="s">
        <v>39</v>
      </c>
      <c r="Q19436" s="5" t="s">
        <v>40</v>
      </c>
      <c r="R19436" s="5" t="s">
        <v>897</v>
      </c>
      <c r="S19436" s="5" t="s">
        <v>40</v>
      </c>
      <c r="T19436" s="5" t="s">
        <v>42</v>
      </c>
      <c r="U19436" s="2">
        <v>23.864000000000001</v>
      </c>
      <c r="V19436" s="2">
        <v>21.765000000000001</v>
      </c>
      <c r="W19436" s="2">
        <v>0.09</v>
      </c>
      <c r="X19436" s="2">
        <v>17</v>
      </c>
      <c r="Y19436" s="2">
        <v>57.7</v>
      </c>
      <c r="Z19436" s="2">
        <v>91.6</v>
      </c>
      <c r="AA19436" s="5">
        <v>7</v>
      </c>
      <c r="AB19436" s="5" t="s">
        <v>43</v>
      </c>
      <c r="AC19436" s="5" t="s">
        <v>735</v>
      </c>
      <c r="AD19436" s="2" t="s">
        <v>61126</v>
      </c>
      <c r="AE19436" s="1"/>
    </row>
    <row r="19437" spans="1:31" ht="14.45">
      <c r="A19437" s="11"/>
      <c r="B19437" s="20"/>
      <c r="C19437" s="2" t="s">
        <v>61127</v>
      </c>
      <c r="D19437" s="14" t="s">
        <v>61128</v>
      </c>
      <c r="E19437" s="2" t="s">
        <v>61129</v>
      </c>
      <c r="F19437" s="2" t="s">
        <v>61130</v>
      </c>
      <c r="G19437" s="8">
        <v>896</v>
      </c>
      <c r="H19437" s="5">
        <v>5</v>
      </c>
      <c r="I19437" s="5" t="s">
        <v>69</v>
      </c>
      <c r="J19437" s="5" t="s">
        <v>61065</v>
      </c>
      <c r="K19437" s="2" t="s">
        <v>61066</v>
      </c>
      <c r="L19437" s="5" t="s">
        <v>61065</v>
      </c>
      <c r="M19437" s="2" t="s">
        <v>61066</v>
      </c>
      <c r="N19437" s="5" t="s">
        <v>733</v>
      </c>
      <c r="O19437" s="5" t="s">
        <v>38</v>
      </c>
      <c r="P19437" s="5" t="s">
        <v>39</v>
      </c>
      <c r="Q19437" s="5" t="s">
        <v>40</v>
      </c>
      <c r="R19437" s="5" t="s">
        <v>897</v>
      </c>
      <c r="S19437" s="5" t="s">
        <v>40</v>
      </c>
      <c r="T19437" s="5" t="s">
        <v>42</v>
      </c>
      <c r="U19437" s="2">
        <v>24.303999999999998</v>
      </c>
      <c r="V19437" s="2">
        <v>22.353999999999999</v>
      </c>
      <c r="W19437" s="2">
        <v>0.09</v>
      </c>
      <c r="X19437" s="2">
        <v>17</v>
      </c>
      <c r="Y19437" s="2">
        <v>57.7</v>
      </c>
      <c r="Z19437" s="2">
        <v>91.6</v>
      </c>
      <c r="AA19437" s="5">
        <v>7</v>
      </c>
      <c r="AB19437" s="5" t="s">
        <v>43</v>
      </c>
      <c r="AC19437" s="5" t="s">
        <v>735</v>
      </c>
      <c r="AD19437" s="2" t="s">
        <v>61131</v>
      </c>
      <c r="AE19437" s="1"/>
    </row>
    <row r="19438" spans="1:31" ht="14.45">
      <c r="A19438" s="11"/>
      <c r="B19438" s="20"/>
      <c r="C19438" s="2" t="s">
        <v>61132</v>
      </c>
      <c r="D19438" s="14" t="s">
        <v>61133</v>
      </c>
      <c r="E19438" s="2" t="s">
        <v>61134</v>
      </c>
      <c r="F19438" s="2" t="s">
        <v>61135</v>
      </c>
      <c r="G19438" s="8">
        <v>631</v>
      </c>
      <c r="H19438" s="5">
        <v>5</v>
      </c>
      <c r="I19438" s="5" t="s">
        <v>69</v>
      </c>
      <c r="J19438" s="5" t="s">
        <v>61065</v>
      </c>
      <c r="K19438" s="2" t="s">
        <v>61066</v>
      </c>
      <c r="L19438" s="5" t="s">
        <v>61065</v>
      </c>
      <c r="M19438" s="2" t="s">
        <v>61066</v>
      </c>
      <c r="N19438" s="5" t="s">
        <v>733</v>
      </c>
      <c r="O19438" s="5" t="s">
        <v>38</v>
      </c>
      <c r="P19438" s="5" t="s">
        <v>39</v>
      </c>
      <c r="Q19438" s="5" t="s">
        <v>40</v>
      </c>
      <c r="R19438" s="5" t="s">
        <v>897</v>
      </c>
      <c r="S19438" s="5" t="s">
        <v>40</v>
      </c>
      <c r="T19438" s="5" t="s">
        <v>42</v>
      </c>
      <c r="U19438" s="2">
        <v>24.344999999999999</v>
      </c>
      <c r="V19438" s="2">
        <v>22.43</v>
      </c>
      <c r="W19438" s="2">
        <v>0.09</v>
      </c>
      <c r="X19438" s="2">
        <v>17</v>
      </c>
      <c r="Y19438" s="2">
        <v>57.7</v>
      </c>
      <c r="Z19438" s="2">
        <v>91.6</v>
      </c>
      <c r="AA19438" s="5">
        <v>7</v>
      </c>
      <c r="AB19438" s="5" t="s">
        <v>43</v>
      </c>
      <c r="AC19438" s="5" t="s">
        <v>735</v>
      </c>
      <c r="AD19438" s="2" t="s">
        <v>61136</v>
      </c>
      <c r="AE19438" s="1"/>
    </row>
    <row r="19439" spans="1:31" ht="14.45">
      <c r="A19439" s="11"/>
      <c r="B19439" s="20"/>
      <c r="C19439" s="2" t="s">
        <v>61137</v>
      </c>
      <c r="D19439" s="14" t="s">
        <v>61138</v>
      </c>
      <c r="E19439" s="2" t="s">
        <v>61139</v>
      </c>
      <c r="F19439" s="2" t="s">
        <v>61135</v>
      </c>
      <c r="G19439" s="8">
        <v>931</v>
      </c>
      <c r="H19439" s="5">
        <v>5</v>
      </c>
      <c r="I19439" s="5" t="s">
        <v>69</v>
      </c>
      <c r="J19439" s="5" t="s">
        <v>61065</v>
      </c>
      <c r="K19439" s="2" t="s">
        <v>61066</v>
      </c>
      <c r="L19439" s="5" t="s">
        <v>61065</v>
      </c>
      <c r="M19439" s="2" t="s">
        <v>61066</v>
      </c>
      <c r="N19439" s="5" t="s">
        <v>733</v>
      </c>
      <c r="O19439" s="5" t="s">
        <v>38</v>
      </c>
      <c r="P19439" s="5" t="s">
        <v>39</v>
      </c>
      <c r="Q19439" s="5" t="s">
        <v>40</v>
      </c>
      <c r="R19439" s="5" t="s">
        <v>897</v>
      </c>
      <c r="S19439" s="5" t="s">
        <v>40</v>
      </c>
      <c r="T19439" s="5" t="s">
        <v>42</v>
      </c>
      <c r="U19439" s="2">
        <v>26.437999999999999</v>
      </c>
      <c r="V19439" s="2">
        <v>24.376999999999999</v>
      </c>
      <c r="W19439" s="2">
        <v>0.09</v>
      </c>
      <c r="X19439" s="2">
        <v>17</v>
      </c>
      <c r="Y19439" s="2">
        <v>57.7</v>
      </c>
      <c r="Z19439" s="2">
        <v>91.6</v>
      </c>
      <c r="AA19439" s="5">
        <v>7</v>
      </c>
      <c r="AB19439" s="5" t="s">
        <v>43</v>
      </c>
      <c r="AC19439" s="5" t="s">
        <v>735</v>
      </c>
      <c r="AD19439" s="2" t="s">
        <v>61140</v>
      </c>
      <c r="AE19439" s="1"/>
    </row>
    <row r="19440" spans="1:31" ht="14.45">
      <c r="A19440" s="11"/>
      <c r="B19440" s="20"/>
      <c r="C19440" s="2" t="s">
        <v>61141</v>
      </c>
      <c r="D19440" s="14" t="s">
        <v>61142</v>
      </c>
      <c r="E19440" s="2" t="s">
        <v>61143</v>
      </c>
      <c r="F19440" s="2" t="s">
        <v>61135</v>
      </c>
      <c r="G19440" s="8">
        <v>931</v>
      </c>
      <c r="H19440" s="5">
        <v>5</v>
      </c>
      <c r="I19440" s="5" t="s">
        <v>69</v>
      </c>
      <c r="J19440" s="5" t="s">
        <v>61065</v>
      </c>
      <c r="K19440" s="2" t="s">
        <v>61066</v>
      </c>
      <c r="L19440" s="5" t="s">
        <v>61065</v>
      </c>
      <c r="M19440" s="2" t="s">
        <v>61066</v>
      </c>
      <c r="N19440" s="5" t="s">
        <v>733</v>
      </c>
      <c r="O19440" s="5" t="s">
        <v>38</v>
      </c>
      <c r="P19440" s="5" t="s">
        <v>39</v>
      </c>
      <c r="Q19440" s="5" t="s">
        <v>40</v>
      </c>
      <c r="R19440" s="5" t="s">
        <v>897</v>
      </c>
      <c r="S19440" s="5" t="s">
        <v>40</v>
      </c>
      <c r="T19440" s="5" t="s">
        <v>42</v>
      </c>
      <c r="U19440" s="2">
        <v>26.207000000000001</v>
      </c>
      <c r="V19440" s="2">
        <v>24.113</v>
      </c>
      <c r="W19440" s="2">
        <v>0.09</v>
      </c>
      <c r="X19440" s="2">
        <v>17</v>
      </c>
      <c r="Y19440" s="2">
        <v>57.7</v>
      </c>
      <c r="Z19440" s="2">
        <v>91.6</v>
      </c>
      <c r="AA19440" s="5">
        <v>7</v>
      </c>
      <c r="AB19440" s="5" t="s">
        <v>43</v>
      </c>
      <c r="AC19440" s="5" t="s">
        <v>735</v>
      </c>
      <c r="AD19440" s="2" t="s">
        <v>61144</v>
      </c>
      <c r="AE19440" s="1"/>
    </row>
    <row r="19441" spans="1:31" ht="14.45">
      <c r="A19441" s="11"/>
      <c r="B19441" s="20"/>
      <c r="C19441" s="2" t="s">
        <v>61145</v>
      </c>
      <c r="D19441" s="14" t="s">
        <v>61146</v>
      </c>
      <c r="E19441" s="2" t="s">
        <v>61147</v>
      </c>
      <c r="F19441" s="2" t="s">
        <v>61148</v>
      </c>
      <c r="G19441" s="8">
        <v>1199</v>
      </c>
      <c r="H19441" s="5">
        <v>10</v>
      </c>
      <c r="I19441" s="5" t="s">
        <v>69</v>
      </c>
      <c r="J19441" s="5" t="s">
        <v>61065</v>
      </c>
      <c r="K19441" s="2" t="s">
        <v>61066</v>
      </c>
      <c r="L19441" s="5" t="s">
        <v>61065</v>
      </c>
      <c r="M19441" s="2" t="s">
        <v>61066</v>
      </c>
      <c r="N19441" s="5" t="s">
        <v>733</v>
      </c>
      <c r="O19441" s="5" t="s">
        <v>38</v>
      </c>
      <c r="P19441" s="5" t="s">
        <v>39</v>
      </c>
      <c r="Q19441" s="5" t="s">
        <v>40</v>
      </c>
      <c r="R19441" s="5" t="s">
        <v>897</v>
      </c>
      <c r="S19441" s="5" t="s">
        <v>40</v>
      </c>
      <c r="T19441" s="5" t="s">
        <v>42</v>
      </c>
      <c r="U19441" s="2">
        <v>28.841000000000001</v>
      </c>
      <c r="V19441" s="2">
        <v>26.885000000000002</v>
      </c>
      <c r="W19441" s="2">
        <v>0.09</v>
      </c>
      <c r="X19441" s="2">
        <v>17</v>
      </c>
      <c r="Y19441" s="2">
        <v>57.7</v>
      </c>
      <c r="Z19441" s="2">
        <v>91.6</v>
      </c>
      <c r="AA19441" s="5">
        <v>7</v>
      </c>
      <c r="AB19441" s="5" t="s">
        <v>43</v>
      </c>
      <c r="AC19441" s="5" t="s">
        <v>735</v>
      </c>
      <c r="AD19441" s="2" t="s">
        <v>61149</v>
      </c>
      <c r="AE19441" s="1"/>
    </row>
    <row r="19442" spans="1:31" ht="14.45">
      <c r="A19442" s="11"/>
      <c r="B19442" s="20"/>
      <c r="C19442" s="2" t="s">
        <v>61150</v>
      </c>
      <c r="D19442" s="14" t="s">
        <v>61151</v>
      </c>
      <c r="E19442" s="2" t="s">
        <v>61152</v>
      </c>
      <c r="F19442" s="2" t="s">
        <v>61153</v>
      </c>
      <c r="G19442" s="8">
        <v>1499</v>
      </c>
      <c r="H19442" s="5">
        <v>10</v>
      </c>
      <c r="I19442" s="5" t="s">
        <v>69</v>
      </c>
      <c r="J19442" s="5" t="s">
        <v>61065</v>
      </c>
      <c r="K19442" s="2" t="s">
        <v>61066</v>
      </c>
      <c r="L19442" s="5" t="s">
        <v>61065</v>
      </c>
      <c r="M19442" s="2" t="s">
        <v>61066</v>
      </c>
      <c r="N19442" s="5" t="s">
        <v>733</v>
      </c>
      <c r="O19442" s="5" t="s">
        <v>38</v>
      </c>
      <c r="P19442" s="5" t="s">
        <v>39</v>
      </c>
      <c r="Q19442" s="5" t="s">
        <v>40</v>
      </c>
      <c r="R19442" s="5" t="s">
        <v>897</v>
      </c>
      <c r="S19442" s="5" t="s">
        <v>40</v>
      </c>
      <c r="T19442" s="5" t="s">
        <v>42</v>
      </c>
      <c r="U19442" s="2">
        <v>30.986000000000001</v>
      </c>
      <c r="V19442" s="2">
        <v>28.978999999999999</v>
      </c>
      <c r="W19442" s="2">
        <v>0.09</v>
      </c>
      <c r="X19442" s="2">
        <v>17</v>
      </c>
      <c r="Y19442" s="2">
        <v>57.7</v>
      </c>
      <c r="Z19442" s="2">
        <v>91.6</v>
      </c>
      <c r="AA19442" s="5">
        <v>7</v>
      </c>
      <c r="AB19442" s="5" t="s">
        <v>43</v>
      </c>
      <c r="AC19442" s="5" t="s">
        <v>735</v>
      </c>
      <c r="AD19442" s="2" t="s">
        <v>61154</v>
      </c>
      <c r="AE19442" s="1"/>
    </row>
    <row r="19443" spans="1:31" ht="14.45">
      <c r="A19443" s="11"/>
      <c r="B19443" s="20"/>
      <c r="C19443" s="2" t="s">
        <v>61155</v>
      </c>
      <c r="D19443" s="14" t="s">
        <v>61156</v>
      </c>
      <c r="E19443" s="2" t="s">
        <v>61157</v>
      </c>
      <c r="F19443" s="2" t="s">
        <v>61158</v>
      </c>
      <c r="G19443" s="8">
        <v>1138</v>
      </c>
      <c r="H19443" s="5">
        <v>10</v>
      </c>
      <c r="I19443" s="5" t="s">
        <v>69</v>
      </c>
      <c r="J19443" s="5" t="s">
        <v>61065</v>
      </c>
      <c r="K19443" s="2" t="s">
        <v>61066</v>
      </c>
      <c r="L19443" s="5" t="s">
        <v>61065</v>
      </c>
      <c r="M19443" s="2" t="s">
        <v>61066</v>
      </c>
      <c r="N19443" s="5" t="s">
        <v>733</v>
      </c>
      <c r="O19443" s="5" t="s">
        <v>38</v>
      </c>
      <c r="P19443" s="5" t="s">
        <v>39</v>
      </c>
      <c r="Q19443" s="5" t="s">
        <v>40</v>
      </c>
      <c r="R19443" s="5" t="s">
        <v>897</v>
      </c>
      <c r="S19443" s="5" t="s">
        <v>40</v>
      </c>
      <c r="T19443" s="5" t="s">
        <v>42</v>
      </c>
      <c r="U19443" s="2">
        <v>26.47</v>
      </c>
      <c r="V19443" s="2">
        <v>24.515999999999998</v>
      </c>
      <c r="W19443" s="2">
        <v>0.09</v>
      </c>
      <c r="X19443" s="2">
        <v>17</v>
      </c>
      <c r="Y19443" s="2">
        <v>57.7</v>
      </c>
      <c r="Z19443" s="2">
        <v>91.6</v>
      </c>
      <c r="AA19443" s="5">
        <v>7</v>
      </c>
      <c r="AB19443" s="5" t="s">
        <v>43</v>
      </c>
      <c r="AC19443" s="5" t="s">
        <v>735</v>
      </c>
      <c r="AD19443" s="2" t="s">
        <v>61159</v>
      </c>
      <c r="AE19443" s="1"/>
    </row>
    <row r="19444" spans="1:31" ht="14.45">
      <c r="A19444" s="11"/>
      <c r="B19444" s="20"/>
      <c r="C19444" s="2" t="s">
        <v>61160</v>
      </c>
      <c r="D19444" s="14" t="s">
        <v>61161</v>
      </c>
      <c r="E19444" s="2" t="s">
        <v>61162</v>
      </c>
      <c r="F19444" s="2" t="s">
        <v>61163</v>
      </c>
      <c r="G19444" s="8">
        <v>1438</v>
      </c>
      <c r="H19444" s="5">
        <v>10</v>
      </c>
      <c r="I19444" s="5" t="s">
        <v>69</v>
      </c>
      <c r="J19444" s="5" t="s">
        <v>61065</v>
      </c>
      <c r="K19444" s="2" t="s">
        <v>61066</v>
      </c>
      <c r="L19444" s="5" t="s">
        <v>61065</v>
      </c>
      <c r="M19444" s="2" t="s">
        <v>61066</v>
      </c>
      <c r="N19444" s="5" t="s">
        <v>733</v>
      </c>
      <c r="O19444" s="5" t="s">
        <v>38</v>
      </c>
      <c r="P19444" s="5" t="s">
        <v>39</v>
      </c>
      <c r="Q19444" s="5" t="s">
        <v>40</v>
      </c>
      <c r="R19444" s="5" t="s">
        <v>897</v>
      </c>
      <c r="S19444" s="5" t="s">
        <v>40</v>
      </c>
      <c r="T19444" s="5" t="s">
        <v>42</v>
      </c>
      <c r="U19444" s="2">
        <v>28.553999999999998</v>
      </c>
      <c r="V19444" s="2">
        <v>26.492999999999999</v>
      </c>
      <c r="W19444" s="2">
        <v>0.09</v>
      </c>
      <c r="X19444" s="2">
        <v>17</v>
      </c>
      <c r="Y19444" s="2">
        <v>57.7</v>
      </c>
      <c r="Z19444" s="2">
        <v>91.6</v>
      </c>
      <c r="AA19444" s="5">
        <v>7</v>
      </c>
      <c r="AB19444" s="5" t="s">
        <v>43</v>
      </c>
      <c r="AC19444" s="5" t="s">
        <v>735</v>
      </c>
      <c r="AD19444" s="2" t="s">
        <v>61164</v>
      </c>
      <c r="AE19444" s="1"/>
    </row>
    <row r="19445" spans="1:31" ht="14.45">
      <c r="A19445" s="11"/>
      <c r="B19445" s="20"/>
      <c r="C19445" s="2" t="s">
        <v>61165</v>
      </c>
      <c r="D19445" s="14" t="s">
        <v>61166</v>
      </c>
      <c r="E19445" s="2" t="s">
        <v>61167</v>
      </c>
      <c r="F19445" s="2" t="s">
        <v>61163</v>
      </c>
      <c r="G19445" s="8">
        <v>1438</v>
      </c>
      <c r="H19445" s="5">
        <v>10</v>
      </c>
      <c r="I19445" s="5" t="s">
        <v>69</v>
      </c>
      <c r="J19445" s="5" t="s">
        <v>61065</v>
      </c>
      <c r="K19445" s="2" t="s">
        <v>61066</v>
      </c>
      <c r="L19445" s="5" t="s">
        <v>61065</v>
      </c>
      <c r="M19445" s="2" t="s">
        <v>61066</v>
      </c>
      <c r="N19445" s="5" t="s">
        <v>733</v>
      </c>
      <c r="O19445" s="5" t="s">
        <v>38</v>
      </c>
      <c r="P19445" s="5" t="s">
        <v>39</v>
      </c>
      <c r="Q19445" s="5" t="s">
        <v>40</v>
      </c>
      <c r="R19445" s="5" t="s">
        <v>897</v>
      </c>
      <c r="S19445" s="5" t="s">
        <v>40</v>
      </c>
      <c r="T19445" s="5" t="s">
        <v>42</v>
      </c>
      <c r="U19445" s="2">
        <v>28.33</v>
      </c>
      <c r="V19445" s="2">
        <v>26.236000000000001</v>
      </c>
      <c r="W19445" s="2">
        <v>0.09</v>
      </c>
      <c r="X19445" s="2">
        <v>17</v>
      </c>
      <c r="Y19445" s="2">
        <v>57.7</v>
      </c>
      <c r="Z19445" s="2">
        <v>91.6</v>
      </c>
      <c r="AA19445" s="5">
        <v>7</v>
      </c>
      <c r="AB19445" s="5" t="s">
        <v>43</v>
      </c>
      <c r="AC19445" s="5" t="s">
        <v>735</v>
      </c>
      <c r="AD19445" s="2" t="s">
        <v>61168</v>
      </c>
      <c r="AE19445" s="1"/>
    </row>
    <row r="19446" spans="1:31" ht="14.45">
      <c r="A19446" s="11"/>
      <c r="B19446" s="20"/>
      <c r="C19446" s="2" t="s">
        <v>61169</v>
      </c>
      <c r="D19446" s="14" t="s">
        <v>61170</v>
      </c>
      <c r="E19446" s="2" t="s">
        <v>61171</v>
      </c>
      <c r="F19446" s="2" t="s">
        <v>61172</v>
      </c>
      <c r="G19446" s="8">
        <v>1004</v>
      </c>
      <c r="H19446" s="5">
        <v>10</v>
      </c>
      <c r="I19446" s="5" t="s">
        <v>69</v>
      </c>
      <c r="J19446" s="5" t="s">
        <v>61065</v>
      </c>
      <c r="K19446" s="2" t="s">
        <v>61066</v>
      </c>
      <c r="L19446" s="5" t="s">
        <v>61065</v>
      </c>
      <c r="M19446" s="2" t="s">
        <v>61066</v>
      </c>
      <c r="N19446" s="5" t="s">
        <v>733</v>
      </c>
      <c r="O19446" s="5" t="s">
        <v>38</v>
      </c>
      <c r="P19446" s="5" t="s">
        <v>39</v>
      </c>
      <c r="Q19446" s="5" t="s">
        <v>40</v>
      </c>
      <c r="R19446" s="5" t="s">
        <v>897</v>
      </c>
      <c r="S19446" s="5" t="s">
        <v>40</v>
      </c>
      <c r="T19446" s="5" t="s">
        <v>42</v>
      </c>
      <c r="U19446" s="2">
        <v>24.15</v>
      </c>
      <c r="V19446" s="2">
        <v>22.186</v>
      </c>
      <c r="W19446" s="2">
        <v>0.09</v>
      </c>
      <c r="X19446" s="2">
        <v>17</v>
      </c>
      <c r="Y19446" s="2">
        <v>57.7</v>
      </c>
      <c r="Z19446" s="2">
        <v>91.6</v>
      </c>
      <c r="AA19446" s="5">
        <v>7</v>
      </c>
      <c r="AB19446" s="5" t="s">
        <v>43</v>
      </c>
      <c r="AC19446" s="5" t="s">
        <v>735</v>
      </c>
      <c r="AD19446" s="2" t="s">
        <v>61173</v>
      </c>
      <c r="AE19446" s="1"/>
    </row>
    <row r="19447" spans="1:31" ht="14.45">
      <c r="A19447" s="11"/>
      <c r="B19447" s="20"/>
      <c r="C19447" s="2" t="s">
        <v>61174</v>
      </c>
      <c r="D19447" s="14" t="s">
        <v>61175</v>
      </c>
      <c r="E19447" s="2" t="s">
        <v>61176</v>
      </c>
      <c r="F19447" s="2" t="s">
        <v>61177</v>
      </c>
      <c r="G19447" s="8">
        <v>1304</v>
      </c>
      <c r="H19447" s="5">
        <v>5</v>
      </c>
      <c r="I19447" s="5" t="s">
        <v>69</v>
      </c>
      <c r="J19447" s="5" t="s">
        <v>61065</v>
      </c>
      <c r="K19447" s="2" t="s">
        <v>61066</v>
      </c>
      <c r="L19447" s="5" t="s">
        <v>61065</v>
      </c>
      <c r="M19447" s="2" t="s">
        <v>61066</v>
      </c>
      <c r="N19447" s="5" t="s">
        <v>733</v>
      </c>
      <c r="O19447" s="5" t="s">
        <v>38</v>
      </c>
      <c r="P19447" s="5" t="s">
        <v>39</v>
      </c>
      <c r="Q19447" s="5" t="s">
        <v>40</v>
      </c>
      <c r="R19447" s="5" t="s">
        <v>897</v>
      </c>
      <c r="S19447" s="5" t="s">
        <v>40</v>
      </c>
      <c r="T19447" s="5" t="s">
        <v>42</v>
      </c>
      <c r="U19447" s="2">
        <v>26.234000000000002</v>
      </c>
      <c r="V19447" s="2">
        <v>24.163</v>
      </c>
      <c r="W19447" s="2">
        <v>0.09</v>
      </c>
      <c r="X19447" s="2">
        <v>17</v>
      </c>
      <c r="Y19447" s="2">
        <v>57.7</v>
      </c>
      <c r="Z19447" s="2">
        <v>91.6</v>
      </c>
      <c r="AA19447" s="5">
        <v>7</v>
      </c>
      <c r="AB19447" s="5" t="s">
        <v>43</v>
      </c>
      <c r="AC19447" s="5" t="s">
        <v>735</v>
      </c>
      <c r="AD19447" s="2" t="s">
        <v>61178</v>
      </c>
      <c r="AE19447" s="1"/>
    </row>
    <row r="19448" spans="1:31" ht="14.45">
      <c r="A19448" s="11"/>
      <c r="B19448" s="20"/>
      <c r="C19448" s="2" t="s">
        <v>61179</v>
      </c>
      <c r="D19448" s="14" t="s">
        <v>61180</v>
      </c>
      <c r="E19448" s="2" t="s">
        <v>61181</v>
      </c>
      <c r="F19448" s="2" t="s">
        <v>61177</v>
      </c>
      <c r="G19448" s="8">
        <v>1304</v>
      </c>
      <c r="H19448" s="5">
        <v>10</v>
      </c>
      <c r="I19448" s="5" t="s">
        <v>69</v>
      </c>
      <c r="J19448" s="5" t="s">
        <v>61065</v>
      </c>
      <c r="K19448" s="2" t="s">
        <v>61066</v>
      </c>
      <c r="L19448" s="5" t="s">
        <v>61065</v>
      </c>
      <c r="M19448" s="2" t="s">
        <v>61066</v>
      </c>
      <c r="N19448" s="5" t="s">
        <v>733</v>
      </c>
      <c r="O19448" s="5" t="s">
        <v>38</v>
      </c>
      <c r="P19448" s="5" t="s">
        <v>39</v>
      </c>
      <c r="Q19448" s="5" t="s">
        <v>40</v>
      </c>
      <c r="R19448" s="5" t="s">
        <v>897</v>
      </c>
      <c r="S19448" s="5" t="s">
        <v>40</v>
      </c>
      <c r="T19448" s="5" t="s">
        <v>42</v>
      </c>
      <c r="U19448" s="2">
        <v>26.004000000000001</v>
      </c>
      <c r="V19448" s="2">
        <v>23.905000000000001</v>
      </c>
      <c r="W19448" s="2">
        <v>0.09</v>
      </c>
      <c r="X19448" s="2">
        <v>17</v>
      </c>
      <c r="Y19448" s="2">
        <v>57.7</v>
      </c>
      <c r="Z19448" s="2">
        <v>91.6</v>
      </c>
      <c r="AA19448" s="5">
        <v>7</v>
      </c>
      <c r="AB19448" s="5" t="s">
        <v>43</v>
      </c>
      <c r="AC19448" s="5" t="s">
        <v>735</v>
      </c>
      <c r="AD19448" s="2" t="s">
        <v>61182</v>
      </c>
      <c r="AE19448" s="1"/>
    </row>
    <row r="19449" spans="1:31" ht="14.45">
      <c r="A19449" s="11"/>
      <c r="B19449" s="20"/>
      <c r="C19449" s="2" t="s">
        <v>61183</v>
      </c>
      <c r="D19449" s="14" t="s">
        <v>61184</v>
      </c>
      <c r="E19449" s="2" t="s">
        <v>61185</v>
      </c>
      <c r="F19449" s="2" t="s">
        <v>61186</v>
      </c>
      <c r="G19449" s="8">
        <v>1099</v>
      </c>
      <c r="H19449" s="5">
        <v>5</v>
      </c>
      <c r="I19449" s="5" t="s">
        <v>69</v>
      </c>
      <c r="J19449" s="5" t="s">
        <v>61065</v>
      </c>
      <c r="K19449" s="2" t="s">
        <v>61066</v>
      </c>
      <c r="L19449" s="5" t="s">
        <v>61065</v>
      </c>
      <c r="M19449" s="2" t="s">
        <v>61066</v>
      </c>
      <c r="N19449" s="5" t="s">
        <v>733</v>
      </c>
      <c r="O19449" s="5" t="s">
        <v>38</v>
      </c>
      <c r="P19449" s="5" t="s">
        <v>39</v>
      </c>
      <c r="Q19449" s="5" t="s">
        <v>40</v>
      </c>
      <c r="R19449" s="5" t="s">
        <v>897</v>
      </c>
      <c r="S19449" s="5" t="s">
        <v>40</v>
      </c>
      <c r="T19449" s="5" t="s">
        <v>42</v>
      </c>
      <c r="U19449" s="2">
        <v>26.457000000000001</v>
      </c>
      <c r="V19449" s="2">
        <v>24.503</v>
      </c>
      <c r="W19449" s="2">
        <v>0.09</v>
      </c>
      <c r="X19449" s="2">
        <v>17</v>
      </c>
      <c r="Y19449" s="2">
        <v>57.7</v>
      </c>
      <c r="Z19449" s="2">
        <v>91.6</v>
      </c>
      <c r="AA19449" s="5">
        <v>7</v>
      </c>
      <c r="AB19449" s="5" t="s">
        <v>43</v>
      </c>
      <c r="AC19449" s="5" t="s">
        <v>735</v>
      </c>
      <c r="AD19449" s="2" t="s">
        <v>61187</v>
      </c>
      <c r="AE19449" s="1"/>
    </row>
    <row r="19450" spans="1:31" ht="14.45">
      <c r="A19450" s="11"/>
      <c r="B19450" s="20"/>
      <c r="C19450" s="2" t="s">
        <v>61188</v>
      </c>
      <c r="D19450" s="14" t="s">
        <v>61189</v>
      </c>
      <c r="E19450" s="2" t="s">
        <v>61190</v>
      </c>
      <c r="F19450" s="2" t="s">
        <v>61186</v>
      </c>
      <c r="G19450" s="8">
        <v>1399</v>
      </c>
      <c r="H19450" s="5">
        <v>10</v>
      </c>
      <c r="I19450" s="5" t="s">
        <v>69</v>
      </c>
      <c r="J19450" s="5" t="s">
        <v>61065</v>
      </c>
      <c r="K19450" s="2" t="s">
        <v>61066</v>
      </c>
      <c r="L19450" s="5" t="s">
        <v>61065</v>
      </c>
      <c r="M19450" s="2" t="s">
        <v>61066</v>
      </c>
      <c r="N19450" s="5" t="s">
        <v>733</v>
      </c>
      <c r="O19450" s="5" t="s">
        <v>38</v>
      </c>
      <c r="P19450" s="5" t="s">
        <v>39</v>
      </c>
      <c r="Q19450" s="5" t="s">
        <v>40</v>
      </c>
      <c r="R19450" s="5" t="s">
        <v>897</v>
      </c>
      <c r="S19450" s="5" t="s">
        <v>40</v>
      </c>
      <c r="T19450" s="5" t="s">
        <v>42</v>
      </c>
      <c r="U19450" s="2">
        <v>28.541</v>
      </c>
      <c r="V19450" s="2">
        <v>26.48</v>
      </c>
      <c r="W19450" s="2">
        <v>0.09</v>
      </c>
      <c r="X19450" s="2">
        <v>17</v>
      </c>
      <c r="Y19450" s="2">
        <v>57.7</v>
      </c>
      <c r="Z19450" s="2">
        <v>91.6</v>
      </c>
      <c r="AA19450" s="5">
        <v>7</v>
      </c>
      <c r="AB19450" s="5" t="s">
        <v>43</v>
      </c>
      <c r="AC19450" s="5" t="s">
        <v>735</v>
      </c>
      <c r="AD19450" s="2" t="s">
        <v>61191</v>
      </c>
      <c r="AE19450" s="1"/>
    </row>
    <row r="19451" spans="1:31" ht="14.45">
      <c r="A19451" s="11"/>
      <c r="B19451" s="20"/>
      <c r="C19451" s="2" t="s">
        <v>61192</v>
      </c>
      <c r="D19451" s="14" t="s">
        <v>61193</v>
      </c>
      <c r="E19451" s="2" t="s">
        <v>61194</v>
      </c>
      <c r="F19451" s="2" t="s">
        <v>61186</v>
      </c>
      <c r="G19451" s="8">
        <v>1399</v>
      </c>
      <c r="H19451" s="5">
        <v>5</v>
      </c>
      <c r="I19451" s="5" t="s">
        <v>69</v>
      </c>
      <c r="J19451" s="5" t="s">
        <v>61065</v>
      </c>
      <c r="K19451" s="2" t="s">
        <v>61066</v>
      </c>
      <c r="L19451" s="5" t="s">
        <v>61065</v>
      </c>
      <c r="M19451" s="2" t="s">
        <v>61066</v>
      </c>
      <c r="N19451" s="5" t="s">
        <v>733</v>
      </c>
      <c r="O19451" s="5" t="s">
        <v>38</v>
      </c>
      <c r="P19451" s="5" t="s">
        <v>39</v>
      </c>
      <c r="Q19451" s="5" t="s">
        <v>40</v>
      </c>
      <c r="R19451" s="5" t="s">
        <v>897</v>
      </c>
      <c r="S19451" s="5" t="s">
        <v>40</v>
      </c>
      <c r="T19451" s="5" t="s">
        <v>42</v>
      </c>
      <c r="U19451" s="2">
        <v>28.317</v>
      </c>
      <c r="V19451" s="2">
        <v>26.222999999999999</v>
      </c>
      <c r="W19451" s="2">
        <v>0.09</v>
      </c>
      <c r="X19451" s="2">
        <v>17</v>
      </c>
      <c r="Y19451" s="2">
        <v>57.7</v>
      </c>
      <c r="Z19451" s="2">
        <v>91.6</v>
      </c>
      <c r="AA19451" s="5">
        <v>7</v>
      </c>
      <c r="AB19451" s="5" t="s">
        <v>43</v>
      </c>
      <c r="AC19451" s="5" t="s">
        <v>735</v>
      </c>
      <c r="AD19451" s="2" t="s">
        <v>61195</v>
      </c>
      <c r="AE19451" s="1"/>
    </row>
    <row r="19452" spans="1:31" ht="14.45">
      <c r="A19452" s="11"/>
      <c r="B19452" s="20"/>
      <c r="C19452" s="2" t="s">
        <v>61196</v>
      </c>
      <c r="D19452" s="14" t="s">
        <v>61197</v>
      </c>
      <c r="E19452" s="2" t="s">
        <v>61198</v>
      </c>
      <c r="F19452" s="2" t="s">
        <v>61199</v>
      </c>
      <c r="G19452" s="8">
        <v>1138</v>
      </c>
      <c r="H19452" s="5">
        <v>10</v>
      </c>
      <c r="I19452" s="5" t="s">
        <v>69</v>
      </c>
      <c r="J19452" s="5" t="s">
        <v>61065</v>
      </c>
      <c r="K19452" s="2" t="s">
        <v>61066</v>
      </c>
      <c r="L19452" s="5" t="s">
        <v>61065</v>
      </c>
      <c r="M19452" s="2" t="s">
        <v>61066</v>
      </c>
      <c r="N19452" s="5" t="s">
        <v>733</v>
      </c>
      <c r="O19452" s="5" t="s">
        <v>38</v>
      </c>
      <c r="P19452" s="5" t="s">
        <v>39</v>
      </c>
      <c r="Q19452" s="5" t="s">
        <v>40</v>
      </c>
      <c r="R19452" s="5" t="s">
        <v>897</v>
      </c>
      <c r="S19452" s="5" t="s">
        <v>40</v>
      </c>
      <c r="T19452" s="5" t="s">
        <v>42</v>
      </c>
      <c r="U19452" s="2">
        <v>25.893999999999998</v>
      </c>
      <c r="V19452" s="2">
        <v>23.94</v>
      </c>
      <c r="W19452" s="2">
        <v>0.09</v>
      </c>
      <c r="X19452" s="2">
        <v>17</v>
      </c>
      <c r="Y19452" s="2">
        <v>57.7</v>
      </c>
      <c r="Z19452" s="2">
        <v>91.6</v>
      </c>
      <c r="AA19452" s="5">
        <v>7</v>
      </c>
      <c r="AB19452" s="5" t="s">
        <v>43</v>
      </c>
      <c r="AC19452" s="5" t="s">
        <v>735</v>
      </c>
      <c r="AD19452" s="2" t="s">
        <v>61200</v>
      </c>
      <c r="AE19452" s="1"/>
    </row>
    <row r="19453" spans="1:31" ht="14.45">
      <c r="A19453" s="11"/>
      <c r="B19453" s="20"/>
      <c r="C19453" s="2" t="s">
        <v>61201</v>
      </c>
      <c r="D19453" s="14" t="s">
        <v>61202</v>
      </c>
      <c r="E19453" s="2" t="s">
        <v>61203</v>
      </c>
      <c r="F19453" s="2" t="s">
        <v>61204</v>
      </c>
      <c r="G19453" s="8">
        <v>1438</v>
      </c>
      <c r="H19453" s="5">
        <v>10</v>
      </c>
      <c r="I19453" s="5" t="s">
        <v>69</v>
      </c>
      <c r="J19453" s="5" t="s">
        <v>61065</v>
      </c>
      <c r="K19453" s="2" t="s">
        <v>61066</v>
      </c>
      <c r="L19453" s="5" t="s">
        <v>61065</v>
      </c>
      <c r="M19453" s="2" t="s">
        <v>61066</v>
      </c>
      <c r="N19453" s="5" t="s">
        <v>733</v>
      </c>
      <c r="O19453" s="5" t="s">
        <v>38</v>
      </c>
      <c r="P19453" s="5" t="s">
        <v>39</v>
      </c>
      <c r="Q19453" s="5" t="s">
        <v>40</v>
      </c>
      <c r="R19453" s="5" t="s">
        <v>897</v>
      </c>
      <c r="S19453" s="5" t="s">
        <v>40</v>
      </c>
      <c r="T19453" s="5" t="s">
        <v>42</v>
      </c>
      <c r="U19453" s="2">
        <v>27.978000000000002</v>
      </c>
      <c r="V19453" s="2">
        <v>25.917000000000002</v>
      </c>
      <c r="W19453" s="2">
        <v>0.09</v>
      </c>
      <c r="X19453" s="2">
        <v>17</v>
      </c>
      <c r="Y19453" s="2">
        <v>57.7</v>
      </c>
      <c r="Z19453" s="2">
        <v>91.6</v>
      </c>
      <c r="AA19453" s="5">
        <v>7</v>
      </c>
      <c r="AB19453" s="5" t="s">
        <v>43</v>
      </c>
      <c r="AC19453" s="5" t="s">
        <v>735</v>
      </c>
      <c r="AD19453" s="2" t="s">
        <v>61205</v>
      </c>
      <c r="AE19453" s="1"/>
    </row>
    <row r="19454" spans="1:31" ht="14.45">
      <c r="A19454" s="11"/>
      <c r="B19454" s="20"/>
      <c r="C19454" s="2" t="s">
        <v>61206</v>
      </c>
      <c r="D19454" s="14" t="s">
        <v>61207</v>
      </c>
      <c r="E19454" s="2" t="s">
        <v>61208</v>
      </c>
      <c r="F19454" s="2" t="s">
        <v>61204</v>
      </c>
      <c r="G19454" s="8">
        <v>1438</v>
      </c>
      <c r="H19454" s="5">
        <v>10</v>
      </c>
      <c r="I19454" s="5" t="s">
        <v>69</v>
      </c>
      <c r="J19454" s="5" t="s">
        <v>61065</v>
      </c>
      <c r="K19454" s="2" t="s">
        <v>61066</v>
      </c>
      <c r="L19454" s="5" t="s">
        <v>61065</v>
      </c>
      <c r="M19454" s="2" t="s">
        <v>61066</v>
      </c>
      <c r="N19454" s="5" t="s">
        <v>733</v>
      </c>
      <c r="O19454" s="5" t="s">
        <v>38</v>
      </c>
      <c r="P19454" s="5" t="s">
        <v>39</v>
      </c>
      <c r="Q19454" s="5" t="s">
        <v>40</v>
      </c>
      <c r="R19454" s="5" t="s">
        <v>897</v>
      </c>
      <c r="S19454" s="5" t="s">
        <v>40</v>
      </c>
      <c r="T19454" s="5" t="s">
        <v>42</v>
      </c>
      <c r="U19454" s="2">
        <v>27.754000000000001</v>
      </c>
      <c r="V19454" s="2">
        <v>25.66</v>
      </c>
      <c r="W19454" s="2">
        <v>0.09</v>
      </c>
      <c r="X19454" s="2">
        <v>17</v>
      </c>
      <c r="Y19454" s="2">
        <v>57.7</v>
      </c>
      <c r="Z19454" s="2">
        <v>91.6</v>
      </c>
      <c r="AA19454" s="5">
        <v>7</v>
      </c>
      <c r="AB19454" s="5" t="s">
        <v>43</v>
      </c>
      <c r="AC19454" s="5" t="s">
        <v>735</v>
      </c>
      <c r="AD19454" s="2" t="s">
        <v>61209</v>
      </c>
      <c r="AE19454" s="1"/>
    </row>
    <row r="19455" spans="1:31" ht="14.45">
      <c r="A19455" s="11"/>
      <c r="B19455" s="20"/>
      <c r="C19455" s="2" t="s">
        <v>61210</v>
      </c>
      <c r="D19455" s="14" t="s">
        <v>61211</v>
      </c>
      <c r="E19455" s="2" t="s">
        <v>61212</v>
      </c>
      <c r="F19455" s="2" t="s">
        <v>61213</v>
      </c>
      <c r="G19455" s="8">
        <v>1004</v>
      </c>
      <c r="H19455" s="5">
        <v>10</v>
      </c>
      <c r="I19455" s="5" t="s">
        <v>69</v>
      </c>
      <c r="J19455" s="5" t="s">
        <v>61065</v>
      </c>
      <c r="K19455" s="2" t="s">
        <v>61066</v>
      </c>
      <c r="L19455" s="5" t="s">
        <v>61065</v>
      </c>
      <c r="M19455" s="2" t="s">
        <v>61066</v>
      </c>
      <c r="N19455" s="5" t="s">
        <v>733</v>
      </c>
      <c r="O19455" s="5" t="s">
        <v>38</v>
      </c>
      <c r="P19455" s="5" t="s">
        <v>39</v>
      </c>
      <c r="Q19455" s="5" t="s">
        <v>40</v>
      </c>
      <c r="R19455" s="5" t="s">
        <v>897</v>
      </c>
      <c r="S19455" s="5" t="s">
        <v>40</v>
      </c>
      <c r="T19455" s="5" t="s">
        <v>42</v>
      </c>
      <c r="U19455" s="2">
        <v>23.574999999999999</v>
      </c>
      <c r="V19455" s="2">
        <v>21.611000000000001</v>
      </c>
      <c r="W19455" s="2">
        <v>0.09</v>
      </c>
      <c r="X19455" s="2">
        <v>17</v>
      </c>
      <c r="Y19455" s="2">
        <v>57.7</v>
      </c>
      <c r="Z19455" s="2">
        <v>91.6</v>
      </c>
      <c r="AA19455" s="5">
        <v>7</v>
      </c>
      <c r="AB19455" s="5" t="s">
        <v>43</v>
      </c>
      <c r="AC19455" s="5" t="s">
        <v>735</v>
      </c>
      <c r="AD19455" s="2" t="s">
        <v>61214</v>
      </c>
      <c r="AE19455" s="1"/>
    </row>
    <row r="19456" spans="1:31" ht="14.45">
      <c r="A19456" s="11"/>
      <c r="B19456" s="20"/>
      <c r="C19456" s="2" t="s">
        <v>61215</v>
      </c>
      <c r="D19456" s="14" t="s">
        <v>61216</v>
      </c>
      <c r="E19456" s="2" t="s">
        <v>61217</v>
      </c>
      <c r="F19456" s="2" t="s">
        <v>61213</v>
      </c>
      <c r="G19456" s="8">
        <v>1304</v>
      </c>
      <c r="H19456" s="5">
        <v>10</v>
      </c>
      <c r="I19456" s="5" t="s">
        <v>69</v>
      </c>
      <c r="J19456" s="5" t="s">
        <v>61065</v>
      </c>
      <c r="K19456" s="2" t="s">
        <v>61066</v>
      </c>
      <c r="L19456" s="5" t="s">
        <v>61065</v>
      </c>
      <c r="M19456" s="2" t="s">
        <v>61066</v>
      </c>
      <c r="N19456" s="5" t="s">
        <v>733</v>
      </c>
      <c r="O19456" s="5" t="s">
        <v>38</v>
      </c>
      <c r="P19456" s="5" t="s">
        <v>39</v>
      </c>
      <c r="Q19456" s="5" t="s">
        <v>40</v>
      </c>
      <c r="R19456" s="5" t="s">
        <v>897</v>
      </c>
      <c r="S19456" s="5" t="s">
        <v>40</v>
      </c>
      <c r="T19456" s="5" t="s">
        <v>42</v>
      </c>
      <c r="U19456" s="2">
        <v>25.658999999999999</v>
      </c>
      <c r="V19456" s="2">
        <v>23.588000000000001</v>
      </c>
      <c r="W19456" s="2">
        <v>0.09</v>
      </c>
      <c r="X19456" s="2">
        <v>17</v>
      </c>
      <c r="Y19456" s="2">
        <v>57.7</v>
      </c>
      <c r="Z19456" s="2">
        <v>91.6</v>
      </c>
      <c r="AA19456" s="5">
        <v>7</v>
      </c>
      <c r="AB19456" s="5" t="s">
        <v>43</v>
      </c>
      <c r="AC19456" s="5" t="s">
        <v>735</v>
      </c>
      <c r="AD19456" s="2" t="s">
        <v>61218</v>
      </c>
      <c r="AE19456" s="1"/>
    </row>
    <row r="19457" spans="1:31" ht="14.45">
      <c r="A19457" s="11"/>
      <c r="B19457" s="20"/>
      <c r="C19457" s="2" t="s">
        <v>61219</v>
      </c>
      <c r="D19457" s="14" t="s">
        <v>61220</v>
      </c>
      <c r="E19457" s="2" t="s">
        <v>61221</v>
      </c>
      <c r="F19457" s="2" t="s">
        <v>61213</v>
      </c>
      <c r="G19457" s="8">
        <v>1304</v>
      </c>
      <c r="H19457" s="5">
        <v>5</v>
      </c>
      <c r="I19457" s="5" t="s">
        <v>69</v>
      </c>
      <c r="J19457" s="5" t="s">
        <v>61065</v>
      </c>
      <c r="K19457" s="2" t="s">
        <v>61066</v>
      </c>
      <c r="L19457" s="5" t="s">
        <v>61065</v>
      </c>
      <c r="M19457" s="2" t="s">
        <v>61066</v>
      </c>
      <c r="N19457" s="5" t="s">
        <v>733</v>
      </c>
      <c r="O19457" s="5" t="s">
        <v>38</v>
      </c>
      <c r="P19457" s="5" t="s">
        <v>39</v>
      </c>
      <c r="Q19457" s="5" t="s">
        <v>40</v>
      </c>
      <c r="R19457" s="5" t="s">
        <v>897</v>
      </c>
      <c r="S19457" s="5" t="s">
        <v>40</v>
      </c>
      <c r="T19457" s="5" t="s">
        <v>42</v>
      </c>
      <c r="U19457" s="2">
        <v>25.428999999999998</v>
      </c>
      <c r="V19457" s="2">
        <v>23.33</v>
      </c>
      <c r="W19457" s="2">
        <v>0.09</v>
      </c>
      <c r="X19457" s="2">
        <v>17</v>
      </c>
      <c r="Y19457" s="2">
        <v>57.7</v>
      </c>
      <c r="Z19457" s="2">
        <v>91.6</v>
      </c>
      <c r="AA19457" s="5">
        <v>7</v>
      </c>
      <c r="AB19457" s="5" t="s">
        <v>43</v>
      </c>
      <c r="AC19457" s="5" t="s">
        <v>735</v>
      </c>
      <c r="AD19457" s="2" t="s">
        <v>61222</v>
      </c>
      <c r="AE19457" s="1"/>
    </row>
    <row r="19458" spans="1:31" ht="14.45">
      <c r="A19458" s="11"/>
      <c r="B19458" s="20"/>
      <c r="C19458" s="2" t="s">
        <v>61223</v>
      </c>
      <c r="D19458" s="14" t="s">
        <v>61224</v>
      </c>
      <c r="E19458" s="2" t="s">
        <v>61225</v>
      </c>
      <c r="F19458" s="2" t="s">
        <v>61226</v>
      </c>
      <c r="G19458" s="8">
        <v>1099</v>
      </c>
      <c r="H19458" s="5">
        <v>10</v>
      </c>
      <c r="I19458" s="5" t="s">
        <v>69</v>
      </c>
      <c r="J19458" s="5" t="s">
        <v>61065</v>
      </c>
      <c r="K19458" s="2" t="s">
        <v>61066</v>
      </c>
      <c r="L19458" s="5" t="s">
        <v>61065</v>
      </c>
      <c r="M19458" s="2" t="s">
        <v>61066</v>
      </c>
      <c r="N19458" s="5" t="s">
        <v>733</v>
      </c>
      <c r="O19458" s="5" t="s">
        <v>38</v>
      </c>
      <c r="P19458" s="5" t="s">
        <v>39</v>
      </c>
      <c r="Q19458" s="5" t="s">
        <v>40</v>
      </c>
      <c r="R19458" s="5" t="s">
        <v>897</v>
      </c>
      <c r="S19458" s="5" t="s">
        <v>40</v>
      </c>
      <c r="T19458" s="5" t="s">
        <v>42</v>
      </c>
      <c r="U19458" s="2">
        <v>25.881</v>
      </c>
      <c r="V19458" s="2">
        <v>23.927</v>
      </c>
      <c r="W19458" s="2">
        <v>0.09</v>
      </c>
      <c r="X19458" s="2">
        <v>17</v>
      </c>
      <c r="Y19458" s="2">
        <v>57.7</v>
      </c>
      <c r="Z19458" s="2">
        <v>91.6</v>
      </c>
      <c r="AA19458" s="5">
        <v>7</v>
      </c>
      <c r="AB19458" s="5" t="s">
        <v>43</v>
      </c>
      <c r="AC19458" s="5" t="s">
        <v>735</v>
      </c>
      <c r="AD19458" s="2" t="s">
        <v>61227</v>
      </c>
      <c r="AE19458" s="1"/>
    </row>
    <row r="19459" spans="1:31" ht="14.45">
      <c r="A19459" s="11"/>
      <c r="B19459" s="20"/>
      <c r="C19459" s="2" t="s">
        <v>61228</v>
      </c>
      <c r="D19459" s="14" t="s">
        <v>61229</v>
      </c>
      <c r="E19459" s="2" t="s">
        <v>61230</v>
      </c>
      <c r="F19459" s="2" t="s">
        <v>61226</v>
      </c>
      <c r="G19459" s="8">
        <v>1399</v>
      </c>
      <c r="H19459" s="5">
        <v>10</v>
      </c>
      <c r="I19459" s="5" t="s">
        <v>69</v>
      </c>
      <c r="J19459" s="5" t="s">
        <v>61065</v>
      </c>
      <c r="K19459" s="2" t="s">
        <v>61066</v>
      </c>
      <c r="L19459" s="5" t="s">
        <v>61065</v>
      </c>
      <c r="M19459" s="2" t="s">
        <v>61066</v>
      </c>
      <c r="N19459" s="5" t="s">
        <v>733</v>
      </c>
      <c r="O19459" s="5" t="s">
        <v>38</v>
      </c>
      <c r="P19459" s="5" t="s">
        <v>39</v>
      </c>
      <c r="Q19459" s="5" t="s">
        <v>40</v>
      </c>
      <c r="R19459" s="5" t="s">
        <v>897</v>
      </c>
      <c r="S19459" s="5" t="s">
        <v>40</v>
      </c>
      <c r="T19459" s="5" t="s">
        <v>42</v>
      </c>
      <c r="U19459" s="2">
        <v>27.965</v>
      </c>
      <c r="V19459" s="2">
        <v>25.904</v>
      </c>
      <c r="W19459" s="2">
        <v>0.09</v>
      </c>
      <c r="X19459" s="2">
        <v>17</v>
      </c>
      <c r="Y19459" s="2">
        <v>57.7</v>
      </c>
      <c r="Z19459" s="2">
        <v>91.6</v>
      </c>
      <c r="AA19459" s="5">
        <v>7</v>
      </c>
      <c r="AB19459" s="5" t="s">
        <v>43</v>
      </c>
      <c r="AC19459" s="5" t="s">
        <v>735</v>
      </c>
      <c r="AD19459" s="2" t="s">
        <v>61231</v>
      </c>
      <c r="AE19459" s="1"/>
    </row>
    <row r="19460" spans="1:31" ht="14.45">
      <c r="A19460" s="11"/>
      <c r="B19460" s="20"/>
      <c r="C19460" s="2" t="s">
        <v>61232</v>
      </c>
      <c r="D19460" s="14" t="s">
        <v>61233</v>
      </c>
      <c r="E19460" s="2" t="s">
        <v>61234</v>
      </c>
      <c r="F19460" s="2" t="s">
        <v>61226</v>
      </c>
      <c r="G19460" s="8">
        <v>1399</v>
      </c>
      <c r="H19460" s="5">
        <v>5</v>
      </c>
      <c r="I19460" s="5" t="s">
        <v>69</v>
      </c>
      <c r="J19460" s="5" t="s">
        <v>61065</v>
      </c>
      <c r="K19460" s="2" t="s">
        <v>61066</v>
      </c>
      <c r="L19460" s="5" t="s">
        <v>61065</v>
      </c>
      <c r="M19460" s="2" t="s">
        <v>61066</v>
      </c>
      <c r="N19460" s="5" t="s">
        <v>733</v>
      </c>
      <c r="O19460" s="5" t="s">
        <v>38</v>
      </c>
      <c r="P19460" s="5" t="s">
        <v>39</v>
      </c>
      <c r="Q19460" s="5" t="s">
        <v>40</v>
      </c>
      <c r="R19460" s="5" t="s">
        <v>897</v>
      </c>
      <c r="S19460" s="5" t="s">
        <v>40</v>
      </c>
      <c r="T19460" s="5" t="s">
        <v>42</v>
      </c>
      <c r="U19460" s="2">
        <v>27.741</v>
      </c>
      <c r="V19460" s="2">
        <v>25.646999999999998</v>
      </c>
      <c r="W19460" s="2">
        <v>0.09</v>
      </c>
      <c r="X19460" s="2">
        <v>17</v>
      </c>
      <c r="Y19460" s="2">
        <v>57.7</v>
      </c>
      <c r="Z19460" s="2">
        <v>91.6</v>
      </c>
      <c r="AA19460" s="5">
        <v>7</v>
      </c>
      <c r="AB19460" s="5" t="s">
        <v>43</v>
      </c>
      <c r="AC19460" s="5" t="s">
        <v>735</v>
      </c>
      <c r="AD19460" s="2" t="s">
        <v>61235</v>
      </c>
      <c r="AE19460" s="1"/>
    </row>
    <row r="19461" spans="1:31" ht="14.45">
      <c r="A19461" s="11"/>
      <c r="B19461" s="20"/>
      <c r="C19461" s="2" t="s">
        <v>61236</v>
      </c>
      <c r="D19461" s="14" t="s">
        <v>61237</v>
      </c>
      <c r="E19461" s="2" t="s">
        <v>61238</v>
      </c>
      <c r="F19461" s="2" t="s">
        <v>61239</v>
      </c>
      <c r="G19461" s="8">
        <v>921</v>
      </c>
      <c r="H19461" s="5">
        <v>10</v>
      </c>
      <c r="I19461" s="5" t="s">
        <v>69</v>
      </c>
      <c r="J19461" s="5" t="s">
        <v>61065</v>
      </c>
      <c r="K19461" s="2" t="s">
        <v>61066</v>
      </c>
      <c r="L19461" s="5" t="s">
        <v>61065</v>
      </c>
      <c r="M19461" s="2" t="s">
        <v>61066</v>
      </c>
      <c r="N19461" s="5" t="s">
        <v>733</v>
      </c>
      <c r="O19461" s="5" t="s">
        <v>38</v>
      </c>
      <c r="P19461" s="5" t="s">
        <v>39</v>
      </c>
      <c r="Q19461" s="5" t="s">
        <v>40</v>
      </c>
      <c r="R19461" s="5" t="s">
        <v>1487</v>
      </c>
      <c r="S19461" s="5"/>
      <c r="T19461" s="5" t="s">
        <v>42</v>
      </c>
      <c r="U19461" s="2">
        <v>0</v>
      </c>
      <c r="V19461" s="2">
        <v>0</v>
      </c>
      <c r="W19461" s="2">
        <v>0</v>
      </c>
      <c r="X19461" s="2">
        <v>0</v>
      </c>
      <c r="Y19461" s="2">
        <v>0</v>
      </c>
      <c r="Z19461" s="2">
        <v>0</v>
      </c>
      <c r="AA19461" s="5"/>
      <c r="AB19461" s="5" t="s">
        <v>43</v>
      </c>
      <c r="AC19461" s="5" t="s">
        <v>735</v>
      </c>
      <c r="AD19461" s="2" t="s">
        <v>61240</v>
      </c>
      <c r="AE19461" s="1"/>
    </row>
    <row r="19462" spans="1:31" ht="14.45">
      <c r="A19462" s="11"/>
      <c r="B19462" s="20"/>
      <c r="C19462" s="2" t="s">
        <v>61241</v>
      </c>
      <c r="D19462" s="14" t="s">
        <v>61242</v>
      </c>
      <c r="E19462" s="2" t="s">
        <v>61243</v>
      </c>
      <c r="F19462" s="2" t="s">
        <v>61244</v>
      </c>
      <c r="G19462" s="8">
        <v>824</v>
      </c>
      <c r="H19462" s="5">
        <v>5</v>
      </c>
      <c r="I19462" s="5" t="s">
        <v>69</v>
      </c>
      <c r="J19462" s="5" t="s">
        <v>61065</v>
      </c>
      <c r="K19462" s="2" t="s">
        <v>61066</v>
      </c>
      <c r="L19462" s="5" t="s">
        <v>61065</v>
      </c>
      <c r="M19462" s="2" t="s">
        <v>61066</v>
      </c>
      <c r="N19462" s="5" t="s">
        <v>733</v>
      </c>
      <c r="O19462" s="5" t="s">
        <v>38</v>
      </c>
      <c r="P19462" s="5" t="s">
        <v>39</v>
      </c>
      <c r="Q19462" s="5" t="s">
        <v>40</v>
      </c>
      <c r="R19462" s="5" t="s">
        <v>897</v>
      </c>
      <c r="S19462" s="5" t="s">
        <v>40</v>
      </c>
      <c r="T19462" s="5" t="s">
        <v>42</v>
      </c>
      <c r="U19462" s="2">
        <v>32.826000000000001</v>
      </c>
      <c r="V19462" s="2">
        <v>30.582000000000001</v>
      </c>
      <c r="W19462" s="2">
        <v>0.109</v>
      </c>
      <c r="X19462" s="2">
        <v>17</v>
      </c>
      <c r="Y19462" s="2">
        <v>57.7</v>
      </c>
      <c r="Z19462" s="2">
        <v>111.6</v>
      </c>
      <c r="AA19462" s="5">
        <v>7</v>
      </c>
      <c r="AB19462" s="5" t="s">
        <v>43</v>
      </c>
      <c r="AC19462" s="5" t="s">
        <v>735</v>
      </c>
      <c r="AD19462" s="2" t="s">
        <v>61245</v>
      </c>
      <c r="AE19462" s="1"/>
    </row>
    <row r="19463" spans="1:31" ht="14.45">
      <c r="A19463" s="11"/>
      <c r="B19463" s="20"/>
      <c r="C19463" s="2" t="s">
        <v>61246</v>
      </c>
      <c r="D19463" s="14" t="s">
        <v>61247</v>
      </c>
      <c r="E19463" s="2" t="s">
        <v>61248</v>
      </c>
      <c r="F19463" s="2" t="s">
        <v>61249</v>
      </c>
      <c r="G19463" s="8">
        <v>1124</v>
      </c>
      <c r="H19463" s="5">
        <v>5</v>
      </c>
      <c r="I19463" s="5" t="s">
        <v>69</v>
      </c>
      <c r="J19463" s="5" t="s">
        <v>61065</v>
      </c>
      <c r="K19463" s="2" t="s">
        <v>61066</v>
      </c>
      <c r="L19463" s="5" t="s">
        <v>61065</v>
      </c>
      <c r="M19463" s="2" t="s">
        <v>61066</v>
      </c>
      <c r="N19463" s="5" t="s">
        <v>733</v>
      </c>
      <c r="O19463" s="5" t="s">
        <v>38</v>
      </c>
      <c r="P19463" s="5" t="s">
        <v>39</v>
      </c>
      <c r="Q19463" s="5" t="s">
        <v>40</v>
      </c>
      <c r="R19463" s="5" t="s">
        <v>897</v>
      </c>
      <c r="S19463" s="5" t="s">
        <v>40</v>
      </c>
      <c r="T19463" s="5" t="s">
        <v>42</v>
      </c>
      <c r="U19463" s="2">
        <v>35.228999999999999</v>
      </c>
      <c r="V19463" s="2">
        <v>32.917000000000002</v>
      </c>
      <c r="W19463" s="2">
        <v>0.109</v>
      </c>
      <c r="X19463" s="2">
        <v>17</v>
      </c>
      <c r="Y19463" s="2">
        <v>57.7</v>
      </c>
      <c r="Z19463" s="2">
        <v>111.6</v>
      </c>
      <c r="AA19463" s="5">
        <v>7</v>
      </c>
      <c r="AB19463" s="5" t="s">
        <v>43</v>
      </c>
      <c r="AC19463" s="5" t="s">
        <v>735</v>
      </c>
      <c r="AD19463" s="2" t="s">
        <v>61250</v>
      </c>
      <c r="AE19463" s="1"/>
    </row>
    <row r="19464" spans="1:31" ht="14.45">
      <c r="A19464" s="11"/>
      <c r="B19464" s="20"/>
      <c r="C19464" s="2" t="s">
        <v>61251</v>
      </c>
      <c r="D19464" s="14" t="s">
        <v>61252</v>
      </c>
      <c r="E19464" s="2" t="s">
        <v>61253</v>
      </c>
      <c r="F19464" s="2" t="s">
        <v>61254</v>
      </c>
      <c r="G19464" s="8">
        <v>747</v>
      </c>
      <c r="H19464" s="5">
        <v>5</v>
      </c>
      <c r="I19464" s="5" t="s">
        <v>69</v>
      </c>
      <c r="J19464" s="5" t="s">
        <v>61065</v>
      </c>
      <c r="K19464" s="2" t="s">
        <v>61066</v>
      </c>
      <c r="L19464" s="5" t="s">
        <v>61065</v>
      </c>
      <c r="M19464" s="2" t="s">
        <v>61066</v>
      </c>
      <c r="N19464" s="5" t="s">
        <v>733</v>
      </c>
      <c r="O19464" s="5" t="s">
        <v>38</v>
      </c>
      <c r="P19464" s="5" t="s">
        <v>39</v>
      </c>
      <c r="Q19464" s="5" t="s">
        <v>40</v>
      </c>
      <c r="R19464" s="5" t="s">
        <v>897</v>
      </c>
      <c r="S19464" s="5" t="s">
        <v>40</v>
      </c>
      <c r="T19464" s="5" t="s">
        <v>42</v>
      </c>
      <c r="U19464" s="2">
        <v>29.727</v>
      </c>
      <c r="V19464" s="2">
        <v>27.484999999999999</v>
      </c>
      <c r="W19464" s="2">
        <v>0.109</v>
      </c>
      <c r="X19464" s="2">
        <v>17</v>
      </c>
      <c r="Y19464" s="2">
        <v>57.7</v>
      </c>
      <c r="Z19464" s="2">
        <v>111.6</v>
      </c>
      <c r="AA19464" s="5">
        <v>7</v>
      </c>
      <c r="AB19464" s="5" t="s">
        <v>43</v>
      </c>
      <c r="AC19464" s="5" t="s">
        <v>735</v>
      </c>
      <c r="AD19464" s="2" t="s">
        <v>61255</v>
      </c>
      <c r="AE19464" s="1"/>
    </row>
    <row r="19465" spans="1:31" ht="14.45">
      <c r="A19465" s="11"/>
      <c r="B19465" s="20"/>
      <c r="C19465" s="2" t="s">
        <v>61256</v>
      </c>
      <c r="D19465" s="14" t="s">
        <v>61257</v>
      </c>
      <c r="E19465" s="2" t="s">
        <v>61258</v>
      </c>
      <c r="F19465" s="2" t="s">
        <v>61259</v>
      </c>
      <c r="G19465" s="8">
        <v>1047</v>
      </c>
      <c r="H19465" s="5">
        <v>5</v>
      </c>
      <c r="I19465" s="5" t="s">
        <v>69</v>
      </c>
      <c r="J19465" s="5" t="s">
        <v>61065</v>
      </c>
      <c r="K19465" s="2" t="s">
        <v>61066</v>
      </c>
      <c r="L19465" s="5" t="s">
        <v>61065</v>
      </c>
      <c r="M19465" s="2" t="s">
        <v>61066</v>
      </c>
      <c r="N19465" s="5" t="s">
        <v>733</v>
      </c>
      <c r="O19465" s="5" t="s">
        <v>38</v>
      </c>
      <c r="P19465" s="5" t="s">
        <v>39</v>
      </c>
      <c r="Q19465" s="5" t="s">
        <v>40</v>
      </c>
      <c r="R19465" s="5" t="s">
        <v>897</v>
      </c>
      <c r="S19465" s="5" t="s">
        <v>40</v>
      </c>
      <c r="T19465" s="5" t="s">
        <v>42</v>
      </c>
      <c r="U19465" s="2">
        <v>31.983000000000001</v>
      </c>
      <c r="V19465" s="2">
        <v>29.678999999999998</v>
      </c>
      <c r="W19465" s="2">
        <v>0.109</v>
      </c>
      <c r="X19465" s="2">
        <v>17</v>
      </c>
      <c r="Y19465" s="2">
        <v>57.7</v>
      </c>
      <c r="Z19465" s="2">
        <v>111.6</v>
      </c>
      <c r="AA19465" s="5">
        <v>7</v>
      </c>
      <c r="AB19465" s="5" t="s">
        <v>43</v>
      </c>
      <c r="AC19465" s="5" t="s">
        <v>735</v>
      </c>
      <c r="AD19465" s="2" t="s">
        <v>61260</v>
      </c>
      <c r="AE19465" s="1"/>
    </row>
    <row r="19466" spans="1:31" ht="14.45">
      <c r="A19466" s="11"/>
      <c r="B19466" s="20"/>
      <c r="C19466" s="2" t="s">
        <v>61261</v>
      </c>
      <c r="D19466" s="14" t="s">
        <v>61262</v>
      </c>
      <c r="E19466" s="2" t="s">
        <v>61263</v>
      </c>
      <c r="F19466" s="2" t="s">
        <v>61259</v>
      </c>
      <c r="G19466" s="8">
        <v>1047</v>
      </c>
      <c r="H19466" s="5">
        <v>5</v>
      </c>
      <c r="I19466" s="5" t="s">
        <v>69</v>
      </c>
      <c r="J19466" s="5" t="s">
        <v>61065</v>
      </c>
      <c r="K19466" s="2" t="s">
        <v>61066</v>
      </c>
      <c r="L19466" s="5" t="s">
        <v>61065</v>
      </c>
      <c r="M19466" s="2" t="s">
        <v>61066</v>
      </c>
      <c r="N19466" s="5" t="s">
        <v>733</v>
      </c>
      <c r="O19466" s="5" t="s">
        <v>38</v>
      </c>
      <c r="P19466" s="5" t="s">
        <v>39</v>
      </c>
      <c r="Q19466" s="5" t="s">
        <v>40</v>
      </c>
      <c r="R19466" s="5" t="s">
        <v>897</v>
      </c>
      <c r="S19466" s="5" t="s">
        <v>40</v>
      </c>
      <c r="T19466" s="5" t="s">
        <v>42</v>
      </c>
      <c r="U19466" s="2">
        <v>31.649000000000001</v>
      </c>
      <c r="V19466" s="2">
        <v>29.25</v>
      </c>
      <c r="W19466" s="2">
        <v>0.109</v>
      </c>
      <c r="X19466" s="2">
        <v>17</v>
      </c>
      <c r="Y19466" s="2">
        <v>57.7</v>
      </c>
      <c r="Z19466" s="2">
        <v>111.6</v>
      </c>
      <c r="AA19466" s="5">
        <v>7</v>
      </c>
      <c r="AB19466" s="5" t="s">
        <v>43</v>
      </c>
      <c r="AC19466" s="5" t="s">
        <v>735</v>
      </c>
      <c r="AD19466" s="2" t="s">
        <v>61264</v>
      </c>
      <c r="AE19466" s="1"/>
    </row>
    <row r="19467" spans="1:31" ht="14.45">
      <c r="A19467" s="11"/>
      <c r="B19467" s="20"/>
      <c r="C19467" s="2" t="s">
        <v>61265</v>
      </c>
      <c r="D19467" s="14" t="s">
        <v>61266</v>
      </c>
      <c r="E19467" s="2" t="s">
        <v>61267</v>
      </c>
      <c r="F19467" s="2" t="s">
        <v>61268</v>
      </c>
      <c r="G19467" s="8">
        <v>824</v>
      </c>
      <c r="H19467" s="5">
        <v>10</v>
      </c>
      <c r="I19467" s="5" t="s">
        <v>69</v>
      </c>
      <c r="J19467" s="5" t="s">
        <v>61065</v>
      </c>
      <c r="K19467" s="2" t="s">
        <v>61066</v>
      </c>
      <c r="L19467" s="5" t="s">
        <v>61065</v>
      </c>
      <c r="M19467" s="2" t="s">
        <v>61066</v>
      </c>
      <c r="N19467" s="5" t="s">
        <v>733</v>
      </c>
      <c r="O19467" s="5" t="s">
        <v>38</v>
      </c>
      <c r="P19467" s="5" t="s">
        <v>39</v>
      </c>
      <c r="Q19467" s="5" t="s">
        <v>40</v>
      </c>
      <c r="R19467" s="5" t="s">
        <v>897</v>
      </c>
      <c r="S19467" s="5" t="s">
        <v>40</v>
      </c>
      <c r="T19467" s="5" t="s">
        <v>42</v>
      </c>
      <c r="U19467" s="2">
        <v>29.581</v>
      </c>
      <c r="V19467" s="2">
        <v>27.338999999999999</v>
      </c>
      <c r="W19467" s="2">
        <v>0.109</v>
      </c>
      <c r="X19467" s="2">
        <v>17</v>
      </c>
      <c r="Y19467" s="2">
        <v>57.7</v>
      </c>
      <c r="Z19467" s="2">
        <v>111.6</v>
      </c>
      <c r="AA19467" s="5">
        <v>7</v>
      </c>
      <c r="AB19467" s="5" t="s">
        <v>43</v>
      </c>
      <c r="AC19467" s="5" t="s">
        <v>735</v>
      </c>
      <c r="AD19467" s="2" t="s">
        <v>61269</v>
      </c>
      <c r="AE19467" s="1"/>
    </row>
    <row r="19468" spans="1:31" ht="14.45">
      <c r="A19468" s="11"/>
      <c r="B19468" s="20"/>
      <c r="C19468" s="2" t="s">
        <v>61270</v>
      </c>
      <c r="D19468" s="14" t="s">
        <v>61271</v>
      </c>
      <c r="E19468" s="2" t="s">
        <v>61272</v>
      </c>
      <c r="F19468" s="2" t="s">
        <v>61273</v>
      </c>
      <c r="G19468" s="8">
        <v>1124</v>
      </c>
      <c r="H19468" s="5">
        <v>10</v>
      </c>
      <c r="I19468" s="5" t="s">
        <v>69</v>
      </c>
      <c r="J19468" s="5" t="s">
        <v>61065</v>
      </c>
      <c r="K19468" s="2" t="s">
        <v>61066</v>
      </c>
      <c r="L19468" s="5" t="s">
        <v>61065</v>
      </c>
      <c r="M19468" s="2" t="s">
        <v>61066</v>
      </c>
      <c r="N19468" s="5" t="s">
        <v>733</v>
      </c>
      <c r="O19468" s="5" t="s">
        <v>38</v>
      </c>
      <c r="P19468" s="5" t="s">
        <v>39</v>
      </c>
      <c r="Q19468" s="5" t="s">
        <v>40</v>
      </c>
      <c r="R19468" s="5" t="s">
        <v>897</v>
      </c>
      <c r="S19468" s="5" t="s">
        <v>40</v>
      </c>
      <c r="T19468" s="5" t="s">
        <v>42</v>
      </c>
      <c r="U19468" s="2">
        <v>31.914999999999999</v>
      </c>
      <c r="V19468" s="2">
        <v>29.565999999999999</v>
      </c>
      <c r="W19468" s="2">
        <v>0.109</v>
      </c>
      <c r="X19468" s="2">
        <v>17</v>
      </c>
      <c r="Y19468" s="2">
        <v>57.7</v>
      </c>
      <c r="Z19468" s="2">
        <v>111.6</v>
      </c>
      <c r="AA19468" s="5">
        <v>7</v>
      </c>
      <c r="AB19468" s="5" t="s">
        <v>43</v>
      </c>
      <c r="AC19468" s="5" t="s">
        <v>735</v>
      </c>
      <c r="AD19468" s="2" t="s">
        <v>61274</v>
      </c>
      <c r="AE19468" s="1"/>
    </row>
    <row r="19469" spans="1:31" ht="14.45">
      <c r="A19469" s="11"/>
      <c r="B19469" s="20"/>
      <c r="C19469" s="2" t="s">
        <v>61275</v>
      </c>
      <c r="D19469" s="14" t="s">
        <v>61276</v>
      </c>
      <c r="E19469" s="2" t="s">
        <v>61277</v>
      </c>
      <c r="F19469" s="2" t="s">
        <v>61273</v>
      </c>
      <c r="G19469" s="8">
        <v>1124</v>
      </c>
      <c r="H19469" s="5">
        <v>10</v>
      </c>
      <c r="I19469" s="5" t="s">
        <v>69</v>
      </c>
      <c r="J19469" s="5" t="s">
        <v>61065</v>
      </c>
      <c r="K19469" s="2" t="s">
        <v>61066</v>
      </c>
      <c r="L19469" s="5" t="s">
        <v>61065</v>
      </c>
      <c r="M19469" s="2" t="s">
        <v>61066</v>
      </c>
      <c r="N19469" s="5" t="s">
        <v>733</v>
      </c>
      <c r="O19469" s="5" t="s">
        <v>38</v>
      </c>
      <c r="P19469" s="5" t="s">
        <v>39</v>
      </c>
      <c r="Q19469" s="5" t="s">
        <v>40</v>
      </c>
      <c r="R19469" s="5" t="s">
        <v>897</v>
      </c>
      <c r="S19469" s="5" t="s">
        <v>40</v>
      </c>
      <c r="T19469" s="5" t="s">
        <v>42</v>
      </c>
      <c r="U19469" s="2">
        <v>31.527999999999999</v>
      </c>
      <c r="V19469" s="2">
        <v>29.129000000000001</v>
      </c>
      <c r="W19469" s="2">
        <v>0.109</v>
      </c>
      <c r="X19469" s="2">
        <v>17</v>
      </c>
      <c r="Y19469" s="2">
        <v>57.7</v>
      </c>
      <c r="Z19469" s="2">
        <v>111.6</v>
      </c>
      <c r="AA19469" s="5">
        <v>7</v>
      </c>
      <c r="AB19469" s="5" t="s">
        <v>43</v>
      </c>
      <c r="AC19469" s="5" t="s">
        <v>735</v>
      </c>
      <c r="AD19469" s="2" t="s">
        <v>61278</v>
      </c>
      <c r="AE19469" s="1"/>
    </row>
    <row r="19470" spans="1:31" ht="14.45">
      <c r="A19470" s="11"/>
      <c r="B19470" s="20"/>
      <c r="C19470" s="2" t="s">
        <v>61279</v>
      </c>
      <c r="D19470" s="14" t="s">
        <v>61280</v>
      </c>
      <c r="E19470" s="2" t="s">
        <v>61281</v>
      </c>
      <c r="F19470" s="2" t="s">
        <v>61282</v>
      </c>
      <c r="G19470" s="8">
        <v>673</v>
      </c>
      <c r="H19470" s="5">
        <v>10</v>
      </c>
      <c r="I19470" s="5" t="s">
        <v>69</v>
      </c>
      <c r="J19470" s="5" t="s">
        <v>61065</v>
      </c>
      <c r="K19470" s="2" t="s">
        <v>61066</v>
      </c>
      <c r="L19470" s="5" t="s">
        <v>61065</v>
      </c>
      <c r="M19470" s="2" t="s">
        <v>61066</v>
      </c>
      <c r="N19470" s="5" t="s">
        <v>733</v>
      </c>
      <c r="O19470" s="5" t="s">
        <v>38</v>
      </c>
      <c r="P19470" s="5" t="s">
        <v>39</v>
      </c>
      <c r="Q19470" s="5" t="s">
        <v>40</v>
      </c>
      <c r="R19470" s="5" t="s">
        <v>897</v>
      </c>
      <c r="S19470" s="5" t="s">
        <v>40</v>
      </c>
      <c r="T19470" s="5" t="s">
        <v>42</v>
      </c>
      <c r="U19470" s="2">
        <v>29.696999999999999</v>
      </c>
      <c r="V19470" s="2">
        <v>27.454999999999998</v>
      </c>
      <c r="W19470" s="2">
        <v>0.109</v>
      </c>
      <c r="X19470" s="2">
        <v>17</v>
      </c>
      <c r="Y19470" s="2">
        <v>57.7</v>
      </c>
      <c r="Z19470" s="2">
        <v>111.6</v>
      </c>
      <c r="AA19470" s="5">
        <v>7</v>
      </c>
      <c r="AB19470" s="5" t="s">
        <v>43</v>
      </c>
      <c r="AC19470" s="5" t="s">
        <v>735</v>
      </c>
      <c r="AD19470" s="2" t="s">
        <v>61283</v>
      </c>
      <c r="AE19470" s="1"/>
    </row>
    <row r="19471" spans="1:31" ht="14.45">
      <c r="A19471" s="11"/>
      <c r="B19471" s="20"/>
      <c r="C19471" s="2" t="s">
        <v>61284</v>
      </c>
      <c r="D19471" s="14" t="s">
        <v>61285</v>
      </c>
      <c r="E19471" s="2" t="s">
        <v>61286</v>
      </c>
      <c r="F19471" s="2" t="s">
        <v>61282</v>
      </c>
      <c r="G19471" s="8">
        <v>973</v>
      </c>
      <c r="H19471" s="5">
        <v>5</v>
      </c>
      <c r="I19471" s="5" t="s">
        <v>69</v>
      </c>
      <c r="J19471" s="5" t="s">
        <v>61065</v>
      </c>
      <c r="K19471" s="2" t="s">
        <v>61066</v>
      </c>
      <c r="L19471" s="5" t="s">
        <v>61065</v>
      </c>
      <c r="M19471" s="2" t="s">
        <v>61066</v>
      </c>
      <c r="N19471" s="5" t="s">
        <v>733</v>
      </c>
      <c r="O19471" s="5" t="s">
        <v>38</v>
      </c>
      <c r="P19471" s="5" t="s">
        <v>39</v>
      </c>
      <c r="Q19471" s="5" t="s">
        <v>40</v>
      </c>
      <c r="R19471" s="5" t="s">
        <v>897</v>
      </c>
      <c r="S19471" s="5" t="s">
        <v>40</v>
      </c>
      <c r="T19471" s="5" t="s">
        <v>42</v>
      </c>
      <c r="U19471" s="2">
        <v>32.030999999999999</v>
      </c>
      <c r="V19471" s="2">
        <v>29.681999999999999</v>
      </c>
      <c r="W19471" s="2">
        <v>0.109</v>
      </c>
      <c r="X19471" s="2">
        <v>17</v>
      </c>
      <c r="Y19471" s="2">
        <v>57.7</v>
      </c>
      <c r="Z19471" s="2">
        <v>111.6</v>
      </c>
      <c r="AA19471" s="5">
        <v>7</v>
      </c>
      <c r="AB19471" s="5" t="s">
        <v>43</v>
      </c>
      <c r="AC19471" s="5" t="s">
        <v>735</v>
      </c>
      <c r="AD19471" s="2" t="s">
        <v>61287</v>
      </c>
      <c r="AE19471" s="1"/>
    </row>
    <row r="19472" spans="1:31" ht="14.45">
      <c r="A19472" s="11"/>
      <c r="B19472" s="20"/>
      <c r="C19472" s="2" t="s">
        <v>61288</v>
      </c>
      <c r="D19472" s="14" t="s">
        <v>61289</v>
      </c>
      <c r="E19472" s="2" t="s">
        <v>61290</v>
      </c>
      <c r="F19472" s="2" t="s">
        <v>61282</v>
      </c>
      <c r="G19472" s="8">
        <v>973</v>
      </c>
      <c r="H19472" s="5">
        <v>10</v>
      </c>
      <c r="I19472" s="5" t="s">
        <v>69</v>
      </c>
      <c r="J19472" s="5" t="s">
        <v>61065</v>
      </c>
      <c r="K19472" s="2" t="s">
        <v>61066</v>
      </c>
      <c r="L19472" s="5" t="s">
        <v>61065</v>
      </c>
      <c r="M19472" s="2" t="s">
        <v>61066</v>
      </c>
      <c r="N19472" s="5" t="s">
        <v>733</v>
      </c>
      <c r="O19472" s="5" t="s">
        <v>38</v>
      </c>
      <c r="P19472" s="5" t="s">
        <v>39</v>
      </c>
      <c r="Q19472" s="5" t="s">
        <v>40</v>
      </c>
      <c r="R19472" s="5" t="s">
        <v>897</v>
      </c>
      <c r="S19472" s="5" t="s">
        <v>40</v>
      </c>
      <c r="T19472" s="5" t="s">
        <v>42</v>
      </c>
      <c r="U19472" s="2">
        <v>31.632000000000001</v>
      </c>
      <c r="V19472" s="2">
        <v>29.233000000000001</v>
      </c>
      <c r="W19472" s="2">
        <v>0.109</v>
      </c>
      <c r="X19472" s="2">
        <v>17</v>
      </c>
      <c r="Y19472" s="2">
        <v>57.7</v>
      </c>
      <c r="Z19472" s="2">
        <v>111.6</v>
      </c>
      <c r="AA19472" s="5">
        <v>7</v>
      </c>
      <c r="AB19472" s="5" t="s">
        <v>43</v>
      </c>
      <c r="AC19472" s="5" t="s">
        <v>735</v>
      </c>
      <c r="AD19472" s="2" t="s">
        <v>61291</v>
      </c>
      <c r="AE19472" s="1"/>
    </row>
    <row r="19473" spans="1:31" ht="14.45">
      <c r="A19473" s="11"/>
      <c r="B19473" s="20"/>
      <c r="C19473" s="2" t="s">
        <v>61292</v>
      </c>
      <c r="D19473" s="14" t="s">
        <v>61293</v>
      </c>
      <c r="E19473" s="2" t="s">
        <v>61294</v>
      </c>
      <c r="F19473" s="2" t="s">
        <v>61295</v>
      </c>
      <c r="G19473" s="8">
        <v>579</v>
      </c>
      <c r="H19473" s="5">
        <v>5</v>
      </c>
      <c r="I19473" s="5" t="s">
        <v>69</v>
      </c>
      <c r="J19473" s="5" t="s">
        <v>61065</v>
      </c>
      <c r="K19473" s="2" t="s">
        <v>61066</v>
      </c>
      <c r="L19473" s="5" t="s">
        <v>61065</v>
      </c>
      <c r="M19473" s="2" t="s">
        <v>61066</v>
      </c>
      <c r="N19473" s="5" t="s">
        <v>733</v>
      </c>
      <c r="O19473" s="5" t="s">
        <v>38</v>
      </c>
      <c r="P19473" s="5" t="s">
        <v>39</v>
      </c>
      <c r="Q19473" s="5" t="s">
        <v>40</v>
      </c>
      <c r="R19473" s="5" t="s">
        <v>897</v>
      </c>
      <c r="S19473" s="5" t="s">
        <v>40</v>
      </c>
      <c r="T19473" s="5" t="s">
        <v>42</v>
      </c>
      <c r="U19473" s="2">
        <v>26.616</v>
      </c>
      <c r="V19473" s="2">
        <v>24.384</v>
      </c>
      <c r="W19473" s="2">
        <v>0.109</v>
      </c>
      <c r="X19473" s="2">
        <v>17</v>
      </c>
      <c r="Y19473" s="2">
        <v>57.7</v>
      </c>
      <c r="Z19473" s="2">
        <v>111.6</v>
      </c>
      <c r="AA19473" s="5">
        <v>7</v>
      </c>
      <c r="AB19473" s="5" t="s">
        <v>43</v>
      </c>
      <c r="AC19473" s="5" t="s">
        <v>735</v>
      </c>
      <c r="AD19473" s="2" t="s">
        <v>61296</v>
      </c>
      <c r="AE19473" s="1"/>
    </row>
    <row r="19474" spans="1:31" ht="14.45">
      <c r="A19474" s="11"/>
      <c r="B19474" s="20"/>
      <c r="C19474" s="2" t="s">
        <v>61297</v>
      </c>
      <c r="D19474" s="14" t="s">
        <v>61298</v>
      </c>
      <c r="E19474" s="2" t="s">
        <v>61299</v>
      </c>
      <c r="F19474" s="2" t="s">
        <v>61295</v>
      </c>
      <c r="G19474" s="8">
        <v>879</v>
      </c>
      <c r="H19474" s="5">
        <v>5</v>
      </c>
      <c r="I19474" s="5" t="s">
        <v>69</v>
      </c>
      <c r="J19474" s="5" t="s">
        <v>61065</v>
      </c>
      <c r="K19474" s="2" t="s">
        <v>61066</v>
      </c>
      <c r="L19474" s="5" t="s">
        <v>61065</v>
      </c>
      <c r="M19474" s="2" t="s">
        <v>61066</v>
      </c>
      <c r="N19474" s="5" t="s">
        <v>733</v>
      </c>
      <c r="O19474" s="5" t="s">
        <v>38</v>
      </c>
      <c r="P19474" s="5" t="s">
        <v>39</v>
      </c>
      <c r="Q19474" s="5" t="s">
        <v>40</v>
      </c>
      <c r="R19474" s="5" t="s">
        <v>897</v>
      </c>
      <c r="S19474" s="5" t="s">
        <v>40</v>
      </c>
      <c r="T19474" s="5" t="s">
        <v>42</v>
      </c>
      <c r="U19474" s="2">
        <v>28.96</v>
      </c>
      <c r="V19474" s="2">
        <v>26.646000000000001</v>
      </c>
      <c r="W19474" s="2">
        <v>0.109</v>
      </c>
      <c r="X19474" s="2">
        <v>17</v>
      </c>
      <c r="Y19474" s="2">
        <v>57.7</v>
      </c>
      <c r="Z19474" s="2">
        <v>111.6</v>
      </c>
      <c r="AA19474" s="5">
        <v>7</v>
      </c>
      <c r="AB19474" s="5" t="s">
        <v>43</v>
      </c>
      <c r="AC19474" s="5" t="s">
        <v>735</v>
      </c>
      <c r="AD19474" s="2" t="s">
        <v>61300</v>
      </c>
      <c r="AE19474" s="1"/>
    </row>
    <row r="19475" spans="1:31" ht="14.45">
      <c r="A19475" s="11"/>
      <c r="B19475" s="20"/>
      <c r="C19475" s="2" t="s">
        <v>61301</v>
      </c>
      <c r="D19475" s="14" t="s">
        <v>61302</v>
      </c>
      <c r="E19475" s="2" t="s">
        <v>61303</v>
      </c>
      <c r="F19475" s="2" t="s">
        <v>61295</v>
      </c>
      <c r="G19475" s="8">
        <v>879</v>
      </c>
      <c r="H19475" s="5">
        <v>5</v>
      </c>
      <c r="I19475" s="5" t="s">
        <v>69</v>
      </c>
      <c r="J19475" s="5" t="s">
        <v>61065</v>
      </c>
      <c r="K19475" s="2" t="s">
        <v>61066</v>
      </c>
      <c r="L19475" s="5" t="s">
        <v>61065</v>
      </c>
      <c r="M19475" s="2" t="s">
        <v>61066</v>
      </c>
      <c r="N19475" s="5" t="s">
        <v>733</v>
      </c>
      <c r="O19475" s="5" t="s">
        <v>38</v>
      </c>
      <c r="P19475" s="5" t="s">
        <v>39</v>
      </c>
      <c r="Q19475" s="5" t="s">
        <v>40</v>
      </c>
      <c r="R19475" s="5" t="s">
        <v>897</v>
      </c>
      <c r="S19475" s="5" t="s">
        <v>40</v>
      </c>
      <c r="T19475" s="5" t="s">
        <v>42</v>
      </c>
      <c r="U19475" s="2">
        <v>28.597000000000001</v>
      </c>
      <c r="V19475" s="2">
        <v>26.187999999999999</v>
      </c>
      <c r="W19475" s="2">
        <v>0.109</v>
      </c>
      <c r="X19475" s="2">
        <v>17</v>
      </c>
      <c r="Y19475" s="2">
        <v>57.7</v>
      </c>
      <c r="Z19475" s="2">
        <v>111.6</v>
      </c>
      <c r="AA19475" s="5">
        <v>7</v>
      </c>
      <c r="AB19475" s="5" t="s">
        <v>43</v>
      </c>
      <c r="AC19475" s="5" t="s">
        <v>735</v>
      </c>
      <c r="AD19475" s="2" t="s">
        <v>61304</v>
      </c>
      <c r="AE19475" s="1"/>
    </row>
    <row r="19476" spans="1:31" ht="14.45">
      <c r="A19476" s="11"/>
      <c r="B19476" s="20"/>
      <c r="C19476" s="2" t="s">
        <v>61305</v>
      </c>
      <c r="D19476" s="14" t="s">
        <v>61306</v>
      </c>
      <c r="E19476" s="2" t="s">
        <v>61307</v>
      </c>
      <c r="F19476" s="2" t="s">
        <v>61308</v>
      </c>
      <c r="G19476" s="8">
        <v>967</v>
      </c>
      <c r="H19476" s="5">
        <v>10</v>
      </c>
      <c r="I19476" s="5" t="s">
        <v>69</v>
      </c>
      <c r="J19476" s="5" t="s">
        <v>61065</v>
      </c>
      <c r="K19476" s="2" t="s">
        <v>61066</v>
      </c>
      <c r="L19476" s="5" t="s">
        <v>61065</v>
      </c>
      <c r="M19476" s="2" t="s">
        <v>61066</v>
      </c>
      <c r="N19476" s="5" t="s">
        <v>733</v>
      </c>
      <c r="O19476" s="5" t="s">
        <v>38</v>
      </c>
      <c r="P19476" s="5" t="s">
        <v>39</v>
      </c>
      <c r="Q19476" s="5" t="s">
        <v>40</v>
      </c>
      <c r="R19476" s="5" t="s">
        <v>897</v>
      </c>
      <c r="S19476" s="5" t="s">
        <v>40</v>
      </c>
      <c r="T19476" s="5" t="s">
        <v>42</v>
      </c>
      <c r="U19476" s="2">
        <v>28.928000000000001</v>
      </c>
      <c r="V19476" s="2">
        <v>26.69</v>
      </c>
      <c r="W19476" s="2">
        <v>0.109</v>
      </c>
      <c r="X19476" s="2">
        <v>17</v>
      </c>
      <c r="Y19476" s="2">
        <v>57.7</v>
      </c>
      <c r="Z19476" s="2">
        <v>111.6</v>
      </c>
      <c r="AA19476" s="5">
        <v>7</v>
      </c>
      <c r="AB19476" s="5" t="s">
        <v>43</v>
      </c>
      <c r="AC19476" s="5" t="s">
        <v>735</v>
      </c>
      <c r="AD19476" s="2" t="s">
        <v>61309</v>
      </c>
      <c r="AE19476" s="1"/>
    </row>
    <row r="19477" spans="1:31" ht="14.45">
      <c r="A19477" s="11"/>
      <c r="B19477" s="20"/>
      <c r="C19477" s="2" t="s">
        <v>61310</v>
      </c>
      <c r="D19477" s="14" t="s">
        <v>61311</v>
      </c>
      <c r="E19477" s="2" t="s">
        <v>61312</v>
      </c>
      <c r="F19477" s="2" t="s">
        <v>61313</v>
      </c>
      <c r="G19477" s="8">
        <v>698</v>
      </c>
      <c r="H19477" s="5">
        <v>5</v>
      </c>
      <c r="I19477" s="5" t="s">
        <v>69</v>
      </c>
      <c r="J19477" s="5" t="s">
        <v>61065</v>
      </c>
      <c r="K19477" s="2" t="s">
        <v>61066</v>
      </c>
      <c r="L19477" s="5" t="s">
        <v>61065</v>
      </c>
      <c r="M19477" s="2" t="s">
        <v>61066</v>
      </c>
      <c r="N19477" s="5" t="s">
        <v>733</v>
      </c>
      <c r="O19477" s="5" t="s">
        <v>38</v>
      </c>
      <c r="P19477" s="5" t="s">
        <v>39</v>
      </c>
      <c r="Q19477" s="5" t="s">
        <v>40</v>
      </c>
      <c r="R19477" s="5" t="s">
        <v>897</v>
      </c>
      <c r="S19477" s="5" t="s">
        <v>40</v>
      </c>
      <c r="T19477" s="5" t="s">
        <v>42</v>
      </c>
      <c r="U19477" s="2">
        <v>29.7</v>
      </c>
      <c r="V19477" s="2">
        <v>27.463000000000001</v>
      </c>
      <c r="W19477" s="2">
        <v>0.09</v>
      </c>
      <c r="X19477" s="2">
        <v>17</v>
      </c>
      <c r="Y19477" s="2">
        <v>57.7</v>
      </c>
      <c r="Z19477" s="2">
        <v>111.6</v>
      </c>
      <c r="AA19477" s="5">
        <v>7</v>
      </c>
      <c r="AB19477" s="5" t="s">
        <v>43</v>
      </c>
      <c r="AC19477" s="5" t="s">
        <v>735</v>
      </c>
      <c r="AD19477" s="2" t="s">
        <v>61314</v>
      </c>
      <c r="AE19477" s="1"/>
    </row>
    <row r="19478" spans="1:31" ht="14.45">
      <c r="A19478" s="11"/>
      <c r="B19478" s="20"/>
      <c r="C19478" s="2" t="s">
        <v>61315</v>
      </c>
      <c r="D19478" s="14" t="s">
        <v>61316</v>
      </c>
      <c r="E19478" s="2" t="s">
        <v>61317</v>
      </c>
      <c r="F19478" s="2" t="s">
        <v>61313</v>
      </c>
      <c r="G19478" s="8">
        <v>998</v>
      </c>
      <c r="H19478" s="5">
        <v>5</v>
      </c>
      <c r="I19478" s="5" t="s">
        <v>69</v>
      </c>
      <c r="J19478" s="5" t="s">
        <v>61065</v>
      </c>
      <c r="K19478" s="2" t="s">
        <v>61066</v>
      </c>
      <c r="L19478" s="5" t="s">
        <v>61065</v>
      </c>
      <c r="M19478" s="2" t="s">
        <v>61066</v>
      </c>
      <c r="N19478" s="5" t="s">
        <v>733</v>
      </c>
      <c r="O19478" s="5" t="s">
        <v>38</v>
      </c>
      <c r="P19478" s="5" t="s">
        <v>39</v>
      </c>
      <c r="Q19478" s="5" t="s">
        <v>40</v>
      </c>
      <c r="R19478" s="5" t="s">
        <v>897</v>
      </c>
      <c r="S19478" s="5" t="s">
        <v>40</v>
      </c>
      <c r="T19478" s="5" t="s">
        <v>42</v>
      </c>
      <c r="U19478" s="2">
        <v>32.009</v>
      </c>
      <c r="V19478" s="2">
        <v>29.66</v>
      </c>
      <c r="W19478" s="2">
        <v>0.09</v>
      </c>
      <c r="X19478" s="2">
        <v>17</v>
      </c>
      <c r="Y19478" s="2">
        <v>57.7</v>
      </c>
      <c r="Z19478" s="2">
        <v>91.6</v>
      </c>
      <c r="AA19478" s="5">
        <v>7</v>
      </c>
      <c r="AB19478" s="5" t="s">
        <v>43</v>
      </c>
      <c r="AC19478" s="5" t="s">
        <v>735</v>
      </c>
      <c r="AD19478" s="2" t="s">
        <v>61318</v>
      </c>
      <c r="AE19478" s="1"/>
    </row>
    <row r="19479" spans="1:31" ht="14.45">
      <c r="A19479" s="11"/>
      <c r="B19479" s="20"/>
      <c r="C19479" s="2" t="s">
        <v>61319</v>
      </c>
      <c r="D19479" s="14" t="s">
        <v>61320</v>
      </c>
      <c r="E19479" s="2" t="s">
        <v>61321</v>
      </c>
      <c r="F19479" s="2" t="s">
        <v>61313</v>
      </c>
      <c r="G19479" s="8">
        <v>998</v>
      </c>
      <c r="H19479" s="5">
        <v>5</v>
      </c>
      <c r="I19479" s="5" t="s">
        <v>69</v>
      </c>
      <c r="J19479" s="5" t="s">
        <v>61065</v>
      </c>
      <c r="K19479" s="2" t="s">
        <v>61066</v>
      </c>
      <c r="L19479" s="5" t="s">
        <v>61065</v>
      </c>
      <c r="M19479" s="2" t="s">
        <v>61066</v>
      </c>
      <c r="N19479" s="5" t="s">
        <v>733</v>
      </c>
      <c r="O19479" s="5" t="s">
        <v>38</v>
      </c>
      <c r="P19479" s="5" t="s">
        <v>39</v>
      </c>
      <c r="Q19479" s="5" t="s">
        <v>40</v>
      </c>
      <c r="R19479" s="5" t="s">
        <v>897</v>
      </c>
      <c r="S19479" s="5" t="s">
        <v>40</v>
      </c>
      <c r="T19479" s="5" t="s">
        <v>42</v>
      </c>
      <c r="U19479" s="2">
        <v>31.61</v>
      </c>
      <c r="V19479" s="2">
        <v>29.210999999999999</v>
      </c>
      <c r="W19479" s="2">
        <v>0.09</v>
      </c>
      <c r="X19479" s="2">
        <v>17</v>
      </c>
      <c r="Y19479" s="2">
        <v>57.7</v>
      </c>
      <c r="Z19479" s="2">
        <v>91.6</v>
      </c>
      <c r="AA19479" s="5">
        <v>7</v>
      </c>
      <c r="AB19479" s="5" t="s">
        <v>43</v>
      </c>
      <c r="AC19479" s="5" t="s">
        <v>735</v>
      </c>
      <c r="AD19479" s="2" t="s">
        <v>61322</v>
      </c>
      <c r="AE19479" s="1"/>
    </row>
    <row r="19480" spans="1:31" ht="14.45">
      <c r="A19480" s="11"/>
      <c r="B19480" s="20"/>
      <c r="C19480" s="2" t="s">
        <v>61323</v>
      </c>
      <c r="D19480" s="14" t="s">
        <v>61324</v>
      </c>
      <c r="E19480" s="2" t="s">
        <v>61325</v>
      </c>
      <c r="F19480" s="2" t="s">
        <v>61326</v>
      </c>
      <c r="G19480" s="8">
        <v>1292</v>
      </c>
      <c r="H19480" s="5">
        <v>10</v>
      </c>
      <c r="I19480" s="5" t="s">
        <v>69</v>
      </c>
      <c r="J19480" s="5" t="s">
        <v>61065</v>
      </c>
      <c r="K19480" s="2" t="s">
        <v>61066</v>
      </c>
      <c r="L19480" s="5" t="s">
        <v>61065</v>
      </c>
      <c r="M19480" s="2" t="s">
        <v>61066</v>
      </c>
      <c r="N19480" s="5" t="s">
        <v>733</v>
      </c>
      <c r="O19480" s="5" t="s">
        <v>38</v>
      </c>
      <c r="P19480" s="5" t="s">
        <v>39</v>
      </c>
      <c r="Q19480" s="5" t="s">
        <v>40</v>
      </c>
      <c r="R19480" s="5" t="s">
        <v>897</v>
      </c>
      <c r="S19480" s="5" t="s">
        <v>40</v>
      </c>
      <c r="T19480" s="5" t="s">
        <v>42</v>
      </c>
      <c r="U19480" s="2">
        <v>35.191000000000003</v>
      </c>
      <c r="V19480" s="2">
        <v>32.947000000000003</v>
      </c>
      <c r="W19480" s="2">
        <v>0.109</v>
      </c>
      <c r="X19480" s="2">
        <v>17</v>
      </c>
      <c r="Y19480" s="2">
        <v>57.7</v>
      </c>
      <c r="Z19480" s="2">
        <v>111.6</v>
      </c>
      <c r="AA19480" s="5">
        <v>7</v>
      </c>
      <c r="AB19480" s="5" t="s">
        <v>43</v>
      </c>
      <c r="AC19480" s="5" t="s">
        <v>735</v>
      </c>
      <c r="AD19480" s="2" t="s">
        <v>61327</v>
      </c>
      <c r="AE19480" s="1"/>
    </row>
    <row r="19481" spans="1:31" ht="14.45">
      <c r="A19481" s="11"/>
      <c r="B19481" s="20"/>
      <c r="C19481" s="2" t="s">
        <v>61328</v>
      </c>
      <c r="D19481" s="14" t="s">
        <v>61329</v>
      </c>
      <c r="E19481" s="2" t="s">
        <v>61330</v>
      </c>
      <c r="F19481" s="2" t="s">
        <v>61331</v>
      </c>
      <c r="G19481" s="8">
        <v>1592</v>
      </c>
      <c r="H19481" s="5">
        <v>10</v>
      </c>
      <c r="I19481" s="5" t="s">
        <v>69</v>
      </c>
      <c r="J19481" s="5" t="s">
        <v>61065</v>
      </c>
      <c r="K19481" s="2" t="s">
        <v>61066</v>
      </c>
      <c r="L19481" s="5" t="s">
        <v>61065</v>
      </c>
      <c r="M19481" s="2" t="s">
        <v>61066</v>
      </c>
      <c r="N19481" s="5" t="s">
        <v>733</v>
      </c>
      <c r="O19481" s="5" t="s">
        <v>38</v>
      </c>
      <c r="P19481" s="5" t="s">
        <v>39</v>
      </c>
      <c r="Q19481" s="5" t="s">
        <v>40</v>
      </c>
      <c r="R19481" s="5" t="s">
        <v>897</v>
      </c>
      <c r="S19481" s="5" t="s">
        <v>40</v>
      </c>
      <c r="T19481" s="5" t="s">
        <v>42</v>
      </c>
      <c r="U19481" s="2">
        <v>37.628999999999998</v>
      </c>
      <c r="V19481" s="2">
        <v>35.317</v>
      </c>
      <c r="W19481" s="2">
        <v>0.109</v>
      </c>
      <c r="X19481" s="2">
        <v>17</v>
      </c>
      <c r="Y19481" s="2">
        <v>57.7</v>
      </c>
      <c r="Z19481" s="2">
        <v>111.6</v>
      </c>
      <c r="AA19481" s="5">
        <v>7</v>
      </c>
      <c r="AB19481" s="5" t="s">
        <v>43</v>
      </c>
      <c r="AC19481" s="5" t="s">
        <v>735</v>
      </c>
      <c r="AD19481" s="2" t="s">
        <v>61332</v>
      </c>
      <c r="AE19481" s="1"/>
    </row>
    <row r="19482" spans="1:31" ht="14.45">
      <c r="A19482" s="11"/>
      <c r="B19482" s="20"/>
      <c r="C19482" s="2" t="s">
        <v>61333</v>
      </c>
      <c r="D19482" s="14" t="s">
        <v>61334</v>
      </c>
      <c r="E19482" s="2" t="s">
        <v>61335</v>
      </c>
      <c r="F19482" s="2" t="s">
        <v>61336</v>
      </c>
      <c r="G19482" s="8">
        <v>1215</v>
      </c>
      <c r="H19482" s="5">
        <v>5</v>
      </c>
      <c r="I19482" s="5" t="s">
        <v>69</v>
      </c>
      <c r="J19482" s="5" t="s">
        <v>61065</v>
      </c>
      <c r="K19482" s="2" t="s">
        <v>61066</v>
      </c>
      <c r="L19482" s="5" t="s">
        <v>61065</v>
      </c>
      <c r="M19482" s="2" t="s">
        <v>61066</v>
      </c>
      <c r="N19482" s="5" t="s">
        <v>733</v>
      </c>
      <c r="O19482" s="5" t="s">
        <v>38</v>
      </c>
      <c r="P19482" s="5" t="s">
        <v>39</v>
      </c>
      <c r="Q19482" s="5" t="s">
        <v>40</v>
      </c>
      <c r="R19482" s="5" t="s">
        <v>897</v>
      </c>
      <c r="S19482" s="5" t="s">
        <v>40</v>
      </c>
      <c r="T19482" s="5" t="s">
        <v>42</v>
      </c>
      <c r="U19482" s="2">
        <v>32.076000000000001</v>
      </c>
      <c r="V19482" s="2">
        <v>29.834</v>
      </c>
      <c r="W19482" s="2">
        <v>0.109</v>
      </c>
      <c r="X19482" s="2">
        <v>17</v>
      </c>
      <c r="Y19482" s="2">
        <v>57.7</v>
      </c>
      <c r="Z19482" s="2">
        <v>111.6</v>
      </c>
      <c r="AA19482" s="5">
        <v>7</v>
      </c>
      <c r="AB19482" s="5" t="s">
        <v>43</v>
      </c>
      <c r="AC19482" s="5" t="s">
        <v>735</v>
      </c>
      <c r="AD19482" s="2" t="s">
        <v>61337</v>
      </c>
      <c r="AE19482" s="1"/>
    </row>
    <row r="19483" spans="1:31" ht="14.45">
      <c r="A19483" s="11"/>
      <c r="B19483" s="20"/>
      <c r="C19483" s="2" t="s">
        <v>61338</v>
      </c>
      <c r="D19483" s="14" t="s">
        <v>61339</v>
      </c>
      <c r="E19483" s="2" t="s">
        <v>61340</v>
      </c>
      <c r="F19483" s="2" t="s">
        <v>61341</v>
      </c>
      <c r="G19483" s="8">
        <v>1515</v>
      </c>
      <c r="H19483" s="5">
        <v>10</v>
      </c>
      <c r="I19483" s="5" t="s">
        <v>69</v>
      </c>
      <c r="J19483" s="5" t="s">
        <v>61065</v>
      </c>
      <c r="K19483" s="2" t="s">
        <v>61066</v>
      </c>
      <c r="L19483" s="5" t="s">
        <v>61065</v>
      </c>
      <c r="M19483" s="2" t="s">
        <v>61066</v>
      </c>
      <c r="N19483" s="5" t="s">
        <v>733</v>
      </c>
      <c r="O19483" s="5" t="s">
        <v>38</v>
      </c>
      <c r="P19483" s="5" t="s">
        <v>39</v>
      </c>
      <c r="Q19483" s="5" t="s">
        <v>40</v>
      </c>
      <c r="R19483" s="5" t="s">
        <v>897</v>
      </c>
      <c r="S19483" s="5" t="s">
        <v>40</v>
      </c>
      <c r="T19483" s="5" t="s">
        <v>42</v>
      </c>
      <c r="U19483" s="2">
        <v>34.409999999999997</v>
      </c>
      <c r="V19483" s="2">
        <v>32.061</v>
      </c>
      <c r="W19483" s="2">
        <v>0.109</v>
      </c>
      <c r="X19483" s="2">
        <v>17</v>
      </c>
      <c r="Y19483" s="2">
        <v>57.7</v>
      </c>
      <c r="Z19483" s="2">
        <v>111.6</v>
      </c>
      <c r="AA19483" s="5">
        <v>7</v>
      </c>
      <c r="AB19483" s="5" t="s">
        <v>43</v>
      </c>
      <c r="AC19483" s="5" t="s">
        <v>735</v>
      </c>
      <c r="AD19483" s="2" t="s">
        <v>61342</v>
      </c>
      <c r="AE19483" s="1"/>
    </row>
    <row r="19484" spans="1:31" ht="14.45">
      <c r="A19484" s="11"/>
      <c r="B19484" s="20"/>
      <c r="C19484" s="2" t="s">
        <v>61343</v>
      </c>
      <c r="D19484" s="14" t="s">
        <v>61344</v>
      </c>
      <c r="E19484" s="2" t="s">
        <v>61345</v>
      </c>
      <c r="F19484" s="2" t="s">
        <v>61341</v>
      </c>
      <c r="G19484" s="8">
        <v>1515</v>
      </c>
      <c r="H19484" s="5">
        <v>10</v>
      </c>
      <c r="I19484" s="5" t="s">
        <v>69</v>
      </c>
      <c r="J19484" s="5" t="s">
        <v>61065</v>
      </c>
      <c r="K19484" s="2" t="s">
        <v>61066</v>
      </c>
      <c r="L19484" s="5" t="s">
        <v>61065</v>
      </c>
      <c r="M19484" s="2" t="s">
        <v>61066</v>
      </c>
      <c r="N19484" s="5" t="s">
        <v>733</v>
      </c>
      <c r="O19484" s="5" t="s">
        <v>38</v>
      </c>
      <c r="P19484" s="5" t="s">
        <v>39</v>
      </c>
      <c r="Q19484" s="5" t="s">
        <v>40</v>
      </c>
      <c r="R19484" s="5" t="s">
        <v>897</v>
      </c>
      <c r="S19484" s="5" t="s">
        <v>40</v>
      </c>
      <c r="T19484" s="5" t="s">
        <v>42</v>
      </c>
      <c r="U19484" s="2">
        <v>34.026000000000003</v>
      </c>
      <c r="V19484" s="2">
        <v>31.626999999999999</v>
      </c>
      <c r="W19484" s="2">
        <v>0.109</v>
      </c>
      <c r="X19484" s="2">
        <v>17</v>
      </c>
      <c r="Y19484" s="2">
        <v>57.7</v>
      </c>
      <c r="Z19484" s="2">
        <v>111.6</v>
      </c>
      <c r="AA19484" s="5">
        <v>7</v>
      </c>
      <c r="AB19484" s="5" t="s">
        <v>43</v>
      </c>
      <c r="AC19484" s="5" t="s">
        <v>735</v>
      </c>
      <c r="AD19484" s="2" t="s">
        <v>61346</v>
      </c>
      <c r="AE19484" s="1"/>
    </row>
    <row r="19485" spans="1:31" ht="14.45">
      <c r="A19485" s="11"/>
      <c r="B19485" s="20"/>
      <c r="C19485" s="2" t="s">
        <v>61347</v>
      </c>
      <c r="D19485" s="14" t="s">
        <v>61348</v>
      </c>
      <c r="E19485" s="2" t="s">
        <v>61349</v>
      </c>
      <c r="F19485" s="2" t="s">
        <v>61350</v>
      </c>
      <c r="G19485" s="8">
        <v>1047</v>
      </c>
      <c r="H19485" s="5">
        <v>5</v>
      </c>
      <c r="I19485" s="5" t="s">
        <v>69</v>
      </c>
      <c r="J19485" s="5" t="s">
        <v>61065</v>
      </c>
      <c r="K19485" s="2" t="s">
        <v>61066</v>
      </c>
      <c r="L19485" s="5" t="s">
        <v>61065</v>
      </c>
      <c r="M19485" s="2" t="s">
        <v>61066</v>
      </c>
      <c r="N19485" s="5" t="s">
        <v>733</v>
      </c>
      <c r="O19485" s="5" t="s">
        <v>38</v>
      </c>
      <c r="P19485" s="5" t="s">
        <v>39</v>
      </c>
      <c r="Q19485" s="5" t="s">
        <v>40</v>
      </c>
      <c r="R19485" s="5" t="s">
        <v>897</v>
      </c>
      <c r="S19485" s="5" t="s">
        <v>40</v>
      </c>
      <c r="T19485" s="5" t="s">
        <v>42</v>
      </c>
      <c r="U19485" s="2">
        <v>29.09</v>
      </c>
      <c r="V19485" s="2">
        <v>26.838000000000001</v>
      </c>
      <c r="W19485" s="2">
        <v>0.109</v>
      </c>
      <c r="X19485" s="2">
        <v>17</v>
      </c>
      <c r="Y19485" s="2">
        <v>57.7</v>
      </c>
      <c r="Z19485" s="2">
        <v>111.6</v>
      </c>
      <c r="AA19485" s="5">
        <v>7</v>
      </c>
      <c r="AB19485" s="5" t="s">
        <v>43</v>
      </c>
      <c r="AC19485" s="5" t="s">
        <v>735</v>
      </c>
      <c r="AD19485" s="2" t="s">
        <v>61351</v>
      </c>
      <c r="AE19485" s="1"/>
    </row>
    <row r="19486" spans="1:31" ht="14.45">
      <c r="A19486" s="11"/>
      <c r="B19486" s="20"/>
      <c r="C19486" s="2" t="s">
        <v>61352</v>
      </c>
      <c r="D19486" s="14" t="s">
        <v>61353</v>
      </c>
      <c r="E19486" s="2" t="s">
        <v>61354</v>
      </c>
      <c r="F19486" s="2" t="s">
        <v>61355</v>
      </c>
      <c r="G19486" s="8">
        <v>1347</v>
      </c>
      <c r="H19486" s="5">
        <v>5</v>
      </c>
      <c r="I19486" s="5" t="s">
        <v>69</v>
      </c>
      <c r="J19486" s="5" t="s">
        <v>61065</v>
      </c>
      <c r="K19486" s="2" t="s">
        <v>61066</v>
      </c>
      <c r="L19486" s="5" t="s">
        <v>61065</v>
      </c>
      <c r="M19486" s="2" t="s">
        <v>61066</v>
      </c>
      <c r="N19486" s="5" t="s">
        <v>733</v>
      </c>
      <c r="O19486" s="5" t="s">
        <v>38</v>
      </c>
      <c r="P19486" s="5" t="s">
        <v>39</v>
      </c>
      <c r="Q19486" s="5" t="s">
        <v>40</v>
      </c>
      <c r="R19486" s="5" t="s">
        <v>897</v>
      </c>
      <c r="S19486" s="5" t="s">
        <v>40</v>
      </c>
      <c r="T19486" s="5" t="s">
        <v>42</v>
      </c>
      <c r="U19486" s="2">
        <v>31.423999999999999</v>
      </c>
      <c r="V19486" s="2">
        <v>29.065000000000001</v>
      </c>
      <c r="W19486" s="2">
        <v>0.109</v>
      </c>
      <c r="X19486" s="2">
        <v>17</v>
      </c>
      <c r="Y19486" s="2">
        <v>57.7</v>
      </c>
      <c r="Z19486" s="2">
        <v>111.6</v>
      </c>
      <c r="AA19486" s="5">
        <v>7</v>
      </c>
      <c r="AB19486" s="5" t="s">
        <v>43</v>
      </c>
      <c r="AC19486" s="5" t="s">
        <v>735</v>
      </c>
      <c r="AD19486" s="2" t="s">
        <v>61356</v>
      </c>
      <c r="AE19486" s="1"/>
    </row>
    <row r="19487" spans="1:31" ht="14.45">
      <c r="A19487" s="11"/>
      <c r="B19487" s="20"/>
      <c r="C19487" s="2" t="s">
        <v>61357</v>
      </c>
      <c r="D19487" s="14" t="s">
        <v>61358</v>
      </c>
      <c r="E19487" s="2" t="s">
        <v>61359</v>
      </c>
      <c r="F19487" s="2" t="s">
        <v>61355</v>
      </c>
      <c r="G19487" s="8">
        <v>1347</v>
      </c>
      <c r="H19487" s="5">
        <v>10</v>
      </c>
      <c r="I19487" s="5" t="s">
        <v>69</v>
      </c>
      <c r="J19487" s="5" t="s">
        <v>61065</v>
      </c>
      <c r="K19487" s="2" t="s">
        <v>61066</v>
      </c>
      <c r="L19487" s="5" t="s">
        <v>61065</v>
      </c>
      <c r="M19487" s="2" t="s">
        <v>61066</v>
      </c>
      <c r="N19487" s="5" t="s">
        <v>733</v>
      </c>
      <c r="O19487" s="5" t="s">
        <v>38</v>
      </c>
      <c r="P19487" s="5" t="s">
        <v>39</v>
      </c>
      <c r="Q19487" s="5" t="s">
        <v>40</v>
      </c>
      <c r="R19487" s="5" t="s">
        <v>897</v>
      </c>
      <c r="S19487" s="5" t="s">
        <v>40</v>
      </c>
      <c r="T19487" s="5" t="s">
        <v>42</v>
      </c>
      <c r="U19487" s="2">
        <v>31.039000000000001</v>
      </c>
      <c r="V19487" s="2">
        <v>28.63</v>
      </c>
      <c r="W19487" s="2">
        <v>0.109</v>
      </c>
      <c r="X19487" s="2">
        <v>17</v>
      </c>
      <c r="Y19487" s="2">
        <v>57.7</v>
      </c>
      <c r="Z19487" s="2">
        <v>111.6</v>
      </c>
      <c r="AA19487" s="5">
        <v>7</v>
      </c>
      <c r="AB19487" s="5" t="s">
        <v>43</v>
      </c>
      <c r="AC19487" s="5" t="s">
        <v>735</v>
      </c>
      <c r="AD19487" s="2" t="s">
        <v>61360</v>
      </c>
      <c r="AE19487" s="1"/>
    </row>
    <row r="19488" spans="1:31" ht="14.45">
      <c r="A19488" s="11"/>
      <c r="B19488" s="20"/>
      <c r="C19488" s="2" t="s">
        <v>61361</v>
      </c>
      <c r="D19488" s="14" t="s">
        <v>61362</v>
      </c>
      <c r="E19488" s="2" t="s">
        <v>61363</v>
      </c>
      <c r="F19488" s="2" t="s">
        <v>61364</v>
      </c>
      <c r="G19488" s="8">
        <v>1166</v>
      </c>
      <c r="H19488" s="5">
        <v>5</v>
      </c>
      <c r="I19488" s="5" t="s">
        <v>69</v>
      </c>
      <c r="J19488" s="5" t="s">
        <v>61065</v>
      </c>
      <c r="K19488" s="2" t="s">
        <v>61066</v>
      </c>
      <c r="L19488" s="5" t="s">
        <v>61065</v>
      </c>
      <c r="M19488" s="2" t="s">
        <v>61066</v>
      </c>
      <c r="N19488" s="5" t="s">
        <v>733</v>
      </c>
      <c r="O19488" s="5" t="s">
        <v>38</v>
      </c>
      <c r="P19488" s="5" t="s">
        <v>39</v>
      </c>
      <c r="Q19488" s="5" t="s">
        <v>40</v>
      </c>
      <c r="R19488" s="5" t="s">
        <v>897</v>
      </c>
      <c r="S19488" s="5" t="s">
        <v>40</v>
      </c>
      <c r="T19488" s="5" t="s">
        <v>42</v>
      </c>
      <c r="U19488" s="2">
        <v>32.058999999999997</v>
      </c>
      <c r="V19488" s="2">
        <v>29.817</v>
      </c>
      <c r="W19488" s="2">
        <v>0.09</v>
      </c>
      <c r="X19488" s="2">
        <v>17</v>
      </c>
      <c r="Y19488" s="2">
        <v>57.7</v>
      </c>
      <c r="Z19488" s="2">
        <v>91.6</v>
      </c>
      <c r="AA19488" s="5">
        <v>7</v>
      </c>
      <c r="AB19488" s="5" t="s">
        <v>43</v>
      </c>
      <c r="AC19488" s="5" t="s">
        <v>735</v>
      </c>
      <c r="AD19488" s="2" t="s">
        <v>61365</v>
      </c>
      <c r="AE19488" s="1"/>
    </row>
    <row r="19489" spans="1:31" ht="14.45">
      <c r="A19489" s="11"/>
      <c r="B19489" s="20"/>
      <c r="C19489" s="2" t="s">
        <v>61366</v>
      </c>
      <c r="D19489" s="14" t="s">
        <v>61367</v>
      </c>
      <c r="E19489" s="2" t="s">
        <v>61368</v>
      </c>
      <c r="F19489" s="2" t="s">
        <v>61364</v>
      </c>
      <c r="G19489" s="8">
        <v>1466</v>
      </c>
      <c r="H19489" s="5">
        <v>10</v>
      </c>
      <c r="I19489" s="5" t="s">
        <v>69</v>
      </c>
      <c r="J19489" s="5" t="s">
        <v>61065</v>
      </c>
      <c r="K19489" s="2" t="s">
        <v>61066</v>
      </c>
      <c r="L19489" s="5" t="s">
        <v>61065</v>
      </c>
      <c r="M19489" s="2" t="s">
        <v>61066</v>
      </c>
      <c r="N19489" s="5" t="s">
        <v>733</v>
      </c>
      <c r="O19489" s="5" t="s">
        <v>38</v>
      </c>
      <c r="P19489" s="5" t="s">
        <v>39</v>
      </c>
      <c r="Q19489" s="5" t="s">
        <v>40</v>
      </c>
      <c r="R19489" s="5" t="s">
        <v>897</v>
      </c>
      <c r="S19489" s="5" t="s">
        <v>40</v>
      </c>
      <c r="T19489" s="5" t="s">
        <v>42</v>
      </c>
      <c r="U19489" s="2">
        <v>34.393000000000001</v>
      </c>
      <c r="V19489" s="2">
        <v>32.043999999999997</v>
      </c>
      <c r="W19489" s="2">
        <v>0.09</v>
      </c>
      <c r="X19489" s="2">
        <v>17</v>
      </c>
      <c r="Y19489" s="2">
        <v>57.7</v>
      </c>
      <c r="Z19489" s="2">
        <v>91.6</v>
      </c>
      <c r="AA19489" s="5">
        <v>7</v>
      </c>
      <c r="AB19489" s="5" t="s">
        <v>43</v>
      </c>
      <c r="AC19489" s="5" t="s">
        <v>735</v>
      </c>
      <c r="AD19489" s="2" t="s">
        <v>61369</v>
      </c>
      <c r="AE19489" s="1"/>
    </row>
    <row r="19490" spans="1:31" ht="14.45">
      <c r="A19490" s="11"/>
      <c r="B19490" s="20"/>
      <c r="C19490" s="2" t="s">
        <v>61370</v>
      </c>
      <c r="D19490" s="14" t="s">
        <v>61371</v>
      </c>
      <c r="E19490" s="2" t="s">
        <v>61372</v>
      </c>
      <c r="F19490" s="2" t="s">
        <v>61364</v>
      </c>
      <c r="G19490" s="8">
        <v>1466</v>
      </c>
      <c r="H19490" s="5">
        <v>5</v>
      </c>
      <c r="I19490" s="5" t="s">
        <v>69</v>
      </c>
      <c r="J19490" s="5" t="s">
        <v>61065</v>
      </c>
      <c r="K19490" s="2" t="s">
        <v>61066</v>
      </c>
      <c r="L19490" s="5" t="s">
        <v>61065</v>
      </c>
      <c r="M19490" s="2" t="s">
        <v>61066</v>
      </c>
      <c r="N19490" s="5" t="s">
        <v>733</v>
      </c>
      <c r="O19490" s="5" t="s">
        <v>38</v>
      </c>
      <c r="P19490" s="5" t="s">
        <v>39</v>
      </c>
      <c r="Q19490" s="5" t="s">
        <v>40</v>
      </c>
      <c r="R19490" s="5" t="s">
        <v>897</v>
      </c>
      <c r="S19490" s="5" t="s">
        <v>40</v>
      </c>
      <c r="T19490" s="5" t="s">
        <v>42</v>
      </c>
      <c r="U19490" s="2">
        <v>34.009</v>
      </c>
      <c r="V19490" s="2">
        <v>31.61</v>
      </c>
      <c r="W19490" s="2">
        <v>0.09</v>
      </c>
      <c r="X19490" s="2">
        <v>17</v>
      </c>
      <c r="Y19490" s="2">
        <v>57.7</v>
      </c>
      <c r="Z19490" s="2">
        <v>91.6</v>
      </c>
      <c r="AA19490" s="5">
        <v>7</v>
      </c>
      <c r="AB19490" s="5" t="s">
        <v>43</v>
      </c>
      <c r="AC19490" s="5" t="s">
        <v>735</v>
      </c>
      <c r="AD19490" s="2" t="s">
        <v>61373</v>
      </c>
      <c r="AE19490" s="1"/>
    </row>
    <row r="19491" spans="1:31" ht="14.45">
      <c r="A19491" s="11"/>
      <c r="B19491" s="20"/>
      <c r="C19491" s="2" t="s">
        <v>61374</v>
      </c>
      <c r="D19491" s="14" t="s">
        <v>61375</v>
      </c>
      <c r="E19491" s="2" t="s">
        <v>61376</v>
      </c>
      <c r="F19491" s="2" t="s">
        <v>61377</v>
      </c>
      <c r="G19491" s="8">
        <v>1215</v>
      </c>
      <c r="H19491" s="5">
        <v>10</v>
      </c>
      <c r="I19491" s="5" t="s">
        <v>69</v>
      </c>
      <c r="J19491" s="5" t="s">
        <v>61065</v>
      </c>
      <c r="K19491" s="2" t="s">
        <v>61066</v>
      </c>
      <c r="L19491" s="5" t="s">
        <v>61065</v>
      </c>
      <c r="M19491" s="2" t="s">
        <v>61066</v>
      </c>
      <c r="N19491" s="5" t="s">
        <v>733</v>
      </c>
      <c r="O19491" s="5" t="s">
        <v>38</v>
      </c>
      <c r="P19491" s="5" t="s">
        <v>39</v>
      </c>
      <c r="Q19491" s="5" t="s">
        <v>40</v>
      </c>
      <c r="R19491" s="5" t="s">
        <v>897</v>
      </c>
      <c r="S19491" s="5" t="s">
        <v>40</v>
      </c>
      <c r="T19491" s="5" t="s">
        <v>42</v>
      </c>
      <c r="U19491" s="2">
        <v>31.411999999999999</v>
      </c>
      <c r="V19491" s="2">
        <v>29.17</v>
      </c>
      <c r="W19491" s="2">
        <v>0.109</v>
      </c>
      <c r="X19491" s="2">
        <v>17</v>
      </c>
      <c r="Y19491" s="2">
        <v>57.7</v>
      </c>
      <c r="Z19491" s="2">
        <v>111.6</v>
      </c>
      <c r="AA19491" s="5">
        <v>7</v>
      </c>
      <c r="AB19491" s="5" t="s">
        <v>43</v>
      </c>
      <c r="AC19491" s="5" t="s">
        <v>735</v>
      </c>
      <c r="AD19491" s="2" t="s">
        <v>61378</v>
      </c>
      <c r="AE19491" s="1"/>
    </row>
    <row r="19492" spans="1:31" ht="14.45">
      <c r="A19492" s="11"/>
      <c r="B19492" s="20"/>
      <c r="C19492" s="2" t="s">
        <v>61379</v>
      </c>
      <c r="D19492" s="14" t="s">
        <v>61380</v>
      </c>
      <c r="E19492" s="2" t="s">
        <v>61381</v>
      </c>
      <c r="F19492" s="2" t="s">
        <v>61382</v>
      </c>
      <c r="G19492" s="8">
        <v>1515</v>
      </c>
      <c r="H19492" s="5">
        <v>10</v>
      </c>
      <c r="I19492" s="5" t="s">
        <v>69</v>
      </c>
      <c r="J19492" s="5" t="s">
        <v>61065</v>
      </c>
      <c r="K19492" s="2" t="s">
        <v>61066</v>
      </c>
      <c r="L19492" s="5" t="s">
        <v>61065</v>
      </c>
      <c r="M19492" s="2" t="s">
        <v>61066</v>
      </c>
      <c r="N19492" s="5" t="s">
        <v>733</v>
      </c>
      <c r="O19492" s="5" t="s">
        <v>38</v>
      </c>
      <c r="P19492" s="5" t="s">
        <v>39</v>
      </c>
      <c r="Q19492" s="5" t="s">
        <v>40</v>
      </c>
      <c r="R19492" s="5" t="s">
        <v>897</v>
      </c>
      <c r="S19492" s="5" t="s">
        <v>40</v>
      </c>
      <c r="T19492" s="5" t="s">
        <v>42</v>
      </c>
      <c r="U19492" s="2">
        <v>33.746000000000002</v>
      </c>
      <c r="V19492" s="2">
        <v>31.396999999999998</v>
      </c>
      <c r="W19492" s="2">
        <v>0.109</v>
      </c>
      <c r="X19492" s="2">
        <v>17</v>
      </c>
      <c r="Y19492" s="2">
        <v>57.7</v>
      </c>
      <c r="Z19492" s="2">
        <v>111.6</v>
      </c>
      <c r="AA19492" s="5">
        <v>7</v>
      </c>
      <c r="AB19492" s="5" t="s">
        <v>43</v>
      </c>
      <c r="AC19492" s="5" t="s">
        <v>735</v>
      </c>
      <c r="AD19492" s="2" t="s">
        <v>61383</v>
      </c>
      <c r="AE19492" s="1"/>
    </row>
    <row r="19493" spans="1:31" ht="14.45">
      <c r="A19493" s="11"/>
      <c r="B19493" s="20"/>
      <c r="C19493" s="2" t="s">
        <v>61384</v>
      </c>
      <c r="D19493" s="14" t="s">
        <v>61385</v>
      </c>
      <c r="E19493" s="2" t="s">
        <v>61386</v>
      </c>
      <c r="F19493" s="2" t="s">
        <v>61382</v>
      </c>
      <c r="G19493" s="8">
        <v>1515</v>
      </c>
      <c r="H19493" s="5">
        <v>10</v>
      </c>
      <c r="I19493" s="5" t="s">
        <v>69</v>
      </c>
      <c r="J19493" s="5" t="s">
        <v>61065</v>
      </c>
      <c r="K19493" s="2" t="s">
        <v>61066</v>
      </c>
      <c r="L19493" s="5" t="s">
        <v>61065</v>
      </c>
      <c r="M19493" s="2" t="s">
        <v>61066</v>
      </c>
      <c r="N19493" s="5" t="s">
        <v>733</v>
      </c>
      <c r="O19493" s="5" t="s">
        <v>38</v>
      </c>
      <c r="P19493" s="5" t="s">
        <v>39</v>
      </c>
      <c r="Q19493" s="5" t="s">
        <v>40</v>
      </c>
      <c r="R19493" s="5" t="s">
        <v>897</v>
      </c>
      <c r="S19493" s="5" t="s">
        <v>40</v>
      </c>
      <c r="T19493" s="5" t="s">
        <v>42</v>
      </c>
      <c r="U19493" s="2">
        <v>33.362000000000002</v>
      </c>
      <c r="V19493" s="2">
        <v>30.963000000000001</v>
      </c>
      <c r="W19493" s="2">
        <v>0.109</v>
      </c>
      <c r="X19493" s="2">
        <v>17</v>
      </c>
      <c r="Y19493" s="2">
        <v>57.7</v>
      </c>
      <c r="Z19493" s="2">
        <v>111.6</v>
      </c>
      <c r="AA19493" s="5">
        <v>7</v>
      </c>
      <c r="AB19493" s="5" t="s">
        <v>43</v>
      </c>
      <c r="AC19493" s="5" t="s">
        <v>735</v>
      </c>
      <c r="AD19493" s="2" t="s">
        <v>61387</v>
      </c>
      <c r="AE19493" s="1"/>
    </row>
    <row r="19494" spans="1:31" ht="14.45">
      <c r="A19494" s="11"/>
      <c r="B19494" s="20"/>
      <c r="C19494" s="2" t="s">
        <v>61388</v>
      </c>
      <c r="D19494" s="14" t="s">
        <v>61389</v>
      </c>
      <c r="E19494" s="2" t="s">
        <v>61390</v>
      </c>
      <c r="F19494" s="2" t="s">
        <v>61391</v>
      </c>
      <c r="G19494" s="8">
        <v>1047</v>
      </c>
      <c r="H19494" s="5">
        <v>10</v>
      </c>
      <c r="I19494" s="5" t="s">
        <v>69</v>
      </c>
      <c r="J19494" s="5" t="s">
        <v>61065</v>
      </c>
      <c r="K19494" s="2" t="s">
        <v>61066</v>
      </c>
      <c r="L19494" s="5" t="s">
        <v>61065</v>
      </c>
      <c r="M19494" s="2" t="s">
        <v>61066</v>
      </c>
      <c r="N19494" s="5" t="s">
        <v>733</v>
      </c>
      <c r="O19494" s="5" t="s">
        <v>38</v>
      </c>
      <c r="P19494" s="5" t="s">
        <v>39</v>
      </c>
      <c r="Q19494" s="5" t="s">
        <v>40</v>
      </c>
      <c r="R19494" s="5" t="s">
        <v>897</v>
      </c>
      <c r="S19494" s="5" t="s">
        <v>40</v>
      </c>
      <c r="T19494" s="5" t="s">
        <v>42</v>
      </c>
      <c r="U19494" s="2">
        <v>28.427</v>
      </c>
      <c r="V19494" s="2">
        <v>26.175000000000001</v>
      </c>
      <c r="W19494" s="2">
        <v>0.109</v>
      </c>
      <c r="X19494" s="2">
        <v>17</v>
      </c>
      <c r="Y19494" s="2">
        <v>57.7</v>
      </c>
      <c r="Z19494" s="2">
        <v>111.6</v>
      </c>
      <c r="AA19494" s="5">
        <v>7</v>
      </c>
      <c r="AB19494" s="5" t="s">
        <v>43</v>
      </c>
      <c r="AC19494" s="5" t="s">
        <v>735</v>
      </c>
      <c r="AD19494" s="2" t="s">
        <v>61392</v>
      </c>
      <c r="AE19494" s="1"/>
    </row>
    <row r="19495" spans="1:31" ht="14.45">
      <c r="A19495" s="11"/>
      <c r="B19495" s="20"/>
      <c r="C19495" s="2" t="s">
        <v>61393</v>
      </c>
      <c r="D19495" s="14" t="s">
        <v>61394</v>
      </c>
      <c r="E19495" s="2" t="s">
        <v>61395</v>
      </c>
      <c r="F19495" s="2" t="s">
        <v>61391</v>
      </c>
      <c r="G19495" s="8">
        <v>1347</v>
      </c>
      <c r="H19495" s="5">
        <v>10</v>
      </c>
      <c r="I19495" s="5" t="s">
        <v>69</v>
      </c>
      <c r="J19495" s="5" t="s">
        <v>61065</v>
      </c>
      <c r="K19495" s="2" t="s">
        <v>61066</v>
      </c>
      <c r="L19495" s="5" t="s">
        <v>61065</v>
      </c>
      <c r="M19495" s="2" t="s">
        <v>61066</v>
      </c>
      <c r="N19495" s="5" t="s">
        <v>733</v>
      </c>
      <c r="O19495" s="5" t="s">
        <v>38</v>
      </c>
      <c r="P19495" s="5" t="s">
        <v>39</v>
      </c>
      <c r="Q19495" s="5" t="s">
        <v>40</v>
      </c>
      <c r="R19495" s="5" t="s">
        <v>897</v>
      </c>
      <c r="S19495" s="5" t="s">
        <v>40</v>
      </c>
      <c r="T19495" s="5" t="s">
        <v>42</v>
      </c>
      <c r="U19495" s="2">
        <v>30.760999999999999</v>
      </c>
      <c r="V19495" s="2">
        <v>28.402000000000001</v>
      </c>
      <c r="W19495" s="2">
        <v>0.109</v>
      </c>
      <c r="X19495" s="2">
        <v>17</v>
      </c>
      <c r="Y19495" s="2">
        <v>57.7</v>
      </c>
      <c r="Z19495" s="2">
        <v>111.6</v>
      </c>
      <c r="AA19495" s="5">
        <v>7</v>
      </c>
      <c r="AB19495" s="5" t="s">
        <v>43</v>
      </c>
      <c r="AC19495" s="5" t="s">
        <v>735</v>
      </c>
      <c r="AD19495" s="2" t="s">
        <v>61396</v>
      </c>
      <c r="AE19495" s="1"/>
    </row>
    <row r="19496" spans="1:31" ht="14.45">
      <c r="A19496" s="11"/>
      <c r="B19496" s="20"/>
      <c r="C19496" s="2" t="s">
        <v>61397</v>
      </c>
      <c r="D19496" s="14" t="s">
        <v>61398</v>
      </c>
      <c r="E19496" s="2" t="s">
        <v>61399</v>
      </c>
      <c r="F19496" s="2" t="s">
        <v>61391</v>
      </c>
      <c r="G19496" s="8">
        <v>1347</v>
      </c>
      <c r="H19496" s="5">
        <v>5</v>
      </c>
      <c r="I19496" s="5" t="s">
        <v>69</v>
      </c>
      <c r="J19496" s="5" t="s">
        <v>61065</v>
      </c>
      <c r="K19496" s="2" t="s">
        <v>61066</v>
      </c>
      <c r="L19496" s="5" t="s">
        <v>61065</v>
      </c>
      <c r="M19496" s="2" t="s">
        <v>61066</v>
      </c>
      <c r="N19496" s="5" t="s">
        <v>733</v>
      </c>
      <c r="O19496" s="5" t="s">
        <v>38</v>
      </c>
      <c r="P19496" s="5" t="s">
        <v>39</v>
      </c>
      <c r="Q19496" s="5" t="s">
        <v>40</v>
      </c>
      <c r="R19496" s="5" t="s">
        <v>897</v>
      </c>
      <c r="S19496" s="5" t="s">
        <v>40</v>
      </c>
      <c r="T19496" s="5" t="s">
        <v>42</v>
      </c>
      <c r="U19496" s="2">
        <v>30.376000000000001</v>
      </c>
      <c r="V19496" s="2">
        <v>27.966999999999999</v>
      </c>
      <c r="W19496" s="2">
        <v>0.109</v>
      </c>
      <c r="X19496" s="2">
        <v>17</v>
      </c>
      <c r="Y19496" s="2">
        <v>57.7</v>
      </c>
      <c r="Z19496" s="2">
        <v>111.6</v>
      </c>
      <c r="AA19496" s="5">
        <v>7</v>
      </c>
      <c r="AB19496" s="5" t="s">
        <v>43</v>
      </c>
      <c r="AC19496" s="5" t="s">
        <v>735</v>
      </c>
      <c r="AD19496" s="2" t="s">
        <v>61400</v>
      </c>
      <c r="AE19496" s="1"/>
    </row>
    <row r="19497" spans="1:31" ht="14.45">
      <c r="A19497" s="11"/>
      <c r="B19497" s="20"/>
      <c r="C19497" s="2" t="s">
        <v>61401</v>
      </c>
      <c r="D19497" s="14" t="s">
        <v>61402</v>
      </c>
      <c r="E19497" s="2" t="s">
        <v>61403</v>
      </c>
      <c r="F19497" s="2" t="s">
        <v>61404</v>
      </c>
      <c r="G19497" s="8">
        <v>1166</v>
      </c>
      <c r="H19497" s="5">
        <v>10</v>
      </c>
      <c r="I19497" s="5" t="s">
        <v>69</v>
      </c>
      <c r="J19497" s="5" t="s">
        <v>61065</v>
      </c>
      <c r="K19497" s="2" t="s">
        <v>61066</v>
      </c>
      <c r="L19497" s="5" t="s">
        <v>61065</v>
      </c>
      <c r="M19497" s="2" t="s">
        <v>61066</v>
      </c>
      <c r="N19497" s="5" t="s">
        <v>733</v>
      </c>
      <c r="O19497" s="5" t="s">
        <v>38</v>
      </c>
      <c r="P19497" s="5" t="s">
        <v>39</v>
      </c>
      <c r="Q19497" s="5" t="s">
        <v>40</v>
      </c>
      <c r="R19497" s="5" t="s">
        <v>897</v>
      </c>
      <c r="S19497" s="5" t="s">
        <v>40</v>
      </c>
      <c r="T19497" s="5" t="s">
        <v>42</v>
      </c>
      <c r="U19497" s="2">
        <v>31.395</v>
      </c>
      <c r="V19497" s="2">
        <v>29.152999999999999</v>
      </c>
      <c r="W19497" s="2">
        <v>0.09</v>
      </c>
      <c r="X19497" s="2">
        <v>17</v>
      </c>
      <c r="Y19497" s="2">
        <v>57.7</v>
      </c>
      <c r="Z19497" s="2">
        <v>91.6</v>
      </c>
      <c r="AA19497" s="5">
        <v>7</v>
      </c>
      <c r="AB19497" s="5" t="s">
        <v>43</v>
      </c>
      <c r="AC19497" s="5" t="s">
        <v>735</v>
      </c>
      <c r="AD19497" s="2" t="s">
        <v>61405</v>
      </c>
      <c r="AE19497" s="1"/>
    </row>
    <row r="19498" spans="1:31" ht="14.45">
      <c r="A19498" s="11"/>
      <c r="B19498" s="20"/>
      <c r="C19498" s="2" t="s">
        <v>61406</v>
      </c>
      <c r="D19498" s="14" t="s">
        <v>61407</v>
      </c>
      <c r="E19498" s="2" t="s">
        <v>61408</v>
      </c>
      <c r="F19498" s="2" t="s">
        <v>61404</v>
      </c>
      <c r="G19498" s="8">
        <v>1466</v>
      </c>
      <c r="H19498" s="5">
        <v>10</v>
      </c>
      <c r="I19498" s="5" t="s">
        <v>69</v>
      </c>
      <c r="J19498" s="5" t="s">
        <v>61065</v>
      </c>
      <c r="K19498" s="2" t="s">
        <v>61066</v>
      </c>
      <c r="L19498" s="5" t="s">
        <v>61065</v>
      </c>
      <c r="M19498" s="2" t="s">
        <v>61066</v>
      </c>
      <c r="N19498" s="5" t="s">
        <v>733</v>
      </c>
      <c r="O19498" s="5" t="s">
        <v>38</v>
      </c>
      <c r="P19498" s="5" t="s">
        <v>39</v>
      </c>
      <c r="Q19498" s="5" t="s">
        <v>40</v>
      </c>
      <c r="R19498" s="5" t="s">
        <v>897</v>
      </c>
      <c r="S19498" s="5" t="s">
        <v>40</v>
      </c>
      <c r="T19498" s="5" t="s">
        <v>42</v>
      </c>
      <c r="U19498" s="2">
        <v>33.728999999999999</v>
      </c>
      <c r="V19498" s="2">
        <v>31.38</v>
      </c>
      <c r="W19498" s="2">
        <v>0.09</v>
      </c>
      <c r="X19498" s="2">
        <v>17</v>
      </c>
      <c r="Y19498" s="2">
        <v>57.7</v>
      </c>
      <c r="Z19498" s="2">
        <v>91.6</v>
      </c>
      <c r="AA19498" s="5">
        <v>7</v>
      </c>
      <c r="AB19498" s="5" t="s">
        <v>43</v>
      </c>
      <c r="AC19498" s="5" t="s">
        <v>735</v>
      </c>
      <c r="AD19498" s="2" t="s">
        <v>61409</v>
      </c>
      <c r="AE19498" s="1"/>
    </row>
    <row r="19499" spans="1:31" ht="14.45">
      <c r="A19499" s="11"/>
      <c r="B19499" s="20"/>
      <c r="C19499" s="2" t="s">
        <v>61410</v>
      </c>
      <c r="D19499" s="14" t="s">
        <v>61411</v>
      </c>
      <c r="E19499" s="2" t="s">
        <v>61412</v>
      </c>
      <c r="F19499" s="2" t="s">
        <v>61404</v>
      </c>
      <c r="G19499" s="8">
        <v>1466</v>
      </c>
      <c r="H19499" s="5">
        <v>5</v>
      </c>
      <c r="I19499" s="5" t="s">
        <v>69</v>
      </c>
      <c r="J19499" s="5" t="s">
        <v>61065</v>
      </c>
      <c r="K19499" s="2" t="s">
        <v>61066</v>
      </c>
      <c r="L19499" s="5" t="s">
        <v>61065</v>
      </c>
      <c r="M19499" s="2" t="s">
        <v>61066</v>
      </c>
      <c r="N19499" s="5" t="s">
        <v>733</v>
      </c>
      <c r="O19499" s="5" t="s">
        <v>38</v>
      </c>
      <c r="P19499" s="5" t="s">
        <v>39</v>
      </c>
      <c r="Q19499" s="5" t="s">
        <v>40</v>
      </c>
      <c r="R19499" s="5" t="s">
        <v>897</v>
      </c>
      <c r="S19499" s="5" t="s">
        <v>40</v>
      </c>
      <c r="T19499" s="5" t="s">
        <v>42</v>
      </c>
      <c r="U19499" s="2">
        <v>33.344999999999999</v>
      </c>
      <c r="V19499" s="2">
        <v>30.946000000000002</v>
      </c>
      <c r="W19499" s="2">
        <v>0.09</v>
      </c>
      <c r="X19499" s="2">
        <v>17</v>
      </c>
      <c r="Y19499" s="2">
        <v>57.7</v>
      </c>
      <c r="Z19499" s="2">
        <v>91.6</v>
      </c>
      <c r="AA19499" s="5">
        <v>7</v>
      </c>
      <c r="AB19499" s="5" t="s">
        <v>43</v>
      </c>
      <c r="AC19499" s="5" t="s">
        <v>735</v>
      </c>
      <c r="AD19499" s="2" t="s">
        <v>61413</v>
      </c>
      <c r="AE19499" s="1"/>
    </row>
    <row r="19500" spans="1:31" ht="14.45">
      <c r="A19500" s="11"/>
      <c r="B19500" s="20"/>
      <c r="C19500" s="2" t="s">
        <v>61414</v>
      </c>
      <c r="D19500" s="14" t="s">
        <v>61415</v>
      </c>
      <c r="E19500" s="2" t="s">
        <v>61416</v>
      </c>
      <c r="F19500" s="2" t="s">
        <v>61417</v>
      </c>
      <c r="G19500" s="8">
        <v>1026</v>
      </c>
      <c r="H19500" s="5">
        <v>10</v>
      </c>
      <c r="I19500" s="5" t="s">
        <v>69</v>
      </c>
      <c r="J19500" s="5" t="s">
        <v>61065</v>
      </c>
      <c r="K19500" s="2" t="s">
        <v>61066</v>
      </c>
      <c r="L19500" s="5" t="s">
        <v>61065</v>
      </c>
      <c r="M19500" s="2" t="s">
        <v>61066</v>
      </c>
      <c r="N19500" s="5" t="s">
        <v>733</v>
      </c>
      <c r="O19500" s="5" t="s">
        <v>38</v>
      </c>
      <c r="P19500" s="5" t="s">
        <v>39</v>
      </c>
      <c r="Q19500" s="5" t="s">
        <v>40</v>
      </c>
      <c r="R19500" s="5" t="s">
        <v>1487</v>
      </c>
      <c r="S19500" s="5"/>
      <c r="T19500" s="5" t="s">
        <v>42</v>
      </c>
      <c r="U19500" s="2">
        <v>0</v>
      </c>
      <c r="V19500" s="2">
        <v>0</v>
      </c>
      <c r="W19500" s="2">
        <v>0</v>
      </c>
      <c r="X19500" s="2">
        <v>0</v>
      </c>
      <c r="Y19500" s="2">
        <v>0</v>
      </c>
      <c r="Z19500" s="2">
        <v>0</v>
      </c>
      <c r="AA19500" s="5"/>
      <c r="AB19500" s="5" t="s">
        <v>43</v>
      </c>
      <c r="AC19500" s="5" t="s">
        <v>735</v>
      </c>
      <c r="AD19500" s="2" t="s">
        <v>61418</v>
      </c>
      <c r="AE19500" s="1"/>
    </row>
    <row r="19501" spans="1:31" ht="14.45">
      <c r="A19501" s="11"/>
      <c r="B19501" s="20"/>
      <c r="C19501" s="2" t="s">
        <v>61419</v>
      </c>
      <c r="D19501" s="14" t="s">
        <v>61420</v>
      </c>
      <c r="E19501" s="2" t="s">
        <v>61421</v>
      </c>
      <c r="F19501" s="2" t="s">
        <v>61422</v>
      </c>
      <c r="G19501" s="8">
        <v>895</v>
      </c>
      <c r="H19501" s="5">
        <v>10</v>
      </c>
      <c r="I19501" s="5" t="s">
        <v>69</v>
      </c>
      <c r="J19501" s="5" t="s">
        <v>61065</v>
      </c>
      <c r="K19501" s="2" t="s">
        <v>61066</v>
      </c>
      <c r="L19501" s="5" t="s">
        <v>61065</v>
      </c>
      <c r="M19501" s="2" t="s">
        <v>61066</v>
      </c>
      <c r="N19501" s="5" t="s">
        <v>733</v>
      </c>
      <c r="O19501" s="5" t="s">
        <v>38</v>
      </c>
      <c r="P19501" s="5" t="s">
        <v>39</v>
      </c>
      <c r="Q19501" s="5" t="s">
        <v>40</v>
      </c>
      <c r="R19501" s="5" t="s">
        <v>897</v>
      </c>
      <c r="S19501" s="5" t="s">
        <v>40</v>
      </c>
      <c r="T19501" s="5" t="s">
        <v>42</v>
      </c>
      <c r="U19501" s="2">
        <v>38.906999999999996</v>
      </c>
      <c r="V19501" s="2">
        <v>35.796999999999997</v>
      </c>
      <c r="W19501" s="2">
        <v>0.14699999999999999</v>
      </c>
      <c r="X19501" s="2">
        <v>17</v>
      </c>
      <c r="Y19501" s="2">
        <v>65.7</v>
      </c>
      <c r="Z19501" s="2">
        <v>131.6</v>
      </c>
      <c r="AA19501" s="5">
        <v>7</v>
      </c>
      <c r="AB19501" s="5" t="s">
        <v>43</v>
      </c>
      <c r="AC19501" s="5" t="s">
        <v>735</v>
      </c>
      <c r="AD19501" s="2" t="s">
        <v>61423</v>
      </c>
      <c r="AE19501" s="1"/>
    </row>
    <row r="19502" spans="1:31" ht="14.45">
      <c r="A19502" s="11"/>
      <c r="B19502" s="20"/>
      <c r="C19502" s="2" t="s">
        <v>61424</v>
      </c>
      <c r="D19502" s="14" t="s">
        <v>61425</v>
      </c>
      <c r="E19502" s="2" t="s">
        <v>61426</v>
      </c>
      <c r="F19502" s="2" t="s">
        <v>61427</v>
      </c>
      <c r="G19502" s="8">
        <v>1195</v>
      </c>
      <c r="H19502" s="5">
        <v>5</v>
      </c>
      <c r="I19502" s="5" t="s">
        <v>69</v>
      </c>
      <c r="J19502" s="5" t="s">
        <v>61065</v>
      </c>
      <c r="K19502" s="2" t="s">
        <v>61066</v>
      </c>
      <c r="L19502" s="5" t="s">
        <v>61065</v>
      </c>
      <c r="M19502" s="2" t="s">
        <v>61066</v>
      </c>
      <c r="N19502" s="5" t="s">
        <v>733</v>
      </c>
      <c r="O19502" s="5" t="s">
        <v>38</v>
      </c>
      <c r="P19502" s="5" t="s">
        <v>39</v>
      </c>
      <c r="Q19502" s="5" t="s">
        <v>40</v>
      </c>
      <c r="R19502" s="5" t="s">
        <v>897</v>
      </c>
      <c r="S19502" s="5" t="s">
        <v>40</v>
      </c>
      <c r="T19502" s="5" t="s">
        <v>42</v>
      </c>
      <c r="U19502" s="2">
        <v>41.411000000000001</v>
      </c>
      <c r="V19502" s="2">
        <v>38.232999999999997</v>
      </c>
      <c r="W19502" s="2">
        <v>0.14699999999999999</v>
      </c>
      <c r="X19502" s="2">
        <v>17</v>
      </c>
      <c r="Y19502" s="2">
        <v>65.7</v>
      </c>
      <c r="Z19502" s="2">
        <v>131.6</v>
      </c>
      <c r="AA19502" s="5">
        <v>7</v>
      </c>
      <c r="AB19502" s="5" t="s">
        <v>43</v>
      </c>
      <c r="AC19502" s="5" t="s">
        <v>735</v>
      </c>
      <c r="AD19502" s="2" t="s">
        <v>61428</v>
      </c>
      <c r="AE19502" s="1"/>
    </row>
    <row r="19503" spans="1:31" ht="14.45">
      <c r="A19503" s="11"/>
      <c r="B19503" s="20"/>
      <c r="C19503" s="2" t="s">
        <v>61429</v>
      </c>
      <c r="D19503" s="14" t="s">
        <v>61430</v>
      </c>
      <c r="E19503" s="2" t="s">
        <v>61431</v>
      </c>
      <c r="F19503" s="2" t="s">
        <v>61432</v>
      </c>
      <c r="G19503" s="8">
        <v>802</v>
      </c>
      <c r="H19503" s="5">
        <v>5</v>
      </c>
      <c r="I19503" s="5" t="s">
        <v>69</v>
      </c>
      <c r="J19503" s="5" t="s">
        <v>61065</v>
      </c>
      <c r="K19503" s="2" t="s">
        <v>61066</v>
      </c>
      <c r="L19503" s="5" t="s">
        <v>61065</v>
      </c>
      <c r="M19503" s="2" t="s">
        <v>61066</v>
      </c>
      <c r="N19503" s="5" t="s">
        <v>733</v>
      </c>
      <c r="O19503" s="5" t="s">
        <v>38</v>
      </c>
      <c r="P19503" s="5" t="s">
        <v>39</v>
      </c>
      <c r="Q19503" s="5" t="s">
        <v>40</v>
      </c>
      <c r="R19503" s="5" t="s">
        <v>897</v>
      </c>
      <c r="S19503" s="5" t="s">
        <v>40</v>
      </c>
      <c r="T19503" s="5" t="s">
        <v>42</v>
      </c>
      <c r="U19503" s="2">
        <v>35.097999999999999</v>
      </c>
      <c r="V19503" s="2">
        <v>31.99</v>
      </c>
      <c r="W19503" s="2">
        <v>0.14699999999999999</v>
      </c>
      <c r="X19503" s="2">
        <v>17</v>
      </c>
      <c r="Y19503" s="2">
        <v>65.7</v>
      </c>
      <c r="Z19503" s="2">
        <v>131.6</v>
      </c>
      <c r="AA19503" s="5">
        <v>7</v>
      </c>
      <c r="AB19503" s="5" t="s">
        <v>43</v>
      </c>
      <c r="AC19503" s="5" t="s">
        <v>735</v>
      </c>
      <c r="AD19503" s="2" t="s">
        <v>61433</v>
      </c>
      <c r="AE19503" s="1"/>
    </row>
    <row r="19504" spans="1:31" ht="14.45">
      <c r="A19504" s="11"/>
      <c r="B19504" s="20"/>
      <c r="C19504" s="2" t="s">
        <v>61434</v>
      </c>
      <c r="D19504" s="14" t="s">
        <v>61435</v>
      </c>
      <c r="E19504" s="2" t="s">
        <v>61436</v>
      </c>
      <c r="F19504" s="2" t="s">
        <v>61437</v>
      </c>
      <c r="G19504" s="8">
        <v>1102</v>
      </c>
      <c r="H19504" s="5">
        <v>5</v>
      </c>
      <c r="I19504" s="5" t="s">
        <v>69</v>
      </c>
      <c r="J19504" s="5" t="s">
        <v>61065</v>
      </c>
      <c r="K19504" s="2" t="s">
        <v>61066</v>
      </c>
      <c r="L19504" s="5" t="s">
        <v>61065</v>
      </c>
      <c r="M19504" s="2" t="s">
        <v>61066</v>
      </c>
      <c r="N19504" s="5" t="s">
        <v>733</v>
      </c>
      <c r="O19504" s="5" t="s">
        <v>38</v>
      </c>
      <c r="P19504" s="5" t="s">
        <v>39</v>
      </c>
      <c r="Q19504" s="5" t="s">
        <v>40</v>
      </c>
      <c r="R19504" s="5" t="s">
        <v>897</v>
      </c>
      <c r="S19504" s="5" t="s">
        <v>40</v>
      </c>
      <c r="T19504" s="5" t="s">
        <v>42</v>
      </c>
      <c r="U19504" s="2">
        <v>37.457999999999998</v>
      </c>
      <c r="V19504" s="2">
        <v>34.249000000000002</v>
      </c>
      <c r="W19504" s="2">
        <v>0.14699999999999999</v>
      </c>
      <c r="X19504" s="2">
        <v>17</v>
      </c>
      <c r="Y19504" s="2">
        <v>65.7</v>
      </c>
      <c r="Z19504" s="2">
        <v>131.6</v>
      </c>
      <c r="AA19504" s="5">
        <v>7</v>
      </c>
      <c r="AB19504" s="5" t="s">
        <v>43</v>
      </c>
      <c r="AC19504" s="5" t="s">
        <v>735</v>
      </c>
      <c r="AD19504" s="2" t="s">
        <v>61438</v>
      </c>
      <c r="AE19504" s="1"/>
    </row>
    <row r="19505" spans="1:31" ht="14.45">
      <c r="A19505" s="11"/>
      <c r="B19505" s="20"/>
      <c r="C19505" s="2" t="s">
        <v>61439</v>
      </c>
      <c r="D19505" s="14" t="s">
        <v>61440</v>
      </c>
      <c r="E19505" s="2" t="s">
        <v>61441</v>
      </c>
      <c r="F19505" s="2" t="s">
        <v>61437</v>
      </c>
      <c r="G19505" s="8">
        <v>1102</v>
      </c>
      <c r="H19505" s="5">
        <v>5</v>
      </c>
      <c r="I19505" s="5" t="s">
        <v>69</v>
      </c>
      <c r="J19505" s="5" t="s">
        <v>61065</v>
      </c>
      <c r="K19505" s="2" t="s">
        <v>61066</v>
      </c>
      <c r="L19505" s="5" t="s">
        <v>61065</v>
      </c>
      <c r="M19505" s="2" t="s">
        <v>61066</v>
      </c>
      <c r="N19505" s="5" t="s">
        <v>733</v>
      </c>
      <c r="O19505" s="5" t="s">
        <v>38</v>
      </c>
      <c r="P19505" s="5" t="s">
        <v>39</v>
      </c>
      <c r="Q19505" s="5" t="s">
        <v>40</v>
      </c>
      <c r="R19505" s="5" t="s">
        <v>897</v>
      </c>
      <c r="S19505" s="5" t="s">
        <v>40</v>
      </c>
      <c r="T19505" s="5" t="s">
        <v>42</v>
      </c>
      <c r="U19505" s="2">
        <v>37.000999999999998</v>
      </c>
      <c r="V19505" s="2">
        <v>33.735999999999997</v>
      </c>
      <c r="W19505" s="2">
        <v>0.14699999999999999</v>
      </c>
      <c r="X19505" s="2">
        <v>17</v>
      </c>
      <c r="Y19505" s="2">
        <v>65.7</v>
      </c>
      <c r="Z19505" s="2">
        <v>131.6</v>
      </c>
      <c r="AA19505" s="5">
        <v>7</v>
      </c>
      <c r="AB19505" s="5" t="s">
        <v>43</v>
      </c>
      <c r="AC19505" s="5" t="s">
        <v>735</v>
      </c>
      <c r="AD19505" s="2" t="s">
        <v>61442</v>
      </c>
      <c r="AE19505" s="1"/>
    </row>
    <row r="19506" spans="1:31" ht="14.45">
      <c r="A19506" s="11"/>
      <c r="B19506" s="20"/>
      <c r="C19506" s="2" t="s">
        <v>61443</v>
      </c>
      <c r="D19506" s="14" t="s">
        <v>61444</v>
      </c>
      <c r="E19506" s="2" t="s">
        <v>61445</v>
      </c>
      <c r="F19506" s="2" t="s">
        <v>61446</v>
      </c>
      <c r="G19506" s="8">
        <v>895</v>
      </c>
      <c r="H19506" s="5">
        <v>10</v>
      </c>
      <c r="I19506" s="5" t="s">
        <v>69</v>
      </c>
      <c r="J19506" s="5" t="s">
        <v>61065</v>
      </c>
      <c r="K19506" s="2" t="s">
        <v>61066</v>
      </c>
      <c r="L19506" s="5" t="s">
        <v>61065</v>
      </c>
      <c r="M19506" s="2" t="s">
        <v>61066</v>
      </c>
      <c r="N19506" s="5" t="s">
        <v>733</v>
      </c>
      <c r="O19506" s="5" t="s">
        <v>38</v>
      </c>
      <c r="P19506" s="5" t="s">
        <v>39</v>
      </c>
      <c r="Q19506" s="5" t="s">
        <v>40</v>
      </c>
      <c r="R19506" s="5" t="s">
        <v>897</v>
      </c>
      <c r="S19506" s="5" t="s">
        <v>40</v>
      </c>
      <c r="T19506" s="5" t="s">
        <v>42</v>
      </c>
      <c r="U19506" s="2">
        <v>34.915999999999997</v>
      </c>
      <c r="V19506" s="2">
        <v>31.808</v>
      </c>
      <c r="W19506" s="2">
        <v>0.14699999999999999</v>
      </c>
      <c r="X19506" s="2">
        <v>17</v>
      </c>
      <c r="Y19506" s="2">
        <v>65.7</v>
      </c>
      <c r="Z19506" s="2">
        <v>131.6</v>
      </c>
      <c r="AA19506" s="5">
        <v>7</v>
      </c>
      <c r="AB19506" s="5" t="s">
        <v>43</v>
      </c>
      <c r="AC19506" s="5" t="s">
        <v>735</v>
      </c>
      <c r="AD19506" s="2" t="s">
        <v>61447</v>
      </c>
      <c r="AE19506" s="1"/>
    </row>
    <row r="19507" spans="1:31" ht="14.45">
      <c r="A19507" s="11"/>
      <c r="B19507" s="20"/>
      <c r="C19507" s="2" t="s">
        <v>61448</v>
      </c>
      <c r="D19507" s="14" t="s">
        <v>61449</v>
      </c>
      <c r="E19507" s="2" t="s">
        <v>61450</v>
      </c>
      <c r="F19507" s="2" t="s">
        <v>61451</v>
      </c>
      <c r="G19507" s="8">
        <v>1195</v>
      </c>
      <c r="H19507" s="5">
        <v>10</v>
      </c>
      <c r="I19507" s="5" t="s">
        <v>69</v>
      </c>
      <c r="J19507" s="5" t="s">
        <v>61065</v>
      </c>
      <c r="K19507" s="2" t="s">
        <v>61066</v>
      </c>
      <c r="L19507" s="5" t="s">
        <v>61065</v>
      </c>
      <c r="M19507" s="2" t="s">
        <v>61066</v>
      </c>
      <c r="N19507" s="5" t="s">
        <v>733</v>
      </c>
      <c r="O19507" s="5" t="s">
        <v>38</v>
      </c>
      <c r="P19507" s="5" t="s">
        <v>39</v>
      </c>
      <c r="Q19507" s="5" t="s">
        <v>40</v>
      </c>
      <c r="R19507" s="5" t="s">
        <v>897</v>
      </c>
      <c r="S19507" s="5" t="s">
        <v>40</v>
      </c>
      <c r="T19507" s="5" t="s">
        <v>42</v>
      </c>
      <c r="U19507" s="2">
        <v>37.292999999999999</v>
      </c>
      <c r="V19507" s="2">
        <v>34.078000000000003</v>
      </c>
      <c r="W19507" s="2">
        <v>0.14699999999999999</v>
      </c>
      <c r="X19507" s="2">
        <v>17</v>
      </c>
      <c r="Y19507" s="2">
        <v>65.7</v>
      </c>
      <c r="Z19507" s="2">
        <v>131.6</v>
      </c>
      <c r="AA19507" s="5">
        <v>7</v>
      </c>
      <c r="AB19507" s="5" t="s">
        <v>43</v>
      </c>
      <c r="AC19507" s="5" t="s">
        <v>735</v>
      </c>
      <c r="AD19507" s="2" t="s">
        <v>61452</v>
      </c>
      <c r="AE19507" s="1"/>
    </row>
    <row r="19508" spans="1:31" ht="14.45">
      <c r="A19508" s="11"/>
      <c r="B19508" s="20"/>
      <c r="C19508" s="2" t="s">
        <v>61453</v>
      </c>
      <c r="D19508" s="14" t="s">
        <v>61454</v>
      </c>
      <c r="E19508" s="2" t="s">
        <v>61455</v>
      </c>
      <c r="F19508" s="2" t="s">
        <v>61451</v>
      </c>
      <c r="G19508" s="8">
        <v>1195</v>
      </c>
      <c r="H19508" s="5">
        <v>10</v>
      </c>
      <c r="I19508" s="5" t="s">
        <v>69</v>
      </c>
      <c r="J19508" s="5" t="s">
        <v>61065</v>
      </c>
      <c r="K19508" s="2" t="s">
        <v>61066</v>
      </c>
      <c r="L19508" s="5" t="s">
        <v>61065</v>
      </c>
      <c r="M19508" s="2" t="s">
        <v>61066</v>
      </c>
      <c r="N19508" s="5" t="s">
        <v>733</v>
      </c>
      <c r="O19508" s="5" t="s">
        <v>38</v>
      </c>
      <c r="P19508" s="5" t="s">
        <v>39</v>
      </c>
      <c r="Q19508" s="5" t="s">
        <v>40</v>
      </c>
      <c r="R19508" s="5" t="s">
        <v>897</v>
      </c>
      <c r="S19508" s="5" t="s">
        <v>40</v>
      </c>
      <c r="T19508" s="5" t="s">
        <v>42</v>
      </c>
      <c r="U19508" s="2">
        <v>36.850999999999999</v>
      </c>
      <c r="V19508" s="2">
        <v>33.585999999999999</v>
      </c>
      <c r="W19508" s="2">
        <v>0.14699999999999999</v>
      </c>
      <c r="X19508" s="2">
        <v>17</v>
      </c>
      <c r="Y19508" s="2">
        <v>65.7</v>
      </c>
      <c r="Z19508" s="2">
        <v>131.6</v>
      </c>
      <c r="AA19508" s="5">
        <v>7</v>
      </c>
      <c r="AB19508" s="5" t="s">
        <v>43</v>
      </c>
      <c r="AC19508" s="5" t="s">
        <v>735</v>
      </c>
      <c r="AD19508" s="2" t="s">
        <v>61456</v>
      </c>
      <c r="AE19508" s="1"/>
    </row>
    <row r="19509" spans="1:31" ht="14.45">
      <c r="A19509" s="11"/>
      <c r="B19509" s="20"/>
      <c r="C19509" s="2" t="s">
        <v>61457</v>
      </c>
      <c r="D19509" s="14" t="s">
        <v>61458</v>
      </c>
      <c r="E19509" s="2" t="s">
        <v>61459</v>
      </c>
      <c r="F19509" s="2" t="s">
        <v>61460</v>
      </c>
      <c r="G19509" s="8">
        <v>713</v>
      </c>
      <c r="H19509" s="5">
        <v>5</v>
      </c>
      <c r="I19509" s="5" t="s">
        <v>69</v>
      </c>
      <c r="J19509" s="5" t="s">
        <v>61065</v>
      </c>
      <c r="K19509" s="2" t="s">
        <v>61066</v>
      </c>
      <c r="L19509" s="5" t="s">
        <v>61065</v>
      </c>
      <c r="M19509" s="2" t="s">
        <v>61066</v>
      </c>
      <c r="N19509" s="5" t="s">
        <v>733</v>
      </c>
      <c r="O19509" s="5" t="s">
        <v>38</v>
      </c>
      <c r="P19509" s="5" t="s">
        <v>39</v>
      </c>
      <c r="Q19509" s="5" t="s">
        <v>40</v>
      </c>
      <c r="R19509" s="5" t="s">
        <v>897</v>
      </c>
      <c r="S19509" s="5" t="s">
        <v>40</v>
      </c>
      <c r="T19509" s="5" t="s">
        <v>42</v>
      </c>
      <c r="U19509" s="2">
        <v>35.064</v>
      </c>
      <c r="V19509" s="2">
        <v>31.956</v>
      </c>
      <c r="W19509" s="2">
        <v>0.14699999999999999</v>
      </c>
      <c r="X19509" s="2">
        <v>17</v>
      </c>
      <c r="Y19509" s="2">
        <v>65.7</v>
      </c>
      <c r="Z19509" s="2">
        <v>131.6</v>
      </c>
      <c r="AA19509" s="5">
        <v>7</v>
      </c>
      <c r="AB19509" s="5" t="s">
        <v>43</v>
      </c>
      <c r="AC19509" s="5" t="s">
        <v>735</v>
      </c>
      <c r="AD19509" s="2" t="s">
        <v>61461</v>
      </c>
      <c r="AE19509" s="1"/>
    </row>
    <row r="19510" spans="1:31" ht="14.45">
      <c r="A19510" s="11"/>
      <c r="B19510" s="20"/>
      <c r="C19510" s="2" t="s">
        <v>61462</v>
      </c>
      <c r="D19510" s="14" t="s">
        <v>61463</v>
      </c>
      <c r="E19510" s="2" t="s">
        <v>61464</v>
      </c>
      <c r="F19510" s="2" t="s">
        <v>61460</v>
      </c>
      <c r="G19510" s="8">
        <v>1013</v>
      </c>
      <c r="H19510" s="5">
        <v>5</v>
      </c>
      <c r="I19510" s="5" t="s">
        <v>69</v>
      </c>
      <c r="J19510" s="5" t="s">
        <v>61065</v>
      </c>
      <c r="K19510" s="2" t="s">
        <v>61066</v>
      </c>
      <c r="L19510" s="5" t="s">
        <v>61065</v>
      </c>
      <c r="M19510" s="2" t="s">
        <v>61066</v>
      </c>
      <c r="N19510" s="5" t="s">
        <v>733</v>
      </c>
      <c r="O19510" s="5" t="s">
        <v>38</v>
      </c>
      <c r="P19510" s="5" t="s">
        <v>39</v>
      </c>
      <c r="Q19510" s="5" t="s">
        <v>40</v>
      </c>
      <c r="R19510" s="5" t="s">
        <v>897</v>
      </c>
      <c r="S19510" s="5" t="s">
        <v>40</v>
      </c>
      <c r="T19510" s="5" t="s">
        <v>42</v>
      </c>
      <c r="U19510" s="2">
        <v>37.441000000000003</v>
      </c>
      <c r="V19510" s="2">
        <v>34.225999999999999</v>
      </c>
      <c r="W19510" s="2">
        <v>0.14699999999999999</v>
      </c>
      <c r="X19510" s="2">
        <v>17</v>
      </c>
      <c r="Y19510" s="2">
        <v>65.7</v>
      </c>
      <c r="Z19510" s="2">
        <v>131.6</v>
      </c>
      <c r="AA19510" s="5">
        <v>7</v>
      </c>
      <c r="AB19510" s="5" t="s">
        <v>43</v>
      </c>
      <c r="AC19510" s="5" t="s">
        <v>735</v>
      </c>
      <c r="AD19510" s="2" t="s">
        <v>61465</v>
      </c>
      <c r="AE19510" s="1"/>
    </row>
    <row r="19511" spans="1:31" ht="14.45">
      <c r="A19511" s="11"/>
      <c r="B19511" s="20"/>
      <c r="C19511" s="2" t="s">
        <v>61466</v>
      </c>
      <c r="D19511" s="14" t="s">
        <v>61467</v>
      </c>
      <c r="E19511" s="2" t="s">
        <v>61468</v>
      </c>
      <c r="F19511" s="2" t="s">
        <v>61460</v>
      </c>
      <c r="G19511" s="8">
        <v>1013</v>
      </c>
      <c r="H19511" s="5">
        <v>10</v>
      </c>
      <c r="I19511" s="5" t="s">
        <v>69</v>
      </c>
      <c r="J19511" s="5" t="s">
        <v>61065</v>
      </c>
      <c r="K19511" s="2" t="s">
        <v>61066</v>
      </c>
      <c r="L19511" s="5" t="s">
        <v>61065</v>
      </c>
      <c r="M19511" s="2" t="s">
        <v>61066</v>
      </c>
      <c r="N19511" s="5" t="s">
        <v>733</v>
      </c>
      <c r="O19511" s="5" t="s">
        <v>38</v>
      </c>
      <c r="P19511" s="5" t="s">
        <v>39</v>
      </c>
      <c r="Q19511" s="5" t="s">
        <v>40</v>
      </c>
      <c r="R19511" s="5" t="s">
        <v>897</v>
      </c>
      <c r="S19511" s="5" t="s">
        <v>40</v>
      </c>
      <c r="T19511" s="5" t="s">
        <v>42</v>
      </c>
      <c r="U19511" s="2">
        <v>36.982999999999997</v>
      </c>
      <c r="V19511" s="2">
        <v>33.718000000000004</v>
      </c>
      <c r="W19511" s="2">
        <v>0.14699999999999999</v>
      </c>
      <c r="X19511" s="2">
        <v>17</v>
      </c>
      <c r="Y19511" s="2">
        <v>65.7</v>
      </c>
      <c r="Z19511" s="2">
        <v>131.6</v>
      </c>
      <c r="AA19511" s="5">
        <v>7</v>
      </c>
      <c r="AB19511" s="5" t="s">
        <v>43</v>
      </c>
      <c r="AC19511" s="5" t="s">
        <v>735</v>
      </c>
      <c r="AD19511" s="2" t="s">
        <v>61469</v>
      </c>
      <c r="AE19511" s="1"/>
    </row>
    <row r="19512" spans="1:31" ht="14.45">
      <c r="A19512" s="11"/>
      <c r="B19512" s="20"/>
      <c r="C19512" s="2" t="s">
        <v>61470</v>
      </c>
      <c r="D19512" s="14" t="s">
        <v>61471</v>
      </c>
      <c r="E19512" s="2" t="s">
        <v>61472</v>
      </c>
      <c r="F19512" s="2" t="s">
        <v>61473</v>
      </c>
      <c r="G19512" s="8">
        <v>601</v>
      </c>
      <c r="H19512" s="5">
        <v>5</v>
      </c>
      <c r="I19512" s="5" t="s">
        <v>69</v>
      </c>
      <c r="J19512" s="5" t="s">
        <v>61065</v>
      </c>
      <c r="K19512" s="2" t="s">
        <v>61066</v>
      </c>
      <c r="L19512" s="5" t="s">
        <v>61065</v>
      </c>
      <c r="M19512" s="2" t="s">
        <v>61066</v>
      </c>
      <c r="N19512" s="5" t="s">
        <v>733</v>
      </c>
      <c r="O19512" s="5" t="s">
        <v>38</v>
      </c>
      <c r="P19512" s="5" t="s">
        <v>39</v>
      </c>
      <c r="Q19512" s="5" t="s">
        <v>40</v>
      </c>
      <c r="R19512" s="5" t="s">
        <v>897</v>
      </c>
      <c r="S19512" s="5" t="s">
        <v>40</v>
      </c>
      <c r="T19512" s="5" t="s">
        <v>42</v>
      </c>
      <c r="U19512" s="2">
        <v>31.294</v>
      </c>
      <c r="V19512" s="2">
        <v>28.196000000000002</v>
      </c>
      <c r="W19512" s="2">
        <v>0.14699999999999999</v>
      </c>
      <c r="X19512" s="2">
        <v>17</v>
      </c>
      <c r="Y19512" s="2">
        <v>65.7</v>
      </c>
      <c r="Z19512" s="2">
        <v>131.6</v>
      </c>
      <c r="AA19512" s="5">
        <v>7</v>
      </c>
      <c r="AB19512" s="5" t="s">
        <v>43</v>
      </c>
      <c r="AC19512" s="5" t="s">
        <v>735</v>
      </c>
      <c r="AD19512" s="2" t="s">
        <v>61474</v>
      </c>
      <c r="AE19512" s="1"/>
    </row>
    <row r="19513" spans="1:31" ht="14.45">
      <c r="A19513" s="11"/>
      <c r="B19513" s="20"/>
      <c r="C19513" s="2" t="s">
        <v>61475</v>
      </c>
      <c r="D19513" s="14" t="s">
        <v>61476</v>
      </c>
      <c r="E19513" s="2" t="s">
        <v>61477</v>
      </c>
      <c r="F19513" s="2" t="s">
        <v>61473</v>
      </c>
      <c r="G19513" s="8">
        <v>901</v>
      </c>
      <c r="H19513" s="5">
        <v>5</v>
      </c>
      <c r="I19513" s="5" t="s">
        <v>69</v>
      </c>
      <c r="J19513" s="5" t="s">
        <v>61065</v>
      </c>
      <c r="K19513" s="2" t="s">
        <v>61066</v>
      </c>
      <c r="L19513" s="5" t="s">
        <v>61065</v>
      </c>
      <c r="M19513" s="2" t="s">
        <v>61066</v>
      </c>
      <c r="N19513" s="5" t="s">
        <v>733</v>
      </c>
      <c r="O19513" s="5" t="s">
        <v>38</v>
      </c>
      <c r="P19513" s="5" t="s">
        <v>39</v>
      </c>
      <c r="Q19513" s="5" t="s">
        <v>40</v>
      </c>
      <c r="R19513" s="5" t="s">
        <v>897</v>
      </c>
      <c r="S19513" s="5" t="s">
        <v>40</v>
      </c>
      <c r="T19513" s="5" t="s">
        <v>42</v>
      </c>
      <c r="U19513" s="2">
        <v>33.774000000000001</v>
      </c>
      <c r="V19513" s="2">
        <v>30.548999999999999</v>
      </c>
      <c r="W19513" s="2">
        <v>0.14699999999999999</v>
      </c>
      <c r="X19513" s="2">
        <v>17</v>
      </c>
      <c r="Y19513" s="2">
        <v>65.7</v>
      </c>
      <c r="Z19513" s="2">
        <v>131.6</v>
      </c>
      <c r="AA19513" s="5">
        <v>7</v>
      </c>
      <c r="AB19513" s="5" t="s">
        <v>43</v>
      </c>
      <c r="AC19513" s="5" t="s">
        <v>735</v>
      </c>
      <c r="AD19513" s="2" t="s">
        <v>61478</v>
      </c>
      <c r="AE19513" s="1"/>
    </row>
    <row r="19514" spans="1:31" ht="14.45">
      <c r="A19514" s="11"/>
      <c r="B19514" s="20"/>
      <c r="C19514" s="2" t="s">
        <v>61479</v>
      </c>
      <c r="D19514" s="14" t="s">
        <v>61480</v>
      </c>
      <c r="E19514" s="2" t="s">
        <v>61481</v>
      </c>
      <c r="F19514" s="2" t="s">
        <v>61473</v>
      </c>
      <c r="G19514" s="8">
        <v>901</v>
      </c>
      <c r="H19514" s="5">
        <v>5</v>
      </c>
      <c r="I19514" s="5" t="s">
        <v>69</v>
      </c>
      <c r="J19514" s="5" t="s">
        <v>61065</v>
      </c>
      <c r="K19514" s="2" t="s">
        <v>61066</v>
      </c>
      <c r="L19514" s="5" t="s">
        <v>61065</v>
      </c>
      <c r="M19514" s="2" t="s">
        <v>61066</v>
      </c>
      <c r="N19514" s="5" t="s">
        <v>733</v>
      </c>
      <c r="O19514" s="5" t="s">
        <v>38</v>
      </c>
      <c r="P19514" s="5" t="s">
        <v>39</v>
      </c>
      <c r="Q19514" s="5" t="s">
        <v>40</v>
      </c>
      <c r="R19514" s="5" t="s">
        <v>897</v>
      </c>
      <c r="S19514" s="5" t="s">
        <v>40</v>
      </c>
      <c r="T19514" s="5" t="s">
        <v>42</v>
      </c>
      <c r="U19514" s="2">
        <v>33.271999999999998</v>
      </c>
      <c r="V19514" s="2">
        <v>29.997</v>
      </c>
      <c r="W19514" s="2">
        <v>0.14699999999999999</v>
      </c>
      <c r="X19514" s="2">
        <v>17</v>
      </c>
      <c r="Y19514" s="2">
        <v>65.7</v>
      </c>
      <c r="Z19514" s="2">
        <v>131.6</v>
      </c>
      <c r="AA19514" s="5">
        <v>7</v>
      </c>
      <c r="AB19514" s="5" t="s">
        <v>43</v>
      </c>
      <c r="AC19514" s="5" t="s">
        <v>735</v>
      </c>
      <c r="AD19514" s="2" t="s">
        <v>61482</v>
      </c>
      <c r="AE19514" s="1"/>
    </row>
    <row r="19515" spans="1:31" ht="14.45">
      <c r="A19515" s="11"/>
      <c r="B19515" s="20"/>
      <c r="C19515" s="2" t="s">
        <v>61483</v>
      </c>
      <c r="D19515" s="14" t="s">
        <v>61484</v>
      </c>
      <c r="E19515" s="2" t="s">
        <v>61485</v>
      </c>
      <c r="F19515" s="2" t="s">
        <v>61486</v>
      </c>
      <c r="G19515" s="8">
        <v>744</v>
      </c>
      <c r="H19515" s="5">
        <v>5</v>
      </c>
      <c r="I19515" s="5" t="s">
        <v>69</v>
      </c>
      <c r="J19515" s="5" t="s">
        <v>61065</v>
      </c>
      <c r="K19515" s="2" t="s">
        <v>61066</v>
      </c>
      <c r="L19515" s="5" t="s">
        <v>61065</v>
      </c>
      <c r="M19515" s="2" t="s">
        <v>61066</v>
      </c>
      <c r="N19515" s="5" t="s">
        <v>733</v>
      </c>
      <c r="O19515" s="5" t="s">
        <v>38</v>
      </c>
      <c r="P19515" s="5" t="s">
        <v>39</v>
      </c>
      <c r="Q19515" s="5" t="s">
        <v>40</v>
      </c>
      <c r="R19515" s="5" t="s">
        <v>897</v>
      </c>
      <c r="S19515" s="5" t="s">
        <v>40</v>
      </c>
      <c r="T19515" s="5" t="s">
        <v>42</v>
      </c>
      <c r="U19515" s="2">
        <v>35.067</v>
      </c>
      <c r="V19515" s="2">
        <v>31.963999999999999</v>
      </c>
      <c r="W19515" s="2">
        <v>0.129</v>
      </c>
      <c r="X19515" s="2">
        <v>17</v>
      </c>
      <c r="Y19515" s="2">
        <v>65.7</v>
      </c>
      <c r="Z19515" s="2">
        <v>131.6</v>
      </c>
      <c r="AA19515" s="5">
        <v>7</v>
      </c>
      <c r="AB19515" s="5" t="s">
        <v>43</v>
      </c>
      <c r="AC19515" s="5" t="s">
        <v>735</v>
      </c>
      <c r="AD19515" s="2" t="s">
        <v>61487</v>
      </c>
      <c r="AE19515" s="1"/>
    </row>
    <row r="19516" spans="1:31" ht="14.45">
      <c r="A19516" s="11"/>
      <c r="B19516" s="20"/>
      <c r="C19516" s="2" t="s">
        <v>61488</v>
      </c>
      <c r="D19516" s="14" t="s">
        <v>61489</v>
      </c>
      <c r="E19516" s="2" t="s">
        <v>61490</v>
      </c>
      <c r="F19516" s="2" t="s">
        <v>61486</v>
      </c>
      <c r="G19516" s="8">
        <v>1044</v>
      </c>
      <c r="H19516" s="5">
        <v>5</v>
      </c>
      <c r="I19516" s="5" t="s">
        <v>69</v>
      </c>
      <c r="J19516" s="5" t="s">
        <v>61065</v>
      </c>
      <c r="K19516" s="2" t="s">
        <v>61066</v>
      </c>
      <c r="L19516" s="5" t="s">
        <v>61065</v>
      </c>
      <c r="M19516" s="2" t="s">
        <v>61066</v>
      </c>
      <c r="N19516" s="5" t="s">
        <v>733</v>
      </c>
      <c r="O19516" s="5" t="s">
        <v>38</v>
      </c>
      <c r="P19516" s="5" t="s">
        <v>39</v>
      </c>
      <c r="Q19516" s="5" t="s">
        <v>40</v>
      </c>
      <c r="R19516" s="5" t="s">
        <v>897</v>
      </c>
      <c r="S19516" s="5" t="s">
        <v>40</v>
      </c>
      <c r="T19516" s="5" t="s">
        <v>42</v>
      </c>
      <c r="U19516" s="2">
        <v>37.412999999999997</v>
      </c>
      <c r="V19516" s="2">
        <v>34.198</v>
      </c>
      <c r="W19516" s="2">
        <v>0.129</v>
      </c>
      <c r="X19516" s="2">
        <v>17</v>
      </c>
      <c r="Y19516" s="2">
        <v>65.7</v>
      </c>
      <c r="Z19516" s="2">
        <v>131.6</v>
      </c>
      <c r="AA19516" s="5">
        <v>7</v>
      </c>
      <c r="AB19516" s="5" t="s">
        <v>43</v>
      </c>
      <c r="AC19516" s="5" t="s">
        <v>735</v>
      </c>
      <c r="AD19516" s="2" t="s">
        <v>61491</v>
      </c>
      <c r="AE19516" s="1"/>
    </row>
    <row r="19517" spans="1:31" ht="14.45">
      <c r="A19517" s="11"/>
      <c r="B19517" s="20"/>
      <c r="C19517" s="2" t="s">
        <v>61492</v>
      </c>
      <c r="D19517" s="14" t="s">
        <v>61493</v>
      </c>
      <c r="E19517" s="2" t="s">
        <v>61494</v>
      </c>
      <c r="F19517" s="2" t="s">
        <v>61486</v>
      </c>
      <c r="G19517" s="8">
        <v>1044</v>
      </c>
      <c r="H19517" s="5">
        <v>10</v>
      </c>
      <c r="I19517" s="5" t="s">
        <v>69</v>
      </c>
      <c r="J19517" s="5" t="s">
        <v>61065</v>
      </c>
      <c r="K19517" s="2" t="s">
        <v>61066</v>
      </c>
      <c r="L19517" s="5" t="s">
        <v>61065</v>
      </c>
      <c r="M19517" s="2" t="s">
        <v>61066</v>
      </c>
      <c r="N19517" s="5" t="s">
        <v>733</v>
      </c>
      <c r="O19517" s="5" t="s">
        <v>38</v>
      </c>
      <c r="P19517" s="5" t="s">
        <v>39</v>
      </c>
      <c r="Q19517" s="5" t="s">
        <v>40</v>
      </c>
      <c r="R19517" s="5" t="s">
        <v>897</v>
      </c>
      <c r="S19517" s="5" t="s">
        <v>40</v>
      </c>
      <c r="T19517" s="5" t="s">
        <v>42</v>
      </c>
      <c r="U19517" s="2">
        <v>36.954999999999998</v>
      </c>
      <c r="V19517" s="2">
        <v>33.69</v>
      </c>
      <c r="W19517" s="2">
        <v>0.129</v>
      </c>
      <c r="X19517" s="2">
        <v>17</v>
      </c>
      <c r="Y19517" s="2">
        <v>65.7</v>
      </c>
      <c r="Z19517" s="2">
        <v>131.6</v>
      </c>
      <c r="AA19517" s="5">
        <v>7</v>
      </c>
      <c r="AB19517" s="5" t="s">
        <v>43</v>
      </c>
      <c r="AC19517" s="5" t="s">
        <v>735</v>
      </c>
      <c r="AD19517" s="2" t="s">
        <v>61495</v>
      </c>
      <c r="AE19517" s="1"/>
    </row>
    <row r="19518" spans="1:31" ht="14.45">
      <c r="A19518" s="11"/>
      <c r="B19518" s="20"/>
      <c r="C19518" s="2" t="s">
        <v>61496</v>
      </c>
      <c r="D19518" s="14" t="s">
        <v>61497</v>
      </c>
      <c r="E19518" s="2" t="s">
        <v>61498</v>
      </c>
      <c r="F19518" s="2" t="s">
        <v>61499</v>
      </c>
      <c r="G19518" s="8">
        <v>1663</v>
      </c>
      <c r="H19518" s="5">
        <v>10</v>
      </c>
      <c r="I19518" s="5" t="s">
        <v>69</v>
      </c>
      <c r="J19518" s="5" t="s">
        <v>61065</v>
      </c>
      <c r="K19518" s="2" t="s">
        <v>61066</v>
      </c>
      <c r="L19518" s="5" t="s">
        <v>61065</v>
      </c>
      <c r="M19518" s="2" t="s">
        <v>61066</v>
      </c>
      <c r="N19518" s="5" t="s">
        <v>733</v>
      </c>
      <c r="O19518" s="5" t="s">
        <v>38</v>
      </c>
      <c r="P19518" s="5" t="s">
        <v>39</v>
      </c>
      <c r="Q19518" s="5" t="s">
        <v>40</v>
      </c>
      <c r="R19518" s="5" t="s">
        <v>897</v>
      </c>
      <c r="S19518" s="5" t="s">
        <v>40</v>
      </c>
      <c r="T19518" s="5" t="s">
        <v>42</v>
      </c>
      <c r="U19518" s="2">
        <v>44.097999999999999</v>
      </c>
      <c r="V19518" s="2">
        <v>40.92</v>
      </c>
      <c r="W19518" s="2">
        <v>0.14699999999999999</v>
      </c>
      <c r="X19518" s="2">
        <v>17</v>
      </c>
      <c r="Y19518" s="2">
        <v>65.7</v>
      </c>
      <c r="Z19518" s="2">
        <v>131.6</v>
      </c>
      <c r="AA19518" s="5">
        <v>7</v>
      </c>
      <c r="AB19518" s="5" t="s">
        <v>43</v>
      </c>
      <c r="AC19518" s="5" t="s">
        <v>735</v>
      </c>
      <c r="AD19518" s="2" t="s">
        <v>61500</v>
      </c>
      <c r="AE19518" s="1"/>
    </row>
    <row r="19519" spans="1:31" ht="14.45">
      <c r="A19519" s="11"/>
      <c r="B19519" s="20"/>
      <c r="C19519" s="2" t="s">
        <v>61501</v>
      </c>
      <c r="D19519" s="14" t="s">
        <v>61502</v>
      </c>
      <c r="E19519" s="2" t="s">
        <v>61503</v>
      </c>
      <c r="F19519" s="2" t="s">
        <v>61504</v>
      </c>
      <c r="G19519" s="8">
        <v>1270</v>
      </c>
      <c r="H19519" s="5">
        <v>5</v>
      </c>
      <c r="I19519" s="5" t="s">
        <v>69</v>
      </c>
      <c r="J19519" s="5" t="s">
        <v>61065</v>
      </c>
      <c r="K19519" s="2" t="s">
        <v>61066</v>
      </c>
      <c r="L19519" s="5" t="s">
        <v>61065</v>
      </c>
      <c r="M19519" s="2" t="s">
        <v>61066</v>
      </c>
      <c r="N19519" s="5" t="s">
        <v>733</v>
      </c>
      <c r="O19519" s="5" t="s">
        <v>38</v>
      </c>
      <c r="P19519" s="5" t="s">
        <v>39</v>
      </c>
      <c r="Q19519" s="5" t="s">
        <v>40</v>
      </c>
      <c r="R19519" s="5" t="s">
        <v>897</v>
      </c>
      <c r="S19519" s="5" t="s">
        <v>40</v>
      </c>
      <c r="T19519" s="5" t="s">
        <v>42</v>
      </c>
      <c r="U19519" s="2">
        <v>37.723999999999997</v>
      </c>
      <c r="V19519" s="2">
        <v>34.616</v>
      </c>
      <c r="W19519" s="2">
        <v>0.14699999999999999</v>
      </c>
      <c r="X19519" s="2">
        <v>17</v>
      </c>
      <c r="Y19519" s="2">
        <v>65.7</v>
      </c>
      <c r="Z19519" s="2">
        <v>131.6</v>
      </c>
      <c r="AA19519" s="5">
        <v>7</v>
      </c>
      <c r="AB19519" s="5" t="s">
        <v>43</v>
      </c>
      <c r="AC19519" s="5" t="s">
        <v>735</v>
      </c>
      <c r="AD19519" s="2" t="s">
        <v>61505</v>
      </c>
      <c r="AE19519" s="1"/>
    </row>
    <row r="19520" spans="1:31" ht="14.45">
      <c r="A19520" s="11"/>
      <c r="B19520" s="20"/>
      <c r="C19520" s="2" t="s">
        <v>61506</v>
      </c>
      <c r="D19520" s="14" t="s">
        <v>61507</v>
      </c>
      <c r="E19520" s="2" t="s">
        <v>61508</v>
      </c>
      <c r="F19520" s="2" t="s">
        <v>61509</v>
      </c>
      <c r="G19520" s="8">
        <v>1570</v>
      </c>
      <c r="H19520" s="5">
        <v>10</v>
      </c>
      <c r="I19520" s="5" t="s">
        <v>69</v>
      </c>
      <c r="J19520" s="5" t="s">
        <v>61065</v>
      </c>
      <c r="K19520" s="2" t="s">
        <v>61066</v>
      </c>
      <c r="L19520" s="5" t="s">
        <v>61065</v>
      </c>
      <c r="M19520" s="2" t="s">
        <v>61066</v>
      </c>
      <c r="N19520" s="5" t="s">
        <v>733</v>
      </c>
      <c r="O19520" s="5" t="s">
        <v>38</v>
      </c>
      <c r="P19520" s="5" t="s">
        <v>39</v>
      </c>
      <c r="Q19520" s="5" t="s">
        <v>40</v>
      </c>
      <c r="R19520" s="5" t="s">
        <v>897</v>
      </c>
      <c r="S19520" s="5" t="s">
        <v>40</v>
      </c>
      <c r="T19520" s="5" t="s">
        <v>42</v>
      </c>
      <c r="U19520" s="2">
        <v>40.100999999999999</v>
      </c>
      <c r="V19520" s="2">
        <v>36.886000000000003</v>
      </c>
      <c r="W19520" s="2">
        <v>0.14699999999999999</v>
      </c>
      <c r="X19520" s="2">
        <v>17</v>
      </c>
      <c r="Y19520" s="2">
        <v>65.7</v>
      </c>
      <c r="Z19520" s="2">
        <v>131.6</v>
      </c>
      <c r="AA19520" s="5">
        <v>7</v>
      </c>
      <c r="AB19520" s="5" t="s">
        <v>43</v>
      </c>
      <c r="AC19520" s="5" t="s">
        <v>735</v>
      </c>
      <c r="AD19520" s="2" t="s">
        <v>61510</v>
      </c>
      <c r="AE19520" s="1"/>
    </row>
    <row r="19521" spans="1:31" ht="14.45">
      <c r="A19521" s="11"/>
      <c r="B19521" s="20"/>
      <c r="C19521" s="2" t="s">
        <v>61511</v>
      </c>
      <c r="D19521" s="14" t="s">
        <v>61512</v>
      </c>
      <c r="E19521" s="2" t="s">
        <v>61513</v>
      </c>
      <c r="F19521" s="2" t="s">
        <v>61514</v>
      </c>
      <c r="G19521" s="8">
        <v>1069</v>
      </c>
      <c r="H19521" s="5">
        <v>5</v>
      </c>
      <c r="I19521" s="5" t="s">
        <v>69</v>
      </c>
      <c r="J19521" s="5" t="s">
        <v>61065</v>
      </c>
      <c r="K19521" s="2" t="s">
        <v>61066</v>
      </c>
      <c r="L19521" s="5" t="s">
        <v>61065</v>
      </c>
      <c r="M19521" s="2" t="s">
        <v>61066</v>
      </c>
      <c r="N19521" s="5" t="s">
        <v>733</v>
      </c>
      <c r="O19521" s="5" t="s">
        <v>38</v>
      </c>
      <c r="P19521" s="5" t="s">
        <v>39</v>
      </c>
      <c r="Q19521" s="5" t="s">
        <v>40</v>
      </c>
      <c r="R19521" s="5" t="s">
        <v>897</v>
      </c>
      <c r="S19521" s="5" t="s">
        <v>40</v>
      </c>
      <c r="T19521" s="5" t="s">
        <v>42</v>
      </c>
      <c r="U19521" s="2">
        <v>34.067</v>
      </c>
      <c r="V19521" s="2">
        <v>30.949000000000002</v>
      </c>
      <c r="W19521" s="2">
        <v>0.14699999999999999</v>
      </c>
      <c r="X19521" s="2">
        <v>17</v>
      </c>
      <c r="Y19521" s="2">
        <v>65.7</v>
      </c>
      <c r="Z19521" s="2">
        <v>131.6</v>
      </c>
      <c r="AA19521" s="5">
        <v>7</v>
      </c>
      <c r="AB19521" s="5" t="s">
        <v>43</v>
      </c>
      <c r="AC19521" s="5" t="s">
        <v>735</v>
      </c>
      <c r="AD19521" s="2" t="s">
        <v>61515</v>
      </c>
      <c r="AE19521" s="1"/>
    </row>
    <row r="19522" spans="1:31" ht="14.45">
      <c r="A19522" s="11"/>
      <c r="B19522" s="20"/>
      <c r="C19522" s="2" t="s">
        <v>61516</v>
      </c>
      <c r="D19522" s="14" t="s">
        <v>61517</v>
      </c>
      <c r="E19522" s="2" t="s">
        <v>61518</v>
      </c>
      <c r="F19522" s="2" t="s">
        <v>61519</v>
      </c>
      <c r="G19522" s="8">
        <v>1369</v>
      </c>
      <c r="H19522" s="5">
        <v>5</v>
      </c>
      <c r="I19522" s="5" t="s">
        <v>69</v>
      </c>
      <c r="J19522" s="5" t="s">
        <v>61065</v>
      </c>
      <c r="K19522" s="2" t="s">
        <v>61066</v>
      </c>
      <c r="L19522" s="5" t="s">
        <v>61065</v>
      </c>
      <c r="M19522" s="2" t="s">
        <v>61066</v>
      </c>
      <c r="N19522" s="5" t="s">
        <v>733</v>
      </c>
      <c r="O19522" s="5" t="s">
        <v>38</v>
      </c>
      <c r="P19522" s="5" t="s">
        <v>39</v>
      </c>
      <c r="Q19522" s="5" t="s">
        <v>40</v>
      </c>
      <c r="R19522" s="5" t="s">
        <v>897</v>
      </c>
      <c r="S19522" s="5" t="s">
        <v>40</v>
      </c>
      <c r="T19522" s="5" t="s">
        <v>42</v>
      </c>
      <c r="U19522" s="2">
        <v>36.444000000000003</v>
      </c>
      <c r="V19522" s="2">
        <v>33.219000000000001</v>
      </c>
      <c r="W19522" s="2">
        <v>0.14699999999999999</v>
      </c>
      <c r="X19522" s="2">
        <v>17</v>
      </c>
      <c r="Y19522" s="2">
        <v>65.7</v>
      </c>
      <c r="Z19522" s="2">
        <v>131.6</v>
      </c>
      <c r="AA19522" s="5">
        <v>7</v>
      </c>
      <c r="AB19522" s="5" t="s">
        <v>43</v>
      </c>
      <c r="AC19522" s="5" t="s">
        <v>735</v>
      </c>
      <c r="AD19522" s="2" t="s">
        <v>61520</v>
      </c>
      <c r="AE19522" s="1"/>
    </row>
    <row r="19523" spans="1:31" ht="14.45">
      <c r="A19523" s="11"/>
      <c r="B19523" s="20"/>
      <c r="C19523" s="2" t="s">
        <v>61521</v>
      </c>
      <c r="D19523" s="14" t="s">
        <v>61522</v>
      </c>
      <c r="E19523" s="2" t="s">
        <v>61523</v>
      </c>
      <c r="F19523" s="2" t="s">
        <v>61524</v>
      </c>
      <c r="G19523" s="8">
        <v>1212</v>
      </c>
      <c r="H19523" s="5">
        <v>5</v>
      </c>
      <c r="I19523" s="5" t="s">
        <v>69</v>
      </c>
      <c r="J19523" s="5" t="s">
        <v>61065</v>
      </c>
      <c r="K19523" s="2" t="s">
        <v>61066</v>
      </c>
      <c r="L19523" s="5" t="s">
        <v>61065</v>
      </c>
      <c r="M19523" s="2" t="s">
        <v>61066</v>
      </c>
      <c r="N19523" s="5" t="s">
        <v>733</v>
      </c>
      <c r="O19523" s="5" t="s">
        <v>38</v>
      </c>
      <c r="P19523" s="5" t="s">
        <v>39</v>
      </c>
      <c r="Q19523" s="5" t="s">
        <v>40</v>
      </c>
      <c r="R19523" s="5" t="s">
        <v>897</v>
      </c>
      <c r="S19523" s="5" t="s">
        <v>40</v>
      </c>
      <c r="T19523" s="5" t="s">
        <v>42</v>
      </c>
      <c r="U19523" s="2">
        <v>37.703000000000003</v>
      </c>
      <c r="V19523" s="2">
        <v>34.594999999999999</v>
      </c>
      <c r="W19523" s="2">
        <v>0.129</v>
      </c>
      <c r="X19523" s="2">
        <v>17</v>
      </c>
      <c r="Y19523" s="2">
        <v>65.7</v>
      </c>
      <c r="Z19523" s="2">
        <v>131.6</v>
      </c>
      <c r="AA19523" s="5">
        <v>7</v>
      </c>
      <c r="AB19523" s="5" t="s">
        <v>43</v>
      </c>
      <c r="AC19523" s="5" t="s">
        <v>735</v>
      </c>
      <c r="AD19523" s="2" t="s">
        <v>61525</v>
      </c>
      <c r="AE19523" s="1"/>
    </row>
    <row r="19524" spans="1:31" ht="14.45">
      <c r="A19524" s="11"/>
      <c r="B19524" s="20"/>
      <c r="C19524" s="2" t="s">
        <v>61526</v>
      </c>
      <c r="D19524" s="14" t="s">
        <v>61527</v>
      </c>
      <c r="E19524" s="2" t="s">
        <v>61528</v>
      </c>
      <c r="F19524" s="2" t="s">
        <v>61524</v>
      </c>
      <c r="G19524" s="8">
        <v>1512</v>
      </c>
      <c r="H19524" s="5">
        <v>10</v>
      </c>
      <c r="I19524" s="5" t="s">
        <v>69</v>
      </c>
      <c r="J19524" s="5" t="s">
        <v>61065</v>
      </c>
      <c r="K19524" s="2" t="s">
        <v>61066</v>
      </c>
      <c r="L19524" s="5" t="s">
        <v>61065</v>
      </c>
      <c r="M19524" s="2" t="s">
        <v>61066</v>
      </c>
      <c r="N19524" s="5" t="s">
        <v>733</v>
      </c>
      <c r="O19524" s="5" t="s">
        <v>38</v>
      </c>
      <c r="P19524" s="5" t="s">
        <v>39</v>
      </c>
      <c r="Q19524" s="5" t="s">
        <v>40</v>
      </c>
      <c r="R19524" s="5" t="s">
        <v>897</v>
      </c>
      <c r="S19524" s="5" t="s">
        <v>40</v>
      </c>
      <c r="T19524" s="5" t="s">
        <v>42</v>
      </c>
      <c r="U19524" s="2">
        <v>40.08</v>
      </c>
      <c r="V19524" s="2">
        <v>36.865000000000002</v>
      </c>
      <c r="W19524" s="2">
        <v>0.129</v>
      </c>
      <c r="X19524" s="2">
        <v>17</v>
      </c>
      <c r="Y19524" s="2">
        <v>65.7</v>
      </c>
      <c r="Z19524" s="2">
        <v>131.6</v>
      </c>
      <c r="AA19524" s="5">
        <v>7</v>
      </c>
      <c r="AB19524" s="5" t="s">
        <v>43</v>
      </c>
      <c r="AC19524" s="5" t="s">
        <v>735</v>
      </c>
      <c r="AD19524" s="2" t="s">
        <v>61529</v>
      </c>
      <c r="AE19524" s="1"/>
    </row>
    <row r="19525" spans="1:31" ht="14.45">
      <c r="A19525" s="11"/>
      <c r="B19525" s="20"/>
      <c r="C19525" s="2" t="s">
        <v>61530</v>
      </c>
      <c r="D19525" s="14" t="s">
        <v>61531</v>
      </c>
      <c r="E19525" s="2" t="s">
        <v>61532</v>
      </c>
      <c r="F19525" s="2" t="s">
        <v>61524</v>
      </c>
      <c r="G19525" s="8">
        <v>1512</v>
      </c>
      <c r="H19525" s="5">
        <v>5</v>
      </c>
      <c r="I19525" s="5" t="s">
        <v>69</v>
      </c>
      <c r="J19525" s="5" t="s">
        <v>61065</v>
      </c>
      <c r="K19525" s="2" t="s">
        <v>61066</v>
      </c>
      <c r="L19525" s="5" t="s">
        <v>61065</v>
      </c>
      <c r="M19525" s="2" t="s">
        <v>61066</v>
      </c>
      <c r="N19525" s="5" t="s">
        <v>733</v>
      </c>
      <c r="O19525" s="5" t="s">
        <v>38</v>
      </c>
      <c r="P19525" s="5" t="s">
        <v>39</v>
      </c>
      <c r="Q19525" s="5" t="s">
        <v>40</v>
      </c>
      <c r="R19525" s="5" t="s">
        <v>897</v>
      </c>
      <c r="S19525" s="5" t="s">
        <v>40</v>
      </c>
      <c r="T19525" s="5" t="s">
        <v>42</v>
      </c>
      <c r="U19525" s="2">
        <v>39.654000000000003</v>
      </c>
      <c r="V19525" s="2">
        <v>36.389000000000003</v>
      </c>
      <c r="W19525" s="2">
        <v>0.129</v>
      </c>
      <c r="X19525" s="2">
        <v>17</v>
      </c>
      <c r="Y19525" s="2">
        <v>65.7</v>
      </c>
      <c r="Z19525" s="2">
        <v>131.6</v>
      </c>
      <c r="AA19525" s="5">
        <v>7</v>
      </c>
      <c r="AB19525" s="5" t="s">
        <v>43</v>
      </c>
      <c r="AC19525" s="5" t="s">
        <v>735</v>
      </c>
      <c r="AD19525" s="2" t="s">
        <v>61533</v>
      </c>
      <c r="AE19525" s="1"/>
    </row>
    <row r="19526" spans="1:31" ht="14.45">
      <c r="A19526" s="11"/>
      <c r="B19526" s="20"/>
      <c r="C19526" s="2" t="s">
        <v>61534</v>
      </c>
      <c r="D19526" s="14" t="s">
        <v>61535</v>
      </c>
      <c r="E19526" s="2" t="s">
        <v>61536</v>
      </c>
      <c r="F19526" s="2" t="s">
        <v>61537</v>
      </c>
      <c r="G19526" s="8">
        <v>1570</v>
      </c>
      <c r="H19526" s="5">
        <v>10</v>
      </c>
      <c r="I19526" s="5" t="s">
        <v>69</v>
      </c>
      <c r="J19526" s="5" t="s">
        <v>61065</v>
      </c>
      <c r="K19526" s="2" t="s">
        <v>61066</v>
      </c>
      <c r="L19526" s="5" t="s">
        <v>61065</v>
      </c>
      <c r="M19526" s="2" t="s">
        <v>61066</v>
      </c>
      <c r="N19526" s="5" t="s">
        <v>733</v>
      </c>
      <c r="O19526" s="5" t="s">
        <v>38</v>
      </c>
      <c r="P19526" s="5" t="s">
        <v>39</v>
      </c>
      <c r="Q19526" s="5" t="s">
        <v>40</v>
      </c>
      <c r="R19526" s="5" t="s">
        <v>897</v>
      </c>
      <c r="S19526" s="5" t="s">
        <v>40</v>
      </c>
      <c r="T19526" s="5" t="s">
        <v>42</v>
      </c>
      <c r="U19526" s="2">
        <v>39.347999999999999</v>
      </c>
      <c r="V19526" s="2">
        <v>36.133000000000003</v>
      </c>
      <c r="W19526" s="2">
        <v>0.14699999999999999</v>
      </c>
      <c r="X19526" s="2">
        <v>17</v>
      </c>
      <c r="Y19526" s="2">
        <v>65.7</v>
      </c>
      <c r="Z19526" s="2">
        <v>131.6</v>
      </c>
      <c r="AA19526" s="5">
        <v>7</v>
      </c>
      <c r="AB19526" s="5" t="s">
        <v>43</v>
      </c>
      <c r="AC19526" s="5" t="s">
        <v>735</v>
      </c>
      <c r="AD19526" s="2" t="s">
        <v>61538</v>
      </c>
      <c r="AE19526" s="1"/>
    </row>
    <row r="19527" spans="1:31" ht="14.45">
      <c r="A19527" s="11"/>
      <c r="B19527" s="20"/>
      <c r="C19527" s="2" t="s">
        <v>61539</v>
      </c>
      <c r="D19527" s="14" t="s">
        <v>61540</v>
      </c>
      <c r="E19527" s="2" t="s">
        <v>61541</v>
      </c>
      <c r="F19527" s="2" t="s">
        <v>61542</v>
      </c>
      <c r="G19527" s="8">
        <v>1369</v>
      </c>
      <c r="H19527" s="5">
        <v>10</v>
      </c>
      <c r="I19527" s="5" t="s">
        <v>69</v>
      </c>
      <c r="J19527" s="5" t="s">
        <v>61065</v>
      </c>
      <c r="K19527" s="2" t="s">
        <v>61066</v>
      </c>
      <c r="L19527" s="5" t="s">
        <v>61065</v>
      </c>
      <c r="M19527" s="2" t="s">
        <v>61066</v>
      </c>
      <c r="N19527" s="5" t="s">
        <v>733</v>
      </c>
      <c r="O19527" s="5" t="s">
        <v>38</v>
      </c>
      <c r="P19527" s="5" t="s">
        <v>39</v>
      </c>
      <c r="Q19527" s="5" t="s">
        <v>40</v>
      </c>
      <c r="R19527" s="5" t="s">
        <v>897</v>
      </c>
      <c r="S19527" s="5" t="s">
        <v>40</v>
      </c>
      <c r="T19527" s="5" t="s">
        <v>42</v>
      </c>
      <c r="U19527" s="2">
        <v>35.694000000000003</v>
      </c>
      <c r="V19527" s="2">
        <v>32.469000000000001</v>
      </c>
      <c r="W19527" s="2">
        <v>0.14699999999999999</v>
      </c>
      <c r="X19527" s="2">
        <v>17</v>
      </c>
      <c r="Y19527" s="2">
        <v>65.7</v>
      </c>
      <c r="Z19527" s="2">
        <v>131.6</v>
      </c>
      <c r="AA19527" s="5">
        <v>7</v>
      </c>
      <c r="AB19527" s="5" t="s">
        <v>43</v>
      </c>
      <c r="AC19527" s="5" t="s">
        <v>735</v>
      </c>
      <c r="AD19527" s="2" t="s">
        <v>61543</v>
      </c>
      <c r="AE19527" s="1"/>
    </row>
    <row r="19528" spans="1:31" ht="14.45">
      <c r="A19528" s="11"/>
      <c r="B19528" s="20"/>
      <c r="C19528" s="2" t="s">
        <v>61544</v>
      </c>
      <c r="D19528" s="14" t="s">
        <v>61545</v>
      </c>
      <c r="E19528" s="2" t="s">
        <v>61546</v>
      </c>
      <c r="F19528" s="2" t="s">
        <v>61547</v>
      </c>
      <c r="G19528" s="8">
        <v>1212</v>
      </c>
      <c r="H19528" s="5">
        <v>10</v>
      </c>
      <c r="I19528" s="5" t="s">
        <v>69</v>
      </c>
      <c r="J19528" s="5" t="s">
        <v>61065</v>
      </c>
      <c r="K19528" s="2" t="s">
        <v>61066</v>
      </c>
      <c r="L19528" s="5" t="s">
        <v>61065</v>
      </c>
      <c r="M19528" s="2" t="s">
        <v>61066</v>
      </c>
      <c r="N19528" s="5" t="s">
        <v>733</v>
      </c>
      <c r="O19528" s="5" t="s">
        <v>38</v>
      </c>
      <c r="P19528" s="5" t="s">
        <v>39</v>
      </c>
      <c r="Q19528" s="5" t="s">
        <v>40</v>
      </c>
      <c r="R19528" s="5" t="s">
        <v>897</v>
      </c>
      <c r="S19528" s="5" t="s">
        <v>40</v>
      </c>
      <c r="T19528" s="5" t="s">
        <v>42</v>
      </c>
      <c r="U19528" s="2">
        <v>36.950000000000003</v>
      </c>
      <c r="V19528" s="2">
        <v>33.841999999999999</v>
      </c>
      <c r="W19528" s="2">
        <v>0.129</v>
      </c>
      <c r="X19528" s="2">
        <v>17</v>
      </c>
      <c r="Y19528" s="2">
        <v>65.7</v>
      </c>
      <c r="Z19528" s="2">
        <v>131.6</v>
      </c>
      <c r="AA19528" s="5">
        <v>7</v>
      </c>
      <c r="AB19528" s="5" t="s">
        <v>43</v>
      </c>
      <c r="AC19528" s="5" t="s">
        <v>735</v>
      </c>
      <c r="AD19528" s="2" t="s">
        <v>61548</v>
      </c>
      <c r="AE19528" s="1"/>
    </row>
    <row r="19529" spans="1:31" ht="14.45">
      <c r="A19529" s="11"/>
      <c r="B19529" s="20"/>
      <c r="C19529" s="2" t="s">
        <v>61549</v>
      </c>
      <c r="D19529" s="14" t="s">
        <v>61550</v>
      </c>
      <c r="E19529" s="2" t="s">
        <v>61551</v>
      </c>
      <c r="F19529" s="2" t="s">
        <v>61547</v>
      </c>
      <c r="G19529" s="8">
        <v>1512</v>
      </c>
      <c r="H19529" s="5">
        <v>10</v>
      </c>
      <c r="I19529" s="5" t="s">
        <v>69</v>
      </c>
      <c r="J19529" s="5" t="s">
        <v>61065</v>
      </c>
      <c r="K19529" s="2" t="s">
        <v>61066</v>
      </c>
      <c r="L19529" s="5" t="s">
        <v>61065</v>
      </c>
      <c r="M19529" s="2" t="s">
        <v>61066</v>
      </c>
      <c r="N19529" s="5" t="s">
        <v>733</v>
      </c>
      <c r="O19529" s="5" t="s">
        <v>38</v>
      </c>
      <c r="P19529" s="5" t="s">
        <v>39</v>
      </c>
      <c r="Q19529" s="5" t="s">
        <v>40</v>
      </c>
      <c r="R19529" s="5" t="s">
        <v>897</v>
      </c>
      <c r="S19529" s="5" t="s">
        <v>40</v>
      </c>
      <c r="T19529" s="5" t="s">
        <v>42</v>
      </c>
      <c r="U19529" s="2">
        <v>39.326999999999998</v>
      </c>
      <c r="V19529" s="2">
        <v>36.112000000000002</v>
      </c>
      <c r="W19529" s="2">
        <v>0.129</v>
      </c>
      <c r="X19529" s="2">
        <v>17</v>
      </c>
      <c r="Y19529" s="2">
        <v>65.7</v>
      </c>
      <c r="Z19529" s="2">
        <v>131.6</v>
      </c>
      <c r="AA19529" s="5">
        <v>7</v>
      </c>
      <c r="AB19529" s="5" t="s">
        <v>43</v>
      </c>
      <c r="AC19529" s="5" t="s">
        <v>735</v>
      </c>
      <c r="AD19529" s="2" t="s">
        <v>61552</v>
      </c>
      <c r="AE19529" s="1"/>
    </row>
    <row r="19530" spans="1:31" ht="14.45">
      <c r="A19530" s="11"/>
      <c r="B19530" s="20"/>
      <c r="C19530" s="2" t="s">
        <v>61553</v>
      </c>
      <c r="D19530" s="14" t="s">
        <v>61554</v>
      </c>
      <c r="E19530" s="2" t="s">
        <v>61555</v>
      </c>
      <c r="F19530" s="2" t="s">
        <v>61547</v>
      </c>
      <c r="G19530" s="8">
        <v>1512</v>
      </c>
      <c r="H19530" s="5">
        <v>5</v>
      </c>
      <c r="I19530" s="5" t="s">
        <v>69</v>
      </c>
      <c r="J19530" s="5" t="s">
        <v>61065</v>
      </c>
      <c r="K19530" s="2" t="s">
        <v>61066</v>
      </c>
      <c r="L19530" s="5" t="s">
        <v>61065</v>
      </c>
      <c r="M19530" s="2" t="s">
        <v>61066</v>
      </c>
      <c r="N19530" s="5" t="s">
        <v>733</v>
      </c>
      <c r="O19530" s="5" t="s">
        <v>38</v>
      </c>
      <c r="P19530" s="5" t="s">
        <v>39</v>
      </c>
      <c r="Q19530" s="5" t="s">
        <v>40</v>
      </c>
      <c r="R19530" s="5" t="s">
        <v>897</v>
      </c>
      <c r="S19530" s="5" t="s">
        <v>40</v>
      </c>
      <c r="T19530" s="5" t="s">
        <v>42</v>
      </c>
      <c r="U19530" s="2">
        <v>38.901000000000003</v>
      </c>
      <c r="V19530" s="2">
        <v>35.636000000000003</v>
      </c>
      <c r="W19530" s="2">
        <v>0.129</v>
      </c>
      <c r="X19530" s="2">
        <v>17</v>
      </c>
      <c r="Y19530" s="2">
        <v>65.7</v>
      </c>
      <c r="Z19530" s="2">
        <v>131.6</v>
      </c>
      <c r="AA19530" s="5">
        <v>7</v>
      </c>
      <c r="AB19530" s="5" t="s">
        <v>43</v>
      </c>
      <c r="AC19530" s="5" t="s">
        <v>735</v>
      </c>
      <c r="AD19530" s="2" t="s">
        <v>61556</v>
      </c>
      <c r="AE19530" s="1"/>
    </row>
    <row r="19531" spans="1:31" ht="14.45">
      <c r="A19531" s="11"/>
      <c r="B19531" s="20"/>
      <c r="C19531" s="2" t="s">
        <v>61557</v>
      </c>
      <c r="D19531" s="14" t="s">
        <v>61558</v>
      </c>
      <c r="E19531" s="2" t="s">
        <v>61559</v>
      </c>
      <c r="F19531" s="2" t="s">
        <v>61560</v>
      </c>
      <c r="G19531" s="8">
        <v>1104</v>
      </c>
      <c r="H19531" s="5">
        <v>10</v>
      </c>
      <c r="I19531" s="5" t="s">
        <v>69</v>
      </c>
      <c r="J19531" s="5" t="s">
        <v>61065</v>
      </c>
      <c r="K19531" s="2" t="s">
        <v>61066</v>
      </c>
      <c r="L19531" s="5" t="s">
        <v>61065</v>
      </c>
      <c r="M19531" s="2" t="s">
        <v>61066</v>
      </c>
      <c r="N19531" s="5" t="s">
        <v>733</v>
      </c>
      <c r="O19531" s="5" t="s">
        <v>38</v>
      </c>
      <c r="P19531" s="5" t="s">
        <v>39</v>
      </c>
      <c r="Q19531" s="5" t="s">
        <v>40</v>
      </c>
      <c r="R19531" s="5" t="s">
        <v>1487</v>
      </c>
      <c r="S19531" s="5"/>
      <c r="T19531" s="5" t="s">
        <v>42</v>
      </c>
      <c r="U19531" s="2">
        <v>0</v>
      </c>
      <c r="V19531" s="2">
        <v>0</v>
      </c>
      <c r="W19531" s="2">
        <v>0</v>
      </c>
      <c r="X19531" s="2">
        <v>0</v>
      </c>
      <c r="Y19531" s="2">
        <v>0</v>
      </c>
      <c r="Z19531" s="2">
        <v>0</v>
      </c>
      <c r="AA19531" s="5"/>
      <c r="AB19531" s="5" t="s">
        <v>43</v>
      </c>
      <c r="AC19531" s="5" t="s">
        <v>735</v>
      </c>
      <c r="AD19531" s="2" t="s">
        <v>61561</v>
      </c>
      <c r="AE19531" s="1"/>
    </row>
    <row r="19532" spans="1:31" ht="14.45">
      <c r="A19532" s="11"/>
      <c r="B19532" s="20"/>
      <c r="C19532" s="2" t="s">
        <v>61562</v>
      </c>
      <c r="D19532" s="14" t="s">
        <v>61563</v>
      </c>
      <c r="E19532" s="2" t="s">
        <v>61564</v>
      </c>
      <c r="F19532" s="2" t="s">
        <v>61565</v>
      </c>
      <c r="G19532" s="8">
        <v>895</v>
      </c>
      <c r="H19532" s="5">
        <v>5</v>
      </c>
      <c r="I19532" s="5" t="s">
        <v>69</v>
      </c>
      <c r="J19532" s="5" t="s">
        <v>61065</v>
      </c>
      <c r="K19532" s="2" t="s">
        <v>61066</v>
      </c>
      <c r="L19532" s="5" t="s">
        <v>61065</v>
      </c>
      <c r="M19532" s="2" t="s">
        <v>61066</v>
      </c>
      <c r="N19532" s="5" t="s">
        <v>733</v>
      </c>
      <c r="O19532" s="5" t="s">
        <v>38</v>
      </c>
      <c r="P19532" s="5" t="s">
        <v>39</v>
      </c>
      <c r="Q19532" s="5" t="s">
        <v>40</v>
      </c>
      <c r="R19532" s="5" t="s">
        <v>897</v>
      </c>
      <c r="S19532" s="5" t="s">
        <v>40</v>
      </c>
      <c r="T19532" s="5" t="s">
        <v>42</v>
      </c>
      <c r="U19532" s="2">
        <v>37.317999999999998</v>
      </c>
      <c r="V19532" s="2">
        <v>34.801000000000002</v>
      </c>
      <c r="W19532" s="2">
        <v>0.13</v>
      </c>
      <c r="X19532" s="2">
        <v>17</v>
      </c>
      <c r="Y19532" s="2">
        <v>68.7</v>
      </c>
      <c r="Z19532" s="2">
        <v>111.6</v>
      </c>
      <c r="AA19532" s="5">
        <v>7</v>
      </c>
      <c r="AB19532" s="5" t="s">
        <v>43</v>
      </c>
      <c r="AC19532" s="5" t="s">
        <v>735</v>
      </c>
      <c r="AD19532" s="2" t="s">
        <v>61566</v>
      </c>
      <c r="AE19532" s="1"/>
    </row>
    <row r="19533" spans="1:31" ht="14.45">
      <c r="A19533" s="11"/>
      <c r="B19533" s="20"/>
      <c r="C19533" s="2" t="s">
        <v>61567</v>
      </c>
      <c r="D19533" s="14" t="s">
        <v>61568</v>
      </c>
      <c r="E19533" s="2" t="s">
        <v>61569</v>
      </c>
      <c r="F19533" s="2" t="s">
        <v>61570</v>
      </c>
      <c r="G19533" s="8">
        <v>1195</v>
      </c>
      <c r="H19533" s="5">
        <v>5</v>
      </c>
      <c r="I19533" s="5" t="s">
        <v>69</v>
      </c>
      <c r="J19533" s="5" t="s">
        <v>61065</v>
      </c>
      <c r="K19533" s="2" t="s">
        <v>61066</v>
      </c>
      <c r="L19533" s="5" t="s">
        <v>61065</v>
      </c>
      <c r="M19533" s="2" t="s">
        <v>61066</v>
      </c>
      <c r="N19533" s="5" t="s">
        <v>733</v>
      </c>
      <c r="O19533" s="5" t="s">
        <v>38</v>
      </c>
      <c r="P19533" s="5" t="s">
        <v>39</v>
      </c>
      <c r="Q19533" s="5" t="s">
        <v>40</v>
      </c>
      <c r="R19533" s="5" t="s">
        <v>897</v>
      </c>
      <c r="S19533" s="5" t="s">
        <v>40</v>
      </c>
      <c r="T19533" s="5" t="s">
        <v>42</v>
      </c>
      <c r="U19533" s="2">
        <v>39.777000000000001</v>
      </c>
      <c r="V19533" s="2">
        <v>37.192</v>
      </c>
      <c r="W19533" s="2">
        <v>0.13</v>
      </c>
      <c r="X19533" s="2">
        <v>17</v>
      </c>
      <c r="Y19533" s="2">
        <v>68.7</v>
      </c>
      <c r="Z19533" s="2">
        <v>111.6</v>
      </c>
      <c r="AA19533" s="5">
        <v>7</v>
      </c>
      <c r="AB19533" s="5" t="s">
        <v>43</v>
      </c>
      <c r="AC19533" s="5" t="s">
        <v>735</v>
      </c>
      <c r="AD19533" s="2" t="s">
        <v>61571</v>
      </c>
      <c r="AE19533" s="1"/>
    </row>
    <row r="19534" spans="1:31" ht="14.45">
      <c r="A19534" s="11"/>
      <c r="B19534" s="20"/>
      <c r="C19534" s="2" t="s">
        <v>61572</v>
      </c>
      <c r="D19534" s="14" t="s">
        <v>61573</v>
      </c>
      <c r="E19534" s="2" t="s">
        <v>61574</v>
      </c>
      <c r="F19534" s="2" t="s">
        <v>61575</v>
      </c>
      <c r="G19534" s="8">
        <v>802</v>
      </c>
      <c r="H19534" s="5">
        <v>5</v>
      </c>
      <c r="I19534" s="5" t="s">
        <v>69</v>
      </c>
      <c r="J19534" s="5" t="s">
        <v>61065</v>
      </c>
      <c r="K19534" s="2" t="s">
        <v>61066</v>
      </c>
      <c r="L19534" s="5" t="s">
        <v>61065</v>
      </c>
      <c r="M19534" s="2" t="s">
        <v>61066</v>
      </c>
      <c r="N19534" s="5" t="s">
        <v>733</v>
      </c>
      <c r="O19534" s="5" t="s">
        <v>38</v>
      </c>
      <c r="P19534" s="5" t="s">
        <v>39</v>
      </c>
      <c r="Q19534" s="5" t="s">
        <v>40</v>
      </c>
      <c r="R19534" s="5" t="s">
        <v>897</v>
      </c>
      <c r="S19534" s="5" t="s">
        <v>40</v>
      </c>
      <c r="T19534" s="5" t="s">
        <v>42</v>
      </c>
      <c r="U19534" s="2">
        <v>33.825000000000003</v>
      </c>
      <c r="V19534" s="2">
        <v>31.31</v>
      </c>
      <c r="W19534" s="2">
        <v>0.13</v>
      </c>
      <c r="X19534" s="2">
        <v>17</v>
      </c>
      <c r="Y19534" s="2">
        <v>68.7</v>
      </c>
      <c r="Z19534" s="2">
        <v>111.6</v>
      </c>
      <c r="AA19534" s="5">
        <v>7</v>
      </c>
      <c r="AB19534" s="5" t="s">
        <v>43</v>
      </c>
      <c r="AC19534" s="5" t="s">
        <v>735</v>
      </c>
      <c r="AD19534" s="2" t="s">
        <v>61576</v>
      </c>
      <c r="AE19534" s="1"/>
    </row>
    <row r="19535" spans="1:31" ht="14.45">
      <c r="A19535" s="11"/>
      <c r="B19535" s="20"/>
      <c r="C19535" s="2" t="s">
        <v>61577</v>
      </c>
      <c r="D19535" s="14" t="s">
        <v>61578</v>
      </c>
      <c r="E19535" s="2" t="s">
        <v>61579</v>
      </c>
      <c r="F19535" s="2" t="s">
        <v>61580</v>
      </c>
      <c r="G19535" s="8">
        <v>1102</v>
      </c>
      <c r="H19535" s="5">
        <v>5</v>
      </c>
      <c r="I19535" s="5" t="s">
        <v>69</v>
      </c>
      <c r="J19535" s="5" t="s">
        <v>61065</v>
      </c>
      <c r="K19535" s="2" t="s">
        <v>61066</v>
      </c>
      <c r="L19535" s="5" t="s">
        <v>61065</v>
      </c>
      <c r="M19535" s="2" t="s">
        <v>61066</v>
      </c>
      <c r="N19535" s="5" t="s">
        <v>733</v>
      </c>
      <c r="O19535" s="5" t="s">
        <v>38</v>
      </c>
      <c r="P19535" s="5" t="s">
        <v>39</v>
      </c>
      <c r="Q19535" s="5" t="s">
        <v>40</v>
      </c>
      <c r="R19535" s="5" t="s">
        <v>897</v>
      </c>
      <c r="S19535" s="5" t="s">
        <v>40</v>
      </c>
      <c r="T19535" s="5" t="s">
        <v>42</v>
      </c>
      <c r="U19535" s="2">
        <v>35.56</v>
      </c>
      <c r="V19535" s="2">
        <v>32.975000000000001</v>
      </c>
      <c r="W19535" s="2">
        <v>0.13</v>
      </c>
      <c r="X19535" s="2">
        <v>17</v>
      </c>
      <c r="Y19535" s="2">
        <v>68.7</v>
      </c>
      <c r="Z19535" s="2">
        <v>111.6</v>
      </c>
      <c r="AA19535" s="5">
        <v>7</v>
      </c>
      <c r="AB19535" s="5" t="s">
        <v>43</v>
      </c>
      <c r="AC19535" s="5" t="s">
        <v>735</v>
      </c>
      <c r="AD19535" s="2" t="s">
        <v>61581</v>
      </c>
      <c r="AE19535" s="1"/>
    </row>
    <row r="19536" spans="1:31" ht="14.45">
      <c r="A19536" s="11"/>
      <c r="B19536" s="20"/>
      <c r="C19536" s="2" t="s">
        <v>61582</v>
      </c>
      <c r="D19536" s="14" t="s">
        <v>61583</v>
      </c>
      <c r="E19536" s="2" t="s">
        <v>61584</v>
      </c>
      <c r="F19536" s="2" t="s">
        <v>61585</v>
      </c>
      <c r="G19536" s="8">
        <v>895</v>
      </c>
      <c r="H19536" s="5">
        <v>10</v>
      </c>
      <c r="I19536" s="5" t="s">
        <v>69</v>
      </c>
      <c r="J19536" s="5" t="s">
        <v>61065</v>
      </c>
      <c r="K19536" s="2" t="s">
        <v>61066</v>
      </c>
      <c r="L19536" s="5" t="s">
        <v>61065</v>
      </c>
      <c r="M19536" s="2" t="s">
        <v>61066</v>
      </c>
      <c r="N19536" s="5" t="s">
        <v>733</v>
      </c>
      <c r="O19536" s="5" t="s">
        <v>38</v>
      </c>
      <c r="P19536" s="5" t="s">
        <v>39</v>
      </c>
      <c r="Q19536" s="5" t="s">
        <v>40</v>
      </c>
      <c r="R19536" s="5" t="s">
        <v>897</v>
      </c>
      <c r="S19536" s="5" t="s">
        <v>40</v>
      </c>
      <c r="T19536" s="5" t="s">
        <v>42</v>
      </c>
      <c r="U19536" s="2">
        <v>33.665999999999997</v>
      </c>
      <c r="V19536" s="2">
        <v>31.151</v>
      </c>
      <c r="W19536" s="2">
        <v>0.13</v>
      </c>
      <c r="X19536" s="2">
        <v>17</v>
      </c>
      <c r="Y19536" s="2">
        <v>68.7</v>
      </c>
      <c r="Z19536" s="2">
        <v>111.6</v>
      </c>
      <c r="AA19536" s="5">
        <v>7</v>
      </c>
      <c r="AB19536" s="5" t="s">
        <v>43</v>
      </c>
      <c r="AC19536" s="5" t="s">
        <v>735</v>
      </c>
      <c r="AD19536" s="2" t="s">
        <v>61586</v>
      </c>
      <c r="AE19536" s="1"/>
    </row>
    <row r="19537" spans="1:31" ht="14.45">
      <c r="A19537" s="11"/>
      <c r="B19537" s="20"/>
      <c r="C19537" s="2" t="s">
        <v>61587</v>
      </c>
      <c r="D19537" s="14" t="s">
        <v>61588</v>
      </c>
      <c r="E19537" s="2" t="s">
        <v>61589</v>
      </c>
      <c r="F19537" s="2" t="s">
        <v>61590</v>
      </c>
      <c r="G19537" s="8">
        <v>1195</v>
      </c>
      <c r="H19537" s="5">
        <v>10</v>
      </c>
      <c r="I19537" s="5" t="s">
        <v>69</v>
      </c>
      <c r="J19537" s="5" t="s">
        <v>61065</v>
      </c>
      <c r="K19537" s="2" t="s">
        <v>61066</v>
      </c>
      <c r="L19537" s="5" t="s">
        <v>61065</v>
      </c>
      <c r="M19537" s="2" t="s">
        <v>61066</v>
      </c>
      <c r="N19537" s="5" t="s">
        <v>733</v>
      </c>
      <c r="O19537" s="5" t="s">
        <v>38</v>
      </c>
      <c r="P19537" s="5" t="s">
        <v>39</v>
      </c>
      <c r="Q19537" s="5" t="s">
        <v>40</v>
      </c>
      <c r="R19537" s="5" t="s">
        <v>897</v>
      </c>
      <c r="S19537" s="5" t="s">
        <v>40</v>
      </c>
      <c r="T19537" s="5" t="s">
        <v>42</v>
      </c>
      <c r="U19537" s="2">
        <v>35.451999999999998</v>
      </c>
      <c r="V19537" s="2">
        <v>32.83</v>
      </c>
      <c r="W19537" s="2">
        <v>0.13</v>
      </c>
      <c r="X19537" s="2">
        <v>17</v>
      </c>
      <c r="Y19537" s="2">
        <v>68.7</v>
      </c>
      <c r="Z19537" s="2">
        <v>111.6</v>
      </c>
      <c r="AA19537" s="5">
        <v>7</v>
      </c>
      <c r="AB19537" s="5" t="s">
        <v>43</v>
      </c>
      <c r="AC19537" s="5" t="s">
        <v>735</v>
      </c>
      <c r="AD19537" s="2" t="s">
        <v>61591</v>
      </c>
      <c r="AE19537" s="1"/>
    </row>
    <row r="19538" spans="1:31" ht="14.45">
      <c r="A19538" s="11"/>
      <c r="B19538" s="20"/>
      <c r="C19538" s="2" t="s">
        <v>61592</v>
      </c>
      <c r="D19538" s="14" t="s">
        <v>61593</v>
      </c>
      <c r="E19538" s="2" t="s">
        <v>61594</v>
      </c>
      <c r="F19538" s="2" t="s">
        <v>61595</v>
      </c>
      <c r="G19538" s="8">
        <v>713</v>
      </c>
      <c r="H19538" s="5">
        <v>10</v>
      </c>
      <c r="I19538" s="5" t="s">
        <v>69</v>
      </c>
      <c r="J19538" s="5" t="s">
        <v>61065</v>
      </c>
      <c r="K19538" s="2" t="s">
        <v>61066</v>
      </c>
      <c r="L19538" s="5" t="s">
        <v>61065</v>
      </c>
      <c r="M19538" s="2" t="s">
        <v>61066</v>
      </c>
      <c r="N19538" s="5" t="s">
        <v>733</v>
      </c>
      <c r="O19538" s="5" t="s">
        <v>38</v>
      </c>
      <c r="P19538" s="5" t="s">
        <v>39</v>
      </c>
      <c r="Q19538" s="5" t="s">
        <v>40</v>
      </c>
      <c r="R19538" s="5" t="s">
        <v>897</v>
      </c>
      <c r="S19538" s="5" t="s">
        <v>40</v>
      </c>
      <c r="T19538" s="5" t="s">
        <v>42</v>
      </c>
      <c r="U19538" s="2">
        <v>33.798999999999999</v>
      </c>
      <c r="V19538" s="2">
        <v>31.283999999999999</v>
      </c>
      <c r="W19538" s="2">
        <v>0.13</v>
      </c>
      <c r="X19538" s="2">
        <v>17</v>
      </c>
      <c r="Y19538" s="2">
        <v>68.7</v>
      </c>
      <c r="Z19538" s="2">
        <v>111.6</v>
      </c>
      <c r="AA19538" s="5">
        <v>7</v>
      </c>
      <c r="AB19538" s="5" t="s">
        <v>43</v>
      </c>
      <c r="AC19538" s="5" t="s">
        <v>735</v>
      </c>
      <c r="AD19538" s="2" t="s">
        <v>61596</v>
      </c>
      <c r="AE19538" s="1"/>
    </row>
    <row r="19539" spans="1:31" ht="14.45">
      <c r="A19539" s="11"/>
      <c r="B19539" s="20"/>
      <c r="C19539" s="2" t="s">
        <v>61597</v>
      </c>
      <c r="D19539" s="14" t="s">
        <v>61598</v>
      </c>
      <c r="E19539" s="2" t="s">
        <v>61599</v>
      </c>
      <c r="F19539" s="2" t="s">
        <v>61595</v>
      </c>
      <c r="G19539" s="8">
        <v>1013</v>
      </c>
      <c r="H19539" s="5">
        <v>5</v>
      </c>
      <c r="I19539" s="5" t="s">
        <v>69</v>
      </c>
      <c r="J19539" s="5" t="s">
        <v>61065</v>
      </c>
      <c r="K19539" s="2" t="s">
        <v>61066</v>
      </c>
      <c r="L19539" s="5" t="s">
        <v>61065</v>
      </c>
      <c r="M19539" s="2" t="s">
        <v>61066</v>
      </c>
      <c r="N19539" s="5" t="s">
        <v>733</v>
      </c>
      <c r="O19539" s="5" t="s">
        <v>38</v>
      </c>
      <c r="P19539" s="5" t="s">
        <v>39</v>
      </c>
      <c r="Q19539" s="5" t="s">
        <v>40</v>
      </c>
      <c r="R19539" s="5" t="s">
        <v>897</v>
      </c>
      <c r="S19539" s="5" t="s">
        <v>40</v>
      </c>
      <c r="T19539" s="5" t="s">
        <v>42</v>
      </c>
      <c r="U19539" s="2">
        <v>35.585000000000001</v>
      </c>
      <c r="V19539" s="2">
        <v>32.963000000000001</v>
      </c>
      <c r="W19539" s="2">
        <v>0.13</v>
      </c>
      <c r="X19539" s="2">
        <v>17</v>
      </c>
      <c r="Y19539" s="2">
        <v>68.7</v>
      </c>
      <c r="Z19539" s="2">
        <v>111.6</v>
      </c>
      <c r="AA19539" s="5">
        <v>7</v>
      </c>
      <c r="AB19539" s="5" t="s">
        <v>43</v>
      </c>
      <c r="AC19539" s="5" t="s">
        <v>735</v>
      </c>
      <c r="AD19539" s="2" t="s">
        <v>61600</v>
      </c>
      <c r="AE19539" s="1"/>
    </row>
    <row r="19540" spans="1:31" ht="14.45">
      <c r="A19540" s="11"/>
      <c r="B19540" s="20"/>
      <c r="C19540" s="2" t="s">
        <v>61601</v>
      </c>
      <c r="D19540" s="14" t="s">
        <v>61602</v>
      </c>
      <c r="E19540" s="2" t="s">
        <v>61603</v>
      </c>
      <c r="F19540" s="2" t="s">
        <v>61604</v>
      </c>
      <c r="G19540" s="8">
        <v>601</v>
      </c>
      <c r="H19540" s="5">
        <v>5</v>
      </c>
      <c r="I19540" s="5" t="s">
        <v>69</v>
      </c>
      <c r="J19540" s="5" t="s">
        <v>61065</v>
      </c>
      <c r="K19540" s="2" t="s">
        <v>61066</v>
      </c>
      <c r="L19540" s="5" t="s">
        <v>61065</v>
      </c>
      <c r="M19540" s="2" t="s">
        <v>61066</v>
      </c>
      <c r="N19540" s="5" t="s">
        <v>733</v>
      </c>
      <c r="O19540" s="5" t="s">
        <v>38</v>
      </c>
      <c r="P19540" s="5" t="s">
        <v>39</v>
      </c>
      <c r="Q19540" s="5" t="s">
        <v>40</v>
      </c>
      <c r="R19540" s="5" t="s">
        <v>897</v>
      </c>
      <c r="S19540" s="5" t="s">
        <v>40</v>
      </c>
      <c r="T19540" s="5" t="s">
        <v>42</v>
      </c>
      <c r="U19540" s="2">
        <v>30.006</v>
      </c>
      <c r="V19540" s="2">
        <v>27.497</v>
      </c>
      <c r="W19540" s="2">
        <v>0.13</v>
      </c>
      <c r="X19540" s="2">
        <v>17</v>
      </c>
      <c r="Y19540" s="2">
        <v>68.7</v>
      </c>
      <c r="Z19540" s="2">
        <v>111.6</v>
      </c>
      <c r="AA19540" s="5">
        <v>7</v>
      </c>
      <c r="AB19540" s="5" t="s">
        <v>43</v>
      </c>
      <c r="AC19540" s="5" t="s">
        <v>735</v>
      </c>
      <c r="AD19540" s="2" t="s">
        <v>61605</v>
      </c>
      <c r="AE19540" s="1"/>
    </row>
    <row r="19541" spans="1:31" ht="14.45">
      <c r="A19541" s="11"/>
      <c r="B19541" s="20"/>
      <c r="C19541" s="2" t="s">
        <v>61606</v>
      </c>
      <c r="D19541" s="14" t="s">
        <v>61607</v>
      </c>
      <c r="E19541" s="2" t="s">
        <v>61608</v>
      </c>
      <c r="F19541" s="2" t="s">
        <v>61604</v>
      </c>
      <c r="G19541" s="8">
        <v>901</v>
      </c>
      <c r="H19541" s="5">
        <v>5</v>
      </c>
      <c r="I19541" s="5" t="s">
        <v>69</v>
      </c>
      <c r="J19541" s="5" t="s">
        <v>61065</v>
      </c>
      <c r="K19541" s="2" t="s">
        <v>61066</v>
      </c>
      <c r="L19541" s="5" t="s">
        <v>61065</v>
      </c>
      <c r="M19541" s="2" t="s">
        <v>61066</v>
      </c>
      <c r="N19541" s="5" t="s">
        <v>733</v>
      </c>
      <c r="O19541" s="5" t="s">
        <v>38</v>
      </c>
      <c r="P19541" s="5" t="s">
        <v>39</v>
      </c>
      <c r="Q19541" s="5" t="s">
        <v>40</v>
      </c>
      <c r="R19541" s="5" t="s">
        <v>897</v>
      </c>
      <c r="S19541" s="5" t="s">
        <v>40</v>
      </c>
      <c r="T19541" s="5" t="s">
        <v>42</v>
      </c>
      <c r="U19541" s="2">
        <v>31.832999999999998</v>
      </c>
      <c r="V19541" s="2">
        <v>29.234000000000002</v>
      </c>
      <c r="W19541" s="2">
        <v>0.13</v>
      </c>
      <c r="X19541" s="2">
        <v>17</v>
      </c>
      <c r="Y19541" s="2">
        <v>68.7</v>
      </c>
      <c r="Z19541" s="2">
        <v>111.6</v>
      </c>
      <c r="AA19541" s="5">
        <v>7</v>
      </c>
      <c r="AB19541" s="5" t="s">
        <v>43</v>
      </c>
      <c r="AC19541" s="5" t="s">
        <v>735</v>
      </c>
      <c r="AD19541" s="2" t="s">
        <v>61609</v>
      </c>
      <c r="AE19541" s="1"/>
    </row>
    <row r="19542" spans="1:31" ht="14.45">
      <c r="A19542" s="11"/>
      <c r="B19542" s="20"/>
      <c r="C19542" s="2" t="s">
        <v>61610</v>
      </c>
      <c r="D19542" s="14" t="s">
        <v>61611</v>
      </c>
      <c r="E19542" s="2" t="s">
        <v>61612</v>
      </c>
      <c r="F19542" s="2" t="s">
        <v>61604</v>
      </c>
      <c r="G19542" s="8">
        <v>901</v>
      </c>
      <c r="H19542" s="5">
        <v>5</v>
      </c>
      <c r="I19542" s="5" t="s">
        <v>69</v>
      </c>
      <c r="J19542" s="5" t="s">
        <v>61065</v>
      </c>
      <c r="K19542" s="2" t="s">
        <v>61066</v>
      </c>
      <c r="L19542" s="5" t="s">
        <v>61065</v>
      </c>
      <c r="M19542" s="2" t="s">
        <v>61066</v>
      </c>
      <c r="N19542" s="5" t="s">
        <v>733</v>
      </c>
      <c r="O19542" s="5" t="s">
        <v>38</v>
      </c>
      <c r="P19542" s="5" t="s">
        <v>39</v>
      </c>
      <c r="Q19542" s="5" t="s">
        <v>40</v>
      </c>
      <c r="R19542" s="5" t="s">
        <v>897</v>
      </c>
      <c r="S19542" s="5" t="s">
        <v>40</v>
      </c>
      <c r="T19542" s="5" t="s">
        <v>42</v>
      </c>
      <c r="U19542" s="2">
        <v>32.055</v>
      </c>
      <c r="V19542" s="2">
        <v>29.369</v>
      </c>
      <c r="W19542" s="2">
        <v>0.13</v>
      </c>
      <c r="X19542" s="2">
        <v>17</v>
      </c>
      <c r="Y19542" s="2">
        <v>68.7</v>
      </c>
      <c r="Z19542" s="2">
        <v>111.6</v>
      </c>
      <c r="AA19542" s="5">
        <v>7</v>
      </c>
      <c r="AB19542" s="5" t="s">
        <v>43</v>
      </c>
      <c r="AC19542" s="5" t="s">
        <v>735</v>
      </c>
      <c r="AD19542" s="2" t="s">
        <v>61613</v>
      </c>
      <c r="AE19542" s="1"/>
    </row>
    <row r="19543" spans="1:31" ht="14.45">
      <c r="A19543" s="11"/>
      <c r="B19543" s="20"/>
      <c r="C19543" s="2" t="s">
        <v>61614</v>
      </c>
      <c r="D19543" s="14" t="s">
        <v>61615</v>
      </c>
      <c r="E19543" s="2" t="s">
        <v>61616</v>
      </c>
      <c r="F19543" s="2" t="s">
        <v>61617</v>
      </c>
      <c r="G19543" s="8">
        <v>744</v>
      </c>
      <c r="H19543" s="5">
        <v>5</v>
      </c>
      <c r="I19543" s="5" t="s">
        <v>69</v>
      </c>
      <c r="J19543" s="5" t="s">
        <v>61065</v>
      </c>
      <c r="K19543" s="2" t="s">
        <v>61066</v>
      </c>
      <c r="L19543" s="5" t="s">
        <v>61065</v>
      </c>
      <c r="M19543" s="2" t="s">
        <v>61066</v>
      </c>
      <c r="N19543" s="5" t="s">
        <v>733</v>
      </c>
      <c r="O19543" s="5" t="s">
        <v>38</v>
      </c>
      <c r="P19543" s="5" t="s">
        <v>39</v>
      </c>
      <c r="Q19543" s="5" t="s">
        <v>40</v>
      </c>
      <c r="R19543" s="5" t="s">
        <v>897</v>
      </c>
      <c r="S19543" s="5" t="s">
        <v>40</v>
      </c>
      <c r="T19543" s="5" t="s">
        <v>42</v>
      </c>
      <c r="U19543" s="2">
        <v>33.807000000000002</v>
      </c>
      <c r="V19543" s="2">
        <v>31.297000000000001</v>
      </c>
      <c r="W19543" s="2">
        <v>0.13</v>
      </c>
      <c r="X19543" s="2">
        <v>17</v>
      </c>
      <c r="Y19543" s="2">
        <v>68.7</v>
      </c>
      <c r="Z19543" s="2">
        <v>111.6</v>
      </c>
      <c r="AA19543" s="5">
        <v>7</v>
      </c>
      <c r="AB19543" s="5" t="s">
        <v>43</v>
      </c>
      <c r="AC19543" s="5" t="s">
        <v>735</v>
      </c>
      <c r="AD19543" s="2" t="s">
        <v>61618</v>
      </c>
      <c r="AE19543" s="1"/>
    </row>
    <row r="19544" spans="1:31" ht="14.45">
      <c r="A19544" s="11"/>
      <c r="B19544" s="20"/>
      <c r="C19544" s="2" t="s">
        <v>61619</v>
      </c>
      <c r="D19544" s="14" t="s">
        <v>61620</v>
      </c>
      <c r="E19544" s="2" t="s">
        <v>61621</v>
      </c>
      <c r="F19544" s="2" t="s">
        <v>61617</v>
      </c>
      <c r="G19544" s="8">
        <v>1044</v>
      </c>
      <c r="H19544" s="5">
        <v>5</v>
      </c>
      <c r="I19544" s="5" t="s">
        <v>69</v>
      </c>
      <c r="J19544" s="5" t="s">
        <v>61065</v>
      </c>
      <c r="K19544" s="2" t="s">
        <v>61066</v>
      </c>
      <c r="L19544" s="5" t="s">
        <v>61065</v>
      </c>
      <c r="M19544" s="2" t="s">
        <v>61066</v>
      </c>
      <c r="N19544" s="5" t="s">
        <v>733</v>
      </c>
      <c r="O19544" s="5" t="s">
        <v>38</v>
      </c>
      <c r="P19544" s="5" t="s">
        <v>39</v>
      </c>
      <c r="Q19544" s="5" t="s">
        <v>40</v>
      </c>
      <c r="R19544" s="5" t="s">
        <v>897</v>
      </c>
      <c r="S19544" s="5" t="s">
        <v>40</v>
      </c>
      <c r="T19544" s="5" t="s">
        <v>42</v>
      </c>
      <c r="U19544" s="2">
        <v>35.552</v>
      </c>
      <c r="V19544" s="2">
        <v>32.93</v>
      </c>
      <c r="W19544" s="2">
        <v>0.13</v>
      </c>
      <c r="X19544" s="2">
        <v>17</v>
      </c>
      <c r="Y19544" s="2">
        <v>68.7</v>
      </c>
      <c r="Z19544" s="2">
        <v>111.6</v>
      </c>
      <c r="AA19544" s="5">
        <v>7</v>
      </c>
      <c r="AB19544" s="5" t="s">
        <v>43</v>
      </c>
      <c r="AC19544" s="5" t="s">
        <v>735</v>
      </c>
      <c r="AD19544" s="2" t="s">
        <v>61622</v>
      </c>
      <c r="AE19544" s="1"/>
    </row>
    <row r="19545" spans="1:31" ht="14.45">
      <c r="A19545" s="11"/>
      <c r="B19545" s="20"/>
      <c r="C19545" s="2" t="s">
        <v>61623</v>
      </c>
      <c r="D19545" s="14" t="s">
        <v>61624</v>
      </c>
      <c r="E19545" s="2" t="s">
        <v>61625</v>
      </c>
      <c r="F19545" s="2" t="s">
        <v>61617</v>
      </c>
      <c r="G19545" s="8">
        <v>1044</v>
      </c>
      <c r="H19545" s="5">
        <v>5</v>
      </c>
      <c r="I19545" s="5" t="s">
        <v>69</v>
      </c>
      <c r="J19545" s="5" t="s">
        <v>61065</v>
      </c>
      <c r="K19545" s="2" t="s">
        <v>61066</v>
      </c>
      <c r="L19545" s="5" t="s">
        <v>61065</v>
      </c>
      <c r="M19545" s="2" t="s">
        <v>61066</v>
      </c>
      <c r="N19545" s="5" t="s">
        <v>733</v>
      </c>
      <c r="O19545" s="5" t="s">
        <v>38</v>
      </c>
      <c r="P19545" s="5" t="s">
        <v>39</v>
      </c>
      <c r="Q19545" s="5" t="s">
        <v>40</v>
      </c>
      <c r="R19545" s="5" t="s">
        <v>897</v>
      </c>
      <c r="S19545" s="5" t="s">
        <v>40</v>
      </c>
      <c r="T19545" s="5" t="s">
        <v>42</v>
      </c>
      <c r="U19545" s="2">
        <v>35.768999999999998</v>
      </c>
      <c r="V19545" s="2">
        <v>33.097000000000001</v>
      </c>
      <c r="W19545" s="2">
        <v>0.13</v>
      </c>
      <c r="X19545" s="2">
        <v>17</v>
      </c>
      <c r="Y19545" s="2">
        <v>68.7</v>
      </c>
      <c r="Z19545" s="2">
        <v>111.6</v>
      </c>
      <c r="AA19545" s="5">
        <v>7</v>
      </c>
      <c r="AB19545" s="5" t="s">
        <v>43</v>
      </c>
      <c r="AC19545" s="5" t="s">
        <v>735</v>
      </c>
      <c r="AD19545" s="2" t="s">
        <v>61626</v>
      </c>
      <c r="AE19545" s="1"/>
    </row>
    <row r="19546" spans="1:31" ht="14.45">
      <c r="A19546" s="11"/>
      <c r="B19546" s="20"/>
      <c r="C19546" s="2" t="s">
        <v>61627</v>
      </c>
      <c r="D19546" s="14" t="s">
        <v>61628</v>
      </c>
      <c r="E19546" s="2" t="s">
        <v>61629</v>
      </c>
      <c r="F19546" s="2" t="s">
        <v>61630</v>
      </c>
      <c r="G19546" s="8">
        <v>1270</v>
      </c>
      <c r="H19546" s="5">
        <v>5</v>
      </c>
      <c r="I19546" s="5" t="s">
        <v>69</v>
      </c>
      <c r="J19546" s="5" t="s">
        <v>61065</v>
      </c>
      <c r="K19546" s="2" t="s">
        <v>61066</v>
      </c>
      <c r="L19546" s="5" t="s">
        <v>61065</v>
      </c>
      <c r="M19546" s="2" t="s">
        <v>61066</v>
      </c>
      <c r="N19546" s="5" t="s">
        <v>733</v>
      </c>
      <c r="O19546" s="5" t="s">
        <v>38</v>
      </c>
      <c r="P19546" s="5" t="s">
        <v>39</v>
      </c>
      <c r="Q19546" s="5" t="s">
        <v>40</v>
      </c>
      <c r="R19546" s="5" t="s">
        <v>897</v>
      </c>
      <c r="S19546" s="5" t="s">
        <v>40</v>
      </c>
      <c r="T19546" s="5" t="s">
        <v>42</v>
      </c>
      <c r="U19546" s="2">
        <v>36.366</v>
      </c>
      <c r="V19546" s="2">
        <v>33.850999999999999</v>
      </c>
      <c r="W19546" s="2">
        <v>0.13</v>
      </c>
      <c r="X19546" s="2">
        <v>17</v>
      </c>
      <c r="Y19546" s="2">
        <v>68.7</v>
      </c>
      <c r="Z19546" s="2">
        <v>111.6</v>
      </c>
      <c r="AA19546" s="5">
        <v>7</v>
      </c>
      <c r="AB19546" s="5" t="s">
        <v>43</v>
      </c>
      <c r="AC19546" s="5" t="s">
        <v>735</v>
      </c>
      <c r="AD19546" s="2" t="s">
        <v>61631</v>
      </c>
      <c r="AE19546" s="1"/>
    </row>
    <row r="19547" spans="1:31" ht="14.45">
      <c r="A19547" s="11"/>
      <c r="B19547" s="20"/>
      <c r="C19547" s="2" t="s">
        <v>61632</v>
      </c>
      <c r="D19547" s="14" t="s">
        <v>61633</v>
      </c>
      <c r="E19547" s="2" t="s">
        <v>61634</v>
      </c>
      <c r="F19547" s="2" t="s">
        <v>61635</v>
      </c>
      <c r="G19547" s="8">
        <v>1570</v>
      </c>
      <c r="H19547" s="5">
        <v>10</v>
      </c>
      <c r="I19547" s="5" t="s">
        <v>69</v>
      </c>
      <c r="J19547" s="5" t="s">
        <v>61065</v>
      </c>
      <c r="K19547" s="2" t="s">
        <v>61066</v>
      </c>
      <c r="L19547" s="5" t="s">
        <v>61065</v>
      </c>
      <c r="M19547" s="2" t="s">
        <v>61066</v>
      </c>
      <c r="N19547" s="5" t="s">
        <v>733</v>
      </c>
      <c r="O19547" s="5" t="s">
        <v>38</v>
      </c>
      <c r="P19547" s="5" t="s">
        <v>39</v>
      </c>
      <c r="Q19547" s="5" t="s">
        <v>40</v>
      </c>
      <c r="R19547" s="5" t="s">
        <v>897</v>
      </c>
      <c r="S19547" s="5" t="s">
        <v>40</v>
      </c>
      <c r="T19547" s="5" t="s">
        <v>42</v>
      </c>
      <c r="U19547" s="2">
        <v>38.152000000000001</v>
      </c>
      <c r="V19547" s="2">
        <v>35.53</v>
      </c>
      <c r="W19547" s="2">
        <v>0.13</v>
      </c>
      <c r="X19547" s="2">
        <v>17</v>
      </c>
      <c r="Y19547" s="2">
        <v>68.7</v>
      </c>
      <c r="Z19547" s="2">
        <v>111.6</v>
      </c>
      <c r="AA19547" s="5">
        <v>7</v>
      </c>
      <c r="AB19547" s="5" t="s">
        <v>43</v>
      </c>
      <c r="AC19547" s="5" t="s">
        <v>735</v>
      </c>
      <c r="AD19547" s="2" t="s">
        <v>61636</v>
      </c>
      <c r="AE19547" s="1"/>
    </row>
    <row r="19548" spans="1:31" ht="14.45">
      <c r="A19548" s="11"/>
      <c r="B19548" s="20"/>
      <c r="C19548" s="2" t="s">
        <v>61637</v>
      </c>
      <c r="D19548" s="14" t="s">
        <v>61638</v>
      </c>
      <c r="E19548" s="2" t="s">
        <v>61639</v>
      </c>
      <c r="F19548" s="2" t="s">
        <v>61640</v>
      </c>
      <c r="G19548" s="8">
        <v>1069</v>
      </c>
      <c r="H19548" s="5">
        <v>5</v>
      </c>
      <c r="I19548" s="5" t="s">
        <v>69</v>
      </c>
      <c r="J19548" s="5" t="s">
        <v>61065</v>
      </c>
      <c r="K19548" s="2" t="s">
        <v>61066</v>
      </c>
      <c r="L19548" s="5" t="s">
        <v>61065</v>
      </c>
      <c r="M19548" s="2" t="s">
        <v>61066</v>
      </c>
      <c r="N19548" s="5" t="s">
        <v>733</v>
      </c>
      <c r="O19548" s="5" t="s">
        <v>38</v>
      </c>
      <c r="P19548" s="5" t="s">
        <v>39</v>
      </c>
      <c r="Q19548" s="5" t="s">
        <v>40</v>
      </c>
      <c r="R19548" s="5" t="s">
        <v>897</v>
      </c>
      <c r="S19548" s="5" t="s">
        <v>40</v>
      </c>
      <c r="T19548" s="5" t="s">
        <v>42</v>
      </c>
      <c r="U19548" s="2">
        <v>32.670999999999999</v>
      </c>
      <c r="V19548" s="2">
        <v>30.141999999999999</v>
      </c>
      <c r="W19548" s="2">
        <v>0.13</v>
      </c>
      <c r="X19548" s="2">
        <v>17</v>
      </c>
      <c r="Y19548" s="2">
        <v>68.7</v>
      </c>
      <c r="Z19548" s="2">
        <v>111.6</v>
      </c>
      <c r="AA19548" s="5">
        <v>7</v>
      </c>
      <c r="AB19548" s="5" t="s">
        <v>43</v>
      </c>
      <c r="AC19548" s="5" t="s">
        <v>735</v>
      </c>
      <c r="AD19548" s="2" t="s">
        <v>61641</v>
      </c>
      <c r="AE19548" s="1"/>
    </row>
    <row r="19549" spans="1:31" ht="14.45">
      <c r="A19549" s="11"/>
      <c r="B19549" s="20"/>
      <c r="C19549" s="2" t="s">
        <v>61642</v>
      </c>
      <c r="D19549" s="14" t="s">
        <v>61643</v>
      </c>
      <c r="E19549" s="2" t="s">
        <v>61644</v>
      </c>
      <c r="F19549" s="2" t="s">
        <v>61645</v>
      </c>
      <c r="G19549" s="8">
        <v>1212</v>
      </c>
      <c r="H19549" s="5">
        <v>5</v>
      </c>
      <c r="I19549" s="5" t="s">
        <v>69</v>
      </c>
      <c r="J19549" s="5" t="s">
        <v>61065</v>
      </c>
      <c r="K19549" s="2" t="s">
        <v>61066</v>
      </c>
      <c r="L19549" s="5" t="s">
        <v>61065</v>
      </c>
      <c r="M19549" s="2" t="s">
        <v>61066</v>
      </c>
      <c r="N19549" s="5" t="s">
        <v>733</v>
      </c>
      <c r="O19549" s="5" t="s">
        <v>38</v>
      </c>
      <c r="P19549" s="5" t="s">
        <v>39</v>
      </c>
      <c r="Q19549" s="5" t="s">
        <v>40</v>
      </c>
      <c r="R19549" s="5" t="s">
        <v>897</v>
      </c>
      <c r="S19549" s="5" t="s">
        <v>40</v>
      </c>
      <c r="T19549" s="5" t="s">
        <v>42</v>
      </c>
      <c r="U19549" s="2">
        <v>36.344999999999999</v>
      </c>
      <c r="V19549" s="2">
        <v>33.83</v>
      </c>
      <c r="W19549" s="2">
        <v>0.13</v>
      </c>
      <c r="X19549" s="2">
        <v>17</v>
      </c>
      <c r="Y19549" s="2">
        <v>68.7</v>
      </c>
      <c r="Z19549" s="2">
        <v>111.6</v>
      </c>
      <c r="AA19549" s="5">
        <v>7</v>
      </c>
      <c r="AB19549" s="5" t="s">
        <v>43</v>
      </c>
      <c r="AC19549" s="5" t="s">
        <v>735</v>
      </c>
      <c r="AD19549" s="2" t="s">
        <v>61646</v>
      </c>
      <c r="AE19549" s="1"/>
    </row>
    <row r="19550" spans="1:31" ht="14.45">
      <c r="A19550" s="11"/>
      <c r="B19550" s="20"/>
      <c r="C19550" s="2" t="s">
        <v>61647</v>
      </c>
      <c r="D19550" s="14" t="s">
        <v>61648</v>
      </c>
      <c r="E19550" s="2" t="s">
        <v>61649</v>
      </c>
      <c r="F19550" s="2" t="s">
        <v>61645</v>
      </c>
      <c r="G19550" s="8">
        <v>1512</v>
      </c>
      <c r="H19550" s="5">
        <v>10</v>
      </c>
      <c r="I19550" s="5" t="s">
        <v>69</v>
      </c>
      <c r="J19550" s="5" t="s">
        <v>61065</v>
      </c>
      <c r="K19550" s="2" t="s">
        <v>61066</v>
      </c>
      <c r="L19550" s="5" t="s">
        <v>61065</v>
      </c>
      <c r="M19550" s="2" t="s">
        <v>61066</v>
      </c>
      <c r="N19550" s="5" t="s">
        <v>733</v>
      </c>
      <c r="O19550" s="5" t="s">
        <v>38</v>
      </c>
      <c r="P19550" s="5" t="s">
        <v>39</v>
      </c>
      <c r="Q19550" s="5" t="s">
        <v>40</v>
      </c>
      <c r="R19550" s="5" t="s">
        <v>897</v>
      </c>
      <c r="S19550" s="5" t="s">
        <v>40</v>
      </c>
      <c r="T19550" s="5" t="s">
        <v>42</v>
      </c>
      <c r="U19550" s="2">
        <v>38.131</v>
      </c>
      <c r="V19550" s="2">
        <v>35.509</v>
      </c>
      <c r="W19550" s="2">
        <v>0.13</v>
      </c>
      <c r="X19550" s="2">
        <v>17</v>
      </c>
      <c r="Y19550" s="2">
        <v>68.7</v>
      </c>
      <c r="Z19550" s="2">
        <v>111.6</v>
      </c>
      <c r="AA19550" s="5">
        <v>7</v>
      </c>
      <c r="AB19550" s="5" t="s">
        <v>43</v>
      </c>
      <c r="AC19550" s="5" t="s">
        <v>735</v>
      </c>
      <c r="AD19550" s="2" t="s">
        <v>61650</v>
      </c>
      <c r="AE19550" s="1"/>
    </row>
    <row r="19551" spans="1:31" ht="14.45">
      <c r="A19551" s="11"/>
      <c r="B19551" s="20"/>
      <c r="C19551" s="2" t="s">
        <v>61651</v>
      </c>
      <c r="D19551" s="14" t="s">
        <v>61652</v>
      </c>
      <c r="E19551" s="2" t="s">
        <v>61653</v>
      </c>
      <c r="F19551" s="2" t="s">
        <v>61654</v>
      </c>
      <c r="G19551" s="8">
        <v>1570</v>
      </c>
      <c r="H19551" s="5">
        <v>10</v>
      </c>
      <c r="I19551" s="5" t="s">
        <v>69</v>
      </c>
      <c r="J19551" s="5" t="s">
        <v>61065</v>
      </c>
      <c r="K19551" s="2" t="s">
        <v>61066</v>
      </c>
      <c r="L19551" s="5" t="s">
        <v>61065</v>
      </c>
      <c r="M19551" s="2" t="s">
        <v>61066</v>
      </c>
      <c r="N19551" s="5" t="s">
        <v>733</v>
      </c>
      <c r="O19551" s="5" t="s">
        <v>38</v>
      </c>
      <c r="P19551" s="5" t="s">
        <v>39</v>
      </c>
      <c r="Q19551" s="5" t="s">
        <v>40</v>
      </c>
      <c r="R19551" s="5" t="s">
        <v>897</v>
      </c>
      <c r="S19551" s="5" t="s">
        <v>40</v>
      </c>
      <c r="T19551" s="5" t="s">
        <v>42</v>
      </c>
      <c r="U19551" s="2">
        <v>37.438000000000002</v>
      </c>
      <c r="V19551" s="2">
        <v>34.816000000000003</v>
      </c>
      <c r="W19551" s="2">
        <v>0.13</v>
      </c>
      <c r="X19551" s="2">
        <v>17</v>
      </c>
      <c r="Y19551" s="2">
        <v>68.7</v>
      </c>
      <c r="Z19551" s="2">
        <v>111.6</v>
      </c>
      <c r="AA19551" s="5">
        <v>7</v>
      </c>
      <c r="AB19551" s="5" t="s">
        <v>43</v>
      </c>
      <c r="AC19551" s="5" t="s">
        <v>735</v>
      </c>
      <c r="AD19551" s="2" t="s">
        <v>61655</v>
      </c>
      <c r="AE19551" s="1"/>
    </row>
    <row r="19552" spans="1:31" ht="14.45">
      <c r="A19552" s="11"/>
      <c r="B19552" s="20"/>
      <c r="C19552" s="2" t="s">
        <v>61656</v>
      </c>
      <c r="D19552" s="14" t="s">
        <v>61657</v>
      </c>
      <c r="E19552" s="2" t="s">
        <v>61658</v>
      </c>
      <c r="F19552" s="2" t="s">
        <v>61659</v>
      </c>
      <c r="G19552" s="8">
        <v>1212</v>
      </c>
      <c r="H19552" s="5">
        <v>10</v>
      </c>
      <c r="I19552" s="5" t="s">
        <v>69</v>
      </c>
      <c r="J19552" s="5" t="s">
        <v>61065</v>
      </c>
      <c r="K19552" s="2" t="s">
        <v>61066</v>
      </c>
      <c r="L19552" s="5" t="s">
        <v>61065</v>
      </c>
      <c r="M19552" s="2" t="s">
        <v>61066</v>
      </c>
      <c r="N19552" s="5" t="s">
        <v>733</v>
      </c>
      <c r="O19552" s="5" t="s">
        <v>38</v>
      </c>
      <c r="P19552" s="5" t="s">
        <v>39</v>
      </c>
      <c r="Q19552" s="5" t="s">
        <v>40</v>
      </c>
      <c r="R19552" s="5" t="s">
        <v>897</v>
      </c>
      <c r="S19552" s="5" t="s">
        <v>40</v>
      </c>
      <c r="T19552" s="5" t="s">
        <v>42</v>
      </c>
      <c r="U19552" s="2">
        <v>35.631</v>
      </c>
      <c r="V19552" s="2">
        <v>33.116</v>
      </c>
      <c r="W19552" s="2">
        <v>0.13</v>
      </c>
      <c r="X19552" s="2">
        <v>17</v>
      </c>
      <c r="Y19552" s="2">
        <v>68.7</v>
      </c>
      <c r="Z19552" s="2">
        <v>111.6</v>
      </c>
      <c r="AA19552" s="5">
        <v>7</v>
      </c>
      <c r="AB19552" s="5" t="s">
        <v>43</v>
      </c>
      <c r="AC19552" s="5" t="s">
        <v>735</v>
      </c>
      <c r="AD19552" s="2" t="s">
        <v>61660</v>
      </c>
      <c r="AE19552" s="1"/>
    </row>
    <row r="19553" spans="1:31" ht="14.45">
      <c r="A19553" s="11"/>
      <c r="B19553" s="20"/>
      <c r="C19553" s="2" t="s">
        <v>61661</v>
      </c>
      <c r="D19553" s="14" t="s">
        <v>61662</v>
      </c>
      <c r="E19553" s="2" t="s">
        <v>61663</v>
      </c>
      <c r="F19553" s="2" t="s">
        <v>61664</v>
      </c>
      <c r="G19553" s="8">
        <v>1104</v>
      </c>
      <c r="H19553" s="5">
        <v>10</v>
      </c>
      <c r="I19553" s="5" t="s">
        <v>69</v>
      </c>
      <c r="J19553" s="5" t="s">
        <v>61065</v>
      </c>
      <c r="K19553" s="2" t="s">
        <v>61066</v>
      </c>
      <c r="L19553" s="5" t="s">
        <v>61065</v>
      </c>
      <c r="M19553" s="2" t="s">
        <v>61066</v>
      </c>
      <c r="N19553" s="5" t="s">
        <v>733</v>
      </c>
      <c r="O19553" s="5" t="s">
        <v>38</v>
      </c>
      <c r="P19553" s="5" t="s">
        <v>39</v>
      </c>
      <c r="Q19553" s="5" t="s">
        <v>40</v>
      </c>
      <c r="R19553" s="5" t="s">
        <v>1487</v>
      </c>
      <c r="S19553" s="5"/>
      <c r="T19553" s="5" t="s">
        <v>42</v>
      </c>
      <c r="U19553" s="2">
        <v>0</v>
      </c>
      <c r="V19553" s="2">
        <v>0</v>
      </c>
      <c r="W19553" s="2">
        <v>0</v>
      </c>
      <c r="X19553" s="2">
        <v>0</v>
      </c>
      <c r="Y19553" s="2">
        <v>0</v>
      </c>
      <c r="Z19553" s="2">
        <v>0</v>
      </c>
      <c r="AA19553" s="5"/>
      <c r="AB19553" s="5" t="s">
        <v>43</v>
      </c>
      <c r="AC19553" s="5" t="s">
        <v>735</v>
      </c>
      <c r="AD19553" s="2" t="s">
        <v>61665</v>
      </c>
      <c r="AE19553" s="1"/>
    </row>
    <row r="19554" spans="1:31" ht="14.45">
      <c r="A19554" s="11"/>
      <c r="B19554" s="20"/>
      <c r="C19554" s="2" t="s">
        <v>61666</v>
      </c>
      <c r="D19554" s="14" t="s">
        <v>61667</v>
      </c>
      <c r="E19554" s="2" t="s">
        <v>61668</v>
      </c>
      <c r="F19554" s="2" t="s">
        <v>61669</v>
      </c>
      <c r="G19554" s="8">
        <v>1033</v>
      </c>
      <c r="H19554" s="5">
        <v>5</v>
      </c>
      <c r="I19554" s="5" t="s">
        <v>69</v>
      </c>
      <c r="J19554" s="5" t="s">
        <v>61065</v>
      </c>
      <c r="K19554" s="2" t="s">
        <v>61066</v>
      </c>
      <c r="L19554" s="5" t="s">
        <v>61065</v>
      </c>
      <c r="M19554" s="2" t="s">
        <v>61066</v>
      </c>
      <c r="N19554" s="5" t="s">
        <v>733</v>
      </c>
      <c r="O19554" s="5" t="s">
        <v>38</v>
      </c>
      <c r="P19554" s="5" t="s">
        <v>39</v>
      </c>
      <c r="Q19554" s="5" t="s">
        <v>40</v>
      </c>
      <c r="R19554" s="5" t="s">
        <v>897</v>
      </c>
      <c r="S19554" s="5" t="s">
        <v>40</v>
      </c>
      <c r="T19554" s="5" t="s">
        <v>42</v>
      </c>
      <c r="U19554" s="2">
        <v>45.338000000000001</v>
      </c>
      <c r="V19554" s="2">
        <v>41.924999999999997</v>
      </c>
      <c r="W19554" s="2">
        <v>0.17199999999999999</v>
      </c>
      <c r="X19554" s="2">
        <v>17</v>
      </c>
      <c r="Y19554" s="2">
        <v>76.7</v>
      </c>
      <c r="Z19554" s="2">
        <v>131.6</v>
      </c>
      <c r="AA19554" s="5">
        <v>7</v>
      </c>
      <c r="AB19554" s="5" t="s">
        <v>43</v>
      </c>
      <c r="AC19554" s="5" t="s">
        <v>735</v>
      </c>
      <c r="AD19554" s="2" t="s">
        <v>61670</v>
      </c>
      <c r="AE19554" s="1"/>
    </row>
    <row r="19555" spans="1:31" ht="14.45">
      <c r="A19555" s="11"/>
      <c r="B19555" s="20"/>
      <c r="C19555" s="2" t="s">
        <v>61671</v>
      </c>
      <c r="D19555" s="14" t="s">
        <v>61672</v>
      </c>
      <c r="E19555" s="2" t="s">
        <v>61673</v>
      </c>
      <c r="F19555" s="2" t="s">
        <v>61674</v>
      </c>
      <c r="G19555" s="8">
        <v>1333</v>
      </c>
      <c r="H19555" s="5">
        <v>5</v>
      </c>
      <c r="I19555" s="5" t="s">
        <v>69</v>
      </c>
      <c r="J19555" s="5" t="s">
        <v>61065</v>
      </c>
      <c r="K19555" s="2" t="s">
        <v>61066</v>
      </c>
      <c r="L19555" s="5" t="s">
        <v>61065</v>
      </c>
      <c r="M19555" s="2" t="s">
        <v>61066</v>
      </c>
      <c r="N19555" s="5" t="s">
        <v>733</v>
      </c>
      <c r="O19555" s="5" t="s">
        <v>38</v>
      </c>
      <c r="P19555" s="5" t="s">
        <v>39</v>
      </c>
      <c r="Q19555" s="5" t="s">
        <v>40</v>
      </c>
      <c r="R19555" s="5" t="s">
        <v>897</v>
      </c>
      <c r="S19555" s="5" t="s">
        <v>40</v>
      </c>
      <c r="T19555" s="5" t="s">
        <v>42</v>
      </c>
      <c r="U19555" s="2">
        <v>47.808999999999997</v>
      </c>
      <c r="V19555" s="2">
        <v>44.328000000000003</v>
      </c>
      <c r="W19555" s="2">
        <v>0.17199999999999999</v>
      </c>
      <c r="X19555" s="2">
        <v>17</v>
      </c>
      <c r="Y19555" s="2">
        <v>76.7</v>
      </c>
      <c r="Z19555" s="2">
        <v>131.6</v>
      </c>
      <c r="AA19555" s="5">
        <v>7</v>
      </c>
      <c r="AB19555" s="5" t="s">
        <v>43</v>
      </c>
      <c r="AC19555" s="5" t="s">
        <v>735</v>
      </c>
      <c r="AD19555" s="2" t="s">
        <v>61675</v>
      </c>
      <c r="AE19555" s="1"/>
    </row>
    <row r="19556" spans="1:31" ht="14.45">
      <c r="A19556" s="11"/>
      <c r="B19556" s="20"/>
      <c r="C19556" s="2" t="s">
        <v>61676</v>
      </c>
      <c r="D19556" s="14" t="s">
        <v>61677</v>
      </c>
      <c r="E19556" s="2" t="s">
        <v>61678</v>
      </c>
      <c r="F19556" s="2" t="s">
        <v>61679</v>
      </c>
      <c r="G19556" s="8">
        <v>921</v>
      </c>
      <c r="H19556" s="5">
        <v>5</v>
      </c>
      <c r="I19556" s="5" t="s">
        <v>69</v>
      </c>
      <c r="J19556" s="5" t="s">
        <v>61065</v>
      </c>
      <c r="K19556" s="2" t="s">
        <v>61066</v>
      </c>
      <c r="L19556" s="5" t="s">
        <v>61065</v>
      </c>
      <c r="M19556" s="2" t="s">
        <v>61066</v>
      </c>
      <c r="N19556" s="5" t="s">
        <v>733</v>
      </c>
      <c r="O19556" s="5" t="s">
        <v>38</v>
      </c>
      <c r="P19556" s="5" t="s">
        <v>39</v>
      </c>
      <c r="Q19556" s="5" t="s">
        <v>40</v>
      </c>
      <c r="R19556" s="5" t="s">
        <v>897</v>
      </c>
      <c r="S19556" s="5" t="s">
        <v>40</v>
      </c>
      <c r="T19556" s="5" t="s">
        <v>42</v>
      </c>
      <c r="U19556" s="2">
        <v>40.235999999999997</v>
      </c>
      <c r="V19556" s="2">
        <v>36.825000000000003</v>
      </c>
      <c r="W19556" s="2">
        <v>0.17199999999999999</v>
      </c>
      <c r="X19556" s="2">
        <v>17</v>
      </c>
      <c r="Y19556" s="2">
        <v>76.7</v>
      </c>
      <c r="Z19556" s="2">
        <v>131.6</v>
      </c>
      <c r="AA19556" s="5">
        <v>7</v>
      </c>
      <c r="AB19556" s="5" t="s">
        <v>43</v>
      </c>
      <c r="AC19556" s="5" t="s">
        <v>735</v>
      </c>
      <c r="AD19556" s="2" t="s">
        <v>61680</v>
      </c>
      <c r="AE19556" s="1"/>
    </row>
    <row r="19557" spans="1:31" ht="14.45">
      <c r="A19557" s="11"/>
      <c r="B19557" s="20"/>
      <c r="C19557" s="2" t="s">
        <v>61681</v>
      </c>
      <c r="D19557" s="14" t="s">
        <v>61682</v>
      </c>
      <c r="E19557" s="2" t="s">
        <v>61683</v>
      </c>
      <c r="F19557" s="2" t="s">
        <v>61684</v>
      </c>
      <c r="G19557" s="8">
        <v>1221</v>
      </c>
      <c r="H19557" s="5">
        <v>5</v>
      </c>
      <c r="I19557" s="5" t="s">
        <v>69</v>
      </c>
      <c r="J19557" s="5" t="s">
        <v>61065</v>
      </c>
      <c r="K19557" s="2" t="s">
        <v>61066</v>
      </c>
      <c r="L19557" s="5" t="s">
        <v>61065</v>
      </c>
      <c r="M19557" s="2" t="s">
        <v>61066</v>
      </c>
      <c r="N19557" s="5" t="s">
        <v>733</v>
      </c>
      <c r="O19557" s="5" t="s">
        <v>38</v>
      </c>
      <c r="P19557" s="5" t="s">
        <v>39</v>
      </c>
      <c r="Q19557" s="5" t="s">
        <v>40</v>
      </c>
      <c r="R19557" s="5" t="s">
        <v>897</v>
      </c>
      <c r="S19557" s="5" t="s">
        <v>40</v>
      </c>
      <c r="T19557" s="5" t="s">
        <v>42</v>
      </c>
      <c r="U19557" s="2">
        <v>42.601999999999997</v>
      </c>
      <c r="V19557" s="2">
        <v>39.121000000000002</v>
      </c>
      <c r="W19557" s="2">
        <v>0.17199999999999999</v>
      </c>
      <c r="X19557" s="2">
        <v>17</v>
      </c>
      <c r="Y19557" s="2">
        <v>76.7</v>
      </c>
      <c r="Z19557" s="2">
        <v>131.6</v>
      </c>
      <c r="AA19557" s="5">
        <v>7</v>
      </c>
      <c r="AB19557" s="5" t="s">
        <v>43</v>
      </c>
      <c r="AC19557" s="5" t="s">
        <v>735</v>
      </c>
      <c r="AD19557" s="2" t="s">
        <v>61685</v>
      </c>
      <c r="AE19557" s="1"/>
    </row>
    <row r="19558" spans="1:31" ht="14.45">
      <c r="A19558" s="5" t="s">
        <v>116</v>
      </c>
      <c r="B19558" s="21">
        <v>46082</v>
      </c>
      <c r="C19558" s="2" t="s">
        <v>61686</v>
      </c>
      <c r="D19558" s="14" t="s">
        <v>61687</v>
      </c>
      <c r="E19558" s="2" t="s">
        <v>61688</v>
      </c>
      <c r="F19558" s="2" t="s">
        <v>61689</v>
      </c>
      <c r="G19558" s="8">
        <v>1321</v>
      </c>
      <c r="H19558" s="5">
        <v>5</v>
      </c>
      <c r="I19558" s="5" t="s">
        <v>69</v>
      </c>
      <c r="J19558" s="5" t="s">
        <v>61065</v>
      </c>
      <c r="K19558" s="2" t="s">
        <v>61066</v>
      </c>
      <c r="L19558" s="5" t="s">
        <v>61065</v>
      </c>
      <c r="M19558" s="2" t="s">
        <v>61066</v>
      </c>
      <c r="N19558" s="5" t="s">
        <v>733</v>
      </c>
      <c r="O19558" s="5" t="s">
        <v>38</v>
      </c>
      <c r="P19558" s="5" t="s">
        <v>39</v>
      </c>
      <c r="Q19558" s="5" t="s">
        <v>40</v>
      </c>
      <c r="R19558" s="5" t="s">
        <v>897</v>
      </c>
      <c r="S19558" s="5" t="s">
        <v>40</v>
      </c>
      <c r="T19558" s="5" t="s">
        <v>42</v>
      </c>
      <c r="U19558" s="2">
        <v>42.725999999999999</v>
      </c>
      <c r="V19558" s="2">
        <v>39.341000000000001</v>
      </c>
      <c r="W19558" s="2">
        <v>0.17199999999999999</v>
      </c>
      <c r="X19558" s="2">
        <v>17</v>
      </c>
      <c r="Y19558" s="2">
        <v>76.7</v>
      </c>
      <c r="Z19558" s="2">
        <v>131.6</v>
      </c>
      <c r="AA19558" s="5">
        <v>7</v>
      </c>
      <c r="AB19558" s="5" t="s">
        <v>43</v>
      </c>
      <c r="AC19558" s="5" t="s">
        <v>735</v>
      </c>
      <c r="AD19558" s="2" t="s">
        <v>61690</v>
      </c>
      <c r="AE19558" s="1"/>
    </row>
    <row r="19559" spans="1:31" ht="14.45">
      <c r="A19559" s="11"/>
      <c r="B19559" s="20"/>
      <c r="C19559" s="2" t="s">
        <v>61691</v>
      </c>
      <c r="D19559" s="14" t="s">
        <v>61692</v>
      </c>
      <c r="E19559" s="2" t="s">
        <v>61693</v>
      </c>
      <c r="F19559" s="2" t="s">
        <v>61684</v>
      </c>
      <c r="G19559" s="8">
        <v>1221</v>
      </c>
      <c r="H19559" s="5">
        <v>5</v>
      </c>
      <c r="I19559" s="5" t="s">
        <v>69</v>
      </c>
      <c r="J19559" s="5" t="s">
        <v>61065</v>
      </c>
      <c r="K19559" s="2" t="s">
        <v>61066</v>
      </c>
      <c r="L19559" s="5" t="s">
        <v>61065</v>
      </c>
      <c r="M19559" s="2" t="s">
        <v>61066</v>
      </c>
      <c r="N19559" s="5" t="s">
        <v>733</v>
      </c>
      <c r="O19559" s="5" t="s">
        <v>38</v>
      </c>
      <c r="P19559" s="5" t="s">
        <v>39</v>
      </c>
      <c r="Q19559" s="5" t="s">
        <v>40</v>
      </c>
      <c r="R19559" s="5" t="s">
        <v>897</v>
      </c>
      <c r="S19559" s="5" t="s">
        <v>40</v>
      </c>
      <c r="T19559" s="5" t="s">
        <v>42</v>
      </c>
      <c r="U19559" s="2">
        <v>42.201000000000001</v>
      </c>
      <c r="V19559" s="2">
        <v>38.633000000000003</v>
      </c>
      <c r="W19559" s="2">
        <v>0.17199999999999999</v>
      </c>
      <c r="X19559" s="2">
        <v>17</v>
      </c>
      <c r="Y19559" s="2">
        <v>76.7</v>
      </c>
      <c r="Z19559" s="2">
        <v>131.6</v>
      </c>
      <c r="AA19559" s="5">
        <v>7</v>
      </c>
      <c r="AB19559" s="5" t="s">
        <v>43</v>
      </c>
      <c r="AC19559" s="5" t="s">
        <v>735</v>
      </c>
      <c r="AD19559" s="2" t="s">
        <v>61694</v>
      </c>
      <c r="AE19559" s="1"/>
    </row>
    <row r="19560" spans="1:31" ht="14.45">
      <c r="A19560" s="11"/>
      <c r="B19560" s="20"/>
      <c r="C19560" s="2" t="s">
        <v>61695</v>
      </c>
      <c r="D19560" s="14" t="s">
        <v>61696</v>
      </c>
      <c r="E19560" s="2" t="s">
        <v>61697</v>
      </c>
      <c r="F19560" s="2" t="s">
        <v>61698</v>
      </c>
      <c r="G19560" s="8">
        <v>1033</v>
      </c>
      <c r="H19560" s="5">
        <v>10</v>
      </c>
      <c r="I19560" s="5" t="s">
        <v>69</v>
      </c>
      <c r="J19560" s="5" t="s">
        <v>61065</v>
      </c>
      <c r="K19560" s="2" t="s">
        <v>61066</v>
      </c>
      <c r="L19560" s="5" t="s">
        <v>61065</v>
      </c>
      <c r="M19560" s="2" t="s">
        <v>61066</v>
      </c>
      <c r="N19560" s="5" t="s">
        <v>733</v>
      </c>
      <c r="O19560" s="5" t="s">
        <v>38</v>
      </c>
      <c r="P19560" s="5" t="s">
        <v>39</v>
      </c>
      <c r="Q19560" s="5" t="s">
        <v>40</v>
      </c>
      <c r="R19560" s="5" t="s">
        <v>897</v>
      </c>
      <c r="S19560" s="5" t="s">
        <v>40</v>
      </c>
      <c r="T19560" s="5" t="s">
        <v>42</v>
      </c>
      <c r="U19560" s="2">
        <v>40.024999999999999</v>
      </c>
      <c r="V19560" s="2">
        <v>36.613999999999997</v>
      </c>
      <c r="W19560" s="2">
        <v>0.17199999999999999</v>
      </c>
      <c r="X19560" s="2">
        <v>17</v>
      </c>
      <c r="Y19560" s="2">
        <v>76.7</v>
      </c>
      <c r="Z19560" s="2">
        <v>131.6</v>
      </c>
      <c r="AA19560" s="5">
        <v>7</v>
      </c>
      <c r="AB19560" s="5" t="s">
        <v>43</v>
      </c>
      <c r="AC19560" s="5" t="s">
        <v>735</v>
      </c>
      <c r="AD19560" s="2" t="s">
        <v>61699</v>
      </c>
      <c r="AE19560" s="1"/>
    </row>
    <row r="19561" spans="1:31" ht="14.45">
      <c r="A19561" s="11"/>
      <c r="B19561" s="20"/>
      <c r="C19561" s="2" t="s">
        <v>61700</v>
      </c>
      <c r="D19561" s="14" t="s">
        <v>61701</v>
      </c>
      <c r="E19561" s="2" t="s">
        <v>61702</v>
      </c>
      <c r="F19561" s="2" t="s">
        <v>61703</v>
      </c>
      <c r="G19561" s="8">
        <v>1333</v>
      </c>
      <c r="H19561" s="5">
        <v>10</v>
      </c>
      <c r="I19561" s="5" t="s">
        <v>69</v>
      </c>
      <c r="J19561" s="5" t="s">
        <v>61065</v>
      </c>
      <c r="K19561" s="2" t="s">
        <v>61066</v>
      </c>
      <c r="L19561" s="5" t="s">
        <v>61065</v>
      </c>
      <c r="M19561" s="2" t="s">
        <v>61066</v>
      </c>
      <c r="N19561" s="5" t="s">
        <v>733</v>
      </c>
      <c r="O19561" s="5" t="s">
        <v>38</v>
      </c>
      <c r="P19561" s="5" t="s">
        <v>39</v>
      </c>
      <c r="Q19561" s="5" t="s">
        <v>40</v>
      </c>
      <c r="R19561" s="5" t="s">
        <v>897</v>
      </c>
      <c r="S19561" s="5" t="s">
        <v>40</v>
      </c>
      <c r="T19561" s="5" t="s">
        <v>42</v>
      </c>
      <c r="U19561" s="2">
        <v>42.470999999999997</v>
      </c>
      <c r="V19561" s="2">
        <v>38.911999999999999</v>
      </c>
      <c r="W19561" s="2">
        <v>0.17199999999999999</v>
      </c>
      <c r="X19561" s="2">
        <v>17</v>
      </c>
      <c r="Y19561" s="2">
        <v>76.7</v>
      </c>
      <c r="Z19561" s="2">
        <v>131.6</v>
      </c>
      <c r="AA19561" s="5">
        <v>7</v>
      </c>
      <c r="AB19561" s="5" t="s">
        <v>43</v>
      </c>
      <c r="AC19561" s="5" t="s">
        <v>735</v>
      </c>
      <c r="AD19561" s="2" t="s">
        <v>61704</v>
      </c>
      <c r="AE19561" s="1"/>
    </row>
    <row r="19562" spans="1:31" ht="14.45">
      <c r="A19562" s="11"/>
      <c r="B19562" s="20"/>
      <c r="C19562" s="2" t="s">
        <v>61705</v>
      </c>
      <c r="D19562" s="14" t="s">
        <v>61706</v>
      </c>
      <c r="E19562" s="2" t="s">
        <v>61707</v>
      </c>
      <c r="F19562" s="2" t="s">
        <v>61703</v>
      </c>
      <c r="G19562" s="8">
        <v>1333</v>
      </c>
      <c r="H19562" s="5">
        <v>10</v>
      </c>
      <c r="I19562" s="5" t="s">
        <v>69</v>
      </c>
      <c r="J19562" s="5" t="s">
        <v>61065</v>
      </c>
      <c r="K19562" s="2" t="s">
        <v>61066</v>
      </c>
      <c r="L19562" s="5" t="s">
        <v>61065</v>
      </c>
      <c r="M19562" s="2" t="s">
        <v>61066</v>
      </c>
      <c r="N19562" s="5" t="s">
        <v>733</v>
      </c>
      <c r="O19562" s="5" t="s">
        <v>38</v>
      </c>
      <c r="P19562" s="5" t="s">
        <v>39</v>
      </c>
      <c r="Q19562" s="5" t="s">
        <v>40</v>
      </c>
      <c r="R19562" s="5" t="s">
        <v>897</v>
      </c>
      <c r="S19562" s="5" t="s">
        <v>40</v>
      </c>
      <c r="T19562" s="5" t="s">
        <v>42</v>
      </c>
      <c r="U19562" s="2">
        <v>42.021999999999998</v>
      </c>
      <c r="V19562" s="2">
        <v>38.454000000000001</v>
      </c>
      <c r="W19562" s="2">
        <v>0.17199999999999999</v>
      </c>
      <c r="X19562" s="2">
        <v>17</v>
      </c>
      <c r="Y19562" s="2">
        <v>76.7</v>
      </c>
      <c r="Z19562" s="2">
        <v>131.6</v>
      </c>
      <c r="AA19562" s="5">
        <v>7</v>
      </c>
      <c r="AB19562" s="5" t="s">
        <v>43</v>
      </c>
      <c r="AC19562" s="5" t="s">
        <v>735</v>
      </c>
      <c r="AD19562" s="2" t="s">
        <v>61708</v>
      </c>
      <c r="AE19562" s="1"/>
    </row>
    <row r="19563" spans="1:31" ht="14.45">
      <c r="A19563" s="11"/>
      <c r="B19563" s="20"/>
      <c r="C19563" s="2" t="s">
        <v>61709</v>
      </c>
      <c r="D19563" s="14" t="s">
        <v>61710</v>
      </c>
      <c r="E19563" s="2" t="s">
        <v>61711</v>
      </c>
      <c r="F19563" s="2" t="s">
        <v>61712</v>
      </c>
      <c r="G19563" s="8">
        <v>814</v>
      </c>
      <c r="H19563" s="5">
        <v>5</v>
      </c>
      <c r="I19563" s="5" t="s">
        <v>69</v>
      </c>
      <c r="J19563" s="5" t="s">
        <v>61065</v>
      </c>
      <c r="K19563" s="2" t="s">
        <v>61066</v>
      </c>
      <c r="L19563" s="5" t="s">
        <v>61065</v>
      </c>
      <c r="M19563" s="2" t="s">
        <v>61066</v>
      </c>
      <c r="N19563" s="5" t="s">
        <v>733</v>
      </c>
      <c r="O19563" s="5" t="s">
        <v>38</v>
      </c>
      <c r="P19563" s="5" t="s">
        <v>39</v>
      </c>
      <c r="Q19563" s="5" t="s">
        <v>40</v>
      </c>
      <c r="R19563" s="5" t="s">
        <v>897</v>
      </c>
      <c r="S19563" s="5" t="s">
        <v>40</v>
      </c>
      <c r="T19563" s="5" t="s">
        <v>42</v>
      </c>
      <c r="U19563" s="2">
        <v>40.268000000000001</v>
      </c>
      <c r="V19563" s="2">
        <v>36.856999999999999</v>
      </c>
      <c r="W19563" s="2">
        <v>0.17199999999999999</v>
      </c>
      <c r="X19563" s="2">
        <v>17</v>
      </c>
      <c r="Y19563" s="2">
        <v>76.7</v>
      </c>
      <c r="Z19563" s="2">
        <v>131.6</v>
      </c>
      <c r="AA19563" s="5">
        <v>7</v>
      </c>
      <c r="AB19563" s="5" t="s">
        <v>43</v>
      </c>
      <c r="AC19563" s="5" t="s">
        <v>735</v>
      </c>
      <c r="AD19563" s="2" t="s">
        <v>61713</v>
      </c>
      <c r="AE19563" s="1"/>
    </row>
    <row r="19564" spans="1:31" ht="14.45">
      <c r="A19564" s="11"/>
      <c r="B19564" s="20"/>
      <c r="C19564" s="2" t="s">
        <v>61714</v>
      </c>
      <c r="D19564" s="14" t="s">
        <v>61715</v>
      </c>
      <c r="E19564" s="2" t="s">
        <v>61716</v>
      </c>
      <c r="F19564" s="2" t="s">
        <v>61712</v>
      </c>
      <c r="G19564" s="8">
        <v>1114</v>
      </c>
      <c r="H19564" s="5">
        <v>5</v>
      </c>
      <c r="I19564" s="5" t="s">
        <v>69</v>
      </c>
      <c r="J19564" s="5" t="s">
        <v>61065</v>
      </c>
      <c r="K19564" s="2" t="s">
        <v>61066</v>
      </c>
      <c r="L19564" s="5" t="s">
        <v>61065</v>
      </c>
      <c r="M19564" s="2" t="s">
        <v>61066</v>
      </c>
      <c r="N19564" s="5" t="s">
        <v>733</v>
      </c>
      <c r="O19564" s="5" t="s">
        <v>38</v>
      </c>
      <c r="P19564" s="5" t="s">
        <v>39</v>
      </c>
      <c r="Q19564" s="5" t="s">
        <v>40</v>
      </c>
      <c r="R19564" s="5" t="s">
        <v>897</v>
      </c>
      <c r="S19564" s="5" t="s">
        <v>40</v>
      </c>
      <c r="T19564" s="5" t="s">
        <v>42</v>
      </c>
      <c r="U19564" s="2">
        <v>42.658000000000001</v>
      </c>
      <c r="V19564" s="2">
        <v>39.098999999999997</v>
      </c>
      <c r="W19564" s="2">
        <v>0.17199999999999999</v>
      </c>
      <c r="X19564" s="2">
        <v>17</v>
      </c>
      <c r="Y19564" s="2">
        <v>76.7</v>
      </c>
      <c r="Z19564" s="2">
        <v>131.6</v>
      </c>
      <c r="AA19564" s="5">
        <v>7</v>
      </c>
      <c r="AB19564" s="5" t="s">
        <v>43</v>
      </c>
      <c r="AC19564" s="5" t="s">
        <v>735</v>
      </c>
      <c r="AD19564" s="2" t="s">
        <v>61717</v>
      </c>
      <c r="AE19564" s="1"/>
    </row>
    <row r="19565" spans="1:31" ht="14.45">
      <c r="A19565" s="11"/>
      <c r="B19565" s="20"/>
      <c r="C19565" s="2" t="s">
        <v>61718</v>
      </c>
      <c r="D19565" s="14" t="s">
        <v>61719</v>
      </c>
      <c r="E19565" s="2" t="s">
        <v>61720</v>
      </c>
      <c r="F19565" s="2" t="s">
        <v>61712</v>
      </c>
      <c r="G19565" s="8">
        <v>1114</v>
      </c>
      <c r="H19565" s="5">
        <v>10</v>
      </c>
      <c r="I19565" s="5" t="s">
        <v>69</v>
      </c>
      <c r="J19565" s="5" t="s">
        <v>61065</v>
      </c>
      <c r="K19565" s="2" t="s">
        <v>61066</v>
      </c>
      <c r="L19565" s="5" t="s">
        <v>61065</v>
      </c>
      <c r="M19565" s="2" t="s">
        <v>61066</v>
      </c>
      <c r="N19565" s="5" t="s">
        <v>733</v>
      </c>
      <c r="O19565" s="5" t="s">
        <v>38</v>
      </c>
      <c r="P19565" s="5" t="s">
        <v>39</v>
      </c>
      <c r="Q19565" s="5" t="s">
        <v>40</v>
      </c>
      <c r="R19565" s="5" t="s">
        <v>897</v>
      </c>
      <c r="S19565" s="5" t="s">
        <v>40</v>
      </c>
      <c r="T19565" s="5" t="s">
        <v>42</v>
      </c>
      <c r="U19565" s="2">
        <v>42.192999999999998</v>
      </c>
      <c r="V19565" s="2">
        <v>38.625</v>
      </c>
      <c r="W19565" s="2">
        <v>0.17199999999999999</v>
      </c>
      <c r="X19565" s="2">
        <v>17</v>
      </c>
      <c r="Y19565" s="2">
        <v>76.7</v>
      </c>
      <c r="Z19565" s="2">
        <v>131.6</v>
      </c>
      <c r="AA19565" s="5">
        <v>7</v>
      </c>
      <c r="AB19565" s="5" t="s">
        <v>43</v>
      </c>
      <c r="AC19565" s="5" t="s">
        <v>735</v>
      </c>
      <c r="AD19565" s="2" t="s">
        <v>61721</v>
      </c>
      <c r="AE19565" s="1"/>
    </row>
    <row r="19566" spans="1:31" ht="14.45">
      <c r="A19566" s="11"/>
      <c r="B19566" s="20"/>
      <c r="C19566" s="2" t="s">
        <v>61722</v>
      </c>
      <c r="D19566" s="14" t="s">
        <v>61723</v>
      </c>
      <c r="E19566" s="2" t="s">
        <v>61724</v>
      </c>
      <c r="F19566" s="2" t="s">
        <v>61725</v>
      </c>
      <c r="G19566" s="8">
        <v>679</v>
      </c>
      <c r="H19566" s="5">
        <v>5</v>
      </c>
      <c r="I19566" s="5" t="s">
        <v>69</v>
      </c>
      <c r="J19566" s="5" t="s">
        <v>61065</v>
      </c>
      <c r="K19566" s="2" t="s">
        <v>61066</v>
      </c>
      <c r="L19566" s="5" t="s">
        <v>61065</v>
      </c>
      <c r="M19566" s="2" t="s">
        <v>61066</v>
      </c>
      <c r="N19566" s="5" t="s">
        <v>733</v>
      </c>
      <c r="O19566" s="5" t="s">
        <v>38</v>
      </c>
      <c r="P19566" s="5" t="s">
        <v>39</v>
      </c>
      <c r="Q19566" s="5" t="s">
        <v>40</v>
      </c>
      <c r="R19566" s="5" t="s">
        <v>897</v>
      </c>
      <c r="S19566" s="5" t="s">
        <v>40</v>
      </c>
      <c r="T19566" s="5" t="s">
        <v>42</v>
      </c>
      <c r="U19566" s="2">
        <v>35.563000000000002</v>
      </c>
      <c r="V19566" s="2">
        <v>32.158000000000001</v>
      </c>
      <c r="W19566" s="2">
        <v>0.17199999999999999</v>
      </c>
      <c r="X19566" s="2">
        <v>17</v>
      </c>
      <c r="Y19566" s="2">
        <v>76.7</v>
      </c>
      <c r="Z19566" s="2">
        <v>131.6</v>
      </c>
      <c r="AA19566" s="5">
        <v>7</v>
      </c>
      <c r="AB19566" s="5" t="s">
        <v>43</v>
      </c>
      <c r="AC19566" s="5" t="s">
        <v>735</v>
      </c>
      <c r="AD19566" s="2" t="s">
        <v>61726</v>
      </c>
      <c r="AE19566" s="1"/>
    </row>
    <row r="19567" spans="1:31" ht="14.45">
      <c r="A19567" s="11"/>
      <c r="B19567" s="20"/>
      <c r="C19567" s="2" t="s">
        <v>61727</v>
      </c>
      <c r="D19567" s="14" t="s">
        <v>61728</v>
      </c>
      <c r="E19567" s="2" t="s">
        <v>61729</v>
      </c>
      <c r="F19567" s="2" t="s">
        <v>61725</v>
      </c>
      <c r="G19567" s="8">
        <v>979</v>
      </c>
      <c r="H19567" s="5">
        <v>5</v>
      </c>
      <c r="I19567" s="5" t="s">
        <v>69</v>
      </c>
      <c r="J19567" s="5" t="s">
        <v>61065</v>
      </c>
      <c r="K19567" s="2" t="s">
        <v>61066</v>
      </c>
      <c r="L19567" s="5" t="s">
        <v>61065</v>
      </c>
      <c r="M19567" s="2" t="s">
        <v>61066</v>
      </c>
      <c r="N19567" s="5" t="s">
        <v>733</v>
      </c>
      <c r="O19567" s="5" t="s">
        <v>38</v>
      </c>
      <c r="P19567" s="5" t="s">
        <v>39</v>
      </c>
      <c r="Q19567" s="5" t="s">
        <v>40</v>
      </c>
      <c r="R19567" s="5" t="s">
        <v>897</v>
      </c>
      <c r="S19567" s="5" t="s">
        <v>40</v>
      </c>
      <c r="T19567" s="5" t="s">
        <v>42</v>
      </c>
      <c r="U19567" s="2">
        <v>38.034999999999997</v>
      </c>
      <c r="V19567" s="2">
        <v>34.54</v>
      </c>
      <c r="W19567" s="2">
        <v>0.17199999999999999</v>
      </c>
      <c r="X19567" s="2">
        <v>17</v>
      </c>
      <c r="Y19567" s="2">
        <v>76.7</v>
      </c>
      <c r="Z19567" s="2">
        <v>131.6</v>
      </c>
      <c r="AA19567" s="5">
        <v>7</v>
      </c>
      <c r="AB19567" s="5" t="s">
        <v>43</v>
      </c>
      <c r="AC19567" s="5" t="s">
        <v>735</v>
      </c>
      <c r="AD19567" s="2" t="s">
        <v>61730</v>
      </c>
      <c r="AE19567" s="1"/>
    </row>
    <row r="19568" spans="1:31" ht="14.45">
      <c r="A19568" s="5" t="s">
        <v>116</v>
      </c>
      <c r="B19568" s="21">
        <v>46082</v>
      </c>
      <c r="C19568" s="2" t="s">
        <v>61731</v>
      </c>
      <c r="D19568" s="14" t="s">
        <v>61732</v>
      </c>
      <c r="E19568" s="2" t="s">
        <v>61733</v>
      </c>
      <c r="F19568" s="2" t="s">
        <v>61734</v>
      </c>
      <c r="G19568" s="8">
        <v>1079</v>
      </c>
      <c r="H19568" s="5">
        <v>5</v>
      </c>
      <c r="I19568" s="5" t="s">
        <v>69</v>
      </c>
      <c r="J19568" s="5" t="s">
        <v>61065</v>
      </c>
      <c r="K19568" s="2" t="s">
        <v>61066</v>
      </c>
      <c r="L19568" s="5" t="s">
        <v>61065</v>
      </c>
      <c r="M19568" s="2" t="s">
        <v>61066</v>
      </c>
      <c r="N19568" s="5" t="s">
        <v>733</v>
      </c>
      <c r="O19568" s="5" t="s">
        <v>38</v>
      </c>
      <c r="P19568" s="5" t="s">
        <v>39</v>
      </c>
      <c r="Q19568" s="5" t="s">
        <v>40</v>
      </c>
      <c r="R19568" s="5" t="s">
        <v>897</v>
      </c>
      <c r="S19568" s="5" t="s">
        <v>40</v>
      </c>
      <c r="T19568" s="5" t="s">
        <v>42</v>
      </c>
      <c r="U19568" s="2">
        <v>38.088000000000001</v>
      </c>
      <c r="V19568" s="2">
        <v>34.689</v>
      </c>
      <c r="W19568" s="2">
        <v>0.17199999999999999</v>
      </c>
      <c r="X19568" s="2">
        <v>17</v>
      </c>
      <c r="Y19568" s="2">
        <v>76.7</v>
      </c>
      <c r="Z19568" s="2">
        <v>131.6</v>
      </c>
      <c r="AA19568" s="5">
        <v>7</v>
      </c>
      <c r="AB19568" s="5" t="s">
        <v>43</v>
      </c>
      <c r="AC19568" s="5" t="s">
        <v>735</v>
      </c>
      <c r="AD19568" s="2" t="s">
        <v>61735</v>
      </c>
      <c r="AE19568" s="1"/>
    </row>
    <row r="19569" spans="1:31" ht="14.45">
      <c r="A19569" s="11"/>
      <c r="B19569" s="20"/>
      <c r="C19569" s="2" t="s">
        <v>61736</v>
      </c>
      <c r="D19569" s="14" t="s">
        <v>61737</v>
      </c>
      <c r="E19569" s="2" t="s">
        <v>61738</v>
      </c>
      <c r="F19569" s="2" t="s">
        <v>61725</v>
      </c>
      <c r="G19569" s="8">
        <v>979</v>
      </c>
      <c r="H19569" s="5">
        <v>5</v>
      </c>
      <c r="I19569" s="5" t="s">
        <v>69</v>
      </c>
      <c r="J19569" s="5" t="s">
        <v>61065</v>
      </c>
      <c r="K19569" s="2" t="s">
        <v>61066</v>
      </c>
      <c r="L19569" s="5" t="s">
        <v>61065</v>
      </c>
      <c r="M19569" s="2" t="s">
        <v>61066</v>
      </c>
      <c r="N19569" s="5" t="s">
        <v>733</v>
      </c>
      <c r="O19569" s="5" t="s">
        <v>38</v>
      </c>
      <c r="P19569" s="5" t="s">
        <v>39</v>
      </c>
      <c r="Q19569" s="5" t="s">
        <v>40</v>
      </c>
      <c r="R19569" s="5" t="s">
        <v>897</v>
      </c>
      <c r="S19569" s="5" t="s">
        <v>40</v>
      </c>
      <c r="T19569" s="5" t="s">
        <v>42</v>
      </c>
      <c r="U19569" s="2">
        <v>37.603000000000002</v>
      </c>
      <c r="V19569" s="2">
        <v>34.021000000000001</v>
      </c>
      <c r="W19569" s="2">
        <v>0.17199999999999999</v>
      </c>
      <c r="X19569" s="2">
        <v>17</v>
      </c>
      <c r="Y19569" s="2">
        <v>76.7</v>
      </c>
      <c r="Z19569" s="2">
        <v>131.6</v>
      </c>
      <c r="AA19569" s="5">
        <v>7</v>
      </c>
      <c r="AB19569" s="5" t="s">
        <v>43</v>
      </c>
      <c r="AC19569" s="5" t="s">
        <v>735</v>
      </c>
      <c r="AD19569" s="2" t="s">
        <v>61739</v>
      </c>
      <c r="AE19569" s="1"/>
    </row>
    <row r="19570" spans="1:31" ht="14.45">
      <c r="A19570" s="11"/>
      <c r="B19570" s="20"/>
      <c r="C19570" s="2" t="s">
        <v>61740</v>
      </c>
      <c r="D19570" s="14" t="s">
        <v>61741</v>
      </c>
      <c r="E19570" s="2" t="s">
        <v>61742</v>
      </c>
      <c r="F19570" s="2" t="s">
        <v>61743</v>
      </c>
      <c r="G19570" s="8">
        <v>1134</v>
      </c>
      <c r="H19570" s="5">
        <v>10</v>
      </c>
      <c r="I19570" s="5" t="s">
        <v>69</v>
      </c>
      <c r="J19570" s="5" t="s">
        <v>61065</v>
      </c>
      <c r="K19570" s="2" t="s">
        <v>61066</v>
      </c>
      <c r="L19570" s="5" t="s">
        <v>61065</v>
      </c>
      <c r="M19570" s="2" t="s">
        <v>61066</v>
      </c>
      <c r="N19570" s="5" t="s">
        <v>733</v>
      </c>
      <c r="O19570" s="5" t="s">
        <v>38</v>
      </c>
      <c r="P19570" s="5" t="s">
        <v>39</v>
      </c>
      <c r="Q19570" s="5" t="s">
        <v>40</v>
      </c>
      <c r="R19570" s="5" t="s">
        <v>897</v>
      </c>
      <c r="S19570" s="5" t="s">
        <v>40</v>
      </c>
      <c r="T19570" s="5" t="s">
        <v>42</v>
      </c>
      <c r="U19570" s="2">
        <v>38.197000000000003</v>
      </c>
      <c r="V19570" s="2">
        <v>34.786000000000001</v>
      </c>
      <c r="W19570" s="2">
        <v>0.17199999999999999</v>
      </c>
      <c r="X19570" s="2">
        <v>17</v>
      </c>
      <c r="Y19570" s="2">
        <v>76.7</v>
      </c>
      <c r="Z19570" s="2">
        <v>131.6</v>
      </c>
      <c r="AA19570" s="5">
        <v>7</v>
      </c>
      <c r="AB19570" s="5" t="s">
        <v>43</v>
      </c>
      <c r="AC19570" s="5" t="s">
        <v>735</v>
      </c>
      <c r="AD19570" s="2" t="s">
        <v>61744</v>
      </c>
      <c r="AE19570" s="1"/>
    </row>
    <row r="19571" spans="1:31" ht="14.45">
      <c r="A19571" s="11"/>
      <c r="B19571" s="20"/>
      <c r="C19571" s="2" t="s">
        <v>61745</v>
      </c>
      <c r="D19571" s="14" t="s">
        <v>61746</v>
      </c>
      <c r="E19571" s="2" t="s">
        <v>61747</v>
      </c>
      <c r="F19571" s="2" t="s">
        <v>61748</v>
      </c>
      <c r="G19571" s="8">
        <v>851</v>
      </c>
      <c r="H19571" s="5">
        <v>5</v>
      </c>
      <c r="I19571" s="5" t="s">
        <v>69</v>
      </c>
      <c r="J19571" s="5" t="s">
        <v>61065</v>
      </c>
      <c r="K19571" s="2" t="s">
        <v>61066</v>
      </c>
      <c r="L19571" s="5" t="s">
        <v>61065</v>
      </c>
      <c r="M19571" s="2" t="s">
        <v>61066</v>
      </c>
      <c r="N19571" s="5" t="s">
        <v>733</v>
      </c>
      <c r="O19571" s="5" t="s">
        <v>38</v>
      </c>
      <c r="P19571" s="5" t="s">
        <v>39</v>
      </c>
      <c r="Q19571" s="5" t="s">
        <v>40</v>
      </c>
      <c r="R19571" s="5" t="s">
        <v>897</v>
      </c>
      <c r="S19571" s="5" t="s">
        <v>40</v>
      </c>
      <c r="T19571" s="5" t="s">
        <v>42</v>
      </c>
      <c r="U19571" s="2">
        <v>40.246000000000002</v>
      </c>
      <c r="V19571" s="2">
        <v>36.840000000000003</v>
      </c>
      <c r="W19571" s="2">
        <v>0.17199999999999999</v>
      </c>
      <c r="X19571" s="2">
        <v>17</v>
      </c>
      <c r="Y19571" s="2">
        <v>76.7</v>
      </c>
      <c r="Z19571" s="2">
        <v>131.6</v>
      </c>
      <c r="AA19571" s="5">
        <v>7</v>
      </c>
      <c r="AB19571" s="5" t="s">
        <v>43</v>
      </c>
      <c r="AC19571" s="5" t="s">
        <v>735</v>
      </c>
      <c r="AD19571" s="2" t="s">
        <v>61749</v>
      </c>
      <c r="AE19571" s="1"/>
    </row>
    <row r="19572" spans="1:31" ht="14.45">
      <c r="A19572" s="11"/>
      <c r="B19572" s="20"/>
      <c r="C19572" s="2" t="s">
        <v>61750</v>
      </c>
      <c r="D19572" s="14" t="s">
        <v>61751</v>
      </c>
      <c r="E19572" s="2" t="s">
        <v>61752</v>
      </c>
      <c r="F19572" s="2" t="s">
        <v>61748</v>
      </c>
      <c r="G19572" s="8">
        <v>1151</v>
      </c>
      <c r="H19572" s="5">
        <v>5</v>
      </c>
      <c r="I19572" s="5" t="s">
        <v>69</v>
      </c>
      <c r="J19572" s="5" t="s">
        <v>61065</v>
      </c>
      <c r="K19572" s="2" t="s">
        <v>61066</v>
      </c>
      <c r="L19572" s="5" t="s">
        <v>61065</v>
      </c>
      <c r="M19572" s="2" t="s">
        <v>61066</v>
      </c>
      <c r="N19572" s="5" t="s">
        <v>733</v>
      </c>
      <c r="O19572" s="5" t="s">
        <v>38</v>
      </c>
      <c r="P19572" s="5" t="s">
        <v>39</v>
      </c>
      <c r="Q19572" s="5" t="s">
        <v>40</v>
      </c>
      <c r="R19572" s="5" t="s">
        <v>897</v>
      </c>
      <c r="S19572" s="5" t="s">
        <v>40</v>
      </c>
      <c r="T19572" s="5" t="s">
        <v>42</v>
      </c>
      <c r="U19572" s="2">
        <v>42.575000000000003</v>
      </c>
      <c r="V19572" s="2">
        <v>39.094000000000001</v>
      </c>
      <c r="W19572" s="2">
        <v>0.17199999999999999</v>
      </c>
      <c r="X19572" s="2">
        <v>17</v>
      </c>
      <c r="Y19572" s="2">
        <v>76.7</v>
      </c>
      <c r="Z19572" s="2">
        <v>131.6</v>
      </c>
      <c r="AA19572" s="5">
        <v>7</v>
      </c>
      <c r="AB19572" s="5" t="s">
        <v>43</v>
      </c>
      <c r="AC19572" s="5" t="s">
        <v>735</v>
      </c>
      <c r="AD19572" s="2" t="s">
        <v>61753</v>
      </c>
      <c r="AE19572" s="1"/>
    </row>
    <row r="19573" spans="1:31" ht="14.45">
      <c r="A19573" s="5" t="s">
        <v>116</v>
      </c>
      <c r="B19573" s="21">
        <v>46082</v>
      </c>
      <c r="C19573" s="2" t="s">
        <v>61754</v>
      </c>
      <c r="D19573" s="14" t="s">
        <v>61755</v>
      </c>
      <c r="E19573" s="2" t="s">
        <v>61756</v>
      </c>
      <c r="F19573" s="2" t="s">
        <v>61757</v>
      </c>
      <c r="G19573" s="8">
        <v>1251</v>
      </c>
      <c r="H19573" s="5">
        <v>5</v>
      </c>
      <c r="I19573" s="5" t="s">
        <v>69</v>
      </c>
      <c r="J19573" s="5" t="s">
        <v>61065</v>
      </c>
      <c r="K19573" s="2" t="s">
        <v>61066</v>
      </c>
      <c r="L19573" s="5" t="s">
        <v>61065</v>
      </c>
      <c r="M19573" s="2" t="s">
        <v>61066</v>
      </c>
      <c r="N19573" s="5" t="s">
        <v>733</v>
      </c>
      <c r="O19573" s="5" t="s">
        <v>38</v>
      </c>
      <c r="P19573" s="5" t="s">
        <v>39</v>
      </c>
      <c r="Q19573" s="5" t="s">
        <v>40</v>
      </c>
      <c r="R19573" s="5" t="s">
        <v>897</v>
      </c>
      <c r="S19573" s="5" t="s">
        <v>40</v>
      </c>
      <c r="T19573" s="5" t="s">
        <v>42</v>
      </c>
      <c r="U19573" s="2">
        <v>42.658999999999999</v>
      </c>
      <c r="V19573" s="2">
        <v>39.274000000000001</v>
      </c>
      <c r="W19573" s="2">
        <v>0.17199999999999999</v>
      </c>
      <c r="X19573" s="2">
        <v>17</v>
      </c>
      <c r="Y19573" s="2">
        <v>76.7</v>
      </c>
      <c r="Z19573" s="2">
        <v>131.6</v>
      </c>
      <c r="AA19573" s="5">
        <v>7</v>
      </c>
      <c r="AB19573" s="5" t="s">
        <v>43</v>
      </c>
      <c r="AC19573" s="5" t="s">
        <v>735</v>
      </c>
      <c r="AD19573" s="2" t="s">
        <v>61758</v>
      </c>
      <c r="AE19573" s="1"/>
    </row>
    <row r="19574" spans="1:31" ht="14.45">
      <c r="A19574" s="11"/>
      <c r="B19574" s="20"/>
      <c r="C19574" s="2" t="s">
        <v>61759</v>
      </c>
      <c r="D19574" s="14" t="s">
        <v>61760</v>
      </c>
      <c r="E19574" s="2" t="s">
        <v>61761</v>
      </c>
      <c r="F19574" s="2" t="s">
        <v>61748</v>
      </c>
      <c r="G19574" s="8">
        <v>1151</v>
      </c>
      <c r="H19574" s="5">
        <v>5</v>
      </c>
      <c r="I19574" s="5" t="s">
        <v>69</v>
      </c>
      <c r="J19574" s="5" t="s">
        <v>61065</v>
      </c>
      <c r="K19574" s="2" t="s">
        <v>61066</v>
      </c>
      <c r="L19574" s="5" t="s">
        <v>61065</v>
      </c>
      <c r="M19574" s="2" t="s">
        <v>61066</v>
      </c>
      <c r="N19574" s="5" t="s">
        <v>733</v>
      </c>
      <c r="O19574" s="5" t="s">
        <v>38</v>
      </c>
      <c r="P19574" s="5" t="s">
        <v>39</v>
      </c>
      <c r="Q19574" s="5" t="s">
        <v>40</v>
      </c>
      <c r="R19574" s="5" t="s">
        <v>897</v>
      </c>
      <c r="S19574" s="5" t="s">
        <v>40</v>
      </c>
      <c r="T19574" s="5" t="s">
        <v>42</v>
      </c>
      <c r="U19574" s="2">
        <v>42.173999999999999</v>
      </c>
      <c r="V19574" s="2">
        <v>38.606000000000002</v>
      </c>
      <c r="W19574" s="2">
        <v>0.17199999999999999</v>
      </c>
      <c r="X19574" s="2">
        <v>17</v>
      </c>
      <c r="Y19574" s="2">
        <v>76.7</v>
      </c>
      <c r="Z19574" s="2">
        <v>131.6</v>
      </c>
      <c r="AA19574" s="5">
        <v>7</v>
      </c>
      <c r="AB19574" s="5" t="s">
        <v>43</v>
      </c>
      <c r="AC19574" s="5" t="s">
        <v>735</v>
      </c>
      <c r="AD19574" s="2" t="s">
        <v>61762</v>
      </c>
      <c r="AE19574" s="1"/>
    </row>
    <row r="19575" spans="1:31" ht="14.45">
      <c r="A19575" s="11"/>
      <c r="B19575" s="20"/>
      <c r="C19575" s="2" t="s">
        <v>61763</v>
      </c>
      <c r="D19575" s="14" t="s">
        <v>61764</v>
      </c>
      <c r="E19575" s="2" t="s">
        <v>61765</v>
      </c>
      <c r="F19575" s="2" t="s">
        <v>61766</v>
      </c>
      <c r="G19575" s="8">
        <v>1801</v>
      </c>
      <c r="H19575" s="5">
        <v>10</v>
      </c>
      <c r="I19575" s="5" t="s">
        <v>69</v>
      </c>
      <c r="J19575" s="5" t="s">
        <v>61065</v>
      </c>
      <c r="K19575" s="2" t="s">
        <v>61066</v>
      </c>
      <c r="L19575" s="5" t="s">
        <v>61065</v>
      </c>
      <c r="M19575" s="2" t="s">
        <v>61066</v>
      </c>
      <c r="N19575" s="5" t="s">
        <v>733</v>
      </c>
      <c r="O19575" s="5" t="s">
        <v>38</v>
      </c>
      <c r="P19575" s="5" t="s">
        <v>39</v>
      </c>
      <c r="Q19575" s="5" t="s">
        <v>40</v>
      </c>
      <c r="R19575" s="5" t="s">
        <v>897</v>
      </c>
      <c r="S19575" s="5" t="s">
        <v>40</v>
      </c>
      <c r="T19575" s="5" t="s">
        <v>42</v>
      </c>
      <c r="U19575" s="2">
        <v>50.683999999999997</v>
      </c>
      <c r="V19575" s="2">
        <v>47.203000000000003</v>
      </c>
      <c r="W19575" s="2">
        <v>0.17199999999999999</v>
      </c>
      <c r="X19575" s="2">
        <v>17</v>
      </c>
      <c r="Y19575" s="2">
        <v>76.7</v>
      </c>
      <c r="Z19575" s="2">
        <v>131.6</v>
      </c>
      <c r="AA19575" s="5">
        <v>7</v>
      </c>
      <c r="AB19575" s="5" t="s">
        <v>43</v>
      </c>
      <c r="AC19575" s="5" t="s">
        <v>735</v>
      </c>
      <c r="AD19575" s="2" t="s">
        <v>61767</v>
      </c>
      <c r="AE19575" s="1"/>
    </row>
    <row r="19576" spans="1:31" ht="14.45">
      <c r="A19576" s="11"/>
      <c r="B19576" s="20"/>
      <c r="C19576" s="2" t="s">
        <v>61768</v>
      </c>
      <c r="D19576" s="14" t="s">
        <v>61769</v>
      </c>
      <c r="E19576" s="2" t="s">
        <v>61770</v>
      </c>
      <c r="F19576" s="2" t="s">
        <v>61771</v>
      </c>
      <c r="G19576" s="8">
        <v>1389</v>
      </c>
      <c r="H19576" s="5">
        <v>5</v>
      </c>
      <c r="I19576" s="5" t="s">
        <v>69</v>
      </c>
      <c r="J19576" s="5" t="s">
        <v>61065</v>
      </c>
      <c r="K19576" s="2" t="s">
        <v>61066</v>
      </c>
      <c r="L19576" s="5" t="s">
        <v>61065</v>
      </c>
      <c r="M19576" s="2" t="s">
        <v>61066</v>
      </c>
      <c r="N19576" s="5" t="s">
        <v>733</v>
      </c>
      <c r="O19576" s="5" t="s">
        <v>38</v>
      </c>
      <c r="P19576" s="5" t="s">
        <v>39</v>
      </c>
      <c r="Q19576" s="5" t="s">
        <v>40</v>
      </c>
      <c r="R19576" s="5" t="s">
        <v>897</v>
      </c>
      <c r="S19576" s="5" t="s">
        <v>40</v>
      </c>
      <c r="T19576" s="5" t="s">
        <v>42</v>
      </c>
      <c r="U19576" s="2">
        <v>43.040999999999997</v>
      </c>
      <c r="V19576" s="2">
        <v>39.630000000000003</v>
      </c>
      <c r="W19576" s="2">
        <v>0.17199999999999999</v>
      </c>
      <c r="X19576" s="2">
        <v>17</v>
      </c>
      <c r="Y19576" s="2">
        <v>76.7</v>
      </c>
      <c r="Z19576" s="2">
        <v>131.6</v>
      </c>
      <c r="AA19576" s="5">
        <v>7</v>
      </c>
      <c r="AB19576" s="5" t="s">
        <v>43</v>
      </c>
      <c r="AC19576" s="5" t="s">
        <v>735</v>
      </c>
      <c r="AD19576" s="2" t="s">
        <v>61772</v>
      </c>
      <c r="AE19576" s="1"/>
    </row>
    <row r="19577" spans="1:31" ht="14.45">
      <c r="A19577" s="11"/>
      <c r="B19577" s="20"/>
      <c r="C19577" s="2" t="s">
        <v>61773</v>
      </c>
      <c r="D19577" s="14" t="s">
        <v>61774</v>
      </c>
      <c r="E19577" s="2" t="s">
        <v>61775</v>
      </c>
      <c r="F19577" s="2" t="s">
        <v>61776</v>
      </c>
      <c r="G19577" s="8">
        <v>1689</v>
      </c>
      <c r="H19577" s="5">
        <v>10</v>
      </c>
      <c r="I19577" s="5" t="s">
        <v>69</v>
      </c>
      <c r="J19577" s="5" t="s">
        <v>61065</v>
      </c>
      <c r="K19577" s="2" t="s">
        <v>61066</v>
      </c>
      <c r="L19577" s="5" t="s">
        <v>61065</v>
      </c>
      <c r="M19577" s="2" t="s">
        <v>61066</v>
      </c>
      <c r="N19577" s="5" t="s">
        <v>733</v>
      </c>
      <c r="O19577" s="5" t="s">
        <v>38</v>
      </c>
      <c r="P19577" s="5" t="s">
        <v>39</v>
      </c>
      <c r="Q19577" s="5" t="s">
        <v>40</v>
      </c>
      <c r="R19577" s="5" t="s">
        <v>897</v>
      </c>
      <c r="S19577" s="5" t="s">
        <v>40</v>
      </c>
      <c r="T19577" s="5" t="s">
        <v>42</v>
      </c>
      <c r="U19577" s="2">
        <v>45.468000000000004</v>
      </c>
      <c r="V19577" s="2">
        <v>41.908999999999999</v>
      </c>
      <c r="W19577" s="2">
        <v>0.17199999999999999</v>
      </c>
      <c r="X19577" s="2">
        <v>17</v>
      </c>
      <c r="Y19577" s="2">
        <v>76.7</v>
      </c>
      <c r="Z19577" s="2">
        <v>131.6</v>
      </c>
      <c r="AA19577" s="5">
        <v>7</v>
      </c>
      <c r="AB19577" s="5" t="s">
        <v>43</v>
      </c>
      <c r="AC19577" s="5" t="s">
        <v>735</v>
      </c>
      <c r="AD19577" s="2" t="s">
        <v>61777</v>
      </c>
      <c r="AE19577" s="1"/>
    </row>
    <row r="19578" spans="1:31" ht="14.45">
      <c r="A19578" s="5" t="s">
        <v>116</v>
      </c>
      <c r="B19578" s="21">
        <v>46082</v>
      </c>
      <c r="C19578" s="2" t="s">
        <v>61778</v>
      </c>
      <c r="D19578" s="14" t="s">
        <v>61779</v>
      </c>
      <c r="E19578" s="2" t="s">
        <v>61780</v>
      </c>
      <c r="F19578" s="2" t="s">
        <v>61781</v>
      </c>
      <c r="G19578" s="8">
        <v>1789</v>
      </c>
      <c r="H19578" s="5">
        <v>5</v>
      </c>
      <c r="I19578" s="5" t="s">
        <v>69</v>
      </c>
      <c r="J19578" s="5" t="s">
        <v>61065</v>
      </c>
      <c r="K19578" s="2" t="s">
        <v>61066</v>
      </c>
      <c r="L19578" s="5" t="s">
        <v>61065</v>
      </c>
      <c r="M19578" s="2" t="s">
        <v>61066</v>
      </c>
      <c r="N19578" s="5" t="s">
        <v>733</v>
      </c>
      <c r="O19578" s="5" t="s">
        <v>38</v>
      </c>
      <c r="P19578" s="5" t="s">
        <v>39</v>
      </c>
      <c r="Q19578" s="5" t="s">
        <v>40</v>
      </c>
      <c r="R19578" s="5" t="s">
        <v>897</v>
      </c>
      <c r="S19578" s="5" t="s">
        <v>40</v>
      </c>
      <c r="T19578" s="5" t="s">
        <v>42</v>
      </c>
      <c r="U19578" s="2">
        <v>45.578000000000003</v>
      </c>
      <c r="V19578" s="2">
        <v>42.192999999999998</v>
      </c>
      <c r="W19578" s="2">
        <v>0.17199999999999999</v>
      </c>
      <c r="X19578" s="2">
        <v>17</v>
      </c>
      <c r="Y19578" s="2">
        <v>76.7</v>
      </c>
      <c r="Z19578" s="2">
        <v>131.6</v>
      </c>
      <c r="AA19578" s="5">
        <v>7</v>
      </c>
      <c r="AB19578" s="5" t="s">
        <v>43</v>
      </c>
      <c r="AC19578" s="5" t="s">
        <v>735</v>
      </c>
      <c r="AD19578" s="2" t="s">
        <v>61782</v>
      </c>
      <c r="AE19578" s="1"/>
    </row>
    <row r="19579" spans="1:31" ht="14.45">
      <c r="A19579" s="11"/>
      <c r="B19579" s="20"/>
      <c r="C19579" s="2" t="s">
        <v>61783</v>
      </c>
      <c r="D19579" s="14" t="s">
        <v>61784</v>
      </c>
      <c r="E19579" s="2" t="s">
        <v>61785</v>
      </c>
      <c r="F19579" s="2" t="s">
        <v>61776</v>
      </c>
      <c r="G19579" s="8">
        <v>1689</v>
      </c>
      <c r="H19579" s="5">
        <v>10</v>
      </c>
      <c r="I19579" s="5" t="s">
        <v>69</v>
      </c>
      <c r="J19579" s="5" t="s">
        <v>61065</v>
      </c>
      <c r="K19579" s="2" t="s">
        <v>61066</v>
      </c>
      <c r="L19579" s="5" t="s">
        <v>61065</v>
      </c>
      <c r="M19579" s="2" t="s">
        <v>61066</v>
      </c>
      <c r="N19579" s="5" t="s">
        <v>733</v>
      </c>
      <c r="O19579" s="5" t="s">
        <v>38</v>
      </c>
      <c r="P19579" s="5" t="s">
        <v>39</v>
      </c>
      <c r="Q19579" s="5" t="s">
        <v>40</v>
      </c>
      <c r="R19579" s="5" t="s">
        <v>897</v>
      </c>
      <c r="S19579" s="5" t="s">
        <v>40</v>
      </c>
      <c r="T19579" s="5" t="s">
        <v>42</v>
      </c>
      <c r="U19579" s="2">
        <v>45.054000000000002</v>
      </c>
      <c r="V19579" s="2">
        <v>41.485999999999997</v>
      </c>
      <c r="W19579" s="2">
        <v>0.17199999999999999</v>
      </c>
      <c r="X19579" s="2">
        <v>17</v>
      </c>
      <c r="Y19579" s="2">
        <v>76.7</v>
      </c>
      <c r="Z19579" s="2">
        <v>131.6</v>
      </c>
      <c r="AA19579" s="5">
        <v>7</v>
      </c>
      <c r="AB19579" s="5" t="s">
        <v>43</v>
      </c>
      <c r="AC19579" s="5" t="s">
        <v>735</v>
      </c>
      <c r="AD19579" s="2" t="s">
        <v>61786</v>
      </c>
      <c r="AE19579" s="1"/>
    </row>
    <row r="19580" spans="1:31" ht="14.45">
      <c r="A19580" s="11"/>
      <c r="B19580" s="20"/>
      <c r="C19580" s="2" t="s">
        <v>61787</v>
      </c>
      <c r="D19580" s="14" t="s">
        <v>61788</v>
      </c>
      <c r="E19580" s="2" t="s">
        <v>61789</v>
      </c>
      <c r="F19580" s="2" t="s">
        <v>61790</v>
      </c>
      <c r="G19580" s="8">
        <v>1147</v>
      </c>
      <c r="H19580" s="5">
        <v>5</v>
      </c>
      <c r="I19580" s="5" t="s">
        <v>69</v>
      </c>
      <c r="J19580" s="5" t="s">
        <v>61065</v>
      </c>
      <c r="K19580" s="2" t="s">
        <v>61066</v>
      </c>
      <c r="L19580" s="5" t="s">
        <v>61065</v>
      </c>
      <c r="M19580" s="2" t="s">
        <v>61066</v>
      </c>
      <c r="N19580" s="5" t="s">
        <v>733</v>
      </c>
      <c r="O19580" s="5" t="s">
        <v>38</v>
      </c>
      <c r="P19580" s="5" t="s">
        <v>39</v>
      </c>
      <c r="Q19580" s="5" t="s">
        <v>40</v>
      </c>
      <c r="R19580" s="5" t="s">
        <v>897</v>
      </c>
      <c r="S19580" s="5" t="s">
        <v>40</v>
      </c>
      <c r="T19580" s="5" t="s">
        <v>42</v>
      </c>
      <c r="U19580" s="2">
        <v>38.515999999999998</v>
      </c>
      <c r="V19580" s="2">
        <v>35.091000000000001</v>
      </c>
      <c r="W19580" s="2">
        <v>0.17199999999999999</v>
      </c>
      <c r="X19580" s="2">
        <v>17</v>
      </c>
      <c r="Y19580" s="2">
        <v>76.7</v>
      </c>
      <c r="Z19580" s="2">
        <v>131.6</v>
      </c>
      <c r="AA19580" s="5">
        <v>7</v>
      </c>
      <c r="AB19580" s="5" t="s">
        <v>43</v>
      </c>
      <c r="AC19580" s="5" t="s">
        <v>735</v>
      </c>
      <c r="AD19580" s="2" t="s">
        <v>61791</v>
      </c>
      <c r="AE19580" s="1"/>
    </row>
    <row r="19581" spans="1:31" ht="14.45">
      <c r="A19581" s="11"/>
      <c r="B19581" s="20"/>
      <c r="C19581" s="2" t="s">
        <v>61792</v>
      </c>
      <c r="D19581" s="14" t="s">
        <v>61793</v>
      </c>
      <c r="E19581" s="2" t="s">
        <v>61794</v>
      </c>
      <c r="F19581" s="2" t="s">
        <v>61795</v>
      </c>
      <c r="G19581" s="8">
        <v>1447</v>
      </c>
      <c r="H19581" s="5">
        <v>5</v>
      </c>
      <c r="I19581" s="5" t="s">
        <v>69</v>
      </c>
      <c r="J19581" s="5" t="s">
        <v>61065</v>
      </c>
      <c r="K19581" s="2" t="s">
        <v>61066</v>
      </c>
      <c r="L19581" s="5" t="s">
        <v>61065</v>
      </c>
      <c r="M19581" s="2" t="s">
        <v>61066</v>
      </c>
      <c r="N19581" s="5" t="s">
        <v>733</v>
      </c>
      <c r="O19581" s="5" t="s">
        <v>38</v>
      </c>
      <c r="P19581" s="5" t="s">
        <v>39</v>
      </c>
      <c r="Q19581" s="5" t="s">
        <v>40</v>
      </c>
      <c r="R19581" s="5" t="s">
        <v>897</v>
      </c>
      <c r="S19581" s="5" t="s">
        <v>40</v>
      </c>
      <c r="T19581" s="5" t="s">
        <v>42</v>
      </c>
      <c r="U19581" s="2">
        <v>40.942999999999998</v>
      </c>
      <c r="V19581" s="2">
        <v>37.369999999999997</v>
      </c>
      <c r="W19581" s="2">
        <v>0.17199999999999999</v>
      </c>
      <c r="X19581" s="2">
        <v>17</v>
      </c>
      <c r="Y19581" s="2">
        <v>76.7</v>
      </c>
      <c r="Z19581" s="2">
        <v>131.6</v>
      </c>
      <c r="AA19581" s="5">
        <v>7</v>
      </c>
      <c r="AB19581" s="5" t="s">
        <v>43</v>
      </c>
      <c r="AC19581" s="5" t="s">
        <v>735</v>
      </c>
      <c r="AD19581" s="2" t="s">
        <v>61796</v>
      </c>
      <c r="AE19581" s="1"/>
    </row>
    <row r="19582" spans="1:31" ht="14.45">
      <c r="A19582" s="5" t="s">
        <v>116</v>
      </c>
      <c r="B19582" s="21">
        <v>46082</v>
      </c>
      <c r="C19582" s="2" t="s">
        <v>61797</v>
      </c>
      <c r="D19582" s="14" t="s">
        <v>61798</v>
      </c>
      <c r="E19582" s="2" t="s">
        <v>61799</v>
      </c>
      <c r="F19582" s="2" t="s">
        <v>61800</v>
      </c>
      <c r="G19582" s="8">
        <v>1547</v>
      </c>
      <c r="H19582" s="5">
        <v>5</v>
      </c>
      <c r="I19582" s="5" t="s">
        <v>69</v>
      </c>
      <c r="J19582" s="5" t="s">
        <v>61065</v>
      </c>
      <c r="K19582" s="2" t="s">
        <v>61066</v>
      </c>
      <c r="L19582" s="5" t="s">
        <v>61065</v>
      </c>
      <c r="M19582" s="2" t="s">
        <v>61066</v>
      </c>
      <c r="N19582" s="5" t="s">
        <v>733</v>
      </c>
      <c r="O19582" s="5" t="s">
        <v>38</v>
      </c>
      <c r="P19582" s="5" t="s">
        <v>39</v>
      </c>
      <c r="Q19582" s="5" t="s">
        <v>40</v>
      </c>
      <c r="R19582" s="5" t="s">
        <v>897</v>
      </c>
      <c r="S19582" s="5" t="s">
        <v>40</v>
      </c>
      <c r="T19582" s="5" t="s">
        <v>42</v>
      </c>
      <c r="U19582" s="2">
        <v>41.052</v>
      </c>
      <c r="V19582" s="2">
        <v>37.652999999999999</v>
      </c>
      <c r="W19582" s="2">
        <v>0.17199999999999999</v>
      </c>
      <c r="X19582" s="2">
        <v>17</v>
      </c>
      <c r="Y19582" s="2">
        <v>76.7</v>
      </c>
      <c r="Z19582" s="2">
        <v>131.6</v>
      </c>
      <c r="AA19582" s="5">
        <v>7</v>
      </c>
      <c r="AB19582" s="5" t="s">
        <v>43</v>
      </c>
      <c r="AC19582" s="5" t="s">
        <v>735</v>
      </c>
      <c r="AD19582" s="2" t="s">
        <v>61801</v>
      </c>
      <c r="AE19582" s="1"/>
    </row>
    <row r="19583" spans="1:31" ht="14.45">
      <c r="A19583" s="11"/>
      <c r="B19583" s="20"/>
      <c r="C19583" s="2" t="s">
        <v>61802</v>
      </c>
      <c r="D19583" s="14" t="s">
        <v>61803</v>
      </c>
      <c r="E19583" s="2" t="s">
        <v>61804</v>
      </c>
      <c r="F19583" s="2" t="s">
        <v>61795</v>
      </c>
      <c r="G19583" s="8">
        <v>1447</v>
      </c>
      <c r="H19583" s="5">
        <v>10</v>
      </c>
      <c r="I19583" s="5" t="s">
        <v>69</v>
      </c>
      <c r="J19583" s="5" t="s">
        <v>61065</v>
      </c>
      <c r="K19583" s="2" t="s">
        <v>61066</v>
      </c>
      <c r="L19583" s="5" t="s">
        <v>61065</v>
      </c>
      <c r="M19583" s="2" t="s">
        <v>61066</v>
      </c>
      <c r="N19583" s="5" t="s">
        <v>733</v>
      </c>
      <c r="O19583" s="5" t="s">
        <v>38</v>
      </c>
      <c r="P19583" s="5" t="s">
        <v>39</v>
      </c>
      <c r="Q19583" s="5" t="s">
        <v>40</v>
      </c>
      <c r="R19583" s="5" t="s">
        <v>897</v>
      </c>
      <c r="S19583" s="5" t="s">
        <v>40</v>
      </c>
      <c r="T19583" s="5" t="s">
        <v>42</v>
      </c>
      <c r="U19583" s="2">
        <v>40.527999999999999</v>
      </c>
      <c r="V19583" s="2">
        <v>36.945999999999998</v>
      </c>
      <c r="W19583" s="2">
        <v>0.17199999999999999</v>
      </c>
      <c r="X19583" s="2">
        <v>17</v>
      </c>
      <c r="Y19583" s="2">
        <v>76.7</v>
      </c>
      <c r="Z19583" s="2">
        <v>131.6</v>
      </c>
      <c r="AA19583" s="5">
        <v>7</v>
      </c>
      <c r="AB19583" s="5" t="s">
        <v>43</v>
      </c>
      <c r="AC19583" s="5" t="s">
        <v>735</v>
      </c>
      <c r="AD19583" s="2" t="s">
        <v>61805</v>
      </c>
      <c r="AE19583" s="1"/>
    </row>
    <row r="19584" spans="1:31" ht="14.45">
      <c r="A19584" s="11"/>
      <c r="B19584" s="20"/>
      <c r="C19584" s="2" t="s">
        <v>61806</v>
      </c>
      <c r="D19584" s="14" t="s">
        <v>61807</v>
      </c>
      <c r="E19584" s="2" t="s">
        <v>61808</v>
      </c>
      <c r="F19584" s="2" t="s">
        <v>61809</v>
      </c>
      <c r="G19584" s="8">
        <v>1319</v>
      </c>
      <c r="H19584" s="5">
        <v>5</v>
      </c>
      <c r="I19584" s="5" t="s">
        <v>69</v>
      </c>
      <c r="J19584" s="5" t="s">
        <v>61065</v>
      </c>
      <c r="K19584" s="2" t="s">
        <v>61066</v>
      </c>
      <c r="L19584" s="5" t="s">
        <v>61065</v>
      </c>
      <c r="M19584" s="2" t="s">
        <v>61066</v>
      </c>
      <c r="N19584" s="5" t="s">
        <v>733</v>
      </c>
      <c r="O19584" s="5" t="s">
        <v>38</v>
      </c>
      <c r="P19584" s="5" t="s">
        <v>39</v>
      </c>
      <c r="Q19584" s="5" t="s">
        <v>40</v>
      </c>
      <c r="R19584" s="5" t="s">
        <v>897</v>
      </c>
      <c r="S19584" s="5" t="s">
        <v>40</v>
      </c>
      <c r="T19584" s="5" t="s">
        <v>42</v>
      </c>
      <c r="U19584" s="2">
        <v>43.014000000000003</v>
      </c>
      <c r="V19584" s="2">
        <v>39.603000000000002</v>
      </c>
      <c r="W19584" s="2">
        <v>0.17199999999999999</v>
      </c>
      <c r="X19584" s="2">
        <v>17</v>
      </c>
      <c r="Y19584" s="2">
        <v>76.7</v>
      </c>
      <c r="Z19584" s="2">
        <v>131.6</v>
      </c>
      <c r="AA19584" s="5">
        <v>7</v>
      </c>
      <c r="AB19584" s="5" t="s">
        <v>43</v>
      </c>
      <c r="AC19584" s="5" t="s">
        <v>735</v>
      </c>
      <c r="AD19584" s="2" t="s">
        <v>61810</v>
      </c>
      <c r="AE19584" s="1"/>
    </row>
    <row r="19585" spans="1:31" ht="14.45">
      <c r="A19585" s="11"/>
      <c r="B19585" s="20"/>
      <c r="C19585" s="2" t="s">
        <v>61811</v>
      </c>
      <c r="D19585" s="14" t="s">
        <v>61812</v>
      </c>
      <c r="E19585" s="2" t="s">
        <v>61813</v>
      </c>
      <c r="F19585" s="2" t="s">
        <v>61809</v>
      </c>
      <c r="G19585" s="8">
        <v>1619</v>
      </c>
      <c r="H19585" s="5">
        <v>10</v>
      </c>
      <c r="I19585" s="5" t="s">
        <v>69</v>
      </c>
      <c r="J19585" s="5" t="s">
        <v>61065</v>
      </c>
      <c r="K19585" s="2" t="s">
        <v>61066</v>
      </c>
      <c r="L19585" s="5" t="s">
        <v>61065</v>
      </c>
      <c r="M19585" s="2" t="s">
        <v>61066</v>
      </c>
      <c r="N19585" s="5" t="s">
        <v>733</v>
      </c>
      <c r="O19585" s="5" t="s">
        <v>38</v>
      </c>
      <c r="P19585" s="5" t="s">
        <v>39</v>
      </c>
      <c r="Q19585" s="5" t="s">
        <v>40</v>
      </c>
      <c r="R19585" s="5" t="s">
        <v>897</v>
      </c>
      <c r="S19585" s="5" t="s">
        <v>40</v>
      </c>
      <c r="T19585" s="5" t="s">
        <v>42</v>
      </c>
      <c r="U19585" s="2">
        <v>45.475000000000001</v>
      </c>
      <c r="V19585" s="2">
        <v>41.915999999999997</v>
      </c>
      <c r="W19585" s="2">
        <v>0.17199999999999999</v>
      </c>
      <c r="X19585" s="2">
        <v>17</v>
      </c>
      <c r="Y19585" s="2">
        <v>76.7</v>
      </c>
      <c r="Z19585" s="2">
        <v>131.6</v>
      </c>
      <c r="AA19585" s="5">
        <v>7</v>
      </c>
      <c r="AB19585" s="5" t="s">
        <v>43</v>
      </c>
      <c r="AC19585" s="5" t="s">
        <v>735</v>
      </c>
      <c r="AD19585" s="2" t="s">
        <v>61814</v>
      </c>
      <c r="AE19585" s="1"/>
    </row>
    <row r="19586" spans="1:31" ht="14.45">
      <c r="A19586" s="5" t="s">
        <v>116</v>
      </c>
      <c r="B19586" s="21">
        <v>46082</v>
      </c>
      <c r="C19586" s="2" t="s">
        <v>61815</v>
      </c>
      <c r="D19586" s="14" t="s">
        <v>61816</v>
      </c>
      <c r="E19586" s="2" t="s">
        <v>61817</v>
      </c>
      <c r="F19586" s="2" t="s">
        <v>61818</v>
      </c>
      <c r="G19586" s="8">
        <v>1719</v>
      </c>
      <c r="H19586" s="5">
        <v>5</v>
      </c>
      <c r="I19586" s="5" t="s">
        <v>69</v>
      </c>
      <c r="J19586" s="5" t="s">
        <v>61065</v>
      </c>
      <c r="K19586" s="2" t="s">
        <v>61066</v>
      </c>
      <c r="L19586" s="5" t="s">
        <v>61065</v>
      </c>
      <c r="M19586" s="2" t="s">
        <v>61066</v>
      </c>
      <c r="N19586" s="5" t="s">
        <v>733</v>
      </c>
      <c r="O19586" s="5" t="s">
        <v>38</v>
      </c>
      <c r="P19586" s="5" t="s">
        <v>39</v>
      </c>
      <c r="Q19586" s="5" t="s">
        <v>40</v>
      </c>
      <c r="R19586" s="5" t="s">
        <v>897</v>
      </c>
      <c r="S19586" s="5" t="s">
        <v>40</v>
      </c>
      <c r="T19586" s="5" t="s">
        <v>42</v>
      </c>
      <c r="U19586" s="2">
        <v>45.551000000000002</v>
      </c>
      <c r="V19586" s="2">
        <v>42.165999999999997</v>
      </c>
      <c r="W19586" s="2">
        <v>0.17199999999999999</v>
      </c>
      <c r="X19586" s="2">
        <v>17</v>
      </c>
      <c r="Y19586" s="2">
        <v>76.7</v>
      </c>
      <c r="Z19586" s="2">
        <v>131.6</v>
      </c>
      <c r="AA19586" s="5">
        <v>7</v>
      </c>
      <c r="AB19586" s="5" t="s">
        <v>43</v>
      </c>
      <c r="AC19586" s="5" t="s">
        <v>735</v>
      </c>
      <c r="AD19586" s="2" t="s">
        <v>61819</v>
      </c>
      <c r="AE19586" s="1"/>
    </row>
    <row r="19587" spans="1:31" ht="14.45">
      <c r="A19587" s="11"/>
      <c r="B19587" s="20"/>
      <c r="C19587" s="2" t="s">
        <v>61820</v>
      </c>
      <c r="D19587" s="14" t="s">
        <v>61821</v>
      </c>
      <c r="E19587" s="2" t="s">
        <v>61822</v>
      </c>
      <c r="F19587" s="2" t="s">
        <v>61809</v>
      </c>
      <c r="G19587" s="8">
        <v>1619</v>
      </c>
      <c r="H19587" s="5">
        <v>5</v>
      </c>
      <c r="I19587" s="5" t="s">
        <v>69</v>
      </c>
      <c r="J19587" s="5" t="s">
        <v>61065</v>
      </c>
      <c r="K19587" s="2" t="s">
        <v>61066</v>
      </c>
      <c r="L19587" s="5" t="s">
        <v>61065</v>
      </c>
      <c r="M19587" s="2" t="s">
        <v>61066</v>
      </c>
      <c r="N19587" s="5" t="s">
        <v>733</v>
      </c>
      <c r="O19587" s="5" t="s">
        <v>38</v>
      </c>
      <c r="P19587" s="5" t="s">
        <v>39</v>
      </c>
      <c r="Q19587" s="5" t="s">
        <v>40</v>
      </c>
      <c r="R19587" s="5" t="s">
        <v>897</v>
      </c>
      <c r="S19587" s="5" t="s">
        <v>40</v>
      </c>
      <c r="T19587" s="5" t="s">
        <v>42</v>
      </c>
      <c r="U19587" s="2">
        <v>45.027000000000001</v>
      </c>
      <c r="V19587" s="2">
        <v>41.459000000000003</v>
      </c>
      <c r="W19587" s="2">
        <v>0.17199999999999999</v>
      </c>
      <c r="X19587" s="2">
        <v>17</v>
      </c>
      <c r="Y19587" s="2">
        <v>76.7</v>
      </c>
      <c r="Z19587" s="2">
        <v>131.6</v>
      </c>
      <c r="AA19587" s="5">
        <v>7</v>
      </c>
      <c r="AB19587" s="5" t="s">
        <v>43</v>
      </c>
      <c r="AC19587" s="5" t="s">
        <v>735</v>
      </c>
      <c r="AD19587" s="2" t="s">
        <v>61823</v>
      </c>
      <c r="AE19587" s="1"/>
    </row>
    <row r="19588" spans="1:31" ht="14.45">
      <c r="A19588" s="11"/>
      <c r="B19588" s="20"/>
      <c r="C19588" s="2" t="s">
        <v>61824</v>
      </c>
      <c r="D19588" s="14" t="s">
        <v>61825</v>
      </c>
      <c r="E19588" s="2" t="s">
        <v>61826</v>
      </c>
      <c r="F19588" s="2" t="s">
        <v>61827</v>
      </c>
      <c r="G19588" s="8">
        <v>1389</v>
      </c>
      <c r="H19588" s="5">
        <v>10</v>
      </c>
      <c r="I19588" s="5" t="s">
        <v>69</v>
      </c>
      <c r="J19588" s="5" t="s">
        <v>61065</v>
      </c>
      <c r="K19588" s="2" t="s">
        <v>61066</v>
      </c>
      <c r="L19588" s="5" t="s">
        <v>61065</v>
      </c>
      <c r="M19588" s="2" t="s">
        <v>61066</v>
      </c>
      <c r="N19588" s="5" t="s">
        <v>733</v>
      </c>
      <c r="O19588" s="5" t="s">
        <v>38</v>
      </c>
      <c r="P19588" s="5" t="s">
        <v>39</v>
      </c>
      <c r="Q19588" s="5" t="s">
        <v>40</v>
      </c>
      <c r="R19588" s="5" t="s">
        <v>897</v>
      </c>
      <c r="S19588" s="5" t="s">
        <v>40</v>
      </c>
      <c r="T19588" s="5" t="s">
        <v>42</v>
      </c>
      <c r="U19588" s="2">
        <v>42.238999999999997</v>
      </c>
      <c r="V19588" s="2">
        <v>38.828000000000003</v>
      </c>
      <c r="W19588" s="2">
        <v>0.17199999999999999</v>
      </c>
      <c r="X19588" s="2">
        <v>17</v>
      </c>
      <c r="Y19588" s="2">
        <v>76.7</v>
      </c>
      <c r="Z19588" s="2">
        <v>131.6</v>
      </c>
      <c r="AA19588" s="5">
        <v>7</v>
      </c>
      <c r="AB19588" s="5" t="s">
        <v>43</v>
      </c>
      <c r="AC19588" s="5" t="s">
        <v>735</v>
      </c>
      <c r="AD19588" s="2" t="s">
        <v>61828</v>
      </c>
      <c r="AE19588" s="1"/>
    </row>
    <row r="19589" spans="1:31" ht="14.45">
      <c r="A19589" s="11"/>
      <c r="B19589" s="20"/>
      <c r="C19589" s="2" t="s">
        <v>61829</v>
      </c>
      <c r="D19589" s="14" t="s">
        <v>61830</v>
      </c>
      <c r="E19589" s="2" t="s">
        <v>61831</v>
      </c>
      <c r="F19589" s="2" t="s">
        <v>61832</v>
      </c>
      <c r="G19589" s="8">
        <v>1689</v>
      </c>
      <c r="H19589" s="5">
        <v>10</v>
      </c>
      <c r="I19589" s="5" t="s">
        <v>69</v>
      </c>
      <c r="J19589" s="5" t="s">
        <v>61065</v>
      </c>
      <c r="K19589" s="2" t="s">
        <v>61066</v>
      </c>
      <c r="L19589" s="5" t="s">
        <v>61065</v>
      </c>
      <c r="M19589" s="2" t="s">
        <v>61066</v>
      </c>
      <c r="N19589" s="5" t="s">
        <v>733</v>
      </c>
      <c r="O19589" s="5" t="s">
        <v>38</v>
      </c>
      <c r="P19589" s="5" t="s">
        <v>39</v>
      </c>
      <c r="Q19589" s="5" t="s">
        <v>40</v>
      </c>
      <c r="R19589" s="5" t="s">
        <v>897</v>
      </c>
      <c r="S19589" s="5" t="s">
        <v>40</v>
      </c>
      <c r="T19589" s="5" t="s">
        <v>42</v>
      </c>
      <c r="U19589" s="2">
        <v>44.665999999999997</v>
      </c>
      <c r="V19589" s="2">
        <v>41.106999999999999</v>
      </c>
      <c r="W19589" s="2">
        <v>0.17199999999999999</v>
      </c>
      <c r="X19589" s="2">
        <v>17</v>
      </c>
      <c r="Y19589" s="2">
        <v>76.7</v>
      </c>
      <c r="Z19589" s="2">
        <v>131.6</v>
      </c>
      <c r="AA19589" s="5">
        <v>7</v>
      </c>
      <c r="AB19589" s="5" t="s">
        <v>43</v>
      </c>
      <c r="AC19589" s="5" t="s">
        <v>735</v>
      </c>
      <c r="AD19589" s="2" t="s">
        <v>61833</v>
      </c>
      <c r="AE19589" s="1"/>
    </row>
    <row r="19590" spans="1:31" ht="14.45">
      <c r="A19590" s="11"/>
      <c r="B19590" s="20"/>
      <c r="C19590" s="2" t="s">
        <v>61834</v>
      </c>
      <c r="D19590" s="14" t="s">
        <v>61835</v>
      </c>
      <c r="E19590" s="2" t="s">
        <v>61836</v>
      </c>
      <c r="F19590" s="2" t="s">
        <v>61832</v>
      </c>
      <c r="G19590" s="8">
        <v>1689</v>
      </c>
      <c r="H19590" s="5">
        <v>10</v>
      </c>
      <c r="I19590" s="5" t="s">
        <v>69</v>
      </c>
      <c r="J19590" s="5" t="s">
        <v>61065</v>
      </c>
      <c r="K19590" s="2" t="s">
        <v>61066</v>
      </c>
      <c r="L19590" s="5" t="s">
        <v>61065</v>
      </c>
      <c r="M19590" s="2" t="s">
        <v>61066</v>
      </c>
      <c r="N19590" s="5" t="s">
        <v>733</v>
      </c>
      <c r="O19590" s="5" t="s">
        <v>38</v>
      </c>
      <c r="P19590" s="5" t="s">
        <v>39</v>
      </c>
      <c r="Q19590" s="5" t="s">
        <v>40</v>
      </c>
      <c r="R19590" s="5" t="s">
        <v>897</v>
      </c>
      <c r="S19590" s="5" t="s">
        <v>40</v>
      </c>
      <c r="T19590" s="5" t="s">
        <v>42</v>
      </c>
      <c r="U19590" s="2">
        <v>44.252000000000002</v>
      </c>
      <c r="V19590" s="2">
        <v>40.683999999999997</v>
      </c>
      <c r="W19590" s="2">
        <v>0.17199999999999999</v>
      </c>
      <c r="X19590" s="2">
        <v>17</v>
      </c>
      <c r="Y19590" s="2">
        <v>76.7</v>
      </c>
      <c r="Z19590" s="2">
        <v>131.6</v>
      </c>
      <c r="AA19590" s="5">
        <v>7</v>
      </c>
      <c r="AB19590" s="5" t="s">
        <v>43</v>
      </c>
      <c r="AC19590" s="5" t="s">
        <v>735</v>
      </c>
      <c r="AD19590" s="2" t="s">
        <v>61837</v>
      </c>
      <c r="AE19590" s="1"/>
    </row>
    <row r="19591" spans="1:31" ht="14.45">
      <c r="A19591" s="11"/>
      <c r="B19591" s="20"/>
      <c r="C19591" s="2" t="s">
        <v>61838</v>
      </c>
      <c r="D19591" s="14" t="s">
        <v>61839</v>
      </c>
      <c r="E19591" s="2" t="s">
        <v>61840</v>
      </c>
      <c r="F19591" s="2" t="s">
        <v>61841</v>
      </c>
      <c r="G19591" s="8">
        <v>1147</v>
      </c>
      <c r="H19591" s="5">
        <v>10</v>
      </c>
      <c r="I19591" s="5" t="s">
        <v>69</v>
      </c>
      <c r="J19591" s="5" t="s">
        <v>61065</v>
      </c>
      <c r="K19591" s="2" t="s">
        <v>61066</v>
      </c>
      <c r="L19591" s="5" t="s">
        <v>61065</v>
      </c>
      <c r="M19591" s="2" t="s">
        <v>61066</v>
      </c>
      <c r="N19591" s="5" t="s">
        <v>733</v>
      </c>
      <c r="O19591" s="5" t="s">
        <v>38</v>
      </c>
      <c r="P19591" s="5" t="s">
        <v>39</v>
      </c>
      <c r="Q19591" s="5" t="s">
        <v>40</v>
      </c>
      <c r="R19591" s="5" t="s">
        <v>897</v>
      </c>
      <c r="S19591" s="5" t="s">
        <v>40</v>
      </c>
      <c r="T19591" s="5" t="s">
        <v>42</v>
      </c>
      <c r="U19591" s="2">
        <v>37.718000000000004</v>
      </c>
      <c r="V19591" s="2">
        <v>34.292999999999999</v>
      </c>
      <c r="W19591" s="2">
        <v>0.17199999999999999</v>
      </c>
      <c r="X19591" s="2">
        <v>17</v>
      </c>
      <c r="Y19591" s="2">
        <v>76.7</v>
      </c>
      <c r="Z19591" s="2">
        <v>131.6</v>
      </c>
      <c r="AA19591" s="5">
        <v>7</v>
      </c>
      <c r="AB19591" s="5" t="s">
        <v>43</v>
      </c>
      <c r="AC19591" s="5" t="s">
        <v>735</v>
      </c>
      <c r="AD19591" s="2" t="s">
        <v>61842</v>
      </c>
      <c r="AE19591" s="1"/>
    </row>
    <row r="19592" spans="1:31" ht="14.45">
      <c r="A19592" s="11"/>
      <c r="B19592" s="20"/>
      <c r="C19592" s="2" t="s">
        <v>61843</v>
      </c>
      <c r="D19592" s="14" t="s">
        <v>61844</v>
      </c>
      <c r="E19592" s="2" t="s">
        <v>61845</v>
      </c>
      <c r="F19592" s="2" t="s">
        <v>61841</v>
      </c>
      <c r="G19592" s="8">
        <v>1447</v>
      </c>
      <c r="H19592" s="5">
        <v>10</v>
      </c>
      <c r="I19592" s="5" t="s">
        <v>69</v>
      </c>
      <c r="J19592" s="5" t="s">
        <v>61065</v>
      </c>
      <c r="K19592" s="2" t="s">
        <v>61066</v>
      </c>
      <c r="L19592" s="5" t="s">
        <v>61065</v>
      </c>
      <c r="M19592" s="2" t="s">
        <v>61066</v>
      </c>
      <c r="N19592" s="5" t="s">
        <v>733</v>
      </c>
      <c r="O19592" s="5" t="s">
        <v>38</v>
      </c>
      <c r="P19592" s="5" t="s">
        <v>39</v>
      </c>
      <c r="Q19592" s="5" t="s">
        <v>40</v>
      </c>
      <c r="R19592" s="5" t="s">
        <v>897</v>
      </c>
      <c r="S19592" s="5" t="s">
        <v>40</v>
      </c>
      <c r="T19592" s="5" t="s">
        <v>42</v>
      </c>
      <c r="U19592" s="2">
        <v>40.145000000000003</v>
      </c>
      <c r="V19592" s="2">
        <v>36.572000000000003</v>
      </c>
      <c r="W19592" s="2">
        <v>0.17199999999999999</v>
      </c>
      <c r="X19592" s="2">
        <v>17</v>
      </c>
      <c r="Y19592" s="2">
        <v>76.7</v>
      </c>
      <c r="Z19592" s="2">
        <v>131.6</v>
      </c>
      <c r="AA19592" s="5">
        <v>7</v>
      </c>
      <c r="AB19592" s="5" t="s">
        <v>43</v>
      </c>
      <c r="AC19592" s="5" t="s">
        <v>735</v>
      </c>
      <c r="AD19592" s="2" t="s">
        <v>61846</v>
      </c>
      <c r="AE19592" s="1"/>
    </row>
    <row r="19593" spans="1:31" ht="14.45">
      <c r="A19593" s="11"/>
      <c r="B19593" s="20"/>
      <c r="C19593" s="2" t="s">
        <v>61847</v>
      </c>
      <c r="D19593" s="14" t="s">
        <v>61848</v>
      </c>
      <c r="E19593" s="2" t="s">
        <v>61849</v>
      </c>
      <c r="F19593" s="2" t="s">
        <v>61841</v>
      </c>
      <c r="G19593" s="8">
        <v>1447</v>
      </c>
      <c r="H19593" s="5">
        <v>5</v>
      </c>
      <c r="I19593" s="5" t="s">
        <v>69</v>
      </c>
      <c r="J19593" s="5" t="s">
        <v>61065</v>
      </c>
      <c r="K19593" s="2" t="s">
        <v>61066</v>
      </c>
      <c r="L19593" s="5" t="s">
        <v>61065</v>
      </c>
      <c r="M19593" s="2" t="s">
        <v>61066</v>
      </c>
      <c r="N19593" s="5" t="s">
        <v>733</v>
      </c>
      <c r="O19593" s="5" t="s">
        <v>38</v>
      </c>
      <c r="P19593" s="5" t="s">
        <v>39</v>
      </c>
      <c r="Q19593" s="5" t="s">
        <v>40</v>
      </c>
      <c r="R19593" s="5" t="s">
        <v>897</v>
      </c>
      <c r="S19593" s="5" t="s">
        <v>40</v>
      </c>
      <c r="T19593" s="5" t="s">
        <v>42</v>
      </c>
      <c r="U19593" s="2">
        <v>39.729999999999997</v>
      </c>
      <c r="V19593" s="2">
        <v>36.148000000000003</v>
      </c>
      <c r="W19593" s="2">
        <v>0.17199999999999999</v>
      </c>
      <c r="X19593" s="2">
        <v>17</v>
      </c>
      <c r="Y19593" s="2">
        <v>76.7</v>
      </c>
      <c r="Z19593" s="2">
        <v>131.6</v>
      </c>
      <c r="AA19593" s="5">
        <v>7</v>
      </c>
      <c r="AB19593" s="5" t="s">
        <v>43</v>
      </c>
      <c r="AC19593" s="5" t="s">
        <v>735</v>
      </c>
      <c r="AD19593" s="2" t="s">
        <v>61850</v>
      </c>
      <c r="AE19593" s="1"/>
    </row>
    <row r="19594" spans="1:31" ht="14.45">
      <c r="A19594" s="11"/>
      <c r="B19594" s="20"/>
      <c r="C19594" s="2" t="s">
        <v>61851</v>
      </c>
      <c r="D19594" s="14" t="s">
        <v>61852</v>
      </c>
      <c r="E19594" s="2" t="s">
        <v>61853</v>
      </c>
      <c r="F19594" s="2" t="s">
        <v>61854</v>
      </c>
      <c r="G19594" s="8">
        <v>1319</v>
      </c>
      <c r="H19594" s="5">
        <v>10</v>
      </c>
      <c r="I19594" s="5" t="s">
        <v>69</v>
      </c>
      <c r="J19594" s="5" t="s">
        <v>61065</v>
      </c>
      <c r="K19594" s="2" t="s">
        <v>61066</v>
      </c>
      <c r="L19594" s="5" t="s">
        <v>61065</v>
      </c>
      <c r="M19594" s="2" t="s">
        <v>61066</v>
      </c>
      <c r="N19594" s="5" t="s">
        <v>733</v>
      </c>
      <c r="O19594" s="5" t="s">
        <v>38</v>
      </c>
      <c r="P19594" s="5" t="s">
        <v>39</v>
      </c>
      <c r="Q19594" s="5" t="s">
        <v>40</v>
      </c>
      <c r="R19594" s="5" t="s">
        <v>897</v>
      </c>
      <c r="S19594" s="5" t="s">
        <v>40</v>
      </c>
      <c r="T19594" s="5" t="s">
        <v>42</v>
      </c>
      <c r="U19594" s="2">
        <v>42.212000000000003</v>
      </c>
      <c r="V19594" s="2">
        <v>38.801000000000002</v>
      </c>
      <c r="W19594" s="2">
        <v>0.17199999999999999</v>
      </c>
      <c r="X19594" s="2">
        <v>17</v>
      </c>
      <c r="Y19594" s="2">
        <v>76.7</v>
      </c>
      <c r="Z19594" s="2">
        <v>131.6</v>
      </c>
      <c r="AA19594" s="5">
        <v>7</v>
      </c>
      <c r="AB19594" s="5" t="s">
        <v>43</v>
      </c>
      <c r="AC19594" s="5" t="s">
        <v>735</v>
      </c>
      <c r="AD19594" s="2" t="s">
        <v>61855</v>
      </c>
      <c r="AE19594" s="1"/>
    </row>
    <row r="19595" spans="1:31" ht="14.45">
      <c r="A19595" s="11"/>
      <c r="B19595" s="20"/>
      <c r="C19595" s="2" t="s">
        <v>61856</v>
      </c>
      <c r="D19595" s="14" t="s">
        <v>61857</v>
      </c>
      <c r="E19595" s="2" t="s">
        <v>61858</v>
      </c>
      <c r="F19595" s="2" t="s">
        <v>61854</v>
      </c>
      <c r="G19595" s="8">
        <v>1619</v>
      </c>
      <c r="H19595" s="5">
        <v>10</v>
      </c>
      <c r="I19595" s="5" t="s">
        <v>69</v>
      </c>
      <c r="J19595" s="5" t="s">
        <v>61065</v>
      </c>
      <c r="K19595" s="2" t="s">
        <v>61066</v>
      </c>
      <c r="L19595" s="5" t="s">
        <v>61065</v>
      </c>
      <c r="M19595" s="2" t="s">
        <v>61066</v>
      </c>
      <c r="N19595" s="5" t="s">
        <v>733</v>
      </c>
      <c r="O19595" s="5" t="s">
        <v>38</v>
      </c>
      <c r="P19595" s="5" t="s">
        <v>39</v>
      </c>
      <c r="Q19595" s="5" t="s">
        <v>40</v>
      </c>
      <c r="R19595" s="5" t="s">
        <v>897</v>
      </c>
      <c r="S19595" s="5" t="s">
        <v>40</v>
      </c>
      <c r="T19595" s="5" t="s">
        <v>42</v>
      </c>
      <c r="U19595" s="2">
        <v>44.673000000000002</v>
      </c>
      <c r="V19595" s="2">
        <v>41.113999999999997</v>
      </c>
      <c r="W19595" s="2">
        <v>0.17199999999999999</v>
      </c>
      <c r="X19595" s="2">
        <v>17</v>
      </c>
      <c r="Y19595" s="2">
        <v>76.7</v>
      </c>
      <c r="Z19595" s="2">
        <v>131.6</v>
      </c>
      <c r="AA19595" s="5">
        <v>7</v>
      </c>
      <c r="AB19595" s="5" t="s">
        <v>43</v>
      </c>
      <c r="AC19595" s="5" t="s">
        <v>735</v>
      </c>
      <c r="AD19595" s="2" t="s">
        <v>61859</v>
      </c>
      <c r="AE19595" s="1"/>
    </row>
    <row r="19596" spans="1:31" ht="14.45">
      <c r="A19596" s="11"/>
      <c r="B19596" s="20"/>
      <c r="C19596" s="2" t="s">
        <v>61860</v>
      </c>
      <c r="D19596" s="14" t="s">
        <v>61861</v>
      </c>
      <c r="E19596" s="2" t="s">
        <v>61862</v>
      </c>
      <c r="F19596" s="2" t="s">
        <v>61854</v>
      </c>
      <c r="G19596" s="8">
        <v>1619</v>
      </c>
      <c r="H19596" s="5">
        <v>5</v>
      </c>
      <c r="I19596" s="5" t="s">
        <v>69</v>
      </c>
      <c r="J19596" s="5" t="s">
        <v>61065</v>
      </c>
      <c r="K19596" s="2" t="s">
        <v>61066</v>
      </c>
      <c r="L19596" s="5" t="s">
        <v>61065</v>
      </c>
      <c r="M19596" s="2" t="s">
        <v>61066</v>
      </c>
      <c r="N19596" s="5" t="s">
        <v>733</v>
      </c>
      <c r="O19596" s="5" t="s">
        <v>38</v>
      </c>
      <c r="P19596" s="5" t="s">
        <v>39</v>
      </c>
      <c r="Q19596" s="5" t="s">
        <v>40</v>
      </c>
      <c r="R19596" s="5" t="s">
        <v>897</v>
      </c>
      <c r="S19596" s="5" t="s">
        <v>40</v>
      </c>
      <c r="T19596" s="5" t="s">
        <v>42</v>
      </c>
      <c r="U19596" s="2">
        <v>44.225000000000001</v>
      </c>
      <c r="V19596" s="2">
        <v>40.656999999999996</v>
      </c>
      <c r="W19596" s="2">
        <v>0.17199999999999999</v>
      </c>
      <c r="X19596" s="2">
        <v>17</v>
      </c>
      <c r="Y19596" s="2">
        <v>76.7</v>
      </c>
      <c r="Z19596" s="2">
        <v>131.6</v>
      </c>
      <c r="AA19596" s="5">
        <v>7</v>
      </c>
      <c r="AB19596" s="5" t="s">
        <v>43</v>
      </c>
      <c r="AC19596" s="5" t="s">
        <v>735</v>
      </c>
      <c r="AD19596" s="2" t="s">
        <v>61863</v>
      </c>
      <c r="AE19596" s="1"/>
    </row>
    <row r="19597" spans="1:31" ht="14.45">
      <c r="A19597" s="11"/>
      <c r="B19597" s="20"/>
      <c r="C19597" s="2" t="s">
        <v>61864</v>
      </c>
      <c r="D19597" s="14" t="s">
        <v>61865</v>
      </c>
      <c r="E19597" s="2" t="s">
        <v>61866</v>
      </c>
      <c r="F19597" s="2" t="s">
        <v>61867</v>
      </c>
      <c r="G19597" s="8">
        <v>1261</v>
      </c>
      <c r="H19597" s="5">
        <v>10</v>
      </c>
      <c r="I19597" s="5" t="s">
        <v>69</v>
      </c>
      <c r="J19597" s="5" t="s">
        <v>61065</v>
      </c>
      <c r="K19597" s="2" t="s">
        <v>61066</v>
      </c>
      <c r="L19597" s="5" t="s">
        <v>61065</v>
      </c>
      <c r="M19597" s="2" t="s">
        <v>61066</v>
      </c>
      <c r="N19597" s="5" t="s">
        <v>733</v>
      </c>
      <c r="O19597" s="5" t="s">
        <v>38</v>
      </c>
      <c r="P19597" s="5" t="s">
        <v>39</v>
      </c>
      <c r="Q19597" s="5" t="s">
        <v>40</v>
      </c>
      <c r="R19597" s="5" t="s">
        <v>1487</v>
      </c>
      <c r="S19597" s="5"/>
      <c r="T19597" s="5" t="s">
        <v>42</v>
      </c>
      <c r="U19597" s="2">
        <v>0</v>
      </c>
      <c r="V19597" s="2">
        <v>0</v>
      </c>
      <c r="W19597" s="2">
        <v>0</v>
      </c>
      <c r="X19597" s="2">
        <v>0</v>
      </c>
      <c r="Y19597" s="2">
        <v>0</v>
      </c>
      <c r="Z19597" s="2">
        <v>0</v>
      </c>
      <c r="AA19597" s="5"/>
      <c r="AB19597" s="5" t="s">
        <v>43</v>
      </c>
      <c r="AC19597" s="5" t="s">
        <v>735</v>
      </c>
      <c r="AD19597" s="2" t="s">
        <v>61868</v>
      </c>
      <c r="AE19597" s="1"/>
    </row>
    <row r="19598" spans="1:31" ht="14.45">
      <c r="A19598" s="11"/>
      <c r="B19598" s="20"/>
      <c r="C19598" s="2" t="s">
        <v>61869</v>
      </c>
      <c r="D19598" s="14" t="s">
        <v>61870</v>
      </c>
      <c r="E19598" s="2" t="s">
        <v>61871</v>
      </c>
      <c r="F19598" s="2" t="s">
        <v>61872</v>
      </c>
      <c r="G19598" s="8">
        <v>1132</v>
      </c>
      <c r="H19598" s="5">
        <v>10</v>
      </c>
      <c r="I19598" s="5" t="s">
        <v>69</v>
      </c>
      <c r="J19598" s="5" t="s">
        <v>61065</v>
      </c>
      <c r="K19598" s="2" t="s">
        <v>61066</v>
      </c>
      <c r="L19598" s="5" t="s">
        <v>61065</v>
      </c>
      <c r="M19598" s="2" t="s">
        <v>61066</v>
      </c>
      <c r="N19598" s="5" t="s">
        <v>733</v>
      </c>
      <c r="O19598" s="5" t="s">
        <v>38</v>
      </c>
      <c r="P19598" s="5" t="s">
        <v>39</v>
      </c>
      <c r="Q19598" s="5" t="s">
        <v>40</v>
      </c>
      <c r="R19598" s="5" t="s">
        <v>897</v>
      </c>
      <c r="S19598" s="5" t="s">
        <v>40</v>
      </c>
      <c r="T19598" s="5" t="s">
        <v>42</v>
      </c>
      <c r="U19598" s="2">
        <v>52.902000000000001</v>
      </c>
      <c r="V19598" s="2">
        <v>49.036999999999999</v>
      </c>
      <c r="W19598" s="2">
        <v>0.2</v>
      </c>
      <c r="X19598" s="2">
        <v>17</v>
      </c>
      <c r="Y19598" s="2">
        <v>76.7</v>
      </c>
      <c r="Z19598" s="2">
        <v>153.6</v>
      </c>
      <c r="AA19598" s="5">
        <v>7</v>
      </c>
      <c r="AB19598" s="5" t="s">
        <v>43</v>
      </c>
      <c r="AC19598" s="5" t="s">
        <v>735</v>
      </c>
      <c r="AD19598" s="2" t="s">
        <v>61873</v>
      </c>
      <c r="AE19598" s="1"/>
    </row>
    <row r="19599" spans="1:31" ht="14.45">
      <c r="A19599" s="11"/>
      <c r="B19599" s="20"/>
      <c r="C19599" s="2" t="s">
        <v>61874</v>
      </c>
      <c r="D19599" s="14" t="s">
        <v>61875</v>
      </c>
      <c r="E19599" s="2" t="s">
        <v>61876</v>
      </c>
      <c r="F19599" s="2" t="s">
        <v>61877</v>
      </c>
      <c r="G19599" s="8">
        <v>1432</v>
      </c>
      <c r="H19599" s="5">
        <v>5</v>
      </c>
      <c r="I19599" s="5" t="s">
        <v>69</v>
      </c>
      <c r="J19599" s="5" t="s">
        <v>61065</v>
      </c>
      <c r="K19599" s="2" t="s">
        <v>61066</v>
      </c>
      <c r="L19599" s="5" t="s">
        <v>61065</v>
      </c>
      <c r="M19599" s="2" t="s">
        <v>61066</v>
      </c>
      <c r="N19599" s="5" t="s">
        <v>733</v>
      </c>
      <c r="O19599" s="5" t="s">
        <v>38</v>
      </c>
      <c r="P19599" s="5" t="s">
        <v>39</v>
      </c>
      <c r="Q19599" s="5" t="s">
        <v>40</v>
      </c>
      <c r="R19599" s="5" t="s">
        <v>897</v>
      </c>
      <c r="S19599" s="5" t="s">
        <v>40</v>
      </c>
      <c r="T19599" s="5" t="s">
        <v>42</v>
      </c>
      <c r="U19599" s="2">
        <v>55.777000000000001</v>
      </c>
      <c r="V19599" s="2">
        <v>51.823999999999998</v>
      </c>
      <c r="W19599" s="2">
        <v>0.2</v>
      </c>
      <c r="X19599" s="2">
        <v>17</v>
      </c>
      <c r="Y19599" s="2">
        <v>76.7</v>
      </c>
      <c r="Z19599" s="2">
        <v>153.6</v>
      </c>
      <c r="AA19599" s="5">
        <v>7</v>
      </c>
      <c r="AB19599" s="5" t="s">
        <v>43</v>
      </c>
      <c r="AC19599" s="5" t="s">
        <v>735</v>
      </c>
      <c r="AD19599" s="2" t="s">
        <v>61878</v>
      </c>
      <c r="AE19599" s="1"/>
    </row>
    <row r="19600" spans="1:31" ht="14.45">
      <c r="A19600" s="11"/>
      <c r="B19600" s="20"/>
      <c r="C19600" s="2" t="s">
        <v>61879</v>
      </c>
      <c r="D19600" s="14" t="s">
        <v>61880</v>
      </c>
      <c r="E19600" s="2" t="s">
        <v>61881</v>
      </c>
      <c r="F19600" s="2" t="s">
        <v>61882</v>
      </c>
      <c r="G19600" s="8">
        <v>1000</v>
      </c>
      <c r="H19600" s="5">
        <v>5</v>
      </c>
      <c r="I19600" s="5" t="s">
        <v>69</v>
      </c>
      <c r="J19600" s="5" t="s">
        <v>61065</v>
      </c>
      <c r="K19600" s="2" t="s">
        <v>61066</v>
      </c>
      <c r="L19600" s="5" t="s">
        <v>61065</v>
      </c>
      <c r="M19600" s="2" t="s">
        <v>61066</v>
      </c>
      <c r="N19600" s="5" t="s">
        <v>733</v>
      </c>
      <c r="O19600" s="5" t="s">
        <v>38</v>
      </c>
      <c r="P19600" s="5" t="s">
        <v>39</v>
      </c>
      <c r="Q19600" s="5" t="s">
        <v>40</v>
      </c>
      <c r="R19600" s="5" t="s">
        <v>897</v>
      </c>
      <c r="S19600" s="5" t="s">
        <v>40</v>
      </c>
      <c r="T19600" s="5" t="s">
        <v>42</v>
      </c>
      <c r="U19600" s="2">
        <v>46.790999999999997</v>
      </c>
      <c r="V19600" s="2">
        <v>42.927999999999997</v>
      </c>
      <c r="W19600" s="2">
        <v>0.2</v>
      </c>
      <c r="X19600" s="2">
        <v>17</v>
      </c>
      <c r="Y19600" s="2">
        <v>76.7</v>
      </c>
      <c r="Z19600" s="2">
        <v>153.6</v>
      </c>
      <c r="AA19600" s="5">
        <v>7</v>
      </c>
      <c r="AB19600" s="5" t="s">
        <v>43</v>
      </c>
      <c r="AC19600" s="5" t="s">
        <v>735</v>
      </c>
      <c r="AD19600" s="2" t="s">
        <v>61883</v>
      </c>
      <c r="AE19600" s="1"/>
    </row>
    <row r="19601" spans="1:31" ht="14.45">
      <c r="A19601" s="11"/>
      <c r="B19601" s="20"/>
      <c r="C19601" s="2" t="s">
        <v>61884</v>
      </c>
      <c r="D19601" s="14" t="s">
        <v>61885</v>
      </c>
      <c r="E19601" s="2" t="s">
        <v>61886</v>
      </c>
      <c r="F19601" s="2" t="s">
        <v>61887</v>
      </c>
      <c r="G19601" s="8">
        <v>1300</v>
      </c>
      <c r="H19601" s="5">
        <v>5</v>
      </c>
      <c r="I19601" s="5" t="s">
        <v>69</v>
      </c>
      <c r="J19601" s="5" t="s">
        <v>61065</v>
      </c>
      <c r="K19601" s="2" t="s">
        <v>61066</v>
      </c>
      <c r="L19601" s="5" t="s">
        <v>61065</v>
      </c>
      <c r="M19601" s="2" t="s">
        <v>61066</v>
      </c>
      <c r="N19601" s="5" t="s">
        <v>733</v>
      </c>
      <c r="O19601" s="5" t="s">
        <v>38</v>
      </c>
      <c r="P19601" s="5" t="s">
        <v>39</v>
      </c>
      <c r="Q19601" s="5" t="s">
        <v>40</v>
      </c>
      <c r="R19601" s="5" t="s">
        <v>897</v>
      </c>
      <c r="S19601" s="5" t="s">
        <v>40</v>
      </c>
      <c r="T19601" s="5" t="s">
        <v>42</v>
      </c>
      <c r="U19601" s="2">
        <v>49.475999999999999</v>
      </c>
      <c r="V19601" s="2">
        <v>45.506</v>
      </c>
      <c r="W19601" s="2">
        <v>0.2</v>
      </c>
      <c r="X19601" s="2">
        <v>17</v>
      </c>
      <c r="Y19601" s="2">
        <v>76.7</v>
      </c>
      <c r="Z19601" s="2">
        <v>153.6</v>
      </c>
      <c r="AA19601" s="5">
        <v>7</v>
      </c>
      <c r="AB19601" s="5" t="s">
        <v>43</v>
      </c>
      <c r="AC19601" s="5" t="s">
        <v>735</v>
      </c>
      <c r="AD19601" s="2" t="s">
        <v>61888</v>
      </c>
      <c r="AE19601" s="1"/>
    </row>
    <row r="19602" spans="1:31" ht="14.45">
      <c r="A19602" s="5" t="s">
        <v>116</v>
      </c>
      <c r="B19602" s="21">
        <v>46082</v>
      </c>
      <c r="C19602" s="2" t="s">
        <v>61889</v>
      </c>
      <c r="D19602" s="14" t="s">
        <v>61890</v>
      </c>
      <c r="E19602" s="2" t="s">
        <v>61891</v>
      </c>
      <c r="F19602" s="2" t="s">
        <v>61892</v>
      </c>
      <c r="G19602" s="8">
        <v>1400</v>
      </c>
      <c r="H19602" s="5">
        <v>5</v>
      </c>
      <c r="I19602" s="5" t="s">
        <v>69</v>
      </c>
      <c r="J19602" s="5" t="s">
        <v>61065</v>
      </c>
      <c r="K19602" s="2" t="s">
        <v>61066</v>
      </c>
      <c r="L19602" s="5" t="s">
        <v>61065</v>
      </c>
      <c r="M19602" s="2" t="s">
        <v>61066</v>
      </c>
      <c r="N19602" s="5" t="s">
        <v>733</v>
      </c>
      <c r="O19602" s="5" t="s">
        <v>38</v>
      </c>
      <c r="P19602" s="5" t="s">
        <v>39</v>
      </c>
      <c r="Q19602" s="5" t="s">
        <v>40</v>
      </c>
      <c r="R19602" s="5" t="s">
        <v>897</v>
      </c>
      <c r="S19602" s="5" t="s">
        <v>40</v>
      </c>
      <c r="T19602" s="5" t="s">
        <v>42</v>
      </c>
      <c r="U19602" s="2">
        <v>49.466000000000001</v>
      </c>
      <c r="V19602" s="2">
        <v>45.634</v>
      </c>
      <c r="W19602" s="2">
        <v>0.2</v>
      </c>
      <c r="X19602" s="2">
        <v>17</v>
      </c>
      <c r="Y19602" s="2">
        <v>76.7</v>
      </c>
      <c r="Z19602" s="2">
        <v>153.6</v>
      </c>
      <c r="AA19602" s="5">
        <v>7</v>
      </c>
      <c r="AB19602" s="5" t="s">
        <v>43</v>
      </c>
      <c r="AC19602" s="5" t="s">
        <v>735</v>
      </c>
      <c r="AD19602" s="2" t="s">
        <v>61893</v>
      </c>
      <c r="AE19602" s="1"/>
    </row>
    <row r="19603" spans="1:31" ht="14.45">
      <c r="A19603" s="11"/>
      <c r="B19603" s="20"/>
      <c r="C19603" s="2" t="s">
        <v>61894</v>
      </c>
      <c r="D19603" s="14" t="s">
        <v>61895</v>
      </c>
      <c r="E19603" s="2" t="s">
        <v>61896</v>
      </c>
      <c r="F19603" s="2" t="s">
        <v>61887</v>
      </c>
      <c r="G19603" s="8">
        <v>1300</v>
      </c>
      <c r="H19603" s="5">
        <v>5</v>
      </c>
      <c r="I19603" s="5" t="s">
        <v>69</v>
      </c>
      <c r="J19603" s="5" t="s">
        <v>61065</v>
      </c>
      <c r="K19603" s="2" t="s">
        <v>61066</v>
      </c>
      <c r="L19603" s="5" t="s">
        <v>61065</v>
      </c>
      <c r="M19603" s="2" t="s">
        <v>61066</v>
      </c>
      <c r="N19603" s="5" t="s">
        <v>733</v>
      </c>
      <c r="O19603" s="5" t="s">
        <v>38</v>
      </c>
      <c r="P19603" s="5" t="s">
        <v>39</v>
      </c>
      <c r="Q19603" s="5" t="s">
        <v>40</v>
      </c>
      <c r="R19603" s="5" t="s">
        <v>897</v>
      </c>
      <c r="S19603" s="5" t="s">
        <v>40</v>
      </c>
      <c r="T19603" s="5" t="s">
        <v>42</v>
      </c>
      <c r="U19603" s="2">
        <v>48.726999999999997</v>
      </c>
      <c r="V19603" s="2">
        <v>44.712000000000003</v>
      </c>
      <c r="W19603" s="2">
        <v>0.2</v>
      </c>
      <c r="X19603" s="2">
        <v>17</v>
      </c>
      <c r="Y19603" s="2">
        <v>76.7</v>
      </c>
      <c r="Z19603" s="2">
        <v>153.6</v>
      </c>
      <c r="AA19603" s="5">
        <v>7</v>
      </c>
      <c r="AB19603" s="5" t="s">
        <v>43</v>
      </c>
      <c r="AC19603" s="5" t="s">
        <v>735</v>
      </c>
      <c r="AD19603" s="2" t="s">
        <v>61897</v>
      </c>
      <c r="AE19603" s="1"/>
    </row>
    <row r="19604" spans="1:31" ht="14.45">
      <c r="A19604" s="11"/>
      <c r="B19604" s="20"/>
      <c r="C19604" s="2" t="s">
        <v>61898</v>
      </c>
      <c r="D19604" s="14" t="s">
        <v>61899</v>
      </c>
      <c r="E19604" s="2" t="s">
        <v>61900</v>
      </c>
      <c r="F19604" s="2" t="s">
        <v>61901</v>
      </c>
      <c r="G19604" s="8">
        <v>1132</v>
      </c>
      <c r="H19604" s="5">
        <v>10</v>
      </c>
      <c r="I19604" s="5" t="s">
        <v>69</v>
      </c>
      <c r="J19604" s="5" t="s">
        <v>61065</v>
      </c>
      <c r="K19604" s="2" t="s">
        <v>61066</v>
      </c>
      <c r="L19604" s="5" t="s">
        <v>61065</v>
      </c>
      <c r="M19604" s="2" t="s">
        <v>61066</v>
      </c>
      <c r="N19604" s="5" t="s">
        <v>733</v>
      </c>
      <c r="O19604" s="5" t="s">
        <v>38</v>
      </c>
      <c r="P19604" s="5" t="s">
        <v>39</v>
      </c>
      <c r="Q19604" s="5" t="s">
        <v>40</v>
      </c>
      <c r="R19604" s="5" t="s">
        <v>897</v>
      </c>
      <c r="S19604" s="5" t="s">
        <v>40</v>
      </c>
      <c r="T19604" s="5" t="s">
        <v>42</v>
      </c>
      <c r="U19604" s="2">
        <v>46.546999999999997</v>
      </c>
      <c r="V19604" s="2">
        <v>42.683999999999997</v>
      </c>
      <c r="W19604" s="2">
        <v>0.2</v>
      </c>
      <c r="X19604" s="2">
        <v>17</v>
      </c>
      <c r="Y19604" s="2">
        <v>76.7</v>
      </c>
      <c r="Z19604" s="2">
        <v>153.6</v>
      </c>
      <c r="AA19604" s="5">
        <v>7</v>
      </c>
      <c r="AB19604" s="5" t="s">
        <v>43</v>
      </c>
      <c r="AC19604" s="5" t="s">
        <v>735</v>
      </c>
      <c r="AD19604" s="2" t="s">
        <v>61902</v>
      </c>
      <c r="AE19604" s="1"/>
    </row>
    <row r="19605" spans="1:31" ht="14.45">
      <c r="A19605" s="11"/>
      <c r="B19605" s="20"/>
      <c r="C19605" s="2" t="s">
        <v>61903</v>
      </c>
      <c r="D19605" s="14" t="s">
        <v>61904</v>
      </c>
      <c r="E19605" s="2" t="s">
        <v>61905</v>
      </c>
      <c r="F19605" s="2" t="s">
        <v>61906</v>
      </c>
      <c r="G19605" s="8">
        <v>1432</v>
      </c>
      <c r="H19605" s="5">
        <v>10</v>
      </c>
      <c r="I19605" s="5" t="s">
        <v>69</v>
      </c>
      <c r="J19605" s="5" t="s">
        <v>61065</v>
      </c>
      <c r="K19605" s="2" t="s">
        <v>61066</v>
      </c>
      <c r="L19605" s="5" t="s">
        <v>61065</v>
      </c>
      <c r="M19605" s="2" t="s">
        <v>61066</v>
      </c>
      <c r="N19605" s="5" t="s">
        <v>733</v>
      </c>
      <c r="O19605" s="5" t="s">
        <v>38</v>
      </c>
      <c r="P19605" s="5" t="s">
        <v>39</v>
      </c>
      <c r="Q19605" s="5" t="s">
        <v>40</v>
      </c>
      <c r="R19605" s="5" t="s">
        <v>897</v>
      </c>
      <c r="S19605" s="5" t="s">
        <v>40</v>
      </c>
      <c r="T19605" s="5" t="s">
        <v>42</v>
      </c>
      <c r="U19605" s="2">
        <v>49.231999999999999</v>
      </c>
      <c r="V19605" s="2">
        <v>45.262</v>
      </c>
      <c r="W19605" s="2">
        <v>0.2</v>
      </c>
      <c r="X19605" s="2">
        <v>17</v>
      </c>
      <c r="Y19605" s="2">
        <v>76.7</v>
      </c>
      <c r="Z19605" s="2">
        <v>153.6</v>
      </c>
      <c r="AA19605" s="5">
        <v>7</v>
      </c>
      <c r="AB19605" s="5" t="s">
        <v>43</v>
      </c>
      <c r="AC19605" s="5" t="s">
        <v>735</v>
      </c>
      <c r="AD19605" s="2" t="s">
        <v>61907</v>
      </c>
      <c r="AE19605" s="1"/>
    </row>
    <row r="19606" spans="1:31" ht="14.45">
      <c r="A19606" s="11"/>
      <c r="B19606" s="20"/>
      <c r="C19606" s="2" t="s">
        <v>61908</v>
      </c>
      <c r="D19606" s="14" t="s">
        <v>61909</v>
      </c>
      <c r="E19606" s="2" t="s">
        <v>61910</v>
      </c>
      <c r="F19606" s="2" t="s">
        <v>61906</v>
      </c>
      <c r="G19606" s="8">
        <v>1432</v>
      </c>
      <c r="H19606" s="5">
        <v>10</v>
      </c>
      <c r="I19606" s="5" t="s">
        <v>69</v>
      </c>
      <c r="J19606" s="5" t="s">
        <v>61065</v>
      </c>
      <c r="K19606" s="2" t="s">
        <v>61066</v>
      </c>
      <c r="L19606" s="5" t="s">
        <v>61065</v>
      </c>
      <c r="M19606" s="2" t="s">
        <v>61066</v>
      </c>
      <c r="N19606" s="5" t="s">
        <v>733</v>
      </c>
      <c r="O19606" s="5" t="s">
        <v>38</v>
      </c>
      <c r="P19606" s="5" t="s">
        <v>39</v>
      </c>
      <c r="Q19606" s="5" t="s">
        <v>40</v>
      </c>
      <c r="R19606" s="5" t="s">
        <v>897</v>
      </c>
      <c r="S19606" s="5" t="s">
        <v>40</v>
      </c>
      <c r="T19606" s="5" t="s">
        <v>42</v>
      </c>
      <c r="U19606" s="2">
        <v>48.521999999999998</v>
      </c>
      <c r="V19606" s="2">
        <v>44.506999999999998</v>
      </c>
      <c r="W19606" s="2">
        <v>0.2</v>
      </c>
      <c r="X19606" s="2">
        <v>17</v>
      </c>
      <c r="Y19606" s="2">
        <v>76.7</v>
      </c>
      <c r="Z19606" s="2">
        <v>153.6</v>
      </c>
      <c r="AA19606" s="5">
        <v>7</v>
      </c>
      <c r="AB19606" s="5" t="s">
        <v>43</v>
      </c>
      <c r="AC19606" s="5" t="s">
        <v>735</v>
      </c>
      <c r="AD19606" s="2" t="s">
        <v>61911</v>
      </c>
      <c r="AE19606" s="1"/>
    </row>
    <row r="19607" spans="1:31" ht="14.45">
      <c r="A19607" s="11"/>
      <c r="B19607" s="20"/>
      <c r="C19607" s="2" t="s">
        <v>61912</v>
      </c>
      <c r="D19607" s="14" t="s">
        <v>61913</v>
      </c>
      <c r="E19607" s="2" t="s">
        <v>61914</v>
      </c>
      <c r="F19607" s="2" t="s">
        <v>61915</v>
      </c>
      <c r="G19607" s="8">
        <v>874</v>
      </c>
      <c r="H19607" s="5">
        <v>10</v>
      </c>
      <c r="I19607" s="5" t="s">
        <v>69</v>
      </c>
      <c r="J19607" s="5" t="s">
        <v>61065</v>
      </c>
      <c r="K19607" s="2" t="s">
        <v>61066</v>
      </c>
      <c r="L19607" s="5" t="s">
        <v>61065</v>
      </c>
      <c r="M19607" s="2" t="s">
        <v>61066</v>
      </c>
      <c r="N19607" s="5" t="s">
        <v>733</v>
      </c>
      <c r="O19607" s="5" t="s">
        <v>38</v>
      </c>
      <c r="P19607" s="5" t="s">
        <v>39</v>
      </c>
      <c r="Q19607" s="5" t="s">
        <v>40</v>
      </c>
      <c r="R19607" s="5" t="s">
        <v>897</v>
      </c>
      <c r="S19607" s="5" t="s">
        <v>40</v>
      </c>
      <c r="T19607" s="5" t="s">
        <v>42</v>
      </c>
      <c r="U19607" s="2">
        <v>46.768999999999998</v>
      </c>
      <c r="V19607" s="2">
        <v>42.905999999999999</v>
      </c>
      <c r="W19607" s="2">
        <v>0.2</v>
      </c>
      <c r="X19607" s="2">
        <v>17</v>
      </c>
      <c r="Y19607" s="2">
        <v>76.7</v>
      </c>
      <c r="Z19607" s="2">
        <v>153.6</v>
      </c>
      <c r="AA19607" s="5">
        <v>7</v>
      </c>
      <c r="AB19607" s="5" t="s">
        <v>43</v>
      </c>
      <c r="AC19607" s="5" t="s">
        <v>735</v>
      </c>
      <c r="AD19607" s="2" t="s">
        <v>61916</v>
      </c>
      <c r="AE19607" s="1"/>
    </row>
    <row r="19608" spans="1:31" ht="14.45">
      <c r="A19608" s="11"/>
      <c r="B19608" s="20"/>
      <c r="C19608" s="2" t="s">
        <v>61917</v>
      </c>
      <c r="D19608" s="14" t="s">
        <v>61918</v>
      </c>
      <c r="E19608" s="2" t="s">
        <v>61919</v>
      </c>
      <c r="F19608" s="2" t="s">
        <v>61915</v>
      </c>
      <c r="G19608" s="8">
        <v>1174</v>
      </c>
      <c r="H19608" s="5">
        <v>5</v>
      </c>
      <c r="I19608" s="5" t="s">
        <v>69</v>
      </c>
      <c r="J19608" s="5" t="s">
        <v>61065</v>
      </c>
      <c r="K19608" s="2" t="s">
        <v>61066</v>
      </c>
      <c r="L19608" s="5" t="s">
        <v>61065</v>
      </c>
      <c r="M19608" s="2" t="s">
        <v>61066</v>
      </c>
      <c r="N19608" s="5" t="s">
        <v>733</v>
      </c>
      <c r="O19608" s="5" t="s">
        <v>38</v>
      </c>
      <c r="P19608" s="5" t="s">
        <v>39</v>
      </c>
      <c r="Q19608" s="5" t="s">
        <v>40</v>
      </c>
      <c r="R19608" s="5" t="s">
        <v>897</v>
      </c>
      <c r="S19608" s="5" t="s">
        <v>40</v>
      </c>
      <c r="T19608" s="5" t="s">
        <v>42</v>
      </c>
      <c r="U19608" s="2">
        <v>49.454000000000001</v>
      </c>
      <c r="V19608" s="2">
        <v>45.484000000000002</v>
      </c>
      <c r="W19608" s="2">
        <v>0.2</v>
      </c>
      <c r="X19608" s="2">
        <v>17</v>
      </c>
      <c r="Y19608" s="2">
        <v>76.7</v>
      </c>
      <c r="Z19608" s="2">
        <v>153.6</v>
      </c>
      <c r="AA19608" s="5">
        <v>7</v>
      </c>
      <c r="AB19608" s="5" t="s">
        <v>43</v>
      </c>
      <c r="AC19608" s="5" t="s">
        <v>735</v>
      </c>
      <c r="AD19608" s="2" t="s">
        <v>61920</v>
      </c>
      <c r="AE19608" s="1"/>
    </row>
    <row r="19609" spans="1:31" ht="14.45">
      <c r="A19609" s="11"/>
      <c r="B19609" s="20"/>
      <c r="C19609" s="2" t="s">
        <v>61921</v>
      </c>
      <c r="D19609" s="14" t="s">
        <v>61922</v>
      </c>
      <c r="E19609" s="2" t="s">
        <v>61923</v>
      </c>
      <c r="F19609" s="2" t="s">
        <v>61915</v>
      </c>
      <c r="G19609" s="8">
        <v>1174</v>
      </c>
      <c r="H19609" s="5">
        <v>10</v>
      </c>
      <c r="I19609" s="5" t="s">
        <v>69</v>
      </c>
      <c r="J19609" s="5" t="s">
        <v>61065</v>
      </c>
      <c r="K19609" s="2" t="s">
        <v>61066</v>
      </c>
      <c r="L19609" s="5" t="s">
        <v>61065</v>
      </c>
      <c r="M19609" s="2" t="s">
        <v>61066</v>
      </c>
      <c r="N19609" s="5" t="s">
        <v>733</v>
      </c>
      <c r="O19609" s="5" t="s">
        <v>38</v>
      </c>
      <c r="P19609" s="5" t="s">
        <v>39</v>
      </c>
      <c r="Q19609" s="5" t="s">
        <v>40</v>
      </c>
      <c r="R19609" s="5" t="s">
        <v>897</v>
      </c>
      <c r="S19609" s="5" t="s">
        <v>40</v>
      </c>
      <c r="T19609" s="5" t="s">
        <v>42</v>
      </c>
      <c r="U19609" s="2">
        <v>48.723999999999997</v>
      </c>
      <c r="V19609" s="2">
        <v>44.709000000000003</v>
      </c>
      <c r="W19609" s="2">
        <v>0.2</v>
      </c>
      <c r="X19609" s="2">
        <v>17</v>
      </c>
      <c r="Y19609" s="2">
        <v>76.7</v>
      </c>
      <c r="Z19609" s="2">
        <v>153.6</v>
      </c>
      <c r="AA19609" s="5">
        <v>7</v>
      </c>
      <c r="AB19609" s="5" t="s">
        <v>43</v>
      </c>
      <c r="AC19609" s="5" t="s">
        <v>735</v>
      </c>
      <c r="AD19609" s="2" t="s">
        <v>61924</v>
      </c>
      <c r="AE19609" s="1"/>
    </row>
    <row r="19610" spans="1:31" ht="14.45">
      <c r="A19610" s="11"/>
      <c r="B19610" s="20"/>
      <c r="C19610" s="2" t="s">
        <v>61925</v>
      </c>
      <c r="D19610" s="14" t="s">
        <v>61926</v>
      </c>
      <c r="E19610" s="2" t="s">
        <v>61927</v>
      </c>
      <c r="F19610" s="2" t="s">
        <v>61928</v>
      </c>
      <c r="G19610" s="8">
        <v>715</v>
      </c>
      <c r="H19610" s="5">
        <v>5</v>
      </c>
      <c r="I19610" s="5" t="s">
        <v>69</v>
      </c>
      <c r="J19610" s="5" t="s">
        <v>61065</v>
      </c>
      <c r="K19610" s="2" t="s">
        <v>61066</v>
      </c>
      <c r="L19610" s="5" t="s">
        <v>61065</v>
      </c>
      <c r="M19610" s="2" t="s">
        <v>61066</v>
      </c>
      <c r="N19610" s="5" t="s">
        <v>733</v>
      </c>
      <c r="O19610" s="5" t="s">
        <v>38</v>
      </c>
      <c r="P19610" s="5" t="s">
        <v>39</v>
      </c>
      <c r="Q19610" s="5" t="s">
        <v>40</v>
      </c>
      <c r="R19610" s="5" t="s">
        <v>897</v>
      </c>
      <c r="S19610" s="5" t="s">
        <v>40</v>
      </c>
      <c r="T19610" s="5" t="s">
        <v>42</v>
      </c>
      <c r="U19610" s="2">
        <v>41.241999999999997</v>
      </c>
      <c r="V19610" s="2">
        <v>37.365000000000002</v>
      </c>
      <c r="W19610" s="2">
        <v>0.2</v>
      </c>
      <c r="X19610" s="2">
        <v>17</v>
      </c>
      <c r="Y19610" s="2">
        <v>76.7</v>
      </c>
      <c r="Z19610" s="2">
        <v>153.6</v>
      </c>
      <c r="AA19610" s="5">
        <v>7</v>
      </c>
      <c r="AB19610" s="5" t="s">
        <v>43</v>
      </c>
      <c r="AC19610" s="5" t="s">
        <v>735</v>
      </c>
      <c r="AD19610" s="2" t="s">
        <v>61929</v>
      </c>
      <c r="AE19610" s="1"/>
    </row>
    <row r="19611" spans="1:31" ht="14.45">
      <c r="A19611" s="11"/>
      <c r="B19611" s="20"/>
      <c r="C19611" s="2" t="s">
        <v>61930</v>
      </c>
      <c r="D19611" s="14" t="s">
        <v>61931</v>
      </c>
      <c r="E19611" s="2" t="s">
        <v>61932</v>
      </c>
      <c r="F19611" s="2" t="s">
        <v>61928</v>
      </c>
      <c r="G19611" s="8">
        <v>1015</v>
      </c>
      <c r="H19611" s="5">
        <v>5</v>
      </c>
      <c r="I19611" s="5" t="s">
        <v>69</v>
      </c>
      <c r="J19611" s="5" t="s">
        <v>61065</v>
      </c>
      <c r="K19611" s="2" t="s">
        <v>61066</v>
      </c>
      <c r="L19611" s="5" t="s">
        <v>61065</v>
      </c>
      <c r="M19611" s="2" t="s">
        <v>61066</v>
      </c>
      <c r="N19611" s="5" t="s">
        <v>733</v>
      </c>
      <c r="O19611" s="5" t="s">
        <v>38</v>
      </c>
      <c r="P19611" s="5" t="s">
        <v>39</v>
      </c>
      <c r="Q19611" s="5" t="s">
        <v>40</v>
      </c>
      <c r="R19611" s="5" t="s">
        <v>897</v>
      </c>
      <c r="S19611" s="5" t="s">
        <v>40</v>
      </c>
      <c r="T19611" s="5" t="s">
        <v>42</v>
      </c>
      <c r="U19611" s="2">
        <v>43.993000000000002</v>
      </c>
      <c r="V19611" s="2">
        <v>40.009</v>
      </c>
      <c r="W19611" s="2">
        <v>0.2</v>
      </c>
      <c r="X19611" s="2">
        <v>17</v>
      </c>
      <c r="Y19611" s="2">
        <v>76.7</v>
      </c>
      <c r="Z19611" s="2">
        <v>153.6</v>
      </c>
      <c r="AA19611" s="5">
        <v>7</v>
      </c>
      <c r="AB19611" s="5" t="s">
        <v>43</v>
      </c>
      <c r="AC19611" s="5" t="s">
        <v>735</v>
      </c>
      <c r="AD19611" s="2" t="s">
        <v>61933</v>
      </c>
      <c r="AE19611" s="1"/>
    </row>
    <row r="19612" spans="1:31" ht="14.45">
      <c r="A19612" s="5" t="s">
        <v>116</v>
      </c>
      <c r="B19612" s="21">
        <v>46082</v>
      </c>
      <c r="C19612" s="2" t="s">
        <v>61934</v>
      </c>
      <c r="D19612" s="14" t="s">
        <v>61935</v>
      </c>
      <c r="E19612" s="2" t="s">
        <v>61936</v>
      </c>
      <c r="F19612" s="2" t="s">
        <v>61937</v>
      </c>
      <c r="G19612" s="8">
        <v>1115</v>
      </c>
      <c r="H19612" s="5">
        <v>5</v>
      </c>
      <c r="I19612" s="5" t="s">
        <v>69</v>
      </c>
      <c r="J19612" s="5" t="s">
        <v>61065</v>
      </c>
      <c r="K19612" s="2" t="s">
        <v>61066</v>
      </c>
      <c r="L19612" s="5" t="s">
        <v>61065</v>
      </c>
      <c r="M19612" s="2" t="s">
        <v>61066</v>
      </c>
      <c r="N19612" s="5" t="s">
        <v>733</v>
      </c>
      <c r="O19612" s="5" t="s">
        <v>38</v>
      </c>
      <c r="P19612" s="5" t="s">
        <v>39</v>
      </c>
      <c r="Q19612" s="5" t="s">
        <v>40</v>
      </c>
      <c r="R19612" s="5" t="s">
        <v>897</v>
      </c>
      <c r="S19612" s="5" t="s">
        <v>40</v>
      </c>
      <c r="T19612" s="5" t="s">
        <v>42</v>
      </c>
      <c r="U19612" s="2">
        <v>43.942999999999998</v>
      </c>
      <c r="V19612" s="2">
        <v>40.097000000000001</v>
      </c>
      <c r="W19612" s="2">
        <v>0.2</v>
      </c>
      <c r="X19612" s="2">
        <v>17</v>
      </c>
      <c r="Y19612" s="2">
        <v>76.7</v>
      </c>
      <c r="Z19612" s="2">
        <v>153.6</v>
      </c>
      <c r="AA19612" s="5">
        <v>7</v>
      </c>
      <c r="AB19612" s="5" t="s">
        <v>43</v>
      </c>
      <c r="AC19612" s="5" t="s">
        <v>735</v>
      </c>
      <c r="AD19612" s="2" t="s">
        <v>61938</v>
      </c>
      <c r="AE19612" s="1"/>
    </row>
    <row r="19613" spans="1:31" ht="14.45">
      <c r="A19613" s="11"/>
      <c r="B19613" s="20"/>
      <c r="C19613" s="2" t="s">
        <v>61939</v>
      </c>
      <c r="D19613" s="14" t="s">
        <v>61940</v>
      </c>
      <c r="E19613" s="2" t="s">
        <v>61941</v>
      </c>
      <c r="F19613" s="2" t="s">
        <v>61928</v>
      </c>
      <c r="G19613" s="8">
        <v>1015</v>
      </c>
      <c r="H19613" s="5">
        <v>5</v>
      </c>
      <c r="I19613" s="5" t="s">
        <v>69</v>
      </c>
      <c r="J19613" s="5" t="s">
        <v>61065</v>
      </c>
      <c r="K19613" s="2" t="s">
        <v>61066</v>
      </c>
      <c r="L19613" s="5" t="s">
        <v>61065</v>
      </c>
      <c r="M19613" s="2" t="s">
        <v>61066</v>
      </c>
      <c r="N19613" s="5" t="s">
        <v>733</v>
      </c>
      <c r="O19613" s="5" t="s">
        <v>38</v>
      </c>
      <c r="P19613" s="5" t="s">
        <v>39</v>
      </c>
      <c r="Q19613" s="5" t="s">
        <v>40</v>
      </c>
      <c r="R19613" s="5" t="s">
        <v>897</v>
      </c>
      <c r="S19613" s="5" t="s">
        <v>40</v>
      </c>
      <c r="T19613" s="5" t="s">
        <v>42</v>
      </c>
      <c r="U19613" s="2">
        <v>43.198</v>
      </c>
      <c r="V19613" s="2">
        <v>39.168999999999997</v>
      </c>
      <c r="W19613" s="2">
        <v>0.2</v>
      </c>
      <c r="X19613" s="2">
        <v>17</v>
      </c>
      <c r="Y19613" s="2">
        <v>76.7</v>
      </c>
      <c r="Z19613" s="2">
        <v>153.6</v>
      </c>
      <c r="AA19613" s="5">
        <v>7</v>
      </c>
      <c r="AB19613" s="5" t="s">
        <v>43</v>
      </c>
      <c r="AC19613" s="5" t="s">
        <v>735</v>
      </c>
      <c r="AD19613" s="2" t="s">
        <v>61942</v>
      </c>
      <c r="AE19613" s="1"/>
    </row>
    <row r="19614" spans="1:31" ht="14.45">
      <c r="A19614" s="11"/>
      <c r="B19614" s="20"/>
      <c r="C19614" s="2" t="s">
        <v>61943</v>
      </c>
      <c r="D19614" s="14" t="s">
        <v>61944</v>
      </c>
      <c r="E19614" s="2" t="s">
        <v>61945</v>
      </c>
      <c r="F19614" s="2" t="s">
        <v>61946</v>
      </c>
      <c r="G19614" s="8">
        <v>917</v>
      </c>
      <c r="H19614" s="5">
        <v>5</v>
      </c>
      <c r="I19614" s="5" t="s">
        <v>69</v>
      </c>
      <c r="J19614" s="5" t="s">
        <v>61065</v>
      </c>
      <c r="K19614" s="2" t="s">
        <v>61066</v>
      </c>
      <c r="L19614" s="5" t="s">
        <v>61065</v>
      </c>
      <c r="M19614" s="2" t="s">
        <v>61066</v>
      </c>
      <c r="N19614" s="5" t="s">
        <v>733</v>
      </c>
      <c r="O19614" s="5" t="s">
        <v>38</v>
      </c>
      <c r="P19614" s="5" t="s">
        <v>39</v>
      </c>
      <c r="Q19614" s="5" t="s">
        <v>40</v>
      </c>
      <c r="R19614" s="5" t="s">
        <v>897</v>
      </c>
      <c r="S19614" s="5" t="s">
        <v>40</v>
      </c>
      <c r="T19614" s="5" t="s">
        <v>42</v>
      </c>
      <c r="U19614" s="2">
        <v>46.747999999999998</v>
      </c>
      <c r="V19614" s="2">
        <v>42.89</v>
      </c>
      <c r="W19614" s="2">
        <v>0.2</v>
      </c>
      <c r="X19614" s="2">
        <v>17</v>
      </c>
      <c r="Y19614" s="2">
        <v>76.7</v>
      </c>
      <c r="Z19614" s="2">
        <v>153.6</v>
      </c>
      <c r="AA19614" s="5">
        <v>7</v>
      </c>
      <c r="AB19614" s="5" t="s">
        <v>43</v>
      </c>
      <c r="AC19614" s="5" t="s">
        <v>735</v>
      </c>
      <c r="AD19614" s="2" t="s">
        <v>61947</v>
      </c>
      <c r="AE19614" s="1"/>
    </row>
    <row r="19615" spans="1:31" ht="14.45">
      <c r="A19615" s="11"/>
      <c r="B19615" s="20"/>
      <c r="C19615" s="2" t="s">
        <v>61948</v>
      </c>
      <c r="D19615" s="14" t="s">
        <v>61949</v>
      </c>
      <c r="E19615" s="2" t="s">
        <v>61950</v>
      </c>
      <c r="F19615" s="2" t="s">
        <v>61946</v>
      </c>
      <c r="G19615" s="8">
        <v>1217</v>
      </c>
      <c r="H19615" s="5">
        <v>5</v>
      </c>
      <c r="I19615" s="5" t="s">
        <v>69</v>
      </c>
      <c r="J19615" s="5" t="s">
        <v>61065</v>
      </c>
      <c r="K19615" s="2" t="s">
        <v>61066</v>
      </c>
      <c r="L19615" s="5" t="s">
        <v>61065</v>
      </c>
      <c r="M19615" s="2" t="s">
        <v>61066</v>
      </c>
      <c r="N19615" s="5" t="s">
        <v>733</v>
      </c>
      <c r="O19615" s="5" t="s">
        <v>38</v>
      </c>
      <c r="P19615" s="5" t="s">
        <v>39</v>
      </c>
      <c r="Q19615" s="5" t="s">
        <v>40</v>
      </c>
      <c r="R19615" s="5" t="s">
        <v>897</v>
      </c>
      <c r="S19615" s="5" t="s">
        <v>40</v>
      </c>
      <c r="T19615" s="5" t="s">
        <v>42</v>
      </c>
      <c r="U19615" s="2">
        <v>49.426000000000002</v>
      </c>
      <c r="V19615" s="2">
        <v>45.462000000000003</v>
      </c>
      <c r="W19615" s="2">
        <v>0.2</v>
      </c>
      <c r="X19615" s="2">
        <v>17</v>
      </c>
      <c r="Y19615" s="2">
        <v>76.7</v>
      </c>
      <c r="Z19615" s="2">
        <v>153.6</v>
      </c>
      <c r="AA19615" s="5">
        <v>7</v>
      </c>
      <c r="AB19615" s="5" t="s">
        <v>43</v>
      </c>
      <c r="AC19615" s="5" t="s">
        <v>735</v>
      </c>
      <c r="AD19615" s="2" t="s">
        <v>61951</v>
      </c>
      <c r="AE19615" s="1"/>
    </row>
    <row r="19616" spans="1:31" ht="14.45">
      <c r="A19616" s="5" t="s">
        <v>116</v>
      </c>
      <c r="B19616" s="21">
        <v>46082</v>
      </c>
      <c r="C19616" s="2" t="s">
        <v>61952</v>
      </c>
      <c r="D19616" s="14" t="s">
        <v>61953</v>
      </c>
      <c r="E19616" s="2" t="s">
        <v>61954</v>
      </c>
      <c r="F19616" s="2" t="s">
        <v>61955</v>
      </c>
      <c r="G19616" s="8">
        <v>1317</v>
      </c>
      <c r="H19616" s="5">
        <v>5</v>
      </c>
      <c r="I19616" s="5" t="s">
        <v>69</v>
      </c>
      <c r="J19616" s="5" t="s">
        <v>61065</v>
      </c>
      <c r="K19616" s="2" t="s">
        <v>61066</v>
      </c>
      <c r="L19616" s="5" t="s">
        <v>61065</v>
      </c>
      <c r="M19616" s="2" t="s">
        <v>61066</v>
      </c>
      <c r="N19616" s="5" t="s">
        <v>733</v>
      </c>
      <c r="O19616" s="5" t="s">
        <v>38</v>
      </c>
      <c r="P19616" s="5" t="s">
        <v>39</v>
      </c>
      <c r="Q19616" s="5" t="s">
        <v>40</v>
      </c>
      <c r="R19616" s="5" t="s">
        <v>897</v>
      </c>
      <c r="S19616" s="5" t="s">
        <v>40</v>
      </c>
      <c r="T19616" s="5" t="s">
        <v>42</v>
      </c>
      <c r="U19616" s="2">
        <v>49.433999999999997</v>
      </c>
      <c r="V19616" s="2">
        <v>45.601999999999997</v>
      </c>
      <c r="W19616" s="2">
        <v>0.2</v>
      </c>
      <c r="X19616" s="2">
        <v>17</v>
      </c>
      <c r="Y19616" s="2">
        <v>76.7</v>
      </c>
      <c r="Z19616" s="2">
        <v>153.6</v>
      </c>
      <c r="AA19616" s="5">
        <v>7</v>
      </c>
      <c r="AB19616" s="5" t="s">
        <v>43</v>
      </c>
      <c r="AC19616" s="5" t="s">
        <v>735</v>
      </c>
      <c r="AD19616" s="2" t="s">
        <v>61956</v>
      </c>
      <c r="AE19616" s="1"/>
    </row>
    <row r="19617" spans="1:31" ht="14.45">
      <c r="A19617" s="11"/>
      <c r="B19617" s="20"/>
      <c r="C19617" s="2" t="s">
        <v>61957</v>
      </c>
      <c r="D19617" s="14" t="s">
        <v>61958</v>
      </c>
      <c r="E19617" s="2" t="s">
        <v>61959</v>
      </c>
      <c r="F19617" s="2" t="s">
        <v>61946</v>
      </c>
      <c r="G19617" s="8">
        <v>1217</v>
      </c>
      <c r="H19617" s="5">
        <v>10</v>
      </c>
      <c r="I19617" s="5" t="s">
        <v>69</v>
      </c>
      <c r="J19617" s="5" t="s">
        <v>61065</v>
      </c>
      <c r="K19617" s="2" t="s">
        <v>61066</v>
      </c>
      <c r="L19617" s="5" t="s">
        <v>61065</v>
      </c>
      <c r="M19617" s="2" t="s">
        <v>61066</v>
      </c>
      <c r="N19617" s="5" t="s">
        <v>733</v>
      </c>
      <c r="O19617" s="5" t="s">
        <v>38</v>
      </c>
      <c r="P19617" s="5" t="s">
        <v>39</v>
      </c>
      <c r="Q19617" s="5" t="s">
        <v>40</v>
      </c>
      <c r="R19617" s="5" t="s">
        <v>897</v>
      </c>
      <c r="S19617" s="5" t="s">
        <v>40</v>
      </c>
      <c r="T19617" s="5" t="s">
        <v>42</v>
      </c>
      <c r="U19617" s="2">
        <v>48.652999999999999</v>
      </c>
      <c r="V19617" s="2">
        <v>44.637999999999998</v>
      </c>
      <c r="W19617" s="2">
        <v>0.2</v>
      </c>
      <c r="X19617" s="2">
        <v>17</v>
      </c>
      <c r="Y19617" s="2">
        <v>76.7</v>
      </c>
      <c r="Z19617" s="2">
        <v>153.6</v>
      </c>
      <c r="AA19617" s="5">
        <v>7</v>
      </c>
      <c r="AB19617" s="5" t="s">
        <v>43</v>
      </c>
      <c r="AC19617" s="5" t="s">
        <v>735</v>
      </c>
      <c r="AD19617" s="2" t="s">
        <v>61960</v>
      </c>
      <c r="AE19617" s="1"/>
    </row>
    <row r="19618" spans="1:31" ht="14.45">
      <c r="A19618" s="11"/>
      <c r="B19618" s="20"/>
      <c r="C19618" s="2" t="s">
        <v>61961</v>
      </c>
      <c r="D19618" s="14" t="s">
        <v>61962</v>
      </c>
      <c r="E19618" s="2" t="s">
        <v>61963</v>
      </c>
      <c r="F19618" s="2" t="s">
        <v>61964</v>
      </c>
      <c r="G19618" s="8">
        <v>1900</v>
      </c>
      <c r="H19618" s="5">
        <v>10</v>
      </c>
      <c r="I19618" s="5" t="s">
        <v>69</v>
      </c>
      <c r="J19618" s="5" t="s">
        <v>61065</v>
      </c>
      <c r="K19618" s="2" t="s">
        <v>61066</v>
      </c>
      <c r="L19618" s="5" t="s">
        <v>61065</v>
      </c>
      <c r="M19618" s="2" t="s">
        <v>61066</v>
      </c>
      <c r="N19618" s="5" t="s">
        <v>733</v>
      </c>
      <c r="O19618" s="5" t="s">
        <v>38</v>
      </c>
      <c r="P19618" s="5" t="s">
        <v>39</v>
      </c>
      <c r="Q19618" s="5" t="s">
        <v>40</v>
      </c>
      <c r="R19618" s="5" t="s">
        <v>897</v>
      </c>
      <c r="S19618" s="5" t="s">
        <v>40</v>
      </c>
      <c r="T19618" s="5" t="s">
        <v>42</v>
      </c>
      <c r="U19618" s="2">
        <v>58.970999999999997</v>
      </c>
      <c r="V19618" s="2">
        <v>55.018000000000001</v>
      </c>
      <c r="W19618" s="2">
        <v>0.2</v>
      </c>
      <c r="X19618" s="2">
        <v>17</v>
      </c>
      <c r="Y19618" s="2">
        <v>76.7</v>
      </c>
      <c r="Z19618" s="2">
        <v>153.6</v>
      </c>
      <c r="AA19618" s="5">
        <v>7</v>
      </c>
      <c r="AB19618" s="5" t="s">
        <v>43</v>
      </c>
      <c r="AC19618" s="5" t="s">
        <v>735</v>
      </c>
      <c r="AD19618" s="2" t="s">
        <v>61965</v>
      </c>
      <c r="AE19618" s="1"/>
    </row>
    <row r="19619" spans="1:31" ht="14.45">
      <c r="A19619" s="11"/>
      <c r="B19619" s="20"/>
      <c r="C19619" s="2" t="s">
        <v>61966</v>
      </c>
      <c r="D19619" s="14" t="s">
        <v>61967</v>
      </c>
      <c r="E19619" s="2" t="s">
        <v>61968</v>
      </c>
      <c r="F19619" s="2" t="s">
        <v>61969</v>
      </c>
      <c r="G19619" s="8">
        <v>1468</v>
      </c>
      <c r="H19619" s="5">
        <v>5</v>
      </c>
      <c r="I19619" s="5" t="s">
        <v>69</v>
      </c>
      <c r="J19619" s="5" t="s">
        <v>61065</v>
      </c>
      <c r="K19619" s="2" t="s">
        <v>61066</v>
      </c>
      <c r="L19619" s="5" t="s">
        <v>61065</v>
      </c>
      <c r="M19619" s="2" t="s">
        <v>61066</v>
      </c>
      <c r="N19619" s="5" t="s">
        <v>733</v>
      </c>
      <c r="O19619" s="5" t="s">
        <v>38</v>
      </c>
      <c r="P19619" s="5" t="s">
        <v>39</v>
      </c>
      <c r="Q19619" s="5" t="s">
        <v>40</v>
      </c>
      <c r="R19619" s="5" t="s">
        <v>897</v>
      </c>
      <c r="S19619" s="5" t="s">
        <v>40</v>
      </c>
      <c r="T19619" s="5" t="s">
        <v>42</v>
      </c>
      <c r="U19619" s="2">
        <v>49.905999999999999</v>
      </c>
      <c r="V19619" s="2">
        <v>46.042999999999999</v>
      </c>
      <c r="W19619" s="2">
        <v>0.2</v>
      </c>
      <c r="X19619" s="2">
        <v>17</v>
      </c>
      <c r="Y19619" s="2">
        <v>76.7</v>
      </c>
      <c r="Z19619" s="2">
        <v>153.6</v>
      </c>
      <c r="AA19619" s="5">
        <v>7</v>
      </c>
      <c r="AB19619" s="5" t="s">
        <v>43</v>
      </c>
      <c r="AC19619" s="5" t="s">
        <v>735</v>
      </c>
      <c r="AD19619" s="2" t="s">
        <v>61970</v>
      </c>
      <c r="AE19619" s="1"/>
    </row>
    <row r="19620" spans="1:31" ht="14.45">
      <c r="A19620" s="11"/>
      <c r="B19620" s="20"/>
      <c r="C19620" s="2" t="s">
        <v>61971</v>
      </c>
      <c r="D19620" s="14" t="s">
        <v>61972</v>
      </c>
      <c r="E19620" s="2" t="s">
        <v>61973</v>
      </c>
      <c r="F19620" s="2" t="s">
        <v>61974</v>
      </c>
      <c r="G19620" s="8">
        <v>1768</v>
      </c>
      <c r="H19620" s="5">
        <v>10</v>
      </c>
      <c r="I19620" s="5" t="s">
        <v>69</v>
      </c>
      <c r="J19620" s="5" t="s">
        <v>61065</v>
      </c>
      <c r="K19620" s="2" t="s">
        <v>61066</v>
      </c>
      <c r="L19620" s="5" t="s">
        <v>61065</v>
      </c>
      <c r="M19620" s="2" t="s">
        <v>61066</v>
      </c>
      <c r="N19620" s="5" t="s">
        <v>733</v>
      </c>
      <c r="O19620" s="5" t="s">
        <v>38</v>
      </c>
      <c r="P19620" s="5" t="s">
        <v>39</v>
      </c>
      <c r="Q19620" s="5" t="s">
        <v>40</v>
      </c>
      <c r="R19620" s="5" t="s">
        <v>897</v>
      </c>
      <c r="S19620" s="5" t="s">
        <v>40</v>
      </c>
      <c r="T19620" s="5" t="s">
        <v>42</v>
      </c>
      <c r="U19620" s="2">
        <v>52.591000000000001</v>
      </c>
      <c r="V19620" s="2">
        <v>48.621000000000002</v>
      </c>
      <c r="W19620" s="2">
        <v>0.2</v>
      </c>
      <c r="X19620" s="2">
        <v>17</v>
      </c>
      <c r="Y19620" s="2">
        <v>76.7</v>
      </c>
      <c r="Z19620" s="2">
        <v>153.6</v>
      </c>
      <c r="AA19620" s="5">
        <v>7</v>
      </c>
      <c r="AB19620" s="5" t="s">
        <v>43</v>
      </c>
      <c r="AC19620" s="5" t="s">
        <v>735</v>
      </c>
      <c r="AD19620" s="2" t="s">
        <v>61975</v>
      </c>
      <c r="AE19620" s="1"/>
    </row>
    <row r="19621" spans="1:31" ht="14.45">
      <c r="A19621" s="5" t="s">
        <v>116</v>
      </c>
      <c r="B19621" s="21">
        <v>46082</v>
      </c>
      <c r="C19621" s="2" t="s">
        <v>61976</v>
      </c>
      <c r="D19621" s="14" t="s">
        <v>61977</v>
      </c>
      <c r="E19621" s="2" t="s">
        <v>61978</v>
      </c>
      <c r="F19621" s="2" t="s">
        <v>61979</v>
      </c>
      <c r="G19621" s="8">
        <v>1868</v>
      </c>
      <c r="H19621" s="5">
        <v>5</v>
      </c>
      <c r="I19621" s="5" t="s">
        <v>69</v>
      </c>
      <c r="J19621" s="5" t="s">
        <v>61065</v>
      </c>
      <c r="K19621" s="2" t="s">
        <v>61066</v>
      </c>
      <c r="L19621" s="5" t="s">
        <v>61065</v>
      </c>
      <c r="M19621" s="2" t="s">
        <v>61066</v>
      </c>
      <c r="N19621" s="5" t="s">
        <v>733</v>
      </c>
      <c r="O19621" s="5" t="s">
        <v>38</v>
      </c>
      <c r="P19621" s="5" t="s">
        <v>39</v>
      </c>
      <c r="Q19621" s="5" t="s">
        <v>40</v>
      </c>
      <c r="R19621" s="5" t="s">
        <v>897</v>
      </c>
      <c r="S19621" s="5" t="s">
        <v>40</v>
      </c>
      <c r="T19621" s="5" t="s">
        <v>42</v>
      </c>
      <c r="U19621" s="2">
        <v>52.674999999999997</v>
      </c>
      <c r="V19621" s="2">
        <v>48.843000000000004</v>
      </c>
      <c r="W19621" s="2">
        <v>0.2</v>
      </c>
      <c r="X19621" s="2">
        <v>17</v>
      </c>
      <c r="Y19621" s="2">
        <v>76.7</v>
      </c>
      <c r="Z19621" s="2">
        <v>153.6</v>
      </c>
      <c r="AA19621" s="5">
        <v>7</v>
      </c>
      <c r="AB19621" s="5" t="s">
        <v>43</v>
      </c>
      <c r="AC19621" s="5" t="s">
        <v>735</v>
      </c>
      <c r="AD19621" s="2" t="s">
        <v>61980</v>
      </c>
      <c r="AE19621" s="1"/>
    </row>
    <row r="19622" spans="1:31" ht="14.45">
      <c r="A19622" s="11"/>
      <c r="B19622" s="20"/>
      <c r="C19622" s="2" t="s">
        <v>61981</v>
      </c>
      <c r="D19622" s="14" t="s">
        <v>61982</v>
      </c>
      <c r="E19622" s="2" t="s">
        <v>61983</v>
      </c>
      <c r="F19622" s="2" t="s">
        <v>61974</v>
      </c>
      <c r="G19622" s="8">
        <v>1768</v>
      </c>
      <c r="H19622" s="5">
        <v>10</v>
      </c>
      <c r="I19622" s="5" t="s">
        <v>69</v>
      </c>
      <c r="J19622" s="5" t="s">
        <v>61065</v>
      </c>
      <c r="K19622" s="2" t="s">
        <v>61066</v>
      </c>
      <c r="L19622" s="5" t="s">
        <v>61065</v>
      </c>
      <c r="M19622" s="2" t="s">
        <v>61066</v>
      </c>
      <c r="N19622" s="5" t="s">
        <v>733</v>
      </c>
      <c r="O19622" s="5" t="s">
        <v>38</v>
      </c>
      <c r="P19622" s="5" t="s">
        <v>39</v>
      </c>
      <c r="Q19622" s="5" t="s">
        <v>40</v>
      </c>
      <c r="R19622" s="5" t="s">
        <v>897</v>
      </c>
      <c r="S19622" s="5" t="s">
        <v>40</v>
      </c>
      <c r="T19622" s="5" t="s">
        <v>42</v>
      </c>
      <c r="U19622" s="2">
        <v>51.884999999999998</v>
      </c>
      <c r="V19622" s="2">
        <v>47.87</v>
      </c>
      <c r="W19622" s="2">
        <v>0.2</v>
      </c>
      <c r="X19622" s="2">
        <v>17</v>
      </c>
      <c r="Y19622" s="2">
        <v>76.7</v>
      </c>
      <c r="Z19622" s="2">
        <v>153.6</v>
      </c>
      <c r="AA19622" s="5">
        <v>7</v>
      </c>
      <c r="AB19622" s="5" t="s">
        <v>43</v>
      </c>
      <c r="AC19622" s="5" t="s">
        <v>735</v>
      </c>
      <c r="AD19622" s="2" t="s">
        <v>61984</v>
      </c>
      <c r="AE19622" s="1"/>
    </row>
    <row r="19623" spans="1:31" ht="14.45">
      <c r="A19623" s="11"/>
      <c r="B19623" s="20"/>
      <c r="C19623" s="2" t="s">
        <v>61985</v>
      </c>
      <c r="D19623" s="14" t="s">
        <v>61986</v>
      </c>
      <c r="E19623" s="2" t="s">
        <v>61987</v>
      </c>
      <c r="F19623" s="2" t="s">
        <v>61988</v>
      </c>
      <c r="G19623" s="8">
        <v>1483</v>
      </c>
      <c r="H19623" s="5">
        <v>5</v>
      </c>
      <c r="I19623" s="5" t="s">
        <v>69</v>
      </c>
      <c r="J19623" s="5" t="s">
        <v>61065</v>
      </c>
      <c r="K19623" s="2" t="s">
        <v>61066</v>
      </c>
      <c r="L19623" s="5" t="s">
        <v>61065</v>
      </c>
      <c r="M19623" s="2" t="s">
        <v>61066</v>
      </c>
      <c r="N19623" s="5" t="s">
        <v>733</v>
      </c>
      <c r="O19623" s="5" t="s">
        <v>38</v>
      </c>
      <c r="P19623" s="5" t="s">
        <v>39</v>
      </c>
      <c r="Q19623" s="5" t="s">
        <v>40</v>
      </c>
      <c r="R19623" s="5" t="s">
        <v>897</v>
      </c>
      <c r="S19623" s="5" t="s">
        <v>40</v>
      </c>
      <c r="T19623" s="5" t="s">
        <v>42</v>
      </c>
      <c r="U19623" s="2">
        <v>47.161000000000001</v>
      </c>
      <c r="V19623" s="2">
        <v>43.177</v>
      </c>
      <c r="W19623" s="2">
        <v>0.2</v>
      </c>
      <c r="X19623" s="2">
        <v>17</v>
      </c>
      <c r="Y19623" s="2">
        <v>76.7</v>
      </c>
      <c r="Z19623" s="2">
        <v>153.6</v>
      </c>
      <c r="AA19623" s="5">
        <v>7</v>
      </c>
      <c r="AB19623" s="5" t="s">
        <v>43</v>
      </c>
      <c r="AC19623" s="5" t="s">
        <v>735</v>
      </c>
      <c r="AD19623" s="2" t="s">
        <v>61989</v>
      </c>
      <c r="AE19623" s="1"/>
    </row>
    <row r="19624" spans="1:31" ht="14.45">
      <c r="A19624" s="5" t="s">
        <v>116</v>
      </c>
      <c r="B19624" s="21">
        <v>46082</v>
      </c>
      <c r="C19624" s="2" t="s">
        <v>61990</v>
      </c>
      <c r="D19624" s="14" t="s">
        <v>61991</v>
      </c>
      <c r="E19624" s="2" t="s">
        <v>61992</v>
      </c>
      <c r="F19624" s="2" t="s">
        <v>61993</v>
      </c>
      <c r="G19624" s="8">
        <v>1583</v>
      </c>
      <c r="H19624" s="5">
        <v>5</v>
      </c>
      <c r="I19624" s="5" t="s">
        <v>69</v>
      </c>
      <c r="J19624" s="5" t="s">
        <v>61065</v>
      </c>
      <c r="K19624" s="2" t="s">
        <v>61066</v>
      </c>
      <c r="L19624" s="5" t="s">
        <v>61065</v>
      </c>
      <c r="M19624" s="2" t="s">
        <v>61066</v>
      </c>
      <c r="N19624" s="5" t="s">
        <v>733</v>
      </c>
      <c r="O19624" s="5" t="s">
        <v>38</v>
      </c>
      <c r="P19624" s="5" t="s">
        <v>39</v>
      </c>
      <c r="Q19624" s="5" t="s">
        <v>40</v>
      </c>
      <c r="R19624" s="5" t="s">
        <v>897</v>
      </c>
      <c r="S19624" s="5" t="s">
        <v>40</v>
      </c>
      <c r="T19624" s="5" t="s">
        <v>42</v>
      </c>
      <c r="U19624" s="2">
        <v>47.244</v>
      </c>
      <c r="V19624" s="2">
        <v>43.398000000000003</v>
      </c>
      <c r="W19624" s="2">
        <v>0.2</v>
      </c>
      <c r="X19624" s="2">
        <v>17</v>
      </c>
      <c r="Y19624" s="2">
        <v>76.7</v>
      </c>
      <c r="Z19624" s="2">
        <v>153.6</v>
      </c>
      <c r="AA19624" s="5">
        <v>7</v>
      </c>
      <c r="AB19624" s="5" t="s">
        <v>43</v>
      </c>
      <c r="AC19624" s="5" t="s">
        <v>735</v>
      </c>
      <c r="AD19624" s="2" t="s">
        <v>61994</v>
      </c>
      <c r="AE19624" s="1"/>
    </row>
    <row r="19625" spans="1:31" ht="14.45">
      <c r="A19625" s="11"/>
      <c r="B19625" s="20"/>
      <c r="C19625" s="2" t="s">
        <v>61995</v>
      </c>
      <c r="D19625" s="14" t="s">
        <v>61996</v>
      </c>
      <c r="E19625" s="2" t="s">
        <v>61997</v>
      </c>
      <c r="F19625" s="2" t="s">
        <v>61988</v>
      </c>
      <c r="G19625" s="8">
        <v>1483</v>
      </c>
      <c r="H19625" s="5">
        <v>10</v>
      </c>
      <c r="I19625" s="5" t="s">
        <v>69</v>
      </c>
      <c r="J19625" s="5" t="s">
        <v>61065</v>
      </c>
      <c r="K19625" s="2" t="s">
        <v>61066</v>
      </c>
      <c r="L19625" s="5" t="s">
        <v>61065</v>
      </c>
      <c r="M19625" s="2" t="s">
        <v>61066</v>
      </c>
      <c r="N19625" s="5" t="s">
        <v>733</v>
      </c>
      <c r="O19625" s="5" t="s">
        <v>38</v>
      </c>
      <c r="P19625" s="5" t="s">
        <v>39</v>
      </c>
      <c r="Q19625" s="5" t="s">
        <v>40</v>
      </c>
      <c r="R19625" s="5" t="s">
        <v>897</v>
      </c>
      <c r="S19625" s="5" t="s">
        <v>40</v>
      </c>
      <c r="T19625" s="5" t="s">
        <v>42</v>
      </c>
      <c r="U19625" s="2">
        <v>46.454000000000001</v>
      </c>
      <c r="V19625" s="2">
        <v>42.424999999999997</v>
      </c>
      <c r="W19625" s="2">
        <v>0.2</v>
      </c>
      <c r="X19625" s="2">
        <v>17</v>
      </c>
      <c r="Y19625" s="2">
        <v>76.7</v>
      </c>
      <c r="Z19625" s="2">
        <v>153.6</v>
      </c>
      <c r="AA19625" s="5">
        <v>7</v>
      </c>
      <c r="AB19625" s="5" t="s">
        <v>43</v>
      </c>
      <c r="AC19625" s="5" t="s">
        <v>735</v>
      </c>
      <c r="AD19625" s="2" t="s">
        <v>61998</v>
      </c>
      <c r="AE19625" s="1"/>
    </row>
    <row r="19626" spans="1:31" ht="14.45">
      <c r="A19626" s="11"/>
      <c r="B19626" s="20"/>
      <c r="C19626" s="2" t="s">
        <v>61999</v>
      </c>
      <c r="D19626" s="14" t="s">
        <v>62000</v>
      </c>
      <c r="E19626" s="2" t="s">
        <v>62001</v>
      </c>
      <c r="F19626" s="2" t="s">
        <v>62002</v>
      </c>
      <c r="G19626" s="8">
        <v>1385</v>
      </c>
      <c r="H19626" s="5">
        <v>5</v>
      </c>
      <c r="I19626" s="5" t="s">
        <v>69</v>
      </c>
      <c r="J19626" s="5" t="s">
        <v>61065</v>
      </c>
      <c r="K19626" s="2" t="s">
        <v>61066</v>
      </c>
      <c r="L19626" s="5" t="s">
        <v>61065</v>
      </c>
      <c r="M19626" s="2" t="s">
        <v>61066</v>
      </c>
      <c r="N19626" s="5" t="s">
        <v>733</v>
      </c>
      <c r="O19626" s="5" t="s">
        <v>38</v>
      </c>
      <c r="P19626" s="5" t="s">
        <v>39</v>
      </c>
      <c r="Q19626" s="5" t="s">
        <v>40</v>
      </c>
      <c r="R19626" s="5" t="s">
        <v>897</v>
      </c>
      <c r="S19626" s="5" t="s">
        <v>40</v>
      </c>
      <c r="T19626" s="5" t="s">
        <v>42</v>
      </c>
      <c r="U19626" s="2">
        <v>49.874000000000002</v>
      </c>
      <c r="V19626" s="2">
        <v>46.011000000000003</v>
      </c>
      <c r="W19626" s="2">
        <v>0.2</v>
      </c>
      <c r="X19626" s="2">
        <v>17</v>
      </c>
      <c r="Y19626" s="2">
        <v>76.7</v>
      </c>
      <c r="Z19626" s="2">
        <v>153.6</v>
      </c>
      <c r="AA19626" s="5">
        <v>7</v>
      </c>
      <c r="AB19626" s="5" t="s">
        <v>43</v>
      </c>
      <c r="AC19626" s="5" t="s">
        <v>735</v>
      </c>
      <c r="AD19626" s="2" t="s">
        <v>62003</v>
      </c>
      <c r="AE19626" s="1"/>
    </row>
    <row r="19627" spans="1:31" ht="14.45">
      <c r="A19627" s="11"/>
      <c r="B19627" s="20"/>
      <c r="C19627" s="2" t="s">
        <v>62004</v>
      </c>
      <c r="D19627" s="14" t="s">
        <v>62005</v>
      </c>
      <c r="E19627" s="2" t="s">
        <v>62006</v>
      </c>
      <c r="F19627" s="2" t="s">
        <v>62002</v>
      </c>
      <c r="G19627" s="8">
        <v>1685</v>
      </c>
      <c r="H19627" s="5">
        <v>10</v>
      </c>
      <c r="I19627" s="5" t="s">
        <v>69</v>
      </c>
      <c r="J19627" s="5" t="s">
        <v>61065</v>
      </c>
      <c r="K19627" s="2" t="s">
        <v>61066</v>
      </c>
      <c r="L19627" s="5" t="s">
        <v>61065</v>
      </c>
      <c r="M19627" s="2" t="s">
        <v>61066</v>
      </c>
      <c r="N19627" s="5" t="s">
        <v>733</v>
      </c>
      <c r="O19627" s="5" t="s">
        <v>38</v>
      </c>
      <c r="P19627" s="5" t="s">
        <v>39</v>
      </c>
      <c r="Q19627" s="5" t="s">
        <v>40</v>
      </c>
      <c r="R19627" s="5" t="s">
        <v>897</v>
      </c>
      <c r="S19627" s="5" t="s">
        <v>40</v>
      </c>
      <c r="T19627" s="5" t="s">
        <v>42</v>
      </c>
      <c r="U19627" s="2">
        <v>52.558999999999997</v>
      </c>
      <c r="V19627" s="2">
        <v>48.588999999999999</v>
      </c>
      <c r="W19627" s="2">
        <v>0.2</v>
      </c>
      <c r="X19627" s="2">
        <v>17</v>
      </c>
      <c r="Y19627" s="2">
        <v>76.7</v>
      </c>
      <c r="Z19627" s="2">
        <v>153.6</v>
      </c>
      <c r="AA19627" s="5">
        <v>7</v>
      </c>
      <c r="AB19627" s="5" t="s">
        <v>43</v>
      </c>
      <c r="AC19627" s="5" t="s">
        <v>735</v>
      </c>
      <c r="AD19627" s="2" t="s">
        <v>62007</v>
      </c>
      <c r="AE19627" s="1"/>
    </row>
    <row r="19628" spans="1:31" ht="14.45">
      <c r="A19628" s="5" t="s">
        <v>116</v>
      </c>
      <c r="B19628" s="21">
        <v>46082</v>
      </c>
      <c r="C19628" s="2" t="s">
        <v>62008</v>
      </c>
      <c r="D19628" s="14" t="s">
        <v>62009</v>
      </c>
      <c r="E19628" s="2" t="s">
        <v>62010</v>
      </c>
      <c r="F19628" s="2" t="s">
        <v>62011</v>
      </c>
      <c r="G19628" s="8">
        <v>1785</v>
      </c>
      <c r="H19628" s="5">
        <v>5</v>
      </c>
      <c r="I19628" s="5" t="s">
        <v>69</v>
      </c>
      <c r="J19628" s="5" t="s">
        <v>61065</v>
      </c>
      <c r="K19628" s="2" t="s">
        <v>61066</v>
      </c>
      <c r="L19628" s="5" t="s">
        <v>61065</v>
      </c>
      <c r="M19628" s="2" t="s">
        <v>61066</v>
      </c>
      <c r="N19628" s="5" t="s">
        <v>733</v>
      </c>
      <c r="O19628" s="5" t="s">
        <v>38</v>
      </c>
      <c r="P19628" s="5" t="s">
        <v>39</v>
      </c>
      <c r="Q19628" s="5" t="s">
        <v>40</v>
      </c>
      <c r="R19628" s="5" t="s">
        <v>897</v>
      </c>
      <c r="S19628" s="5" t="s">
        <v>40</v>
      </c>
      <c r="T19628" s="5" t="s">
        <v>42</v>
      </c>
      <c r="U19628" s="2">
        <v>52.643000000000001</v>
      </c>
      <c r="V19628" s="2">
        <v>48.811</v>
      </c>
      <c r="W19628" s="2">
        <v>0.2</v>
      </c>
      <c r="X19628" s="2">
        <v>17</v>
      </c>
      <c r="Y19628" s="2">
        <v>76.7</v>
      </c>
      <c r="Z19628" s="2">
        <v>153.6</v>
      </c>
      <c r="AA19628" s="5">
        <v>7</v>
      </c>
      <c r="AB19628" s="5" t="s">
        <v>43</v>
      </c>
      <c r="AC19628" s="5" t="s">
        <v>735</v>
      </c>
      <c r="AD19628" s="2" t="s">
        <v>62012</v>
      </c>
      <c r="AE19628" s="1"/>
    </row>
    <row r="19629" spans="1:31" ht="14.45">
      <c r="A19629" s="11"/>
      <c r="B19629" s="20"/>
      <c r="C19629" s="2" t="s">
        <v>62013</v>
      </c>
      <c r="D19629" s="14" t="s">
        <v>62014</v>
      </c>
      <c r="E19629" s="2" t="s">
        <v>62015</v>
      </c>
      <c r="F19629" s="2" t="s">
        <v>62002</v>
      </c>
      <c r="G19629" s="8">
        <v>1685</v>
      </c>
      <c r="H19629" s="5">
        <v>5</v>
      </c>
      <c r="I19629" s="5" t="s">
        <v>69</v>
      </c>
      <c r="J19629" s="5" t="s">
        <v>61065</v>
      </c>
      <c r="K19629" s="2" t="s">
        <v>61066</v>
      </c>
      <c r="L19629" s="5" t="s">
        <v>61065</v>
      </c>
      <c r="M19629" s="2" t="s">
        <v>61066</v>
      </c>
      <c r="N19629" s="5" t="s">
        <v>733</v>
      </c>
      <c r="O19629" s="5" t="s">
        <v>38</v>
      </c>
      <c r="P19629" s="5" t="s">
        <v>39</v>
      </c>
      <c r="Q19629" s="5" t="s">
        <v>40</v>
      </c>
      <c r="R19629" s="5" t="s">
        <v>897</v>
      </c>
      <c r="S19629" s="5" t="s">
        <v>40</v>
      </c>
      <c r="T19629" s="5" t="s">
        <v>42</v>
      </c>
      <c r="U19629" s="2">
        <v>51.853000000000002</v>
      </c>
      <c r="V19629" s="2">
        <v>47.838000000000001</v>
      </c>
      <c r="W19629" s="2">
        <v>0.2</v>
      </c>
      <c r="X19629" s="2">
        <v>17</v>
      </c>
      <c r="Y19629" s="2">
        <v>76.7</v>
      </c>
      <c r="Z19629" s="2">
        <v>153.6</v>
      </c>
      <c r="AA19629" s="5">
        <v>7</v>
      </c>
      <c r="AB19629" s="5" t="s">
        <v>43</v>
      </c>
      <c r="AC19629" s="5" t="s">
        <v>735</v>
      </c>
      <c r="AD19629" s="2" t="s">
        <v>62016</v>
      </c>
      <c r="AE19629" s="1"/>
    </row>
    <row r="19630" spans="1:31" ht="14.45">
      <c r="A19630" s="11"/>
      <c r="B19630" s="20"/>
      <c r="C19630" s="2" t="s">
        <v>62017</v>
      </c>
      <c r="D19630" s="14" t="s">
        <v>62018</v>
      </c>
      <c r="E19630" s="2" t="s">
        <v>62019</v>
      </c>
      <c r="F19630" s="2" t="s">
        <v>62020</v>
      </c>
      <c r="G19630" s="8">
        <v>1468</v>
      </c>
      <c r="H19630" s="5">
        <v>10</v>
      </c>
      <c r="I19630" s="5" t="s">
        <v>69</v>
      </c>
      <c r="J19630" s="5" t="s">
        <v>61065</v>
      </c>
      <c r="K19630" s="2" t="s">
        <v>61066</v>
      </c>
      <c r="L19630" s="5" t="s">
        <v>61065</v>
      </c>
      <c r="M19630" s="2" t="s">
        <v>61066</v>
      </c>
      <c r="N19630" s="5" t="s">
        <v>733</v>
      </c>
      <c r="O19630" s="5" t="s">
        <v>38</v>
      </c>
      <c r="P19630" s="5" t="s">
        <v>39</v>
      </c>
      <c r="Q19630" s="5" t="s">
        <v>40</v>
      </c>
      <c r="R19630" s="5" t="s">
        <v>897</v>
      </c>
      <c r="S19630" s="5" t="s">
        <v>40</v>
      </c>
      <c r="T19630" s="5" t="s">
        <v>42</v>
      </c>
      <c r="U19630" s="2">
        <v>49.009</v>
      </c>
      <c r="V19630" s="2">
        <v>45.146000000000001</v>
      </c>
      <c r="W19630" s="2">
        <v>0.2</v>
      </c>
      <c r="X19630" s="2">
        <v>17</v>
      </c>
      <c r="Y19630" s="2">
        <v>76.7</v>
      </c>
      <c r="Z19630" s="2">
        <v>153.6</v>
      </c>
      <c r="AA19630" s="5">
        <v>7</v>
      </c>
      <c r="AB19630" s="5" t="s">
        <v>43</v>
      </c>
      <c r="AC19630" s="5" t="s">
        <v>735</v>
      </c>
      <c r="AD19630" s="2" t="s">
        <v>62021</v>
      </c>
      <c r="AE19630" s="1"/>
    </row>
    <row r="19631" spans="1:31" ht="14.45">
      <c r="A19631" s="11"/>
      <c r="B19631" s="20"/>
      <c r="C19631" s="2" t="s">
        <v>62022</v>
      </c>
      <c r="D19631" s="14" t="s">
        <v>62023</v>
      </c>
      <c r="E19631" s="2" t="s">
        <v>62024</v>
      </c>
      <c r="F19631" s="2" t="s">
        <v>62025</v>
      </c>
      <c r="G19631" s="8">
        <v>1768</v>
      </c>
      <c r="H19631" s="5">
        <v>10</v>
      </c>
      <c r="I19631" s="5" t="s">
        <v>69</v>
      </c>
      <c r="J19631" s="5" t="s">
        <v>61065</v>
      </c>
      <c r="K19631" s="2" t="s">
        <v>61066</v>
      </c>
      <c r="L19631" s="5" t="s">
        <v>61065</v>
      </c>
      <c r="M19631" s="2" t="s">
        <v>61066</v>
      </c>
      <c r="N19631" s="5" t="s">
        <v>733</v>
      </c>
      <c r="O19631" s="5" t="s">
        <v>38</v>
      </c>
      <c r="P19631" s="5" t="s">
        <v>39</v>
      </c>
      <c r="Q19631" s="5" t="s">
        <v>40</v>
      </c>
      <c r="R19631" s="5" t="s">
        <v>897</v>
      </c>
      <c r="S19631" s="5" t="s">
        <v>40</v>
      </c>
      <c r="T19631" s="5" t="s">
        <v>42</v>
      </c>
      <c r="U19631" s="2">
        <v>51.694000000000003</v>
      </c>
      <c r="V19631" s="2">
        <v>47.723999999999997</v>
      </c>
      <c r="W19631" s="2">
        <v>0.2</v>
      </c>
      <c r="X19631" s="2">
        <v>17</v>
      </c>
      <c r="Y19631" s="2">
        <v>76.7</v>
      </c>
      <c r="Z19631" s="2">
        <v>153.6</v>
      </c>
      <c r="AA19631" s="5">
        <v>7</v>
      </c>
      <c r="AB19631" s="5" t="s">
        <v>43</v>
      </c>
      <c r="AC19631" s="5" t="s">
        <v>735</v>
      </c>
      <c r="AD19631" s="2" t="s">
        <v>62026</v>
      </c>
      <c r="AE19631" s="1"/>
    </row>
    <row r="19632" spans="1:31" ht="14.45">
      <c r="A19632" s="11"/>
      <c r="B19632" s="20"/>
      <c r="C19632" s="2" t="s">
        <v>62027</v>
      </c>
      <c r="D19632" s="14" t="s">
        <v>62028</v>
      </c>
      <c r="E19632" s="2" t="s">
        <v>62029</v>
      </c>
      <c r="F19632" s="2" t="s">
        <v>62025</v>
      </c>
      <c r="G19632" s="8">
        <v>1768</v>
      </c>
      <c r="H19632" s="5">
        <v>10</v>
      </c>
      <c r="I19632" s="5" t="s">
        <v>69</v>
      </c>
      <c r="J19632" s="5" t="s">
        <v>61065</v>
      </c>
      <c r="K19632" s="2" t="s">
        <v>61066</v>
      </c>
      <c r="L19632" s="5" t="s">
        <v>61065</v>
      </c>
      <c r="M19632" s="2" t="s">
        <v>61066</v>
      </c>
      <c r="N19632" s="5" t="s">
        <v>733</v>
      </c>
      <c r="O19632" s="5" t="s">
        <v>38</v>
      </c>
      <c r="P19632" s="5" t="s">
        <v>39</v>
      </c>
      <c r="Q19632" s="5" t="s">
        <v>40</v>
      </c>
      <c r="R19632" s="5" t="s">
        <v>897</v>
      </c>
      <c r="S19632" s="5" t="s">
        <v>40</v>
      </c>
      <c r="T19632" s="5" t="s">
        <v>42</v>
      </c>
      <c r="U19632" s="2">
        <v>50.988</v>
      </c>
      <c r="V19632" s="2">
        <v>46.972999999999999</v>
      </c>
      <c r="W19632" s="2">
        <v>0.2</v>
      </c>
      <c r="X19632" s="2">
        <v>17</v>
      </c>
      <c r="Y19632" s="2">
        <v>76.7</v>
      </c>
      <c r="Z19632" s="2">
        <v>153.6</v>
      </c>
      <c r="AA19632" s="5">
        <v>7</v>
      </c>
      <c r="AB19632" s="5" t="s">
        <v>43</v>
      </c>
      <c r="AC19632" s="5" t="s">
        <v>735</v>
      </c>
      <c r="AD19632" s="2" t="s">
        <v>62030</v>
      </c>
      <c r="AE19632" s="1"/>
    </row>
    <row r="19633" spans="1:31" ht="14.45">
      <c r="A19633" s="11"/>
      <c r="B19633" s="20"/>
      <c r="C19633" s="2" t="s">
        <v>62031</v>
      </c>
      <c r="D19633" s="14" t="s">
        <v>62032</v>
      </c>
      <c r="E19633" s="2" t="s">
        <v>62033</v>
      </c>
      <c r="F19633" s="2" t="s">
        <v>62034</v>
      </c>
      <c r="G19633" s="8">
        <v>1483</v>
      </c>
      <c r="H19633" s="5">
        <v>10</v>
      </c>
      <c r="I19633" s="5" t="s">
        <v>69</v>
      </c>
      <c r="J19633" s="5" t="s">
        <v>61065</v>
      </c>
      <c r="K19633" s="2" t="s">
        <v>61066</v>
      </c>
      <c r="L19633" s="5" t="s">
        <v>61065</v>
      </c>
      <c r="M19633" s="2" t="s">
        <v>61066</v>
      </c>
      <c r="N19633" s="5" t="s">
        <v>733</v>
      </c>
      <c r="O19633" s="5" t="s">
        <v>38</v>
      </c>
      <c r="P19633" s="5" t="s">
        <v>39</v>
      </c>
      <c r="Q19633" s="5" t="s">
        <v>40</v>
      </c>
      <c r="R19633" s="5" t="s">
        <v>897</v>
      </c>
      <c r="S19633" s="5" t="s">
        <v>40</v>
      </c>
      <c r="T19633" s="5" t="s">
        <v>42</v>
      </c>
      <c r="U19633" s="2">
        <v>46.264000000000003</v>
      </c>
      <c r="V19633" s="2">
        <v>42.28</v>
      </c>
      <c r="W19633" s="2">
        <v>0.2</v>
      </c>
      <c r="X19633" s="2">
        <v>17</v>
      </c>
      <c r="Y19633" s="2">
        <v>76.7</v>
      </c>
      <c r="Z19633" s="2">
        <v>153.6</v>
      </c>
      <c r="AA19633" s="5">
        <v>7</v>
      </c>
      <c r="AB19633" s="5" t="s">
        <v>43</v>
      </c>
      <c r="AC19633" s="5" t="s">
        <v>735</v>
      </c>
      <c r="AD19633" s="2" t="s">
        <v>62035</v>
      </c>
      <c r="AE19633" s="1"/>
    </row>
    <row r="19634" spans="1:31" ht="14.45">
      <c r="A19634" s="11"/>
      <c r="B19634" s="20"/>
      <c r="C19634" s="2" t="s">
        <v>62036</v>
      </c>
      <c r="D19634" s="14" t="s">
        <v>62037</v>
      </c>
      <c r="E19634" s="2" t="s">
        <v>62038</v>
      </c>
      <c r="F19634" s="2" t="s">
        <v>62039</v>
      </c>
      <c r="G19634" s="8">
        <v>1385</v>
      </c>
      <c r="H19634" s="5">
        <v>10</v>
      </c>
      <c r="I19634" s="5" t="s">
        <v>69</v>
      </c>
      <c r="J19634" s="5" t="s">
        <v>61065</v>
      </c>
      <c r="K19634" s="2" t="s">
        <v>61066</v>
      </c>
      <c r="L19634" s="5" t="s">
        <v>61065</v>
      </c>
      <c r="M19634" s="2" t="s">
        <v>61066</v>
      </c>
      <c r="N19634" s="5" t="s">
        <v>733</v>
      </c>
      <c r="O19634" s="5" t="s">
        <v>38</v>
      </c>
      <c r="P19634" s="5" t="s">
        <v>39</v>
      </c>
      <c r="Q19634" s="5" t="s">
        <v>40</v>
      </c>
      <c r="R19634" s="5" t="s">
        <v>897</v>
      </c>
      <c r="S19634" s="5" t="s">
        <v>40</v>
      </c>
      <c r="T19634" s="5" t="s">
        <v>42</v>
      </c>
      <c r="U19634" s="2">
        <v>48.976999999999997</v>
      </c>
      <c r="V19634" s="2">
        <v>45.113999999999997</v>
      </c>
      <c r="W19634" s="2">
        <v>0.2</v>
      </c>
      <c r="X19634" s="2">
        <v>17</v>
      </c>
      <c r="Y19634" s="2">
        <v>76.7</v>
      </c>
      <c r="Z19634" s="2">
        <v>153.6</v>
      </c>
      <c r="AA19634" s="5">
        <v>7</v>
      </c>
      <c r="AB19634" s="5" t="s">
        <v>43</v>
      </c>
      <c r="AC19634" s="5" t="s">
        <v>735</v>
      </c>
      <c r="AD19634" s="2" t="s">
        <v>62040</v>
      </c>
      <c r="AE19634" s="1"/>
    </row>
    <row r="19635" spans="1:31" ht="14.45">
      <c r="A19635" s="11"/>
      <c r="B19635" s="20"/>
      <c r="C19635" s="2" t="s">
        <v>62041</v>
      </c>
      <c r="D19635" s="14" t="s">
        <v>62042</v>
      </c>
      <c r="E19635" s="2" t="s">
        <v>62043</v>
      </c>
      <c r="F19635" s="2" t="s">
        <v>62039</v>
      </c>
      <c r="G19635" s="8">
        <v>1685</v>
      </c>
      <c r="H19635" s="5">
        <v>10</v>
      </c>
      <c r="I19635" s="5" t="s">
        <v>69</v>
      </c>
      <c r="J19635" s="5" t="s">
        <v>61065</v>
      </c>
      <c r="K19635" s="2" t="s">
        <v>61066</v>
      </c>
      <c r="L19635" s="5" t="s">
        <v>61065</v>
      </c>
      <c r="M19635" s="2" t="s">
        <v>61066</v>
      </c>
      <c r="N19635" s="5" t="s">
        <v>733</v>
      </c>
      <c r="O19635" s="5" t="s">
        <v>38</v>
      </c>
      <c r="P19635" s="5" t="s">
        <v>39</v>
      </c>
      <c r="Q19635" s="5" t="s">
        <v>40</v>
      </c>
      <c r="R19635" s="5" t="s">
        <v>897</v>
      </c>
      <c r="S19635" s="5" t="s">
        <v>40</v>
      </c>
      <c r="T19635" s="5" t="s">
        <v>42</v>
      </c>
      <c r="U19635" s="2">
        <v>51.661999999999999</v>
      </c>
      <c r="V19635" s="2">
        <v>47.692</v>
      </c>
      <c r="W19635" s="2">
        <v>0.2</v>
      </c>
      <c r="X19635" s="2">
        <v>17</v>
      </c>
      <c r="Y19635" s="2">
        <v>76.7</v>
      </c>
      <c r="Z19635" s="2">
        <v>153.6</v>
      </c>
      <c r="AA19635" s="5">
        <v>7</v>
      </c>
      <c r="AB19635" s="5" t="s">
        <v>43</v>
      </c>
      <c r="AC19635" s="5" t="s">
        <v>735</v>
      </c>
      <c r="AD19635" s="2" t="s">
        <v>62044</v>
      </c>
      <c r="AE19635" s="1"/>
    </row>
    <row r="19636" spans="1:31" ht="14.45">
      <c r="A19636" s="11"/>
      <c r="B19636" s="20"/>
      <c r="C19636" s="2" t="s">
        <v>62045</v>
      </c>
      <c r="D19636" s="14" t="s">
        <v>62046</v>
      </c>
      <c r="E19636" s="2" t="s">
        <v>62047</v>
      </c>
      <c r="F19636" s="2" t="s">
        <v>62039</v>
      </c>
      <c r="G19636" s="8">
        <v>1685</v>
      </c>
      <c r="H19636" s="5">
        <v>5</v>
      </c>
      <c r="I19636" s="5" t="s">
        <v>69</v>
      </c>
      <c r="J19636" s="5" t="s">
        <v>61065</v>
      </c>
      <c r="K19636" s="2" t="s">
        <v>61066</v>
      </c>
      <c r="L19636" s="5" t="s">
        <v>61065</v>
      </c>
      <c r="M19636" s="2" t="s">
        <v>61066</v>
      </c>
      <c r="N19636" s="5" t="s">
        <v>733</v>
      </c>
      <c r="O19636" s="5" t="s">
        <v>38</v>
      </c>
      <c r="P19636" s="5" t="s">
        <v>39</v>
      </c>
      <c r="Q19636" s="5" t="s">
        <v>40</v>
      </c>
      <c r="R19636" s="5" t="s">
        <v>897</v>
      </c>
      <c r="S19636" s="5" t="s">
        <v>40</v>
      </c>
      <c r="T19636" s="5" t="s">
        <v>42</v>
      </c>
      <c r="U19636" s="2">
        <v>50.956000000000003</v>
      </c>
      <c r="V19636" s="2">
        <v>46.941000000000003</v>
      </c>
      <c r="W19636" s="2">
        <v>0.2</v>
      </c>
      <c r="X19636" s="2">
        <v>17</v>
      </c>
      <c r="Y19636" s="2">
        <v>76.7</v>
      </c>
      <c r="Z19636" s="2">
        <v>153.6</v>
      </c>
      <c r="AA19636" s="5">
        <v>7</v>
      </c>
      <c r="AB19636" s="5" t="s">
        <v>43</v>
      </c>
      <c r="AC19636" s="5" t="s">
        <v>735</v>
      </c>
      <c r="AD19636" s="2" t="s">
        <v>62048</v>
      </c>
      <c r="AE19636" s="1"/>
    </row>
    <row r="19637" spans="1:31" ht="14.45">
      <c r="A19637" s="11"/>
      <c r="B19637" s="20"/>
      <c r="C19637" s="2" t="s">
        <v>62049</v>
      </c>
      <c r="D19637" s="14" t="s">
        <v>62050</v>
      </c>
      <c r="E19637" s="2" t="s">
        <v>62051</v>
      </c>
      <c r="F19637" s="2" t="s">
        <v>62052</v>
      </c>
      <c r="G19637" s="8">
        <v>1367</v>
      </c>
      <c r="H19637" s="5">
        <v>10</v>
      </c>
      <c r="I19637" s="5" t="s">
        <v>69</v>
      </c>
      <c r="J19637" s="5" t="s">
        <v>61065</v>
      </c>
      <c r="K19637" s="2" t="s">
        <v>61066</v>
      </c>
      <c r="L19637" s="5" t="s">
        <v>61065</v>
      </c>
      <c r="M19637" s="2" t="s">
        <v>61066</v>
      </c>
      <c r="N19637" s="5" t="s">
        <v>733</v>
      </c>
      <c r="O19637" s="5" t="s">
        <v>38</v>
      </c>
      <c r="P19637" s="5" t="s">
        <v>39</v>
      </c>
      <c r="Q19637" s="5" t="s">
        <v>40</v>
      </c>
      <c r="R19637" s="5" t="s">
        <v>1487</v>
      </c>
      <c r="S19637" s="5"/>
      <c r="T19637" s="5" t="s">
        <v>42</v>
      </c>
      <c r="U19637" s="2">
        <v>0</v>
      </c>
      <c r="V19637" s="2">
        <v>0</v>
      </c>
      <c r="W19637" s="2">
        <v>0</v>
      </c>
      <c r="X19637" s="2">
        <v>0</v>
      </c>
      <c r="Y19637" s="2">
        <v>0</v>
      </c>
      <c r="Z19637" s="2">
        <v>0</v>
      </c>
      <c r="AA19637" s="5"/>
      <c r="AB19637" s="5" t="s">
        <v>43</v>
      </c>
      <c r="AC19637" s="5" t="s">
        <v>735</v>
      </c>
      <c r="AD19637" s="2" t="s">
        <v>62053</v>
      </c>
      <c r="AE19637" s="1"/>
    </row>
    <row r="19638" spans="1:31" ht="14.45">
      <c r="A19638" s="11"/>
      <c r="B19638" s="20"/>
      <c r="C19638" s="2" t="s">
        <v>62054</v>
      </c>
      <c r="D19638" s="14" t="s">
        <v>62055</v>
      </c>
      <c r="E19638" s="2" t="s">
        <v>62056</v>
      </c>
      <c r="F19638" s="2" t="s">
        <v>62057</v>
      </c>
      <c r="G19638" s="8">
        <v>995</v>
      </c>
      <c r="H19638" s="5">
        <v>5</v>
      </c>
      <c r="I19638" s="5" t="s">
        <v>69</v>
      </c>
      <c r="J19638" s="5" t="s">
        <v>61065</v>
      </c>
      <c r="K19638" s="2" t="s">
        <v>61066</v>
      </c>
      <c r="L19638" s="5" t="s">
        <v>61065</v>
      </c>
      <c r="M19638" s="2" t="s">
        <v>61066</v>
      </c>
      <c r="N19638" s="5" t="s">
        <v>733</v>
      </c>
      <c r="O19638" s="5" t="s">
        <v>38</v>
      </c>
      <c r="P19638" s="5" t="s">
        <v>39</v>
      </c>
      <c r="Q19638" s="5" t="s">
        <v>40</v>
      </c>
      <c r="R19638" s="5" t="s">
        <v>897</v>
      </c>
      <c r="S19638" s="5" t="s">
        <v>40</v>
      </c>
      <c r="T19638" s="5" t="s">
        <v>42</v>
      </c>
      <c r="U19638" s="2">
        <v>44.006999999999998</v>
      </c>
      <c r="V19638" s="2">
        <v>41.314</v>
      </c>
      <c r="W19638" s="2">
        <v>0.153</v>
      </c>
      <c r="X19638" s="2">
        <v>17</v>
      </c>
      <c r="Y19638" s="2">
        <v>80.7</v>
      </c>
      <c r="Z19638" s="2">
        <v>111.6</v>
      </c>
      <c r="AA19638" s="5">
        <v>7</v>
      </c>
      <c r="AB19638" s="5" t="s">
        <v>43</v>
      </c>
      <c r="AC19638" s="5" t="s">
        <v>735</v>
      </c>
      <c r="AD19638" s="2" t="s">
        <v>62058</v>
      </c>
      <c r="AE19638" s="1"/>
    </row>
    <row r="19639" spans="1:31" ht="14.45">
      <c r="A19639" s="11"/>
      <c r="B19639" s="20"/>
      <c r="C19639" s="2" t="s">
        <v>62059</v>
      </c>
      <c r="D19639" s="14" t="s">
        <v>62060</v>
      </c>
      <c r="E19639" s="2" t="s">
        <v>62061</v>
      </c>
      <c r="F19639" s="2" t="s">
        <v>62062</v>
      </c>
      <c r="G19639" s="8">
        <v>1295</v>
      </c>
      <c r="H19639" s="5">
        <v>10</v>
      </c>
      <c r="I19639" s="5" t="s">
        <v>69</v>
      </c>
      <c r="J19639" s="5" t="s">
        <v>61065</v>
      </c>
      <c r="K19639" s="2" t="s">
        <v>61066</v>
      </c>
      <c r="L19639" s="5" t="s">
        <v>61065</v>
      </c>
      <c r="M19639" s="2" t="s">
        <v>61066</v>
      </c>
      <c r="N19639" s="5" t="s">
        <v>733</v>
      </c>
      <c r="O19639" s="5" t="s">
        <v>38</v>
      </c>
      <c r="P19639" s="5" t="s">
        <v>39</v>
      </c>
      <c r="Q19639" s="5" t="s">
        <v>40</v>
      </c>
      <c r="R19639" s="5" t="s">
        <v>897</v>
      </c>
      <c r="S19639" s="5" t="s">
        <v>40</v>
      </c>
      <c r="T19639" s="5" t="s">
        <v>42</v>
      </c>
      <c r="U19639" s="2">
        <v>46.432000000000002</v>
      </c>
      <c r="V19639" s="2">
        <v>43.667000000000002</v>
      </c>
      <c r="W19639" s="2">
        <v>0.153</v>
      </c>
      <c r="X19639" s="2">
        <v>17</v>
      </c>
      <c r="Y19639" s="2">
        <v>80.7</v>
      </c>
      <c r="Z19639" s="2">
        <v>111.6</v>
      </c>
      <c r="AA19639" s="5">
        <v>7</v>
      </c>
      <c r="AB19639" s="5" t="s">
        <v>43</v>
      </c>
      <c r="AC19639" s="5" t="s">
        <v>735</v>
      </c>
      <c r="AD19639" s="2" t="s">
        <v>62063</v>
      </c>
      <c r="AE19639" s="1"/>
    </row>
    <row r="19640" spans="1:31" ht="14.45">
      <c r="A19640" s="11"/>
      <c r="B19640" s="20"/>
      <c r="C19640" s="2" t="s">
        <v>62064</v>
      </c>
      <c r="D19640" s="14" t="s">
        <v>62065</v>
      </c>
      <c r="E19640" s="2" t="s">
        <v>62066</v>
      </c>
      <c r="F19640" s="2" t="s">
        <v>62067</v>
      </c>
      <c r="G19640" s="8">
        <v>886</v>
      </c>
      <c r="H19640" s="5">
        <v>5</v>
      </c>
      <c r="I19640" s="5" t="s">
        <v>69</v>
      </c>
      <c r="J19640" s="5" t="s">
        <v>61065</v>
      </c>
      <c r="K19640" s="2" t="s">
        <v>61066</v>
      </c>
      <c r="L19640" s="5" t="s">
        <v>61065</v>
      </c>
      <c r="M19640" s="2" t="s">
        <v>61066</v>
      </c>
      <c r="N19640" s="5" t="s">
        <v>733</v>
      </c>
      <c r="O19640" s="5" t="s">
        <v>38</v>
      </c>
      <c r="P19640" s="5" t="s">
        <v>39</v>
      </c>
      <c r="Q19640" s="5" t="s">
        <v>40</v>
      </c>
      <c r="R19640" s="5" t="s">
        <v>897</v>
      </c>
      <c r="S19640" s="5" t="s">
        <v>40</v>
      </c>
      <c r="T19640" s="5" t="s">
        <v>42</v>
      </c>
      <c r="U19640" s="2">
        <v>38.817</v>
      </c>
      <c r="V19640" s="2">
        <v>36.125999999999998</v>
      </c>
      <c r="W19640" s="2">
        <v>0.153</v>
      </c>
      <c r="X19640" s="2">
        <v>17</v>
      </c>
      <c r="Y19640" s="2">
        <v>80.7</v>
      </c>
      <c r="Z19640" s="2">
        <v>111.6</v>
      </c>
      <c r="AA19640" s="5">
        <v>7</v>
      </c>
      <c r="AB19640" s="5" t="s">
        <v>43</v>
      </c>
      <c r="AC19640" s="5" t="s">
        <v>735</v>
      </c>
      <c r="AD19640" s="2" t="s">
        <v>62068</v>
      </c>
      <c r="AE19640" s="1"/>
    </row>
    <row r="19641" spans="1:31" ht="14.45">
      <c r="A19641" s="11"/>
      <c r="B19641" s="20"/>
      <c r="C19641" s="2" t="s">
        <v>62069</v>
      </c>
      <c r="D19641" s="14" t="s">
        <v>62070</v>
      </c>
      <c r="E19641" s="2" t="s">
        <v>62071</v>
      </c>
      <c r="F19641" s="2" t="s">
        <v>62072</v>
      </c>
      <c r="G19641" s="8">
        <v>1186</v>
      </c>
      <c r="H19641" s="5">
        <v>5</v>
      </c>
      <c r="I19641" s="5" t="s">
        <v>69</v>
      </c>
      <c r="J19641" s="5" t="s">
        <v>61065</v>
      </c>
      <c r="K19641" s="2" t="s">
        <v>61066</v>
      </c>
      <c r="L19641" s="5" t="s">
        <v>61065</v>
      </c>
      <c r="M19641" s="2" t="s">
        <v>61066</v>
      </c>
      <c r="N19641" s="5" t="s">
        <v>733</v>
      </c>
      <c r="O19641" s="5" t="s">
        <v>38</v>
      </c>
      <c r="P19641" s="5" t="s">
        <v>39</v>
      </c>
      <c r="Q19641" s="5" t="s">
        <v>40</v>
      </c>
      <c r="R19641" s="5" t="s">
        <v>897</v>
      </c>
      <c r="S19641" s="5" t="s">
        <v>40</v>
      </c>
      <c r="T19641" s="5" t="s">
        <v>42</v>
      </c>
      <c r="U19641" s="2">
        <v>41.247999999999998</v>
      </c>
      <c r="V19641" s="2">
        <v>38.482999999999997</v>
      </c>
      <c r="W19641" s="2">
        <v>0.153</v>
      </c>
      <c r="X19641" s="2">
        <v>17</v>
      </c>
      <c r="Y19641" s="2">
        <v>80.7</v>
      </c>
      <c r="Z19641" s="2">
        <v>111.6</v>
      </c>
      <c r="AA19641" s="5">
        <v>7</v>
      </c>
      <c r="AB19641" s="5" t="s">
        <v>43</v>
      </c>
      <c r="AC19641" s="5" t="s">
        <v>735</v>
      </c>
      <c r="AD19641" s="2" t="s">
        <v>62073</v>
      </c>
      <c r="AE19641" s="1"/>
    </row>
    <row r="19642" spans="1:31" ht="14.45">
      <c r="A19642" s="11"/>
      <c r="B19642" s="20"/>
      <c r="C19642" s="2" t="s">
        <v>62074</v>
      </c>
      <c r="D19642" s="14" t="s">
        <v>62075</v>
      </c>
      <c r="E19642" s="2" t="s">
        <v>62076</v>
      </c>
      <c r="F19642" s="2" t="s">
        <v>62072</v>
      </c>
      <c r="G19642" s="8">
        <v>1186</v>
      </c>
      <c r="H19642" s="5">
        <v>5</v>
      </c>
      <c r="I19642" s="5" t="s">
        <v>69</v>
      </c>
      <c r="J19642" s="5" t="s">
        <v>61065</v>
      </c>
      <c r="K19642" s="2" t="s">
        <v>61066</v>
      </c>
      <c r="L19642" s="5" t="s">
        <v>61065</v>
      </c>
      <c r="M19642" s="2" t="s">
        <v>61066</v>
      </c>
      <c r="N19642" s="5" t="s">
        <v>733</v>
      </c>
      <c r="O19642" s="5" t="s">
        <v>38</v>
      </c>
      <c r="P19642" s="5" t="s">
        <v>39</v>
      </c>
      <c r="Q19642" s="5" t="s">
        <v>40</v>
      </c>
      <c r="R19642" s="5" t="s">
        <v>897</v>
      </c>
      <c r="S19642" s="5" t="s">
        <v>40</v>
      </c>
      <c r="T19642" s="5" t="s">
        <v>42</v>
      </c>
      <c r="U19642" s="2">
        <v>40.856000000000002</v>
      </c>
      <c r="V19642" s="2">
        <v>38.003999999999998</v>
      </c>
      <c r="W19642" s="2">
        <v>0.153</v>
      </c>
      <c r="X19642" s="2">
        <v>17</v>
      </c>
      <c r="Y19642" s="2">
        <v>80.7</v>
      </c>
      <c r="Z19642" s="2">
        <v>111.6</v>
      </c>
      <c r="AA19642" s="5">
        <v>7</v>
      </c>
      <c r="AB19642" s="5" t="s">
        <v>43</v>
      </c>
      <c r="AC19642" s="5" t="s">
        <v>735</v>
      </c>
      <c r="AD19642" s="2" t="s">
        <v>62077</v>
      </c>
      <c r="AE19642" s="1"/>
    </row>
    <row r="19643" spans="1:31" ht="14.45">
      <c r="A19643" s="11"/>
      <c r="B19643" s="20"/>
      <c r="C19643" s="2" t="s">
        <v>62078</v>
      </c>
      <c r="D19643" s="14" t="s">
        <v>62079</v>
      </c>
      <c r="E19643" s="2" t="s">
        <v>62080</v>
      </c>
      <c r="F19643" s="2" t="s">
        <v>62072</v>
      </c>
      <c r="G19643" s="8">
        <v>1433</v>
      </c>
      <c r="H19643" s="5">
        <v>5</v>
      </c>
      <c r="I19643" s="5" t="s">
        <v>69</v>
      </c>
      <c r="J19643" s="5" t="s">
        <v>61065</v>
      </c>
      <c r="K19643" s="2" t="s">
        <v>61066</v>
      </c>
      <c r="L19643" s="5" t="s">
        <v>61065</v>
      </c>
      <c r="M19643" s="2" t="s">
        <v>61066</v>
      </c>
      <c r="N19643" s="5" t="s">
        <v>733</v>
      </c>
      <c r="O19643" s="5" t="s">
        <v>38</v>
      </c>
      <c r="P19643" s="5" t="s">
        <v>39</v>
      </c>
      <c r="Q19643" s="5" t="s">
        <v>40</v>
      </c>
      <c r="R19643" s="5" t="s">
        <v>897</v>
      </c>
      <c r="S19643" s="5" t="s">
        <v>40</v>
      </c>
      <c r="T19643" s="5" t="s">
        <v>42</v>
      </c>
      <c r="U19643" s="2">
        <v>44.106999999999999</v>
      </c>
      <c r="V19643" s="2">
        <v>41.408000000000001</v>
      </c>
      <c r="W19643" s="2">
        <v>0.153</v>
      </c>
      <c r="X19643" s="2">
        <v>17</v>
      </c>
      <c r="Y19643" s="2">
        <v>80.7</v>
      </c>
      <c r="Z19643" s="2">
        <v>111.6</v>
      </c>
      <c r="AA19643" s="5">
        <v>7</v>
      </c>
      <c r="AB19643" s="5" t="s">
        <v>43</v>
      </c>
      <c r="AC19643" s="5" t="s">
        <v>735</v>
      </c>
      <c r="AD19643" s="2" t="s">
        <v>62081</v>
      </c>
      <c r="AE19643" s="1"/>
    </row>
    <row r="19644" spans="1:31" ht="14.45">
      <c r="A19644" s="11"/>
      <c r="B19644" s="20"/>
      <c r="C19644" s="2" t="s">
        <v>62082</v>
      </c>
      <c r="D19644" s="14" t="s">
        <v>62083</v>
      </c>
      <c r="E19644" s="2" t="s">
        <v>62084</v>
      </c>
      <c r="F19644" s="2" t="s">
        <v>62085</v>
      </c>
      <c r="G19644" s="8">
        <v>995</v>
      </c>
      <c r="H19644" s="5">
        <v>5</v>
      </c>
      <c r="I19644" s="5" t="s">
        <v>69</v>
      </c>
      <c r="J19644" s="5" t="s">
        <v>61065</v>
      </c>
      <c r="K19644" s="2" t="s">
        <v>61066</v>
      </c>
      <c r="L19644" s="5" t="s">
        <v>61065</v>
      </c>
      <c r="M19644" s="2" t="s">
        <v>61066</v>
      </c>
      <c r="N19644" s="5" t="s">
        <v>733</v>
      </c>
      <c r="O19644" s="5" t="s">
        <v>38</v>
      </c>
      <c r="P19644" s="5" t="s">
        <v>39</v>
      </c>
      <c r="Q19644" s="5" t="s">
        <v>40</v>
      </c>
      <c r="R19644" s="5" t="s">
        <v>897</v>
      </c>
      <c r="S19644" s="5" t="s">
        <v>40</v>
      </c>
      <c r="T19644" s="5" t="s">
        <v>42</v>
      </c>
      <c r="U19644" s="2">
        <v>38.636000000000003</v>
      </c>
      <c r="V19644" s="2">
        <v>35.945</v>
      </c>
      <c r="W19644" s="2">
        <v>0.153</v>
      </c>
      <c r="X19644" s="2">
        <v>17</v>
      </c>
      <c r="Y19644" s="2">
        <v>80.7</v>
      </c>
      <c r="Z19644" s="2">
        <v>111.6</v>
      </c>
      <c r="AA19644" s="5">
        <v>7</v>
      </c>
      <c r="AB19644" s="5" t="s">
        <v>43</v>
      </c>
      <c r="AC19644" s="5" t="s">
        <v>735</v>
      </c>
      <c r="AD19644" s="2" t="s">
        <v>62086</v>
      </c>
      <c r="AE19644" s="1"/>
    </row>
    <row r="19645" spans="1:31" ht="14.45">
      <c r="A19645" s="11"/>
      <c r="B19645" s="20"/>
      <c r="C19645" s="2" t="s">
        <v>62087</v>
      </c>
      <c r="D19645" s="14" t="s">
        <v>62088</v>
      </c>
      <c r="E19645" s="2" t="s">
        <v>62089</v>
      </c>
      <c r="F19645" s="2" t="s">
        <v>62090</v>
      </c>
      <c r="G19645" s="8">
        <v>1295</v>
      </c>
      <c r="H19645" s="5">
        <v>10</v>
      </c>
      <c r="I19645" s="5" t="s">
        <v>69</v>
      </c>
      <c r="J19645" s="5" t="s">
        <v>61065</v>
      </c>
      <c r="K19645" s="2" t="s">
        <v>61066</v>
      </c>
      <c r="L19645" s="5" t="s">
        <v>61065</v>
      </c>
      <c r="M19645" s="2" t="s">
        <v>61066</v>
      </c>
      <c r="N19645" s="5" t="s">
        <v>733</v>
      </c>
      <c r="O19645" s="5" t="s">
        <v>38</v>
      </c>
      <c r="P19645" s="5" t="s">
        <v>39</v>
      </c>
      <c r="Q19645" s="5" t="s">
        <v>40</v>
      </c>
      <c r="R19645" s="5" t="s">
        <v>897</v>
      </c>
      <c r="S19645" s="5" t="s">
        <v>40</v>
      </c>
      <c r="T19645" s="5" t="s">
        <v>42</v>
      </c>
      <c r="U19645" s="2">
        <v>41.116</v>
      </c>
      <c r="V19645" s="2">
        <v>38.314</v>
      </c>
      <c r="W19645" s="2">
        <v>0.153</v>
      </c>
      <c r="X19645" s="2">
        <v>17</v>
      </c>
      <c r="Y19645" s="2">
        <v>80.7</v>
      </c>
      <c r="Z19645" s="2">
        <v>111.6</v>
      </c>
      <c r="AA19645" s="5">
        <v>7</v>
      </c>
      <c r="AB19645" s="5" t="s">
        <v>43</v>
      </c>
      <c r="AC19645" s="5" t="s">
        <v>735</v>
      </c>
      <c r="AD19645" s="2" t="s">
        <v>62091</v>
      </c>
      <c r="AE19645" s="1"/>
    </row>
    <row r="19646" spans="1:31" ht="14.45">
      <c r="A19646" s="11"/>
      <c r="B19646" s="20"/>
      <c r="C19646" s="2" t="s">
        <v>62092</v>
      </c>
      <c r="D19646" s="14" t="s">
        <v>62093</v>
      </c>
      <c r="E19646" s="2" t="s">
        <v>62094</v>
      </c>
      <c r="F19646" s="2" t="s">
        <v>62090</v>
      </c>
      <c r="G19646" s="8">
        <v>1295</v>
      </c>
      <c r="H19646" s="5">
        <v>10</v>
      </c>
      <c r="I19646" s="5" t="s">
        <v>69</v>
      </c>
      <c r="J19646" s="5" t="s">
        <v>61065</v>
      </c>
      <c r="K19646" s="2" t="s">
        <v>61066</v>
      </c>
      <c r="L19646" s="5" t="s">
        <v>61065</v>
      </c>
      <c r="M19646" s="2" t="s">
        <v>61066</v>
      </c>
      <c r="N19646" s="5" t="s">
        <v>733</v>
      </c>
      <c r="O19646" s="5" t="s">
        <v>38</v>
      </c>
      <c r="P19646" s="5" t="s">
        <v>39</v>
      </c>
      <c r="Q19646" s="5" t="s">
        <v>40</v>
      </c>
      <c r="R19646" s="5" t="s">
        <v>897</v>
      </c>
      <c r="S19646" s="5" t="s">
        <v>40</v>
      </c>
      <c r="T19646" s="5" t="s">
        <v>42</v>
      </c>
      <c r="U19646" s="2">
        <v>40.701000000000001</v>
      </c>
      <c r="V19646" s="2">
        <v>37.848999999999997</v>
      </c>
      <c r="W19646" s="2">
        <v>0.153</v>
      </c>
      <c r="X19646" s="2">
        <v>17</v>
      </c>
      <c r="Y19646" s="2">
        <v>80.7</v>
      </c>
      <c r="Z19646" s="2">
        <v>111.6</v>
      </c>
      <c r="AA19646" s="5">
        <v>7</v>
      </c>
      <c r="AB19646" s="5" t="s">
        <v>43</v>
      </c>
      <c r="AC19646" s="5" t="s">
        <v>735</v>
      </c>
      <c r="AD19646" s="2" t="s">
        <v>62095</v>
      </c>
      <c r="AE19646" s="1"/>
    </row>
    <row r="19647" spans="1:31" ht="14.45">
      <c r="A19647" s="11"/>
      <c r="B19647" s="20"/>
      <c r="C19647" s="2" t="s">
        <v>62096</v>
      </c>
      <c r="D19647" s="14" t="s">
        <v>62097</v>
      </c>
      <c r="E19647" s="2" t="s">
        <v>62098</v>
      </c>
      <c r="F19647" s="2" t="s">
        <v>62099</v>
      </c>
      <c r="G19647" s="8">
        <v>782</v>
      </c>
      <c r="H19647" s="5">
        <v>5</v>
      </c>
      <c r="I19647" s="5" t="s">
        <v>69</v>
      </c>
      <c r="J19647" s="5" t="s">
        <v>61065</v>
      </c>
      <c r="K19647" s="2" t="s">
        <v>61066</v>
      </c>
      <c r="L19647" s="5" t="s">
        <v>61065</v>
      </c>
      <c r="M19647" s="2" t="s">
        <v>61066</v>
      </c>
      <c r="N19647" s="5" t="s">
        <v>733</v>
      </c>
      <c r="O19647" s="5" t="s">
        <v>38</v>
      </c>
      <c r="P19647" s="5" t="s">
        <v>39</v>
      </c>
      <c r="Q19647" s="5" t="s">
        <v>40</v>
      </c>
      <c r="R19647" s="5" t="s">
        <v>897</v>
      </c>
      <c r="S19647" s="5" t="s">
        <v>40</v>
      </c>
      <c r="T19647" s="5" t="s">
        <v>42</v>
      </c>
      <c r="U19647" s="2">
        <v>38.856000000000002</v>
      </c>
      <c r="V19647" s="2">
        <v>36.164999999999999</v>
      </c>
      <c r="W19647" s="2">
        <v>0.153</v>
      </c>
      <c r="X19647" s="2">
        <v>17</v>
      </c>
      <c r="Y19647" s="2">
        <v>80.7</v>
      </c>
      <c r="Z19647" s="2">
        <v>111.6</v>
      </c>
      <c r="AA19647" s="5">
        <v>7</v>
      </c>
      <c r="AB19647" s="5" t="s">
        <v>43</v>
      </c>
      <c r="AC19647" s="5" t="s">
        <v>735</v>
      </c>
      <c r="AD19647" s="2" t="s">
        <v>62100</v>
      </c>
      <c r="AE19647" s="1"/>
    </row>
    <row r="19648" spans="1:31" ht="14.45">
      <c r="A19648" s="11"/>
      <c r="B19648" s="20"/>
      <c r="C19648" s="2" t="s">
        <v>62101</v>
      </c>
      <c r="D19648" s="14" t="s">
        <v>62102</v>
      </c>
      <c r="E19648" s="2" t="s">
        <v>62103</v>
      </c>
      <c r="F19648" s="2" t="s">
        <v>62099</v>
      </c>
      <c r="G19648" s="8">
        <v>1082</v>
      </c>
      <c r="H19648" s="5">
        <v>5</v>
      </c>
      <c r="I19648" s="5" t="s">
        <v>69</v>
      </c>
      <c r="J19648" s="5" t="s">
        <v>61065</v>
      </c>
      <c r="K19648" s="2" t="s">
        <v>61066</v>
      </c>
      <c r="L19648" s="5" t="s">
        <v>61065</v>
      </c>
      <c r="M19648" s="2" t="s">
        <v>61066</v>
      </c>
      <c r="N19648" s="5" t="s">
        <v>733</v>
      </c>
      <c r="O19648" s="5" t="s">
        <v>38</v>
      </c>
      <c r="P19648" s="5" t="s">
        <v>39</v>
      </c>
      <c r="Q19648" s="5" t="s">
        <v>40</v>
      </c>
      <c r="R19648" s="5" t="s">
        <v>897</v>
      </c>
      <c r="S19648" s="5" t="s">
        <v>40</v>
      </c>
      <c r="T19648" s="5" t="s">
        <v>42</v>
      </c>
      <c r="U19648" s="2">
        <v>41.286000000000001</v>
      </c>
      <c r="V19648" s="2">
        <v>38.484000000000002</v>
      </c>
      <c r="W19648" s="2">
        <v>0.153</v>
      </c>
      <c r="X19648" s="2">
        <v>17</v>
      </c>
      <c r="Y19648" s="2">
        <v>80.7</v>
      </c>
      <c r="Z19648" s="2">
        <v>111.6</v>
      </c>
      <c r="AA19648" s="5">
        <v>7</v>
      </c>
      <c r="AB19648" s="5" t="s">
        <v>43</v>
      </c>
      <c r="AC19648" s="5" t="s">
        <v>735</v>
      </c>
      <c r="AD19648" s="2" t="s">
        <v>62104</v>
      </c>
      <c r="AE19648" s="1"/>
    </row>
    <row r="19649" spans="1:31" ht="14.45">
      <c r="A19649" s="11"/>
      <c r="B19649" s="20"/>
      <c r="C19649" s="2" t="s">
        <v>62105</v>
      </c>
      <c r="D19649" s="14" t="s">
        <v>62106</v>
      </c>
      <c r="E19649" s="2" t="s">
        <v>62107</v>
      </c>
      <c r="F19649" s="2" t="s">
        <v>62099</v>
      </c>
      <c r="G19649" s="8">
        <v>1082</v>
      </c>
      <c r="H19649" s="5">
        <v>10</v>
      </c>
      <c r="I19649" s="5" t="s">
        <v>69</v>
      </c>
      <c r="J19649" s="5" t="s">
        <v>61065</v>
      </c>
      <c r="K19649" s="2" t="s">
        <v>61066</v>
      </c>
      <c r="L19649" s="5" t="s">
        <v>61065</v>
      </c>
      <c r="M19649" s="2" t="s">
        <v>61066</v>
      </c>
      <c r="N19649" s="5" t="s">
        <v>733</v>
      </c>
      <c r="O19649" s="5" t="s">
        <v>38</v>
      </c>
      <c r="P19649" s="5" t="s">
        <v>39</v>
      </c>
      <c r="Q19649" s="5" t="s">
        <v>40</v>
      </c>
      <c r="R19649" s="5" t="s">
        <v>897</v>
      </c>
      <c r="S19649" s="5" t="s">
        <v>40</v>
      </c>
      <c r="T19649" s="5" t="s">
        <v>42</v>
      </c>
      <c r="U19649" s="2">
        <v>40.857999999999997</v>
      </c>
      <c r="V19649" s="2">
        <v>38.006</v>
      </c>
      <c r="W19649" s="2">
        <v>0.153</v>
      </c>
      <c r="X19649" s="2">
        <v>17</v>
      </c>
      <c r="Y19649" s="2">
        <v>80.7</v>
      </c>
      <c r="Z19649" s="2">
        <v>111.6</v>
      </c>
      <c r="AA19649" s="5">
        <v>7</v>
      </c>
      <c r="AB19649" s="5" t="s">
        <v>43</v>
      </c>
      <c r="AC19649" s="5" t="s">
        <v>735</v>
      </c>
      <c r="AD19649" s="2" t="s">
        <v>62108</v>
      </c>
      <c r="AE19649" s="1"/>
    </row>
    <row r="19650" spans="1:31" ht="14.45">
      <c r="A19650" s="11"/>
      <c r="B19650" s="20"/>
      <c r="C19650" s="2" t="s">
        <v>62109</v>
      </c>
      <c r="D19650" s="14" t="s">
        <v>62110</v>
      </c>
      <c r="E19650" s="2" t="s">
        <v>62111</v>
      </c>
      <c r="F19650" s="2" t="s">
        <v>62112</v>
      </c>
      <c r="G19650" s="8">
        <v>651</v>
      </c>
      <c r="H19650" s="5">
        <v>5</v>
      </c>
      <c r="I19650" s="5" t="s">
        <v>69</v>
      </c>
      <c r="J19650" s="5" t="s">
        <v>61065</v>
      </c>
      <c r="K19650" s="2" t="s">
        <v>61066</v>
      </c>
      <c r="L19650" s="5" t="s">
        <v>61065</v>
      </c>
      <c r="M19650" s="2" t="s">
        <v>61066</v>
      </c>
      <c r="N19650" s="5" t="s">
        <v>733</v>
      </c>
      <c r="O19650" s="5" t="s">
        <v>38</v>
      </c>
      <c r="P19650" s="5" t="s">
        <v>39</v>
      </c>
      <c r="Q19650" s="5" t="s">
        <v>40</v>
      </c>
      <c r="R19650" s="5" t="s">
        <v>897</v>
      </c>
      <c r="S19650" s="5" t="s">
        <v>40</v>
      </c>
      <c r="T19650" s="5" t="s">
        <v>42</v>
      </c>
      <c r="U19650" s="2">
        <v>34.210999999999999</v>
      </c>
      <c r="V19650" s="2">
        <v>31.524000000000001</v>
      </c>
      <c r="W19650" s="2">
        <v>0.153</v>
      </c>
      <c r="X19650" s="2">
        <v>17</v>
      </c>
      <c r="Y19650" s="2">
        <v>80.7</v>
      </c>
      <c r="Z19650" s="2">
        <v>111.6</v>
      </c>
      <c r="AA19650" s="5">
        <v>7</v>
      </c>
      <c r="AB19650" s="5" t="s">
        <v>43</v>
      </c>
      <c r="AC19650" s="5" t="s">
        <v>735</v>
      </c>
      <c r="AD19650" s="2" t="s">
        <v>62113</v>
      </c>
      <c r="AE19650" s="1"/>
    </row>
    <row r="19651" spans="1:31" ht="14.45">
      <c r="A19651" s="11"/>
      <c r="B19651" s="20"/>
      <c r="C19651" s="2" t="s">
        <v>62114</v>
      </c>
      <c r="D19651" s="14" t="s">
        <v>62115</v>
      </c>
      <c r="E19651" s="2" t="s">
        <v>62116</v>
      </c>
      <c r="F19651" s="2" t="s">
        <v>62112</v>
      </c>
      <c r="G19651" s="8">
        <v>951</v>
      </c>
      <c r="H19651" s="5">
        <v>5</v>
      </c>
      <c r="I19651" s="5" t="s">
        <v>69</v>
      </c>
      <c r="J19651" s="5" t="s">
        <v>61065</v>
      </c>
      <c r="K19651" s="2" t="s">
        <v>61066</v>
      </c>
      <c r="L19651" s="5" t="s">
        <v>61065</v>
      </c>
      <c r="M19651" s="2" t="s">
        <v>61066</v>
      </c>
      <c r="N19651" s="5" t="s">
        <v>733</v>
      </c>
      <c r="O19651" s="5" t="s">
        <v>38</v>
      </c>
      <c r="P19651" s="5" t="s">
        <v>39</v>
      </c>
      <c r="Q19651" s="5" t="s">
        <v>40</v>
      </c>
      <c r="R19651" s="5" t="s">
        <v>897</v>
      </c>
      <c r="S19651" s="5" t="s">
        <v>40</v>
      </c>
      <c r="T19651" s="5" t="s">
        <v>42</v>
      </c>
      <c r="U19651" s="2">
        <v>36.738</v>
      </c>
      <c r="V19651" s="2">
        <v>33.957000000000001</v>
      </c>
      <c r="W19651" s="2">
        <v>0.153</v>
      </c>
      <c r="X19651" s="2">
        <v>17</v>
      </c>
      <c r="Y19651" s="2">
        <v>80.7</v>
      </c>
      <c r="Z19651" s="2">
        <v>111.6</v>
      </c>
      <c r="AA19651" s="5">
        <v>7</v>
      </c>
      <c r="AB19651" s="5" t="s">
        <v>43</v>
      </c>
      <c r="AC19651" s="5" t="s">
        <v>735</v>
      </c>
      <c r="AD19651" s="2" t="s">
        <v>62117</v>
      </c>
      <c r="AE19651" s="1"/>
    </row>
    <row r="19652" spans="1:31" ht="14.45">
      <c r="A19652" s="11"/>
      <c r="B19652" s="20"/>
      <c r="C19652" s="2" t="s">
        <v>62118</v>
      </c>
      <c r="D19652" s="14" t="s">
        <v>62119</v>
      </c>
      <c r="E19652" s="2" t="s">
        <v>62120</v>
      </c>
      <c r="F19652" s="2" t="s">
        <v>62112</v>
      </c>
      <c r="G19652" s="8">
        <v>951</v>
      </c>
      <c r="H19652" s="5">
        <v>5</v>
      </c>
      <c r="I19652" s="5" t="s">
        <v>69</v>
      </c>
      <c r="J19652" s="5" t="s">
        <v>61065</v>
      </c>
      <c r="K19652" s="2" t="s">
        <v>61066</v>
      </c>
      <c r="L19652" s="5" t="s">
        <v>61065</v>
      </c>
      <c r="M19652" s="2" t="s">
        <v>61066</v>
      </c>
      <c r="N19652" s="5" t="s">
        <v>733</v>
      </c>
      <c r="O19652" s="5" t="s">
        <v>38</v>
      </c>
      <c r="P19652" s="5" t="s">
        <v>39</v>
      </c>
      <c r="Q19652" s="5" t="s">
        <v>40</v>
      </c>
      <c r="R19652" s="5" t="s">
        <v>897</v>
      </c>
      <c r="S19652" s="5" t="s">
        <v>40</v>
      </c>
      <c r="T19652" s="5" t="s">
        <v>42</v>
      </c>
      <c r="U19652" s="2">
        <v>36.31</v>
      </c>
      <c r="V19652" s="2">
        <v>33.442</v>
      </c>
      <c r="W19652" s="2">
        <v>0.153</v>
      </c>
      <c r="X19652" s="2">
        <v>17</v>
      </c>
      <c r="Y19652" s="2">
        <v>80.7</v>
      </c>
      <c r="Z19652" s="2">
        <v>111.6</v>
      </c>
      <c r="AA19652" s="5">
        <v>7</v>
      </c>
      <c r="AB19652" s="5" t="s">
        <v>43</v>
      </c>
      <c r="AC19652" s="5" t="s">
        <v>735</v>
      </c>
      <c r="AD19652" s="2" t="s">
        <v>62121</v>
      </c>
      <c r="AE19652" s="1"/>
    </row>
    <row r="19653" spans="1:31" ht="14.45">
      <c r="A19653" s="11"/>
      <c r="B19653" s="20"/>
      <c r="C19653" s="2" t="s">
        <v>62122</v>
      </c>
      <c r="D19653" s="14" t="s">
        <v>62123</v>
      </c>
      <c r="E19653" s="2" t="s">
        <v>62124</v>
      </c>
      <c r="F19653" s="2" t="s">
        <v>62112</v>
      </c>
      <c r="G19653" s="8">
        <v>1198</v>
      </c>
      <c r="H19653" s="5">
        <v>5</v>
      </c>
      <c r="I19653" s="5" t="s">
        <v>69</v>
      </c>
      <c r="J19653" s="5" t="s">
        <v>61065</v>
      </c>
      <c r="K19653" s="2" t="s">
        <v>61066</v>
      </c>
      <c r="L19653" s="5" t="s">
        <v>61065</v>
      </c>
      <c r="M19653" s="2" t="s">
        <v>61066</v>
      </c>
      <c r="N19653" s="5" t="s">
        <v>733</v>
      </c>
      <c r="O19653" s="5" t="s">
        <v>38</v>
      </c>
      <c r="P19653" s="5" t="s">
        <v>39</v>
      </c>
      <c r="Q19653" s="5" t="s">
        <v>40</v>
      </c>
      <c r="R19653" s="5" t="s">
        <v>897</v>
      </c>
      <c r="S19653" s="5" t="s">
        <v>40</v>
      </c>
      <c r="T19653" s="5" t="s">
        <v>42</v>
      </c>
      <c r="U19653" s="2">
        <v>39.597999999999999</v>
      </c>
      <c r="V19653" s="2">
        <v>36.883000000000003</v>
      </c>
      <c r="W19653" s="2">
        <v>0.153</v>
      </c>
      <c r="X19653" s="2">
        <v>17</v>
      </c>
      <c r="Y19653" s="2">
        <v>80.7</v>
      </c>
      <c r="Z19653" s="2">
        <v>111.6</v>
      </c>
      <c r="AA19653" s="5">
        <v>7</v>
      </c>
      <c r="AB19653" s="5" t="s">
        <v>43</v>
      </c>
      <c r="AC19653" s="5" t="s">
        <v>735</v>
      </c>
      <c r="AD19653" s="2" t="s">
        <v>62125</v>
      </c>
      <c r="AE19653" s="1"/>
    </row>
    <row r="19654" spans="1:31" ht="14.45">
      <c r="A19654" s="11"/>
      <c r="B19654" s="20"/>
      <c r="C19654" s="2" t="s">
        <v>62126</v>
      </c>
      <c r="D19654" s="14" t="s">
        <v>62127</v>
      </c>
      <c r="E19654" s="2" t="s">
        <v>62128</v>
      </c>
      <c r="F19654" s="2" t="s">
        <v>62129</v>
      </c>
      <c r="G19654" s="8">
        <v>1087</v>
      </c>
      <c r="H19654" s="5">
        <v>5</v>
      </c>
      <c r="I19654" s="5" t="s">
        <v>69</v>
      </c>
      <c r="J19654" s="5" t="s">
        <v>61065</v>
      </c>
      <c r="K19654" s="2" t="s">
        <v>61066</v>
      </c>
      <c r="L19654" s="5" t="s">
        <v>61065</v>
      </c>
      <c r="M19654" s="2" t="s">
        <v>61066</v>
      </c>
      <c r="N19654" s="5" t="s">
        <v>733</v>
      </c>
      <c r="O19654" s="5" t="s">
        <v>38</v>
      </c>
      <c r="P19654" s="5" t="s">
        <v>39</v>
      </c>
      <c r="Q19654" s="5" t="s">
        <v>40</v>
      </c>
      <c r="R19654" s="5" t="s">
        <v>897</v>
      </c>
      <c r="S19654" s="5" t="s">
        <v>40</v>
      </c>
      <c r="T19654" s="5" t="s">
        <v>42</v>
      </c>
      <c r="U19654" s="2">
        <v>36.701999999999998</v>
      </c>
      <c r="V19654" s="2">
        <v>34.009</v>
      </c>
      <c r="W19654" s="2">
        <v>0.153</v>
      </c>
      <c r="X19654" s="2">
        <v>17</v>
      </c>
      <c r="Y19654" s="2">
        <v>80.7</v>
      </c>
      <c r="Z19654" s="2">
        <v>111.6</v>
      </c>
      <c r="AA19654" s="5">
        <v>7</v>
      </c>
      <c r="AB19654" s="5" t="s">
        <v>43</v>
      </c>
      <c r="AC19654" s="5" t="s">
        <v>735</v>
      </c>
      <c r="AD19654" s="2" t="s">
        <v>62130</v>
      </c>
      <c r="AE19654" s="1"/>
    </row>
    <row r="19655" spans="1:31" ht="14.45">
      <c r="A19655" s="11"/>
      <c r="B19655" s="20"/>
      <c r="C19655" s="2" t="s">
        <v>62131</v>
      </c>
      <c r="D19655" s="14" t="s">
        <v>62132</v>
      </c>
      <c r="E19655" s="2" t="s">
        <v>62133</v>
      </c>
      <c r="F19655" s="2" t="s">
        <v>62134</v>
      </c>
      <c r="G19655" s="8">
        <v>818</v>
      </c>
      <c r="H19655" s="5">
        <v>5</v>
      </c>
      <c r="I19655" s="5" t="s">
        <v>69</v>
      </c>
      <c r="J19655" s="5" t="s">
        <v>61065</v>
      </c>
      <c r="K19655" s="2" t="s">
        <v>61066</v>
      </c>
      <c r="L19655" s="5" t="s">
        <v>61065</v>
      </c>
      <c r="M19655" s="2" t="s">
        <v>61066</v>
      </c>
      <c r="N19655" s="5" t="s">
        <v>733</v>
      </c>
      <c r="O19655" s="5" t="s">
        <v>38</v>
      </c>
      <c r="P19655" s="5" t="s">
        <v>39</v>
      </c>
      <c r="Q19655" s="5" t="s">
        <v>40</v>
      </c>
      <c r="R19655" s="5" t="s">
        <v>897</v>
      </c>
      <c r="S19655" s="5" t="s">
        <v>40</v>
      </c>
      <c r="T19655" s="5" t="s">
        <v>42</v>
      </c>
      <c r="U19655" s="2">
        <v>38.783999999999999</v>
      </c>
      <c r="V19655" s="2">
        <v>36.097999999999999</v>
      </c>
      <c r="W19655" s="2">
        <v>0.153</v>
      </c>
      <c r="X19655" s="2">
        <v>17</v>
      </c>
      <c r="Y19655" s="2">
        <v>80.7</v>
      </c>
      <c r="Z19655" s="2">
        <v>111.6</v>
      </c>
      <c r="AA19655" s="5">
        <v>7</v>
      </c>
      <c r="AB19655" s="5" t="s">
        <v>43</v>
      </c>
      <c r="AC19655" s="5" t="s">
        <v>735</v>
      </c>
      <c r="AD19655" s="2" t="s">
        <v>62135</v>
      </c>
      <c r="AE19655" s="1"/>
    </row>
    <row r="19656" spans="1:31" ht="14.45">
      <c r="A19656" s="11"/>
      <c r="B19656" s="20"/>
      <c r="C19656" s="2" t="s">
        <v>62136</v>
      </c>
      <c r="D19656" s="14" t="s">
        <v>62137</v>
      </c>
      <c r="E19656" s="2" t="s">
        <v>62138</v>
      </c>
      <c r="F19656" s="2" t="s">
        <v>62134</v>
      </c>
      <c r="G19656" s="8">
        <v>1118</v>
      </c>
      <c r="H19656" s="5">
        <v>5</v>
      </c>
      <c r="I19656" s="5" t="s">
        <v>69</v>
      </c>
      <c r="J19656" s="5" t="s">
        <v>61065</v>
      </c>
      <c r="K19656" s="2" t="s">
        <v>61066</v>
      </c>
      <c r="L19656" s="5" t="s">
        <v>61065</v>
      </c>
      <c r="M19656" s="2" t="s">
        <v>61066</v>
      </c>
      <c r="N19656" s="5" t="s">
        <v>733</v>
      </c>
      <c r="O19656" s="5" t="s">
        <v>38</v>
      </c>
      <c r="P19656" s="5" t="s">
        <v>39</v>
      </c>
      <c r="Q19656" s="5" t="s">
        <v>40</v>
      </c>
      <c r="R19656" s="5" t="s">
        <v>897</v>
      </c>
      <c r="S19656" s="5" t="s">
        <v>40</v>
      </c>
      <c r="T19656" s="5" t="s">
        <v>42</v>
      </c>
      <c r="U19656" s="2">
        <v>41.258000000000003</v>
      </c>
      <c r="V19656" s="2">
        <v>38.454000000000001</v>
      </c>
      <c r="W19656" s="2">
        <v>0.153</v>
      </c>
      <c r="X19656" s="2">
        <v>17</v>
      </c>
      <c r="Y19656" s="2">
        <v>80.7</v>
      </c>
      <c r="Z19656" s="2">
        <v>111.6</v>
      </c>
      <c r="AA19656" s="5">
        <v>7</v>
      </c>
      <c r="AB19656" s="5" t="s">
        <v>43</v>
      </c>
      <c r="AC19656" s="5" t="s">
        <v>735</v>
      </c>
      <c r="AD19656" s="2" t="s">
        <v>62139</v>
      </c>
      <c r="AE19656" s="1"/>
    </row>
    <row r="19657" spans="1:31" ht="14.45">
      <c r="A19657" s="11"/>
      <c r="B19657" s="20"/>
      <c r="C19657" s="2" t="s">
        <v>62140</v>
      </c>
      <c r="D19657" s="14" t="s">
        <v>62141</v>
      </c>
      <c r="E19657" s="2" t="s">
        <v>62142</v>
      </c>
      <c r="F19657" s="2" t="s">
        <v>62134</v>
      </c>
      <c r="G19657" s="8">
        <v>1118</v>
      </c>
      <c r="H19657" s="5">
        <v>5</v>
      </c>
      <c r="I19657" s="5" t="s">
        <v>69</v>
      </c>
      <c r="J19657" s="5" t="s">
        <v>61065</v>
      </c>
      <c r="K19657" s="2" t="s">
        <v>61066</v>
      </c>
      <c r="L19657" s="5" t="s">
        <v>61065</v>
      </c>
      <c r="M19657" s="2" t="s">
        <v>61066</v>
      </c>
      <c r="N19657" s="5" t="s">
        <v>733</v>
      </c>
      <c r="O19657" s="5" t="s">
        <v>38</v>
      </c>
      <c r="P19657" s="5" t="s">
        <v>39</v>
      </c>
      <c r="Q19657" s="5" t="s">
        <v>40</v>
      </c>
      <c r="R19657" s="5" t="s">
        <v>897</v>
      </c>
      <c r="S19657" s="5" t="s">
        <v>40</v>
      </c>
      <c r="T19657" s="5" t="s">
        <v>42</v>
      </c>
      <c r="U19657" s="2">
        <v>40.792000000000002</v>
      </c>
      <c r="V19657" s="2">
        <v>37.94</v>
      </c>
      <c r="W19657" s="2">
        <v>0.153</v>
      </c>
      <c r="X19657" s="2">
        <v>17</v>
      </c>
      <c r="Y19657" s="2">
        <v>80.7</v>
      </c>
      <c r="Z19657" s="2">
        <v>111.6</v>
      </c>
      <c r="AA19657" s="5">
        <v>7</v>
      </c>
      <c r="AB19657" s="5" t="s">
        <v>43</v>
      </c>
      <c r="AC19657" s="5" t="s">
        <v>735</v>
      </c>
      <c r="AD19657" s="2" t="s">
        <v>62143</v>
      </c>
      <c r="AE19657" s="1"/>
    </row>
    <row r="19658" spans="1:31" ht="14.45">
      <c r="A19658" s="5"/>
      <c r="B19658" s="21"/>
      <c r="C19658" s="2" t="s">
        <v>62144</v>
      </c>
      <c r="D19658" s="14" t="s">
        <v>62145</v>
      </c>
      <c r="E19658" s="2" t="s">
        <v>62146</v>
      </c>
      <c r="F19658" s="2" t="s">
        <v>62147</v>
      </c>
      <c r="G19658" s="8">
        <v>1365</v>
      </c>
      <c r="H19658" s="5">
        <v>5</v>
      </c>
      <c r="I19658" s="5" t="s">
        <v>69</v>
      </c>
      <c r="J19658" s="5" t="s">
        <v>61065</v>
      </c>
      <c r="K19658" s="2" t="s">
        <v>61066</v>
      </c>
      <c r="L19658" s="5" t="s">
        <v>61065</v>
      </c>
      <c r="M19658" s="2" t="s">
        <v>61066</v>
      </c>
      <c r="N19658" s="5" t="s">
        <v>733</v>
      </c>
      <c r="O19658" s="5" t="s">
        <v>38</v>
      </c>
      <c r="P19658" s="5" t="s">
        <v>39</v>
      </c>
      <c r="Q19658" s="5" t="s">
        <v>40</v>
      </c>
      <c r="R19658" s="5" t="s">
        <v>897</v>
      </c>
      <c r="S19658" s="5" t="s">
        <v>40</v>
      </c>
      <c r="T19658" s="5" t="s">
        <v>42</v>
      </c>
      <c r="U19658" s="2">
        <v>44.051000000000002</v>
      </c>
      <c r="V19658" s="2">
        <v>41.347000000000001</v>
      </c>
      <c r="W19658" s="2">
        <v>0.153</v>
      </c>
      <c r="X19658" s="2">
        <v>17</v>
      </c>
      <c r="Y19658" s="2">
        <v>80.7</v>
      </c>
      <c r="Z19658" s="2">
        <v>111.6</v>
      </c>
      <c r="AA19658" s="5">
        <v>7</v>
      </c>
      <c r="AB19658" s="5" t="s">
        <v>43</v>
      </c>
      <c r="AC19658" s="5" t="s">
        <v>735</v>
      </c>
      <c r="AD19658" s="2"/>
      <c r="AE19658" s="1"/>
    </row>
    <row r="19659" spans="1:31" ht="14.45">
      <c r="A19659" s="11"/>
      <c r="B19659" s="20"/>
      <c r="C19659" s="2" t="s">
        <v>62148</v>
      </c>
      <c r="D19659" s="14" t="s">
        <v>62149</v>
      </c>
      <c r="E19659" s="2" t="s">
        <v>62150</v>
      </c>
      <c r="F19659" s="2" t="s">
        <v>62151</v>
      </c>
      <c r="G19659" s="8">
        <v>1463</v>
      </c>
      <c r="H19659" s="5">
        <v>10</v>
      </c>
      <c r="I19659" s="5" t="s">
        <v>69</v>
      </c>
      <c r="J19659" s="5" t="s">
        <v>61065</v>
      </c>
      <c r="K19659" s="2" t="s">
        <v>61066</v>
      </c>
      <c r="L19659" s="5" t="s">
        <v>61065</v>
      </c>
      <c r="M19659" s="2" t="s">
        <v>61066</v>
      </c>
      <c r="N19659" s="5" t="s">
        <v>733</v>
      </c>
      <c r="O19659" s="5" t="s">
        <v>38</v>
      </c>
      <c r="P19659" s="5" t="s">
        <v>39</v>
      </c>
      <c r="Q19659" s="5" t="s">
        <v>40</v>
      </c>
      <c r="R19659" s="5" t="s">
        <v>897</v>
      </c>
      <c r="S19659" s="5" t="s">
        <v>40</v>
      </c>
      <c r="T19659" s="5" t="s">
        <v>42</v>
      </c>
      <c r="U19659" s="2">
        <v>46.752000000000002</v>
      </c>
      <c r="V19659" s="2">
        <v>44.058999999999997</v>
      </c>
      <c r="W19659" s="2">
        <v>0.153</v>
      </c>
      <c r="X19659" s="2">
        <v>17</v>
      </c>
      <c r="Y19659" s="2">
        <v>80.7</v>
      </c>
      <c r="Z19659" s="2">
        <v>111.6</v>
      </c>
      <c r="AA19659" s="5">
        <v>7</v>
      </c>
      <c r="AB19659" s="5" t="s">
        <v>43</v>
      </c>
      <c r="AC19659" s="5" t="s">
        <v>735</v>
      </c>
      <c r="AD19659" s="2" t="s">
        <v>62152</v>
      </c>
      <c r="AE19659" s="1"/>
    </row>
    <row r="19660" spans="1:31" ht="14.45">
      <c r="A19660" s="11"/>
      <c r="B19660" s="20"/>
      <c r="C19660" s="2" t="s">
        <v>62153</v>
      </c>
      <c r="D19660" s="14" t="s">
        <v>62154</v>
      </c>
      <c r="E19660" s="2" t="s">
        <v>62155</v>
      </c>
      <c r="F19660" s="2" t="s">
        <v>62156</v>
      </c>
      <c r="G19660" s="8">
        <v>1763</v>
      </c>
      <c r="H19660" s="5">
        <v>10</v>
      </c>
      <c r="I19660" s="5" t="s">
        <v>69</v>
      </c>
      <c r="J19660" s="5" t="s">
        <v>61065</v>
      </c>
      <c r="K19660" s="2" t="s">
        <v>61066</v>
      </c>
      <c r="L19660" s="5" t="s">
        <v>61065</v>
      </c>
      <c r="M19660" s="2" t="s">
        <v>61066</v>
      </c>
      <c r="N19660" s="5" t="s">
        <v>733</v>
      </c>
      <c r="O19660" s="5" t="s">
        <v>38</v>
      </c>
      <c r="P19660" s="5" t="s">
        <v>39</v>
      </c>
      <c r="Q19660" s="5" t="s">
        <v>40</v>
      </c>
      <c r="R19660" s="5" t="s">
        <v>897</v>
      </c>
      <c r="S19660" s="5" t="s">
        <v>40</v>
      </c>
      <c r="T19660" s="5" t="s">
        <v>42</v>
      </c>
      <c r="U19660" s="2">
        <v>49.226999999999997</v>
      </c>
      <c r="V19660" s="2">
        <v>46.462000000000003</v>
      </c>
      <c r="W19660" s="2">
        <v>0.153</v>
      </c>
      <c r="X19660" s="2">
        <v>17</v>
      </c>
      <c r="Y19660" s="2">
        <v>80.7</v>
      </c>
      <c r="Z19660" s="2">
        <v>111.6</v>
      </c>
      <c r="AA19660" s="5">
        <v>7</v>
      </c>
      <c r="AB19660" s="5" t="s">
        <v>43</v>
      </c>
      <c r="AC19660" s="5" t="s">
        <v>735</v>
      </c>
      <c r="AD19660" s="2" t="s">
        <v>62157</v>
      </c>
      <c r="AE19660" s="1"/>
    </row>
    <row r="19661" spans="1:31" ht="14.45">
      <c r="A19661" s="11"/>
      <c r="B19661" s="20"/>
      <c r="C19661" s="2" t="s">
        <v>62158</v>
      </c>
      <c r="D19661" s="14" t="s">
        <v>62159</v>
      </c>
      <c r="E19661" s="2" t="s">
        <v>62160</v>
      </c>
      <c r="F19661" s="2" t="s">
        <v>62161</v>
      </c>
      <c r="G19661" s="8">
        <v>1354</v>
      </c>
      <c r="H19661" s="5">
        <v>5</v>
      </c>
      <c r="I19661" s="5" t="s">
        <v>69</v>
      </c>
      <c r="J19661" s="5" t="s">
        <v>61065</v>
      </c>
      <c r="K19661" s="2" t="s">
        <v>61066</v>
      </c>
      <c r="L19661" s="5" t="s">
        <v>61065</v>
      </c>
      <c r="M19661" s="2" t="s">
        <v>61066</v>
      </c>
      <c r="N19661" s="5" t="s">
        <v>733</v>
      </c>
      <c r="O19661" s="5" t="s">
        <v>38</v>
      </c>
      <c r="P19661" s="5" t="s">
        <v>39</v>
      </c>
      <c r="Q19661" s="5" t="s">
        <v>40</v>
      </c>
      <c r="R19661" s="5" t="s">
        <v>897</v>
      </c>
      <c r="S19661" s="5" t="s">
        <v>40</v>
      </c>
      <c r="T19661" s="5" t="s">
        <v>42</v>
      </c>
      <c r="U19661" s="2">
        <v>41.558</v>
      </c>
      <c r="V19661" s="2">
        <v>38.866999999999997</v>
      </c>
      <c r="W19661" s="2">
        <v>0.153</v>
      </c>
      <c r="X19661" s="2">
        <v>17</v>
      </c>
      <c r="Y19661" s="2">
        <v>80.7</v>
      </c>
      <c r="Z19661" s="2">
        <v>111.6</v>
      </c>
      <c r="AA19661" s="5">
        <v>7</v>
      </c>
      <c r="AB19661" s="5" t="s">
        <v>43</v>
      </c>
      <c r="AC19661" s="5" t="s">
        <v>735</v>
      </c>
      <c r="AD19661" s="2" t="s">
        <v>62162</v>
      </c>
      <c r="AE19661" s="1"/>
    </row>
    <row r="19662" spans="1:31" ht="14.45">
      <c r="A19662" s="11"/>
      <c r="B19662" s="20"/>
      <c r="C19662" s="2" t="s">
        <v>62163</v>
      </c>
      <c r="D19662" s="14" t="s">
        <v>62164</v>
      </c>
      <c r="E19662" s="2" t="s">
        <v>62165</v>
      </c>
      <c r="F19662" s="2" t="s">
        <v>62166</v>
      </c>
      <c r="G19662" s="8">
        <v>1654</v>
      </c>
      <c r="H19662" s="5">
        <v>10</v>
      </c>
      <c r="I19662" s="5" t="s">
        <v>69</v>
      </c>
      <c r="J19662" s="5" t="s">
        <v>61065</v>
      </c>
      <c r="K19662" s="2" t="s">
        <v>61066</v>
      </c>
      <c r="L19662" s="5" t="s">
        <v>61065</v>
      </c>
      <c r="M19662" s="2" t="s">
        <v>61066</v>
      </c>
      <c r="N19662" s="5" t="s">
        <v>733</v>
      </c>
      <c r="O19662" s="5" t="s">
        <v>38</v>
      </c>
      <c r="P19662" s="5" t="s">
        <v>39</v>
      </c>
      <c r="Q19662" s="5" t="s">
        <v>40</v>
      </c>
      <c r="R19662" s="5" t="s">
        <v>897</v>
      </c>
      <c r="S19662" s="5" t="s">
        <v>40</v>
      </c>
      <c r="T19662" s="5" t="s">
        <v>42</v>
      </c>
      <c r="U19662" s="2">
        <v>44.037999999999997</v>
      </c>
      <c r="V19662" s="2">
        <v>41.235999999999997</v>
      </c>
      <c r="W19662" s="2">
        <v>0.153</v>
      </c>
      <c r="X19662" s="2">
        <v>17</v>
      </c>
      <c r="Y19662" s="2">
        <v>80.7</v>
      </c>
      <c r="Z19662" s="2">
        <v>111.6</v>
      </c>
      <c r="AA19662" s="5">
        <v>7</v>
      </c>
      <c r="AB19662" s="5" t="s">
        <v>43</v>
      </c>
      <c r="AC19662" s="5" t="s">
        <v>735</v>
      </c>
      <c r="AD19662" s="2" t="s">
        <v>62167</v>
      </c>
      <c r="AE19662" s="1"/>
    </row>
    <row r="19663" spans="1:31" ht="14.45">
      <c r="A19663" s="11"/>
      <c r="B19663" s="20"/>
      <c r="C19663" s="2" t="s">
        <v>62168</v>
      </c>
      <c r="D19663" s="14" t="s">
        <v>62169</v>
      </c>
      <c r="E19663" s="2" t="s">
        <v>62170</v>
      </c>
      <c r="F19663" s="2" t="s">
        <v>62166</v>
      </c>
      <c r="G19663" s="8">
        <v>1654</v>
      </c>
      <c r="H19663" s="5">
        <v>10</v>
      </c>
      <c r="I19663" s="5" t="s">
        <v>69</v>
      </c>
      <c r="J19663" s="5" t="s">
        <v>61065</v>
      </c>
      <c r="K19663" s="2" t="s">
        <v>61066</v>
      </c>
      <c r="L19663" s="5" t="s">
        <v>61065</v>
      </c>
      <c r="M19663" s="2" t="s">
        <v>61066</v>
      </c>
      <c r="N19663" s="5" t="s">
        <v>733</v>
      </c>
      <c r="O19663" s="5" t="s">
        <v>38</v>
      </c>
      <c r="P19663" s="5" t="s">
        <v>39</v>
      </c>
      <c r="Q19663" s="5" t="s">
        <v>40</v>
      </c>
      <c r="R19663" s="5" t="s">
        <v>897</v>
      </c>
      <c r="S19663" s="5" t="s">
        <v>40</v>
      </c>
      <c r="T19663" s="5" t="s">
        <v>42</v>
      </c>
      <c r="U19663" s="2">
        <v>43.627000000000002</v>
      </c>
      <c r="V19663" s="2">
        <v>40.774999999999999</v>
      </c>
      <c r="W19663" s="2">
        <v>0.153</v>
      </c>
      <c r="X19663" s="2">
        <v>17</v>
      </c>
      <c r="Y19663" s="2">
        <v>80.7</v>
      </c>
      <c r="Z19663" s="2">
        <v>111.6</v>
      </c>
      <c r="AA19663" s="5">
        <v>7</v>
      </c>
      <c r="AB19663" s="5" t="s">
        <v>43</v>
      </c>
      <c r="AC19663" s="5" t="s">
        <v>735</v>
      </c>
      <c r="AD19663" s="2" t="s">
        <v>62171</v>
      </c>
      <c r="AE19663" s="1"/>
    </row>
    <row r="19664" spans="1:31" ht="14.45">
      <c r="A19664" s="11"/>
      <c r="B19664" s="20"/>
      <c r="C19664" s="2" t="s">
        <v>62172</v>
      </c>
      <c r="D19664" s="14" t="s">
        <v>62173</v>
      </c>
      <c r="E19664" s="2" t="s">
        <v>62174</v>
      </c>
      <c r="F19664" s="2" t="s">
        <v>62175</v>
      </c>
      <c r="G19664" s="8">
        <v>1119</v>
      </c>
      <c r="H19664" s="5">
        <v>10</v>
      </c>
      <c r="I19664" s="5" t="s">
        <v>69</v>
      </c>
      <c r="J19664" s="5" t="s">
        <v>61065</v>
      </c>
      <c r="K19664" s="2" t="s">
        <v>61066</v>
      </c>
      <c r="L19664" s="5" t="s">
        <v>61065</v>
      </c>
      <c r="M19664" s="2" t="s">
        <v>61066</v>
      </c>
      <c r="N19664" s="5" t="s">
        <v>733</v>
      </c>
      <c r="O19664" s="5" t="s">
        <v>38</v>
      </c>
      <c r="P19664" s="5" t="s">
        <v>39</v>
      </c>
      <c r="Q19664" s="5" t="s">
        <v>40</v>
      </c>
      <c r="R19664" s="5" t="s">
        <v>897</v>
      </c>
      <c r="S19664" s="5" t="s">
        <v>40</v>
      </c>
      <c r="T19664" s="5" t="s">
        <v>42</v>
      </c>
      <c r="U19664" s="2">
        <v>37.075000000000003</v>
      </c>
      <c r="V19664" s="2">
        <v>34.368000000000002</v>
      </c>
      <c r="W19664" s="2">
        <v>0.153</v>
      </c>
      <c r="X19664" s="2">
        <v>17</v>
      </c>
      <c r="Y19664" s="2">
        <v>80.7</v>
      </c>
      <c r="Z19664" s="2">
        <v>111.6</v>
      </c>
      <c r="AA19664" s="5">
        <v>7</v>
      </c>
      <c r="AB19664" s="5" t="s">
        <v>43</v>
      </c>
      <c r="AC19664" s="5" t="s">
        <v>735</v>
      </c>
      <c r="AD19664" s="2" t="s">
        <v>62176</v>
      </c>
      <c r="AE19664" s="1"/>
    </row>
    <row r="19665" spans="1:31" ht="14.45">
      <c r="A19665" s="11"/>
      <c r="B19665" s="20"/>
      <c r="C19665" s="2" t="s">
        <v>62177</v>
      </c>
      <c r="D19665" s="14" t="s">
        <v>62178</v>
      </c>
      <c r="E19665" s="2" t="s">
        <v>62179</v>
      </c>
      <c r="F19665" s="2" t="s">
        <v>62180</v>
      </c>
      <c r="G19665" s="8">
        <v>1419</v>
      </c>
      <c r="H19665" s="5">
        <v>5</v>
      </c>
      <c r="I19665" s="5" t="s">
        <v>69</v>
      </c>
      <c r="J19665" s="5" t="s">
        <v>61065</v>
      </c>
      <c r="K19665" s="2" t="s">
        <v>61066</v>
      </c>
      <c r="L19665" s="5" t="s">
        <v>61065</v>
      </c>
      <c r="M19665" s="2" t="s">
        <v>61066</v>
      </c>
      <c r="N19665" s="5" t="s">
        <v>733</v>
      </c>
      <c r="O19665" s="5" t="s">
        <v>38</v>
      </c>
      <c r="P19665" s="5" t="s">
        <v>39</v>
      </c>
      <c r="Q19665" s="5" t="s">
        <v>40</v>
      </c>
      <c r="R19665" s="5" t="s">
        <v>897</v>
      </c>
      <c r="S19665" s="5" t="s">
        <v>40</v>
      </c>
      <c r="T19665" s="5" t="s">
        <v>42</v>
      </c>
      <c r="U19665" s="2">
        <v>39.555</v>
      </c>
      <c r="V19665" s="2">
        <v>36.737000000000002</v>
      </c>
      <c r="W19665" s="2">
        <v>0.153</v>
      </c>
      <c r="X19665" s="2">
        <v>17</v>
      </c>
      <c r="Y19665" s="2">
        <v>80.7</v>
      </c>
      <c r="Z19665" s="2">
        <v>111.6</v>
      </c>
      <c r="AA19665" s="5">
        <v>7</v>
      </c>
      <c r="AB19665" s="5" t="s">
        <v>43</v>
      </c>
      <c r="AC19665" s="5" t="s">
        <v>735</v>
      </c>
      <c r="AD19665" s="2" t="s">
        <v>62181</v>
      </c>
      <c r="AE19665" s="1"/>
    </row>
    <row r="19666" spans="1:31" ht="14.45">
      <c r="A19666" s="11"/>
      <c r="B19666" s="20"/>
      <c r="C19666" s="2" t="s">
        <v>62182</v>
      </c>
      <c r="D19666" s="14" t="s">
        <v>62183</v>
      </c>
      <c r="E19666" s="2" t="s">
        <v>62184</v>
      </c>
      <c r="F19666" s="2" t="s">
        <v>62180</v>
      </c>
      <c r="G19666" s="8">
        <v>1419</v>
      </c>
      <c r="H19666" s="5">
        <v>10</v>
      </c>
      <c r="I19666" s="5" t="s">
        <v>69</v>
      </c>
      <c r="J19666" s="5" t="s">
        <v>61065</v>
      </c>
      <c r="K19666" s="2" t="s">
        <v>61066</v>
      </c>
      <c r="L19666" s="5" t="s">
        <v>61065</v>
      </c>
      <c r="M19666" s="2" t="s">
        <v>61066</v>
      </c>
      <c r="N19666" s="5" t="s">
        <v>733</v>
      </c>
      <c r="O19666" s="5" t="s">
        <v>38</v>
      </c>
      <c r="P19666" s="5" t="s">
        <v>39</v>
      </c>
      <c r="Q19666" s="5" t="s">
        <v>40</v>
      </c>
      <c r="R19666" s="5" t="s">
        <v>897</v>
      </c>
      <c r="S19666" s="5" t="s">
        <v>40</v>
      </c>
      <c r="T19666" s="5" t="s">
        <v>42</v>
      </c>
      <c r="U19666" s="2">
        <v>39.143000000000001</v>
      </c>
      <c r="V19666" s="2">
        <v>36.274999999999999</v>
      </c>
      <c r="W19666" s="2">
        <v>0.153</v>
      </c>
      <c r="X19666" s="2">
        <v>17</v>
      </c>
      <c r="Y19666" s="2">
        <v>80.7</v>
      </c>
      <c r="Z19666" s="2">
        <v>111.6</v>
      </c>
      <c r="AA19666" s="5">
        <v>7</v>
      </c>
      <c r="AB19666" s="5" t="s">
        <v>43</v>
      </c>
      <c r="AC19666" s="5" t="s">
        <v>735</v>
      </c>
      <c r="AD19666" s="2" t="s">
        <v>62185</v>
      </c>
      <c r="AE19666" s="1"/>
    </row>
    <row r="19667" spans="1:31" ht="14.45">
      <c r="A19667" s="11"/>
      <c r="B19667" s="20"/>
      <c r="C19667" s="2" t="s">
        <v>62186</v>
      </c>
      <c r="D19667" s="14" t="s">
        <v>62187</v>
      </c>
      <c r="E19667" s="2" t="s">
        <v>62188</v>
      </c>
      <c r="F19667" s="2" t="s">
        <v>62189</v>
      </c>
      <c r="G19667" s="8">
        <v>1286</v>
      </c>
      <c r="H19667" s="5">
        <v>5</v>
      </c>
      <c r="I19667" s="5" t="s">
        <v>69</v>
      </c>
      <c r="J19667" s="5" t="s">
        <v>61065</v>
      </c>
      <c r="K19667" s="2" t="s">
        <v>61066</v>
      </c>
      <c r="L19667" s="5" t="s">
        <v>61065</v>
      </c>
      <c r="M19667" s="2" t="s">
        <v>61066</v>
      </c>
      <c r="N19667" s="5" t="s">
        <v>733</v>
      </c>
      <c r="O19667" s="5" t="s">
        <v>38</v>
      </c>
      <c r="P19667" s="5" t="s">
        <v>39</v>
      </c>
      <c r="Q19667" s="5" t="s">
        <v>40</v>
      </c>
      <c r="R19667" s="5" t="s">
        <v>897</v>
      </c>
      <c r="S19667" s="5" t="s">
        <v>40</v>
      </c>
      <c r="T19667" s="5" t="s">
        <v>42</v>
      </c>
      <c r="U19667" s="2">
        <v>41.530999999999999</v>
      </c>
      <c r="V19667" s="2">
        <v>38.840000000000003</v>
      </c>
      <c r="W19667" s="2">
        <v>0.153</v>
      </c>
      <c r="X19667" s="2">
        <v>17</v>
      </c>
      <c r="Y19667" s="2">
        <v>80.7</v>
      </c>
      <c r="Z19667" s="2">
        <v>111.6</v>
      </c>
      <c r="AA19667" s="5">
        <v>7</v>
      </c>
      <c r="AB19667" s="5" t="s">
        <v>43</v>
      </c>
      <c r="AC19667" s="5" t="s">
        <v>735</v>
      </c>
      <c r="AD19667" s="2" t="s">
        <v>62190</v>
      </c>
      <c r="AE19667" s="1"/>
    </row>
    <row r="19668" spans="1:31" ht="14.45">
      <c r="A19668" s="11"/>
      <c r="B19668" s="20"/>
      <c r="C19668" s="2" t="s">
        <v>62191</v>
      </c>
      <c r="D19668" s="14" t="s">
        <v>62192</v>
      </c>
      <c r="E19668" s="2" t="s">
        <v>62193</v>
      </c>
      <c r="F19668" s="2" t="s">
        <v>62189</v>
      </c>
      <c r="G19668" s="8">
        <v>1586</v>
      </c>
      <c r="H19668" s="5">
        <v>10</v>
      </c>
      <c r="I19668" s="5" t="s">
        <v>69</v>
      </c>
      <c r="J19668" s="5" t="s">
        <v>61065</v>
      </c>
      <c r="K19668" s="2" t="s">
        <v>61066</v>
      </c>
      <c r="L19668" s="5" t="s">
        <v>61065</v>
      </c>
      <c r="M19668" s="2" t="s">
        <v>61066</v>
      </c>
      <c r="N19668" s="5" t="s">
        <v>733</v>
      </c>
      <c r="O19668" s="5" t="s">
        <v>38</v>
      </c>
      <c r="P19668" s="5" t="s">
        <v>39</v>
      </c>
      <c r="Q19668" s="5" t="s">
        <v>40</v>
      </c>
      <c r="R19668" s="5" t="s">
        <v>897</v>
      </c>
      <c r="S19668" s="5" t="s">
        <v>40</v>
      </c>
      <c r="T19668" s="5" t="s">
        <v>42</v>
      </c>
      <c r="U19668" s="2">
        <v>44.011000000000003</v>
      </c>
      <c r="V19668" s="2">
        <v>41.209000000000003</v>
      </c>
      <c r="W19668" s="2">
        <v>0.153</v>
      </c>
      <c r="X19668" s="2">
        <v>17</v>
      </c>
      <c r="Y19668" s="2">
        <v>80.7</v>
      </c>
      <c r="Z19668" s="2">
        <v>111.6</v>
      </c>
      <c r="AA19668" s="5">
        <v>7</v>
      </c>
      <c r="AB19668" s="5" t="s">
        <v>43</v>
      </c>
      <c r="AC19668" s="5" t="s">
        <v>735</v>
      </c>
      <c r="AD19668" s="2" t="s">
        <v>62194</v>
      </c>
      <c r="AE19668" s="1"/>
    </row>
    <row r="19669" spans="1:31" ht="14.45">
      <c r="A19669" s="11"/>
      <c r="B19669" s="20"/>
      <c r="C19669" s="2" t="s">
        <v>62195</v>
      </c>
      <c r="D19669" s="14" t="s">
        <v>62196</v>
      </c>
      <c r="E19669" s="2" t="s">
        <v>62197</v>
      </c>
      <c r="F19669" s="2" t="s">
        <v>62189</v>
      </c>
      <c r="G19669" s="8">
        <v>1586</v>
      </c>
      <c r="H19669" s="5">
        <v>5</v>
      </c>
      <c r="I19669" s="5" t="s">
        <v>69</v>
      </c>
      <c r="J19669" s="5" t="s">
        <v>61065</v>
      </c>
      <c r="K19669" s="2" t="s">
        <v>61066</v>
      </c>
      <c r="L19669" s="5" t="s">
        <v>61065</v>
      </c>
      <c r="M19669" s="2" t="s">
        <v>61066</v>
      </c>
      <c r="N19669" s="5" t="s">
        <v>733</v>
      </c>
      <c r="O19669" s="5" t="s">
        <v>38</v>
      </c>
      <c r="P19669" s="5" t="s">
        <v>39</v>
      </c>
      <c r="Q19669" s="5" t="s">
        <v>40</v>
      </c>
      <c r="R19669" s="5" t="s">
        <v>897</v>
      </c>
      <c r="S19669" s="5" t="s">
        <v>40</v>
      </c>
      <c r="T19669" s="5" t="s">
        <v>42</v>
      </c>
      <c r="U19669" s="2">
        <v>43.6</v>
      </c>
      <c r="V19669" s="2">
        <v>40.747999999999998</v>
      </c>
      <c r="W19669" s="2">
        <v>0.153</v>
      </c>
      <c r="X19669" s="2">
        <v>17</v>
      </c>
      <c r="Y19669" s="2">
        <v>80.7</v>
      </c>
      <c r="Z19669" s="2">
        <v>111.6</v>
      </c>
      <c r="AA19669" s="5">
        <v>7</v>
      </c>
      <c r="AB19669" s="5" t="s">
        <v>43</v>
      </c>
      <c r="AC19669" s="5" t="s">
        <v>735</v>
      </c>
      <c r="AD19669" s="2" t="s">
        <v>62198</v>
      </c>
      <c r="AE19669" s="1"/>
    </row>
    <row r="19670" spans="1:31" ht="14.45">
      <c r="A19670" s="11"/>
      <c r="B19670" s="20"/>
      <c r="C19670" s="2" t="s">
        <v>62199</v>
      </c>
      <c r="D19670" s="14" t="s">
        <v>62200</v>
      </c>
      <c r="E19670" s="2" t="s">
        <v>62201</v>
      </c>
      <c r="F19670" s="2" t="s">
        <v>62202</v>
      </c>
      <c r="G19670" s="8">
        <v>1354</v>
      </c>
      <c r="H19670" s="5">
        <v>10</v>
      </c>
      <c r="I19670" s="5" t="s">
        <v>69</v>
      </c>
      <c r="J19670" s="5" t="s">
        <v>61065</v>
      </c>
      <c r="K19670" s="2" t="s">
        <v>61066</v>
      </c>
      <c r="L19670" s="5" t="s">
        <v>61065</v>
      </c>
      <c r="M19670" s="2" t="s">
        <v>61066</v>
      </c>
      <c r="N19670" s="5" t="s">
        <v>733</v>
      </c>
      <c r="O19670" s="5" t="s">
        <v>38</v>
      </c>
      <c r="P19670" s="5" t="s">
        <v>39</v>
      </c>
      <c r="Q19670" s="5" t="s">
        <v>40</v>
      </c>
      <c r="R19670" s="5" t="s">
        <v>897</v>
      </c>
      <c r="S19670" s="5" t="s">
        <v>40</v>
      </c>
      <c r="T19670" s="5" t="s">
        <v>42</v>
      </c>
      <c r="U19670" s="2">
        <v>40.790999999999997</v>
      </c>
      <c r="V19670" s="2">
        <v>38.1</v>
      </c>
      <c r="W19670" s="2">
        <v>0.153</v>
      </c>
      <c r="X19670" s="2">
        <v>17</v>
      </c>
      <c r="Y19670" s="2">
        <v>80.7</v>
      </c>
      <c r="Z19670" s="2">
        <v>111.6</v>
      </c>
      <c r="AA19670" s="5">
        <v>7</v>
      </c>
      <c r="AB19670" s="5" t="s">
        <v>43</v>
      </c>
      <c r="AC19670" s="5" t="s">
        <v>735</v>
      </c>
      <c r="AD19670" s="2" t="s">
        <v>62203</v>
      </c>
      <c r="AE19670" s="1"/>
    </row>
    <row r="19671" spans="1:31" ht="14.45">
      <c r="A19671" s="11"/>
      <c r="B19671" s="20"/>
      <c r="C19671" s="2" t="s">
        <v>62204</v>
      </c>
      <c r="D19671" s="14" t="s">
        <v>62205</v>
      </c>
      <c r="E19671" s="2" t="s">
        <v>62206</v>
      </c>
      <c r="F19671" s="2" t="s">
        <v>62207</v>
      </c>
      <c r="G19671" s="8">
        <v>1654</v>
      </c>
      <c r="H19671" s="5">
        <v>10</v>
      </c>
      <c r="I19671" s="5" t="s">
        <v>69</v>
      </c>
      <c r="J19671" s="5" t="s">
        <v>61065</v>
      </c>
      <c r="K19671" s="2" t="s">
        <v>61066</v>
      </c>
      <c r="L19671" s="5" t="s">
        <v>61065</v>
      </c>
      <c r="M19671" s="2" t="s">
        <v>61066</v>
      </c>
      <c r="N19671" s="5" t="s">
        <v>733</v>
      </c>
      <c r="O19671" s="5" t="s">
        <v>38</v>
      </c>
      <c r="P19671" s="5" t="s">
        <v>39</v>
      </c>
      <c r="Q19671" s="5" t="s">
        <v>40</v>
      </c>
      <c r="R19671" s="5" t="s">
        <v>897</v>
      </c>
      <c r="S19671" s="5" t="s">
        <v>40</v>
      </c>
      <c r="T19671" s="5" t="s">
        <v>42</v>
      </c>
      <c r="U19671" s="2">
        <v>43.271000000000001</v>
      </c>
      <c r="V19671" s="2">
        <v>40.469000000000001</v>
      </c>
      <c r="W19671" s="2">
        <v>0.153</v>
      </c>
      <c r="X19671" s="2">
        <v>17</v>
      </c>
      <c r="Y19671" s="2">
        <v>80.7</v>
      </c>
      <c r="Z19671" s="2">
        <v>111.6</v>
      </c>
      <c r="AA19671" s="5">
        <v>7</v>
      </c>
      <c r="AB19671" s="5" t="s">
        <v>43</v>
      </c>
      <c r="AC19671" s="5" t="s">
        <v>735</v>
      </c>
      <c r="AD19671" s="2" t="s">
        <v>62208</v>
      </c>
      <c r="AE19671" s="1"/>
    </row>
    <row r="19672" spans="1:31" ht="14.45">
      <c r="A19672" s="11"/>
      <c r="B19672" s="20"/>
      <c r="C19672" s="2" t="s">
        <v>62209</v>
      </c>
      <c r="D19672" s="14" t="s">
        <v>62210</v>
      </c>
      <c r="E19672" s="2" t="s">
        <v>62211</v>
      </c>
      <c r="F19672" s="2" t="s">
        <v>62207</v>
      </c>
      <c r="G19672" s="8">
        <v>1654</v>
      </c>
      <c r="H19672" s="5">
        <v>10</v>
      </c>
      <c r="I19672" s="5" t="s">
        <v>69</v>
      </c>
      <c r="J19672" s="5" t="s">
        <v>61065</v>
      </c>
      <c r="K19672" s="2" t="s">
        <v>61066</v>
      </c>
      <c r="L19672" s="5" t="s">
        <v>61065</v>
      </c>
      <c r="M19672" s="2" t="s">
        <v>61066</v>
      </c>
      <c r="N19672" s="5" t="s">
        <v>733</v>
      </c>
      <c r="O19672" s="5" t="s">
        <v>38</v>
      </c>
      <c r="P19672" s="5" t="s">
        <v>39</v>
      </c>
      <c r="Q19672" s="5" t="s">
        <v>40</v>
      </c>
      <c r="R19672" s="5" t="s">
        <v>897</v>
      </c>
      <c r="S19672" s="5" t="s">
        <v>40</v>
      </c>
      <c r="T19672" s="5" t="s">
        <v>42</v>
      </c>
      <c r="U19672" s="2">
        <v>42.86</v>
      </c>
      <c r="V19672" s="2">
        <v>40.008000000000003</v>
      </c>
      <c r="W19672" s="2">
        <v>0.153</v>
      </c>
      <c r="X19672" s="2">
        <v>17</v>
      </c>
      <c r="Y19672" s="2">
        <v>80.7</v>
      </c>
      <c r="Z19672" s="2">
        <v>111.6</v>
      </c>
      <c r="AA19672" s="5">
        <v>7</v>
      </c>
      <c r="AB19672" s="5" t="s">
        <v>43</v>
      </c>
      <c r="AC19672" s="5" t="s">
        <v>735</v>
      </c>
      <c r="AD19672" s="2" t="s">
        <v>62212</v>
      </c>
      <c r="AE19672" s="1"/>
    </row>
    <row r="19673" spans="1:31" ht="14.45">
      <c r="A19673" s="11"/>
      <c r="B19673" s="20"/>
      <c r="C19673" s="2" t="s">
        <v>62213</v>
      </c>
      <c r="D19673" s="14" t="s">
        <v>62214</v>
      </c>
      <c r="E19673" s="2" t="s">
        <v>62215</v>
      </c>
      <c r="F19673" s="2" t="s">
        <v>62216</v>
      </c>
      <c r="G19673" s="8">
        <v>1119</v>
      </c>
      <c r="H19673" s="5">
        <v>10</v>
      </c>
      <c r="I19673" s="5" t="s">
        <v>69</v>
      </c>
      <c r="J19673" s="5" t="s">
        <v>61065</v>
      </c>
      <c r="K19673" s="2" t="s">
        <v>61066</v>
      </c>
      <c r="L19673" s="5" t="s">
        <v>61065</v>
      </c>
      <c r="M19673" s="2" t="s">
        <v>61066</v>
      </c>
      <c r="N19673" s="5" t="s">
        <v>733</v>
      </c>
      <c r="O19673" s="5" t="s">
        <v>38</v>
      </c>
      <c r="P19673" s="5" t="s">
        <v>39</v>
      </c>
      <c r="Q19673" s="5" t="s">
        <v>40</v>
      </c>
      <c r="R19673" s="5" t="s">
        <v>897</v>
      </c>
      <c r="S19673" s="5" t="s">
        <v>40</v>
      </c>
      <c r="T19673" s="5" t="s">
        <v>42</v>
      </c>
      <c r="U19673" s="2">
        <v>36.308999999999997</v>
      </c>
      <c r="V19673" s="2">
        <v>33.601999999999997</v>
      </c>
      <c r="W19673" s="2">
        <v>0.153</v>
      </c>
      <c r="X19673" s="2">
        <v>17</v>
      </c>
      <c r="Y19673" s="2">
        <v>80.7</v>
      </c>
      <c r="Z19673" s="2">
        <v>111.6</v>
      </c>
      <c r="AA19673" s="5">
        <v>7</v>
      </c>
      <c r="AB19673" s="5" t="s">
        <v>43</v>
      </c>
      <c r="AC19673" s="5" t="s">
        <v>735</v>
      </c>
      <c r="AD19673" s="2" t="s">
        <v>62217</v>
      </c>
      <c r="AE19673" s="1"/>
    </row>
    <row r="19674" spans="1:31" ht="14.45">
      <c r="A19674" s="11"/>
      <c r="B19674" s="20"/>
      <c r="C19674" s="2" t="s">
        <v>62218</v>
      </c>
      <c r="D19674" s="14" t="s">
        <v>62219</v>
      </c>
      <c r="E19674" s="2" t="s">
        <v>62220</v>
      </c>
      <c r="F19674" s="2" t="s">
        <v>62216</v>
      </c>
      <c r="G19674" s="8">
        <v>1419</v>
      </c>
      <c r="H19674" s="5">
        <v>10</v>
      </c>
      <c r="I19674" s="5" t="s">
        <v>69</v>
      </c>
      <c r="J19674" s="5" t="s">
        <v>61065</v>
      </c>
      <c r="K19674" s="2" t="s">
        <v>61066</v>
      </c>
      <c r="L19674" s="5" t="s">
        <v>61065</v>
      </c>
      <c r="M19674" s="2" t="s">
        <v>61066</v>
      </c>
      <c r="N19674" s="5" t="s">
        <v>733</v>
      </c>
      <c r="O19674" s="5" t="s">
        <v>38</v>
      </c>
      <c r="P19674" s="5" t="s">
        <v>39</v>
      </c>
      <c r="Q19674" s="5" t="s">
        <v>40</v>
      </c>
      <c r="R19674" s="5" t="s">
        <v>897</v>
      </c>
      <c r="S19674" s="5" t="s">
        <v>40</v>
      </c>
      <c r="T19674" s="5" t="s">
        <v>42</v>
      </c>
      <c r="U19674" s="2">
        <v>38.789000000000001</v>
      </c>
      <c r="V19674" s="2">
        <v>35.970999999999997</v>
      </c>
      <c r="W19674" s="2">
        <v>0.153</v>
      </c>
      <c r="X19674" s="2">
        <v>17</v>
      </c>
      <c r="Y19674" s="2">
        <v>80.7</v>
      </c>
      <c r="Z19674" s="2">
        <v>111.6</v>
      </c>
      <c r="AA19674" s="5">
        <v>7</v>
      </c>
      <c r="AB19674" s="5" t="s">
        <v>43</v>
      </c>
      <c r="AC19674" s="5" t="s">
        <v>735</v>
      </c>
      <c r="AD19674" s="2" t="s">
        <v>62221</v>
      </c>
      <c r="AE19674" s="1"/>
    </row>
    <row r="19675" spans="1:31" ht="14.45">
      <c r="A19675" s="11"/>
      <c r="B19675" s="20"/>
      <c r="C19675" s="2" t="s">
        <v>62222</v>
      </c>
      <c r="D19675" s="14" t="s">
        <v>62223</v>
      </c>
      <c r="E19675" s="2" t="s">
        <v>62224</v>
      </c>
      <c r="F19675" s="2" t="s">
        <v>62216</v>
      </c>
      <c r="G19675" s="8">
        <v>1419</v>
      </c>
      <c r="H19675" s="5">
        <v>5</v>
      </c>
      <c r="I19675" s="5" t="s">
        <v>69</v>
      </c>
      <c r="J19675" s="5" t="s">
        <v>61065</v>
      </c>
      <c r="K19675" s="2" t="s">
        <v>61066</v>
      </c>
      <c r="L19675" s="5" t="s">
        <v>61065</v>
      </c>
      <c r="M19675" s="2" t="s">
        <v>61066</v>
      </c>
      <c r="N19675" s="5" t="s">
        <v>733</v>
      </c>
      <c r="O19675" s="5" t="s">
        <v>38</v>
      </c>
      <c r="P19675" s="5" t="s">
        <v>39</v>
      </c>
      <c r="Q19675" s="5" t="s">
        <v>40</v>
      </c>
      <c r="R19675" s="5" t="s">
        <v>897</v>
      </c>
      <c r="S19675" s="5" t="s">
        <v>40</v>
      </c>
      <c r="T19675" s="5" t="s">
        <v>42</v>
      </c>
      <c r="U19675" s="2">
        <v>38.377000000000002</v>
      </c>
      <c r="V19675" s="2">
        <v>35.509</v>
      </c>
      <c r="W19675" s="2">
        <v>0.153</v>
      </c>
      <c r="X19675" s="2">
        <v>17</v>
      </c>
      <c r="Y19675" s="2">
        <v>80.7</v>
      </c>
      <c r="Z19675" s="2">
        <v>111.6</v>
      </c>
      <c r="AA19675" s="5">
        <v>7</v>
      </c>
      <c r="AB19675" s="5" t="s">
        <v>43</v>
      </c>
      <c r="AC19675" s="5" t="s">
        <v>735</v>
      </c>
      <c r="AD19675" s="2" t="s">
        <v>62225</v>
      </c>
      <c r="AE19675" s="1"/>
    </row>
    <row r="19676" spans="1:31" ht="14.45">
      <c r="A19676" s="11"/>
      <c r="B19676" s="20"/>
      <c r="C19676" s="2" t="s">
        <v>62226</v>
      </c>
      <c r="D19676" s="14" t="s">
        <v>62227</v>
      </c>
      <c r="E19676" s="2" t="s">
        <v>62228</v>
      </c>
      <c r="F19676" s="2" t="s">
        <v>62229</v>
      </c>
      <c r="G19676" s="8">
        <v>1286</v>
      </c>
      <c r="H19676" s="5">
        <v>10</v>
      </c>
      <c r="I19676" s="5" t="s">
        <v>69</v>
      </c>
      <c r="J19676" s="5" t="s">
        <v>61065</v>
      </c>
      <c r="K19676" s="2" t="s">
        <v>61066</v>
      </c>
      <c r="L19676" s="5" t="s">
        <v>61065</v>
      </c>
      <c r="M19676" s="2" t="s">
        <v>61066</v>
      </c>
      <c r="N19676" s="5" t="s">
        <v>733</v>
      </c>
      <c r="O19676" s="5" t="s">
        <v>38</v>
      </c>
      <c r="P19676" s="5" t="s">
        <v>39</v>
      </c>
      <c r="Q19676" s="5" t="s">
        <v>40</v>
      </c>
      <c r="R19676" s="5" t="s">
        <v>897</v>
      </c>
      <c r="S19676" s="5" t="s">
        <v>40</v>
      </c>
      <c r="T19676" s="5" t="s">
        <v>42</v>
      </c>
      <c r="U19676" s="2">
        <v>40.764000000000003</v>
      </c>
      <c r="V19676" s="2">
        <v>38.073</v>
      </c>
      <c r="W19676" s="2">
        <v>0.153</v>
      </c>
      <c r="X19676" s="2">
        <v>17</v>
      </c>
      <c r="Y19676" s="2">
        <v>80.7</v>
      </c>
      <c r="Z19676" s="2">
        <v>111.6</v>
      </c>
      <c r="AA19676" s="5">
        <v>7</v>
      </c>
      <c r="AB19676" s="5" t="s">
        <v>43</v>
      </c>
      <c r="AC19676" s="5" t="s">
        <v>735</v>
      </c>
      <c r="AD19676" s="2" t="s">
        <v>62230</v>
      </c>
      <c r="AE19676" s="1"/>
    </row>
    <row r="19677" spans="1:31" ht="14.45">
      <c r="A19677" s="11"/>
      <c r="B19677" s="20"/>
      <c r="C19677" s="2" t="s">
        <v>62231</v>
      </c>
      <c r="D19677" s="14" t="s">
        <v>62232</v>
      </c>
      <c r="E19677" s="2" t="s">
        <v>62233</v>
      </c>
      <c r="F19677" s="2" t="s">
        <v>62229</v>
      </c>
      <c r="G19677" s="8">
        <v>1586</v>
      </c>
      <c r="H19677" s="5">
        <v>10</v>
      </c>
      <c r="I19677" s="5" t="s">
        <v>69</v>
      </c>
      <c r="J19677" s="5" t="s">
        <v>61065</v>
      </c>
      <c r="K19677" s="2" t="s">
        <v>61066</v>
      </c>
      <c r="L19677" s="5" t="s">
        <v>61065</v>
      </c>
      <c r="M19677" s="2" t="s">
        <v>61066</v>
      </c>
      <c r="N19677" s="5" t="s">
        <v>733</v>
      </c>
      <c r="O19677" s="5" t="s">
        <v>38</v>
      </c>
      <c r="P19677" s="5" t="s">
        <v>39</v>
      </c>
      <c r="Q19677" s="5" t="s">
        <v>40</v>
      </c>
      <c r="R19677" s="5" t="s">
        <v>897</v>
      </c>
      <c r="S19677" s="5" t="s">
        <v>40</v>
      </c>
      <c r="T19677" s="5" t="s">
        <v>42</v>
      </c>
      <c r="U19677" s="2">
        <v>43.244</v>
      </c>
      <c r="V19677" s="2">
        <v>40.442</v>
      </c>
      <c r="W19677" s="2">
        <v>0.153</v>
      </c>
      <c r="X19677" s="2">
        <v>17</v>
      </c>
      <c r="Y19677" s="2">
        <v>80.7</v>
      </c>
      <c r="Z19677" s="2">
        <v>111.6</v>
      </c>
      <c r="AA19677" s="5">
        <v>7</v>
      </c>
      <c r="AB19677" s="5" t="s">
        <v>43</v>
      </c>
      <c r="AC19677" s="5" t="s">
        <v>735</v>
      </c>
      <c r="AD19677" s="2" t="s">
        <v>62234</v>
      </c>
      <c r="AE19677" s="1"/>
    </row>
    <row r="19678" spans="1:31" ht="14.45">
      <c r="A19678" s="11"/>
      <c r="B19678" s="20"/>
      <c r="C19678" s="2" t="s">
        <v>62235</v>
      </c>
      <c r="D19678" s="14" t="s">
        <v>62236</v>
      </c>
      <c r="E19678" s="2" t="s">
        <v>62237</v>
      </c>
      <c r="F19678" s="2" t="s">
        <v>62229</v>
      </c>
      <c r="G19678" s="8">
        <v>1586</v>
      </c>
      <c r="H19678" s="5">
        <v>5</v>
      </c>
      <c r="I19678" s="5" t="s">
        <v>69</v>
      </c>
      <c r="J19678" s="5" t="s">
        <v>61065</v>
      </c>
      <c r="K19678" s="2" t="s">
        <v>61066</v>
      </c>
      <c r="L19678" s="5" t="s">
        <v>61065</v>
      </c>
      <c r="M19678" s="2" t="s">
        <v>61066</v>
      </c>
      <c r="N19678" s="5" t="s">
        <v>733</v>
      </c>
      <c r="O19678" s="5" t="s">
        <v>38</v>
      </c>
      <c r="P19678" s="5" t="s">
        <v>39</v>
      </c>
      <c r="Q19678" s="5" t="s">
        <v>40</v>
      </c>
      <c r="R19678" s="5" t="s">
        <v>897</v>
      </c>
      <c r="S19678" s="5" t="s">
        <v>40</v>
      </c>
      <c r="T19678" s="5" t="s">
        <v>42</v>
      </c>
      <c r="U19678" s="2">
        <v>42.832999999999998</v>
      </c>
      <c r="V19678" s="2">
        <v>39.981000000000002</v>
      </c>
      <c r="W19678" s="2">
        <v>0.153</v>
      </c>
      <c r="X19678" s="2">
        <v>17</v>
      </c>
      <c r="Y19678" s="2">
        <v>80.7</v>
      </c>
      <c r="Z19678" s="2">
        <v>111.6</v>
      </c>
      <c r="AA19678" s="5">
        <v>7</v>
      </c>
      <c r="AB19678" s="5" t="s">
        <v>43</v>
      </c>
      <c r="AC19678" s="5" t="s">
        <v>735</v>
      </c>
      <c r="AD19678" s="2" t="s">
        <v>62238</v>
      </c>
      <c r="AE19678" s="1"/>
    </row>
    <row r="19679" spans="1:31" ht="14.45">
      <c r="A19679" s="11"/>
      <c r="B19679" s="20"/>
      <c r="C19679" s="2" t="s">
        <v>62239</v>
      </c>
      <c r="D19679" s="14" t="s">
        <v>62240</v>
      </c>
      <c r="E19679" s="2" t="s">
        <v>62241</v>
      </c>
      <c r="F19679" s="2" t="s">
        <v>62085</v>
      </c>
      <c r="G19679" s="8">
        <v>1922</v>
      </c>
      <c r="H19679" s="5">
        <v>5</v>
      </c>
      <c r="I19679" s="5" t="s">
        <v>69</v>
      </c>
      <c r="J19679" s="5" t="s">
        <v>61065</v>
      </c>
      <c r="K19679" s="2" t="s">
        <v>61066</v>
      </c>
      <c r="L19679" s="5" t="s">
        <v>61065</v>
      </c>
      <c r="M19679" s="2" t="s">
        <v>61066</v>
      </c>
      <c r="N19679" s="5" t="s">
        <v>733</v>
      </c>
      <c r="O19679" s="5" t="s">
        <v>38</v>
      </c>
      <c r="P19679" s="5" t="s">
        <v>39</v>
      </c>
      <c r="Q19679" s="5" t="s">
        <v>40</v>
      </c>
      <c r="R19679" s="5" t="s">
        <v>1487</v>
      </c>
      <c r="S19679" s="5"/>
      <c r="T19679" s="5" t="s">
        <v>42</v>
      </c>
      <c r="U19679" s="2">
        <v>0</v>
      </c>
      <c r="V19679" s="2">
        <v>0</v>
      </c>
      <c r="W19679" s="2">
        <v>0</v>
      </c>
      <c r="X19679" s="2">
        <v>0</v>
      </c>
      <c r="Y19679" s="2">
        <v>0</v>
      </c>
      <c r="Z19679" s="2">
        <v>0</v>
      </c>
      <c r="AA19679" s="5"/>
      <c r="AB19679" s="5" t="s">
        <v>43</v>
      </c>
      <c r="AC19679" s="5" t="s">
        <v>735</v>
      </c>
      <c r="AD19679" s="2" t="s">
        <v>62242</v>
      </c>
      <c r="AE19679" s="1"/>
    </row>
    <row r="19680" spans="1:31" ht="14.45">
      <c r="A19680" s="11"/>
      <c r="B19680" s="20"/>
      <c r="C19680" s="2" t="s">
        <v>62243</v>
      </c>
      <c r="D19680" s="14" t="s">
        <v>62244</v>
      </c>
      <c r="E19680" s="2" t="s">
        <v>62245</v>
      </c>
      <c r="F19680" s="2" t="s">
        <v>62112</v>
      </c>
      <c r="G19680" s="8">
        <v>1687</v>
      </c>
      <c r="H19680" s="5">
        <v>5</v>
      </c>
      <c r="I19680" s="5" t="s">
        <v>69</v>
      </c>
      <c r="J19680" s="5" t="s">
        <v>61065</v>
      </c>
      <c r="K19680" s="2" t="s">
        <v>61066</v>
      </c>
      <c r="L19680" s="5" t="s">
        <v>61065</v>
      </c>
      <c r="M19680" s="2" t="s">
        <v>61066</v>
      </c>
      <c r="N19680" s="5" t="s">
        <v>733</v>
      </c>
      <c r="O19680" s="5" t="s">
        <v>38</v>
      </c>
      <c r="P19680" s="5" t="s">
        <v>39</v>
      </c>
      <c r="Q19680" s="5" t="s">
        <v>40</v>
      </c>
      <c r="R19680" s="5" t="s">
        <v>1487</v>
      </c>
      <c r="S19680" s="5"/>
      <c r="T19680" s="5" t="s">
        <v>42</v>
      </c>
      <c r="U19680" s="2">
        <v>0</v>
      </c>
      <c r="V19680" s="2">
        <v>0</v>
      </c>
      <c r="W19680" s="2">
        <v>0</v>
      </c>
      <c r="X19680" s="2">
        <v>0</v>
      </c>
      <c r="Y19680" s="2">
        <v>0</v>
      </c>
      <c r="Z19680" s="2">
        <v>0</v>
      </c>
      <c r="AA19680" s="5"/>
      <c r="AB19680" s="5" t="s">
        <v>43</v>
      </c>
      <c r="AC19680" s="5" t="s">
        <v>735</v>
      </c>
      <c r="AD19680" s="2" t="s">
        <v>62246</v>
      </c>
      <c r="AE19680" s="1"/>
    </row>
    <row r="19681" spans="1:31" ht="14.45">
      <c r="A19681" s="11"/>
      <c r="B19681" s="20"/>
      <c r="C19681" s="2" t="s">
        <v>62247</v>
      </c>
      <c r="D19681" s="14" t="s">
        <v>62248</v>
      </c>
      <c r="E19681" s="2" t="s">
        <v>62249</v>
      </c>
      <c r="F19681" s="2" t="s">
        <v>62250</v>
      </c>
      <c r="G19681" s="8">
        <v>1132</v>
      </c>
      <c r="H19681" s="5">
        <v>5</v>
      </c>
      <c r="I19681" s="5" t="s">
        <v>69</v>
      </c>
      <c r="J19681" s="5" t="s">
        <v>61065</v>
      </c>
      <c r="K19681" s="2" t="s">
        <v>61066</v>
      </c>
      <c r="L19681" s="5" t="s">
        <v>61065</v>
      </c>
      <c r="M19681" s="2" t="s">
        <v>61066</v>
      </c>
      <c r="N19681" s="5" t="s">
        <v>733</v>
      </c>
      <c r="O19681" s="5" t="s">
        <v>38</v>
      </c>
      <c r="P19681" s="5" t="s">
        <v>39</v>
      </c>
      <c r="Q19681" s="5" t="s">
        <v>40</v>
      </c>
      <c r="R19681" s="5" t="s">
        <v>897</v>
      </c>
      <c r="S19681" s="5" t="s">
        <v>40</v>
      </c>
      <c r="T19681" s="5" t="s">
        <v>42</v>
      </c>
      <c r="U19681" s="2">
        <v>51.768999999999998</v>
      </c>
      <c r="V19681" s="2">
        <v>48.023000000000003</v>
      </c>
      <c r="W19681" s="2">
        <v>0.19800000000000001</v>
      </c>
      <c r="X19681" s="2">
        <v>17</v>
      </c>
      <c r="Y19681" s="2">
        <v>88.7</v>
      </c>
      <c r="Z19681" s="2">
        <v>131.6</v>
      </c>
      <c r="AA19681" s="5">
        <v>7</v>
      </c>
      <c r="AB19681" s="5" t="s">
        <v>43</v>
      </c>
      <c r="AC19681" s="5" t="s">
        <v>735</v>
      </c>
      <c r="AD19681" s="2" t="s">
        <v>62251</v>
      </c>
      <c r="AE19681" s="1"/>
    </row>
    <row r="19682" spans="1:31" ht="14.45">
      <c r="A19682" s="11"/>
      <c r="B19682" s="20"/>
      <c r="C19682" s="2" t="s">
        <v>62252</v>
      </c>
      <c r="D19682" s="14" t="s">
        <v>62253</v>
      </c>
      <c r="E19682" s="2" t="s">
        <v>62254</v>
      </c>
      <c r="F19682" s="2" t="s">
        <v>62255</v>
      </c>
      <c r="G19682" s="8">
        <v>1432</v>
      </c>
      <c r="H19682" s="5">
        <v>5</v>
      </c>
      <c r="I19682" s="5" t="s">
        <v>69</v>
      </c>
      <c r="J19682" s="5" t="s">
        <v>61065</v>
      </c>
      <c r="K19682" s="2" t="s">
        <v>61066</v>
      </c>
      <c r="L19682" s="5" t="s">
        <v>61065</v>
      </c>
      <c r="M19682" s="2" t="s">
        <v>61066</v>
      </c>
      <c r="N19682" s="5" t="s">
        <v>733</v>
      </c>
      <c r="O19682" s="5" t="s">
        <v>38</v>
      </c>
      <c r="P19682" s="5" t="s">
        <v>39</v>
      </c>
      <c r="Q19682" s="5" t="s">
        <v>40</v>
      </c>
      <c r="R19682" s="5" t="s">
        <v>897</v>
      </c>
      <c r="S19682" s="5" t="s">
        <v>40</v>
      </c>
      <c r="T19682" s="5" t="s">
        <v>42</v>
      </c>
      <c r="U19682" s="2">
        <v>54.406999999999996</v>
      </c>
      <c r="V19682" s="2">
        <v>50.588999999999999</v>
      </c>
      <c r="W19682" s="2">
        <v>0.19800000000000001</v>
      </c>
      <c r="X19682" s="2">
        <v>17</v>
      </c>
      <c r="Y19682" s="2">
        <v>88.7</v>
      </c>
      <c r="Z19682" s="2">
        <v>131.6</v>
      </c>
      <c r="AA19682" s="5">
        <v>7</v>
      </c>
      <c r="AB19682" s="5" t="s">
        <v>43</v>
      </c>
      <c r="AC19682" s="5" t="s">
        <v>735</v>
      </c>
      <c r="AD19682" s="2" t="s">
        <v>62256</v>
      </c>
      <c r="AE19682" s="1"/>
    </row>
    <row r="19683" spans="1:31" ht="14.45">
      <c r="A19683" s="11"/>
      <c r="B19683" s="20"/>
      <c r="C19683" s="2" t="s">
        <v>62257</v>
      </c>
      <c r="D19683" s="14" t="s">
        <v>62258</v>
      </c>
      <c r="E19683" s="2" t="s">
        <v>62259</v>
      </c>
      <c r="F19683" s="2" t="s">
        <v>62260</v>
      </c>
      <c r="G19683" s="8">
        <v>1000</v>
      </c>
      <c r="H19683" s="5">
        <v>5</v>
      </c>
      <c r="I19683" s="5" t="s">
        <v>69</v>
      </c>
      <c r="J19683" s="5" t="s">
        <v>61065</v>
      </c>
      <c r="K19683" s="2" t="s">
        <v>61066</v>
      </c>
      <c r="L19683" s="5" t="s">
        <v>61065</v>
      </c>
      <c r="M19683" s="2" t="s">
        <v>61066</v>
      </c>
      <c r="N19683" s="5" t="s">
        <v>733</v>
      </c>
      <c r="O19683" s="5" t="s">
        <v>38</v>
      </c>
      <c r="P19683" s="5" t="s">
        <v>39</v>
      </c>
      <c r="Q19683" s="5" t="s">
        <v>40</v>
      </c>
      <c r="R19683" s="5" t="s">
        <v>897</v>
      </c>
      <c r="S19683" s="5" t="s">
        <v>40</v>
      </c>
      <c r="T19683" s="5" t="s">
        <v>42</v>
      </c>
      <c r="U19683" s="2">
        <v>44.915999999999997</v>
      </c>
      <c r="V19683" s="2">
        <v>41.197000000000003</v>
      </c>
      <c r="W19683" s="2">
        <v>0.19800000000000001</v>
      </c>
      <c r="X19683" s="2">
        <v>17</v>
      </c>
      <c r="Y19683" s="2">
        <v>88.7</v>
      </c>
      <c r="Z19683" s="2">
        <v>131.6</v>
      </c>
      <c r="AA19683" s="5">
        <v>7</v>
      </c>
      <c r="AB19683" s="5" t="s">
        <v>43</v>
      </c>
      <c r="AC19683" s="5" t="s">
        <v>735</v>
      </c>
      <c r="AD19683" s="2" t="s">
        <v>62261</v>
      </c>
      <c r="AE19683" s="1"/>
    </row>
    <row r="19684" spans="1:31" ht="14.45">
      <c r="A19684" s="11"/>
      <c r="B19684" s="20"/>
      <c r="C19684" s="2" t="s">
        <v>62262</v>
      </c>
      <c r="D19684" s="14" t="s">
        <v>62263</v>
      </c>
      <c r="E19684" s="2" t="s">
        <v>62264</v>
      </c>
      <c r="F19684" s="2" t="s">
        <v>62265</v>
      </c>
      <c r="G19684" s="8">
        <v>1300</v>
      </c>
      <c r="H19684" s="5">
        <v>5</v>
      </c>
      <c r="I19684" s="5" t="s">
        <v>69</v>
      </c>
      <c r="J19684" s="5" t="s">
        <v>61065</v>
      </c>
      <c r="K19684" s="2" t="s">
        <v>61066</v>
      </c>
      <c r="L19684" s="5" t="s">
        <v>61065</v>
      </c>
      <c r="M19684" s="2" t="s">
        <v>61066</v>
      </c>
      <c r="N19684" s="5" t="s">
        <v>733</v>
      </c>
      <c r="O19684" s="5" t="s">
        <v>38</v>
      </c>
      <c r="P19684" s="5" t="s">
        <v>39</v>
      </c>
      <c r="Q19684" s="5" t="s">
        <v>40</v>
      </c>
      <c r="R19684" s="5" t="s">
        <v>897</v>
      </c>
      <c r="S19684" s="5" t="s">
        <v>40</v>
      </c>
      <c r="T19684" s="5" t="s">
        <v>42</v>
      </c>
      <c r="U19684" s="2">
        <v>47.966000000000001</v>
      </c>
      <c r="V19684" s="2">
        <v>44.148000000000003</v>
      </c>
      <c r="W19684" s="2">
        <v>0.19800000000000001</v>
      </c>
      <c r="X19684" s="2">
        <v>17</v>
      </c>
      <c r="Y19684" s="2">
        <v>88.7</v>
      </c>
      <c r="Z19684" s="2">
        <v>131.6</v>
      </c>
      <c r="AA19684" s="5">
        <v>7</v>
      </c>
      <c r="AB19684" s="5" t="s">
        <v>43</v>
      </c>
      <c r="AC19684" s="5" t="s">
        <v>735</v>
      </c>
      <c r="AD19684" s="2" t="s">
        <v>62266</v>
      </c>
      <c r="AE19684" s="1"/>
    </row>
    <row r="19685" spans="1:31" ht="14.45">
      <c r="A19685" s="5" t="s">
        <v>116</v>
      </c>
      <c r="B19685" s="21">
        <v>46082</v>
      </c>
      <c r="C19685" s="2" t="s">
        <v>62267</v>
      </c>
      <c r="D19685" s="14" t="s">
        <v>62268</v>
      </c>
      <c r="E19685" s="2" t="s">
        <v>62269</v>
      </c>
      <c r="F19685" s="2" t="s">
        <v>62270</v>
      </c>
      <c r="G19685" s="8">
        <v>1400</v>
      </c>
      <c r="H19685" s="5">
        <v>5</v>
      </c>
      <c r="I19685" s="5" t="s">
        <v>69</v>
      </c>
      <c r="J19685" s="5" t="s">
        <v>61065</v>
      </c>
      <c r="K19685" s="2" t="s">
        <v>61066</v>
      </c>
      <c r="L19685" s="5" t="s">
        <v>61065</v>
      </c>
      <c r="M19685" s="2" t="s">
        <v>61066</v>
      </c>
      <c r="N19685" s="5" t="s">
        <v>733</v>
      </c>
      <c r="O19685" s="5" t="s">
        <v>38</v>
      </c>
      <c r="P19685" s="5" t="s">
        <v>39</v>
      </c>
      <c r="Q19685" s="5" t="s">
        <v>40</v>
      </c>
      <c r="R19685" s="5" t="s">
        <v>897</v>
      </c>
      <c r="S19685" s="5" t="s">
        <v>40</v>
      </c>
      <c r="T19685" s="5" t="s">
        <v>42</v>
      </c>
      <c r="U19685" s="2">
        <v>47.793999999999997</v>
      </c>
      <c r="V19685" s="2">
        <v>44.072000000000003</v>
      </c>
      <c r="W19685" s="2">
        <v>0.19800000000000001</v>
      </c>
      <c r="X19685" s="2">
        <v>17</v>
      </c>
      <c r="Y19685" s="2">
        <v>88.7</v>
      </c>
      <c r="Z19685" s="2">
        <v>131.6</v>
      </c>
      <c r="AA19685" s="5">
        <v>7</v>
      </c>
      <c r="AB19685" s="5" t="s">
        <v>43</v>
      </c>
      <c r="AC19685" s="5" t="s">
        <v>735</v>
      </c>
      <c r="AD19685" s="2" t="s">
        <v>62271</v>
      </c>
      <c r="AE19685" s="1"/>
    </row>
    <row r="19686" spans="1:31" ht="14.45">
      <c r="A19686" s="11"/>
      <c r="B19686" s="20"/>
      <c r="C19686" s="2" t="s">
        <v>62272</v>
      </c>
      <c r="D19686" s="14" t="s">
        <v>62273</v>
      </c>
      <c r="E19686" s="2" t="s">
        <v>62274</v>
      </c>
      <c r="F19686" s="2" t="s">
        <v>62265</v>
      </c>
      <c r="G19686" s="8">
        <v>1300</v>
      </c>
      <c r="H19686" s="5">
        <v>5</v>
      </c>
      <c r="I19686" s="5" t="s">
        <v>69</v>
      </c>
      <c r="J19686" s="5" t="s">
        <v>61065</v>
      </c>
      <c r="K19686" s="2" t="s">
        <v>61066</v>
      </c>
      <c r="L19686" s="5" t="s">
        <v>61065</v>
      </c>
      <c r="M19686" s="2" t="s">
        <v>61066</v>
      </c>
      <c r="N19686" s="5" t="s">
        <v>733</v>
      </c>
      <c r="O19686" s="5" t="s">
        <v>38</v>
      </c>
      <c r="P19686" s="5" t="s">
        <v>39</v>
      </c>
      <c r="Q19686" s="5" t="s">
        <v>40</v>
      </c>
      <c r="R19686" s="5" t="s">
        <v>897</v>
      </c>
      <c r="S19686" s="5" t="s">
        <v>40</v>
      </c>
      <c r="T19686" s="5" t="s">
        <v>42</v>
      </c>
      <c r="U19686" s="2">
        <v>47.003</v>
      </c>
      <c r="V19686" s="2">
        <v>43.097999999999999</v>
      </c>
      <c r="W19686" s="2">
        <v>0.19800000000000001</v>
      </c>
      <c r="X19686" s="2">
        <v>17</v>
      </c>
      <c r="Y19686" s="2">
        <v>88.7</v>
      </c>
      <c r="Z19686" s="2">
        <v>131.6</v>
      </c>
      <c r="AA19686" s="5">
        <v>7</v>
      </c>
      <c r="AB19686" s="5" t="s">
        <v>43</v>
      </c>
      <c r="AC19686" s="5" t="s">
        <v>735</v>
      </c>
      <c r="AD19686" s="2" t="s">
        <v>62275</v>
      </c>
      <c r="AE19686" s="1"/>
    </row>
    <row r="19687" spans="1:31" ht="14.45">
      <c r="A19687" s="11"/>
      <c r="B19687" s="20"/>
      <c r="C19687" s="2" t="s">
        <v>62276</v>
      </c>
      <c r="D19687" s="14" t="s">
        <v>62277</v>
      </c>
      <c r="E19687" s="2" t="s">
        <v>62278</v>
      </c>
      <c r="F19687" s="2" t="s">
        <v>62265</v>
      </c>
      <c r="G19687" s="8">
        <v>1547</v>
      </c>
      <c r="H19687" s="5">
        <v>5</v>
      </c>
      <c r="I19687" s="5" t="s">
        <v>69</v>
      </c>
      <c r="J19687" s="5" t="s">
        <v>61065</v>
      </c>
      <c r="K19687" s="2" t="s">
        <v>61066</v>
      </c>
      <c r="L19687" s="5" t="s">
        <v>61065</v>
      </c>
      <c r="M19687" s="2" t="s">
        <v>61066</v>
      </c>
      <c r="N19687" s="5" t="s">
        <v>733</v>
      </c>
      <c r="O19687" s="5" t="s">
        <v>38</v>
      </c>
      <c r="P19687" s="5" t="s">
        <v>39</v>
      </c>
      <c r="Q19687" s="5" t="s">
        <v>40</v>
      </c>
      <c r="R19687" s="5" t="s">
        <v>897</v>
      </c>
      <c r="S19687" s="5" t="s">
        <v>40</v>
      </c>
      <c r="T19687" s="5" t="s">
        <v>42</v>
      </c>
      <c r="U19687" s="2">
        <v>50.116999999999997</v>
      </c>
      <c r="V19687" s="2">
        <v>46.365000000000002</v>
      </c>
      <c r="W19687" s="2">
        <v>0.19800000000000001</v>
      </c>
      <c r="X19687" s="2">
        <v>17</v>
      </c>
      <c r="Y19687" s="2">
        <v>88.7</v>
      </c>
      <c r="Z19687" s="2">
        <v>131.6</v>
      </c>
      <c r="AA19687" s="5">
        <v>7</v>
      </c>
      <c r="AB19687" s="5" t="s">
        <v>43</v>
      </c>
      <c r="AC19687" s="5" t="s">
        <v>735</v>
      </c>
      <c r="AD19687" s="2" t="s">
        <v>62279</v>
      </c>
      <c r="AE19687" s="1"/>
    </row>
    <row r="19688" spans="1:31" ht="14.45">
      <c r="A19688" s="11"/>
      <c r="B19688" s="20"/>
      <c r="C19688" s="2" t="s">
        <v>62280</v>
      </c>
      <c r="D19688" s="14" t="s">
        <v>62281</v>
      </c>
      <c r="E19688" s="2" t="s">
        <v>62282</v>
      </c>
      <c r="F19688" s="2" t="s">
        <v>62283</v>
      </c>
      <c r="G19688" s="8">
        <v>1132</v>
      </c>
      <c r="H19688" s="5">
        <v>5</v>
      </c>
      <c r="I19688" s="5" t="s">
        <v>69</v>
      </c>
      <c r="J19688" s="5" t="s">
        <v>61065</v>
      </c>
      <c r="K19688" s="2" t="s">
        <v>61066</v>
      </c>
      <c r="L19688" s="5" t="s">
        <v>61065</v>
      </c>
      <c r="M19688" s="2" t="s">
        <v>61066</v>
      </c>
      <c r="N19688" s="5" t="s">
        <v>733</v>
      </c>
      <c r="O19688" s="5" t="s">
        <v>38</v>
      </c>
      <c r="P19688" s="5" t="s">
        <v>39</v>
      </c>
      <c r="Q19688" s="5" t="s">
        <v>40</v>
      </c>
      <c r="R19688" s="5" t="s">
        <v>897</v>
      </c>
      <c r="S19688" s="5" t="s">
        <v>40</v>
      </c>
      <c r="T19688" s="5" t="s">
        <v>42</v>
      </c>
      <c r="U19688" s="2">
        <v>45.207999999999998</v>
      </c>
      <c r="V19688" s="2">
        <v>41.463999999999999</v>
      </c>
      <c r="W19688" s="2">
        <v>0.19800000000000001</v>
      </c>
      <c r="X19688" s="2">
        <v>17</v>
      </c>
      <c r="Y19688" s="2">
        <v>88.7</v>
      </c>
      <c r="Z19688" s="2">
        <v>131.6</v>
      </c>
      <c r="AA19688" s="5">
        <v>7</v>
      </c>
      <c r="AB19688" s="5" t="s">
        <v>43</v>
      </c>
      <c r="AC19688" s="5" t="s">
        <v>735</v>
      </c>
      <c r="AD19688" s="2" t="s">
        <v>62284</v>
      </c>
      <c r="AE19688" s="1"/>
    </row>
    <row r="19689" spans="1:31" ht="14.45">
      <c r="A19689" s="11"/>
      <c r="B19689" s="20"/>
      <c r="C19689" s="2" t="s">
        <v>62285</v>
      </c>
      <c r="D19689" s="14" t="s">
        <v>62286</v>
      </c>
      <c r="E19689" s="2" t="s">
        <v>62287</v>
      </c>
      <c r="F19689" s="2" t="s">
        <v>62288</v>
      </c>
      <c r="G19689" s="8">
        <v>1432</v>
      </c>
      <c r="H19689" s="5">
        <v>10</v>
      </c>
      <c r="I19689" s="5" t="s">
        <v>69</v>
      </c>
      <c r="J19689" s="5" t="s">
        <v>61065</v>
      </c>
      <c r="K19689" s="2" t="s">
        <v>61066</v>
      </c>
      <c r="L19689" s="5" t="s">
        <v>61065</v>
      </c>
      <c r="M19689" s="2" t="s">
        <v>61066</v>
      </c>
      <c r="N19689" s="5" t="s">
        <v>733</v>
      </c>
      <c r="O19689" s="5" t="s">
        <v>38</v>
      </c>
      <c r="P19689" s="5" t="s">
        <v>39</v>
      </c>
      <c r="Q19689" s="5" t="s">
        <v>40</v>
      </c>
      <c r="R19689" s="5" t="s">
        <v>897</v>
      </c>
      <c r="S19689" s="5" t="s">
        <v>40</v>
      </c>
      <c r="T19689" s="5" t="s">
        <v>42</v>
      </c>
      <c r="U19689" s="2">
        <v>47.796999999999997</v>
      </c>
      <c r="V19689" s="2">
        <v>43.942</v>
      </c>
      <c r="W19689" s="2">
        <v>0.19800000000000001</v>
      </c>
      <c r="X19689" s="2">
        <v>17</v>
      </c>
      <c r="Y19689" s="2">
        <v>88.7</v>
      </c>
      <c r="Z19689" s="2">
        <v>131.6</v>
      </c>
      <c r="AA19689" s="5">
        <v>7</v>
      </c>
      <c r="AB19689" s="5" t="s">
        <v>43</v>
      </c>
      <c r="AC19689" s="5" t="s">
        <v>735</v>
      </c>
      <c r="AD19689" s="2" t="s">
        <v>62289</v>
      </c>
      <c r="AE19689" s="1"/>
    </row>
    <row r="19690" spans="1:31" ht="14.45">
      <c r="A19690" s="11"/>
      <c r="B19690" s="20"/>
      <c r="C19690" s="2" t="s">
        <v>62290</v>
      </c>
      <c r="D19690" s="14" t="s">
        <v>62291</v>
      </c>
      <c r="E19690" s="2" t="s">
        <v>62292</v>
      </c>
      <c r="F19690" s="2" t="s">
        <v>62288</v>
      </c>
      <c r="G19690" s="8">
        <v>1432</v>
      </c>
      <c r="H19690" s="5">
        <v>10</v>
      </c>
      <c r="I19690" s="5" t="s">
        <v>69</v>
      </c>
      <c r="J19690" s="5" t="s">
        <v>61065</v>
      </c>
      <c r="K19690" s="2" t="s">
        <v>61066</v>
      </c>
      <c r="L19690" s="5" t="s">
        <v>61065</v>
      </c>
      <c r="M19690" s="2" t="s">
        <v>61066</v>
      </c>
      <c r="N19690" s="5" t="s">
        <v>733</v>
      </c>
      <c r="O19690" s="5" t="s">
        <v>38</v>
      </c>
      <c r="P19690" s="5" t="s">
        <v>39</v>
      </c>
      <c r="Q19690" s="5" t="s">
        <v>40</v>
      </c>
      <c r="R19690" s="5" t="s">
        <v>897</v>
      </c>
      <c r="S19690" s="5" t="s">
        <v>40</v>
      </c>
      <c r="T19690" s="5" t="s">
        <v>42</v>
      </c>
      <c r="U19690" s="2">
        <v>46.817999999999998</v>
      </c>
      <c r="V19690" s="2">
        <v>42.912999999999997</v>
      </c>
      <c r="W19690" s="2">
        <v>0.19800000000000001</v>
      </c>
      <c r="X19690" s="2">
        <v>17</v>
      </c>
      <c r="Y19690" s="2">
        <v>88.7</v>
      </c>
      <c r="Z19690" s="2">
        <v>131.6</v>
      </c>
      <c r="AA19690" s="5">
        <v>7</v>
      </c>
      <c r="AB19690" s="5" t="s">
        <v>43</v>
      </c>
      <c r="AC19690" s="5" t="s">
        <v>735</v>
      </c>
      <c r="AD19690" s="2" t="s">
        <v>62293</v>
      </c>
      <c r="AE19690" s="1"/>
    </row>
    <row r="19691" spans="1:31" ht="14.45">
      <c r="A19691" s="11"/>
      <c r="B19691" s="20"/>
      <c r="C19691" s="2" t="s">
        <v>62294</v>
      </c>
      <c r="D19691" s="14" t="s">
        <v>62295</v>
      </c>
      <c r="E19691" s="2" t="s">
        <v>62296</v>
      </c>
      <c r="F19691" s="2" t="s">
        <v>62297</v>
      </c>
      <c r="G19691" s="8">
        <v>874</v>
      </c>
      <c r="H19691" s="5">
        <v>5</v>
      </c>
      <c r="I19691" s="5" t="s">
        <v>69</v>
      </c>
      <c r="J19691" s="5" t="s">
        <v>61065</v>
      </c>
      <c r="K19691" s="2" t="s">
        <v>61066</v>
      </c>
      <c r="L19691" s="5" t="s">
        <v>61065</v>
      </c>
      <c r="M19691" s="2" t="s">
        <v>61066</v>
      </c>
      <c r="N19691" s="5" t="s">
        <v>733</v>
      </c>
      <c r="O19691" s="5" t="s">
        <v>38</v>
      </c>
      <c r="P19691" s="5" t="s">
        <v>39</v>
      </c>
      <c r="Q19691" s="5" t="s">
        <v>40</v>
      </c>
      <c r="R19691" s="5" t="s">
        <v>897</v>
      </c>
      <c r="S19691" s="5" t="s">
        <v>40</v>
      </c>
      <c r="T19691" s="5" t="s">
        <v>42</v>
      </c>
      <c r="U19691" s="2">
        <v>45.398000000000003</v>
      </c>
      <c r="V19691" s="2">
        <v>41.654000000000003</v>
      </c>
      <c r="W19691" s="2">
        <v>0.19800000000000001</v>
      </c>
      <c r="X19691" s="2">
        <v>17</v>
      </c>
      <c r="Y19691" s="2">
        <v>88.7</v>
      </c>
      <c r="Z19691" s="2">
        <v>131.6</v>
      </c>
      <c r="AA19691" s="5">
        <v>7</v>
      </c>
      <c r="AB19691" s="5" t="s">
        <v>43</v>
      </c>
      <c r="AC19691" s="5" t="s">
        <v>735</v>
      </c>
      <c r="AD19691" s="2" t="s">
        <v>62298</v>
      </c>
      <c r="AE19691" s="1"/>
    </row>
    <row r="19692" spans="1:31" ht="14.45">
      <c r="A19692" s="11"/>
      <c r="B19692" s="20"/>
      <c r="C19692" s="2" t="s">
        <v>62299</v>
      </c>
      <c r="D19692" s="14" t="s">
        <v>62300</v>
      </c>
      <c r="E19692" s="2" t="s">
        <v>62301</v>
      </c>
      <c r="F19692" s="2" t="s">
        <v>62297</v>
      </c>
      <c r="G19692" s="8">
        <v>1174</v>
      </c>
      <c r="H19692" s="5">
        <v>5</v>
      </c>
      <c r="I19692" s="5" t="s">
        <v>69</v>
      </c>
      <c r="J19692" s="5" t="s">
        <v>61065</v>
      </c>
      <c r="K19692" s="2" t="s">
        <v>61066</v>
      </c>
      <c r="L19692" s="5" t="s">
        <v>61065</v>
      </c>
      <c r="M19692" s="2" t="s">
        <v>61066</v>
      </c>
      <c r="N19692" s="5" t="s">
        <v>733</v>
      </c>
      <c r="O19692" s="5" t="s">
        <v>38</v>
      </c>
      <c r="P19692" s="5" t="s">
        <v>39</v>
      </c>
      <c r="Q19692" s="5" t="s">
        <v>40</v>
      </c>
      <c r="R19692" s="5" t="s">
        <v>897</v>
      </c>
      <c r="S19692" s="5" t="s">
        <v>40</v>
      </c>
      <c r="T19692" s="5" t="s">
        <v>42</v>
      </c>
      <c r="U19692" s="2">
        <v>47.987000000000002</v>
      </c>
      <c r="V19692" s="2">
        <v>44.131999999999998</v>
      </c>
      <c r="W19692" s="2">
        <v>0.19800000000000001</v>
      </c>
      <c r="X19692" s="2">
        <v>17</v>
      </c>
      <c r="Y19692" s="2">
        <v>88.7</v>
      </c>
      <c r="Z19692" s="2">
        <v>131.6</v>
      </c>
      <c r="AA19692" s="5">
        <v>7</v>
      </c>
      <c r="AB19692" s="5" t="s">
        <v>43</v>
      </c>
      <c r="AC19692" s="5" t="s">
        <v>735</v>
      </c>
      <c r="AD19692" s="2" t="s">
        <v>62302</v>
      </c>
      <c r="AE19692" s="1"/>
    </row>
    <row r="19693" spans="1:31" ht="14.45">
      <c r="A19693" s="11"/>
      <c r="B19693" s="20"/>
      <c r="C19693" s="2" t="s">
        <v>62303</v>
      </c>
      <c r="D19693" s="14" t="s">
        <v>62304</v>
      </c>
      <c r="E19693" s="2" t="s">
        <v>62305</v>
      </c>
      <c r="F19693" s="2" t="s">
        <v>62297</v>
      </c>
      <c r="G19693" s="8">
        <v>1174</v>
      </c>
      <c r="H19693" s="5">
        <v>10</v>
      </c>
      <c r="I19693" s="5" t="s">
        <v>69</v>
      </c>
      <c r="J19693" s="5" t="s">
        <v>61065</v>
      </c>
      <c r="K19693" s="2" t="s">
        <v>61066</v>
      </c>
      <c r="L19693" s="5" t="s">
        <v>61065</v>
      </c>
      <c r="M19693" s="2" t="s">
        <v>61066</v>
      </c>
      <c r="N19693" s="5" t="s">
        <v>733</v>
      </c>
      <c r="O19693" s="5" t="s">
        <v>38</v>
      </c>
      <c r="P19693" s="5" t="s">
        <v>39</v>
      </c>
      <c r="Q19693" s="5" t="s">
        <v>40</v>
      </c>
      <c r="R19693" s="5" t="s">
        <v>897</v>
      </c>
      <c r="S19693" s="5" t="s">
        <v>40</v>
      </c>
      <c r="T19693" s="5" t="s">
        <v>42</v>
      </c>
      <c r="U19693" s="2">
        <v>46.991</v>
      </c>
      <c r="V19693" s="2">
        <v>43.085999999999999</v>
      </c>
      <c r="W19693" s="2">
        <v>0.19800000000000001</v>
      </c>
      <c r="X19693" s="2">
        <v>17</v>
      </c>
      <c r="Y19693" s="2">
        <v>88.7</v>
      </c>
      <c r="Z19693" s="2">
        <v>131.6</v>
      </c>
      <c r="AA19693" s="5">
        <v>7</v>
      </c>
      <c r="AB19693" s="5" t="s">
        <v>43</v>
      </c>
      <c r="AC19693" s="5" t="s">
        <v>735</v>
      </c>
      <c r="AD19693" s="2" t="s">
        <v>62306</v>
      </c>
      <c r="AE19693" s="1"/>
    </row>
    <row r="19694" spans="1:31" ht="14.45">
      <c r="A19694" s="11"/>
      <c r="B19694" s="20"/>
      <c r="C19694" s="2" t="s">
        <v>62307</v>
      </c>
      <c r="D19694" s="14" t="s">
        <v>62308</v>
      </c>
      <c r="E19694" s="2" t="s">
        <v>62309</v>
      </c>
      <c r="F19694" s="2" t="s">
        <v>62310</v>
      </c>
      <c r="G19694" s="8">
        <v>715</v>
      </c>
      <c r="H19694" s="5">
        <v>5</v>
      </c>
      <c r="I19694" s="5" t="s">
        <v>69</v>
      </c>
      <c r="J19694" s="5" t="s">
        <v>61065</v>
      </c>
      <c r="K19694" s="2" t="s">
        <v>61066</v>
      </c>
      <c r="L19694" s="5" t="s">
        <v>61065</v>
      </c>
      <c r="M19694" s="2" t="s">
        <v>61066</v>
      </c>
      <c r="N19694" s="5" t="s">
        <v>733</v>
      </c>
      <c r="O19694" s="5" t="s">
        <v>38</v>
      </c>
      <c r="P19694" s="5" t="s">
        <v>39</v>
      </c>
      <c r="Q19694" s="5" t="s">
        <v>40</v>
      </c>
      <c r="R19694" s="5" t="s">
        <v>897</v>
      </c>
      <c r="S19694" s="5" t="s">
        <v>40</v>
      </c>
      <c r="T19694" s="5" t="s">
        <v>42</v>
      </c>
      <c r="U19694" s="2">
        <v>39.427999999999997</v>
      </c>
      <c r="V19694" s="2">
        <v>35.688000000000002</v>
      </c>
      <c r="W19694" s="2">
        <v>0.19800000000000001</v>
      </c>
      <c r="X19694" s="2">
        <v>17</v>
      </c>
      <c r="Y19694" s="2">
        <v>88.7</v>
      </c>
      <c r="Z19694" s="2">
        <v>131.6</v>
      </c>
      <c r="AA19694" s="5">
        <v>7</v>
      </c>
      <c r="AB19694" s="5" t="s">
        <v>43</v>
      </c>
      <c r="AC19694" s="5" t="s">
        <v>735</v>
      </c>
      <c r="AD19694" s="2" t="s">
        <v>62311</v>
      </c>
      <c r="AE19694" s="1"/>
    </row>
    <row r="19695" spans="1:31" ht="14.45">
      <c r="A19695" s="11"/>
      <c r="B19695" s="20"/>
      <c r="C19695" s="2" t="s">
        <v>62312</v>
      </c>
      <c r="D19695" s="14" t="s">
        <v>62313</v>
      </c>
      <c r="E19695" s="2" t="s">
        <v>62314</v>
      </c>
      <c r="F19695" s="2" t="s">
        <v>62310</v>
      </c>
      <c r="G19695" s="8">
        <v>1015</v>
      </c>
      <c r="H19695" s="5">
        <v>5</v>
      </c>
      <c r="I19695" s="5" t="s">
        <v>69</v>
      </c>
      <c r="J19695" s="5" t="s">
        <v>61065</v>
      </c>
      <c r="K19695" s="2" t="s">
        <v>61066</v>
      </c>
      <c r="L19695" s="5" t="s">
        <v>61065</v>
      </c>
      <c r="M19695" s="2" t="s">
        <v>61066</v>
      </c>
      <c r="N19695" s="5" t="s">
        <v>733</v>
      </c>
      <c r="O19695" s="5" t="s">
        <v>38</v>
      </c>
      <c r="P19695" s="5" t="s">
        <v>39</v>
      </c>
      <c r="Q19695" s="5" t="s">
        <v>40</v>
      </c>
      <c r="R19695" s="5" t="s">
        <v>897</v>
      </c>
      <c r="S19695" s="5" t="s">
        <v>40</v>
      </c>
      <c r="T19695" s="5" t="s">
        <v>42</v>
      </c>
      <c r="U19695" s="2">
        <v>42.447000000000003</v>
      </c>
      <c r="V19695" s="2">
        <v>38.613</v>
      </c>
      <c r="W19695" s="2">
        <v>0.19800000000000001</v>
      </c>
      <c r="X19695" s="2">
        <v>17</v>
      </c>
      <c r="Y19695" s="2">
        <v>88.7</v>
      </c>
      <c r="Z19695" s="2">
        <v>131.6</v>
      </c>
      <c r="AA19695" s="5">
        <v>7</v>
      </c>
      <c r="AB19695" s="5" t="s">
        <v>43</v>
      </c>
      <c r="AC19695" s="5" t="s">
        <v>735</v>
      </c>
      <c r="AD19695" s="2" t="s">
        <v>62315</v>
      </c>
      <c r="AE19695" s="1"/>
    </row>
    <row r="19696" spans="1:31" ht="14.45">
      <c r="A19696" s="5" t="s">
        <v>116</v>
      </c>
      <c r="B19696" s="21">
        <v>46082</v>
      </c>
      <c r="C19696" s="2" t="s">
        <v>62316</v>
      </c>
      <c r="D19696" s="14" t="s">
        <v>62317</v>
      </c>
      <c r="E19696" s="2" t="s">
        <v>62318</v>
      </c>
      <c r="F19696" s="2" t="s">
        <v>62319</v>
      </c>
      <c r="G19696" s="8">
        <v>1115</v>
      </c>
      <c r="H19696" s="5">
        <v>5</v>
      </c>
      <c r="I19696" s="5" t="s">
        <v>69</v>
      </c>
      <c r="J19696" s="5" t="s">
        <v>61065</v>
      </c>
      <c r="K19696" s="2" t="s">
        <v>61066</v>
      </c>
      <c r="L19696" s="5" t="s">
        <v>61065</v>
      </c>
      <c r="M19696" s="2" t="s">
        <v>61066</v>
      </c>
      <c r="N19696" s="5" t="s">
        <v>733</v>
      </c>
      <c r="O19696" s="5" t="s">
        <v>38</v>
      </c>
      <c r="P19696" s="5" t="s">
        <v>39</v>
      </c>
      <c r="Q19696" s="5" t="s">
        <v>40</v>
      </c>
      <c r="R19696" s="5" t="s">
        <v>897</v>
      </c>
      <c r="S19696" s="5" t="s">
        <v>40</v>
      </c>
      <c r="T19696" s="5" t="s">
        <v>42</v>
      </c>
      <c r="U19696" s="2">
        <v>42.314999999999998</v>
      </c>
      <c r="V19696" s="2">
        <v>38.576999999999998</v>
      </c>
      <c r="W19696" s="2">
        <v>0.19800000000000001</v>
      </c>
      <c r="X19696" s="2">
        <v>17</v>
      </c>
      <c r="Y19696" s="2">
        <v>88.7</v>
      </c>
      <c r="Z19696" s="2">
        <v>131.6</v>
      </c>
      <c r="AA19696" s="5">
        <v>7</v>
      </c>
      <c r="AB19696" s="5" t="s">
        <v>43</v>
      </c>
      <c r="AC19696" s="5" t="s">
        <v>735</v>
      </c>
      <c r="AD19696" s="2" t="s">
        <v>62320</v>
      </c>
      <c r="AE19696" s="1"/>
    </row>
    <row r="19697" spans="1:31" ht="14.45">
      <c r="A19697" s="11"/>
      <c r="B19697" s="20"/>
      <c r="C19697" s="2" t="s">
        <v>62321</v>
      </c>
      <c r="D19697" s="14" t="s">
        <v>62322</v>
      </c>
      <c r="E19697" s="2" t="s">
        <v>62323</v>
      </c>
      <c r="F19697" s="2" t="s">
        <v>62310</v>
      </c>
      <c r="G19697" s="8">
        <v>1015</v>
      </c>
      <c r="H19697" s="5">
        <v>5</v>
      </c>
      <c r="I19697" s="5" t="s">
        <v>69</v>
      </c>
      <c r="J19697" s="5" t="s">
        <v>61065</v>
      </c>
      <c r="K19697" s="2" t="s">
        <v>61066</v>
      </c>
      <c r="L19697" s="5" t="s">
        <v>61065</v>
      </c>
      <c r="M19697" s="2" t="s">
        <v>61066</v>
      </c>
      <c r="N19697" s="5" t="s">
        <v>733</v>
      </c>
      <c r="O19697" s="5" t="s">
        <v>38</v>
      </c>
      <c r="P19697" s="5" t="s">
        <v>39</v>
      </c>
      <c r="Q19697" s="5" t="s">
        <v>40</v>
      </c>
      <c r="R19697" s="5" t="s">
        <v>897</v>
      </c>
      <c r="S19697" s="5" t="s">
        <v>40</v>
      </c>
      <c r="T19697" s="5" t="s">
        <v>42</v>
      </c>
      <c r="U19697" s="2">
        <v>41.524000000000001</v>
      </c>
      <c r="V19697" s="2">
        <v>37.603000000000002</v>
      </c>
      <c r="W19697" s="2">
        <v>0.19800000000000001</v>
      </c>
      <c r="X19697" s="2">
        <v>17</v>
      </c>
      <c r="Y19697" s="2">
        <v>88.7</v>
      </c>
      <c r="Z19697" s="2">
        <v>131.6</v>
      </c>
      <c r="AA19697" s="5">
        <v>7</v>
      </c>
      <c r="AB19697" s="5" t="s">
        <v>43</v>
      </c>
      <c r="AC19697" s="5" t="s">
        <v>735</v>
      </c>
      <c r="AD19697" s="2" t="s">
        <v>62324</v>
      </c>
      <c r="AE19697" s="1"/>
    </row>
    <row r="19698" spans="1:31" ht="14.45">
      <c r="A19698" s="11"/>
      <c r="B19698" s="20"/>
      <c r="C19698" s="2" t="s">
        <v>62325</v>
      </c>
      <c r="D19698" s="14" t="s">
        <v>62326</v>
      </c>
      <c r="E19698" s="2" t="s">
        <v>62327</v>
      </c>
      <c r="F19698" s="2" t="s">
        <v>62310</v>
      </c>
      <c r="G19698" s="8">
        <v>1262</v>
      </c>
      <c r="H19698" s="5">
        <v>5</v>
      </c>
      <c r="I19698" s="5" t="s">
        <v>69</v>
      </c>
      <c r="J19698" s="5" t="s">
        <v>61065</v>
      </c>
      <c r="K19698" s="2" t="s">
        <v>61066</v>
      </c>
      <c r="L19698" s="5" t="s">
        <v>61065</v>
      </c>
      <c r="M19698" s="2" t="s">
        <v>61066</v>
      </c>
      <c r="N19698" s="5" t="s">
        <v>733</v>
      </c>
      <c r="O19698" s="5" t="s">
        <v>38</v>
      </c>
      <c r="P19698" s="5" t="s">
        <v>39</v>
      </c>
      <c r="Q19698" s="5" t="s">
        <v>40</v>
      </c>
      <c r="R19698" s="5" t="s">
        <v>897</v>
      </c>
      <c r="S19698" s="5" t="s">
        <v>40</v>
      </c>
      <c r="T19698" s="5" t="s">
        <v>42</v>
      </c>
      <c r="U19698" s="2">
        <v>44.598999999999997</v>
      </c>
      <c r="V19698" s="2">
        <v>40.831000000000003</v>
      </c>
      <c r="W19698" s="2">
        <v>0.19800000000000001</v>
      </c>
      <c r="X19698" s="2">
        <v>17</v>
      </c>
      <c r="Y19698" s="2">
        <v>88.7</v>
      </c>
      <c r="Z19698" s="2">
        <v>131.6</v>
      </c>
      <c r="AA19698" s="5">
        <v>7</v>
      </c>
      <c r="AB19698" s="5" t="s">
        <v>43</v>
      </c>
      <c r="AC19698" s="5" t="s">
        <v>735</v>
      </c>
      <c r="AD19698" s="2" t="s">
        <v>62328</v>
      </c>
      <c r="AE19698" s="1"/>
    </row>
    <row r="19699" spans="1:31" ht="14.45">
      <c r="A19699" s="11"/>
      <c r="B19699" s="20"/>
      <c r="C19699" s="2" t="s">
        <v>62329</v>
      </c>
      <c r="D19699" s="14" t="s">
        <v>62330</v>
      </c>
      <c r="E19699" s="2" t="s">
        <v>62331</v>
      </c>
      <c r="F19699" s="2" t="s">
        <v>62332</v>
      </c>
      <c r="G19699" s="8">
        <v>1194</v>
      </c>
      <c r="H19699" s="5">
        <v>10</v>
      </c>
      <c r="I19699" s="5" t="s">
        <v>69</v>
      </c>
      <c r="J19699" s="5" t="s">
        <v>61065</v>
      </c>
      <c r="K19699" s="2" t="s">
        <v>61066</v>
      </c>
      <c r="L19699" s="5" t="s">
        <v>61065</v>
      </c>
      <c r="M19699" s="2" t="s">
        <v>61066</v>
      </c>
      <c r="N19699" s="5" t="s">
        <v>733</v>
      </c>
      <c r="O19699" s="5" t="s">
        <v>38</v>
      </c>
      <c r="P19699" s="5" t="s">
        <v>39</v>
      </c>
      <c r="Q19699" s="5" t="s">
        <v>40</v>
      </c>
      <c r="R19699" s="5" t="s">
        <v>897</v>
      </c>
      <c r="S19699" s="5" t="s">
        <v>40</v>
      </c>
      <c r="T19699" s="5" t="s">
        <v>42</v>
      </c>
      <c r="U19699" s="2">
        <v>43.290999999999997</v>
      </c>
      <c r="V19699" s="2">
        <v>39.545000000000002</v>
      </c>
      <c r="W19699" s="2">
        <v>0.19800000000000001</v>
      </c>
      <c r="X19699" s="2">
        <v>17</v>
      </c>
      <c r="Y19699" s="2">
        <v>88.7</v>
      </c>
      <c r="Z19699" s="2">
        <v>131.6</v>
      </c>
      <c r="AA19699" s="5">
        <v>7</v>
      </c>
      <c r="AB19699" s="5" t="s">
        <v>43</v>
      </c>
      <c r="AC19699" s="5" t="s">
        <v>735</v>
      </c>
      <c r="AD19699" s="2" t="s">
        <v>62333</v>
      </c>
      <c r="AE19699" s="1"/>
    </row>
    <row r="19700" spans="1:31" ht="14.45">
      <c r="A19700" s="11"/>
      <c r="B19700" s="20"/>
      <c r="C19700" s="2" t="s">
        <v>62334</v>
      </c>
      <c r="D19700" s="14" t="s">
        <v>62335</v>
      </c>
      <c r="E19700" s="2" t="s">
        <v>62336</v>
      </c>
      <c r="F19700" s="2" t="s">
        <v>62337</v>
      </c>
      <c r="G19700" s="8">
        <v>917</v>
      </c>
      <c r="H19700" s="5">
        <v>5</v>
      </c>
      <c r="I19700" s="5" t="s">
        <v>69</v>
      </c>
      <c r="J19700" s="5" t="s">
        <v>61065</v>
      </c>
      <c r="K19700" s="2" t="s">
        <v>61066</v>
      </c>
      <c r="L19700" s="5" t="s">
        <v>61065</v>
      </c>
      <c r="M19700" s="2" t="s">
        <v>61066</v>
      </c>
      <c r="N19700" s="5" t="s">
        <v>733</v>
      </c>
      <c r="O19700" s="5" t="s">
        <v>38</v>
      </c>
      <c r="P19700" s="5" t="s">
        <v>39</v>
      </c>
      <c r="Q19700" s="5" t="s">
        <v>40</v>
      </c>
      <c r="R19700" s="5" t="s">
        <v>897</v>
      </c>
      <c r="S19700" s="5" t="s">
        <v>40</v>
      </c>
      <c r="T19700" s="5" t="s">
        <v>42</v>
      </c>
      <c r="U19700" s="2">
        <v>45.326000000000001</v>
      </c>
      <c r="V19700" s="2">
        <v>41.587000000000003</v>
      </c>
      <c r="W19700" s="2">
        <v>0.18099999999999999</v>
      </c>
      <c r="X19700" s="2">
        <v>17</v>
      </c>
      <c r="Y19700" s="2">
        <v>88.7</v>
      </c>
      <c r="Z19700" s="2">
        <v>131.6</v>
      </c>
      <c r="AA19700" s="5">
        <v>7</v>
      </c>
      <c r="AB19700" s="5" t="s">
        <v>43</v>
      </c>
      <c r="AC19700" s="5" t="s">
        <v>735</v>
      </c>
      <c r="AD19700" s="2" t="s">
        <v>62338</v>
      </c>
      <c r="AE19700" s="1"/>
    </row>
    <row r="19701" spans="1:31" ht="14.45">
      <c r="A19701" s="11"/>
      <c r="B19701" s="20"/>
      <c r="C19701" s="2" t="s">
        <v>62339</v>
      </c>
      <c r="D19701" s="14" t="s">
        <v>62340</v>
      </c>
      <c r="E19701" s="2" t="s">
        <v>62341</v>
      </c>
      <c r="F19701" s="2" t="s">
        <v>62337</v>
      </c>
      <c r="G19701" s="8">
        <v>1217</v>
      </c>
      <c r="H19701" s="5">
        <v>5</v>
      </c>
      <c r="I19701" s="5" t="s">
        <v>69</v>
      </c>
      <c r="J19701" s="5" t="s">
        <v>61065</v>
      </c>
      <c r="K19701" s="2" t="s">
        <v>61066</v>
      </c>
      <c r="L19701" s="5" t="s">
        <v>61065</v>
      </c>
      <c r="M19701" s="2" t="s">
        <v>61066</v>
      </c>
      <c r="N19701" s="5" t="s">
        <v>733</v>
      </c>
      <c r="O19701" s="5" t="s">
        <v>38</v>
      </c>
      <c r="P19701" s="5" t="s">
        <v>39</v>
      </c>
      <c r="Q19701" s="5" t="s">
        <v>40</v>
      </c>
      <c r="R19701" s="5" t="s">
        <v>897</v>
      </c>
      <c r="S19701" s="5" t="s">
        <v>40</v>
      </c>
      <c r="T19701" s="5" t="s">
        <v>42</v>
      </c>
      <c r="U19701" s="2">
        <v>47.972999999999999</v>
      </c>
      <c r="V19701" s="2">
        <v>44.116</v>
      </c>
      <c r="W19701" s="2">
        <v>0.18099999999999999</v>
      </c>
      <c r="X19701" s="2">
        <v>17</v>
      </c>
      <c r="Y19701" s="2">
        <v>88.7</v>
      </c>
      <c r="Z19701" s="2">
        <v>131.6</v>
      </c>
      <c r="AA19701" s="5">
        <v>7</v>
      </c>
      <c r="AB19701" s="5" t="s">
        <v>43</v>
      </c>
      <c r="AC19701" s="5" t="s">
        <v>735</v>
      </c>
      <c r="AD19701" s="2" t="s">
        <v>62342</v>
      </c>
      <c r="AE19701" s="1"/>
    </row>
    <row r="19702" spans="1:31" ht="14.45">
      <c r="A19702" s="5" t="s">
        <v>116</v>
      </c>
      <c r="B19702" s="21">
        <v>46082</v>
      </c>
      <c r="C19702" s="2" t="s">
        <v>62343</v>
      </c>
      <c r="D19702" s="14" t="s">
        <v>62344</v>
      </c>
      <c r="E19702" s="2" t="s">
        <v>62345</v>
      </c>
      <c r="F19702" s="2" t="s">
        <v>62346</v>
      </c>
      <c r="G19702" s="8">
        <v>1317</v>
      </c>
      <c r="H19702" s="5">
        <v>5</v>
      </c>
      <c r="I19702" s="5" t="s">
        <v>69</v>
      </c>
      <c r="J19702" s="5" t="s">
        <v>61065</v>
      </c>
      <c r="K19702" s="2" t="s">
        <v>61066</v>
      </c>
      <c r="L19702" s="5" t="s">
        <v>61065</v>
      </c>
      <c r="M19702" s="2" t="s">
        <v>61066</v>
      </c>
      <c r="N19702" s="5" t="s">
        <v>733</v>
      </c>
      <c r="O19702" s="5" t="s">
        <v>38</v>
      </c>
      <c r="P19702" s="5" t="s">
        <v>39</v>
      </c>
      <c r="Q19702" s="5" t="s">
        <v>40</v>
      </c>
      <c r="R19702" s="5" t="s">
        <v>897</v>
      </c>
      <c r="S19702" s="5" t="s">
        <v>40</v>
      </c>
      <c r="T19702" s="5" t="s">
        <v>42</v>
      </c>
      <c r="U19702" s="2">
        <v>47.652999999999999</v>
      </c>
      <c r="V19702" s="2">
        <v>43.930999999999997</v>
      </c>
      <c r="W19702" s="2">
        <v>0.19800000000000001</v>
      </c>
      <c r="X19702" s="2">
        <v>17</v>
      </c>
      <c r="Y19702" s="2">
        <v>88.7</v>
      </c>
      <c r="Z19702" s="2">
        <v>131.6</v>
      </c>
      <c r="AA19702" s="5">
        <v>7</v>
      </c>
      <c r="AB19702" s="5" t="s">
        <v>43</v>
      </c>
      <c r="AC19702" s="5" t="s">
        <v>735</v>
      </c>
      <c r="AD19702" s="2" t="s">
        <v>62347</v>
      </c>
      <c r="AE19702" s="1"/>
    </row>
    <row r="19703" spans="1:31" ht="14.45">
      <c r="A19703" s="11"/>
      <c r="B19703" s="20"/>
      <c r="C19703" s="2" t="s">
        <v>62348</v>
      </c>
      <c r="D19703" s="14" t="s">
        <v>62349</v>
      </c>
      <c r="E19703" s="2" t="s">
        <v>62350</v>
      </c>
      <c r="F19703" s="2" t="s">
        <v>62337</v>
      </c>
      <c r="G19703" s="8">
        <v>1217</v>
      </c>
      <c r="H19703" s="5">
        <v>5</v>
      </c>
      <c r="I19703" s="5" t="s">
        <v>69</v>
      </c>
      <c r="J19703" s="5" t="s">
        <v>61065</v>
      </c>
      <c r="K19703" s="2" t="s">
        <v>61066</v>
      </c>
      <c r="L19703" s="5" t="s">
        <v>61065</v>
      </c>
      <c r="M19703" s="2" t="s">
        <v>61066</v>
      </c>
      <c r="N19703" s="5" t="s">
        <v>733</v>
      </c>
      <c r="O19703" s="5" t="s">
        <v>38</v>
      </c>
      <c r="P19703" s="5" t="s">
        <v>39</v>
      </c>
      <c r="Q19703" s="5" t="s">
        <v>40</v>
      </c>
      <c r="R19703" s="5" t="s">
        <v>897</v>
      </c>
      <c r="S19703" s="5" t="s">
        <v>40</v>
      </c>
      <c r="T19703" s="5" t="s">
        <v>42</v>
      </c>
      <c r="U19703" s="2">
        <v>46.970999999999997</v>
      </c>
      <c r="V19703" s="2">
        <v>43.066000000000003</v>
      </c>
      <c r="W19703" s="2">
        <v>0.18099999999999999</v>
      </c>
      <c r="X19703" s="2">
        <v>17</v>
      </c>
      <c r="Y19703" s="2">
        <v>88.7</v>
      </c>
      <c r="Z19703" s="2">
        <v>131.6</v>
      </c>
      <c r="AA19703" s="5">
        <v>7</v>
      </c>
      <c r="AB19703" s="5" t="s">
        <v>43</v>
      </c>
      <c r="AC19703" s="5" t="s">
        <v>735</v>
      </c>
      <c r="AD19703" s="2" t="s">
        <v>62351</v>
      </c>
      <c r="AE19703" s="1"/>
    </row>
    <row r="19704" spans="1:31" ht="14.45">
      <c r="A19704" s="5"/>
      <c r="B19704" s="21"/>
      <c r="C19704" s="2" t="s">
        <v>62352</v>
      </c>
      <c r="D19704" s="14" t="s">
        <v>62353</v>
      </c>
      <c r="E19704" s="2" t="s">
        <v>62354</v>
      </c>
      <c r="F19704" s="2" t="s">
        <v>62355</v>
      </c>
      <c r="G19704" s="8">
        <v>1464</v>
      </c>
      <c r="H19704" s="5">
        <v>5</v>
      </c>
      <c r="I19704" s="5" t="s">
        <v>69</v>
      </c>
      <c r="J19704" s="5" t="s">
        <v>61065</v>
      </c>
      <c r="K19704" s="2" t="s">
        <v>61066</v>
      </c>
      <c r="L19704" s="5" t="s">
        <v>61065</v>
      </c>
      <c r="M19704" s="2" t="s">
        <v>61066</v>
      </c>
      <c r="N19704" s="5" t="s">
        <v>733</v>
      </c>
      <c r="O19704" s="5" t="s">
        <v>38</v>
      </c>
      <c r="P19704" s="5" t="s">
        <v>39</v>
      </c>
      <c r="Q19704" s="5" t="s">
        <v>40</v>
      </c>
      <c r="R19704" s="5" t="s">
        <v>897</v>
      </c>
      <c r="S19704" s="5" t="s">
        <v>40</v>
      </c>
      <c r="T19704" s="5" t="s">
        <v>42</v>
      </c>
      <c r="U19704" s="2">
        <v>50.05</v>
      </c>
      <c r="V19704" s="2">
        <v>46.292999999999999</v>
      </c>
      <c r="W19704" s="2">
        <v>0.18099999999999999</v>
      </c>
      <c r="X19704" s="2">
        <v>17</v>
      </c>
      <c r="Y19704" s="2">
        <v>88.7</v>
      </c>
      <c r="Z19704" s="2">
        <v>131.6</v>
      </c>
      <c r="AA19704" s="5">
        <v>7</v>
      </c>
      <c r="AB19704" s="5" t="s">
        <v>43</v>
      </c>
      <c r="AC19704" s="5" t="s">
        <v>735</v>
      </c>
      <c r="AD19704" s="2"/>
      <c r="AE19704" s="1"/>
    </row>
    <row r="19705" spans="1:31" ht="14.45">
      <c r="A19705" s="11"/>
      <c r="B19705" s="20"/>
      <c r="C19705" s="2" t="s">
        <v>62356</v>
      </c>
      <c r="D19705" s="14" t="s">
        <v>62357</v>
      </c>
      <c r="E19705" s="2" t="s">
        <v>62358</v>
      </c>
      <c r="F19705" s="2" t="s">
        <v>62359</v>
      </c>
      <c r="G19705" s="8">
        <v>1600</v>
      </c>
      <c r="H19705" s="5">
        <v>10</v>
      </c>
      <c r="I19705" s="5" t="s">
        <v>69</v>
      </c>
      <c r="J19705" s="5" t="s">
        <v>61065</v>
      </c>
      <c r="K19705" s="2" t="s">
        <v>61066</v>
      </c>
      <c r="L19705" s="5" t="s">
        <v>61065</v>
      </c>
      <c r="M19705" s="2" t="s">
        <v>61066</v>
      </c>
      <c r="N19705" s="5" t="s">
        <v>733</v>
      </c>
      <c r="O19705" s="5" t="s">
        <v>38</v>
      </c>
      <c r="P19705" s="5" t="s">
        <v>39</v>
      </c>
      <c r="Q19705" s="5" t="s">
        <v>40</v>
      </c>
      <c r="R19705" s="5" t="s">
        <v>897</v>
      </c>
      <c r="S19705" s="5" t="s">
        <v>40</v>
      </c>
      <c r="T19705" s="5" t="s">
        <v>42</v>
      </c>
      <c r="U19705" s="2">
        <v>56.601999999999997</v>
      </c>
      <c r="V19705" s="2">
        <v>52.823999999999998</v>
      </c>
      <c r="W19705" s="2">
        <v>0.19800000000000001</v>
      </c>
      <c r="X19705" s="2">
        <v>17</v>
      </c>
      <c r="Y19705" s="2">
        <v>88.7</v>
      </c>
      <c r="Z19705" s="2">
        <v>131.6</v>
      </c>
      <c r="AA19705" s="5">
        <v>7</v>
      </c>
      <c r="AB19705" s="5" t="s">
        <v>43</v>
      </c>
      <c r="AC19705" s="5" t="s">
        <v>735</v>
      </c>
      <c r="AD19705" s="2" t="s">
        <v>62360</v>
      </c>
      <c r="AE19705" s="1"/>
    </row>
    <row r="19706" spans="1:31" ht="14.45">
      <c r="A19706" s="11"/>
      <c r="B19706" s="20"/>
      <c r="C19706" s="2" t="s">
        <v>62361</v>
      </c>
      <c r="D19706" s="14" t="s">
        <v>62362</v>
      </c>
      <c r="E19706" s="2" t="s">
        <v>62363</v>
      </c>
      <c r="F19706" s="2" t="s">
        <v>62364</v>
      </c>
      <c r="G19706" s="8">
        <v>1900</v>
      </c>
      <c r="H19706" s="5">
        <v>10</v>
      </c>
      <c r="I19706" s="5" t="s">
        <v>69</v>
      </c>
      <c r="J19706" s="5" t="s">
        <v>61065</v>
      </c>
      <c r="K19706" s="2" t="s">
        <v>61066</v>
      </c>
      <c r="L19706" s="5" t="s">
        <v>61065</v>
      </c>
      <c r="M19706" s="2" t="s">
        <v>61066</v>
      </c>
      <c r="N19706" s="5" t="s">
        <v>733</v>
      </c>
      <c r="O19706" s="5" t="s">
        <v>38</v>
      </c>
      <c r="P19706" s="5" t="s">
        <v>39</v>
      </c>
      <c r="Q19706" s="5" t="s">
        <v>40</v>
      </c>
      <c r="R19706" s="5" t="s">
        <v>897</v>
      </c>
      <c r="S19706" s="5" t="s">
        <v>40</v>
      </c>
      <c r="T19706" s="5" t="s">
        <v>42</v>
      </c>
      <c r="U19706" s="2">
        <v>57.496000000000002</v>
      </c>
      <c r="V19706" s="2">
        <v>53.67</v>
      </c>
      <c r="W19706" s="2">
        <v>0.19800000000000001</v>
      </c>
      <c r="X19706" s="2">
        <v>17</v>
      </c>
      <c r="Y19706" s="2">
        <v>88.7</v>
      </c>
      <c r="Z19706" s="2">
        <v>131.6</v>
      </c>
      <c r="AA19706" s="5">
        <v>7</v>
      </c>
      <c r="AB19706" s="5" t="s">
        <v>43</v>
      </c>
      <c r="AC19706" s="5" t="s">
        <v>735</v>
      </c>
      <c r="AD19706" s="2" t="s">
        <v>62365</v>
      </c>
      <c r="AE19706" s="1"/>
    </row>
    <row r="19707" spans="1:31" ht="14.45">
      <c r="A19707" s="11"/>
      <c r="B19707" s="20"/>
      <c r="C19707" s="2" t="s">
        <v>62366</v>
      </c>
      <c r="D19707" s="14" t="s">
        <v>62367</v>
      </c>
      <c r="E19707" s="2" t="s">
        <v>62368</v>
      </c>
      <c r="F19707" s="2" t="s">
        <v>62369</v>
      </c>
      <c r="G19707" s="8">
        <v>1468</v>
      </c>
      <c r="H19707" s="5">
        <v>10</v>
      </c>
      <c r="I19707" s="5" t="s">
        <v>69</v>
      </c>
      <c r="J19707" s="5" t="s">
        <v>61065</v>
      </c>
      <c r="K19707" s="2" t="s">
        <v>61066</v>
      </c>
      <c r="L19707" s="5" t="s">
        <v>61065</v>
      </c>
      <c r="M19707" s="2" t="s">
        <v>61066</v>
      </c>
      <c r="N19707" s="5" t="s">
        <v>733</v>
      </c>
      <c r="O19707" s="5" t="s">
        <v>38</v>
      </c>
      <c r="P19707" s="5" t="s">
        <v>39</v>
      </c>
      <c r="Q19707" s="5" t="s">
        <v>40</v>
      </c>
      <c r="R19707" s="5" t="s">
        <v>897</v>
      </c>
      <c r="S19707" s="5" t="s">
        <v>40</v>
      </c>
      <c r="T19707" s="5" t="s">
        <v>42</v>
      </c>
      <c r="U19707" s="2">
        <v>50.183999999999997</v>
      </c>
      <c r="V19707" s="2">
        <v>46.415999999999997</v>
      </c>
      <c r="W19707" s="2">
        <v>0.19800000000000001</v>
      </c>
      <c r="X19707" s="2">
        <v>17</v>
      </c>
      <c r="Y19707" s="2">
        <v>88.7</v>
      </c>
      <c r="Z19707" s="2">
        <v>131.6</v>
      </c>
      <c r="AA19707" s="5">
        <v>7</v>
      </c>
      <c r="AB19707" s="5" t="s">
        <v>43</v>
      </c>
      <c r="AC19707" s="5" t="s">
        <v>735</v>
      </c>
      <c r="AD19707" s="2" t="s">
        <v>62370</v>
      </c>
      <c r="AE19707" s="1"/>
    </row>
    <row r="19708" spans="1:31" ht="14.45">
      <c r="A19708" s="11"/>
      <c r="B19708" s="20"/>
      <c r="C19708" s="2" t="s">
        <v>62371</v>
      </c>
      <c r="D19708" s="14" t="s">
        <v>62372</v>
      </c>
      <c r="E19708" s="2" t="s">
        <v>62373</v>
      </c>
      <c r="F19708" s="2" t="s">
        <v>62374</v>
      </c>
      <c r="G19708" s="8">
        <v>1768</v>
      </c>
      <c r="H19708" s="5">
        <v>10</v>
      </c>
      <c r="I19708" s="5" t="s">
        <v>69</v>
      </c>
      <c r="J19708" s="5" t="s">
        <v>61065</v>
      </c>
      <c r="K19708" s="2" t="s">
        <v>61066</v>
      </c>
      <c r="L19708" s="5" t="s">
        <v>61065</v>
      </c>
      <c r="M19708" s="2" t="s">
        <v>61066</v>
      </c>
      <c r="N19708" s="5" t="s">
        <v>733</v>
      </c>
      <c r="O19708" s="5" t="s">
        <v>38</v>
      </c>
      <c r="P19708" s="5" t="s">
        <v>39</v>
      </c>
      <c r="Q19708" s="5" t="s">
        <v>40</v>
      </c>
      <c r="R19708" s="5" t="s">
        <v>897</v>
      </c>
      <c r="S19708" s="5" t="s">
        <v>40</v>
      </c>
      <c r="T19708" s="5" t="s">
        <v>42</v>
      </c>
      <c r="U19708" s="2">
        <v>51.03</v>
      </c>
      <c r="V19708" s="2">
        <v>47.174999999999997</v>
      </c>
      <c r="W19708" s="2">
        <v>0.19800000000000001</v>
      </c>
      <c r="X19708" s="2">
        <v>17</v>
      </c>
      <c r="Y19708" s="2">
        <v>88.7</v>
      </c>
      <c r="Z19708" s="2">
        <v>131.6</v>
      </c>
      <c r="AA19708" s="5">
        <v>7</v>
      </c>
      <c r="AB19708" s="5" t="s">
        <v>43</v>
      </c>
      <c r="AC19708" s="5" t="s">
        <v>735</v>
      </c>
      <c r="AD19708" s="2" t="s">
        <v>62375</v>
      </c>
      <c r="AE19708" s="1"/>
    </row>
    <row r="19709" spans="1:31" ht="14.45">
      <c r="A19709" s="5" t="s">
        <v>116</v>
      </c>
      <c r="B19709" s="21">
        <v>46082</v>
      </c>
      <c r="C19709" s="2" t="s">
        <v>62376</v>
      </c>
      <c r="D19709" s="14" t="s">
        <v>62377</v>
      </c>
      <c r="E19709" s="2" t="s">
        <v>62378</v>
      </c>
      <c r="F19709" s="2" t="s">
        <v>62379</v>
      </c>
      <c r="G19709" s="8">
        <v>1868</v>
      </c>
      <c r="H19709" s="5">
        <v>5</v>
      </c>
      <c r="I19709" s="5" t="s">
        <v>69</v>
      </c>
      <c r="J19709" s="5" t="s">
        <v>61065</v>
      </c>
      <c r="K19709" s="2" t="s">
        <v>61066</v>
      </c>
      <c r="L19709" s="5" t="s">
        <v>61065</v>
      </c>
      <c r="M19709" s="2" t="s">
        <v>61066</v>
      </c>
      <c r="N19709" s="5" t="s">
        <v>733</v>
      </c>
      <c r="O19709" s="5" t="s">
        <v>38</v>
      </c>
      <c r="P19709" s="5" t="s">
        <v>39</v>
      </c>
      <c r="Q19709" s="5" t="s">
        <v>40</v>
      </c>
      <c r="R19709" s="5" t="s">
        <v>897</v>
      </c>
      <c r="S19709" s="5" t="s">
        <v>40</v>
      </c>
      <c r="T19709" s="5" t="s">
        <v>42</v>
      </c>
      <c r="U19709" s="2">
        <v>50.865000000000002</v>
      </c>
      <c r="V19709" s="2">
        <v>47.143000000000001</v>
      </c>
      <c r="W19709" s="2">
        <v>0.19800000000000001</v>
      </c>
      <c r="X19709" s="2">
        <v>17</v>
      </c>
      <c r="Y19709" s="2">
        <v>88.7</v>
      </c>
      <c r="Z19709" s="2">
        <v>131.6</v>
      </c>
      <c r="AA19709" s="5">
        <v>7</v>
      </c>
      <c r="AB19709" s="5" t="s">
        <v>43</v>
      </c>
      <c r="AC19709" s="5" t="s">
        <v>735</v>
      </c>
      <c r="AD19709" s="2" t="s">
        <v>62380</v>
      </c>
      <c r="AE19709" s="1"/>
    </row>
    <row r="19710" spans="1:31" ht="14.45">
      <c r="A19710" s="11"/>
      <c r="B19710" s="20"/>
      <c r="C19710" s="2" t="s">
        <v>62381</v>
      </c>
      <c r="D19710" s="14" t="s">
        <v>62382</v>
      </c>
      <c r="E19710" s="2" t="s">
        <v>62383</v>
      </c>
      <c r="F19710" s="2" t="s">
        <v>62374</v>
      </c>
      <c r="G19710" s="8">
        <v>1768</v>
      </c>
      <c r="H19710" s="5">
        <v>10</v>
      </c>
      <c r="I19710" s="5" t="s">
        <v>69</v>
      </c>
      <c r="J19710" s="5" t="s">
        <v>61065</v>
      </c>
      <c r="K19710" s="2" t="s">
        <v>61066</v>
      </c>
      <c r="L19710" s="5" t="s">
        <v>61065</v>
      </c>
      <c r="M19710" s="2" t="s">
        <v>61066</v>
      </c>
      <c r="N19710" s="5" t="s">
        <v>733</v>
      </c>
      <c r="O19710" s="5" t="s">
        <v>38</v>
      </c>
      <c r="P19710" s="5" t="s">
        <v>39</v>
      </c>
      <c r="Q19710" s="5" t="s">
        <v>40</v>
      </c>
      <c r="R19710" s="5" t="s">
        <v>897</v>
      </c>
      <c r="S19710" s="5" t="s">
        <v>40</v>
      </c>
      <c r="T19710" s="5" t="s">
        <v>42</v>
      </c>
      <c r="U19710" s="2">
        <v>50.142000000000003</v>
      </c>
      <c r="V19710" s="2">
        <v>46.237000000000002</v>
      </c>
      <c r="W19710" s="2">
        <v>0.19800000000000001</v>
      </c>
      <c r="X19710" s="2">
        <v>17</v>
      </c>
      <c r="Y19710" s="2">
        <v>88.7</v>
      </c>
      <c r="Z19710" s="2">
        <v>131.6</v>
      </c>
      <c r="AA19710" s="5">
        <v>7</v>
      </c>
      <c r="AB19710" s="5" t="s">
        <v>43</v>
      </c>
      <c r="AC19710" s="5" t="s">
        <v>735</v>
      </c>
      <c r="AD19710" s="2" t="s">
        <v>62384</v>
      </c>
      <c r="AE19710" s="1"/>
    </row>
    <row r="19711" spans="1:31" ht="14.45">
      <c r="A19711" s="11"/>
      <c r="B19711" s="20"/>
      <c r="C19711" s="2" t="s">
        <v>62385</v>
      </c>
      <c r="D19711" s="14" t="s">
        <v>62386</v>
      </c>
      <c r="E19711" s="2" t="s">
        <v>62387</v>
      </c>
      <c r="F19711" s="2" t="s">
        <v>62388</v>
      </c>
      <c r="G19711" s="8">
        <v>1183</v>
      </c>
      <c r="H19711" s="5">
        <v>5</v>
      </c>
      <c r="I19711" s="5" t="s">
        <v>69</v>
      </c>
      <c r="J19711" s="5" t="s">
        <v>61065</v>
      </c>
      <c r="K19711" s="2" t="s">
        <v>61066</v>
      </c>
      <c r="L19711" s="5" t="s">
        <v>61065</v>
      </c>
      <c r="M19711" s="2" t="s">
        <v>61066</v>
      </c>
      <c r="N19711" s="5" t="s">
        <v>733</v>
      </c>
      <c r="O19711" s="5" t="s">
        <v>38</v>
      </c>
      <c r="P19711" s="5" t="s">
        <v>39</v>
      </c>
      <c r="Q19711" s="5" t="s">
        <v>40</v>
      </c>
      <c r="R19711" s="5" t="s">
        <v>897</v>
      </c>
      <c r="S19711" s="5" t="s">
        <v>40</v>
      </c>
      <c r="T19711" s="5" t="s">
        <v>42</v>
      </c>
      <c r="U19711" s="2">
        <v>44.703000000000003</v>
      </c>
      <c r="V19711" s="2">
        <v>40.918999999999997</v>
      </c>
      <c r="W19711" s="2">
        <v>0.19800000000000001</v>
      </c>
      <c r="X19711" s="2">
        <v>17</v>
      </c>
      <c r="Y19711" s="2">
        <v>88.7</v>
      </c>
      <c r="Z19711" s="2">
        <v>131.6</v>
      </c>
      <c r="AA19711" s="5">
        <v>7</v>
      </c>
      <c r="AB19711" s="5" t="s">
        <v>43</v>
      </c>
      <c r="AC19711" s="5" t="s">
        <v>735</v>
      </c>
      <c r="AD19711" s="2" t="s">
        <v>62389</v>
      </c>
      <c r="AE19711" s="1"/>
    </row>
    <row r="19712" spans="1:31" ht="14.45">
      <c r="A19712" s="11"/>
      <c r="B19712" s="20"/>
      <c r="C19712" s="2" t="s">
        <v>62390</v>
      </c>
      <c r="D19712" s="14" t="s">
        <v>62391</v>
      </c>
      <c r="E19712" s="2" t="s">
        <v>62392</v>
      </c>
      <c r="F19712" s="2" t="s">
        <v>62393</v>
      </c>
      <c r="G19712" s="8">
        <v>1483</v>
      </c>
      <c r="H19712" s="5">
        <v>5</v>
      </c>
      <c r="I19712" s="5" t="s">
        <v>69</v>
      </c>
      <c r="J19712" s="5" t="s">
        <v>61065</v>
      </c>
      <c r="K19712" s="2" t="s">
        <v>61066</v>
      </c>
      <c r="L19712" s="5" t="s">
        <v>61065</v>
      </c>
      <c r="M19712" s="2" t="s">
        <v>61066</v>
      </c>
      <c r="N19712" s="5" t="s">
        <v>733</v>
      </c>
      <c r="O19712" s="5" t="s">
        <v>38</v>
      </c>
      <c r="P19712" s="5" t="s">
        <v>39</v>
      </c>
      <c r="Q19712" s="5" t="s">
        <v>40</v>
      </c>
      <c r="R19712" s="5" t="s">
        <v>897</v>
      </c>
      <c r="S19712" s="5" t="s">
        <v>40</v>
      </c>
      <c r="T19712" s="5" t="s">
        <v>42</v>
      </c>
      <c r="U19712" s="2">
        <v>45.548999999999999</v>
      </c>
      <c r="V19712" s="2">
        <v>41.677999999999997</v>
      </c>
      <c r="W19712" s="2">
        <v>0.19800000000000001</v>
      </c>
      <c r="X19712" s="2">
        <v>17</v>
      </c>
      <c r="Y19712" s="2">
        <v>88.7</v>
      </c>
      <c r="Z19712" s="2">
        <v>131.6</v>
      </c>
      <c r="AA19712" s="5">
        <v>7</v>
      </c>
      <c r="AB19712" s="5" t="s">
        <v>43</v>
      </c>
      <c r="AC19712" s="5" t="s">
        <v>735</v>
      </c>
      <c r="AD19712" s="2" t="s">
        <v>62394</v>
      </c>
      <c r="AE19712" s="1"/>
    </row>
    <row r="19713" spans="1:31" ht="14.45">
      <c r="A19713" s="5" t="s">
        <v>116</v>
      </c>
      <c r="B19713" s="21">
        <v>46082</v>
      </c>
      <c r="C19713" s="2" t="s">
        <v>62395</v>
      </c>
      <c r="D19713" s="14" t="s">
        <v>62396</v>
      </c>
      <c r="E19713" s="2" t="s">
        <v>62397</v>
      </c>
      <c r="F19713" s="2" t="s">
        <v>62398</v>
      </c>
      <c r="G19713" s="8">
        <v>1583</v>
      </c>
      <c r="H19713" s="5">
        <v>5</v>
      </c>
      <c r="I19713" s="5" t="s">
        <v>69</v>
      </c>
      <c r="J19713" s="5" t="s">
        <v>61065</v>
      </c>
      <c r="K19713" s="2" t="s">
        <v>61066</v>
      </c>
      <c r="L19713" s="5" t="s">
        <v>61065</v>
      </c>
      <c r="M19713" s="2" t="s">
        <v>61066</v>
      </c>
      <c r="N19713" s="5" t="s">
        <v>733</v>
      </c>
      <c r="O19713" s="5" t="s">
        <v>38</v>
      </c>
      <c r="P19713" s="5" t="s">
        <v>39</v>
      </c>
      <c r="Q19713" s="5" t="s">
        <v>40</v>
      </c>
      <c r="R19713" s="5" t="s">
        <v>897</v>
      </c>
      <c r="S19713" s="5" t="s">
        <v>40</v>
      </c>
      <c r="T19713" s="5" t="s">
        <v>42</v>
      </c>
      <c r="U19713" s="2">
        <v>45.383000000000003</v>
      </c>
      <c r="V19713" s="2">
        <v>41.645000000000003</v>
      </c>
      <c r="W19713" s="2">
        <v>0.19800000000000001</v>
      </c>
      <c r="X19713" s="2">
        <v>17</v>
      </c>
      <c r="Y19713" s="2">
        <v>88.7</v>
      </c>
      <c r="Z19713" s="2">
        <v>131.6</v>
      </c>
      <c r="AA19713" s="5">
        <v>7</v>
      </c>
      <c r="AB19713" s="5" t="s">
        <v>43</v>
      </c>
      <c r="AC19713" s="5" t="s">
        <v>735</v>
      </c>
      <c r="AD19713" s="2" t="s">
        <v>62399</v>
      </c>
      <c r="AE19713" s="1"/>
    </row>
    <row r="19714" spans="1:31" ht="14.45">
      <c r="A19714" s="11"/>
      <c r="B19714" s="20"/>
      <c r="C19714" s="2" t="s">
        <v>62400</v>
      </c>
      <c r="D19714" s="14" t="s">
        <v>62401</v>
      </c>
      <c r="E19714" s="2" t="s">
        <v>62402</v>
      </c>
      <c r="F19714" s="2" t="s">
        <v>62393</v>
      </c>
      <c r="G19714" s="8">
        <v>1483</v>
      </c>
      <c r="H19714" s="5">
        <v>10</v>
      </c>
      <c r="I19714" s="5" t="s">
        <v>69</v>
      </c>
      <c r="J19714" s="5" t="s">
        <v>61065</v>
      </c>
      <c r="K19714" s="2" t="s">
        <v>61066</v>
      </c>
      <c r="L19714" s="5" t="s">
        <v>61065</v>
      </c>
      <c r="M19714" s="2" t="s">
        <v>61066</v>
      </c>
      <c r="N19714" s="5" t="s">
        <v>733</v>
      </c>
      <c r="O19714" s="5" t="s">
        <v>38</v>
      </c>
      <c r="P19714" s="5" t="s">
        <v>39</v>
      </c>
      <c r="Q19714" s="5" t="s">
        <v>40</v>
      </c>
      <c r="R19714" s="5" t="s">
        <v>897</v>
      </c>
      <c r="S19714" s="5" t="s">
        <v>40</v>
      </c>
      <c r="T19714" s="5" t="s">
        <v>42</v>
      </c>
      <c r="U19714" s="2">
        <v>44.66</v>
      </c>
      <c r="V19714" s="2">
        <v>40.738999999999997</v>
      </c>
      <c r="W19714" s="2">
        <v>0.19800000000000001</v>
      </c>
      <c r="X19714" s="2">
        <v>17</v>
      </c>
      <c r="Y19714" s="2">
        <v>88.7</v>
      </c>
      <c r="Z19714" s="2">
        <v>131.6</v>
      </c>
      <c r="AA19714" s="5">
        <v>7</v>
      </c>
      <c r="AB19714" s="5" t="s">
        <v>43</v>
      </c>
      <c r="AC19714" s="5" t="s">
        <v>735</v>
      </c>
      <c r="AD19714" s="2" t="s">
        <v>62403</v>
      </c>
      <c r="AE19714" s="1"/>
    </row>
    <row r="19715" spans="1:31" ht="14.45">
      <c r="A19715" s="11"/>
      <c r="B19715" s="20"/>
      <c r="C19715" s="2" t="s">
        <v>62404</v>
      </c>
      <c r="D19715" s="14" t="s">
        <v>62405</v>
      </c>
      <c r="E19715" s="2" t="s">
        <v>62406</v>
      </c>
      <c r="F19715" s="2" t="s">
        <v>62407</v>
      </c>
      <c r="G19715" s="8">
        <v>1385</v>
      </c>
      <c r="H19715" s="5">
        <v>5</v>
      </c>
      <c r="I19715" s="5" t="s">
        <v>69</v>
      </c>
      <c r="J19715" s="5" t="s">
        <v>61065</v>
      </c>
      <c r="K19715" s="2" t="s">
        <v>61066</v>
      </c>
      <c r="L19715" s="5" t="s">
        <v>61065</v>
      </c>
      <c r="M19715" s="2" t="s">
        <v>61066</v>
      </c>
      <c r="N19715" s="5" t="s">
        <v>733</v>
      </c>
      <c r="O19715" s="5" t="s">
        <v>38</v>
      </c>
      <c r="P19715" s="5" t="s">
        <v>39</v>
      </c>
      <c r="Q19715" s="5" t="s">
        <v>40</v>
      </c>
      <c r="R19715" s="5" t="s">
        <v>897</v>
      </c>
      <c r="S19715" s="5" t="s">
        <v>40</v>
      </c>
      <c r="T19715" s="5" t="s">
        <v>42</v>
      </c>
      <c r="U19715" s="2">
        <v>50.152000000000001</v>
      </c>
      <c r="V19715" s="2">
        <v>46.384</v>
      </c>
      <c r="W19715" s="2">
        <v>0.18099999999999999</v>
      </c>
      <c r="X19715" s="2">
        <v>17</v>
      </c>
      <c r="Y19715" s="2">
        <v>88.7</v>
      </c>
      <c r="Z19715" s="2">
        <v>131.6</v>
      </c>
      <c r="AA19715" s="5">
        <v>7</v>
      </c>
      <c r="AB19715" s="5" t="s">
        <v>43</v>
      </c>
      <c r="AC19715" s="5" t="s">
        <v>735</v>
      </c>
      <c r="AD19715" s="2" t="s">
        <v>62408</v>
      </c>
      <c r="AE19715" s="1"/>
    </row>
    <row r="19716" spans="1:31" ht="14.45">
      <c r="A19716" s="11"/>
      <c r="B19716" s="20"/>
      <c r="C19716" s="2" t="s">
        <v>62409</v>
      </c>
      <c r="D19716" s="14" t="s">
        <v>62410</v>
      </c>
      <c r="E19716" s="2" t="s">
        <v>62411</v>
      </c>
      <c r="F19716" s="2" t="s">
        <v>62407</v>
      </c>
      <c r="G19716" s="8">
        <v>1685</v>
      </c>
      <c r="H19716" s="5">
        <v>10</v>
      </c>
      <c r="I19716" s="5" t="s">
        <v>69</v>
      </c>
      <c r="J19716" s="5" t="s">
        <v>61065</v>
      </c>
      <c r="K19716" s="2" t="s">
        <v>61066</v>
      </c>
      <c r="L19716" s="5" t="s">
        <v>61065</v>
      </c>
      <c r="M19716" s="2" t="s">
        <v>61066</v>
      </c>
      <c r="N19716" s="5" t="s">
        <v>733</v>
      </c>
      <c r="O19716" s="5" t="s">
        <v>38</v>
      </c>
      <c r="P19716" s="5" t="s">
        <v>39</v>
      </c>
      <c r="Q19716" s="5" t="s">
        <v>40</v>
      </c>
      <c r="R19716" s="5" t="s">
        <v>897</v>
      </c>
      <c r="S19716" s="5" t="s">
        <v>40</v>
      </c>
      <c r="T19716" s="5" t="s">
        <v>42</v>
      </c>
      <c r="U19716" s="2">
        <v>50.997999999999998</v>
      </c>
      <c r="V19716" s="2">
        <v>47.143000000000001</v>
      </c>
      <c r="W19716" s="2">
        <v>0.18099999999999999</v>
      </c>
      <c r="X19716" s="2">
        <v>17</v>
      </c>
      <c r="Y19716" s="2">
        <v>88.7</v>
      </c>
      <c r="Z19716" s="2">
        <v>131.6</v>
      </c>
      <c r="AA19716" s="5">
        <v>7</v>
      </c>
      <c r="AB19716" s="5" t="s">
        <v>43</v>
      </c>
      <c r="AC19716" s="5" t="s">
        <v>735</v>
      </c>
      <c r="AD19716" s="2" t="s">
        <v>62412</v>
      </c>
      <c r="AE19716" s="1"/>
    </row>
    <row r="19717" spans="1:31" ht="14.45">
      <c r="A19717" s="5" t="s">
        <v>116</v>
      </c>
      <c r="B19717" s="21">
        <v>46082</v>
      </c>
      <c r="C19717" s="2" t="s">
        <v>62413</v>
      </c>
      <c r="D19717" s="14" t="s">
        <v>62414</v>
      </c>
      <c r="E19717" s="2" t="s">
        <v>62415</v>
      </c>
      <c r="F19717" s="2" t="s">
        <v>62416</v>
      </c>
      <c r="G19717" s="8">
        <v>1785</v>
      </c>
      <c r="H19717" s="5">
        <v>5</v>
      </c>
      <c r="I19717" s="5" t="s">
        <v>69</v>
      </c>
      <c r="J19717" s="5" t="s">
        <v>61065</v>
      </c>
      <c r="K19717" s="2" t="s">
        <v>61066</v>
      </c>
      <c r="L19717" s="5" t="s">
        <v>61065</v>
      </c>
      <c r="M19717" s="2" t="s">
        <v>61066</v>
      </c>
      <c r="N19717" s="5" t="s">
        <v>733</v>
      </c>
      <c r="O19717" s="5" t="s">
        <v>38</v>
      </c>
      <c r="P19717" s="5" t="s">
        <v>39</v>
      </c>
      <c r="Q19717" s="5" t="s">
        <v>40</v>
      </c>
      <c r="R19717" s="5" t="s">
        <v>897</v>
      </c>
      <c r="S19717" s="5" t="s">
        <v>40</v>
      </c>
      <c r="T19717" s="5" t="s">
        <v>42</v>
      </c>
      <c r="U19717" s="2">
        <v>50.832999999999998</v>
      </c>
      <c r="V19717" s="2">
        <v>47.110999999999997</v>
      </c>
      <c r="W19717" s="2">
        <v>0.19800000000000001</v>
      </c>
      <c r="X19717" s="2">
        <v>17</v>
      </c>
      <c r="Y19717" s="2">
        <v>88.7</v>
      </c>
      <c r="Z19717" s="2">
        <v>131.6</v>
      </c>
      <c r="AA19717" s="5">
        <v>7</v>
      </c>
      <c r="AB19717" s="5" t="s">
        <v>43</v>
      </c>
      <c r="AC19717" s="5" t="s">
        <v>735</v>
      </c>
      <c r="AD19717" s="2" t="s">
        <v>62417</v>
      </c>
      <c r="AE19717" s="1"/>
    </row>
    <row r="19718" spans="1:31" ht="14.45">
      <c r="A19718" s="11"/>
      <c r="B19718" s="20"/>
      <c r="C19718" s="2" t="s">
        <v>62418</v>
      </c>
      <c r="D19718" s="14" t="s">
        <v>62419</v>
      </c>
      <c r="E19718" s="2" t="s">
        <v>62420</v>
      </c>
      <c r="F19718" s="2" t="s">
        <v>62407</v>
      </c>
      <c r="G19718" s="8">
        <v>1685</v>
      </c>
      <c r="H19718" s="5">
        <v>5</v>
      </c>
      <c r="I19718" s="5" t="s">
        <v>69</v>
      </c>
      <c r="J19718" s="5" t="s">
        <v>61065</v>
      </c>
      <c r="K19718" s="2" t="s">
        <v>61066</v>
      </c>
      <c r="L19718" s="5" t="s">
        <v>61065</v>
      </c>
      <c r="M19718" s="2" t="s">
        <v>61066</v>
      </c>
      <c r="N19718" s="5" t="s">
        <v>733</v>
      </c>
      <c r="O19718" s="5" t="s">
        <v>38</v>
      </c>
      <c r="P19718" s="5" t="s">
        <v>39</v>
      </c>
      <c r="Q19718" s="5" t="s">
        <v>40</v>
      </c>
      <c r="R19718" s="5" t="s">
        <v>897</v>
      </c>
      <c r="S19718" s="5" t="s">
        <v>40</v>
      </c>
      <c r="T19718" s="5" t="s">
        <v>42</v>
      </c>
      <c r="U19718" s="2">
        <v>50.11</v>
      </c>
      <c r="V19718" s="2">
        <v>46.204999999999998</v>
      </c>
      <c r="W19718" s="2">
        <v>0.18099999999999999</v>
      </c>
      <c r="X19718" s="2">
        <v>17</v>
      </c>
      <c r="Y19718" s="2">
        <v>88.7</v>
      </c>
      <c r="Z19718" s="2">
        <v>131.6</v>
      </c>
      <c r="AA19718" s="5">
        <v>7</v>
      </c>
      <c r="AB19718" s="5" t="s">
        <v>43</v>
      </c>
      <c r="AC19718" s="5" t="s">
        <v>735</v>
      </c>
      <c r="AD19718" s="2" t="s">
        <v>62421</v>
      </c>
      <c r="AE19718" s="1"/>
    </row>
    <row r="19719" spans="1:31" ht="14.45">
      <c r="A19719" s="11"/>
      <c r="B19719" s="20"/>
      <c r="C19719" s="2" t="s">
        <v>62422</v>
      </c>
      <c r="D19719" s="14" t="s">
        <v>62423</v>
      </c>
      <c r="E19719" s="2" t="s">
        <v>62424</v>
      </c>
      <c r="F19719" s="2" t="s">
        <v>62425</v>
      </c>
      <c r="G19719" s="8">
        <v>1468</v>
      </c>
      <c r="H19719" s="5">
        <v>10</v>
      </c>
      <c r="I19719" s="5" t="s">
        <v>69</v>
      </c>
      <c r="J19719" s="5" t="s">
        <v>61065</v>
      </c>
      <c r="K19719" s="2" t="s">
        <v>61066</v>
      </c>
      <c r="L19719" s="5" t="s">
        <v>61065</v>
      </c>
      <c r="M19719" s="2" t="s">
        <v>61066</v>
      </c>
      <c r="N19719" s="5" t="s">
        <v>733</v>
      </c>
      <c r="O19719" s="5" t="s">
        <v>38</v>
      </c>
      <c r="P19719" s="5" t="s">
        <v>39</v>
      </c>
      <c r="Q19719" s="5" t="s">
        <v>40</v>
      </c>
      <c r="R19719" s="5" t="s">
        <v>897</v>
      </c>
      <c r="S19719" s="5" t="s">
        <v>40</v>
      </c>
      <c r="T19719" s="5" t="s">
        <v>42</v>
      </c>
      <c r="U19719" s="2">
        <v>49.329000000000001</v>
      </c>
      <c r="V19719" s="2">
        <v>45.561</v>
      </c>
      <c r="W19719" s="2">
        <v>0.19800000000000001</v>
      </c>
      <c r="X19719" s="2">
        <v>17</v>
      </c>
      <c r="Y19719" s="2">
        <v>88.7</v>
      </c>
      <c r="Z19719" s="2">
        <v>131.6</v>
      </c>
      <c r="AA19719" s="5">
        <v>7</v>
      </c>
      <c r="AB19719" s="5" t="s">
        <v>43</v>
      </c>
      <c r="AC19719" s="5" t="s">
        <v>735</v>
      </c>
      <c r="AD19719" s="2" t="s">
        <v>62426</v>
      </c>
      <c r="AE19719" s="1"/>
    </row>
    <row r="19720" spans="1:31" ht="14.45">
      <c r="A19720" s="11"/>
      <c r="B19720" s="20"/>
      <c r="C19720" s="2" t="s">
        <v>62427</v>
      </c>
      <c r="D19720" s="14" t="s">
        <v>62428</v>
      </c>
      <c r="E19720" s="2" t="s">
        <v>62429</v>
      </c>
      <c r="F19720" s="2" t="s">
        <v>62430</v>
      </c>
      <c r="G19720" s="8">
        <v>1768</v>
      </c>
      <c r="H19720" s="5">
        <v>10</v>
      </c>
      <c r="I19720" s="5" t="s">
        <v>69</v>
      </c>
      <c r="J19720" s="5" t="s">
        <v>61065</v>
      </c>
      <c r="K19720" s="2" t="s">
        <v>61066</v>
      </c>
      <c r="L19720" s="5" t="s">
        <v>61065</v>
      </c>
      <c r="M19720" s="2" t="s">
        <v>61066</v>
      </c>
      <c r="N19720" s="5" t="s">
        <v>733</v>
      </c>
      <c r="O19720" s="5" t="s">
        <v>38</v>
      </c>
      <c r="P19720" s="5" t="s">
        <v>39</v>
      </c>
      <c r="Q19720" s="5" t="s">
        <v>40</v>
      </c>
      <c r="R19720" s="5" t="s">
        <v>897</v>
      </c>
      <c r="S19720" s="5" t="s">
        <v>40</v>
      </c>
      <c r="T19720" s="5" t="s">
        <v>42</v>
      </c>
      <c r="U19720" s="2">
        <v>50.174999999999997</v>
      </c>
      <c r="V19720" s="2">
        <v>46.32</v>
      </c>
      <c r="W19720" s="2">
        <v>0.19800000000000001</v>
      </c>
      <c r="X19720" s="2">
        <v>17</v>
      </c>
      <c r="Y19720" s="2">
        <v>88.7</v>
      </c>
      <c r="Z19720" s="2">
        <v>131.6</v>
      </c>
      <c r="AA19720" s="5">
        <v>7</v>
      </c>
      <c r="AB19720" s="5" t="s">
        <v>43</v>
      </c>
      <c r="AC19720" s="5" t="s">
        <v>735</v>
      </c>
      <c r="AD19720" s="2" t="s">
        <v>62431</v>
      </c>
      <c r="AE19720" s="1"/>
    </row>
    <row r="19721" spans="1:31" ht="14.45">
      <c r="A19721" s="11"/>
      <c r="B19721" s="20"/>
      <c r="C19721" s="2" t="s">
        <v>62432</v>
      </c>
      <c r="D19721" s="14" t="s">
        <v>62433</v>
      </c>
      <c r="E19721" s="2" t="s">
        <v>62434</v>
      </c>
      <c r="F19721" s="2" t="s">
        <v>62430</v>
      </c>
      <c r="G19721" s="8">
        <v>1768</v>
      </c>
      <c r="H19721" s="5">
        <v>10</v>
      </c>
      <c r="I19721" s="5" t="s">
        <v>69</v>
      </c>
      <c r="J19721" s="5" t="s">
        <v>61065</v>
      </c>
      <c r="K19721" s="2" t="s">
        <v>61066</v>
      </c>
      <c r="L19721" s="5" t="s">
        <v>61065</v>
      </c>
      <c r="M19721" s="2" t="s">
        <v>61066</v>
      </c>
      <c r="N19721" s="5" t="s">
        <v>733</v>
      </c>
      <c r="O19721" s="5" t="s">
        <v>38</v>
      </c>
      <c r="P19721" s="5" t="s">
        <v>39</v>
      </c>
      <c r="Q19721" s="5" t="s">
        <v>40</v>
      </c>
      <c r="R19721" s="5" t="s">
        <v>897</v>
      </c>
      <c r="S19721" s="5" t="s">
        <v>40</v>
      </c>
      <c r="T19721" s="5" t="s">
        <v>42</v>
      </c>
      <c r="U19721" s="2">
        <v>49.286999999999999</v>
      </c>
      <c r="V19721" s="2">
        <v>45.381999999999998</v>
      </c>
      <c r="W19721" s="2">
        <v>0.19800000000000001</v>
      </c>
      <c r="X19721" s="2">
        <v>17</v>
      </c>
      <c r="Y19721" s="2">
        <v>88.7</v>
      </c>
      <c r="Z19721" s="2">
        <v>131.6</v>
      </c>
      <c r="AA19721" s="5">
        <v>7</v>
      </c>
      <c r="AB19721" s="5" t="s">
        <v>43</v>
      </c>
      <c r="AC19721" s="5" t="s">
        <v>735</v>
      </c>
      <c r="AD19721" s="2" t="s">
        <v>62435</v>
      </c>
      <c r="AE19721" s="1"/>
    </row>
    <row r="19722" spans="1:31" ht="14.45">
      <c r="A19722" s="11"/>
      <c r="B19722" s="20"/>
      <c r="C19722" s="2" t="s">
        <v>62436</v>
      </c>
      <c r="D19722" s="14" t="s">
        <v>62437</v>
      </c>
      <c r="E19722" s="2" t="s">
        <v>62438</v>
      </c>
      <c r="F19722" s="2" t="s">
        <v>62439</v>
      </c>
      <c r="G19722" s="8">
        <v>1183</v>
      </c>
      <c r="H19722" s="5">
        <v>10</v>
      </c>
      <c r="I19722" s="5" t="s">
        <v>69</v>
      </c>
      <c r="J19722" s="5" t="s">
        <v>61065</v>
      </c>
      <c r="K19722" s="2" t="s">
        <v>61066</v>
      </c>
      <c r="L19722" s="5" t="s">
        <v>61065</v>
      </c>
      <c r="M19722" s="2" t="s">
        <v>61066</v>
      </c>
      <c r="N19722" s="5" t="s">
        <v>733</v>
      </c>
      <c r="O19722" s="5" t="s">
        <v>38</v>
      </c>
      <c r="P19722" s="5" t="s">
        <v>39</v>
      </c>
      <c r="Q19722" s="5" t="s">
        <v>40</v>
      </c>
      <c r="R19722" s="5" t="s">
        <v>897</v>
      </c>
      <c r="S19722" s="5" t="s">
        <v>40</v>
      </c>
      <c r="T19722" s="5" t="s">
        <v>42</v>
      </c>
      <c r="U19722" s="2">
        <v>43.848999999999997</v>
      </c>
      <c r="V19722" s="2">
        <v>40.064999999999998</v>
      </c>
      <c r="W19722" s="2">
        <v>0.19800000000000001</v>
      </c>
      <c r="X19722" s="2">
        <v>17</v>
      </c>
      <c r="Y19722" s="2">
        <v>88.7</v>
      </c>
      <c r="Z19722" s="2">
        <v>131.6</v>
      </c>
      <c r="AA19722" s="5">
        <v>7</v>
      </c>
      <c r="AB19722" s="5" t="s">
        <v>43</v>
      </c>
      <c r="AC19722" s="5" t="s">
        <v>735</v>
      </c>
      <c r="AD19722" s="2" t="s">
        <v>62440</v>
      </c>
      <c r="AE19722" s="1"/>
    </row>
    <row r="19723" spans="1:31" ht="14.45">
      <c r="A19723" s="11"/>
      <c r="B19723" s="20"/>
      <c r="C19723" s="2" t="s">
        <v>62441</v>
      </c>
      <c r="D19723" s="14" t="s">
        <v>62442</v>
      </c>
      <c r="E19723" s="2" t="s">
        <v>62443</v>
      </c>
      <c r="F19723" s="2" t="s">
        <v>62439</v>
      </c>
      <c r="G19723" s="8">
        <v>1483</v>
      </c>
      <c r="H19723" s="5">
        <v>10</v>
      </c>
      <c r="I19723" s="5" t="s">
        <v>69</v>
      </c>
      <c r="J19723" s="5" t="s">
        <v>61065</v>
      </c>
      <c r="K19723" s="2" t="s">
        <v>61066</v>
      </c>
      <c r="L19723" s="5" t="s">
        <v>61065</v>
      </c>
      <c r="M19723" s="2" t="s">
        <v>61066</v>
      </c>
      <c r="N19723" s="5" t="s">
        <v>733</v>
      </c>
      <c r="O19723" s="5" t="s">
        <v>38</v>
      </c>
      <c r="P19723" s="5" t="s">
        <v>39</v>
      </c>
      <c r="Q19723" s="5" t="s">
        <v>40</v>
      </c>
      <c r="R19723" s="5" t="s">
        <v>897</v>
      </c>
      <c r="S19723" s="5" t="s">
        <v>40</v>
      </c>
      <c r="T19723" s="5" t="s">
        <v>42</v>
      </c>
      <c r="U19723" s="2">
        <v>44.695</v>
      </c>
      <c r="V19723" s="2">
        <v>40.823999999999998</v>
      </c>
      <c r="W19723" s="2">
        <v>0.19800000000000001</v>
      </c>
      <c r="X19723" s="2">
        <v>17</v>
      </c>
      <c r="Y19723" s="2">
        <v>88.7</v>
      </c>
      <c r="Z19723" s="2">
        <v>131.6</v>
      </c>
      <c r="AA19723" s="5">
        <v>7</v>
      </c>
      <c r="AB19723" s="5" t="s">
        <v>43</v>
      </c>
      <c r="AC19723" s="5" t="s">
        <v>735</v>
      </c>
      <c r="AD19723" s="2" t="s">
        <v>62444</v>
      </c>
      <c r="AE19723" s="1"/>
    </row>
    <row r="19724" spans="1:31" ht="14.45">
      <c r="A19724" s="11"/>
      <c r="B19724" s="20"/>
      <c r="C19724" s="2" t="s">
        <v>62445</v>
      </c>
      <c r="D19724" s="14" t="s">
        <v>62446</v>
      </c>
      <c r="E19724" s="2" t="s">
        <v>62447</v>
      </c>
      <c r="F19724" s="2" t="s">
        <v>62439</v>
      </c>
      <c r="G19724" s="8">
        <v>1483</v>
      </c>
      <c r="H19724" s="5">
        <v>5</v>
      </c>
      <c r="I19724" s="5" t="s">
        <v>69</v>
      </c>
      <c r="J19724" s="5" t="s">
        <v>61065</v>
      </c>
      <c r="K19724" s="2" t="s">
        <v>61066</v>
      </c>
      <c r="L19724" s="5" t="s">
        <v>61065</v>
      </c>
      <c r="M19724" s="2" t="s">
        <v>61066</v>
      </c>
      <c r="N19724" s="5" t="s">
        <v>733</v>
      </c>
      <c r="O19724" s="5" t="s">
        <v>38</v>
      </c>
      <c r="P19724" s="5" t="s">
        <v>39</v>
      </c>
      <c r="Q19724" s="5" t="s">
        <v>40</v>
      </c>
      <c r="R19724" s="5" t="s">
        <v>897</v>
      </c>
      <c r="S19724" s="5" t="s">
        <v>40</v>
      </c>
      <c r="T19724" s="5" t="s">
        <v>42</v>
      </c>
      <c r="U19724" s="2">
        <v>43.805999999999997</v>
      </c>
      <c r="V19724" s="2">
        <v>39.884999999999998</v>
      </c>
      <c r="W19724" s="2">
        <v>0.19800000000000001</v>
      </c>
      <c r="X19724" s="2">
        <v>17</v>
      </c>
      <c r="Y19724" s="2">
        <v>88.7</v>
      </c>
      <c r="Z19724" s="2">
        <v>131.6</v>
      </c>
      <c r="AA19724" s="5">
        <v>7</v>
      </c>
      <c r="AB19724" s="5" t="s">
        <v>43</v>
      </c>
      <c r="AC19724" s="5" t="s">
        <v>735</v>
      </c>
      <c r="AD19724" s="2" t="s">
        <v>62448</v>
      </c>
      <c r="AE19724" s="1"/>
    </row>
    <row r="19725" spans="1:31" ht="14.45">
      <c r="A19725" s="11"/>
      <c r="B19725" s="20"/>
      <c r="C19725" s="2" t="s">
        <v>62449</v>
      </c>
      <c r="D19725" s="14" t="s">
        <v>62450</v>
      </c>
      <c r="E19725" s="2" t="s">
        <v>62451</v>
      </c>
      <c r="F19725" s="2" t="s">
        <v>62452</v>
      </c>
      <c r="G19725" s="8">
        <v>1385</v>
      </c>
      <c r="H19725" s="5">
        <v>10</v>
      </c>
      <c r="I19725" s="5" t="s">
        <v>69</v>
      </c>
      <c r="J19725" s="5" t="s">
        <v>61065</v>
      </c>
      <c r="K19725" s="2" t="s">
        <v>61066</v>
      </c>
      <c r="L19725" s="5" t="s">
        <v>61065</v>
      </c>
      <c r="M19725" s="2" t="s">
        <v>61066</v>
      </c>
      <c r="N19725" s="5" t="s">
        <v>733</v>
      </c>
      <c r="O19725" s="5" t="s">
        <v>38</v>
      </c>
      <c r="P19725" s="5" t="s">
        <v>39</v>
      </c>
      <c r="Q19725" s="5" t="s">
        <v>40</v>
      </c>
      <c r="R19725" s="5" t="s">
        <v>897</v>
      </c>
      <c r="S19725" s="5" t="s">
        <v>40</v>
      </c>
      <c r="T19725" s="5" t="s">
        <v>42</v>
      </c>
      <c r="U19725" s="2">
        <v>49.296999999999997</v>
      </c>
      <c r="V19725" s="2">
        <v>45.529000000000003</v>
      </c>
      <c r="W19725" s="2">
        <v>0.18099999999999999</v>
      </c>
      <c r="X19725" s="2">
        <v>17</v>
      </c>
      <c r="Y19725" s="2">
        <v>88.7</v>
      </c>
      <c r="Z19725" s="2">
        <v>131.6</v>
      </c>
      <c r="AA19725" s="5">
        <v>7</v>
      </c>
      <c r="AB19725" s="5" t="s">
        <v>43</v>
      </c>
      <c r="AC19725" s="5" t="s">
        <v>735</v>
      </c>
      <c r="AD19725" s="2" t="s">
        <v>62453</v>
      </c>
      <c r="AE19725" s="1"/>
    </row>
    <row r="19726" spans="1:31" ht="14.45">
      <c r="A19726" s="11"/>
      <c r="B19726" s="20"/>
      <c r="C19726" s="2" t="s">
        <v>62454</v>
      </c>
      <c r="D19726" s="14" t="s">
        <v>62455</v>
      </c>
      <c r="E19726" s="2" t="s">
        <v>62456</v>
      </c>
      <c r="F19726" s="2" t="s">
        <v>62452</v>
      </c>
      <c r="G19726" s="8">
        <v>1685</v>
      </c>
      <c r="H19726" s="5">
        <v>10</v>
      </c>
      <c r="I19726" s="5" t="s">
        <v>69</v>
      </c>
      <c r="J19726" s="5" t="s">
        <v>61065</v>
      </c>
      <c r="K19726" s="2" t="s">
        <v>61066</v>
      </c>
      <c r="L19726" s="5" t="s">
        <v>61065</v>
      </c>
      <c r="M19726" s="2" t="s">
        <v>61066</v>
      </c>
      <c r="N19726" s="5" t="s">
        <v>733</v>
      </c>
      <c r="O19726" s="5" t="s">
        <v>38</v>
      </c>
      <c r="P19726" s="5" t="s">
        <v>39</v>
      </c>
      <c r="Q19726" s="5" t="s">
        <v>40</v>
      </c>
      <c r="R19726" s="5" t="s">
        <v>897</v>
      </c>
      <c r="S19726" s="5" t="s">
        <v>40</v>
      </c>
      <c r="T19726" s="5" t="s">
        <v>42</v>
      </c>
      <c r="U19726" s="2">
        <v>50.143000000000001</v>
      </c>
      <c r="V19726" s="2">
        <v>46.287999999999997</v>
      </c>
      <c r="W19726" s="2">
        <v>0.18099999999999999</v>
      </c>
      <c r="X19726" s="2">
        <v>17</v>
      </c>
      <c r="Y19726" s="2">
        <v>88.7</v>
      </c>
      <c r="Z19726" s="2">
        <v>131.6</v>
      </c>
      <c r="AA19726" s="5">
        <v>7</v>
      </c>
      <c r="AB19726" s="5" t="s">
        <v>43</v>
      </c>
      <c r="AC19726" s="5" t="s">
        <v>735</v>
      </c>
      <c r="AD19726" s="2" t="s">
        <v>62457</v>
      </c>
      <c r="AE19726" s="1"/>
    </row>
    <row r="19727" spans="1:31" ht="14.45">
      <c r="A19727" s="11"/>
      <c r="B19727" s="20"/>
      <c r="C19727" s="2" t="s">
        <v>62458</v>
      </c>
      <c r="D19727" s="14" t="s">
        <v>62459</v>
      </c>
      <c r="E19727" s="2" t="s">
        <v>62460</v>
      </c>
      <c r="F19727" s="2" t="s">
        <v>62452</v>
      </c>
      <c r="G19727" s="8">
        <v>1685</v>
      </c>
      <c r="H19727" s="5">
        <v>5</v>
      </c>
      <c r="I19727" s="5" t="s">
        <v>69</v>
      </c>
      <c r="J19727" s="5" t="s">
        <v>61065</v>
      </c>
      <c r="K19727" s="2" t="s">
        <v>61066</v>
      </c>
      <c r="L19727" s="5" t="s">
        <v>61065</v>
      </c>
      <c r="M19727" s="2" t="s">
        <v>61066</v>
      </c>
      <c r="N19727" s="5" t="s">
        <v>733</v>
      </c>
      <c r="O19727" s="5" t="s">
        <v>38</v>
      </c>
      <c r="P19727" s="5" t="s">
        <v>39</v>
      </c>
      <c r="Q19727" s="5" t="s">
        <v>40</v>
      </c>
      <c r="R19727" s="5" t="s">
        <v>897</v>
      </c>
      <c r="S19727" s="5" t="s">
        <v>40</v>
      </c>
      <c r="T19727" s="5" t="s">
        <v>42</v>
      </c>
      <c r="U19727" s="2">
        <v>49.255000000000003</v>
      </c>
      <c r="V19727" s="2">
        <v>45.35</v>
      </c>
      <c r="W19727" s="2">
        <v>0.18099999999999999</v>
      </c>
      <c r="X19727" s="2">
        <v>17</v>
      </c>
      <c r="Y19727" s="2">
        <v>88.7</v>
      </c>
      <c r="Z19727" s="2">
        <v>131.6</v>
      </c>
      <c r="AA19727" s="5">
        <v>7</v>
      </c>
      <c r="AB19727" s="5" t="s">
        <v>43</v>
      </c>
      <c r="AC19727" s="5" t="s">
        <v>735</v>
      </c>
      <c r="AD19727" s="2" t="s">
        <v>62461</v>
      </c>
      <c r="AE19727" s="1"/>
    </row>
    <row r="19728" spans="1:31" ht="14.45">
      <c r="A19728" s="11"/>
      <c r="B19728" s="20"/>
      <c r="C19728" s="2" t="s">
        <v>62462</v>
      </c>
      <c r="D19728" s="14" t="s">
        <v>62463</v>
      </c>
      <c r="E19728" s="2" t="s">
        <v>62464</v>
      </c>
      <c r="F19728" s="2" t="s">
        <v>62465</v>
      </c>
      <c r="G19728" s="8">
        <v>1367</v>
      </c>
      <c r="H19728" s="5">
        <v>5</v>
      </c>
      <c r="I19728" s="5" t="s">
        <v>69</v>
      </c>
      <c r="J19728" s="5" t="s">
        <v>61065</v>
      </c>
      <c r="K19728" s="2" t="s">
        <v>61066</v>
      </c>
      <c r="L19728" s="5" t="s">
        <v>61065</v>
      </c>
      <c r="M19728" s="2" t="s">
        <v>61066</v>
      </c>
      <c r="N19728" s="5" t="s">
        <v>733</v>
      </c>
      <c r="O19728" s="5" t="s">
        <v>38</v>
      </c>
      <c r="P19728" s="5" t="s">
        <v>39</v>
      </c>
      <c r="Q19728" s="5" t="s">
        <v>40</v>
      </c>
      <c r="R19728" s="5" t="s">
        <v>1487</v>
      </c>
      <c r="S19728" s="5"/>
      <c r="T19728" s="5" t="s">
        <v>42</v>
      </c>
      <c r="U19728" s="2">
        <v>0</v>
      </c>
      <c r="V19728" s="2">
        <v>0</v>
      </c>
      <c r="W19728" s="2">
        <v>0</v>
      </c>
      <c r="X19728" s="2">
        <v>0</v>
      </c>
      <c r="Y19728" s="2">
        <v>0</v>
      </c>
      <c r="Z19728" s="2">
        <v>0</v>
      </c>
      <c r="AA19728" s="5"/>
      <c r="AB19728" s="5" t="s">
        <v>43</v>
      </c>
      <c r="AC19728" s="5" t="s">
        <v>735</v>
      </c>
      <c r="AD19728" s="2" t="s">
        <v>62466</v>
      </c>
      <c r="AE19728" s="1"/>
    </row>
    <row r="19729" spans="1:31" ht="14.45">
      <c r="A19729" s="11"/>
      <c r="B19729" s="20"/>
      <c r="C19729" s="2" t="s">
        <v>62467</v>
      </c>
      <c r="D19729" s="14" t="s">
        <v>62468</v>
      </c>
      <c r="E19729" s="2" t="s">
        <v>62469</v>
      </c>
      <c r="F19729" s="2" t="s">
        <v>62283</v>
      </c>
      <c r="G19729" s="8">
        <v>2036</v>
      </c>
      <c r="H19729" s="5">
        <v>5</v>
      </c>
      <c r="I19729" s="5" t="s">
        <v>69</v>
      </c>
      <c r="J19729" s="5" t="s">
        <v>61065</v>
      </c>
      <c r="K19729" s="2" t="s">
        <v>61066</v>
      </c>
      <c r="L19729" s="5" t="s">
        <v>61065</v>
      </c>
      <c r="M19729" s="2" t="s">
        <v>61066</v>
      </c>
      <c r="N19729" s="5" t="s">
        <v>733</v>
      </c>
      <c r="O19729" s="5" t="s">
        <v>38</v>
      </c>
      <c r="P19729" s="5" t="s">
        <v>39</v>
      </c>
      <c r="Q19729" s="5" t="s">
        <v>40</v>
      </c>
      <c r="R19729" s="5" t="s">
        <v>1487</v>
      </c>
      <c r="S19729" s="5"/>
      <c r="T19729" s="5" t="s">
        <v>42</v>
      </c>
      <c r="U19729" s="2">
        <v>0</v>
      </c>
      <c r="V19729" s="2">
        <v>0</v>
      </c>
      <c r="W19729" s="2">
        <v>0</v>
      </c>
      <c r="X19729" s="2">
        <v>0</v>
      </c>
      <c r="Y19729" s="2">
        <v>0</v>
      </c>
      <c r="Z19729" s="2">
        <v>0</v>
      </c>
      <c r="AA19729" s="5"/>
      <c r="AB19729" s="5" t="s">
        <v>43</v>
      </c>
      <c r="AC19729" s="5" t="s">
        <v>735</v>
      </c>
      <c r="AD19729" s="2" t="s">
        <v>62470</v>
      </c>
      <c r="AE19729" s="1"/>
    </row>
    <row r="19730" spans="1:31" ht="14.45">
      <c r="A19730" s="11"/>
      <c r="B19730" s="20"/>
      <c r="C19730" s="2" t="s">
        <v>62471</v>
      </c>
      <c r="D19730" s="14" t="s">
        <v>62472</v>
      </c>
      <c r="E19730" s="2" t="s">
        <v>62473</v>
      </c>
      <c r="F19730" s="2" t="s">
        <v>62310</v>
      </c>
      <c r="G19730" s="8">
        <v>1751</v>
      </c>
      <c r="H19730" s="5">
        <v>5</v>
      </c>
      <c r="I19730" s="5" t="s">
        <v>69</v>
      </c>
      <c r="J19730" s="5" t="s">
        <v>61065</v>
      </c>
      <c r="K19730" s="2" t="s">
        <v>61066</v>
      </c>
      <c r="L19730" s="5" t="s">
        <v>61065</v>
      </c>
      <c r="M19730" s="2" t="s">
        <v>61066</v>
      </c>
      <c r="N19730" s="5" t="s">
        <v>733</v>
      </c>
      <c r="O19730" s="5" t="s">
        <v>38</v>
      </c>
      <c r="P19730" s="5" t="s">
        <v>39</v>
      </c>
      <c r="Q19730" s="5" t="s">
        <v>40</v>
      </c>
      <c r="R19730" s="5" t="s">
        <v>1487</v>
      </c>
      <c r="S19730" s="5"/>
      <c r="T19730" s="5" t="s">
        <v>42</v>
      </c>
      <c r="U19730" s="2">
        <v>0</v>
      </c>
      <c r="V19730" s="2">
        <v>0</v>
      </c>
      <c r="W19730" s="2">
        <v>0</v>
      </c>
      <c r="X19730" s="2">
        <v>0</v>
      </c>
      <c r="Y19730" s="2">
        <v>0</v>
      </c>
      <c r="Z19730" s="2">
        <v>0</v>
      </c>
      <c r="AA19730" s="5"/>
      <c r="AB19730" s="5" t="s">
        <v>43</v>
      </c>
      <c r="AC19730" s="5" t="s">
        <v>735</v>
      </c>
      <c r="AD19730" s="2" t="s">
        <v>62474</v>
      </c>
      <c r="AE19730" s="1"/>
    </row>
    <row r="19731" spans="1:31" ht="14.45">
      <c r="A19731" s="11"/>
      <c r="B19731" s="20"/>
      <c r="C19731" s="2" t="s">
        <v>62475</v>
      </c>
      <c r="D19731" s="14" t="s">
        <v>62476</v>
      </c>
      <c r="E19731" s="2" t="s">
        <v>62477</v>
      </c>
      <c r="F19731" s="2" t="s">
        <v>62478</v>
      </c>
      <c r="G19731" s="8">
        <v>1266</v>
      </c>
      <c r="H19731" s="5">
        <v>5</v>
      </c>
      <c r="I19731" s="5" t="s">
        <v>69</v>
      </c>
      <c r="J19731" s="5" t="s">
        <v>61065</v>
      </c>
      <c r="K19731" s="2" t="s">
        <v>61066</v>
      </c>
      <c r="L19731" s="5" t="s">
        <v>61065</v>
      </c>
      <c r="M19731" s="2" t="s">
        <v>61066</v>
      </c>
      <c r="N19731" s="5" t="s">
        <v>733</v>
      </c>
      <c r="O19731" s="5" t="s">
        <v>38</v>
      </c>
      <c r="P19731" s="5" t="s">
        <v>39</v>
      </c>
      <c r="Q19731" s="5" t="s">
        <v>40</v>
      </c>
      <c r="R19731" s="5" t="s">
        <v>897</v>
      </c>
      <c r="S19731" s="5" t="s">
        <v>40</v>
      </c>
      <c r="T19731" s="5" t="s">
        <v>42</v>
      </c>
      <c r="U19731" s="2">
        <v>60.892000000000003</v>
      </c>
      <c r="V19731" s="2">
        <v>56.655999999999999</v>
      </c>
      <c r="W19731" s="2">
        <v>0.23200000000000001</v>
      </c>
      <c r="X19731" s="2">
        <v>17</v>
      </c>
      <c r="Y19731" s="2">
        <v>88.7</v>
      </c>
      <c r="Z19731" s="2">
        <v>153.6</v>
      </c>
      <c r="AA19731" s="5">
        <v>7</v>
      </c>
      <c r="AB19731" s="5" t="s">
        <v>43</v>
      </c>
      <c r="AC19731" s="5" t="s">
        <v>735</v>
      </c>
      <c r="AD19731" s="2" t="s">
        <v>62479</v>
      </c>
      <c r="AE19731" s="1"/>
    </row>
    <row r="19732" spans="1:31" ht="14.45">
      <c r="A19732" s="11"/>
      <c r="B19732" s="20"/>
      <c r="C19732" s="2" t="s">
        <v>62480</v>
      </c>
      <c r="D19732" s="14" t="s">
        <v>62481</v>
      </c>
      <c r="E19732" s="2" t="s">
        <v>62482</v>
      </c>
      <c r="F19732" s="2" t="s">
        <v>62483</v>
      </c>
      <c r="G19732" s="8">
        <v>1566</v>
      </c>
      <c r="H19732" s="5">
        <v>5</v>
      </c>
      <c r="I19732" s="5" t="s">
        <v>69</v>
      </c>
      <c r="J19732" s="5" t="s">
        <v>61065</v>
      </c>
      <c r="K19732" s="2" t="s">
        <v>61066</v>
      </c>
      <c r="L19732" s="5" t="s">
        <v>61065</v>
      </c>
      <c r="M19732" s="2" t="s">
        <v>61066</v>
      </c>
      <c r="N19732" s="5" t="s">
        <v>733</v>
      </c>
      <c r="O19732" s="5" t="s">
        <v>38</v>
      </c>
      <c r="P19732" s="5" t="s">
        <v>39</v>
      </c>
      <c r="Q19732" s="5" t="s">
        <v>40</v>
      </c>
      <c r="R19732" s="5" t="s">
        <v>897</v>
      </c>
      <c r="S19732" s="5" t="s">
        <v>40</v>
      </c>
      <c r="T19732" s="5" t="s">
        <v>42</v>
      </c>
      <c r="U19732" s="2">
        <v>62.811</v>
      </c>
      <c r="V19732" s="2">
        <v>58.482999999999997</v>
      </c>
      <c r="W19732" s="2">
        <v>0.23200000000000001</v>
      </c>
      <c r="X19732" s="2">
        <v>17</v>
      </c>
      <c r="Y19732" s="2">
        <v>88.7</v>
      </c>
      <c r="Z19732" s="2">
        <v>153.6</v>
      </c>
      <c r="AA19732" s="5">
        <v>7</v>
      </c>
      <c r="AB19732" s="5" t="s">
        <v>43</v>
      </c>
      <c r="AC19732" s="5" t="s">
        <v>735</v>
      </c>
      <c r="AD19732" s="2" t="s">
        <v>62484</v>
      </c>
      <c r="AE19732" s="1"/>
    </row>
    <row r="19733" spans="1:31" ht="14.45">
      <c r="A19733" s="11"/>
      <c r="B19733" s="20"/>
      <c r="C19733" s="2" t="s">
        <v>62485</v>
      </c>
      <c r="D19733" s="14" t="s">
        <v>62486</v>
      </c>
      <c r="E19733" s="2" t="s">
        <v>62487</v>
      </c>
      <c r="F19733" s="2" t="s">
        <v>62488</v>
      </c>
      <c r="G19733" s="8">
        <v>1110</v>
      </c>
      <c r="H19733" s="5">
        <v>5</v>
      </c>
      <c r="I19733" s="5" t="s">
        <v>69</v>
      </c>
      <c r="J19733" s="5" t="s">
        <v>61065</v>
      </c>
      <c r="K19733" s="2" t="s">
        <v>61066</v>
      </c>
      <c r="L19733" s="5" t="s">
        <v>61065</v>
      </c>
      <c r="M19733" s="2" t="s">
        <v>61066</v>
      </c>
      <c r="N19733" s="5" t="s">
        <v>733</v>
      </c>
      <c r="O19733" s="5" t="s">
        <v>38</v>
      </c>
      <c r="P19733" s="5" t="s">
        <v>39</v>
      </c>
      <c r="Q19733" s="5" t="s">
        <v>40</v>
      </c>
      <c r="R19733" s="5" t="s">
        <v>897</v>
      </c>
      <c r="S19733" s="5" t="s">
        <v>40</v>
      </c>
      <c r="T19733" s="5" t="s">
        <v>42</v>
      </c>
      <c r="U19733" s="2">
        <v>53.152000000000001</v>
      </c>
      <c r="V19733" s="2">
        <v>48.923000000000002</v>
      </c>
      <c r="W19733" s="2">
        <v>0.23200000000000001</v>
      </c>
      <c r="X19733" s="2">
        <v>17</v>
      </c>
      <c r="Y19733" s="2">
        <v>88.7</v>
      </c>
      <c r="Z19733" s="2">
        <v>153.6</v>
      </c>
      <c r="AA19733" s="5">
        <v>7</v>
      </c>
      <c r="AB19733" s="5" t="s">
        <v>43</v>
      </c>
      <c r="AC19733" s="5" t="s">
        <v>735</v>
      </c>
      <c r="AD19733" s="2" t="s">
        <v>62489</v>
      </c>
      <c r="AE19733" s="1"/>
    </row>
    <row r="19734" spans="1:31" ht="14.45">
      <c r="A19734" s="11"/>
      <c r="B19734" s="20"/>
      <c r="C19734" s="2" t="s">
        <v>62490</v>
      </c>
      <c r="D19734" s="14" t="s">
        <v>62491</v>
      </c>
      <c r="E19734" s="2" t="s">
        <v>62492</v>
      </c>
      <c r="F19734" s="2" t="s">
        <v>62493</v>
      </c>
      <c r="G19734" s="8">
        <v>1410</v>
      </c>
      <c r="H19734" s="5">
        <v>5</v>
      </c>
      <c r="I19734" s="5" t="s">
        <v>69</v>
      </c>
      <c r="J19734" s="5" t="s">
        <v>61065</v>
      </c>
      <c r="K19734" s="2" t="s">
        <v>61066</v>
      </c>
      <c r="L19734" s="5" t="s">
        <v>61065</v>
      </c>
      <c r="M19734" s="2" t="s">
        <v>61066</v>
      </c>
      <c r="N19734" s="5" t="s">
        <v>733</v>
      </c>
      <c r="O19734" s="5" t="s">
        <v>38</v>
      </c>
      <c r="P19734" s="5" t="s">
        <v>39</v>
      </c>
      <c r="Q19734" s="5" t="s">
        <v>40</v>
      </c>
      <c r="R19734" s="5" t="s">
        <v>897</v>
      </c>
      <c r="S19734" s="5" t="s">
        <v>40</v>
      </c>
      <c r="T19734" s="5" t="s">
        <v>42</v>
      </c>
      <c r="U19734" s="2">
        <v>55.968000000000004</v>
      </c>
      <c r="V19734" s="2">
        <v>51.64</v>
      </c>
      <c r="W19734" s="2">
        <v>0.23200000000000001</v>
      </c>
      <c r="X19734" s="2">
        <v>17</v>
      </c>
      <c r="Y19734" s="2">
        <v>88.7</v>
      </c>
      <c r="Z19734" s="2">
        <v>153.6</v>
      </c>
      <c r="AA19734" s="5">
        <v>7</v>
      </c>
      <c r="AB19734" s="5" t="s">
        <v>43</v>
      </c>
      <c r="AC19734" s="5" t="s">
        <v>735</v>
      </c>
      <c r="AD19734" s="2" t="s">
        <v>62494</v>
      </c>
      <c r="AE19734" s="1"/>
    </row>
    <row r="19735" spans="1:31" ht="14.45">
      <c r="A19735" s="5" t="s">
        <v>116</v>
      </c>
      <c r="B19735" s="21">
        <v>46082</v>
      </c>
      <c r="C19735" s="2" t="s">
        <v>62495</v>
      </c>
      <c r="D19735" s="14" t="s">
        <v>62496</v>
      </c>
      <c r="E19735" s="2" t="s">
        <v>62497</v>
      </c>
      <c r="F19735" s="2" t="s">
        <v>62498</v>
      </c>
      <c r="G19735" s="8">
        <v>1510</v>
      </c>
      <c r="H19735" s="5">
        <v>5</v>
      </c>
      <c r="I19735" s="5" t="s">
        <v>69</v>
      </c>
      <c r="J19735" s="5" t="s">
        <v>61065</v>
      </c>
      <c r="K19735" s="2" t="s">
        <v>61066</v>
      </c>
      <c r="L19735" s="5" t="s">
        <v>61065</v>
      </c>
      <c r="M19735" s="2" t="s">
        <v>61066</v>
      </c>
      <c r="N19735" s="5" t="s">
        <v>733</v>
      </c>
      <c r="O19735" s="5" t="s">
        <v>38</v>
      </c>
      <c r="P19735" s="5" t="s">
        <v>39</v>
      </c>
      <c r="Q19735" s="5" t="s">
        <v>40</v>
      </c>
      <c r="R19735" s="5" t="s">
        <v>897</v>
      </c>
      <c r="S19735" s="5" t="s">
        <v>40</v>
      </c>
      <c r="T19735" s="5" t="s">
        <v>42</v>
      </c>
      <c r="U19735" s="2">
        <v>56.069000000000003</v>
      </c>
      <c r="V19735" s="2">
        <v>51.862000000000002</v>
      </c>
      <c r="W19735" s="2">
        <v>0.23200000000000001</v>
      </c>
      <c r="X19735" s="2">
        <v>17</v>
      </c>
      <c r="Y19735" s="2">
        <v>88.7</v>
      </c>
      <c r="Z19735" s="2">
        <v>153.6</v>
      </c>
      <c r="AA19735" s="5">
        <v>7</v>
      </c>
      <c r="AB19735" s="5" t="s">
        <v>43</v>
      </c>
      <c r="AC19735" s="5" t="s">
        <v>735</v>
      </c>
      <c r="AD19735" s="2" t="s">
        <v>62499</v>
      </c>
      <c r="AE19735" s="1"/>
    </row>
    <row r="19736" spans="1:31" ht="14.45">
      <c r="A19736" s="11"/>
      <c r="B19736" s="20"/>
      <c r="C19736" s="2" t="s">
        <v>62500</v>
      </c>
      <c r="D19736" s="14" t="s">
        <v>62501</v>
      </c>
      <c r="E19736" s="2" t="s">
        <v>62502</v>
      </c>
      <c r="F19736" s="2" t="s">
        <v>62493</v>
      </c>
      <c r="G19736" s="8">
        <v>1410</v>
      </c>
      <c r="H19736" s="5">
        <v>5</v>
      </c>
      <c r="I19736" s="5" t="s">
        <v>69</v>
      </c>
      <c r="J19736" s="5" t="s">
        <v>61065</v>
      </c>
      <c r="K19736" s="2" t="s">
        <v>61066</v>
      </c>
      <c r="L19736" s="5" t="s">
        <v>61065</v>
      </c>
      <c r="M19736" s="2" t="s">
        <v>61066</v>
      </c>
      <c r="N19736" s="5" t="s">
        <v>733</v>
      </c>
      <c r="O19736" s="5" t="s">
        <v>38</v>
      </c>
      <c r="P19736" s="5" t="s">
        <v>39</v>
      </c>
      <c r="Q19736" s="5" t="s">
        <v>40</v>
      </c>
      <c r="R19736" s="5" t="s">
        <v>897</v>
      </c>
      <c r="S19736" s="5" t="s">
        <v>40</v>
      </c>
      <c r="T19736" s="5" t="s">
        <v>42</v>
      </c>
      <c r="U19736" s="2">
        <v>55.154000000000003</v>
      </c>
      <c r="V19736" s="2">
        <v>50.764000000000003</v>
      </c>
      <c r="W19736" s="2">
        <v>0.23200000000000001</v>
      </c>
      <c r="X19736" s="2">
        <v>17</v>
      </c>
      <c r="Y19736" s="2">
        <v>88.7</v>
      </c>
      <c r="Z19736" s="2">
        <v>153.6</v>
      </c>
      <c r="AA19736" s="5">
        <v>7</v>
      </c>
      <c r="AB19736" s="5" t="s">
        <v>43</v>
      </c>
      <c r="AC19736" s="5" t="s">
        <v>735</v>
      </c>
      <c r="AD19736" s="2" t="s">
        <v>62503</v>
      </c>
      <c r="AE19736" s="1"/>
    </row>
    <row r="19737" spans="1:31" ht="14.45">
      <c r="A19737" s="11"/>
      <c r="B19737" s="20"/>
      <c r="C19737" s="2" t="s">
        <v>62504</v>
      </c>
      <c r="D19737" s="14" t="s">
        <v>62505</v>
      </c>
      <c r="E19737" s="2" t="s">
        <v>62506</v>
      </c>
      <c r="F19737" s="2" t="s">
        <v>62493</v>
      </c>
      <c r="G19737" s="8">
        <v>1657</v>
      </c>
      <c r="H19737" s="5">
        <v>5</v>
      </c>
      <c r="I19737" s="5" t="s">
        <v>69</v>
      </c>
      <c r="J19737" s="5" t="s">
        <v>61065</v>
      </c>
      <c r="K19737" s="2" t="s">
        <v>61066</v>
      </c>
      <c r="L19737" s="5" t="s">
        <v>61065</v>
      </c>
      <c r="M19737" s="2" t="s">
        <v>61066</v>
      </c>
      <c r="N19737" s="5" t="s">
        <v>733</v>
      </c>
      <c r="O19737" s="5" t="s">
        <v>38</v>
      </c>
      <c r="P19737" s="5" t="s">
        <v>39</v>
      </c>
      <c r="Q19737" s="5" t="s">
        <v>40</v>
      </c>
      <c r="R19737" s="5" t="s">
        <v>897</v>
      </c>
      <c r="S19737" s="5" t="s">
        <v>40</v>
      </c>
      <c r="T19737" s="5" t="s">
        <v>42</v>
      </c>
      <c r="U19737" s="2">
        <v>57.432000000000002</v>
      </c>
      <c r="V19737" s="2">
        <v>53.195</v>
      </c>
      <c r="W19737" s="2">
        <v>0.23200000000000001</v>
      </c>
      <c r="X19737" s="2">
        <v>17</v>
      </c>
      <c r="Y19737" s="2">
        <v>88.7</v>
      </c>
      <c r="Z19737" s="2">
        <v>153.6</v>
      </c>
      <c r="AA19737" s="5">
        <v>7</v>
      </c>
      <c r="AB19737" s="5" t="s">
        <v>43</v>
      </c>
      <c r="AC19737" s="5" t="s">
        <v>735</v>
      </c>
      <c r="AD19737" s="2" t="s">
        <v>62507</v>
      </c>
      <c r="AE19737" s="1"/>
    </row>
    <row r="19738" spans="1:31" ht="14.45">
      <c r="A19738" s="11"/>
      <c r="B19738" s="20"/>
      <c r="C19738" s="2" t="s">
        <v>62508</v>
      </c>
      <c r="D19738" s="14" t="s">
        <v>62509</v>
      </c>
      <c r="E19738" s="2" t="s">
        <v>62510</v>
      </c>
      <c r="F19738" s="2" t="s">
        <v>62511</v>
      </c>
      <c r="G19738" s="8">
        <v>1266</v>
      </c>
      <c r="H19738" s="5">
        <v>5</v>
      </c>
      <c r="I19738" s="5" t="s">
        <v>69</v>
      </c>
      <c r="J19738" s="5" t="s">
        <v>61065</v>
      </c>
      <c r="K19738" s="2" t="s">
        <v>61066</v>
      </c>
      <c r="L19738" s="5" t="s">
        <v>61065</v>
      </c>
      <c r="M19738" s="2" t="s">
        <v>61066</v>
      </c>
      <c r="N19738" s="5" t="s">
        <v>733</v>
      </c>
      <c r="O19738" s="5" t="s">
        <v>38</v>
      </c>
      <c r="P19738" s="5" t="s">
        <v>39</v>
      </c>
      <c r="Q19738" s="5" t="s">
        <v>40</v>
      </c>
      <c r="R19738" s="5" t="s">
        <v>897</v>
      </c>
      <c r="S19738" s="5" t="s">
        <v>40</v>
      </c>
      <c r="T19738" s="5" t="s">
        <v>42</v>
      </c>
      <c r="U19738" s="2">
        <v>52.972000000000001</v>
      </c>
      <c r="V19738" s="2">
        <v>48.738</v>
      </c>
      <c r="W19738" s="2">
        <v>0.23200000000000001</v>
      </c>
      <c r="X19738" s="2">
        <v>17</v>
      </c>
      <c r="Y19738" s="2">
        <v>88.7</v>
      </c>
      <c r="Z19738" s="2">
        <v>153.6</v>
      </c>
      <c r="AA19738" s="5">
        <v>7</v>
      </c>
      <c r="AB19738" s="5" t="s">
        <v>43</v>
      </c>
      <c r="AC19738" s="5" t="s">
        <v>735</v>
      </c>
      <c r="AD19738" s="2" t="s">
        <v>62512</v>
      </c>
      <c r="AE19738" s="1"/>
    </row>
    <row r="19739" spans="1:31" ht="14.45">
      <c r="A19739" s="11"/>
      <c r="B19739" s="20"/>
      <c r="C19739" s="2" t="s">
        <v>62513</v>
      </c>
      <c r="D19739" s="14" t="s">
        <v>62514</v>
      </c>
      <c r="E19739" s="2" t="s">
        <v>62515</v>
      </c>
      <c r="F19739" s="2" t="s">
        <v>62516</v>
      </c>
      <c r="G19739" s="8">
        <v>1566</v>
      </c>
      <c r="H19739" s="5">
        <v>10</v>
      </c>
      <c r="I19739" s="5" t="s">
        <v>69</v>
      </c>
      <c r="J19739" s="5" t="s">
        <v>61065</v>
      </c>
      <c r="K19739" s="2" t="s">
        <v>61066</v>
      </c>
      <c r="L19739" s="5" t="s">
        <v>61065</v>
      </c>
      <c r="M19739" s="2" t="s">
        <v>61066</v>
      </c>
      <c r="N19739" s="5" t="s">
        <v>733</v>
      </c>
      <c r="O19739" s="5" t="s">
        <v>38</v>
      </c>
      <c r="P19739" s="5" t="s">
        <v>39</v>
      </c>
      <c r="Q19739" s="5" t="s">
        <v>40</v>
      </c>
      <c r="R19739" s="5" t="s">
        <v>897</v>
      </c>
      <c r="S19739" s="5" t="s">
        <v>40</v>
      </c>
      <c r="T19739" s="5" t="s">
        <v>42</v>
      </c>
      <c r="U19739" s="2">
        <v>55.716999999999999</v>
      </c>
      <c r="V19739" s="2">
        <v>51.372</v>
      </c>
      <c r="W19739" s="2">
        <v>0.23200000000000001</v>
      </c>
      <c r="X19739" s="2">
        <v>17</v>
      </c>
      <c r="Y19739" s="2">
        <v>88.7</v>
      </c>
      <c r="Z19739" s="2">
        <v>153.6</v>
      </c>
      <c r="AA19739" s="5">
        <v>7</v>
      </c>
      <c r="AB19739" s="5" t="s">
        <v>43</v>
      </c>
      <c r="AC19739" s="5" t="s">
        <v>735</v>
      </c>
      <c r="AD19739" s="2" t="s">
        <v>62517</v>
      </c>
      <c r="AE19739" s="1"/>
    </row>
    <row r="19740" spans="1:31" ht="14.45">
      <c r="A19740" s="11"/>
      <c r="B19740" s="20"/>
      <c r="C19740" s="2" t="s">
        <v>62518</v>
      </c>
      <c r="D19740" s="14" t="s">
        <v>62519</v>
      </c>
      <c r="E19740" s="2" t="s">
        <v>62520</v>
      </c>
      <c r="F19740" s="2" t="s">
        <v>62516</v>
      </c>
      <c r="G19740" s="8">
        <v>1566</v>
      </c>
      <c r="H19740" s="5">
        <v>10</v>
      </c>
      <c r="I19740" s="5" t="s">
        <v>69</v>
      </c>
      <c r="J19740" s="5" t="s">
        <v>61065</v>
      </c>
      <c r="K19740" s="2" t="s">
        <v>61066</v>
      </c>
      <c r="L19740" s="5" t="s">
        <v>61065</v>
      </c>
      <c r="M19740" s="2" t="s">
        <v>61066</v>
      </c>
      <c r="N19740" s="5" t="s">
        <v>733</v>
      </c>
      <c r="O19740" s="5" t="s">
        <v>38</v>
      </c>
      <c r="P19740" s="5" t="s">
        <v>39</v>
      </c>
      <c r="Q19740" s="5" t="s">
        <v>40</v>
      </c>
      <c r="R19740" s="5" t="s">
        <v>897</v>
      </c>
      <c r="S19740" s="5" t="s">
        <v>40</v>
      </c>
      <c r="T19740" s="5" t="s">
        <v>42</v>
      </c>
      <c r="U19740" s="2">
        <v>54.94</v>
      </c>
      <c r="V19740" s="2">
        <v>50.55</v>
      </c>
      <c r="W19740" s="2">
        <v>0.23200000000000001</v>
      </c>
      <c r="X19740" s="2">
        <v>17</v>
      </c>
      <c r="Y19740" s="2">
        <v>88.7</v>
      </c>
      <c r="Z19740" s="2">
        <v>153.6</v>
      </c>
      <c r="AA19740" s="5">
        <v>7</v>
      </c>
      <c r="AB19740" s="5" t="s">
        <v>43</v>
      </c>
      <c r="AC19740" s="5" t="s">
        <v>735</v>
      </c>
      <c r="AD19740" s="2" t="s">
        <v>62521</v>
      </c>
      <c r="AE19740" s="1"/>
    </row>
    <row r="19741" spans="1:31" ht="14.45">
      <c r="A19741" s="11"/>
      <c r="B19741" s="20"/>
      <c r="C19741" s="2" t="s">
        <v>62522</v>
      </c>
      <c r="D19741" s="14" t="s">
        <v>62523</v>
      </c>
      <c r="E19741" s="2" t="s">
        <v>62524</v>
      </c>
      <c r="F19741" s="2" t="s">
        <v>62525</v>
      </c>
      <c r="G19741" s="8">
        <v>961</v>
      </c>
      <c r="H19741" s="5">
        <v>5</v>
      </c>
      <c r="I19741" s="5" t="s">
        <v>69</v>
      </c>
      <c r="J19741" s="5" t="s">
        <v>61065</v>
      </c>
      <c r="K19741" s="2" t="s">
        <v>61066</v>
      </c>
      <c r="L19741" s="5" t="s">
        <v>61065</v>
      </c>
      <c r="M19741" s="2" t="s">
        <v>61066</v>
      </c>
      <c r="N19741" s="5" t="s">
        <v>733</v>
      </c>
      <c r="O19741" s="5" t="s">
        <v>38</v>
      </c>
      <c r="P19741" s="5" t="s">
        <v>39</v>
      </c>
      <c r="Q19741" s="5" t="s">
        <v>40</v>
      </c>
      <c r="R19741" s="5" t="s">
        <v>897</v>
      </c>
      <c r="S19741" s="5" t="s">
        <v>40</v>
      </c>
      <c r="T19741" s="5" t="s">
        <v>42</v>
      </c>
      <c r="U19741" s="2">
        <v>53.203000000000003</v>
      </c>
      <c r="V19741" s="2">
        <v>48.969000000000001</v>
      </c>
      <c r="W19741" s="2">
        <v>0.23200000000000001</v>
      </c>
      <c r="X19741" s="2">
        <v>17</v>
      </c>
      <c r="Y19741" s="2">
        <v>88.7</v>
      </c>
      <c r="Z19741" s="2">
        <v>153.6</v>
      </c>
      <c r="AA19741" s="5">
        <v>7</v>
      </c>
      <c r="AB19741" s="5" t="s">
        <v>43</v>
      </c>
      <c r="AC19741" s="5" t="s">
        <v>735</v>
      </c>
      <c r="AD19741" s="2" t="s">
        <v>62526</v>
      </c>
      <c r="AE19741" s="1"/>
    </row>
    <row r="19742" spans="1:31" ht="14.45">
      <c r="A19742" s="11"/>
      <c r="B19742" s="20"/>
      <c r="C19742" s="2" t="s">
        <v>62527</v>
      </c>
      <c r="D19742" s="14" t="s">
        <v>62528</v>
      </c>
      <c r="E19742" s="2" t="s">
        <v>62529</v>
      </c>
      <c r="F19742" s="2" t="s">
        <v>62525</v>
      </c>
      <c r="G19742" s="8">
        <v>1261</v>
      </c>
      <c r="H19742" s="5">
        <v>5</v>
      </c>
      <c r="I19742" s="5" t="s">
        <v>69</v>
      </c>
      <c r="J19742" s="5" t="s">
        <v>61065</v>
      </c>
      <c r="K19742" s="2" t="s">
        <v>61066</v>
      </c>
      <c r="L19742" s="5" t="s">
        <v>61065</v>
      </c>
      <c r="M19742" s="2" t="s">
        <v>61066</v>
      </c>
      <c r="N19742" s="5" t="s">
        <v>733</v>
      </c>
      <c r="O19742" s="5" t="s">
        <v>38</v>
      </c>
      <c r="P19742" s="5" t="s">
        <v>39</v>
      </c>
      <c r="Q19742" s="5" t="s">
        <v>40</v>
      </c>
      <c r="R19742" s="5" t="s">
        <v>897</v>
      </c>
      <c r="S19742" s="5" t="s">
        <v>40</v>
      </c>
      <c r="T19742" s="5" t="s">
        <v>42</v>
      </c>
      <c r="U19742" s="2">
        <v>55.948</v>
      </c>
      <c r="V19742" s="2">
        <v>51.603000000000002</v>
      </c>
      <c r="W19742" s="2">
        <v>0.23200000000000001</v>
      </c>
      <c r="X19742" s="2">
        <v>17</v>
      </c>
      <c r="Y19742" s="2">
        <v>88.7</v>
      </c>
      <c r="Z19742" s="2">
        <v>153.6</v>
      </c>
      <c r="AA19742" s="5">
        <v>7</v>
      </c>
      <c r="AB19742" s="5" t="s">
        <v>43</v>
      </c>
      <c r="AC19742" s="5" t="s">
        <v>735</v>
      </c>
      <c r="AD19742" s="2" t="s">
        <v>62530</v>
      </c>
      <c r="AE19742" s="1"/>
    </row>
    <row r="19743" spans="1:31" ht="14.45">
      <c r="A19743" s="11"/>
      <c r="B19743" s="20"/>
      <c r="C19743" s="2" t="s">
        <v>62531</v>
      </c>
      <c r="D19743" s="14" t="s">
        <v>62532</v>
      </c>
      <c r="E19743" s="2" t="s">
        <v>62533</v>
      </c>
      <c r="F19743" s="2" t="s">
        <v>62525</v>
      </c>
      <c r="G19743" s="8">
        <v>1261</v>
      </c>
      <c r="H19743" s="5">
        <v>10</v>
      </c>
      <c r="I19743" s="5" t="s">
        <v>69</v>
      </c>
      <c r="J19743" s="5" t="s">
        <v>61065</v>
      </c>
      <c r="K19743" s="2" t="s">
        <v>61066</v>
      </c>
      <c r="L19743" s="5" t="s">
        <v>61065</v>
      </c>
      <c r="M19743" s="2" t="s">
        <v>61066</v>
      </c>
      <c r="N19743" s="5" t="s">
        <v>733</v>
      </c>
      <c r="O19743" s="5" t="s">
        <v>38</v>
      </c>
      <c r="P19743" s="5" t="s">
        <v>39</v>
      </c>
      <c r="Q19743" s="5" t="s">
        <v>40</v>
      </c>
      <c r="R19743" s="5" t="s">
        <v>897</v>
      </c>
      <c r="S19743" s="5" t="s">
        <v>40</v>
      </c>
      <c r="T19743" s="5" t="s">
        <v>42</v>
      </c>
      <c r="U19743" s="2">
        <v>55.15</v>
      </c>
      <c r="V19743" s="2">
        <v>50.76</v>
      </c>
      <c r="W19743" s="2">
        <v>0.23200000000000001</v>
      </c>
      <c r="X19743" s="2">
        <v>17</v>
      </c>
      <c r="Y19743" s="2">
        <v>88.7</v>
      </c>
      <c r="Z19743" s="2">
        <v>153.6</v>
      </c>
      <c r="AA19743" s="5">
        <v>7</v>
      </c>
      <c r="AB19743" s="5" t="s">
        <v>43</v>
      </c>
      <c r="AC19743" s="5" t="s">
        <v>735</v>
      </c>
      <c r="AD19743" s="2" t="s">
        <v>62534</v>
      </c>
      <c r="AE19743" s="1"/>
    </row>
    <row r="19744" spans="1:31" ht="14.45">
      <c r="A19744" s="11"/>
      <c r="B19744" s="20"/>
      <c r="C19744" s="2" t="s">
        <v>62535</v>
      </c>
      <c r="D19744" s="14" t="s">
        <v>62536</v>
      </c>
      <c r="E19744" s="2" t="s">
        <v>62537</v>
      </c>
      <c r="F19744" s="2" t="s">
        <v>62538</v>
      </c>
      <c r="G19744" s="8">
        <v>772</v>
      </c>
      <c r="H19744" s="5">
        <v>5</v>
      </c>
      <c r="I19744" s="5" t="s">
        <v>69</v>
      </c>
      <c r="J19744" s="5" t="s">
        <v>61065</v>
      </c>
      <c r="K19744" s="2" t="s">
        <v>61066</v>
      </c>
      <c r="L19744" s="5" t="s">
        <v>61065</v>
      </c>
      <c r="M19744" s="2" t="s">
        <v>61066</v>
      </c>
      <c r="N19744" s="5" t="s">
        <v>733</v>
      </c>
      <c r="O19744" s="5" t="s">
        <v>38</v>
      </c>
      <c r="P19744" s="5" t="s">
        <v>39</v>
      </c>
      <c r="Q19744" s="5" t="s">
        <v>40</v>
      </c>
      <c r="R19744" s="5" t="s">
        <v>897</v>
      </c>
      <c r="S19744" s="5" t="s">
        <v>40</v>
      </c>
      <c r="T19744" s="5" t="s">
        <v>42</v>
      </c>
      <c r="U19744" s="2">
        <v>46.472000000000001</v>
      </c>
      <c r="V19744" s="2">
        <v>42.222000000000001</v>
      </c>
      <c r="W19744" s="2">
        <v>0.23200000000000001</v>
      </c>
      <c r="X19744" s="2">
        <v>17</v>
      </c>
      <c r="Y19744" s="2">
        <v>88.7</v>
      </c>
      <c r="Z19744" s="2">
        <v>153.6</v>
      </c>
      <c r="AA19744" s="5">
        <v>7</v>
      </c>
      <c r="AB19744" s="5" t="s">
        <v>43</v>
      </c>
      <c r="AC19744" s="5" t="s">
        <v>735</v>
      </c>
      <c r="AD19744" s="2" t="s">
        <v>62539</v>
      </c>
      <c r="AE19744" s="1"/>
    </row>
    <row r="19745" spans="1:31" ht="14.45">
      <c r="A19745" s="11"/>
      <c r="B19745" s="20"/>
      <c r="C19745" s="2" t="s">
        <v>62540</v>
      </c>
      <c r="D19745" s="14" t="s">
        <v>62541</v>
      </c>
      <c r="E19745" s="2" t="s">
        <v>62542</v>
      </c>
      <c r="F19745" s="2" t="s">
        <v>62538</v>
      </c>
      <c r="G19745" s="8">
        <v>1072</v>
      </c>
      <c r="H19745" s="5">
        <v>5</v>
      </c>
      <c r="I19745" s="5" t="s">
        <v>69</v>
      </c>
      <c r="J19745" s="5" t="s">
        <v>61065</v>
      </c>
      <c r="K19745" s="2" t="s">
        <v>61066</v>
      </c>
      <c r="L19745" s="5" t="s">
        <v>61065</v>
      </c>
      <c r="M19745" s="2" t="s">
        <v>61066</v>
      </c>
      <c r="N19745" s="5" t="s">
        <v>733</v>
      </c>
      <c r="O19745" s="5" t="s">
        <v>38</v>
      </c>
      <c r="P19745" s="5" t="s">
        <v>39</v>
      </c>
      <c r="Q19745" s="5" t="s">
        <v>40</v>
      </c>
      <c r="R19745" s="5" t="s">
        <v>897</v>
      </c>
      <c r="S19745" s="5" t="s">
        <v>40</v>
      </c>
      <c r="T19745" s="5" t="s">
        <v>42</v>
      </c>
      <c r="U19745" s="2">
        <v>49.345999999999997</v>
      </c>
      <c r="V19745" s="2">
        <v>45.002000000000002</v>
      </c>
      <c r="W19745" s="2">
        <v>0.23200000000000001</v>
      </c>
      <c r="X19745" s="2">
        <v>17</v>
      </c>
      <c r="Y19745" s="2">
        <v>88.7</v>
      </c>
      <c r="Z19745" s="2">
        <v>153.6</v>
      </c>
      <c r="AA19745" s="5">
        <v>7</v>
      </c>
      <c r="AB19745" s="5" t="s">
        <v>43</v>
      </c>
      <c r="AC19745" s="5" t="s">
        <v>735</v>
      </c>
      <c r="AD19745" s="2" t="s">
        <v>62543</v>
      </c>
      <c r="AE19745" s="1"/>
    </row>
    <row r="19746" spans="1:31" ht="14.45">
      <c r="A19746" s="5" t="s">
        <v>116</v>
      </c>
      <c r="B19746" s="21">
        <v>46082</v>
      </c>
      <c r="C19746" s="2" t="s">
        <v>62544</v>
      </c>
      <c r="D19746" s="14" t="s">
        <v>62545</v>
      </c>
      <c r="E19746" s="2" t="s">
        <v>62546</v>
      </c>
      <c r="F19746" s="2" t="s">
        <v>62547</v>
      </c>
      <c r="G19746" s="8">
        <v>1172</v>
      </c>
      <c r="H19746" s="5">
        <v>5</v>
      </c>
      <c r="I19746" s="5" t="s">
        <v>69</v>
      </c>
      <c r="J19746" s="5" t="s">
        <v>61065</v>
      </c>
      <c r="K19746" s="2" t="s">
        <v>61066</v>
      </c>
      <c r="L19746" s="5" t="s">
        <v>61065</v>
      </c>
      <c r="M19746" s="2" t="s">
        <v>61066</v>
      </c>
      <c r="N19746" s="5" t="s">
        <v>733</v>
      </c>
      <c r="O19746" s="5" t="s">
        <v>38</v>
      </c>
      <c r="P19746" s="5" t="s">
        <v>39</v>
      </c>
      <c r="Q19746" s="5" t="s">
        <v>40</v>
      </c>
      <c r="R19746" s="5" t="s">
        <v>897</v>
      </c>
      <c r="S19746" s="5" t="s">
        <v>40</v>
      </c>
      <c r="T19746" s="5" t="s">
        <v>42</v>
      </c>
      <c r="U19746" s="2">
        <v>49.293999999999997</v>
      </c>
      <c r="V19746" s="2">
        <v>45.070999999999998</v>
      </c>
      <c r="W19746" s="2">
        <v>0.23200000000000001</v>
      </c>
      <c r="X19746" s="2">
        <v>17</v>
      </c>
      <c r="Y19746" s="2">
        <v>88.7</v>
      </c>
      <c r="Z19746" s="2">
        <v>153.6</v>
      </c>
      <c r="AA19746" s="5">
        <v>7</v>
      </c>
      <c r="AB19746" s="5" t="s">
        <v>43</v>
      </c>
      <c r="AC19746" s="5" t="s">
        <v>735</v>
      </c>
      <c r="AD19746" s="2" t="s">
        <v>62548</v>
      </c>
      <c r="AE19746" s="1"/>
    </row>
    <row r="19747" spans="1:31" ht="14.45">
      <c r="A19747" s="11"/>
      <c r="B19747" s="20"/>
      <c r="C19747" s="2" t="s">
        <v>62549</v>
      </c>
      <c r="D19747" s="14" t="s">
        <v>62550</v>
      </c>
      <c r="E19747" s="2" t="s">
        <v>62551</v>
      </c>
      <c r="F19747" s="2" t="s">
        <v>62538</v>
      </c>
      <c r="G19747" s="8">
        <v>1072</v>
      </c>
      <c r="H19747" s="5">
        <v>5</v>
      </c>
      <c r="I19747" s="5" t="s">
        <v>69</v>
      </c>
      <c r="J19747" s="5" t="s">
        <v>61065</v>
      </c>
      <c r="K19747" s="2" t="s">
        <v>61066</v>
      </c>
      <c r="L19747" s="5" t="s">
        <v>61065</v>
      </c>
      <c r="M19747" s="2" t="s">
        <v>61066</v>
      </c>
      <c r="N19747" s="5" t="s">
        <v>733</v>
      </c>
      <c r="O19747" s="5" t="s">
        <v>38</v>
      </c>
      <c r="P19747" s="5" t="s">
        <v>39</v>
      </c>
      <c r="Q19747" s="5" t="s">
        <v>40</v>
      </c>
      <c r="R19747" s="5" t="s">
        <v>897</v>
      </c>
      <c r="S19747" s="5" t="s">
        <v>40</v>
      </c>
      <c r="T19747" s="5" t="s">
        <v>42</v>
      </c>
      <c r="U19747" s="2">
        <v>48.484999999999999</v>
      </c>
      <c r="V19747" s="2">
        <v>44.079000000000001</v>
      </c>
      <c r="W19747" s="2">
        <v>0.23200000000000001</v>
      </c>
      <c r="X19747" s="2">
        <v>17</v>
      </c>
      <c r="Y19747" s="2">
        <v>88.7</v>
      </c>
      <c r="Z19747" s="2">
        <v>153.6</v>
      </c>
      <c r="AA19747" s="5">
        <v>7</v>
      </c>
      <c r="AB19747" s="5" t="s">
        <v>43</v>
      </c>
      <c r="AC19747" s="5" t="s">
        <v>735</v>
      </c>
      <c r="AD19747" s="2" t="s">
        <v>62552</v>
      </c>
      <c r="AE19747" s="1"/>
    </row>
    <row r="19748" spans="1:31" ht="14.45">
      <c r="A19748" s="11"/>
      <c r="B19748" s="20"/>
      <c r="C19748" s="2" t="s">
        <v>62553</v>
      </c>
      <c r="D19748" s="14" t="s">
        <v>62554</v>
      </c>
      <c r="E19748" s="2" t="s">
        <v>62555</v>
      </c>
      <c r="F19748" s="2" t="s">
        <v>62538</v>
      </c>
      <c r="G19748" s="8">
        <v>1319</v>
      </c>
      <c r="H19748" s="5">
        <v>5</v>
      </c>
      <c r="I19748" s="5" t="s">
        <v>69</v>
      </c>
      <c r="J19748" s="5" t="s">
        <v>61065</v>
      </c>
      <c r="K19748" s="2" t="s">
        <v>61066</v>
      </c>
      <c r="L19748" s="5" t="s">
        <v>61065</v>
      </c>
      <c r="M19748" s="2" t="s">
        <v>61066</v>
      </c>
      <c r="N19748" s="5" t="s">
        <v>733</v>
      </c>
      <c r="O19748" s="5" t="s">
        <v>38</v>
      </c>
      <c r="P19748" s="5" t="s">
        <v>39</v>
      </c>
      <c r="Q19748" s="5" t="s">
        <v>40</v>
      </c>
      <c r="R19748" s="5" t="s">
        <v>897</v>
      </c>
      <c r="S19748" s="5" t="s">
        <v>40</v>
      </c>
      <c r="T19748" s="5" t="s">
        <v>42</v>
      </c>
      <c r="U19748" s="2">
        <v>50.811</v>
      </c>
      <c r="V19748" s="2">
        <v>46.558</v>
      </c>
      <c r="W19748" s="2">
        <v>0.23200000000000001</v>
      </c>
      <c r="X19748" s="2">
        <v>17</v>
      </c>
      <c r="Y19748" s="2">
        <v>88.7</v>
      </c>
      <c r="Z19748" s="2">
        <v>153.6</v>
      </c>
      <c r="AA19748" s="5">
        <v>7</v>
      </c>
      <c r="AB19748" s="5" t="s">
        <v>43</v>
      </c>
      <c r="AC19748" s="5" t="s">
        <v>735</v>
      </c>
      <c r="AD19748" s="2" t="s">
        <v>62556</v>
      </c>
      <c r="AE19748" s="1"/>
    </row>
    <row r="19749" spans="1:31" ht="14.45">
      <c r="A19749" s="11"/>
      <c r="B19749" s="20"/>
      <c r="C19749" s="2" t="s">
        <v>62557</v>
      </c>
      <c r="D19749" s="14" t="s">
        <v>62558</v>
      </c>
      <c r="E19749" s="2" t="s">
        <v>62559</v>
      </c>
      <c r="F19749" s="2" t="s">
        <v>62560</v>
      </c>
      <c r="G19749" s="8">
        <v>1290</v>
      </c>
      <c r="H19749" s="5">
        <v>5</v>
      </c>
      <c r="I19749" s="5" t="s">
        <v>69</v>
      </c>
      <c r="J19749" s="5" t="s">
        <v>61065</v>
      </c>
      <c r="K19749" s="2" t="s">
        <v>61066</v>
      </c>
      <c r="L19749" s="5" t="s">
        <v>61065</v>
      </c>
      <c r="M19749" s="2" t="s">
        <v>61066</v>
      </c>
      <c r="N19749" s="5" t="s">
        <v>733</v>
      </c>
      <c r="O19749" s="5" t="s">
        <v>38</v>
      </c>
      <c r="P19749" s="5" t="s">
        <v>39</v>
      </c>
      <c r="Q19749" s="5" t="s">
        <v>40</v>
      </c>
      <c r="R19749" s="5" t="s">
        <v>897</v>
      </c>
      <c r="S19749" s="5" t="s">
        <v>40</v>
      </c>
      <c r="T19749" s="5" t="s">
        <v>42</v>
      </c>
      <c r="U19749" s="2">
        <v>49.902999999999999</v>
      </c>
      <c r="V19749" s="2">
        <v>45.671999999999997</v>
      </c>
      <c r="W19749" s="2">
        <v>0.23200000000000001</v>
      </c>
      <c r="X19749" s="2">
        <v>17</v>
      </c>
      <c r="Y19749" s="2">
        <v>88.7</v>
      </c>
      <c r="Z19749" s="2">
        <v>153.6</v>
      </c>
      <c r="AA19749" s="5">
        <v>7</v>
      </c>
      <c r="AB19749" s="5" t="s">
        <v>43</v>
      </c>
      <c r="AC19749" s="5" t="s">
        <v>735</v>
      </c>
      <c r="AD19749" s="2" t="s">
        <v>62561</v>
      </c>
      <c r="AE19749" s="1"/>
    </row>
    <row r="19750" spans="1:31" ht="14.45">
      <c r="A19750" s="11"/>
      <c r="B19750" s="20"/>
      <c r="C19750" s="2" t="s">
        <v>62562</v>
      </c>
      <c r="D19750" s="14" t="s">
        <v>62563</v>
      </c>
      <c r="E19750" s="2" t="s">
        <v>62564</v>
      </c>
      <c r="F19750" s="2" t="s">
        <v>62565</v>
      </c>
      <c r="G19750" s="8">
        <v>1012</v>
      </c>
      <c r="H19750" s="5">
        <v>5</v>
      </c>
      <c r="I19750" s="5" t="s">
        <v>69</v>
      </c>
      <c r="J19750" s="5" t="s">
        <v>61065</v>
      </c>
      <c r="K19750" s="2" t="s">
        <v>61066</v>
      </c>
      <c r="L19750" s="5" t="s">
        <v>61065</v>
      </c>
      <c r="M19750" s="2" t="s">
        <v>61066</v>
      </c>
      <c r="N19750" s="5" t="s">
        <v>733</v>
      </c>
      <c r="O19750" s="5" t="s">
        <v>38</v>
      </c>
      <c r="P19750" s="5" t="s">
        <v>39</v>
      </c>
      <c r="Q19750" s="5" t="s">
        <v>40</v>
      </c>
      <c r="R19750" s="5" t="s">
        <v>897</v>
      </c>
      <c r="S19750" s="5" t="s">
        <v>40</v>
      </c>
      <c r="T19750" s="5" t="s">
        <v>42</v>
      </c>
      <c r="U19750" s="2">
        <v>53.122</v>
      </c>
      <c r="V19750" s="2">
        <v>48.887999999999998</v>
      </c>
      <c r="W19750" s="2">
        <v>0.23200000000000001</v>
      </c>
      <c r="X19750" s="2">
        <v>17</v>
      </c>
      <c r="Y19750" s="2">
        <v>88.7</v>
      </c>
      <c r="Z19750" s="2">
        <v>153.6</v>
      </c>
      <c r="AA19750" s="5">
        <v>7</v>
      </c>
      <c r="AB19750" s="5" t="s">
        <v>43</v>
      </c>
      <c r="AC19750" s="5" t="s">
        <v>735</v>
      </c>
      <c r="AD19750" s="2" t="s">
        <v>62566</v>
      </c>
      <c r="AE19750" s="1"/>
    </row>
    <row r="19751" spans="1:31" ht="14.45">
      <c r="A19751" s="11"/>
      <c r="B19751" s="20"/>
      <c r="C19751" s="2" t="s">
        <v>62567</v>
      </c>
      <c r="D19751" s="14" t="s">
        <v>62568</v>
      </c>
      <c r="E19751" s="2" t="s">
        <v>62569</v>
      </c>
      <c r="F19751" s="2" t="s">
        <v>62565</v>
      </c>
      <c r="G19751" s="8">
        <v>1312</v>
      </c>
      <c r="H19751" s="5">
        <v>5</v>
      </c>
      <c r="I19751" s="5" t="s">
        <v>69</v>
      </c>
      <c r="J19751" s="5" t="s">
        <v>61065</v>
      </c>
      <c r="K19751" s="2" t="s">
        <v>61066</v>
      </c>
      <c r="L19751" s="5" t="s">
        <v>61065</v>
      </c>
      <c r="M19751" s="2" t="s">
        <v>61066</v>
      </c>
      <c r="N19751" s="5" t="s">
        <v>733</v>
      </c>
      <c r="O19751" s="5" t="s">
        <v>38</v>
      </c>
      <c r="P19751" s="5" t="s">
        <v>39</v>
      </c>
      <c r="Q19751" s="5" t="s">
        <v>40</v>
      </c>
      <c r="R19751" s="5" t="s">
        <v>897</v>
      </c>
      <c r="S19751" s="5" t="s">
        <v>40</v>
      </c>
      <c r="T19751" s="5" t="s">
        <v>42</v>
      </c>
      <c r="U19751" s="2">
        <v>55.92</v>
      </c>
      <c r="V19751" s="2">
        <v>51.573</v>
      </c>
      <c r="W19751" s="2">
        <v>0.23200000000000001</v>
      </c>
      <c r="X19751" s="2">
        <v>17</v>
      </c>
      <c r="Y19751" s="2">
        <v>88.7</v>
      </c>
      <c r="Z19751" s="2">
        <v>153.6</v>
      </c>
      <c r="AA19751" s="5">
        <v>7</v>
      </c>
      <c r="AB19751" s="5" t="s">
        <v>43</v>
      </c>
      <c r="AC19751" s="5" t="s">
        <v>735</v>
      </c>
      <c r="AD19751" s="2" t="s">
        <v>62570</v>
      </c>
      <c r="AE19751" s="1"/>
    </row>
    <row r="19752" spans="1:31" ht="14.45">
      <c r="A19752" s="5" t="s">
        <v>116</v>
      </c>
      <c r="B19752" s="21">
        <v>46082</v>
      </c>
      <c r="C19752" s="2" t="s">
        <v>62571</v>
      </c>
      <c r="D19752" s="14" t="s">
        <v>62572</v>
      </c>
      <c r="E19752" s="2" t="s">
        <v>62573</v>
      </c>
      <c r="F19752" s="2" t="s">
        <v>62574</v>
      </c>
      <c r="G19752" s="8">
        <v>1412</v>
      </c>
      <c r="H19752" s="5">
        <v>5</v>
      </c>
      <c r="I19752" s="5" t="s">
        <v>69</v>
      </c>
      <c r="J19752" s="5" t="s">
        <v>61065</v>
      </c>
      <c r="K19752" s="2" t="s">
        <v>61066</v>
      </c>
      <c r="L19752" s="5" t="s">
        <v>61065</v>
      </c>
      <c r="M19752" s="2" t="s">
        <v>61066</v>
      </c>
      <c r="N19752" s="5" t="s">
        <v>733</v>
      </c>
      <c r="O19752" s="5" t="s">
        <v>38</v>
      </c>
      <c r="P19752" s="5" t="s">
        <v>39</v>
      </c>
      <c r="Q19752" s="5" t="s">
        <v>40</v>
      </c>
      <c r="R19752" s="5" t="s">
        <v>897</v>
      </c>
      <c r="S19752" s="5" t="s">
        <v>40</v>
      </c>
      <c r="T19752" s="5" t="s">
        <v>42</v>
      </c>
      <c r="U19752" s="2">
        <v>55.917000000000002</v>
      </c>
      <c r="V19752" s="2">
        <v>51.71</v>
      </c>
      <c r="W19752" s="2">
        <v>0.23200000000000001</v>
      </c>
      <c r="X19752" s="2">
        <v>17</v>
      </c>
      <c r="Y19752" s="2">
        <v>88.7</v>
      </c>
      <c r="Z19752" s="2">
        <v>153.6</v>
      </c>
      <c r="AA19752" s="5">
        <v>7</v>
      </c>
      <c r="AB19752" s="5" t="s">
        <v>43</v>
      </c>
      <c r="AC19752" s="5" t="s">
        <v>735</v>
      </c>
      <c r="AD19752" s="2" t="s">
        <v>62575</v>
      </c>
      <c r="AE19752" s="1"/>
    </row>
    <row r="19753" spans="1:31" ht="14.45">
      <c r="A19753" s="11"/>
      <c r="B19753" s="20"/>
      <c r="C19753" s="2" t="s">
        <v>62576</v>
      </c>
      <c r="D19753" s="14" t="s">
        <v>62577</v>
      </c>
      <c r="E19753" s="2" t="s">
        <v>62578</v>
      </c>
      <c r="F19753" s="2" t="s">
        <v>62565</v>
      </c>
      <c r="G19753" s="8">
        <v>1312</v>
      </c>
      <c r="H19753" s="5">
        <v>5</v>
      </c>
      <c r="I19753" s="5" t="s">
        <v>69</v>
      </c>
      <c r="J19753" s="5" t="s">
        <v>61065</v>
      </c>
      <c r="K19753" s="2" t="s">
        <v>61066</v>
      </c>
      <c r="L19753" s="5" t="s">
        <v>61065</v>
      </c>
      <c r="M19753" s="2" t="s">
        <v>61066</v>
      </c>
      <c r="N19753" s="5" t="s">
        <v>733</v>
      </c>
      <c r="O19753" s="5" t="s">
        <v>38</v>
      </c>
      <c r="P19753" s="5" t="s">
        <v>39</v>
      </c>
      <c r="Q19753" s="5" t="s">
        <v>40</v>
      </c>
      <c r="R19753" s="5" t="s">
        <v>897</v>
      </c>
      <c r="S19753" s="5" t="s">
        <v>40</v>
      </c>
      <c r="T19753" s="5" t="s">
        <v>42</v>
      </c>
      <c r="U19753" s="2">
        <v>55.113999999999997</v>
      </c>
      <c r="V19753" s="2">
        <v>50.723999999999997</v>
      </c>
      <c r="W19753" s="2">
        <v>0.23200000000000001</v>
      </c>
      <c r="X19753" s="2">
        <v>17</v>
      </c>
      <c r="Y19753" s="2">
        <v>88.7</v>
      </c>
      <c r="Z19753" s="2">
        <v>153.6</v>
      </c>
      <c r="AA19753" s="5">
        <v>7</v>
      </c>
      <c r="AB19753" s="5" t="s">
        <v>43</v>
      </c>
      <c r="AC19753" s="5" t="s">
        <v>735</v>
      </c>
      <c r="AD19753" s="2" t="s">
        <v>62579</v>
      </c>
      <c r="AE19753" s="1"/>
    </row>
    <row r="19754" spans="1:31" ht="14.45">
      <c r="A19754" s="5"/>
      <c r="B19754" s="21"/>
      <c r="C19754" s="2" t="s">
        <v>62580</v>
      </c>
      <c r="D19754" s="14" t="s">
        <v>62581</v>
      </c>
      <c r="E19754" s="2" t="s">
        <v>62582</v>
      </c>
      <c r="F19754" s="2" t="s">
        <v>62583</v>
      </c>
      <c r="G19754" s="8">
        <v>1559</v>
      </c>
      <c r="H19754" s="5">
        <v>5</v>
      </c>
      <c r="I19754" s="5" t="s">
        <v>69</v>
      </c>
      <c r="J19754" s="5" t="s">
        <v>61065</v>
      </c>
      <c r="K19754" s="2" t="s">
        <v>61066</v>
      </c>
      <c r="L19754" s="5" t="s">
        <v>61065</v>
      </c>
      <c r="M19754" s="2" t="s">
        <v>61066</v>
      </c>
      <c r="N19754" s="5" t="s">
        <v>733</v>
      </c>
      <c r="O19754" s="5" t="s">
        <v>38</v>
      </c>
      <c r="P19754" s="5" t="s">
        <v>39</v>
      </c>
      <c r="Q19754" s="5" t="s">
        <v>40</v>
      </c>
      <c r="R19754" s="5" t="s">
        <v>897</v>
      </c>
      <c r="S19754" s="5" t="s">
        <v>40</v>
      </c>
      <c r="T19754" s="5" t="s">
        <v>42</v>
      </c>
      <c r="U19754" s="2">
        <v>57.353999999999999</v>
      </c>
      <c r="V19754" s="2">
        <v>53.112000000000002</v>
      </c>
      <c r="W19754" s="2">
        <v>0.23200000000000001</v>
      </c>
      <c r="X19754" s="2">
        <v>17</v>
      </c>
      <c r="Y19754" s="2">
        <v>88.7</v>
      </c>
      <c r="Z19754" s="2">
        <v>153.6</v>
      </c>
      <c r="AA19754" s="5">
        <v>7</v>
      </c>
      <c r="AB19754" s="5" t="s">
        <v>43</v>
      </c>
      <c r="AC19754" s="5" t="s">
        <v>735</v>
      </c>
      <c r="AD19754" s="2"/>
      <c r="AE19754" s="1"/>
    </row>
    <row r="19755" spans="1:31" ht="14.45">
      <c r="A19755" s="11"/>
      <c r="B19755" s="20"/>
      <c r="C19755" s="2" t="s">
        <v>62584</v>
      </c>
      <c r="D19755" s="14" t="s">
        <v>62585</v>
      </c>
      <c r="E19755" s="2" t="s">
        <v>62586</v>
      </c>
      <c r="F19755" s="2" t="s">
        <v>62587</v>
      </c>
      <c r="G19755" s="8">
        <v>2034</v>
      </c>
      <c r="H19755" s="5">
        <v>10</v>
      </c>
      <c r="I19755" s="5" t="s">
        <v>69</v>
      </c>
      <c r="J19755" s="5" t="s">
        <v>61065</v>
      </c>
      <c r="K19755" s="2" t="s">
        <v>61066</v>
      </c>
      <c r="L19755" s="5" t="s">
        <v>61065</v>
      </c>
      <c r="M19755" s="2" t="s">
        <v>61066</v>
      </c>
      <c r="N19755" s="5" t="s">
        <v>733</v>
      </c>
      <c r="O19755" s="5" t="s">
        <v>38</v>
      </c>
      <c r="P19755" s="5" t="s">
        <v>39</v>
      </c>
      <c r="Q19755" s="5" t="s">
        <v>40</v>
      </c>
      <c r="R19755" s="5" t="s">
        <v>897</v>
      </c>
      <c r="S19755" s="5" t="s">
        <v>40</v>
      </c>
      <c r="T19755" s="5" t="s">
        <v>42</v>
      </c>
      <c r="U19755" s="2">
        <v>66.156999999999996</v>
      </c>
      <c r="V19755" s="2">
        <v>61.820999999999998</v>
      </c>
      <c r="W19755" s="2">
        <v>0.23200000000000001</v>
      </c>
      <c r="X19755" s="2">
        <v>17</v>
      </c>
      <c r="Y19755" s="2">
        <v>88.7</v>
      </c>
      <c r="Z19755" s="2">
        <v>153.6</v>
      </c>
      <c r="AA19755" s="5">
        <v>7</v>
      </c>
      <c r="AB19755" s="5" t="s">
        <v>43</v>
      </c>
      <c r="AC19755" s="5" t="s">
        <v>735</v>
      </c>
      <c r="AD19755" s="2" t="s">
        <v>62588</v>
      </c>
      <c r="AE19755" s="1"/>
    </row>
    <row r="19756" spans="1:31" ht="14.45">
      <c r="A19756" s="11"/>
      <c r="B19756" s="20"/>
      <c r="C19756" s="2" t="s">
        <v>62589</v>
      </c>
      <c r="D19756" s="14" t="s">
        <v>62590</v>
      </c>
      <c r="E19756" s="2" t="s">
        <v>62591</v>
      </c>
      <c r="F19756" s="2" t="s">
        <v>62592</v>
      </c>
      <c r="G19756" s="8">
        <v>1578</v>
      </c>
      <c r="H19756" s="5">
        <v>5</v>
      </c>
      <c r="I19756" s="5" t="s">
        <v>69</v>
      </c>
      <c r="J19756" s="5" t="s">
        <v>61065</v>
      </c>
      <c r="K19756" s="2" t="s">
        <v>61066</v>
      </c>
      <c r="L19756" s="5" t="s">
        <v>61065</v>
      </c>
      <c r="M19756" s="2" t="s">
        <v>61066</v>
      </c>
      <c r="N19756" s="5" t="s">
        <v>733</v>
      </c>
      <c r="O19756" s="5" t="s">
        <v>38</v>
      </c>
      <c r="P19756" s="5" t="s">
        <v>39</v>
      </c>
      <c r="Q19756" s="5" t="s">
        <v>40</v>
      </c>
      <c r="R19756" s="5" t="s">
        <v>897</v>
      </c>
      <c r="S19756" s="5" t="s">
        <v>40</v>
      </c>
      <c r="T19756" s="5" t="s">
        <v>42</v>
      </c>
      <c r="U19756" s="2">
        <v>58.287999999999997</v>
      </c>
      <c r="V19756" s="2">
        <v>54.03</v>
      </c>
      <c r="W19756" s="2">
        <v>0.23200000000000001</v>
      </c>
      <c r="X19756" s="2">
        <v>17</v>
      </c>
      <c r="Y19756" s="2">
        <v>88.7</v>
      </c>
      <c r="Z19756" s="2">
        <v>153.6</v>
      </c>
      <c r="AA19756" s="5">
        <v>7</v>
      </c>
      <c r="AB19756" s="5" t="s">
        <v>43</v>
      </c>
      <c r="AC19756" s="5" t="s">
        <v>735</v>
      </c>
      <c r="AD19756" s="2" t="s">
        <v>62593</v>
      </c>
      <c r="AE19756" s="1"/>
    </row>
    <row r="19757" spans="1:31" ht="14.45">
      <c r="A19757" s="11"/>
      <c r="B19757" s="20"/>
      <c r="C19757" s="2" t="s">
        <v>62594</v>
      </c>
      <c r="D19757" s="14" t="s">
        <v>62595</v>
      </c>
      <c r="E19757" s="2" t="s">
        <v>62596</v>
      </c>
      <c r="F19757" s="2" t="s">
        <v>62597</v>
      </c>
      <c r="G19757" s="8">
        <v>1878</v>
      </c>
      <c r="H19757" s="5">
        <v>10</v>
      </c>
      <c r="I19757" s="5" t="s">
        <v>69</v>
      </c>
      <c r="J19757" s="5" t="s">
        <v>61065</v>
      </c>
      <c r="K19757" s="2" t="s">
        <v>61066</v>
      </c>
      <c r="L19757" s="5" t="s">
        <v>61065</v>
      </c>
      <c r="M19757" s="2" t="s">
        <v>61066</v>
      </c>
      <c r="N19757" s="5" t="s">
        <v>733</v>
      </c>
      <c r="O19757" s="5" t="s">
        <v>38</v>
      </c>
      <c r="P19757" s="5" t="s">
        <v>39</v>
      </c>
      <c r="Q19757" s="5" t="s">
        <v>40</v>
      </c>
      <c r="R19757" s="5" t="s">
        <v>897</v>
      </c>
      <c r="S19757" s="5" t="s">
        <v>40</v>
      </c>
      <c r="T19757" s="5" t="s">
        <v>42</v>
      </c>
      <c r="U19757" s="2">
        <v>59.295000000000002</v>
      </c>
      <c r="V19757" s="2">
        <v>54.95</v>
      </c>
      <c r="W19757" s="2">
        <v>0.23200000000000001</v>
      </c>
      <c r="X19757" s="2">
        <v>17</v>
      </c>
      <c r="Y19757" s="2">
        <v>88.7</v>
      </c>
      <c r="Z19757" s="2">
        <v>153.6</v>
      </c>
      <c r="AA19757" s="5">
        <v>7</v>
      </c>
      <c r="AB19757" s="5" t="s">
        <v>43</v>
      </c>
      <c r="AC19757" s="5" t="s">
        <v>735</v>
      </c>
      <c r="AD19757" s="2" t="s">
        <v>62598</v>
      </c>
      <c r="AE19757" s="1"/>
    </row>
    <row r="19758" spans="1:31" ht="14.45">
      <c r="A19758" s="5" t="s">
        <v>116</v>
      </c>
      <c r="B19758" s="21">
        <v>46082</v>
      </c>
      <c r="C19758" s="2" t="s">
        <v>62599</v>
      </c>
      <c r="D19758" s="14" t="s">
        <v>62600</v>
      </c>
      <c r="E19758" s="2" t="s">
        <v>62601</v>
      </c>
      <c r="F19758" s="2" t="s">
        <v>62602</v>
      </c>
      <c r="G19758" s="8">
        <v>1978</v>
      </c>
      <c r="H19758" s="5">
        <v>5</v>
      </c>
      <c r="I19758" s="5" t="s">
        <v>69</v>
      </c>
      <c r="J19758" s="5" t="s">
        <v>61065</v>
      </c>
      <c r="K19758" s="2" t="s">
        <v>61066</v>
      </c>
      <c r="L19758" s="5" t="s">
        <v>61065</v>
      </c>
      <c r="M19758" s="2" t="s">
        <v>61066</v>
      </c>
      <c r="N19758" s="5" t="s">
        <v>733</v>
      </c>
      <c r="O19758" s="5" t="s">
        <v>38</v>
      </c>
      <c r="P19758" s="5" t="s">
        <v>39</v>
      </c>
      <c r="Q19758" s="5" t="s">
        <v>40</v>
      </c>
      <c r="R19758" s="5" t="s">
        <v>897</v>
      </c>
      <c r="S19758" s="5" t="s">
        <v>40</v>
      </c>
      <c r="T19758" s="5" t="s">
        <v>42</v>
      </c>
      <c r="U19758" s="2">
        <v>59.38</v>
      </c>
      <c r="V19758" s="2">
        <v>55.173000000000002</v>
      </c>
      <c r="W19758" s="2">
        <v>0.23200000000000001</v>
      </c>
      <c r="X19758" s="2">
        <v>17</v>
      </c>
      <c r="Y19758" s="2">
        <v>88.7</v>
      </c>
      <c r="Z19758" s="2">
        <v>153.6</v>
      </c>
      <c r="AA19758" s="5">
        <v>7</v>
      </c>
      <c r="AB19758" s="5" t="s">
        <v>43</v>
      </c>
      <c r="AC19758" s="5" t="s">
        <v>735</v>
      </c>
      <c r="AD19758" s="2" t="s">
        <v>62603</v>
      </c>
      <c r="AE19758" s="1"/>
    </row>
    <row r="19759" spans="1:31" ht="14.45">
      <c r="A19759" s="11"/>
      <c r="B19759" s="20"/>
      <c r="C19759" s="2" t="s">
        <v>62604</v>
      </c>
      <c r="D19759" s="14" t="s">
        <v>62605</v>
      </c>
      <c r="E19759" s="2" t="s">
        <v>62606</v>
      </c>
      <c r="F19759" s="2" t="s">
        <v>62597</v>
      </c>
      <c r="G19759" s="8">
        <v>1878</v>
      </c>
      <c r="H19759" s="5">
        <v>10</v>
      </c>
      <c r="I19759" s="5" t="s">
        <v>69</v>
      </c>
      <c r="J19759" s="5" t="s">
        <v>61065</v>
      </c>
      <c r="K19759" s="2" t="s">
        <v>61066</v>
      </c>
      <c r="L19759" s="5" t="s">
        <v>61065</v>
      </c>
      <c r="M19759" s="2" t="s">
        <v>61066</v>
      </c>
      <c r="N19759" s="5" t="s">
        <v>733</v>
      </c>
      <c r="O19759" s="5" t="s">
        <v>38</v>
      </c>
      <c r="P19759" s="5" t="s">
        <v>39</v>
      </c>
      <c r="Q19759" s="5" t="s">
        <v>40</v>
      </c>
      <c r="R19759" s="5" t="s">
        <v>897</v>
      </c>
      <c r="S19759" s="5" t="s">
        <v>40</v>
      </c>
      <c r="T19759" s="5" t="s">
        <v>42</v>
      </c>
      <c r="U19759" s="2">
        <v>58.523000000000003</v>
      </c>
      <c r="V19759" s="2">
        <v>54.133000000000003</v>
      </c>
      <c r="W19759" s="2">
        <v>0.23200000000000001</v>
      </c>
      <c r="X19759" s="2">
        <v>17</v>
      </c>
      <c r="Y19759" s="2">
        <v>88.7</v>
      </c>
      <c r="Z19759" s="2">
        <v>153.6</v>
      </c>
      <c r="AA19759" s="5">
        <v>7</v>
      </c>
      <c r="AB19759" s="5" t="s">
        <v>43</v>
      </c>
      <c r="AC19759" s="5" t="s">
        <v>735</v>
      </c>
      <c r="AD19759" s="2" t="s">
        <v>62607</v>
      </c>
      <c r="AE19759" s="1"/>
    </row>
    <row r="19760" spans="1:31" ht="14.45">
      <c r="A19760" s="11"/>
      <c r="B19760" s="20"/>
      <c r="C19760" s="2" t="s">
        <v>62608</v>
      </c>
      <c r="D19760" s="14" t="s">
        <v>62609</v>
      </c>
      <c r="E19760" s="2" t="s">
        <v>62610</v>
      </c>
      <c r="F19760" s="2" t="s">
        <v>62611</v>
      </c>
      <c r="G19760" s="8">
        <v>1240</v>
      </c>
      <c r="H19760" s="5">
        <v>5</v>
      </c>
      <c r="I19760" s="5" t="s">
        <v>69</v>
      </c>
      <c r="J19760" s="5" t="s">
        <v>61065</v>
      </c>
      <c r="K19760" s="2" t="s">
        <v>61066</v>
      </c>
      <c r="L19760" s="5" t="s">
        <v>61065</v>
      </c>
      <c r="M19760" s="2" t="s">
        <v>61066</v>
      </c>
      <c r="N19760" s="5" t="s">
        <v>733</v>
      </c>
      <c r="O19760" s="5" t="s">
        <v>38</v>
      </c>
      <c r="P19760" s="5" t="s">
        <v>39</v>
      </c>
      <c r="Q19760" s="5" t="s">
        <v>40</v>
      </c>
      <c r="R19760" s="5" t="s">
        <v>897</v>
      </c>
      <c r="S19760" s="5" t="s">
        <v>40</v>
      </c>
      <c r="T19760" s="5" t="s">
        <v>42</v>
      </c>
      <c r="U19760" s="2">
        <v>51.715000000000003</v>
      </c>
      <c r="V19760" s="2">
        <v>47.441000000000003</v>
      </c>
      <c r="W19760" s="2">
        <v>0.23200000000000001</v>
      </c>
      <c r="X19760" s="2">
        <v>17</v>
      </c>
      <c r="Y19760" s="2">
        <v>88.7</v>
      </c>
      <c r="Z19760" s="2">
        <v>153.6</v>
      </c>
      <c r="AA19760" s="5">
        <v>7</v>
      </c>
      <c r="AB19760" s="5" t="s">
        <v>43</v>
      </c>
      <c r="AC19760" s="5" t="s">
        <v>735</v>
      </c>
      <c r="AD19760" s="2" t="s">
        <v>62612</v>
      </c>
      <c r="AE19760" s="1"/>
    </row>
    <row r="19761" spans="1:31" ht="14.45">
      <c r="A19761" s="11"/>
      <c r="B19761" s="20"/>
      <c r="C19761" s="2" t="s">
        <v>62613</v>
      </c>
      <c r="D19761" s="14" t="s">
        <v>62614</v>
      </c>
      <c r="E19761" s="2" t="s">
        <v>62615</v>
      </c>
      <c r="F19761" s="2" t="s">
        <v>62616</v>
      </c>
      <c r="G19761" s="8">
        <v>1540</v>
      </c>
      <c r="H19761" s="5">
        <v>5</v>
      </c>
      <c r="I19761" s="5" t="s">
        <v>69</v>
      </c>
      <c r="J19761" s="5" t="s">
        <v>61065</v>
      </c>
      <c r="K19761" s="2" t="s">
        <v>61066</v>
      </c>
      <c r="L19761" s="5" t="s">
        <v>61065</v>
      </c>
      <c r="M19761" s="2" t="s">
        <v>61066</v>
      </c>
      <c r="N19761" s="5" t="s">
        <v>733</v>
      </c>
      <c r="O19761" s="5" t="s">
        <v>38</v>
      </c>
      <c r="P19761" s="5" t="s">
        <v>39</v>
      </c>
      <c r="Q19761" s="5" t="s">
        <v>40</v>
      </c>
      <c r="R19761" s="5" t="s">
        <v>897</v>
      </c>
      <c r="S19761" s="5" t="s">
        <v>40</v>
      </c>
      <c r="T19761" s="5" t="s">
        <v>42</v>
      </c>
      <c r="U19761" s="2">
        <v>52.722000000000001</v>
      </c>
      <c r="V19761" s="2">
        <v>48.360999999999997</v>
      </c>
      <c r="W19761" s="2">
        <v>0.23200000000000001</v>
      </c>
      <c r="X19761" s="2">
        <v>17</v>
      </c>
      <c r="Y19761" s="2">
        <v>88.7</v>
      </c>
      <c r="Z19761" s="2">
        <v>153.6</v>
      </c>
      <c r="AA19761" s="5">
        <v>7</v>
      </c>
      <c r="AB19761" s="5" t="s">
        <v>43</v>
      </c>
      <c r="AC19761" s="5" t="s">
        <v>735</v>
      </c>
      <c r="AD19761" s="2" t="s">
        <v>62617</v>
      </c>
      <c r="AE19761" s="1"/>
    </row>
    <row r="19762" spans="1:31" ht="14.45">
      <c r="A19762" s="5" t="s">
        <v>116</v>
      </c>
      <c r="B19762" s="21">
        <v>46082</v>
      </c>
      <c r="C19762" s="2" t="s">
        <v>62618</v>
      </c>
      <c r="D19762" s="14" t="s">
        <v>62619</v>
      </c>
      <c r="E19762" s="2" t="s">
        <v>62620</v>
      </c>
      <c r="F19762" s="2" t="s">
        <v>62621</v>
      </c>
      <c r="G19762" s="8">
        <v>1640</v>
      </c>
      <c r="H19762" s="5">
        <v>5</v>
      </c>
      <c r="I19762" s="5" t="s">
        <v>69</v>
      </c>
      <c r="J19762" s="5" t="s">
        <v>61065</v>
      </c>
      <c r="K19762" s="2" t="s">
        <v>61066</v>
      </c>
      <c r="L19762" s="5" t="s">
        <v>61065</v>
      </c>
      <c r="M19762" s="2" t="s">
        <v>61066</v>
      </c>
      <c r="N19762" s="5" t="s">
        <v>733</v>
      </c>
      <c r="O19762" s="5" t="s">
        <v>38</v>
      </c>
      <c r="P19762" s="5" t="s">
        <v>39</v>
      </c>
      <c r="Q19762" s="5" t="s">
        <v>40</v>
      </c>
      <c r="R19762" s="5" t="s">
        <v>897</v>
      </c>
      <c r="S19762" s="5" t="s">
        <v>40</v>
      </c>
      <c r="T19762" s="5" t="s">
        <v>42</v>
      </c>
      <c r="U19762" s="2">
        <v>52.805999999999997</v>
      </c>
      <c r="V19762" s="2">
        <v>48.582999999999998</v>
      </c>
      <c r="W19762" s="2">
        <v>0.23200000000000001</v>
      </c>
      <c r="X19762" s="2">
        <v>17</v>
      </c>
      <c r="Y19762" s="2">
        <v>88.7</v>
      </c>
      <c r="Z19762" s="2">
        <v>153.6</v>
      </c>
      <c r="AA19762" s="5">
        <v>7</v>
      </c>
      <c r="AB19762" s="5" t="s">
        <v>43</v>
      </c>
      <c r="AC19762" s="5" t="s">
        <v>735</v>
      </c>
      <c r="AD19762" s="2" t="s">
        <v>62622</v>
      </c>
      <c r="AE19762" s="1"/>
    </row>
    <row r="19763" spans="1:31" ht="14.45">
      <c r="A19763" s="11"/>
      <c r="B19763" s="20"/>
      <c r="C19763" s="2" t="s">
        <v>62623</v>
      </c>
      <c r="D19763" s="14" t="s">
        <v>62624</v>
      </c>
      <c r="E19763" s="2" t="s">
        <v>62625</v>
      </c>
      <c r="F19763" s="2" t="s">
        <v>62616</v>
      </c>
      <c r="G19763" s="8">
        <v>1540</v>
      </c>
      <c r="H19763" s="5">
        <v>10</v>
      </c>
      <c r="I19763" s="5" t="s">
        <v>69</v>
      </c>
      <c r="J19763" s="5" t="s">
        <v>61065</v>
      </c>
      <c r="K19763" s="2" t="s">
        <v>61066</v>
      </c>
      <c r="L19763" s="5" t="s">
        <v>61065</v>
      </c>
      <c r="M19763" s="2" t="s">
        <v>61066</v>
      </c>
      <c r="N19763" s="5" t="s">
        <v>733</v>
      </c>
      <c r="O19763" s="5" t="s">
        <v>38</v>
      </c>
      <c r="P19763" s="5" t="s">
        <v>39</v>
      </c>
      <c r="Q19763" s="5" t="s">
        <v>40</v>
      </c>
      <c r="R19763" s="5" t="s">
        <v>897</v>
      </c>
      <c r="S19763" s="5" t="s">
        <v>40</v>
      </c>
      <c r="T19763" s="5" t="s">
        <v>42</v>
      </c>
      <c r="U19763" s="2">
        <v>51.948999999999998</v>
      </c>
      <c r="V19763" s="2">
        <v>47.542999999999999</v>
      </c>
      <c r="W19763" s="2">
        <v>0.23200000000000001</v>
      </c>
      <c r="X19763" s="2">
        <v>17</v>
      </c>
      <c r="Y19763" s="2">
        <v>88.7</v>
      </c>
      <c r="Z19763" s="2">
        <v>153.6</v>
      </c>
      <c r="AA19763" s="5">
        <v>7</v>
      </c>
      <c r="AB19763" s="5" t="s">
        <v>43</v>
      </c>
      <c r="AC19763" s="5" t="s">
        <v>735</v>
      </c>
      <c r="AD19763" s="2" t="s">
        <v>62626</v>
      </c>
      <c r="AE19763" s="1"/>
    </row>
    <row r="19764" spans="1:31" ht="14.45">
      <c r="A19764" s="11"/>
      <c r="B19764" s="20"/>
      <c r="C19764" s="2" t="s">
        <v>62627</v>
      </c>
      <c r="D19764" s="14" t="s">
        <v>62628</v>
      </c>
      <c r="E19764" s="2" t="s">
        <v>62629</v>
      </c>
      <c r="F19764" s="2" t="s">
        <v>62630</v>
      </c>
      <c r="G19764" s="8">
        <v>1480</v>
      </c>
      <c r="H19764" s="5">
        <v>5</v>
      </c>
      <c r="I19764" s="5" t="s">
        <v>69</v>
      </c>
      <c r="J19764" s="5" t="s">
        <v>61065</v>
      </c>
      <c r="K19764" s="2" t="s">
        <v>61066</v>
      </c>
      <c r="L19764" s="5" t="s">
        <v>61065</v>
      </c>
      <c r="M19764" s="2" t="s">
        <v>61066</v>
      </c>
      <c r="N19764" s="5" t="s">
        <v>733</v>
      </c>
      <c r="O19764" s="5" t="s">
        <v>38</v>
      </c>
      <c r="P19764" s="5" t="s">
        <v>39</v>
      </c>
      <c r="Q19764" s="5" t="s">
        <v>40</v>
      </c>
      <c r="R19764" s="5" t="s">
        <v>897</v>
      </c>
      <c r="S19764" s="5" t="s">
        <v>40</v>
      </c>
      <c r="T19764" s="5" t="s">
        <v>42</v>
      </c>
      <c r="U19764" s="2">
        <v>58.247999999999998</v>
      </c>
      <c r="V19764" s="2">
        <v>53.99</v>
      </c>
      <c r="W19764" s="2">
        <v>0.23200000000000001</v>
      </c>
      <c r="X19764" s="2">
        <v>17</v>
      </c>
      <c r="Y19764" s="2">
        <v>88.7</v>
      </c>
      <c r="Z19764" s="2">
        <v>153.6</v>
      </c>
      <c r="AA19764" s="5">
        <v>7</v>
      </c>
      <c r="AB19764" s="5" t="s">
        <v>43</v>
      </c>
      <c r="AC19764" s="5" t="s">
        <v>735</v>
      </c>
      <c r="AD19764" s="2" t="s">
        <v>62631</v>
      </c>
      <c r="AE19764" s="1"/>
    </row>
    <row r="19765" spans="1:31" ht="14.45">
      <c r="A19765" s="11"/>
      <c r="B19765" s="20"/>
      <c r="C19765" s="2" t="s">
        <v>62632</v>
      </c>
      <c r="D19765" s="14" t="s">
        <v>62633</v>
      </c>
      <c r="E19765" s="2" t="s">
        <v>62634</v>
      </c>
      <c r="F19765" s="2" t="s">
        <v>62630</v>
      </c>
      <c r="G19765" s="8">
        <v>1780</v>
      </c>
      <c r="H19765" s="5">
        <v>10</v>
      </c>
      <c r="I19765" s="5" t="s">
        <v>69</v>
      </c>
      <c r="J19765" s="5" t="s">
        <v>61065</v>
      </c>
      <c r="K19765" s="2" t="s">
        <v>61066</v>
      </c>
      <c r="L19765" s="5" t="s">
        <v>61065</v>
      </c>
      <c r="M19765" s="2" t="s">
        <v>61066</v>
      </c>
      <c r="N19765" s="5" t="s">
        <v>733</v>
      </c>
      <c r="O19765" s="5" t="s">
        <v>38</v>
      </c>
      <c r="P19765" s="5" t="s">
        <v>39</v>
      </c>
      <c r="Q19765" s="5" t="s">
        <v>40</v>
      </c>
      <c r="R19765" s="5" t="s">
        <v>897</v>
      </c>
      <c r="S19765" s="5" t="s">
        <v>40</v>
      </c>
      <c r="T19765" s="5" t="s">
        <v>42</v>
      </c>
      <c r="U19765" s="2">
        <v>59.255000000000003</v>
      </c>
      <c r="V19765" s="2">
        <v>54.91</v>
      </c>
      <c r="W19765" s="2">
        <v>0.23200000000000001</v>
      </c>
      <c r="X19765" s="2">
        <v>17</v>
      </c>
      <c r="Y19765" s="2">
        <v>88.7</v>
      </c>
      <c r="Z19765" s="2">
        <v>153.6</v>
      </c>
      <c r="AA19765" s="5">
        <v>7</v>
      </c>
      <c r="AB19765" s="5" t="s">
        <v>43</v>
      </c>
      <c r="AC19765" s="5" t="s">
        <v>735</v>
      </c>
      <c r="AD19765" s="2" t="s">
        <v>62635</v>
      </c>
      <c r="AE19765" s="1"/>
    </row>
    <row r="19766" spans="1:31" ht="14.45">
      <c r="A19766" s="5" t="s">
        <v>116</v>
      </c>
      <c r="B19766" s="21">
        <v>46082</v>
      </c>
      <c r="C19766" s="2" t="s">
        <v>62636</v>
      </c>
      <c r="D19766" s="14" t="s">
        <v>62637</v>
      </c>
      <c r="E19766" s="2" t="s">
        <v>62638</v>
      </c>
      <c r="F19766" s="2" t="s">
        <v>62639</v>
      </c>
      <c r="G19766" s="8">
        <v>1880</v>
      </c>
      <c r="H19766" s="5">
        <v>5</v>
      </c>
      <c r="I19766" s="5" t="s">
        <v>69</v>
      </c>
      <c r="J19766" s="5" t="s">
        <v>61065</v>
      </c>
      <c r="K19766" s="2" t="s">
        <v>61066</v>
      </c>
      <c r="L19766" s="5" t="s">
        <v>61065</v>
      </c>
      <c r="M19766" s="2" t="s">
        <v>61066</v>
      </c>
      <c r="N19766" s="5" t="s">
        <v>733</v>
      </c>
      <c r="O19766" s="5" t="s">
        <v>38</v>
      </c>
      <c r="P19766" s="5" t="s">
        <v>39</v>
      </c>
      <c r="Q19766" s="5" t="s">
        <v>40</v>
      </c>
      <c r="R19766" s="5" t="s">
        <v>897</v>
      </c>
      <c r="S19766" s="5" t="s">
        <v>40</v>
      </c>
      <c r="T19766" s="5" t="s">
        <v>42</v>
      </c>
      <c r="U19766" s="2">
        <v>59.34</v>
      </c>
      <c r="V19766" s="2">
        <v>55.133000000000003</v>
      </c>
      <c r="W19766" s="2">
        <v>0.23200000000000001</v>
      </c>
      <c r="X19766" s="2">
        <v>17</v>
      </c>
      <c r="Y19766" s="2">
        <v>88.7</v>
      </c>
      <c r="Z19766" s="2">
        <v>153.6</v>
      </c>
      <c r="AA19766" s="5">
        <v>7</v>
      </c>
      <c r="AB19766" s="5" t="s">
        <v>43</v>
      </c>
      <c r="AC19766" s="5" t="s">
        <v>735</v>
      </c>
      <c r="AD19766" s="2" t="s">
        <v>62640</v>
      </c>
      <c r="AE19766" s="1"/>
    </row>
    <row r="19767" spans="1:31" ht="14.45">
      <c r="A19767" s="11"/>
      <c r="B19767" s="20"/>
      <c r="C19767" s="2" t="s">
        <v>62641</v>
      </c>
      <c r="D19767" s="14" t="s">
        <v>62642</v>
      </c>
      <c r="E19767" s="2" t="s">
        <v>62643</v>
      </c>
      <c r="F19767" s="2" t="s">
        <v>62630</v>
      </c>
      <c r="G19767" s="8">
        <v>1780</v>
      </c>
      <c r="H19767" s="5">
        <v>5</v>
      </c>
      <c r="I19767" s="5" t="s">
        <v>69</v>
      </c>
      <c r="J19767" s="5" t="s">
        <v>61065</v>
      </c>
      <c r="K19767" s="2" t="s">
        <v>61066</v>
      </c>
      <c r="L19767" s="5" t="s">
        <v>61065</v>
      </c>
      <c r="M19767" s="2" t="s">
        <v>61066</v>
      </c>
      <c r="N19767" s="5" t="s">
        <v>733</v>
      </c>
      <c r="O19767" s="5" t="s">
        <v>38</v>
      </c>
      <c r="P19767" s="5" t="s">
        <v>39</v>
      </c>
      <c r="Q19767" s="5" t="s">
        <v>40</v>
      </c>
      <c r="R19767" s="5" t="s">
        <v>897</v>
      </c>
      <c r="S19767" s="5" t="s">
        <v>40</v>
      </c>
      <c r="T19767" s="5" t="s">
        <v>42</v>
      </c>
      <c r="U19767" s="2">
        <v>58.482999999999997</v>
      </c>
      <c r="V19767" s="2">
        <v>54.093000000000004</v>
      </c>
      <c r="W19767" s="2">
        <v>0.23200000000000001</v>
      </c>
      <c r="X19767" s="2">
        <v>17</v>
      </c>
      <c r="Y19767" s="2">
        <v>88.7</v>
      </c>
      <c r="Z19767" s="2">
        <v>153.6</v>
      </c>
      <c r="AA19767" s="5">
        <v>7</v>
      </c>
      <c r="AB19767" s="5" t="s">
        <v>43</v>
      </c>
      <c r="AC19767" s="5" t="s">
        <v>735</v>
      </c>
      <c r="AD19767" s="2" t="s">
        <v>62644</v>
      </c>
      <c r="AE19767" s="1"/>
    </row>
    <row r="19768" spans="1:31" ht="14.45">
      <c r="A19768" s="11"/>
      <c r="B19768" s="20"/>
      <c r="C19768" s="2" t="s">
        <v>62645</v>
      </c>
      <c r="D19768" s="14" t="s">
        <v>62646</v>
      </c>
      <c r="E19768" s="2" t="s">
        <v>62647</v>
      </c>
      <c r="F19768" s="2" t="s">
        <v>62648</v>
      </c>
      <c r="G19768" s="8">
        <v>1578</v>
      </c>
      <c r="H19768" s="5">
        <v>10</v>
      </c>
      <c r="I19768" s="5" t="s">
        <v>69</v>
      </c>
      <c r="J19768" s="5" t="s">
        <v>61065</v>
      </c>
      <c r="K19768" s="2" t="s">
        <v>61066</v>
      </c>
      <c r="L19768" s="5" t="s">
        <v>61065</v>
      </c>
      <c r="M19768" s="2" t="s">
        <v>61066</v>
      </c>
      <c r="N19768" s="5" t="s">
        <v>733</v>
      </c>
      <c r="O19768" s="5" t="s">
        <v>38</v>
      </c>
      <c r="P19768" s="5" t="s">
        <v>39</v>
      </c>
      <c r="Q19768" s="5" t="s">
        <v>40</v>
      </c>
      <c r="R19768" s="5" t="s">
        <v>897</v>
      </c>
      <c r="S19768" s="5" t="s">
        <v>40</v>
      </c>
      <c r="T19768" s="5" t="s">
        <v>42</v>
      </c>
      <c r="U19768" s="2">
        <v>57.338000000000001</v>
      </c>
      <c r="V19768" s="2">
        <v>53.08</v>
      </c>
      <c r="W19768" s="2">
        <v>0.23200000000000001</v>
      </c>
      <c r="X19768" s="2">
        <v>17</v>
      </c>
      <c r="Y19768" s="2">
        <v>88.7</v>
      </c>
      <c r="Z19768" s="2">
        <v>153.6</v>
      </c>
      <c r="AA19768" s="5">
        <v>7</v>
      </c>
      <c r="AB19768" s="5" t="s">
        <v>43</v>
      </c>
      <c r="AC19768" s="5" t="s">
        <v>735</v>
      </c>
      <c r="AD19768" s="2" t="s">
        <v>62649</v>
      </c>
      <c r="AE19768" s="1"/>
    </row>
    <row r="19769" spans="1:31" ht="14.45">
      <c r="A19769" s="11"/>
      <c r="B19769" s="20"/>
      <c r="C19769" s="2" t="s">
        <v>62650</v>
      </c>
      <c r="D19769" s="14" t="s">
        <v>62651</v>
      </c>
      <c r="E19769" s="2" t="s">
        <v>62652</v>
      </c>
      <c r="F19769" s="2" t="s">
        <v>62653</v>
      </c>
      <c r="G19769" s="8">
        <v>1878</v>
      </c>
      <c r="H19769" s="5">
        <v>10</v>
      </c>
      <c r="I19769" s="5" t="s">
        <v>69</v>
      </c>
      <c r="J19769" s="5" t="s">
        <v>61065</v>
      </c>
      <c r="K19769" s="2" t="s">
        <v>61066</v>
      </c>
      <c r="L19769" s="5" t="s">
        <v>61065</v>
      </c>
      <c r="M19769" s="2" t="s">
        <v>61066</v>
      </c>
      <c r="N19769" s="5" t="s">
        <v>733</v>
      </c>
      <c r="O19769" s="5" t="s">
        <v>38</v>
      </c>
      <c r="P19769" s="5" t="s">
        <v>39</v>
      </c>
      <c r="Q19769" s="5" t="s">
        <v>40</v>
      </c>
      <c r="R19769" s="5" t="s">
        <v>897</v>
      </c>
      <c r="S19769" s="5" t="s">
        <v>40</v>
      </c>
      <c r="T19769" s="5" t="s">
        <v>42</v>
      </c>
      <c r="U19769" s="2">
        <v>58.344999999999999</v>
      </c>
      <c r="V19769" s="2">
        <v>54</v>
      </c>
      <c r="W19769" s="2">
        <v>0.23200000000000001</v>
      </c>
      <c r="X19769" s="2">
        <v>17</v>
      </c>
      <c r="Y19769" s="2">
        <v>88.7</v>
      </c>
      <c r="Z19769" s="2">
        <v>153.6</v>
      </c>
      <c r="AA19769" s="5">
        <v>7</v>
      </c>
      <c r="AB19769" s="5" t="s">
        <v>43</v>
      </c>
      <c r="AC19769" s="5" t="s">
        <v>735</v>
      </c>
      <c r="AD19769" s="2" t="s">
        <v>62654</v>
      </c>
      <c r="AE19769" s="1"/>
    </row>
    <row r="19770" spans="1:31" ht="14.45">
      <c r="A19770" s="11"/>
      <c r="B19770" s="20"/>
      <c r="C19770" s="2" t="s">
        <v>62655</v>
      </c>
      <c r="D19770" s="14" t="s">
        <v>62656</v>
      </c>
      <c r="E19770" s="2" t="s">
        <v>62657</v>
      </c>
      <c r="F19770" s="2" t="s">
        <v>62653</v>
      </c>
      <c r="G19770" s="8">
        <v>1878</v>
      </c>
      <c r="H19770" s="5">
        <v>10</v>
      </c>
      <c r="I19770" s="5" t="s">
        <v>69</v>
      </c>
      <c r="J19770" s="5" t="s">
        <v>61065</v>
      </c>
      <c r="K19770" s="2" t="s">
        <v>61066</v>
      </c>
      <c r="L19770" s="5" t="s">
        <v>61065</v>
      </c>
      <c r="M19770" s="2" t="s">
        <v>61066</v>
      </c>
      <c r="N19770" s="5" t="s">
        <v>733</v>
      </c>
      <c r="O19770" s="5" t="s">
        <v>38</v>
      </c>
      <c r="P19770" s="5" t="s">
        <v>39</v>
      </c>
      <c r="Q19770" s="5" t="s">
        <v>40</v>
      </c>
      <c r="R19770" s="5" t="s">
        <v>897</v>
      </c>
      <c r="S19770" s="5" t="s">
        <v>40</v>
      </c>
      <c r="T19770" s="5" t="s">
        <v>42</v>
      </c>
      <c r="U19770" s="2">
        <v>57.573</v>
      </c>
      <c r="V19770" s="2">
        <v>53.183</v>
      </c>
      <c r="W19770" s="2">
        <v>0.23200000000000001</v>
      </c>
      <c r="X19770" s="2">
        <v>17</v>
      </c>
      <c r="Y19770" s="2">
        <v>88.7</v>
      </c>
      <c r="Z19770" s="2">
        <v>153.6</v>
      </c>
      <c r="AA19770" s="5">
        <v>7</v>
      </c>
      <c r="AB19770" s="5" t="s">
        <v>43</v>
      </c>
      <c r="AC19770" s="5" t="s">
        <v>735</v>
      </c>
      <c r="AD19770" s="2" t="s">
        <v>62658</v>
      </c>
      <c r="AE19770" s="1"/>
    </row>
    <row r="19771" spans="1:31" ht="14.45">
      <c r="A19771" s="11"/>
      <c r="B19771" s="20"/>
      <c r="C19771" s="2" t="s">
        <v>62659</v>
      </c>
      <c r="D19771" s="14" t="s">
        <v>62660</v>
      </c>
      <c r="E19771" s="2" t="s">
        <v>62661</v>
      </c>
      <c r="F19771" s="2" t="s">
        <v>62662</v>
      </c>
      <c r="G19771" s="8">
        <v>1240</v>
      </c>
      <c r="H19771" s="5">
        <v>10</v>
      </c>
      <c r="I19771" s="5" t="s">
        <v>69</v>
      </c>
      <c r="J19771" s="5" t="s">
        <v>61065</v>
      </c>
      <c r="K19771" s="2" t="s">
        <v>61066</v>
      </c>
      <c r="L19771" s="5" t="s">
        <v>61065</v>
      </c>
      <c r="M19771" s="2" t="s">
        <v>61066</v>
      </c>
      <c r="N19771" s="5" t="s">
        <v>733</v>
      </c>
      <c r="O19771" s="5" t="s">
        <v>38</v>
      </c>
      <c r="P19771" s="5" t="s">
        <v>39</v>
      </c>
      <c r="Q19771" s="5" t="s">
        <v>40</v>
      </c>
      <c r="R19771" s="5" t="s">
        <v>897</v>
      </c>
      <c r="S19771" s="5" t="s">
        <v>40</v>
      </c>
      <c r="T19771" s="5" t="s">
        <v>42</v>
      </c>
      <c r="U19771" s="2">
        <v>50.762999999999998</v>
      </c>
      <c r="V19771" s="2">
        <v>46.488999999999997</v>
      </c>
      <c r="W19771" s="2">
        <v>0.23200000000000001</v>
      </c>
      <c r="X19771" s="2">
        <v>17</v>
      </c>
      <c r="Y19771" s="2">
        <v>88.7</v>
      </c>
      <c r="Z19771" s="2">
        <v>153.6</v>
      </c>
      <c r="AA19771" s="5">
        <v>7</v>
      </c>
      <c r="AB19771" s="5" t="s">
        <v>43</v>
      </c>
      <c r="AC19771" s="5" t="s">
        <v>735</v>
      </c>
      <c r="AD19771" s="2" t="s">
        <v>62663</v>
      </c>
      <c r="AE19771" s="1"/>
    </row>
    <row r="19772" spans="1:31" ht="14.45">
      <c r="A19772" s="11"/>
      <c r="B19772" s="20"/>
      <c r="C19772" s="2" t="s">
        <v>62664</v>
      </c>
      <c r="D19772" s="14" t="s">
        <v>62665</v>
      </c>
      <c r="E19772" s="2" t="s">
        <v>62666</v>
      </c>
      <c r="F19772" s="2" t="s">
        <v>62662</v>
      </c>
      <c r="G19772" s="8">
        <v>1540</v>
      </c>
      <c r="H19772" s="5">
        <v>10</v>
      </c>
      <c r="I19772" s="5" t="s">
        <v>69</v>
      </c>
      <c r="J19772" s="5" t="s">
        <v>61065</v>
      </c>
      <c r="K19772" s="2" t="s">
        <v>61066</v>
      </c>
      <c r="L19772" s="5" t="s">
        <v>61065</v>
      </c>
      <c r="M19772" s="2" t="s">
        <v>61066</v>
      </c>
      <c r="N19772" s="5" t="s">
        <v>733</v>
      </c>
      <c r="O19772" s="5" t="s">
        <v>38</v>
      </c>
      <c r="P19772" s="5" t="s">
        <v>39</v>
      </c>
      <c r="Q19772" s="5" t="s">
        <v>40</v>
      </c>
      <c r="R19772" s="5" t="s">
        <v>897</v>
      </c>
      <c r="S19772" s="5" t="s">
        <v>40</v>
      </c>
      <c r="T19772" s="5" t="s">
        <v>42</v>
      </c>
      <c r="U19772" s="2">
        <v>51.77</v>
      </c>
      <c r="V19772" s="2">
        <v>47.408999999999999</v>
      </c>
      <c r="W19772" s="2">
        <v>0.23200000000000001</v>
      </c>
      <c r="X19772" s="2">
        <v>17</v>
      </c>
      <c r="Y19772" s="2">
        <v>88.7</v>
      </c>
      <c r="Z19772" s="2">
        <v>153.6</v>
      </c>
      <c r="AA19772" s="5">
        <v>7</v>
      </c>
      <c r="AB19772" s="5" t="s">
        <v>43</v>
      </c>
      <c r="AC19772" s="5" t="s">
        <v>735</v>
      </c>
      <c r="AD19772" s="2" t="s">
        <v>62667</v>
      </c>
      <c r="AE19772" s="1"/>
    </row>
    <row r="19773" spans="1:31" ht="14.45">
      <c r="A19773" s="11"/>
      <c r="B19773" s="20"/>
      <c r="C19773" s="2" t="s">
        <v>62668</v>
      </c>
      <c r="D19773" s="14" t="s">
        <v>62669</v>
      </c>
      <c r="E19773" s="2" t="s">
        <v>62670</v>
      </c>
      <c r="F19773" s="2" t="s">
        <v>62662</v>
      </c>
      <c r="G19773" s="8">
        <v>1540</v>
      </c>
      <c r="H19773" s="5">
        <v>5</v>
      </c>
      <c r="I19773" s="5" t="s">
        <v>69</v>
      </c>
      <c r="J19773" s="5" t="s">
        <v>61065</v>
      </c>
      <c r="K19773" s="2" t="s">
        <v>61066</v>
      </c>
      <c r="L19773" s="5" t="s">
        <v>61065</v>
      </c>
      <c r="M19773" s="2" t="s">
        <v>61066</v>
      </c>
      <c r="N19773" s="5" t="s">
        <v>733</v>
      </c>
      <c r="O19773" s="5" t="s">
        <v>38</v>
      </c>
      <c r="P19773" s="5" t="s">
        <v>39</v>
      </c>
      <c r="Q19773" s="5" t="s">
        <v>40</v>
      </c>
      <c r="R19773" s="5" t="s">
        <v>897</v>
      </c>
      <c r="S19773" s="5" t="s">
        <v>40</v>
      </c>
      <c r="T19773" s="5" t="s">
        <v>42</v>
      </c>
      <c r="U19773" s="2">
        <v>50.997</v>
      </c>
      <c r="V19773" s="2">
        <v>46.591000000000001</v>
      </c>
      <c r="W19773" s="2">
        <v>0.23200000000000001</v>
      </c>
      <c r="X19773" s="2">
        <v>17</v>
      </c>
      <c r="Y19773" s="2">
        <v>88.7</v>
      </c>
      <c r="Z19773" s="2">
        <v>153.6</v>
      </c>
      <c r="AA19773" s="5">
        <v>7</v>
      </c>
      <c r="AB19773" s="5" t="s">
        <v>43</v>
      </c>
      <c r="AC19773" s="5" t="s">
        <v>735</v>
      </c>
      <c r="AD19773" s="2" t="s">
        <v>62671</v>
      </c>
      <c r="AE19773" s="1"/>
    </row>
    <row r="19774" spans="1:31" ht="14.45">
      <c r="A19774" s="11"/>
      <c r="B19774" s="20"/>
      <c r="C19774" s="2" t="s">
        <v>62672</v>
      </c>
      <c r="D19774" s="14" t="s">
        <v>62673</v>
      </c>
      <c r="E19774" s="2" t="s">
        <v>62674</v>
      </c>
      <c r="F19774" s="2" t="s">
        <v>62675</v>
      </c>
      <c r="G19774" s="8">
        <v>1480</v>
      </c>
      <c r="H19774" s="5">
        <v>10</v>
      </c>
      <c r="I19774" s="5" t="s">
        <v>69</v>
      </c>
      <c r="J19774" s="5" t="s">
        <v>61065</v>
      </c>
      <c r="K19774" s="2" t="s">
        <v>61066</v>
      </c>
      <c r="L19774" s="5" t="s">
        <v>61065</v>
      </c>
      <c r="M19774" s="2" t="s">
        <v>61066</v>
      </c>
      <c r="N19774" s="5" t="s">
        <v>733</v>
      </c>
      <c r="O19774" s="5" t="s">
        <v>38</v>
      </c>
      <c r="P19774" s="5" t="s">
        <v>39</v>
      </c>
      <c r="Q19774" s="5" t="s">
        <v>40</v>
      </c>
      <c r="R19774" s="5" t="s">
        <v>897</v>
      </c>
      <c r="S19774" s="5" t="s">
        <v>40</v>
      </c>
      <c r="T19774" s="5" t="s">
        <v>42</v>
      </c>
      <c r="U19774" s="2">
        <v>57.298000000000002</v>
      </c>
      <c r="V19774" s="2">
        <v>53.04</v>
      </c>
      <c r="W19774" s="2">
        <v>0.23200000000000001</v>
      </c>
      <c r="X19774" s="2">
        <v>17</v>
      </c>
      <c r="Y19774" s="2">
        <v>88.7</v>
      </c>
      <c r="Z19774" s="2">
        <v>153.6</v>
      </c>
      <c r="AA19774" s="5">
        <v>7</v>
      </c>
      <c r="AB19774" s="5" t="s">
        <v>43</v>
      </c>
      <c r="AC19774" s="5" t="s">
        <v>735</v>
      </c>
      <c r="AD19774" s="2" t="s">
        <v>62676</v>
      </c>
      <c r="AE19774" s="1"/>
    </row>
    <row r="19775" spans="1:31" ht="14.45">
      <c r="A19775" s="11"/>
      <c r="B19775" s="20"/>
      <c r="C19775" s="2" t="s">
        <v>62677</v>
      </c>
      <c r="D19775" s="14" t="s">
        <v>62678</v>
      </c>
      <c r="E19775" s="2" t="s">
        <v>62679</v>
      </c>
      <c r="F19775" s="2" t="s">
        <v>62675</v>
      </c>
      <c r="G19775" s="8">
        <v>1780</v>
      </c>
      <c r="H19775" s="5">
        <v>10</v>
      </c>
      <c r="I19775" s="5" t="s">
        <v>69</v>
      </c>
      <c r="J19775" s="5" t="s">
        <v>61065</v>
      </c>
      <c r="K19775" s="2" t="s">
        <v>61066</v>
      </c>
      <c r="L19775" s="5" t="s">
        <v>61065</v>
      </c>
      <c r="M19775" s="2" t="s">
        <v>61066</v>
      </c>
      <c r="N19775" s="5" t="s">
        <v>733</v>
      </c>
      <c r="O19775" s="5" t="s">
        <v>38</v>
      </c>
      <c r="P19775" s="5" t="s">
        <v>39</v>
      </c>
      <c r="Q19775" s="5" t="s">
        <v>40</v>
      </c>
      <c r="R19775" s="5" t="s">
        <v>897</v>
      </c>
      <c r="S19775" s="5" t="s">
        <v>40</v>
      </c>
      <c r="T19775" s="5" t="s">
        <v>42</v>
      </c>
      <c r="U19775" s="2">
        <v>58.305</v>
      </c>
      <c r="V19775" s="2">
        <v>53.96</v>
      </c>
      <c r="W19775" s="2">
        <v>0.23200000000000001</v>
      </c>
      <c r="X19775" s="2">
        <v>17</v>
      </c>
      <c r="Y19775" s="2">
        <v>88.7</v>
      </c>
      <c r="Z19775" s="2">
        <v>153.6</v>
      </c>
      <c r="AA19775" s="5">
        <v>7</v>
      </c>
      <c r="AB19775" s="5" t="s">
        <v>43</v>
      </c>
      <c r="AC19775" s="5" t="s">
        <v>735</v>
      </c>
      <c r="AD19775" s="2" t="s">
        <v>62680</v>
      </c>
      <c r="AE19775" s="1"/>
    </row>
    <row r="19776" spans="1:31" ht="14.45">
      <c r="A19776" s="11"/>
      <c r="B19776" s="20"/>
      <c r="C19776" s="2" t="s">
        <v>62681</v>
      </c>
      <c r="D19776" s="14" t="s">
        <v>62682</v>
      </c>
      <c r="E19776" s="2" t="s">
        <v>62683</v>
      </c>
      <c r="F19776" s="2" t="s">
        <v>62675</v>
      </c>
      <c r="G19776" s="8">
        <v>1780</v>
      </c>
      <c r="H19776" s="5">
        <v>5</v>
      </c>
      <c r="I19776" s="5" t="s">
        <v>69</v>
      </c>
      <c r="J19776" s="5" t="s">
        <v>61065</v>
      </c>
      <c r="K19776" s="2" t="s">
        <v>61066</v>
      </c>
      <c r="L19776" s="5" t="s">
        <v>61065</v>
      </c>
      <c r="M19776" s="2" t="s">
        <v>61066</v>
      </c>
      <c r="N19776" s="5" t="s">
        <v>733</v>
      </c>
      <c r="O19776" s="5" t="s">
        <v>38</v>
      </c>
      <c r="P19776" s="5" t="s">
        <v>39</v>
      </c>
      <c r="Q19776" s="5" t="s">
        <v>40</v>
      </c>
      <c r="R19776" s="5" t="s">
        <v>897</v>
      </c>
      <c r="S19776" s="5" t="s">
        <v>40</v>
      </c>
      <c r="T19776" s="5" t="s">
        <v>42</v>
      </c>
      <c r="U19776" s="2">
        <v>57.533000000000001</v>
      </c>
      <c r="V19776" s="2">
        <v>53.143000000000001</v>
      </c>
      <c r="W19776" s="2">
        <v>0.23200000000000001</v>
      </c>
      <c r="X19776" s="2">
        <v>17</v>
      </c>
      <c r="Y19776" s="2">
        <v>88.7</v>
      </c>
      <c r="Z19776" s="2">
        <v>153.6</v>
      </c>
      <c r="AA19776" s="5">
        <v>7</v>
      </c>
      <c r="AB19776" s="5" t="s">
        <v>43</v>
      </c>
      <c r="AC19776" s="5" t="s">
        <v>735</v>
      </c>
      <c r="AD19776" s="2" t="s">
        <v>62684</v>
      </c>
      <c r="AE19776" s="1"/>
    </row>
    <row r="19777" spans="1:31" ht="14.45">
      <c r="A19777" s="11"/>
      <c r="B19777" s="20"/>
      <c r="C19777" s="2" t="s">
        <v>62685</v>
      </c>
      <c r="D19777" s="14" t="s">
        <v>62686</v>
      </c>
      <c r="E19777" s="2" t="s">
        <v>62687</v>
      </c>
      <c r="F19777" s="2" t="s">
        <v>62688</v>
      </c>
      <c r="G19777" s="8">
        <v>1513</v>
      </c>
      <c r="H19777" s="5">
        <v>5</v>
      </c>
      <c r="I19777" s="5" t="s">
        <v>69</v>
      </c>
      <c r="J19777" s="5" t="s">
        <v>61065</v>
      </c>
      <c r="K19777" s="2" t="s">
        <v>61066</v>
      </c>
      <c r="L19777" s="5" t="s">
        <v>61065</v>
      </c>
      <c r="M19777" s="2" t="s">
        <v>61066</v>
      </c>
      <c r="N19777" s="5" t="s">
        <v>733</v>
      </c>
      <c r="O19777" s="5" t="s">
        <v>38</v>
      </c>
      <c r="P19777" s="5" t="s">
        <v>39</v>
      </c>
      <c r="Q19777" s="5" t="s">
        <v>40</v>
      </c>
      <c r="R19777" s="5" t="s">
        <v>1487</v>
      </c>
      <c r="S19777" s="5"/>
      <c r="T19777" s="5" t="s">
        <v>42</v>
      </c>
      <c r="U19777" s="2">
        <v>0</v>
      </c>
      <c r="V19777" s="2">
        <v>0</v>
      </c>
      <c r="W19777" s="2">
        <v>0</v>
      </c>
      <c r="X19777" s="2">
        <v>0</v>
      </c>
      <c r="Y19777" s="2">
        <v>0</v>
      </c>
      <c r="Z19777" s="2">
        <v>0</v>
      </c>
      <c r="AA19777" s="5"/>
      <c r="AB19777" s="5" t="s">
        <v>43</v>
      </c>
      <c r="AC19777" s="5" t="s">
        <v>735</v>
      </c>
      <c r="AD19777" s="2" t="s">
        <v>62689</v>
      </c>
      <c r="AE19777" s="1"/>
    </row>
    <row r="19778" spans="1:31" ht="14.45">
      <c r="A19778" s="11"/>
      <c r="B19778" s="20"/>
      <c r="C19778" s="2" t="s">
        <v>62690</v>
      </c>
      <c r="D19778" s="14" t="s">
        <v>62691</v>
      </c>
      <c r="E19778" s="2" t="s">
        <v>62692</v>
      </c>
      <c r="F19778" s="2" t="s">
        <v>62511</v>
      </c>
      <c r="G19778" s="8">
        <v>2146</v>
      </c>
      <c r="H19778" s="5">
        <v>5</v>
      </c>
      <c r="I19778" s="5" t="s">
        <v>69</v>
      </c>
      <c r="J19778" s="5" t="s">
        <v>61065</v>
      </c>
      <c r="K19778" s="2" t="s">
        <v>61066</v>
      </c>
      <c r="L19778" s="5" t="s">
        <v>61065</v>
      </c>
      <c r="M19778" s="2" t="s">
        <v>61066</v>
      </c>
      <c r="N19778" s="5" t="s">
        <v>733</v>
      </c>
      <c r="O19778" s="5" t="s">
        <v>38</v>
      </c>
      <c r="P19778" s="5" t="s">
        <v>39</v>
      </c>
      <c r="Q19778" s="5" t="s">
        <v>40</v>
      </c>
      <c r="R19778" s="5" t="s">
        <v>1487</v>
      </c>
      <c r="S19778" s="5"/>
      <c r="T19778" s="5" t="s">
        <v>42</v>
      </c>
      <c r="U19778" s="2">
        <v>0</v>
      </c>
      <c r="V19778" s="2">
        <v>0</v>
      </c>
      <c r="W19778" s="2">
        <v>0</v>
      </c>
      <c r="X19778" s="2">
        <v>0</v>
      </c>
      <c r="Y19778" s="2">
        <v>0</v>
      </c>
      <c r="Z19778" s="2">
        <v>0</v>
      </c>
      <c r="AA19778" s="5"/>
      <c r="AB19778" s="5" t="s">
        <v>43</v>
      </c>
      <c r="AC19778" s="5" t="s">
        <v>735</v>
      </c>
      <c r="AD19778" s="2" t="s">
        <v>62693</v>
      </c>
      <c r="AE19778" s="1"/>
    </row>
    <row r="19779" spans="1:31" ht="14.45">
      <c r="A19779" s="11"/>
      <c r="B19779" s="20"/>
      <c r="C19779" s="2" t="s">
        <v>62694</v>
      </c>
      <c r="D19779" s="14" t="s">
        <v>62695</v>
      </c>
      <c r="E19779" s="2" t="s">
        <v>62696</v>
      </c>
      <c r="F19779" s="2" t="s">
        <v>62538</v>
      </c>
      <c r="G19779" s="8">
        <v>1808</v>
      </c>
      <c r="H19779" s="5">
        <v>5</v>
      </c>
      <c r="I19779" s="5" t="s">
        <v>69</v>
      </c>
      <c r="J19779" s="5" t="s">
        <v>61065</v>
      </c>
      <c r="K19779" s="2" t="s">
        <v>61066</v>
      </c>
      <c r="L19779" s="5" t="s">
        <v>61065</v>
      </c>
      <c r="M19779" s="2" t="s">
        <v>61066</v>
      </c>
      <c r="N19779" s="5" t="s">
        <v>733</v>
      </c>
      <c r="O19779" s="5" t="s">
        <v>38</v>
      </c>
      <c r="P19779" s="5" t="s">
        <v>39</v>
      </c>
      <c r="Q19779" s="5" t="s">
        <v>40</v>
      </c>
      <c r="R19779" s="5" t="s">
        <v>1487</v>
      </c>
      <c r="S19779" s="5"/>
      <c r="T19779" s="5" t="s">
        <v>42</v>
      </c>
      <c r="U19779" s="2">
        <v>0</v>
      </c>
      <c r="V19779" s="2">
        <v>0</v>
      </c>
      <c r="W19779" s="2">
        <v>0</v>
      </c>
      <c r="X19779" s="2">
        <v>0</v>
      </c>
      <c r="Y19779" s="2">
        <v>0</v>
      </c>
      <c r="Z19779" s="2">
        <v>0</v>
      </c>
      <c r="AA19779" s="5"/>
      <c r="AB19779" s="5" t="s">
        <v>43</v>
      </c>
      <c r="AC19779" s="5" t="s">
        <v>735</v>
      </c>
      <c r="AD19779" s="2" t="s">
        <v>62697</v>
      </c>
      <c r="AE19779" s="1"/>
    </row>
    <row r="19780" spans="1:31" ht="14.45">
      <c r="A19780" s="11"/>
      <c r="B19780" s="20"/>
      <c r="C19780" s="2" t="s">
        <v>62698</v>
      </c>
      <c r="D19780" s="14" t="s">
        <v>62699</v>
      </c>
      <c r="E19780" s="2" t="s">
        <v>62700</v>
      </c>
      <c r="F19780" s="2" t="s">
        <v>62701</v>
      </c>
      <c r="G19780" s="8">
        <v>1431</v>
      </c>
      <c r="H19780" s="5">
        <v>5</v>
      </c>
      <c r="I19780" s="5" t="s">
        <v>69</v>
      </c>
      <c r="J19780" s="5" t="s">
        <v>61065</v>
      </c>
      <c r="K19780" s="2" t="s">
        <v>61066</v>
      </c>
      <c r="L19780" s="5" t="s">
        <v>61065</v>
      </c>
      <c r="M19780" s="2" t="s">
        <v>61066</v>
      </c>
      <c r="N19780" s="5" t="s">
        <v>733</v>
      </c>
      <c r="O19780" s="5" t="s">
        <v>38</v>
      </c>
      <c r="P19780" s="5" t="s">
        <v>39</v>
      </c>
      <c r="Q19780" s="5" t="s">
        <v>40</v>
      </c>
      <c r="R19780" s="5" t="s">
        <v>897</v>
      </c>
      <c r="S19780" s="5" t="s">
        <v>40</v>
      </c>
      <c r="T19780" s="5" t="s">
        <v>42</v>
      </c>
      <c r="U19780" s="2">
        <v>71.2</v>
      </c>
      <c r="V19780" s="2">
        <v>66.506</v>
      </c>
      <c r="W19780" s="2">
        <v>0.26200000000000001</v>
      </c>
      <c r="X19780" s="2">
        <v>17</v>
      </c>
      <c r="Y19780" s="2">
        <v>88.7</v>
      </c>
      <c r="Z19780" s="2">
        <v>173.8</v>
      </c>
      <c r="AA19780" s="5">
        <v>7</v>
      </c>
      <c r="AB19780" s="5" t="s">
        <v>43</v>
      </c>
      <c r="AC19780" s="5" t="s">
        <v>735</v>
      </c>
      <c r="AD19780" s="2" t="s">
        <v>62702</v>
      </c>
      <c r="AE19780" s="1"/>
    </row>
    <row r="19781" spans="1:31" ht="14.45">
      <c r="A19781" s="11"/>
      <c r="B19781" s="20"/>
      <c r="C19781" s="2" t="s">
        <v>62703</v>
      </c>
      <c r="D19781" s="14" t="s">
        <v>62704</v>
      </c>
      <c r="E19781" s="2" t="s">
        <v>62705</v>
      </c>
      <c r="F19781" s="2" t="s">
        <v>62706</v>
      </c>
      <c r="G19781" s="8">
        <v>1731</v>
      </c>
      <c r="H19781" s="5">
        <v>5</v>
      </c>
      <c r="I19781" s="5" t="s">
        <v>69</v>
      </c>
      <c r="J19781" s="5" t="s">
        <v>61065</v>
      </c>
      <c r="K19781" s="2" t="s">
        <v>61066</v>
      </c>
      <c r="L19781" s="5" t="s">
        <v>61065</v>
      </c>
      <c r="M19781" s="2" t="s">
        <v>61066</v>
      </c>
      <c r="N19781" s="5" t="s">
        <v>733</v>
      </c>
      <c r="O19781" s="5" t="s">
        <v>38</v>
      </c>
      <c r="P19781" s="5" t="s">
        <v>39</v>
      </c>
      <c r="Q19781" s="5" t="s">
        <v>40</v>
      </c>
      <c r="R19781" s="5" t="s">
        <v>897</v>
      </c>
      <c r="S19781" s="5" t="s">
        <v>40</v>
      </c>
      <c r="T19781" s="5" t="s">
        <v>42</v>
      </c>
      <c r="U19781" s="2">
        <v>73.040000000000006</v>
      </c>
      <c r="V19781" s="2">
        <v>68.27</v>
      </c>
      <c r="W19781" s="2">
        <v>0.26200000000000001</v>
      </c>
      <c r="X19781" s="2">
        <v>17</v>
      </c>
      <c r="Y19781" s="2">
        <v>88.7</v>
      </c>
      <c r="Z19781" s="2">
        <v>173.8</v>
      </c>
      <c r="AA19781" s="5">
        <v>7</v>
      </c>
      <c r="AB19781" s="5" t="s">
        <v>43</v>
      </c>
      <c r="AC19781" s="5" t="s">
        <v>735</v>
      </c>
      <c r="AD19781" s="2" t="s">
        <v>62707</v>
      </c>
      <c r="AE19781" s="1"/>
    </row>
    <row r="19782" spans="1:31" ht="14.45">
      <c r="A19782" s="11"/>
      <c r="B19782" s="20"/>
      <c r="C19782" s="2" t="s">
        <v>62708</v>
      </c>
      <c r="D19782" s="14" t="s">
        <v>62709</v>
      </c>
      <c r="E19782" s="2" t="s">
        <v>62710</v>
      </c>
      <c r="F19782" s="2" t="s">
        <v>62711</v>
      </c>
      <c r="G19782" s="8">
        <v>1253</v>
      </c>
      <c r="H19782" s="5">
        <v>5</v>
      </c>
      <c r="I19782" s="5" t="s">
        <v>69</v>
      </c>
      <c r="J19782" s="5" t="s">
        <v>61065</v>
      </c>
      <c r="K19782" s="2" t="s">
        <v>61066</v>
      </c>
      <c r="L19782" s="5" t="s">
        <v>61065</v>
      </c>
      <c r="M19782" s="2" t="s">
        <v>61066</v>
      </c>
      <c r="N19782" s="5" t="s">
        <v>733</v>
      </c>
      <c r="O19782" s="5" t="s">
        <v>38</v>
      </c>
      <c r="P19782" s="5" t="s">
        <v>39</v>
      </c>
      <c r="Q19782" s="5" t="s">
        <v>40</v>
      </c>
      <c r="R19782" s="5" t="s">
        <v>897</v>
      </c>
      <c r="S19782" s="5" t="s">
        <v>40</v>
      </c>
      <c r="T19782" s="5" t="s">
        <v>42</v>
      </c>
      <c r="U19782" s="2">
        <v>62.249000000000002</v>
      </c>
      <c r="V19782" s="2">
        <v>57.564999999999998</v>
      </c>
      <c r="W19782" s="2">
        <v>0.26200000000000001</v>
      </c>
      <c r="X19782" s="2">
        <v>17</v>
      </c>
      <c r="Y19782" s="2">
        <v>88.7</v>
      </c>
      <c r="Z19782" s="2">
        <v>173.8</v>
      </c>
      <c r="AA19782" s="5">
        <v>7</v>
      </c>
      <c r="AB19782" s="5" t="s">
        <v>43</v>
      </c>
      <c r="AC19782" s="5" t="s">
        <v>735</v>
      </c>
      <c r="AD19782" s="2" t="s">
        <v>62712</v>
      </c>
      <c r="AE19782" s="1"/>
    </row>
    <row r="19783" spans="1:31" ht="14.45">
      <c r="A19783" s="11"/>
      <c r="B19783" s="20"/>
      <c r="C19783" s="2" t="s">
        <v>62713</v>
      </c>
      <c r="D19783" s="14" t="s">
        <v>62714</v>
      </c>
      <c r="E19783" s="2" t="s">
        <v>62715</v>
      </c>
      <c r="F19783" s="2" t="s">
        <v>62716</v>
      </c>
      <c r="G19783" s="8">
        <v>1553</v>
      </c>
      <c r="H19783" s="5">
        <v>5</v>
      </c>
      <c r="I19783" s="5" t="s">
        <v>69</v>
      </c>
      <c r="J19783" s="5" t="s">
        <v>61065</v>
      </c>
      <c r="K19783" s="2" t="s">
        <v>61066</v>
      </c>
      <c r="L19783" s="5" t="s">
        <v>61065</v>
      </c>
      <c r="M19783" s="2" t="s">
        <v>61066</v>
      </c>
      <c r="N19783" s="5" t="s">
        <v>733</v>
      </c>
      <c r="O19783" s="5" t="s">
        <v>38</v>
      </c>
      <c r="P19783" s="5" t="s">
        <v>39</v>
      </c>
      <c r="Q19783" s="5" t="s">
        <v>40</v>
      </c>
      <c r="R19783" s="5" t="s">
        <v>897</v>
      </c>
      <c r="S19783" s="5" t="s">
        <v>40</v>
      </c>
      <c r="T19783" s="5" t="s">
        <v>42</v>
      </c>
      <c r="U19783" s="2">
        <v>63.954999999999998</v>
      </c>
      <c r="V19783" s="2">
        <v>59.176000000000002</v>
      </c>
      <c r="W19783" s="2">
        <v>0.26200000000000001</v>
      </c>
      <c r="X19783" s="2">
        <v>17</v>
      </c>
      <c r="Y19783" s="2">
        <v>88.7</v>
      </c>
      <c r="Z19783" s="2">
        <v>173.8</v>
      </c>
      <c r="AA19783" s="5">
        <v>7</v>
      </c>
      <c r="AB19783" s="5" t="s">
        <v>43</v>
      </c>
      <c r="AC19783" s="5" t="s">
        <v>735</v>
      </c>
      <c r="AD19783" s="2" t="s">
        <v>62717</v>
      </c>
      <c r="AE19783" s="1"/>
    </row>
    <row r="19784" spans="1:31" ht="14.45">
      <c r="A19784" s="11"/>
      <c r="B19784" s="20"/>
      <c r="C19784" s="2" t="s">
        <v>62718</v>
      </c>
      <c r="D19784" s="14" t="s">
        <v>62719</v>
      </c>
      <c r="E19784" s="2" t="s">
        <v>62720</v>
      </c>
      <c r="F19784" s="2" t="s">
        <v>62716</v>
      </c>
      <c r="G19784" s="8">
        <v>1553</v>
      </c>
      <c r="H19784" s="5">
        <v>5</v>
      </c>
      <c r="I19784" s="5" t="s">
        <v>69</v>
      </c>
      <c r="J19784" s="5" t="s">
        <v>61065</v>
      </c>
      <c r="K19784" s="2" t="s">
        <v>61066</v>
      </c>
      <c r="L19784" s="5" t="s">
        <v>61065</v>
      </c>
      <c r="M19784" s="2" t="s">
        <v>61066</v>
      </c>
      <c r="N19784" s="5" t="s">
        <v>733</v>
      </c>
      <c r="O19784" s="5" t="s">
        <v>38</v>
      </c>
      <c r="P19784" s="5" t="s">
        <v>39</v>
      </c>
      <c r="Q19784" s="5" t="s">
        <v>40</v>
      </c>
      <c r="R19784" s="5" t="s">
        <v>897</v>
      </c>
      <c r="S19784" s="5" t="s">
        <v>40</v>
      </c>
      <c r="T19784" s="5" t="s">
        <v>42</v>
      </c>
      <c r="U19784" s="2">
        <v>62.506999999999998</v>
      </c>
      <c r="V19784" s="2">
        <v>57.667000000000002</v>
      </c>
      <c r="W19784" s="2">
        <v>0.26200000000000001</v>
      </c>
      <c r="X19784" s="2">
        <v>17</v>
      </c>
      <c r="Y19784" s="2">
        <v>88.7</v>
      </c>
      <c r="Z19784" s="2">
        <v>173.8</v>
      </c>
      <c r="AA19784" s="5">
        <v>7</v>
      </c>
      <c r="AB19784" s="5" t="s">
        <v>43</v>
      </c>
      <c r="AC19784" s="5" t="s">
        <v>735</v>
      </c>
      <c r="AD19784" s="2" t="s">
        <v>62721</v>
      </c>
      <c r="AE19784" s="1"/>
    </row>
    <row r="19785" spans="1:31" ht="14.45">
      <c r="A19785" s="11"/>
      <c r="B19785" s="20"/>
      <c r="C19785" s="2" t="s">
        <v>62722</v>
      </c>
      <c r="D19785" s="14" t="s">
        <v>62723</v>
      </c>
      <c r="E19785" s="2" t="s">
        <v>62724</v>
      </c>
      <c r="F19785" s="2" t="s">
        <v>62725</v>
      </c>
      <c r="G19785" s="8">
        <v>1431</v>
      </c>
      <c r="H19785" s="5">
        <v>10</v>
      </c>
      <c r="I19785" s="5" t="s">
        <v>69</v>
      </c>
      <c r="J19785" s="5" t="s">
        <v>61065</v>
      </c>
      <c r="K19785" s="2" t="s">
        <v>61066</v>
      </c>
      <c r="L19785" s="5" t="s">
        <v>61065</v>
      </c>
      <c r="M19785" s="2" t="s">
        <v>61066</v>
      </c>
      <c r="N19785" s="5" t="s">
        <v>733</v>
      </c>
      <c r="O19785" s="5" t="s">
        <v>38</v>
      </c>
      <c r="P19785" s="5" t="s">
        <v>39</v>
      </c>
      <c r="Q19785" s="5" t="s">
        <v>40</v>
      </c>
      <c r="R19785" s="5" t="s">
        <v>897</v>
      </c>
      <c r="S19785" s="5" t="s">
        <v>40</v>
      </c>
      <c r="T19785" s="5" t="s">
        <v>42</v>
      </c>
      <c r="U19785" s="2">
        <v>61.959000000000003</v>
      </c>
      <c r="V19785" s="2">
        <v>57.274999999999999</v>
      </c>
      <c r="W19785" s="2">
        <v>0.26200000000000001</v>
      </c>
      <c r="X19785" s="2">
        <v>17</v>
      </c>
      <c r="Y19785" s="2">
        <v>88.7</v>
      </c>
      <c r="Z19785" s="2">
        <v>173.8</v>
      </c>
      <c r="AA19785" s="5">
        <v>7</v>
      </c>
      <c r="AB19785" s="5" t="s">
        <v>43</v>
      </c>
      <c r="AC19785" s="5" t="s">
        <v>735</v>
      </c>
      <c r="AD19785" s="2" t="s">
        <v>62726</v>
      </c>
      <c r="AE19785" s="1"/>
    </row>
    <row r="19786" spans="1:31" ht="14.45">
      <c r="A19786" s="11"/>
      <c r="B19786" s="20"/>
      <c r="C19786" s="2" t="s">
        <v>62727</v>
      </c>
      <c r="D19786" s="14" t="s">
        <v>62728</v>
      </c>
      <c r="E19786" s="2" t="s">
        <v>62729</v>
      </c>
      <c r="F19786" s="2" t="s">
        <v>62730</v>
      </c>
      <c r="G19786" s="8">
        <v>1731</v>
      </c>
      <c r="H19786" s="5">
        <v>10</v>
      </c>
      <c r="I19786" s="5" t="s">
        <v>69</v>
      </c>
      <c r="J19786" s="5" t="s">
        <v>61065</v>
      </c>
      <c r="K19786" s="2" t="s">
        <v>61066</v>
      </c>
      <c r="L19786" s="5" t="s">
        <v>61065</v>
      </c>
      <c r="M19786" s="2" t="s">
        <v>61066</v>
      </c>
      <c r="N19786" s="5" t="s">
        <v>733</v>
      </c>
      <c r="O19786" s="5" t="s">
        <v>38</v>
      </c>
      <c r="P19786" s="5" t="s">
        <v>39</v>
      </c>
      <c r="Q19786" s="5" t="s">
        <v>40</v>
      </c>
      <c r="R19786" s="5" t="s">
        <v>897</v>
      </c>
      <c r="S19786" s="5" t="s">
        <v>40</v>
      </c>
      <c r="T19786" s="5" t="s">
        <v>42</v>
      </c>
      <c r="U19786" s="2">
        <v>63.664999999999999</v>
      </c>
      <c r="V19786" s="2">
        <v>58.886000000000003</v>
      </c>
      <c r="W19786" s="2">
        <v>0.26200000000000001</v>
      </c>
      <c r="X19786" s="2">
        <v>17</v>
      </c>
      <c r="Y19786" s="2">
        <v>88.7</v>
      </c>
      <c r="Z19786" s="2">
        <v>173.8</v>
      </c>
      <c r="AA19786" s="5">
        <v>7</v>
      </c>
      <c r="AB19786" s="5" t="s">
        <v>43</v>
      </c>
      <c r="AC19786" s="5" t="s">
        <v>735</v>
      </c>
      <c r="AD19786" s="2" t="s">
        <v>62731</v>
      </c>
      <c r="AE19786" s="1"/>
    </row>
    <row r="19787" spans="1:31" ht="14.45">
      <c r="A19787" s="11"/>
      <c r="B19787" s="20"/>
      <c r="C19787" s="2" t="s">
        <v>62732</v>
      </c>
      <c r="D19787" s="14" t="s">
        <v>62733</v>
      </c>
      <c r="E19787" s="2" t="s">
        <v>62734</v>
      </c>
      <c r="F19787" s="2" t="s">
        <v>62735</v>
      </c>
      <c r="G19787" s="8">
        <v>1081</v>
      </c>
      <c r="H19787" s="5">
        <v>5</v>
      </c>
      <c r="I19787" s="5" t="s">
        <v>69</v>
      </c>
      <c r="J19787" s="5" t="s">
        <v>61065</v>
      </c>
      <c r="K19787" s="2" t="s">
        <v>61066</v>
      </c>
      <c r="L19787" s="5" t="s">
        <v>61065</v>
      </c>
      <c r="M19787" s="2" t="s">
        <v>61066</v>
      </c>
      <c r="N19787" s="5" t="s">
        <v>733</v>
      </c>
      <c r="O19787" s="5" t="s">
        <v>38</v>
      </c>
      <c r="P19787" s="5" t="s">
        <v>39</v>
      </c>
      <c r="Q19787" s="5" t="s">
        <v>40</v>
      </c>
      <c r="R19787" s="5" t="s">
        <v>897</v>
      </c>
      <c r="S19787" s="5" t="s">
        <v>40</v>
      </c>
      <c r="T19787" s="5" t="s">
        <v>42</v>
      </c>
      <c r="U19787" s="2">
        <v>62.232999999999997</v>
      </c>
      <c r="V19787" s="2">
        <v>57.548999999999999</v>
      </c>
      <c r="W19787" s="2">
        <v>0.26200000000000001</v>
      </c>
      <c r="X19787" s="2">
        <v>17</v>
      </c>
      <c r="Y19787" s="2">
        <v>88.7</v>
      </c>
      <c r="Z19787" s="2">
        <v>173.8</v>
      </c>
      <c r="AA19787" s="5">
        <v>7</v>
      </c>
      <c r="AB19787" s="5" t="s">
        <v>43</v>
      </c>
      <c r="AC19787" s="5" t="s">
        <v>735</v>
      </c>
      <c r="AD19787" s="2" t="s">
        <v>62736</v>
      </c>
      <c r="AE19787" s="1"/>
    </row>
    <row r="19788" spans="1:31" ht="14.45">
      <c r="A19788" s="11"/>
      <c r="B19788" s="20"/>
      <c r="C19788" s="2" t="s">
        <v>62737</v>
      </c>
      <c r="D19788" s="14" t="s">
        <v>62738</v>
      </c>
      <c r="E19788" s="2" t="s">
        <v>62739</v>
      </c>
      <c r="F19788" s="2" t="s">
        <v>62735</v>
      </c>
      <c r="G19788" s="8">
        <v>1381</v>
      </c>
      <c r="H19788" s="5">
        <v>5</v>
      </c>
      <c r="I19788" s="5" t="s">
        <v>69</v>
      </c>
      <c r="J19788" s="5" t="s">
        <v>61065</v>
      </c>
      <c r="K19788" s="2" t="s">
        <v>61066</v>
      </c>
      <c r="L19788" s="5" t="s">
        <v>61065</v>
      </c>
      <c r="M19788" s="2" t="s">
        <v>61066</v>
      </c>
      <c r="N19788" s="5" t="s">
        <v>733</v>
      </c>
      <c r="O19788" s="5" t="s">
        <v>38</v>
      </c>
      <c r="P19788" s="5" t="s">
        <v>39</v>
      </c>
      <c r="Q19788" s="5" t="s">
        <v>40</v>
      </c>
      <c r="R19788" s="5" t="s">
        <v>897</v>
      </c>
      <c r="S19788" s="5" t="s">
        <v>40</v>
      </c>
      <c r="T19788" s="5" t="s">
        <v>42</v>
      </c>
      <c r="U19788" s="2">
        <v>63.939</v>
      </c>
      <c r="V19788" s="2">
        <v>59.16</v>
      </c>
      <c r="W19788" s="2">
        <v>0.26200000000000001</v>
      </c>
      <c r="X19788" s="2">
        <v>17</v>
      </c>
      <c r="Y19788" s="2">
        <v>88.7</v>
      </c>
      <c r="Z19788" s="2">
        <v>173.8</v>
      </c>
      <c r="AA19788" s="5">
        <v>7</v>
      </c>
      <c r="AB19788" s="5" t="s">
        <v>43</v>
      </c>
      <c r="AC19788" s="5" t="s">
        <v>735</v>
      </c>
      <c r="AD19788" s="2" t="s">
        <v>62740</v>
      </c>
      <c r="AE19788" s="1"/>
    </row>
    <row r="19789" spans="1:31" ht="14.45">
      <c r="A19789" s="11"/>
      <c r="B19789" s="20"/>
      <c r="C19789" s="2" t="s">
        <v>62741</v>
      </c>
      <c r="D19789" s="14" t="s">
        <v>62742</v>
      </c>
      <c r="E19789" s="2" t="s">
        <v>62743</v>
      </c>
      <c r="F19789" s="2" t="s">
        <v>62744</v>
      </c>
      <c r="G19789" s="8">
        <v>865</v>
      </c>
      <c r="H19789" s="5">
        <v>5</v>
      </c>
      <c r="I19789" s="5" t="s">
        <v>69</v>
      </c>
      <c r="J19789" s="5" t="s">
        <v>61065</v>
      </c>
      <c r="K19789" s="2" t="s">
        <v>61066</v>
      </c>
      <c r="L19789" s="5" t="s">
        <v>61065</v>
      </c>
      <c r="M19789" s="2" t="s">
        <v>61066</v>
      </c>
      <c r="N19789" s="5" t="s">
        <v>733</v>
      </c>
      <c r="O19789" s="5" t="s">
        <v>38</v>
      </c>
      <c r="P19789" s="5" t="s">
        <v>39</v>
      </c>
      <c r="Q19789" s="5" t="s">
        <v>40</v>
      </c>
      <c r="R19789" s="5" t="s">
        <v>897</v>
      </c>
      <c r="S19789" s="5" t="s">
        <v>40</v>
      </c>
      <c r="T19789" s="5" t="s">
        <v>42</v>
      </c>
      <c r="U19789" s="2">
        <v>54.088999999999999</v>
      </c>
      <c r="V19789" s="2">
        <v>49.389000000000003</v>
      </c>
      <c r="W19789" s="2">
        <v>0.26200000000000001</v>
      </c>
      <c r="X19789" s="2">
        <v>17</v>
      </c>
      <c r="Y19789" s="2">
        <v>88.7</v>
      </c>
      <c r="Z19789" s="2">
        <v>173.8</v>
      </c>
      <c r="AA19789" s="5">
        <v>7</v>
      </c>
      <c r="AB19789" s="5" t="s">
        <v>43</v>
      </c>
      <c r="AC19789" s="5" t="s">
        <v>735</v>
      </c>
      <c r="AD19789" s="2" t="s">
        <v>62745</v>
      </c>
      <c r="AE19789" s="1"/>
    </row>
    <row r="19790" spans="1:31" ht="14.45">
      <c r="A19790" s="11"/>
      <c r="B19790" s="20"/>
      <c r="C19790" s="2" t="s">
        <v>62746</v>
      </c>
      <c r="D19790" s="14" t="s">
        <v>62747</v>
      </c>
      <c r="E19790" s="2" t="s">
        <v>62748</v>
      </c>
      <c r="F19790" s="2" t="s">
        <v>62744</v>
      </c>
      <c r="G19790" s="8">
        <v>1165</v>
      </c>
      <c r="H19790" s="5">
        <v>5</v>
      </c>
      <c r="I19790" s="5" t="s">
        <v>69</v>
      </c>
      <c r="J19790" s="5" t="s">
        <v>61065</v>
      </c>
      <c r="K19790" s="2" t="s">
        <v>61066</v>
      </c>
      <c r="L19790" s="5" t="s">
        <v>61065</v>
      </c>
      <c r="M19790" s="2" t="s">
        <v>61066</v>
      </c>
      <c r="N19790" s="5" t="s">
        <v>733</v>
      </c>
      <c r="O19790" s="5" t="s">
        <v>38</v>
      </c>
      <c r="P19790" s="5" t="s">
        <v>39</v>
      </c>
      <c r="Q19790" s="5" t="s">
        <v>40</v>
      </c>
      <c r="R19790" s="5" t="s">
        <v>897</v>
      </c>
      <c r="S19790" s="5" t="s">
        <v>40</v>
      </c>
      <c r="T19790" s="5" t="s">
        <v>42</v>
      </c>
      <c r="U19790" s="2">
        <v>56.329000000000001</v>
      </c>
      <c r="V19790" s="2">
        <v>51.533999999999999</v>
      </c>
      <c r="W19790" s="2">
        <v>0.26200000000000001</v>
      </c>
      <c r="X19790" s="2">
        <v>17</v>
      </c>
      <c r="Y19790" s="2">
        <v>88.7</v>
      </c>
      <c r="Z19790" s="2">
        <v>173.8</v>
      </c>
      <c r="AA19790" s="5">
        <v>7</v>
      </c>
      <c r="AB19790" s="5" t="s">
        <v>43</v>
      </c>
      <c r="AC19790" s="5" t="s">
        <v>735</v>
      </c>
      <c r="AD19790" s="2" t="s">
        <v>62749</v>
      </c>
      <c r="AE19790" s="1"/>
    </row>
    <row r="19791" spans="1:31" ht="14.45">
      <c r="A19791" s="11"/>
      <c r="B19791" s="20"/>
      <c r="C19791" s="2" t="s">
        <v>62750</v>
      </c>
      <c r="D19791" s="14" t="s">
        <v>62751</v>
      </c>
      <c r="E19791" s="2" t="s">
        <v>62752</v>
      </c>
      <c r="F19791" s="2" t="s">
        <v>62744</v>
      </c>
      <c r="G19791" s="8">
        <v>1165</v>
      </c>
      <c r="H19791" s="5">
        <v>5</v>
      </c>
      <c r="I19791" s="5" t="s">
        <v>69</v>
      </c>
      <c r="J19791" s="5" t="s">
        <v>61065</v>
      </c>
      <c r="K19791" s="2" t="s">
        <v>61066</v>
      </c>
      <c r="L19791" s="5" t="s">
        <v>61065</v>
      </c>
      <c r="M19791" s="2" t="s">
        <v>61066</v>
      </c>
      <c r="N19791" s="5" t="s">
        <v>733</v>
      </c>
      <c r="O19791" s="5" t="s">
        <v>38</v>
      </c>
      <c r="P19791" s="5" t="s">
        <v>39</v>
      </c>
      <c r="Q19791" s="5" t="s">
        <v>40</v>
      </c>
      <c r="R19791" s="5" t="s">
        <v>897</v>
      </c>
      <c r="S19791" s="5" t="s">
        <v>40</v>
      </c>
      <c r="T19791" s="5" t="s">
        <v>42</v>
      </c>
      <c r="U19791" s="2">
        <v>54.895000000000003</v>
      </c>
      <c r="V19791" s="2">
        <v>50.03</v>
      </c>
      <c r="W19791" s="2">
        <v>0.26200000000000001</v>
      </c>
      <c r="X19791" s="2">
        <v>17</v>
      </c>
      <c r="Y19791" s="2">
        <v>88.7</v>
      </c>
      <c r="Z19791" s="2">
        <v>173.8</v>
      </c>
      <c r="AA19791" s="5">
        <v>7</v>
      </c>
      <c r="AB19791" s="5" t="s">
        <v>43</v>
      </c>
      <c r="AC19791" s="5" t="s">
        <v>735</v>
      </c>
      <c r="AD19791" s="2" t="s">
        <v>62753</v>
      </c>
      <c r="AE19791" s="1"/>
    </row>
    <row r="19792" spans="1:31" ht="14.45">
      <c r="A19792" s="11"/>
      <c r="B19792" s="20"/>
      <c r="C19792" s="2" t="s">
        <v>62754</v>
      </c>
      <c r="D19792" s="14" t="s">
        <v>62755</v>
      </c>
      <c r="E19792" s="2" t="s">
        <v>62756</v>
      </c>
      <c r="F19792" s="2" t="s">
        <v>62757</v>
      </c>
      <c r="G19792" s="8">
        <v>1140</v>
      </c>
      <c r="H19792" s="5">
        <v>5</v>
      </c>
      <c r="I19792" s="5" t="s">
        <v>69</v>
      </c>
      <c r="J19792" s="5" t="s">
        <v>61065</v>
      </c>
      <c r="K19792" s="2" t="s">
        <v>61066</v>
      </c>
      <c r="L19792" s="5" t="s">
        <v>61065</v>
      </c>
      <c r="M19792" s="2" t="s">
        <v>61066</v>
      </c>
      <c r="N19792" s="5" t="s">
        <v>733</v>
      </c>
      <c r="O19792" s="5" t="s">
        <v>38</v>
      </c>
      <c r="P19792" s="5" t="s">
        <v>39</v>
      </c>
      <c r="Q19792" s="5" t="s">
        <v>40</v>
      </c>
      <c r="R19792" s="5" t="s">
        <v>897</v>
      </c>
      <c r="S19792" s="5" t="s">
        <v>40</v>
      </c>
      <c r="T19792" s="5" t="s">
        <v>42</v>
      </c>
      <c r="U19792" s="2">
        <v>62.201000000000001</v>
      </c>
      <c r="V19792" s="2">
        <v>57.514000000000003</v>
      </c>
      <c r="W19792" s="2">
        <v>0.26200000000000001</v>
      </c>
      <c r="X19792" s="2">
        <v>17</v>
      </c>
      <c r="Y19792" s="2">
        <v>88.7</v>
      </c>
      <c r="Z19792" s="2">
        <v>173.8</v>
      </c>
      <c r="AA19792" s="5">
        <v>7</v>
      </c>
      <c r="AB19792" s="5" t="s">
        <v>43</v>
      </c>
      <c r="AC19792" s="5" t="s">
        <v>735</v>
      </c>
      <c r="AD19792" s="2" t="s">
        <v>62758</v>
      </c>
      <c r="AE19792" s="1"/>
    </row>
    <row r="19793" spans="1:31" ht="14.45">
      <c r="A19793" s="11"/>
      <c r="B19793" s="20"/>
      <c r="C19793" s="2" t="s">
        <v>62759</v>
      </c>
      <c r="D19793" s="14" t="s">
        <v>62760</v>
      </c>
      <c r="E19793" s="2" t="s">
        <v>62761</v>
      </c>
      <c r="F19793" s="2" t="s">
        <v>62757</v>
      </c>
      <c r="G19793" s="8">
        <v>1440</v>
      </c>
      <c r="H19793" s="5">
        <v>5</v>
      </c>
      <c r="I19793" s="5" t="s">
        <v>69</v>
      </c>
      <c r="J19793" s="5" t="s">
        <v>61065</v>
      </c>
      <c r="K19793" s="2" t="s">
        <v>61066</v>
      </c>
      <c r="L19793" s="5" t="s">
        <v>61065</v>
      </c>
      <c r="M19793" s="2" t="s">
        <v>61066</v>
      </c>
      <c r="N19793" s="5" t="s">
        <v>733</v>
      </c>
      <c r="O19793" s="5" t="s">
        <v>38</v>
      </c>
      <c r="P19793" s="5" t="s">
        <v>39</v>
      </c>
      <c r="Q19793" s="5" t="s">
        <v>40</v>
      </c>
      <c r="R19793" s="5" t="s">
        <v>897</v>
      </c>
      <c r="S19793" s="5" t="s">
        <v>40</v>
      </c>
      <c r="T19793" s="5" t="s">
        <v>42</v>
      </c>
      <c r="U19793" s="2">
        <v>63.84</v>
      </c>
      <c r="V19793" s="2">
        <v>59.061</v>
      </c>
      <c r="W19793" s="2">
        <v>0.26200000000000001</v>
      </c>
      <c r="X19793" s="2">
        <v>17</v>
      </c>
      <c r="Y19793" s="2">
        <v>88.7</v>
      </c>
      <c r="Z19793" s="2">
        <v>173.8</v>
      </c>
      <c r="AA19793" s="5">
        <v>7</v>
      </c>
      <c r="AB19793" s="5" t="s">
        <v>43</v>
      </c>
      <c r="AC19793" s="5" t="s">
        <v>735</v>
      </c>
      <c r="AD19793" s="2" t="s">
        <v>62762</v>
      </c>
      <c r="AE19793" s="1"/>
    </row>
    <row r="19794" spans="1:31" ht="14.45">
      <c r="A19794" s="11"/>
      <c r="B19794" s="20"/>
      <c r="C19794" s="2" t="s">
        <v>62763</v>
      </c>
      <c r="D19794" s="14" t="s">
        <v>62764</v>
      </c>
      <c r="E19794" s="2" t="s">
        <v>62765</v>
      </c>
      <c r="F19794" s="2" t="s">
        <v>62757</v>
      </c>
      <c r="G19794" s="8">
        <v>1440</v>
      </c>
      <c r="H19794" s="5">
        <v>5</v>
      </c>
      <c r="I19794" s="5" t="s">
        <v>69</v>
      </c>
      <c r="J19794" s="5" t="s">
        <v>61065</v>
      </c>
      <c r="K19794" s="2" t="s">
        <v>61066</v>
      </c>
      <c r="L19794" s="5" t="s">
        <v>61065</v>
      </c>
      <c r="M19794" s="2" t="s">
        <v>61066</v>
      </c>
      <c r="N19794" s="5" t="s">
        <v>733</v>
      </c>
      <c r="O19794" s="5" t="s">
        <v>38</v>
      </c>
      <c r="P19794" s="5" t="s">
        <v>39</v>
      </c>
      <c r="Q19794" s="5" t="s">
        <v>40</v>
      </c>
      <c r="R19794" s="5" t="s">
        <v>897</v>
      </c>
      <c r="S19794" s="5" t="s">
        <v>40</v>
      </c>
      <c r="T19794" s="5" t="s">
        <v>42</v>
      </c>
      <c r="U19794" s="2">
        <v>62.405999999999999</v>
      </c>
      <c r="V19794" s="2">
        <v>57.557000000000002</v>
      </c>
      <c r="W19794" s="2">
        <v>0.26200000000000001</v>
      </c>
      <c r="X19794" s="2">
        <v>17</v>
      </c>
      <c r="Y19794" s="2">
        <v>88.7</v>
      </c>
      <c r="Z19794" s="2">
        <v>173.8</v>
      </c>
      <c r="AA19794" s="5">
        <v>7</v>
      </c>
      <c r="AB19794" s="5" t="s">
        <v>43</v>
      </c>
      <c r="AC19794" s="5" t="s">
        <v>735</v>
      </c>
      <c r="AD19794" s="2" t="s">
        <v>62766</v>
      </c>
      <c r="AE19794" s="1"/>
    </row>
    <row r="19795" spans="1:31" ht="14.45">
      <c r="A19795" s="11"/>
      <c r="B19795" s="20"/>
      <c r="C19795" s="2" t="s">
        <v>62767</v>
      </c>
      <c r="D19795" s="14" t="s">
        <v>62768</v>
      </c>
      <c r="E19795" s="2" t="s">
        <v>62769</v>
      </c>
      <c r="F19795" s="2" t="s">
        <v>62770</v>
      </c>
      <c r="G19795" s="8">
        <v>2199</v>
      </c>
      <c r="H19795" s="5">
        <v>10</v>
      </c>
      <c r="I19795" s="5" t="s">
        <v>69</v>
      </c>
      <c r="J19795" s="5" t="s">
        <v>61065</v>
      </c>
      <c r="K19795" s="2" t="s">
        <v>61066</v>
      </c>
      <c r="L19795" s="5" t="s">
        <v>61065</v>
      </c>
      <c r="M19795" s="2" t="s">
        <v>61066</v>
      </c>
      <c r="N19795" s="5" t="s">
        <v>733</v>
      </c>
      <c r="O19795" s="5" t="s">
        <v>38</v>
      </c>
      <c r="P19795" s="5" t="s">
        <v>39</v>
      </c>
      <c r="Q19795" s="5" t="s">
        <v>40</v>
      </c>
      <c r="R19795" s="5" t="s">
        <v>897</v>
      </c>
      <c r="S19795" s="5" t="s">
        <v>40</v>
      </c>
      <c r="T19795" s="5" t="s">
        <v>42</v>
      </c>
      <c r="U19795" s="2">
        <v>76.73</v>
      </c>
      <c r="V19795" s="2">
        <v>71.959999999999994</v>
      </c>
      <c r="W19795" s="2">
        <v>0.26200000000000001</v>
      </c>
      <c r="X19795" s="2">
        <v>17</v>
      </c>
      <c r="Y19795" s="2">
        <v>88.7</v>
      </c>
      <c r="Z19795" s="2">
        <v>173.8</v>
      </c>
      <c r="AA19795" s="5">
        <v>7</v>
      </c>
      <c r="AB19795" s="5" t="s">
        <v>43</v>
      </c>
      <c r="AC19795" s="5" t="s">
        <v>735</v>
      </c>
      <c r="AD19795" s="2" t="s">
        <v>62771</v>
      </c>
      <c r="AE19795" s="1"/>
    </row>
    <row r="19796" spans="1:31" ht="14.45">
      <c r="A19796" s="11"/>
      <c r="B19796" s="20"/>
      <c r="C19796" s="2" t="s">
        <v>62772</v>
      </c>
      <c r="D19796" s="14" t="s">
        <v>62773</v>
      </c>
      <c r="E19796" s="2" t="s">
        <v>62774</v>
      </c>
      <c r="F19796" s="2" t="s">
        <v>62775</v>
      </c>
      <c r="G19796" s="8">
        <v>1721</v>
      </c>
      <c r="H19796" s="5">
        <v>5</v>
      </c>
      <c r="I19796" s="5" t="s">
        <v>69</v>
      </c>
      <c r="J19796" s="5" t="s">
        <v>61065</v>
      </c>
      <c r="K19796" s="2" t="s">
        <v>61066</v>
      </c>
      <c r="L19796" s="5" t="s">
        <v>61065</v>
      </c>
      <c r="M19796" s="2" t="s">
        <v>61066</v>
      </c>
      <c r="N19796" s="5" t="s">
        <v>733</v>
      </c>
      <c r="O19796" s="5" t="s">
        <v>38</v>
      </c>
      <c r="P19796" s="5" t="s">
        <v>39</v>
      </c>
      <c r="Q19796" s="5" t="s">
        <v>40</v>
      </c>
      <c r="R19796" s="5" t="s">
        <v>897</v>
      </c>
      <c r="S19796" s="5" t="s">
        <v>40</v>
      </c>
      <c r="T19796" s="5" t="s">
        <v>42</v>
      </c>
      <c r="U19796" s="2">
        <v>65.858000000000004</v>
      </c>
      <c r="V19796" s="2">
        <v>61.165999999999997</v>
      </c>
      <c r="W19796" s="2">
        <v>0.26200000000000001</v>
      </c>
      <c r="X19796" s="2">
        <v>17</v>
      </c>
      <c r="Y19796" s="2">
        <v>88.7</v>
      </c>
      <c r="Z19796" s="2">
        <v>173.8</v>
      </c>
      <c r="AA19796" s="5">
        <v>7</v>
      </c>
      <c r="AB19796" s="5" t="s">
        <v>43</v>
      </c>
      <c r="AC19796" s="5" t="s">
        <v>735</v>
      </c>
      <c r="AD19796" s="2" t="s">
        <v>62776</v>
      </c>
      <c r="AE19796" s="1"/>
    </row>
    <row r="19797" spans="1:31" ht="14.45">
      <c r="A19797" s="11"/>
      <c r="B19797" s="20"/>
      <c r="C19797" s="2" t="s">
        <v>62777</v>
      </c>
      <c r="D19797" s="14" t="s">
        <v>62778</v>
      </c>
      <c r="E19797" s="2" t="s">
        <v>62779</v>
      </c>
      <c r="F19797" s="2" t="s">
        <v>62780</v>
      </c>
      <c r="G19797" s="8">
        <v>2021</v>
      </c>
      <c r="H19797" s="5">
        <v>10</v>
      </c>
      <c r="I19797" s="5" t="s">
        <v>69</v>
      </c>
      <c r="J19797" s="5" t="s">
        <v>61065</v>
      </c>
      <c r="K19797" s="2" t="s">
        <v>61066</v>
      </c>
      <c r="L19797" s="5" t="s">
        <v>61065</v>
      </c>
      <c r="M19797" s="2" t="s">
        <v>61066</v>
      </c>
      <c r="N19797" s="5" t="s">
        <v>733</v>
      </c>
      <c r="O19797" s="5" t="s">
        <v>38</v>
      </c>
      <c r="P19797" s="5" t="s">
        <v>39</v>
      </c>
      <c r="Q19797" s="5" t="s">
        <v>40</v>
      </c>
      <c r="R19797" s="5" t="s">
        <v>897</v>
      </c>
      <c r="S19797" s="5" t="s">
        <v>40</v>
      </c>
      <c r="T19797" s="5" t="s">
        <v>42</v>
      </c>
      <c r="U19797" s="2">
        <v>67.555999999999997</v>
      </c>
      <c r="V19797" s="2">
        <v>62.777000000000001</v>
      </c>
      <c r="W19797" s="2">
        <v>0.26200000000000001</v>
      </c>
      <c r="X19797" s="2">
        <v>17</v>
      </c>
      <c r="Y19797" s="2">
        <v>88.7</v>
      </c>
      <c r="Z19797" s="2">
        <v>173.8</v>
      </c>
      <c r="AA19797" s="5">
        <v>7</v>
      </c>
      <c r="AB19797" s="5" t="s">
        <v>43</v>
      </c>
      <c r="AC19797" s="5" t="s">
        <v>735</v>
      </c>
      <c r="AD19797" s="2" t="s">
        <v>62781</v>
      </c>
      <c r="AE19797" s="1"/>
    </row>
    <row r="19798" spans="1:31" ht="14.45">
      <c r="A19798" s="11"/>
      <c r="B19798" s="20"/>
      <c r="C19798" s="2" t="s">
        <v>62782</v>
      </c>
      <c r="D19798" s="14" t="s">
        <v>62783</v>
      </c>
      <c r="E19798" s="2" t="s">
        <v>62784</v>
      </c>
      <c r="F19798" s="2" t="s">
        <v>62780</v>
      </c>
      <c r="G19798" s="8">
        <v>2021</v>
      </c>
      <c r="H19798" s="5">
        <v>10</v>
      </c>
      <c r="I19798" s="5" t="s">
        <v>69</v>
      </c>
      <c r="J19798" s="5" t="s">
        <v>61065</v>
      </c>
      <c r="K19798" s="2" t="s">
        <v>61066</v>
      </c>
      <c r="L19798" s="5" t="s">
        <v>61065</v>
      </c>
      <c r="M19798" s="2" t="s">
        <v>61066</v>
      </c>
      <c r="N19798" s="5" t="s">
        <v>733</v>
      </c>
      <c r="O19798" s="5" t="s">
        <v>38</v>
      </c>
      <c r="P19798" s="5" t="s">
        <v>39</v>
      </c>
      <c r="Q19798" s="5" t="s">
        <v>40</v>
      </c>
      <c r="R19798" s="5" t="s">
        <v>897</v>
      </c>
      <c r="S19798" s="5" t="s">
        <v>40</v>
      </c>
      <c r="T19798" s="5" t="s">
        <v>42</v>
      </c>
      <c r="U19798" s="2">
        <v>66.123000000000005</v>
      </c>
      <c r="V19798" s="2">
        <v>61.274000000000001</v>
      </c>
      <c r="W19798" s="2">
        <v>0.26200000000000001</v>
      </c>
      <c r="X19798" s="2">
        <v>17</v>
      </c>
      <c r="Y19798" s="2">
        <v>88.7</v>
      </c>
      <c r="Z19798" s="2">
        <v>173.8</v>
      </c>
      <c r="AA19798" s="5">
        <v>7</v>
      </c>
      <c r="AB19798" s="5" t="s">
        <v>43</v>
      </c>
      <c r="AC19798" s="5" t="s">
        <v>735</v>
      </c>
      <c r="AD19798" s="2" t="s">
        <v>62785</v>
      </c>
      <c r="AE19798" s="1"/>
    </row>
    <row r="19799" spans="1:31" ht="14.45">
      <c r="A19799" s="11"/>
      <c r="B19799" s="20"/>
      <c r="C19799" s="2" t="s">
        <v>62786</v>
      </c>
      <c r="D19799" s="14" t="s">
        <v>62787</v>
      </c>
      <c r="E19799" s="2" t="s">
        <v>62788</v>
      </c>
      <c r="F19799" s="2" t="s">
        <v>62789</v>
      </c>
      <c r="G19799" s="8">
        <v>1633</v>
      </c>
      <c r="H19799" s="5">
        <v>5</v>
      </c>
      <c r="I19799" s="5" t="s">
        <v>69</v>
      </c>
      <c r="J19799" s="5" t="s">
        <v>61065</v>
      </c>
      <c r="K19799" s="2" t="s">
        <v>61066</v>
      </c>
      <c r="L19799" s="5" t="s">
        <v>61065</v>
      </c>
      <c r="M19799" s="2" t="s">
        <v>61066</v>
      </c>
      <c r="N19799" s="5" t="s">
        <v>733</v>
      </c>
      <c r="O19799" s="5" t="s">
        <v>38</v>
      </c>
      <c r="P19799" s="5" t="s">
        <v>39</v>
      </c>
      <c r="Q19799" s="5" t="s">
        <v>40</v>
      </c>
      <c r="R19799" s="5" t="s">
        <v>897</v>
      </c>
      <c r="S19799" s="5" t="s">
        <v>40</v>
      </c>
      <c r="T19799" s="5" t="s">
        <v>42</v>
      </c>
      <c r="U19799" s="2">
        <v>59.985999999999997</v>
      </c>
      <c r="V19799" s="2">
        <v>55.191000000000003</v>
      </c>
      <c r="W19799" s="2">
        <v>0.26200000000000001</v>
      </c>
      <c r="X19799" s="2">
        <v>17</v>
      </c>
      <c r="Y19799" s="2">
        <v>88.7</v>
      </c>
      <c r="Z19799" s="2">
        <v>173.8</v>
      </c>
      <c r="AA19799" s="5">
        <v>7</v>
      </c>
      <c r="AB19799" s="5" t="s">
        <v>43</v>
      </c>
      <c r="AC19799" s="5" t="s">
        <v>735</v>
      </c>
      <c r="AD19799" s="2" t="s">
        <v>62790</v>
      </c>
      <c r="AE19799" s="1"/>
    </row>
    <row r="19800" spans="1:31" ht="14.45">
      <c r="A19800" s="11"/>
      <c r="B19800" s="20"/>
      <c r="C19800" s="2" t="s">
        <v>62791</v>
      </c>
      <c r="D19800" s="14" t="s">
        <v>62792</v>
      </c>
      <c r="E19800" s="2" t="s">
        <v>62793</v>
      </c>
      <c r="F19800" s="2" t="s">
        <v>62794</v>
      </c>
      <c r="G19800" s="8">
        <v>1608</v>
      </c>
      <c r="H19800" s="5">
        <v>5</v>
      </c>
      <c r="I19800" s="5" t="s">
        <v>69</v>
      </c>
      <c r="J19800" s="5" t="s">
        <v>61065</v>
      </c>
      <c r="K19800" s="2" t="s">
        <v>61066</v>
      </c>
      <c r="L19800" s="5" t="s">
        <v>61065</v>
      </c>
      <c r="M19800" s="2" t="s">
        <v>61066</v>
      </c>
      <c r="N19800" s="5" t="s">
        <v>733</v>
      </c>
      <c r="O19800" s="5" t="s">
        <v>38</v>
      </c>
      <c r="P19800" s="5" t="s">
        <v>39</v>
      </c>
      <c r="Q19800" s="5" t="s">
        <v>40</v>
      </c>
      <c r="R19800" s="5" t="s">
        <v>897</v>
      </c>
      <c r="S19800" s="5" t="s">
        <v>40</v>
      </c>
      <c r="T19800" s="5" t="s">
        <v>42</v>
      </c>
      <c r="U19800" s="2">
        <v>65.811999999999998</v>
      </c>
      <c r="V19800" s="2">
        <v>61.12</v>
      </c>
      <c r="W19800" s="2">
        <v>0.26200000000000001</v>
      </c>
      <c r="X19800" s="2">
        <v>17</v>
      </c>
      <c r="Y19800" s="2">
        <v>88.7</v>
      </c>
      <c r="Z19800" s="2">
        <v>173.8</v>
      </c>
      <c r="AA19800" s="5">
        <v>7</v>
      </c>
      <c r="AB19800" s="5" t="s">
        <v>43</v>
      </c>
      <c r="AC19800" s="5" t="s">
        <v>735</v>
      </c>
      <c r="AD19800" s="2" t="s">
        <v>62795</v>
      </c>
      <c r="AE19800" s="1"/>
    </row>
    <row r="19801" spans="1:31" ht="14.45">
      <c r="A19801" s="11"/>
      <c r="B19801" s="20"/>
      <c r="C19801" s="2" t="s">
        <v>62796</v>
      </c>
      <c r="D19801" s="14" t="s">
        <v>62797</v>
      </c>
      <c r="E19801" s="2" t="s">
        <v>62798</v>
      </c>
      <c r="F19801" s="2" t="s">
        <v>62794</v>
      </c>
      <c r="G19801" s="8">
        <v>1908</v>
      </c>
      <c r="H19801" s="5">
        <v>10</v>
      </c>
      <c r="I19801" s="5" t="s">
        <v>69</v>
      </c>
      <c r="J19801" s="5" t="s">
        <v>61065</v>
      </c>
      <c r="K19801" s="2" t="s">
        <v>61066</v>
      </c>
      <c r="L19801" s="5" t="s">
        <v>61065</v>
      </c>
      <c r="M19801" s="2" t="s">
        <v>61066</v>
      </c>
      <c r="N19801" s="5" t="s">
        <v>733</v>
      </c>
      <c r="O19801" s="5" t="s">
        <v>38</v>
      </c>
      <c r="P19801" s="5" t="s">
        <v>39</v>
      </c>
      <c r="Q19801" s="5" t="s">
        <v>40</v>
      </c>
      <c r="R19801" s="5" t="s">
        <v>897</v>
      </c>
      <c r="S19801" s="5" t="s">
        <v>40</v>
      </c>
      <c r="T19801" s="5" t="s">
        <v>42</v>
      </c>
      <c r="U19801" s="2">
        <v>67.510000000000005</v>
      </c>
      <c r="V19801" s="2">
        <v>62.731000000000002</v>
      </c>
      <c r="W19801" s="2">
        <v>0.26200000000000001</v>
      </c>
      <c r="X19801" s="2">
        <v>17</v>
      </c>
      <c r="Y19801" s="2">
        <v>88.7</v>
      </c>
      <c r="Z19801" s="2">
        <v>173.8</v>
      </c>
      <c r="AA19801" s="5">
        <v>7</v>
      </c>
      <c r="AB19801" s="5" t="s">
        <v>43</v>
      </c>
      <c r="AC19801" s="5" t="s">
        <v>735</v>
      </c>
      <c r="AD19801" s="2" t="s">
        <v>62799</v>
      </c>
      <c r="AE19801" s="1"/>
    </row>
    <row r="19802" spans="1:31" ht="14.45">
      <c r="A19802" s="11"/>
      <c r="B19802" s="20"/>
      <c r="C19802" s="2" t="s">
        <v>62800</v>
      </c>
      <c r="D19802" s="14" t="s">
        <v>62801</v>
      </c>
      <c r="E19802" s="2" t="s">
        <v>62802</v>
      </c>
      <c r="F19802" s="2" t="s">
        <v>62794</v>
      </c>
      <c r="G19802" s="8">
        <v>1908</v>
      </c>
      <c r="H19802" s="5">
        <v>5</v>
      </c>
      <c r="I19802" s="5" t="s">
        <v>69</v>
      </c>
      <c r="J19802" s="5" t="s">
        <v>61065</v>
      </c>
      <c r="K19802" s="2" t="s">
        <v>61066</v>
      </c>
      <c r="L19802" s="5" t="s">
        <v>61065</v>
      </c>
      <c r="M19802" s="2" t="s">
        <v>61066</v>
      </c>
      <c r="N19802" s="5" t="s">
        <v>733</v>
      </c>
      <c r="O19802" s="5" t="s">
        <v>38</v>
      </c>
      <c r="P19802" s="5" t="s">
        <v>39</v>
      </c>
      <c r="Q19802" s="5" t="s">
        <v>40</v>
      </c>
      <c r="R19802" s="5" t="s">
        <v>897</v>
      </c>
      <c r="S19802" s="5" t="s">
        <v>40</v>
      </c>
      <c r="T19802" s="5" t="s">
        <v>42</v>
      </c>
      <c r="U19802" s="2">
        <v>66.076999999999998</v>
      </c>
      <c r="V19802" s="2">
        <v>61.228000000000002</v>
      </c>
      <c r="W19802" s="2">
        <v>0.26200000000000001</v>
      </c>
      <c r="X19802" s="2">
        <v>17</v>
      </c>
      <c r="Y19802" s="2">
        <v>88.7</v>
      </c>
      <c r="Z19802" s="2">
        <v>173.8</v>
      </c>
      <c r="AA19802" s="5">
        <v>7</v>
      </c>
      <c r="AB19802" s="5" t="s">
        <v>43</v>
      </c>
      <c r="AC19802" s="5" t="s">
        <v>735</v>
      </c>
      <c r="AD19802" s="2" t="s">
        <v>62803</v>
      </c>
      <c r="AE19802" s="1"/>
    </row>
    <row r="19803" spans="1:31" ht="14.45">
      <c r="A19803" s="11"/>
      <c r="B19803" s="20"/>
      <c r="C19803" s="2" t="s">
        <v>62804</v>
      </c>
      <c r="D19803" s="14" t="s">
        <v>62805</v>
      </c>
      <c r="E19803" s="2" t="s">
        <v>62806</v>
      </c>
      <c r="F19803" s="2" t="s">
        <v>62807</v>
      </c>
      <c r="G19803" s="8">
        <v>1721</v>
      </c>
      <c r="H19803" s="5">
        <v>10</v>
      </c>
      <c r="I19803" s="5" t="s">
        <v>69</v>
      </c>
      <c r="J19803" s="5" t="s">
        <v>61065</v>
      </c>
      <c r="K19803" s="2" t="s">
        <v>61066</v>
      </c>
      <c r="L19803" s="5" t="s">
        <v>61065</v>
      </c>
      <c r="M19803" s="2" t="s">
        <v>61066</v>
      </c>
      <c r="N19803" s="5" t="s">
        <v>733</v>
      </c>
      <c r="O19803" s="5" t="s">
        <v>38</v>
      </c>
      <c r="P19803" s="5" t="s">
        <v>39</v>
      </c>
      <c r="Q19803" s="5" t="s">
        <v>40</v>
      </c>
      <c r="R19803" s="5" t="s">
        <v>897</v>
      </c>
      <c r="S19803" s="5" t="s">
        <v>40</v>
      </c>
      <c r="T19803" s="5" t="s">
        <v>42</v>
      </c>
      <c r="U19803" s="2">
        <v>64.819000000000003</v>
      </c>
      <c r="V19803" s="2">
        <v>60.127000000000002</v>
      </c>
      <c r="W19803" s="2">
        <v>0.26200000000000001</v>
      </c>
      <c r="X19803" s="2">
        <v>17</v>
      </c>
      <c r="Y19803" s="2">
        <v>88.7</v>
      </c>
      <c r="Z19803" s="2">
        <v>173.8</v>
      </c>
      <c r="AA19803" s="5">
        <v>7</v>
      </c>
      <c r="AB19803" s="5" t="s">
        <v>43</v>
      </c>
      <c r="AC19803" s="5" t="s">
        <v>735</v>
      </c>
      <c r="AD19803" s="2" t="s">
        <v>62808</v>
      </c>
      <c r="AE19803" s="1"/>
    </row>
    <row r="19804" spans="1:31" ht="14.45">
      <c r="A19804" s="11"/>
      <c r="B19804" s="20"/>
      <c r="C19804" s="2" t="s">
        <v>62809</v>
      </c>
      <c r="D19804" s="14" t="s">
        <v>62810</v>
      </c>
      <c r="E19804" s="2" t="s">
        <v>62811</v>
      </c>
      <c r="F19804" s="2" t="s">
        <v>62812</v>
      </c>
      <c r="G19804" s="8">
        <v>2021</v>
      </c>
      <c r="H19804" s="5">
        <v>10</v>
      </c>
      <c r="I19804" s="5" t="s">
        <v>69</v>
      </c>
      <c r="J19804" s="5" t="s">
        <v>61065</v>
      </c>
      <c r="K19804" s="2" t="s">
        <v>61066</v>
      </c>
      <c r="L19804" s="5" t="s">
        <v>61065</v>
      </c>
      <c r="M19804" s="2" t="s">
        <v>61066</v>
      </c>
      <c r="N19804" s="5" t="s">
        <v>733</v>
      </c>
      <c r="O19804" s="5" t="s">
        <v>38</v>
      </c>
      <c r="P19804" s="5" t="s">
        <v>39</v>
      </c>
      <c r="Q19804" s="5" t="s">
        <v>40</v>
      </c>
      <c r="R19804" s="5" t="s">
        <v>897</v>
      </c>
      <c r="S19804" s="5" t="s">
        <v>40</v>
      </c>
      <c r="T19804" s="5" t="s">
        <v>42</v>
      </c>
      <c r="U19804" s="2">
        <v>66.516999999999996</v>
      </c>
      <c r="V19804" s="2">
        <v>61.738</v>
      </c>
      <c r="W19804" s="2">
        <v>0.26200000000000001</v>
      </c>
      <c r="X19804" s="2">
        <v>17</v>
      </c>
      <c r="Y19804" s="2">
        <v>88.7</v>
      </c>
      <c r="Z19804" s="2">
        <v>173.8</v>
      </c>
      <c r="AA19804" s="5">
        <v>7</v>
      </c>
      <c r="AB19804" s="5" t="s">
        <v>43</v>
      </c>
      <c r="AC19804" s="5" t="s">
        <v>735</v>
      </c>
      <c r="AD19804" s="2" t="s">
        <v>62813</v>
      </c>
      <c r="AE19804" s="1"/>
    </row>
    <row r="19805" spans="1:31" ht="14.45">
      <c r="A19805" s="11"/>
      <c r="B19805" s="20"/>
      <c r="C19805" s="2" t="s">
        <v>62814</v>
      </c>
      <c r="D19805" s="14" t="s">
        <v>62815</v>
      </c>
      <c r="E19805" s="2" t="s">
        <v>62816</v>
      </c>
      <c r="F19805" s="2" t="s">
        <v>62812</v>
      </c>
      <c r="G19805" s="8">
        <v>2021</v>
      </c>
      <c r="H19805" s="5">
        <v>10</v>
      </c>
      <c r="I19805" s="5" t="s">
        <v>69</v>
      </c>
      <c r="J19805" s="5" t="s">
        <v>61065</v>
      </c>
      <c r="K19805" s="2" t="s">
        <v>61066</v>
      </c>
      <c r="L19805" s="5" t="s">
        <v>61065</v>
      </c>
      <c r="M19805" s="2" t="s">
        <v>61066</v>
      </c>
      <c r="N19805" s="5" t="s">
        <v>733</v>
      </c>
      <c r="O19805" s="5" t="s">
        <v>38</v>
      </c>
      <c r="P19805" s="5" t="s">
        <v>39</v>
      </c>
      <c r="Q19805" s="5" t="s">
        <v>40</v>
      </c>
      <c r="R19805" s="5" t="s">
        <v>897</v>
      </c>
      <c r="S19805" s="5" t="s">
        <v>40</v>
      </c>
      <c r="T19805" s="5" t="s">
        <v>42</v>
      </c>
      <c r="U19805" s="2">
        <v>65.084000000000003</v>
      </c>
      <c r="V19805" s="2">
        <v>60.234999999999999</v>
      </c>
      <c r="W19805" s="2">
        <v>0.26200000000000001</v>
      </c>
      <c r="X19805" s="2">
        <v>17</v>
      </c>
      <c r="Y19805" s="2">
        <v>88.7</v>
      </c>
      <c r="Z19805" s="2">
        <v>173.8</v>
      </c>
      <c r="AA19805" s="5">
        <v>7</v>
      </c>
      <c r="AB19805" s="5" t="s">
        <v>43</v>
      </c>
      <c r="AC19805" s="5" t="s">
        <v>735</v>
      </c>
      <c r="AD19805" s="2" t="s">
        <v>62817</v>
      </c>
      <c r="AE19805" s="1"/>
    </row>
    <row r="19806" spans="1:31" ht="14.45">
      <c r="A19806" s="11"/>
      <c r="B19806" s="20"/>
      <c r="C19806" s="2" t="s">
        <v>62818</v>
      </c>
      <c r="D19806" s="14" t="s">
        <v>62819</v>
      </c>
      <c r="E19806" s="2" t="s">
        <v>62820</v>
      </c>
      <c r="F19806" s="2" t="s">
        <v>62821</v>
      </c>
      <c r="G19806" s="8">
        <v>1333</v>
      </c>
      <c r="H19806" s="5">
        <v>10</v>
      </c>
      <c r="I19806" s="5" t="s">
        <v>69</v>
      </c>
      <c r="J19806" s="5" t="s">
        <v>61065</v>
      </c>
      <c r="K19806" s="2" t="s">
        <v>61066</v>
      </c>
      <c r="L19806" s="5" t="s">
        <v>61065</v>
      </c>
      <c r="M19806" s="2" t="s">
        <v>61066</v>
      </c>
      <c r="N19806" s="5" t="s">
        <v>733</v>
      </c>
      <c r="O19806" s="5" t="s">
        <v>38</v>
      </c>
      <c r="P19806" s="5" t="s">
        <v>39</v>
      </c>
      <c r="Q19806" s="5" t="s">
        <v>40</v>
      </c>
      <c r="R19806" s="5" t="s">
        <v>897</v>
      </c>
      <c r="S19806" s="5" t="s">
        <v>40</v>
      </c>
      <c r="T19806" s="5" t="s">
        <v>42</v>
      </c>
      <c r="U19806" s="2">
        <v>57.247999999999998</v>
      </c>
      <c r="V19806" s="2">
        <v>52.54</v>
      </c>
      <c r="W19806" s="2">
        <v>0.26200000000000001</v>
      </c>
      <c r="X19806" s="2">
        <v>17</v>
      </c>
      <c r="Y19806" s="2">
        <v>88.7</v>
      </c>
      <c r="Z19806" s="2">
        <v>173.8</v>
      </c>
      <c r="AA19806" s="5">
        <v>7</v>
      </c>
      <c r="AB19806" s="5" t="s">
        <v>43</v>
      </c>
      <c r="AC19806" s="5" t="s">
        <v>735</v>
      </c>
      <c r="AD19806" s="2" t="s">
        <v>62822</v>
      </c>
      <c r="AE19806" s="1"/>
    </row>
    <row r="19807" spans="1:31" ht="14.45">
      <c r="A19807" s="11"/>
      <c r="B19807" s="20"/>
      <c r="C19807" s="2" t="s">
        <v>62823</v>
      </c>
      <c r="D19807" s="14" t="s">
        <v>62824</v>
      </c>
      <c r="E19807" s="2" t="s">
        <v>62825</v>
      </c>
      <c r="F19807" s="2" t="s">
        <v>62821</v>
      </c>
      <c r="G19807" s="8">
        <v>1633</v>
      </c>
      <c r="H19807" s="5">
        <v>10</v>
      </c>
      <c r="I19807" s="5" t="s">
        <v>69</v>
      </c>
      <c r="J19807" s="5" t="s">
        <v>61065</v>
      </c>
      <c r="K19807" s="2" t="s">
        <v>61066</v>
      </c>
      <c r="L19807" s="5" t="s">
        <v>61065</v>
      </c>
      <c r="M19807" s="2" t="s">
        <v>61066</v>
      </c>
      <c r="N19807" s="5" t="s">
        <v>733</v>
      </c>
      <c r="O19807" s="5" t="s">
        <v>38</v>
      </c>
      <c r="P19807" s="5" t="s">
        <v>39</v>
      </c>
      <c r="Q19807" s="5" t="s">
        <v>40</v>
      </c>
      <c r="R19807" s="5" t="s">
        <v>897</v>
      </c>
      <c r="S19807" s="5" t="s">
        <v>40</v>
      </c>
      <c r="T19807" s="5" t="s">
        <v>42</v>
      </c>
      <c r="U19807" s="2">
        <v>58.945999999999998</v>
      </c>
      <c r="V19807" s="2">
        <v>54.151000000000003</v>
      </c>
      <c r="W19807" s="2">
        <v>0.26200000000000001</v>
      </c>
      <c r="X19807" s="2">
        <v>17</v>
      </c>
      <c r="Y19807" s="2">
        <v>88.7</v>
      </c>
      <c r="Z19807" s="2">
        <v>173.8</v>
      </c>
      <c r="AA19807" s="5">
        <v>7</v>
      </c>
      <c r="AB19807" s="5" t="s">
        <v>43</v>
      </c>
      <c r="AC19807" s="5" t="s">
        <v>735</v>
      </c>
      <c r="AD19807" s="2" t="s">
        <v>62826</v>
      </c>
      <c r="AE19807" s="1"/>
    </row>
    <row r="19808" spans="1:31" ht="14.45">
      <c r="A19808" s="11"/>
      <c r="B19808" s="20"/>
      <c r="C19808" s="2" t="s">
        <v>62827</v>
      </c>
      <c r="D19808" s="14" t="s">
        <v>62828</v>
      </c>
      <c r="E19808" s="2" t="s">
        <v>62829</v>
      </c>
      <c r="F19808" s="2" t="s">
        <v>62830</v>
      </c>
      <c r="G19808" s="8">
        <v>1608</v>
      </c>
      <c r="H19808" s="5">
        <v>10</v>
      </c>
      <c r="I19808" s="5" t="s">
        <v>69</v>
      </c>
      <c r="J19808" s="5" t="s">
        <v>61065</v>
      </c>
      <c r="K19808" s="2" t="s">
        <v>61066</v>
      </c>
      <c r="L19808" s="5" t="s">
        <v>61065</v>
      </c>
      <c r="M19808" s="2" t="s">
        <v>61066</v>
      </c>
      <c r="N19808" s="5" t="s">
        <v>733</v>
      </c>
      <c r="O19808" s="5" t="s">
        <v>38</v>
      </c>
      <c r="P19808" s="5" t="s">
        <v>39</v>
      </c>
      <c r="Q19808" s="5" t="s">
        <v>40</v>
      </c>
      <c r="R19808" s="5" t="s">
        <v>897</v>
      </c>
      <c r="S19808" s="5" t="s">
        <v>40</v>
      </c>
      <c r="T19808" s="5" t="s">
        <v>42</v>
      </c>
      <c r="U19808" s="2">
        <v>64.772999999999996</v>
      </c>
      <c r="V19808" s="2">
        <v>60.081000000000003</v>
      </c>
      <c r="W19808" s="2">
        <v>0.26200000000000001</v>
      </c>
      <c r="X19808" s="2">
        <v>17</v>
      </c>
      <c r="Y19808" s="2">
        <v>88.7</v>
      </c>
      <c r="Z19808" s="2">
        <v>173.8</v>
      </c>
      <c r="AA19808" s="5">
        <v>7</v>
      </c>
      <c r="AB19808" s="5" t="s">
        <v>43</v>
      </c>
      <c r="AC19808" s="5" t="s">
        <v>735</v>
      </c>
      <c r="AD19808" s="2" t="s">
        <v>62831</v>
      </c>
      <c r="AE19808" s="1"/>
    </row>
    <row r="19809" spans="1:31" ht="14.45">
      <c r="A19809" s="11"/>
      <c r="B19809" s="20"/>
      <c r="C19809" s="2" t="s">
        <v>62832</v>
      </c>
      <c r="D19809" s="14" t="s">
        <v>62833</v>
      </c>
      <c r="E19809" s="2" t="s">
        <v>62834</v>
      </c>
      <c r="F19809" s="2" t="s">
        <v>62830</v>
      </c>
      <c r="G19809" s="8">
        <v>1908</v>
      </c>
      <c r="H19809" s="5">
        <v>10</v>
      </c>
      <c r="I19809" s="5" t="s">
        <v>69</v>
      </c>
      <c r="J19809" s="5" t="s">
        <v>61065</v>
      </c>
      <c r="K19809" s="2" t="s">
        <v>61066</v>
      </c>
      <c r="L19809" s="5" t="s">
        <v>61065</v>
      </c>
      <c r="M19809" s="2" t="s">
        <v>61066</v>
      </c>
      <c r="N19809" s="5" t="s">
        <v>733</v>
      </c>
      <c r="O19809" s="5" t="s">
        <v>38</v>
      </c>
      <c r="P19809" s="5" t="s">
        <v>39</v>
      </c>
      <c r="Q19809" s="5" t="s">
        <v>40</v>
      </c>
      <c r="R19809" s="5" t="s">
        <v>897</v>
      </c>
      <c r="S19809" s="5" t="s">
        <v>40</v>
      </c>
      <c r="T19809" s="5" t="s">
        <v>42</v>
      </c>
      <c r="U19809" s="2">
        <v>66.471000000000004</v>
      </c>
      <c r="V19809" s="2">
        <v>61.692</v>
      </c>
      <c r="W19809" s="2">
        <v>0.26200000000000001</v>
      </c>
      <c r="X19809" s="2">
        <v>17</v>
      </c>
      <c r="Y19809" s="2">
        <v>88.7</v>
      </c>
      <c r="Z19809" s="2">
        <v>173.8</v>
      </c>
      <c r="AA19809" s="5">
        <v>7</v>
      </c>
      <c r="AB19809" s="5" t="s">
        <v>43</v>
      </c>
      <c r="AC19809" s="5" t="s">
        <v>735</v>
      </c>
      <c r="AD19809" s="2" t="s">
        <v>62835</v>
      </c>
      <c r="AE19809" s="1"/>
    </row>
    <row r="19810" spans="1:31" ht="14.45">
      <c r="A19810" s="11"/>
      <c r="B19810" s="20"/>
      <c r="C19810" s="2" t="s">
        <v>62836</v>
      </c>
      <c r="D19810" s="14" t="s">
        <v>62837</v>
      </c>
      <c r="E19810" s="2" t="s">
        <v>62838</v>
      </c>
      <c r="F19810" s="2" t="s">
        <v>62830</v>
      </c>
      <c r="G19810" s="8">
        <v>1908</v>
      </c>
      <c r="H19810" s="5">
        <v>5</v>
      </c>
      <c r="I19810" s="5" t="s">
        <v>69</v>
      </c>
      <c r="J19810" s="5" t="s">
        <v>61065</v>
      </c>
      <c r="K19810" s="2" t="s">
        <v>61066</v>
      </c>
      <c r="L19810" s="5" t="s">
        <v>61065</v>
      </c>
      <c r="M19810" s="2" t="s">
        <v>61066</v>
      </c>
      <c r="N19810" s="5" t="s">
        <v>733</v>
      </c>
      <c r="O19810" s="5" t="s">
        <v>38</v>
      </c>
      <c r="P19810" s="5" t="s">
        <v>39</v>
      </c>
      <c r="Q19810" s="5" t="s">
        <v>40</v>
      </c>
      <c r="R19810" s="5" t="s">
        <v>897</v>
      </c>
      <c r="S19810" s="5" t="s">
        <v>40</v>
      </c>
      <c r="T19810" s="5" t="s">
        <v>42</v>
      </c>
      <c r="U19810" s="2">
        <v>65.037999999999997</v>
      </c>
      <c r="V19810" s="2">
        <v>60.189</v>
      </c>
      <c r="W19810" s="2">
        <v>0.26200000000000001</v>
      </c>
      <c r="X19810" s="2">
        <v>17</v>
      </c>
      <c r="Y19810" s="2">
        <v>88.7</v>
      </c>
      <c r="Z19810" s="2">
        <v>173.8</v>
      </c>
      <c r="AA19810" s="5">
        <v>7</v>
      </c>
      <c r="AB19810" s="5" t="s">
        <v>43</v>
      </c>
      <c r="AC19810" s="5" t="s">
        <v>735</v>
      </c>
      <c r="AD19810" s="2" t="s">
        <v>62839</v>
      </c>
      <c r="AE19810" s="1"/>
    </row>
    <row r="19811" spans="1:31" ht="14.45">
      <c r="A19811" s="11"/>
      <c r="B19811" s="20"/>
      <c r="C19811" s="2" t="s">
        <v>62840</v>
      </c>
      <c r="D19811" s="14" t="s">
        <v>62841</v>
      </c>
      <c r="E19811" s="2" t="s">
        <v>62842</v>
      </c>
      <c r="F19811" s="2" t="s">
        <v>62843</v>
      </c>
      <c r="G19811" s="8">
        <v>1304</v>
      </c>
      <c r="H19811" s="5">
        <v>5</v>
      </c>
      <c r="I19811" s="5" t="s">
        <v>69</v>
      </c>
      <c r="J19811" s="5" t="s">
        <v>61065</v>
      </c>
      <c r="K19811" s="2" t="s">
        <v>61066</v>
      </c>
      <c r="L19811" s="5" t="s">
        <v>61065</v>
      </c>
      <c r="M19811" s="2" t="s">
        <v>61066</v>
      </c>
      <c r="N19811" s="5" t="s">
        <v>733</v>
      </c>
      <c r="O19811" s="5" t="s">
        <v>38</v>
      </c>
      <c r="P19811" s="5" t="s">
        <v>39</v>
      </c>
      <c r="Q19811" s="5" t="s">
        <v>40</v>
      </c>
      <c r="R19811" s="5" t="s">
        <v>897</v>
      </c>
      <c r="S19811" s="5" t="s">
        <v>40</v>
      </c>
      <c r="T19811" s="5" t="s">
        <v>42</v>
      </c>
      <c r="U19811" s="2">
        <v>62.055999999999997</v>
      </c>
      <c r="V19811" s="2">
        <v>57.860999999999997</v>
      </c>
      <c r="W19811" s="2">
        <v>0.23499999999999999</v>
      </c>
      <c r="X19811" s="2">
        <v>17</v>
      </c>
      <c r="Y19811" s="2">
        <v>104.9</v>
      </c>
      <c r="Z19811" s="2">
        <v>131.6</v>
      </c>
      <c r="AA19811" s="5">
        <v>7</v>
      </c>
      <c r="AB19811" s="5" t="s">
        <v>43</v>
      </c>
      <c r="AC19811" s="5" t="s">
        <v>735</v>
      </c>
      <c r="AD19811" s="2" t="s">
        <v>62844</v>
      </c>
      <c r="AE19811" s="1"/>
    </row>
    <row r="19812" spans="1:31" ht="14.45">
      <c r="A19812" s="11"/>
      <c r="B19812" s="20"/>
      <c r="C19812" s="2" t="s">
        <v>62845</v>
      </c>
      <c r="D19812" s="14" t="s">
        <v>62846</v>
      </c>
      <c r="E19812" s="2" t="s">
        <v>62847</v>
      </c>
      <c r="F19812" s="2" t="s">
        <v>62848</v>
      </c>
      <c r="G19812" s="8">
        <v>1604</v>
      </c>
      <c r="H19812" s="5">
        <v>10</v>
      </c>
      <c r="I19812" s="5" t="s">
        <v>69</v>
      </c>
      <c r="J19812" s="5" t="s">
        <v>61065</v>
      </c>
      <c r="K19812" s="2" t="s">
        <v>61066</v>
      </c>
      <c r="L19812" s="5" t="s">
        <v>61065</v>
      </c>
      <c r="M19812" s="2" t="s">
        <v>61066</v>
      </c>
      <c r="N19812" s="5" t="s">
        <v>733</v>
      </c>
      <c r="O19812" s="5" t="s">
        <v>38</v>
      </c>
      <c r="P19812" s="5" t="s">
        <v>39</v>
      </c>
      <c r="Q19812" s="5" t="s">
        <v>40</v>
      </c>
      <c r="R19812" s="5" t="s">
        <v>897</v>
      </c>
      <c r="S19812" s="5" t="s">
        <v>40</v>
      </c>
      <c r="T19812" s="5" t="s">
        <v>42</v>
      </c>
      <c r="U19812" s="2">
        <v>64.688000000000002</v>
      </c>
      <c r="V19812" s="2">
        <v>60.42</v>
      </c>
      <c r="W19812" s="2">
        <v>0.23499999999999999</v>
      </c>
      <c r="X19812" s="2">
        <v>17</v>
      </c>
      <c r="Y19812" s="2">
        <v>104.9</v>
      </c>
      <c r="Z19812" s="2">
        <v>131.6</v>
      </c>
      <c r="AA19812" s="5">
        <v>7</v>
      </c>
      <c r="AB19812" s="5" t="s">
        <v>43</v>
      </c>
      <c r="AC19812" s="5" t="s">
        <v>735</v>
      </c>
      <c r="AD19812" s="2" t="s">
        <v>62849</v>
      </c>
      <c r="AE19812" s="1"/>
    </row>
    <row r="19813" spans="1:31" ht="14.45">
      <c r="A19813" s="11"/>
      <c r="B19813" s="20"/>
      <c r="C19813" s="2" t="s">
        <v>62850</v>
      </c>
      <c r="D19813" s="14" t="s">
        <v>62851</v>
      </c>
      <c r="E19813" s="2" t="s">
        <v>62852</v>
      </c>
      <c r="F19813" s="2" t="s">
        <v>62853</v>
      </c>
      <c r="G19813" s="8">
        <v>1145</v>
      </c>
      <c r="H19813" s="5">
        <v>5</v>
      </c>
      <c r="I19813" s="5" t="s">
        <v>69</v>
      </c>
      <c r="J19813" s="5" t="s">
        <v>61065</v>
      </c>
      <c r="K19813" s="2" t="s">
        <v>61066</v>
      </c>
      <c r="L19813" s="5" t="s">
        <v>61065</v>
      </c>
      <c r="M19813" s="2" t="s">
        <v>61066</v>
      </c>
      <c r="N19813" s="5" t="s">
        <v>733</v>
      </c>
      <c r="O19813" s="5" t="s">
        <v>38</v>
      </c>
      <c r="P19813" s="5" t="s">
        <v>39</v>
      </c>
      <c r="Q19813" s="5" t="s">
        <v>40</v>
      </c>
      <c r="R19813" s="5" t="s">
        <v>897</v>
      </c>
      <c r="S19813" s="5" t="s">
        <v>40</v>
      </c>
      <c r="T19813" s="5" t="s">
        <v>42</v>
      </c>
      <c r="U19813" s="2">
        <v>53.978000000000002</v>
      </c>
      <c r="V19813" s="2">
        <v>49.784999999999997</v>
      </c>
      <c r="W19813" s="2">
        <v>0.23499999999999999</v>
      </c>
      <c r="X19813" s="2">
        <v>17</v>
      </c>
      <c r="Y19813" s="2">
        <v>104.9</v>
      </c>
      <c r="Z19813" s="2">
        <v>131.6</v>
      </c>
      <c r="AA19813" s="5">
        <v>7</v>
      </c>
      <c r="AB19813" s="5" t="s">
        <v>43</v>
      </c>
      <c r="AC19813" s="5" t="s">
        <v>735</v>
      </c>
      <c r="AD19813" s="2" t="s">
        <v>62854</v>
      </c>
      <c r="AE19813" s="1"/>
    </row>
    <row r="19814" spans="1:31" ht="14.45">
      <c r="A19814" s="11"/>
      <c r="B19814" s="20"/>
      <c r="C19814" s="2" t="s">
        <v>62855</v>
      </c>
      <c r="D19814" s="14" t="s">
        <v>62856</v>
      </c>
      <c r="E19814" s="2" t="s">
        <v>62857</v>
      </c>
      <c r="F19814" s="2" t="s">
        <v>62858</v>
      </c>
      <c r="G19814" s="8">
        <v>1445</v>
      </c>
      <c r="H19814" s="5">
        <v>5</v>
      </c>
      <c r="I19814" s="5" t="s">
        <v>69</v>
      </c>
      <c r="J19814" s="5" t="s">
        <v>61065</v>
      </c>
      <c r="K19814" s="2" t="s">
        <v>61066</v>
      </c>
      <c r="L19814" s="5" t="s">
        <v>61065</v>
      </c>
      <c r="M19814" s="2" t="s">
        <v>61066</v>
      </c>
      <c r="N19814" s="5" t="s">
        <v>733</v>
      </c>
      <c r="O19814" s="5" t="s">
        <v>38</v>
      </c>
      <c r="P19814" s="5" t="s">
        <v>39</v>
      </c>
      <c r="Q19814" s="5" t="s">
        <v>40</v>
      </c>
      <c r="R19814" s="5" t="s">
        <v>897</v>
      </c>
      <c r="S19814" s="5" t="s">
        <v>40</v>
      </c>
      <c r="T19814" s="5" t="s">
        <v>42</v>
      </c>
      <c r="U19814" s="2">
        <v>56.537999999999997</v>
      </c>
      <c r="V19814" s="2">
        <v>52.27</v>
      </c>
      <c r="W19814" s="2">
        <v>0.23499999999999999</v>
      </c>
      <c r="X19814" s="2">
        <v>17</v>
      </c>
      <c r="Y19814" s="2">
        <v>104.9</v>
      </c>
      <c r="Z19814" s="2">
        <v>131.6</v>
      </c>
      <c r="AA19814" s="5">
        <v>7</v>
      </c>
      <c r="AB19814" s="5" t="s">
        <v>43</v>
      </c>
      <c r="AC19814" s="5" t="s">
        <v>735</v>
      </c>
      <c r="AD19814" s="2" t="s">
        <v>62859</v>
      </c>
      <c r="AE19814" s="1"/>
    </row>
    <row r="19815" spans="1:31" ht="14.45">
      <c r="A19815" s="5" t="s">
        <v>116</v>
      </c>
      <c r="B19815" s="21">
        <v>46082</v>
      </c>
      <c r="C19815" s="2" t="s">
        <v>62860</v>
      </c>
      <c r="D19815" s="14" t="s">
        <v>62861</v>
      </c>
      <c r="E19815" s="2" t="s">
        <v>62862</v>
      </c>
      <c r="F19815" s="2" t="s">
        <v>62863</v>
      </c>
      <c r="G19815" s="8">
        <v>1545</v>
      </c>
      <c r="H19815" s="5">
        <v>5</v>
      </c>
      <c r="I19815" s="5" t="s">
        <v>69</v>
      </c>
      <c r="J19815" s="5" t="s">
        <v>61065</v>
      </c>
      <c r="K19815" s="2" t="s">
        <v>61066</v>
      </c>
      <c r="L19815" s="5" t="s">
        <v>61065</v>
      </c>
      <c r="M19815" s="2" t="s">
        <v>61066</v>
      </c>
      <c r="N19815" s="5" t="s">
        <v>733</v>
      </c>
      <c r="O19815" s="5" t="s">
        <v>38</v>
      </c>
      <c r="P19815" s="5" t="s">
        <v>39</v>
      </c>
      <c r="Q19815" s="5" t="s">
        <v>40</v>
      </c>
      <c r="R19815" s="5" t="s">
        <v>897</v>
      </c>
      <c r="S19815" s="5" t="s">
        <v>40</v>
      </c>
      <c r="T19815" s="5" t="s">
        <v>42</v>
      </c>
      <c r="U19815" s="2">
        <v>56.64</v>
      </c>
      <c r="V19815" s="2">
        <v>52.468000000000004</v>
      </c>
      <c r="W19815" s="2">
        <v>0.23499999999999999</v>
      </c>
      <c r="X19815" s="2">
        <v>17</v>
      </c>
      <c r="Y19815" s="2">
        <v>104.9</v>
      </c>
      <c r="Z19815" s="2">
        <v>131.6</v>
      </c>
      <c r="AA19815" s="5">
        <v>7</v>
      </c>
      <c r="AB19815" s="5" t="s">
        <v>43</v>
      </c>
      <c r="AC19815" s="5" t="s">
        <v>735</v>
      </c>
      <c r="AD19815" s="2" t="s">
        <v>62864</v>
      </c>
      <c r="AE19815" s="1"/>
    </row>
    <row r="19816" spans="1:31" ht="14.45">
      <c r="A19816" s="11"/>
      <c r="B19816" s="20"/>
      <c r="C19816" s="2" t="s">
        <v>62865</v>
      </c>
      <c r="D19816" s="14" t="s">
        <v>62866</v>
      </c>
      <c r="E19816" s="2" t="s">
        <v>62867</v>
      </c>
      <c r="F19816" s="2" t="s">
        <v>62858</v>
      </c>
      <c r="G19816" s="8">
        <v>1445</v>
      </c>
      <c r="H19816" s="5">
        <v>5</v>
      </c>
      <c r="I19816" s="5" t="s">
        <v>69</v>
      </c>
      <c r="J19816" s="5" t="s">
        <v>61065</v>
      </c>
      <c r="K19816" s="2" t="s">
        <v>61066</v>
      </c>
      <c r="L19816" s="5" t="s">
        <v>61065</v>
      </c>
      <c r="M19816" s="2" t="s">
        <v>61066</v>
      </c>
      <c r="N19816" s="5" t="s">
        <v>733</v>
      </c>
      <c r="O19816" s="5" t="s">
        <v>38</v>
      </c>
      <c r="P19816" s="5" t="s">
        <v>39</v>
      </c>
      <c r="Q19816" s="5" t="s">
        <v>40</v>
      </c>
      <c r="R19816" s="5" t="s">
        <v>897</v>
      </c>
      <c r="S19816" s="5" t="s">
        <v>40</v>
      </c>
      <c r="T19816" s="5" t="s">
        <v>42</v>
      </c>
      <c r="U19816" s="2">
        <v>56.064999999999998</v>
      </c>
      <c r="V19816" s="2">
        <v>51.71</v>
      </c>
      <c r="W19816" s="2">
        <v>0.23499999999999999</v>
      </c>
      <c r="X19816" s="2">
        <v>17</v>
      </c>
      <c r="Y19816" s="2">
        <v>104.9</v>
      </c>
      <c r="Z19816" s="2">
        <v>131.6</v>
      </c>
      <c r="AA19816" s="5">
        <v>7</v>
      </c>
      <c r="AB19816" s="5" t="s">
        <v>43</v>
      </c>
      <c r="AC19816" s="5" t="s">
        <v>735</v>
      </c>
      <c r="AD19816" s="2" t="s">
        <v>62868</v>
      </c>
      <c r="AE19816" s="1"/>
    </row>
    <row r="19817" spans="1:31" ht="14.45">
      <c r="A19817" s="11"/>
      <c r="B19817" s="20"/>
      <c r="C19817" s="2" t="s">
        <v>62869</v>
      </c>
      <c r="D19817" s="14" t="s">
        <v>62870</v>
      </c>
      <c r="E19817" s="2" t="s">
        <v>62871</v>
      </c>
      <c r="F19817" s="2" t="s">
        <v>62858</v>
      </c>
      <c r="G19817" s="8">
        <v>1692</v>
      </c>
      <c r="H19817" s="5">
        <v>5</v>
      </c>
      <c r="I19817" s="5" t="s">
        <v>69</v>
      </c>
      <c r="J19817" s="5" t="s">
        <v>61065</v>
      </c>
      <c r="K19817" s="2" t="s">
        <v>61066</v>
      </c>
      <c r="L19817" s="5" t="s">
        <v>61065</v>
      </c>
      <c r="M19817" s="2" t="s">
        <v>61066</v>
      </c>
      <c r="N19817" s="5" t="s">
        <v>733</v>
      </c>
      <c r="O19817" s="5" t="s">
        <v>38</v>
      </c>
      <c r="P19817" s="5" t="s">
        <v>39</v>
      </c>
      <c r="Q19817" s="5" t="s">
        <v>40</v>
      </c>
      <c r="R19817" s="5" t="s">
        <v>897</v>
      </c>
      <c r="S19817" s="5" t="s">
        <v>40</v>
      </c>
      <c r="T19817" s="5" t="s">
        <v>42</v>
      </c>
      <c r="U19817" s="2">
        <v>58.112000000000002</v>
      </c>
      <c r="V19817" s="2">
        <v>53.91</v>
      </c>
      <c r="W19817" s="2">
        <v>0.23499999999999999</v>
      </c>
      <c r="X19817" s="2">
        <v>17</v>
      </c>
      <c r="Y19817" s="2">
        <v>104.9</v>
      </c>
      <c r="Z19817" s="2">
        <v>131.6</v>
      </c>
      <c r="AA19817" s="5">
        <v>7</v>
      </c>
      <c r="AB19817" s="5" t="s">
        <v>43</v>
      </c>
      <c r="AC19817" s="5" t="s">
        <v>735</v>
      </c>
      <c r="AD19817" s="2" t="s">
        <v>62872</v>
      </c>
      <c r="AE19817" s="1"/>
    </row>
    <row r="19818" spans="1:31" ht="14.45">
      <c r="A19818" s="11"/>
      <c r="B19818" s="20"/>
      <c r="C19818" s="2" t="s">
        <v>62873</v>
      </c>
      <c r="D19818" s="14" t="s">
        <v>62874</v>
      </c>
      <c r="E19818" s="2" t="s">
        <v>62875</v>
      </c>
      <c r="F19818" s="2" t="s">
        <v>62876</v>
      </c>
      <c r="G19818" s="8">
        <v>1304</v>
      </c>
      <c r="H19818" s="5">
        <v>10</v>
      </c>
      <c r="I19818" s="5" t="s">
        <v>69</v>
      </c>
      <c r="J19818" s="5" t="s">
        <v>61065</v>
      </c>
      <c r="K19818" s="2" t="s">
        <v>61066</v>
      </c>
      <c r="L19818" s="5" t="s">
        <v>61065</v>
      </c>
      <c r="M19818" s="2" t="s">
        <v>61066</v>
      </c>
      <c r="N19818" s="5" t="s">
        <v>733</v>
      </c>
      <c r="O19818" s="5" t="s">
        <v>38</v>
      </c>
      <c r="P19818" s="5" t="s">
        <v>39</v>
      </c>
      <c r="Q19818" s="5" t="s">
        <v>40</v>
      </c>
      <c r="R19818" s="5" t="s">
        <v>897</v>
      </c>
      <c r="S19818" s="5" t="s">
        <v>40</v>
      </c>
      <c r="T19818" s="5" t="s">
        <v>42</v>
      </c>
      <c r="U19818" s="2">
        <v>53.741</v>
      </c>
      <c r="V19818" s="2">
        <v>49.548000000000002</v>
      </c>
      <c r="W19818" s="2">
        <v>0.23499999999999999</v>
      </c>
      <c r="X19818" s="2">
        <v>17</v>
      </c>
      <c r="Y19818" s="2">
        <v>104.9</v>
      </c>
      <c r="Z19818" s="2">
        <v>131.6</v>
      </c>
      <c r="AA19818" s="5">
        <v>7</v>
      </c>
      <c r="AB19818" s="5" t="s">
        <v>43</v>
      </c>
      <c r="AC19818" s="5" t="s">
        <v>735</v>
      </c>
      <c r="AD19818" s="2" t="s">
        <v>62877</v>
      </c>
      <c r="AE19818" s="1"/>
    </row>
    <row r="19819" spans="1:31" ht="14.45">
      <c r="A19819" s="11"/>
      <c r="B19819" s="20"/>
      <c r="C19819" s="2" t="s">
        <v>62878</v>
      </c>
      <c r="D19819" s="14" t="s">
        <v>62879</v>
      </c>
      <c r="E19819" s="2" t="s">
        <v>62880</v>
      </c>
      <c r="F19819" s="2" t="s">
        <v>62881</v>
      </c>
      <c r="G19819" s="8">
        <v>1604</v>
      </c>
      <c r="H19819" s="5">
        <v>10</v>
      </c>
      <c r="I19819" s="5" t="s">
        <v>69</v>
      </c>
      <c r="J19819" s="5" t="s">
        <v>61065</v>
      </c>
      <c r="K19819" s="2" t="s">
        <v>61066</v>
      </c>
      <c r="L19819" s="5" t="s">
        <v>61065</v>
      </c>
      <c r="M19819" s="2" t="s">
        <v>61066</v>
      </c>
      <c r="N19819" s="5" t="s">
        <v>733</v>
      </c>
      <c r="O19819" s="5" t="s">
        <v>38</v>
      </c>
      <c r="P19819" s="5" t="s">
        <v>39</v>
      </c>
      <c r="Q19819" s="5" t="s">
        <v>40</v>
      </c>
      <c r="R19819" s="5" t="s">
        <v>897</v>
      </c>
      <c r="S19819" s="5" t="s">
        <v>40</v>
      </c>
      <c r="T19819" s="5" t="s">
        <v>42</v>
      </c>
      <c r="U19819" s="2">
        <v>56.372999999999998</v>
      </c>
      <c r="V19819" s="2">
        <v>52.067999999999998</v>
      </c>
      <c r="W19819" s="2">
        <v>0.23499999999999999</v>
      </c>
      <c r="X19819" s="2">
        <v>17</v>
      </c>
      <c r="Y19819" s="2">
        <v>104.9</v>
      </c>
      <c r="Z19819" s="2">
        <v>131.6</v>
      </c>
      <c r="AA19819" s="5">
        <v>7</v>
      </c>
      <c r="AB19819" s="5" t="s">
        <v>43</v>
      </c>
      <c r="AC19819" s="5" t="s">
        <v>735</v>
      </c>
      <c r="AD19819" s="2" t="s">
        <v>62882</v>
      </c>
      <c r="AE19819" s="1"/>
    </row>
    <row r="19820" spans="1:31" ht="14.45">
      <c r="A19820" s="11"/>
      <c r="B19820" s="20"/>
      <c r="C19820" s="2" t="s">
        <v>62883</v>
      </c>
      <c r="D19820" s="14" t="s">
        <v>62884</v>
      </c>
      <c r="E19820" s="2" t="s">
        <v>62885</v>
      </c>
      <c r="F19820" s="2" t="s">
        <v>62881</v>
      </c>
      <c r="G19820" s="8">
        <v>1604</v>
      </c>
      <c r="H19820" s="5">
        <v>10</v>
      </c>
      <c r="I19820" s="5" t="s">
        <v>69</v>
      </c>
      <c r="J19820" s="5" t="s">
        <v>61065</v>
      </c>
      <c r="K19820" s="2" t="s">
        <v>61066</v>
      </c>
      <c r="L19820" s="5" t="s">
        <v>61065</v>
      </c>
      <c r="M19820" s="2" t="s">
        <v>61066</v>
      </c>
      <c r="N19820" s="5" t="s">
        <v>733</v>
      </c>
      <c r="O19820" s="5" t="s">
        <v>38</v>
      </c>
      <c r="P19820" s="5" t="s">
        <v>39</v>
      </c>
      <c r="Q19820" s="5" t="s">
        <v>40</v>
      </c>
      <c r="R19820" s="5" t="s">
        <v>897</v>
      </c>
      <c r="S19820" s="5" t="s">
        <v>40</v>
      </c>
      <c r="T19820" s="5" t="s">
        <v>42</v>
      </c>
      <c r="U19820" s="2">
        <v>55.86</v>
      </c>
      <c r="V19820" s="2">
        <v>51.505000000000003</v>
      </c>
      <c r="W19820" s="2">
        <v>0.23499999999999999</v>
      </c>
      <c r="X19820" s="2">
        <v>17</v>
      </c>
      <c r="Y19820" s="2">
        <v>104.9</v>
      </c>
      <c r="Z19820" s="2">
        <v>131.6</v>
      </c>
      <c r="AA19820" s="5">
        <v>7</v>
      </c>
      <c r="AB19820" s="5" t="s">
        <v>43</v>
      </c>
      <c r="AC19820" s="5" t="s">
        <v>735</v>
      </c>
      <c r="AD19820" s="2" t="s">
        <v>62886</v>
      </c>
      <c r="AE19820" s="1"/>
    </row>
    <row r="19821" spans="1:31" ht="14.45">
      <c r="A19821" s="11"/>
      <c r="B19821" s="20"/>
      <c r="C19821" s="2" t="s">
        <v>62887</v>
      </c>
      <c r="D19821" s="14" t="s">
        <v>62888</v>
      </c>
      <c r="E19821" s="2" t="s">
        <v>62889</v>
      </c>
      <c r="F19821" s="2" t="s">
        <v>62890</v>
      </c>
      <c r="G19821" s="8">
        <v>993</v>
      </c>
      <c r="H19821" s="5">
        <v>5</v>
      </c>
      <c r="I19821" s="5" t="s">
        <v>69</v>
      </c>
      <c r="J19821" s="5" t="s">
        <v>61065</v>
      </c>
      <c r="K19821" s="2" t="s">
        <v>61066</v>
      </c>
      <c r="L19821" s="5" t="s">
        <v>61065</v>
      </c>
      <c r="M19821" s="2" t="s">
        <v>61066</v>
      </c>
      <c r="N19821" s="5" t="s">
        <v>733</v>
      </c>
      <c r="O19821" s="5" t="s">
        <v>38</v>
      </c>
      <c r="P19821" s="5" t="s">
        <v>39</v>
      </c>
      <c r="Q19821" s="5" t="s">
        <v>40</v>
      </c>
      <c r="R19821" s="5" t="s">
        <v>897</v>
      </c>
      <c r="S19821" s="5" t="s">
        <v>40</v>
      </c>
      <c r="T19821" s="5" t="s">
        <v>42</v>
      </c>
      <c r="U19821" s="2">
        <v>54.024999999999999</v>
      </c>
      <c r="V19821" s="2">
        <v>49.832000000000001</v>
      </c>
      <c r="W19821" s="2">
        <v>0.23499999999999999</v>
      </c>
      <c r="X19821" s="2">
        <v>17</v>
      </c>
      <c r="Y19821" s="2">
        <v>104.9</v>
      </c>
      <c r="Z19821" s="2">
        <v>131.6</v>
      </c>
      <c r="AA19821" s="5">
        <v>7</v>
      </c>
      <c r="AB19821" s="5" t="s">
        <v>43</v>
      </c>
      <c r="AC19821" s="5" t="s">
        <v>735</v>
      </c>
      <c r="AD19821" s="2" t="s">
        <v>62891</v>
      </c>
      <c r="AE19821" s="1"/>
    </row>
    <row r="19822" spans="1:31" ht="14.45">
      <c r="A19822" s="11"/>
      <c r="B19822" s="20"/>
      <c r="C19822" s="2" t="s">
        <v>62892</v>
      </c>
      <c r="D19822" s="14" t="s">
        <v>62893</v>
      </c>
      <c r="E19822" s="2" t="s">
        <v>62894</v>
      </c>
      <c r="F19822" s="2" t="s">
        <v>62890</v>
      </c>
      <c r="G19822" s="8">
        <v>1293</v>
      </c>
      <c r="H19822" s="5">
        <v>5</v>
      </c>
      <c r="I19822" s="5" t="s">
        <v>69</v>
      </c>
      <c r="J19822" s="5" t="s">
        <v>61065</v>
      </c>
      <c r="K19822" s="2" t="s">
        <v>61066</v>
      </c>
      <c r="L19822" s="5" t="s">
        <v>61065</v>
      </c>
      <c r="M19822" s="2" t="s">
        <v>61066</v>
      </c>
      <c r="N19822" s="5" t="s">
        <v>733</v>
      </c>
      <c r="O19822" s="5" t="s">
        <v>38</v>
      </c>
      <c r="P19822" s="5" t="s">
        <v>39</v>
      </c>
      <c r="Q19822" s="5" t="s">
        <v>40</v>
      </c>
      <c r="R19822" s="5" t="s">
        <v>897</v>
      </c>
      <c r="S19822" s="5" t="s">
        <v>40</v>
      </c>
      <c r="T19822" s="5" t="s">
        <v>42</v>
      </c>
      <c r="U19822" s="2">
        <v>56.595999999999997</v>
      </c>
      <c r="V19822" s="2">
        <v>52.290999999999997</v>
      </c>
      <c r="W19822" s="2">
        <v>0.23499999999999999</v>
      </c>
      <c r="X19822" s="2">
        <v>17</v>
      </c>
      <c r="Y19822" s="2">
        <v>104.9</v>
      </c>
      <c r="Z19822" s="2">
        <v>131.6</v>
      </c>
      <c r="AA19822" s="5">
        <v>7</v>
      </c>
      <c r="AB19822" s="5" t="s">
        <v>43</v>
      </c>
      <c r="AC19822" s="5" t="s">
        <v>735</v>
      </c>
      <c r="AD19822" s="2" t="s">
        <v>62895</v>
      </c>
      <c r="AE19822" s="1"/>
    </row>
    <row r="19823" spans="1:31" ht="14.45">
      <c r="A19823" s="11"/>
      <c r="B19823" s="20"/>
      <c r="C19823" s="2" t="s">
        <v>62896</v>
      </c>
      <c r="D19823" s="14" t="s">
        <v>62897</v>
      </c>
      <c r="E19823" s="2" t="s">
        <v>62898</v>
      </c>
      <c r="F19823" s="2" t="s">
        <v>62890</v>
      </c>
      <c r="G19823" s="8">
        <v>1293</v>
      </c>
      <c r="H19823" s="5">
        <v>10</v>
      </c>
      <c r="I19823" s="5" t="s">
        <v>69</v>
      </c>
      <c r="J19823" s="5" t="s">
        <v>61065</v>
      </c>
      <c r="K19823" s="2" t="s">
        <v>61066</v>
      </c>
      <c r="L19823" s="5" t="s">
        <v>61065</v>
      </c>
      <c r="M19823" s="2" t="s">
        <v>61066</v>
      </c>
      <c r="N19823" s="5" t="s">
        <v>733</v>
      </c>
      <c r="O19823" s="5" t="s">
        <v>38</v>
      </c>
      <c r="P19823" s="5" t="s">
        <v>39</v>
      </c>
      <c r="Q19823" s="5" t="s">
        <v>40</v>
      </c>
      <c r="R19823" s="5" t="s">
        <v>897</v>
      </c>
      <c r="S19823" s="5" t="s">
        <v>40</v>
      </c>
      <c r="T19823" s="5" t="s">
        <v>42</v>
      </c>
      <c r="U19823" s="2">
        <v>56.067</v>
      </c>
      <c r="V19823" s="2">
        <v>51.712000000000003</v>
      </c>
      <c r="W19823" s="2">
        <v>0.23499999999999999</v>
      </c>
      <c r="X19823" s="2">
        <v>17</v>
      </c>
      <c r="Y19823" s="2">
        <v>104.9</v>
      </c>
      <c r="Z19823" s="2">
        <v>131.6</v>
      </c>
      <c r="AA19823" s="5">
        <v>7</v>
      </c>
      <c r="AB19823" s="5" t="s">
        <v>43</v>
      </c>
      <c r="AC19823" s="5" t="s">
        <v>735</v>
      </c>
      <c r="AD19823" s="2" t="s">
        <v>62899</v>
      </c>
      <c r="AE19823" s="1"/>
    </row>
    <row r="19824" spans="1:31" ht="14.45">
      <c r="A19824" s="11"/>
      <c r="B19824" s="20"/>
      <c r="C19824" s="2" t="s">
        <v>62900</v>
      </c>
      <c r="D19824" s="14" t="s">
        <v>62901</v>
      </c>
      <c r="E19824" s="2" t="s">
        <v>62902</v>
      </c>
      <c r="F19824" s="2" t="s">
        <v>62903</v>
      </c>
      <c r="G19824" s="8">
        <v>801</v>
      </c>
      <c r="H19824" s="5">
        <v>5</v>
      </c>
      <c r="I19824" s="5" t="s">
        <v>69</v>
      </c>
      <c r="J19824" s="5" t="s">
        <v>61065</v>
      </c>
      <c r="K19824" s="2" t="s">
        <v>61066</v>
      </c>
      <c r="L19824" s="5" t="s">
        <v>61065</v>
      </c>
      <c r="M19824" s="2" t="s">
        <v>61066</v>
      </c>
      <c r="N19824" s="5" t="s">
        <v>733</v>
      </c>
      <c r="O19824" s="5" t="s">
        <v>38</v>
      </c>
      <c r="P19824" s="5" t="s">
        <v>39</v>
      </c>
      <c r="Q19824" s="5" t="s">
        <v>40</v>
      </c>
      <c r="R19824" s="5" t="s">
        <v>897</v>
      </c>
      <c r="S19824" s="5" t="s">
        <v>40</v>
      </c>
      <c r="T19824" s="5" t="s">
        <v>42</v>
      </c>
      <c r="U19824" s="2">
        <v>47.058</v>
      </c>
      <c r="V19824" s="2">
        <v>42.860999999999997</v>
      </c>
      <c r="W19824" s="2">
        <v>0.23499999999999999</v>
      </c>
      <c r="X19824" s="2">
        <v>17</v>
      </c>
      <c r="Y19824" s="2">
        <v>104.9</v>
      </c>
      <c r="Z19824" s="2">
        <v>131.6</v>
      </c>
      <c r="AA19824" s="5">
        <v>7</v>
      </c>
      <c r="AB19824" s="5" t="s">
        <v>43</v>
      </c>
      <c r="AC19824" s="5" t="s">
        <v>735</v>
      </c>
      <c r="AD19824" s="2" t="s">
        <v>62904</v>
      </c>
      <c r="AE19824" s="1"/>
    </row>
    <row r="19825" spans="1:31" ht="14.45">
      <c r="A19825" s="11"/>
      <c r="B19825" s="20"/>
      <c r="C19825" s="2" t="s">
        <v>62905</v>
      </c>
      <c r="D19825" s="14" t="s">
        <v>62906</v>
      </c>
      <c r="E19825" s="2" t="s">
        <v>62907</v>
      </c>
      <c r="F19825" s="2" t="s">
        <v>62903</v>
      </c>
      <c r="G19825" s="8">
        <v>1101</v>
      </c>
      <c r="H19825" s="5">
        <v>5</v>
      </c>
      <c r="I19825" s="5" t="s">
        <v>69</v>
      </c>
      <c r="J19825" s="5" t="s">
        <v>61065</v>
      </c>
      <c r="K19825" s="2" t="s">
        <v>61066</v>
      </c>
      <c r="L19825" s="5" t="s">
        <v>61065</v>
      </c>
      <c r="M19825" s="2" t="s">
        <v>61066</v>
      </c>
      <c r="N19825" s="5" t="s">
        <v>733</v>
      </c>
      <c r="O19825" s="5" t="s">
        <v>38</v>
      </c>
      <c r="P19825" s="5" t="s">
        <v>39</v>
      </c>
      <c r="Q19825" s="5" t="s">
        <v>40</v>
      </c>
      <c r="R19825" s="5" t="s">
        <v>897</v>
      </c>
      <c r="S19825" s="5" t="s">
        <v>40</v>
      </c>
      <c r="T19825" s="5" t="s">
        <v>42</v>
      </c>
      <c r="U19825" s="2">
        <v>49.732999999999997</v>
      </c>
      <c r="V19825" s="2">
        <v>45.441000000000003</v>
      </c>
      <c r="W19825" s="2">
        <v>0.23499999999999999</v>
      </c>
      <c r="X19825" s="2">
        <v>17</v>
      </c>
      <c r="Y19825" s="2">
        <v>104.9</v>
      </c>
      <c r="Z19825" s="2">
        <v>131.6</v>
      </c>
      <c r="AA19825" s="5">
        <v>7</v>
      </c>
      <c r="AB19825" s="5" t="s">
        <v>43</v>
      </c>
      <c r="AC19825" s="5" t="s">
        <v>735</v>
      </c>
      <c r="AD19825" s="2" t="s">
        <v>62908</v>
      </c>
      <c r="AE19825" s="1"/>
    </row>
    <row r="19826" spans="1:31" ht="14.45">
      <c r="A19826" s="5" t="s">
        <v>116</v>
      </c>
      <c r="B19826" s="21">
        <v>46082</v>
      </c>
      <c r="C19826" s="2" t="s">
        <v>62909</v>
      </c>
      <c r="D19826" s="14" t="s">
        <v>62910</v>
      </c>
      <c r="E19826" s="2" t="s">
        <v>62911</v>
      </c>
      <c r="F19826" s="2" t="s">
        <v>62912</v>
      </c>
      <c r="G19826" s="8">
        <v>1201</v>
      </c>
      <c r="H19826" s="5">
        <v>5</v>
      </c>
      <c r="I19826" s="5" t="s">
        <v>69</v>
      </c>
      <c r="J19826" s="5" t="s">
        <v>61065</v>
      </c>
      <c r="K19826" s="2" t="s">
        <v>61066</v>
      </c>
      <c r="L19826" s="5" t="s">
        <v>61065</v>
      </c>
      <c r="M19826" s="2" t="s">
        <v>61066</v>
      </c>
      <c r="N19826" s="5" t="s">
        <v>733</v>
      </c>
      <c r="O19826" s="5" t="s">
        <v>38</v>
      </c>
      <c r="P19826" s="5" t="s">
        <v>39</v>
      </c>
      <c r="Q19826" s="5" t="s">
        <v>40</v>
      </c>
      <c r="R19826" s="5" t="s">
        <v>897</v>
      </c>
      <c r="S19826" s="5" t="s">
        <v>40</v>
      </c>
      <c r="T19826" s="5" t="s">
        <v>42</v>
      </c>
      <c r="U19826" s="2">
        <v>49.795999999999999</v>
      </c>
      <c r="V19826" s="2">
        <v>45.6</v>
      </c>
      <c r="W19826" s="2">
        <v>0.23499999999999999</v>
      </c>
      <c r="X19826" s="2">
        <v>17</v>
      </c>
      <c r="Y19826" s="2">
        <v>104.9</v>
      </c>
      <c r="Z19826" s="2">
        <v>131.6</v>
      </c>
      <c r="AA19826" s="5">
        <v>7</v>
      </c>
      <c r="AB19826" s="5" t="s">
        <v>43</v>
      </c>
      <c r="AC19826" s="5" t="s">
        <v>735</v>
      </c>
      <c r="AD19826" s="2" t="s">
        <v>62913</v>
      </c>
      <c r="AE19826" s="1"/>
    </row>
    <row r="19827" spans="1:31" ht="14.45">
      <c r="A19827" s="11"/>
      <c r="B19827" s="20"/>
      <c r="C19827" s="2" t="s">
        <v>62914</v>
      </c>
      <c r="D19827" s="14" t="s">
        <v>62915</v>
      </c>
      <c r="E19827" s="2" t="s">
        <v>62916</v>
      </c>
      <c r="F19827" s="2" t="s">
        <v>62903</v>
      </c>
      <c r="G19827" s="8">
        <v>1101</v>
      </c>
      <c r="H19827" s="5">
        <v>5</v>
      </c>
      <c r="I19827" s="5" t="s">
        <v>69</v>
      </c>
      <c r="J19827" s="5" t="s">
        <v>61065</v>
      </c>
      <c r="K19827" s="2" t="s">
        <v>61066</v>
      </c>
      <c r="L19827" s="5" t="s">
        <v>61065</v>
      </c>
      <c r="M19827" s="2" t="s">
        <v>61066</v>
      </c>
      <c r="N19827" s="5" t="s">
        <v>733</v>
      </c>
      <c r="O19827" s="5" t="s">
        <v>38</v>
      </c>
      <c r="P19827" s="5" t="s">
        <v>39</v>
      </c>
      <c r="Q19827" s="5" t="s">
        <v>40</v>
      </c>
      <c r="R19827" s="5" t="s">
        <v>897</v>
      </c>
      <c r="S19827" s="5" t="s">
        <v>40</v>
      </c>
      <c r="T19827" s="5" t="s">
        <v>42</v>
      </c>
      <c r="U19827" s="2">
        <v>49.220999999999997</v>
      </c>
      <c r="V19827" s="2">
        <v>44.841999999999999</v>
      </c>
      <c r="W19827" s="2">
        <v>0.23499999999999999</v>
      </c>
      <c r="X19827" s="2">
        <v>17</v>
      </c>
      <c r="Y19827" s="2">
        <v>104.9</v>
      </c>
      <c r="Z19827" s="2">
        <v>131.6</v>
      </c>
      <c r="AA19827" s="5">
        <v>7</v>
      </c>
      <c r="AB19827" s="5" t="s">
        <v>43</v>
      </c>
      <c r="AC19827" s="5" t="s">
        <v>735</v>
      </c>
      <c r="AD19827" s="2" t="s">
        <v>62917</v>
      </c>
      <c r="AE19827" s="1"/>
    </row>
    <row r="19828" spans="1:31" ht="14.45">
      <c r="A19828" s="11"/>
      <c r="B19828" s="20"/>
      <c r="C19828" s="2" t="s">
        <v>62918</v>
      </c>
      <c r="D19828" s="14" t="s">
        <v>62919</v>
      </c>
      <c r="E19828" s="2" t="s">
        <v>62920</v>
      </c>
      <c r="F19828" s="2" t="s">
        <v>62903</v>
      </c>
      <c r="G19828" s="8">
        <v>1348</v>
      </c>
      <c r="H19828" s="5">
        <v>5</v>
      </c>
      <c r="I19828" s="5" t="s">
        <v>69</v>
      </c>
      <c r="J19828" s="5" t="s">
        <v>61065</v>
      </c>
      <c r="K19828" s="2" t="s">
        <v>61066</v>
      </c>
      <c r="L19828" s="5" t="s">
        <v>61065</v>
      </c>
      <c r="M19828" s="2" t="s">
        <v>61066</v>
      </c>
      <c r="N19828" s="5" t="s">
        <v>733</v>
      </c>
      <c r="O19828" s="5" t="s">
        <v>38</v>
      </c>
      <c r="P19828" s="5" t="s">
        <v>39</v>
      </c>
      <c r="Q19828" s="5" t="s">
        <v>40</v>
      </c>
      <c r="R19828" s="5" t="s">
        <v>897</v>
      </c>
      <c r="S19828" s="5" t="s">
        <v>40</v>
      </c>
      <c r="T19828" s="5" t="s">
        <v>42</v>
      </c>
      <c r="U19828" s="2">
        <v>51.307000000000002</v>
      </c>
      <c r="V19828" s="2">
        <v>47.081000000000003</v>
      </c>
      <c r="W19828" s="2">
        <v>0.23499999999999999</v>
      </c>
      <c r="X19828" s="2">
        <v>17</v>
      </c>
      <c r="Y19828" s="2">
        <v>104.9</v>
      </c>
      <c r="Z19828" s="2">
        <v>131.6</v>
      </c>
      <c r="AA19828" s="5">
        <v>7</v>
      </c>
      <c r="AB19828" s="5" t="s">
        <v>43</v>
      </c>
      <c r="AC19828" s="5" t="s">
        <v>735</v>
      </c>
      <c r="AD19828" s="2" t="s">
        <v>62921</v>
      </c>
      <c r="AE19828" s="1"/>
    </row>
    <row r="19829" spans="1:31" ht="14.45">
      <c r="A19829" s="11"/>
      <c r="B19829" s="20"/>
      <c r="C19829" s="2" t="s">
        <v>62922</v>
      </c>
      <c r="D19829" s="14" t="s">
        <v>62923</v>
      </c>
      <c r="E19829" s="2" t="s">
        <v>62924</v>
      </c>
      <c r="F19829" s="2" t="s">
        <v>62925</v>
      </c>
      <c r="G19829" s="8">
        <v>1337</v>
      </c>
      <c r="H19829" s="5">
        <v>10</v>
      </c>
      <c r="I19829" s="5" t="s">
        <v>69</v>
      </c>
      <c r="J19829" s="5" t="s">
        <v>61065</v>
      </c>
      <c r="K19829" s="2" t="s">
        <v>61066</v>
      </c>
      <c r="L19829" s="5" t="s">
        <v>61065</v>
      </c>
      <c r="M19829" s="2" t="s">
        <v>61066</v>
      </c>
      <c r="N19829" s="5" t="s">
        <v>733</v>
      </c>
      <c r="O19829" s="5" t="s">
        <v>38</v>
      </c>
      <c r="P19829" s="5" t="s">
        <v>39</v>
      </c>
      <c r="Q19829" s="5" t="s">
        <v>40</v>
      </c>
      <c r="R19829" s="5" t="s">
        <v>897</v>
      </c>
      <c r="S19829" s="5" t="s">
        <v>40</v>
      </c>
      <c r="T19829" s="5" t="s">
        <v>42</v>
      </c>
      <c r="U19829" s="2">
        <v>49.210999999999999</v>
      </c>
      <c r="V19829" s="2">
        <v>45.008000000000003</v>
      </c>
      <c r="W19829" s="2">
        <v>0.23499999999999999</v>
      </c>
      <c r="X19829" s="2">
        <v>17</v>
      </c>
      <c r="Y19829" s="2">
        <v>104.9</v>
      </c>
      <c r="Z19829" s="2">
        <v>131.6</v>
      </c>
      <c r="AA19829" s="5">
        <v>7</v>
      </c>
      <c r="AB19829" s="5" t="s">
        <v>43</v>
      </c>
      <c r="AC19829" s="5" t="s">
        <v>735</v>
      </c>
      <c r="AD19829" s="2" t="s">
        <v>62926</v>
      </c>
      <c r="AE19829" s="1"/>
    </row>
    <row r="19830" spans="1:31" ht="14.45">
      <c r="A19830" s="11"/>
      <c r="B19830" s="20"/>
      <c r="C19830" s="2" t="s">
        <v>62927</v>
      </c>
      <c r="D19830" s="14" t="s">
        <v>62928</v>
      </c>
      <c r="E19830" s="2" t="s">
        <v>62929</v>
      </c>
      <c r="F19830" s="2" t="s">
        <v>62930</v>
      </c>
      <c r="G19830" s="8">
        <v>1045</v>
      </c>
      <c r="H19830" s="5">
        <v>5</v>
      </c>
      <c r="I19830" s="5" t="s">
        <v>69</v>
      </c>
      <c r="J19830" s="5" t="s">
        <v>61065</v>
      </c>
      <c r="K19830" s="2" t="s">
        <v>61066</v>
      </c>
      <c r="L19830" s="5" t="s">
        <v>61065</v>
      </c>
      <c r="M19830" s="2" t="s">
        <v>61066</v>
      </c>
      <c r="N19830" s="5" t="s">
        <v>733</v>
      </c>
      <c r="O19830" s="5" t="s">
        <v>38</v>
      </c>
      <c r="P19830" s="5" t="s">
        <v>39</v>
      </c>
      <c r="Q19830" s="5" t="s">
        <v>40</v>
      </c>
      <c r="R19830" s="5" t="s">
        <v>897</v>
      </c>
      <c r="S19830" s="5" t="s">
        <v>40</v>
      </c>
      <c r="T19830" s="5" t="s">
        <v>42</v>
      </c>
      <c r="U19830" s="2">
        <v>53.927</v>
      </c>
      <c r="V19830" s="2">
        <v>49.738999999999997</v>
      </c>
      <c r="W19830" s="2">
        <v>0.23499999999999999</v>
      </c>
      <c r="X19830" s="2">
        <v>17</v>
      </c>
      <c r="Y19830" s="2">
        <v>104.9</v>
      </c>
      <c r="Z19830" s="2">
        <v>131.6</v>
      </c>
      <c r="AA19830" s="5">
        <v>7</v>
      </c>
      <c r="AB19830" s="5" t="s">
        <v>43</v>
      </c>
      <c r="AC19830" s="5" t="s">
        <v>735</v>
      </c>
      <c r="AD19830" s="2" t="s">
        <v>62931</v>
      </c>
      <c r="AE19830" s="1"/>
    </row>
    <row r="19831" spans="1:31" ht="14.45">
      <c r="A19831" s="11"/>
      <c r="B19831" s="20"/>
      <c r="C19831" s="2" t="s">
        <v>62932</v>
      </c>
      <c r="D19831" s="14" t="s">
        <v>62933</v>
      </c>
      <c r="E19831" s="2" t="s">
        <v>62934</v>
      </c>
      <c r="F19831" s="2" t="s">
        <v>62930</v>
      </c>
      <c r="G19831" s="8">
        <v>1345</v>
      </c>
      <c r="H19831" s="5">
        <v>5</v>
      </c>
      <c r="I19831" s="5" t="s">
        <v>69</v>
      </c>
      <c r="J19831" s="5" t="s">
        <v>61065</v>
      </c>
      <c r="K19831" s="2" t="s">
        <v>61066</v>
      </c>
      <c r="L19831" s="5" t="s">
        <v>61065</v>
      </c>
      <c r="M19831" s="2" t="s">
        <v>61066</v>
      </c>
      <c r="N19831" s="5" t="s">
        <v>733</v>
      </c>
      <c r="O19831" s="5" t="s">
        <v>38</v>
      </c>
      <c r="P19831" s="5" t="s">
        <v>39</v>
      </c>
      <c r="Q19831" s="5" t="s">
        <v>40</v>
      </c>
      <c r="R19831" s="5" t="s">
        <v>897</v>
      </c>
      <c r="S19831" s="5" t="s">
        <v>40</v>
      </c>
      <c r="T19831" s="5" t="s">
        <v>42</v>
      </c>
      <c r="U19831" s="2">
        <v>56.497</v>
      </c>
      <c r="V19831" s="2">
        <v>52.228999999999999</v>
      </c>
      <c r="W19831" s="2">
        <v>0.23499999999999999</v>
      </c>
      <c r="X19831" s="2">
        <v>17</v>
      </c>
      <c r="Y19831" s="2">
        <v>104.9</v>
      </c>
      <c r="Z19831" s="2">
        <v>131.6</v>
      </c>
      <c r="AA19831" s="5">
        <v>7</v>
      </c>
      <c r="AB19831" s="5" t="s">
        <v>43</v>
      </c>
      <c r="AC19831" s="5" t="s">
        <v>735</v>
      </c>
      <c r="AD19831" s="2" t="s">
        <v>62935</v>
      </c>
      <c r="AE19831" s="1"/>
    </row>
    <row r="19832" spans="1:31" ht="14.45">
      <c r="A19832" s="5" t="s">
        <v>116</v>
      </c>
      <c r="B19832" s="21">
        <v>46082</v>
      </c>
      <c r="C19832" s="2" t="s">
        <v>62936</v>
      </c>
      <c r="D19832" s="14" t="s">
        <v>62937</v>
      </c>
      <c r="E19832" s="2" t="s">
        <v>62938</v>
      </c>
      <c r="F19832" s="2" t="s">
        <v>62939</v>
      </c>
      <c r="G19832" s="8">
        <v>1445</v>
      </c>
      <c r="H19832" s="5">
        <v>5</v>
      </c>
      <c r="I19832" s="5" t="s">
        <v>69</v>
      </c>
      <c r="J19832" s="5" t="s">
        <v>61065</v>
      </c>
      <c r="K19832" s="2" t="s">
        <v>61066</v>
      </c>
      <c r="L19832" s="5" t="s">
        <v>61065</v>
      </c>
      <c r="M19832" s="2" t="s">
        <v>61066</v>
      </c>
      <c r="N19832" s="5" t="s">
        <v>733</v>
      </c>
      <c r="O19832" s="5" t="s">
        <v>38</v>
      </c>
      <c r="P19832" s="5" t="s">
        <v>39</v>
      </c>
      <c r="Q19832" s="5" t="s">
        <v>40</v>
      </c>
      <c r="R19832" s="5" t="s">
        <v>897</v>
      </c>
      <c r="S19832" s="5" t="s">
        <v>40</v>
      </c>
      <c r="T19832" s="5" t="s">
        <v>42</v>
      </c>
      <c r="U19832" s="2">
        <v>56.598999999999997</v>
      </c>
      <c r="V19832" s="2">
        <v>52.427</v>
      </c>
      <c r="W19832" s="2">
        <v>0.23499999999999999</v>
      </c>
      <c r="X19832" s="2">
        <v>17</v>
      </c>
      <c r="Y19832" s="2">
        <v>104.9</v>
      </c>
      <c r="Z19832" s="2">
        <v>131.6</v>
      </c>
      <c r="AA19832" s="5">
        <v>7</v>
      </c>
      <c r="AB19832" s="5" t="s">
        <v>43</v>
      </c>
      <c r="AC19832" s="5" t="s">
        <v>735</v>
      </c>
      <c r="AD19832" s="2" t="s">
        <v>62940</v>
      </c>
      <c r="AE19832" s="1"/>
    </row>
    <row r="19833" spans="1:31" ht="14.45">
      <c r="A19833" s="11"/>
      <c r="B19833" s="20"/>
      <c r="C19833" s="2" t="s">
        <v>62941</v>
      </c>
      <c r="D19833" s="14" t="s">
        <v>62942</v>
      </c>
      <c r="E19833" s="2" t="s">
        <v>62943</v>
      </c>
      <c r="F19833" s="2" t="s">
        <v>62930</v>
      </c>
      <c r="G19833" s="8">
        <v>1345</v>
      </c>
      <c r="H19833" s="5">
        <v>5</v>
      </c>
      <c r="I19833" s="5" t="s">
        <v>69</v>
      </c>
      <c r="J19833" s="5" t="s">
        <v>61065</v>
      </c>
      <c r="K19833" s="2" t="s">
        <v>61066</v>
      </c>
      <c r="L19833" s="5" t="s">
        <v>61065</v>
      </c>
      <c r="M19833" s="2" t="s">
        <v>61066</v>
      </c>
      <c r="N19833" s="5" t="s">
        <v>733</v>
      </c>
      <c r="O19833" s="5" t="s">
        <v>38</v>
      </c>
      <c r="P19833" s="5" t="s">
        <v>39</v>
      </c>
      <c r="Q19833" s="5" t="s">
        <v>40</v>
      </c>
      <c r="R19833" s="5" t="s">
        <v>897</v>
      </c>
      <c r="S19833" s="5" t="s">
        <v>40</v>
      </c>
      <c r="T19833" s="5" t="s">
        <v>42</v>
      </c>
      <c r="U19833" s="2">
        <v>55.978999999999999</v>
      </c>
      <c r="V19833" s="2">
        <v>51.624000000000002</v>
      </c>
      <c r="W19833" s="2">
        <v>0.23499999999999999</v>
      </c>
      <c r="X19833" s="2">
        <v>17</v>
      </c>
      <c r="Y19833" s="2">
        <v>104.9</v>
      </c>
      <c r="Z19833" s="2">
        <v>131.6</v>
      </c>
      <c r="AA19833" s="5">
        <v>7</v>
      </c>
      <c r="AB19833" s="5" t="s">
        <v>43</v>
      </c>
      <c r="AC19833" s="5" t="s">
        <v>735</v>
      </c>
      <c r="AD19833" s="2" t="s">
        <v>62944</v>
      </c>
      <c r="AE19833" s="1"/>
    </row>
    <row r="19834" spans="1:31" ht="14.45">
      <c r="A19834" s="5"/>
      <c r="B19834" s="21"/>
      <c r="C19834" s="2" t="s">
        <v>62945</v>
      </c>
      <c r="D19834" s="14" t="s">
        <v>62946</v>
      </c>
      <c r="E19834" s="2" t="s">
        <v>62947</v>
      </c>
      <c r="F19834" s="2" t="s">
        <v>62948</v>
      </c>
      <c r="G19834" s="8">
        <v>1592</v>
      </c>
      <c r="H19834" s="5">
        <v>5</v>
      </c>
      <c r="I19834" s="5" t="s">
        <v>69</v>
      </c>
      <c r="J19834" s="5" t="s">
        <v>61065</v>
      </c>
      <c r="K19834" s="2" t="s">
        <v>61066</v>
      </c>
      <c r="L19834" s="5" t="s">
        <v>61065</v>
      </c>
      <c r="M19834" s="2" t="s">
        <v>61066</v>
      </c>
      <c r="N19834" s="5" t="s">
        <v>733</v>
      </c>
      <c r="O19834" s="5" t="s">
        <v>38</v>
      </c>
      <c r="P19834" s="5" t="s">
        <v>39</v>
      </c>
      <c r="Q19834" s="5" t="s">
        <v>40</v>
      </c>
      <c r="R19834" s="5" t="s">
        <v>897</v>
      </c>
      <c r="S19834" s="5" t="s">
        <v>40</v>
      </c>
      <c r="T19834" s="5" t="s">
        <v>42</v>
      </c>
      <c r="U19834" s="2">
        <v>58.033000000000001</v>
      </c>
      <c r="V19834" s="2">
        <v>53.826000000000001</v>
      </c>
      <c r="W19834" s="2">
        <v>0.23499999999999999</v>
      </c>
      <c r="X19834" s="2">
        <v>17</v>
      </c>
      <c r="Y19834" s="2">
        <v>104.9</v>
      </c>
      <c r="Z19834" s="2">
        <v>131.6</v>
      </c>
      <c r="AA19834" s="5">
        <v>7</v>
      </c>
      <c r="AB19834" s="5" t="s">
        <v>43</v>
      </c>
      <c r="AC19834" s="5" t="s">
        <v>735</v>
      </c>
      <c r="AD19834" s="2"/>
      <c r="AE19834" s="1"/>
    </row>
    <row r="19835" spans="1:31" ht="14.45">
      <c r="A19835" s="11"/>
      <c r="B19835" s="20"/>
      <c r="C19835" s="2" t="s">
        <v>62949</v>
      </c>
      <c r="D19835" s="14" t="s">
        <v>62950</v>
      </c>
      <c r="E19835" s="2" t="s">
        <v>62951</v>
      </c>
      <c r="F19835" s="2" t="s">
        <v>62952</v>
      </c>
      <c r="G19835" s="8">
        <v>1613</v>
      </c>
      <c r="H19835" s="5">
        <v>5</v>
      </c>
      <c r="I19835" s="5" t="s">
        <v>69</v>
      </c>
      <c r="J19835" s="5" t="s">
        <v>61065</v>
      </c>
      <c r="K19835" s="2" t="s">
        <v>61066</v>
      </c>
      <c r="L19835" s="5" t="s">
        <v>61065</v>
      </c>
      <c r="M19835" s="2" t="s">
        <v>61066</v>
      </c>
      <c r="N19835" s="5" t="s">
        <v>733</v>
      </c>
      <c r="O19835" s="5" t="s">
        <v>38</v>
      </c>
      <c r="P19835" s="5" t="s">
        <v>39</v>
      </c>
      <c r="Q19835" s="5" t="s">
        <v>40</v>
      </c>
      <c r="R19835" s="5" t="s">
        <v>897</v>
      </c>
      <c r="S19835" s="5" t="s">
        <v>40</v>
      </c>
      <c r="T19835" s="5" t="s">
        <v>42</v>
      </c>
      <c r="U19835" s="2">
        <v>59.627000000000002</v>
      </c>
      <c r="V19835" s="2">
        <v>55.41</v>
      </c>
      <c r="W19835" s="2">
        <v>0.23499999999999999</v>
      </c>
      <c r="X19835" s="2">
        <v>17</v>
      </c>
      <c r="Y19835" s="2">
        <v>104.9</v>
      </c>
      <c r="Z19835" s="2">
        <v>131.6</v>
      </c>
      <c r="AA19835" s="5">
        <v>7</v>
      </c>
      <c r="AB19835" s="5" t="s">
        <v>43</v>
      </c>
      <c r="AC19835" s="5" t="s">
        <v>735</v>
      </c>
      <c r="AD19835" s="2" t="s">
        <v>62953</v>
      </c>
      <c r="AE19835" s="1"/>
    </row>
    <row r="19836" spans="1:31" ht="14.45">
      <c r="A19836" s="11"/>
      <c r="B19836" s="20"/>
      <c r="C19836" s="2" t="s">
        <v>62954</v>
      </c>
      <c r="D19836" s="14" t="s">
        <v>62955</v>
      </c>
      <c r="E19836" s="2" t="s">
        <v>62956</v>
      </c>
      <c r="F19836" s="2" t="s">
        <v>62957</v>
      </c>
      <c r="G19836" s="8">
        <v>1913</v>
      </c>
      <c r="H19836" s="5">
        <v>10</v>
      </c>
      <c r="I19836" s="5" t="s">
        <v>69</v>
      </c>
      <c r="J19836" s="5" t="s">
        <v>61065</v>
      </c>
      <c r="K19836" s="2" t="s">
        <v>61066</v>
      </c>
      <c r="L19836" s="5" t="s">
        <v>61065</v>
      </c>
      <c r="M19836" s="2" t="s">
        <v>61066</v>
      </c>
      <c r="N19836" s="5" t="s">
        <v>733</v>
      </c>
      <c r="O19836" s="5" t="s">
        <v>38</v>
      </c>
      <c r="P19836" s="5" t="s">
        <v>39</v>
      </c>
      <c r="Q19836" s="5" t="s">
        <v>40</v>
      </c>
      <c r="R19836" s="5" t="s">
        <v>897</v>
      </c>
      <c r="S19836" s="5" t="s">
        <v>40</v>
      </c>
      <c r="T19836" s="5" t="s">
        <v>42</v>
      </c>
      <c r="U19836" s="2">
        <v>59.91</v>
      </c>
      <c r="V19836" s="2">
        <v>55.604999999999997</v>
      </c>
      <c r="W19836" s="2">
        <v>0.23499999999999999</v>
      </c>
      <c r="X19836" s="2">
        <v>17</v>
      </c>
      <c r="Y19836" s="2">
        <v>104.9</v>
      </c>
      <c r="Z19836" s="2">
        <v>131.6</v>
      </c>
      <c r="AA19836" s="5">
        <v>7</v>
      </c>
      <c r="AB19836" s="5" t="s">
        <v>43</v>
      </c>
      <c r="AC19836" s="5" t="s">
        <v>735</v>
      </c>
      <c r="AD19836" s="2" t="s">
        <v>62958</v>
      </c>
      <c r="AE19836" s="1"/>
    </row>
    <row r="19837" spans="1:31" ht="14.45">
      <c r="A19837" s="5" t="s">
        <v>116</v>
      </c>
      <c r="B19837" s="21">
        <v>46082</v>
      </c>
      <c r="C19837" s="2" t="s">
        <v>62959</v>
      </c>
      <c r="D19837" s="14" t="s">
        <v>62960</v>
      </c>
      <c r="E19837" s="2" t="s">
        <v>62961</v>
      </c>
      <c r="F19837" s="2" t="s">
        <v>62962</v>
      </c>
      <c r="G19837" s="8">
        <v>2013</v>
      </c>
      <c r="H19837" s="5">
        <v>5</v>
      </c>
      <c r="I19837" s="5" t="s">
        <v>69</v>
      </c>
      <c r="J19837" s="5" t="s">
        <v>61065</v>
      </c>
      <c r="K19837" s="2" t="s">
        <v>61066</v>
      </c>
      <c r="L19837" s="5" t="s">
        <v>61065</v>
      </c>
      <c r="M19837" s="2" t="s">
        <v>61066</v>
      </c>
      <c r="N19837" s="5" t="s">
        <v>733</v>
      </c>
      <c r="O19837" s="5" t="s">
        <v>38</v>
      </c>
      <c r="P19837" s="5" t="s">
        <v>39</v>
      </c>
      <c r="Q19837" s="5" t="s">
        <v>40</v>
      </c>
      <c r="R19837" s="5" t="s">
        <v>897</v>
      </c>
      <c r="S19837" s="5" t="s">
        <v>40</v>
      </c>
      <c r="T19837" s="5" t="s">
        <v>42</v>
      </c>
      <c r="U19837" s="2">
        <v>60.033000000000001</v>
      </c>
      <c r="V19837" s="2">
        <v>55.860999999999997</v>
      </c>
      <c r="W19837" s="2">
        <v>0.23499999999999999</v>
      </c>
      <c r="X19837" s="2">
        <v>17</v>
      </c>
      <c r="Y19837" s="2">
        <v>104.9</v>
      </c>
      <c r="Z19837" s="2">
        <v>131.6</v>
      </c>
      <c r="AA19837" s="5">
        <v>7</v>
      </c>
      <c r="AB19837" s="5" t="s">
        <v>43</v>
      </c>
      <c r="AC19837" s="5" t="s">
        <v>735</v>
      </c>
      <c r="AD19837" s="2" t="s">
        <v>62963</v>
      </c>
      <c r="AE19837" s="1"/>
    </row>
    <row r="19838" spans="1:31" ht="14.45">
      <c r="A19838" s="11"/>
      <c r="B19838" s="20"/>
      <c r="C19838" s="2" t="s">
        <v>62964</v>
      </c>
      <c r="D19838" s="14" t="s">
        <v>62965</v>
      </c>
      <c r="E19838" s="2" t="s">
        <v>62966</v>
      </c>
      <c r="F19838" s="2" t="s">
        <v>62967</v>
      </c>
      <c r="G19838" s="8">
        <v>1269</v>
      </c>
      <c r="H19838" s="5">
        <v>5</v>
      </c>
      <c r="I19838" s="5" t="s">
        <v>69</v>
      </c>
      <c r="J19838" s="5" t="s">
        <v>61065</v>
      </c>
      <c r="K19838" s="2" t="s">
        <v>61066</v>
      </c>
      <c r="L19838" s="5" t="s">
        <v>61065</v>
      </c>
      <c r="M19838" s="2" t="s">
        <v>61066</v>
      </c>
      <c r="N19838" s="5" t="s">
        <v>733</v>
      </c>
      <c r="O19838" s="5" t="s">
        <v>38</v>
      </c>
      <c r="P19838" s="5" t="s">
        <v>39</v>
      </c>
      <c r="Q19838" s="5" t="s">
        <v>40</v>
      </c>
      <c r="R19838" s="5" t="s">
        <v>897</v>
      </c>
      <c r="S19838" s="5" t="s">
        <v>40</v>
      </c>
      <c r="T19838" s="5" t="s">
        <v>42</v>
      </c>
      <c r="U19838" s="2">
        <v>52.853000000000002</v>
      </c>
      <c r="V19838" s="2">
        <v>48.612000000000002</v>
      </c>
      <c r="W19838" s="2">
        <v>0.23499999999999999</v>
      </c>
      <c r="X19838" s="2">
        <v>17</v>
      </c>
      <c r="Y19838" s="2">
        <v>104.9</v>
      </c>
      <c r="Z19838" s="2">
        <v>131.6</v>
      </c>
      <c r="AA19838" s="5">
        <v>7</v>
      </c>
      <c r="AB19838" s="5" t="s">
        <v>43</v>
      </c>
      <c r="AC19838" s="5" t="s">
        <v>735</v>
      </c>
      <c r="AD19838" s="2" t="s">
        <v>62968</v>
      </c>
      <c r="AE19838" s="1"/>
    </row>
    <row r="19839" spans="1:31" ht="14.45">
      <c r="A19839" s="11"/>
      <c r="B19839" s="20"/>
      <c r="C19839" s="2" t="s">
        <v>62969</v>
      </c>
      <c r="D19839" s="14" t="s">
        <v>62970</v>
      </c>
      <c r="E19839" s="2" t="s">
        <v>62971</v>
      </c>
      <c r="F19839" s="2" t="s">
        <v>62972</v>
      </c>
      <c r="G19839" s="8">
        <v>1569</v>
      </c>
      <c r="H19839" s="5">
        <v>5</v>
      </c>
      <c r="I19839" s="5" t="s">
        <v>69</v>
      </c>
      <c r="J19839" s="5" t="s">
        <v>61065</v>
      </c>
      <c r="K19839" s="2" t="s">
        <v>61066</v>
      </c>
      <c r="L19839" s="5" t="s">
        <v>61065</v>
      </c>
      <c r="M19839" s="2" t="s">
        <v>61066</v>
      </c>
      <c r="N19839" s="5" t="s">
        <v>733</v>
      </c>
      <c r="O19839" s="5" t="s">
        <v>38</v>
      </c>
      <c r="P19839" s="5" t="s">
        <v>39</v>
      </c>
      <c r="Q19839" s="5" t="s">
        <v>40</v>
      </c>
      <c r="R19839" s="5" t="s">
        <v>897</v>
      </c>
      <c r="S19839" s="5" t="s">
        <v>40</v>
      </c>
      <c r="T19839" s="5" t="s">
        <v>42</v>
      </c>
      <c r="U19839" s="2">
        <v>53.136000000000003</v>
      </c>
      <c r="V19839" s="2">
        <v>48.807000000000002</v>
      </c>
      <c r="W19839" s="2">
        <v>0.23499999999999999</v>
      </c>
      <c r="X19839" s="2">
        <v>17</v>
      </c>
      <c r="Y19839" s="2">
        <v>104.9</v>
      </c>
      <c r="Z19839" s="2">
        <v>131.6</v>
      </c>
      <c r="AA19839" s="5">
        <v>7</v>
      </c>
      <c r="AB19839" s="5" t="s">
        <v>43</v>
      </c>
      <c r="AC19839" s="5" t="s">
        <v>735</v>
      </c>
      <c r="AD19839" s="2" t="s">
        <v>62973</v>
      </c>
      <c r="AE19839" s="1"/>
    </row>
    <row r="19840" spans="1:31" ht="14.45">
      <c r="A19840" s="5" t="s">
        <v>116</v>
      </c>
      <c r="B19840" s="21">
        <v>46082</v>
      </c>
      <c r="C19840" s="2" t="s">
        <v>62974</v>
      </c>
      <c r="D19840" s="14" t="s">
        <v>62975</v>
      </c>
      <c r="E19840" s="2" t="s">
        <v>62976</v>
      </c>
      <c r="F19840" s="2" t="s">
        <v>62977</v>
      </c>
      <c r="G19840" s="8">
        <v>1669</v>
      </c>
      <c r="H19840" s="5">
        <v>5</v>
      </c>
      <c r="I19840" s="5" t="s">
        <v>69</v>
      </c>
      <c r="J19840" s="5" t="s">
        <v>61065</v>
      </c>
      <c r="K19840" s="2" t="s">
        <v>61066</v>
      </c>
      <c r="L19840" s="5" t="s">
        <v>61065</v>
      </c>
      <c r="M19840" s="2" t="s">
        <v>61066</v>
      </c>
      <c r="N19840" s="5" t="s">
        <v>733</v>
      </c>
      <c r="O19840" s="5" t="s">
        <v>38</v>
      </c>
      <c r="P19840" s="5" t="s">
        <v>39</v>
      </c>
      <c r="Q19840" s="5" t="s">
        <v>40</v>
      </c>
      <c r="R19840" s="5" t="s">
        <v>897</v>
      </c>
      <c r="S19840" s="5" t="s">
        <v>40</v>
      </c>
      <c r="T19840" s="5" t="s">
        <v>42</v>
      </c>
      <c r="U19840" s="2">
        <v>53.259</v>
      </c>
      <c r="V19840" s="2">
        <v>49.063000000000002</v>
      </c>
      <c r="W19840" s="2">
        <v>0.23499999999999999</v>
      </c>
      <c r="X19840" s="2">
        <v>17</v>
      </c>
      <c r="Y19840" s="2">
        <v>104.9</v>
      </c>
      <c r="Z19840" s="2">
        <v>131.6</v>
      </c>
      <c r="AA19840" s="5">
        <v>7</v>
      </c>
      <c r="AB19840" s="5" t="s">
        <v>43</v>
      </c>
      <c r="AC19840" s="5" t="s">
        <v>735</v>
      </c>
      <c r="AD19840" s="2" t="s">
        <v>62978</v>
      </c>
      <c r="AE19840" s="1"/>
    </row>
    <row r="19841" spans="1:31" ht="14.45">
      <c r="A19841" s="11"/>
      <c r="B19841" s="20"/>
      <c r="C19841" s="2" t="s">
        <v>62979</v>
      </c>
      <c r="D19841" s="14" t="s">
        <v>62980</v>
      </c>
      <c r="E19841" s="2" t="s">
        <v>62981</v>
      </c>
      <c r="F19841" s="2" t="s">
        <v>62982</v>
      </c>
      <c r="G19841" s="8">
        <v>1513</v>
      </c>
      <c r="H19841" s="5">
        <v>5</v>
      </c>
      <c r="I19841" s="5" t="s">
        <v>69</v>
      </c>
      <c r="J19841" s="5" t="s">
        <v>61065</v>
      </c>
      <c r="K19841" s="2" t="s">
        <v>61066</v>
      </c>
      <c r="L19841" s="5" t="s">
        <v>61065</v>
      </c>
      <c r="M19841" s="2" t="s">
        <v>61066</v>
      </c>
      <c r="N19841" s="5" t="s">
        <v>733</v>
      </c>
      <c r="O19841" s="5" t="s">
        <v>38</v>
      </c>
      <c r="P19841" s="5" t="s">
        <v>39</v>
      </c>
      <c r="Q19841" s="5" t="s">
        <v>40</v>
      </c>
      <c r="R19841" s="5" t="s">
        <v>897</v>
      </c>
      <c r="S19841" s="5" t="s">
        <v>40</v>
      </c>
      <c r="T19841" s="5" t="s">
        <v>42</v>
      </c>
      <c r="U19841" s="2">
        <v>59.585999999999999</v>
      </c>
      <c r="V19841" s="2">
        <v>55.369</v>
      </c>
      <c r="W19841" s="2">
        <v>0.23499999999999999</v>
      </c>
      <c r="X19841" s="2">
        <v>17</v>
      </c>
      <c r="Y19841" s="2">
        <v>104.9</v>
      </c>
      <c r="Z19841" s="2">
        <v>131.6</v>
      </c>
      <c r="AA19841" s="5">
        <v>7</v>
      </c>
      <c r="AB19841" s="5" t="s">
        <v>43</v>
      </c>
      <c r="AC19841" s="5" t="s">
        <v>735</v>
      </c>
      <c r="AD19841" s="2" t="s">
        <v>62983</v>
      </c>
      <c r="AE19841" s="1"/>
    </row>
    <row r="19842" spans="1:31" ht="14.45">
      <c r="A19842" s="11"/>
      <c r="B19842" s="20"/>
      <c r="C19842" s="2" t="s">
        <v>62984</v>
      </c>
      <c r="D19842" s="14" t="s">
        <v>62985</v>
      </c>
      <c r="E19842" s="2" t="s">
        <v>62986</v>
      </c>
      <c r="F19842" s="2" t="s">
        <v>62982</v>
      </c>
      <c r="G19842" s="8">
        <v>1813</v>
      </c>
      <c r="H19842" s="5">
        <v>10</v>
      </c>
      <c r="I19842" s="5" t="s">
        <v>69</v>
      </c>
      <c r="J19842" s="5" t="s">
        <v>61065</v>
      </c>
      <c r="K19842" s="2" t="s">
        <v>61066</v>
      </c>
      <c r="L19842" s="5" t="s">
        <v>61065</v>
      </c>
      <c r="M19842" s="2" t="s">
        <v>61066</v>
      </c>
      <c r="N19842" s="5" t="s">
        <v>733</v>
      </c>
      <c r="O19842" s="5" t="s">
        <v>38</v>
      </c>
      <c r="P19842" s="5" t="s">
        <v>39</v>
      </c>
      <c r="Q19842" s="5" t="s">
        <v>40</v>
      </c>
      <c r="R19842" s="5" t="s">
        <v>897</v>
      </c>
      <c r="S19842" s="5" t="s">
        <v>40</v>
      </c>
      <c r="T19842" s="5" t="s">
        <v>42</v>
      </c>
      <c r="U19842" s="2">
        <v>59.869</v>
      </c>
      <c r="V19842" s="2">
        <v>55.564</v>
      </c>
      <c r="W19842" s="2">
        <v>0.23499999999999999</v>
      </c>
      <c r="X19842" s="2">
        <v>17</v>
      </c>
      <c r="Y19842" s="2">
        <v>104.9</v>
      </c>
      <c r="Z19842" s="2">
        <v>131.6</v>
      </c>
      <c r="AA19842" s="5">
        <v>7</v>
      </c>
      <c r="AB19842" s="5" t="s">
        <v>43</v>
      </c>
      <c r="AC19842" s="5" t="s">
        <v>735</v>
      </c>
      <c r="AD19842" s="2" t="s">
        <v>62987</v>
      </c>
      <c r="AE19842" s="1"/>
    </row>
    <row r="19843" spans="1:31" ht="14.45">
      <c r="A19843" s="5" t="s">
        <v>116</v>
      </c>
      <c r="B19843" s="21">
        <v>46082</v>
      </c>
      <c r="C19843" s="2" t="s">
        <v>62988</v>
      </c>
      <c r="D19843" s="14" t="s">
        <v>62989</v>
      </c>
      <c r="E19843" s="2" t="s">
        <v>62990</v>
      </c>
      <c r="F19843" s="2" t="s">
        <v>62991</v>
      </c>
      <c r="G19843" s="8">
        <v>1913</v>
      </c>
      <c r="H19843" s="5">
        <v>5</v>
      </c>
      <c r="I19843" s="5" t="s">
        <v>69</v>
      </c>
      <c r="J19843" s="5" t="s">
        <v>61065</v>
      </c>
      <c r="K19843" s="2" t="s">
        <v>61066</v>
      </c>
      <c r="L19843" s="5" t="s">
        <v>61065</v>
      </c>
      <c r="M19843" s="2" t="s">
        <v>61066</v>
      </c>
      <c r="N19843" s="5" t="s">
        <v>733</v>
      </c>
      <c r="O19843" s="5" t="s">
        <v>38</v>
      </c>
      <c r="P19843" s="5" t="s">
        <v>39</v>
      </c>
      <c r="Q19843" s="5" t="s">
        <v>40</v>
      </c>
      <c r="R19843" s="5" t="s">
        <v>897</v>
      </c>
      <c r="S19843" s="5" t="s">
        <v>40</v>
      </c>
      <c r="T19843" s="5" t="s">
        <v>42</v>
      </c>
      <c r="U19843" s="2">
        <v>59.991999999999997</v>
      </c>
      <c r="V19843" s="2">
        <v>55.82</v>
      </c>
      <c r="W19843" s="2">
        <v>0.23499999999999999</v>
      </c>
      <c r="X19843" s="2">
        <v>17</v>
      </c>
      <c r="Y19843" s="2">
        <v>104.9</v>
      </c>
      <c r="Z19843" s="2">
        <v>131.6</v>
      </c>
      <c r="AA19843" s="5">
        <v>7</v>
      </c>
      <c r="AB19843" s="5" t="s">
        <v>43</v>
      </c>
      <c r="AC19843" s="5" t="s">
        <v>735</v>
      </c>
      <c r="AD19843" s="2" t="s">
        <v>62992</v>
      </c>
      <c r="AE19843" s="1"/>
    </row>
    <row r="19844" spans="1:31" ht="14.45">
      <c r="A19844" s="11"/>
      <c r="B19844" s="20"/>
      <c r="C19844" s="2" t="s">
        <v>62993</v>
      </c>
      <c r="D19844" s="14" t="s">
        <v>62994</v>
      </c>
      <c r="E19844" s="2" t="s">
        <v>62995</v>
      </c>
      <c r="F19844" s="2" t="s">
        <v>62996</v>
      </c>
      <c r="G19844" s="8">
        <v>1913</v>
      </c>
      <c r="H19844" s="5">
        <v>10</v>
      </c>
      <c r="I19844" s="5" t="s">
        <v>69</v>
      </c>
      <c r="J19844" s="5" t="s">
        <v>61065</v>
      </c>
      <c r="K19844" s="2" t="s">
        <v>61066</v>
      </c>
      <c r="L19844" s="5" t="s">
        <v>61065</v>
      </c>
      <c r="M19844" s="2" t="s">
        <v>61066</v>
      </c>
      <c r="N19844" s="5" t="s">
        <v>733</v>
      </c>
      <c r="O19844" s="5" t="s">
        <v>38</v>
      </c>
      <c r="P19844" s="5" t="s">
        <v>39</v>
      </c>
      <c r="Q19844" s="5" t="s">
        <v>40</v>
      </c>
      <c r="R19844" s="5" t="s">
        <v>897</v>
      </c>
      <c r="S19844" s="5" t="s">
        <v>40</v>
      </c>
      <c r="T19844" s="5" t="s">
        <v>42</v>
      </c>
      <c r="U19844" s="2">
        <v>58.984000000000002</v>
      </c>
      <c r="V19844" s="2">
        <v>54.679000000000002</v>
      </c>
      <c r="W19844" s="2">
        <v>0.23499999999999999</v>
      </c>
      <c r="X19844" s="2">
        <v>17</v>
      </c>
      <c r="Y19844" s="2">
        <v>104.9</v>
      </c>
      <c r="Z19844" s="2">
        <v>131.6</v>
      </c>
      <c r="AA19844" s="5">
        <v>7</v>
      </c>
      <c r="AB19844" s="5" t="s">
        <v>43</v>
      </c>
      <c r="AC19844" s="5" t="s">
        <v>735</v>
      </c>
      <c r="AD19844" s="2" t="s">
        <v>62997</v>
      </c>
      <c r="AE19844" s="1"/>
    </row>
    <row r="19845" spans="1:31" ht="14.45">
      <c r="A19845" s="11"/>
      <c r="B19845" s="20"/>
      <c r="C19845" s="2" t="s">
        <v>62998</v>
      </c>
      <c r="D19845" s="14" t="s">
        <v>62999</v>
      </c>
      <c r="E19845" s="2" t="s">
        <v>63000</v>
      </c>
      <c r="F19845" s="2" t="s">
        <v>63001</v>
      </c>
      <c r="G19845" s="8">
        <v>1269</v>
      </c>
      <c r="H19845" s="5">
        <v>10</v>
      </c>
      <c r="I19845" s="5" t="s">
        <v>69</v>
      </c>
      <c r="J19845" s="5" t="s">
        <v>61065</v>
      </c>
      <c r="K19845" s="2" t="s">
        <v>61066</v>
      </c>
      <c r="L19845" s="5" t="s">
        <v>61065</v>
      </c>
      <c r="M19845" s="2" t="s">
        <v>61066</v>
      </c>
      <c r="N19845" s="5" t="s">
        <v>733</v>
      </c>
      <c r="O19845" s="5" t="s">
        <v>38</v>
      </c>
      <c r="P19845" s="5" t="s">
        <v>39</v>
      </c>
      <c r="Q19845" s="5" t="s">
        <v>40</v>
      </c>
      <c r="R19845" s="5" t="s">
        <v>897</v>
      </c>
      <c r="S19845" s="5" t="s">
        <v>40</v>
      </c>
      <c r="T19845" s="5" t="s">
        <v>42</v>
      </c>
      <c r="U19845" s="2">
        <v>51.93</v>
      </c>
      <c r="V19845" s="2">
        <v>47.689</v>
      </c>
      <c r="W19845" s="2">
        <v>0.23499999999999999</v>
      </c>
      <c r="X19845" s="2">
        <v>17</v>
      </c>
      <c r="Y19845" s="2">
        <v>104.9</v>
      </c>
      <c r="Z19845" s="2">
        <v>131.6</v>
      </c>
      <c r="AA19845" s="5">
        <v>7</v>
      </c>
      <c r="AB19845" s="5" t="s">
        <v>43</v>
      </c>
      <c r="AC19845" s="5" t="s">
        <v>735</v>
      </c>
      <c r="AD19845" s="2" t="s">
        <v>63002</v>
      </c>
      <c r="AE19845" s="1"/>
    </row>
    <row r="19846" spans="1:31" ht="14.45">
      <c r="A19846" s="11"/>
      <c r="B19846" s="20"/>
      <c r="C19846" s="2" t="s">
        <v>63003</v>
      </c>
      <c r="D19846" s="14" t="s">
        <v>63004</v>
      </c>
      <c r="E19846" s="2" t="s">
        <v>63005</v>
      </c>
      <c r="F19846" s="2" t="s">
        <v>63006</v>
      </c>
      <c r="G19846" s="8">
        <v>1513</v>
      </c>
      <c r="H19846" s="5">
        <v>10</v>
      </c>
      <c r="I19846" s="5" t="s">
        <v>69</v>
      </c>
      <c r="J19846" s="5" t="s">
        <v>61065</v>
      </c>
      <c r="K19846" s="2" t="s">
        <v>61066</v>
      </c>
      <c r="L19846" s="5" t="s">
        <v>61065</v>
      </c>
      <c r="M19846" s="2" t="s">
        <v>61066</v>
      </c>
      <c r="N19846" s="5" t="s">
        <v>733</v>
      </c>
      <c r="O19846" s="5" t="s">
        <v>38</v>
      </c>
      <c r="P19846" s="5" t="s">
        <v>39</v>
      </c>
      <c r="Q19846" s="5" t="s">
        <v>40</v>
      </c>
      <c r="R19846" s="5" t="s">
        <v>897</v>
      </c>
      <c r="S19846" s="5" t="s">
        <v>40</v>
      </c>
      <c r="T19846" s="5" t="s">
        <v>42</v>
      </c>
      <c r="U19846" s="2">
        <v>58.66</v>
      </c>
      <c r="V19846" s="2">
        <v>54.442999999999998</v>
      </c>
      <c r="W19846" s="2">
        <v>0.23499999999999999</v>
      </c>
      <c r="X19846" s="2">
        <v>17</v>
      </c>
      <c r="Y19846" s="2">
        <v>104.9</v>
      </c>
      <c r="Z19846" s="2">
        <v>131.6</v>
      </c>
      <c r="AA19846" s="5">
        <v>7</v>
      </c>
      <c r="AB19846" s="5" t="s">
        <v>43</v>
      </c>
      <c r="AC19846" s="5" t="s">
        <v>735</v>
      </c>
      <c r="AD19846" s="2" t="s">
        <v>63007</v>
      </c>
      <c r="AE19846" s="1"/>
    </row>
    <row r="19847" spans="1:31" ht="14.45">
      <c r="A19847" s="11"/>
      <c r="B19847" s="20"/>
      <c r="C19847" s="2" t="s">
        <v>63008</v>
      </c>
      <c r="D19847" s="14" t="s">
        <v>63009</v>
      </c>
      <c r="E19847" s="2" t="s">
        <v>63010</v>
      </c>
      <c r="F19847" s="2" t="s">
        <v>63011</v>
      </c>
      <c r="G19847" s="8">
        <v>2181</v>
      </c>
      <c r="H19847" s="5">
        <v>5</v>
      </c>
      <c r="I19847" s="5" t="s">
        <v>69</v>
      </c>
      <c r="J19847" s="5" t="s">
        <v>61065</v>
      </c>
      <c r="K19847" s="2" t="s">
        <v>61066</v>
      </c>
      <c r="L19847" s="5" t="s">
        <v>61065</v>
      </c>
      <c r="M19847" s="2" t="s">
        <v>61066</v>
      </c>
      <c r="N19847" s="5" t="s">
        <v>733</v>
      </c>
      <c r="O19847" s="5" t="s">
        <v>38</v>
      </c>
      <c r="P19847" s="5" t="s">
        <v>39</v>
      </c>
      <c r="Q19847" s="5" t="s">
        <v>40</v>
      </c>
      <c r="R19847" s="5" t="s">
        <v>1487</v>
      </c>
      <c r="S19847" s="5"/>
      <c r="T19847" s="5" t="s">
        <v>42</v>
      </c>
      <c r="U19847" s="2">
        <v>0</v>
      </c>
      <c r="V19847" s="2">
        <v>0</v>
      </c>
      <c r="W19847" s="2">
        <v>0</v>
      </c>
      <c r="X19847" s="2">
        <v>0</v>
      </c>
      <c r="Y19847" s="2">
        <v>0</v>
      </c>
      <c r="Z19847" s="2">
        <v>0</v>
      </c>
      <c r="AA19847" s="5"/>
      <c r="AB19847" s="5" t="s">
        <v>43</v>
      </c>
      <c r="AC19847" s="5" t="s">
        <v>735</v>
      </c>
      <c r="AD19847" s="2" t="s">
        <v>63012</v>
      </c>
      <c r="AE19847" s="1"/>
    </row>
    <row r="19848" spans="1:31" ht="14.45">
      <c r="A19848" s="11"/>
      <c r="B19848" s="20"/>
      <c r="C19848" s="2" t="s">
        <v>63013</v>
      </c>
      <c r="D19848" s="14" t="s">
        <v>63014</v>
      </c>
      <c r="E19848" s="2" t="s">
        <v>63015</v>
      </c>
      <c r="F19848" s="2" t="s">
        <v>62903</v>
      </c>
      <c r="G19848" s="8">
        <v>1837</v>
      </c>
      <c r="H19848" s="5">
        <v>5</v>
      </c>
      <c r="I19848" s="5" t="s">
        <v>69</v>
      </c>
      <c r="J19848" s="5" t="s">
        <v>61065</v>
      </c>
      <c r="K19848" s="2" t="s">
        <v>61066</v>
      </c>
      <c r="L19848" s="5" t="s">
        <v>61065</v>
      </c>
      <c r="M19848" s="2" t="s">
        <v>61066</v>
      </c>
      <c r="N19848" s="5" t="s">
        <v>733</v>
      </c>
      <c r="O19848" s="5" t="s">
        <v>38</v>
      </c>
      <c r="P19848" s="5" t="s">
        <v>39</v>
      </c>
      <c r="Q19848" s="5" t="s">
        <v>40</v>
      </c>
      <c r="R19848" s="5" t="s">
        <v>1487</v>
      </c>
      <c r="S19848" s="5"/>
      <c r="T19848" s="5" t="s">
        <v>42</v>
      </c>
      <c r="U19848" s="2">
        <v>0</v>
      </c>
      <c r="V19848" s="2">
        <v>0</v>
      </c>
      <c r="W19848" s="2">
        <v>0</v>
      </c>
      <c r="X19848" s="2">
        <v>0</v>
      </c>
      <c r="Y19848" s="2">
        <v>0</v>
      </c>
      <c r="Z19848" s="2">
        <v>0</v>
      </c>
      <c r="AA19848" s="5"/>
      <c r="AB19848" s="5" t="s">
        <v>43</v>
      </c>
      <c r="AC19848" s="5" t="s">
        <v>735</v>
      </c>
      <c r="AD19848" s="2" t="s">
        <v>63016</v>
      </c>
      <c r="AE19848" s="1"/>
    </row>
    <row r="19849" spans="1:31" ht="14.45">
      <c r="A19849" s="11"/>
      <c r="B19849" s="20"/>
      <c r="C19849" s="2" t="s">
        <v>63017</v>
      </c>
      <c r="D19849" s="14" t="s">
        <v>63018</v>
      </c>
      <c r="E19849" s="2" t="s">
        <v>63019</v>
      </c>
      <c r="F19849" s="2" t="s">
        <v>63020</v>
      </c>
      <c r="G19849" s="8">
        <v>1470</v>
      </c>
      <c r="H19849" s="5">
        <v>10</v>
      </c>
      <c r="I19849" s="5" t="s">
        <v>69</v>
      </c>
      <c r="J19849" s="5" t="s">
        <v>61065</v>
      </c>
      <c r="K19849" s="2" t="s">
        <v>61066</v>
      </c>
      <c r="L19849" s="5" t="s">
        <v>61065</v>
      </c>
      <c r="M19849" s="2" t="s">
        <v>61066</v>
      </c>
      <c r="N19849" s="5" t="s">
        <v>733</v>
      </c>
      <c r="O19849" s="5" t="s">
        <v>38</v>
      </c>
      <c r="P19849" s="5" t="s">
        <v>39</v>
      </c>
      <c r="Q19849" s="5" t="s">
        <v>40</v>
      </c>
      <c r="R19849" s="5" t="s">
        <v>897</v>
      </c>
      <c r="S19849" s="5" t="s">
        <v>40</v>
      </c>
      <c r="T19849" s="5" t="s">
        <v>42</v>
      </c>
      <c r="U19849" s="2">
        <v>70.698999999999998</v>
      </c>
      <c r="V19849" s="2">
        <v>65.963999999999999</v>
      </c>
      <c r="W19849" s="2">
        <v>0.27400000000000002</v>
      </c>
      <c r="X19849" s="2">
        <v>17</v>
      </c>
      <c r="Y19849" s="2">
        <v>104.9</v>
      </c>
      <c r="Z19849" s="2">
        <v>153.6</v>
      </c>
      <c r="AA19849" s="5">
        <v>7</v>
      </c>
      <c r="AB19849" s="5" t="s">
        <v>43</v>
      </c>
      <c r="AC19849" s="5" t="s">
        <v>735</v>
      </c>
      <c r="AD19849" s="2" t="s">
        <v>63021</v>
      </c>
      <c r="AE19849" s="1"/>
    </row>
    <row r="19850" spans="1:31" ht="14.45">
      <c r="A19850" s="11"/>
      <c r="B19850" s="20"/>
      <c r="C19850" s="2" t="s">
        <v>63022</v>
      </c>
      <c r="D19850" s="14" t="s">
        <v>63023</v>
      </c>
      <c r="E19850" s="2" t="s">
        <v>63024</v>
      </c>
      <c r="F19850" s="2" t="s">
        <v>63025</v>
      </c>
      <c r="G19850" s="8">
        <v>1770</v>
      </c>
      <c r="H19850" s="5">
        <v>5</v>
      </c>
      <c r="I19850" s="5" t="s">
        <v>69</v>
      </c>
      <c r="J19850" s="5" t="s">
        <v>61065</v>
      </c>
      <c r="K19850" s="2" t="s">
        <v>61066</v>
      </c>
      <c r="L19850" s="5" t="s">
        <v>61065</v>
      </c>
      <c r="M19850" s="2" t="s">
        <v>61066</v>
      </c>
      <c r="N19850" s="5" t="s">
        <v>733</v>
      </c>
      <c r="O19850" s="5" t="s">
        <v>38</v>
      </c>
      <c r="P19850" s="5" t="s">
        <v>39</v>
      </c>
      <c r="Q19850" s="5" t="s">
        <v>40</v>
      </c>
      <c r="R19850" s="5" t="s">
        <v>897</v>
      </c>
      <c r="S19850" s="5" t="s">
        <v>40</v>
      </c>
      <c r="T19850" s="5" t="s">
        <v>42</v>
      </c>
      <c r="U19850" s="2">
        <v>73.584999999999994</v>
      </c>
      <c r="V19850" s="2">
        <v>68.757000000000005</v>
      </c>
      <c r="W19850" s="2">
        <v>0.27400000000000002</v>
      </c>
      <c r="X19850" s="2">
        <v>17</v>
      </c>
      <c r="Y19850" s="2">
        <v>104.9</v>
      </c>
      <c r="Z19850" s="2">
        <v>153.6</v>
      </c>
      <c r="AA19850" s="5">
        <v>7</v>
      </c>
      <c r="AB19850" s="5" t="s">
        <v>43</v>
      </c>
      <c r="AC19850" s="5" t="s">
        <v>735</v>
      </c>
      <c r="AD19850" s="2" t="s">
        <v>63026</v>
      </c>
      <c r="AE19850" s="1"/>
    </row>
    <row r="19851" spans="1:31" ht="14.45">
      <c r="A19851" s="11"/>
      <c r="B19851" s="20"/>
      <c r="C19851" s="2" t="s">
        <v>63027</v>
      </c>
      <c r="D19851" s="14" t="s">
        <v>63028</v>
      </c>
      <c r="E19851" s="2" t="s">
        <v>63029</v>
      </c>
      <c r="F19851" s="2" t="s">
        <v>63030</v>
      </c>
      <c r="G19851" s="8">
        <v>1282</v>
      </c>
      <c r="H19851" s="5">
        <v>5</v>
      </c>
      <c r="I19851" s="5" t="s">
        <v>69</v>
      </c>
      <c r="J19851" s="5" t="s">
        <v>61065</v>
      </c>
      <c r="K19851" s="2" t="s">
        <v>61066</v>
      </c>
      <c r="L19851" s="5" t="s">
        <v>61065</v>
      </c>
      <c r="M19851" s="2" t="s">
        <v>61066</v>
      </c>
      <c r="N19851" s="5" t="s">
        <v>733</v>
      </c>
      <c r="O19851" s="5" t="s">
        <v>38</v>
      </c>
      <c r="P19851" s="5" t="s">
        <v>39</v>
      </c>
      <c r="Q19851" s="5" t="s">
        <v>40</v>
      </c>
      <c r="R19851" s="5" t="s">
        <v>897</v>
      </c>
      <c r="S19851" s="5" t="s">
        <v>40</v>
      </c>
      <c r="T19851" s="5" t="s">
        <v>42</v>
      </c>
      <c r="U19851" s="2">
        <v>60.939</v>
      </c>
      <c r="V19851" s="2">
        <v>56.206000000000003</v>
      </c>
      <c r="W19851" s="2">
        <v>0.27400000000000002</v>
      </c>
      <c r="X19851" s="2">
        <v>17</v>
      </c>
      <c r="Y19851" s="2">
        <v>104.9</v>
      </c>
      <c r="Z19851" s="2">
        <v>153.6</v>
      </c>
      <c r="AA19851" s="5">
        <v>7</v>
      </c>
      <c r="AB19851" s="5" t="s">
        <v>43</v>
      </c>
      <c r="AC19851" s="5" t="s">
        <v>735</v>
      </c>
      <c r="AD19851" s="2" t="s">
        <v>63031</v>
      </c>
      <c r="AE19851" s="1"/>
    </row>
    <row r="19852" spans="1:31" ht="14.45">
      <c r="A19852" s="11"/>
      <c r="B19852" s="20"/>
      <c r="C19852" s="2" t="s">
        <v>63032</v>
      </c>
      <c r="D19852" s="14" t="s">
        <v>63033</v>
      </c>
      <c r="E19852" s="2" t="s">
        <v>63034</v>
      </c>
      <c r="F19852" s="2" t="s">
        <v>63035</v>
      </c>
      <c r="G19852" s="8">
        <v>1582</v>
      </c>
      <c r="H19852" s="5">
        <v>5</v>
      </c>
      <c r="I19852" s="5" t="s">
        <v>69</v>
      </c>
      <c r="J19852" s="5" t="s">
        <v>61065</v>
      </c>
      <c r="K19852" s="2" t="s">
        <v>61066</v>
      </c>
      <c r="L19852" s="5" t="s">
        <v>61065</v>
      </c>
      <c r="M19852" s="2" t="s">
        <v>61066</v>
      </c>
      <c r="N19852" s="5" t="s">
        <v>733</v>
      </c>
      <c r="O19852" s="5" t="s">
        <v>38</v>
      </c>
      <c r="P19852" s="5" t="s">
        <v>39</v>
      </c>
      <c r="Q19852" s="5" t="s">
        <v>40</v>
      </c>
      <c r="R19852" s="5" t="s">
        <v>897</v>
      </c>
      <c r="S19852" s="5" t="s">
        <v>40</v>
      </c>
      <c r="T19852" s="5" t="s">
        <v>42</v>
      </c>
      <c r="U19852" s="2">
        <v>63.707999999999998</v>
      </c>
      <c r="V19852" s="2">
        <v>58.88</v>
      </c>
      <c r="W19852" s="2">
        <v>0.27400000000000002</v>
      </c>
      <c r="X19852" s="2">
        <v>17</v>
      </c>
      <c r="Y19852" s="2">
        <v>104.9</v>
      </c>
      <c r="Z19852" s="2">
        <v>153.6</v>
      </c>
      <c r="AA19852" s="5">
        <v>7</v>
      </c>
      <c r="AB19852" s="5" t="s">
        <v>43</v>
      </c>
      <c r="AC19852" s="5" t="s">
        <v>735</v>
      </c>
      <c r="AD19852" s="2" t="s">
        <v>63036</v>
      </c>
      <c r="AE19852" s="1"/>
    </row>
    <row r="19853" spans="1:31" ht="14.45">
      <c r="A19853" s="5" t="s">
        <v>116</v>
      </c>
      <c r="B19853" s="21">
        <v>46082</v>
      </c>
      <c r="C19853" s="2" t="s">
        <v>63037</v>
      </c>
      <c r="D19853" s="14" t="s">
        <v>63038</v>
      </c>
      <c r="E19853" s="2" t="s">
        <v>63039</v>
      </c>
      <c r="F19853" s="2" t="s">
        <v>63040</v>
      </c>
      <c r="G19853" s="8">
        <v>1682</v>
      </c>
      <c r="H19853" s="5">
        <v>5</v>
      </c>
      <c r="I19853" s="5" t="s">
        <v>69</v>
      </c>
      <c r="J19853" s="5" t="s">
        <v>61065</v>
      </c>
      <c r="K19853" s="2" t="s">
        <v>61066</v>
      </c>
      <c r="L19853" s="5" t="s">
        <v>61065</v>
      </c>
      <c r="M19853" s="2" t="s">
        <v>61066</v>
      </c>
      <c r="N19853" s="5" t="s">
        <v>733</v>
      </c>
      <c r="O19853" s="5" t="s">
        <v>38</v>
      </c>
      <c r="P19853" s="5" t="s">
        <v>39</v>
      </c>
      <c r="Q19853" s="5" t="s">
        <v>40</v>
      </c>
      <c r="R19853" s="5" t="s">
        <v>897</v>
      </c>
      <c r="S19853" s="5" t="s">
        <v>40</v>
      </c>
      <c r="T19853" s="5" t="s">
        <v>42</v>
      </c>
      <c r="U19853" s="2">
        <v>63.837000000000003</v>
      </c>
      <c r="V19853" s="2">
        <v>59.13</v>
      </c>
      <c r="W19853" s="2">
        <v>0.27400000000000002</v>
      </c>
      <c r="X19853" s="2">
        <v>17</v>
      </c>
      <c r="Y19853" s="2">
        <v>104.9</v>
      </c>
      <c r="Z19853" s="2">
        <v>153.6</v>
      </c>
      <c r="AA19853" s="5">
        <v>7</v>
      </c>
      <c r="AB19853" s="5" t="s">
        <v>43</v>
      </c>
      <c r="AC19853" s="5" t="s">
        <v>735</v>
      </c>
      <c r="AD19853" s="2" t="s">
        <v>63041</v>
      </c>
      <c r="AE19853" s="1"/>
    </row>
    <row r="19854" spans="1:31" ht="14.45">
      <c r="A19854" s="11"/>
      <c r="B19854" s="20"/>
      <c r="C19854" s="2" t="s">
        <v>63042</v>
      </c>
      <c r="D19854" s="14" t="s">
        <v>63043</v>
      </c>
      <c r="E19854" s="2" t="s">
        <v>63044</v>
      </c>
      <c r="F19854" s="2" t="s">
        <v>63035</v>
      </c>
      <c r="G19854" s="8">
        <v>1582</v>
      </c>
      <c r="H19854" s="5">
        <v>5</v>
      </c>
      <c r="I19854" s="5" t="s">
        <v>69</v>
      </c>
      <c r="J19854" s="5" t="s">
        <v>61065</v>
      </c>
      <c r="K19854" s="2" t="s">
        <v>61066</v>
      </c>
      <c r="L19854" s="5" t="s">
        <v>61065</v>
      </c>
      <c r="M19854" s="2" t="s">
        <v>61066</v>
      </c>
      <c r="N19854" s="5" t="s">
        <v>733</v>
      </c>
      <c r="O19854" s="5" t="s">
        <v>38</v>
      </c>
      <c r="P19854" s="5" t="s">
        <v>39</v>
      </c>
      <c r="Q19854" s="5" t="s">
        <v>40</v>
      </c>
      <c r="R19854" s="5" t="s">
        <v>897</v>
      </c>
      <c r="S19854" s="5" t="s">
        <v>40</v>
      </c>
      <c r="T19854" s="5" t="s">
        <v>42</v>
      </c>
      <c r="U19854" s="2">
        <v>62.997999999999998</v>
      </c>
      <c r="V19854" s="2">
        <v>58.107999999999997</v>
      </c>
      <c r="W19854" s="2">
        <v>0.27400000000000002</v>
      </c>
      <c r="X19854" s="2">
        <v>17</v>
      </c>
      <c r="Y19854" s="2">
        <v>104.9</v>
      </c>
      <c r="Z19854" s="2">
        <v>153.6</v>
      </c>
      <c r="AA19854" s="5">
        <v>7</v>
      </c>
      <c r="AB19854" s="5" t="s">
        <v>43</v>
      </c>
      <c r="AC19854" s="5" t="s">
        <v>735</v>
      </c>
      <c r="AD19854" s="2" t="s">
        <v>63045</v>
      </c>
      <c r="AE19854" s="1"/>
    </row>
    <row r="19855" spans="1:31" ht="14.45">
      <c r="A19855" s="11"/>
      <c r="B19855" s="20"/>
      <c r="C19855" s="2" t="s">
        <v>63046</v>
      </c>
      <c r="D19855" s="14" t="s">
        <v>63047</v>
      </c>
      <c r="E19855" s="2" t="s">
        <v>63048</v>
      </c>
      <c r="F19855" s="2" t="s">
        <v>63035</v>
      </c>
      <c r="G19855" s="8">
        <v>1829</v>
      </c>
      <c r="H19855" s="5">
        <v>5</v>
      </c>
      <c r="I19855" s="5" t="s">
        <v>69</v>
      </c>
      <c r="J19855" s="5" t="s">
        <v>61065</v>
      </c>
      <c r="K19855" s="2" t="s">
        <v>61066</v>
      </c>
      <c r="L19855" s="5" t="s">
        <v>61065</v>
      </c>
      <c r="M19855" s="2" t="s">
        <v>61066</v>
      </c>
      <c r="N19855" s="5" t="s">
        <v>733</v>
      </c>
      <c r="O19855" s="5" t="s">
        <v>38</v>
      </c>
      <c r="P19855" s="5" t="s">
        <v>39</v>
      </c>
      <c r="Q19855" s="5" t="s">
        <v>40</v>
      </c>
      <c r="R19855" s="5" t="s">
        <v>897</v>
      </c>
      <c r="S19855" s="5" t="s">
        <v>40</v>
      </c>
      <c r="T19855" s="5" t="s">
        <v>42</v>
      </c>
      <c r="U19855" s="2">
        <v>66.462000000000003</v>
      </c>
      <c r="V19855" s="2">
        <v>61.725000000000001</v>
      </c>
      <c r="W19855" s="2">
        <v>0.27400000000000002</v>
      </c>
      <c r="X19855" s="2">
        <v>17</v>
      </c>
      <c r="Y19855" s="2">
        <v>104.9</v>
      </c>
      <c r="Z19855" s="2">
        <v>153.6</v>
      </c>
      <c r="AA19855" s="5">
        <v>7</v>
      </c>
      <c r="AB19855" s="5" t="s">
        <v>43</v>
      </c>
      <c r="AC19855" s="5" t="s">
        <v>735</v>
      </c>
      <c r="AD19855" s="2" t="s">
        <v>63049</v>
      </c>
      <c r="AE19855" s="1"/>
    </row>
    <row r="19856" spans="1:31" ht="14.45">
      <c r="A19856" s="11"/>
      <c r="B19856" s="20"/>
      <c r="C19856" s="2" t="s">
        <v>63050</v>
      </c>
      <c r="D19856" s="14" t="s">
        <v>63051</v>
      </c>
      <c r="E19856" s="2" t="s">
        <v>63052</v>
      </c>
      <c r="F19856" s="2" t="s">
        <v>63053</v>
      </c>
      <c r="G19856" s="8">
        <v>1470</v>
      </c>
      <c r="H19856" s="5">
        <v>10</v>
      </c>
      <c r="I19856" s="5" t="s">
        <v>69</v>
      </c>
      <c r="J19856" s="5" t="s">
        <v>61065</v>
      </c>
      <c r="K19856" s="2" t="s">
        <v>61066</v>
      </c>
      <c r="L19856" s="5" t="s">
        <v>61065</v>
      </c>
      <c r="M19856" s="2" t="s">
        <v>61066</v>
      </c>
      <c r="N19856" s="5" t="s">
        <v>733</v>
      </c>
      <c r="O19856" s="5" t="s">
        <v>38</v>
      </c>
      <c r="P19856" s="5" t="s">
        <v>39</v>
      </c>
      <c r="Q19856" s="5" t="s">
        <v>40</v>
      </c>
      <c r="R19856" s="5" t="s">
        <v>897</v>
      </c>
      <c r="S19856" s="5" t="s">
        <v>40</v>
      </c>
      <c r="T19856" s="5" t="s">
        <v>42</v>
      </c>
      <c r="U19856" s="2">
        <v>60.673000000000002</v>
      </c>
      <c r="V19856" s="2">
        <v>55.94</v>
      </c>
      <c r="W19856" s="2">
        <v>0.27400000000000002</v>
      </c>
      <c r="X19856" s="2">
        <v>17</v>
      </c>
      <c r="Y19856" s="2">
        <v>104.9</v>
      </c>
      <c r="Z19856" s="2">
        <v>153.6</v>
      </c>
      <c r="AA19856" s="5">
        <v>7</v>
      </c>
      <c r="AB19856" s="5" t="s">
        <v>43</v>
      </c>
      <c r="AC19856" s="5" t="s">
        <v>735</v>
      </c>
      <c r="AD19856" s="2" t="s">
        <v>63054</v>
      </c>
      <c r="AE19856" s="1"/>
    </row>
    <row r="19857" spans="1:31" ht="14.45">
      <c r="A19857" s="11"/>
      <c r="B19857" s="20"/>
      <c r="C19857" s="2" t="s">
        <v>63055</v>
      </c>
      <c r="D19857" s="14" t="s">
        <v>63056</v>
      </c>
      <c r="E19857" s="2" t="s">
        <v>63057</v>
      </c>
      <c r="F19857" s="2" t="s">
        <v>63058</v>
      </c>
      <c r="G19857" s="8">
        <v>1770</v>
      </c>
      <c r="H19857" s="5">
        <v>10</v>
      </c>
      <c r="I19857" s="5" t="s">
        <v>69</v>
      </c>
      <c r="J19857" s="5" t="s">
        <v>61065</v>
      </c>
      <c r="K19857" s="2" t="s">
        <v>61066</v>
      </c>
      <c r="L19857" s="5" t="s">
        <v>61065</v>
      </c>
      <c r="M19857" s="2" t="s">
        <v>61066</v>
      </c>
      <c r="N19857" s="5" t="s">
        <v>733</v>
      </c>
      <c r="O19857" s="5" t="s">
        <v>38</v>
      </c>
      <c r="P19857" s="5" t="s">
        <v>39</v>
      </c>
      <c r="Q19857" s="5" t="s">
        <v>40</v>
      </c>
      <c r="R19857" s="5" t="s">
        <v>897</v>
      </c>
      <c r="S19857" s="5" t="s">
        <v>40</v>
      </c>
      <c r="T19857" s="5" t="s">
        <v>42</v>
      </c>
      <c r="U19857" s="2">
        <v>63.466999999999999</v>
      </c>
      <c r="V19857" s="2">
        <v>58.622</v>
      </c>
      <c r="W19857" s="2">
        <v>0.27400000000000002</v>
      </c>
      <c r="X19857" s="2">
        <v>17</v>
      </c>
      <c r="Y19857" s="2">
        <v>104.9</v>
      </c>
      <c r="Z19857" s="2">
        <v>153.6</v>
      </c>
      <c r="AA19857" s="5">
        <v>7</v>
      </c>
      <c r="AB19857" s="5" t="s">
        <v>43</v>
      </c>
      <c r="AC19857" s="5" t="s">
        <v>735</v>
      </c>
      <c r="AD19857" s="2" t="s">
        <v>63059</v>
      </c>
      <c r="AE19857" s="1"/>
    </row>
    <row r="19858" spans="1:31" ht="14.45">
      <c r="A19858" s="11"/>
      <c r="B19858" s="20"/>
      <c r="C19858" s="2" t="s">
        <v>63060</v>
      </c>
      <c r="D19858" s="14" t="s">
        <v>63061</v>
      </c>
      <c r="E19858" s="2" t="s">
        <v>63062</v>
      </c>
      <c r="F19858" s="2" t="s">
        <v>63063</v>
      </c>
      <c r="G19858" s="8">
        <v>1101</v>
      </c>
      <c r="H19858" s="5">
        <v>10</v>
      </c>
      <c r="I19858" s="5" t="s">
        <v>69</v>
      </c>
      <c r="J19858" s="5" t="s">
        <v>61065</v>
      </c>
      <c r="K19858" s="2" t="s">
        <v>61066</v>
      </c>
      <c r="L19858" s="5" t="s">
        <v>61065</v>
      </c>
      <c r="M19858" s="2" t="s">
        <v>61066</v>
      </c>
      <c r="N19858" s="5" t="s">
        <v>733</v>
      </c>
      <c r="O19858" s="5" t="s">
        <v>38</v>
      </c>
      <c r="P19858" s="5" t="s">
        <v>39</v>
      </c>
      <c r="Q19858" s="5" t="s">
        <v>40</v>
      </c>
      <c r="R19858" s="5" t="s">
        <v>897</v>
      </c>
      <c r="S19858" s="5" t="s">
        <v>40</v>
      </c>
      <c r="T19858" s="5" t="s">
        <v>42</v>
      </c>
      <c r="U19858" s="2">
        <v>60.936999999999998</v>
      </c>
      <c r="V19858" s="2">
        <v>56.204000000000001</v>
      </c>
      <c r="W19858" s="2">
        <v>0.27400000000000002</v>
      </c>
      <c r="X19858" s="2">
        <v>17</v>
      </c>
      <c r="Y19858" s="2">
        <v>104.9</v>
      </c>
      <c r="Z19858" s="2">
        <v>153.6</v>
      </c>
      <c r="AA19858" s="5">
        <v>7</v>
      </c>
      <c r="AB19858" s="5" t="s">
        <v>43</v>
      </c>
      <c r="AC19858" s="5" t="s">
        <v>735</v>
      </c>
      <c r="AD19858" s="2" t="s">
        <v>63064</v>
      </c>
      <c r="AE19858" s="1"/>
    </row>
    <row r="19859" spans="1:31" ht="14.45">
      <c r="A19859" s="11"/>
      <c r="B19859" s="20"/>
      <c r="C19859" s="2" t="s">
        <v>63065</v>
      </c>
      <c r="D19859" s="14" t="s">
        <v>63066</v>
      </c>
      <c r="E19859" s="2" t="s">
        <v>63067</v>
      </c>
      <c r="F19859" s="2" t="s">
        <v>63063</v>
      </c>
      <c r="G19859" s="8">
        <v>1401</v>
      </c>
      <c r="H19859" s="5">
        <v>10</v>
      </c>
      <c r="I19859" s="5" t="s">
        <v>69</v>
      </c>
      <c r="J19859" s="5" t="s">
        <v>61065</v>
      </c>
      <c r="K19859" s="2" t="s">
        <v>61066</v>
      </c>
      <c r="L19859" s="5" t="s">
        <v>61065</v>
      </c>
      <c r="M19859" s="2" t="s">
        <v>61066</v>
      </c>
      <c r="N19859" s="5" t="s">
        <v>733</v>
      </c>
      <c r="O19859" s="5" t="s">
        <v>38</v>
      </c>
      <c r="P19859" s="5" t="s">
        <v>39</v>
      </c>
      <c r="Q19859" s="5" t="s">
        <v>40</v>
      </c>
      <c r="R19859" s="5" t="s">
        <v>897</v>
      </c>
      <c r="S19859" s="5" t="s">
        <v>40</v>
      </c>
      <c r="T19859" s="5" t="s">
        <v>42</v>
      </c>
      <c r="U19859" s="2">
        <v>63.771999999999998</v>
      </c>
      <c r="V19859" s="2">
        <v>58.944000000000003</v>
      </c>
      <c r="W19859" s="2">
        <v>0.27400000000000002</v>
      </c>
      <c r="X19859" s="2">
        <v>17</v>
      </c>
      <c r="Y19859" s="2">
        <v>104.9</v>
      </c>
      <c r="Z19859" s="2">
        <v>153.6</v>
      </c>
      <c r="AA19859" s="5">
        <v>7</v>
      </c>
      <c r="AB19859" s="5" t="s">
        <v>43</v>
      </c>
      <c r="AC19859" s="5" t="s">
        <v>735</v>
      </c>
      <c r="AD19859" s="2" t="s">
        <v>63068</v>
      </c>
      <c r="AE19859" s="1"/>
    </row>
    <row r="19860" spans="1:31" ht="14.45">
      <c r="A19860" s="11"/>
      <c r="B19860" s="20"/>
      <c r="C19860" s="2" t="s">
        <v>63069</v>
      </c>
      <c r="D19860" s="14" t="s">
        <v>63070</v>
      </c>
      <c r="E19860" s="2" t="s">
        <v>63071</v>
      </c>
      <c r="F19860" s="2" t="s">
        <v>63072</v>
      </c>
      <c r="G19860" s="8">
        <v>872</v>
      </c>
      <c r="H19860" s="5">
        <v>5</v>
      </c>
      <c r="I19860" s="5" t="s">
        <v>69</v>
      </c>
      <c r="J19860" s="5" t="s">
        <v>61065</v>
      </c>
      <c r="K19860" s="2" t="s">
        <v>61066</v>
      </c>
      <c r="L19860" s="5" t="s">
        <v>61065</v>
      </c>
      <c r="M19860" s="2" t="s">
        <v>61066</v>
      </c>
      <c r="N19860" s="5" t="s">
        <v>733</v>
      </c>
      <c r="O19860" s="5" t="s">
        <v>38</v>
      </c>
      <c r="P19860" s="5" t="s">
        <v>39</v>
      </c>
      <c r="Q19860" s="5" t="s">
        <v>40</v>
      </c>
      <c r="R19860" s="5" t="s">
        <v>897</v>
      </c>
      <c r="S19860" s="5" t="s">
        <v>40</v>
      </c>
      <c r="T19860" s="5" t="s">
        <v>42</v>
      </c>
      <c r="U19860" s="2">
        <v>52.72</v>
      </c>
      <c r="V19860" s="2">
        <v>47.963000000000001</v>
      </c>
      <c r="W19860" s="2">
        <v>0.27400000000000002</v>
      </c>
      <c r="X19860" s="2">
        <v>17</v>
      </c>
      <c r="Y19860" s="2">
        <v>104.9</v>
      </c>
      <c r="Z19860" s="2">
        <v>153.6</v>
      </c>
      <c r="AA19860" s="5">
        <v>7</v>
      </c>
      <c r="AB19860" s="5" t="s">
        <v>43</v>
      </c>
      <c r="AC19860" s="5" t="s">
        <v>735</v>
      </c>
      <c r="AD19860" s="2" t="s">
        <v>63073</v>
      </c>
      <c r="AE19860" s="1"/>
    </row>
    <row r="19861" spans="1:31" ht="14.45">
      <c r="A19861" s="11"/>
      <c r="B19861" s="20"/>
      <c r="C19861" s="2" t="s">
        <v>63074</v>
      </c>
      <c r="D19861" s="14" t="s">
        <v>63075</v>
      </c>
      <c r="E19861" s="2" t="s">
        <v>63076</v>
      </c>
      <c r="F19861" s="2" t="s">
        <v>63072</v>
      </c>
      <c r="G19861" s="8">
        <v>1172</v>
      </c>
      <c r="H19861" s="5">
        <v>5</v>
      </c>
      <c r="I19861" s="5" t="s">
        <v>69</v>
      </c>
      <c r="J19861" s="5" t="s">
        <v>61065</v>
      </c>
      <c r="K19861" s="2" t="s">
        <v>61066</v>
      </c>
      <c r="L19861" s="5" t="s">
        <v>61065</v>
      </c>
      <c r="M19861" s="2" t="s">
        <v>61066</v>
      </c>
      <c r="N19861" s="5" t="s">
        <v>733</v>
      </c>
      <c r="O19861" s="5" t="s">
        <v>38</v>
      </c>
      <c r="P19861" s="5" t="s">
        <v>39</v>
      </c>
      <c r="Q19861" s="5" t="s">
        <v>40</v>
      </c>
      <c r="R19861" s="5" t="s">
        <v>897</v>
      </c>
      <c r="S19861" s="5" t="s">
        <v>40</v>
      </c>
      <c r="T19861" s="5" t="s">
        <v>42</v>
      </c>
      <c r="U19861" s="2">
        <v>55.563000000000002</v>
      </c>
      <c r="V19861" s="2">
        <v>50.710999999999999</v>
      </c>
      <c r="W19861" s="2">
        <v>0.27400000000000002</v>
      </c>
      <c r="X19861" s="2">
        <v>17</v>
      </c>
      <c r="Y19861" s="2">
        <v>104.9</v>
      </c>
      <c r="Z19861" s="2">
        <v>153.6</v>
      </c>
      <c r="AA19861" s="5">
        <v>7</v>
      </c>
      <c r="AB19861" s="5" t="s">
        <v>43</v>
      </c>
      <c r="AC19861" s="5" t="s">
        <v>735</v>
      </c>
      <c r="AD19861" s="2" t="s">
        <v>63077</v>
      </c>
      <c r="AE19861" s="1"/>
    </row>
    <row r="19862" spans="1:31" ht="14.45">
      <c r="A19862" s="5" t="s">
        <v>116</v>
      </c>
      <c r="B19862" s="21">
        <v>46082</v>
      </c>
      <c r="C19862" s="2" t="s">
        <v>63078</v>
      </c>
      <c r="D19862" s="14" t="s">
        <v>63079</v>
      </c>
      <c r="E19862" s="2" t="s">
        <v>63080</v>
      </c>
      <c r="F19862" s="2" t="s">
        <v>63081</v>
      </c>
      <c r="G19862" s="8">
        <v>1272</v>
      </c>
      <c r="H19862" s="5">
        <v>5</v>
      </c>
      <c r="I19862" s="5" t="s">
        <v>69</v>
      </c>
      <c r="J19862" s="5" t="s">
        <v>61065</v>
      </c>
      <c r="K19862" s="2" t="s">
        <v>61066</v>
      </c>
      <c r="L19862" s="5" t="s">
        <v>61065</v>
      </c>
      <c r="M19862" s="2" t="s">
        <v>61066</v>
      </c>
      <c r="N19862" s="5" t="s">
        <v>733</v>
      </c>
      <c r="O19862" s="5" t="s">
        <v>38</v>
      </c>
      <c r="P19862" s="5" t="s">
        <v>39</v>
      </c>
      <c r="Q19862" s="5" t="s">
        <v>40</v>
      </c>
      <c r="R19862" s="5" t="s">
        <v>897</v>
      </c>
      <c r="S19862" s="5" t="s">
        <v>40</v>
      </c>
      <c r="T19862" s="5" t="s">
        <v>42</v>
      </c>
      <c r="U19862" s="2">
        <v>55.53</v>
      </c>
      <c r="V19862" s="2">
        <v>50.798999999999999</v>
      </c>
      <c r="W19862" s="2">
        <v>0.27400000000000002</v>
      </c>
      <c r="X19862" s="2">
        <v>17</v>
      </c>
      <c r="Y19862" s="2">
        <v>104.9</v>
      </c>
      <c r="Z19862" s="2">
        <v>153.6</v>
      </c>
      <c r="AA19862" s="5">
        <v>7</v>
      </c>
      <c r="AB19862" s="5" t="s">
        <v>43</v>
      </c>
      <c r="AC19862" s="5" t="s">
        <v>735</v>
      </c>
      <c r="AD19862" s="2" t="s">
        <v>63082</v>
      </c>
      <c r="AE19862" s="1"/>
    </row>
    <row r="19863" spans="1:31" ht="14.45">
      <c r="A19863" s="11"/>
      <c r="B19863" s="20"/>
      <c r="C19863" s="2" t="s">
        <v>63083</v>
      </c>
      <c r="D19863" s="14" t="s">
        <v>63084</v>
      </c>
      <c r="E19863" s="2" t="s">
        <v>63085</v>
      </c>
      <c r="F19863" s="2" t="s">
        <v>63072</v>
      </c>
      <c r="G19863" s="8">
        <v>1172</v>
      </c>
      <c r="H19863" s="5">
        <v>5</v>
      </c>
      <c r="I19863" s="5" t="s">
        <v>69</v>
      </c>
      <c r="J19863" s="5" t="s">
        <v>61065</v>
      </c>
      <c r="K19863" s="2" t="s">
        <v>61066</v>
      </c>
      <c r="L19863" s="5" t="s">
        <v>61065</v>
      </c>
      <c r="M19863" s="2" t="s">
        <v>61066</v>
      </c>
      <c r="N19863" s="5" t="s">
        <v>733</v>
      </c>
      <c r="O19863" s="5" t="s">
        <v>38</v>
      </c>
      <c r="P19863" s="5" t="s">
        <v>39</v>
      </c>
      <c r="Q19863" s="5" t="s">
        <v>40</v>
      </c>
      <c r="R19863" s="5" t="s">
        <v>897</v>
      </c>
      <c r="S19863" s="5" t="s">
        <v>40</v>
      </c>
      <c r="T19863" s="5" t="s">
        <v>42</v>
      </c>
      <c r="U19863" s="2">
        <v>54.8</v>
      </c>
      <c r="V19863" s="2">
        <v>49.886000000000003</v>
      </c>
      <c r="W19863" s="2">
        <v>0.27400000000000002</v>
      </c>
      <c r="X19863" s="2">
        <v>17</v>
      </c>
      <c r="Y19863" s="2">
        <v>104.9</v>
      </c>
      <c r="Z19863" s="2">
        <v>153.6</v>
      </c>
      <c r="AA19863" s="5">
        <v>7</v>
      </c>
      <c r="AB19863" s="5" t="s">
        <v>43</v>
      </c>
      <c r="AC19863" s="5" t="s">
        <v>735</v>
      </c>
      <c r="AD19863" s="2" t="s">
        <v>63086</v>
      </c>
      <c r="AE19863" s="1"/>
    </row>
    <row r="19864" spans="1:31" ht="14.45">
      <c r="A19864" s="11"/>
      <c r="B19864" s="20"/>
      <c r="C19864" s="2" t="s">
        <v>63087</v>
      </c>
      <c r="D19864" s="14" t="s">
        <v>63088</v>
      </c>
      <c r="E19864" s="2" t="s">
        <v>63089</v>
      </c>
      <c r="F19864" s="2" t="s">
        <v>63072</v>
      </c>
      <c r="G19864" s="8">
        <v>1419</v>
      </c>
      <c r="H19864" s="5">
        <v>5</v>
      </c>
      <c r="I19864" s="5" t="s">
        <v>69</v>
      </c>
      <c r="J19864" s="5" t="s">
        <v>61065</v>
      </c>
      <c r="K19864" s="2" t="s">
        <v>61066</v>
      </c>
      <c r="L19864" s="5" t="s">
        <v>61065</v>
      </c>
      <c r="M19864" s="2" t="s">
        <v>61066</v>
      </c>
      <c r="N19864" s="5" t="s">
        <v>733</v>
      </c>
      <c r="O19864" s="5" t="s">
        <v>38</v>
      </c>
      <c r="P19864" s="5" t="s">
        <v>39</v>
      </c>
      <c r="Q19864" s="5" t="s">
        <v>40</v>
      </c>
      <c r="R19864" s="5" t="s">
        <v>897</v>
      </c>
      <c r="S19864" s="5" t="s">
        <v>40</v>
      </c>
      <c r="T19864" s="5" t="s">
        <v>42</v>
      </c>
      <c r="U19864" s="2">
        <v>58.317</v>
      </c>
      <c r="V19864" s="2">
        <v>53.555999999999997</v>
      </c>
      <c r="W19864" s="2">
        <v>0.27400000000000002</v>
      </c>
      <c r="X19864" s="2">
        <v>17</v>
      </c>
      <c r="Y19864" s="2">
        <v>104.9</v>
      </c>
      <c r="Z19864" s="2">
        <v>153.6</v>
      </c>
      <c r="AA19864" s="5">
        <v>7</v>
      </c>
      <c r="AB19864" s="5" t="s">
        <v>43</v>
      </c>
      <c r="AC19864" s="5" t="s">
        <v>735</v>
      </c>
      <c r="AD19864" s="2" t="s">
        <v>63090</v>
      </c>
      <c r="AE19864" s="1"/>
    </row>
    <row r="19865" spans="1:31" ht="14.45">
      <c r="A19865" s="11"/>
      <c r="B19865" s="20"/>
      <c r="C19865" s="2" t="s">
        <v>63091</v>
      </c>
      <c r="D19865" s="14" t="s">
        <v>63092</v>
      </c>
      <c r="E19865" s="2" t="s">
        <v>63093</v>
      </c>
      <c r="F19865" s="2" t="s">
        <v>63094</v>
      </c>
      <c r="G19865" s="8">
        <v>1457</v>
      </c>
      <c r="H19865" s="5">
        <v>10</v>
      </c>
      <c r="I19865" s="5" t="s">
        <v>69</v>
      </c>
      <c r="J19865" s="5" t="s">
        <v>61065</v>
      </c>
      <c r="K19865" s="2" t="s">
        <v>61066</v>
      </c>
      <c r="L19865" s="5" t="s">
        <v>61065</v>
      </c>
      <c r="M19865" s="2" t="s">
        <v>61066</v>
      </c>
      <c r="N19865" s="5" t="s">
        <v>733</v>
      </c>
      <c r="O19865" s="5" t="s">
        <v>38</v>
      </c>
      <c r="P19865" s="5" t="s">
        <v>39</v>
      </c>
      <c r="Q19865" s="5" t="s">
        <v>40</v>
      </c>
      <c r="R19865" s="5" t="s">
        <v>897</v>
      </c>
      <c r="S19865" s="5" t="s">
        <v>40</v>
      </c>
      <c r="T19865" s="5" t="s">
        <v>42</v>
      </c>
      <c r="U19865" s="2">
        <v>56.604999999999997</v>
      </c>
      <c r="V19865" s="2">
        <v>51.866999999999997</v>
      </c>
      <c r="W19865" s="2">
        <v>0.27400000000000002</v>
      </c>
      <c r="X19865" s="2">
        <v>17</v>
      </c>
      <c r="Y19865" s="2">
        <v>104.9</v>
      </c>
      <c r="Z19865" s="2">
        <v>153.6</v>
      </c>
      <c r="AA19865" s="5">
        <v>7</v>
      </c>
      <c r="AB19865" s="5" t="s">
        <v>43</v>
      </c>
      <c r="AC19865" s="5" t="s">
        <v>735</v>
      </c>
      <c r="AD19865" s="2" t="s">
        <v>63095</v>
      </c>
      <c r="AE19865" s="1"/>
    </row>
    <row r="19866" spans="1:31" ht="14.45">
      <c r="A19866" s="11"/>
      <c r="B19866" s="20"/>
      <c r="C19866" s="2" t="s">
        <v>63096</v>
      </c>
      <c r="D19866" s="14" t="s">
        <v>63097</v>
      </c>
      <c r="E19866" s="2" t="s">
        <v>63098</v>
      </c>
      <c r="F19866" s="2" t="s">
        <v>63099</v>
      </c>
      <c r="G19866" s="8">
        <v>1163</v>
      </c>
      <c r="H19866" s="5">
        <v>5</v>
      </c>
      <c r="I19866" s="5" t="s">
        <v>69</v>
      </c>
      <c r="J19866" s="5" t="s">
        <v>61065</v>
      </c>
      <c r="K19866" s="2" t="s">
        <v>61066</v>
      </c>
      <c r="L19866" s="5" t="s">
        <v>61065</v>
      </c>
      <c r="M19866" s="2" t="s">
        <v>61066</v>
      </c>
      <c r="N19866" s="5" t="s">
        <v>733</v>
      </c>
      <c r="O19866" s="5" t="s">
        <v>38</v>
      </c>
      <c r="P19866" s="5" t="s">
        <v>39</v>
      </c>
      <c r="Q19866" s="5" t="s">
        <v>40</v>
      </c>
      <c r="R19866" s="5" t="s">
        <v>897</v>
      </c>
      <c r="S19866" s="5" t="s">
        <v>40</v>
      </c>
      <c r="T19866" s="5" t="s">
        <v>42</v>
      </c>
      <c r="U19866" s="2">
        <v>60.881999999999998</v>
      </c>
      <c r="V19866" s="2">
        <v>56.154000000000003</v>
      </c>
      <c r="W19866" s="2">
        <v>0.27400000000000002</v>
      </c>
      <c r="X19866" s="2">
        <v>17</v>
      </c>
      <c r="Y19866" s="2">
        <v>104.9</v>
      </c>
      <c r="Z19866" s="2">
        <v>153.6</v>
      </c>
      <c r="AA19866" s="5">
        <v>7</v>
      </c>
      <c r="AB19866" s="5" t="s">
        <v>43</v>
      </c>
      <c r="AC19866" s="5" t="s">
        <v>735</v>
      </c>
      <c r="AD19866" s="2" t="s">
        <v>63100</v>
      </c>
      <c r="AE19866" s="1"/>
    </row>
    <row r="19867" spans="1:31" ht="14.45">
      <c r="A19867" s="11"/>
      <c r="B19867" s="20"/>
      <c r="C19867" s="2" t="s">
        <v>63101</v>
      </c>
      <c r="D19867" s="14" t="s">
        <v>63102</v>
      </c>
      <c r="E19867" s="2" t="s">
        <v>63103</v>
      </c>
      <c r="F19867" s="2" t="s">
        <v>63099</v>
      </c>
      <c r="G19867" s="8">
        <v>1463</v>
      </c>
      <c r="H19867" s="5">
        <v>5</v>
      </c>
      <c r="I19867" s="5" t="s">
        <v>69</v>
      </c>
      <c r="J19867" s="5" t="s">
        <v>61065</v>
      </c>
      <c r="K19867" s="2" t="s">
        <v>61066</v>
      </c>
      <c r="L19867" s="5" t="s">
        <v>61065</v>
      </c>
      <c r="M19867" s="2" t="s">
        <v>61066</v>
      </c>
      <c r="N19867" s="5" t="s">
        <v>733</v>
      </c>
      <c r="O19867" s="5" t="s">
        <v>38</v>
      </c>
      <c r="P19867" s="5" t="s">
        <v>39</v>
      </c>
      <c r="Q19867" s="5" t="s">
        <v>40</v>
      </c>
      <c r="R19867" s="5" t="s">
        <v>897</v>
      </c>
      <c r="S19867" s="5" t="s">
        <v>40</v>
      </c>
      <c r="T19867" s="5" t="s">
        <v>42</v>
      </c>
      <c r="U19867" s="2">
        <v>63.658999999999999</v>
      </c>
      <c r="V19867" s="2">
        <v>58.831000000000003</v>
      </c>
      <c r="W19867" s="2">
        <v>0.27400000000000002</v>
      </c>
      <c r="X19867" s="2">
        <v>17</v>
      </c>
      <c r="Y19867" s="2">
        <v>104.9</v>
      </c>
      <c r="Z19867" s="2">
        <v>153.6</v>
      </c>
      <c r="AA19867" s="5">
        <v>7</v>
      </c>
      <c r="AB19867" s="5" t="s">
        <v>43</v>
      </c>
      <c r="AC19867" s="5" t="s">
        <v>735</v>
      </c>
      <c r="AD19867" s="2" t="s">
        <v>63104</v>
      </c>
      <c r="AE19867" s="1"/>
    </row>
    <row r="19868" spans="1:31" ht="14.45">
      <c r="A19868" s="5" t="s">
        <v>116</v>
      </c>
      <c r="B19868" s="21">
        <v>46082</v>
      </c>
      <c r="C19868" s="2" t="s">
        <v>63105</v>
      </c>
      <c r="D19868" s="14" t="s">
        <v>63106</v>
      </c>
      <c r="E19868" s="2" t="s">
        <v>63107</v>
      </c>
      <c r="F19868" s="2" t="s">
        <v>63108</v>
      </c>
      <c r="G19868" s="8">
        <v>1563</v>
      </c>
      <c r="H19868" s="5">
        <v>5</v>
      </c>
      <c r="I19868" s="5" t="s">
        <v>69</v>
      </c>
      <c r="J19868" s="5" t="s">
        <v>61065</v>
      </c>
      <c r="K19868" s="2" t="s">
        <v>61066</v>
      </c>
      <c r="L19868" s="5" t="s">
        <v>61065</v>
      </c>
      <c r="M19868" s="2" t="s">
        <v>61066</v>
      </c>
      <c r="N19868" s="5" t="s">
        <v>733</v>
      </c>
      <c r="O19868" s="5" t="s">
        <v>38</v>
      </c>
      <c r="P19868" s="5" t="s">
        <v>39</v>
      </c>
      <c r="Q19868" s="5" t="s">
        <v>40</v>
      </c>
      <c r="R19868" s="5" t="s">
        <v>897</v>
      </c>
      <c r="S19868" s="5" t="s">
        <v>40</v>
      </c>
      <c r="T19868" s="5" t="s">
        <v>42</v>
      </c>
      <c r="U19868" s="2">
        <v>63.673000000000002</v>
      </c>
      <c r="V19868" s="2">
        <v>58.966000000000001</v>
      </c>
      <c r="W19868" s="2">
        <v>0.27400000000000002</v>
      </c>
      <c r="X19868" s="2">
        <v>17</v>
      </c>
      <c r="Y19868" s="2">
        <v>104.9</v>
      </c>
      <c r="Z19868" s="2">
        <v>153.6</v>
      </c>
      <c r="AA19868" s="5">
        <v>7</v>
      </c>
      <c r="AB19868" s="5" t="s">
        <v>43</v>
      </c>
      <c r="AC19868" s="5" t="s">
        <v>735</v>
      </c>
      <c r="AD19868" s="2" t="s">
        <v>63109</v>
      </c>
      <c r="AE19868" s="1"/>
    </row>
    <row r="19869" spans="1:31" ht="14.45">
      <c r="A19869" s="11"/>
      <c r="B19869" s="20"/>
      <c r="C19869" s="2" t="s">
        <v>63110</v>
      </c>
      <c r="D19869" s="14" t="s">
        <v>63111</v>
      </c>
      <c r="E19869" s="2" t="s">
        <v>63112</v>
      </c>
      <c r="F19869" s="2" t="s">
        <v>63099</v>
      </c>
      <c r="G19869" s="8">
        <v>1463</v>
      </c>
      <c r="H19869" s="5">
        <v>5</v>
      </c>
      <c r="I19869" s="5" t="s">
        <v>69</v>
      </c>
      <c r="J19869" s="5" t="s">
        <v>61065</v>
      </c>
      <c r="K19869" s="2" t="s">
        <v>61066</v>
      </c>
      <c r="L19869" s="5" t="s">
        <v>61065</v>
      </c>
      <c r="M19869" s="2" t="s">
        <v>61066</v>
      </c>
      <c r="N19869" s="5" t="s">
        <v>733</v>
      </c>
      <c r="O19869" s="5" t="s">
        <v>38</v>
      </c>
      <c r="P19869" s="5" t="s">
        <v>39</v>
      </c>
      <c r="Q19869" s="5" t="s">
        <v>40</v>
      </c>
      <c r="R19869" s="5" t="s">
        <v>897</v>
      </c>
      <c r="S19869" s="5" t="s">
        <v>40</v>
      </c>
      <c r="T19869" s="5" t="s">
        <v>42</v>
      </c>
      <c r="U19869" s="2">
        <v>62.901000000000003</v>
      </c>
      <c r="V19869" s="2">
        <v>58.011000000000003</v>
      </c>
      <c r="W19869" s="2">
        <v>0.27400000000000002</v>
      </c>
      <c r="X19869" s="2">
        <v>17</v>
      </c>
      <c r="Y19869" s="2">
        <v>104.9</v>
      </c>
      <c r="Z19869" s="2">
        <v>153.6</v>
      </c>
      <c r="AA19869" s="5">
        <v>7</v>
      </c>
      <c r="AB19869" s="5" t="s">
        <v>43</v>
      </c>
      <c r="AC19869" s="5" t="s">
        <v>735</v>
      </c>
      <c r="AD19869" s="2" t="s">
        <v>63113</v>
      </c>
      <c r="AE19869" s="1"/>
    </row>
    <row r="19870" spans="1:31" ht="14.45">
      <c r="A19870" s="5"/>
      <c r="B19870" s="21"/>
      <c r="C19870" s="2" t="s">
        <v>63114</v>
      </c>
      <c r="D19870" s="14" t="s">
        <v>63115</v>
      </c>
      <c r="E19870" s="2" t="s">
        <v>63116</v>
      </c>
      <c r="F19870" s="2" t="s">
        <v>63117</v>
      </c>
      <c r="G19870" s="8">
        <v>1710</v>
      </c>
      <c r="H19870" s="5">
        <v>5</v>
      </c>
      <c r="I19870" s="5" t="s">
        <v>69</v>
      </c>
      <c r="J19870" s="5" t="s">
        <v>61065</v>
      </c>
      <c r="K19870" s="2" t="s">
        <v>61066</v>
      </c>
      <c r="L19870" s="5" t="s">
        <v>61065</v>
      </c>
      <c r="M19870" s="2" t="s">
        <v>61066</v>
      </c>
      <c r="N19870" s="5" t="s">
        <v>733</v>
      </c>
      <c r="O19870" s="5" t="s">
        <v>38</v>
      </c>
      <c r="P19870" s="5" t="s">
        <v>39</v>
      </c>
      <c r="Q19870" s="5" t="s">
        <v>40</v>
      </c>
      <c r="R19870" s="5" t="s">
        <v>897</v>
      </c>
      <c r="S19870" s="5" t="s">
        <v>40</v>
      </c>
      <c r="T19870" s="5" t="s">
        <v>42</v>
      </c>
      <c r="U19870" s="2">
        <v>66.372</v>
      </c>
      <c r="V19870" s="2">
        <v>61.63</v>
      </c>
      <c r="W19870" s="2">
        <v>0.27400000000000002</v>
      </c>
      <c r="X19870" s="2">
        <v>17</v>
      </c>
      <c r="Y19870" s="2">
        <v>104.9</v>
      </c>
      <c r="Z19870" s="2">
        <v>153.6</v>
      </c>
      <c r="AA19870" s="5">
        <v>7</v>
      </c>
      <c r="AB19870" s="5" t="s">
        <v>43</v>
      </c>
      <c r="AC19870" s="5" t="s">
        <v>735</v>
      </c>
      <c r="AD19870" s="2"/>
      <c r="AE19870" s="1"/>
    </row>
    <row r="19871" spans="1:31" ht="14.45">
      <c r="A19871" s="11"/>
      <c r="B19871" s="20"/>
      <c r="C19871" s="2" t="s">
        <v>63118</v>
      </c>
      <c r="D19871" s="14" t="s">
        <v>63119</v>
      </c>
      <c r="E19871" s="2" t="s">
        <v>63120</v>
      </c>
      <c r="F19871" s="2" t="s">
        <v>63121</v>
      </c>
      <c r="G19871" s="8">
        <v>1750</v>
      </c>
      <c r="H19871" s="5">
        <v>5</v>
      </c>
      <c r="I19871" s="5" t="s">
        <v>69</v>
      </c>
      <c r="J19871" s="5" t="s">
        <v>61065</v>
      </c>
      <c r="K19871" s="2" t="s">
        <v>61066</v>
      </c>
      <c r="L19871" s="5" t="s">
        <v>61065</v>
      </c>
      <c r="M19871" s="2" t="s">
        <v>61066</v>
      </c>
      <c r="N19871" s="5" t="s">
        <v>733</v>
      </c>
      <c r="O19871" s="5" t="s">
        <v>38</v>
      </c>
      <c r="P19871" s="5" t="s">
        <v>39</v>
      </c>
      <c r="Q19871" s="5" t="s">
        <v>40</v>
      </c>
      <c r="R19871" s="5" t="s">
        <v>897</v>
      </c>
      <c r="S19871" s="5" t="s">
        <v>40</v>
      </c>
      <c r="T19871" s="5" t="s">
        <v>42</v>
      </c>
      <c r="U19871" s="2">
        <v>66.897999999999996</v>
      </c>
      <c r="V19871" s="2">
        <v>62.140999999999998</v>
      </c>
      <c r="W19871" s="2">
        <v>0.27400000000000002</v>
      </c>
      <c r="X19871" s="2">
        <v>17</v>
      </c>
      <c r="Y19871" s="2">
        <v>104.9</v>
      </c>
      <c r="Z19871" s="2">
        <v>153.6</v>
      </c>
      <c r="AA19871" s="5">
        <v>7</v>
      </c>
      <c r="AB19871" s="5" t="s">
        <v>43</v>
      </c>
      <c r="AC19871" s="5" t="s">
        <v>735</v>
      </c>
      <c r="AD19871" s="2" t="s">
        <v>63122</v>
      </c>
      <c r="AE19871" s="1"/>
    </row>
    <row r="19872" spans="1:31" ht="14.45">
      <c r="A19872" s="11"/>
      <c r="B19872" s="20"/>
      <c r="C19872" s="2" t="s">
        <v>63123</v>
      </c>
      <c r="D19872" s="14" t="s">
        <v>63124</v>
      </c>
      <c r="E19872" s="2" t="s">
        <v>63125</v>
      </c>
      <c r="F19872" s="2" t="s">
        <v>63126</v>
      </c>
      <c r="G19872" s="8">
        <v>2050</v>
      </c>
      <c r="H19872" s="5">
        <v>10</v>
      </c>
      <c r="I19872" s="5" t="s">
        <v>69</v>
      </c>
      <c r="J19872" s="5" t="s">
        <v>61065</v>
      </c>
      <c r="K19872" s="2" t="s">
        <v>61066</v>
      </c>
      <c r="L19872" s="5" t="s">
        <v>61065</v>
      </c>
      <c r="M19872" s="2" t="s">
        <v>61066</v>
      </c>
      <c r="N19872" s="5" t="s">
        <v>733</v>
      </c>
      <c r="O19872" s="5" t="s">
        <v>38</v>
      </c>
      <c r="P19872" s="5" t="s">
        <v>39</v>
      </c>
      <c r="Q19872" s="5" t="s">
        <v>40</v>
      </c>
      <c r="R19872" s="5" t="s">
        <v>897</v>
      </c>
      <c r="S19872" s="5" t="s">
        <v>40</v>
      </c>
      <c r="T19872" s="5" t="s">
        <v>42</v>
      </c>
      <c r="U19872" s="2">
        <v>67.343000000000004</v>
      </c>
      <c r="V19872" s="2">
        <v>62.497999999999998</v>
      </c>
      <c r="W19872" s="2">
        <v>0.27400000000000002</v>
      </c>
      <c r="X19872" s="2">
        <v>17</v>
      </c>
      <c r="Y19872" s="2">
        <v>104.9</v>
      </c>
      <c r="Z19872" s="2">
        <v>153.6</v>
      </c>
      <c r="AA19872" s="5">
        <v>7</v>
      </c>
      <c r="AB19872" s="5" t="s">
        <v>43</v>
      </c>
      <c r="AC19872" s="5" t="s">
        <v>735</v>
      </c>
      <c r="AD19872" s="2" t="s">
        <v>63127</v>
      </c>
      <c r="AE19872" s="1"/>
    </row>
    <row r="19873" spans="1:31" ht="14.45">
      <c r="A19873" s="5" t="s">
        <v>116</v>
      </c>
      <c r="B19873" s="21">
        <v>46082</v>
      </c>
      <c r="C19873" s="2" t="s">
        <v>63128</v>
      </c>
      <c r="D19873" s="14" t="s">
        <v>63129</v>
      </c>
      <c r="E19873" s="2" t="s">
        <v>63130</v>
      </c>
      <c r="F19873" s="2" t="s">
        <v>63131</v>
      </c>
      <c r="G19873" s="8">
        <v>2150</v>
      </c>
      <c r="H19873" s="5">
        <v>5</v>
      </c>
      <c r="I19873" s="5" t="s">
        <v>69</v>
      </c>
      <c r="J19873" s="5" t="s">
        <v>61065</v>
      </c>
      <c r="K19873" s="2" t="s">
        <v>61066</v>
      </c>
      <c r="L19873" s="5" t="s">
        <v>61065</v>
      </c>
      <c r="M19873" s="2" t="s">
        <v>61066</v>
      </c>
      <c r="N19873" s="5" t="s">
        <v>733</v>
      </c>
      <c r="O19873" s="5" t="s">
        <v>38</v>
      </c>
      <c r="P19873" s="5" t="s">
        <v>39</v>
      </c>
      <c r="Q19873" s="5" t="s">
        <v>40</v>
      </c>
      <c r="R19873" s="5" t="s">
        <v>897</v>
      </c>
      <c r="S19873" s="5" t="s">
        <v>40</v>
      </c>
      <c r="T19873" s="5" t="s">
        <v>42</v>
      </c>
      <c r="U19873" s="2">
        <v>67.432000000000002</v>
      </c>
      <c r="V19873" s="2">
        <v>62.725000000000001</v>
      </c>
      <c r="W19873" s="2">
        <v>0.27400000000000002</v>
      </c>
      <c r="X19873" s="2">
        <v>17</v>
      </c>
      <c r="Y19873" s="2">
        <v>104.9</v>
      </c>
      <c r="Z19873" s="2">
        <v>153.6</v>
      </c>
      <c r="AA19873" s="5">
        <v>7</v>
      </c>
      <c r="AB19873" s="5" t="s">
        <v>43</v>
      </c>
      <c r="AC19873" s="5" t="s">
        <v>735</v>
      </c>
      <c r="AD19873" s="2" t="s">
        <v>63132</v>
      </c>
      <c r="AE19873" s="1"/>
    </row>
    <row r="19874" spans="1:31" ht="14.45">
      <c r="A19874" s="11"/>
      <c r="B19874" s="20"/>
      <c r="C19874" s="2" t="s">
        <v>63133</v>
      </c>
      <c r="D19874" s="14" t="s">
        <v>63134</v>
      </c>
      <c r="E19874" s="2" t="s">
        <v>63135</v>
      </c>
      <c r="F19874" s="2" t="s">
        <v>63136</v>
      </c>
      <c r="G19874" s="8">
        <v>1640</v>
      </c>
      <c r="H19874" s="5">
        <v>5</v>
      </c>
      <c r="I19874" s="5" t="s">
        <v>69</v>
      </c>
      <c r="J19874" s="5" t="s">
        <v>61065</v>
      </c>
      <c r="K19874" s="2" t="s">
        <v>61066</v>
      </c>
      <c r="L19874" s="5" t="s">
        <v>61065</v>
      </c>
      <c r="M19874" s="2" t="s">
        <v>61066</v>
      </c>
      <c r="N19874" s="5" t="s">
        <v>733</v>
      </c>
      <c r="O19874" s="5" t="s">
        <v>38</v>
      </c>
      <c r="P19874" s="5" t="s">
        <v>39</v>
      </c>
      <c r="Q19874" s="5" t="s">
        <v>40</v>
      </c>
      <c r="R19874" s="5" t="s">
        <v>897</v>
      </c>
      <c r="S19874" s="5" t="s">
        <v>40</v>
      </c>
      <c r="T19874" s="5" t="s">
        <v>42</v>
      </c>
      <c r="U19874" s="2">
        <v>59.24</v>
      </c>
      <c r="V19874" s="2">
        <v>54.371000000000002</v>
      </c>
      <c r="W19874" s="2">
        <v>0.27400000000000002</v>
      </c>
      <c r="X19874" s="2">
        <v>17</v>
      </c>
      <c r="Y19874" s="2">
        <v>104.9</v>
      </c>
      <c r="Z19874" s="2">
        <v>153.6</v>
      </c>
      <c r="AA19874" s="5">
        <v>7</v>
      </c>
      <c r="AB19874" s="5" t="s">
        <v>43</v>
      </c>
      <c r="AC19874" s="5" t="s">
        <v>735</v>
      </c>
      <c r="AD19874" s="2" t="s">
        <v>63137</v>
      </c>
      <c r="AE19874" s="1"/>
    </row>
    <row r="19875" spans="1:31" ht="14.45">
      <c r="A19875" s="5" t="s">
        <v>116</v>
      </c>
      <c r="B19875" s="21">
        <v>46082</v>
      </c>
      <c r="C19875" s="2" t="s">
        <v>63138</v>
      </c>
      <c r="D19875" s="14" t="s">
        <v>63139</v>
      </c>
      <c r="E19875" s="2" t="s">
        <v>63140</v>
      </c>
      <c r="F19875" s="2" t="s">
        <v>63141</v>
      </c>
      <c r="G19875" s="8">
        <v>1740</v>
      </c>
      <c r="H19875" s="5">
        <v>5</v>
      </c>
      <c r="I19875" s="5" t="s">
        <v>69</v>
      </c>
      <c r="J19875" s="5" t="s">
        <v>61065</v>
      </c>
      <c r="K19875" s="2" t="s">
        <v>61066</v>
      </c>
      <c r="L19875" s="5" t="s">
        <v>61065</v>
      </c>
      <c r="M19875" s="2" t="s">
        <v>61066</v>
      </c>
      <c r="N19875" s="5" t="s">
        <v>733</v>
      </c>
      <c r="O19875" s="5" t="s">
        <v>38</v>
      </c>
      <c r="P19875" s="5" t="s">
        <v>39</v>
      </c>
      <c r="Q19875" s="5" t="s">
        <v>40</v>
      </c>
      <c r="R19875" s="5" t="s">
        <v>897</v>
      </c>
      <c r="S19875" s="5" t="s">
        <v>40</v>
      </c>
      <c r="T19875" s="5" t="s">
        <v>42</v>
      </c>
      <c r="U19875" s="2">
        <v>59.329000000000001</v>
      </c>
      <c r="V19875" s="2">
        <v>54.597999999999999</v>
      </c>
      <c r="W19875" s="2">
        <v>0.27400000000000002</v>
      </c>
      <c r="X19875" s="2">
        <v>17</v>
      </c>
      <c r="Y19875" s="2">
        <v>104.9</v>
      </c>
      <c r="Z19875" s="2">
        <v>153.6</v>
      </c>
      <c r="AA19875" s="5">
        <v>7</v>
      </c>
      <c r="AB19875" s="5" t="s">
        <v>43</v>
      </c>
      <c r="AC19875" s="5" t="s">
        <v>735</v>
      </c>
      <c r="AD19875" s="2" t="s">
        <v>63142</v>
      </c>
      <c r="AE19875" s="1"/>
    </row>
    <row r="19876" spans="1:31" ht="14.45">
      <c r="A19876" s="11"/>
      <c r="B19876" s="20"/>
      <c r="C19876" s="2" t="s">
        <v>63143</v>
      </c>
      <c r="D19876" s="14" t="s">
        <v>63144</v>
      </c>
      <c r="E19876" s="2" t="s">
        <v>63145</v>
      </c>
      <c r="F19876" s="2" t="s">
        <v>63146</v>
      </c>
      <c r="G19876" s="8">
        <v>1631</v>
      </c>
      <c r="H19876" s="5">
        <v>5</v>
      </c>
      <c r="I19876" s="5" t="s">
        <v>69</v>
      </c>
      <c r="J19876" s="5" t="s">
        <v>61065</v>
      </c>
      <c r="K19876" s="2" t="s">
        <v>61066</v>
      </c>
      <c r="L19876" s="5" t="s">
        <v>61065</v>
      </c>
      <c r="M19876" s="2" t="s">
        <v>61066</v>
      </c>
      <c r="N19876" s="5" t="s">
        <v>733</v>
      </c>
      <c r="O19876" s="5" t="s">
        <v>38</v>
      </c>
      <c r="P19876" s="5" t="s">
        <v>39</v>
      </c>
      <c r="Q19876" s="5" t="s">
        <v>40</v>
      </c>
      <c r="R19876" s="5" t="s">
        <v>897</v>
      </c>
      <c r="S19876" s="5" t="s">
        <v>40</v>
      </c>
      <c r="T19876" s="5" t="s">
        <v>42</v>
      </c>
      <c r="U19876" s="2">
        <v>66.849000000000004</v>
      </c>
      <c r="V19876" s="2">
        <v>62.091999999999999</v>
      </c>
      <c r="W19876" s="2">
        <v>0.27400000000000002</v>
      </c>
      <c r="X19876" s="2">
        <v>17</v>
      </c>
      <c r="Y19876" s="2">
        <v>104.9</v>
      </c>
      <c r="Z19876" s="2">
        <v>153.6</v>
      </c>
      <c r="AA19876" s="5">
        <v>7</v>
      </c>
      <c r="AB19876" s="5" t="s">
        <v>43</v>
      </c>
      <c r="AC19876" s="5" t="s">
        <v>735</v>
      </c>
      <c r="AD19876" s="2" t="s">
        <v>63147</v>
      </c>
      <c r="AE19876" s="1"/>
    </row>
    <row r="19877" spans="1:31" ht="14.45">
      <c r="A19877" s="11"/>
      <c r="B19877" s="20"/>
      <c r="C19877" s="2" t="s">
        <v>63148</v>
      </c>
      <c r="D19877" s="14" t="s">
        <v>63149</v>
      </c>
      <c r="E19877" s="2" t="s">
        <v>63150</v>
      </c>
      <c r="F19877" s="2" t="s">
        <v>63146</v>
      </c>
      <c r="G19877" s="8">
        <v>1931</v>
      </c>
      <c r="H19877" s="5">
        <v>10</v>
      </c>
      <c r="I19877" s="5" t="s">
        <v>69</v>
      </c>
      <c r="J19877" s="5" t="s">
        <v>61065</v>
      </c>
      <c r="K19877" s="2" t="s">
        <v>61066</v>
      </c>
      <c r="L19877" s="5" t="s">
        <v>61065</v>
      </c>
      <c r="M19877" s="2" t="s">
        <v>61066</v>
      </c>
      <c r="N19877" s="5" t="s">
        <v>733</v>
      </c>
      <c r="O19877" s="5" t="s">
        <v>38</v>
      </c>
      <c r="P19877" s="5" t="s">
        <v>39</v>
      </c>
      <c r="Q19877" s="5" t="s">
        <v>40</v>
      </c>
      <c r="R19877" s="5" t="s">
        <v>897</v>
      </c>
      <c r="S19877" s="5" t="s">
        <v>40</v>
      </c>
      <c r="T19877" s="5" t="s">
        <v>42</v>
      </c>
      <c r="U19877" s="2">
        <v>67.293999999999997</v>
      </c>
      <c r="V19877" s="2">
        <v>62.448999999999998</v>
      </c>
      <c r="W19877" s="2">
        <v>0.27400000000000002</v>
      </c>
      <c r="X19877" s="2">
        <v>17</v>
      </c>
      <c r="Y19877" s="2">
        <v>104.9</v>
      </c>
      <c r="Z19877" s="2">
        <v>153.6</v>
      </c>
      <c r="AA19877" s="5">
        <v>7</v>
      </c>
      <c r="AB19877" s="5" t="s">
        <v>43</v>
      </c>
      <c r="AC19877" s="5" t="s">
        <v>735</v>
      </c>
      <c r="AD19877" s="2" t="s">
        <v>63151</v>
      </c>
      <c r="AE19877" s="1"/>
    </row>
    <row r="19878" spans="1:31" ht="14.45">
      <c r="A19878" s="5" t="s">
        <v>116</v>
      </c>
      <c r="B19878" s="21">
        <v>46082</v>
      </c>
      <c r="C19878" s="2" t="s">
        <v>63152</v>
      </c>
      <c r="D19878" s="14" t="s">
        <v>63153</v>
      </c>
      <c r="E19878" s="2" t="s">
        <v>63154</v>
      </c>
      <c r="F19878" s="2" t="s">
        <v>63155</v>
      </c>
      <c r="G19878" s="8">
        <v>2031</v>
      </c>
      <c r="H19878" s="5">
        <v>5</v>
      </c>
      <c r="I19878" s="5" t="s">
        <v>69</v>
      </c>
      <c r="J19878" s="5" t="s">
        <v>61065</v>
      </c>
      <c r="K19878" s="2" t="s">
        <v>61066</v>
      </c>
      <c r="L19878" s="5" t="s">
        <v>61065</v>
      </c>
      <c r="M19878" s="2" t="s">
        <v>61066</v>
      </c>
      <c r="N19878" s="5" t="s">
        <v>733</v>
      </c>
      <c r="O19878" s="5" t="s">
        <v>38</v>
      </c>
      <c r="P19878" s="5" t="s">
        <v>39</v>
      </c>
      <c r="Q19878" s="5" t="s">
        <v>40</v>
      </c>
      <c r="R19878" s="5" t="s">
        <v>897</v>
      </c>
      <c r="S19878" s="5" t="s">
        <v>40</v>
      </c>
      <c r="T19878" s="5" t="s">
        <v>42</v>
      </c>
      <c r="U19878" s="2">
        <v>67.382999999999996</v>
      </c>
      <c r="V19878" s="2">
        <v>62.676000000000002</v>
      </c>
      <c r="W19878" s="2">
        <v>0.27400000000000002</v>
      </c>
      <c r="X19878" s="2">
        <v>17</v>
      </c>
      <c r="Y19878" s="2">
        <v>104.9</v>
      </c>
      <c r="Z19878" s="2">
        <v>153.6</v>
      </c>
      <c r="AA19878" s="5">
        <v>7</v>
      </c>
      <c r="AB19878" s="5" t="s">
        <v>43</v>
      </c>
      <c r="AC19878" s="5" t="s">
        <v>735</v>
      </c>
      <c r="AD19878" s="2" t="s">
        <v>63156</v>
      </c>
      <c r="AE19878" s="1"/>
    </row>
    <row r="19879" spans="1:31" ht="14.45">
      <c r="A19879" s="11"/>
      <c r="B19879" s="20"/>
      <c r="C19879" s="2" t="s">
        <v>63157</v>
      </c>
      <c r="D19879" s="14" t="s">
        <v>63158</v>
      </c>
      <c r="E19879" s="2" t="s">
        <v>63159</v>
      </c>
      <c r="F19879" s="2" t="s">
        <v>63160</v>
      </c>
      <c r="G19879" s="8">
        <v>1750</v>
      </c>
      <c r="H19879" s="5">
        <v>10</v>
      </c>
      <c r="I19879" s="5" t="s">
        <v>69</v>
      </c>
      <c r="J19879" s="5" t="s">
        <v>61065</v>
      </c>
      <c r="K19879" s="2" t="s">
        <v>61066</v>
      </c>
      <c r="L19879" s="5" t="s">
        <v>61065</v>
      </c>
      <c r="M19879" s="2" t="s">
        <v>61066</v>
      </c>
      <c r="N19879" s="5" t="s">
        <v>733</v>
      </c>
      <c r="O19879" s="5" t="s">
        <v>38</v>
      </c>
      <c r="P19879" s="5" t="s">
        <v>39</v>
      </c>
      <c r="Q19879" s="5" t="s">
        <v>40</v>
      </c>
      <c r="R19879" s="5" t="s">
        <v>897</v>
      </c>
      <c r="S19879" s="5" t="s">
        <v>40</v>
      </c>
      <c r="T19879" s="5" t="s">
        <v>42</v>
      </c>
      <c r="U19879" s="2">
        <v>65.876000000000005</v>
      </c>
      <c r="V19879" s="2">
        <v>61.119</v>
      </c>
      <c r="W19879" s="2">
        <v>0.27400000000000002</v>
      </c>
      <c r="X19879" s="2">
        <v>17</v>
      </c>
      <c r="Y19879" s="2">
        <v>104.9</v>
      </c>
      <c r="Z19879" s="2">
        <v>153.6</v>
      </c>
      <c r="AA19879" s="5">
        <v>7</v>
      </c>
      <c r="AB19879" s="5" t="s">
        <v>43</v>
      </c>
      <c r="AC19879" s="5" t="s">
        <v>735</v>
      </c>
      <c r="AD19879" s="2" t="s">
        <v>63161</v>
      </c>
      <c r="AE19879" s="1"/>
    </row>
    <row r="19880" spans="1:31" ht="14.45">
      <c r="A19880" s="11"/>
      <c r="B19880" s="20"/>
      <c r="C19880" s="2" t="s">
        <v>63162</v>
      </c>
      <c r="D19880" s="14" t="s">
        <v>63163</v>
      </c>
      <c r="E19880" s="2" t="s">
        <v>63164</v>
      </c>
      <c r="F19880" s="2" t="s">
        <v>63165</v>
      </c>
      <c r="G19880" s="8">
        <v>2050</v>
      </c>
      <c r="H19880" s="5">
        <v>10</v>
      </c>
      <c r="I19880" s="5" t="s">
        <v>69</v>
      </c>
      <c r="J19880" s="5" t="s">
        <v>61065</v>
      </c>
      <c r="K19880" s="2" t="s">
        <v>61066</v>
      </c>
      <c r="L19880" s="5" t="s">
        <v>61065</v>
      </c>
      <c r="M19880" s="2" t="s">
        <v>61066</v>
      </c>
      <c r="N19880" s="5" t="s">
        <v>733</v>
      </c>
      <c r="O19880" s="5" t="s">
        <v>38</v>
      </c>
      <c r="P19880" s="5" t="s">
        <v>39</v>
      </c>
      <c r="Q19880" s="5" t="s">
        <v>40</v>
      </c>
      <c r="R19880" s="5" t="s">
        <v>897</v>
      </c>
      <c r="S19880" s="5" t="s">
        <v>40</v>
      </c>
      <c r="T19880" s="5" t="s">
        <v>42</v>
      </c>
      <c r="U19880" s="2">
        <v>66.320999999999998</v>
      </c>
      <c r="V19880" s="2">
        <v>61.475999999999999</v>
      </c>
      <c r="W19880" s="2">
        <v>0.27400000000000002</v>
      </c>
      <c r="X19880" s="2">
        <v>17</v>
      </c>
      <c r="Y19880" s="2">
        <v>104.9</v>
      </c>
      <c r="Z19880" s="2">
        <v>153.6</v>
      </c>
      <c r="AA19880" s="5">
        <v>7</v>
      </c>
      <c r="AB19880" s="5" t="s">
        <v>43</v>
      </c>
      <c r="AC19880" s="5" t="s">
        <v>735</v>
      </c>
      <c r="AD19880" s="2" t="s">
        <v>63166</v>
      </c>
      <c r="AE19880" s="1"/>
    </row>
    <row r="19881" spans="1:31" ht="14.45">
      <c r="A19881" s="11"/>
      <c r="B19881" s="20"/>
      <c r="C19881" s="2" t="s">
        <v>63167</v>
      </c>
      <c r="D19881" s="14" t="s">
        <v>63168</v>
      </c>
      <c r="E19881" s="2" t="s">
        <v>63169</v>
      </c>
      <c r="F19881" s="2" t="s">
        <v>63170</v>
      </c>
      <c r="G19881" s="8">
        <v>1631</v>
      </c>
      <c r="H19881" s="5">
        <v>10</v>
      </c>
      <c r="I19881" s="5" t="s">
        <v>69</v>
      </c>
      <c r="J19881" s="5" t="s">
        <v>61065</v>
      </c>
      <c r="K19881" s="2" t="s">
        <v>61066</v>
      </c>
      <c r="L19881" s="5" t="s">
        <v>61065</v>
      </c>
      <c r="M19881" s="2" t="s">
        <v>61066</v>
      </c>
      <c r="N19881" s="5" t="s">
        <v>733</v>
      </c>
      <c r="O19881" s="5" t="s">
        <v>38</v>
      </c>
      <c r="P19881" s="5" t="s">
        <v>39</v>
      </c>
      <c r="Q19881" s="5" t="s">
        <v>40</v>
      </c>
      <c r="R19881" s="5" t="s">
        <v>897</v>
      </c>
      <c r="S19881" s="5" t="s">
        <v>40</v>
      </c>
      <c r="T19881" s="5" t="s">
        <v>42</v>
      </c>
      <c r="U19881" s="2">
        <v>65.826999999999998</v>
      </c>
      <c r="V19881" s="2">
        <v>61.07</v>
      </c>
      <c r="W19881" s="2">
        <v>0.27400000000000002</v>
      </c>
      <c r="X19881" s="2">
        <v>17</v>
      </c>
      <c r="Y19881" s="2">
        <v>104.9</v>
      </c>
      <c r="Z19881" s="2">
        <v>153.6</v>
      </c>
      <c r="AA19881" s="5">
        <v>7</v>
      </c>
      <c r="AB19881" s="5" t="s">
        <v>43</v>
      </c>
      <c r="AC19881" s="5" t="s">
        <v>735</v>
      </c>
      <c r="AD19881" s="2" t="s">
        <v>63171</v>
      </c>
      <c r="AE19881" s="1"/>
    </row>
    <row r="19882" spans="1:31" ht="14.45">
      <c r="A19882" s="11"/>
      <c r="B19882" s="20"/>
      <c r="C19882" s="2" t="s">
        <v>63172</v>
      </c>
      <c r="D19882" s="14" t="s">
        <v>63173</v>
      </c>
      <c r="E19882" s="2" t="s">
        <v>63174</v>
      </c>
      <c r="F19882" s="2" t="s">
        <v>63175</v>
      </c>
      <c r="G19882" s="8">
        <v>1752</v>
      </c>
      <c r="H19882" s="5">
        <v>10</v>
      </c>
      <c r="I19882" s="5" t="s">
        <v>69</v>
      </c>
      <c r="J19882" s="5" t="s">
        <v>61065</v>
      </c>
      <c r="K19882" s="2" t="s">
        <v>61066</v>
      </c>
      <c r="L19882" s="5" t="s">
        <v>61065</v>
      </c>
      <c r="M19882" s="2" t="s">
        <v>61066</v>
      </c>
      <c r="N19882" s="5" t="s">
        <v>733</v>
      </c>
      <c r="O19882" s="5" t="s">
        <v>38</v>
      </c>
      <c r="P19882" s="5" t="s">
        <v>39</v>
      </c>
      <c r="Q19882" s="5" t="s">
        <v>40</v>
      </c>
      <c r="R19882" s="5" t="s">
        <v>1487</v>
      </c>
      <c r="S19882" s="5"/>
      <c r="T19882" s="5" t="s">
        <v>42</v>
      </c>
      <c r="U19882" s="2">
        <v>0</v>
      </c>
      <c r="V19882" s="2">
        <v>0</v>
      </c>
      <c r="W19882" s="2">
        <v>0</v>
      </c>
      <c r="X19882" s="2">
        <v>0</v>
      </c>
      <c r="Y19882" s="2">
        <v>0</v>
      </c>
      <c r="Z19882" s="2">
        <v>0</v>
      </c>
      <c r="AA19882" s="5"/>
      <c r="AB19882" s="5" t="s">
        <v>43</v>
      </c>
      <c r="AC19882" s="5" t="s">
        <v>735</v>
      </c>
      <c r="AD19882" s="2" t="s">
        <v>63176</v>
      </c>
      <c r="AE19882" s="1"/>
    </row>
    <row r="19883" spans="1:31" ht="14.45">
      <c r="A19883" s="11"/>
      <c r="B19883" s="20"/>
      <c r="C19883" s="2" t="s">
        <v>63177</v>
      </c>
      <c r="D19883" s="14" t="s">
        <v>63178</v>
      </c>
      <c r="E19883" s="2" t="s">
        <v>63179</v>
      </c>
      <c r="F19883" s="2" t="s">
        <v>63180</v>
      </c>
      <c r="G19883" s="8">
        <v>2318</v>
      </c>
      <c r="H19883" s="5">
        <v>5</v>
      </c>
      <c r="I19883" s="5" t="s">
        <v>69</v>
      </c>
      <c r="J19883" s="5" t="s">
        <v>61065</v>
      </c>
      <c r="K19883" s="2" t="s">
        <v>61066</v>
      </c>
      <c r="L19883" s="5" t="s">
        <v>61065</v>
      </c>
      <c r="M19883" s="2" t="s">
        <v>61066</v>
      </c>
      <c r="N19883" s="5" t="s">
        <v>733</v>
      </c>
      <c r="O19883" s="5" t="s">
        <v>38</v>
      </c>
      <c r="P19883" s="5" t="s">
        <v>39</v>
      </c>
      <c r="Q19883" s="5" t="s">
        <v>40</v>
      </c>
      <c r="R19883" s="5" t="s">
        <v>1487</v>
      </c>
      <c r="S19883" s="5"/>
      <c r="T19883" s="5" t="s">
        <v>42</v>
      </c>
      <c r="U19883" s="2">
        <v>0</v>
      </c>
      <c r="V19883" s="2">
        <v>0</v>
      </c>
      <c r="W19883" s="2">
        <v>0</v>
      </c>
      <c r="X19883" s="2">
        <v>0</v>
      </c>
      <c r="Y19883" s="2">
        <v>0</v>
      </c>
      <c r="Z19883" s="2">
        <v>0</v>
      </c>
      <c r="AA19883" s="5"/>
      <c r="AB19883" s="5" t="s">
        <v>43</v>
      </c>
      <c r="AC19883" s="5" t="s">
        <v>735</v>
      </c>
      <c r="AD19883" s="2" t="s">
        <v>63181</v>
      </c>
      <c r="AE19883" s="1"/>
    </row>
    <row r="19884" spans="1:31" ht="14.45">
      <c r="A19884" s="11"/>
      <c r="B19884" s="20"/>
      <c r="C19884" s="2" t="s">
        <v>63182</v>
      </c>
      <c r="D19884" s="14" t="s">
        <v>63183</v>
      </c>
      <c r="E19884" s="2" t="s">
        <v>63184</v>
      </c>
      <c r="F19884" s="2" t="s">
        <v>63072</v>
      </c>
      <c r="G19884" s="8">
        <v>1908</v>
      </c>
      <c r="H19884" s="5">
        <v>5</v>
      </c>
      <c r="I19884" s="5" t="s">
        <v>69</v>
      </c>
      <c r="J19884" s="5" t="s">
        <v>61065</v>
      </c>
      <c r="K19884" s="2" t="s">
        <v>61066</v>
      </c>
      <c r="L19884" s="5" t="s">
        <v>61065</v>
      </c>
      <c r="M19884" s="2" t="s">
        <v>61066</v>
      </c>
      <c r="N19884" s="5" t="s">
        <v>733</v>
      </c>
      <c r="O19884" s="5" t="s">
        <v>38</v>
      </c>
      <c r="P19884" s="5" t="s">
        <v>39</v>
      </c>
      <c r="Q19884" s="5" t="s">
        <v>40</v>
      </c>
      <c r="R19884" s="5" t="s">
        <v>1487</v>
      </c>
      <c r="S19884" s="5"/>
      <c r="T19884" s="5" t="s">
        <v>42</v>
      </c>
      <c r="U19884" s="2">
        <v>0</v>
      </c>
      <c r="V19884" s="2">
        <v>0</v>
      </c>
      <c r="W19884" s="2">
        <v>0</v>
      </c>
      <c r="X19884" s="2">
        <v>0</v>
      </c>
      <c r="Y19884" s="2">
        <v>0</v>
      </c>
      <c r="Z19884" s="2">
        <v>0</v>
      </c>
      <c r="AA19884" s="5"/>
      <c r="AB19884" s="5" t="s">
        <v>43</v>
      </c>
      <c r="AC19884" s="5" t="s">
        <v>735</v>
      </c>
      <c r="AD19884" s="2" t="s">
        <v>63185</v>
      </c>
      <c r="AE19884" s="1"/>
    </row>
    <row r="19885" spans="1:31" ht="14.45">
      <c r="A19885" s="11"/>
      <c r="B19885" s="20"/>
      <c r="C19885" s="2" t="s">
        <v>63186</v>
      </c>
      <c r="D19885" s="14" t="s">
        <v>63187</v>
      </c>
      <c r="E19885" s="2" t="s">
        <v>63188</v>
      </c>
      <c r="F19885" s="2" t="s">
        <v>63189</v>
      </c>
      <c r="G19885" s="8">
        <v>1635</v>
      </c>
      <c r="H19885" s="5">
        <v>5</v>
      </c>
      <c r="I19885" s="5" t="s">
        <v>69</v>
      </c>
      <c r="J19885" s="5" t="s">
        <v>61065</v>
      </c>
      <c r="K19885" s="2" t="s">
        <v>61066</v>
      </c>
      <c r="L19885" s="5" t="s">
        <v>61065</v>
      </c>
      <c r="M19885" s="2" t="s">
        <v>61066</v>
      </c>
      <c r="N19885" s="5" t="s">
        <v>733</v>
      </c>
      <c r="O19885" s="5" t="s">
        <v>38</v>
      </c>
      <c r="P19885" s="5" t="s">
        <v>39</v>
      </c>
      <c r="Q19885" s="5" t="s">
        <v>40</v>
      </c>
      <c r="R19885" s="5" t="s">
        <v>897</v>
      </c>
      <c r="S19885" s="5" t="s">
        <v>40</v>
      </c>
      <c r="T19885" s="5" t="s">
        <v>42</v>
      </c>
      <c r="U19885" s="2">
        <v>83.625</v>
      </c>
      <c r="V19885" s="2">
        <v>78.384</v>
      </c>
      <c r="W19885" s="2">
        <v>0.31</v>
      </c>
      <c r="X19885" s="2">
        <v>17</v>
      </c>
      <c r="Y19885" s="2">
        <v>104.9</v>
      </c>
      <c r="Z19885" s="2">
        <v>173.8</v>
      </c>
      <c r="AA19885" s="5">
        <v>7</v>
      </c>
      <c r="AB19885" s="5" t="s">
        <v>43</v>
      </c>
      <c r="AC19885" s="5" t="s">
        <v>735</v>
      </c>
      <c r="AD19885" s="2" t="s">
        <v>63190</v>
      </c>
      <c r="AE19885" s="1"/>
    </row>
    <row r="19886" spans="1:31" ht="14.45">
      <c r="A19886" s="11"/>
      <c r="B19886" s="20"/>
      <c r="C19886" s="2" t="s">
        <v>63191</v>
      </c>
      <c r="D19886" s="14" t="s">
        <v>63192</v>
      </c>
      <c r="E19886" s="2" t="s">
        <v>63193</v>
      </c>
      <c r="F19886" s="2" t="s">
        <v>63194</v>
      </c>
      <c r="G19886" s="8">
        <v>1935</v>
      </c>
      <c r="H19886" s="5">
        <v>5</v>
      </c>
      <c r="I19886" s="5" t="s">
        <v>69</v>
      </c>
      <c r="J19886" s="5" t="s">
        <v>61065</v>
      </c>
      <c r="K19886" s="2" t="s">
        <v>61066</v>
      </c>
      <c r="L19886" s="5" t="s">
        <v>61065</v>
      </c>
      <c r="M19886" s="2" t="s">
        <v>61066</v>
      </c>
      <c r="N19886" s="5" t="s">
        <v>733</v>
      </c>
      <c r="O19886" s="5" t="s">
        <v>38</v>
      </c>
      <c r="P19886" s="5" t="s">
        <v>39</v>
      </c>
      <c r="Q19886" s="5" t="s">
        <v>40</v>
      </c>
      <c r="R19886" s="5" t="s">
        <v>897</v>
      </c>
      <c r="S19886" s="5" t="s">
        <v>40</v>
      </c>
      <c r="T19886" s="5" t="s">
        <v>42</v>
      </c>
      <c r="U19886" s="2">
        <v>84.876999999999995</v>
      </c>
      <c r="V19886" s="2">
        <v>79.558999999999997</v>
      </c>
      <c r="W19886" s="2">
        <v>0.31</v>
      </c>
      <c r="X19886" s="2">
        <v>17</v>
      </c>
      <c r="Y19886" s="2">
        <v>104.9</v>
      </c>
      <c r="Z19886" s="2">
        <v>173.8</v>
      </c>
      <c r="AA19886" s="5">
        <v>7</v>
      </c>
      <c r="AB19886" s="5" t="s">
        <v>43</v>
      </c>
      <c r="AC19886" s="5" t="s">
        <v>735</v>
      </c>
      <c r="AD19886" s="2" t="s">
        <v>63195</v>
      </c>
      <c r="AE19886" s="1"/>
    </row>
    <row r="19887" spans="1:31" ht="14.45">
      <c r="A19887" s="11"/>
      <c r="B19887" s="20"/>
      <c r="C19887" s="2" t="s">
        <v>63196</v>
      </c>
      <c r="D19887" s="14" t="s">
        <v>63197</v>
      </c>
      <c r="E19887" s="2" t="s">
        <v>63198</v>
      </c>
      <c r="F19887" s="2" t="s">
        <v>63199</v>
      </c>
      <c r="G19887" s="8">
        <v>1419</v>
      </c>
      <c r="H19887" s="5">
        <v>5</v>
      </c>
      <c r="I19887" s="5" t="s">
        <v>69</v>
      </c>
      <c r="J19887" s="5" t="s">
        <v>61065</v>
      </c>
      <c r="K19887" s="2" t="s">
        <v>61066</v>
      </c>
      <c r="L19887" s="5" t="s">
        <v>61065</v>
      </c>
      <c r="M19887" s="2" t="s">
        <v>61066</v>
      </c>
      <c r="N19887" s="5" t="s">
        <v>733</v>
      </c>
      <c r="O19887" s="5" t="s">
        <v>38</v>
      </c>
      <c r="P19887" s="5" t="s">
        <v>39</v>
      </c>
      <c r="Q19887" s="5" t="s">
        <v>40</v>
      </c>
      <c r="R19887" s="5" t="s">
        <v>897</v>
      </c>
      <c r="S19887" s="5" t="s">
        <v>40</v>
      </c>
      <c r="T19887" s="5" t="s">
        <v>42</v>
      </c>
      <c r="U19887" s="2">
        <v>72.311999999999998</v>
      </c>
      <c r="V19887" s="2">
        <v>67.078000000000003</v>
      </c>
      <c r="W19887" s="2">
        <v>0.31</v>
      </c>
      <c r="X19887" s="2">
        <v>17</v>
      </c>
      <c r="Y19887" s="2">
        <v>104.9</v>
      </c>
      <c r="Z19887" s="2">
        <v>173.8</v>
      </c>
      <c r="AA19887" s="5">
        <v>7</v>
      </c>
      <c r="AB19887" s="5" t="s">
        <v>43</v>
      </c>
      <c r="AC19887" s="5" t="s">
        <v>735</v>
      </c>
      <c r="AD19887" s="2" t="s">
        <v>63200</v>
      </c>
      <c r="AE19887" s="1"/>
    </row>
    <row r="19888" spans="1:31" ht="14.45">
      <c r="A19888" s="11"/>
      <c r="B19888" s="20"/>
      <c r="C19888" s="2" t="s">
        <v>63201</v>
      </c>
      <c r="D19888" s="14" t="s">
        <v>63202</v>
      </c>
      <c r="E19888" s="2" t="s">
        <v>63203</v>
      </c>
      <c r="F19888" s="2" t="s">
        <v>63204</v>
      </c>
      <c r="G19888" s="8">
        <v>1719</v>
      </c>
      <c r="H19888" s="5">
        <v>5</v>
      </c>
      <c r="I19888" s="5" t="s">
        <v>69</v>
      </c>
      <c r="J19888" s="5" t="s">
        <v>61065</v>
      </c>
      <c r="K19888" s="2" t="s">
        <v>61066</v>
      </c>
      <c r="L19888" s="5" t="s">
        <v>61065</v>
      </c>
      <c r="M19888" s="2" t="s">
        <v>61066</v>
      </c>
      <c r="N19888" s="5" t="s">
        <v>733</v>
      </c>
      <c r="O19888" s="5" t="s">
        <v>38</v>
      </c>
      <c r="P19888" s="5" t="s">
        <v>39</v>
      </c>
      <c r="Q19888" s="5" t="s">
        <v>40</v>
      </c>
      <c r="R19888" s="5" t="s">
        <v>897</v>
      </c>
      <c r="S19888" s="5" t="s">
        <v>40</v>
      </c>
      <c r="T19888" s="5" t="s">
        <v>42</v>
      </c>
      <c r="U19888" s="2">
        <v>73.474999999999994</v>
      </c>
      <c r="V19888" s="2">
        <v>68.153999999999996</v>
      </c>
      <c r="W19888" s="2">
        <v>0.31</v>
      </c>
      <c r="X19888" s="2">
        <v>17</v>
      </c>
      <c r="Y19888" s="2">
        <v>104.9</v>
      </c>
      <c r="Z19888" s="2">
        <v>173.8</v>
      </c>
      <c r="AA19888" s="5">
        <v>7</v>
      </c>
      <c r="AB19888" s="5" t="s">
        <v>43</v>
      </c>
      <c r="AC19888" s="5" t="s">
        <v>735</v>
      </c>
      <c r="AD19888" s="2" t="s">
        <v>63205</v>
      </c>
      <c r="AE19888" s="1"/>
    </row>
    <row r="19889" spans="1:31" ht="14.45">
      <c r="A19889" s="11"/>
      <c r="B19889" s="20"/>
      <c r="C19889" s="2" t="s">
        <v>63206</v>
      </c>
      <c r="D19889" s="14" t="s">
        <v>63207</v>
      </c>
      <c r="E19889" s="2" t="s">
        <v>63208</v>
      </c>
      <c r="F19889" s="2" t="s">
        <v>63204</v>
      </c>
      <c r="G19889" s="8">
        <v>1719</v>
      </c>
      <c r="H19889" s="5">
        <v>5</v>
      </c>
      <c r="I19889" s="5" t="s">
        <v>69</v>
      </c>
      <c r="J19889" s="5" t="s">
        <v>61065</v>
      </c>
      <c r="K19889" s="2" t="s">
        <v>61066</v>
      </c>
      <c r="L19889" s="5" t="s">
        <v>61065</v>
      </c>
      <c r="M19889" s="2" t="s">
        <v>61066</v>
      </c>
      <c r="N19889" s="5" t="s">
        <v>733</v>
      </c>
      <c r="O19889" s="5" t="s">
        <v>38</v>
      </c>
      <c r="P19889" s="5" t="s">
        <v>39</v>
      </c>
      <c r="Q19889" s="5" t="s">
        <v>40</v>
      </c>
      <c r="R19889" s="5" t="s">
        <v>897</v>
      </c>
      <c r="S19889" s="5" t="s">
        <v>40</v>
      </c>
      <c r="T19889" s="5" t="s">
        <v>42</v>
      </c>
      <c r="U19889" s="2">
        <v>72.021000000000001</v>
      </c>
      <c r="V19889" s="2">
        <v>66.649000000000001</v>
      </c>
      <c r="W19889" s="2">
        <v>0.31</v>
      </c>
      <c r="X19889" s="2">
        <v>17</v>
      </c>
      <c r="Y19889" s="2">
        <v>104.9</v>
      </c>
      <c r="Z19889" s="2">
        <v>173.8</v>
      </c>
      <c r="AA19889" s="5">
        <v>7</v>
      </c>
      <c r="AB19889" s="5" t="s">
        <v>43</v>
      </c>
      <c r="AC19889" s="5" t="s">
        <v>735</v>
      </c>
      <c r="AD19889" s="2" t="s">
        <v>63209</v>
      </c>
      <c r="AE19889" s="1"/>
    </row>
    <row r="19890" spans="1:31" ht="14.45">
      <c r="A19890" s="11"/>
      <c r="B19890" s="20"/>
      <c r="C19890" s="2" t="s">
        <v>63210</v>
      </c>
      <c r="D19890" s="14" t="s">
        <v>63211</v>
      </c>
      <c r="E19890" s="2" t="s">
        <v>63212</v>
      </c>
      <c r="F19890" s="2" t="s">
        <v>63213</v>
      </c>
      <c r="G19890" s="8">
        <v>1635</v>
      </c>
      <c r="H19890" s="5">
        <v>10</v>
      </c>
      <c r="I19890" s="5" t="s">
        <v>69</v>
      </c>
      <c r="J19890" s="5" t="s">
        <v>61065</v>
      </c>
      <c r="K19890" s="2" t="s">
        <v>61066</v>
      </c>
      <c r="L19890" s="5" t="s">
        <v>61065</v>
      </c>
      <c r="M19890" s="2" t="s">
        <v>61066</v>
      </c>
      <c r="N19890" s="5" t="s">
        <v>733</v>
      </c>
      <c r="O19890" s="5" t="s">
        <v>38</v>
      </c>
      <c r="P19890" s="5" t="s">
        <v>39</v>
      </c>
      <c r="Q19890" s="5" t="s">
        <v>40</v>
      </c>
      <c r="R19890" s="5" t="s">
        <v>897</v>
      </c>
      <c r="S19890" s="5" t="s">
        <v>40</v>
      </c>
      <c r="T19890" s="5" t="s">
        <v>42</v>
      </c>
      <c r="U19890" s="2">
        <v>72.012</v>
      </c>
      <c r="V19890" s="2">
        <v>66.781000000000006</v>
      </c>
      <c r="W19890" s="2">
        <v>0.31</v>
      </c>
      <c r="X19890" s="2">
        <v>17</v>
      </c>
      <c r="Y19890" s="2">
        <v>104.9</v>
      </c>
      <c r="Z19890" s="2">
        <v>173.8</v>
      </c>
      <c r="AA19890" s="5">
        <v>7</v>
      </c>
      <c r="AB19890" s="5" t="s">
        <v>43</v>
      </c>
      <c r="AC19890" s="5" t="s">
        <v>735</v>
      </c>
      <c r="AD19890" s="2" t="s">
        <v>63214</v>
      </c>
      <c r="AE19890" s="1"/>
    </row>
    <row r="19891" spans="1:31" ht="14.45">
      <c r="A19891" s="11"/>
      <c r="B19891" s="20"/>
      <c r="C19891" s="2" t="s">
        <v>63215</v>
      </c>
      <c r="D19891" s="14" t="s">
        <v>63216</v>
      </c>
      <c r="E19891" s="2" t="s">
        <v>63217</v>
      </c>
      <c r="F19891" s="2" t="s">
        <v>63218</v>
      </c>
      <c r="G19891" s="8">
        <v>1935</v>
      </c>
      <c r="H19891" s="5">
        <v>10</v>
      </c>
      <c r="I19891" s="5" t="s">
        <v>69</v>
      </c>
      <c r="J19891" s="5" t="s">
        <v>61065</v>
      </c>
      <c r="K19891" s="2" t="s">
        <v>61066</v>
      </c>
      <c r="L19891" s="5" t="s">
        <v>61065</v>
      </c>
      <c r="M19891" s="2" t="s">
        <v>61066</v>
      </c>
      <c r="N19891" s="5" t="s">
        <v>733</v>
      </c>
      <c r="O19891" s="5" t="s">
        <v>38</v>
      </c>
      <c r="P19891" s="5" t="s">
        <v>39</v>
      </c>
      <c r="Q19891" s="5" t="s">
        <v>40</v>
      </c>
      <c r="R19891" s="5" t="s">
        <v>897</v>
      </c>
      <c r="S19891" s="5" t="s">
        <v>40</v>
      </c>
      <c r="T19891" s="5" t="s">
        <v>42</v>
      </c>
      <c r="U19891" s="2">
        <v>73.131</v>
      </c>
      <c r="V19891" s="2">
        <v>67.804000000000002</v>
      </c>
      <c r="W19891" s="2">
        <v>0.31</v>
      </c>
      <c r="X19891" s="2">
        <v>17</v>
      </c>
      <c r="Y19891" s="2">
        <v>104.9</v>
      </c>
      <c r="Z19891" s="2">
        <v>173.8</v>
      </c>
      <c r="AA19891" s="5">
        <v>7</v>
      </c>
      <c r="AB19891" s="5" t="s">
        <v>43</v>
      </c>
      <c r="AC19891" s="5" t="s">
        <v>735</v>
      </c>
      <c r="AD19891" s="2" t="s">
        <v>63219</v>
      </c>
      <c r="AE19891" s="1"/>
    </row>
    <row r="19892" spans="1:31" ht="14.45">
      <c r="A19892" s="11"/>
      <c r="B19892" s="20"/>
      <c r="C19892" s="2" t="s">
        <v>63220</v>
      </c>
      <c r="D19892" s="14" t="s">
        <v>63221</v>
      </c>
      <c r="E19892" s="2" t="s">
        <v>63222</v>
      </c>
      <c r="F19892" s="2" t="s">
        <v>63218</v>
      </c>
      <c r="G19892" s="8">
        <v>1935</v>
      </c>
      <c r="H19892" s="5">
        <v>10</v>
      </c>
      <c r="I19892" s="5" t="s">
        <v>69</v>
      </c>
      <c r="J19892" s="5" t="s">
        <v>61065</v>
      </c>
      <c r="K19892" s="2" t="s">
        <v>61066</v>
      </c>
      <c r="L19892" s="5" t="s">
        <v>61065</v>
      </c>
      <c r="M19892" s="2" t="s">
        <v>61066</v>
      </c>
      <c r="N19892" s="5" t="s">
        <v>733</v>
      </c>
      <c r="O19892" s="5" t="s">
        <v>38</v>
      </c>
      <c r="P19892" s="5" t="s">
        <v>39</v>
      </c>
      <c r="Q19892" s="5" t="s">
        <v>40</v>
      </c>
      <c r="R19892" s="5" t="s">
        <v>897</v>
      </c>
      <c r="S19892" s="5" t="s">
        <v>40</v>
      </c>
      <c r="T19892" s="5" t="s">
        <v>42</v>
      </c>
      <c r="U19892" s="2">
        <v>71.768000000000001</v>
      </c>
      <c r="V19892" s="2">
        <v>66.396000000000001</v>
      </c>
      <c r="W19892" s="2">
        <v>0.31</v>
      </c>
      <c r="X19892" s="2">
        <v>17</v>
      </c>
      <c r="Y19892" s="2">
        <v>104.9</v>
      </c>
      <c r="Z19892" s="2">
        <v>173.8</v>
      </c>
      <c r="AA19892" s="5">
        <v>7</v>
      </c>
      <c r="AB19892" s="5" t="s">
        <v>43</v>
      </c>
      <c r="AC19892" s="5" t="s">
        <v>735</v>
      </c>
      <c r="AD19892" s="2" t="s">
        <v>63223</v>
      </c>
      <c r="AE19892" s="1"/>
    </row>
    <row r="19893" spans="1:31" ht="14.45">
      <c r="A19893" s="11"/>
      <c r="B19893" s="20"/>
      <c r="C19893" s="2" t="s">
        <v>63224</v>
      </c>
      <c r="D19893" s="14" t="s">
        <v>63225</v>
      </c>
      <c r="E19893" s="2" t="s">
        <v>63226</v>
      </c>
      <c r="F19893" s="2" t="s">
        <v>63227</v>
      </c>
      <c r="G19893" s="8">
        <v>1212</v>
      </c>
      <c r="H19893" s="5">
        <v>5</v>
      </c>
      <c r="I19893" s="5" t="s">
        <v>69</v>
      </c>
      <c r="J19893" s="5" t="s">
        <v>61065</v>
      </c>
      <c r="K19893" s="2" t="s">
        <v>61066</v>
      </c>
      <c r="L19893" s="5" t="s">
        <v>61065</v>
      </c>
      <c r="M19893" s="2" t="s">
        <v>61066</v>
      </c>
      <c r="N19893" s="5" t="s">
        <v>733</v>
      </c>
      <c r="O19893" s="5" t="s">
        <v>38</v>
      </c>
      <c r="P19893" s="5" t="s">
        <v>39</v>
      </c>
      <c r="Q19893" s="5" t="s">
        <v>40</v>
      </c>
      <c r="R19893" s="5" t="s">
        <v>897</v>
      </c>
      <c r="S19893" s="5" t="s">
        <v>40</v>
      </c>
      <c r="T19893" s="5" t="s">
        <v>42</v>
      </c>
      <c r="U19893" s="2">
        <v>72.319999999999993</v>
      </c>
      <c r="V19893" s="2">
        <v>67.088999999999999</v>
      </c>
      <c r="W19893" s="2">
        <v>0.31</v>
      </c>
      <c r="X19893" s="2">
        <v>17</v>
      </c>
      <c r="Y19893" s="2">
        <v>104.9</v>
      </c>
      <c r="Z19893" s="2">
        <v>173.8</v>
      </c>
      <c r="AA19893" s="5">
        <v>7</v>
      </c>
      <c r="AB19893" s="5" t="s">
        <v>43</v>
      </c>
      <c r="AC19893" s="5" t="s">
        <v>735</v>
      </c>
      <c r="AD19893" s="2" t="s">
        <v>63228</v>
      </c>
      <c r="AE19893" s="1"/>
    </row>
    <row r="19894" spans="1:31" ht="14.45">
      <c r="A19894" s="11"/>
      <c r="B19894" s="20"/>
      <c r="C19894" s="2" t="s">
        <v>63229</v>
      </c>
      <c r="D19894" s="14" t="s">
        <v>63230</v>
      </c>
      <c r="E19894" s="2" t="s">
        <v>63231</v>
      </c>
      <c r="F19894" s="2" t="s">
        <v>63227</v>
      </c>
      <c r="G19894" s="8">
        <v>1512</v>
      </c>
      <c r="H19894" s="5">
        <v>5</v>
      </c>
      <c r="I19894" s="5" t="s">
        <v>69</v>
      </c>
      <c r="J19894" s="5" t="s">
        <v>61065</v>
      </c>
      <c r="K19894" s="2" t="s">
        <v>61066</v>
      </c>
      <c r="L19894" s="5" t="s">
        <v>61065</v>
      </c>
      <c r="M19894" s="2" t="s">
        <v>61066</v>
      </c>
      <c r="N19894" s="5" t="s">
        <v>733</v>
      </c>
      <c r="O19894" s="5" t="s">
        <v>38</v>
      </c>
      <c r="P19894" s="5" t="s">
        <v>39</v>
      </c>
      <c r="Q19894" s="5" t="s">
        <v>40</v>
      </c>
      <c r="R19894" s="5" t="s">
        <v>897</v>
      </c>
      <c r="S19894" s="5" t="s">
        <v>40</v>
      </c>
      <c r="T19894" s="5" t="s">
        <v>42</v>
      </c>
      <c r="U19894" s="2">
        <v>73.438999999999993</v>
      </c>
      <c r="V19894" s="2">
        <v>68.111999999999995</v>
      </c>
      <c r="W19894" s="2">
        <v>0.31</v>
      </c>
      <c r="X19894" s="2">
        <v>17</v>
      </c>
      <c r="Y19894" s="2">
        <v>104.9</v>
      </c>
      <c r="Z19894" s="2">
        <v>173.8</v>
      </c>
      <c r="AA19894" s="5">
        <v>7</v>
      </c>
      <c r="AB19894" s="5" t="s">
        <v>43</v>
      </c>
      <c r="AC19894" s="5" t="s">
        <v>735</v>
      </c>
      <c r="AD19894" s="2" t="s">
        <v>63232</v>
      </c>
      <c r="AE19894" s="1"/>
    </row>
    <row r="19895" spans="1:31" ht="14.45">
      <c r="A19895" s="11"/>
      <c r="B19895" s="20"/>
      <c r="C19895" s="2" t="s">
        <v>63233</v>
      </c>
      <c r="D19895" s="14" t="s">
        <v>63234</v>
      </c>
      <c r="E19895" s="2" t="s">
        <v>63235</v>
      </c>
      <c r="F19895" s="2" t="s">
        <v>63227</v>
      </c>
      <c r="G19895" s="8">
        <v>1512</v>
      </c>
      <c r="H19895" s="5">
        <v>10</v>
      </c>
      <c r="I19895" s="5" t="s">
        <v>69</v>
      </c>
      <c r="J19895" s="5" t="s">
        <v>61065</v>
      </c>
      <c r="K19895" s="2" t="s">
        <v>61066</v>
      </c>
      <c r="L19895" s="5" t="s">
        <v>61065</v>
      </c>
      <c r="M19895" s="2" t="s">
        <v>61066</v>
      </c>
      <c r="N19895" s="5" t="s">
        <v>733</v>
      </c>
      <c r="O19895" s="5" t="s">
        <v>38</v>
      </c>
      <c r="P19895" s="5" t="s">
        <v>39</v>
      </c>
      <c r="Q19895" s="5" t="s">
        <v>40</v>
      </c>
      <c r="R19895" s="5" t="s">
        <v>897</v>
      </c>
      <c r="S19895" s="5" t="s">
        <v>40</v>
      </c>
      <c r="T19895" s="5" t="s">
        <v>42</v>
      </c>
      <c r="U19895" s="2">
        <v>72.048000000000002</v>
      </c>
      <c r="V19895" s="2">
        <v>66.676000000000002</v>
      </c>
      <c r="W19895" s="2">
        <v>0.31</v>
      </c>
      <c r="X19895" s="2">
        <v>17</v>
      </c>
      <c r="Y19895" s="2">
        <v>104.9</v>
      </c>
      <c r="Z19895" s="2">
        <v>173.8</v>
      </c>
      <c r="AA19895" s="5">
        <v>7</v>
      </c>
      <c r="AB19895" s="5" t="s">
        <v>43</v>
      </c>
      <c r="AC19895" s="5" t="s">
        <v>735</v>
      </c>
      <c r="AD19895" s="2" t="s">
        <v>63236</v>
      </c>
      <c r="AE19895" s="1"/>
    </row>
    <row r="19896" spans="1:31" ht="14.45">
      <c r="A19896" s="11"/>
      <c r="B19896" s="20"/>
      <c r="C19896" s="2" t="s">
        <v>63237</v>
      </c>
      <c r="D19896" s="14" t="s">
        <v>63238</v>
      </c>
      <c r="E19896" s="2" t="s">
        <v>63239</v>
      </c>
      <c r="F19896" s="2" t="s">
        <v>63240</v>
      </c>
      <c r="G19896" s="8">
        <v>951</v>
      </c>
      <c r="H19896" s="5">
        <v>5</v>
      </c>
      <c r="I19896" s="5" t="s">
        <v>69</v>
      </c>
      <c r="J19896" s="5" t="s">
        <v>61065</v>
      </c>
      <c r="K19896" s="2" t="s">
        <v>61066</v>
      </c>
      <c r="L19896" s="5" t="s">
        <v>61065</v>
      </c>
      <c r="M19896" s="2" t="s">
        <v>61066</v>
      </c>
      <c r="N19896" s="5" t="s">
        <v>733</v>
      </c>
      <c r="O19896" s="5" t="s">
        <v>38</v>
      </c>
      <c r="P19896" s="5" t="s">
        <v>39</v>
      </c>
      <c r="Q19896" s="5" t="s">
        <v>40</v>
      </c>
      <c r="R19896" s="5" t="s">
        <v>897</v>
      </c>
      <c r="S19896" s="5" t="s">
        <v>40</v>
      </c>
      <c r="T19896" s="5" t="s">
        <v>42</v>
      </c>
      <c r="U19896" s="2">
        <v>62.271000000000001</v>
      </c>
      <c r="V19896" s="2">
        <v>57.015999999999998</v>
      </c>
      <c r="W19896" s="2">
        <v>0.31</v>
      </c>
      <c r="X19896" s="2">
        <v>17</v>
      </c>
      <c r="Y19896" s="2">
        <v>104.9</v>
      </c>
      <c r="Z19896" s="2">
        <v>173.8</v>
      </c>
      <c r="AA19896" s="5">
        <v>7</v>
      </c>
      <c r="AB19896" s="5" t="s">
        <v>43</v>
      </c>
      <c r="AC19896" s="5" t="s">
        <v>735</v>
      </c>
      <c r="AD19896" s="2" t="s">
        <v>63241</v>
      </c>
      <c r="AE19896" s="1"/>
    </row>
    <row r="19897" spans="1:31" ht="14.45">
      <c r="A19897" s="11"/>
      <c r="B19897" s="20"/>
      <c r="C19897" s="2" t="s">
        <v>63242</v>
      </c>
      <c r="D19897" s="14" t="s">
        <v>63243</v>
      </c>
      <c r="E19897" s="2" t="s">
        <v>63244</v>
      </c>
      <c r="F19897" s="2" t="s">
        <v>63240</v>
      </c>
      <c r="G19897" s="8">
        <v>1251</v>
      </c>
      <c r="H19897" s="5">
        <v>5</v>
      </c>
      <c r="I19897" s="5" t="s">
        <v>69</v>
      </c>
      <c r="J19897" s="5" t="s">
        <v>61065</v>
      </c>
      <c r="K19897" s="2" t="s">
        <v>61066</v>
      </c>
      <c r="L19897" s="5" t="s">
        <v>61065</v>
      </c>
      <c r="M19897" s="2" t="s">
        <v>61066</v>
      </c>
      <c r="N19897" s="5" t="s">
        <v>733</v>
      </c>
      <c r="O19897" s="5" t="s">
        <v>38</v>
      </c>
      <c r="P19897" s="5" t="s">
        <v>39</v>
      </c>
      <c r="Q19897" s="5" t="s">
        <v>40</v>
      </c>
      <c r="R19897" s="5" t="s">
        <v>897</v>
      </c>
      <c r="S19897" s="5" t="s">
        <v>40</v>
      </c>
      <c r="T19897" s="5" t="s">
        <v>42</v>
      </c>
      <c r="U19897" s="2">
        <v>64.063999999999993</v>
      </c>
      <c r="V19897" s="2">
        <v>58.719000000000001</v>
      </c>
      <c r="W19897" s="2">
        <v>0.31</v>
      </c>
      <c r="X19897" s="2">
        <v>17</v>
      </c>
      <c r="Y19897" s="2">
        <v>104.9</v>
      </c>
      <c r="Z19897" s="2">
        <v>173.8</v>
      </c>
      <c r="AA19897" s="5">
        <v>7</v>
      </c>
      <c r="AB19897" s="5" t="s">
        <v>43</v>
      </c>
      <c r="AC19897" s="5" t="s">
        <v>735</v>
      </c>
      <c r="AD19897" s="2" t="s">
        <v>63245</v>
      </c>
      <c r="AE19897" s="1"/>
    </row>
    <row r="19898" spans="1:31" ht="14.45">
      <c r="A19898" s="11"/>
      <c r="B19898" s="20"/>
      <c r="C19898" s="2" t="s">
        <v>63246</v>
      </c>
      <c r="D19898" s="14" t="s">
        <v>63247</v>
      </c>
      <c r="E19898" s="2" t="s">
        <v>63248</v>
      </c>
      <c r="F19898" s="2" t="s">
        <v>63240</v>
      </c>
      <c r="G19898" s="8">
        <v>1251</v>
      </c>
      <c r="H19898" s="5">
        <v>5</v>
      </c>
      <c r="I19898" s="5" t="s">
        <v>69</v>
      </c>
      <c r="J19898" s="5" t="s">
        <v>61065</v>
      </c>
      <c r="K19898" s="2" t="s">
        <v>61066</v>
      </c>
      <c r="L19898" s="5" t="s">
        <v>61065</v>
      </c>
      <c r="M19898" s="2" t="s">
        <v>61066</v>
      </c>
      <c r="N19898" s="5" t="s">
        <v>733</v>
      </c>
      <c r="O19898" s="5" t="s">
        <v>38</v>
      </c>
      <c r="P19898" s="5" t="s">
        <v>39</v>
      </c>
      <c r="Q19898" s="5" t="s">
        <v>40</v>
      </c>
      <c r="R19898" s="5" t="s">
        <v>897</v>
      </c>
      <c r="S19898" s="5" t="s">
        <v>40</v>
      </c>
      <c r="T19898" s="5" t="s">
        <v>42</v>
      </c>
      <c r="U19898" s="2">
        <v>62.555</v>
      </c>
      <c r="V19898" s="2">
        <v>57.158999999999999</v>
      </c>
      <c r="W19898" s="2">
        <v>0.31</v>
      </c>
      <c r="X19898" s="2">
        <v>17</v>
      </c>
      <c r="Y19898" s="2">
        <v>104.9</v>
      </c>
      <c r="Z19898" s="2">
        <v>173.8</v>
      </c>
      <c r="AA19898" s="5">
        <v>7</v>
      </c>
      <c r="AB19898" s="5" t="s">
        <v>43</v>
      </c>
      <c r="AC19898" s="5" t="s">
        <v>735</v>
      </c>
      <c r="AD19898" s="2" t="s">
        <v>63249</v>
      </c>
      <c r="AE19898" s="1"/>
    </row>
    <row r="19899" spans="1:31" ht="14.45">
      <c r="A19899" s="11"/>
      <c r="B19899" s="20"/>
      <c r="C19899" s="2" t="s">
        <v>63250</v>
      </c>
      <c r="D19899" s="14" t="s">
        <v>63251</v>
      </c>
      <c r="E19899" s="2" t="s">
        <v>63252</v>
      </c>
      <c r="F19899" s="2" t="s">
        <v>63253</v>
      </c>
      <c r="G19899" s="8">
        <v>1588</v>
      </c>
      <c r="H19899" s="5">
        <v>10</v>
      </c>
      <c r="I19899" s="5" t="s">
        <v>69</v>
      </c>
      <c r="J19899" s="5" t="s">
        <v>61065</v>
      </c>
      <c r="K19899" s="2" t="s">
        <v>61066</v>
      </c>
      <c r="L19899" s="5" t="s">
        <v>61065</v>
      </c>
      <c r="M19899" s="2" t="s">
        <v>61066</v>
      </c>
      <c r="N19899" s="5" t="s">
        <v>733</v>
      </c>
      <c r="O19899" s="5" t="s">
        <v>38</v>
      </c>
      <c r="P19899" s="5" t="s">
        <v>39</v>
      </c>
      <c r="Q19899" s="5" t="s">
        <v>40</v>
      </c>
      <c r="R19899" s="5" t="s">
        <v>897</v>
      </c>
      <c r="S19899" s="5" t="s">
        <v>40</v>
      </c>
      <c r="T19899" s="5" t="s">
        <v>42</v>
      </c>
      <c r="U19899" s="2">
        <v>64.162000000000006</v>
      </c>
      <c r="V19899" s="2">
        <v>58.942</v>
      </c>
      <c r="W19899" s="2">
        <v>0.31</v>
      </c>
      <c r="X19899" s="2">
        <v>17</v>
      </c>
      <c r="Y19899" s="2">
        <v>104.9</v>
      </c>
      <c r="Z19899" s="2">
        <v>173.8</v>
      </c>
      <c r="AA19899" s="5">
        <v>7</v>
      </c>
      <c r="AB19899" s="5" t="s">
        <v>43</v>
      </c>
      <c r="AC19899" s="5" t="s">
        <v>735</v>
      </c>
      <c r="AD19899" s="2" t="s">
        <v>63254</v>
      </c>
      <c r="AE19899" s="1"/>
    </row>
    <row r="19900" spans="1:31" ht="14.45">
      <c r="A19900" s="11"/>
      <c r="B19900" s="20"/>
      <c r="C19900" s="2" t="s">
        <v>63255</v>
      </c>
      <c r="D19900" s="14" t="s">
        <v>63256</v>
      </c>
      <c r="E19900" s="2" t="s">
        <v>63257</v>
      </c>
      <c r="F19900" s="2" t="s">
        <v>63258</v>
      </c>
      <c r="G19900" s="8">
        <v>1283</v>
      </c>
      <c r="H19900" s="5">
        <v>5</v>
      </c>
      <c r="I19900" s="5" t="s">
        <v>69</v>
      </c>
      <c r="J19900" s="5" t="s">
        <v>61065</v>
      </c>
      <c r="K19900" s="2" t="s">
        <v>61066</v>
      </c>
      <c r="L19900" s="5" t="s">
        <v>61065</v>
      </c>
      <c r="M19900" s="2" t="s">
        <v>61066</v>
      </c>
      <c r="N19900" s="5" t="s">
        <v>733</v>
      </c>
      <c r="O19900" s="5" t="s">
        <v>38</v>
      </c>
      <c r="P19900" s="5" t="s">
        <v>39</v>
      </c>
      <c r="Q19900" s="5" t="s">
        <v>40</v>
      </c>
      <c r="R19900" s="5" t="s">
        <v>897</v>
      </c>
      <c r="S19900" s="5" t="s">
        <v>40</v>
      </c>
      <c r="T19900" s="5" t="s">
        <v>42</v>
      </c>
      <c r="U19900" s="2">
        <v>72.254999999999995</v>
      </c>
      <c r="V19900" s="2">
        <v>67.021000000000001</v>
      </c>
      <c r="W19900" s="2">
        <v>0.31</v>
      </c>
      <c r="X19900" s="2">
        <v>17</v>
      </c>
      <c r="Y19900" s="2">
        <v>104.9</v>
      </c>
      <c r="Z19900" s="2">
        <v>173.8</v>
      </c>
      <c r="AA19900" s="5">
        <v>7</v>
      </c>
      <c r="AB19900" s="5" t="s">
        <v>43</v>
      </c>
      <c r="AC19900" s="5" t="s">
        <v>735</v>
      </c>
      <c r="AD19900" s="2" t="s">
        <v>63259</v>
      </c>
      <c r="AE19900" s="1"/>
    </row>
    <row r="19901" spans="1:31" ht="14.45">
      <c r="A19901" s="11"/>
      <c r="B19901" s="20"/>
      <c r="C19901" s="2" t="s">
        <v>63260</v>
      </c>
      <c r="D19901" s="14" t="s">
        <v>63261</v>
      </c>
      <c r="E19901" s="2" t="s">
        <v>63262</v>
      </c>
      <c r="F19901" s="2" t="s">
        <v>63258</v>
      </c>
      <c r="G19901" s="8">
        <v>1583</v>
      </c>
      <c r="H19901" s="5">
        <v>5</v>
      </c>
      <c r="I19901" s="5" t="s">
        <v>69</v>
      </c>
      <c r="J19901" s="5" t="s">
        <v>61065</v>
      </c>
      <c r="K19901" s="2" t="s">
        <v>61066</v>
      </c>
      <c r="L19901" s="5" t="s">
        <v>61065</v>
      </c>
      <c r="M19901" s="2" t="s">
        <v>61066</v>
      </c>
      <c r="N19901" s="5" t="s">
        <v>733</v>
      </c>
      <c r="O19901" s="5" t="s">
        <v>38</v>
      </c>
      <c r="P19901" s="5" t="s">
        <v>39</v>
      </c>
      <c r="Q19901" s="5" t="s">
        <v>40</v>
      </c>
      <c r="R19901" s="5" t="s">
        <v>897</v>
      </c>
      <c r="S19901" s="5" t="s">
        <v>40</v>
      </c>
      <c r="T19901" s="5" t="s">
        <v>42</v>
      </c>
      <c r="U19901" s="2">
        <v>73.304000000000002</v>
      </c>
      <c r="V19901" s="2">
        <v>67.977000000000004</v>
      </c>
      <c r="W19901" s="2">
        <v>0.31</v>
      </c>
      <c r="X19901" s="2">
        <v>17</v>
      </c>
      <c r="Y19901" s="2">
        <v>104.9</v>
      </c>
      <c r="Z19901" s="2">
        <v>173.8</v>
      </c>
      <c r="AA19901" s="5">
        <v>7</v>
      </c>
      <c r="AB19901" s="5" t="s">
        <v>43</v>
      </c>
      <c r="AC19901" s="5" t="s">
        <v>735</v>
      </c>
      <c r="AD19901" s="2" t="s">
        <v>63263</v>
      </c>
      <c r="AE19901" s="1"/>
    </row>
    <row r="19902" spans="1:31" ht="14.45">
      <c r="A19902" s="11"/>
      <c r="B19902" s="20"/>
      <c r="C19902" s="2" t="s">
        <v>63264</v>
      </c>
      <c r="D19902" s="14" t="s">
        <v>63265</v>
      </c>
      <c r="E19902" s="2" t="s">
        <v>63266</v>
      </c>
      <c r="F19902" s="2" t="s">
        <v>63258</v>
      </c>
      <c r="G19902" s="8">
        <v>1583</v>
      </c>
      <c r="H19902" s="5">
        <v>5</v>
      </c>
      <c r="I19902" s="5" t="s">
        <v>69</v>
      </c>
      <c r="J19902" s="5" t="s">
        <v>61065</v>
      </c>
      <c r="K19902" s="2" t="s">
        <v>61066</v>
      </c>
      <c r="L19902" s="5" t="s">
        <v>61065</v>
      </c>
      <c r="M19902" s="2" t="s">
        <v>61066</v>
      </c>
      <c r="N19902" s="5" t="s">
        <v>733</v>
      </c>
      <c r="O19902" s="5" t="s">
        <v>38</v>
      </c>
      <c r="P19902" s="5" t="s">
        <v>39</v>
      </c>
      <c r="Q19902" s="5" t="s">
        <v>40</v>
      </c>
      <c r="R19902" s="5" t="s">
        <v>897</v>
      </c>
      <c r="S19902" s="5" t="s">
        <v>40</v>
      </c>
      <c r="T19902" s="5" t="s">
        <v>42</v>
      </c>
      <c r="U19902" s="2">
        <v>71.912999999999997</v>
      </c>
      <c r="V19902" s="2">
        <v>66.540999999999997</v>
      </c>
      <c r="W19902" s="2">
        <v>0.31</v>
      </c>
      <c r="X19902" s="2">
        <v>17</v>
      </c>
      <c r="Y19902" s="2">
        <v>104.9</v>
      </c>
      <c r="Z19902" s="2">
        <v>173.8</v>
      </c>
      <c r="AA19902" s="5">
        <v>7</v>
      </c>
      <c r="AB19902" s="5" t="s">
        <v>43</v>
      </c>
      <c r="AC19902" s="5" t="s">
        <v>735</v>
      </c>
      <c r="AD19902" s="2" t="s">
        <v>63267</v>
      </c>
      <c r="AE19902" s="1"/>
    </row>
    <row r="19903" spans="1:31" ht="14.45">
      <c r="A19903" s="11"/>
      <c r="B19903" s="20"/>
      <c r="C19903" s="2" t="s">
        <v>63268</v>
      </c>
      <c r="D19903" s="14" t="s">
        <v>63269</v>
      </c>
      <c r="E19903" s="2" t="s">
        <v>63270</v>
      </c>
      <c r="F19903" s="2" t="s">
        <v>63271</v>
      </c>
      <c r="G19903" s="8">
        <v>2103</v>
      </c>
      <c r="H19903" s="5">
        <v>10</v>
      </c>
      <c r="I19903" s="5" t="s">
        <v>69</v>
      </c>
      <c r="J19903" s="5" t="s">
        <v>61065</v>
      </c>
      <c r="K19903" s="2" t="s">
        <v>61066</v>
      </c>
      <c r="L19903" s="5" t="s">
        <v>61065</v>
      </c>
      <c r="M19903" s="2" t="s">
        <v>61066</v>
      </c>
      <c r="N19903" s="5" t="s">
        <v>733</v>
      </c>
      <c r="O19903" s="5" t="s">
        <v>38</v>
      </c>
      <c r="P19903" s="5" t="s">
        <v>39</v>
      </c>
      <c r="Q19903" s="5" t="s">
        <v>40</v>
      </c>
      <c r="R19903" s="5" t="s">
        <v>897</v>
      </c>
      <c r="S19903" s="5" t="s">
        <v>40</v>
      </c>
      <c r="T19903" s="5" t="s">
        <v>42</v>
      </c>
      <c r="U19903" s="2">
        <v>87.534999999999997</v>
      </c>
      <c r="V19903" s="2">
        <v>82.286000000000001</v>
      </c>
      <c r="W19903" s="2">
        <v>0.31</v>
      </c>
      <c r="X19903" s="2">
        <v>17</v>
      </c>
      <c r="Y19903" s="2">
        <v>104.9</v>
      </c>
      <c r="Z19903" s="2">
        <v>173.8</v>
      </c>
      <c r="AA19903" s="5">
        <v>7</v>
      </c>
      <c r="AB19903" s="5" t="s">
        <v>43</v>
      </c>
      <c r="AC19903" s="5" t="s">
        <v>735</v>
      </c>
      <c r="AD19903" s="2" t="s">
        <v>63272</v>
      </c>
      <c r="AE19903" s="1"/>
    </row>
    <row r="19904" spans="1:31" ht="14.45">
      <c r="A19904" s="11"/>
      <c r="B19904" s="20"/>
      <c r="C19904" s="2" t="s">
        <v>63273</v>
      </c>
      <c r="D19904" s="14" t="s">
        <v>63274</v>
      </c>
      <c r="E19904" s="2" t="s">
        <v>63275</v>
      </c>
      <c r="F19904" s="2" t="s">
        <v>63276</v>
      </c>
      <c r="G19904" s="8">
        <v>2403</v>
      </c>
      <c r="H19904" s="5">
        <v>10</v>
      </c>
      <c r="I19904" s="5" t="s">
        <v>69</v>
      </c>
      <c r="J19904" s="5" t="s">
        <v>61065</v>
      </c>
      <c r="K19904" s="2" t="s">
        <v>61066</v>
      </c>
      <c r="L19904" s="5" t="s">
        <v>61065</v>
      </c>
      <c r="M19904" s="2" t="s">
        <v>61066</v>
      </c>
      <c r="N19904" s="5" t="s">
        <v>733</v>
      </c>
      <c r="O19904" s="5" t="s">
        <v>38</v>
      </c>
      <c r="P19904" s="5" t="s">
        <v>39</v>
      </c>
      <c r="Q19904" s="5" t="s">
        <v>40</v>
      </c>
      <c r="R19904" s="5" t="s">
        <v>897</v>
      </c>
      <c r="S19904" s="5" t="s">
        <v>40</v>
      </c>
      <c r="T19904" s="5" t="s">
        <v>42</v>
      </c>
      <c r="U19904" s="2">
        <v>88.85</v>
      </c>
      <c r="V19904" s="2">
        <v>83.531999999999996</v>
      </c>
      <c r="W19904" s="2">
        <v>0.31</v>
      </c>
      <c r="X19904" s="2">
        <v>17</v>
      </c>
      <c r="Y19904" s="2">
        <v>104.9</v>
      </c>
      <c r="Z19904" s="2">
        <v>173.8</v>
      </c>
      <c r="AA19904" s="5">
        <v>7</v>
      </c>
      <c r="AB19904" s="5" t="s">
        <v>43</v>
      </c>
      <c r="AC19904" s="5" t="s">
        <v>735</v>
      </c>
      <c r="AD19904" s="2" t="s">
        <v>63277</v>
      </c>
      <c r="AE19904" s="1"/>
    </row>
    <row r="19905" spans="1:31" ht="14.45">
      <c r="A19905" s="11"/>
      <c r="B19905" s="20"/>
      <c r="C19905" s="2" t="s">
        <v>63278</v>
      </c>
      <c r="D19905" s="14" t="s">
        <v>63279</v>
      </c>
      <c r="E19905" s="2" t="s">
        <v>63280</v>
      </c>
      <c r="F19905" s="2" t="s">
        <v>63281</v>
      </c>
      <c r="G19905" s="8">
        <v>1887</v>
      </c>
      <c r="H19905" s="5">
        <v>5</v>
      </c>
      <c r="I19905" s="5" t="s">
        <v>69</v>
      </c>
      <c r="J19905" s="5" t="s">
        <v>61065</v>
      </c>
      <c r="K19905" s="2" t="s">
        <v>61066</v>
      </c>
      <c r="L19905" s="5" t="s">
        <v>61065</v>
      </c>
      <c r="M19905" s="2" t="s">
        <v>61066</v>
      </c>
      <c r="N19905" s="5" t="s">
        <v>733</v>
      </c>
      <c r="O19905" s="5" t="s">
        <v>38</v>
      </c>
      <c r="P19905" s="5" t="s">
        <v>39</v>
      </c>
      <c r="Q19905" s="5" t="s">
        <v>40</v>
      </c>
      <c r="R19905" s="5" t="s">
        <v>897</v>
      </c>
      <c r="S19905" s="5" t="s">
        <v>40</v>
      </c>
      <c r="T19905" s="5" t="s">
        <v>42</v>
      </c>
      <c r="U19905" s="2">
        <v>76.209000000000003</v>
      </c>
      <c r="V19905" s="2">
        <v>70.97</v>
      </c>
      <c r="W19905" s="2">
        <v>0.31</v>
      </c>
      <c r="X19905" s="2">
        <v>17</v>
      </c>
      <c r="Y19905" s="2">
        <v>104.9</v>
      </c>
      <c r="Z19905" s="2">
        <v>173.8</v>
      </c>
      <c r="AA19905" s="5">
        <v>7</v>
      </c>
      <c r="AB19905" s="5" t="s">
        <v>43</v>
      </c>
      <c r="AC19905" s="5" t="s">
        <v>735</v>
      </c>
      <c r="AD19905" s="2" t="s">
        <v>63282</v>
      </c>
      <c r="AE19905" s="1"/>
    </row>
    <row r="19906" spans="1:31" ht="14.45">
      <c r="A19906" s="11"/>
      <c r="B19906" s="20"/>
      <c r="C19906" s="2" t="s">
        <v>63283</v>
      </c>
      <c r="D19906" s="14" t="s">
        <v>63284</v>
      </c>
      <c r="E19906" s="2" t="s">
        <v>63285</v>
      </c>
      <c r="F19906" s="2" t="s">
        <v>63286</v>
      </c>
      <c r="G19906" s="8">
        <v>2187</v>
      </c>
      <c r="H19906" s="5">
        <v>10</v>
      </c>
      <c r="I19906" s="5" t="s">
        <v>69</v>
      </c>
      <c r="J19906" s="5" t="s">
        <v>61065</v>
      </c>
      <c r="K19906" s="2" t="s">
        <v>61066</v>
      </c>
      <c r="L19906" s="5" t="s">
        <v>61065</v>
      </c>
      <c r="M19906" s="2" t="s">
        <v>61066</v>
      </c>
      <c r="N19906" s="5" t="s">
        <v>733</v>
      </c>
      <c r="O19906" s="5" t="s">
        <v>38</v>
      </c>
      <c r="P19906" s="5" t="s">
        <v>39</v>
      </c>
      <c r="Q19906" s="5" t="s">
        <v>40</v>
      </c>
      <c r="R19906" s="5" t="s">
        <v>897</v>
      </c>
      <c r="S19906" s="5" t="s">
        <v>40</v>
      </c>
      <c r="T19906" s="5" t="s">
        <v>42</v>
      </c>
      <c r="U19906" s="2">
        <v>77.319999999999993</v>
      </c>
      <c r="V19906" s="2">
        <v>71.992999999999995</v>
      </c>
      <c r="W19906" s="2">
        <v>0.31</v>
      </c>
      <c r="X19906" s="2">
        <v>17</v>
      </c>
      <c r="Y19906" s="2">
        <v>104.9</v>
      </c>
      <c r="Z19906" s="2">
        <v>173.8</v>
      </c>
      <c r="AA19906" s="5">
        <v>7</v>
      </c>
      <c r="AB19906" s="5" t="s">
        <v>43</v>
      </c>
      <c r="AC19906" s="5" t="s">
        <v>735</v>
      </c>
      <c r="AD19906" s="2" t="s">
        <v>63287</v>
      </c>
      <c r="AE19906" s="1"/>
    </row>
    <row r="19907" spans="1:31" ht="14.45">
      <c r="A19907" s="11"/>
      <c r="B19907" s="20"/>
      <c r="C19907" s="2" t="s">
        <v>63288</v>
      </c>
      <c r="D19907" s="14" t="s">
        <v>63289</v>
      </c>
      <c r="E19907" s="2" t="s">
        <v>63290</v>
      </c>
      <c r="F19907" s="2" t="s">
        <v>63286</v>
      </c>
      <c r="G19907" s="8">
        <v>2187</v>
      </c>
      <c r="H19907" s="5">
        <v>10</v>
      </c>
      <c r="I19907" s="5" t="s">
        <v>69</v>
      </c>
      <c r="J19907" s="5" t="s">
        <v>61065</v>
      </c>
      <c r="K19907" s="2" t="s">
        <v>61066</v>
      </c>
      <c r="L19907" s="5" t="s">
        <v>61065</v>
      </c>
      <c r="M19907" s="2" t="s">
        <v>61066</v>
      </c>
      <c r="N19907" s="5" t="s">
        <v>733</v>
      </c>
      <c r="O19907" s="5" t="s">
        <v>38</v>
      </c>
      <c r="P19907" s="5" t="s">
        <v>39</v>
      </c>
      <c r="Q19907" s="5" t="s">
        <v>40</v>
      </c>
      <c r="R19907" s="5" t="s">
        <v>897</v>
      </c>
      <c r="S19907" s="5" t="s">
        <v>40</v>
      </c>
      <c r="T19907" s="5" t="s">
        <v>42</v>
      </c>
      <c r="U19907" s="2">
        <v>75.962000000000003</v>
      </c>
      <c r="V19907" s="2">
        <v>70.59</v>
      </c>
      <c r="W19907" s="2">
        <v>0.31</v>
      </c>
      <c r="X19907" s="2">
        <v>17</v>
      </c>
      <c r="Y19907" s="2">
        <v>104.9</v>
      </c>
      <c r="Z19907" s="2">
        <v>173.8</v>
      </c>
      <c r="AA19907" s="5">
        <v>7</v>
      </c>
      <c r="AB19907" s="5" t="s">
        <v>43</v>
      </c>
      <c r="AC19907" s="5" t="s">
        <v>735</v>
      </c>
      <c r="AD19907" s="2" t="s">
        <v>63291</v>
      </c>
      <c r="AE19907" s="1"/>
    </row>
    <row r="19908" spans="1:31" ht="14.45">
      <c r="A19908" s="11"/>
      <c r="B19908" s="20"/>
      <c r="C19908" s="2" t="s">
        <v>63292</v>
      </c>
      <c r="D19908" s="14" t="s">
        <v>63293</v>
      </c>
      <c r="E19908" s="2" t="s">
        <v>63294</v>
      </c>
      <c r="F19908" s="2" t="s">
        <v>63295</v>
      </c>
      <c r="G19908" s="8">
        <v>1419</v>
      </c>
      <c r="H19908" s="5">
        <v>5</v>
      </c>
      <c r="I19908" s="5" t="s">
        <v>69</v>
      </c>
      <c r="J19908" s="5" t="s">
        <v>61065</v>
      </c>
      <c r="K19908" s="2" t="s">
        <v>61066</v>
      </c>
      <c r="L19908" s="5" t="s">
        <v>61065</v>
      </c>
      <c r="M19908" s="2" t="s">
        <v>61066</v>
      </c>
      <c r="N19908" s="5" t="s">
        <v>733</v>
      </c>
      <c r="O19908" s="5" t="s">
        <v>38</v>
      </c>
      <c r="P19908" s="5" t="s">
        <v>39</v>
      </c>
      <c r="Q19908" s="5" t="s">
        <v>40</v>
      </c>
      <c r="R19908" s="5" t="s">
        <v>897</v>
      </c>
      <c r="S19908" s="5" t="s">
        <v>40</v>
      </c>
      <c r="T19908" s="5" t="s">
        <v>42</v>
      </c>
      <c r="U19908" s="2">
        <v>66.846999999999994</v>
      </c>
      <c r="V19908" s="2">
        <v>61.584000000000003</v>
      </c>
      <c r="W19908" s="2">
        <v>0.31</v>
      </c>
      <c r="X19908" s="2">
        <v>17</v>
      </c>
      <c r="Y19908" s="2">
        <v>104.9</v>
      </c>
      <c r="Z19908" s="2">
        <v>173.8</v>
      </c>
      <c r="AA19908" s="5">
        <v>7</v>
      </c>
      <c r="AB19908" s="5" t="s">
        <v>43</v>
      </c>
      <c r="AC19908" s="5" t="s">
        <v>735</v>
      </c>
      <c r="AD19908" s="2" t="s">
        <v>63296</v>
      </c>
      <c r="AE19908" s="1"/>
    </row>
    <row r="19909" spans="1:31" ht="14.45">
      <c r="A19909" s="11"/>
      <c r="B19909" s="20"/>
      <c r="C19909" s="2" t="s">
        <v>63297</v>
      </c>
      <c r="D19909" s="14" t="s">
        <v>63298</v>
      </c>
      <c r="E19909" s="2" t="s">
        <v>63299</v>
      </c>
      <c r="F19909" s="2" t="s">
        <v>63300</v>
      </c>
      <c r="G19909" s="8">
        <v>1719</v>
      </c>
      <c r="H19909" s="5">
        <v>5</v>
      </c>
      <c r="I19909" s="5" t="s">
        <v>69</v>
      </c>
      <c r="J19909" s="5" t="s">
        <v>61065</v>
      </c>
      <c r="K19909" s="2" t="s">
        <v>61066</v>
      </c>
      <c r="L19909" s="5" t="s">
        <v>61065</v>
      </c>
      <c r="M19909" s="2" t="s">
        <v>61066</v>
      </c>
      <c r="N19909" s="5" t="s">
        <v>733</v>
      </c>
      <c r="O19909" s="5" t="s">
        <v>38</v>
      </c>
      <c r="P19909" s="5" t="s">
        <v>39</v>
      </c>
      <c r="Q19909" s="5" t="s">
        <v>40</v>
      </c>
      <c r="R19909" s="5" t="s">
        <v>897</v>
      </c>
      <c r="S19909" s="5" t="s">
        <v>40</v>
      </c>
      <c r="T19909" s="5" t="s">
        <v>42</v>
      </c>
      <c r="U19909" s="2">
        <v>67.957999999999998</v>
      </c>
      <c r="V19909" s="2">
        <v>62.606999999999999</v>
      </c>
      <c r="W19909" s="2">
        <v>0.31</v>
      </c>
      <c r="X19909" s="2">
        <v>17</v>
      </c>
      <c r="Y19909" s="2">
        <v>104.9</v>
      </c>
      <c r="Z19909" s="2">
        <v>173.8</v>
      </c>
      <c r="AA19909" s="5">
        <v>7</v>
      </c>
      <c r="AB19909" s="5" t="s">
        <v>43</v>
      </c>
      <c r="AC19909" s="5" t="s">
        <v>735</v>
      </c>
      <c r="AD19909" s="2" t="s">
        <v>63301</v>
      </c>
      <c r="AE19909" s="1"/>
    </row>
    <row r="19910" spans="1:31" ht="14.45">
      <c r="A19910" s="11"/>
      <c r="B19910" s="20"/>
      <c r="C19910" s="2" t="s">
        <v>63302</v>
      </c>
      <c r="D19910" s="14" t="s">
        <v>63303</v>
      </c>
      <c r="E19910" s="2" t="s">
        <v>63304</v>
      </c>
      <c r="F19910" s="2" t="s">
        <v>63300</v>
      </c>
      <c r="G19910" s="8">
        <v>1719</v>
      </c>
      <c r="H19910" s="5">
        <v>10</v>
      </c>
      <c r="I19910" s="5" t="s">
        <v>69</v>
      </c>
      <c r="J19910" s="5" t="s">
        <v>61065</v>
      </c>
      <c r="K19910" s="2" t="s">
        <v>61066</v>
      </c>
      <c r="L19910" s="5" t="s">
        <v>61065</v>
      </c>
      <c r="M19910" s="2" t="s">
        <v>61066</v>
      </c>
      <c r="N19910" s="5" t="s">
        <v>733</v>
      </c>
      <c r="O19910" s="5" t="s">
        <v>38</v>
      </c>
      <c r="P19910" s="5" t="s">
        <v>39</v>
      </c>
      <c r="Q19910" s="5" t="s">
        <v>40</v>
      </c>
      <c r="R19910" s="5" t="s">
        <v>897</v>
      </c>
      <c r="S19910" s="5" t="s">
        <v>40</v>
      </c>
      <c r="T19910" s="5" t="s">
        <v>42</v>
      </c>
      <c r="U19910" s="2">
        <v>66.599999999999994</v>
      </c>
      <c r="V19910" s="2">
        <v>61.204000000000001</v>
      </c>
      <c r="W19910" s="2">
        <v>0.31</v>
      </c>
      <c r="X19910" s="2">
        <v>17</v>
      </c>
      <c r="Y19910" s="2">
        <v>104.9</v>
      </c>
      <c r="Z19910" s="2">
        <v>173.8</v>
      </c>
      <c r="AA19910" s="5">
        <v>7</v>
      </c>
      <c r="AB19910" s="5" t="s">
        <v>43</v>
      </c>
      <c r="AC19910" s="5" t="s">
        <v>735</v>
      </c>
      <c r="AD19910" s="2" t="s">
        <v>63305</v>
      </c>
      <c r="AE19910" s="1"/>
    </row>
    <row r="19911" spans="1:31" ht="14.45">
      <c r="A19911" s="11"/>
      <c r="B19911" s="20"/>
      <c r="C19911" s="2" t="s">
        <v>63306</v>
      </c>
      <c r="D19911" s="14" t="s">
        <v>63307</v>
      </c>
      <c r="E19911" s="2" t="s">
        <v>63308</v>
      </c>
      <c r="F19911" s="2" t="s">
        <v>63309</v>
      </c>
      <c r="G19911" s="8">
        <v>1751</v>
      </c>
      <c r="H19911" s="5">
        <v>5</v>
      </c>
      <c r="I19911" s="5" t="s">
        <v>69</v>
      </c>
      <c r="J19911" s="5" t="s">
        <v>61065</v>
      </c>
      <c r="K19911" s="2" t="s">
        <v>61066</v>
      </c>
      <c r="L19911" s="5" t="s">
        <v>61065</v>
      </c>
      <c r="M19911" s="2" t="s">
        <v>61066</v>
      </c>
      <c r="N19911" s="5" t="s">
        <v>733</v>
      </c>
      <c r="O19911" s="5" t="s">
        <v>38</v>
      </c>
      <c r="P19911" s="5" t="s">
        <v>39</v>
      </c>
      <c r="Q19911" s="5" t="s">
        <v>40</v>
      </c>
      <c r="R19911" s="5" t="s">
        <v>897</v>
      </c>
      <c r="S19911" s="5" t="s">
        <v>40</v>
      </c>
      <c r="T19911" s="5" t="s">
        <v>42</v>
      </c>
      <c r="U19911" s="2">
        <v>76.152000000000001</v>
      </c>
      <c r="V19911" s="2">
        <v>70.912999999999997</v>
      </c>
      <c r="W19911" s="2">
        <v>0.31</v>
      </c>
      <c r="X19911" s="2">
        <v>17</v>
      </c>
      <c r="Y19911" s="2">
        <v>104.9</v>
      </c>
      <c r="Z19911" s="2">
        <v>173.8</v>
      </c>
      <c r="AA19911" s="5">
        <v>7</v>
      </c>
      <c r="AB19911" s="5" t="s">
        <v>43</v>
      </c>
      <c r="AC19911" s="5" t="s">
        <v>735</v>
      </c>
      <c r="AD19911" s="2" t="s">
        <v>63310</v>
      </c>
      <c r="AE19911" s="1"/>
    </row>
    <row r="19912" spans="1:31" ht="14.45">
      <c r="A19912" s="11"/>
      <c r="B19912" s="20"/>
      <c r="C19912" s="2" t="s">
        <v>63311</v>
      </c>
      <c r="D19912" s="14" t="s">
        <v>63312</v>
      </c>
      <c r="E19912" s="2" t="s">
        <v>63313</v>
      </c>
      <c r="F19912" s="2" t="s">
        <v>63309</v>
      </c>
      <c r="G19912" s="8">
        <v>2051</v>
      </c>
      <c r="H19912" s="5">
        <v>10</v>
      </c>
      <c r="I19912" s="5" t="s">
        <v>69</v>
      </c>
      <c r="J19912" s="5" t="s">
        <v>61065</v>
      </c>
      <c r="K19912" s="2" t="s">
        <v>61066</v>
      </c>
      <c r="L19912" s="5" t="s">
        <v>61065</v>
      </c>
      <c r="M19912" s="2" t="s">
        <v>61066</v>
      </c>
      <c r="N19912" s="5" t="s">
        <v>733</v>
      </c>
      <c r="O19912" s="5" t="s">
        <v>38</v>
      </c>
      <c r="P19912" s="5" t="s">
        <v>39</v>
      </c>
      <c r="Q19912" s="5" t="s">
        <v>40</v>
      </c>
      <c r="R19912" s="5" t="s">
        <v>897</v>
      </c>
      <c r="S19912" s="5" t="s">
        <v>40</v>
      </c>
      <c r="T19912" s="5" t="s">
        <v>42</v>
      </c>
      <c r="U19912" s="2">
        <v>77.263000000000005</v>
      </c>
      <c r="V19912" s="2">
        <v>71.936000000000007</v>
      </c>
      <c r="W19912" s="2">
        <v>0.31</v>
      </c>
      <c r="X19912" s="2">
        <v>17</v>
      </c>
      <c r="Y19912" s="2">
        <v>104.9</v>
      </c>
      <c r="Z19912" s="2">
        <v>173.8</v>
      </c>
      <c r="AA19912" s="5">
        <v>7</v>
      </c>
      <c r="AB19912" s="5" t="s">
        <v>43</v>
      </c>
      <c r="AC19912" s="5" t="s">
        <v>735</v>
      </c>
      <c r="AD19912" s="2" t="s">
        <v>63314</v>
      </c>
      <c r="AE19912" s="1"/>
    </row>
    <row r="19913" spans="1:31" ht="14.45">
      <c r="A19913" s="11"/>
      <c r="B19913" s="20"/>
      <c r="C19913" s="2" t="s">
        <v>63315</v>
      </c>
      <c r="D19913" s="14" t="s">
        <v>63316</v>
      </c>
      <c r="E19913" s="2" t="s">
        <v>63317</v>
      </c>
      <c r="F19913" s="2" t="s">
        <v>63309</v>
      </c>
      <c r="G19913" s="8">
        <v>2051</v>
      </c>
      <c r="H19913" s="5">
        <v>5</v>
      </c>
      <c r="I19913" s="5" t="s">
        <v>69</v>
      </c>
      <c r="J19913" s="5" t="s">
        <v>61065</v>
      </c>
      <c r="K19913" s="2" t="s">
        <v>61066</v>
      </c>
      <c r="L19913" s="5" t="s">
        <v>61065</v>
      </c>
      <c r="M19913" s="2" t="s">
        <v>61066</v>
      </c>
      <c r="N19913" s="5" t="s">
        <v>733</v>
      </c>
      <c r="O19913" s="5" t="s">
        <v>38</v>
      </c>
      <c r="P19913" s="5" t="s">
        <v>39</v>
      </c>
      <c r="Q19913" s="5" t="s">
        <v>40</v>
      </c>
      <c r="R19913" s="5" t="s">
        <v>897</v>
      </c>
      <c r="S19913" s="5" t="s">
        <v>40</v>
      </c>
      <c r="T19913" s="5" t="s">
        <v>42</v>
      </c>
      <c r="U19913" s="2">
        <v>75.905000000000001</v>
      </c>
      <c r="V19913" s="2">
        <v>70.533000000000001</v>
      </c>
      <c r="W19913" s="2">
        <v>0.31</v>
      </c>
      <c r="X19913" s="2">
        <v>17</v>
      </c>
      <c r="Y19913" s="2">
        <v>104.9</v>
      </c>
      <c r="Z19913" s="2">
        <v>173.8</v>
      </c>
      <c r="AA19913" s="5">
        <v>7</v>
      </c>
      <c r="AB19913" s="5" t="s">
        <v>43</v>
      </c>
      <c r="AC19913" s="5" t="s">
        <v>735</v>
      </c>
      <c r="AD19913" s="2" t="s">
        <v>63318</v>
      </c>
      <c r="AE19913" s="1"/>
    </row>
    <row r="19914" spans="1:31" ht="14.45">
      <c r="A19914" s="11"/>
      <c r="B19914" s="20"/>
      <c r="C19914" s="2" t="s">
        <v>63319</v>
      </c>
      <c r="D19914" s="14" t="s">
        <v>63320</v>
      </c>
      <c r="E19914" s="2" t="s">
        <v>63321</v>
      </c>
      <c r="F19914" s="2" t="s">
        <v>63322</v>
      </c>
      <c r="G19914" s="8">
        <v>2103</v>
      </c>
      <c r="H19914" s="5">
        <v>10</v>
      </c>
      <c r="I19914" s="5" t="s">
        <v>69</v>
      </c>
      <c r="J19914" s="5" t="s">
        <v>61065</v>
      </c>
      <c r="K19914" s="2" t="s">
        <v>61066</v>
      </c>
      <c r="L19914" s="5" t="s">
        <v>61065</v>
      </c>
      <c r="M19914" s="2" t="s">
        <v>61066</v>
      </c>
      <c r="N19914" s="5" t="s">
        <v>733</v>
      </c>
      <c r="O19914" s="5" t="s">
        <v>38</v>
      </c>
      <c r="P19914" s="5" t="s">
        <v>39</v>
      </c>
      <c r="Q19914" s="5" t="s">
        <v>40</v>
      </c>
      <c r="R19914" s="5" t="s">
        <v>897</v>
      </c>
      <c r="S19914" s="5" t="s">
        <v>40</v>
      </c>
      <c r="T19914" s="5" t="s">
        <v>42</v>
      </c>
      <c r="U19914" s="2">
        <v>86.418999999999997</v>
      </c>
      <c r="V19914" s="2">
        <v>81.17</v>
      </c>
      <c r="W19914" s="2">
        <v>0.31</v>
      </c>
      <c r="X19914" s="2">
        <v>17</v>
      </c>
      <c r="Y19914" s="2">
        <v>104.9</v>
      </c>
      <c r="Z19914" s="2">
        <v>173.8</v>
      </c>
      <c r="AA19914" s="5">
        <v>7</v>
      </c>
      <c r="AB19914" s="5" t="s">
        <v>43</v>
      </c>
      <c r="AC19914" s="5" t="s">
        <v>735</v>
      </c>
      <c r="AD19914" s="2" t="s">
        <v>63323</v>
      </c>
      <c r="AE19914" s="1"/>
    </row>
    <row r="19915" spans="1:31" ht="14.45">
      <c r="A19915" s="11"/>
      <c r="B19915" s="20"/>
      <c r="C19915" s="2" t="s">
        <v>63324</v>
      </c>
      <c r="D19915" s="14" t="s">
        <v>63325</v>
      </c>
      <c r="E19915" s="2" t="s">
        <v>63326</v>
      </c>
      <c r="F19915" s="2" t="s">
        <v>63327</v>
      </c>
      <c r="G19915" s="8">
        <v>1887</v>
      </c>
      <c r="H19915" s="5">
        <v>10</v>
      </c>
      <c r="I19915" s="5" t="s">
        <v>69</v>
      </c>
      <c r="J19915" s="5" t="s">
        <v>61065</v>
      </c>
      <c r="K19915" s="2" t="s">
        <v>61066</v>
      </c>
      <c r="L19915" s="5" t="s">
        <v>61065</v>
      </c>
      <c r="M19915" s="2" t="s">
        <v>61066</v>
      </c>
      <c r="N19915" s="5" t="s">
        <v>733</v>
      </c>
      <c r="O19915" s="5" t="s">
        <v>38</v>
      </c>
      <c r="P19915" s="5" t="s">
        <v>39</v>
      </c>
      <c r="Q19915" s="5" t="s">
        <v>40</v>
      </c>
      <c r="R19915" s="5" t="s">
        <v>897</v>
      </c>
      <c r="S19915" s="5" t="s">
        <v>40</v>
      </c>
      <c r="T19915" s="5" t="s">
        <v>42</v>
      </c>
      <c r="U19915" s="2">
        <v>75.099000000000004</v>
      </c>
      <c r="V19915" s="2">
        <v>69.86</v>
      </c>
      <c r="W19915" s="2">
        <v>0.31</v>
      </c>
      <c r="X19915" s="2">
        <v>17</v>
      </c>
      <c r="Y19915" s="2">
        <v>104.9</v>
      </c>
      <c r="Z19915" s="2">
        <v>173.8</v>
      </c>
      <c r="AA19915" s="5">
        <v>7</v>
      </c>
      <c r="AB19915" s="5" t="s">
        <v>43</v>
      </c>
      <c r="AC19915" s="5" t="s">
        <v>735</v>
      </c>
      <c r="AD19915" s="2" t="s">
        <v>63328</v>
      </c>
      <c r="AE19915" s="1"/>
    </row>
    <row r="19916" spans="1:31" ht="14.45">
      <c r="A19916" s="11"/>
      <c r="B19916" s="20"/>
      <c r="C19916" s="2" t="s">
        <v>63329</v>
      </c>
      <c r="D19916" s="14" t="s">
        <v>63330</v>
      </c>
      <c r="E19916" s="2" t="s">
        <v>63331</v>
      </c>
      <c r="F19916" s="2" t="s">
        <v>63332</v>
      </c>
      <c r="G19916" s="8">
        <v>2187</v>
      </c>
      <c r="H19916" s="5">
        <v>10</v>
      </c>
      <c r="I19916" s="5" t="s">
        <v>69</v>
      </c>
      <c r="J19916" s="5" t="s">
        <v>61065</v>
      </c>
      <c r="K19916" s="2" t="s">
        <v>61066</v>
      </c>
      <c r="L19916" s="5" t="s">
        <v>61065</v>
      </c>
      <c r="M19916" s="2" t="s">
        <v>61066</v>
      </c>
      <c r="N19916" s="5" t="s">
        <v>733</v>
      </c>
      <c r="O19916" s="5" t="s">
        <v>38</v>
      </c>
      <c r="P19916" s="5" t="s">
        <v>39</v>
      </c>
      <c r="Q19916" s="5" t="s">
        <v>40</v>
      </c>
      <c r="R19916" s="5" t="s">
        <v>897</v>
      </c>
      <c r="S19916" s="5" t="s">
        <v>40</v>
      </c>
      <c r="T19916" s="5" t="s">
        <v>42</v>
      </c>
      <c r="U19916" s="2">
        <v>76.209999999999994</v>
      </c>
      <c r="V19916" s="2">
        <v>70.882999999999996</v>
      </c>
      <c r="W19916" s="2">
        <v>0.31</v>
      </c>
      <c r="X19916" s="2">
        <v>17</v>
      </c>
      <c r="Y19916" s="2">
        <v>104.9</v>
      </c>
      <c r="Z19916" s="2">
        <v>173.8</v>
      </c>
      <c r="AA19916" s="5">
        <v>7</v>
      </c>
      <c r="AB19916" s="5" t="s">
        <v>43</v>
      </c>
      <c r="AC19916" s="5" t="s">
        <v>735</v>
      </c>
      <c r="AD19916" s="2" t="s">
        <v>63333</v>
      </c>
      <c r="AE19916" s="1"/>
    </row>
    <row r="19917" spans="1:31" ht="14.45">
      <c r="A19917" s="11"/>
      <c r="B19917" s="20"/>
      <c r="C19917" s="2" t="s">
        <v>63334</v>
      </c>
      <c r="D19917" s="14" t="s">
        <v>63335</v>
      </c>
      <c r="E19917" s="2" t="s">
        <v>63336</v>
      </c>
      <c r="F19917" s="2" t="s">
        <v>63337</v>
      </c>
      <c r="G19917" s="8">
        <v>1719</v>
      </c>
      <c r="H19917" s="5">
        <v>5</v>
      </c>
      <c r="I19917" s="5" t="s">
        <v>69</v>
      </c>
      <c r="J19917" s="5" t="s">
        <v>61065</v>
      </c>
      <c r="K19917" s="2" t="s">
        <v>61066</v>
      </c>
      <c r="L19917" s="5" t="s">
        <v>61065</v>
      </c>
      <c r="M19917" s="2" t="s">
        <v>61066</v>
      </c>
      <c r="N19917" s="5" t="s">
        <v>733</v>
      </c>
      <c r="O19917" s="5" t="s">
        <v>38</v>
      </c>
      <c r="P19917" s="5" t="s">
        <v>39</v>
      </c>
      <c r="Q19917" s="5" t="s">
        <v>40</v>
      </c>
      <c r="R19917" s="5" t="s">
        <v>897</v>
      </c>
      <c r="S19917" s="5" t="s">
        <v>40</v>
      </c>
      <c r="T19917" s="5" t="s">
        <v>42</v>
      </c>
      <c r="U19917" s="2">
        <v>65.491</v>
      </c>
      <c r="V19917" s="2">
        <v>60.094999999999999</v>
      </c>
      <c r="W19917" s="2">
        <v>0.31</v>
      </c>
      <c r="X19917" s="2">
        <v>17</v>
      </c>
      <c r="Y19917" s="2">
        <v>104.9</v>
      </c>
      <c r="Z19917" s="2">
        <v>173.8</v>
      </c>
      <c r="AA19917" s="5">
        <v>7</v>
      </c>
      <c r="AB19917" s="5" t="s">
        <v>43</v>
      </c>
      <c r="AC19917" s="5" t="s">
        <v>735</v>
      </c>
      <c r="AD19917" s="2" t="s">
        <v>63338</v>
      </c>
      <c r="AE19917" s="1"/>
    </row>
    <row r="19918" spans="1:31" ht="14.45">
      <c r="A19918" s="11"/>
      <c r="B19918" s="20"/>
      <c r="C19918" s="2" t="s">
        <v>63339</v>
      </c>
      <c r="D19918" s="14" t="s">
        <v>63340</v>
      </c>
      <c r="E19918" s="2" t="s">
        <v>63341</v>
      </c>
      <c r="F19918" s="2" t="s">
        <v>63342</v>
      </c>
      <c r="G19918" s="8">
        <v>1751</v>
      </c>
      <c r="H19918" s="5">
        <v>10</v>
      </c>
      <c r="I19918" s="5" t="s">
        <v>69</v>
      </c>
      <c r="J19918" s="5" t="s">
        <v>61065</v>
      </c>
      <c r="K19918" s="2" t="s">
        <v>61066</v>
      </c>
      <c r="L19918" s="5" t="s">
        <v>61065</v>
      </c>
      <c r="M19918" s="2" t="s">
        <v>61066</v>
      </c>
      <c r="N19918" s="5" t="s">
        <v>733</v>
      </c>
      <c r="O19918" s="5" t="s">
        <v>38</v>
      </c>
      <c r="P19918" s="5" t="s">
        <v>39</v>
      </c>
      <c r="Q19918" s="5" t="s">
        <v>40</v>
      </c>
      <c r="R19918" s="5" t="s">
        <v>897</v>
      </c>
      <c r="S19918" s="5" t="s">
        <v>40</v>
      </c>
      <c r="T19918" s="5" t="s">
        <v>42</v>
      </c>
      <c r="U19918" s="2">
        <v>75.042000000000002</v>
      </c>
      <c r="V19918" s="2">
        <v>69.802999999999997</v>
      </c>
      <c r="W19918" s="2">
        <v>0.31</v>
      </c>
      <c r="X19918" s="2">
        <v>17</v>
      </c>
      <c r="Y19918" s="2">
        <v>104.9</v>
      </c>
      <c r="Z19918" s="2">
        <v>173.8</v>
      </c>
      <c r="AA19918" s="5">
        <v>7</v>
      </c>
      <c r="AB19918" s="5" t="s">
        <v>43</v>
      </c>
      <c r="AC19918" s="5" t="s">
        <v>735</v>
      </c>
      <c r="AD19918" s="2" t="s">
        <v>63343</v>
      </c>
      <c r="AE19918" s="1"/>
    </row>
    <row r="19919" spans="1:31" ht="14.45">
      <c r="A19919" s="11"/>
      <c r="B19919" s="20"/>
      <c r="C19919" s="2" t="s">
        <v>63344</v>
      </c>
      <c r="D19919" s="14" t="s">
        <v>63345</v>
      </c>
      <c r="E19919" s="2" t="s">
        <v>63346</v>
      </c>
      <c r="F19919" s="2" t="s">
        <v>63342</v>
      </c>
      <c r="G19919" s="8">
        <v>2051</v>
      </c>
      <c r="H19919" s="5">
        <v>10</v>
      </c>
      <c r="I19919" s="5" t="s">
        <v>69</v>
      </c>
      <c r="J19919" s="5" t="s">
        <v>61065</v>
      </c>
      <c r="K19919" s="2" t="s">
        <v>61066</v>
      </c>
      <c r="L19919" s="5" t="s">
        <v>61065</v>
      </c>
      <c r="M19919" s="2" t="s">
        <v>61066</v>
      </c>
      <c r="N19919" s="5" t="s">
        <v>733</v>
      </c>
      <c r="O19919" s="5" t="s">
        <v>38</v>
      </c>
      <c r="P19919" s="5" t="s">
        <v>39</v>
      </c>
      <c r="Q19919" s="5" t="s">
        <v>40</v>
      </c>
      <c r="R19919" s="5" t="s">
        <v>897</v>
      </c>
      <c r="S19919" s="5" t="s">
        <v>40</v>
      </c>
      <c r="T19919" s="5" t="s">
        <v>42</v>
      </c>
      <c r="U19919" s="2">
        <v>76.153000000000006</v>
      </c>
      <c r="V19919" s="2">
        <v>70.825999999999993</v>
      </c>
      <c r="W19919" s="2">
        <v>0.31</v>
      </c>
      <c r="X19919" s="2">
        <v>17</v>
      </c>
      <c r="Y19919" s="2">
        <v>104.9</v>
      </c>
      <c r="Z19919" s="2">
        <v>173.8</v>
      </c>
      <c r="AA19919" s="5">
        <v>7</v>
      </c>
      <c r="AB19919" s="5" t="s">
        <v>43</v>
      </c>
      <c r="AC19919" s="5" t="s">
        <v>735</v>
      </c>
      <c r="AD19919" s="2" t="s">
        <v>63347</v>
      </c>
      <c r="AE19919" s="1"/>
    </row>
    <row r="19920" spans="1:31" ht="14.45">
      <c r="A19920" s="11"/>
      <c r="B19920" s="20"/>
      <c r="C19920" s="2" t="s">
        <v>63348</v>
      </c>
      <c r="D19920" s="14" t="s">
        <v>63349</v>
      </c>
      <c r="E19920" s="2" t="s">
        <v>63350</v>
      </c>
      <c r="F19920" s="2" t="s">
        <v>63342</v>
      </c>
      <c r="G19920" s="8">
        <v>2051</v>
      </c>
      <c r="H19920" s="5">
        <v>5</v>
      </c>
      <c r="I19920" s="5" t="s">
        <v>69</v>
      </c>
      <c r="J19920" s="5" t="s">
        <v>61065</v>
      </c>
      <c r="K19920" s="2" t="s">
        <v>61066</v>
      </c>
      <c r="L19920" s="5" t="s">
        <v>61065</v>
      </c>
      <c r="M19920" s="2" t="s">
        <v>61066</v>
      </c>
      <c r="N19920" s="5" t="s">
        <v>733</v>
      </c>
      <c r="O19920" s="5" t="s">
        <v>38</v>
      </c>
      <c r="P19920" s="5" t="s">
        <v>39</v>
      </c>
      <c r="Q19920" s="5" t="s">
        <v>40</v>
      </c>
      <c r="R19920" s="5" t="s">
        <v>897</v>
      </c>
      <c r="S19920" s="5" t="s">
        <v>40</v>
      </c>
      <c r="T19920" s="5" t="s">
        <v>42</v>
      </c>
      <c r="U19920" s="2">
        <v>74.793999999999997</v>
      </c>
      <c r="V19920" s="2">
        <v>69.421999999999997</v>
      </c>
      <c r="W19920" s="2">
        <v>0.31</v>
      </c>
      <c r="X19920" s="2">
        <v>17</v>
      </c>
      <c r="Y19920" s="2">
        <v>104.9</v>
      </c>
      <c r="Z19920" s="2">
        <v>173.8</v>
      </c>
      <c r="AA19920" s="5">
        <v>7</v>
      </c>
      <c r="AB19920" s="5" t="s">
        <v>43</v>
      </c>
      <c r="AC19920" s="5" t="s">
        <v>735</v>
      </c>
      <c r="AD19920" s="2" t="s">
        <v>63351</v>
      </c>
      <c r="AE19920" s="1"/>
    </row>
    <row r="19921" spans="1:31" ht="14.45">
      <c r="A19921" s="11"/>
      <c r="B19921" s="20"/>
      <c r="C19921" s="2" t="s">
        <v>63352</v>
      </c>
      <c r="D19921" s="14" t="s">
        <v>63353</v>
      </c>
      <c r="E19921" s="2" t="s">
        <v>63354</v>
      </c>
      <c r="F19921" s="2" t="s">
        <v>63355</v>
      </c>
      <c r="G19921" s="8">
        <v>1501</v>
      </c>
      <c r="H19921" s="5">
        <v>5</v>
      </c>
      <c r="I19921" s="5" t="s">
        <v>69</v>
      </c>
      <c r="J19921" s="5" t="s">
        <v>61065</v>
      </c>
      <c r="K19921" s="2" t="s">
        <v>61066</v>
      </c>
      <c r="L19921" s="5" t="s">
        <v>61065</v>
      </c>
      <c r="M19921" s="2" t="s">
        <v>61066</v>
      </c>
      <c r="N19921" s="5" t="s">
        <v>733</v>
      </c>
      <c r="O19921" s="5" t="s">
        <v>38</v>
      </c>
      <c r="P19921" s="5" t="s">
        <v>39</v>
      </c>
      <c r="Q19921" s="5" t="s">
        <v>40</v>
      </c>
      <c r="R19921" s="5" t="s">
        <v>897</v>
      </c>
      <c r="S19921" s="5" t="s">
        <v>40</v>
      </c>
      <c r="T19921" s="5" t="s">
        <v>42</v>
      </c>
      <c r="U19921" s="2">
        <v>73.138000000000005</v>
      </c>
      <c r="V19921" s="2">
        <v>68.385000000000005</v>
      </c>
      <c r="W19921" s="2">
        <v>0.27900000000000003</v>
      </c>
      <c r="X19921" s="2">
        <v>17</v>
      </c>
      <c r="Y19921" s="2">
        <v>124.7</v>
      </c>
      <c r="Z19921" s="2">
        <v>131.6</v>
      </c>
      <c r="AA19921" s="5">
        <v>7</v>
      </c>
      <c r="AB19921" s="5" t="s">
        <v>43</v>
      </c>
      <c r="AC19921" s="5" t="s">
        <v>735</v>
      </c>
      <c r="AD19921" s="2" t="s">
        <v>63356</v>
      </c>
      <c r="AE19921" s="1"/>
    </row>
    <row r="19922" spans="1:31" ht="14.45">
      <c r="A19922" s="11"/>
      <c r="B19922" s="20"/>
      <c r="C19922" s="2" t="s">
        <v>63357</v>
      </c>
      <c r="D19922" s="14" t="s">
        <v>63358</v>
      </c>
      <c r="E19922" s="2" t="s">
        <v>63359</v>
      </c>
      <c r="F19922" s="2" t="s">
        <v>63360</v>
      </c>
      <c r="G19922" s="8">
        <v>1801</v>
      </c>
      <c r="H19922" s="5">
        <v>5</v>
      </c>
      <c r="I19922" s="5" t="s">
        <v>69</v>
      </c>
      <c r="J19922" s="5" t="s">
        <v>61065</v>
      </c>
      <c r="K19922" s="2" t="s">
        <v>61066</v>
      </c>
      <c r="L19922" s="5" t="s">
        <v>61065</v>
      </c>
      <c r="M19922" s="2" t="s">
        <v>61066</v>
      </c>
      <c r="N19922" s="5" t="s">
        <v>733</v>
      </c>
      <c r="O19922" s="5" t="s">
        <v>38</v>
      </c>
      <c r="P19922" s="5" t="s">
        <v>39</v>
      </c>
      <c r="Q19922" s="5" t="s">
        <v>40</v>
      </c>
      <c r="R19922" s="5" t="s">
        <v>897</v>
      </c>
      <c r="S19922" s="5" t="s">
        <v>40</v>
      </c>
      <c r="T19922" s="5" t="s">
        <v>42</v>
      </c>
      <c r="U19922" s="2">
        <v>75.858000000000004</v>
      </c>
      <c r="V19922" s="2">
        <v>71.03</v>
      </c>
      <c r="W19922" s="2">
        <v>0.27900000000000003</v>
      </c>
      <c r="X19922" s="2">
        <v>17</v>
      </c>
      <c r="Y19922" s="2">
        <v>124.7</v>
      </c>
      <c r="Z19922" s="2">
        <v>131.6</v>
      </c>
      <c r="AA19922" s="5">
        <v>7</v>
      </c>
      <c r="AB19922" s="5" t="s">
        <v>43</v>
      </c>
      <c r="AC19922" s="5" t="s">
        <v>735</v>
      </c>
      <c r="AD19922" s="2" t="s">
        <v>63361</v>
      </c>
      <c r="AE19922" s="1"/>
    </row>
    <row r="19923" spans="1:31" ht="14.45">
      <c r="A19923" s="11"/>
      <c r="B19923" s="20"/>
      <c r="C19923" s="2" t="s">
        <v>63362</v>
      </c>
      <c r="D19923" s="14" t="s">
        <v>63363</v>
      </c>
      <c r="E19923" s="2" t="s">
        <v>63364</v>
      </c>
      <c r="F19923" s="2" t="s">
        <v>63365</v>
      </c>
      <c r="G19923" s="8">
        <v>1309</v>
      </c>
      <c r="H19923" s="5">
        <v>5</v>
      </c>
      <c r="I19923" s="5" t="s">
        <v>69</v>
      </c>
      <c r="J19923" s="5" t="s">
        <v>61065</v>
      </c>
      <c r="K19923" s="2" t="s">
        <v>61066</v>
      </c>
      <c r="L19923" s="5" t="s">
        <v>61065</v>
      </c>
      <c r="M19923" s="2" t="s">
        <v>61066</v>
      </c>
      <c r="N19923" s="5" t="s">
        <v>733</v>
      </c>
      <c r="O19923" s="5" t="s">
        <v>38</v>
      </c>
      <c r="P19923" s="5" t="s">
        <v>39</v>
      </c>
      <c r="Q19923" s="5" t="s">
        <v>40</v>
      </c>
      <c r="R19923" s="5" t="s">
        <v>897</v>
      </c>
      <c r="S19923" s="5" t="s">
        <v>40</v>
      </c>
      <c r="T19923" s="5" t="s">
        <v>42</v>
      </c>
      <c r="U19923" s="2">
        <v>62.981999999999999</v>
      </c>
      <c r="V19923" s="2">
        <v>58.237000000000002</v>
      </c>
      <c r="W19923" s="2">
        <v>0.27900000000000003</v>
      </c>
      <c r="X19923" s="2">
        <v>17</v>
      </c>
      <c r="Y19923" s="2">
        <v>124.7</v>
      </c>
      <c r="Z19923" s="2">
        <v>131.6</v>
      </c>
      <c r="AA19923" s="5">
        <v>7</v>
      </c>
      <c r="AB19923" s="5" t="s">
        <v>43</v>
      </c>
      <c r="AC19923" s="5" t="s">
        <v>735</v>
      </c>
      <c r="AD19923" s="2" t="s">
        <v>63366</v>
      </c>
      <c r="AE19923" s="1"/>
    </row>
    <row r="19924" spans="1:31" ht="14.45">
      <c r="A19924" s="11"/>
      <c r="B19924" s="20"/>
      <c r="C19924" s="2" t="s">
        <v>63367</v>
      </c>
      <c r="D19924" s="14" t="s">
        <v>63368</v>
      </c>
      <c r="E19924" s="2" t="s">
        <v>63369</v>
      </c>
      <c r="F19924" s="2" t="s">
        <v>63370</v>
      </c>
      <c r="G19924" s="8">
        <v>1609</v>
      </c>
      <c r="H19924" s="5">
        <v>5</v>
      </c>
      <c r="I19924" s="5" t="s">
        <v>69</v>
      </c>
      <c r="J19924" s="5" t="s">
        <v>61065</v>
      </c>
      <c r="K19924" s="2" t="s">
        <v>61066</v>
      </c>
      <c r="L19924" s="5" t="s">
        <v>61065</v>
      </c>
      <c r="M19924" s="2" t="s">
        <v>61066</v>
      </c>
      <c r="N19924" s="5" t="s">
        <v>733</v>
      </c>
      <c r="O19924" s="5" t="s">
        <v>38</v>
      </c>
      <c r="P19924" s="5" t="s">
        <v>39</v>
      </c>
      <c r="Q19924" s="5" t="s">
        <v>40</v>
      </c>
      <c r="R19924" s="5" t="s">
        <v>897</v>
      </c>
      <c r="S19924" s="5" t="s">
        <v>40</v>
      </c>
      <c r="T19924" s="5" t="s">
        <v>42</v>
      </c>
      <c r="U19924" s="2">
        <v>65.676000000000002</v>
      </c>
      <c r="V19924" s="2">
        <v>60.853999999999999</v>
      </c>
      <c r="W19924" s="2">
        <v>0.27900000000000003</v>
      </c>
      <c r="X19924" s="2">
        <v>17</v>
      </c>
      <c r="Y19924" s="2">
        <v>124.7</v>
      </c>
      <c r="Z19924" s="2">
        <v>131.6</v>
      </c>
      <c r="AA19924" s="5">
        <v>7</v>
      </c>
      <c r="AB19924" s="5" t="s">
        <v>43</v>
      </c>
      <c r="AC19924" s="5" t="s">
        <v>735</v>
      </c>
      <c r="AD19924" s="2" t="s">
        <v>63371</v>
      </c>
      <c r="AE19924" s="1"/>
    </row>
    <row r="19925" spans="1:31" ht="14.45">
      <c r="A19925" s="5" t="s">
        <v>116</v>
      </c>
      <c r="B19925" s="21">
        <v>46082</v>
      </c>
      <c r="C19925" s="2" t="s">
        <v>63372</v>
      </c>
      <c r="D19925" s="14" t="s">
        <v>63373</v>
      </c>
      <c r="E19925" s="2" t="s">
        <v>63374</v>
      </c>
      <c r="F19925" s="2" t="s">
        <v>63375</v>
      </c>
      <c r="G19925" s="8">
        <v>1709</v>
      </c>
      <c r="H19925" s="5">
        <v>5</v>
      </c>
      <c r="I19925" s="5" t="s">
        <v>69</v>
      </c>
      <c r="J19925" s="5" t="s">
        <v>61065</v>
      </c>
      <c r="K19925" s="2" t="s">
        <v>61066</v>
      </c>
      <c r="L19925" s="5" t="s">
        <v>61065</v>
      </c>
      <c r="M19925" s="2" t="s">
        <v>61066</v>
      </c>
      <c r="N19925" s="5" t="s">
        <v>733</v>
      </c>
      <c r="O19925" s="5" t="s">
        <v>38</v>
      </c>
      <c r="P19925" s="5" t="s">
        <v>39</v>
      </c>
      <c r="Q19925" s="5" t="s">
        <v>40</v>
      </c>
      <c r="R19925" s="5" t="s">
        <v>897</v>
      </c>
      <c r="S19925" s="5" t="s">
        <v>40</v>
      </c>
      <c r="T19925" s="5" t="s">
        <v>42</v>
      </c>
      <c r="U19925" s="2">
        <v>65.936000000000007</v>
      </c>
      <c r="V19925" s="2">
        <v>61.198</v>
      </c>
      <c r="W19925" s="2">
        <v>0.27900000000000003</v>
      </c>
      <c r="X19925" s="2">
        <v>17</v>
      </c>
      <c r="Y19925" s="2">
        <v>124.7</v>
      </c>
      <c r="Z19925" s="2">
        <v>131.6</v>
      </c>
      <c r="AA19925" s="5">
        <v>7</v>
      </c>
      <c r="AB19925" s="5" t="s">
        <v>43</v>
      </c>
      <c r="AC19925" s="5" t="s">
        <v>735</v>
      </c>
      <c r="AD19925" s="2" t="s">
        <v>63376</v>
      </c>
      <c r="AE19925" s="1"/>
    </row>
    <row r="19926" spans="1:31" ht="14.45">
      <c r="A19926" s="11"/>
      <c r="B19926" s="20"/>
      <c r="C19926" s="2" t="s">
        <v>63377</v>
      </c>
      <c r="D19926" s="14" t="s">
        <v>63378</v>
      </c>
      <c r="E19926" s="2" t="s">
        <v>63379</v>
      </c>
      <c r="F19926" s="2" t="s">
        <v>63370</v>
      </c>
      <c r="G19926" s="8">
        <v>1609</v>
      </c>
      <c r="H19926" s="5">
        <v>5</v>
      </c>
      <c r="I19926" s="5" t="s">
        <v>69</v>
      </c>
      <c r="J19926" s="5" t="s">
        <v>61065</v>
      </c>
      <c r="K19926" s="2" t="s">
        <v>61066</v>
      </c>
      <c r="L19926" s="5" t="s">
        <v>61065</v>
      </c>
      <c r="M19926" s="2" t="s">
        <v>61066</v>
      </c>
      <c r="N19926" s="5" t="s">
        <v>733</v>
      </c>
      <c r="O19926" s="5" t="s">
        <v>38</v>
      </c>
      <c r="P19926" s="5" t="s">
        <v>39</v>
      </c>
      <c r="Q19926" s="5" t="s">
        <v>40</v>
      </c>
      <c r="R19926" s="5" t="s">
        <v>897</v>
      </c>
      <c r="S19926" s="5" t="s">
        <v>40</v>
      </c>
      <c r="T19926" s="5" t="s">
        <v>42</v>
      </c>
      <c r="U19926" s="2">
        <v>65.263000000000005</v>
      </c>
      <c r="V19926" s="2">
        <v>60.226999999999997</v>
      </c>
      <c r="W19926" s="2">
        <v>0.27900000000000003</v>
      </c>
      <c r="X19926" s="2">
        <v>17</v>
      </c>
      <c r="Y19926" s="2">
        <v>124.7</v>
      </c>
      <c r="Z19926" s="2">
        <v>131.6</v>
      </c>
      <c r="AA19926" s="5">
        <v>7</v>
      </c>
      <c r="AB19926" s="5" t="s">
        <v>43</v>
      </c>
      <c r="AC19926" s="5" t="s">
        <v>735</v>
      </c>
      <c r="AD19926" s="2" t="s">
        <v>63380</v>
      </c>
      <c r="AE19926" s="1"/>
    </row>
    <row r="19927" spans="1:31" ht="14.45">
      <c r="A19927" s="11"/>
      <c r="B19927" s="20"/>
      <c r="C19927" s="2" t="s">
        <v>63381</v>
      </c>
      <c r="D19927" s="14" t="s">
        <v>63382</v>
      </c>
      <c r="E19927" s="2" t="s">
        <v>63383</v>
      </c>
      <c r="F19927" s="2" t="s">
        <v>63370</v>
      </c>
      <c r="G19927" s="8">
        <v>1856</v>
      </c>
      <c r="H19927" s="5">
        <v>5</v>
      </c>
      <c r="I19927" s="5" t="s">
        <v>69</v>
      </c>
      <c r="J19927" s="5" t="s">
        <v>61065</v>
      </c>
      <c r="K19927" s="2" t="s">
        <v>61066</v>
      </c>
      <c r="L19927" s="5" t="s">
        <v>61065</v>
      </c>
      <c r="M19927" s="2" t="s">
        <v>61066</v>
      </c>
      <c r="N19927" s="5" t="s">
        <v>733</v>
      </c>
      <c r="O19927" s="5" t="s">
        <v>38</v>
      </c>
      <c r="P19927" s="5" t="s">
        <v>39</v>
      </c>
      <c r="Q19927" s="5" t="s">
        <v>40</v>
      </c>
      <c r="R19927" s="5" t="s">
        <v>897</v>
      </c>
      <c r="S19927" s="5" t="s">
        <v>40</v>
      </c>
      <c r="T19927" s="5" t="s">
        <v>42</v>
      </c>
      <c r="U19927" s="2">
        <v>67.103999999999999</v>
      </c>
      <c r="V19927" s="2">
        <v>62.34</v>
      </c>
      <c r="W19927" s="2">
        <v>0.27900000000000003</v>
      </c>
      <c r="X19927" s="2">
        <v>17</v>
      </c>
      <c r="Y19927" s="2">
        <v>124.7</v>
      </c>
      <c r="Z19927" s="2">
        <v>131.6</v>
      </c>
      <c r="AA19927" s="5">
        <v>7</v>
      </c>
      <c r="AB19927" s="5" t="s">
        <v>43</v>
      </c>
      <c r="AC19927" s="5" t="s">
        <v>735</v>
      </c>
      <c r="AD19927" s="2" t="s">
        <v>63384</v>
      </c>
      <c r="AE19927" s="1"/>
    </row>
    <row r="19928" spans="1:31" ht="14.45">
      <c r="A19928" s="11"/>
      <c r="B19928" s="20"/>
      <c r="C19928" s="2" t="s">
        <v>63385</v>
      </c>
      <c r="D19928" s="14" t="s">
        <v>63386</v>
      </c>
      <c r="E19928" s="2" t="s">
        <v>63387</v>
      </c>
      <c r="F19928" s="2" t="s">
        <v>63388</v>
      </c>
      <c r="G19928" s="8">
        <v>1501</v>
      </c>
      <c r="H19928" s="5">
        <v>10</v>
      </c>
      <c r="I19928" s="5" t="s">
        <v>69</v>
      </c>
      <c r="J19928" s="5" t="s">
        <v>61065</v>
      </c>
      <c r="K19928" s="2" t="s">
        <v>61066</v>
      </c>
      <c r="L19928" s="5" t="s">
        <v>61065</v>
      </c>
      <c r="M19928" s="2" t="s">
        <v>61066</v>
      </c>
      <c r="N19928" s="5" t="s">
        <v>733</v>
      </c>
      <c r="O19928" s="5" t="s">
        <v>38</v>
      </c>
      <c r="P19928" s="5" t="s">
        <v>39</v>
      </c>
      <c r="Q19928" s="5" t="s">
        <v>40</v>
      </c>
      <c r="R19928" s="5" t="s">
        <v>897</v>
      </c>
      <c r="S19928" s="5" t="s">
        <v>40</v>
      </c>
      <c r="T19928" s="5" t="s">
        <v>42</v>
      </c>
      <c r="U19928" s="2">
        <v>62.735999999999997</v>
      </c>
      <c r="V19928" s="2">
        <v>57.984000000000002</v>
      </c>
      <c r="W19928" s="2">
        <v>0.27900000000000003</v>
      </c>
      <c r="X19928" s="2">
        <v>17</v>
      </c>
      <c r="Y19928" s="2">
        <v>124.7</v>
      </c>
      <c r="Z19928" s="2">
        <v>131.6</v>
      </c>
      <c r="AA19928" s="5">
        <v>7</v>
      </c>
      <c r="AB19928" s="5" t="s">
        <v>43</v>
      </c>
      <c r="AC19928" s="5" t="s">
        <v>735</v>
      </c>
      <c r="AD19928" s="2" t="s">
        <v>63389</v>
      </c>
      <c r="AE19928" s="1"/>
    </row>
    <row r="19929" spans="1:31" ht="14.45">
      <c r="A19929" s="11"/>
      <c r="B19929" s="20"/>
      <c r="C19929" s="2" t="s">
        <v>63390</v>
      </c>
      <c r="D19929" s="14" t="s">
        <v>63391</v>
      </c>
      <c r="E19929" s="2" t="s">
        <v>63392</v>
      </c>
      <c r="F19929" s="2" t="s">
        <v>63393</v>
      </c>
      <c r="G19929" s="8">
        <v>1801</v>
      </c>
      <c r="H19929" s="5">
        <v>10</v>
      </c>
      <c r="I19929" s="5" t="s">
        <v>69</v>
      </c>
      <c r="J19929" s="5" t="s">
        <v>61065</v>
      </c>
      <c r="K19929" s="2" t="s">
        <v>61066</v>
      </c>
      <c r="L19929" s="5" t="s">
        <v>61065</v>
      </c>
      <c r="M19929" s="2" t="s">
        <v>61066</v>
      </c>
      <c r="N19929" s="5" t="s">
        <v>733</v>
      </c>
      <c r="O19929" s="5" t="s">
        <v>38</v>
      </c>
      <c r="P19929" s="5" t="s">
        <v>39</v>
      </c>
      <c r="Q19929" s="5" t="s">
        <v>40</v>
      </c>
      <c r="R19929" s="5" t="s">
        <v>897</v>
      </c>
      <c r="S19929" s="5" t="s">
        <v>40</v>
      </c>
      <c r="T19929" s="5" t="s">
        <v>42</v>
      </c>
      <c r="U19929" s="2">
        <v>65.507999999999996</v>
      </c>
      <c r="V19929" s="2">
        <v>60.640999999999998</v>
      </c>
      <c r="W19929" s="2">
        <v>0.27900000000000003</v>
      </c>
      <c r="X19929" s="2">
        <v>17</v>
      </c>
      <c r="Y19929" s="2">
        <v>124.7</v>
      </c>
      <c r="Z19929" s="2">
        <v>131.6</v>
      </c>
      <c r="AA19929" s="5">
        <v>7</v>
      </c>
      <c r="AB19929" s="5" t="s">
        <v>43</v>
      </c>
      <c r="AC19929" s="5" t="s">
        <v>735</v>
      </c>
      <c r="AD19929" s="2" t="s">
        <v>63394</v>
      </c>
      <c r="AE19929" s="1"/>
    </row>
    <row r="19930" spans="1:31" ht="14.45">
      <c r="A19930" s="11"/>
      <c r="B19930" s="20"/>
      <c r="C19930" s="2" t="s">
        <v>63395</v>
      </c>
      <c r="D19930" s="14" t="s">
        <v>63396</v>
      </c>
      <c r="E19930" s="2" t="s">
        <v>63397</v>
      </c>
      <c r="F19930" s="2" t="s">
        <v>63393</v>
      </c>
      <c r="G19930" s="8">
        <v>1801</v>
      </c>
      <c r="H19930" s="5">
        <v>10</v>
      </c>
      <c r="I19930" s="5" t="s">
        <v>69</v>
      </c>
      <c r="J19930" s="5" t="s">
        <v>61065</v>
      </c>
      <c r="K19930" s="2" t="s">
        <v>61066</v>
      </c>
      <c r="L19930" s="5" t="s">
        <v>61065</v>
      </c>
      <c r="M19930" s="2" t="s">
        <v>61066</v>
      </c>
      <c r="N19930" s="5" t="s">
        <v>733</v>
      </c>
      <c r="O19930" s="5" t="s">
        <v>38</v>
      </c>
      <c r="P19930" s="5" t="s">
        <v>39</v>
      </c>
      <c r="Q19930" s="5" t="s">
        <v>40</v>
      </c>
      <c r="R19930" s="5" t="s">
        <v>897</v>
      </c>
      <c r="S19930" s="5" t="s">
        <v>40</v>
      </c>
      <c r="T19930" s="5" t="s">
        <v>42</v>
      </c>
      <c r="U19930" s="2">
        <v>65.042000000000002</v>
      </c>
      <c r="V19930" s="2">
        <v>60.006</v>
      </c>
      <c r="W19930" s="2">
        <v>0.27900000000000003</v>
      </c>
      <c r="X19930" s="2">
        <v>17</v>
      </c>
      <c r="Y19930" s="2">
        <v>124.7</v>
      </c>
      <c r="Z19930" s="2">
        <v>131.6</v>
      </c>
      <c r="AA19930" s="5">
        <v>7</v>
      </c>
      <c r="AB19930" s="5" t="s">
        <v>43</v>
      </c>
      <c r="AC19930" s="5" t="s">
        <v>735</v>
      </c>
      <c r="AD19930" s="2" t="s">
        <v>63398</v>
      </c>
      <c r="AE19930" s="1"/>
    </row>
    <row r="19931" spans="1:31" ht="14.45">
      <c r="A19931" s="11"/>
      <c r="B19931" s="20"/>
      <c r="C19931" s="2" t="s">
        <v>63399</v>
      </c>
      <c r="D19931" s="14" t="s">
        <v>63400</v>
      </c>
      <c r="E19931" s="2" t="s">
        <v>63401</v>
      </c>
      <c r="F19931" s="2" t="s">
        <v>63402</v>
      </c>
      <c r="G19931" s="8">
        <v>1126</v>
      </c>
      <c r="H19931" s="5">
        <v>5</v>
      </c>
      <c r="I19931" s="5" t="s">
        <v>69</v>
      </c>
      <c r="J19931" s="5" t="s">
        <v>61065</v>
      </c>
      <c r="K19931" s="2" t="s">
        <v>61066</v>
      </c>
      <c r="L19931" s="5" t="s">
        <v>61065</v>
      </c>
      <c r="M19931" s="2" t="s">
        <v>61066</v>
      </c>
      <c r="N19931" s="5" t="s">
        <v>733</v>
      </c>
      <c r="O19931" s="5" t="s">
        <v>38</v>
      </c>
      <c r="P19931" s="5" t="s">
        <v>39</v>
      </c>
      <c r="Q19931" s="5" t="s">
        <v>40</v>
      </c>
      <c r="R19931" s="5" t="s">
        <v>897</v>
      </c>
      <c r="S19931" s="5" t="s">
        <v>40</v>
      </c>
      <c r="T19931" s="5" t="s">
        <v>42</v>
      </c>
      <c r="U19931" s="2">
        <v>63.048000000000002</v>
      </c>
      <c r="V19931" s="2">
        <v>58.302999999999997</v>
      </c>
      <c r="W19931" s="2">
        <v>0.27900000000000003</v>
      </c>
      <c r="X19931" s="2">
        <v>17</v>
      </c>
      <c r="Y19931" s="2">
        <v>124.7</v>
      </c>
      <c r="Z19931" s="2">
        <v>131.6</v>
      </c>
      <c r="AA19931" s="5">
        <v>7</v>
      </c>
      <c r="AB19931" s="5" t="s">
        <v>43</v>
      </c>
      <c r="AC19931" s="5" t="s">
        <v>735</v>
      </c>
      <c r="AD19931" s="2" t="s">
        <v>63403</v>
      </c>
      <c r="AE19931" s="1"/>
    </row>
    <row r="19932" spans="1:31" ht="14.45">
      <c r="A19932" s="11"/>
      <c r="B19932" s="20"/>
      <c r="C19932" s="2" t="s">
        <v>63404</v>
      </c>
      <c r="D19932" s="14" t="s">
        <v>63405</v>
      </c>
      <c r="E19932" s="2" t="s">
        <v>63406</v>
      </c>
      <c r="F19932" s="2" t="s">
        <v>63402</v>
      </c>
      <c r="G19932" s="8">
        <v>1426</v>
      </c>
      <c r="H19932" s="5">
        <v>5</v>
      </c>
      <c r="I19932" s="5" t="s">
        <v>69</v>
      </c>
      <c r="J19932" s="5" t="s">
        <v>61065</v>
      </c>
      <c r="K19932" s="2" t="s">
        <v>61066</v>
      </c>
      <c r="L19932" s="5" t="s">
        <v>61065</v>
      </c>
      <c r="M19932" s="2" t="s">
        <v>61066</v>
      </c>
      <c r="N19932" s="5" t="s">
        <v>733</v>
      </c>
      <c r="O19932" s="5" t="s">
        <v>38</v>
      </c>
      <c r="P19932" s="5" t="s">
        <v>39</v>
      </c>
      <c r="Q19932" s="5" t="s">
        <v>40</v>
      </c>
      <c r="R19932" s="5" t="s">
        <v>897</v>
      </c>
      <c r="S19932" s="5" t="s">
        <v>40</v>
      </c>
      <c r="T19932" s="5" t="s">
        <v>42</v>
      </c>
      <c r="U19932" s="2">
        <v>65.762</v>
      </c>
      <c r="V19932" s="2">
        <v>60.895000000000003</v>
      </c>
      <c r="W19932" s="2">
        <v>0.27900000000000003</v>
      </c>
      <c r="X19932" s="2">
        <v>17</v>
      </c>
      <c r="Y19932" s="2">
        <v>124.7</v>
      </c>
      <c r="Z19932" s="2">
        <v>131.6</v>
      </c>
      <c r="AA19932" s="5">
        <v>7</v>
      </c>
      <c r="AB19932" s="5" t="s">
        <v>43</v>
      </c>
      <c r="AC19932" s="5" t="s">
        <v>735</v>
      </c>
      <c r="AD19932" s="2" t="s">
        <v>63407</v>
      </c>
      <c r="AE19932" s="1"/>
    </row>
    <row r="19933" spans="1:31" ht="14.45">
      <c r="A19933" s="11"/>
      <c r="B19933" s="20"/>
      <c r="C19933" s="2" t="s">
        <v>63408</v>
      </c>
      <c r="D19933" s="14" t="s">
        <v>63409</v>
      </c>
      <c r="E19933" s="2" t="s">
        <v>63410</v>
      </c>
      <c r="F19933" s="2" t="s">
        <v>63402</v>
      </c>
      <c r="G19933" s="8">
        <v>1426</v>
      </c>
      <c r="H19933" s="5">
        <v>10</v>
      </c>
      <c r="I19933" s="5" t="s">
        <v>69</v>
      </c>
      <c r="J19933" s="5" t="s">
        <v>61065</v>
      </c>
      <c r="K19933" s="2" t="s">
        <v>61066</v>
      </c>
      <c r="L19933" s="5" t="s">
        <v>61065</v>
      </c>
      <c r="M19933" s="2" t="s">
        <v>61066</v>
      </c>
      <c r="N19933" s="5" t="s">
        <v>733</v>
      </c>
      <c r="O19933" s="5" t="s">
        <v>38</v>
      </c>
      <c r="P19933" s="5" t="s">
        <v>39</v>
      </c>
      <c r="Q19933" s="5" t="s">
        <v>40</v>
      </c>
      <c r="R19933" s="5" t="s">
        <v>897</v>
      </c>
      <c r="S19933" s="5" t="s">
        <v>40</v>
      </c>
      <c r="T19933" s="5" t="s">
        <v>42</v>
      </c>
      <c r="U19933" s="2">
        <v>65.28</v>
      </c>
      <c r="V19933" s="2">
        <v>60.244</v>
      </c>
      <c r="W19933" s="2">
        <v>0.27900000000000003</v>
      </c>
      <c r="X19933" s="2">
        <v>17</v>
      </c>
      <c r="Y19933" s="2">
        <v>124.7</v>
      </c>
      <c r="Z19933" s="2">
        <v>131.6</v>
      </c>
      <c r="AA19933" s="5">
        <v>7</v>
      </c>
      <c r="AB19933" s="5" t="s">
        <v>43</v>
      </c>
      <c r="AC19933" s="5" t="s">
        <v>735</v>
      </c>
      <c r="AD19933" s="2" t="s">
        <v>63411</v>
      </c>
      <c r="AE19933" s="1"/>
    </row>
    <row r="19934" spans="1:31" ht="14.45">
      <c r="A19934" s="11"/>
      <c r="B19934" s="20"/>
      <c r="C19934" s="2" t="s">
        <v>63412</v>
      </c>
      <c r="D19934" s="14" t="s">
        <v>63413</v>
      </c>
      <c r="E19934" s="2" t="s">
        <v>63414</v>
      </c>
      <c r="F19934" s="2" t="s">
        <v>63415</v>
      </c>
      <c r="G19934" s="8">
        <v>894</v>
      </c>
      <c r="H19934" s="5">
        <v>5</v>
      </c>
      <c r="I19934" s="5" t="s">
        <v>69</v>
      </c>
      <c r="J19934" s="5" t="s">
        <v>61065</v>
      </c>
      <c r="K19934" s="2" t="s">
        <v>61066</v>
      </c>
      <c r="L19934" s="5" t="s">
        <v>61065</v>
      </c>
      <c r="M19934" s="2" t="s">
        <v>61066</v>
      </c>
      <c r="N19934" s="5" t="s">
        <v>733</v>
      </c>
      <c r="O19934" s="5" t="s">
        <v>38</v>
      </c>
      <c r="P19934" s="5" t="s">
        <v>39</v>
      </c>
      <c r="Q19934" s="5" t="s">
        <v>40</v>
      </c>
      <c r="R19934" s="5" t="s">
        <v>897</v>
      </c>
      <c r="S19934" s="5" t="s">
        <v>40</v>
      </c>
      <c r="T19934" s="5" t="s">
        <v>42</v>
      </c>
      <c r="U19934" s="2">
        <v>54.494999999999997</v>
      </c>
      <c r="V19934" s="2">
        <v>49.738</v>
      </c>
      <c r="W19934" s="2">
        <v>0.27900000000000003</v>
      </c>
      <c r="X19934" s="2">
        <v>17</v>
      </c>
      <c r="Y19934" s="2">
        <v>124.7</v>
      </c>
      <c r="Z19934" s="2">
        <v>131.6</v>
      </c>
      <c r="AA19934" s="5">
        <v>7</v>
      </c>
      <c r="AB19934" s="5" t="s">
        <v>43</v>
      </c>
      <c r="AC19934" s="5" t="s">
        <v>735</v>
      </c>
      <c r="AD19934" s="2" t="s">
        <v>63416</v>
      </c>
      <c r="AE19934" s="1"/>
    </row>
    <row r="19935" spans="1:31" ht="14.45">
      <c r="A19935" s="11"/>
      <c r="B19935" s="20"/>
      <c r="C19935" s="2" t="s">
        <v>63417</v>
      </c>
      <c r="D19935" s="14" t="s">
        <v>63418</v>
      </c>
      <c r="E19935" s="2" t="s">
        <v>63419</v>
      </c>
      <c r="F19935" s="2" t="s">
        <v>63415</v>
      </c>
      <c r="G19935" s="8">
        <v>1194</v>
      </c>
      <c r="H19935" s="5">
        <v>5</v>
      </c>
      <c r="I19935" s="5" t="s">
        <v>69</v>
      </c>
      <c r="J19935" s="5" t="s">
        <v>61065</v>
      </c>
      <c r="K19935" s="2" t="s">
        <v>61066</v>
      </c>
      <c r="L19935" s="5" t="s">
        <v>61065</v>
      </c>
      <c r="M19935" s="2" t="s">
        <v>61066</v>
      </c>
      <c r="N19935" s="5" t="s">
        <v>733</v>
      </c>
      <c r="O19935" s="5" t="s">
        <v>38</v>
      </c>
      <c r="P19935" s="5" t="s">
        <v>39</v>
      </c>
      <c r="Q19935" s="5" t="s">
        <v>40</v>
      </c>
      <c r="R19935" s="5" t="s">
        <v>897</v>
      </c>
      <c r="S19935" s="5" t="s">
        <v>40</v>
      </c>
      <c r="T19935" s="5" t="s">
        <v>42</v>
      </c>
      <c r="U19935" s="2">
        <v>57.308999999999997</v>
      </c>
      <c r="V19935" s="2">
        <v>52.454999999999998</v>
      </c>
      <c r="W19935" s="2">
        <v>0.27900000000000003</v>
      </c>
      <c r="X19935" s="2">
        <v>17</v>
      </c>
      <c r="Y19935" s="2">
        <v>124.7</v>
      </c>
      <c r="Z19935" s="2">
        <v>131.6</v>
      </c>
      <c r="AA19935" s="5">
        <v>7</v>
      </c>
      <c r="AB19935" s="5" t="s">
        <v>43</v>
      </c>
      <c r="AC19935" s="5" t="s">
        <v>735</v>
      </c>
      <c r="AD19935" s="2" t="s">
        <v>63420</v>
      </c>
      <c r="AE19935" s="1"/>
    </row>
    <row r="19936" spans="1:31" ht="14.45">
      <c r="A19936" s="5" t="s">
        <v>116</v>
      </c>
      <c r="B19936" s="21">
        <v>46082</v>
      </c>
      <c r="C19936" s="2" t="s">
        <v>63421</v>
      </c>
      <c r="D19936" s="14" t="s">
        <v>63422</v>
      </c>
      <c r="E19936" s="2" t="s">
        <v>63423</v>
      </c>
      <c r="F19936" s="2" t="s">
        <v>63424</v>
      </c>
      <c r="G19936" s="8">
        <v>1294</v>
      </c>
      <c r="H19936" s="5">
        <v>5</v>
      </c>
      <c r="I19936" s="5" t="s">
        <v>69</v>
      </c>
      <c r="J19936" s="5" t="s">
        <v>61065</v>
      </c>
      <c r="K19936" s="2" t="s">
        <v>61066</v>
      </c>
      <c r="L19936" s="5" t="s">
        <v>61065</v>
      </c>
      <c r="M19936" s="2" t="s">
        <v>61066</v>
      </c>
      <c r="N19936" s="5" t="s">
        <v>733</v>
      </c>
      <c r="O19936" s="5" t="s">
        <v>38</v>
      </c>
      <c r="P19936" s="5" t="s">
        <v>39</v>
      </c>
      <c r="Q19936" s="5" t="s">
        <v>40</v>
      </c>
      <c r="R19936" s="5" t="s">
        <v>897</v>
      </c>
      <c r="S19936" s="5" t="s">
        <v>40</v>
      </c>
      <c r="T19936" s="5" t="s">
        <v>42</v>
      </c>
      <c r="U19936" s="2">
        <v>57.408999999999999</v>
      </c>
      <c r="V19936" s="2">
        <v>52.639000000000003</v>
      </c>
      <c r="W19936" s="2">
        <v>0.27900000000000003</v>
      </c>
      <c r="X19936" s="2">
        <v>17</v>
      </c>
      <c r="Y19936" s="2">
        <v>124.7</v>
      </c>
      <c r="Z19936" s="2">
        <v>131.6</v>
      </c>
      <c r="AA19936" s="5">
        <v>7</v>
      </c>
      <c r="AB19936" s="5" t="s">
        <v>43</v>
      </c>
      <c r="AC19936" s="5" t="s">
        <v>735</v>
      </c>
      <c r="AD19936" s="2" t="s">
        <v>63425</v>
      </c>
      <c r="AE19936" s="1"/>
    </row>
    <row r="19937" spans="1:31" ht="14.45">
      <c r="A19937" s="11"/>
      <c r="B19937" s="20"/>
      <c r="C19937" s="2" t="s">
        <v>63426</v>
      </c>
      <c r="D19937" s="14" t="s">
        <v>63427</v>
      </c>
      <c r="E19937" s="2" t="s">
        <v>63428</v>
      </c>
      <c r="F19937" s="2" t="s">
        <v>63415</v>
      </c>
      <c r="G19937" s="8">
        <v>1194</v>
      </c>
      <c r="H19937" s="5">
        <v>5</v>
      </c>
      <c r="I19937" s="5" t="s">
        <v>69</v>
      </c>
      <c r="J19937" s="5" t="s">
        <v>61065</v>
      </c>
      <c r="K19937" s="2" t="s">
        <v>61066</v>
      </c>
      <c r="L19937" s="5" t="s">
        <v>61065</v>
      </c>
      <c r="M19937" s="2" t="s">
        <v>61066</v>
      </c>
      <c r="N19937" s="5" t="s">
        <v>733</v>
      </c>
      <c r="O19937" s="5" t="s">
        <v>38</v>
      </c>
      <c r="P19937" s="5" t="s">
        <v>39</v>
      </c>
      <c r="Q19937" s="5" t="s">
        <v>40</v>
      </c>
      <c r="R19937" s="5" t="s">
        <v>897</v>
      </c>
      <c r="S19937" s="5" t="s">
        <v>40</v>
      </c>
      <c r="T19937" s="5" t="s">
        <v>42</v>
      </c>
      <c r="U19937" s="2">
        <v>56.851999999999997</v>
      </c>
      <c r="V19937" s="2">
        <v>51.783999999999999</v>
      </c>
      <c r="W19937" s="2">
        <v>0.27900000000000003</v>
      </c>
      <c r="X19937" s="2">
        <v>17</v>
      </c>
      <c r="Y19937" s="2">
        <v>124.7</v>
      </c>
      <c r="Z19937" s="2">
        <v>131.6</v>
      </c>
      <c r="AA19937" s="5">
        <v>7</v>
      </c>
      <c r="AB19937" s="5" t="s">
        <v>43</v>
      </c>
      <c r="AC19937" s="5" t="s">
        <v>735</v>
      </c>
      <c r="AD19937" s="2" t="s">
        <v>63429</v>
      </c>
      <c r="AE19937" s="1"/>
    </row>
    <row r="19938" spans="1:31" ht="14.45">
      <c r="A19938" s="11"/>
      <c r="B19938" s="20"/>
      <c r="C19938" s="2" t="s">
        <v>63430</v>
      </c>
      <c r="D19938" s="14" t="s">
        <v>63431</v>
      </c>
      <c r="E19938" s="2" t="s">
        <v>63432</v>
      </c>
      <c r="F19938" s="2" t="s">
        <v>63415</v>
      </c>
      <c r="G19938" s="8">
        <v>1441</v>
      </c>
      <c r="H19938" s="5">
        <v>5</v>
      </c>
      <c r="I19938" s="5" t="s">
        <v>69</v>
      </c>
      <c r="J19938" s="5" t="s">
        <v>61065</v>
      </c>
      <c r="K19938" s="2" t="s">
        <v>61066</v>
      </c>
      <c r="L19938" s="5" t="s">
        <v>61065</v>
      </c>
      <c r="M19938" s="2" t="s">
        <v>61066</v>
      </c>
      <c r="N19938" s="5" t="s">
        <v>733</v>
      </c>
      <c r="O19938" s="5" t="s">
        <v>38</v>
      </c>
      <c r="P19938" s="5" t="s">
        <v>39</v>
      </c>
      <c r="Q19938" s="5" t="s">
        <v>40</v>
      </c>
      <c r="R19938" s="5" t="s">
        <v>897</v>
      </c>
      <c r="S19938" s="5" t="s">
        <v>40</v>
      </c>
      <c r="T19938" s="5" t="s">
        <v>42</v>
      </c>
      <c r="U19938" s="2">
        <v>58.737000000000002</v>
      </c>
      <c r="V19938" s="2">
        <v>53.941000000000003</v>
      </c>
      <c r="W19938" s="2">
        <v>0.27900000000000003</v>
      </c>
      <c r="X19938" s="2">
        <v>17</v>
      </c>
      <c r="Y19938" s="2">
        <v>124.7</v>
      </c>
      <c r="Z19938" s="2">
        <v>131.6</v>
      </c>
      <c r="AA19938" s="5">
        <v>7</v>
      </c>
      <c r="AB19938" s="5" t="s">
        <v>43</v>
      </c>
      <c r="AC19938" s="5" t="s">
        <v>735</v>
      </c>
      <c r="AD19938" s="2" t="s">
        <v>63433</v>
      </c>
      <c r="AE19938" s="1"/>
    </row>
    <row r="19939" spans="1:31" ht="14.45">
      <c r="A19939" s="11"/>
      <c r="B19939" s="20"/>
      <c r="C19939" s="2" t="s">
        <v>63434</v>
      </c>
      <c r="D19939" s="14" t="s">
        <v>63435</v>
      </c>
      <c r="E19939" s="2" t="s">
        <v>63436</v>
      </c>
      <c r="F19939" s="2" t="s">
        <v>63437</v>
      </c>
      <c r="G19939" s="8">
        <v>1493</v>
      </c>
      <c r="H19939" s="5">
        <v>5</v>
      </c>
      <c r="I19939" s="5" t="s">
        <v>69</v>
      </c>
      <c r="J19939" s="5" t="s">
        <v>61065</v>
      </c>
      <c r="K19939" s="2" t="s">
        <v>61066</v>
      </c>
      <c r="L19939" s="5" t="s">
        <v>61065</v>
      </c>
      <c r="M19939" s="2" t="s">
        <v>61066</v>
      </c>
      <c r="N19939" s="5" t="s">
        <v>733</v>
      </c>
      <c r="O19939" s="5" t="s">
        <v>38</v>
      </c>
      <c r="P19939" s="5" t="s">
        <v>39</v>
      </c>
      <c r="Q19939" s="5" t="s">
        <v>40</v>
      </c>
      <c r="R19939" s="5" t="s">
        <v>897</v>
      </c>
      <c r="S19939" s="5" t="s">
        <v>40</v>
      </c>
      <c r="T19939" s="5" t="s">
        <v>42</v>
      </c>
      <c r="U19939" s="2">
        <v>57.524000000000001</v>
      </c>
      <c r="V19939" s="2">
        <v>52.753</v>
      </c>
      <c r="W19939" s="2">
        <v>0.27900000000000003</v>
      </c>
      <c r="X19939" s="2">
        <v>17</v>
      </c>
      <c r="Y19939" s="2">
        <v>124.7</v>
      </c>
      <c r="Z19939" s="2">
        <v>131.6</v>
      </c>
      <c r="AA19939" s="5">
        <v>7</v>
      </c>
      <c r="AB19939" s="5" t="s">
        <v>43</v>
      </c>
      <c r="AC19939" s="5" t="s">
        <v>735</v>
      </c>
      <c r="AD19939" s="2" t="s">
        <v>63438</v>
      </c>
      <c r="AE19939" s="1"/>
    </row>
    <row r="19940" spans="1:31" ht="14.45">
      <c r="A19940" s="11"/>
      <c r="B19940" s="20"/>
      <c r="C19940" s="2" t="s">
        <v>63439</v>
      </c>
      <c r="D19940" s="14" t="s">
        <v>63440</v>
      </c>
      <c r="E19940" s="2" t="s">
        <v>63441</v>
      </c>
      <c r="F19940" s="2" t="s">
        <v>63442</v>
      </c>
      <c r="G19940" s="8">
        <v>1189</v>
      </c>
      <c r="H19940" s="5">
        <v>5</v>
      </c>
      <c r="I19940" s="5" t="s">
        <v>69</v>
      </c>
      <c r="J19940" s="5" t="s">
        <v>61065</v>
      </c>
      <c r="K19940" s="2" t="s">
        <v>61066</v>
      </c>
      <c r="L19940" s="5" t="s">
        <v>61065</v>
      </c>
      <c r="M19940" s="2" t="s">
        <v>61066</v>
      </c>
      <c r="N19940" s="5" t="s">
        <v>733</v>
      </c>
      <c r="O19940" s="5" t="s">
        <v>38</v>
      </c>
      <c r="P19940" s="5" t="s">
        <v>39</v>
      </c>
      <c r="Q19940" s="5" t="s">
        <v>40</v>
      </c>
      <c r="R19940" s="5" t="s">
        <v>897</v>
      </c>
      <c r="S19940" s="5" t="s">
        <v>40</v>
      </c>
      <c r="T19940" s="5" t="s">
        <v>42</v>
      </c>
      <c r="U19940" s="2">
        <v>62.936</v>
      </c>
      <c r="V19940" s="2">
        <v>58.188000000000002</v>
      </c>
      <c r="W19940" s="2">
        <v>0.27900000000000003</v>
      </c>
      <c r="X19940" s="2">
        <v>17</v>
      </c>
      <c r="Y19940" s="2">
        <v>124.7</v>
      </c>
      <c r="Z19940" s="2">
        <v>131.6</v>
      </c>
      <c r="AA19940" s="5">
        <v>7</v>
      </c>
      <c r="AB19940" s="5" t="s">
        <v>43</v>
      </c>
      <c r="AC19940" s="5" t="s">
        <v>735</v>
      </c>
      <c r="AD19940" s="2" t="s">
        <v>63443</v>
      </c>
      <c r="AE19940" s="1"/>
    </row>
    <row r="19941" spans="1:31" ht="14.45">
      <c r="A19941" s="11"/>
      <c r="B19941" s="20"/>
      <c r="C19941" s="2" t="s">
        <v>63444</v>
      </c>
      <c r="D19941" s="14" t="s">
        <v>63445</v>
      </c>
      <c r="E19941" s="2" t="s">
        <v>63446</v>
      </c>
      <c r="F19941" s="2" t="s">
        <v>63442</v>
      </c>
      <c r="G19941" s="8">
        <v>1489</v>
      </c>
      <c r="H19941" s="5">
        <v>5</v>
      </c>
      <c r="I19941" s="5" t="s">
        <v>69</v>
      </c>
      <c r="J19941" s="5" t="s">
        <v>61065</v>
      </c>
      <c r="K19941" s="2" t="s">
        <v>61066</v>
      </c>
      <c r="L19941" s="5" t="s">
        <v>61065</v>
      </c>
      <c r="M19941" s="2" t="s">
        <v>61066</v>
      </c>
      <c r="N19941" s="5" t="s">
        <v>733</v>
      </c>
      <c r="O19941" s="5" t="s">
        <v>38</v>
      </c>
      <c r="P19941" s="5" t="s">
        <v>39</v>
      </c>
      <c r="Q19941" s="5" t="s">
        <v>40</v>
      </c>
      <c r="R19941" s="5" t="s">
        <v>897</v>
      </c>
      <c r="S19941" s="5" t="s">
        <v>40</v>
      </c>
      <c r="T19941" s="5" t="s">
        <v>42</v>
      </c>
      <c r="U19941" s="2">
        <v>65.625</v>
      </c>
      <c r="V19941" s="2">
        <v>60.802999999999997</v>
      </c>
      <c r="W19941" s="2">
        <v>0.27900000000000003</v>
      </c>
      <c r="X19941" s="2">
        <v>17</v>
      </c>
      <c r="Y19941" s="2">
        <v>124.7</v>
      </c>
      <c r="Z19941" s="2">
        <v>131.6</v>
      </c>
      <c r="AA19941" s="5">
        <v>7</v>
      </c>
      <c r="AB19941" s="5" t="s">
        <v>43</v>
      </c>
      <c r="AC19941" s="5" t="s">
        <v>735</v>
      </c>
      <c r="AD19941" s="2" t="s">
        <v>63447</v>
      </c>
      <c r="AE19941" s="1"/>
    </row>
    <row r="19942" spans="1:31" ht="14.45">
      <c r="A19942" s="5" t="s">
        <v>116</v>
      </c>
      <c r="B19942" s="21">
        <v>46082</v>
      </c>
      <c r="C19942" s="2" t="s">
        <v>63448</v>
      </c>
      <c r="D19942" s="14" t="s">
        <v>63449</v>
      </c>
      <c r="E19942" s="2" t="s">
        <v>63450</v>
      </c>
      <c r="F19942" s="2" t="s">
        <v>63451</v>
      </c>
      <c r="G19942" s="8">
        <v>1589</v>
      </c>
      <c r="H19942" s="5">
        <v>5</v>
      </c>
      <c r="I19942" s="5" t="s">
        <v>69</v>
      </c>
      <c r="J19942" s="5" t="s">
        <v>61065</v>
      </c>
      <c r="K19942" s="2" t="s">
        <v>61066</v>
      </c>
      <c r="L19942" s="5" t="s">
        <v>61065</v>
      </c>
      <c r="M19942" s="2" t="s">
        <v>61066</v>
      </c>
      <c r="N19942" s="5" t="s">
        <v>733</v>
      </c>
      <c r="O19942" s="5" t="s">
        <v>38</v>
      </c>
      <c r="P19942" s="5" t="s">
        <v>39</v>
      </c>
      <c r="Q19942" s="5" t="s">
        <v>40</v>
      </c>
      <c r="R19942" s="5" t="s">
        <v>897</v>
      </c>
      <c r="S19942" s="5" t="s">
        <v>40</v>
      </c>
      <c r="T19942" s="5" t="s">
        <v>42</v>
      </c>
      <c r="U19942" s="2">
        <v>65.769000000000005</v>
      </c>
      <c r="V19942" s="2">
        <v>61.030999999999999</v>
      </c>
      <c r="W19942" s="2">
        <v>0.27900000000000003</v>
      </c>
      <c r="X19942" s="2">
        <v>17</v>
      </c>
      <c r="Y19942" s="2">
        <v>124.7</v>
      </c>
      <c r="Z19942" s="2">
        <v>131.6</v>
      </c>
      <c r="AA19942" s="5">
        <v>7</v>
      </c>
      <c r="AB19942" s="5" t="s">
        <v>43</v>
      </c>
      <c r="AC19942" s="5" t="s">
        <v>735</v>
      </c>
      <c r="AD19942" s="2" t="s">
        <v>63452</v>
      </c>
      <c r="AE19942" s="1"/>
    </row>
    <row r="19943" spans="1:31" ht="14.45">
      <c r="A19943" s="11"/>
      <c r="B19943" s="20"/>
      <c r="C19943" s="2" t="s">
        <v>63453</v>
      </c>
      <c r="D19943" s="14" t="s">
        <v>63454</v>
      </c>
      <c r="E19943" s="2" t="s">
        <v>63455</v>
      </c>
      <c r="F19943" s="2" t="s">
        <v>63442</v>
      </c>
      <c r="G19943" s="8">
        <v>1489</v>
      </c>
      <c r="H19943" s="5">
        <v>5</v>
      </c>
      <c r="I19943" s="5" t="s">
        <v>69</v>
      </c>
      <c r="J19943" s="5" t="s">
        <v>61065</v>
      </c>
      <c r="K19943" s="2" t="s">
        <v>61066</v>
      </c>
      <c r="L19943" s="5" t="s">
        <v>61065</v>
      </c>
      <c r="M19943" s="2" t="s">
        <v>61066</v>
      </c>
      <c r="N19943" s="5" t="s">
        <v>733</v>
      </c>
      <c r="O19943" s="5" t="s">
        <v>38</v>
      </c>
      <c r="P19943" s="5" t="s">
        <v>39</v>
      </c>
      <c r="Q19943" s="5" t="s">
        <v>40</v>
      </c>
      <c r="R19943" s="5" t="s">
        <v>897</v>
      </c>
      <c r="S19943" s="5" t="s">
        <v>40</v>
      </c>
      <c r="T19943" s="5" t="s">
        <v>42</v>
      </c>
      <c r="U19943" s="2">
        <v>65.212000000000003</v>
      </c>
      <c r="V19943" s="2">
        <v>60.176000000000002</v>
      </c>
      <c r="W19943" s="2">
        <v>0.27900000000000003</v>
      </c>
      <c r="X19943" s="2">
        <v>17</v>
      </c>
      <c r="Y19943" s="2">
        <v>124.7</v>
      </c>
      <c r="Z19943" s="2">
        <v>131.6</v>
      </c>
      <c r="AA19943" s="5">
        <v>7</v>
      </c>
      <c r="AB19943" s="5" t="s">
        <v>43</v>
      </c>
      <c r="AC19943" s="5" t="s">
        <v>735</v>
      </c>
      <c r="AD19943" s="2" t="s">
        <v>63456</v>
      </c>
      <c r="AE19943" s="1"/>
    </row>
    <row r="19944" spans="1:31" ht="14.45">
      <c r="A19944" s="5"/>
      <c r="B19944" s="21"/>
      <c r="C19944" s="2" t="s">
        <v>63457</v>
      </c>
      <c r="D19944" s="14" t="s">
        <v>63458</v>
      </c>
      <c r="E19944" s="2" t="s">
        <v>63459</v>
      </c>
      <c r="F19944" s="2" t="s">
        <v>63460</v>
      </c>
      <c r="G19944" s="8">
        <v>1736</v>
      </c>
      <c r="H19944" s="5">
        <v>5</v>
      </c>
      <c r="I19944" s="5" t="s">
        <v>69</v>
      </c>
      <c r="J19944" s="5" t="s">
        <v>61065</v>
      </c>
      <c r="K19944" s="2" t="s">
        <v>61066</v>
      </c>
      <c r="L19944" s="5" t="s">
        <v>61065</v>
      </c>
      <c r="M19944" s="2" t="s">
        <v>61066</v>
      </c>
      <c r="N19944" s="5" t="s">
        <v>733</v>
      </c>
      <c r="O19944" s="5" t="s">
        <v>38</v>
      </c>
      <c r="P19944" s="5" t="s">
        <v>39</v>
      </c>
      <c r="Q19944" s="5" t="s">
        <v>40</v>
      </c>
      <c r="R19944" s="5" t="s">
        <v>897</v>
      </c>
      <c r="S19944" s="5" t="s">
        <v>40</v>
      </c>
      <c r="T19944" s="5" t="s">
        <v>42</v>
      </c>
      <c r="U19944" s="2">
        <v>67.001999999999995</v>
      </c>
      <c r="V19944" s="2">
        <v>62.232999999999997</v>
      </c>
      <c r="W19944" s="2">
        <v>0.27900000000000003</v>
      </c>
      <c r="X19944" s="2">
        <v>17</v>
      </c>
      <c r="Y19944" s="2">
        <v>124.7</v>
      </c>
      <c r="Z19944" s="2">
        <v>131.6</v>
      </c>
      <c r="AA19944" s="5">
        <v>7</v>
      </c>
      <c r="AB19944" s="5" t="s">
        <v>43</v>
      </c>
      <c r="AC19944" s="5" t="s">
        <v>735</v>
      </c>
      <c r="AD19944" s="2"/>
      <c r="AE19944" s="1"/>
    </row>
    <row r="19945" spans="1:31" ht="14.45">
      <c r="A19945" s="11"/>
      <c r="B19945" s="20"/>
      <c r="C19945" s="2" t="s">
        <v>63461</v>
      </c>
      <c r="D19945" s="14" t="s">
        <v>63462</v>
      </c>
      <c r="E19945" s="2" t="s">
        <v>63463</v>
      </c>
      <c r="F19945" s="2" t="s">
        <v>63464</v>
      </c>
      <c r="G19945" s="8">
        <v>2269</v>
      </c>
      <c r="H19945" s="5">
        <v>10</v>
      </c>
      <c r="I19945" s="5" t="s">
        <v>69</v>
      </c>
      <c r="J19945" s="5" t="s">
        <v>61065</v>
      </c>
      <c r="K19945" s="2" t="s">
        <v>61066</v>
      </c>
      <c r="L19945" s="5" t="s">
        <v>61065</v>
      </c>
      <c r="M19945" s="2" t="s">
        <v>61066</v>
      </c>
      <c r="N19945" s="5" t="s">
        <v>733</v>
      </c>
      <c r="O19945" s="5" t="s">
        <v>38</v>
      </c>
      <c r="P19945" s="5" t="s">
        <v>39</v>
      </c>
      <c r="Q19945" s="5" t="s">
        <v>40</v>
      </c>
      <c r="R19945" s="5" t="s">
        <v>897</v>
      </c>
      <c r="S19945" s="5" t="s">
        <v>40</v>
      </c>
      <c r="T19945" s="5" t="s">
        <v>42</v>
      </c>
      <c r="U19945" s="2">
        <v>79.569000000000003</v>
      </c>
      <c r="V19945" s="2">
        <v>74.733000000000004</v>
      </c>
      <c r="W19945" s="2">
        <v>0.27900000000000003</v>
      </c>
      <c r="X19945" s="2">
        <v>17</v>
      </c>
      <c r="Y19945" s="2">
        <v>124.7</v>
      </c>
      <c r="Z19945" s="2">
        <v>131.6</v>
      </c>
      <c r="AA19945" s="5">
        <v>7</v>
      </c>
      <c r="AB19945" s="5" t="s">
        <v>43</v>
      </c>
      <c r="AC19945" s="5" t="s">
        <v>735</v>
      </c>
      <c r="AD19945" s="2" t="s">
        <v>63465</v>
      </c>
      <c r="AE19945" s="1"/>
    </row>
    <row r="19946" spans="1:31" ht="14.45">
      <c r="A19946" s="11"/>
      <c r="B19946" s="20"/>
      <c r="C19946" s="2" t="s">
        <v>63466</v>
      </c>
      <c r="D19946" s="14" t="s">
        <v>63467</v>
      </c>
      <c r="E19946" s="2" t="s">
        <v>63468</v>
      </c>
      <c r="F19946" s="2" t="s">
        <v>63469</v>
      </c>
      <c r="G19946" s="8">
        <v>1777</v>
      </c>
      <c r="H19946" s="5">
        <v>10</v>
      </c>
      <c r="I19946" s="5" t="s">
        <v>69</v>
      </c>
      <c r="J19946" s="5" t="s">
        <v>61065</v>
      </c>
      <c r="K19946" s="2" t="s">
        <v>61066</v>
      </c>
      <c r="L19946" s="5" t="s">
        <v>61065</v>
      </c>
      <c r="M19946" s="2" t="s">
        <v>61066</v>
      </c>
      <c r="N19946" s="5" t="s">
        <v>733</v>
      </c>
      <c r="O19946" s="5" t="s">
        <v>38</v>
      </c>
      <c r="P19946" s="5" t="s">
        <v>39</v>
      </c>
      <c r="Q19946" s="5" t="s">
        <v>40</v>
      </c>
      <c r="R19946" s="5" t="s">
        <v>897</v>
      </c>
      <c r="S19946" s="5" t="s">
        <v>40</v>
      </c>
      <c r="T19946" s="5" t="s">
        <v>42</v>
      </c>
      <c r="U19946" s="2">
        <v>69.367999999999995</v>
      </c>
      <c r="V19946" s="2">
        <v>64.590999999999994</v>
      </c>
      <c r="W19946" s="2">
        <v>0.27900000000000003</v>
      </c>
      <c r="X19946" s="2">
        <v>17</v>
      </c>
      <c r="Y19946" s="2">
        <v>124.7</v>
      </c>
      <c r="Z19946" s="2">
        <v>131.6</v>
      </c>
      <c r="AA19946" s="5">
        <v>7</v>
      </c>
      <c r="AB19946" s="5" t="s">
        <v>43</v>
      </c>
      <c r="AC19946" s="5" t="s">
        <v>735</v>
      </c>
      <c r="AD19946" s="2" t="s">
        <v>63470</v>
      </c>
      <c r="AE19946" s="1"/>
    </row>
    <row r="19947" spans="1:31" ht="14.45">
      <c r="A19947" s="11"/>
      <c r="B19947" s="20"/>
      <c r="C19947" s="2" t="s">
        <v>63471</v>
      </c>
      <c r="D19947" s="14" t="s">
        <v>63472</v>
      </c>
      <c r="E19947" s="2" t="s">
        <v>63473</v>
      </c>
      <c r="F19947" s="2" t="s">
        <v>63474</v>
      </c>
      <c r="G19947" s="8">
        <v>2077</v>
      </c>
      <c r="H19947" s="5">
        <v>10</v>
      </c>
      <c r="I19947" s="5" t="s">
        <v>69</v>
      </c>
      <c r="J19947" s="5" t="s">
        <v>61065</v>
      </c>
      <c r="K19947" s="2" t="s">
        <v>61066</v>
      </c>
      <c r="L19947" s="5" t="s">
        <v>61065</v>
      </c>
      <c r="M19947" s="2" t="s">
        <v>61066</v>
      </c>
      <c r="N19947" s="5" t="s">
        <v>733</v>
      </c>
      <c r="O19947" s="5" t="s">
        <v>38</v>
      </c>
      <c r="P19947" s="5" t="s">
        <v>39</v>
      </c>
      <c r="Q19947" s="5" t="s">
        <v>40</v>
      </c>
      <c r="R19947" s="5" t="s">
        <v>897</v>
      </c>
      <c r="S19947" s="5" t="s">
        <v>40</v>
      </c>
      <c r="T19947" s="5" t="s">
        <v>42</v>
      </c>
      <c r="U19947" s="2">
        <v>69.408000000000001</v>
      </c>
      <c r="V19947" s="2">
        <v>64.540999999999997</v>
      </c>
      <c r="W19947" s="2">
        <v>0.27900000000000003</v>
      </c>
      <c r="X19947" s="2">
        <v>17</v>
      </c>
      <c r="Y19947" s="2">
        <v>124.7</v>
      </c>
      <c r="Z19947" s="2">
        <v>131.6</v>
      </c>
      <c r="AA19947" s="5">
        <v>7</v>
      </c>
      <c r="AB19947" s="5" t="s">
        <v>43</v>
      </c>
      <c r="AC19947" s="5" t="s">
        <v>735</v>
      </c>
      <c r="AD19947" s="2" t="s">
        <v>63475</v>
      </c>
      <c r="AE19947" s="1"/>
    </row>
    <row r="19948" spans="1:31" ht="14.45">
      <c r="A19948" s="5" t="s">
        <v>116</v>
      </c>
      <c r="B19948" s="21">
        <v>46082</v>
      </c>
      <c r="C19948" s="2" t="s">
        <v>63476</v>
      </c>
      <c r="D19948" s="14" t="s">
        <v>63477</v>
      </c>
      <c r="E19948" s="2" t="s">
        <v>63478</v>
      </c>
      <c r="F19948" s="2" t="s">
        <v>63479</v>
      </c>
      <c r="G19948" s="8">
        <v>2177</v>
      </c>
      <c r="H19948" s="5">
        <v>5</v>
      </c>
      <c r="I19948" s="5" t="s">
        <v>69</v>
      </c>
      <c r="J19948" s="5" t="s">
        <v>61065</v>
      </c>
      <c r="K19948" s="2" t="s">
        <v>61066</v>
      </c>
      <c r="L19948" s="5" t="s">
        <v>61065</v>
      </c>
      <c r="M19948" s="2" t="s">
        <v>61066</v>
      </c>
      <c r="N19948" s="5" t="s">
        <v>733</v>
      </c>
      <c r="O19948" s="5" t="s">
        <v>38</v>
      </c>
      <c r="P19948" s="5" t="s">
        <v>39</v>
      </c>
      <c r="Q19948" s="5" t="s">
        <v>40</v>
      </c>
      <c r="R19948" s="5" t="s">
        <v>897</v>
      </c>
      <c r="S19948" s="5" t="s">
        <v>40</v>
      </c>
      <c r="T19948" s="5" t="s">
        <v>42</v>
      </c>
      <c r="U19948" s="2">
        <v>69.531000000000006</v>
      </c>
      <c r="V19948" s="2">
        <v>64.793000000000006</v>
      </c>
      <c r="W19948" s="2">
        <v>0.27900000000000003</v>
      </c>
      <c r="X19948" s="2">
        <v>17</v>
      </c>
      <c r="Y19948" s="2">
        <v>124.7</v>
      </c>
      <c r="Z19948" s="2">
        <v>131.6</v>
      </c>
      <c r="AA19948" s="5">
        <v>7</v>
      </c>
      <c r="AB19948" s="5" t="s">
        <v>43</v>
      </c>
      <c r="AC19948" s="5" t="s">
        <v>735</v>
      </c>
      <c r="AD19948" s="2" t="s">
        <v>63480</v>
      </c>
      <c r="AE19948" s="1"/>
    </row>
    <row r="19949" spans="1:31" ht="14.45">
      <c r="A19949" s="11"/>
      <c r="B19949" s="20"/>
      <c r="C19949" s="2" t="s">
        <v>63481</v>
      </c>
      <c r="D19949" s="14" t="s">
        <v>63482</v>
      </c>
      <c r="E19949" s="2" t="s">
        <v>63483</v>
      </c>
      <c r="F19949" s="2" t="s">
        <v>63474</v>
      </c>
      <c r="G19949" s="8">
        <v>2077</v>
      </c>
      <c r="H19949" s="5">
        <v>10</v>
      </c>
      <c r="I19949" s="5" t="s">
        <v>69</v>
      </c>
      <c r="J19949" s="5" t="s">
        <v>61065</v>
      </c>
      <c r="K19949" s="2" t="s">
        <v>61066</v>
      </c>
      <c r="L19949" s="5" t="s">
        <v>61065</v>
      </c>
      <c r="M19949" s="2" t="s">
        <v>61066</v>
      </c>
      <c r="N19949" s="5" t="s">
        <v>733</v>
      </c>
      <c r="O19949" s="5" t="s">
        <v>38</v>
      </c>
      <c r="P19949" s="5" t="s">
        <v>39</v>
      </c>
      <c r="Q19949" s="5" t="s">
        <v>40</v>
      </c>
      <c r="R19949" s="5" t="s">
        <v>897</v>
      </c>
      <c r="S19949" s="5" t="s">
        <v>40</v>
      </c>
      <c r="T19949" s="5" t="s">
        <v>42</v>
      </c>
      <c r="U19949" s="2">
        <v>68.959000000000003</v>
      </c>
      <c r="V19949" s="2">
        <v>63.923000000000002</v>
      </c>
      <c r="W19949" s="2">
        <v>0.27900000000000003</v>
      </c>
      <c r="X19949" s="2">
        <v>17</v>
      </c>
      <c r="Y19949" s="2">
        <v>124.7</v>
      </c>
      <c r="Z19949" s="2">
        <v>131.6</v>
      </c>
      <c r="AA19949" s="5">
        <v>7</v>
      </c>
      <c r="AB19949" s="5" t="s">
        <v>43</v>
      </c>
      <c r="AC19949" s="5" t="s">
        <v>735</v>
      </c>
      <c r="AD19949" s="2" t="s">
        <v>63484</v>
      </c>
      <c r="AE19949" s="1"/>
    </row>
    <row r="19950" spans="1:31" ht="14.45">
      <c r="A19950" s="11"/>
      <c r="B19950" s="20"/>
      <c r="C19950" s="2" t="s">
        <v>63485</v>
      </c>
      <c r="D19950" s="14" t="s">
        <v>63486</v>
      </c>
      <c r="E19950" s="2" t="s">
        <v>63487</v>
      </c>
      <c r="F19950" s="2" t="s">
        <v>63488</v>
      </c>
      <c r="G19950" s="8">
        <v>1362</v>
      </c>
      <c r="H19950" s="5">
        <v>5</v>
      </c>
      <c r="I19950" s="5" t="s">
        <v>69</v>
      </c>
      <c r="J19950" s="5" t="s">
        <v>61065</v>
      </c>
      <c r="K19950" s="2" t="s">
        <v>61066</v>
      </c>
      <c r="L19950" s="5" t="s">
        <v>61065</v>
      </c>
      <c r="M19950" s="2" t="s">
        <v>61066</v>
      </c>
      <c r="N19950" s="5" t="s">
        <v>733</v>
      </c>
      <c r="O19950" s="5" t="s">
        <v>38</v>
      </c>
      <c r="P19950" s="5" t="s">
        <v>39</v>
      </c>
      <c r="Q19950" s="5" t="s">
        <v>40</v>
      </c>
      <c r="R19950" s="5" t="s">
        <v>897</v>
      </c>
      <c r="S19950" s="5" t="s">
        <v>40</v>
      </c>
      <c r="T19950" s="5" t="s">
        <v>42</v>
      </c>
      <c r="U19950" s="2">
        <v>61.03</v>
      </c>
      <c r="V19950" s="2">
        <v>56.222000000000001</v>
      </c>
      <c r="W19950" s="2">
        <v>0.27900000000000003</v>
      </c>
      <c r="X19950" s="2">
        <v>17</v>
      </c>
      <c r="Y19950" s="2">
        <v>124.7</v>
      </c>
      <c r="Z19950" s="2">
        <v>131.6</v>
      </c>
      <c r="AA19950" s="5">
        <v>7</v>
      </c>
      <c r="AB19950" s="5" t="s">
        <v>43</v>
      </c>
      <c r="AC19950" s="5" t="s">
        <v>735</v>
      </c>
      <c r="AD19950" s="2" t="s">
        <v>63489</v>
      </c>
      <c r="AE19950" s="1"/>
    </row>
    <row r="19951" spans="1:31" ht="14.45">
      <c r="A19951" s="11"/>
      <c r="B19951" s="20"/>
      <c r="C19951" s="2" t="s">
        <v>63490</v>
      </c>
      <c r="D19951" s="14" t="s">
        <v>63491</v>
      </c>
      <c r="E19951" s="2" t="s">
        <v>63492</v>
      </c>
      <c r="F19951" s="2" t="s">
        <v>63493</v>
      </c>
      <c r="G19951" s="8">
        <v>1662</v>
      </c>
      <c r="H19951" s="5">
        <v>5</v>
      </c>
      <c r="I19951" s="5" t="s">
        <v>69</v>
      </c>
      <c r="J19951" s="5" t="s">
        <v>61065</v>
      </c>
      <c r="K19951" s="2" t="s">
        <v>61066</v>
      </c>
      <c r="L19951" s="5" t="s">
        <v>61065</v>
      </c>
      <c r="M19951" s="2" t="s">
        <v>61066</v>
      </c>
      <c r="N19951" s="5" t="s">
        <v>733</v>
      </c>
      <c r="O19951" s="5" t="s">
        <v>38</v>
      </c>
      <c r="P19951" s="5" t="s">
        <v>39</v>
      </c>
      <c r="Q19951" s="5" t="s">
        <v>40</v>
      </c>
      <c r="R19951" s="5" t="s">
        <v>897</v>
      </c>
      <c r="S19951" s="5" t="s">
        <v>40</v>
      </c>
      <c r="T19951" s="5" t="s">
        <v>42</v>
      </c>
      <c r="U19951" s="2">
        <v>61.063000000000002</v>
      </c>
      <c r="V19951" s="2">
        <v>56.164000000000001</v>
      </c>
      <c r="W19951" s="2">
        <v>0.27900000000000003</v>
      </c>
      <c r="X19951" s="2">
        <v>17</v>
      </c>
      <c r="Y19951" s="2">
        <v>124.7</v>
      </c>
      <c r="Z19951" s="2">
        <v>131.6</v>
      </c>
      <c r="AA19951" s="5">
        <v>7</v>
      </c>
      <c r="AB19951" s="5" t="s">
        <v>43</v>
      </c>
      <c r="AC19951" s="5" t="s">
        <v>735</v>
      </c>
      <c r="AD19951" s="2" t="s">
        <v>63494</v>
      </c>
      <c r="AE19951" s="1"/>
    </row>
    <row r="19952" spans="1:31" ht="14.45">
      <c r="A19952" s="5" t="s">
        <v>116</v>
      </c>
      <c r="B19952" s="21">
        <v>46082</v>
      </c>
      <c r="C19952" s="2" t="s">
        <v>63495</v>
      </c>
      <c r="D19952" s="14" t="s">
        <v>63496</v>
      </c>
      <c r="E19952" s="2" t="s">
        <v>63497</v>
      </c>
      <c r="F19952" s="2" t="s">
        <v>63498</v>
      </c>
      <c r="G19952" s="8">
        <v>1762</v>
      </c>
      <c r="H19952" s="5">
        <v>5</v>
      </c>
      <c r="I19952" s="5" t="s">
        <v>69</v>
      </c>
      <c r="J19952" s="5" t="s">
        <v>61065</v>
      </c>
      <c r="K19952" s="2" t="s">
        <v>61066</v>
      </c>
      <c r="L19952" s="5" t="s">
        <v>61065</v>
      </c>
      <c r="M19952" s="2" t="s">
        <v>61066</v>
      </c>
      <c r="N19952" s="5" t="s">
        <v>733</v>
      </c>
      <c r="O19952" s="5" t="s">
        <v>38</v>
      </c>
      <c r="P19952" s="5" t="s">
        <v>39</v>
      </c>
      <c r="Q19952" s="5" t="s">
        <v>40</v>
      </c>
      <c r="R19952" s="5" t="s">
        <v>897</v>
      </c>
      <c r="S19952" s="5" t="s">
        <v>40</v>
      </c>
      <c r="T19952" s="5" t="s">
        <v>42</v>
      </c>
      <c r="U19952" s="2">
        <v>61.186</v>
      </c>
      <c r="V19952" s="2">
        <v>56.415999999999997</v>
      </c>
      <c r="W19952" s="2">
        <v>0.27900000000000003</v>
      </c>
      <c r="X19952" s="2">
        <v>17</v>
      </c>
      <c r="Y19952" s="2">
        <v>124.7</v>
      </c>
      <c r="Z19952" s="2">
        <v>131.6</v>
      </c>
      <c r="AA19952" s="5">
        <v>7</v>
      </c>
      <c r="AB19952" s="5" t="s">
        <v>43</v>
      </c>
      <c r="AC19952" s="5" t="s">
        <v>735</v>
      </c>
      <c r="AD19952" s="2" t="s">
        <v>63499</v>
      </c>
      <c r="AE19952" s="1"/>
    </row>
    <row r="19953" spans="1:31" ht="14.45">
      <c r="A19953" s="11"/>
      <c r="B19953" s="20"/>
      <c r="C19953" s="2" t="s">
        <v>63500</v>
      </c>
      <c r="D19953" s="14" t="s">
        <v>63501</v>
      </c>
      <c r="E19953" s="2" t="s">
        <v>63502</v>
      </c>
      <c r="F19953" s="2" t="s">
        <v>63493</v>
      </c>
      <c r="G19953" s="8">
        <v>1662</v>
      </c>
      <c r="H19953" s="5">
        <v>10</v>
      </c>
      <c r="I19953" s="5" t="s">
        <v>69</v>
      </c>
      <c r="J19953" s="5" t="s">
        <v>61065</v>
      </c>
      <c r="K19953" s="2" t="s">
        <v>61066</v>
      </c>
      <c r="L19953" s="5" t="s">
        <v>61065</v>
      </c>
      <c r="M19953" s="2" t="s">
        <v>61066</v>
      </c>
      <c r="N19953" s="5" t="s">
        <v>733</v>
      </c>
      <c r="O19953" s="5" t="s">
        <v>38</v>
      </c>
      <c r="P19953" s="5" t="s">
        <v>39</v>
      </c>
      <c r="Q19953" s="5" t="s">
        <v>40</v>
      </c>
      <c r="R19953" s="5" t="s">
        <v>897</v>
      </c>
      <c r="S19953" s="5" t="s">
        <v>40</v>
      </c>
      <c r="T19953" s="5" t="s">
        <v>42</v>
      </c>
      <c r="U19953" s="2">
        <v>60.613999999999997</v>
      </c>
      <c r="V19953" s="2">
        <v>55.545999999999999</v>
      </c>
      <c r="W19953" s="2">
        <v>0.27900000000000003</v>
      </c>
      <c r="X19953" s="2">
        <v>17</v>
      </c>
      <c r="Y19953" s="2">
        <v>124.7</v>
      </c>
      <c r="Z19953" s="2">
        <v>131.6</v>
      </c>
      <c r="AA19953" s="5">
        <v>7</v>
      </c>
      <c r="AB19953" s="5" t="s">
        <v>43</v>
      </c>
      <c r="AC19953" s="5" t="s">
        <v>735</v>
      </c>
      <c r="AD19953" s="2" t="s">
        <v>63503</v>
      </c>
      <c r="AE19953" s="1"/>
    </row>
    <row r="19954" spans="1:31" ht="14.45">
      <c r="A19954" s="11"/>
      <c r="B19954" s="20"/>
      <c r="C19954" s="2" t="s">
        <v>63504</v>
      </c>
      <c r="D19954" s="14" t="s">
        <v>63505</v>
      </c>
      <c r="E19954" s="2" t="s">
        <v>63506</v>
      </c>
      <c r="F19954" s="2" t="s">
        <v>63507</v>
      </c>
      <c r="G19954" s="8">
        <v>1657</v>
      </c>
      <c r="H19954" s="5">
        <v>5</v>
      </c>
      <c r="I19954" s="5" t="s">
        <v>69</v>
      </c>
      <c r="J19954" s="5" t="s">
        <v>61065</v>
      </c>
      <c r="K19954" s="2" t="s">
        <v>61066</v>
      </c>
      <c r="L19954" s="5" t="s">
        <v>61065</v>
      </c>
      <c r="M19954" s="2" t="s">
        <v>61066</v>
      </c>
      <c r="N19954" s="5" t="s">
        <v>733</v>
      </c>
      <c r="O19954" s="5" t="s">
        <v>38</v>
      </c>
      <c r="P19954" s="5" t="s">
        <v>39</v>
      </c>
      <c r="Q19954" s="5" t="s">
        <v>40</v>
      </c>
      <c r="R19954" s="5" t="s">
        <v>897</v>
      </c>
      <c r="S19954" s="5" t="s">
        <v>40</v>
      </c>
      <c r="T19954" s="5" t="s">
        <v>42</v>
      </c>
      <c r="U19954" s="2">
        <v>69.323999999999998</v>
      </c>
      <c r="V19954" s="2">
        <v>64.548000000000002</v>
      </c>
      <c r="W19954" s="2">
        <v>0.27900000000000003</v>
      </c>
      <c r="X19954" s="2">
        <v>17</v>
      </c>
      <c r="Y19954" s="2">
        <v>124.7</v>
      </c>
      <c r="Z19954" s="2">
        <v>131.6</v>
      </c>
      <c r="AA19954" s="5">
        <v>7</v>
      </c>
      <c r="AB19954" s="5" t="s">
        <v>43</v>
      </c>
      <c r="AC19954" s="5" t="s">
        <v>735</v>
      </c>
      <c r="AD19954" s="2" t="s">
        <v>63508</v>
      </c>
      <c r="AE19954" s="1"/>
    </row>
    <row r="19955" spans="1:31" ht="14.45">
      <c r="A19955" s="11"/>
      <c r="B19955" s="20"/>
      <c r="C19955" s="2" t="s">
        <v>63509</v>
      </c>
      <c r="D19955" s="14" t="s">
        <v>63510</v>
      </c>
      <c r="E19955" s="2" t="s">
        <v>63511</v>
      </c>
      <c r="F19955" s="2" t="s">
        <v>63507</v>
      </c>
      <c r="G19955" s="8">
        <v>1957</v>
      </c>
      <c r="H19955" s="5">
        <v>10</v>
      </c>
      <c r="I19955" s="5" t="s">
        <v>69</v>
      </c>
      <c r="J19955" s="5" t="s">
        <v>61065</v>
      </c>
      <c r="K19955" s="2" t="s">
        <v>61066</v>
      </c>
      <c r="L19955" s="5" t="s">
        <v>61065</v>
      </c>
      <c r="M19955" s="2" t="s">
        <v>61066</v>
      </c>
      <c r="N19955" s="5" t="s">
        <v>733</v>
      </c>
      <c r="O19955" s="5" t="s">
        <v>38</v>
      </c>
      <c r="P19955" s="5" t="s">
        <v>39</v>
      </c>
      <c r="Q19955" s="5" t="s">
        <v>40</v>
      </c>
      <c r="R19955" s="5" t="s">
        <v>897</v>
      </c>
      <c r="S19955" s="5" t="s">
        <v>40</v>
      </c>
      <c r="T19955" s="5" t="s">
        <v>42</v>
      </c>
      <c r="U19955" s="2">
        <v>69.356999999999999</v>
      </c>
      <c r="V19955" s="2">
        <v>64.489999999999995</v>
      </c>
      <c r="W19955" s="2">
        <v>0.27900000000000003</v>
      </c>
      <c r="X19955" s="2">
        <v>17</v>
      </c>
      <c r="Y19955" s="2">
        <v>124.7</v>
      </c>
      <c r="Z19955" s="2">
        <v>131.6</v>
      </c>
      <c r="AA19955" s="5">
        <v>7</v>
      </c>
      <c r="AB19955" s="5" t="s">
        <v>43</v>
      </c>
      <c r="AC19955" s="5" t="s">
        <v>735</v>
      </c>
      <c r="AD19955" s="2" t="s">
        <v>63512</v>
      </c>
      <c r="AE19955" s="1"/>
    </row>
    <row r="19956" spans="1:31" ht="14.45">
      <c r="A19956" s="5" t="s">
        <v>116</v>
      </c>
      <c r="B19956" s="21">
        <v>46082</v>
      </c>
      <c r="C19956" s="2" t="s">
        <v>63513</v>
      </c>
      <c r="D19956" s="14" t="s">
        <v>63514</v>
      </c>
      <c r="E19956" s="2" t="s">
        <v>63515</v>
      </c>
      <c r="F19956" s="2" t="s">
        <v>63516</v>
      </c>
      <c r="G19956" s="8">
        <v>2057</v>
      </c>
      <c r="H19956" s="5">
        <v>5</v>
      </c>
      <c r="I19956" s="5" t="s">
        <v>69</v>
      </c>
      <c r="J19956" s="5" t="s">
        <v>61065</v>
      </c>
      <c r="K19956" s="2" t="s">
        <v>61066</v>
      </c>
      <c r="L19956" s="5" t="s">
        <v>61065</v>
      </c>
      <c r="M19956" s="2" t="s">
        <v>61066</v>
      </c>
      <c r="N19956" s="5" t="s">
        <v>733</v>
      </c>
      <c r="O19956" s="5" t="s">
        <v>38</v>
      </c>
      <c r="P19956" s="5" t="s">
        <v>39</v>
      </c>
      <c r="Q19956" s="5" t="s">
        <v>40</v>
      </c>
      <c r="R19956" s="5" t="s">
        <v>897</v>
      </c>
      <c r="S19956" s="5" t="s">
        <v>40</v>
      </c>
      <c r="T19956" s="5" t="s">
        <v>42</v>
      </c>
      <c r="U19956" s="2">
        <v>69.48</v>
      </c>
      <c r="V19956" s="2">
        <v>64.742000000000004</v>
      </c>
      <c r="W19956" s="2">
        <v>0.27900000000000003</v>
      </c>
      <c r="X19956" s="2">
        <v>17</v>
      </c>
      <c r="Y19956" s="2">
        <v>124.7</v>
      </c>
      <c r="Z19956" s="2">
        <v>131.6</v>
      </c>
      <c r="AA19956" s="5">
        <v>7</v>
      </c>
      <c r="AB19956" s="5" t="s">
        <v>43</v>
      </c>
      <c r="AC19956" s="5" t="s">
        <v>735</v>
      </c>
      <c r="AD19956" s="2" t="s">
        <v>63517</v>
      </c>
      <c r="AE19956" s="1"/>
    </row>
    <row r="19957" spans="1:31" ht="14.45">
      <c r="A19957" s="11"/>
      <c r="B19957" s="20"/>
      <c r="C19957" s="2" t="s">
        <v>63518</v>
      </c>
      <c r="D19957" s="14" t="s">
        <v>63519</v>
      </c>
      <c r="E19957" s="2" t="s">
        <v>63520</v>
      </c>
      <c r="F19957" s="2" t="s">
        <v>63507</v>
      </c>
      <c r="G19957" s="8">
        <v>1957</v>
      </c>
      <c r="H19957" s="5">
        <v>5</v>
      </c>
      <c r="I19957" s="5" t="s">
        <v>69</v>
      </c>
      <c r="J19957" s="5" t="s">
        <v>61065</v>
      </c>
      <c r="K19957" s="2" t="s">
        <v>61066</v>
      </c>
      <c r="L19957" s="5" t="s">
        <v>61065</v>
      </c>
      <c r="M19957" s="2" t="s">
        <v>61066</v>
      </c>
      <c r="N19957" s="5" t="s">
        <v>733</v>
      </c>
      <c r="O19957" s="5" t="s">
        <v>38</v>
      </c>
      <c r="P19957" s="5" t="s">
        <v>39</v>
      </c>
      <c r="Q19957" s="5" t="s">
        <v>40</v>
      </c>
      <c r="R19957" s="5" t="s">
        <v>897</v>
      </c>
      <c r="S19957" s="5" t="s">
        <v>40</v>
      </c>
      <c r="T19957" s="5" t="s">
        <v>42</v>
      </c>
      <c r="U19957" s="2">
        <v>68.908000000000001</v>
      </c>
      <c r="V19957" s="2">
        <v>63.872</v>
      </c>
      <c r="W19957" s="2">
        <v>0.27900000000000003</v>
      </c>
      <c r="X19957" s="2">
        <v>17</v>
      </c>
      <c r="Y19957" s="2">
        <v>124.7</v>
      </c>
      <c r="Z19957" s="2">
        <v>131.6</v>
      </c>
      <c r="AA19957" s="5">
        <v>7</v>
      </c>
      <c r="AB19957" s="5" t="s">
        <v>43</v>
      </c>
      <c r="AC19957" s="5" t="s">
        <v>735</v>
      </c>
      <c r="AD19957" s="2" t="s">
        <v>63521</v>
      </c>
      <c r="AE19957" s="1"/>
    </row>
    <row r="19958" spans="1:31" ht="14.45">
      <c r="A19958" s="11"/>
      <c r="B19958" s="20"/>
      <c r="C19958" s="2" t="s">
        <v>63522</v>
      </c>
      <c r="D19958" s="14" t="s">
        <v>63523</v>
      </c>
      <c r="E19958" s="2" t="s">
        <v>63524</v>
      </c>
      <c r="F19958" s="2" t="s">
        <v>63525</v>
      </c>
      <c r="G19958" s="8">
        <v>1777</v>
      </c>
      <c r="H19958" s="5">
        <v>10</v>
      </c>
      <c r="I19958" s="5" t="s">
        <v>69</v>
      </c>
      <c r="J19958" s="5" t="s">
        <v>61065</v>
      </c>
      <c r="K19958" s="2" t="s">
        <v>61066</v>
      </c>
      <c r="L19958" s="5" t="s">
        <v>61065</v>
      </c>
      <c r="M19958" s="2" t="s">
        <v>61066</v>
      </c>
      <c r="N19958" s="5" t="s">
        <v>733</v>
      </c>
      <c r="O19958" s="5" t="s">
        <v>38</v>
      </c>
      <c r="P19958" s="5" t="s">
        <v>39</v>
      </c>
      <c r="Q19958" s="5" t="s">
        <v>40</v>
      </c>
      <c r="R19958" s="5" t="s">
        <v>897</v>
      </c>
      <c r="S19958" s="5" t="s">
        <v>40</v>
      </c>
      <c r="T19958" s="5" t="s">
        <v>42</v>
      </c>
      <c r="U19958" s="2">
        <v>68.36</v>
      </c>
      <c r="V19958" s="2">
        <v>63.584000000000003</v>
      </c>
      <c r="W19958" s="2">
        <v>0.27900000000000003</v>
      </c>
      <c r="X19958" s="2">
        <v>17</v>
      </c>
      <c r="Y19958" s="2">
        <v>124.7</v>
      </c>
      <c r="Z19958" s="2">
        <v>131.6</v>
      </c>
      <c r="AA19958" s="5">
        <v>7</v>
      </c>
      <c r="AB19958" s="5" t="s">
        <v>43</v>
      </c>
      <c r="AC19958" s="5" t="s">
        <v>735</v>
      </c>
      <c r="AD19958" s="2" t="s">
        <v>63526</v>
      </c>
      <c r="AE19958" s="1"/>
    </row>
    <row r="19959" spans="1:31" ht="14.45">
      <c r="A19959" s="11"/>
      <c r="B19959" s="20"/>
      <c r="C19959" s="2" t="s">
        <v>63527</v>
      </c>
      <c r="D19959" s="14" t="s">
        <v>63528</v>
      </c>
      <c r="E19959" s="2" t="s">
        <v>63529</v>
      </c>
      <c r="F19959" s="2" t="s">
        <v>63530</v>
      </c>
      <c r="G19959" s="8">
        <v>2077</v>
      </c>
      <c r="H19959" s="5">
        <v>10</v>
      </c>
      <c r="I19959" s="5" t="s">
        <v>69</v>
      </c>
      <c r="J19959" s="5" t="s">
        <v>61065</v>
      </c>
      <c r="K19959" s="2" t="s">
        <v>61066</v>
      </c>
      <c r="L19959" s="5" t="s">
        <v>61065</v>
      </c>
      <c r="M19959" s="2" t="s">
        <v>61066</v>
      </c>
      <c r="N19959" s="5" t="s">
        <v>733</v>
      </c>
      <c r="O19959" s="5" t="s">
        <v>38</v>
      </c>
      <c r="P19959" s="5" t="s">
        <v>39</v>
      </c>
      <c r="Q19959" s="5" t="s">
        <v>40</v>
      </c>
      <c r="R19959" s="5" t="s">
        <v>897</v>
      </c>
      <c r="S19959" s="5" t="s">
        <v>40</v>
      </c>
      <c r="T19959" s="5" t="s">
        <v>42</v>
      </c>
      <c r="U19959" s="2">
        <v>68.393000000000001</v>
      </c>
      <c r="V19959" s="2">
        <v>63.526000000000003</v>
      </c>
      <c r="W19959" s="2">
        <v>0.27900000000000003</v>
      </c>
      <c r="X19959" s="2">
        <v>17</v>
      </c>
      <c r="Y19959" s="2">
        <v>124.7</v>
      </c>
      <c r="Z19959" s="2">
        <v>131.6</v>
      </c>
      <c r="AA19959" s="5">
        <v>7</v>
      </c>
      <c r="AB19959" s="5" t="s">
        <v>43</v>
      </c>
      <c r="AC19959" s="5" t="s">
        <v>735</v>
      </c>
      <c r="AD19959" s="2" t="s">
        <v>63531</v>
      </c>
      <c r="AE19959" s="1"/>
    </row>
    <row r="19960" spans="1:31" ht="14.45">
      <c r="A19960" s="11"/>
      <c r="B19960" s="20"/>
      <c r="C19960" s="2" t="s">
        <v>63532</v>
      </c>
      <c r="D19960" s="14" t="s">
        <v>63533</v>
      </c>
      <c r="E19960" s="2" t="s">
        <v>63534</v>
      </c>
      <c r="F19960" s="2" t="s">
        <v>63530</v>
      </c>
      <c r="G19960" s="8">
        <v>2077</v>
      </c>
      <c r="H19960" s="5">
        <v>10</v>
      </c>
      <c r="I19960" s="5" t="s">
        <v>69</v>
      </c>
      <c r="J19960" s="5" t="s">
        <v>61065</v>
      </c>
      <c r="K19960" s="2" t="s">
        <v>61066</v>
      </c>
      <c r="L19960" s="5" t="s">
        <v>61065</v>
      </c>
      <c r="M19960" s="2" t="s">
        <v>61066</v>
      </c>
      <c r="N19960" s="5" t="s">
        <v>733</v>
      </c>
      <c r="O19960" s="5" t="s">
        <v>38</v>
      </c>
      <c r="P19960" s="5" t="s">
        <v>39</v>
      </c>
      <c r="Q19960" s="5" t="s">
        <v>40</v>
      </c>
      <c r="R19960" s="5" t="s">
        <v>897</v>
      </c>
      <c r="S19960" s="5" t="s">
        <v>40</v>
      </c>
      <c r="T19960" s="5" t="s">
        <v>42</v>
      </c>
      <c r="U19960" s="2">
        <v>67.944000000000003</v>
      </c>
      <c r="V19960" s="2">
        <v>62.908000000000001</v>
      </c>
      <c r="W19960" s="2">
        <v>0.27900000000000003</v>
      </c>
      <c r="X19960" s="2">
        <v>17</v>
      </c>
      <c r="Y19960" s="2">
        <v>124.7</v>
      </c>
      <c r="Z19960" s="2">
        <v>131.6</v>
      </c>
      <c r="AA19960" s="5">
        <v>7</v>
      </c>
      <c r="AB19960" s="5" t="s">
        <v>43</v>
      </c>
      <c r="AC19960" s="5" t="s">
        <v>735</v>
      </c>
      <c r="AD19960" s="2" t="s">
        <v>63535</v>
      </c>
      <c r="AE19960" s="1"/>
    </row>
    <row r="19961" spans="1:31" ht="14.45">
      <c r="A19961" s="11"/>
      <c r="B19961" s="20"/>
      <c r="C19961" s="2" t="s">
        <v>63536</v>
      </c>
      <c r="D19961" s="14" t="s">
        <v>63537</v>
      </c>
      <c r="E19961" s="2" t="s">
        <v>63538</v>
      </c>
      <c r="F19961" s="2" t="s">
        <v>63539</v>
      </c>
      <c r="G19961" s="8">
        <v>1662</v>
      </c>
      <c r="H19961" s="5">
        <v>10</v>
      </c>
      <c r="I19961" s="5" t="s">
        <v>69</v>
      </c>
      <c r="J19961" s="5" t="s">
        <v>61065</v>
      </c>
      <c r="K19961" s="2" t="s">
        <v>61066</v>
      </c>
      <c r="L19961" s="5" t="s">
        <v>61065</v>
      </c>
      <c r="M19961" s="2" t="s">
        <v>61066</v>
      </c>
      <c r="N19961" s="5" t="s">
        <v>733</v>
      </c>
      <c r="O19961" s="5" t="s">
        <v>38</v>
      </c>
      <c r="P19961" s="5" t="s">
        <v>39</v>
      </c>
      <c r="Q19961" s="5" t="s">
        <v>40</v>
      </c>
      <c r="R19961" s="5" t="s">
        <v>897</v>
      </c>
      <c r="S19961" s="5" t="s">
        <v>40</v>
      </c>
      <c r="T19961" s="5" t="s">
        <v>42</v>
      </c>
      <c r="U19961" s="2">
        <v>60.051000000000002</v>
      </c>
      <c r="V19961" s="2">
        <v>55.152000000000001</v>
      </c>
      <c r="W19961" s="2">
        <v>0.27900000000000003</v>
      </c>
      <c r="X19961" s="2">
        <v>17</v>
      </c>
      <c r="Y19961" s="2">
        <v>124.7</v>
      </c>
      <c r="Z19961" s="2">
        <v>131.6</v>
      </c>
      <c r="AA19961" s="5">
        <v>7</v>
      </c>
      <c r="AB19961" s="5" t="s">
        <v>43</v>
      </c>
      <c r="AC19961" s="5" t="s">
        <v>735</v>
      </c>
      <c r="AD19961" s="2" t="s">
        <v>63540</v>
      </c>
      <c r="AE19961" s="1"/>
    </row>
    <row r="19962" spans="1:31" ht="14.45">
      <c r="A19962" s="11"/>
      <c r="B19962" s="20"/>
      <c r="C19962" s="2" t="s">
        <v>63541</v>
      </c>
      <c r="D19962" s="14" t="s">
        <v>63542</v>
      </c>
      <c r="E19962" s="2" t="s">
        <v>63543</v>
      </c>
      <c r="F19962" s="2" t="s">
        <v>63539</v>
      </c>
      <c r="G19962" s="8">
        <v>1662</v>
      </c>
      <c r="H19962" s="5">
        <v>5</v>
      </c>
      <c r="I19962" s="5" t="s">
        <v>69</v>
      </c>
      <c r="J19962" s="5" t="s">
        <v>61065</v>
      </c>
      <c r="K19962" s="2" t="s">
        <v>61066</v>
      </c>
      <c r="L19962" s="5" t="s">
        <v>61065</v>
      </c>
      <c r="M19962" s="2" t="s">
        <v>61066</v>
      </c>
      <c r="N19962" s="5" t="s">
        <v>733</v>
      </c>
      <c r="O19962" s="5" t="s">
        <v>38</v>
      </c>
      <c r="P19962" s="5" t="s">
        <v>39</v>
      </c>
      <c r="Q19962" s="5" t="s">
        <v>40</v>
      </c>
      <c r="R19962" s="5" t="s">
        <v>897</v>
      </c>
      <c r="S19962" s="5" t="s">
        <v>40</v>
      </c>
      <c r="T19962" s="5" t="s">
        <v>42</v>
      </c>
      <c r="U19962" s="2">
        <v>59.601999999999997</v>
      </c>
      <c r="V19962" s="2">
        <v>54.533999999999999</v>
      </c>
      <c r="W19962" s="2">
        <v>0.27900000000000003</v>
      </c>
      <c r="X19962" s="2">
        <v>17</v>
      </c>
      <c r="Y19962" s="2">
        <v>124.7</v>
      </c>
      <c r="Z19962" s="2">
        <v>131.6</v>
      </c>
      <c r="AA19962" s="5">
        <v>7</v>
      </c>
      <c r="AB19962" s="5" t="s">
        <v>43</v>
      </c>
      <c r="AC19962" s="5" t="s">
        <v>735</v>
      </c>
      <c r="AD19962" s="2" t="s">
        <v>63544</v>
      </c>
      <c r="AE19962" s="1"/>
    </row>
    <row r="19963" spans="1:31" ht="14.45">
      <c r="A19963" s="11"/>
      <c r="B19963" s="20"/>
      <c r="C19963" s="2" t="s">
        <v>63545</v>
      </c>
      <c r="D19963" s="14" t="s">
        <v>63546</v>
      </c>
      <c r="E19963" s="2" t="s">
        <v>63547</v>
      </c>
      <c r="F19963" s="2" t="s">
        <v>63548</v>
      </c>
      <c r="G19963" s="8">
        <v>1657</v>
      </c>
      <c r="H19963" s="5">
        <v>10</v>
      </c>
      <c r="I19963" s="5" t="s">
        <v>69</v>
      </c>
      <c r="J19963" s="5" t="s">
        <v>61065</v>
      </c>
      <c r="K19963" s="2" t="s">
        <v>61066</v>
      </c>
      <c r="L19963" s="5" t="s">
        <v>61065</v>
      </c>
      <c r="M19963" s="2" t="s">
        <v>61066</v>
      </c>
      <c r="N19963" s="5" t="s">
        <v>733</v>
      </c>
      <c r="O19963" s="5" t="s">
        <v>38</v>
      </c>
      <c r="P19963" s="5" t="s">
        <v>39</v>
      </c>
      <c r="Q19963" s="5" t="s">
        <v>40</v>
      </c>
      <c r="R19963" s="5" t="s">
        <v>897</v>
      </c>
      <c r="S19963" s="5" t="s">
        <v>40</v>
      </c>
      <c r="T19963" s="5" t="s">
        <v>42</v>
      </c>
      <c r="U19963" s="2">
        <v>68.308999999999997</v>
      </c>
      <c r="V19963" s="2">
        <v>63.533000000000001</v>
      </c>
      <c r="W19963" s="2">
        <v>0.27900000000000003</v>
      </c>
      <c r="X19963" s="2">
        <v>17</v>
      </c>
      <c r="Y19963" s="2">
        <v>124.7</v>
      </c>
      <c r="Z19963" s="2">
        <v>131.6</v>
      </c>
      <c r="AA19963" s="5">
        <v>7</v>
      </c>
      <c r="AB19963" s="5" t="s">
        <v>43</v>
      </c>
      <c r="AC19963" s="5" t="s">
        <v>735</v>
      </c>
      <c r="AD19963" s="2" t="s">
        <v>63549</v>
      </c>
      <c r="AE19963" s="1"/>
    </row>
    <row r="19964" spans="1:31" ht="14.45">
      <c r="A19964" s="11"/>
      <c r="B19964" s="20"/>
      <c r="C19964" s="2" t="s">
        <v>63550</v>
      </c>
      <c r="D19964" s="14" t="s">
        <v>63551</v>
      </c>
      <c r="E19964" s="2" t="s">
        <v>63552</v>
      </c>
      <c r="F19964" s="2" t="s">
        <v>63548</v>
      </c>
      <c r="G19964" s="8">
        <v>1957</v>
      </c>
      <c r="H19964" s="5">
        <v>10</v>
      </c>
      <c r="I19964" s="5" t="s">
        <v>69</v>
      </c>
      <c r="J19964" s="5" t="s">
        <v>61065</v>
      </c>
      <c r="K19964" s="2" t="s">
        <v>61066</v>
      </c>
      <c r="L19964" s="5" t="s">
        <v>61065</v>
      </c>
      <c r="M19964" s="2" t="s">
        <v>61066</v>
      </c>
      <c r="N19964" s="5" t="s">
        <v>733</v>
      </c>
      <c r="O19964" s="5" t="s">
        <v>38</v>
      </c>
      <c r="P19964" s="5" t="s">
        <v>39</v>
      </c>
      <c r="Q19964" s="5" t="s">
        <v>40</v>
      </c>
      <c r="R19964" s="5" t="s">
        <v>897</v>
      </c>
      <c r="S19964" s="5" t="s">
        <v>40</v>
      </c>
      <c r="T19964" s="5" t="s">
        <v>42</v>
      </c>
      <c r="U19964" s="2">
        <v>68.341999999999999</v>
      </c>
      <c r="V19964" s="2">
        <v>63.475000000000001</v>
      </c>
      <c r="W19964" s="2">
        <v>0.27900000000000003</v>
      </c>
      <c r="X19964" s="2">
        <v>17</v>
      </c>
      <c r="Y19964" s="2">
        <v>124.7</v>
      </c>
      <c r="Z19964" s="2">
        <v>131.6</v>
      </c>
      <c r="AA19964" s="5">
        <v>7</v>
      </c>
      <c r="AB19964" s="5" t="s">
        <v>43</v>
      </c>
      <c r="AC19964" s="5" t="s">
        <v>735</v>
      </c>
      <c r="AD19964" s="2" t="s">
        <v>63553</v>
      </c>
      <c r="AE19964" s="1"/>
    </row>
    <row r="19965" spans="1:31" ht="14.45">
      <c r="A19965" s="11"/>
      <c r="B19965" s="20"/>
      <c r="C19965" s="2" t="s">
        <v>63554</v>
      </c>
      <c r="D19965" s="14" t="s">
        <v>63555</v>
      </c>
      <c r="E19965" s="2" t="s">
        <v>63556</v>
      </c>
      <c r="F19965" s="2" t="s">
        <v>63548</v>
      </c>
      <c r="G19965" s="8">
        <v>1957</v>
      </c>
      <c r="H19965" s="5">
        <v>5</v>
      </c>
      <c r="I19965" s="5" t="s">
        <v>69</v>
      </c>
      <c r="J19965" s="5" t="s">
        <v>61065</v>
      </c>
      <c r="K19965" s="2" t="s">
        <v>61066</v>
      </c>
      <c r="L19965" s="5" t="s">
        <v>61065</v>
      </c>
      <c r="M19965" s="2" t="s">
        <v>61066</v>
      </c>
      <c r="N19965" s="5" t="s">
        <v>733</v>
      </c>
      <c r="O19965" s="5" t="s">
        <v>38</v>
      </c>
      <c r="P19965" s="5" t="s">
        <v>39</v>
      </c>
      <c r="Q19965" s="5" t="s">
        <v>40</v>
      </c>
      <c r="R19965" s="5" t="s">
        <v>897</v>
      </c>
      <c r="S19965" s="5" t="s">
        <v>40</v>
      </c>
      <c r="T19965" s="5" t="s">
        <v>42</v>
      </c>
      <c r="U19965" s="2">
        <v>67.893000000000001</v>
      </c>
      <c r="V19965" s="2">
        <v>62.856999999999999</v>
      </c>
      <c r="W19965" s="2">
        <v>0.27900000000000003</v>
      </c>
      <c r="X19965" s="2">
        <v>17</v>
      </c>
      <c r="Y19965" s="2">
        <v>124.7</v>
      </c>
      <c r="Z19965" s="2">
        <v>131.6</v>
      </c>
      <c r="AA19965" s="5">
        <v>7</v>
      </c>
      <c r="AB19965" s="5" t="s">
        <v>43</v>
      </c>
      <c r="AC19965" s="5" t="s">
        <v>735</v>
      </c>
      <c r="AD19965" s="2" t="s">
        <v>63557</v>
      </c>
      <c r="AE19965" s="1"/>
    </row>
    <row r="19966" spans="1:31" ht="14.45">
      <c r="A19966" s="11"/>
      <c r="B19966" s="20"/>
      <c r="C19966" s="2" t="s">
        <v>63558</v>
      </c>
      <c r="D19966" s="14" t="s">
        <v>63559</v>
      </c>
      <c r="E19966" s="2" t="s">
        <v>63560</v>
      </c>
      <c r="F19966" s="2" t="s">
        <v>63561</v>
      </c>
      <c r="G19966" s="8">
        <v>1783</v>
      </c>
      <c r="H19966" s="5">
        <v>10</v>
      </c>
      <c r="I19966" s="5" t="s">
        <v>69</v>
      </c>
      <c r="J19966" s="5" t="s">
        <v>61065</v>
      </c>
      <c r="K19966" s="2" t="s">
        <v>61066</v>
      </c>
      <c r="L19966" s="5" t="s">
        <v>61065</v>
      </c>
      <c r="M19966" s="2" t="s">
        <v>61066</v>
      </c>
      <c r="N19966" s="5" t="s">
        <v>733</v>
      </c>
      <c r="O19966" s="5" t="s">
        <v>38</v>
      </c>
      <c r="P19966" s="5" t="s">
        <v>39</v>
      </c>
      <c r="Q19966" s="5" t="s">
        <v>40</v>
      </c>
      <c r="R19966" s="5" t="s">
        <v>1487</v>
      </c>
      <c r="S19966" s="5"/>
      <c r="T19966" s="5" t="s">
        <v>42</v>
      </c>
      <c r="U19966" s="2">
        <v>0</v>
      </c>
      <c r="V19966" s="2">
        <v>0</v>
      </c>
      <c r="W19966" s="2">
        <v>0</v>
      </c>
      <c r="X19966" s="2">
        <v>0</v>
      </c>
      <c r="Y19966" s="2">
        <v>0</v>
      </c>
      <c r="Z19966" s="2">
        <v>0</v>
      </c>
      <c r="AA19966" s="5"/>
      <c r="AB19966" s="5" t="s">
        <v>43</v>
      </c>
      <c r="AC19966" s="5" t="s">
        <v>735</v>
      </c>
      <c r="AD19966" s="2" t="s">
        <v>63562</v>
      </c>
      <c r="AE19966" s="1"/>
    </row>
    <row r="19967" spans="1:31" ht="14.45">
      <c r="A19967" s="11"/>
      <c r="B19967" s="20"/>
      <c r="C19967" s="2" t="s">
        <v>63563</v>
      </c>
      <c r="D19967" s="14" t="s">
        <v>63564</v>
      </c>
      <c r="E19967" s="2" t="s">
        <v>63565</v>
      </c>
      <c r="F19967" s="2" t="s">
        <v>63388</v>
      </c>
      <c r="G19967" s="8">
        <v>2345</v>
      </c>
      <c r="H19967" s="5">
        <v>5</v>
      </c>
      <c r="I19967" s="5" t="s">
        <v>69</v>
      </c>
      <c r="J19967" s="5" t="s">
        <v>61065</v>
      </c>
      <c r="K19967" s="2" t="s">
        <v>61066</v>
      </c>
      <c r="L19967" s="5" t="s">
        <v>61065</v>
      </c>
      <c r="M19967" s="2" t="s">
        <v>61066</v>
      </c>
      <c r="N19967" s="5" t="s">
        <v>733</v>
      </c>
      <c r="O19967" s="5" t="s">
        <v>38</v>
      </c>
      <c r="P19967" s="5" t="s">
        <v>39</v>
      </c>
      <c r="Q19967" s="5" t="s">
        <v>40</v>
      </c>
      <c r="R19967" s="5" t="s">
        <v>1487</v>
      </c>
      <c r="S19967" s="5"/>
      <c r="T19967" s="5" t="s">
        <v>42</v>
      </c>
      <c r="U19967" s="2">
        <v>0</v>
      </c>
      <c r="V19967" s="2">
        <v>0</v>
      </c>
      <c r="W19967" s="2">
        <v>0</v>
      </c>
      <c r="X19967" s="2">
        <v>0</v>
      </c>
      <c r="Y19967" s="2">
        <v>0</v>
      </c>
      <c r="Z19967" s="2">
        <v>0</v>
      </c>
      <c r="AA19967" s="5"/>
      <c r="AB19967" s="5" t="s">
        <v>43</v>
      </c>
      <c r="AC19967" s="5" t="s">
        <v>735</v>
      </c>
      <c r="AD19967" s="2" t="s">
        <v>63566</v>
      </c>
      <c r="AE19967" s="1"/>
    </row>
    <row r="19968" spans="1:31" ht="14.45">
      <c r="A19968" s="11"/>
      <c r="B19968" s="20"/>
      <c r="C19968" s="2" t="s">
        <v>63567</v>
      </c>
      <c r="D19968" s="14" t="s">
        <v>63568</v>
      </c>
      <c r="E19968" s="2" t="s">
        <v>63569</v>
      </c>
      <c r="F19968" s="2" t="s">
        <v>63415</v>
      </c>
      <c r="G19968" s="8">
        <v>1930</v>
      </c>
      <c r="H19968" s="5">
        <v>5</v>
      </c>
      <c r="I19968" s="5" t="s">
        <v>69</v>
      </c>
      <c r="J19968" s="5" t="s">
        <v>61065</v>
      </c>
      <c r="K19968" s="2" t="s">
        <v>61066</v>
      </c>
      <c r="L19968" s="5" t="s">
        <v>61065</v>
      </c>
      <c r="M19968" s="2" t="s">
        <v>61066</v>
      </c>
      <c r="N19968" s="5" t="s">
        <v>733</v>
      </c>
      <c r="O19968" s="5" t="s">
        <v>38</v>
      </c>
      <c r="P19968" s="5" t="s">
        <v>39</v>
      </c>
      <c r="Q19968" s="5" t="s">
        <v>40</v>
      </c>
      <c r="R19968" s="5" t="s">
        <v>1487</v>
      </c>
      <c r="S19968" s="5"/>
      <c r="T19968" s="5" t="s">
        <v>42</v>
      </c>
      <c r="U19968" s="2">
        <v>0</v>
      </c>
      <c r="V19968" s="2">
        <v>0</v>
      </c>
      <c r="W19968" s="2">
        <v>0</v>
      </c>
      <c r="X19968" s="2">
        <v>0</v>
      </c>
      <c r="Y19968" s="2">
        <v>0</v>
      </c>
      <c r="Z19968" s="2">
        <v>0</v>
      </c>
      <c r="AA19968" s="5"/>
      <c r="AB19968" s="5" t="s">
        <v>43</v>
      </c>
      <c r="AC19968" s="5" t="s">
        <v>735</v>
      </c>
      <c r="AD19968" s="2" t="s">
        <v>63570</v>
      </c>
      <c r="AE19968" s="1"/>
    </row>
    <row r="19969" spans="1:31" ht="14.45">
      <c r="A19969" s="11"/>
      <c r="B19969" s="20"/>
      <c r="C19969" s="2" t="s">
        <v>63571</v>
      </c>
      <c r="D19969" s="14" t="s">
        <v>63572</v>
      </c>
      <c r="E19969" s="2" t="s">
        <v>63573</v>
      </c>
      <c r="F19969" s="2" t="s">
        <v>63574</v>
      </c>
      <c r="G19969" s="8">
        <v>1686</v>
      </c>
      <c r="H19969" s="5">
        <v>5</v>
      </c>
      <c r="I19969" s="5" t="s">
        <v>69</v>
      </c>
      <c r="J19969" s="5" t="s">
        <v>61065</v>
      </c>
      <c r="K19969" s="2" t="s">
        <v>61066</v>
      </c>
      <c r="L19969" s="5" t="s">
        <v>61065</v>
      </c>
      <c r="M19969" s="2" t="s">
        <v>61066</v>
      </c>
      <c r="N19969" s="5" t="s">
        <v>733</v>
      </c>
      <c r="O19969" s="5" t="s">
        <v>38</v>
      </c>
      <c r="P19969" s="5" t="s">
        <v>39</v>
      </c>
      <c r="Q19969" s="5" t="s">
        <v>40</v>
      </c>
      <c r="R19969" s="5" t="s">
        <v>897</v>
      </c>
      <c r="S19969" s="5" t="s">
        <v>40</v>
      </c>
      <c r="T19969" s="5" t="s">
        <v>42</v>
      </c>
      <c r="U19969" s="2">
        <v>85.228999999999999</v>
      </c>
      <c r="V19969" s="2">
        <v>79.873000000000005</v>
      </c>
      <c r="W19969" s="2">
        <v>0.32600000000000001</v>
      </c>
      <c r="X19969" s="2">
        <v>17</v>
      </c>
      <c r="Y19969" s="2">
        <v>124.7</v>
      </c>
      <c r="Z19969" s="2">
        <v>153.6</v>
      </c>
      <c r="AA19969" s="5">
        <v>7</v>
      </c>
      <c r="AB19969" s="5" t="s">
        <v>43</v>
      </c>
      <c r="AC19969" s="5" t="s">
        <v>735</v>
      </c>
      <c r="AD19969" s="2" t="s">
        <v>63575</v>
      </c>
      <c r="AE19969" s="1"/>
    </row>
    <row r="19970" spans="1:31" ht="14.45">
      <c r="A19970" s="11"/>
      <c r="B19970" s="20"/>
      <c r="C19970" s="2" t="s">
        <v>63576</v>
      </c>
      <c r="D19970" s="14" t="s">
        <v>63577</v>
      </c>
      <c r="E19970" s="2" t="s">
        <v>63578</v>
      </c>
      <c r="F19970" s="2" t="s">
        <v>63579</v>
      </c>
      <c r="G19970" s="8">
        <v>1986</v>
      </c>
      <c r="H19970" s="5">
        <v>5</v>
      </c>
      <c r="I19970" s="5" t="s">
        <v>69</v>
      </c>
      <c r="J19970" s="5" t="s">
        <v>61065</v>
      </c>
      <c r="K19970" s="2" t="s">
        <v>61066</v>
      </c>
      <c r="L19970" s="5" t="s">
        <v>61065</v>
      </c>
      <c r="M19970" s="2" t="s">
        <v>61066</v>
      </c>
      <c r="N19970" s="5" t="s">
        <v>733</v>
      </c>
      <c r="O19970" s="5" t="s">
        <v>38</v>
      </c>
      <c r="P19970" s="5" t="s">
        <v>39</v>
      </c>
      <c r="Q19970" s="5" t="s">
        <v>40</v>
      </c>
      <c r="R19970" s="5" t="s">
        <v>897</v>
      </c>
      <c r="S19970" s="5" t="s">
        <v>40</v>
      </c>
      <c r="T19970" s="5" t="s">
        <v>42</v>
      </c>
      <c r="U19970" s="2">
        <v>88.222999999999999</v>
      </c>
      <c r="V19970" s="2">
        <v>82.772000000000006</v>
      </c>
      <c r="W19970" s="2">
        <v>0.32600000000000001</v>
      </c>
      <c r="X19970" s="2">
        <v>17</v>
      </c>
      <c r="Y19970" s="2">
        <v>124.7</v>
      </c>
      <c r="Z19970" s="2">
        <v>153.6</v>
      </c>
      <c r="AA19970" s="5">
        <v>7</v>
      </c>
      <c r="AB19970" s="5" t="s">
        <v>43</v>
      </c>
      <c r="AC19970" s="5" t="s">
        <v>735</v>
      </c>
      <c r="AD19970" s="2" t="s">
        <v>63580</v>
      </c>
      <c r="AE19970" s="1"/>
    </row>
    <row r="19971" spans="1:31" ht="14.45">
      <c r="A19971" s="11"/>
      <c r="B19971" s="20"/>
      <c r="C19971" s="2" t="s">
        <v>63581</v>
      </c>
      <c r="D19971" s="14" t="s">
        <v>63582</v>
      </c>
      <c r="E19971" s="2" t="s">
        <v>63583</v>
      </c>
      <c r="F19971" s="2" t="s">
        <v>63584</v>
      </c>
      <c r="G19971" s="8">
        <v>1458</v>
      </c>
      <c r="H19971" s="5">
        <v>5</v>
      </c>
      <c r="I19971" s="5" t="s">
        <v>69</v>
      </c>
      <c r="J19971" s="5" t="s">
        <v>61065</v>
      </c>
      <c r="K19971" s="2" t="s">
        <v>61066</v>
      </c>
      <c r="L19971" s="5" t="s">
        <v>61065</v>
      </c>
      <c r="M19971" s="2" t="s">
        <v>61066</v>
      </c>
      <c r="N19971" s="5" t="s">
        <v>733</v>
      </c>
      <c r="O19971" s="5" t="s">
        <v>38</v>
      </c>
      <c r="P19971" s="5" t="s">
        <v>39</v>
      </c>
      <c r="Q19971" s="5" t="s">
        <v>40</v>
      </c>
      <c r="R19971" s="5" t="s">
        <v>897</v>
      </c>
      <c r="S19971" s="5" t="s">
        <v>40</v>
      </c>
      <c r="T19971" s="5" t="s">
        <v>42</v>
      </c>
      <c r="U19971" s="2">
        <v>72.950999999999993</v>
      </c>
      <c r="V19971" s="2">
        <v>67.602999999999994</v>
      </c>
      <c r="W19971" s="2">
        <v>0.32600000000000001</v>
      </c>
      <c r="X19971" s="2">
        <v>17</v>
      </c>
      <c r="Y19971" s="2">
        <v>124.7</v>
      </c>
      <c r="Z19971" s="2">
        <v>153.6</v>
      </c>
      <c r="AA19971" s="5">
        <v>7</v>
      </c>
      <c r="AB19971" s="5" t="s">
        <v>43</v>
      </c>
      <c r="AC19971" s="5" t="s">
        <v>735</v>
      </c>
      <c r="AD19971" s="2" t="s">
        <v>63585</v>
      </c>
      <c r="AE19971" s="1"/>
    </row>
    <row r="19972" spans="1:31" ht="14.45">
      <c r="A19972" s="11"/>
      <c r="B19972" s="20"/>
      <c r="C19972" s="2" t="s">
        <v>63586</v>
      </c>
      <c r="D19972" s="14" t="s">
        <v>63587</v>
      </c>
      <c r="E19972" s="2" t="s">
        <v>63588</v>
      </c>
      <c r="F19972" s="2" t="s">
        <v>63589</v>
      </c>
      <c r="G19972" s="8">
        <v>1758</v>
      </c>
      <c r="H19972" s="5">
        <v>5</v>
      </c>
      <c r="I19972" s="5" t="s">
        <v>69</v>
      </c>
      <c r="J19972" s="5" t="s">
        <v>61065</v>
      </c>
      <c r="K19972" s="2" t="s">
        <v>61066</v>
      </c>
      <c r="L19972" s="5" t="s">
        <v>61065</v>
      </c>
      <c r="M19972" s="2" t="s">
        <v>61066</v>
      </c>
      <c r="N19972" s="5" t="s">
        <v>733</v>
      </c>
      <c r="O19972" s="5" t="s">
        <v>38</v>
      </c>
      <c r="P19972" s="5" t="s">
        <v>39</v>
      </c>
      <c r="Q19972" s="5" t="s">
        <v>40</v>
      </c>
      <c r="R19972" s="5" t="s">
        <v>897</v>
      </c>
      <c r="S19972" s="5" t="s">
        <v>40</v>
      </c>
      <c r="T19972" s="5" t="s">
        <v>42</v>
      </c>
      <c r="U19972" s="2">
        <v>75.915999999999997</v>
      </c>
      <c r="V19972" s="2">
        <v>70.445999999999998</v>
      </c>
      <c r="W19972" s="2">
        <v>0.32600000000000001</v>
      </c>
      <c r="X19972" s="2">
        <v>17</v>
      </c>
      <c r="Y19972" s="2">
        <v>124.7</v>
      </c>
      <c r="Z19972" s="2">
        <v>153.6</v>
      </c>
      <c r="AA19972" s="5">
        <v>7</v>
      </c>
      <c r="AB19972" s="5" t="s">
        <v>43</v>
      </c>
      <c r="AC19972" s="5" t="s">
        <v>735</v>
      </c>
      <c r="AD19972" s="2" t="s">
        <v>63590</v>
      </c>
      <c r="AE19972" s="1"/>
    </row>
    <row r="19973" spans="1:31" ht="14.45">
      <c r="A19973" s="5" t="s">
        <v>116</v>
      </c>
      <c r="B19973" s="21">
        <v>46082</v>
      </c>
      <c r="C19973" s="2" t="s">
        <v>63591</v>
      </c>
      <c r="D19973" s="14" t="s">
        <v>63592</v>
      </c>
      <c r="E19973" s="2" t="s">
        <v>63593</v>
      </c>
      <c r="F19973" s="2" t="s">
        <v>63594</v>
      </c>
      <c r="G19973" s="8">
        <v>1858</v>
      </c>
      <c r="H19973" s="5">
        <v>5</v>
      </c>
      <c r="I19973" s="5" t="s">
        <v>69</v>
      </c>
      <c r="J19973" s="5" t="s">
        <v>61065</v>
      </c>
      <c r="K19973" s="2" t="s">
        <v>61066</v>
      </c>
      <c r="L19973" s="5" t="s">
        <v>61065</v>
      </c>
      <c r="M19973" s="2" t="s">
        <v>61066</v>
      </c>
      <c r="N19973" s="5" t="s">
        <v>733</v>
      </c>
      <c r="O19973" s="5" t="s">
        <v>38</v>
      </c>
      <c r="P19973" s="5" t="s">
        <v>39</v>
      </c>
      <c r="Q19973" s="5" t="s">
        <v>40</v>
      </c>
      <c r="R19973" s="5" t="s">
        <v>897</v>
      </c>
      <c r="S19973" s="5" t="s">
        <v>40</v>
      </c>
      <c r="T19973" s="5" t="s">
        <v>42</v>
      </c>
      <c r="U19973" s="2">
        <v>76.052999999999997</v>
      </c>
      <c r="V19973" s="2">
        <v>70.716999999999999</v>
      </c>
      <c r="W19973" s="2">
        <v>0.32600000000000001</v>
      </c>
      <c r="X19973" s="2">
        <v>17</v>
      </c>
      <c r="Y19973" s="2">
        <v>124.7</v>
      </c>
      <c r="Z19973" s="2">
        <v>153.6</v>
      </c>
      <c r="AA19973" s="5">
        <v>7</v>
      </c>
      <c r="AB19973" s="5" t="s">
        <v>43</v>
      </c>
      <c r="AC19973" s="5" t="s">
        <v>735</v>
      </c>
      <c r="AD19973" s="2" t="s">
        <v>63595</v>
      </c>
      <c r="AE19973" s="1"/>
    </row>
    <row r="19974" spans="1:31" ht="14.45">
      <c r="A19974" s="11"/>
      <c r="B19974" s="20"/>
      <c r="C19974" s="2" t="s">
        <v>63596</v>
      </c>
      <c r="D19974" s="14" t="s">
        <v>63597</v>
      </c>
      <c r="E19974" s="2" t="s">
        <v>63598</v>
      </c>
      <c r="F19974" s="2" t="s">
        <v>63589</v>
      </c>
      <c r="G19974" s="8">
        <v>2005</v>
      </c>
      <c r="H19974" s="5">
        <v>5</v>
      </c>
      <c r="I19974" s="5" t="s">
        <v>69</v>
      </c>
      <c r="J19974" s="5" t="s">
        <v>61065</v>
      </c>
      <c r="K19974" s="2" t="s">
        <v>61066</v>
      </c>
      <c r="L19974" s="5" t="s">
        <v>61065</v>
      </c>
      <c r="M19974" s="2" t="s">
        <v>61066</v>
      </c>
      <c r="N19974" s="5" t="s">
        <v>733</v>
      </c>
      <c r="O19974" s="5" t="s">
        <v>38</v>
      </c>
      <c r="P19974" s="5" t="s">
        <v>39</v>
      </c>
      <c r="Q19974" s="5" t="s">
        <v>40</v>
      </c>
      <c r="R19974" s="5" t="s">
        <v>897</v>
      </c>
      <c r="S19974" s="5" t="s">
        <v>40</v>
      </c>
      <c r="T19974" s="5" t="s">
        <v>42</v>
      </c>
      <c r="U19974" s="2">
        <v>76.997</v>
      </c>
      <c r="V19974" s="2">
        <v>71.635000000000005</v>
      </c>
      <c r="W19974" s="2">
        <v>0.32600000000000001</v>
      </c>
      <c r="X19974" s="2">
        <v>17</v>
      </c>
      <c r="Y19974" s="2">
        <v>124.7</v>
      </c>
      <c r="Z19974" s="2">
        <v>153.6</v>
      </c>
      <c r="AA19974" s="5">
        <v>7</v>
      </c>
      <c r="AB19974" s="5" t="s">
        <v>43</v>
      </c>
      <c r="AC19974" s="5" t="s">
        <v>735</v>
      </c>
      <c r="AD19974" s="2" t="s">
        <v>63599</v>
      </c>
      <c r="AE19974" s="1"/>
    </row>
    <row r="19975" spans="1:31" ht="14.45">
      <c r="A19975" s="11"/>
      <c r="B19975" s="20"/>
      <c r="C19975" s="2" t="s">
        <v>63600</v>
      </c>
      <c r="D19975" s="14" t="s">
        <v>63601</v>
      </c>
      <c r="E19975" s="2" t="s">
        <v>63602</v>
      </c>
      <c r="F19975" s="2" t="s">
        <v>63603</v>
      </c>
      <c r="G19975" s="8">
        <v>1686</v>
      </c>
      <c r="H19975" s="5">
        <v>10</v>
      </c>
      <c r="I19975" s="5" t="s">
        <v>69</v>
      </c>
      <c r="J19975" s="5" t="s">
        <v>61065</v>
      </c>
      <c r="K19975" s="2" t="s">
        <v>61066</v>
      </c>
      <c r="L19975" s="5" t="s">
        <v>61065</v>
      </c>
      <c r="M19975" s="2" t="s">
        <v>61066</v>
      </c>
      <c r="N19975" s="5" t="s">
        <v>733</v>
      </c>
      <c r="O19975" s="5" t="s">
        <v>38</v>
      </c>
      <c r="P19975" s="5" t="s">
        <v>39</v>
      </c>
      <c r="Q19975" s="5" t="s">
        <v>40</v>
      </c>
      <c r="R19975" s="5" t="s">
        <v>897</v>
      </c>
      <c r="S19975" s="5" t="s">
        <v>40</v>
      </c>
      <c r="T19975" s="5" t="s">
        <v>42</v>
      </c>
      <c r="U19975" s="2">
        <v>72.674000000000007</v>
      </c>
      <c r="V19975" s="2">
        <v>67.319000000000003</v>
      </c>
      <c r="W19975" s="2">
        <v>0.32600000000000001</v>
      </c>
      <c r="X19975" s="2">
        <v>17</v>
      </c>
      <c r="Y19975" s="2">
        <v>124.7</v>
      </c>
      <c r="Z19975" s="2">
        <v>153.6</v>
      </c>
      <c r="AA19975" s="5">
        <v>7</v>
      </c>
      <c r="AB19975" s="5" t="s">
        <v>43</v>
      </c>
      <c r="AC19975" s="5" t="s">
        <v>735</v>
      </c>
      <c r="AD19975" s="2" t="s">
        <v>63604</v>
      </c>
      <c r="AE19975" s="1"/>
    </row>
    <row r="19976" spans="1:31" ht="14.45">
      <c r="A19976" s="11"/>
      <c r="B19976" s="20"/>
      <c r="C19976" s="2" t="s">
        <v>63605</v>
      </c>
      <c r="D19976" s="14" t="s">
        <v>63606</v>
      </c>
      <c r="E19976" s="2" t="s">
        <v>63607</v>
      </c>
      <c r="F19976" s="2" t="s">
        <v>63608</v>
      </c>
      <c r="G19976" s="8">
        <v>1986</v>
      </c>
      <c r="H19976" s="5">
        <v>10</v>
      </c>
      <c r="I19976" s="5" t="s">
        <v>69</v>
      </c>
      <c r="J19976" s="5" t="s">
        <v>61065</v>
      </c>
      <c r="K19976" s="2" t="s">
        <v>61066</v>
      </c>
      <c r="L19976" s="5" t="s">
        <v>61065</v>
      </c>
      <c r="M19976" s="2" t="s">
        <v>61066</v>
      </c>
      <c r="N19976" s="5" t="s">
        <v>733</v>
      </c>
      <c r="O19976" s="5" t="s">
        <v>38</v>
      </c>
      <c r="P19976" s="5" t="s">
        <v>39</v>
      </c>
      <c r="Q19976" s="5" t="s">
        <v>40</v>
      </c>
      <c r="R19976" s="5" t="s">
        <v>897</v>
      </c>
      <c r="S19976" s="5" t="s">
        <v>40</v>
      </c>
      <c r="T19976" s="5" t="s">
        <v>42</v>
      </c>
      <c r="U19976" s="2">
        <v>75.632000000000005</v>
      </c>
      <c r="V19976" s="2">
        <v>70.162000000000006</v>
      </c>
      <c r="W19976" s="2">
        <v>0.32600000000000001</v>
      </c>
      <c r="X19976" s="2">
        <v>17</v>
      </c>
      <c r="Y19976" s="2">
        <v>124.7</v>
      </c>
      <c r="Z19976" s="2">
        <v>153.6</v>
      </c>
      <c r="AA19976" s="5">
        <v>7</v>
      </c>
      <c r="AB19976" s="5" t="s">
        <v>43</v>
      </c>
      <c r="AC19976" s="5" t="s">
        <v>735</v>
      </c>
      <c r="AD19976" s="2" t="s">
        <v>63609</v>
      </c>
      <c r="AE19976" s="1"/>
    </row>
    <row r="19977" spans="1:31" ht="14.45">
      <c r="A19977" s="11"/>
      <c r="B19977" s="20"/>
      <c r="C19977" s="2" t="s">
        <v>63610</v>
      </c>
      <c r="D19977" s="14" t="s">
        <v>63611</v>
      </c>
      <c r="E19977" s="2" t="s">
        <v>63612</v>
      </c>
      <c r="F19977" s="2" t="s">
        <v>63608</v>
      </c>
      <c r="G19977" s="8">
        <v>1986</v>
      </c>
      <c r="H19977" s="5">
        <v>10</v>
      </c>
      <c r="I19977" s="5" t="s">
        <v>69</v>
      </c>
      <c r="J19977" s="5" t="s">
        <v>61065</v>
      </c>
      <c r="K19977" s="2" t="s">
        <v>61066</v>
      </c>
      <c r="L19977" s="5" t="s">
        <v>61065</v>
      </c>
      <c r="M19977" s="2" t="s">
        <v>61066</v>
      </c>
      <c r="N19977" s="5" t="s">
        <v>733</v>
      </c>
      <c r="O19977" s="5" t="s">
        <v>38</v>
      </c>
      <c r="P19977" s="5" t="s">
        <v>39</v>
      </c>
      <c r="Q19977" s="5" t="s">
        <v>40</v>
      </c>
      <c r="R19977" s="5" t="s">
        <v>897</v>
      </c>
      <c r="S19977" s="5" t="s">
        <v>40</v>
      </c>
      <c r="T19977" s="5" t="s">
        <v>42</v>
      </c>
      <c r="U19977" s="2">
        <v>74.957999999999998</v>
      </c>
      <c r="V19977" s="2">
        <v>69.323999999999998</v>
      </c>
      <c r="W19977" s="2">
        <v>0.32600000000000001</v>
      </c>
      <c r="X19977" s="2">
        <v>17</v>
      </c>
      <c r="Y19977" s="2">
        <v>124.7</v>
      </c>
      <c r="Z19977" s="2">
        <v>153.6</v>
      </c>
      <c r="AA19977" s="5">
        <v>7</v>
      </c>
      <c r="AB19977" s="5" t="s">
        <v>43</v>
      </c>
      <c r="AC19977" s="5" t="s">
        <v>735</v>
      </c>
      <c r="AD19977" s="2" t="s">
        <v>63613</v>
      </c>
      <c r="AE19977" s="1"/>
    </row>
    <row r="19978" spans="1:31" ht="14.45">
      <c r="A19978" s="11"/>
      <c r="B19978" s="20"/>
      <c r="C19978" s="2" t="s">
        <v>63614</v>
      </c>
      <c r="D19978" s="14" t="s">
        <v>63615</v>
      </c>
      <c r="E19978" s="2" t="s">
        <v>63616</v>
      </c>
      <c r="F19978" s="2" t="s">
        <v>63617</v>
      </c>
      <c r="G19978" s="8">
        <v>1240</v>
      </c>
      <c r="H19978" s="5">
        <v>5</v>
      </c>
      <c r="I19978" s="5" t="s">
        <v>69</v>
      </c>
      <c r="J19978" s="5" t="s">
        <v>61065</v>
      </c>
      <c r="K19978" s="2" t="s">
        <v>61066</v>
      </c>
      <c r="L19978" s="5" t="s">
        <v>61065</v>
      </c>
      <c r="M19978" s="2" t="s">
        <v>61066</v>
      </c>
      <c r="N19978" s="5" t="s">
        <v>733</v>
      </c>
      <c r="O19978" s="5" t="s">
        <v>38</v>
      </c>
      <c r="P19978" s="5" t="s">
        <v>39</v>
      </c>
      <c r="Q19978" s="5" t="s">
        <v>40</v>
      </c>
      <c r="R19978" s="5" t="s">
        <v>897</v>
      </c>
      <c r="S19978" s="5" t="s">
        <v>40</v>
      </c>
      <c r="T19978" s="5" t="s">
        <v>42</v>
      </c>
      <c r="U19978" s="2">
        <v>73.040000000000006</v>
      </c>
      <c r="V19978" s="2">
        <v>67.691999999999993</v>
      </c>
      <c r="W19978" s="2">
        <v>0.32600000000000001</v>
      </c>
      <c r="X19978" s="2">
        <v>17</v>
      </c>
      <c r="Y19978" s="2">
        <v>124.7</v>
      </c>
      <c r="Z19978" s="2">
        <v>153.6</v>
      </c>
      <c r="AA19978" s="5">
        <v>7</v>
      </c>
      <c r="AB19978" s="5" t="s">
        <v>43</v>
      </c>
      <c r="AC19978" s="5" t="s">
        <v>735</v>
      </c>
      <c r="AD19978" s="2" t="s">
        <v>63618</v>
      </c>
      <c r="AE19978" s="1"/>
    </row>
    <row r="19979" spans="1:31" ht="14.45">
      <c r="A19979" s="11"/>
      <c r="B19979" s="20"/>
      <c r="C19979" s="2" t="s">
        <v>63619</v>
      </c>
      <c r="D19979" s="14" t="s">
        <v>63620</v>
      </c>
      <c r="E19979" s="2" t="s">
        <v>63621</v>
      </c>
      <c r="F19979" s="2" t="s">
        <v>63617</v>
      </c>
      <c r="G19979" s="8">
        <v>1540</v>
      </c>
      <c r="H19979" s="5">
        <v>10</v>
      </c>
      <c r="I19979" s="5" t="s">
        <v>69</v>
      </c>
      <c r="J19979" s="5" t="s">
        <v>61065</v>
      </c>
      <c r="K19979" s="2" t="s">
        <v>61066</v>
      </c>
      <c r="L19979" s="5" t="s">
        <v>61065</v>
      </c>
      <c r="M19979" s="2" t="s">
        <v>61066</v>
      </c>
      <c r="N19979" s="5" t="s">
        <v>733</v>
      </c>
      <c r="O19979" s="5" t="s">
        <v>38</v>
      </c>
      <c r="P19979" s="5" t="s">
        <v>39</v>
      </c>
      <c r="Q19979" s="5" t="s">
        <v>40</v>
      </c>
      <c r="R19979" s="5" t="s">
        <v>897</v>
      </c>
      <c r="S19979" s="5" t="s">
        <v>40</v>
      </c>
      <c r="T19979" s="5" t="s">
        <v>42</v>
      </c>
      <c r="U19979" s="2">
        <v>75.935000000000002</v>
      </c>
      <c r="V19979" s="2">
        <v>70.465000000000003</v>
      </c>
      <c r="W19979" s="2">
        <v>0.32600000000000001</v>
      </c>
      <c r="X19979" s="2">
        <v>17</v>
      </c>
      <c r="Y19979" s="2">
        <v>124.7</v>
      </c>
      <c r="Z19979" s="2">
        <v>153.6</v>
      </c>
      <c r="AA19979" s="5">
        <v>7</v>
      </c>
      <c r="AB19979" s="5" t="s">
        <v>43</v>
      </c>
      <c r="AC19979" s="5" t="s">
        <v>735</v>
      </c>
      <c r="AD19979" s="2" t="s">
        <v>63622</v>
      </c>
      <c r="AE19979" s="1"/>
    </row>
    <row r="19980" spans="1:31" ht="14.45">
      <c r="A19980" s="11"/>
      <c r="B19980" s="20"/>
      <c r="C19980" s="2" t="s">
        <v>63623</v>
      </c>
      <c r="D19980" s="14" t="s">
        <v>63624</v>
      </c>
      <c r="E19980" s="2" t="s">
        <v>63625</v>
      </c>
      <c r="F19980" s="2" t="s">
        <v>63617</v>
      </c>
      <c r="G19980" s="8">
        <v>1540</v>
      </c>
      <c r="H19980" s="5">
        <v>10</v>
      </c>
      <c r="I19980" s="5" t="s">
        <v>69</v>
      </c>
      <c r="J19980" s="5" t="s">
        <v>61065</v>
      </c>
      <c r="K19980" s="2" t="s">
        <v>61066</v>
      </c>
      <c r="L19980" s="5" t="s">
        <v>61065</v>
      </c>
      <c r="M19980" s="2" t="s">
        <v>61066</v>
      </c>
      <c r="N19980" s="5" t="s">
        <v>733</v>
      </c>
      <c r="O19980" s="5" t="s">
        <v>38</v>
      </c>
      <c r="P19980" s="5" t="s">
        <v>39</v>
      </c>
      <c r="Q19980" s="5" t="s">
        <v>40</v>
      </c>
      <c r="R19980" s="5" t="s">
        <v>897</v>
      </c>
      <c r="S19980" s="5" t="s">
        <v>40</v>
      </c>
      <c r="T19980" s="5" t="s">
        <v>42</v>
      </c>
      <c r="U19980" s="2">
        <v>75.241</v>
      </c>
      <c r="V19980" s="2">
        <v>69.606999999999999</v>
      </c>
      <c r="W19980" s="2">
        <v>0.32600000000000001</v>
      </c>
      <c r="X19980" s="2">
        <v>17</v>
      </c>
      <c r="Y19980" s="2">
        <v>124.7</v>
      </c>
      <c r="Z19980" s="2">
        <v>153.6</v>
      </c>
      <c r="AA19980" s="5">
        <v>7</v>
      </c>
      <c r="AB19980" s="5" t="s">
        <v>43</v>
      </c>
      <c r="AC19980" s="5" t="s">
        <v>735</v>
      </c>
      <c r="AD19980" s="2" t="s">
        <v>63626</v>
      </c>
      <c r="AE19980" s="1"/>
    </row>
    <row r="19981" spans="1:31" ht="14.45">
      <c r="A19981" s="11"/>
      <c r="B19981" s="20"/>
      <c r="C19981" s="2" t="s">
        <v>63627</v>
      </c>
      <c r="D19981" s="14" t="s">
        <v>63628</v>
      </c>
      <c r="E19981" s="2" t="s">
        <v>63629</v>
      </c>
      <c r="F19981" s="2" t="s">
        <v>63630</v>
      </c>
      <c r="G19981" s="8">
        <v>965</v>
      </c>
      <c r="H19981" s="5">
        <v>5</v>
      </c>
      <c r="I19981" s="5" t="s">
        <v>69</v>
      </c>
      <c r="J19981" s="5" t="s">
        <v>61065</v>
      </c>
      <c r="K19981" s="2" t="s">
        <v>61066</v>
      </c>
      <c r="L19981" s="5" t="s">
        <v>61065</v>
      </c>
      <c r="M19981" s="2" t="s">
        <v>61066</v>
      </c>
      <c r="N19981" s="5" t="s">
        <v>733</v>
      </c>
      <c r="O19981" s="5" t="s">
        <v>38</v>
      </c>
      <c r="P19981" s="5" t="s">
        <v>39</v>
      </c>
      <c r="Q19981" s="5" t="s">
        <v>40</v>
      </c>
      <c r="R19981" s="5" t="s">
        <v>897</v>
      </c>
      <c r="S19981" s="5" t="s">
        <v>40</v>
      </c>
      <c r="T19981" s="5" t="s">
        <v>42</v>
      </c>
      <c r="U19981" s="2">
        <v>62.838000000000001</v>
      </c>
      <c r="V19981" s="2">
        <v>57.457999999999998</v>
      </c>
      <c r="W19981" s="2">
        <v>0.32600000000000001</v>
      </c>
      <c r="X19981" s="2">
        <v>17</v>
      </c>
      <c r="Y19981" s="2">
        <v>124.7</v>
      </c>
      <c r="Z19981" s="2">
        <v>153.6</v>
      </c>
      <c r="AA19981" s="5">
        <v>7</v>
      </c>
      <c r="AB19981" s="5" t="s">
        <v>43</v>
      </c>
      <c r="AC19981" s="5" t="s">
        <v>735</v>
      </c>
      <c r="AD19981" s="2" t="s">
        <v>63631</v>
      </c>
      <c r="AE19981" s="1"/>
    </row>
    <row r="19982" spans="1:31" ht="14.45">
      <c r="A19982" s="11"/>
      <c r="B19982" s="20"/>
      <c r="C19982" s="2" t="s">
        <v>63632</v>
      </c>
      <c r="D19982" s="14" t="s">
        <v>63633</v>
      </c>
      <c r="E19982" s="2" t="s">
        <v>63634</v>
      </c>
      <c r="F19982" s="2" t="s">
        <v>63630</v>
      </c>
      <c r="G19982" s="8">
        <v>1265</v>
      </c>
      <c r="H19982" s="5">
        <v>5</v>
      </c>
      <c r="I19982" s="5" t="s">
        <v>69</v>
      </c>
      <c r="J19982" s="5" t="s">
        <v>61065</v>
      </c>
      <c r="K19982" s="2" t="s">
        <v>61066</v>
      </c>
      <c r="L19982" s="5" t="s">
        <v>61065</v>
      </c>
      <c r="M19982" s="2" t="s">
        <v>61066</v>
      </c>
      <c r="N19982" s="5" t="s">
        <v>733</v>
      </c>
      <c r="O19982" s="5" t="s">
        <v>38</v>
      </c>
      <c r="P19982" s="5" t="s">
        <v>39</v>
      </c>
      <c r="Q19982" s="5" t="s">
        <v>40</v>
      </c>
      <c r="R19982" s="5" t="s">
        <v>897</v>
      </c>
      <c r="S19982" s="5" t="s">
        <v>40</v>
      </c>
      <c r="T19982" s="5" t="s">
        <v>42</v>
      </c>
      <c r="U19982" s="2">
        <v>65.884</v>
      </c>
      <c r="V19982" s="2">
        <v>60.381999999999998</v>
      </c>
      <c r="W19982" s="2">
        <v>0.32600000000000001</v>
      </c>
      <c r="X19982" s="2">
        <v>17</v>
      </c>
      <c r="Y19982" s="2">
        <v>124.7</v>
      </c>
      <c r="Z19982" s="2">
        <v>153.6</v>
      </c>
      <c r="AA19982" s="5">
        <v>7</v>
      </c>
      <c r="AB19982" s="5" t="s">
        <v>43</v>
      </c>
      <c r="AC19982" s="5" t="s">
        <v>735</v>
      </c>
      <c r="AD19982" s="2" t="s">
        <v>63635</v>
      </c>
      <c r="AE19982" s="1"/>
    </row>
    <row r="19983" spans="1:31" ht="14.45">
      <c r="A19983" s="5" t="s">
        <v>116</v>
      </c>
      <c r="B19983" s="21">
        <v>46082</v>
      </c>
      <c r="C19983" s="2" t="s">
        <v>63636</v>
      </c>
      <c r="D19983" s="14" t="s">
        <v>63637</v>
      </c>
      <c r="E19983" s="2" t="s">
        <v>63638</v>
      </c>
      <c r="F19983" s="2" t="s">
        <v>63639</v>
      </c>
      <c r="G19983" s="8">
        <v>1365</v>
      </c>
      <c r="H19983" s="5">
        <v>5</v>
      </c>
      <c r="I19983" s="5" t="s">
        <v>69</v>
      </c>
      <c r="J19983" s="5" t="s">
        <v>61065</v>
      </c>
      <c r="K19983" s="2" t="s">
        <v>61066</v>
      </c>
      <c r="L19983" s="5" t="s">
        <v>61065</v>
      </c>
      <c r="M19983" s="2" t="s">
        <v>61066</v>
      </c>
      <c r="N19983" s="5" t="s">
        <v>733</v>
      </c>
      <c r="O19983" s="5" t="s">
        <v>38</v>
      </c>
      <c r="P19983" s="5" t="s">
        <v>39</v>
      </c>
      <c r="Q19983" s="5" t="s">
        <v>40</v>
      </c>
      <c r="R19983" s="5" t="s">
        <v>897</v>
      </c>
      <c r="S19983" s="5" t="s">
        <v>40</v>
      </c>
      <c r="T19983" s="5" t="s">
        <v>42</v>
      </c>
      <c r="U19983" s="2">
        <v>65.847999999999999</v>
      </c>
      <c r="V19983" s="2">
        <v>60.48</v>
      </c>
      <c r="W19983" s="2">
        <v>0.32600000000000001</v>
      </c>
      <c r="X19983" s="2">
        <v>17</v>
      </c>
      <c r="Y19983" s="2">
        <v>124.7</v>
      </c>
      <c r="Z19983" s="2">
        <v>153.6</v>
      </c>
      <c r="AA19983" s="5">
        <v>7</v>
      </c>
      <c r="AB19983" s="5" t="s">
        <v>43</v>
      </c>
      <c r="AC19983" s="5" t="s">
        <v>735</v>
      </c>
      <c r="AD19983" s="2" t="s">
        <v>63640</v>
      </c>
      <c r="AE19983" s="1"/>
    </row>
    <row r="19984" spans="1:31" ht="14.45">
      <c r="A19984" s="11"/>
      <c r="B19984" s="20"/>
      <c r="C19984" s="2" t="s">
        <v>63641</v>
      </c>
      <c r="D19984" s="14" t="s">
        <v>63642</v>
      </c>
      <c r="E19984" s="2" t="s">
        <v>63643</v>
      </c>
      <c r="F19984" s="2" t="s">
        <v>63630</v>
      </c>
      <c r="G19984" s="8">
        <v>1265</v>
      </c>
      <c r="H19984" s="5">
        <v>5</v>
      </c>
      <c r="I19984" s="5" t="s">
        <v>69</v>
      </c>
      <c r="J19984" s="5" t="s">
        <v>61065</v>
      </c>
      <c r="K19984" s="2" t="s">
        <v>61066</v>
      </c>
      <c r="L19984" s="5" t="s">
        <v>61065</v>
      </c>
      <c r="M19984" s="2" t="s">
        <v>61066</v>
      </c>
      <c r="N19984" s="5" t="s">
        <v>733</v>
      </c>
      <c r="O19984" s="5" t="s">
        <v>38</v>
      </c>
      <c r="P19984" s="5" t="s">
        <v>39</v>
      </c>
      <c r="Q19984" s="5" t="s">
        <v>40</v>
      </c>
      <c r="R19984" s="5" t="s">
        <v>897</v>
      </c>
      <c r="S19984" s="5" t="s">
        <v>40</v>
      </c>
      <c r="T19984" s="5" t="s">
        <v>42</v>
      </c>
      <c r="U19984" s="2">
        <v>65.111999999999995</v>
      </c>
      <c r="V19984" s="2">
        <v>59.445999999999998</v>
      </c>
      <c r="W19984" s="2">
        <v>0.32600000000000001</v>
      </c>
      <c r="X19984" s="2">
        <v>17</v>
      </c>
      <c r="Y19984" s="2">
        <v>124.7</v>
      </c>
      <c r="Z19984" s="2">
        <v>153.6</v>
      </c>
      <c r="AA19984" s="5">
        <v>7</v>
      </c>
      <c r="AB19984" s="5" t="s">
        <v>43</v>
      </c>
      <c r="AC19984" s="5" t="s">
        <v>735</v>
      </c>
      <c r="AD19984" s="2" t="s">
        <v>63644</v>
      </c>
      <c r="AE19984" s="1"/>
    </row>
    <row r="19985" spans="1:31" ht="14.45">
      <c r="A19985" s="11"/>
      <c r="B19985" s="20"/>
      <c r="C19985" s="2" t="s">
        <v>63645</v>
      </c>
      <c r="D19985" s="14" t="s">
        <v>63646</v>
      </c>
      <c r="E19985" s="2" t="s">
        <v>63647</v>
      </c>
      <c r="F19985" s="2" t="s">
        <v>63630</v>
      </c>
      <c r="G19985" s="8">
        <v>1512</v>
      </c>
      <c r="H19985" s="5">
        <v>5</v>
      </c>
      <c r="I19985" s="5" t="s">
        <v>69</v>
      </c>
      <c r="J19985" s="5" t="s">
        <v>61065</v>
      </c>
      <c r="K19985" s="2" t="s">
        <v>61066</v>
      </c>
      <c r="L19985" s="5" t="s">
        <v>61065</v>
      </c>
      <c r="M19985" s="2" t="s">
        <v>61066</v>
      </c>
      <c r="N19985" s="5" t="s">
        <v>733</v>
      </c>
      <c r="O19985" s="5" t="s">
        <v>38</v>
      </c>
      <c r="P19985" s="5" t="s">
        <v>39</v>
      </c>
      <c r="Q19985" s="5" t="s">
        <v>40</v>
      </c>
      <c r="R19985" s="5" t="s">
        <v>897</v>
      </c>
      <c r="S19985" s="5" t="s">
        <v>40</v>
      </c>
      <c r="T19985" s="5" t="s">
        <v>42</v>
      </c>
      <c r="U19985" s="2">
        <v>66.965000000000003</v>
      </c>
      <c r="V19985" s="2">
        <v>61.570999999999998</v>
      </c>
      <c r="W19985" s="2">
        <v>0.32600000000000001</v>
      </c>
      <c r="X19985" s="2">
        <v>17</v>
      </c>
      <c r="Y19985" s="2">
        <v>124.7</v>
      </c>
      <c r="Z19985" s="2">
        <v>153.6</v>
      </c>
      <c r="AA19985" s="5">
        <v>7</v>
      </c>
      <c r="AB19985" s="5" t="s">
        <v>43</v>
      </c>
      <c r="AC19985" s="5" t="s">
        <v>735</v>
      </c>
      <c r="AD19985" s="2" t="s">
        <v>63648</v>
      </c>
      <c r="AE19985" s="1"/>
    </row>
    <row r="19986" spans="1:31" ht="14.45">
      <c r="A19986" s="11"/>
      <c r="B19986" s="20"/>
      <c r="C19986" s="2" t="s">
        <v>63649</v>
      </c>
      <c r="D19986" s="14" t="s">
        <v>63650</v>
      </c>
      <c r="E19986" s="2" t="s">
        <v>63651</v>
      </c>
      <c r="F19986" s="2" t="s">
        <v>63652</v>
      </c>
      <c r="G19986" s="8">
        <v>1612</v>
      </c>
      <c r="H19986" s="5">
        <v>5</v>
      </c>
      <c r="I19986" s="5" t="s">
        <v>69</v>
      </c>
      <c r="J19986" s="5" t="s">
        <v>61065</v>
      </c>
      <c r="K19986" s="2" t="s">
        <v>61066</v>
      </c>
      <c r="L19986" s="5" t="s">
        <v>61065</v>
      </c>
      <c r="M19986" s="2" t="s">
        <v>61066</v>
      </c>
      <c r="N19986" s="5" t="s">
        <v>733</v>
      </c>
      <c r="O19986" s="5" t="s">
        <v>38</v>
      </c>
      <c r="P19986" s="5" t="s">
        <v>39</v>
      </c>
      <c r="Q19986" s="5" t="s">
        <v>40</v>
      </c>
      <c r="R19986" s="5" t="s">
        <v>897</v>
      </c>
      <c r="S19986" s="5" t="s">
        <v>40</v>
      </c>
      <c r="T19986" s="5" t="s">
        <v>42</v>
      </c>
      <c r="U19986" s="2">
        <v>65.938999999999993</v>
      </c>
      <c r="V19986" s="2">
        <v>60.57</v>
      </c>
      <c r="W19986" s="2">
        <v>0.32600000000000001</v>
      </c>
      <c r="X19986" s="2">
        <v>17</v>
      </c>
      <c r="Y19986" s="2">
        <v>124.7</v>
      </c>
      <c r="Z19986" s="2">
        <v>153.6</v>
      </c>
      <c r="AA19986" s="5">
        <v>7</v>
      </c>
      <c r="AB19986" s="5" t="s">
        <v>43</v>
      </c>
      <c r="AC19986" s="5" t="s">
        <v>735</v>
      </c>
      <c r="AD19986" s="2" t="s">
        <v>63653</v>
      </c>
      <c r="AE19986" s="1"/>
    </row>
    <row r="19987" spans="1:31" ht="14.45">
      <c r="A19987" s="11"/>
      <c r="B19987" s="20"/>
      <c r="C19987" s="2" t="s">
        <v>63654</v>
      </c>
      <c r="D19987" s="14" t="s">
        <v>63655</v>
      </c>
      <c r="E19987" s="2" t="s">
        <v>63656</v>
      </c>
      <c r="F19987" s="2" t="s">
        <v>63657</v>
      </c>
      <c r="G19987" s="8">
        <v>1315</v>
      </c>
      <c r="H19987" s="5">
        <v>5</v>
      </c>
      <c r="I19987" s="5" t="s">
        <v>69</v>
      </c>
      <c r="J19987" s="5" t="s">
        <v>61065</v>
      </c>
      <c r="K19987" s="2" t="s">
        <v>61066</v>
      </c>
      <c r="L19987" s="5" t="s">
        <v>61065</v>
      </c>
      <c r="M19987" s="2" t="s">
        <v>61066</v>
      </c>
      <c r="N19987" s="5" t="s">
        <v>733</v>
      </c>
      <c r="O19987" s="5" t="s">
        <v>38</v>
      </c>
      <c r="P19987" s="5" t="s">
        <v>39</v>
      </c>
      <c r="Q19987" s="5" t="s">
        <v>40</v>
      </c>
      <c r="R19987" s="5" t="s">
        <v>897</v>
      </c>
      <c r="S19987" s="5" t="s">
        <v>40</v>
      </c>
      <c r="T19987" s="5" t="s">
        <v>42</v>
      </c>
      <c r="U19987" s="2">
        <v>72.888999999999996</v>
      </c>
      <c r="V19987" s="2">
        <v>67.537999999999997</v>
      </c>
      <c r="W19987" s="2">
        <v>0.32600000000000001</v>
      </c>
      <c r="X19987" s="2">
        <v>17</v>
      </c>
      <c r="Y19987" s="2">
        <v>124.7</v>
      </c>
      <c r="Z19987" s="2">
        <v>153.6</v>
      </c>
      <c r="AA19987" s="5">
        <v>7</v>
      </c>
      <c r="AB19987" s="5" t="s">
        <v>43</v>
      </c>
      <c r="AC19987" s="5" t="s">
        <v>735</v>
      </c>
      <c r="AD19987" s="2" t="s">
        <v>63658</v>
      </c>
      <c r="AE19987" s="1"/>
    </row>
    <row r="19988" spans="1:31" ht="14.45">
      <c r="A19988" s="11"/>
      <c r="B19988" s="20"/>
      <c r="C19988" s="2" t="s">
        <v>63659</v>
      </c>
      <c r="D19988" s="14" t="s">
        <v>63660</v>
      </c>
      <c r="E19988" s="2" t="s">
        <v>63661</v>
      </c>
      <c r="F19988" s="2" t="s">
        <v>63657</v>
      </c>
      <c r="G19988" s="8">
        <v>1615</v>
      </c>
      <c r="H19988" s="5">
        <v>5</v>
      </c>
      <c r="I19988" s="5" t="s">
        <v>69</v>
      </c>
      <c r="J19988" s="5" t="s">
        <v>61065</v>
      </c>
      <c r="K19988" s="2" t="s">
        <v>61066</v>
      </c>
      <c r="L19988" s="5" t="s">
        <v>61065</v>
      </c>
      <c r="M19988" s="2" t="s">
        <v>61066</v>
      </c>
      <c r="N19988" s="5" t="s">
        <v>733</v>
      </c>
      <c r="O19988" s="5" t="s">
        <v>38</v>
      </c>
      <c r="P19988" s="5" t="s">
        <v>39</v>
      </c>
      <c r="Q19988" s="5" t="s">
        <v>40</v>
      </c>
      <c r="R19988" s="5" t="s">
        <v>897</v>
      </c>
      <c r="S19988" s="5" t="s">
        <v>40</v>
      </c>
      <c r="T19988" s="5" t="s">
        <v>42</v>
      </c>
      <c r="U19988" s="2">
        <v>75.834000000000003</v>
      </c>
      <c r="V19988" s="2">
        <v>70.37</v>
      </c>
      <c r="W19988" s="2">
        <v>0.32600000000000001</v>
      </c>
      <c r="X19988" s="2">
        <v>17</v>
      </c>
      <c r="Y19988" s="2">
        <v>124.7</v>
      </c>
      <c r="Z19988" s="2">
        <v>153.6</v>
      </c>
      <c r="AA19988" s="5">
        <v>7</v>
      </c>
      <c r="AB19988" s="5" t="s">
        <v>43</v>
      </c>
      <c r="AC19988" s="5" t="s">
        <v>735</v>
      </c>
      <c r="AD19988" s="2" t="s">
        <v>63662</v>
      </c>
      <c r="AE19988" s="1"/>
    </row>
    <row r="19989" spans="1:31" ht="14.45">
      <c r="A19989" s="5" t="s">
        <v>116</v>
      </c>
      <c r="B19989" s="21">
        <v>46082</v>
      </c>
      <c r="C19989" s="2" t="s">
        <v>63663</v>
      </c>
      <c r="D19989" s="14" t="s">
        <v>63664</v>
      </c>
      <c r="E19989" s="2" t="s">
        <v>63665</v>
      </c>
      <c r="F19989" s="2" t="s">
        <v>63666</v>
      </c>
      <c r="G19989" s="8">
        <v>1715</v>
      </c>
      <c r="H19989" s="5">
        <v>5</v>
      </c>
      <c r="I19989" s="5" t="s">
        <v>69</v>
      </c>
      <c r="J19989" s="5" t="s">
        <v>61065</v>
      </c>
      <c r="K19989" s="2" t="s">
        <v>61066</v>
      </c>
      <c r="L19989" s="5" t="s">
        <v>61065</v>
      </c>
      <c r="M19989" s="2" t="s">
        <v>61066</v>
      </c>
      <c r="N19989" s="5" t="s">
        <v>733</v>
      </c>
      <c r="O19989" s="5" t="s">
        <v>38</v>
      </c>
      <c r="P19989" s="5" t="s">
        <v>39</v>
      </c>
      <c r="Q19989" s="5" t="s">
        <v>40</v>
      </c>
      <c r="R19989" s="5" t="s">
        <v>897</v>
      </c>
      <c r="S19989" s="5" t="s">
        <v>40</v>
      </c>
      <c r="T19989" s="5" t="s">
        <v>42</v>
      </c>
      <c r="U19989" s="2">
        <v>75.872</v>
      </c>
      <c r="V19989" s="2">
        <v>70.536000000000001</v>
      </c>
      <c r="W19989" s="2">
        <v>0.32600000000000001</v>
      </c>
      <c r="X19989" s="2">
        <v>17</v>
      </c>
      <c r="Y19989" s="2">
        <v>124.7</v>
      </c>
      <c r="Z19989" s="2">
        <v>153.6</v>
      </c>
      <c r="AA19989" s="5">
        <v>7</v>
      </c>
      <c r="AB19989" s="5" t="s">
        <v>43</v>
      </c>
      <c r="AC19989" s="5" t="s">
        <v>735</v>
      </c>
      <c r="AD19989" s="2" t="s">
        <v>63667</v>
      </c>
      <c r="AE19989" s="1"/>
    </row>
    <row r="19990" spans="1:31" ht="14.45">
      <c r="A19990" s="11"/>
      <c r="B19990" s="20"/>
      <c r="C19990" s="2" t="s">
        <v>63668</v>
      </c>
      <c r="D19990" s="14" t="s">
        <v>63669</v>
      </c>
      <c r="E19990" s="2" t="s">
        <v>63670</v>
      </c>
      <c r="F19990" s="2" t="s">
        <v>63657</v>
      </c>
      <c r="G19990" s="8">
        <v>1615</v>
      </c>
      <c r="H19990" s="5">
        <v>5</v>
      </c>
      <c r="I19990" s="5" t="s">
        <v>69</v>
      </c>
      <c r="J19990" s="5" t="s">
        <v>61065</v>
      </c>
      <c r="K19990" s="2" t="s">
        <v>61066</v>
      </c>
      <c r="L19990" s="5" t="s">
        <v>61065</v>
      </c>
      <c r="M19990" s="2" t="s">
        <v>61066</v>
      </c>
      <c r="N19990" s="5" t="s">
        <v>733</v>
      </c>
      <c r="O19990" s="5" t="s">
        <v>38</v>
      </c>
      <c r="P19990" s="5" t="s">
        <v>39</v>
      </c>
      <c r="Q19990" s="5" t="s">
        <v>40</v>
      </c>
      <c r="R19990" s="5" t="s">
        <v>897</v>
      </c>
      <c r="S19990" s="5" t="s">
        <v>40</v>
      </c>
      <c r="T19990" s="5" t="s">
        <v>42</v>
      </c>
      <c r="U19990" s="2">
        <v>75.141999999999996</v>
      </c>
      <c r="V19990" s="2">
        <v>69.507999999999996</v>
      </c>
      <c r="W19990" s="2">
        <v>0.32600000000000001</v>
      </c>
      <c r="X19990" s="2">
        <v>17</v>
      </c>
      <c r="Y19990" s="2">
        <v>124.7</v>
      </c>
      <c r="Z19990" s="2">
        <v>153.6</v>
      </c>
      <c r="AA19990" s="5">
        <v>7</v>
      </c>
      <c r="AB19990" s="5" t="s">
        <v>43</v>
      </c>
      <c r="AC19990" s="5" t="s">
        <v>735</v>
      </c>
      <c r="AD19990" s="2" t="s">
        <v>63671</v>
      </c>
      <c r="AE19990" s="1"/>
    </row>
    <row r="19991" spans="1:31" ht="14.45">
      <c r="A19991" s="5"/>
      <c r="B19991" s="21"/>
      <c r="C19991" s="2" t="s">
        <v>63672</v>
      </c>
      <c r="D19991" s="14" t="s">
        <v>63673</v>
      </c>
      <c r="E19991" s="2" t="s">
        <v>63674</v>
      </c>
      <c r="F19991" s="2" t="s">
        <v>63675</v>
      </c>
      <c r="G19991" s="8">
        <v>1862</v>
      </c>
      <c r="H19991" s="5">
        <v>5</v>
      </c>
      <c r="I19991" s="5" t="s">
        <v>69</v>
      </c>
      <c r="J19991" s="5" t="s">
        <v>61065</v>
      </c>
      <c r="K19991" s="2" t="s">
        <v>61066</v>
      </c>
      <c r="L19991" s="5" t="s">
        <v>61065</v>
      </c>
      <c r="M19991" s="2" t="s">
        <v>61066</v>
      </c>
      <c r="N19991" s="5" t="s">
        <v>733</v>
      </c>
      <c r="O19991" s="5" t="s">
        <v>38</v>
      </c>
      <c r="P19991" s="5" t="s">
        <v>39</v>
      </c>
      <c r="Q19991" s="5" t="s">
        <v>40</v>
      </c>
      <c r="R19991" s="5" t="s">
        <v>897</v>
      </c>
      <c r="S19991" s="5" t="s">
        <v>40</v>
      </c>
      <c r="T19991" s="5" t="s">
        <v>42</v>
      </c>
      <c r="U19991" s="2">
        <v>76.881</v>
      </c>
      <c r="V19991" s="2">
        <v>71.513999999999996</v>
      </c>
      <c r="W19991" s="2">
        <v>0.32600000000000001</v>
      </c>
      <c r="X19991" s="2">
        <v>17</v>
      </c>
      <c r="Y19991" s="2">
        <v>124.7</v>
      </c>
      <c r="Z19991" s="2">
        <v>153.6</v>
      </c>
      <c r="AA19991" s="5">
        <v>7</v>
      </c>
      <c r="AB19991" s="5" t="s">
        <v>43</v>
      </c>
      <c r="AC19991" s="5" t="s">
        <v>735</v>
      </c>
      <c r="AD19991" s="2"/>
      <c r="AE19991" s="1"/>
    </row>
    <row r="19992" spans="1:31" ht="14.45">
      <c r="A19992" s="11"/>
      <c r="B19992" s="20"/>
      <c r="C19992" s="2" t="s">
        <v>63676</v>
      </c>
      <c r="D19992" s="14" t="s">
        <v>63677</v>
      </c>
      <c r="E19992" s="2" t="s">
        <v>63678</v>
      </c>
      <c r="F19992" s="2" t="s">
        <v>63679</v>
      </c>
      <c r="G19992" s="8">
        <v>2226</v>
      </c>
      <c r="H19992" s="5">
        <v>10</v>
      </c>
      <c r="I19992" s="5" t="s">
        <v>69</v>
      </c>
      <c r="J19992" s="5" t="s">
        <v>61065</v>
      </c>
      <c r="K19992" s="2" t="s">
        <v>61066</v>
      </c>
      <c r="L19992" s="5" t="s">
        <v>61065</v>
      </c>
      <c r="M19992" s="2" t="s">
        <v>61066</v>
      </c>
      <c r="N19992" s="5" t="s">
        <v>733</v>
      </c>
      <c r="O19992" s="5" t="s">
        <v>38</v>
      </c>
      <c r="P19992" s="5" t="s">
        <v>39</v>
      </c>
      <c r="Q19992" s="5" t="s">
        <v>40</v>
      </c>
      <c r="R19992" s="5" t="s">
        <v>897</v>
      </c>
      <c r="S19992" s="5" t="s">
        <v>40</v>
      </c>
      <c r="T19992" s="5" t="s">
        <v>42</v>
      </c>
      <c r="U19992" s="2">
        <v>79.870999999999995</v>
      </c>
      <c r="V19992" s="2">
        <v>74.400999999999996</v>
      </c>
      <c r="W19992" s="2">
        <v>0.32600000000000001</v>
      </c>
      <c r="X19992" s="2">
        <v>17</v>
      </c>
      <c r="Y19992" s="2">
        <v>124.7</v>
      </c>
      <c r="Z19992" s="2">
        <v>153.6</v>
      </c>
      <c r="AA19992" s="5">
        <v>7</v>
      </c>
      <c r="AB19992" s="5" t="s">
        <v>43</v>
      </c>
      <c r="AC19992" s="5" t="s">
        <v>735</v>
      </c>
      <c r="AD19992" s="2" t="s">
        <v>63680</v>
      </c>
      <c r="AE19992" s="1"/>
    </row>
    <row r="19993" spans="1:31" ht="14.45">
      <c r="A19993" s="5" t="s">
        <v>116</v>
      </c>
      <c r="B19993" s="21">
        <v>46082</v>
      </c>
      <c r="C19993" s="2" t="s">
        <v>63681</v>
      </c>
      <c r="D19993" s="14" t="s">
        <v>63682</v>
      </c>
      <c r="E19993" s="2" t="s">
        <v>63683</v>
      </c>
      <c r="F19993" s="2" t="s">
        <v>63684</v>
      </c>
      <c r="G19993" s="8">
        <v>2326</v>
      </c>
      <c r="H19993" s="5">
        <v>5</v>
      </c>
      <c r="I19993" s="5" t="s">
        <v>69</v>
      </c>
      <c r="J19993" s="5" t="s">
        <v>61065</v>
      </c>
      <c r="K19993" s="2" t="s">
        <v>61066</v>
      </c>
      <c r="L19993" s="5" t="s">
        <v>61065</v>
      </c>
      <c r="M19993" s="2" t="s">
        <v>61066</v>
      </c>
      <c r="N19993" s="5" t="s">
        <v>733</v>
      </c>
      <c r="O19993" s="5" t="s">
        <v>38</v>
      </c>
      <c r="P19993" s="5" t="s">
        <v>39</v>
      </c>
      <c r="Q19993" s="5" t="s">
        <v>40</v>
      </c>
      <c r="R19993" s="5" t="s">
        <v>897</v>
      </c>
      <c r="S19993" s="5" t="s">
        <v>40</v>
      </c>
      <c r="T19993" s="5" t="s">
        <v>42</v>
      </c>
      <c r="U19993" s="2">
        <v>79.959999999999994</v>
      </c>
      <c r="V19993" s="2">
        <v>74.623999999999995</v>
      </c>
      <c r="W19993" s="2">
        <v>0.32600000000000001</v>
      </c>
      <c r="X19993" s="2">
        <v>17</v>
      </c>
      <c r="Y19993" s="2">
        <v>124.7</v>
      </c>
      <c r="Z19993" s="2">
        <v>153.6</v>
      </c>
      <c r="AA19993" s="5">
        <v>7</v>
      </c>
      <c r="AB19993" s="5" t="s">
        <v>43</v>
      </c>
      <c r="AC19993" s="5" t="s">
        <v>735</v>
      </c>
      <c r="AD19993" s="2" t="s">
        <v>63685</v>
      </c>
      <c r="AE19993" s="1"/>
    </row>
    <row r="19994" spans="1:31" ht="14.45">
      <c r="A19994" s="11"/>
      <c r="B19994" s="20"/>
      <c r="C19994" s="2" t="s">
        <v>63686</v>
      </c>
      <c r="D19994" s="14" t="s">
        <v>63687</v>
      </c>
      <c r="E19994" s="2" t="s">
        <v>63688</v>
      </c>
      <c r="F19994" s="2" t="s">
        <v>63689</v>
      </c>
      <c r="G19994" s="8">
        <v>1433</v>
      </c>
      <c r="H19994" s="5">
        <v>5</v>
      </c>
      <c r="I19994" s="5" t="s">
        <v>69</v>
      </c>
      <c r="J19994" s="5" t="s">
        <v>61065</v>
      </c>
      <c r="K19994" s="2" t="s">
        <v>61066</v>
      </c>
      <c r="L19994" s="5" t="s">
        <v>61065</v>
      </c>
      <c r="M19994" s="2" t="s">
        <v>61066</v>
      </c>
      <c r="N19994" s="5" t="s">
        <v>733</v>
      </c>
      <c r="O19994" s="5" t="s">
        <v>38</v>
      </c>
      <c r="P19994" s="5" t="s">
        <v>39</v>
      </c>
      <c r="Q19994" s="5" t="s">
        <v>40</v>
      </c>
      <c r="R19994" s="5" t="s">
        <v>897</v>
      </c>
      <c r="S19994" s="5" t="s">
        <v>40</v>
      </c>
      <c r="T19994" s="5" t="s">
        <v>42</v>
      </c>
      <c r="U19994" s="2">
        <v>69.653999999999996</v>
      </c>
      <c r="V19994" s="2">
        <v>64.242999999999995</v>
      </c>
      <c r="W19994" s="2">
        <v>0.32600000000000001</v>
      </c>
      <c r="X19994" s="2">
        <v>17</v>
      </c>
      <c r="Y19994" s="2">
        <v>124.7</v>
      </c>
      <c r="Z19994" s="2">
        <v>153.6</v>
      </c>
      <c r="AA19994" s="5">
        <v>7</v>
      </c>
      <c r="AB19994" s="5" t="s">
        <v>43</v>
      </c>
      <c r="AC19994" s="5" t="s">
        <v>735</v>
      </c>
      <c r="AD19994" s="2" t="s">
        <v>63690</v>
      </c>
      <c r="AE19994" s="1"/>
    </row>
    <row r="19995" spans="1:31" ht="14.45">
      <c r="A19995" s="11"/>
      <c r="B19995" s="20"/>
      <c r="C19995" s="2" t="s">
        <v>63691</v>
      </c>
      <c r="D19995" s="14" t="s">
        <v>63692</v>
      </c>
      <c r="E19995" s="2" t="s">
        <v>63693</v>
      </c>
      <c r="F19995" s="2" t="s">
        <v>63694</v>
      </c>
      <c r="G19995" s="8">
        <v>1733</v>
      </c>
      <c r="H19995" s="5">
        <v>5</v>
      </c>
      <c r="I19995" s="5" t="s">
        <v>69</v>
      </c>
      <c r="J19995" s="5" t="s">
        <v>61065</v>
      </c>
      <c r="K19995" s="2" t="s">
        <v>61066</v>
      </c>
      <c r="L19995" s="5" t="s">
        <v>61065</v>
      </c>
      <c r="M19995" s="2" t="s">
        <v>61066</v>
      </c>
      <c r="N19995" s="5" t="s">
        <v>733</v>
      </c>
      <c r="O19995" s="5" t="s">
        <v>38</v>
      </c>
      <c r="P19995" s="5" t="s">
        <v>39</v>
      </c>
      <c r="Q19995" s="5" t="s">
        <v>40</v>
      </c>
      <c r="R19995" s="5" t="s">
        <v>897</v>
      </c>
      <c r="S19995" s="5" t="s">
        <v>40</v>
      </c>
      <c r="T19995" s="5" t="s">
        <v>42</v>
      </c>
      <c r="U19995" s="2">
        <v>69.873000000000005</v>
      </c>
      <c r="V19995" s="2">
        <v>64.370999999999995</v>
      </c>
      <c r="W19995" s="2">
        <v>0.32600000000000001</v>
      </c>
      <c r="X19995" s="2">
        <v>17</v>
      </c>
      <c r="Y19995" s="2">
        <v>124.7</v>
      </c>
      <c r="Z19995" s="2">
        <v>153.6</v>
      </c>
      <c r="AA19995" s="5">
        <v>7</v>
      </c>
      <c r="AB19995" s="5" t="s">
        <v>43</v>
      </c>
      <c r="AC19995" s="5" t="s">
        <v>735</v>
      </c>
      <c r="AD19995" s="2" t="s">
        <v>63695</v>
      </c>
      <c r="AE19995" s="1"/>
    </row>
    <row r="19996" spans="1:31" ht="14.45">
      <c r="A19996" s="5" t="s">
        <v>116</v>
      </c>
      <c r="B19996" s="21">
        <v>46082</v>
      </c>
      <c r="C19996" s="2" t="s">
        <v>63696</v>
      </c>
      <c r="D19996" s="14" t="s">
        <v>63697</v>
      </c>
      <c r="E19996" s="2" t="s">
        <v>63698</v>
      </c>
      <c r="F19996" s="2" t="s">
        <v>63699</v>
      </c>
      <c r="G19996" s="8">
        <v>1833</v>
      </c>
      <c r="H19996" s="5">
        <v>5</v>
      </c>
      <c r="I19996" s="5" t="s">
        <v>69</v>
      </c>
      <c r="J19996" s="5" t="s">
        <v>61065</v>
      </c>
      <c r="K19996" s="2" t="s">
        <v>61066</v>
      </c>
      <c r="L19996" s="5" t="s">
        <v>61065</v>
      </c>
      <c r="M19996" s="2" t="s">
        <v>61066</v>
      </c>
      <c r="N19996" s="5" t="s">
        <v>733</v>
      </c>
      <c r="O19996" s="5" t="s">
        <v>38</v>
      </c>
      <c r="P19996" s="5" t="s">
        <v>39</v>
      </c>
      <c r="Q19996" s="5" t="s">
        <v>40</v>
      </c>
      <c r="R19996" s="5" t="s">
        <v>897</v>
      </c>
      <c r="S19996" s="5" t="s">
        <v>40</v>
      </c>
      <c r="T19996" s="5" t="s">
        <v>42</v>
      </c>
      <c r="U19996" s="2">
        <v>69.962000000000003</v>
      </c>
      <c r="V19996" s="2">
        <v>64.593999999999994</v>
      </c>
      <c r="W19996" s="2">
        <v>0.32600000000000001</v>
      </c>
      <c r="X19996" s="2">
        <v>17</v>
      </c>
      <c r="Y19996" s="2">
        <v>124.7</v>
      </c>
      <c r="Z19996" s="2">
        <v>153.6</v>
      </c>
      <c r="AA19996" s="5">
        <v>7</v>
      </c>
      <c r="AB19996" s="5" t="s">
        <v>43</v>
      </c>
      <c r="AC19996" s="5" t="s">
        <v>735</v>
      </c>
      <c r="AD19996" s="2" t="s">
        <v>63700</v>
      </c>
      <c r="AE19996" s="1"/>
    </row>
    <row r="19997" spans="1:31" ht="14.45">
      <c r="A19997" s="11"/>
      <c r="B19997" s="20"/>
      <c r="C19997" s="2" t="s">
        <v>63701</v>
      </c>
      <c r="D19997" s="14" t="s">
        <v>63702</v>
      </c>
      <c r="E19997" s="2" t="s">
        <v>63703</v>
      </c>
      <c r="F19997" s="2" t="s">
        <v>63704</v>
      </c>
      <c r="G19997" s="8">
        <v>1783</v>
      </c>
      <c r="H19997" s="5">
        <v>5</v>
      </c>
      <c r="I19997" s="5" t="s">
        <v>69</v>
      </c>
      <c r="J19997" s="5" t="s">
        <v>61065</v>
      </c>
      <c r="K19997" s="2" t="s">
        <v>61066</v>
      </c>
      <c r="L19997" s="5" t="s">
        <v>61065</v>
      </c>
      <c r="M19997" s="2" t="s">
        <v>61066</v>
      </c>
      <c r="N19997" s="5" t="s">
        <v>733</v>
      </c>
      <c r="O19997" s="5" t="s">
        <v>38</v>
      </c>
      <c r="P19997" s="5" t="s">
        <v>39</v>
      </c>
      <c r="Q19997" s="5" t="s">
        <v>40</v>
      </c>
      <c r="R19997" s="5" t="s">
        <v>897</v>
      </c>
      <c r="S19997" s="5" t="s">
        <v>40</v>
      </c>
      <c r="T19997" s="5" t="s">
        <v>42</v>
      </c>
      <c r="U19997" s="2">
        <v>79.59</v>
      </c>
      <c r="V19997" s="2">
        <v>74.210999999999999</v>
      </c>
      <c r="W19997" s="2">
        <v>0.32600000000000001</v>
      </c>
      <c r="X19997" s="2">
        <v>17</v>
      </c>
      <c r="Y19997" s="2">
        <v>124.7</v>
      </c>
      <c r="Z19997" s="2">
        <v>153.6</v>
      </c>
      <c r="AA19997" s="5">
        <v>7</v>
      </c>
      <c r="AB19997" s="5" t="s">
        <v>43</v>
      </c>
      <c r="AC19997" s="5" t="s">
        <v>735</v>
      </c>
      <c r="AD19997" s="2" t="s">
        <v>63705</v>
      </c>
      <c r="AE19997" s="1"/>
    </row>
    <row r="19998" spans="1:31" ht="14.45">
      <c r="A19998" s="11"/>
      <c r="B19998" s="20"/>
      <c r="C19998" s="2" t="s">
        <v>63706</v>
      </c>
      <c r="D19998" s="14" t="s">
        <v>63707</v>
      </c>
      <c r="E19998" s="2" t="s">
        <v>63708</v>
      </c>
      <c r="F19998" s="2" t="s">
        <v>63704</v>
      </c>
      <c r="G19998" s="8">
        <v>2083</v>
      </c>
      <c r="H19998" s="5">
        <v>10</v>
      </c>
      <c r="I19998" s="5" t="s">
        <v>69</v>
      </c>
      <c r="J19998" s="5" t="s">
        <v>61065</v>
      </c>
      <c r="K19998" s="2" t="s">
        <v>61066</v>
      </c>
      <c r="L19998" s="5" t="s">
        <v>61065</v>
      </c>
      <c r="M19998" s="2" t="s">
        <v>61066</v>
      </c>
      <c r="N19998" s="5" t="s">
        <v>733</v>
      </c>
      <c r="O19998" s="5" t="s">
        <v>38</v>
      </c>
      <c r="P19998" s="5" t="s">
        <v>39</v>
      </c>
      <c r="Q19998" s="5" t="s">
        <v>40</v>
      </c>
      <c r="R19998" s="5" t="s">
        <v>897</v>
      </c>
      <c r="S19998" s="5" t="s">
        <v>40</v>
      </c>
      <c r="T19998" s="5" t="s">
        <v>42</v>
      </c>
      <c r="U19998" s="2">
        <v>79.808999999999997</v>
      </c>
      <c r="V19998" s="2">
        <v>74.338999999999999</v>
      </c>
      <c r="W19998" s="2">
        <v>0.32600000000000001</v>
      </c>
      <c r="X19998" s="2">
        <v>17</v>
      </c>
      <c r="Y19998" s="2">
        <v>124.7</v>
      </c>
      <c r="Z19998" s="2">
        <v>153.6</v>
      </c>
      <c r="AA19998" s="5">
        <v>7</v>
      </c>
      <c r="AB19998" s="5" t="s">
        <v>43</v>
      </c>
      <c r="AC19998" s="5" t="s">
        <v>735</v>
      </c>
      <c r="AD19998" s="2" t="s">
        <v>63709</v>
      </c>
      <c r="AE19998" s="1"/>
    </row>
    <row r="19999" spans="1:31" ht="14.45">
      <c r="A19999" s="5" t="s">
        <v>116</v>
      </c>
      <c r="B19999" s="21">
        <v>46082</v>
      </c>
      <c r="C19999" s="2" t="s">
        <v>63710</v>
      </c>
      <c r="D19999" s="14" t="s">
        <v>63711</v>
      </c>
      <c r="E19999" s="2" t="s">
        <v>63712</v>
      </c>
      <c r="F19999" s="2" t="s">
        <v>63713</v>
      </c>
      <c r="G19999" s="8">
        <v>2183</v>
      </c>
      <c r="H19999" s="5">
        <v>5</v>
      </c>
      <c r="I19999" s="5" t="s">
        <v>69</v>
      </c>
      <c r="J19999" s="5" t="s">
        <v>61065</v>
      </c>
      <c r="K19999" s="2" t="s">
        <v>61066</v>
      </c>
      <c r="L19999" s="5" t="s">
        <v>61065</v>
      </c>
      <c r="M19999" s="2" t="s">
        <v>61066</v>
      </c>
      <c r="N19999" s="5" t="s">
        <v>733</v>
      </c>
      <c r="O19999" s="5" t="s">
        <v>38</v>
      </c>
      <c r="P19999" s="5" t="s">
        <v>39</v>
      </c>
      <c r="Q19999" s="5" t="s">
        <v>40</v>
      </c>
      <c r="R19999" s="5" t="s">
        <v>897</v>
      </c>
      <c r="S19999" s="5" t="s">
        <v>40</v>
      </c>
      <c r="T19999" s="5" t="s">
        <v>42</v>
      </c>
      <c r="U19999" s="2">
        <v>79.897999999999996</v>
      </c>
      <c r="V19999" s="2">
        <v>74.561999999999998</v>
      </c>
      <c r="W19999" s="2">
        <v>0.32600000000000001</v>
      </c>
      <c r="X19999" s="2">
        <v>17</v>
      </c>
      <c r="Y19999" s="2">
        <v>124.7</v>
      </c>
      <c r="Z19999" s="2">
        <v>153.6</v>
      </c>
      <c r="AA19999" s="5">
        <v>7</v>
      </c>
      <c r="AB19999" s="5" t="s">
        <v>43</v>
      </c>
      <c r="AC19999" s="5" t="s">
        <v>735</v>
      </c>
      <c r="AD19999" s="2" t="s">
        <v>63714</v>
      </c>
      <c r="AE19999" s="1"/>
    </row>
    <row r="20000" spans="1:31" ht="14.45">
      <c r="A20000" s="11"/>
      <c r="B20000" s="20"/>
      <c r="C20000" s="2" t="s">
        <v>63715</v>
      </c>
      <c r="D20000" s="14" t="s">
        <v>63716</v>
      </c>
      <c r="E20000" s="2" t="s">
        <v>63717</v>
      </c>
      <c r="F20000" s="2" t="s">
        <v>63718</v>
      </c>
      <c r="G20000" s="8">
        <v>2154</v>
      </c>
      <c r="H20000" s="5">
        <v>10</v>
      </c>
      <c r="I20000" s="5" t="s">
        <v>69</v>
      </c>
      <c r="J20000" s="5" t="s">
        <v>61065</v>
      </c>
      <c r="K20000" s="2" t="s">
        <v>61066</v>
      </c>
      <c r="L20000" s="5" t="s">
        <v>61065</v>
      </c>
      <c r="M20000" s="2" t="s">
        <v>61066</v>
      </c>
      <c r="N20000" s="5" t="s">
        <v>733</v>
      </c>
      <c r="O20000" s="5" t="s">
        <v>38</v>
      </c>
      <c r="P20000" s="5" t="s">
        <v>39</v>
      </c>
      <c r="Q20000" s="5" t="s">
        <v>40</v>
      </c>
      <c r="R20000" s="5" t="s">
        <v>897</v>
      </c>
      <c r="S20000" s="5" t="s">
        <v>40</v>
      </c>
      <c r="T20000" s="5" t="s">
        <v>42</v>
      </c>
      <c r="U20000" s="2">
        <v>90.793000000000006</v>
      </c>
      <c r="V20000" s="2">
        <v>85.412999999999997</v>
      </c>
      <c r="W20000" s="2">
        <v>0.32600000000000001</v>
      </c>
      <c r="X20000" s="2">
        <v>17</v>
      </c>
      <c r="Y20000" s="2">
        <v>124.7</v>
      </c>
      <c r="Z20000" s="2">
        <v>153.6</v>
      </c>
      <c r="AA20000" s="5">
        <v>7</v>
      </c>
      <c r="AB20000" s="5" t="s">
        <v>43</v>
      </c>
      <c r="AC20000" s="5" t="s">
        <v>735</v>
      </c>
      <c r="AD20000" s="2" t="s">
        <v>63719</v>
      </c>
      <c r="AE20000" s="1"/>
    </row>
    <row r="20001" spans="1:31" ht="14.45">
      <c r="A20001" s="11"/>
      <c r="B20001" s="20"/>
      <c r="C20001" s="2" t="s">
        <v>63720</v>
      </c>
      <c r="D20001" s="14" t="s">
        <v>63721</v>
      </c>
      <c r="E20001" s="2" t="s">
        <v>63722</v>
      </c>
      <c r="F20001" s="2" t="s">
        <v>63723</v>
      </c>
      <c r="G20001" s="8">
        <v>1926</v>
      </c>
      <c r="H20001" s="5">
        <v>10</v>
      </c>
      <c r="I20001" s="5" t="s">
        <v>69</v>
      </c>
      <c r="J20001" s="5" t="s">
        <v>61065</v>
      </c>
      <c r="K20001" s="2" t="s">
        <v>61066</v>
      </c>
      <c r="L20001" s="5" t="s">
        <v>61065</v>
      </c>
      <c r="M20001" s="2" t="s">
        <v>61066</v>
      </c>
      <c r="N20001" s="5" t="s">
        <v>733</v>
      </c>
      <c r="O20001" s="5" t="s">
        <v>38</v>
      </c>
      <c r="P20001" s="5" t="s">
        <v>39</v>
      </c>
      <c r="Q20001" s="5" t="s">
        <v>40</v>
      </c>
      <c r="R20001" s="5" t="s">
        <v>897</v>
      </c>
      <c r="S20001" s="5" t="s">
        <v>40</v>
      </c>
      <c r="T20001" s="5" t="s">
        <v>42</v>
      </c>
      <c r="U20001" s="2">
        <v>78.542000000000002</v>
      </c>
      <c r="V20001" s="2">
        <v>73.162999999999997</v>
      </c>
      <c r="W20001" s="2">
        <v>0.32600000000000001</v>
      </c>
      <c r="X20001" s="2">
        <v>17</v>
      </c>
      <c r="Y20001" s="2">
        <v>124.7</v>
      </c>
      <c r="Z20001" s="2">
        <v>153.6</v>
      </c>
      <c r="AA20001" s="5">
        <v>7</v>
      </c>
      <c r="AB20001" s="5" t="s">
        <v>43</v>
      </c>
      <c r="AC20001" s="5" t="s">
        <v>735</v>
      </c>
      <c r="AD20001" s="2" t="s">
        <v>63724</v>
      </c>
      <c r="AE20001" s="1"/>
    </row>
    <row r="20002" spans="1:31" ht="14.45">
      <c r="A20002" s="11"/>
      <c r="B20002" s="20"/>
      <c r="C20002" s="2" t="s">
        <v>63725</v>
      </c>
      <c r="D20002" s="14" t="s">
        <v>63726</v>
      </c>
      <c r="E20002" s="2" t="s">
        <v>63727</v>
      </c>
      <c r="F20002" s="2" t="s">
        <v>63728</v>
      </c>
      <c r="G20002" s="8">
        <v>2226</v>
      </c>
      <c r="H20002" s="5">
        <v>10</v>
      </c>
      <c r="I20002" s="5" t="s">
        <v>69</v>
      </c>
      <c r="J20002" s="5" t="s">
        <v>61065</v>
      </c>
      <c r="K20002" s="2" t="s">
        <v>61066</v>
      </c>
      <c r="L20002" s="5" t="s">
        <v>61065</v>
      </c>
      <c r="M20002" s="2" t="s">
        <v>61066</v>
      </c>
      <c r="N20002" s="5" t="s">
        <v>733</v>
      </c>
      <c r="O20002" s="5" t="s">
        <v>38</v>
      </c>
      <c r="P20002" s="5" t="s">
        <v>39</v>
      </c>
      <c r="Q20002" s="5" t="s">
        <v>40</v>
      </c>
      <c r="R20002" s="5" t="s">
        <v>897</v>
      </c>
      <c r="S20002" s="5" t="s">
        <v>40</v>
      </c>
      <c r="T20002" s="5" t="s">
        <v>42</v>
      </c>
      <c r="U20002" s="2">
        <v>78.760999999999996</v>
      </c>
      <c r="V20002" s="2">
        <v>73.290999999999997</v>
      </c>
      <c r="W20002" s="2">
        <v>0.32600000000000001</v>
      </c>
      <c r="X20002" s="2">
        <v>17</v>
      </c>
      <c r="Y20002" s="2">
        <v>124.7</v>
      </c>
      <c r="Z20002" s="2">
        <v>153.6</v>
      </c>
      <c r="AA20002" s="5">
        <v>7</v>
      </c>
      <c r="AB20002" s="5" t="s">
        <v>43</v>
      </c>
      <c r="AC20002" s="5" t="s">
        <v>735</v>
      </c>
      <c r="AD20002" s="2" t="s">
        <v>63729</v>
      </c>
      <c r="AE20002" s="1"/>
    </row>
    <row r="20003" spans="1:31" ht="14.45">
      <c r="A20003" s="11"/>
      <c r="B20003" s="20"/>
      <c r="C20003" s="2" t="s">
        <v>63730</v>
      </c>
      <c r="D20003" s="14" t="s">
        <v>63731</v>
      </c>
      <c r="E20003" s="2" t="s">
        <v>63732</v>
      </c>
      <c r="F20003" s="2" t="s">
        <v>63733</v>
      </c>
      <c r="G20003" s="8">
        <v>1433</v>
      </c>
      <c r="H20003" s="5">
        <v>10</v>
      </c>
      <c r="I20003" s="5" t="s">
        <v>69</v>
      </c>
      <c r="J20003" s="5" t="s">
        <v>61065</v>
      </c>
      <c r="K20003" s="2" t="s">
        <v>61066</v>
      </c>
      <c r="L20003" s="5" t="s">
        <v>61065</v>
      </c>
      <c r="M20003" s="2" t="s">
        <v>61066</v>
      </c>
      <c r="N20003" s="5" t="s">
        <v>733</v>
      </c>
      <c r="O20003" s="5" t="s">
        <v>38</v>
      </c>
      <c r="P20003" s="5" t="s">
        <v>39</v>
      </c>
      <c r="Q20003" s="5" t="s">
        <v>40</v>
      </c>
      <c r="R20003" s="5" t="s">
        <v>897</v>
      </c>
      <c r="S20003" s="5" t="s">
        <v>40</v>
      </c>
      <c r="T20003" s="5" t="s">
        <v>42</v>
      </c>
      <c r="U20003" s="2">
        <v>68.543999999999997</v>
      </c>
      <c r="V20003" s="2">
        <v>63.133000000000003</v>
      </c>
      <c r="W20003" s="2">
        <v>0.32600000000000001</v>
      </c>
      <c r="X20003" s="2">
        <v>17</v>
      </c>
      <c r="Y20003" s="2">
        <v>124.7</v>
      </c>
      <c r="Z20003" s="2">
        <v>153.6</v>
      </c>
      <c r="AA20003" s="5">
        <v>7</v>
      </c>
      <c r="AB20003" s="5" t="s">
        <v>43</v>
      </c>
      <c r="AC20003" s="5" t="s">
        <v>735</v>
      </c>
      <c r="AD20003" s="2" t="s">
        <v>63734</v>
      </c>
      <c r="AE20003" s="1"/>
    </row>
    <row r="20004" spans="1:31" ht="14.45">
      <c r="A20004" s="11"/>
      <c r="B20004" s="20"/>
      <c r="C20004" s="2" t="s">
        <v>63735</v>
      </c>
      <c r="D20004" s="14" t="s">
        <v>63736</v>
      </c>
      <c r="E20004" s="2" t="s">
        <v>63737</v>
      </c>
      <c r="F20004" s="2" t="s">
        <v>63738</v>
      </c>
      <c r="G20004" s="8">
        <v>1783</v>
      </c>
      <c r="H20004" s="5">
        <v>10</v>
      </c>
      <c r="I20004" s="5" t="s">
        <v>69</v>
      </c>
      <c r="J20004" s="5" t="s">
        <v>61065</v>
      </c>
      <c r="K20004" s="2" t="s">
        <v>61066</v>
      </c>
      <c r="L20004" s="5" t="s">
        <v>61065</v>
      </c>
      <c r="M20004" s="2" t="s">
        <v>61066</v>
      </c>
      <c r="N20004" s="5" t="s">
        <v>733</v>
      </c>
      <c r="O20004" s="5" t="s">
        <v>38</v>
      </c>
      <c r="P20004" s="5" t="s">
        <v>39</v>
      </c>
      <c r="Q20004" s="5" t="s">
        <v>40</v>
      </c>
      <c r="R20004" s="5" t="s">
        <v>897</v>
      </c>
      <c r="S20004" s="5" t="s">
        <v>40</v>
      </c>
      <c r="T20004" s="5" t="s">
        <v>42</v>
      </c>
      <c r="U20004" s="2">
        <v>78.48</v>
      </c>
      <c r="V20004" s="2">
        <v>73.100999999999999</v>
      </c>
      <c r="W20004" s="2">
        <v>0.32600000000000001</v>
      </c>
      <c r="X20004" s="2">
        <v>17</v>
      </c>
      <c r="Y20004" s="2">
        <v>124.7</v>
      </c>
      <c r="Z20004" s="2">
        <v>153.6</v>
      </c>
      <c r="AA20004" s="5">
        <v>7</v>
      </c>
      <c r="AB20004" s="5" t="s">
        <v>43</v>
      </c>
      <c r="AC20004" s="5" t="s">
        <v>735</v>
      </c>
      <c r="AD20004" s="2" t="s">
        <v>63739</v>
      </c>
      <c r="AE20004" s="1"/>
    </row>
    <row r="20005" spans="1:31" ht="14.45">
      <c r="A20005" s="11"/>
      <c r="B20005" s="20"/>
      <c r="C20005" s="2" t="s">
        <v>63740</v>
      </c>
      <c r="D20005" s="14" t="s">
        <v>63741</v>
      </c>
      <c r="E20005" s="2" t="s">
        <v>63742</v>
      </c>
      <c r="F20005" s="2" t="s">
        <v>63743</v>
      </c>
      <c r="G20005" s="8">
        <v>1975</v>
      </c>
      <c r="H20005" s="5">
        <v>10</v>
      </c>
      <c r="I20005" s="5" t="s">
        <v>69</v>
      </c>
      <c r="J20005" s="5" t="s">
        <v>61065</v>
      </c>
      <c r="K20005" s="2" t="s">
        <v>61066</v>
      </c>
      <c r="L20005" s="5" t="s">
        <v>61065</v>
      </c>
      <c r="M20005" s="2" t="s">
        <v>61066</v>
      </c>
      <c r="N20005" s="5" t="s">
        <v>733</v>
      </c>
      <c r="O20005" s="5" t="s">
        <v>38</v>
      </c>
      <c r="P20005" s="5" t="s">
        <v>39</v>
      </c>
      <c r="Q20005" s="5" t="s">
        <v>40</v>
      </c>
      <c r="R20005" s="5" t="s">
        <v>1487</v>
      </c>
      <c r="S20005" s="5"/>
      <c r="T20005" s="5" t="s">
        <v>42</v>
      </c>
      <c r="U20005" s="2">
        <v>0</v>
      </c>
      <c r="V20005" s="2">
        <v>0</v>
      </c>
      <c r="W20005" s="2">
        <v>0</v>
      </c>
      <c r="X20005" s="2">
        <v>0</v>
      </c>
      <c r="Y20005" s="2">
        <v>0</v>
      </c>
      <c r="Z20005" s="2">
        <v>0</v>
      </c>
      <c r="AA20005" s="5"/>
      <c r="AB20005" s="5" t="s">
        <v>43</v>
      </c>
      <c r="AC20005" s="5" t="s">
        <v>735</v>
      </c>
      <c r="AD20005" s="2" t="s">
        <v>63744</v>
      </c>
      <c r="AE20005" s="1"/>
    </row>
    <row r="20006" spans="1:31" ht="14.45">
      <c r="A20006" s="11"/>
      <c r="B20006" s="20"/>
      <c r="C20006" s="2" t="s">
        <v>63745</v>
      </c>
      <c r="D20006" s="14" t="s">
        <v>63746</v>
      </c>
      <c r="E20006" s="2" t="s">
        <v>63747</v>
      </c>
      <c r="F20006" s="2" t="s">
        <v>63603</v>
      </c>
      <c r="G20006" s="8">
        <v>2494</v>
      </c>
      <c r="H20006" s="5">
        <v>5</v>
      </c>
      <c r="I20006" s="5" t="s">
        <v>69</v>
      </c>
      <c r="J20006" s="5" t="s">
        <v>61065</v>
      </c>
      <c r="K20006" s="2" t="s">
        <v>61066</v>
      </c>
      <c r="L20006" s="5" t="s">
        <v>61065</v>
      </c>
      <c r="M20006" s="2" t="s">
        <v>61066</v>
      </c>
      <c r="N20006" s="5" t="s">
        <v>733</v>
      </c>
      <c r="O20006" s="5" t="s">
        <v>38</v>
      </c>
      <c r="P20006" s="5" t="s">
        <v>39</v>
      </c>
      <c r="Q20006" s="5" t="s">
        <v>40</v>
      </c>
      <c r="R20006" s="5" t="s">
        <v>1487</v>
      </c>
      <c r="S20006" s="5"/>
      <c r="T20006" s="5" t="s">
        <v>42</v>
      </c>
      <c r="U20006" s="2">
        <v>0</v>
      </c>
      <c r="V20006" s="2">
        <v>0</v>
      </c>
      <c r="W20006" s="2">
        <v>0</v>
      </c>
      <c r="X20006" s="2">
        <v>0</v>
      </c>
      <c r="Y20006" s="2">
        <v>0</v>
      </c>
      <c r="Z20006" s="2">
        <v>0</v>
      </c>
      <c r="AA20006" s="5"/>
      <c r="AB20006" s="5" t="s">
        <v>43</v>
      </c>
      <c r="AC20006" s="5" t="s">
        <v>735</v>
      </c>
      <c r="AD20006" s="2" t="s">
        <v>63748</v>
      </c>
      <c r="AE20006" s="1"/>
    </row>
    <row r="20007" spans="1:31" ht="14.45">
      <c r="A20007" s="11"/>
      <c r="B20007" s="20"/>
      <c r="C20007" s="2" t="s">
        <v>63749</v>
      </c>
      <c r="D20007" s="14" t="s">
        <v>63750</v>
      </c>
      <c r="E20007" s="2" t="s">
        <v>63751</v>
      </c>
      <c r="F20007" s="2" t="s">
        <v>63630</v>
      </c>
      <c r="G20007" s="8">
        <v>2001</v>
      </c>
      <c r="H20007" s="5">
        <v>5</v>
      </c>
      <c r="I20007" s="5" t="s">
        <v>69</v>
      </c>
      <c r="J20007" s="5" t="s">
        <v>61065</v>
      </c>
      <c r="K20007" s="2" t="s">
        <v>61066</v>
      </c>
      <c r="L20007" s="5" t="s">
        <v>61065</v>
      </c>
      <c r="M20007" s="2" t="s">
        <v>61066</v>
      </c>
      <c r="N20007" s="5" t="s">
        <v>733</v>
      </c>
      <c r="O20007" s="5" t="s">
        <v>38</v>
      </c>
      <c r="P20007" s="5" t="s">
        <v>39</v>
      </c>
      <c r="Q20007" s="5" t="s">
        <v>40</v>
      </c>
      <c r="R20007" s="5" t="s">
        <v>1487</v>
      </c>
      <c r="S20007" s="5"/>
      <c r="T20007" s="5" t="s">
        <v>42</v>
      </c>
      <c r="U20007" s="2">
        <v>0</v>
      </c>
      <c r="V20007" s="2">
        <v>0</v>
      </c>
      <c r="W20007" s="2">
        <v>0</v>
      </c>
      <c r="X20007" s="2">
        <v>0</v>
      </c>
      <c r="Y20007" s="2">
        <v>0</v>
      </c>
      <c r="Z20007" s="2">
        <v>0</v>
      </c>
      <c r="AA20007" s="5"/>
      <c r="AB20007" s="5" t="s">
        <v>43</v>
      </c>
      <c r="AC20007" s="5" t="s">
        <v>735</v>
      </c>
      <c r="AD20007" s="2" t="s">
        <v>63752</v>
      </c>
      <c r="AE20007" s="1"/>
    </row>
    <row r="20008" spans="1:31" ht="14.45">
      <c r="A20008" s="11"/>
      <c r="B20008" s="20"/>
      <c r="C20008" s="2" t="s">
        <v>63753</v>
      </c>
      <c r="D20008" s="14" t="s">
        <v>63754</v>
      </c>
      <c r="E20008" s="2" t="s">
        <v>63755</v>
      </c>
      <c r="F20008" s="2" t="s">
        <v>63756</v>
      </c>
      <c r="G20008" s="8">
        <v>1615</v>
      </c>
      <c r="H20008" s="5">
        <v>5</v>
      </c>
      <c r="I20008" s="5" t="s">
        <v>69</v>
      </c>
      <c r="J20008" s="5" t="s">
        <v>61065</v>
      </c>
      <c r="K20008" s="2" t="s">
        <v>61066</v>
      </c>
      <c r="L20008" s="5" t="s">
        <v>61065</v>
      </c>
      <c r="M20008" s="2" t="s">
        <v>61066</v>
      </c>
      <c r="N20008" s="5" t="s">
        <v>733</v>
      </c>
      <c r="O20008" s="5" t="s">
        <v>38</v>
      </c>
      <c r="P20008" s="5" t="s">
        <v>39</v>
      </c>
      <c r="Q20008" s="5" t="s">
        <v>40</v>
      </c>
      <c r="R20008" s="5" t="s">
        <v>897</v>
      </c>
      <c r="S20008" s="5" t="s">
        <v>40</v>
      </c>
      <c r="T20008" s="5" t="s">
        <v>42</v>
      </c>
      <c r="U20008" s="2">
        <v>87.143000000000001</v>
      </c>
      <c r="V20008" s="2">
        <v>81.239999999999995</v>
      </c>
      <c r="W20008" s="2">
        <v>0.36799999999999999</v>
      </c>
      <c r="X20008" s="2">
        <v>17</v>
      </c>
      <c r="Y20008" s="2">
        <v>124.7</v>
      </c>
      <c r="Z20008" s="2">
        <v>173.8</v>
      </c>
      <c r="AA20008" s="5">
        <v>7</v>
      </c>
      <c r="AB20008" s="5" t="s">
        <v>43</v>
      </c>
      <c r="AC20008" s="5" t="s">
        <v>735</v>
      </c>
      <c r="AD20008" s="2" t="s">
        <v>63757</v>
      </c>
      <c r="AE20008" s="1"/>
    </row>
    <row r="20009" spans="1:31" ht="14.45">
      <c r="A20009" s="11"/>
      <c r="B20009" s="20"/>
      <c r="C20009" s="2" t="s">
        <v>63758</v>
      </c>
      <c r="D20009" s="14" t="s">
        <v>63759</v>
      </c>
      <c r="E20009" s="2" t="s">
        <v>63760</v>
      </c>
      <c r="F20009" s="2" t="s">
        <v>63756</v>
      </c>
      <c r="G20009" s="8">
        <v>1915</v>
      </c>
      <c r="H20009" s="5">
        <v>5</v>
      </c>
      <c r="I20009" s="5" t="s">
        <v>69</v>
      </c>
      <c r="J20009" s="5" t="s">
        <v>61065</v>
      </c>
      <c r="K20009" s="2" t="s">
        <v>61066</v>
      </c>
      <c r="L20009" s="5" t="s">
        <v>61065</v>
      </c>
      <c r="M20009" s="2" t="s">
        <v>61066</v>
      </c>
      <c r="N20009" s="5" t="s">
        <v>733</v>
      </c>
      <c r="O20009" s="5" t="s">
        <v>38</v>
      </c>
      <c r="P20009" s="5" t="s">
        <v>39</v>
      </c>
      <c r="Q20009" s="5" t="s">
        <v>40</v>
      </c>
      <c r="R20009" s="5" t="s">
        <v>897</v>
      </c>
      <c r="S20009" s="5" t="s">
        <v>40</v>
      </c>
      <c r="T20009" s="5" t="s">
        <v>42</v>
      </c>
      <c r="U20009" s="2">
        <v>85.677999999999997</v>
      </c>
      <c r="V20009" s="2">
        <v>79.668999999999997</v>
      </c>
      <c r="W20009" s="2">
        <v>0.36799999999999999</v>
      </c>
      <c r="X20009" s="2">
        <v>17</v>
      </c>
      <c r="Y20009" s="2">
        <v>124.7</v>
      </c>
      <c r="Z20009" s="2">
        <v>173.8</v>
      </c>
      <c r="AA20009" s="5">
        <v>7</v>
      </c>
      <c r="AB20009" s="5" t="s">
        <v>43</v>
      </c>
      <c r="AC20009" s="5" t="s">
        <v>735</v>
      </c>
      <c r="AD20009" s="2" t="s">
        <v>63761</v>
      </c>
      <c r="AE20009" s="1"/>
    </row>
    <row r="20010" spans="1:31" ht="14.45">
      <c r="A20010" s="11"/>
      <c r="B20010" s="20"/>
      <c r="C20010" s="2" t="s">
        <v>63762</v>
      </c>
      <c r="D20010" s="14" t="s">
        <v>63763</v>
      </c>
      <c r="E20010" s="2" t="s">
        <v>63764</v>
      </c>
      <c r="F20010" s="2" t="s">
        <v>63756</v>
      </c>
      <c r="G20010" s="8">
        <v>1915</v>
      </c>
      <c r="H20010" s="5">
        <v>5</v>
      </c>
      <c r="I20010" s="5" t="s">
        <v>69</v>
      </c>
      <c r="J20010" s="5" t="s">
        <v>61065</v>
      </c>
      <c r="K20010" s="2" t="s">
        <v>61066</v>
      </c>
      <c r="L20010" s="5" t="s">
        <v>61065</v>
      </c>
      <c r="M20010" s="2" t="s">
        <v>61066</v>
      </c>
      <c r="N20010" s="5" t="s">
        <v>733</v>
      </c>
      <c r="O20010" s="5" t="s">
        <v>38</v>
      </c>
      <c r="P20010" s="5" t="s">
        <v>39</v>
      </c>
      <c r="Q20010" s="5" t="s">
        <v>40</v>
      </c>
      <c r="R20010" s="5" t="s">
        <v>897</v>
      </c>
      <c r="S20010" s="5" t="s">
        <v>40</v>
      </c>
      <c r="T20010" s="5" t="s">
        <v>42</v>
      </c>
      <c r="U20010" s="2">
        <v>86.662999999999997</v>
      </c>
      <c r="V20010" s="2">
        <v>80.489999999999995</v>
      </c>
      <c r="W20010" s="2">
        <v>0.36799999999999999</v>
      </c>
      <c r="X20010" s="2">
        <v>17</v>
      </c>
      <c r="Y20010" s="2">
        <v>124.7</v>
      </c>
      <c r="Z20010" s="2">
        <v>173.8</v>
      </c>
      <c r="AA20010" s="5">
        <v>7</v>
      </c>
      <c r="AB20010" s="5" t="s">
        <v>43</v>
      </c>
      <c r="AC20010" s="5" t="s">
        <v>735</v>
      </c>
      <c r="AD20010" s="2" t="s">
        <v>63765</v>
      </c>
      <c r="AE20010" s="1"/>
    </row>
    <row r="20011" spans="1:31" ht="14.45">
      <c r="A20011" s="11"/>
      <c r="B20011" s="20"/>
      <c r="C20011" s="2" t="s">
        <v>63766</v>
      </c>
      <c r="D20011" s="14" t="s">
        <v>63767</v>
      </c>
      <c r="E20011" s="2" t="s">
        <v>63768</v>
      </c>
      <c r="F20011" s="2" t="s">
        <v>63769</v>
      </c>
      <c r="G20011" s="8">
        <v>1876</v>
      </c>
      <c r="H20011" s="5">
        <v>10</v>
      </c>
      <c r="I20011" s="5" t="s">
        <v>69</v>
      </c>
      <c r="J20011" s="5" t="s">
        <v>61065</v>
      </c>
      <c r="K20011" s="2" t="s">
        <v>61066</v>
      </c>
      <c r="L20011" s="5" t="s">
        <v>61065</v>
      </c>
      <c r="M20011" s="2" t="s">
        <v>61066</v>
      </c>
      <c r="N20011" s="5" t="s">
        <v>733</v>
      </c>
      <c r="O20011" s="5" t="s">
        <v>38</v>
      </c>
      <c r="P20011" s="5" t="s">
        <v>39</v>
      </c>
      <c r="Q20011" s="5" t="s">
        <v>40</v>
      </c>
      <c r="R20011" s="5" t="s">
        <v>897</v>
      </c>
      <c r="S20011" s="5" t="s">
        <v>40</v>
      </c>
      <c r="T20011" s="5" t="s">
        <v>42</v>
      </c>
      <c r="U20011" s="2">
        <v>86.831000000000003</v>
      </c>
      <c r="V20011" s="2">
        <v>80.921000000000006</v>
      </c>
      <c r="W20011" s="2">
        <v>0.36799999999999999</v>
      </c>
      <c r="X20011" s="2">
        <v>17</v>
      </c>
      <c r="Y20011" s="2">
        <v>124.7</v>
      </c>
      <c r="Z20011" s="2">
        <v>173.8</v>
      </c>
      <c r="AA20011" s="5">
        <v>7</v>
      </c>
      <c r="AB20011" s="5" t="s">
        <v>43</v>
      </c>
      <c r="AC20011" s="5" t="s">
        <v>735</v>
      </c>
      <c r="AD20011" s="2" t="s">
        <v>63770</v>
      </c>
      <c r="AE20011" s="1"/>
    </row>
    <row r="20012" spans="1:31" ht="14.45">
      <c r="A20012" s="11"/>
      <c r="B20012" s="20"/>
      <c r="C20012" s="2" t="s">
        <v>63771</v>
      </c>
      <c r="D20012" s="14" t="s">
        <v>63772</v>
      </c>
      <c r="E20012" s="2" t="s">
        <v>63773</v>
      </c>
      <c r="F20012" s="2" t="s">
        <v>63769</v>
      </c>
      <c r="G20012" s="8">
        <v>2176</v>
      </c>
      <c r="H20012" s="5">
        <v>10</v>
      </c>
      <c r="I20012" s="5" t="s">
        <v>69</v>
      </c>
      <c r="J20012" s="5" t="s">
        <v>61065</v>
      </c>
      <c r="K20012" s="2" t="s">
        <v>61066</v>
      </c>
      <c r="L20012" s="5" t="s">
        <v>61065</v>
      </c>
      <c r="M20012" s="2" t="s">
        <v>61066</v>
      </c>
      <c r="N20012" s="5" t="s">
        <v>733</v>
      </c>
      <c r="O20012" s="5" t="s">
        <v>38</v>
      </c>
      <c r="P20012" s="5" t="s">
        <v>39</v>
      </c>
      <c r="Q20012" s="5" t="s">
        <v>40</v>
      </c>
      <c r="R20012" s="5" t="s">
        <v>897</v>
      </c>
      <c r="S20012" s="5" t="s">
        <v>40</v>
      </c>
      <c r="T20012" s="5" t="s">
        <v>42</v>
      </c>
      <c r="U20012" s="2">
        <v>85.358999999999995</v>
      </c>
      <c r="V20012" s="2">
        <v>79.349999999999994</v>
      </c>
      <c r="W20012" s="2">
        <v>0.36799999999999999</v>
      </c>
      <c r="X20012" s="2">
        <v>17</v>
      </c>
      <c r="Y20012" s="2">
        <v>124.7</v>
      </c>
      <c r="Z20012" s="2">
        <v>173.8</v>
      </c>
      <c r="AA20012" s="5">
        <v>7</v>
      </c>
      <c r="AB20012" s="5" t="s">
        <v>43</v>
      </c>
      <c r="AC20012" s="5" t="s">
        <v>735</v>
      </c>
      <c r="AD20012" s="2" t="s">
        <v>63774</v>
      </c>
      <c r="AE20012" s="1"/>
    </row>
    <row r="20013" spans="1:31" ht="14.45">
      <c r="A20013" s="11"/>
      <c r="B20013" s="20"/>
      <c r="C20013" s="2" t="s">
        <v>63775</v>
      </c>
      <c r="D20013" s="14" t="s">
        <v>63776</v>
      </c>
      <c r="E20013" s="2" t="s">
        <v>63777</v>
      </c>
      <c r="F20013" s="2" t="s">
        <v>63769</v>
      </c>
      <c r="G20013" s="8">
        <v>2176</v>
      </c>
      <c r="H20013" s="5">
        <v>10</v>
      </c>
      <c r="I20013" s="5" t="s">
        <v>69</v>
      </c>
      <c r="J20013" s="5" t="s">
        <v>61065</v>
      </c>
      <c r="K20013" s="2" t="s">
        <v>61066</v>
      </c>
      <c r="L20013" s="5" t="s">
        <v>61065</v>
      </c>
      <c r="M20013" s="2" t="s">
        <v>61066</v>
      </c>
      <c r="N20013" s="5" t="s">
        <v>733</v>
      </c>
      <c r="O20013" s="5" t="s">
        <v>38</v>
      </c>
      <c r="P20013" s="5" t="s">
        <v>39</v>
      </c>
      <c r="Q20013" s="5" t="s">
        <v>40</v>
      </c>
      <c r="R20013" s="5" t="s">
        <v>897</v>
      </c>
      <c r="S20013" s="5" t="s">
        <v>40</v>
      </c>
      <c r="T20013" s="5" t="s">
        <v>42</v>
      </c>
      <c r="U20013" s="2">
        <v>86.393000000000001</v>
      </c>
      <c r="V20013" s="2">
        <v>80.22</v>
      </c>
      <c r="W20013" s="2">
        <v>0.36799999999999999</v>
      </c>
      <c r="X20013" s="2">
        <v>17</v>
      </c>
      <c r="Y20013" s="2">
        <v>124.7</v>
      </c>
      <c r="Z20013" s="2">
        <v>173.8</v>
      </c>
      <c r="AA20013" s="5">
        <v>7</v>
      </c>
      <c r="AB20013" s="5" t="s">
        <v>43</v>
      </c>
      <c r="AC20013" s="5" t="s">
        <v>735</v>
      </c>
      <c r="AD20013" s="2" t="s">
        <v>63778</v>
      </c>
      <c r="AE20013" s="1"/>
    </row>
    <row r="20014" spans="1:31" ht="14.45">
      <c r="A20014" s="11"/>
      <c r="B20014" s="20"/>
      <c r="C20014" s="2" t="s">
        <v>63779</v>
      </c>
      <c r="D20014" s="14" t="s">
        <v>63780</v>
      </c>
      <c r="E20014" s="2" t="s">
        <v>63781</v>
      </c>
      <c r="F20014" s="2" t="s">
        <v>63782</v>
      </c>
      <c r="G20014" s="8">
        <v>1366</v>
      </c>
      <c r="H20014" s="5">
        <v>5</v>
      </c>
      <c r="I20014" s="5" t="s">
        <v>69</v>
      </c>
      <c r="J20014" s="5" t="s">
        <v>61065</v>
      </c>
      <c r="K20014" s="2" t="s">
        <v>61066</v>
      </c>
      <c r="L20014" s="5" t="s">
        <v>61065</v>
      </c>
      <c r="M20014" s="2" t="s">
        <v>61066</v>
      </c>
      <c r="N20014" s="5" t="s">
        <v>733</v>
      </c>
      <c r="O20014" s="5" t="s">
        <v>38</v>
      </c>
      <c r="P20014" s="5" t="s">
        <v>39</v>
      </c>
      <c r="Q20014" s="5" t="s">
        <v>40</v>
      </c>
      <c r="R20014" s="5" t="s">
        <v>897</v>
      </c>
      <c r="S20014" s="5" t="s">
        <v>40</v>
      </c>
      <c r="T20014" s="5" t="s">
        <v>42</v>
      </c>
      <c r="U20014" s="2">
        <v>87.179000000000002</v>
      </c>
      <c r="V20014" s="2">
        <v>81.269000000000005</v>
      </c>
      <c r="W20014" s="2">
        <v>0.36799999999999999</v>
      </c>
      <c r="X20014" s="2">
        <v>17</v>
      </c>
      <c r="Y20014" s="2">
        <v>124.7</v>
      </c>
      <c r="Z20014" s="2">
        <v>173.8</v>
      </c>
      <c r="AA20014" s="5">
        <v>7</v>
      </c>
      <c r="AB20014" s="5" t="s">
        <v>43</v>
      </c>
      <c r="AC20014" s="5" t="s">
        <v>735</v>
      </c>
      <c r="AD20014" s="2" t="s">
        <v>63783</v>
      </c>
      <c r="AE20014" s="1"/>
    </row>
    <row r="20015" spans="1:31" ht="14.45">
      <c r="A20015" s="11"/>
      <c r="B20015" s="20"/>
      <c r="C20015" s="2" t="s">
        <v>63784</v>
      </c>
      <c r="D20015" s="14" t="s">
        <v>63785</v>
      </c>
      <c r="E20015" s="2" t="s">
        <v>63786</v>
      </c>
      <c r="F20015" s="2" t="s">
        <v>63782</v>
      </c>
      <c r="G20015" s="8">
        <v>1666</v>
      </c>
      <c r="H20015" s="5">
        <v>5</v>
      </c>
      <c r="I20015" s="5" t="s">
        <v>69</v>
      </c>
      <c r="J20015" s="5" t="s">
        <v>61065</v>
      </c>
      <c r="K20015" s="2" t="s">
        <v>61066</v>
      </c>
      <c r="L20015" s="5" t="s">
        <v>61065</v>
      </c>
      <c r="M20015" s="2" t="s">
        <v>61066</v>
      </c>
      <c r="N20015" s="5" t="s">
        <v>733</v>
      </c>
      <c r="O20015" s="5" t="s">
        <v>38</v>
      </c>
      <c r="P20015" s="5" t="s">
        <v>39</v>
      </c>
      <c r="Q20015" s="5" t="s">
        <v>40</v>
      </c>
      <c r="R20015" s="5" t="s">
        <v>897</v>
      </c>
      <c r="S20015" s="5" t="s">
        <v>40</v>
      </c>
      <c r="T20015" s="5" t="s">
        <v>42</v>
      </c>
      <c r="U20015" s="2">
        <v>85.706999999999994</v>
      </c>
      <c r="V20015" s="2">
        <v>79.697999999999993</v>
      </c>
      <c r="W20015" s="2">
        <v>0.36799999999999999</v>
      </c>
      <c r="X20015" s="2">
        <v>17</v>
      </c>
      <c r="Y20015" s="2">
        <v>124.7</v>
      </c>
      <c r="Z20015" s="2">
        <v>173.8</v>
      </c>
      <c r="AA20015" s="5">
        <v>7</v>
      </c>
      <c r="AB20015" s="5" t="s">
        <v>43</v>
      </c>
      <c r="AC20015" s="5" t="s">
        <v>735</v>
      </c>
      <c r="AD20015" s="2" t="s">
        <v>63787</v>
      </c>
      <c r="AE20015" s="1"/>
    </row>
    <row r="20016" spans="1:31" ht="14.45">
      <c r="A20016" s="11"/>
      <c r="B20016" s="20"/>
      <c r="C20016" s="2" t="s">
        <v>63788</v>
      </c>
      <c r="D20016" s="14" t="s">
        <v>63789</v>
      </c>
      <c r="E20016" s="2" t="s">
        <v>63790</v>
      </c>
      <c r="F20016" s="2" t="s">
        <v>63782</v>
      </c>
      <c r="G20016" s="8">
        <v>1666</v>
      </c>
      <c r="H20016" s="5">
        <v>10</v>
      </c>
      <c r="I20016" s="5" t="s">
        <v>69</v>
      </c>
      <c r="J20016" s="5" t="s">
        <v>61065</v>
      </c>
      <c r="K20016" s="2" t="s">
        <v>61066</v>
      </c>
      <c r="L20016" s="5" t="s">
        <v>61065</v>
      </c>
      <c r="M20016" s="2" t="s">
        <v>61066</v>
      </c>
      <c r="N20016" s="5" t="s">
        <v>733</v>
      </c>
      <c r="O20016" s="5" t="s">
        <v>38</v>
      </c>
      <c r="P20016" s="5" t="s">
        <v>39</v>
      </c>
      <c r="Q20016" s="5" t="s">
        <v>40</v>
      </c>
      <c r="R20016" s="5" t="s">
        <v>897</v>
      </c>
      <c r="S20016" s="5" t="s">
        <v>40</v>
      </c>
      <c r="T20016" s="5" t="s">
        <v>42</v>
      </c>
      <c r="U20016" s="2">
        <v>86.712999999999994</v>
      </c>
      <c r="V20016" s="2">
        <v>80.540000000000006</v>
      </c>
      <c r="W20016" s="2">
        <v>0.36799999999999999</v>
      </c>
      <c r="X20016" s="2">
        <v>17</v>
      </c>
      <c r="Y20016" s="2">
        <v>124.7</v>
      </c>
      <c r="Z20016" s="2">
        <v>173.8</v>
      </c>
      <c r="AA20016" s="5">
        <v>7</v>
      </c>
      <c r="AB20016" s="5" t="s">
        <v>43</v>
      </c>
      <c r="AC20016" s="5" t="s">
        <v>735</v>
      </c>
      <c r="AD20016" s="2" t="s">
        <v>63791</v>
      </c>
      <c r="AE20016" s="1"/>
    </row>
    <row r="20017" spans="1:31" ht="14.45">
      <c r="A20017" s="11"/>
      <c r="B20017" s="20"/>
      <c r="C20017" s="2" t="s">
        <v>63792</v>
      </c>
      <c r="D20017" s="14" t="s">
        <v>63793</v>
      </c>
      <c r="E20017" s="2" t="s">
        <v>63794</v>
      </c>
      <c r="F20017" s="2" t="s">
        <v>63795</v>
      </c>
      <c r="G20017" s="8">
        <v>1051</v>
      </c>
      <c r="H20017" s="5">
        <v>5</v>
      </c>
      <c r="I20017" s="5" t="s">
        <v>69</v>
      </c>
      <c r="J20017" s="5" t="s">
        <v>61065</v>
      </c>
      <c r="K20017" s="2" t="s">
        <v>61066</v>
      </c>
      <c r="L20017" s="5" t="s">
        <v>61065</v>
      </c>
      <c r="M20017" s="2" t="s">
        <v>61066</v>
      </c>
      <c r="N20017" s="5" t="s">
        <v>733</v>
      </c>
      <c r="O20017" s="5" t="s">
        <v>38</v>
      </c>
      <c r="P20017" s="5" t="s">
        <v>39</v>
      </c>
      <c r="Q20017" s="5" t="s">
        <v>40</v>
      </c>
      <c r="R20017" s="5" t="s">
        <v>897</v>
      </c>
      <c r="S20017" s="5" t="s">
        <v>40</v>
      </c>
      <c r="T20017" s="5" t="s">
        <v>42</v>
      </c>
      <c r="U20017" s="2">
        <v>74.831000000000003</v>
      </c>
      <c r="V20017" s="2">
        <v>68.896000000000001</v>
      </c>
      <c r="W20017" s="2">
        <v>0.36799999999999999</v>
      </c>
      <c r="X20017" s="2">
        <v>17</v>
      </c>
      <c r="Y20017" s="2">
        <v>124.7</v>
      </c>
      <c r="Z20017" s="2">
        <v>173.8</v>
      </c>
      <c r="AA20017" s="5">
        <v>7</v>
      </c>
      <c r="AB20017" s="5" t="s">
        <v>43</v>
      </c>
      <c r="AC20017" s="5" t="s">
        <v>735</v>
      </c>
      <c r="AD20017" s="2" t="s">
        <v>63796</v>
      </c>
      <c r="AE20017" s="1"/>
    </row>
    <row r="20018" spans="1:31" ht="14.45">
      <c r="A20018" s="11"/>
      <c r="B20018" s="20"/>
      <c r="C20018" s="2" t="s">
        <v>63797</v>
      </c>
      <c r="D20018" s="14" t="s">
        <v>63798</v>
      </c>
      <c r="E20018" s="2" t="s">
        <v>63799</v>
      </c>
      <c r="F20018" s="2" t="s">
        <v>63795</v>
      </c>
      <c r="G20018" s="8">
        <v>1351</v>
      </c>
      <c r="H20018" s="5">
        <v>5</v>
      </c>
      <c r="I20018" s="5" t="s">
        <v>69</v>
      </c>
      <c r="J20018" s="5" t="s">
        <v>61065</v>
      </c>
      <c r="K20018" s="2" t="s">
        <v>61066</v>
      </c>
      <c r="L20018" s="5" t="s">
        <v>61065</v>
      </c>
      <c r="M20018" s="2" t="s">
        <v>61066</v>
      </c>
      <c r="N20018" s="5" t="s">
        <v>733</v>
      </c>
      <c r="O20018" s="5" t="s">
        <v>38</v>
      </c>
      <c r="P20018" s="5" t="s">
        <v>39</v>
      </c>
      <c r="Q20018" s="5" t="s">
        <v>40</v>
      </c>
      <c r="R20018" s="5" t="s">
        <v>897</v>
      </c>
      <c r="S20018" s="5" t="s">
        <v>40</v>
      </c>
      <c r="T20018" s="5" t="s">
        <v>42</v>
      </c>
      <c r="U20018" s="2">
        <v>74.108000000000004</v>
      </c>
      <c r="V20018" s="2">
        <v>68.066999999999993</v>
      </c>
      <c r="W20018" s="2">
        <v>0.36799999999999999</v>
      </c>
      <c r="X20018" s="2">
        <v>17</v>
      </c>
      <c r="Y20018" s="2">
        <v>124.7</v>
      </c>
      <c r="Z20018" s="2">
        <v>173.8</v>
      </c>
      <c r="AA20018" s="5">
        <v>7</v>
      </c>
      <c r="AB20018" s="5" t="s">
        <v>43</v>
      </c>
      <c r="AC20018" s="5" t="s">
        <v>735</v>
      </c>
      <c r="AD20018" s="2" t="s">
        <v>63800</v>
      </c>
      <c r="AE20018" s="1"/>
    </row>
    <row r="20019" spans="1:31" ht="14.45">
      <c r="A20019" s="11"/>
      <c r="B20019" s="20"/>
      <c r="C20019" s="2" t="s">
        <v>63801</v>
      </c>
      <c r="D20019" s="14" t="s">
        <v>63802</v>
      </c>
      <c r="E20019" s="2" t="s">
        <v>63803</v>
      </c>
      <c r="F20019" s="2" t="s">
        <v>63795</v>
      </c>
      <c r="G20019" s="8">
        <v>1351</v>
      </c>
      <c r="H20019" s="5">
        <v>5</v>
      </c>
      <c r="I20019" s="5" t="s">
        <v>69</v>
      </c>
      <c r="J20019" s="5" t="s">
        <v>61065</v>
      </c>
      <c r="K20019" s="2" t="s">
        <v>61066</v>
      </c>
      <c r="L20019" s="5" t="s">
        <v>61065</v>
      </c>
      <c r="M20019" s="2" t="s">
        <v>61066</v>
      </c>
      <c r="N20019" s="5" t="s">
        <v>733</v>
      </c>
      <c r="O20019" s="5" t="s">
        <v>38</v>
      </c>
      <c r="P20019" s="5" t="s">
        <v>39</v>
      </c>
      <c r="Q20019" s="5" t="s">
        <v>40</v>
      </c>
      <c r="R20019" s="5" t="s">
        <v>897</v>
      </c>
      <c r="S20019" s="5" t="s">
        <v>40</v>
      </c>
      <c r="T20019" s="5" t="s">
        <v>42</v>
      </c>
      <c r="U20019" s="2">
        <v>74.974999999999994</v>
      </c>
      <c r="V20019" s="2">
        <v>68.77</v>
      </c>
      <c r="W20019" s="2">
        <v>0.36799999999999999</v>
      </c>
      <c r="X20019" s="2">
        <v>17</v>
      </c>
      <c r="Y20019" s="2">
        <v>124.7</v>
      </c>
      <c r="Z20019" s="2">
        <v>173.8</v>
      </c>
      <c r="AA20019" s="5">
        <v>7</v>
      </c>
      <c r="AB20019" s="5" t="s">
        <v>43</v>
      </c>
      <c r="AC20019" s="5" t="s">
        <v>735</v>
      </c>
      <c r="AD20019" s="2" t="s">
        <v>63804</v>
      </c>
      <c r="AE20019" s="1"/>
    </row>
    <row r="20020" spans="1:31" ht="14.45">
      <c r="A20020" s="11"/>
      <c r="B20020" s="20"/>
      <c r="C20020" s="2" t="s">
        <v>63805</v>
      </c>
      <c r="D20020" s="14" t="s">
        <v>63806</v>
      </c>
      <c r="E20020" s="2" t="s">
        <v>63807</v>
      </c>
      <c r="F20020" s="2" t="s">
        <v>63808</v>
      </c>
      <c r="G20020" s="8">
        <v>1451</v>
      </c>
      <c r="H20020" s="5">
        <v>5</v>
      </c>
      <c r="I20020" s="5" t="s">
        <v>69</v>
      </c>
      <c r="J20020" s="5" t="s">
        <v>61065</v>
      </c>
      <c r="K20020" s="2" t="s">
        <v>61066</v>
      </c>
      <c r="L20020" s="5" t="s">
        <v>61065</v>
      </c>
      <c r="M20020" s="2" t="s">
        <v>61066</v>
      </c>
      <c r="N20020" s="5" t="s">
        <v>733</v>
      </c>
      <c r="O20020" s="5" t="s">
        <v>38</v>
      </c>
      <c r="P20020" s="5" t="s">
        <v>39</v>
      </c>
      <c r="Q20020" s="5" t="s">
        <v>40</v>
      </c>
      <c r="R20020" s="5" t="s">
        <v>897</v>
      </c>
      <c r="S20020" s="5" t="s">
        <v>40</v>
      </c>
      <c r="T20020" s="5" t="s">
        <v>42</v>
      </c>
      <c r="U20020" s="2">
        <v>87.07</v>
      </c>
      <c r="V20020" s="2">
        <v>81.164000000000001</v>
      </c>
      <c r="W20020" s="2">
        <v>0.36799999999999999</v>
      </c>
      <c r="X20020" s="2">
        <v>17</v>
      </c>
      <c r="Y20020" s="2">
        <v>124.7</v>
      </c>
      <c r="Z20020" s="2">
        <v>173.8</v>
      </c>
      <c r="AA20020" s="5">
        <v>7</v>
      </c>
      <c r="AB20020" s="5" t="s">
        <v>43</v>
      </c>
      <c r="AC20020" s="5" t="s">
        <v>735</v>
      </c>
      <c r="AD20020" s="2" t="s">
        <v>63809</v>
      </c>
      <c r="AE20020" s="1"/>
    </row>
    <row r="20021" spans="1:31" ht="14.45">
      <c r="A20021" s="11"/>
      <c r="B20021" s="20"/>
      <c r="C20021" s="2" t="s">
        <v>63810</v>
      </c>
      <c r="D20021" s="14" t="s">
        <v>63811</v>
      </c>
      <c r="E20021" s="2" t="s">
        <v>63812</v>
      </c>
      <c r="F20021" s="2" t="s">
        <v>63808</v>
      </c>
      <c r="G20021" s="8">
        <v>1751</v>
      </c>
      <c r="H20021" s="5">
        <v>5</v>
      </c>
      <c r="I20021" s="5" t="s">
        <v>69</v>
      </c>
      <c r="J20021" s="5" t="s">
        <v>61065</v>
      </c>
      <c r="K20021" s="2" t="s">
        <v>61066</v>
      </c>
      <c r="L20021" s="5" t="s">
        <v>61065</v>
      </c>
      <c r="M20021" s="2" t="s">
        <v>61066</v>
      </c>
      <c r="N20021" s="5" t="s">
        <v>733</v>
      </c>
      <c r="O20021" s="5" t="s">
        <v>38</v>
      </c>
      <c r="P20021" s="5" t="s">
        <v>39</v>
      </c>
      <c r="Q20021" s="5" t="s">
        <v>40</v>
      </c>
      <c r="R20021" s="5" t="s">
        <v>897</v>
      </c>
      <c r="S20021" s="5" t="s">
        <v>40</v>
      </c>
      <c r="T20021" s="5" t="s">
        <v>42</v>
      </c>
      <c r="U20021" s="2">
        <v>85.581000000000003</v>
      </c>
      <c r="V20021" s="2">
        <v>79.58</v>
      </c>
      <c r="W20021" s="2">
        <v>0.36799999999999999</v>
      </c>
      <c r="X20021" s="2">
        <v>17</v>
      </c>
      <c r="Y20021" s="2">
        <v>124.7</v>
      </c>
      <c r="Z20021" s="2">
        <v>173.8</v>
      </c>
      <c r="AA20021" s="5">
        <v>7</v>
      </c>
      <c r="AB20021" s="5" t="s">
        <v>43</v>
      </c>
      <c r="AC20021" s="5" t="s">
        <v>735</v>
      </c>
      <c r="AD20021" s="2" t="s">
        <v>63813</v>
      </c>
      <c r="AE20021" s="1"/>
    </row>
    <row r="20022" spans="1:31" ht="14.45">
      <c r="A20022" s="11"/>
      <c r="B20022" s="20"/>
      <c r="C20022" s="2" t="s">
        <v>63814</v>
      </c>
      <c r="D20022" s="14" t="s">
        <v>63815</v>
      </c>
      <c r="E20022" s="2" t="s">
        <v>63816</v>
      </c>
      <c r="F20022" s="2" t="s">
        <v>63808</v>
      </c>
      <c r="G20022" s="8">
        <v>1751</v>
      </c>
      <c r="H20022" s="5">
        <v>10</v>
      </c>
      <c r="I20022" s="5" t="s">
        <v>69</v>
      </c>
      <c r="J20022" s="5" t="s">
        <v>61065</v>
      </c>
      <c r="K20022" s="2" t="s">
        <v>61066</v>
      </c>
      <c r="L20022" s="5" t="s">
        <v>61065</v>
      </c>
      <c r="M20022" s="2" t="s">
        <v>61066</v>
      </c>
      <c r="N20022" s="5" t="s">
        <v>733</v>
      </c>
      <c r="O20022" s="5" t="s">
        <v>38</v>
      </c>
      <c r="P20022" s="5" t="s">
        <v>39</v>
      </c>
      <c r="Q20022" s="5" t="s">
        <v>40</v>
      </c>
      <c r="R20022" s="5" t="s">
        <v>897</v>
      </c>
      <c r="S20022" s="5" t="s">
        <v>40</v>
      </c>
      <c r="T20022" s="5" t="s">
        <v>42</v>
      </c>
      <c r="U20022" s="2">
        <v>86.534999999999997</v>
      </c>
      <c r="V20022" s="2">
        <v>80.361999999999995</v>
      </c>
      <c r="W20022" s="2">
        <v>0.36799999999999999</v>
      </c>
      <c r="X20022" s="2">
        <v>17</v>
      </c>
      <c r="Y20022" s="2">
        <v>124.7</v>
      </c>
      <c r="Z20022" s="2">
        <v>173.8</v>
      </c>
      <c r="AA20022" s="5">
        <v>7</v>
      </c>
      <c r="AB20022" s="5" t="s">
        <v>43</v>
      </c>
      <c r="AC20022" s="5" t="s">
        <v>735</v>
      </c>
      <c r="AD20022" s="2" t="s">
        <v>63817</v>
      </c>
      <c r="AE20022" s="1"/>
    </row>
    <row r="20023" spans="1:31" ht="14.45">
      <c r="A20023" s="11"/>
      <c r="B20023" s="20"/>
      <c r="C20023" s="2" t="s">
        <v>63818</v>
      </c>
      <c r="D20023" s="14" t="s">
        <v>63819</v>
      </c>
      <c r="E20023" s="2" t="s">
        <v>63820</v>
      </c>
      <c r="F20023" s="2" t="s">
        <v>63821</v>
      </c>
      <c r="G20023" s="8">
        <v>2083</v>
      </c>
      <c r="H20023" s="5">
        <v>10</v>
      </c>
      <c r="I20023" s="5" t="s">
        <v>69</v>
      </c>
      <c r="J20023" s="5" t="s">
        <v>61065</v>
      </c>
      <c r="K20023" s="2" t="s">
        <v>61066</v>
      </c>
      <c r="L20023" s="5" t="s">
        <v>61065</v>
      </c>
      <c r="M20023" s="2" t="s">
        <v>61066</v>
      </c>
      <c r="N20023" s="5" t="s">
        <v>733</v>
      </c>
      <c r="O20023" s="5" t="s">
        <v>38</v>
      </c>
      <c r="P20023" s="5" t="s">
        <v>39</v>
      </c>
      <c r="Q20023" s="5" t="s">
        <v>40</v>
      </c>
      <c r="R20023" s="5" t="s">
        <v>897</v>
      </c>
      <c r="S20023" s="5" t="s">
        <v>40</v>
      </c>
      <c r="T20023" s="5" t="s">
        <v>42</v>
      </c>
      <c r="U20023" s="2">
        <v>91.397999999999996</v>
      </c>
      <c r="V20023" s="2">
        <v>85.48</v>
      </c>
      <c r="W20023" s="2">
        <v>0.36799999999999999</v>
      </c>
      <c r="X20023" s="2">
        <v>17</v>
      </c>
      <c r="Y20023" s="2">
        <v>124.7</v>
      </c>
      <c r="Z20023" s="2">
        <v>173.8</v>
      </c>
      <c r="AA20023" s="5">
        <v>7</v>
      </c>
      <c r="AB20023" s="5" t="s">
        <v>43</v>
      </c>
      <c r="AC20023" s="5" t="s">
        <v>735</v>
      </c>
      <c r="AD20023" s="2" t="s">
        <v>63822</v>
      </c>
      <c r="AE20023" s="1"/>
    </row>
    <row r="20024" spans="1:31" ht="14.45">
      <c r="A20024" s="11"/>
      <c r="B20024" s="20"/>
      <c r="C20024" s="2" t="s">
        <v>63823</v>
      </c>
      <c r="D20024" s="14" t="s">
        <v>63824</v>
      </c>
      <c r="E20024" s="2" t="s">
        <v>63825</v>
      </c>
      <c r="F20024" s="2" t="s">
        <v>63821</v>
      </c>
      <c r="G20024" s="8">
        <v>2383</v>
      </c>
      <c r="H20024" s="5">
        <v>10</v>
      </c>
      <c r="I20024" s="5" t="s">
        <v>69</v>
      </c>
      <c r="J20024" s="5" t="s">
        <v>61065</v>
      </c>
      <c r="K20024" s="2" t="s">
        <v>61066</v>
      </c>
      <c r="L20024" s="5" t="s">
        <v>61065</v>
      </c>
      <c r="M20024" s="2" t="s">
        <v>61066</v>
      </c>
      <c r="N20024" s="5" t="s">
        <v>733</v>
      </c>
      <c r="O20024" s="5" t="s">
        <v>38</v>
      </c>
      <c r="P20024" s="5" t="s">
        <v>39</v>
      </c>
      <c r="Q20024" s="5" t="s">
        <v>40</v>
      </c>
      <c r="R20024" s="5" t="s">
        <v>897</v>
      </c>
      <c r="S20024" s="5" t="s">
        <v>40</v>
      </c>
      <c r="T20024" s="5" t="s">
        <v>42</v>
      </c>
      <c r="U20024" s="2">
        <v>89.909000000000006</v>
      </c>
      <c r="V20024" s="2">
        <v>83.9</v>
      </c>
      <c r="W20024" s="2">
        <v>0.36799999999999999</v>
      </c>
      <c r="X20024" s="2">
        <v>17</v>
      </c>
      <c r="Y20024" s="2">
        <v>124.7</v>
      </c>
      <c r="Z20024" s="2">
        <v>173.8</v>
      </c>
      <c r="AA20024" s="5">
        <v>7</v>
      </c>
      <c r="AB20024" s="5" t="s">
        <v>43</v>
      </c>
      <c r="AC20024" s="5" t="s">
        <v>735</v>
      </c>
      <c r="AD20024" s="2" t="s">
        <v>63826</v>
      </c>
      <c r="AE20024" s="1"/>
    </row>
    <row r="20025" spans="1:31" ht="14.45">
      <c r="A20025" s="11"/>
      <c r="B20025" s="20"/>
      <c r="C20025" s="2" t="s">
        <v>63827</v>
      </c>
      <c r="D20025" s="14" t="s">
        <v>63828</v>
      </c>
      <c r="E20025" s="2" t="s">
        <v>63829</v>
      </c>
      <c r="F20025" s="2" t="s">
        <v>63821</v>
      </c>
      <c r="G20025" s="8">
        <v>2383</v>
      </c>
      <c r="H20025" s="5">
        <v>10</v>
      </c>
      <c r="I20025" s="5" t="s">
        <v>69</v>
      </c>
      <c r="J20025" s="5" t="s">
        <v>61065</v>
      </c>
      <c r="K20025" s="2" t="s">
        <v>61066</v>
      </c>
      <c r="L20025" s="5" t="s">
        <v>61065</v>
      </c>
      <c r="M20025" s="2" t="s">
        <v>61066</v>
      </c>
      <c r="N20025" s="5" t="s">
        <v>733</v>
      </c>
      <c r="O20025" s="5" t="s">
        <v>38</v>
      </c>
      <c r="P20025" s="5" t="s">
        <v>39</v>
      </c>
      <c r="Q20025" s="5" t="s">
        <v>40</v>
      </c>
      <c r="R20025" s="5" t="s">
        <v>897</v>
      </c>
      <c r="S20025" s="5" t="s">
        <v>40</v>
      </c>
      <c r="T20025" s="5" t="s">
        <v>42</v>
      </c>
      <c r="U20025" s="2">
        <v>90.947999999999993</v>
      </c>
      <c r="V20025" s="2">
        <v>84.775000000000006</v>
      </c>
      <c r="W20025" s="2">
        <v>0.36799999999999999</v>
      </c>
      <c r="X20025" s="2">
        <v>17</v>
      </c>
      <c r="Y20025" s="2">
        <v>124.7</v>
      </c>
      <c r="Z20025" s="2">
        <v>173.8</v>
      </c>
      <c r="AA20025" s="5">
        <v>7</v>
      </c>
      <c r="AB20025" s="5" t="s">
        <v>43</v>
      </c>
      <c r="AC20025" s="5" t="s">
        <v>735</v>
      </c>
      <c r="AD20025" s="2" t="s">
        <v>63830</v>
      </c>
      <c r="AE20025" s="1"/>
    </row>
    <row r="20026" spans="1:31" ht="14.45">
      <c r="A20026" s="11"/>
      <c r="B20026" s="20"/>
      <c r="C20026" s="2" t="s">
        <v>63831</v>
      </c>
      <c r="D20026" s="14" t="s">
        <v>63832</v>
      </c>
      <c r="E20026" s="2" t="s">
        <v>63833</v>
      </c>
      <c r="F20026" s="2" t="s">
        <v>63834</v>
      </c>
      <c r="G20026" s="8">
        <v>1819</v>
      </c>
      <c r="H20026" s="5">
        <v>10</v>
      </c>
      <c r="I20026" s="5" t="s">
        <v>69</v>
      </c>
      <c r="J20026" s="5" t="s">
        <v>61065</v>
      </c>
      <c r="K20026" s="2" t="s">
        <v>61066</v>
      </c>
      <c r="L20026" s="5" t="s">
        <v>61065</v>
      </c>
      <c r="M20026" s="2" t="s">
        <v>61066</v>
      </c>
      <c r="N20026" s="5" t="s">
        <v>733</v>
      </c>
      <c r="O20026" s="5" t="s">
        <v>38</v>
      </c>
      <c r="P20026" s="5" t="s">
        <v>39</v>
      </c>
      <c r="Q20026" s="5" t="s">
        <v>40</v>
      </c>
      <c r="R20026" s="5" t="s">
        <v>897</v>
      </c>
      <c r="S20026" s="5" t="s">
        <v>40</v>
      </c>
      <c r="T20026" s="5" t="s">
        <v>42</v>
      </c>
      <c r="U20026" s="2">
        <v>78.381</v>
      </c>
      <c r="V20026" s="2">
        <v>72.34</v>
      </c>
      <c r="W20026" s="2">
        <v>0.36799999999999999</v>
      </c>
      <c r="X20026" s="2">
        <v>17</v>
      </c>
      <c r="Y20026" s="2">
        <v>124.7</v>
      </c>
      <c r="Z20026" s="2">
        <v>173.8</v>
      </c>
      <c r="AA20026" s="5">
        <v>7</v>
      </c>
      <c r="AB20026" s="5" t="s">
        <v>43</v>
      </c>
      <c r="AC20026" s="5" t="s">
        <v>735</v>
      </c>
      <c r="AD20026" s="2" t="s">
        <v>63835</v>
      </c>
      <c r="AE20026" s="1"/>
    </row>
    <row r="20027" spans="1:31" ht="14.45">
      <c r="A20027" s="11"/>
      <c r="B20027" s="20"/>
      <c r="C20027" s="2" t="s">
        <v>63836</v>
      </c>
      <c r="D20027" s="14" t="s">
        <v>63837</v>
      </c>
      <c r="E20027" s="2" t="s">
        <v>63838</v>
      </c>
      <c r="F20027" s="2" t="s">
        <v>63839</v>
      </c>
      <c r="G20027" s="8">
        <v>1919</v>
      </c>
      <c r="H20027" s="5">
        <v>10</v>
      </c>
      <c r="I20027" s="5" t="s">
        <v>69</v>
      </c>
      <c r="J20027" s="5" t="s">
        <v>61065</v>
      </c>
      <c r="K20027" s="2" t="s">
        <v>61066</v>
      </c>
      <c r="L20027" s="5" t="s">
        <v>61065</v>
      </c>
      <c r="M20027" s="2" t="s">
        <v>61066</v>
      </c>
      <c r="N20027" s="5" t="s">
        <v>733</v>
      </c>
      <c r="O20027" s="5" t="s">
        <v>38</v>
      </c>
      <c r="P20027" s="5" t="s">
        <v>39</v>
      </c>
      <c r="Q20027" s="5" t="s">
        <v>40</v>
      </c>
      <c r="R20027" s="5" t="s">
        <v>897</v>
      </c>
      <c r="S20027" s="5" t="s">
        <v>40</v>
      </c>
      <c r="T20027" s="5" t="s">
        <v>42</v>
      </c>
      <c r="U20027" s="2">
        <v>91.325999999999993</v>
      </c>
      <c r="V20027" s="2">
        <v>85.408000000000001</v>
      </c>
      <c r="W20027" s="2">
        <v>0.36799999999999999</v>
      </c>
      <c r="X20027" s="2">
        <v>17</v>
      </c>
      <c r="Y20027" s="2">
        <v>124.7</v>
      </c>
      <c r="Z20027" s="2">
        <v>173.8</v>
      </c>
      <c r="AA20027" s="5">
        <v>7</v>
      </c>
      <c r="AB20027" s="5" t="s">
        <v>43</v>
      </c>
      <c r="AC20027" s="5" t="s">
        <v>735</v>
      </c>
      <c r="AD20027" s="2" t="s">
        <v>63840</v>
      </c>
      <c r="AE20027" s="1"/>
    </row>
    <row r="20028" spans="1:31" ht="14.45">
      <c r="A20028" s="11"/>
      <c r="B20028" s="20"/>
      <c r="C20028" s="2" t="s">
        <v>63841</v>
      </c>
      <c r="D20028" s="14" t="s">
        <v>63842</v>
      </c>
      <c r="E20028" s="2" t="s">
        <v>63843</v>
      </c>
      <c r="F20028" s="2" t="s">
        <v>63839</v>
      </c>
      <c r="G20028" s="8">
        <v>2219</v>
      </c>
      <c r="H20028" s="5">
        <v>10</v>
      </c>
      <c r="I20028" s="5" t="s">
        <v>69</v>
      </c>
      <c r="J20028" s="5" t="s">
        <v>61065</v>
      </c>
      <c r="K20028" s="2" t="s">
        <v>61066</v>
      </c>
      <c r="L20028" s="5" t="s">
        <v>61065</v>
      </c>
      <c r="M20028" s="2" t="s">
        <v>61066</v>
      </c>
      <c r="N20028" s="5" t="s">
        <v>733</v>
      </c>
      <c r="O20028" s="5" t="s">
        <v>38</v>
      </c>
      <c r="P20028" s="5" t="s">
        <v>39</v>
      </c>
      <c r="Q20028" s="5" t="s">
        <v>40</v>
      </c>
      <c r="R20028" s="5" t="s">
        <v>897</v>
      </c>
      <c r="S20028" s="5" t="s">
        <v>40</v>
      </c>
      <c r="T20028" s="5" t="s">
        <v>42</v>
      </c>
      <c r="U20028" s="2">
        <v>89.837000000000003</v>
      </c>
      <c r="V20028" s="2">
        <v>83.828000000000003</v>
      </c>
      <c r="W20028" s="2">
        <v>0.36799999999999999</v>
      </c>
      <c r="X20028" s="2">
        <v>17</v>
      </c>
      <c r="Y20028" s="2">
        <v>124.7</v>
      </c>
      <c r="Z20028" s="2">
        <v>173.8</v>
      </c>
      <c r="AA20028" s="5">
        <v>7</v>
      </c>
      <c r="AB20028" s="5" t="s">
        <v>43</v>
      </c>
      <c r="AC20028" s="5" t="s">
        <v>735</v>
      </c>
      <c r="AD20028" s="2" t="s">
        <v>63844</v>
      </c>
      <c r="AE20028" s="1"/>
    </row>
    <row r="20029" spans="1:31" ht="14.45">
      <c r="A20029" s="11"/>
      <c r="B20029" s="20"/>
      <c r="C20029" s="2" t="s">
        <v>63845</v>
      </c>
      <c r="D20029" s="14" t="s">
        <v>63846</v>
      </c>
      <c r="E20029" s="2" t="s">
        <v>63847</v>
      </c>
      <c r="F20029" s="2" t="s">
        <v>63839</v>
      </c>
      <c r="G20029" s="8">
        <v>2219</v>
      </c>
      <c r="H20029" s="5">
        <v>10</v>
      </c>
      <c r="I20029" s="5" t="s">
        <v>69</v>
      </c>
      <c r="J20029" s="5" t="s">
        <v>61065</v>
      </c>
      <c r="K20029" s="2" t="s">
        <v>61066</v>
      </c>
      <c r="L20029" s="5" t="s">
        <v>61065</v>
      </c>
      <c r="M20029" s="2" t="s">
        <v>61066</v>
      </c>
      <c r="N20029" s="5" t="s">
        <v>733</v>
      </c>
      <c r="O20029" s="5" t="s">
        <v>38</v>
      </c>
      <c r="P20029" s="5" t="s">
        <v>39</v>
      </c>
      <c r="Q20029" s="5" t="s">
        <v>40</v>
      </c>
      <c r="R20029" s="5" t="s">
        <v>897</v>
      </c>
      <c r="S20029" s="5" t="s">
        <v>40</v>
      </c>
      <c r="T20029" s="5" t="s">
        <v>42</v>
      </c>
      <c r="U20029" s="2">
        <v>90.876000000000005</v>
      </c>
      <c r="V20029" s="2">
        <v>84.703000000000003</v>
      </c>
      <c r="W20029" s="2">
        <v>0.36799999999999999</v>
      </c>
      <c r="X20029" s="2">
        <v>17</v>
      </c>
      <c r="Y20029" s="2">
        <v>124.7</v>
      </c>
      <c r="Z20029" s="2">
        <v>173.8</v>
      </c>
      <c r="AA20029" s="5">
        <v>7</v>
      </c>
      <c r="AB20029" s="5" t="s">
        <v>43</v>
      </c>
      <c r="AC20029" s="5" t="s">
        <v>735</v>
      </c>
      <c r="AD20029" s="2" t="s">
        <v>63848</v>
      </c>
      <c r="AE20029" s="1"/>
    </row>
    <row r="20030" spans="1:31" ht="14.45">
      <c r="A20030" s="11"/>
      <c r="B20030" s="20"/>
      <c r="C20030" s="2" t="s">
        <v>63849</v>
      </c>
      <c r="D20030" s="14" t="s">
        <v>63850</v>
      </c>
      <c r="E20030" s="2" t="s">
        <v>63851</v>
      </c>
      <c r="F20030" s="2" t="s">
        <v>63852</v>
      </c>
      <c r="G20030" s="8">
        <v>2383</v>
      </c>
      <c r="H20030" s="5">
        <v>10</v>
      </c>
      <c r="I20030" s="5" t="s">
        <v>69</v>
      </c>
      <c r="J20030" s="5" t="s">
        <v>61065</v>
      </c>
      <c r="K20030" s="2" t="s">
        <v>61066</v>
      </c>
      <c r="L20030" s="5" t="s">
        <v>61065</v>
      </c>
      <c r="M20030" s="2" t="s">
        <v>61066</v>
      </c>
      <c r="N20030" s="5" t="s">
        <v>733</v>
      </c>
      <c r="O20030" s="5" t="s">
        <v>38</v>
      </c>
      <c r="P20030" s="5" t="s">
        <v>39</v>
      </c>
      <c r="Q20030" s="5" t="s">
        <v>40</v>
      </c>
      <c r="R20030" s="5" t="s">
        <v>897</v>
      </c>
      <c r="S20030" s="5" t="s">
        <v>40</v>
      </c>
      <c r="T20030" s="5" t="s">
        <v>42</v>
      </c>
      <c r="U20030" s="2">
        <v>88.710999999999999</v>
      </c>
      <c r="V20030" s="2">
        <v>82.701999999999998</v>
      </c>
      <c r="W20030" s="2">
        <v>0.36799999999999999</v>
      </c>
      <c r="X20030" s="2">
        <v>17</v>
      </c>
      <c r="Y20030" s="2">
        <v>124.7</v>
      </c>
      <c r="Z20030" s="2">
        <v>173.8</v>
      </c>
      <c r="AA20030" s="5">
        <v>7</v>
      </c>
      <c r="AB20030" s="5" t="s">
        <v>43</v>
      </c>
      <c r="AC20030" s="5" t="s">
        <v>735</v>
      </c>
      <c r="AD20030" s="2" t="s">
        <v>63853</v>
      </c>
      <c r="AE20030" s="1"/>
    </row>
    <row r="20031" spans="1:31" ht="14.45">
      <c r="A20031" s="11"/>
      <c r="B20031" s="20"/>
      <c r="C20031" s="2" t="s">
        <v>63854</v>
      </c>
      <c r="D20031" s="14" t="s">
        <v>63855</v>
      </c>
      <c r="E20031" s="2" t="s">
        <v>63856</v>
      </c>
      <c r="F20031" s="2" t="s">
        <v>63852</v>
      </c>
      <c r="G20031" s="8">
        <v>2383</v>
      </c>
      <c r="H20031" s="5">
        <v>10</v>
      </c>
      <c r="I20031" s="5" t="s">
        <v>69</v>
      </c>
      <c r="J20031" s="5" t="s">
        <v>61065</v>
      </c>
      <c r="K20031" s="2" t="s">
        <v>61066</v>
      </c>
      <c r="L20031" s="5" t="s">
        <v>61065</v>
      </c>
      <c r="M20031" s="2" t="s">
        <v>61066</v>
      </c>
      <c r="N20031" s="5" t="s">
        <v>733</v>
      </c>
      <c r="O20031" s="5" t="s">
        <v>38</v>
      </c>
      <c r="P20031" s="5" t="s">
        <v>39</v>
      </c>
      <c r="Q20031" s="5" t="s">
        <v>40</v>
      </c>
      <c r="R20031" s="5" t="s">
        <v>897</v>
      </c>
      <c r="S20031" s="5" t="s">
        <v>40</v>
      </c>
      <c r="T20031" s="5" t="s">
        <v>42</v>
      </c>
      <c r="U20031" s="2">
        <v>89.75</v>
      </c>
      <c r="V20031" s="2">
        <v>83.576999999999998</v>
      </c>
      <c r="W20031" s="2">
        <v>0.36799999999999999</v>
      </c>
      <c r="X20031" s="2">
        <v>17</v>
      </c>
      <c r="Y20031" s="2">
        <v>124.7</v>
      </c>
      <c r="Z20031" s="2">
        <v>173.8</v>
      </c>
      <c r="AA20031" s="5">
        <v>7</v>
      </c>
      <c r="AB20031" s="5" t="s">
        <v>43</v>
      </c>
      <c r="AC20031" s="5" t="s">
        <v>735</v>
      </c>
      <c r="AD20031" s="2" t="s">
        <v>63857</v>
      </c>
      <c r="AE20031" s="1"/>
    </row>
    <row r="20032" spans="1:31" ht="14.45">
      <c r="A20032" s="11"/>
      <c r="B20032" s="20"/>
      <c r="C20032" s="2" t="s">
        <v>63858</v>
      </c>
      <c r="D20032" s="14" t="s">
        <v>63859</v>
      </c>
      <c r="E20032" s="2" t="s">
        <v>63860</v>
      </c>
      <c r="F20032" s="2" t="s">
        <v>63861</v>
      </c>
      <c r="G20032" s="8">
        <v>1819</v>
      </c>
      <c r="H20032" s="5">
        <v>10</v>
      </c>
      <c r="I20032" s="5" t="s">
        <v>69</v>
      </c>
      <c r="J20032" s="5" t="s">
        <v>61065</v>
      </c>
      <c r="K20032" s="2" t="s">
        <v>61066</v>
      </c>
      <c r="L20032" s="5" t="s">
        <v>61065</v>
      </c>
      <c r="M20032" s="2" t="s">
        <v>61066</v>
      </c>
      <c r="N20032" s="5" t="s">
        <v>733</v>
      </c>
      <c r="O20032" s="5" t="s">
        <v>38</v>
      </c>
      <c r="P20032" s="5" t="s">
        <v>39</v>
      </c>
      <c r="Q20032" s="5" t="s">
        <v>40</v>
      </c>
      <c r="R20032" s="5" t="s">
        <v>897</v>
      </c>
      <c r="S20032" s="5" t="s">
        <v>40</v>
      </c>
      <c r="T20032" s="5" t="s">
        <v>42</v>
      </c>
      <c r="U20032" s="2">
        <v>77.183999999999997</v>
      </c>
      <c r="V20032" s="2">
        <v>71.143000000000001</v>
      </c>
      <c r="W20032" s="2">
        <v>0.36799999999999999</v>
      </c>
      <c r="X20032" s="2">
        <v>17</v>
      </c>
      <c r="Y20032" s="2">
        <v>124.7</v>
      </c>
      <c r="Z20032" s="2">
        <v>173.8</v>
      </c>
      <c r="AA20032" s="5">
        <v>7</v>
      </c>
      <c r="AB20032" s="5" t="s">
        <v>43</v>
      </c>
      <c r="AC20032" s="5" t="s">
        <v>735</v>
      </c>
      <c r="AD20032" s="2" t="s">
        <v>63862</v>
      </c>
      <c r="AE20032" s="1"/>
    </row>
    <row r="20033" spans="1:31" ht="14.45">
      <c r="A20033" s="11"/>
      <c r="B20033" s="20"/>
      <c r="C20033" s="2" t="s">
        <v>63863</v>
      </c>
      <c r="D20033" s="14" t="s">
        <v>63864</v>
      </c>
      <c r="E20033" s="2" t="s">
        <v>63865</v>
      </c>
      <c r="F20033" s="2" t="s">
        <v>63866</v>
      </c>
      <c r="G20033" s="8">
        <v>1919</v>
      </c>
      <c r="H20033" s="5">
        <v>10</v>
      </c>
      <c r="I20033" s="5" t="s">
        <v>69</v>
      </c>
      <c r="J20033" s="5" t="s">
        <v>61065</v>
      </c>
      <c r="K20033" s="2" t="s">
        <v>61066</v>
      </c>
      <c r="L20033" s="5" t="s">
        <v>61065</v>
      </c>
      <c r="M20033" s="2" t="s">
        <v>61066</v>
      </c>
      <c r="N20033" s="5" t="s">
        <v>733</v>
      </c>
      <c r="O20033" s="5" t="s">
        <v>38</v>
      </c>
      <c r="P20033" s="5" t="s">
        <v>39</v>
      </c>
      <c r="Q20033" s="5" t="s">
        <v>40</v>
      </c>
      <c r="R20033" s="5" t="s">
        <v>897</v>
      </c>
      <c r="S20033" s="5" t="s">
        <v>40</v>
      </c>
      <c r="T20033" s="5" t="s">
        <v>42</v>
      </c>
      <c r="U20033" s="2">
        <v>90.128</v>
      </c>
      <c r="V20033" s="2">
        <v>84.21</v>
      </c>
      <c r="W20033" s="2">
        <v>0.36799999999999999</v>
      </c>
      <c r="X20033" s="2">
        <v>17</v>
      </c>
      <c r="Y20033" s="2">
        <v>124.7</v>
      </c>
      <c r="Z20033" s="2">
        <v>173.8</v>
      </c>
      <c r="AA20033" s="5">
        <v>7</v>
      </c>
      <c r="AB20033" s="5" t="s">
        <v>43</v>
      </c>
      <c r="AC20033" s="5" t="s">
        <v>735</v>
      </c>
      <c r="AD20033" s="2" t="s">
        <v>63867</v>
      </c>
      <c r="AE20033" s="1"/>
    </row>
    <row r="20034" spans="1:31" ht="14.45">
      <c r="A20034" s="11"/>
      <c r="B20034" s="20"/>
      <c r="C20034" s="2" t="s">
        <v>63868</v>
      </c>
      <c r="D20034" s="14" t="s">
        <v>63869</v>
      </c>
      <c r="E20034" s="2" t="s">
        <v>63870</v>
      </c>
      <c r="F20034" s="2" t="s">
        <v>63871</v>
      </c>
      <c r="G20034" s="8">
        <v>2219</v>
      </c>
      <c r="H20034" s="5">
        <v>10</v>
      </c>
      <c r="I20034" s="5" t="s">
        <v>69</v>
      </c>
      <c r="J20034" s="5" t="s">
        <v>61065</v>
      </c>
      <c r="K20034" s="2" t="s">
        <v>61066</v>
      </c>
      <c r="L20034" s="5" t="s">
        <v>61065</v>
      </c>
      <c r="M20034" s="2" t="s">
        <v>61066</v>
      </c>
      <c r="N20034" s="5" t="s">
        <v>733</v>
      </c>
      <c r="O20034" s="5" t="s">
        <v>38</v>
      </c>
      <c r="P20034" s="5" t="s">
        <v>39</v>
      </c>
      <c r="Q20034" s="5" t="s">
        <v>40</v>
      </c>
      <c r="R20034" s="5" t="s">
        <v>897</v>
      </c>
      <c r="S20034" s="5" t="s">
        <v>40</v>
      </c>
      <c r="T20034" s="5" t="s">
        <v>42</v>
      </c>
      <c r="U20034" s="2">
        <v>88.638999999999996</v>
      </c>
      <c r="V20034" s="2">
        <v>82.63</v>
      </c>
      <c r="W20034" s="2">
        <v>0.36799999999999999</v>
      </c>
      <c r="X20034" s="2">
        <v>17</v>
      </c>
      <c r="Y20034" s="2">
        <v>124.7</v>
      </c>
      <c r="Z20034" s="2">
        <v>173.8</v>
      </c>
      <c r="AA20034" s="5">
        <v>7</v>
      </c>
      <c r="AB20034" s="5" t="s">
        <v>43</v>
      </c>
      <c r="AC20034" s="5" t="s">
        <v>735</v>
      </c>
      <c r="AD20034" s="2" t="s">
        <v>63872</v>
      </c>
      <c r="AE20034" s="1"/>
    </row>
    <row r="20035" spans="1:31" ht="14.45">
      <c r="A20035" s="11"/>
      <c r="B20035" s="20"/>
      <c r="C20035" s="2" t="s">
        <v>63873</v>
      </c>
      <c r="D20035" s="14" t="s">
        <v>63874</v>
      </c>
      <c r="E20035" s="2" t="s">
        <v>63875</v>
      </c>
      <c r="F20035" s="2" t="s">
        <v>63871</v>
      </c>
      <c r="G20035" s="8">
        <v>2219</v>
      </c>
      <c r="H20035" s="5">
        <v>10</v>
      </c>
      <c r="I20035" s="5" t="s">
        <v>69</v>
      </c>
      <c r="J20035" s="5" t="s">
        <v>61065</v>
      </c>
      <c r="K20035" s="2" t="s">
        <v>61066</v>
      </c>
      <c r="L20035" s="5" t="s">
        <v>61065</v>
      </c>
      <c r="M20035" s="2" t="s">
        <v>61066</v>
      </c>
      <c r="N20035" s="5" t="s">
        <v>733</v>
      </c>
      <c r="O20035" s="5" t="s">
        <v>38</v>
      </c>
      <c r="P20035" s="5" t="s">
        <v>39</v>
      </c>
      <c r="Q20035" s="5" t="s">
        <v>40</v>
      </c>
      <c r="R20035" s="5" t="s">
        <v>897</v>
      </c>
      <c r="S20035" s="5" t="s">
        <v>40</v>
      </c>
      <c r="T20035" s="5" t="s">
        <v>42</v>
      </c>
      <c r="U20035" s="2">
        <v>89.677999999999997</v>
      </c>
      <c r="V20035" s="2">
        <v>83.504999999999995</v>
      </c>
      <c r="W20035" s="2">
        <v>0.36799999999999999</v>
      </c>
      <c r="X20035" s="2">
        <v>17</v>
      </c>
      <c r="Y20035" s="2">
        <v>124.7</v>
      </c>
      <c r="Z20035" s="2">
        <v>173.8</v>
      </c>
      <c r="AA20035" s="5">
        <v>7</v>
      </c>
      <c r="AB20035" s="5" t="s">
        <v>43</v>
      </c>
      <c r="AC20035" s="5" t="s">
        <v>735</v>
      </c>
      <c r="AD20035" s="2" t="s">
        <v>63876</v>
      </c>
      <c r="AE20035" s="1"/>
    </row>
    <row r="20036" spans="1:31" ht="14.45">
      <c r="A20036" s="11"/>
      <c r="B20036" s="20"/>
      <c r="C20036" s="2" t="s">
        <v>63877</v>
      </c>
      <c r="D20036" s="14" t="s">
        <v>63878</v>
      </c>
      <c r="E20036" s="2" t="s">
        <v>63879</v>
      </c>
      <c r="F20036" s="2" t="s">
        <v>63880</v>
      </c>
      <c r="G20036" s="8">
        <v>2195</v>
      </c>
      <c r="H20036" s="5">
        <v>10</v>
      </c>
      <c r="I20036" s="5" t="s">
        <v>69</v>
      </c>
      <c r="J20036" s="5" t="s">
        <v>61065</v>
      </c>
      <c r="K20036" s="2" t="s">
        <v>61066</v>
      </c>
      <c r="L20036" s="5" t="s">
        <v>61065</v>
      </c>
      <c r="M20036" s="2" t="s">
        <v>61066</v>
      </c>
      <c r="N20036" s="5" t="s">
        <v>733</v>
      </c>
      <c r="O20036" s="5" t="s">
        <v>38</v>
      </c>
      <c r="P20036" s="5" t="s">
        <v>39</v>
      </c>
      <c r="Q20036" s="5" t="s">
        <v>40</v>
      </c>
      <c r="R20036" s="5" t="s">
        <v>1487</v>
      </c>
      <c r="S20036" s="5"/>
      <c r="T20036" s="5" t="s">
        <v>42</v>
      </c>
      <c r="U20036" s="2">
        <v>0</v>
      </c>
      <c r="V20036" s="2">
        <v>0</v>
      </c>
      <c r="W20036" s="2">
        <v>0</v>
      </c>
      <c r="X20036" s="2">
        <v>0</v>
      </c>
      <c r="Y20036" s="2">
        <v>0</v>
      </c>
      <c r="Z20036" s="2">
        <v>0</v>
      </c>
      <c r="AA20036" s="5"/>
      <c r="AB20036" s="5" t="s">
        <v>43</v>
      </c>
      <c r="AC20036" s="5" t="s">
        <v>735</v>
      </c>
      <c r="AD20036" s="2" t="s">
        <v>63881</v>
      </c>
      <c r="AE20036" s="1"/>
    </row>
    <row r="20037" spans="1:31" ht="14.45">
      <c r="A20037" s="11"/>
      <c r="B20037" s="20"/>
      <c r="C20037" s="2" t="s">
        <v>63882</v>
      </c>
      <c r="D20037" s="14" t="s">
        <v>63883</v>
      </c>
      <c r="E20037" s="2" t="s">
        <v>63884</v>
      </c>
      <c r="F20037" s="2" t="s">
        <v>63885</v>
      </c>
      <c r="G20037" s="8">
        <v>1300</v>
      </c>
      <c r="H20037" s="5">
        <v>5</v>
      </c>
      <c r="I20037" s="5" t="s">
        <v>69</v>
      </c>
      <c r="J20037" s="5" t="s">
        <v>61065</v>
      </c>
      <c r="K20037" s="2" t="s">
        <v>61066</v>
      </c>
      <c r="L20037" s="5" t="s">
        <v>61065</v>
      </c>
      <c r="M20037" s="2" t="s">
        <v>61066</v>
      </c>
      <c r="N20037" s="5" t="s">
        <v>733</v>
      </c>
      <c r="O20037" s="5" t="s">
        <v>38</v>
      </c>
      <c r="P20037" s="5" t="s">
        <v>39</v>
      </c>
      <c r="Q20037" s="5" t="s">
        <v>40</v>
      </c>
      <c r="R20037" s="5" t="s">
        <v>897</v>
      </c>
      <c r="S20037" s="5" t="s">
        <v>40</v>
      </c>
      <c r="T20037" s="5" t="s">
        <v>42</v>
      </c>
      <c r="U20037" s="2">
        <v>62.104999999999997</v>
      </c>
      <c r="V20037" s="2">
        <v>57.408999999999999</v>
      </c>
      <c r="W20037" s="2">
        <v>0.27500000000000002</v>
      </c>
      <c r="X20037" s="2">
        <v>17</v>
      </c>
      <c r="Y20037" s="2">
        <v>144.69999999999999</v>
      </c>
      <c r="Z20037" s="2">
        <v>111.6</v>
      </c>
      <c r="AA20037" s="5">
        <v>7</v>
      </c>
      <c r="AB20037" s="5" t="s">
        <v>43</v>
      </c>
      <c r="AC20037" s="5" t="s">
        <v>735</v>
      </c>
      <c r="AD20037" s="2" t="s">
        <v>63886</v>
      </c>
      <c r="AE20037" s="1"/>
    </row>
    <row r="20038" spans="1:31" ht="14.45">
      <c r="A20038" s="11"/>
      <c r="B20038" s="20"/>
      <c r="C20038" s="2" t="s">
        <v>63887</v>
      </c>
      <c r="D20038" s="14" t="s">
        <v>63888</v>
      </c>
      <c r="E20038" s="2" t="s">
        <v>63889</v>
      </c>
      <c r="F20038" s="2" t="s">
        <v>63890</v>
      </c>
      <c r="G20038" s="8">
        <v>1600</v>
      </c>
      <c r="H20038" s="5">
        <v>5</v>
      </c>
      <c r="I20038" s="5" t="s">
        <v>69</v>
      </c>
      <c r="J20038" s="5" t="s">
        <v>61065</v>
      </c>
      <c r="K20038" s="2" t="s">
        <v>61066</v>
      </c>
      <c r="L20038" s="5" t="s">
        <v>61065</v>
      </c>
      <c r="M20038" s="2" t="s">
        <v>61066</v>
      </c>
      <c r="N20038" s="5" t="s">
        <v>733</v>
      </c>
      <c r="O20038" s="5" t="s">
        <v>38</v>
      </c>
      <c r="P20038" s="5" t="s">
        <v>39</v>
      </c>
      <c r="Q20038" s="5" t="s">
        <v>40</v>
      </c>
      <c r="R20038" s="5" t="s">
        <v>897</v>
      </c>
      <c r="S20038" s="5" t="s">
        <v>40</v>
      </c>
      <c r="T20038" s="5" t="s">
        <v>42</v>
      </c>
      <c r="U20038" s="2">
        <v>65.789000000000001</v>
      </c>
      <c r="V20038" s="2">
        <v>60.969000000000001</v>
      </c>
      <c r="W20038" s="2">
        <v>0.27500000000000002</v>
      </c>
      <c r="X20038" s="2">
        <v>17</v>
      </c>
      <c r="Y20038" s="2">
        <v>144.69999999999999</v>
      </c>
      <c r="Z20038" s="2">
        <v>111.6</v>
      </c>
      <c r="AA20038" s="5">
        <v>7</v>
      </c>
      <c r="AB20038" s="5" t="s">
        <v>43</v>
      </c>
      <c r="AC20038" s="5" t="s">
        <v>735</v>
      </c>
      <c r="AD20038" s="2" t="s">
        <v>63891</v>
      </c>
      <c r="AE20038" s="1"/>
    </row>
    <row r="20039" spans="1:31" ht="14.45">
      <c r="A20039" s="11"/>
      <c r="B20039" s="20"/>
      <c r="C20039" s="2" t="s">
        <v>63892</v>
      </c>
      <c r="D20039" s="14" t="s">
        <v>63893</v>
      </c>
      <c r="E20039" s="2" t="s">
        <v>63894</v>
      </c>
      <c r="F20039" s="2" t="s">
        <v>63890</v>
      </c>
      <c r="G20039" s="8">
        <v>1600</v>
      </c>
      <c r="H20039" s="5">
        <v>5</v>
      </c>
      <c r="I20039" s="5" t="s">
        <v>69</v>
      </c>
      <c r="J20039" s="5" t="s">
        <v>61065</v>
      </c>
      <c r="K20039" s="2" t="s">
        <v>61066</v>
      </c>
      <c r="L20039" s="5" t="s">
        <v>61065</v>
      </c>
      <c r="M20039" s="2" t="s">
        <v>61066</v>
      </c>
      <c r="N20039" s="5" t="s">
        <v>733</v>
      </c>
      <c r="O20039" s="5" t="s">
        <v>38</v>
      </c>
      <c r="P20039" s="5" t="s">
        <v>39</v>
      </c>
      <c r="Q20039" s="5" t="s">
        <v>40</v>
      </c>
      <c r="R20039" s="5" t="s">
        <v>897</v>
      </c>
      <c r="S20039" s="5" t="s">
        <v>40</v>
      </c>
      <c r="T20039" s="5" t="s">
        <v>42</v>
      </c>
      <c r="U20039" s="2">
        <v>64.501000000000005</v>
      </c>
      <c r="V20039" s="2">
        <v>59.512</v>
      </c>
      <c r="W20039" s="2">
        <v>0.27500000000000002</v>
      </c>
      <c r="X20039" s="2">
        <v>17</v>
      </c>
      <c r="Y20039" s="2">
        <v>144.69999999999999</v>
      </c>
      <c r="Z20039" s="2">
        <v>111.6</v>
      </c>
      <c r="AA20039" s="5">
        <v>7</v>
      </c>
      <c r="AB20039" s="5" t="s">
        <v>43</v>
      </c>
      <c r="AC20039" s="5" t="s">
        <v>735</v>
      </c>
      <c r="AD20039" s="2" t="s">
        <v>63895</v>
      </c>
      <c r="AE20039" s="1"/>
    </row>
    <row r="20040" spans="1:31" ht="14.45">
      <c r="A20040" s="11"/>
      <c r="B20040" s="20"/>
      <c r="C20040" s="2" t="s">
        <v>63896</v>
      </c>
      <c r="D20040" s="14" t="s">
        <v>63897</v>
      </c>
      <c r="E20040" s="2" t="s">
        <v>63898</v>
      </c>
      <c r="F20040" s="2" t="s">
        <v>63890</v>
      </c>
      <c r="G20040" s="8">
        <v>1847</v>
      </c>
      <c r="H20040" s="5">
        <v>5</v>
      </c>
      <c r="I20040" s="5" t="s">
        <v>69</v>
      </c>
      <c r="J20040" s="5" t="s">
        <v>61065</v>
      </c>
      <c r="K20040" s="2" t="s">
        <v>61066</v>
      </c>
      <c r="L20040" s="5" t="s">
        <v>61065</v>
      </c>
      <c r="M20040" s="2" t="s">
        <v>61066</v>
      </c>
      <c r="N20040" s="5" t="s">
        <v>733</v>
      </c>
      <c r="O20040" s="5" t="s">
        <v>38</v>
      </c>
      <c r="P20040" s="5" t="s">
        <v>39</v>
      </c>
      <c r="Q20040" s="5" t="s">
        <v>40</v>
      </c>
      <c r="R20040" s="5" t="s">
        <v>897</v>
      </c>
      <c r="S20040" s="5" t="s">
        <v>40</v>
      </c>
      <c r="T20040" s="5" t="s">
        <v>42</v>
      </c>
      <c r="U20040" s="2">
        <v>66.460999999999999</v>
      </c>
      <c r="V20040" s="2">
        <v>61.738999999999997</v>
      </c>
      <c r="W20040" s="2">
        <v>0.27500000000000002</v>
      </c>
      <c r="X20040" s="2">
        <v>17</v>
      </c>
      <c r="Y20040" s="2">
        <v>144.69999999999999</v>
      </c>
      <c r="Z20040" s="2">
        <v>111.6</v>
      </c>
      <c r="AA20040" s="5">
        <v>7</v>
      </c>
      <c r="AB20040" s="5" t="s">
        <v>43</v>
      </c>
      <c r="AC20040" s="5" t="s">
        <v>735</v>
      </c>
      <c r="AD20040" s="2" t="s">
        <v>63899</v>
      </c>
      <c r="AE20040" s="1"/>
    </row>
    <row r="20041" spans="1:31" ht="14.45">
      <c r="A20041" s="11"/>
      <c r="B20041" s="20"/>
      <c r="C20041" s="2" t="s">
        <v>63900</v>
      </c>
      <c r="D20041" s="14" t="s">
        <v>63901</v>
      </c>
      <c r="E20041" s="2" t="s">
        <v>63902</v>
      </c>
      <c r="F20041" s="2" t="s">
        <v>63903</v>
      </c>
      <c r="G20041" s="8">
        <v>1487</v>
      </c>
      <c r="H20041" s="5">
        <v>10</v>
      </c>
      <c r="I20041" s="5" t="s">
        <v>69</v>
      </c>
      <c r="J20041" s="5" t="s">
        <v>61065</v>
      </c>
      <c r="K20041" s="2" t="s">
        <v>61066</v>
      </c>
      <c r="L20041" s="5" t="s">
        <v>61065</v>
      </c>
      <c r="M20041" s="2" t="s">
        <v>61066</v>
      </c>
      <c r="N20041" s="5" t="s">
        <v>733</v>
      </c>
      <c r="O20041" s="5" t="s">
        <v>38</v>
      </c>
      <c r="P20041" s="5" t="s">
        <v>39</v>
      </c>
      <c r="Q20041" s="5" t="s">
        <v>40</v>
      </c>
      <c r="R20041" s="5" t="s">
        <v>897</v>
      </c>
      <c r="S20041" s="5" t="s">
        <v>40</v>
      </c>
      <c r="T20041" s="5" t="s">
        <v>42</v>
      </c>
      <c r="U20041" s="2">
        <v>61.835000000000001</v>
      </c>
      <c r="V20041" s="2">
        <v>57.13</v>
      </c>
      <c r="W20041" s="2">
        <v>0.27500000000000002</v>
      </c>
      <c r="X20041" s="2">
        <v>17</v>
      </c>
      <c r="Y20041" s="2">
        <v>144.69999999999999</v>
      </c>
      <c r="Z20041" s="2">
        <v>111.6</v>
      </c>
      <c r="AA20041" s="5">
        <v>7</v>
      </c>
      <c r="AB20041" s="5" t="s">
        <v>43</v>
      </c>
      <c r="AC20041" s="5" t="s">
        <v>735</v>
      </c>
      <c r="AD20041" s="2" t="s">
        <v>63904</v>
      </c>
      <c r="AE20041" s="1"/>
    </row>
    <row r="20042" spans="1:31" ht="14.45">
      <c r="A20042" s="11"/>
      <c r="B20042" s="20"/>
      <c r="C20042" s="2" t="s">
        <v>63905</v>
      </c>
      <c r="D20042" s="14" t="s">
        <v>63906</v>
      </c>
      <c r="E20042" s="2" t="s">
        <v>63907</v>
      </c>
      <c r="F20042" s="2" t="s">
        <v>63908</v>
      </c>
      <c r="G20042" s="8">
        <v>1787</v>
      </c>
      <c r="H20042" s="5">
        <v>10</v>
      </c>
      <c r="I20042" s="5" t="s">
        <v>69</v>
      </c>
      <c r="J20042" s="5" t="s">
        <v>61065</v>
      </c>
      <c r="K20042" s="2" t="s">
        <v>61066</v>
      </c>
      <c r="L20042" s="5" t="s">
        <v>61065</v>
      </c>
      <c r="M20042" s="2" t="s">
        <v>61066</v>
      </c>
      <c r="N20042" s="5" t="s">
        <v>733</v>
      </c>
      <c r="O20042" s="5" t="s">
        <v>38</v>
      </c>
      <c r="P20042" s="5" t="s">
        <v>39</v>
      </c>
      <c r="Q20042" s="5" t="s">
        <v>40</v>
      </c>
      <c r="R20042" s="5" t="s">
        <v>897</v>
      </c>
      <c r="S20042" s="5" t="s">
        <v>40</v>
      </c>
      <c r="T20042" s="5" t="s">
        <v>42</v>
      </c>
      <c r="U20042" s="2">
        <v>65.510000000000005</v>
      </c>
      <c r="V20042" s="2">
        <v>60.69</v>
      </c>
      <c r="W20042" s="2">
        <v>0.27500000000000002</v>
      </c>
      <c r="X20042" s="2">
        <v>17</v>
      </c>
      <c r="Y20042" s="2">
        <v>144.69999999999999</v>
      </c>
      <c r="Z20042" s="2">
        <v>111.6</v>
      </c>
      <c r="AA20042" s="5">
        <v>7</v>
      </c>
      <c r="AB20042" s="5" t="s">
        <v>43</v>
      </c>
      <c r="AC20042" s="5" t="s">
        <v>735</v>
      </c>
      <c r="AD20042" s="2" t="s">
        <v>63909</v>
      </c>
      <c r="AE20042" s="1"/>
    </row>
    <row r="20043" spans="1:31" ht="14.45">
      <c r="A20043" s="11"/>
      <c r="B20043" s="20"/>
      <c r="C20043" s="2" t="s">
        <v>63910</v>
      </c>
      <c r="D20043" s="14" t="s">
        <v>63911</v>
      </c>
      <c r="E20043" s="2" t="s">
        <v>63912</v>
      </c>
      <c r="F20043" s="2" t="s">
        <v>63908</v>
      </c>
      <c r="G20043" s="8">
        <v>1787</v>
      </c>
      <c r="H20043" s="5">
        <v>10</v>
      </c>
      <c r="I20043" s="5" t="s">
        <v>69</v>
      </c>
      <c r="J20043" s="5" t="s">
        <v>61065</v>
      </c>
      <c r="K20043" s="2" t="s">
        <v>61066</v>
      </c>
      <c r="L20043" s="5" t="s">
        <v>61065</v>
      </c>
      <c r="M20043" s="2" t="s">
        <v>61066</v>
      </c>
      <c r="N20043" s="5" t="s">
        <v>733</v>
      </c>
      <c r="O20043" s="5" t="s">
        <v>38</v>
      </c>
      <c r="P20043" s="5" t="s">
        <v>39</v>
      </c>
      <c r="Q20043" s="5" t="s">
        <v>40</v>
      </c>
      <c r="R20043" s="5" t="s">
        <v>897</v>
      </c>
      <c r="S20043" s="5" t="s">
        <v>40</v>
      </c>
      <c r="T20043" s="5" t="s">
        <v>42</v>
      </c>
      <c r="U20043" s="2">
        <v>64.247</v>
      </c>
      <c r="V20043" s="2">
        <v>59.258000000000003</v>
      </c>
      <c r="W20043" s="2">
        <v>0.27500000000000002</v>
      </c>
      <c r="X20043" s="2">
        <v>17</v>
      </c>
      <c r="Y20043" s="2">
        <v>144.69999999999999</v>
      </c>
      <c r="Z20043" s="2">
        <v>111.6</v>
      </c>
      <c r="AA20043" s="5">
        <v>7</v>
      </c>
      <c r="AB20043" s="5" t="s">
        <v>43</v>
      </c>
      <c r="AC20043" s="5" t="s">
        <v>735</v>
      </c>
      <c r="AD20043" s="2" t="s">
        <v>63913</v>
      </c>
      <c r="AE20043" s="1"/>
    </row>
    <row r="20044" spans="1:31" ht="14.45">
      <c r="A20044" s="11"/>
      <c r="B20044" s="20"/>
      <c r="C20044" s="2" t="s">
        <v>63914</v>
      </c>
      <c r="D20044" s="14" t="s">
        <v>63915</v>
      </c>
      <c r="E20044" s="2" t="s">
        <v>63916</v>
      </c>
      <c r="F20044" s="2" t="s">
        <v>63917</v>
      </c>
      <c r="G20044" s="8">
        <v>1120</v>
      </c>
      <c r="H20044" s="5">
        <v>5</v>
      </c>
      <c r="I20044" s="5" t="s">
        <v>69</v>
      </c>
      <c r="J20044" s="5" t="s">
        <v>61065</v>
      </c>
      <c r="K20044" s="2" t="s">
        <v>61066</v>
      </c>
      <c r="L20044" s="5" t="s">
        <v>61065</v>
      </c>
      <c r="M20044" s="2" t="s">
        <v>61066</v>
      </c>
      <c r="N20044" s="5" t="s">
        <v>733</v>
      </c>
      <c r="O20044" s="5" t="s">
        <v>38</v>
      </c>
      <c r="P20044" s="5" t="s">
        <v>39</v>
      </c>
      <c r="Q20044" s="5" t="s">
        <v>40</v>
      </c>
      <c r="R20044" s="5" t="s">
        <v>897</v>
      </c>
      <c r="S20044" s="5" t="s">
        <v>40</v>
      </c>
      <c r="T20044" s="5" t="s">
        <v>42</v>
      </c>
      <c r="U20044" s="2">
        <v>62.167999999999999</v>
      </c>
      <c r="V20044" s="2">
        <v>57.469000000000001</v>
      </c>
      <c r="W20044" s="2">
        <v>0.27500000000000002</v>
      </c>
      <c r="X20044" s="2">
        <v>17</v>
      </c>
      <c r="Y20044" s="2">
        <v>144.69999999999999</v>
      </c>
      <c r="Z20044" s="2">
        <v>111.6</v>
      </c>
      <c r="AA20044" s="5">
        <v>7</v>
      </c>
      <c r="AB20044" s="5" t="s">
        <v>43</v>
      </c>
      <c r="AC20044" s="5" t="s">
        <v>735</v>
      </c>
      <c r="AD20044" s="2" t="s">
        <v>63918</v>
      </c>
      <c r="AE20044" s="1"/>
    </row>
    <row r="20045" spans="1:31" ht="14.45">
      <c r="A20045" s="11"/>
      <c r="B20045" s="20"/>
      <c r="C20045" s="2" t="s">
        <v>63919</v>
      </c>
      <c r="D20045" s="14" t="s">
        <v>63920</v>
      </c>
      <c r="E20045" s="2" t="s">
        <v>63921</v>
      </c>
      <c r="F20045" s="2" t="s">
        <v>63917</v>
      </c>
      <c r="G20045" s="8">
        <v>1420</v>
      </c>
      <c r="H20045" s="5">
        <v>5</v>
      </c>
      <c r="I20045" s="5" t="s">
        <v>69</v>
      </c>
      <c r="J20045" s="5" t="s">
        <v>61065</v>
      </c>
      <c r="K20045" s="2" t="s">
        <v>61066</v>
      </c>
      <c r="L20045" s="5" t="s">
        <v>61065</v>
      </c>
      <c r="M20045" s="2" t="s">
        <v>61066</v>
      </c>
      <c r="N20045" s="5" t="s">
        <v>733</v>
      </c>
      <c r="O20045" s="5" t="s">
        <v>38</v>
      </c>
      <c r="P20045" s="5" t="s">
        <v>39</v>
      </c>
      <c r="Q20045" s="5" t="s">
        <v>40</v>
      </c>
      <c r="R20045" s="5" t="s">
        <v>897</v>
      </c>
      <c r="S20045" s="5" t="s">
        <v>40</v>
      </c>
      <c r="T20045" s="5" t="s">
        <v>42</v>
      </c>
      <c r="U20045" s="2">
        <v>65.790000000000006</v>
      </c>
      <c r="V20045" s="2">
        <v>60.97</v>
      </c>
      <c r="W20045" s="2">
        <v>0.27500000000000002</v>
      </c>
      <c r="X20045" s="2">
        <v>17</v>
      </c>
      <c r="Y20045" s="2">
        <v>144.69999999999999</v>
      </c>
      <c r="Z20045" s="2">
        <v>111.6</v>
      </c>
      <c r="AA20045" s="5">
        <v>7</v>
      </c>
      <c r="AB20045" s="5" t="s">
        <v>43</v>
      </c>
      <c r="AC20045" s="5" t="s">
        <v>735</v>
      </c>
      <c r="AD20045" s="2" t="s">
        <v>63922</v>
      </c>
      <c r="AE20045" s="1"/>
    </row>
    <row r="20046" spans="1:31" ht="14.45">
      <c r="A20046" s="11"/>
      <c r="B20046" s="20"/>
      <c r="C20046" s="2" t="s">
        <v>63923</v>
      </c>
      <c r="D20046" s="14" t="s">
        <v>63924</v>
      </c>
      <c r="E20046" s="2" t="s">
        <v>63925</v>
      </c>
      <c r="F20046" s="2" t="s">
        <v>63917</v>
      </c>
      <c r="G20046" s="8">
        <v>1420</v>
      </c>
      <c r="H20046" s="5">
        <v>10</v>
      </c>
      <c r="I20046" s="5" t="s">
        <v>69</v>
      </c>
      <c r="J20046" s="5" t="s">
        <v>61065</v>
      </c>
      <c r="K20046" s="2" t="s">
        <v>61066</v>
      </c>
      <c r="L20046" s="5" t="s">
        <v>61065</v>
      </c>
      <c r="M20046" s="2" t="s">
        <v>61066</v>
      </c>
      <c r="N20046" s="5" t="s">
        <v>733</v>
      </c>
      <c r="O20046" s="5" t="s">
        <v>38</v>
      </c>
      <c r="P20046" s="5" t="s">
        <v>39</v>
      </c>
      <c r="Q20046" s="5" t="s">
        <v>40</v>
      </c>
      <c r="R20046" s="5" t="s">
        <v>897</v>
      </c>
      <c r="S20046" s="5" t="s">
        <v>40</v>
      </c>
      <c r="T20046" s="5" t="s">
        <v>42</v>
      </c>
      <c r="U20046" s="2">
        <v>64.515000000000001</v>
      </c>
      <c r="V20046" s="2">
        <v>59.526000000000003</v>
      </c>
      <c r="W20046" s="2">
        <v>0.27500000000000002</v>
      </c>
      <c r="X20046" s="2">
        <v>17</v>
      </c>
      <c r="Y20046" s="2">
        <v>144.69999999999999</v>
      </c>
      <c r="Z20046" s="2">
        <v>111.6</v>
      </c>
      <c r="AA20046" s="5">
        <v>7</v>
      </c>
      <c r="AB20046" s="5" t="s">
        <v>43</v>
      </c>
      <c r="AC20046" s="5" t="s">
        <v>735</v>
      </c>
      <c r="AD20046" s="2" t="s">
        <v>63926</v>
      </c>
      <c r="AE20046" s="1"/>
    </row>
    <row r="20047" spans="1:31" ht="14.45">
      <c r="A20047" s="11"/>
      <c r="B20047" s="20"/>
      <c r="C20047" s="2" t="s">
        <v>63927</v>
      </c>
      <c r="D20047" s="14" t="s">
        <v>63928</v>
      </c>
      <c r="E20047" s="2" t="s">
        <v>63929</v>
      </c>
      <c r="F20047" s="2" t="s">
        <v>63930</v>
      </c>
      <c r="G20047" s="8">
        <v>894</v>
      </c>
      <c r="H20047" s="5">
        <v>5</v>
      </c>
      <c r="I20047" s="5" t="s">
        <v>69</v>
      </c>
      <c r="J20047" s="5" t="s">
        <v>61065</v>
      </c>
      <c r="K20047" s="2" t="s">
        <v>61066</v>
      </c>
      <c r="L20047" s="5" t="s">
        <v>61065</v>
      </c>
      <c r="M20047" s="2" t="s">
        <v>61066</v>
      </c>
      <c r="N20047" s="5" t="s">
        <v>733</v>
      </c>
      <c r="O20047" s="5" t="s">
        <v>38</v>
      </c>
      <c r="P20047" s="5" t="s">
        <v>39</v>
      </c>
      <c r="Q20047" s="5" t="s">
        <v>40</v>
      </c>
      <c r="R20047" s="5" t="s">
        <v>897</v>
      </c>
      <c r="S20047" s="5" t="s">
        <v>40</v>
      </c>
      <c r="T20047" s="5" t="s">
        <v>42</v>
      </c>
      <c r="U20047" s="2">
        <v>53.926000000000002</v>
      </c>
      <c r="V20047" s="2">
        <v>49.216000000000001</v>
      </c>
      <c r="W20047" s="2">
        <v>0.27500000000000002</v>
      </c>
      <c r="X20047" s="2">
        <v>17</v>
      </c>
      <c r="Y20047" s="2">
        <v>144.69999999999999</v>
      </c>
      <c r="Z20047" s="2">
        <v>111.6</v>
      </c>
      <c r="AA20047" s="5">
        <v>7</v>
      </c>
      <c r="AB20047" s="5" t="s">
        <v>43</v>
      </c>
      <c r="AC20047" s="5" t="s">
        <v>735</v>
      </c>
      <c r="AD20047" s="2" t="s">
        <v>63931</v>
      </c>
      <c r="AE20047" s="1"/>
    </row>
    <row r="20048" spans="1:31" ht="14.45">
      <c r="A20048" s="11"/>
      <c r="B20048" s="20"/>
      <c r="C20048" s="2" t="s">
        <v>63932</v>
      </c>
      <c r="D20048" s="14" t="s">
        <v>63933</v>
      </c>
      <c r="E20048" s="2" t="s">
        <v>63934</v>
      </c>
      <c r="F20048" s="2" t="s">
        <v>63930</v>
      </c>
      <c r="G20048" s="8">
        <v>1194</v>
      </c>
      <c r="H20048" s="5">
        <v>5</v>
      </c>
      <c r="I20048" s="5" t="s">
        <v>69</v>
      </c>
      <c r="J20048" s="5" t="s">
        <v>61065</v>
      </c>
      <c r="K20048" s="2" t="s">
        <v>61066</v>
      </c>
      <c r="L20048" s="5" t="s">
        <v>61065</v>
      </c>
      <c r="M20048" s="2" t="s">
        <v>61066</v>
      </c>
      <c r="N20048" s="5" t="s">
        <v>733</v>
      </c>
      <c r="O20048" s="5" t="s">
        <v>38</v>
      </c>
      <c r="P20048" s="5" t="s">
        <v>39</v>
      </c>
      <c r="Q20048" s="5" t="s">
        <v>40</v>
      </c>
      <c r="R20048" s="5" t="s">
        <v>897</v>
      </c>
      <c r="S20048" s="5" t="s">
        <v>40</v>
      </c>
      <c r="T20048" s="5" t="s">
        <v>42</v>
      </c>
      <c r="U20048" s="2">
        <v>57.71</v>
      </c>
      <c r="V20048" s="2">
        <v>52.856000000000002</v>
      </c>
      <c r="W20048" s="2">
        <v>0.27500000000000002</v>
      </c>
      <c r="X20048" s="2">
        <v>17</v>
      </c>
      <c r="Y20048" s="2">
        <v>144.69999999999999</v>
      </c>
      <c r="Z20048" s="2">
        <v>111.6</v>
      </c>
      <c r="AA20048" s="5">
        <v>7</v>
      </c>
      <c r="AB20048" s="5" t="s">
        <v>43</v>
      </c>
      <c r="AC20048" s="5" t="s">
        <v>735</v>
      </c>
      <c r="AD20048" s="2" t="s">
        <v>63935</v>
      </c>
      <c r="AE20048" s="1"/>
    </row>
    <row r="20049" spans="1:31" ht="14.45">
      <c r="A20049" s="11"/>
      <c r="B20049" s="20"/>
      <c r="C20049" s="2" t="s">
        <v>63936</v>
      </c>
      <c r="D20049" s="14" t="s">
        <v>63937</v>
      </c>
      <c r="E20049" s="2" t="s">
        <v>63938</v>
      </c>
      <c r="F20049" s="2" t="s">
        <v>63930</v>
      </c>
      <c r="G20049" s="8">
        <v>1194</v>
      </c>
      <c r="H20049" s="5">
        <v>5</v>
      </c>
      <c r="I20049" s="5" t="s">
        <v>69</v>
      </c>
      <c r="J20049" s="5" t="s">
        <v>61065</v>
      </c>
      <c r="K20049" s="2" t="s">
        <v>61066</v>
      </c>
      <c r="L20049" s="5" t="s">
        <v>61065</v>
      </c>
      <c r="M20049" s="2" t="s">
        <v>61066</v>
      </c>
      <c r="N20049" s="5" t="s">
        <v>733</v>
      </c>
      <c r="O20049" s="5" t="s">
        <v>38</v>
      </c>
      <c r="P20049" s="5" t="s">
        <v>39</v>
      </c>
      <c r="Q20049" s="5" t="s">
        <v>40</v>
      </c>
      <c r="R20049" s="5" t="s">
        <v>897</v>
      </c>
      <c r="S20049" s="5" t="s">
        <v>40</v>
      </c>
      <c r="T20049" s="5" t="s">
        <v>42</v>
      </c>
      <c r="U20049" s="2">
        <v>56.381999999999998</v>
      </c>
      <c r="V20049" s="2">
        <v>51.359000000000002</v>
      </c>
      <c r="W20049" s="2">
        <v>0.27500000000000002</v>
      </c>
      <c r="X20049" s="2">
        <v>17</v>
      </c>
      <c r="Y20049" s="2">
        <v>144.69999999999999</v>
      </c>
      <c r="Z20049" s="2">
        <v>111.6</v>
      </c>
      <c r="AA20049" s="5">
        <v>7</v>
      </c>
      <c r="AB20049" s="5" t="s">
        <v>43</v>
      </c>
      <c r="AC20049" s="5" t="s">
        <v>735</v>
      </c>
      <c r="AD20049" s="2" t="s">
        <v>63939</v>
      </c>
      <c r="AE20049" s="1"/>
    </row>
    <row r="20050" spans="1:31" ht="14.45">
      <c r="A20050" s="11"/>
      <c r="B20050" s="20"/>
      <c r="C20050" s="2" t="s">
        <v>63940</v>
      </c>
      <c r="D20050" s="14" t="s">
        <v>63941</v>
      </c>
      <c r="E20050" s="2" t="s">
        <v>63942</v>
      </c>
      <c r="F20050" s="2" t="s">
        <v>63930</v>
      </c>
      <c r="G20050" s="8">
        <v>1441</v>
      </c>
      <c r="H20050" s="5">
        <v>5</v>
      </c>
      <c r="I20050" s="5" t="s">
        <v>69</v>
      </c>
      <c r="J20050" s="5" t="s">
        <v>61065</v>
      </c>
      <c r="K20050" s="2" t="s">
        <v>61066</v>
      </c>
      <c r="L20050" s="5" t="s">
        <v>61065</v>
      </c>
      <c r="M20050" s="2" t="s">
        <v>61066</v>
      </c>
      <c r="N20050" s="5" t="s">
        <v>733</v>
      </c>
      <c r="O20050" s="5" t="s">
        <v>38</v>
      </c>
      <c r="P20050" s="5" t="s">
        <v>39</v>
      </c>
      <c r="Q20050" s="5" t="s">
        <v>40</v>
      </c>
      <c r="R20050" s="5" t="s">
        <v>897</v>
      </c>
      <c r="S20050" s="5" t="s">
        <v>40</v>
      </c>
      <c r="T20050" s="5" t="s">
        <v>42</v>
      </c>
      <c r="U20050" s="2">
        <v>58.430999999999997</v>
      </c>
      <c r="V20050" s="2">
        <v>53.68</v>
      </c>
      <c r="W20050" s="2">
        <v>0.27500000000000002</v>
      </c>
      <c r="X20050" s="2">
        <v>17</v>
      </c>
      <c r="Y20050" s="2">
        <v>144.69999999999999</v>
      </c>
      <c r="Z20050" s="2">
        <v>111.6</v>
      </c>
      <c r="AA20050" s="5">
        <v>7</v>
      </c>
      <c r="AB20050" s="5" t="s">
        <v>43</v>
      </c>
      <c r="AC20050" s="5" t="s">
        <v>735</v>
      </c>
      <c r="AD20050" s="2" t="s">
        <v>63943</v>
      </c>
      <c r="AE20050" s="1"/>
    </row>
    <row r="20051" spans="1:31" ht="14.45">
      <c r="A20051" s="11"/>
      <c r="B20051" s="20"/>
      <c r="C20051" s="2" t="s">
        <v>63944</v>
      </c>
      <c r="D20051" s="14" t="s">
        <v>63945</v>
      </c>
      <c r="E20051" s="2" t="s">
        <v>63946</v>
      </c>
      <c r="F20051" s="2" t="s">
        <v>63947</v>
      </c>
      <c r="G20051" s="8">
        <v>1493</v>
      </c>
      <c r="H20051" s="5">
        <v>10</v>
      </c>
      <c r="I20051" s="5" t="s">
        <v>69</v>
      </c>
      <c r="J20051" s="5" t="s">
        <v>61065</v>
      </c>
      <c r="K20051" s="2" t="s">
        <v>61066</v>
      </c>
      <c r="L20051" s="5" t="s">
        <v>61065</v>
      </c>
      <c r="M20051" s="2" t="s">
        <v>61066</v>
      </c>
      <c r="N20051" s="5" t="s">
        <v>733</v>
      </c>
      <c r="O20051" s="5" t="s">
        <v>38</v>
      </c>
      <c r="P20051" s="5" t="s">
        <v>39</v>
      </c>
      <c r="Q20051" s="5" t="s">
        <v>40</v>
      </c>
      <c r="R20051" s="5" t="s">
        <v>897</v>
      </c>
      <c r="S20051" s="5" t="s">
        <v>40</v>
      </c>
      <c r="T20051" s="5" t="s">
        <v>42</v>
      </c>
      <c r="U20051" s="2">
        <v>55.774000000000001</v>
      </c>
      <c r="V20051" s="2">
        <v>51.040999999999997</v>
      </c>
      <c r="W20051" s="2">
        <v>0.27500000000000002</v>
      </c>
      <c r="X20051" s="2">
        <v>17</v>
      </c>
      <c r="Y20051" s="2">
        <v>144.69999999999999</v>
      </c>
      <c r="Z20051" s="2">
        <v>111.6</v>
      </c>
      <c r="AA20051" s="5">
        <v>7</v>
      </c>
      <c r="AB20051" s="5" t="s">
        <v>43</v>
      </c>
      <c r="AC20051" s="5" t="s">
        <v>735</v>
      </c>
      <c r="AD20051" s="2" t="s">
        <v>63948</v>
      </c>
      <c r="AE20051" s="1"/>
    </row>
    <row r="20052" spans="1:31" ht="14.45">
      <c r="A20052" s="11"/>
      <c r="B20052" s="20"/>
      <c r="C20052" s="2" t="s">
        <v>63949</v>
      </c>
      <c r="D20052" s="14" t="s">
        <v>63950</v>
      </c>
      <c r="E20052" s="2" t="s">
        <v>63951</v>
      </c>
      <c r="F20052" s="2" t="s">
        <v>63952</v>
      </c>
      <c r="G20052" s="8">
        <v>1182</v>
      </c>
      <c r="H20052" s="5">
        <v>5</v>
      </c>
      <c r="I20052" s="5" t="s">
        <v>69</v>
      </c>
      <c r="J20052" s="5" t="s">
        <v>61065</v>
      </c>
      <c r="K20052" s="2" t="s">
        <v>61066</v>
      </c>
      <c r="L20052" s="5" t="s">
        <v>61065</v>
      </c>
      <c r="M20052" s="2" t="s">
        <v>61066</v>
      </c>
      <c r="N20052" s="5" t="s">
        <v>733</v>
      </c>
      <c r="O20052" s="5" t="s">
        <v>38</v>
      </c>
      <c r="P20052" s="5" t="s">
        <v>39</v>
      </c>
      <c r="Q20052" s="5" t="s">
        <v>40</v>
      </c>
      <c r="R20052" s="5" t="s">
        <v>897</v>
      </c>
      <c r="S20052" s="5" t="s">
        <v>40</v>
      </c>
      <c r="T20052" s="5" t="s">
        <v>42</v>
      </c>
      <c r="U20052" s="2">
        <v>61.994</v>
      </c>
      <c r="V20052" s="2">
        <v>57.298000000000002</v>
      </c>
      <c r="W20052" s="2">
        <v>0.27500000000000002</v>
      </c>
      <c r="X20052" s="2">
        <v>17</v>
      </c>
      <c r="Y20052" s="2">
        <v>144.69999999999999</v>
      </c>
      <c r="Z20052" s="2">
        <v>111.6</v>
      </c>
      <c r="AA20052" s="5">
        <v>7</v>
      </c>
      <c r="AB20052" s="5" t="s">
        <v>43</v>
      </c>
      <c r="AC20052" s="5" t="s">
        <v>735</v>
      </c>
      <c r="AD20052" s="2" t="s">
        <v>63953</v>
      </c>
      <c r="AE20052" s="1"/>
    </row>
    <row r="20053" spans="1:31" ht="14.45">
      <c r="A20053" s="11"/>
      <c r="B20053" s="20"/>
      <c r="C20053" s="2" t="s">
        <v>63954</v>
      </c>
      <c r="D20053" s="14" t="s">
        <v>63955</v>
      </c>
      <c r="E20053" s="2" t="s">
        <v>63956</v>
      </c>
      <c r="F20053" s="2" t="s">
        <v>63952</v>
      </c>
      <c r="G20053" s="8">
        <v>1482</v>
      </c>
      <c r="H20053" s="5">
        <v>5</v>
      </c>
      <c r="I20053" s="5" t="s">
        <v>69</v>
      </c>
      <c r="J20053" s="5" t="s">
        <v>61065</v>
      </c>
      <c r="K20053" s="2" t="s">
        <v>61066</v>
      </c>
      <c r="L20053" s="5" t="s">
        <v>61065</v>
      </c>
      <c r="M20053" s="2" t="s">
        <v>61066</v>
      </c>
      <c r="N20053" s="5" t="s">
        <v>733</v>
      </c>
      <c r="O20053" s="5" t="s">
        <v>38</v>
      </c>
      <c r="P20053" s="5" t="s">
        <v>39</v>
      </c>
      <c r="Q20053" s="5" t="s">
        <v>40</v>
      </c>
      <c r="R20053" s="5" t="s">
        <v>897</v>
      </c>
      <c r="S20053" s="5" t="s">
        <v>40</v>
      </c>
      <c r="T20053" s="5" t="s">
        <v>42</v>
      </c>
      <c r="U20053" s="2">
        <v>65.677999999999997</v>
      </c>
      <c r="V20053" s="2">
        <v>60.857999999999997</v>
      </c>
      <c r="W20053" s="2">
        <v>0.27500000000000002</v>
      </c>
      <c r="X20053" s="2">
        <v>17</v>
      </c>
      <c r="Y20053" s="2">
        <v>144.69999999999999</v>
      </c>
      <c r="Z20053" s="2">
        <v>111.6</v>
      </c>
      <c r="AA20053" s="5">
        <v>7</v>
      </c>
      <c r="AB20053" s="5" t="s">
        <v>43</v>
      </c>
      <c r="AC20053" s="5" t="s">
        <v>735</v>
      </c>
      <c r="AD20053" s="2" t="s">
        <v>63957</v>
      </c>
      <c r="AE20053" s="1"/>
    </row>
    <row r="20054" spans="1:31" ht="14.45">
      <c r="A20054" s="11"/>
      <c r="B20054" s="20"/>
      <c r="C20054" s="2" t="s">
        <v>63958</v>
      </c>
      <c r="D20054" s="14" t="s">
        <v>63959</v>
      </c>
      <c r="E20054" s="2" t="s">
        <v>63960</v>
      </c>
      <c r="F20054" s="2" t="s">
        <v>63952</v>
      </c>
      <c r="G20054" s="8">
        <v>1482</v>
      </c>
      <c r="H20054" s="5">
        <v>10</v>
      </c>
      <c r="I20054" s="5" t="s">
        <v>69</v>
      </c>
      <c r="J20054" s="5" t="s">
        <v>61065</v>
      </c>
      <c r="K20054" s="2" t="s">
        <v>61066</v>
      </c>
      <c r="L20054" s="5" t="s">
        <v>61065</v>
      </c>
      <c r="M20054" s="2" t="s">
        <v>61066</v>
      </c>
      <c r="N20054" s="5" t="s">
        <v>733</v>
      </c>
      <c r="O20054" s="5" t="s">
        <v>38</v>
      </c>
      <c r="P20054" s="5" t="s">
        <v>39</v>
      </c>
      <c r="Q20054" s="5" t="s">
        <v>40</v>
      </c>
      <c r="R20054" s="5" t="s">
        <v>897</v>
      </c>
      <c r="S20054" s="5" t="s">
        <v>40</v>
      </c>
      <c r="T20054" s="5" t="s">
        <v>42</v>
      </c>
      <c r="U20054" s="2">
        <v>64.403000000000006</v>
      </c>
      <c r="V20054" s="2">
        <v>59.414000000000001</v>
      </c>
      <c r="W20054" s="2">
        <v>0.27500000000000002</v>
      </c>
      <c r="X20054" s="2">
        <v>17</v>
      </c>
      <c r="Y20054" s="2">
        <v>144.69999999999999</v>
      </c>
      <c r="Z20054" s="2">
        <v>111.6</v>
      </c>
      <c r="AA20054" s="5">
        <v>7</v>
      </c>
      <c r="AB20054" s="5" t="s">
        <v>43</v>
      </c>
      <c r="AC20054" s="5" t="s">
        <v>735</v>
      </c>
      <c r="AD20054" s="2" t="s">
        <v>63961</v>
      </c>
      <c r="AE20054" s="1"/>
    </row>
    <row r="20055" spans="1:31" ht="14.45">
      <c r="A20055" s="5"/>
      <c r="B20055" s="21"/>
      <c r="C20055" s="2" t="s">
        <v>63962</v>
      </c>
      <c r="D20055" s="14" t="s">
        <v>63963</v>
      </c>
      <c r="E20055" s="2" t="s">
        <v>63964</v>
      </c>
      <c r="F20055" s="2" t="s">
        <v>63965</v>
      </c>
      <c r="G20055" s="8">
        <v>1729</v>
      </c>
      <c r="H20055" s="5">
        <v>5</v>
      </c>
      <c r="I20055" s="5" t="s">
        <v>69</v>
      </c>
      <c r="J20055" s="5" t="s">
        <v>61065</v>
      </c>
      <c r="K20055" s="2" t="s">
        <v>61066</v>
      </c>
      <c r="L20055" s="5" t="s">
        <v>61065</v>
      </c>
      <c r="M20055" s="2" t="s">
        <v>61066</v>
      </c>
      <c r="N20055" s="5" t="s">
        <v>733</v>
      </c>
      <c r="O20055" s="5" t="s">
        <v>38</v>
      </c>
      <c r="P20055" s="5" t="s">
        <v>39</v>
      </c>
      <c r="Q20055" s="5" t="s">
        <v>40</v>
      </c>
      <c r="R20055" s="5" t="s">
        <v>897</v>
      </c>
      <c r="S20055" s="5" t="s">
        <v>40</v>
      </c>
      <c r="T20055" s="5" t="s">
        <v>42</v>
      </c>
      <c r="U20055" s="2">
        <v>66.411000000000001</v>
      </c>
      <c r="V20055" s="2">
        <v>61.689</v>
      </c>
      <c r="W20055" s="2">
        <v>0.27500000000000002</v>
      </c>
      <c r="X20055" s="2">
        <v>17</v>
      </c>
      <c r="Y20055" s="2">
        <v>144.69999999999999</v>
      </c>
      <c r="Z20055" s="2">
        <v>111.6</v>
      </c>
      <c r="AA20055" s="5">
        <v>7</v>
      </c>
      <c r="AB20055" s="5" t="s">
        <v>43</v>
      </c>
      <c r="AC20055" s="5" t="s">
        <v>735</v>
      </c>
      <c r="AD20055" s="2"/>
      <c r="AE20055" s="1"/>
    </row>
    <row r="20056" spans="1:31" ht="14.45">
      <c r="A20056" s="11"/>
      <c r="B20056" s="20"/>
      <c r="C20056" s="2" t="s">
        <v>63966</v>
      </c>
      <c r="D20056" s="14" t="s">
        <v>63967</v>
      </c>
      <c r="E20056" s="2" t="s">
        <v>63968</v>
      </c>
      <c r="F20056" s="2" t="s">
        <v>63969</v>
      </c>
      <c r="G20056" s="8">
        <v>1768</v>
      </c>
      <c r="H20056" s="5">
        <v>5</v>
      </c>
      <c r="I20056" s="5" t="s">
        <v>69</v>
      </c>
      <c r="J20056" s="5" t="s">
        <v>61065</v>
      </c>
      <c r="K20056" s="2" t="s">
        <v>61066</v>
      </c>
      <c r="L20056" s="5" t="s">
        <v>61065</v>
      </c>
      <c r="M20056" s="2" t="s">
        <v>61066</v>
      </c>
      <c r="N20056" s="5" t="s">
        <v>733</v>
      </c>
      <c r="O20056" s="5" t="s">
        <v>38</v>
      </c>
      <c r="P20056" s="5" t="s">
        <v>39</v>
      </c>
      <c r="Q20056" s="5" t="s">
        <v>40</v>
      </c>
      <c r="R20056" s="5" t="s">
        <v>897</v>
      </c>
      <c r="S20056" s="5" t="s">
        <v>40</v>
      </c>
      <c r="T20056" s="5" t="s">
        <v>42</v>
      </c>
      <c r="U20056" s="2">
        <v>65.900999999999996</v>
      </c>
      <c r="V20056" s="2">
        <v>61.195999999999998</v>
      </c>
      <c r="W20056" s="2">
        <v>0.27500000000000002</v>
      </c>
      <c r="X20056" s="2">
        <v>17</v>
      </c>
      <c r="Y20056" s="2">
        <v>144.69999999999999</v>
      </c>
      <c r="Z20056" s="2">
        <v>111.6</v>
      </c>
      <c r="AA20056" s="5">
        <v>7</v>
      </c>
      <c r="AB20056" s="5" t="s">
        <v>43</v>
      </c>
      <c r="AC20056" s="5" t="s">
        <v>735</v>
      </c>
      <c r="AD20056" s="2" t="s">
        <v>63970</v>
      </c>
      <c r="AE20056" s="1"/>
    </row>
    <row r="20057" spans="1:31" ht="14.45">
      <c r="A20057" s="11"/>
      <c r="B20057" s="20"/>
      <c r="C20057" s="2" t="s">
        <v>63971</v>
      </c>
      <c r="D20057" s="14" t="s">
        <v>63972</v>
      </c>
      <c r="E20057" s="2" t="s">
        <v>63973</v>
      </c>
      <c r="F20057" s="2" t="s">
        <v>63974</v>
      </c>
      <c r="G20057" s="8">
        <v>2068</v>
      </c>
      <c r="H20057" s="5">
        <v>10</v>
      </c>
      <c r="I20057" s="5" t="s">
        <v>69</v>
      </c>
      <c r="J20057" s="5" t="s">
        <v>61065</v>
      </c>
      <c r="K20057" s="2" t="s">
        <v>61066</v>
      </c>
      <c r="L20057" s="5" t="s">
        <v>61065</v>
      </c>
      <c r="M20057" s="2" t="s">
        <v>61066</v>
      </c>
      <c r="N20057" s="5" t="s">
        <v>733</v>
      </c>
      <c r="O20057" s="5" t="s">
        <v>38</v>
      </c>
      <c r="P20057" s="5" t="s">
        <v>39</v>
      </c>
      <c r="Q20057" s="5" t="s">
        <v>40</v>
      </c>
      <c r="R20057" s="5" t="s">
        <v>897</v>
      </c>
      <c r="S20057" s="5" t="s">
        <v>40</v>
      </c>
      <c r="T20057" s="5" t="s">
        <v>42</v>
      </c>
      <c r="U20057" s="2">
        <v>69.575999999999993</v>
      </c>
      <c r="V20057" s="2">
        <v>64.756</v>
      </c>
      <c r="W20057" s="2">
        <v>0.27500000000000002</v>
      </c>
      <c r="X20057" s="2">
        <v>17</v>
      </c>
      <c r="Y20057" s="2">
        <v>144.69999999999999</v>
      </c>
      <c r="Z20057" s="2">
        <v>111.6</v>
      </c>
      <c r="AA20057" s="5">
        <v>7</v>
      </c>
      <c r="AB20057" s="5" t="s">
        <v>43</v>
      </c>
      <c r="AC20057" s="5" t="s">
        <v>735</v>
      </c>
      <c r="AD20057" s="2" t="s">
        <v>63975</v>
      </c>
      <c r="AE20057" s="1"/>
    </row>
    <row r="20058" spans="1:31" ht="14.45">
      <c r="A20058" s="11"/>
      <c r="B20058" s="20"/>
      <c r="C20058" s="2" t="s">
        <v>63976</v>
      </c>
      <c r="D20058" s="14" t="s">
        <v>63977</v>
      </c>
      <c r="E20058" s="2" t="s">
        <v>63978</v>
      </c>
      <c r="F20058" s="2" t="s">
        <v>63974</v>
      </c>
      <c r="G20058" s="8">
        <v>2068</v>
      </c>
      <c r="H20058" s="5">
        <v>10</v>
      </c>
      <c r="I20058" s="5" t="s">
        <v>69</v>
      </c>
      <c r="J20058" s="5" t="s">
        <v>61065</v>
      </c>
      <c r="K20058" s="2" t="s">
        <v>61066</v>
      </c>
      <c r="L20058" s="5" t="s">
        <v>61065</v>
      </c>
      <c r="M20058" s="2" t="s">
        <v>61066</v>
      </c>
      <c r="N20058" s="5" t="s">
        <v>733</v>
      </c>
      <c r="O20058" s="5" t="s">
        <v>38</v>
      </c>
      <c r="P20058" s="5" t="s">
        <v>39</v>
      </c>
      <c r="Q20058" s="5" t="s">
        <v>40</v>
      </c>
      <c r="R20058" s="5" t="s">
        <v>897</v>
      </c>
      <c r="S20058" s="5" t="s">
        <v>40</v>
      </c>
      <c r="T20058" s="5" t="s">
        <v>42</v>
      </c>
      <c r="U20058" s="2">
        <v>68.316999999999993</v>
      </c>
      <c r="V20058" s="2">
        <v>63.328000000000003</v>
      </c>
      <c r="W20058" s="2">
        <v>0.27500000000000002</v>
      </c>
      <c r="X20058" s="2">
        <v>17</v>
      </c>
      <c r="Y20058" s="2">
        <v>144.69999999999999</v>
      </c>
      <c r="Z20058" s="2">
        <v>111.6</v>
      </c>
      <c r="AA20058" s="5">
        <v>7</v>
      </c>
      <c r="AB20058" s="5" t="s">
        <v>43</v>
      </c>
      <c r="AC20058" s="5" t="s">
        <v>735</v>
      </c>
      <c r="AD20058" s="2" t="s">
        <v>63979</v>
      </c>
      <c r="AE20058" s="1"/>
    </row>
    <row r="20059" spans="1:31" ht="14.45">
      <c r="A20059" s="11"/>
      <c r="B20059" s="20"/>
      <c r="C20059" s="2" t="s">
        <v>63980</v>
      </c>
      <c r="D20059" s="14" t="s">
        <v>63981</v>
      </c>
      <c r="E20059" s="2" t="s">
        <v>63982</v>
      </c>
      <c r="F20059" s="2" t="s">
        <v>63983</v>
      </c>
      <c r="G20059" s="8">
        <v>1362</v>
      </c>
      <c r="H20059" s="5">
        <v>5</v>
      </c>
      <c r="I20059" s="5" t="s">
        <v>69</v>
      </c>
      <c r="J20059" s="5" t="s">
        <v>61065</v>
      </c>
      <c r="K20059" s="2" t="s">
        <v>61066</v>
      </c>
      <c r="L20059" s="5" t="s">
        <v>61065</v>
      </c>
      <c r="M20059" s="2" t="s">
        <v>61066</v>
      </c>
      <c r="N20059" s="5" t="s">
        <v>733</v>
      </c>
      <c r="O20059" s="5" t="s">
        <v>38</v>
      </c>
      <c r="P20059" s="5" t="s">
        <v>39</v>
      </c>
      <c r="Q20059" s="5" t="s">
        <v>40</v>
      </c>
      <c r="R20059" s="5" t="s">
        <v>897</v>
      </c>
      <c r="S20059" s="5" t="s">
        <v>40</v>
      </c>
      <c r="T20059" s="5" t="s">
        <v>42</v>
      </c>
      <c r="U20059" s="2">
        <v>57.762</v>
      </c>
      <c r="V20059" s="2">
        <v>53.023000000000003</v>
      </c>
      <c r="W20059" s="2">
        <v>0.27500000000000002</v>
      </c>
      <c r="X20059" s="2">
        <v>17</v>
      </c>
      <c r="Y20059" s="2">
        <v>144.69999999999999</v>
      </c>
      <c r="Z20059" s="2">
        <v>111.6</v>
      </c>
      <c r="AA20059" s="5">
        <v>7</v>
      </c>
      <c r="AB20059" s="5" t="s">
        <v>43</v>
      </c>
      <c r="AC20059" s="5" t="s">
        <v>735</v>
      </c>
      <c r="AD20059" s="2" t="s">
        <v>63984</v>
      </c>
      <c r="AE20059" s="1"/>
    </row>
    <row r="20060" spans="1:31" ht="14.45">
      <c r="A20060" s="11"/>
      <c r="B20060" s="20"/>
      <c r="C20060" s="2" t="s">
        <v>63985</v>
      </c>
      <c r="D20060" s="14" t="s">
        <v>63986</v>
      </c>
      <c r="E20060" s="2" t="s">
        <v>63987</v>
      </c>
      <c r="F20060" s="2" t="s">
        <v>63988</v>
      </c>
      <c r="G20060" s="8">
        <v>1662</v>
      </c>
      <c r="H20060" s="5">
        <v>5</v>
      </c>
      <c r="I20060" s="5" t="s">
        <v>69</v>
      </c>
      <c r="J20060" s="5" t="s">
        <v>61065</v>
      </c>
      <c r="K20060" s="2" t="s">
        <v>61066</v>
      </c>
      <c r="L20060" s="5" t="s">
        <v>61065</v>
      </c>
      <c r="M20060" s="2" t="s">
        <v>61066</v>
      </c>
      <c r="N20060" s="5" t="s">
        <v>733</v>
      </c>
      <c r="O20060" s="5" t="s">
        <v>38</v>
      </c>
      <c r="P20060" s="5" t="s">
        <v>39</v>
      </c>
      <c r="Q20060" s="5" t="s">
        <v>40</v>
      </c>
      <c r="R20060" s="5" t="s">
        <v>897</v>
      </c>
      <c r="S20060" s="5" t="s">
        <v>40</v>
      </c>
      <c r="T20060" s="5" t="s">
        <v>42</v>
      </c>
      <c r="U20060" s="2">
        <v>61.436999999999998</v>
      </c>
      <c r="V20060" s="2">
        <v>56.582999999999998</v>
      </c>
      <c r="W20060" s="2">
        <v>0.27500000000000002</v>
      </c>
      <c r="X20060" s="2">
        <v>17</v>
      </c>
      <c r="Y20060" s="2">
        <v>144.69999999999999</v>
      </c>
      <c r="Z20060" s="2">
        <v>111.6</v>
      </c>
      <c r="AA20060" s="5">
        <v>7</v>
      </c>
      <c r="AB20060" s="5" t="s">
        <v>43</v>
      </c>
      <c r="AC20060" s="5" t="s">
        <v>735</v>
      </c>
      <c r="AD20060" s="2" t="s">
        <v>63989</v>
      </c>
      <c r="AE20060" s="1"/>
    </row>
    <row r="20061" spans="1:31" ht="14.45">
      <c r="A20061" s="11"/>
      <c r="B20061" s="20"/>
      <c r="C20061" s="2" t="s">
        <v>63990</v>
      </c>
      <c r="D20061" s="14" t="s">
        <v>63991</v>
      </c>
      <c r="E20061" s="2" t="s">
        <v>63992</v>
      </c>
      <c r="F20061" s="2" t="s">
        <v>63988</v>
      </c>
      <c r="G20061" s="8">
        <v>1662</v>
      </c>
      <c r="H20061" s="5">
        <v>10</v>
      </c>
      <c r="I20061" s="5" t="s">
        <v>69</v>
      </c>
      <c r="J20061" s="5" t="s">
        <v>61065</v>
      </c>
      <c r="K20061" s="2" t="s">
        <v>61066</v>
      </c>
      <c r="L20061" s="5" t="s">
        <v>61065</v>
      </c>
      <c r="M20061" s="2" t="s">
        <v>61066</v>
      </c>
      <c r="N20061" s="5" t="s">
        <v>733</v>
      </c>
      <c r="O20061" s="5" t="s">
        <v>38</v>
      </c>
      <c r="P20061" s="5" t="s">
        <v>39</v>
      </c>
      <c r="Q20061" s="5" t="s">
        <v>40</v>
      </c>
      <c r="R20061" s="5" t="s">
        <v>897</v>
      </c>
      <c r="S20061" s="5" t="s">
        <v>40</v>
      </c>
      <c r="T20061" s="5" t="s">
        <v>42</v>
      </c>
      <c r="U20061" s="2">
        <v>60.177999999999997</v>
      </c>
      <c r="V20061" s="2">
        <v>55.155000000000001</v>
      </c>
      <c r="W20061" s="2">
        <v>0.27500000000000002</v>
      </c>
      <c r="X20061" s="2">
        <v>17</v>
      </c>
      <c r="Y20061" s="2">
        <v>144.69999999999999</v>
      </c>
      <c r="Z20061" s="2">
        <v>111.6</v>
      </c>
      <c r="AA20061" s="5">
        <v>7</v>
      </c>
      <c r="AB20061" s="5" t="s">
        <v>43</v>
      </c>
      <c r="AC20061" s="5" t="s">
        <v>735</v>
      </c>
      <c r="AD20061" s="2" t="s">
        <v>63993</v>
      </c>
      <c r="AE20061" s="1"/>
    </row>
    <row r="20062" spans="1:31" ht="14.45">
      <c r="A20062" s="11"/>
      <c r="B20062" s="20"/>
      <c r="C20062" s="2" t="s">
        <v>63994</v>
      </c>
      <c r="D20062" s="14" t="s">
        <v>63995</v>
      </c>
      <c r="E20062" s="2" t="s">
        <v>63996</v>
      </c>
      <c r="F20062" s="2" t="s">
        <v>63997</v>
      </c>
      <c r="G20062" s="8">
        <v>1650</v>
      </c>
      <c r="H20062" s="5">
        <v>5</v>
      </c>
      <c r="I20062" s="5" t="s">
        <v>69</v>
      </c>
      <c r="J20062" s="5" t="s">
        <v>61065</v>
      </c>
      <c r="K20062" s="2" t="s">
        <v>61066</v>
      </c>
      <c r="L20062" s="5" t="s">
        <v>61065</v>
      </c>
      <c r="M20062" s="2" t="s">
        <v>61066</v>
      </c>
      <c r="N20062" s="5" t="s">
        <v>733</v>
      </c>
      <c r="O20062" s="5" t="s">
        <v>38</v>
      </c>
      <c r="P20062" s="5" t="s">
        <v>39</v>
      </c>
      <c r="Q20062" s="5" t="s">
        <v>40</v>
      </c>
      <c r="R20062" s="5" t="s">
        <v>897</v>
      </c>
      <c r="S20062" s="5" t="s">
        <v>40</v>
      </c>
      <c r="T20062" s="5" t="s">
        <v>42</v>
      </c>
      <c r="U20062" s="2">
        <v>65.850999999999999</v>
      </c>
      <c r="V20062" s="2">
        <v>61.146000000000001</v>
      </c>
      <c r="W20062" s="2">
        <v>0.27500000000000002</v>
      </c>
      <c r="X20062" s="2">
        <v>17</v>
      </c>
      <c r="Y20062" s="2">
        <v>144.69999999999999</v>
      </c>
      <c r="Z20062" s="2">
        <v>111.6</v>
      </c>
      <c r="AA20062" s="5">
        <v>7</v>
      </c>
      <c r="AB20062" s="5" t="s">
        <v>43</v>
      </c>
      <c r="AC20062" s="5" t="s">
        <v>735</v>
      </c>
      <c r="AD20062" s="2" t="s">
        <v>63998</v>
      </c>
      <c r="AE20062" s="1"/>
    </row>
    <row r="20063" spans="1:31" ht="14.45">
      <c r="A20063" s="11"/>
      <c r="B20063" s="20"/>
      <c r="C20063" s="2" t="s">
        <v>63999</v>
      </c>
      <c r="D20063" s="14" t="s">
        <v>64000</v>
      </c>
      <c r="E20063" s="2" t="s">
        <v>64001</v>
      </c>
      <c r="F20063" s="2" t="s">
        <v>63997</v>
      </c>
      <c r="G20063" s="8">
        <v>1950</v>
      </c>
      <c r="H20063" s="5">
        <v>10</v>
      </c>
      <c r="I20063" s="5" t="s">
        <v>69</v>
      </c>
      <c r="J20063" s="5" t="s">
        <v>61065</v>
      </c>
      <c r="K20063" s="2" t="s">
        <v>61066</v>
      </c>
      <c r="L20063" s="5" t="s">
        <v>61065</v>
      </c>
      <c r="M20063" s="2" t="s">
        <v>61066</v>
      </c>
      <c r="N20063" s="5" t="s">
        <v>733</v>
      </c>
      <c r="O20063" s="5" t="s">
        <v>38</v>
      </c>
      <c r="P20063" s="5" t="s">
        <v>39</v>
      </c>
      <c r="Q20063" s="5" t="s">
        <v>40</v>
      </c>
      <c r="R20063" s="5" t="s">
        <v>897</v>
      </c>
      <c r="S20063" s="5" t="s">
        <v>40</v>
      </c>
      <c r="T20063" s="5" t="s">
        <v>42</v>
      </c>
      <c r="U20063" s="2">
        <v>69.525999999999996</v>
      </c>
      <c r="V20063" s="2">
        <v>64.706000000000003</v>
      </c>
      <c r="W20063" s="2">
        <v>0.27500000000000002</v>
      </c>
      <c r="X20063" s="2">
        <v>17</v>
      </c>
      <c r="Y20063" s="2">
        <v>144.69999999999999</v>
      </c>
      <c r="Z20063" s="2">
        <v>111.6</v>
      </c>
      <c r="AA20063" s="5">
        <v>7</v>
      </c>
      <c r="AB20063" s="5" t="s">
        <v>43</v>
      </c>
      <c r="AC20063" s="5" t="s">
        <v>735</v>
      </c>
      <c r="AD20063" s="2" t="s">
        <v>64002</v>
      </c>
      <c r="AE20063" s="1"/>
    </row>
    <row r="20064" spans="1:31" ht="14.45">
      <c r="A20064" s="11"/>
      <c r="B20064" s="20"/>
      <c r="C20064" s="2" t="s">
        <v>64003</v>
      </c>
      <c r="D20064" s="14" t="s">
        <v>64004</v>
      </c>
      <c r="E20064" s="2" t="s">
        <v>64005</v>
      </c>
      <c r="F20064" s="2" t="s">
        <v>63997</v>
      </c>
      <c r="G20064" s="8">
        <v>1950</v>
      </c>
      <c r="H20064" s="5">
        <v>5</v>
      </c>
      <c r="I20064" s="5" t="s">
        <v>69</v>
      </c>
      <c r="J20064" s="5" t="s">
        <v>61065</v>
      </c>
      <c r="K20064" s="2" t="s">
        <v>61066</v>
      </c>
      <c r="L20064" s="5" t="s">
        <v>61065</v>
      </c>
      <c r="M20064" s="2" t="s">
        <v>61066</v>
      </c>
      <c r="N20064" s="5" t="s">
        <v>733</v>
      </c>
      <c r="O20064" s="5" t="s">
        <v>38</v>
      </c>
      <c r="P20064" s="5" t="s">
        <v>39</v>
      </c>
      <c r="Q20064" s="5" t="s">
        <v>40</v>
      </c>
      <c r="R20064" s="5" t="s">
        <v>897</v>
      </c>
      <c r="S20064" s="5" t="s">
        <v>40</v>
      </c>
      <c r="T20064" s="5" t="s">
        <v>42</v>
      </c>
      <c r="U20064" s="2">
        <v>68.266999999999996</v>
      </c>
      <c r="V20064" s="2">
        <v>63.277999999999999</v>
      </c>
      <c r="W20064" s="2">
        <v>0.27500000000000002</v>
      </c>
      <c r="X20064" s="2">
        <v>17</v>
      </c>
      <c r="Y20064" s="2">
        <v>144.69999999999999</v>
      </c>
      <c r="Z20064" s="2">
        <v>111.6</v>
      </c>
      <c r="AA20064" s="5">
        <v>7</v>
      </c>
      <c r="AB20064" s="5" t="s">
        <v>43</v>
      </c>
      <c r="AC20064" s="5" t="s">
        <v>735</v>
      </c>
      <c r="AD20064" s="2" t="s">
        <v>64006</v>
      </c>
      <c r="AE20064" s="1"/>
    </row>
    <row r="20065" spans="1:31" ht="14.45">
      <c r="A20065" s="11"/>
      <c r="B20065" s="20"/>
      <c r="C20065" s="2" t="s">
        <v>64007</v>
      </c>
      <c r="D20065" s="14" t="s">
        <v>64008</v>
      </c>
      <c r="E20065" s="2" t="s">
        <v>64009</v>
      </c>
      <c r="F20065" s="2" t="s">
        <v>64010</v>
      </c>
      <c r="G20065" s="8">
        <v>2068</v>
      </c>
      <c r="H20065" s="5">
        <v>10</v>
      </c>
      <c r="I20065" s="5" t="s">
        <v>69</v>
      </c>
      <c r="J20065" s="5" t="s">
        <v>61065</v>
      </c>
      <c r="K20065" s="2" t="s">
        <v>61066</v>
      </c>
      <c r="L20065" s="5" t="s">
        <v>61065</v>
      </c>
      <c r="M20065" s="2" t="s">
        <v>61066</v>
      </c>
      <c r="N20065" s="5" t="s">
        <v>733</v>
      </c>
      <c r="O20065" s="5" t="s">
        <v>38</v>
      </c>
      <c r="P20065" s="5" t="s">
        <v>39</v>
      </c>
      <c r="Q20065" s="5" t="s">
        <v>40</v>
      </c>
      <c r="R20065" s="5" t="s">
        <v>897</v>
      </c>
      <c r="S20065" s="5" t="s">
        <v>40</v>
      </c>
      <c r="T20065" s="5" t="s">
        <v>42</v>
      </c>
      <c r="U20065" s="2">
        <v>68.558999999999997</v>
      </c>
      <c r="V20065" s="2">
        <v>63.738999999999997</v>
      </c>
      <c r="W20065" s="2">
        <v>0.27500000000000002</v>
      </c>
      <c r="X20065" s="2">
        <v>17</v>
      </c>
      <c r="Y20065" s="2">
        <v>144.69999999999999</v>
      </c>
      <c r="Z20065" s="2">
        <v>111.6</v>
      </c>
      <c r="AA20065" s="5">
        <v>7</v>
      </c>
      <c r="AB20065" s="5" t="s">
        <v>43</v>
      </c>
      <c r="AC20065" s="5" t="s">
        <v>735</v>
      </c>
      <c r="AD20065" s="2" t="s">
        <v>64011</v>
      </c>
      <c r="AE20065" s="1"/>
    </row>
    <row r="20066" spans="1:31" ht="14.45">
      <c r="A20066" s="11"/>
      <c r="B20066" s="20"/>
      <c r="C20066" s="2" t="s">
        <v>64012</v>
      </c>
      <c r="D20066" s="14" t="s">
        <v>64013</v>
      </c>
      <c r="E20066" s="2" t="s">
        <v>64014</v>
      </c>
      <c r="F20066" s="2" t="s">
        <v>64015</v>
      </c>
      <c r="G20066" s="8">
        <v>1662</v>
      </c>
      <c r="H20066" s="5">
        <v>10</v>
      </c>
      <c r="I20066" s="5" t="s">
        <v>69</v>
      </c>
      <c r="J20066" s="5" t="s">
        <v>61065</v>
      </c>
      <c r="K20066" s="2" t="s">
        <v>61066</v>
      </c>
      <c r="L20066" s="5" t="s">
        <v>61065</v>
      </c>
      <c r="M20066" s="2" t="s">
        <v>61066</v>
      </c>
      <c r="N20066" s="5" t="s">
        <v>733</v>
      </c>
      <c r="O20066" s="5" t="s">
        <v>38</v>
      </c>
      <c r="P20066" s="5" t="s">
        <v>39</v>
      </c>
      <c r="Q20066" s="5" t="s">
        <v>40</v>
      </c>
      <c r="R20066" s="5" t="s">
        <v>897</v>
      </c>
      <c r="S20066" s="5" t="s">
        <v>40</v>
      </c>
      <c r="T20066" s="5" t="s">
        <v>42</v>
      </c>
      <c r="U20066" s="2">
        <v>60.426000000000002</v>
      </c>
      <c r="V20066" s="2">
        <v>55.572000000000003</v>
      </c>
      <c r="W20066" s="2">
        <v>0.27500000000000002</v>
      </c>
      <c r="X20066" s="2">
        <v>17</v>
      </c>
      <c r="Y20066" s="2">
        <v>144.69999999999999</v>
      </c>
      <c r="Z20066" s="2">
        <v>111.6</v>
      </c>
      <c r="AA20066" s="5">
        <v>7</v>
      </c>
      <c r="AB20066" s="5" t="s">
        <v>43</v>
      </c>
      <c r="AC20066" s="5" t="s">
        <v>735</v>
      </c>
      <c r="AD20066" s="2" t="s">
        <v>64016</v>
      </c>
      <c r="AE20066" s="1"/>
    </row>
    <row r="20067" spans="1:31" ht="14.45">
      <c r="A20067" s="11"/>
      <c r="B20067" s="20"/>
      <c r="C20067" s="2" t="s">
        <v>64017</v>
      </c>
      <c r="D20067" s="14" t="s">
        <v>64018</v>
      </c>
      <c r="E20067" s="2" t="s">
        <v>64019</v>
      </c>
      <c r="F20067" s="2" t="s">
        <v>64020</v>
      </c>
      <c r="G20067" s="8">
        <v>1650</v>
      </c>
      <c r="H20067" s="5">
        <v>10</v>
      </c>
      <c r="I20067" s="5" t="s">
        <v>69</v>
      </c>
      <c r="J20067" s="5" t="s">
        <v>61065</v>
      </c>
      <c r="K20067" s="2" t="s">
        <v>61066</v>
      </c>
      <c r="L20067" s="5" t="s">
        <v>61065</v>
      </c>
      <c r="M20067" s="2" t="s">
        <v>61066</v>
      </c>
      <c r="N20067" s="5" t="s">
        <v>733</v>
      </c>
      <c r="O20067" s="5" t="s">
        <v>38</v>
      </c>
      <c r="P20067" s="5" t="s">
        <v>39</v>
      </c>
      <c r="Q20067" s="5" t="s">
        <v>40</v>
      </c>
      <c r="R20067" s="5" t="s">
        <v>897</v>
      </c>
      <c r="S20067" s="5" t="s">
        <v>40</v>
      </c>
      <c r="T20067" s="5" t="s">
        <v>42</v>
      </c>
      <c r="U20067" s="2">
        <v>64.834000000000003</v>
      </c>
      <c r="V20067" s="2">
        <v>60.128999999999998</v>
      </c>
      <c r="W20067" s="2">
        <v>0.27500000000000002</v>
      </c>
      <c r="X20067" s="2">
        <v>17</v>
      </c>
      <c r="Y20067" s="2">
        <v>144.69999999999999</v>
      </c>
      <c r="Z20067" s="2">
        <v>111.6</v>
      </c>
      <c r="AA20067" s="5">
        <v>7</v>
      </c>
      <c r="AB20067" s="5" t="s">
        <v>43</v>
      </c>
      <c r="AC20067" s="5" t="s">
        <v>735</v>
      </c>
      <c r="AD20067" s="2" t="s">
        <v>64021</v>
      </c>
      <c r="AE20067" s="1"/>
    </row>
    <row r="20068" spans="1:31" ht="14.45">
      <c r="A20068" s="11"/>
      <c r="B20068" s="20"/>
      <c r="C20068" s="2" t="s">
        <v>64022</v>
      </c>
      <c r="D20068" s="14" t="s">
        <v>64023</v>
      </c>
      <c r="E20068" s="2" t="s">
        <v>64024</v>
      </c>
      <c r="F20068" s="2" t="s">
        <v>64020</v>
      </c>
      <c r="G20068" s="8">
        <v>1950</v>
      </c>
      <c r="H20068" s="5">
        <v>10</v>
      </c>
      <c r="I20068" s="5" t="s">
        <v>69</v>
      </c>
      <c r="J20068" s="5" t="s">
        <v>61065</v>
      </c>
      <c r="K20068" s="2" t="s">
        <v>61066</v>
      </c>
      <c r="L20068" s="5" t="s">
        <v>61065</v>
      </c>
      <c r="M20068" s="2" t="s">
        <v>61066</v>
      </c>
      <c r="N20068" s="5" t="s">
        <v>733</v>
      </c>
      <c r="O20068" s="5" t="s">
        <v>38</v>
      </c>
      <c r="P20068" s="5" t="s">
        <v>39</v>
      </c>
      <c r="Q20068" s="5" t="s">
        <v>40</v>
      </c>
      <c r="R20068" s="5" t="s">
        <v>897</v>
      </c>
      <c r="S20068" s="5" t="s">
        <v>40</v>
      </c>
      <c r="T20068" s="5" t="s">
        <v>42</v>
      </c>
      <c r="U20068" s="2">
        <v>68.509</v>
      </c>
      <c r="V20068" s="2">
        <v>63.689</v>
      </c>
      <c r="W20068" s="2">
        <v>0.27500000000000002</v>
      </c>
      <c r="X20068" s="2">
        <v>17</v>
      </c>
      <c r="Y20068" s="2">
        <v>144.69999999999999</v>
      </c>
      <c r="Z20068" s="2">
        <v>111.6</v>
      </c>
      <c r="AA20068" s="5">
        <v>7</v>
      </c>
      <c r="AB20068" s="5" t="s">
        <v>43</v>
      </c>
      <c r="AC20068" s="5" t="s">
        <v>735</v>
      </c>
      <c r="AD20068" s="2" t="s">
        <v>64025</v>
      </c>
      <c r="AE20068" s="1"/>
    </row>
    <row r="20069" spans="1:31" ht="14.45">
      <c r="A20069" s="11"/>
      <c r="B20069" s="20"/>
      <c r="C20069" s="2" t="s">
        <v>64026</v>
      </c>
      <c r="D20069" s="14" t="s">
        <v>64027</v>
      </c>
      <c r="E20069" s="2" t="s">
        <v>64028</v>
      </c>
      <c r="F20069" s="2" t="s">
        <v>64020</v>
      </c>
      <c r="G20069" s="8">
        <v>1950</v>
      </c>
      <c r="H20069" s="5">
        <v>5</v>
      </c>
      <c r="I20069" s="5" t="s">
        <v>69</v>
      </c>
      <c r="J20069" s="5" t="s">
        <v>61065</v>
      </c>
      <c r="K20069" s="2" t="s">
        <v>61066</v>
      </c>
      <c r="L20069" s="5" t="s">
        <v>61065</v>
      </c>
      <c r="M20069" s="2" t="s">
        <v>61066</v>
      </c>
      <c r="N20069" s="5" t="s">
        <v>733</v>
      </c>
      <c r="O20069" s="5" t="s">
        <v>38</v>
      </c>
      <c r="P20069" s="5" t="s">
        <v>39</v>
      </c>
      <c r="Q20069" s="5" t="s">
        <v>40</v>
      </c>
      <c r="R20069" s="5" t="s">
        <v>897</v>
      </c>
      <c r="S20069" s="5" t="s">
        <v>40</v>
      </c>
      <c r="T20069" s="5" t="s">
        <v>42</v>
      </c>
      <c r="U20069" s="2">
        <v>67.248999999999995</v>
      </c>
      <c r="V20069" s="2">
        <v>62.26</v>
      </c>
      <c r="W20069" s="2">
        <v>0.27500000000000002</v>
      </c>
      <c r="X20069" s="2">
        <v>17</v>
      </c>
      <c r="Y20069" s="2">
        <v>144.69999999999999</v>
      </c>
      <c r="Z20069" s="2">
        <v>111.6</v>
      </c>
      <c r="AA20069" s="5">
        <v>7</v>
      </c>
      <c r="AB20069" s="5" t="s">
        <v>43</v>
      </c>
      <c r="AC20069" s="5" t="s">
        <v>735</v>
      </c>
      <c r="AD20069" s="2" t="s">
        <v>64029</v>
      </c>
      <c r="AE20069" s="1"/>
    </row>
    <row r="20070" spans="1:31" ht="14.45">
      <c r="A20070" s="11"/>
      <c r="B20070" s="20"/>
      <c r="C20070" s="2" t="s">
        <v>64030</v>
      </c>
      <c r="D20070" s="14" t="s">
        <v>64031</v>
      </c>
      <c r="E20070" s="2" t="s">
        <v>64032</v>
      </c>
      <c r="F20070" s="2" t="s">
        <v>63903</v>
      </c>
      <c r="G20070" s="8">
        <v>2336</v>
      </c>
      <c r="H20070" s="5">
        <v>5</v>
      </c>
      <c r="I20070" s="5" t="s">
        <v>69</v>
      </c>
      <c r="J20070" s="5" t="s">
        <v>61065</v>
      </c>
      <c r="K20070" s="2" t="s">
        <v>61066</v>
      </c>
      <c r="L20070" s="5" t="s">
        <v>61065</v>
      </c>
      <c r="M20070" s="2" t="s">
        <v>61066</v>
      </c>
      <c r="N20070" s="5" t="s">
        <v>733</v>
      </c>
      <c r="O20070" s="5" t="s">
        <v>38</v>
      </c>
      <c r="P20070" s="5" t="s">
        <v>39</v>
      </c>
      <c r="Q20070" s="5" t="s">
        <v>40</v>
      </c>
      <c r="R20070" s="5" t="s">
        <v>1487</v>
      </c>
      <c r="S20070" s="5"/>
      <c r="T20070" s="5" t="s">
        <v>42</v>
      </c>
      <c r="U20070" s="2">
        <v>0</v>
      </c>
      <c r="V20070" s="2">
        <v>0</v>
      </c>
      <c r="W20070" s="2">
        <v>0</v>
      </c>
      <c r="X20070" s="2">
        <v>0</v>
      </c>
      <c r="Y20070" s="2">
        <v>0</v>
      </c>
      <c r="Z20070" s="2">
        <v>0</v>
      </c>
      <c r="AA20070" s="5"/>
      <c r="AB20070" s="5" t="s">
        <v>43</v>
      </c>
      <c r="AC20070" s="5" t="s">
        <v>735</v>
      </c>
      <c r="AD20070" s="2" t="s">
        <v>64033</v>
      </c>
      <c r="AE20070" s="1"/>
    </row>
    <row r="20071" spans="1:31" ht="14.45">
      <c r="A20071" s="11"/>
      <c r="B20071" s="20"/>
      <c r="C20071" s="2" t="s">
        <v>64034</v>
      </c>
      <c r="D20071" s="14" t="s">
        <v>64035</v>
      </c>
      <c r="E20071" s="2" t="s">
        <v>64036</v>
      </c>
      <c r="F20071" s="2" t="s">
        <v>63930</v>
      </c>
      <c r="G20071" s="8">
        <v>1930</v>
      </c>
      <c r="H20071" s="5">
        <v>5</v>
      </c>
      <c r="I20071" s="5" t="s">
        <v>69</v>
      </c>
      <c r="J20071" s="5" t="s">
        <v>61065</v>
      </c>
      <c r="K20071" s="2" t="s">
        <v>61066</v>
      </c>
      <c r="L20071" s="5" t="s">
        <v>61065</v>
      </c>
      <c r="M20071" s="2" t="s">
        <v>61066</v>
      </c>
      <c r="N20071" s="5" t="s">
        <v>733</v>
      </c>
      <c r="O20071" s="5" t="s">
        <v>38</v>
      </c>
      <c r="P20071" s="5" t="s">
        <v>39</v>
      </c>
      <c r="Q20071" s="5" t="s">
        <v>40</v>
      </c>
      <c r="R20071" s="5" t="s">
        <v>1487</v>
      </c>
      <c r="S20071" s="5"/>
      <c r="T20071" s="5" t="s">
        <v>42</v>
      </c>
      <c r="U20071" s="2">
        <v>0</v>
      </c>
      <c r="V20071" s="2">
        <v>0</v>
      </c>
      <c r="W20071" s="2">
        <v>0</v>
      </c>
      <c r="X20071" s="2">
        <v>0</v>
      </c>
      <c r="Y20071" s="2">
        <v>0</v>
      </c>
      <c r="Z20071" s="2">
        <v>0</v>
      </c>
      <c r="AA20071" s="5"/>
      <c r="AB20071" s="5" t="s">
        <v>43</v>
      </c>
      <c r="AC20071" s="5" t="s">
        <v>735</v>
      </c>
      <c r="AD20071" s="2" t="s">
        <v>64037</v>
      </c>
      <c r="AE20071" s="1"/>
    </row>
    <row r="20072" spans="1:31" ht="14.45">
      <c r="A20072" s="11"/>
      <c r="B20072" s="20"/>
      <c r="C20072" s="2" t="s">
        <v>64038</v>
      </c>
      <c r="D20072" s="14" t="s">
        <v>64039</v>
      </c>
      <c r="E20072" s="2" t="s">
        <v>64040</v>
      </c>
      <c r="F20072" s="2" t="s">
        <v>64041</v>
      </c>
      <c r="G20072" s="8">
        <v>1638</v>
      </c>
      <c r="H20072" s="5">
        <v>5</v>
      </c>
      <c r="I20072" s="5" t="s">
        <v>69</v>
      </c>
      <c r="J20072" s="5" t="s">
        <v>61065</v>
      </c>
      <c r="K20072" s="2" t="s">
        <v>61066</v>
      </c>
      <c r="L20072" s="5" t="s">
        <v>61065</v>
      </c>
      <c r="M20072" s="2" t="s">
        <v>61066</v>
      </c>
      <c r="N20072" s="5" t="s">
        <v>733</v>
      </c>
      <c r="O20072" s="5" t="s">
        <v>38</v>
      </c>
      <c r="P20072" s="5" t="s">
        <v>39</v>
      </c>
      <c r="Q20072" s="5" t="s">
        <v>40</v>
      </c>
      <c r="R20072" s="5" t="s">
        <v>897</v>
      </c>
      <c r="S20072" s="5" t="s">
        <v>40</v>
      </c>
      <c r="T20072" s="5" t="s">
        <v>42</v>
      </c>
      <c r="U20072" s="2">
        <v>85.042000000000002</v>
      </c>
      <c r="V20072" s="2">
        <v>79.039000000000001</v>
      </c>
      <c r="W20072" s="2">
        <v>0.378</v>
      </c>
      <c r="X20072" s="2">
        <v>17</v>
      </c>
      <c r="Y20072" s="2">
        <v>144.69999999999999</v>
      </c>
      <c r="Z20072" s="2">
        <v>153.6</v>
      </c>
      <c r="AA20072" s="5">
        <v>7</v>
      </c>
      <c r="AB20072" s="5" t="s">
        <v>43</v>
      </c>
      <c r="AC20072" s="5" t="s">
        <v>735</v>
      </c>
      <c r="AD20072" s="2" t="s">
        <v>64042</v>
      </c>
      <c r="AE20072" s="1"/>
    </row>
    <row r="20073" spans="1:31" ht="14.45">
      <c r="A20073" s="11"/>
      <c r="B20073" s="20"/>
      <c r="C20073" s="2" t="s">
        <v>64043</v>
      </c>
      <c r="D20073" s="14" t="s">
        <v>64044</v>
      </c>
      <c r="E20073" s="2" t="s">
        <v>64045</v>
      </c>
      <c r="F20073" s="2" t="s">
        <v>64046</v>
      </c>
      <c r="G20073" s="8">
        <v>1938</v>
      </c>
      <c r="H20073" s="5">
        <v>5</v>
      </c>
      <c r="I20073" s="5" t="s">
        <v>69</v>
      </c>
      <c r="J20073" s="5" t="s">
        <v>61065</v>
      </c>
      <c r="K20073" s="2" t="s">
        <v>61066</v>
      </c>
      <c r="L20073" s="5" t="s">
        <v>61065</v>
      </c>
      <c r="M20073" s="2" t="s">
        <v>61066</v>
      </c>
      <c r="N20073" s="5" t="s">
        <v>733</v>
      </c>
      <c r="O20073" s="5" t="s">
        <v>38</v>
      </c>
      <c r="P20073" s="5" t="s">
        <v>39</v>
      </c>
      <c r="Q20073" s="5" t="s">
        <v>40</v>
      </c>
      <c r="R20073" s="5" t="s">
        <v>897</v>
      </c>
      <c r="S20073" s="5" t="s">
        <v>40</v>
      </c>
      <c r="T20073" s="5" t="s">
        <v>42</v>
      </c>
      <c r="U20073" s="2">
        <v>84.462999999999994</v>
      </c>
      <c r="V20073" s="2">
        <v>78.363</v>
      </c>
      <c r="W20073" s="2">
        <v>0.378</v>
      </c>
      <c r="X20073" s="2">
        <v>17</v>
      </c>
      <c r="Y20073" s="2">
        <v>144.69999999999999</v>
      </c>
      <c r="Z20073" s="2">
        <v>153.6</v>
      </c>
      <c r="AA20073" s="5">
        <v>7</v>
      </c>
      <c r="AB20073" s="5" t="s">
        <v>43</v>
      </c>
      <c r="AC20073" s="5" t="s">
        <v>735</v>
      </c>
      <c r="AD20073" s="2" t="s">
        <v>64047</v>
      </c>
      <c r="AE20073" s="1"/>
    </row>
    <row r="20074" spans="1:31" ht="14.45">
      <c r="A20074" s="11"/>
      <c r="B20074" s="20"/>
      <c r="C20074" s="2" t="s">
        <v>64048</v>
      </c>
      <c r="D20074" s="14" t="s">
        <v>64049</v>
      </c>
      <c r="E20074" s="2" t="s">
        <v>64050</v>
      </c>
      <c r="F20074" s="2" t="s">
        <v>64046</v>
      </c>
      <c r="G20074" s="8">
        <v>1938</v>
      </c>
      <c r="H20074" s="5">
        <v>5</v>
      </c>
      <c r="I20074" s="5" t="s">
        <v>69</v>
      </c>
      <c r="J20074" s="5" t="s">
        <v>61065</v>
      </c>
      <c r="K20074" s="2" t="s">
        <v>61066</v>
      </c>
      <c r="L20074" s="5" t="s">
        <v>61065</v>
      </c>
      <c r="M20074" s="2" t="s">
        <v>61066</v>
      </c>
      <c r="N20074" s="5" t="s">
        <v>733</v>
      </c>
      <c r="O20074" s="5" t="s">
        <v>38</v>
      </c>
      <c r="P20074" s="5" t="s">
        <v>39</v>
      </c>
      <c r="Q20074" s="5" t="s">
        <v>40</v>
      </c>
      <c r="R20074" s="5" t="s">
        <v>897</v>
      </c>
      <c r="S20074" s="5" t="s">
        <v>40</v>
      </c>
      <c r="T20074" s="5" t="s">
        <v>42</v>
      </c>
      <c r="U20074" s="2">
        <v>84.631</v>
      </c>
      <c r="V20074" s="2">
        <v>78.367000000000004</v>
      </c>
      <c r="W20074" s="2">
        <v>0.378</v>
      </c>
      <c r="X20074" s="2">
        <v>17</v>
      </c>
      <c r="Y20074" s="2">
        <v>144.69999999999999</v>
      </c>
      <c r="Z20074" s="2">
        <v>153.6</v>
      </c>
      <c r="AA20074" s="5">
        <v>7</v>
      </c>
      <c r="AB20074" s="5" t="s">
        <v>43</v>
      </c>
      <c r="AC20074" s="5" t="s">
        <v>735</v>
      </c>
      <c r="AD20074" s="2" t="s">
        <v>64051</v>
      </c>
      <c r="AE20074" s="1"/>
    </row>
    <row r="20075" spans="1:31" ht="14.45">
      <c r="A20075" s="11"/>
      <c r="B20075" s="20"/>
      <c r="C20075" s="2" t="s">
        <v>64052</v>
      </c>
      <c r="D20075" s="14" t="s">
        <v>64053</v>
      </c>
      <c r="E20075" s="2" t="s">
        <v>64054</v>
      </c>
      <c r="F20075" s="2" t="s">
        <v>64046</v>
      </c>
      <c r="G20075" s="8">
        <v>2185</v>
      </c>
      <c r="H20075" s="5">
        <v>5</v>
      </c>
      <c r="I20075" s="5" t="s">
        <v>69</v>
      </c>
      <c r="J20075" s="5" t="s">
        <v>61065</v>
      </c>
      <c r="K20075" s="2" t="s">
        <v>61066</v>
      </c>
      <c r="L20075" s="5" t="s">
        <v>61065</v>
      </c>
      <c r="M20075" s="2" t="s">
        <v>61066</v>
      </c>
      <c r="N20075" s="5" t="s">
        <v>733</v>
      </c>
      <c r="O20075" s="5" t="s">
        <v>38</v>
      </c>
      <c r="P20075" s="5" t="s">
        <v>39</v>
      </c>
      <c r="Q20075" s="5" t="s">
        <v>40</v>
      </c>
      <c r="R20075" s="5" t="s">
        <v>897</v>
      </c>
      <c r="S20075" s="5" t="s">
        <v>40</v>
      </c>
      <c r="T20075" s="5" t="s">
        <v>42</v>
      </c>
      <c r="U20075" s="2">
        <v>85.353999999999999</v>
      </c>
      <c r="V20075" s="2">
        <v>79.356999999999999</v>
      </c>
      <c r="W20075" s="2">
        <v>0.378</v>
      </c>
      <c r="X20075" s="2">
        <v>17</v>
      </c>
      <c r="Y20075" s="2">
        <v>144.69999999999999</v>
      </c>
      <c r="Z20075" s="2">
        <v>153.6</v>
      </c>
      <c r="AA20075" s="5">
        <v>7</v>
      </c>
      <c r="AB20075" s="5" t="s">
        <v>43</v>
      </c>
      <c r="AC20075" s="5" t="s">
        <v>735</v>
      </c>
      <c r="AD20075" s="2" t="s">
        <v>64055</v>
      </c>
      <c r="AE20075" s="1"/>
    </row>
    <row r="20076" spans="1:31" ht="14.45">
      <c r="A20076" s="11"/>
      <c r="B20076" s="20"/>
      <c r="C20076" s="2" t="s">
        <v>64056</v>
      </c>
      <c r="D20076" s="14" t="s">
        <v>64057</v>
      </c>
      <c r="E20076" s="2" t="s">
        <v>64058</v>
      </c>
      <c r="F20076" s="2" t="s">
        <v>64059</v>
      </c>
      <c r="G20076" s="8">
        <v>1905</v>
      </c>
      <c r="H20076" s="5">
        <v>10</v>
      </c>
      <c r="I20076" s="5" t="s">
        <v>69</v>
      </c>
      <c r="J20076" s="5" t="s">
        <v>61065</v>
      </c>
      <c r="K20076" s="2" t="s">
        <v>61066</v>
      </c>
      <c r="L20076" s="5" t="s">
        <v>61065</v>
      </c>
      <c r="M20076" s="2" t="s">
        <v>61066</v>
      </c>
      <c r="N20076" s="5" t="s">
        <v>733</v>
      </c>
      <c r="O20076" s="5" t="s">
        <v>38</v>
      </c>
      <c r="P20076" s="5" t="s">
        <v>39</v>
      </c>
      <c r="Q20076" s="5" t="s">
        <v>40</v>
      </c>
      <c r="R20076" s="5" t="s">
        <v>897</v>
      </c>
      <c r="S20076" s="5" t="s">
        <v>40</v>
      </c>
      <c r="T20076" s="5" t="s">
        <v>42</v>
      </c>
      <c r="U20076" s="2">
        <v>84.703999999999994</v>
      </c>
      <c r="V20076" s="2">
        <v>78.703000000000003</v>
      </c>
      <c r="W20076" s="2">
        <v>0.378</v>
      </c>
      <c r="X20076" s="2">
        <v>17</v>
      </c>
      <c r="Y20076" s="2">
        <v>144.69999999999999</v>
      </c>
      <c r="Z20076" s="2">
        <v>153.6</v>
      </c>
      <c r="AA20076" s="5">
        <v>7</v>
      </c>
      <c r="AB20076" s="5" t="s">
        <v>43</v>
      </c>
      <c r="AC20076" s="5" t="s">
        <v>735</v>
      </c>
      <c r="AD20076" s="2" t="s">
        <v>64060</v>
      </c>
      <c r="AE20076" s="1"/>
    </row>
    <row r="20077" spans="1:31" ht="14.45">
      <c r="A20077" s="11"/>
      <c r="B20077" s="20"/>
      <c r="C20077" s="2" t="s">
        <v>64061</v>
      </c>
      <c r="D20077" s="14" t="s">
        <v>64062</v>
      </c>
      <c r="E20077" s="2" t="s">
        <v>64063</v>
      </c>
      <c r="F20077" s="2" t="s">
        <v>64064</v>
      </c>
      <c r="G20077" s="8">
        <v>2205</v>
      </c>
      <c r="H20077" s="5">
        <v>10</v>
      </c>
      <c r="I20077" s="5" t="s">
        <v>69</v>
      </c>
      <c r="J20077" s="5" t="s">
        <v>61065</v>
      </c>
      <c r="K20077" s="2" t="s">
        <v>61066</v>
      </c>
      <c r="L20077" s="5" t="s">
        <v>61065</v>
      </c>
      <c r="M20077" s="2" t="s">
        <v>61066</v>
      </c>
      <c r="N20077" s="5" t="s">
        <v>733</v>
      </c>
      <c r="O20077" s="5" t="s">
        <v>38</v>
      </c>
      <c r="P20077" s="5" t="s">
        <v>39</v>
      </c>
      <c r="Q20077" s="5" t="s">
        <v>40</v>
      </c>
      <c r="R20077" s="5" t="s">
        <v>897</v>
      </c>
      <c r="S20077" s="5" t="s">
        <v>40</v>
      </c>
      <c r="T20077" s="5" t="s">
        <v>42</v>
      </c>
      <c r="U20077" s="2">
        <v>84.125</v>
      </c>
      <c r="V20077" s="2">
        <v>78.025000000000006</v>
      </c>
      <c r="W20077" s="2">
        <v>0.378</v>
      </c>
      <c r="X20077" s="2">
        <v>17</v>
      </c>
      <c r="Y20077" s="2">
        <v>144.69999999999999</v>
      </c>
      <c r="Z20077" s="2">
        <v>153.6</v>
      </c>
      <c r="AA20077" s="5">
        <v>7</v>
      </c>
      <c r="AB20077" s="5" t="s">
        <v>43</v>
      </c>
      <c r="AC20077" s="5" t="s">
        <v>735</v>
      </c>
      <c r="AD20077" s="2" t="s">
        <v>64065</v>
      </c>
      <c r="AE20077" s="1"/>
    </row>
    <row r="20078" spans="1:31" ht="14.45">
      <c r="A20078" s="11"/>
      <c r="B20078" s="20"/>
      <c r="C20078" s="2" t="s">
        <v>64066</v>
      </c>
      <c r="D20078" s="14" t="s">
        <v>64067</v>
      </c>
      <c r="E20078" s="2" t="s">
        <v>64068</v>
      </c>
      <c r="F20078" s="2" t="s">
        <v>64064</v>
      </c>
      <c r="G20078" s="8">
        <v>2205</v>
      </c>
      <c r="H20078" s="5">
        <v>10</v>
      </c>
      <c r="I20078" s="5" t="s">
        <v>69</v>
      </c>
      <c r="J20078" s="5" t="s">
        <v>61065</v>
      </c>
      <c r="K20078" s="2" t="s">
        <v>61066</v>
      </c>
      <c r="L20078" s="5" t="s">
        <v>61065</v>
      </c>
      <c r="M20078" s="2" t="s">
        <v>61066</v>
      </c>
      <c r="N20078" s="5" t="s">
        <v>733</v>
      </c>
      <c r="O20078" s="5" t="s">
        <v>38</v>
      </c>
      <c r="P20078" s="5" t="s">
        <v>39</v>
      </c>
      <c r="Q20078" s="5" t="s">
        <v>40</v>
      </c>
      <c r="R20078" s="5" t="s">
        <v>897</v>
      </c>
      <c r="S20078" s="5" t="s">
        <v>40</v>
      </c>
      <c r="T20078" s="5" t="s">
        <v>42</v>
      </c>
      <c r="U20078" s="2">
        <v>84.331000000000003</v>
      </c>
      <c r="V20078" s="2">
        <v>78.066999999999993</v>
      </c>
      <c r="W20078" s="2">
        <v>0.378</v>
      </c>
      <c r="X20078" s="2">
        <v>17</v>
      </c>
      <c r="Y20078" s="2">
        <v>144.69999999999999</v>
      </c>
      <c r="Z20078" s="2">
        <v>153.6</v>
      </c>
      <c r="AA20078" s="5">
        <v>7</v>
      </c>
      <c r="AB20078" s="5" t="s">
        <v>43</v>
      </c>
      <c r="AC20078" s="5" t="s">
        <v>735</v>
      </c>
      <c r="AD20078" s="2" t="s">
        <v>64069</v>
      </c>
      <c r="AE20078" s="1"/>
    </row>
    <row r="20079" spans="1:31" ht="14.45">
      <c r="A20079" s="11"/>
      <c r="B20079" s="20"/>
      <c r="C20079" s="2" t="s">
        <v>64070</v>
      </c>
      <c r="D20079" s="14" t="s">
        <v>64071</v>
      </c>
      <c r="E20079" s="2" t="s">
        <v>64072</v>
      </c>
      <c r="F20079" s="2" t="s">
        <v>64073</v>
      </c>
      <c r="G20079" s="8">
        <v>1382</v>
      </c>
      <c r="H20079" s="5">
        <v>5</v>
      </c>
      <c r="I20079" s="5" t="s">
        <v>69</v>
      </c>
      <c r="J20079" s="5" t="s">
        <v>61065</v>
      </c>
      <c r="K20079" s="2" t="s">
        <v>61066</v>
      </c>
      <c r="L20079" s="5" t="s">
        <v>61065</v>
      </c>
      <c r="M20079" s="2" t="s">
        <v>61066</v>
      </c>
      <c r="N20079" s="5" t="s">
        <v>733</v>
      </c>
      <c r="O20079" s="5" t="s">
        <v>38</v>
      </c>
      <c r="P20079" s="5" t="s">
        <v>39</v>
      </c>
      <c r="Q20079" s="5" t="s">
        <v>40</v>
      </c>
      <c r="R20079" s="5" t="s">
        <v>897</v>
      </c>
      <c r="S20079" s="5" t="s">
        <v>40</v>
      </c>
      <c r="T20079" s="5" t="s">
        <v>42</v>
      </c>
      <c r="U20079" s="2">
        <v>85.144999999999996</v>
      </c>
      <c r="V20079" s="2">
        <v>79.153000000000006</v>
      </c>
      <c r="W20079" s="2">
        <v>0.378</v>
      </c>
      <c r="X20079" s="2">
        <v>17</v>
      </c>
      <c r="Y20079" s="2">
        <v>144.69999999999999</v>
      </c>
      <c r="Z20079" s="2">
        <v>153.6</v>
      </c>
      <c r="AA20079" s="5">
        <v>7</v>
      </c>
      <c r="AB20079" s="5" t="s">
        <v>43</v>
      </c>
      <c r="AC20079" s="5" t="s">
        <v>735</v>
      </c>
      <c r="AD20079" s="2" t="s">
        <v>64074</v>
      </c>
      <c r="AE20079" s="1"/>
    </row>
    <row r="20080" spans="1:31" ht="14.45">
      <c r="A20080" s="11"/>
      <c r="B20080" s="20"/>
      <c r="C20080" s="2" t="s">
        <v>64075</v>
      </c>
      <c r="D20080" s="14" t="s">
        <v>64076</v>
      </c>
      <c r="E20080" s="2" t="s">
        <v>64077</v>
      </c>
      <c r="F20080" s="2" t="s">
        <v>64073</v>
      </c>
      <c r="G20080" s="8">
        <v>1682</v>
      </c>
      <c r="H20080" s="5">
        <v>5</v>
      </c>
      <c r="I20080" s="5" t="s">
        <v>69</v>
      </c>
      <c r="J20080" s="5" t="s">
        <v>61065</v>
      </c>
      <c r="K20080" s="2" t="s">
        <v>61066</v>
      </c>
      <c r="L20080" s="5" t="s">
        <v>61065</v>
      </c>
      <c r="M20080" s="2" t="s">
        <v>61066</v>
      </c>
      <c r="N20080" s="5" t="s">
        <v>733</v>
      </c>
      <c r="O20080" s="5" t="s">
        <v>38</v>
      </c>
      <c r="P20080" s="5" t="s">
        <v>39</v>
      </c>
      <c r="Q20080" s="5" t="s">
        <v>40</v>
      </c>
      <c r="R20080" s="5" t="s">
        <v>897</v>
      </c>
      <c r="S20080" s="5" t="s">
        <v>40</v>
      </c>
      <c r="T20080" s="5" t="s">
        <v>42</v>
      </c>
      <c r="U20080" s="2">
        <v>84.501000000000005</v>
      </c>
      <c r="V20080" s="2">
        <v>78.400999999999996</v>
      </c>
      <c r="W20080" s="2">
        <v>0.378</v>
      </c>
      <c r="X20080" s="2">
        <v>17</v>
      </c>
      <c r="Y20080" s="2">
        <v>144.69999999999999</v>
      </c>
      <c r="Z20080" s="2">
        <v>153.6</v>
      </c>
      <c r="AA20080" s="5">
        <v>7</v>
      </c>
      <c r="AB20080" s="5" t="s">
        <v>43</v>
      </c>
      <c r="AC20080" s="5" t="s">
        <v>735</v>
      </c>
      <c r="AD20080" s="2" t="s">
        <v>64078</v>
      </c>
      <c r="AE20080" s="1"/>
    </row>
    <row r="20081" spans="1:31" ht="14.45">
      <c r="A20081" s="11"/>
      <c r="B20081" s="20"/>
      <c r="C20081" s="2" t="s">
        <v>64079</v>
      </c>
      <c r="D20081" s="14" t="s">
        <v>64080</v>
      </c>
      <c r="E20081" s="2" t="s">
        <v>64081</v>
      </c>
      <c r="F20081" s="2" t="s">
        <v>64073</v>
      </c>
      <c r="G20081" s="8">
        <v>1682</v>
      </c>
      <c r="H20081" s="5">
        <v>10</v>
      </c>
      <c r="I20081" s="5" t="s">
        <v>69</v>
      </c>
      <c r="J20081" s="5" t="s">
        <v>61065</v>
      </c>
      <c r="K20081" s="2" t="s">
        <v>61066</v>
      </c>
      <c r="L20081" s="5" t="s">
        <v>61065</v>
      </c>
      <c r="M20081" s="2" t="s">
        <v>61066</v>
      </c>
      <c r="N20081" s="5" t="s">
        <v>733</v>
      </c>
      <c r="O20081" s="5" t="s">
        <v>38</v>
      </c>
      <c r="P20081" s="5" t="s">
        <v>39</v>
      </c>
      <c r="Q20081" s="5" t="s">
        <v>40</v>
      </c>
      <c r="R20081" s="5" t="s">
        <v>897</v>
      </c>
      <c r="S20081" s="5" t="s">
        <v>40</v>
      </c>
      <c r="T20081" s="5" t="s">
        <v>42</v>
      </c>
      <c r="U20081" s="2">
        <v>84.686999999999998</v>
      </c>
      <c r="V20081" s="2">
        <v>78.423000000000002</v>
      </c>
      <c r="W20081" s="2">
        <v>0.378</v>
      </c>
      <c r="X20081" s="2">
        <v>17</v>
      </c>
      <c r="Y20081" s="2">
        <v>144.69999999999999</v>
      </c>
      <c r="Z20081" s="2">
        <v>153.6</v>
      </c>
      <c r="AA20081" s="5">
        <v>7</v>
      </c>
      <c r="AB20081" s="5" t="s">
        <v>43</v>
      </c>
      <c r="AC20081" s="5" t="s">
        <v>735</v>
      </c>
      <c r="AD20081" s="2" t="s">
        <v>64082</v>
      </c>
      <c r="AE20081" s="1"/>
    </row>
    <row r="20082" spans="1:31" ht="14.45">
      <c r="A20082" s="11"/>
      <c r="B20082" s="20"/>
      <c r="C20082" s="2" t="s">
        <v>64083</v>
      </c>
      <c r="D20082" s="14" t="s">
        <v>64084</v>
      </c>
      <c r="E20082" s="2" t="s">
        <v>64085</v>
      </c>
      <c r="F20082" s="2" t="s">
        <v>64086</v>
      </c>
      <c r="G20082" s="8">
        <v>1058</v>
      </c>
      <c r="H20082" s="5">
        <v>5</v>
      </c>
      <c r="I20082" s="5" t="s">
        <v>69</v>
      </c>
      <c r="J20082" s="5" t="s">
        <v>61065</v>
      </c>
      <c r="K20082" s="2" t="s">
        <v>61066</v>
      </c>
      <c r="L20082" s="5" t="s">
        <v>61065</v>
      </c>
      <c r="M20082" s="2" t="s">
        <v>61066</v>
      </c>
      <c r="N20082" s="5" t="s">
        <v>733</v>
      </c>
      <c r="O20082" s="5" t="s">
        <v>38</v>
      </c>
      <c r="P20082" s="5" t="s">
        <v>39</v>
      </c>
      <c r="Q20082" s="5" t="s">
        <v>40</v>
      </c>
      <c r="R20082" s="5" t="s">
        <v>897</v>
      </c>
      <c r="S20082" s="5" t="s">
        <v>40</v>
      </c>
      <c r="T20082" s="5" t="s">
        <v>42</v>
      </c>
      <c r="U20082" s="2">
        <v>72.959000000000003</v>
      </c>
      <c r="V20082" s="2">
        <v>66.933000000000007</v>
      </c>
      <c r="W20082" s="2">
        <v>0.378</v>
      </c>
      <c r="X20082" s="2">
        <v>17</v>
      </c>
      <c r="Y20082" s="2">
        <v>144.69999999999999</v>
      </c>
      <c r="Z20082" s="2">
        <v>153.6</v>
      </c>
      <c r="AA20082" s="5">
        <v>7</v>
      </c>
      <c r="AB20082" s="5" t="s">
        <v>43</v>
      </c>
      <c r="AC20082" s="5" t="s">
        <v>735</v>
      </c>
      <c r="AD20082" s="2" t="s">
        <v>64087</v>
      </c>
      <c r="AE20082" s="1"/>
    </row>
    <row r="20083" spans="1:31" ht="14.45">
      <c r="A20083" s="11"/>
      <c r="B20083" s="20"/>
      <c r="C20083" s="2" t="s">
        <v>64088</v>
      </c>
      <c r="D20083" s="14" t="s">
        <v>64089</v>
      </c>
      <c r="E20083" s="2" t="s">
        <v>64090</v>
      </c>
      <c r="F20083" s="2" t="s">
        <v>64086</v>
      </c>
      <c r="G20083" s="8">
        <v>1358</v>
      </c>
      <c r="H20083" s="5">
        <v>5</v>
      </c>
      <c r="I20083" s="5" t="s">
        <v>69</v>
      </c>
      <c r="J20083" s="5" t="s">
        <v>61065</v>
      </c>
      <c r="K20083" s="2" t="s">
        <v>61066</v>
      </c>
      <c r="L20083" s="5" t="s">
        <v>61065</v>
      </c>
      <c r="M20083" s="2" t="s">
        <v>61066</v>
      </c>
      <c r="N20083" s="5" t="s">
        <v>733</v>
      </c>
      <c r="O20083" s="5" t="s">
        <v>38</v>
      </c>
      <c r="P20083" s="5" t="s">
        <v>39</v>
      </c>
      <c r="Q20083" s="5" t="s">
        <v>40</v>
      </c>
      <c r="R20083" s="5" t="s">
        <v>897</v>
      </c>
      <c r="S20083" s="5" t="s">
        <v>40</v>
      </c>
      <c r="T20083" s="5" t="s">
        <v>42</v>
      </c>
      <c r="U20083" s="2">
        <v>72.617000000000004</v>
      </c>
      <c r="V20083" s="2">
        <v>66.483000000000004</v>
      </c>
      <c r="W20083" s="2">
        <v>0.378</v>
      </c>
      <c r="X20083" s="2">
        <v>17</v>
      </c>
      <c r="Y20083" s="2">
        <v>144.69999999999999</v>
      </c>
      <c r="Z20083" s="2">
        <v>153.6</v>
      </c>
      <c r="AA20083" s="5">
        <v>7</v>
      </c>
      <c r="AB20083" s="5" t="s">
        <v>43</v>
      </c>
      <c r="AC20083" s="5" t="s">
        <v>735</v>
      </c>
      <c r="AD20083" s="2" t="s">
        <v>64091</v>
      </c>
      <c r="AE20083" s="1"/>
    </row>
    <row r="20084" spans="1:31" ht="14.45">
      <c r="A20084" s="11"/>
      <c r="B20084" s="20"/>
      <c r="C20084" s="2" t="s">
        <v>64092</v>
      </c>
      <c r="D20084" s="14" t="s">
        <v>64093</v>
      </c>
      <c r="E20084" s="2" t="s">
        <v>64094</v>
      </c>
      <c r="F20084" s="2" t="s">
        <v>64086</v>
      </c>
      <c r="G20084" s="8">
        <v>1358</v>
      </c>
      <c r="H20084" s="5">
        <v>5</v>
      </c>
      <c r="I20084" s="5" t="s">
        <v>69</v>
      </c>
      <c r="J20084" s="5" t="s">
        <v>61065</v>
      </c>
      <c r="K20084" s="2" t="s">
        <v>61066</v>
      </c>
      <c r="L20084" s="5" t="s">
        <v>61065</v>
      </c>
      <c r="M20084" s="2" t="s">
        <v>61066</v>
      </c>
      <c r="N20084" s="5" t="s">
        <v>733</v>
      </c>
      <c r="O20084" s="5" t="s">
        <v>38</v>
      </c>
      <c r="P20084" s="5" t="s">
        <v>39</v>
      </c>
      <c r="Q20084" s="5" t="s">
        <v>40</v>
      </c>
      <c r="R20084" s="5" t="s">
        <v>897</v>
      </c>
      <c r="S20084" s="5" t="s">
        <v>40</v>
      </c>
      <c r="T20084" s="5" t="s">
        <v>42</v>
      </c>
      <c r="U20084" s="2">
        <v>72.738</v>
      </c>
      <c r="V20084" s="2">
        <v>66.44</v>
      </c>
      <c r="W20084" s="2">
        <v>0.378</v>
      </c>
      <c r="X20084" s="2">
        <v>17</v>
      </c>
      <c r="Y20084" s="2">
        <v>144.69999999999999</v>
      </c>
      <c r="Z20084" s="2">
        <v>153.6</v>
      </c>
      <c r="AA20084" s="5">
        <v>7</v>
      </c>
      <c r="AB20084" s="5" t="s">
        <v>43</v>
      </c>
      <c r="AC20084" s="5" t="s">
        <v>735</v>
      </c>
      <c r="AD20084" s="2" t="s">
        <v>64095</v>
      </c>
      <c r="AE20084" s="1"/>
    </row>
    <row r="20085" spans="1:31" ht="14.45">
      <c r="A20085" s="11"/>
      <c r="B20085" s="20"/>
      <c r="C20085" s="2" t="s">
        <v>64096</v>
      </c>
      <c r="D20085" s="14" t="s">
        <v>64097</v>
      </c>
      <c r="E20085" s="2" t="s">
        <v>64098</v>
      </c>
      <c r="F20085" s="2" t="s">
        <v>64086</v>
      </c>
      <c r="G20085" s="8">
        <v>1605</v>
      </c>
      <c r="H20085" s="5">
        <v>5</v>
      </c>
      <c r="I20085" s="5" t="s">
        <v>69</v>
      </c>
      <c r="J20085" s="5" t="s">
        <v>61065</v>
      </c>
      <c r="K20085" s="2" t="s">
        <v>61066</v>
      </c>
      <c r="L20085" s="5" t="s">
        <v>61065</v>
      </c>
      <c r="M20085" s="2" t="s">
        <v>61066</v>
      </c>
      <c r="N20085" s="5" t="s">
        <v>733</v>
      </c>
      <c r="O20085" s="5" t="s">
        <v>38</v>
      </c>
      <c r="P20085" s="5" t="s">
        <v>39</v>
      </c>
      <c r="Q20085" s="5" t="s">
        <v>40</v>
      </c>
      <c r="R20085" s="5" t="s">
        <v>897</v>
      </c>
      <c r="S20085" s="5" t="s">
        <v>40</v>
      </c>
      <c r="T20085" s="5" t="s">
        <v>42</v>
      </c>
      <c r="U20085" s="2">
        <v>73.566000000000003</v>
      </c>
      <c r="V20085" s="2">
        <v>67.540000000000006</v>
      </c>
      <c r="W20085" s="2">
        <v>0.378</v>
      </c>
      <c r="X20085" s="2">
        <v>17</v>
      </c>
      <c r="Y20085" s="2">
        <v>144.69999999999999</v>
      </c>
      <c r="Z20085" s="2">
        <v>153.6</v>
      </c>
      <c r="AA20085" s="5">
        <v>7</v>
      </c>
      <c r="AB20085" s="5" t="s">
        <v>43</v>
      </c>
      <c r="AC20085" s="5" t="s">
        <v>735</v>
      </c>
      <c r="AD20085" s="2" t="s">
        <v>64099</v>
      </c>
      <c r="AE20085" s="1"/>
    </row>
    <row r="20086" spans="1:31" ht="14.45">
      <c r="A20086" s="11"/>
      <c r="B20086" s="20"/>
      <c r="C20086" s="2" t="s">
        <v>64100</v>
      </c>
      <c r="D20086" s="14" t="s">
        <v>64101</v>
      </c>
      <c r="E20086" s="2" t="s">
        <v>64102</v>
      </c>
      <c r="F20086" s="2" t="s">
        <v>64103</v>
      </c>
      <c r="G20086" s="8">
        <v>1767</v>
      </c>
      <c r="H20086" s="5">
        <v>10</v>
      </c>
      <c r="I20086" s="5" t="s">
        <v>69</v>
      </c>
      <c r="J20086" s="5" t="s">
        <v>61065</v>
      </c>
      <c r="K20086" s="2" t="s">
        <v>61066</v>
      </c>
      <c r="L20086" s="5" t="s">
        <v>61065</v>
      </c>
      <c r="M20086" s="2" t="s">
        <v>61066</v>
      </c>
      <c r="N20086" s="5" t="s">
        <v>733</v>
      </c>
      <c r="O20086" s="5" t="s">
        <v>38</v>
      </c>
      <c r="P20086" s="5" t="s">
        <v>39</v>
      </c>
      <c r="Q20086" s="5" t="s">
        <v>40</v>
      </c>
      <c r="R20086" s="5" t="s">
        <v>897</v>
      </c>
      <c r="S20086" s="5" t="s">
        <v>40</v>
      </c>
      <c r="T20086" s="5" t="s">
        <v>42</v>
      </c>
      <c r="U20086" s="2">
        <v>75.263000000000005</v>
      </c>
      <c r="V20086" s="2">
        <v>69.254999999999995</v>
      </c>
      <c r="W20086" s="2">
        <v>0.378</v>
      </c>
      <c r="X20086" s="2">
        <v>17</v>
      </c>
      <c r="Y20086" s="2">
        <v>144.69999999999999</v>
      </c>
      <c r="Z20086" s="2">
        <v>153.6</v>
      </c>
      <c r="AA20086" s="5">
        <v>7</v>
      </c>
      <c r="AB20086" s="5" t="s">
        <v>43</v>
      </c>
      <c r="AC20086" s="5" t="s">
        <v>735</v>
      </c>
      <c r="AD20086" s="2" t="s">
        <v>64104</v>
      </c>
      <c r="AE20086" s="1"/>
    </row>
    <row r="20087" spans="1:31" ht="14.45">
      <c r="A20087" s="11"/>
      <c r="B20087" s="20"/>
      <c r="C20087" s="2" t="s">
        <v>64105</v>
      </c>
      <c r="D20087" s="14" t="s">
        <v>64106</v>
      </c>
      <c r="E20087" s="2" t="s">
        <v>64107</v>
      </c>
      <c r="F20087" s="2" t="s">
        <v>64108</v>
      </c>
      <c r="G20087" s="8">
        <v>1470</v>
      </c>
      <c r="H20087" s="5">
        <v>5</v>
      </c>
      <c r="I20087" s="5" t="s">
        <v>69</v>
      </c>
      <c r="J20087" s="5" t="s">
        <v>61065</v>
      </c>
      <c r="K20087" s="2" t="s">
        <v>61066</v>
      </c>
      <c r="L20087" s="5" t="s">
        <v>61065</v>
      </c>
      <c r="M20087" s="2" t="s">
        <v>61066</v>
      </c>
      <c r="N20087" s="5" t="s">
        <v>733</v>
      </c>
      <c r="O20087" s="5" t="s">
        <v>38</v>
      </c>
      <c r="P20087" s="5" t="s">
        <v>39</v>
      </c>
      <c r="Q20087" s="5" t="s">
        <v>40</v>
      </c>
      <c r="R20087" s="5" t="s">
        <v>897</v>
      </c>
      <c r="S20087" s="5" t="s">
        <v>40</v>
      </c>
      <c r="T20087" s="5" t="s">
        <v>42</v>
      </c>
      <c r="U20087" s="2">
        <v>84.957999999999998</v>
      </c>
      <c r="V20087" s="2">
        <v>78.965999999999994</v>
      </c>
      <c r="W20087" s="2">
        <v>0.378</v>
      </c>
      <c r="X20087" s="2">
        <v>17</v>
      </c>
      <c r="Y20087" s="2">
        <v>144.69999999999999</v>
      </c>
      <c r="Z20087" s="2">
        <v>153.6</v>
      </c>
      <c r="AA20087" s="5">
        <v>7</v>
      </c>
      <c r="AB20087" s="5" t="s">
        <v>43</v>
      </c>
      <c r="AC20087" s="5" t="s">
        <v>735</v>
      </c>
      <c r="AD20087" s="2" t="s">
        <v>64109</v>
      </c>
      <c r="AE20087" s="1"/>
    </row>
    <row r="20088" spans="1:31" ht="14.45">
      <c r="A20088" s="11"/>
      <c r="B20088" s="20"/>
      <c r="C20088" s="2" t="s">
        <v>64110</v>
      </c>
      <c r="D20088" s="14" t="s">
        <v>64111</v>
      </c>
      <c r="E20088" s="2" t="s">
        <v>64112</v>
      </c>
      <c r="F20088" s="2" t="s">
        <v>64108</v>
      </c>
      <c r="G20088" s="8">
        <v>1770</v>
      </c>
      <c r="H20088" s="5">
        <v>5</v>
      </c>
      <c r="I20088" s="5" t="s">
        <v>69</v>
      </c>
      <c r="J20088" s="5" t="s">
        <v>61065</v>
      </c>
      <c r="K20088" s="2" t="s">
        <v>61066</v>
      </c>
      <c r="L20088" s="5" t="s">
        <v>61065</v>
      </c>
      <c r="M20088" s="2" t="s">
        <v>61066</v>
      </c>
      <c r="N20088" s="5" t="s">
        <v>733</v>
      </c>
      <c r="O20088" s="5" t="s">
        <v>38</v>
      </c>
      <c r="P20088" s="5" t="s">
        <v>39</v>
      </c>
      <c r="Q20088" s="5" t="s">
        <v>40</v>
      </c>
      <c r="R20088" s="5" t="s">
        <v>897</v>
      </c>
      <c r="S20088" s="5" t="s">
        <v>40</v>
      </c>
      <c r="T20088" s="5" t="s">
        <v>42</v>
      </c>
      <c r="U20088" s="2">
        <v>84.369</v>
      </c>
      <c r="V20088" s="2">
        <v>78.275000000000006</v>
      </c>
      <c r="W20088" s="2">
        <v>0.378</v>
      </c>
      <c r="X20088" s="2">
        <v>17</v>
      </c>
      <c r="Y20088" s="2">
        <v>144.69999999999999</v>
      </c>
      <c r="Z20088" s="2">
        <v>153.6</v>
      </c>
      <c r="AA20088" s="5">
        <v>7</v>
      </c>
      <c r="AB20088" s="5" t="s">
        <v>43</v>
      </c>
      <c r="AC20088" s="5" t="s">
        <v>735</v>
      </c>
      <c r="AD20088" s="2" t="s">
        <v>64113</v>
      </c>
      <c r="AE20088" s="1"/>
    </row>
    <row r="20089" spans="1:31" ht="14.45">
      <c r="A20089" s="11"/>
      <c r="B20089" s="20"/>
      <c r="C20089" s="2" t="s">
        <v>64114</v>
      </c>
      <c r="D20089" s="14" t="s">
        <v>64115</v>
      </c>
      <c r="E20089" s="2" t="s">
        <v>64116</v>
      </c>
      <c r="F20089" s="2" t="s">
        <v>64108</v>
      </c>
      <c r="G20089" s="8">
        <v>1770</v>
      </c>
      <c r="H20089" s="5">
        <v>10</v>
      </c>
      <c r="I20089" s="5" t="s">
        <v>69</v>
      </c>
      <c r="J20089" s="5" t="s">
        <v>61065</v>
      </c>
      <c r="K20089" s="2" t="s">
        <v>61066</v>
      </c>
      <c r="L20089" s="5" t="s">
        <v>61065</v>
      </c>
      <c r="M20089" s="2" t="s">
        <v>61066</v>
      </c>
      <c r="N20089" s="5" t="s">
        <v>733</v>
      </c>
      <c r="O20089" s="5" t="s">
        <v>38</v>
      </c>
      <c r="P20089" s="5" t="s">
        <v>39</v>
      </c>
      <c r="Q20089" s="5" t="s">
        <v>40</v>
      </c>
      <c r="R20089" s="5" t="s">
        <v>897</v>
      </c>
      <c r="S20089" s="5" t="s">
        <v>40</v>
      </c>
      <c r="T20089" s="5" t="s">
        <v>42</v>
      </c>
      <c r="U20089" s="2">
        <v>84.5</v>
      </c>
      <c r="V20089" s="2">
        <v>78.236000000000004</v>
      </c>
      <c r="W20089" s="2">
        <v>0.378</v>
      </c>
      <c r="X20089" s="2">
        <v>17</v>
      </c>
      <c r="Y20089" s="2">
        <v>144.69999999999999</v>
      </c>
      <c r="Z20089" s="2">
        <v>153.6</v>
      </c>
      <c r="AA20089" s="5">
        <v>7</v>
      </c>
      <c r="AB20089" s="5" t="s">
        <v>43</v>
      </c>
      <c r="AC20089" s="5" t="s">
        <v>735</v>
      </c>
      <c r="AD20089" s="2" t="s">
        <v>64117</v>
      </c>
      <c r="AE20089" s="1"/>
    </row>
    <row r="20090" spans="1:31" ht="14.45">
      <c r="A20090" s="5"/>
      <c r="B20090" s="21"/>
      <c r="C20090" s="2" t="s">
        <v>64118</v>
      </c>
      <c r="D20090" s="14" t="s">
        <v>64119</v>
      </c>
      <c r="E20090" s="2" t="s">
        <v>64120</v>
      </c>
      <c r="F20090" s="2" t="s">
        <v>64121</v>
      </c>
      <c r="G20090" s="8">
        <v>2017</v>
      </c>
      <c r="H20090" s="5">
        <v>5</v>
      </c>
      <c r="I20090" s="5" t="s">
        <v>69</v>
      </c>
      <c r="J20090" s="5" t="s">
        <v>61065</v>
      </c>
      <c r="K20090" s="2" t="s">
        <v>61066</v>
      </c>
      <c r="L20090" s="5" t="s">
        <v>61065</v>
      </c>
      <c r="M20090" s="2" t="s">
        <v>61066</v>
      </c>
      <c r="N20090" s="5" t="s">
        <v>733</v>
      </c>
      <c r="O20090" s="5" t="s">
        <v>38</v>
      </c>
      <c r="P20090" s="5" t="s">
        <v>39</v>
      </c>
      <c r="Q20090" s="5" t="s">
        <v>40</v>
      </c>
      <c r="R20090" s="5" t="s">
        <v>897</v>
      </c>
      <c r="S20090" s="5" t="s">
        <v>40</v>
      </c>
      <c r="T20090" s="5" t="s">
        <v>42</v>
      </c>
      <c r="U20090" s="2">
        <v>85.278999999999996</v>
      </c>
      <c r="V20090" s="2">
        <v>79.281999999999996</v>
      </c>
      <c r="W20090" s="2">
        <v>0.378</v>
      </c>
      <c r="X20090" s="2">
        <v>17</v>
      </c>
      <c r="Y20090" s="2">
        <v>144.69999999999999</v>
      </c>
      <c r="Z20090" s="2">
        <v>153.6</v>
      </c>
      <c r="AA20090" s="5">
        <v>7</v>
      </c>
      <c r="AB20090" s="5" t="s">
        <v>43</v>
      </c>
      <c r="AC20090" s="5" t="s">
        <v>735</v>
      </c>
      <c r="AD20090" s="2"/>
      <c r="AE20090" s="1"/>
    </row>
    <row r="20091" spans="1:31" ht="14.45">
      <c r="A20091" s="11"/>
      <c r="B20091" s="20"/>
      <c r="C20091" s="2" t="s">
        <v>64122</v>
      </c>
      <c r="D20091" s="14" t="s">
        <v>64123</v>
      </c>
      <c r="E20091" s="2" t="s">
        <v>64124</v>
      </c>
      <c r="F20091" s="2" t="s">
        <v>64125</v>
      </c>
      <c r="G20091" s="8">
        <v>2106</v>
      </c>
      <c r="H20091" s="5">
        <v>5</v>
      </c>
      <c r="I20091" s="5" t="s">
        <v>69</v>
      </c>
      <c r="J20091" s="5" t="s">
        <v>61065</v>
      </c>
      <c r="K20091" s="2" t="s">
        <v>61066</v>
      </c>
      <c r="L20091" s="5" t="s">
        <v>61065</v>
      </c>
      <c r="M20091" s="2" t="s">
        <v>61066</v>
      </c>
      <c r="N20091" s="5" t="s">
        <v>733</v>
      </c>
      <c r="O20091" s="5" t="s">
        <v>38</v>
      </c>
      <c r="P20091" s="5" t="s">
        <v>39</v>
      </c>
      <c r="Q20091" s="5" t="s">
        <v>40</v>
      </c>
      <c r="R20091" s="5" t="s">
        <v>897</v>
      </c>
      <c r="S20091" s="5" t="s">
        <v>40</v>
      </c>
      <c r="T20091" s="5" t="s">
        <v>42</v>
      </c>
      <c r="U20091" s="2">
        <v>89.447000000000003</v>
      </c>
      <c r="V20091" s="2">
        <v>83.438000000000002</v>
      </c>
      <c r="W20091" s="2">
        <v>0.378</v>
      </c>
      <c r="X20091" s="2">
        <v>17</v>
      </c>
      <c r="Y20091" s="2">
        <v>144.69999999999999</v>
      </c>
      <c r="Z20091" s="2">
        <v>153.6</v>
      </c>
      <c r="AA20091" s="5">
        <v>7</v>
      </c>
      <c r="AB20091" s="5" t="s">
        <v>43</v>
      </c>
      <c r="AC20091" s="5" t="s">
        <v>735</v>
      </c>
      <c r="AD20091" s="2" t="s">
        <v>64126</v>
      </c>
      <c r="AE20091" s="1"/>
    </row>
    <row r="20092" spans="1:31" ht="14.45">
      <c r="A20092" s="11"/>
      <c r="B20092" s="20"/>
      <c r="C20092" s="2" t="s">
        <v>64127</v>
      </c>
      <c r="D20092" s="14" t="s">
        <v>64128</v>
      </c>
      <c r="E20092" s="2" t="s">
        <v>64129</v>
      </c>
      <c r="F20092" s="2" t="s">
        <v>64130</v>
      </c>
      <c r="G20092" s="8">
        <v>2406</v>
      </c>
      <c r="H20092" s="5">
        <v>10</v>
      </c>
      <c r="I20092" s="5" t="s">
        <v>69</v>
      </c>
      <c r="J20092" s="5" t="s">
        <v>61065</v>
      </c>
      <c r="K20092" s="2" t="s">
        <v>61066</v>
      </c>
      <c r="L20092" s="5" t="s">
        <v>61065</v>
      </c>
      <c r="M20092" s="2" t="s">
        <v>61066</v>
      </c>
      <c r="N20092" s="5" t="s">
        <v>733</v>
      </c>
      <c r="O20092" s="5" t="s">
        <v>38</v>
      </c>
      <c r="P20092" s="5" t="s">
        <v>39</v>
      </c>
      <c r="Q20092" s="5" t="s">
        <v>40</v>
      </c>
      <c r="R20092" s="5" t="s">
        <v>897</v>
      </c>
      <c r="S20092" s="5" t="s">
        <v>40</v>
      </c>
      <c r="T20092" s="5" t="s">
        <v>42</v>
      </c>
      <c r="U20092" s="2">
        <v>88.850999999999999</v>
      </c>
      <c r="V20092" s="2">
        <v>82.751000000000005</v>
      </c>
      <c r="W20092" s="2">
        <v>0.378</v>
      </c>
      <c r="X20092" s="2">
        <v>17</v>
      </c>
      <c r="Y20092" s="2">
        <v>144.69999999999999</v>
      </c>
      <c r="Z20092" s="2">
        <v>153.6</v>
      </c>
      <c r="AA20092" s="5">
        <v>7</v>
      </c>
      <c r="AB20092" s="5" t="s">
        <v>43</v>
      </c>
      <c r="AC20092" s="5" t="s">
        <v>735</v>
      </c>
      <c r="AD20092" s="2" t="s">
        <v>64131</v>
      </c>
      <c r="AE20092" s="1"/>
    </row>
    <row r="20093" spans="1:31" ht="14.45">
      <c r="A20093" s="11"/>
      <c r="B20093" s="20"/>
      <c r="C20093" s="2" t="s">
        <v>64132</v>
      </c>
      <c r="D20093" s="14" t="s">
        <v>64133</v>
      </c>
      <c r="E20093" s="2" t="s">
        <v>64134</v>
      </c>
      <c r="F20093" s="2" t="s">
        <v>64130</v>
      </c>
      <c r="G20093" s="8">
        <v>2406</v>
      </c>
      <c r="H20093" s="5">
        <v>10</v>
      </c>
      <c r="I20093" s="5" t="s">
        <v>69</v>
      </c>
      <c r="J20093" s="5" t="s">
        <v>61065</v>
      </c>
      <c r="K20093" s="2" t="s">
        <v>61066</v>
      </c>
      <c r="L20093" s="5" t="s">
        <v>61065</v>
      </c>
      <c r="M20093" s="2" t="s">
        <v>61066</v>
      </c>
      <c r="N20093" s="5" t="s">
        <v>733</v>
      </c>
      <c r="O20093" s="5" t="s">
        <v>38</v>
      </c>
      <c r="P20093" s="5" t="s">
        <v>39</v>
      </c>
      <c r="Q20093" s="5" t="s">
        <v>40</v>
      </c>
      <c r="R20093" s="5" t="s">
        <v>897</v>
      </c>
      <c r="S20093" s="5" t="s">
        <v>40</v>
      </c>
      <c r="T20093" s="5" t="s">
        <v>42</v>
      </c>
      <c r="U20093" s="2">
        <v>89.061999999999998</v>
      </c>
      <c r="V20093" s="2">
        <v>82.798000000000002</v>
      </c>
      <c r="W20093" s="2">
        <v>0.378</v>
      </c>
      <c r="X20093" s="2">
        <v>17</v>
      </c>
      <c r="Y20093" s="2">
        <v>144.69999999999999</v>
      </c>
      <c r="Z20093" s="2">
        <v>153.6</v>
      </c>
      <c r="AA20093" s="5">
        <v>7</v>
      </c>
      <c r="AB20093" s="5" t="s">
        <v>43</v>
      </c>
      <c r="AC20093" s="5" t="s">
        <v>735</v>
      </c>
      <c r="AD20093" s="2" t="s">
        <v>64135</v>
      </c>
      <c r="AE20093" s="1"/>
    </row>
    <row r="20094" spans="1:31" ht="14.45">
      <c r="A20094" s="11"/>
      <c r="B20094" s="20"/>
      <c r="C20094" s="2" t="s">
        <v>64136</v>
      </c>
      <c r="D20094" s="14" t="s">
        <v>64137</v>
      </c>
      <c r="E20094" s="2" t="s">
        <v>64138</v>
      </c>
      <c r="F20094" s="2" t="s">
        <v>64139</v>
      </c>
      <c r="G20094" s="8">
        <v>1526</v>
      </c>
      <c r="H20094" s="5">
        <v>5</v>
      </c>
      <c r="I20094" s="5" t="s">
        <v>69</v>
      </c>
      <c r="J20094" s="5" t="s">
        <v>61065</v>
      </c>
      <c r="K20094" s="2" t="s">
        <v>61066</v>
      </c>
      <c r="L20094" s="5" t="s">
        <v>61065</v>
      </c>
      <c r="M20094" s="2" t="s">
        <v>61066</v>
      </c>
      <c r="N20094" s="5" t="s">
        <v>733</v>
      </c>
      <c r="O20094" s="5" t="s">
        <v>38</v>
      </c>
      <c r="P20094" s="5" t="s">
        <v>39</v>
      </c>
      <c r="Q20094" s="5" t="s">
        <v>40</v>
      </c>
      <c r="R20094" s="5" t="s">
        <v>897</v>
      </c>
      <c r="S20094" s="5" t="s">
        <v>40</v>
      </c>
      <c r="T20094" s="5" t="s">
        <v>42</v>
      </c>
      <c r="U20094" s="2">
        <v>77.543999999999997</v>
      </c>
      <c r="V20094" s="2">
        <v>71.501000000000005</v>
      </c>
      <c r="W20094" s="2">
        <v>0.378</v>
      </c>
      <c r="X20094" s="2">
        <v>17</v>
      </c>
      <c r="Y20094" s="2">
        <v>144.69999999999999</v>
      </c>
      <c r="Z20094" s="2">
        <v>153.6</v>
      </c>
      <c r="AA20094" s="5">
        <v>7</v>
      </c>
      <c r="AB20094" s="5" t="s">
        <v>43</v>
      </c>
      <c r="AC20094" s="5" t="s">
        <v>735</v>
      </c>
      <c r="AD20094" s="2" t="s">
        <v>64140</v>
      </c>
      <c r="AE20094" s="1"/>
    </row>
    <row r="20095" spans="1:31" ht="14.45">
      <c r="A20095" s="11"/>
      <c r="B20095" s="20"/>
      <c r="C20095" s="2" t="s">
        <v>64141</v>
      </c>
      <c r="D20095" s="14" t="s">
        <v>64142</v>
      </c>
      <c r="E20095" s="2" t="s">
        <v>64143</v>
      </c>
      <c r="F20095" s="2" t="s">
        <v>64144</v>
      </c>
      <c r="G20095" s="8">
        <v>1826</v>
      </c>
      <c r="H20095" s="5">
        <v>5</v>
      </c>
      <c r="I20095" s="5" t="s">
        <v>69</v>
      </c>
      <c r="J20095" s="5" t="s">
        <v>61065</v>
      </c>
      <c r="K20095" s="2" t="s">
        <v>61066</v>
      </c>
      <c r="L20095" s="5" t="s">
        <v>61065</v>
      </c>
      <c r="M20095" s="2" t="s">
        <v>61066</v>
      </c>
      <c r="N20095" s="5" t="s">
        <v>733</v>
      </c>
      <c r="O20095" s="5" t="s">
        <v>38</v>
      </c>
      <c r="P20095" s="5" t="s">
        <v>39</v>
      </c>
      <c r="Q20095" s="5" t="s">
        <v>40</v>
      </c>
      <c r="R20095" s="5" t="s">
        <v>897</v>
      </c>
      <c r="S20095" s="5" t="s">
        <v>40</v>
      </c>
      <c r="T20095" s="5" t="s">
        <v>42</v>
      </c>
      <c r="U20095" s="2">
        <v>76.947999999999993</v>
      </c>
      <c r="V20095" s="2">
        <v>70.813999999999993</v>
      </c>
      <c r="W20095" s="2">
        <v>0.378</v>
      </c>
      <c r="X20095" s="2">
        <v>17</v>
      </c>
      <c r="Y20095" s="2">
        <v>144.69999999999999</v>
      </c>
      <c r="Z20095" s="2">
        <v>153.6</v>
      </c>
      <c r="AA20095" s="5">
        <v>7</v>
      </c>
      <c r="AB20095" s="5" t="s">
        <v>43</v>
      </c>
      <c r="AC20095" s="5" t="s">
        <v>735</v>
      </c>
      <c r="AD20095" s="2" t="s">
        <v>64145</v>
      </c>
      <c r="AE20095" s="1"/>
    </row>
    <row r="20096" spans="1:31" ht="14.45">
      <c r="A20096" s="11"/>
      <c r="B20096" s="20"/>
      <c r="C20096" s="2" t="s">
        <v>64146</v>
      </c>
      <c r="D20096" s="14" t="s">
        <v>64147</v>
      </c>
      <c r="E20096" s="2" t="s">
        <v>64148</v>
      </c>
      <c r="F20096" s="2" t="s">
        <v>64144</v>
      </c>
      <c r="G20096" s="8">
        <v>1826</v>
      </c>
      <c r="H20096" s="5">
        <v>10</v>
      </c>
      <c r="I20096" s="5" t="s">
        <v>69</v>
      </c>
      <c r="J20096" s="5" t="s">
        <v>61065</v>
      </c>
      <c r="K20096" s="2" t="s">
        <v>61066</v>
      </c>
      <c r="L20096" s="5" t="s">
        <v>61065</v>
      </c>
      <c r="M20096" s="2" t="s">
        <v>61066</v>
      </c>
      <c r="N20096" s="5" t="s">
        <v>733</v>
      </c>
      <c r="O20096" s="5" t="s">
        <v>38</v>
      </c>
      <c r="P20096" s="5" t="s">
        <v>39</v>
      </c>
      <c r="Q20096" s="5" t="s">
        <v>40</v>
      </c>
      <c r="R20096" s="5" t="s">
        <v>897</v>
      </c>
      <c r="S20096" s="5" t="s">
        <v>40</v>
      </c>
      <c r="T20096" s="5" t="s">
        <v>42</v>
      </c>
      <c r="U20096" s="2">
        <v>77.159000000000006</v>
      </c>
      <c r="V20096" s="2">
        <v>70.861000000000004</v>
      </c>
      <c r="W20096" s="2">
        <v>0.378</v>
      </c>
      <c r="X20096" s="2">
        <v>17</v>
      </c>
      <c r="Y20096" s="2">
        <v>144.69999999999999</v>
      </c>
      <c r="Z20096" s="2">
        <v>153.6</v>
      </c>
      <c r="AA20096" s="5">
        <v>7</v>
      </c>
      <c r="AB20096" s="5" t="s">
        <v>43</v>
      </c>
      <c r="AC20096" s="5" t="s">
        <v>735</v>
      </c>
      <c r="AD20096" s="2" t="s">
        <v>64149</v>
      </c>
      <c r="AE20096" s="1"/>
    </row>
    <row r="20097" spans="1:31" ht="14.45">
      <c r="A20097" s="11"/>
      <c r="B20097" s="20"/>
      <c r="C20097" s="2" t="s">
        <v>64150</v>
      </c>
      <c r="D20097" s="14" t="s">
        <v>64151</v>
      </c>
      <c r="E20097" s="2" t="s">
        <v>64152</v>
      </c>
      <c r="F20097" s="2" t="s">
        <v>64153</v>
      </c>
      <c r="G20097" s="8">
        <v>1938</v>
      </c>
      <c r="H20097" s="5">
        <v>5</v>
      </c>
      <c r="I20097" s="5" t="s">
        <v>69</v>
      </c>
      <c r="J20097" s="5" t="s">
        <v>61065</v>
      </c>
      <c r="K20097" s="2" t="s">
        <v>61066</v>
      </c>
      <c r="L20097" s="5" t="s">
        <v>61065</v>
      </c>
      <c r="M20097" s="2" t="s">
        <v>61066</v>
      </c>
      <c r="N20097" s="5" t="s">
        <v>733</v>
      </c>
      <c r="O20097" s="5" t="s">
        <v>38</v>
      </c>
      <c r="P20097" s="5" t="s">
        <v>39</v>
      </c>
      <c r="Q20097" s="5" t="s">
        <v>40</v>
      </c>
      <c r="R20097" s="5" t="s">
        <v>897</v>
      </c>
      <c r="S20097" s="5" t="s">
        <v>40</v>
      </c>
      <c r="T20097" s="5" t="s">
        <v>42</v>
      </c>
      <c r="U20097" s="2">
        <v>89.372</v>
      </c>
      <c r="V20097" s="2">
        <v>83.363</v>
      </c>
      <c r="W20097" s="2">
        <v>0.378</v>
      </c>
      <c r="X20097" s="2">
        <v>17</v>
      </c>
      <c r="Y20097" s="2">
        <v>144.69999999999999</v>
      </c>
      <c r="Z20097" s="2">
        <v>153.6</v>
      </c>
      <c r="AA20097" s="5">
        <v>7</v>
      </c>
      <c r="AB20097" s="5" t="s">
        <v>43</v>
      </c>
      <c r="AC20097" s="5" t="s">
        <v>735</v>
      </c>
      <c r="AD20097" s="2" t="s">
        <v>64154</v>
      </c>
      <c r="AE20097" s="1"/>
    </row>
    <row r="20098" spans="1:31" ht="14.45">
      <c r="A20098" s="11"/>
      <c r="B20098" s="20"/>
      <c r="C20098" s="2" t="s">
        <v>64155</v>
      </c>
      <c r="D20098" s="14" t="s">
        <v>64156</v>
      </c>
      <c r="E20098" s="2" t="s">
        <v>64157</v>
      </c>
      <c r="F20098" s="2" t="s">
        <v>64153</v>
      </c>
      <c r="G20098" s="8">
        <v>2238</v>
      </c>
      <c r="H20098" s="5">
        <v>10</v>
      </c>
      <c r="I20098" s="5" t="s">
        <v>69</v>
      </c>
      <c r="J20098" s="5" t="s">
        <v>61065</v>
      </c>
      <c r="K20098" s="2" t="s">
        <v>61066</v>
      </c>
      <c r="L20098" s="5" t="s">
        <v>61065</v>
      </c>
      <c r="M20098" s="2" t="s">
        <v>61066</v>
      </c>
      <c r="N20098" s="5" t="s">
        <v>733</v>
      </c>
      <c r="O20098" s="5" t="s">
        <v>38</v>
      </c>
      <c r="P20098" s="5" t="s">
        <v>39</v>
      </c>
      <c r="Q20098" s="5" t="s">
        <v>40</v>
      </c>
      <c r="R20098" s="5" t="s">
        <v>897</v>
      </c>
      <c r="S20098" s="5" t="s">
        <v>40</v>
      </c>
      <c r="T20098" s="5" t="s">
        <v>42</v>
      </c>
      <c r="U20098" s="2">
        <v>88.775999999999996</v>
      </c>
      <c r="V20098" s="2">
        <v>82.676000000000002</v>
      </c>
      <c r="W20098" s="2">
        <v>0.378</v>
      </c>
      <c r="X20098" s="2">
        <v>17</v>
      </c>
      <c r="Y20098" s="2">
        <v>144.69999999999999</v>
      </c>
      <c r="Z20098" s="2">
        <v>153.6</v>
      </c>
      <c r="AA20098" s="5">
        <v>7</v>
      </c>
      <c r="AB20098" s="5" t="s">
        <v>43</v>
      </c>
      <c r="AC20098" s="5" t="s">
        <v>735</v>
      </c>
      <c r="AD20098" s="2" t="s">
        <v>64158</v>
      </c>
      <c r="AE20098" s="1"/>
    </row>
    <row r="20099" spans="1:31" ht="14.45">
      <c r="A20099" s="11"/>
      <c r="B20099" s="20"/>
      <c r="C20099" s="2" t="s">
        <v>64159</v>
      </c>
      <c r="D20099" s="14" t="s">
        <v>64160</v>
      </c>
      <c r="E20099" s="2" t="s">
        <v>64161</v>
      </c>
      <c r="F20099" s="2" t="s">
        <v>64153</v>
      </c>
      <c r="G20099" s="8">
        <v>2238</v>
      </c>
      <c r="H20099" s="5">
        <v>5</v>
      </c>
      <c r="I20099" s="5" t="s">
        <v>69</v>
      </c>
      <c r="J20099" s="5" t="s">
        <v>61065</v>
      </c>
      <c r="K20099" s="2" t="s">
        <v>61066</v>
      </c>
      <c r="L20099" s="5" t="s">
        <v>61065</v>
      </c>
      <c r="M20099" s="2" t="s">
        <v>61066</v>
      </c>
      <c r="N20099" s="5" t="s">
        <v>733</v>
      </c>
      <c r="O20099" s="5" t="s">
        <v>38</v>
      </c>
      <c r="P20099" s="5" t="s">
        <v>39</v>
      </c>
      <c r="Q20099" s="5" t="s">
        <v>40</v>
      </c>
      <c r="R20099" s="5" t="s">
        <v>897</v>
      </c>
      <c r="S20099" s="5" t="s">
        <v>40</v>
      </c>
      <c r="T20099" s="5" t="s">
        <v>42</v>
      </c>
      <c r="U20099" s="2">
        <v>88.986999999999995</v>
      </c>
      <c r="V20099" s="2">
        <v>82.722999999999999</v>
      </c>
      <c r="W20099" s="2">
        <v>0.378</v>
      </c>
      <c r="X20099" s="2">
        <v>17</v>
      </c>
      <c r="Y20099" s="2">
        <v>144.69999999999999</v>
      </c>
      <c r="Z20099" s="2">
        <v>153.6</v>
      </c>
      <c r="AA20099" s="5">
        <v>7</v>
      </c>
      <c r="AB20099" s="5" t="s">
        <v>43</v>
      </c>
      <c r="AC20099" s="5" t="s">
        <v>735</v>
      </c>
      <c r="AD20099" s="2" t="s">
        <v>64162</v>
      </c>
      <c r="AE20099" s="1"/>
    </row>
    <row r="20100" spans="1:31" ht="14.45">
      <c r="A20100" s="11"/>
      <c r="B20100" s="20"/>
      <c r="C20100" s="2" t="s">
        <v>64163</v>
      </c>
      <c r="D20100" s="14" t="s">
        <v>64164</v>
      </c>
      <c r="E20100" s="2" t="s">
        <v>64165</v>
      </c>
      <c r="F20100" s="2" t="s">
        <v>64166</v>
      </c>
      <c r="G20100" s="8">
        <v>2106</v>
      </c>
      <c r="H20100" s="5">
        <v>10</v>
      </c>
      <c r="I20100" s="5" t="s">
        <v>69</v>
      </c>
      <c r="J20100" s="5" t="s">
        <v>61065</v>
      </c>
      <c r="K20100" s="2" t="s">
        <v>61066</v>
      </c>
      <c r="L20100" s="5" t="s">
        <v>61065</v>
      </c>
      <c r="M20100" s="2" t="s">
        <v>61066</v>
      </c>
      <c r="N20100" s="5" t="s">
        <v>733</v>
      </c>
      <c r="O20100" s="5" t="s">
        <v>38</v>
      </c>
      <c r="P20100" s="5" t="s">
        <v>39</v>
      </c>
      <c r="Q20100" s="5" t="s">
        <v>40</v>
      </c>
      <c r="R20100" s="5" t="s">
        <v>897</v>
      </c>
      <c r="S20100" s="5" t="s">
        <v>40</v>
      </c>
      <c r="T20100" s="5" t="s">
        <v>42</v>
      </c>
      <c r="U20100" s="2">
        <v>88.247</v>
      </c>
      <c r="V20100" s="2">
        <v>82.238</v>
      </c>
      <c r="W20100" s="2">
        <v>0.378</v>
      </c>
      <c r="X20100" s="2">
        <v>17</v>
      </c>
      <c r="Y20100" s="2">
        <v>144.69999999999999</v>
      </c>
      <c r="Z20100" s="2">
        <v>153.6</v>
      </c>
      <c r="AA20100" s="5">
        <v>7</v>
      </c>
      <c r="AB20100" s="5" t="s">
        <v>43</v>
      </c>
      <c r="AC20100" s="5" t="s">
        <v>735</v>
      </c>
      <c r="AD20100" s="2" t="s">
        <v>64167</v>
      </c>
      <c r="AE20100" s="1"/>
    </row>
    <row r="20101" spans="1:31" ht="14.45">
      <c r="A20101" s="11"/>
      <c r="B20101" s="20"/>
      <c r="C20101" s="2" t="s">
        <v>64168</v>
      </c>
      <c r="D20101" s="14" t="s">
        <v>64169</v>
      </c>
      <c r="E20101" s="2" t="s">
        <v>64170</v>
      </c>
      <c r="F20101" s="2" t="s">
        <v>64171</v>
      </c>
      <c r="G20101" s="8">
        <v>2406</v>
      </c>
      <c r="H20101" s="5">
        <v>10</v>
      </c>
      <c r="I20101" s="5" t="s">
        <v>69</v>
      </c>
      <c r="J20101" s="5" t="s">
        <v>61065</v>
      </c>
      <c r="K20101" s="2" t="s">
        <v>61066</v>
      </c>
      <c r="L20101" s="5" t="s">
        <v>61065</v>
      </c>
      <c r="M20101" s="2" t="s">
        <v>61066</v>
      </c>
      <c r="N20101" s="5" t="s">
        <v>733</v>
      </c>
      <c r="O20101" s="5" t="s">
        <v>38</v>
      </c>
      <c r="P20101" s="5" t="s">
        <v>39</v>
      </c>
      <c r="Q20101" s="5" t="s">
        <v>40</v>
      </c>
      <c r="R20101" s="5" t="s">
        <v>897</v>
      </c>
      <c r="S20101" s="5" t="s">
        <v>40</v>
      </c>
      <c r="T20101" s="5" t="s">
        <v>42</v>
      </c>
      <c r="U20101" s="2">
        <v>87.650999999999996</v>
      </c>
      <c r="V20101" s="2">
        <v>81.551000000000002</v>
      </c>
      <c r="W20101" s="2">
        <v>0.378</v>
      </c>
      <c r="X20101" s="2">
        <v>17</v>
      </c>
      <c r="Y20101" s="2">
        <v>144.69999999999999</v>
      </c>
      <c r="Z20101" s="2">
        <v>153.6</v>
      </c>
      <c r="AA20101" s="5">
        <v>7</v>
      </c>
      <c r="AB20101" s="5" t="s">
        <v>43</v>
      </c>
      <c r="AC20101" s="5" t="s">
        <v>735</v>
      </c>
      <c r="AD20101" s="2" t="s">
        <v>64172</v>
      </c>
      <c r="AE20101" s="1"/>
    </row>
    <row r="20102" spans="1:31" ht="14.45">
      <c r="A20102" s="11"/>
      <c r="B20102" s="20"/>
      <c r="C20102" s="2" t="s">
        <v>64173</v>
      </c>
      <c r="D20102" s="14" t="s">
        <v>64174</v>
      </c>
      <c r="E20102" s="2" t="s">
        <v>64175</v>
      </c>
      <c r="F20102" s="2" t="s">
        <v>64171</v>
      </c>
      <c r="G20102" s="8">
        <v>2406</v>
      </c>
      <c r="H20102" s="5">
        <v>10</v>
      </c>
      <c r="I20102" s="5" t="s">
        <v>69</v>
      </c>
      <c r="J20102" s="5" t="s">
        <v>61065</v>
      </c>
      <c r="K20102" s="2" t="s">
        <v>61066</v>
      </c>
      <c r="L20102" s="5" t="s">
        <v>61065</v>
      </c>
      <c r="M20102" s="2" t="s">
        <v>61066</v>
      </c>
      <c r="N20102" s="5" t="s">
        <v>733</v>
      </c>
      <c r="O20102" s="5" t="s">
        <v>38</v>
      </c>
      <c r="P20102" s="5" t="s">
        <v>39</v>
      </c>
      <c r="Q20102" s="5" t="s">
        <v>40</v>
      </c>
      <c r="R20102" s="5" t="s">
        <v>897</v>
      </c>
      <c r="S20102" s="5" t="s">
        <v>40</v>
      </c>
      <c r="T20102" s="5" t="s">
        <v>42</v>
      </c>
      <c r="U20102" s="2">
        <v>87.861000000000004</v>
      </c>
      <c r="V20102" s="2">
        <v>81.596999999999994</v>
      </c>
      <c r="W20102" s="2">
        <v>0.378</v>
      </c>
      <c r="X20102" s="2">
        <v>17</v>
      </c>
      <c r="Y20102" s="2">
        <v>144.69999999999999</v>
      </c>
      <c r="Z20102" s="2">
        <v>153.6</v>
      </c>
      <c r="AA20102" s="5">
        <v>7</v>
      </c>
      <c r="AB20102" s="5" t="s">
        <v>43</v>
      </c>
      <c r="AC20102" s="5" t="s">
        <v>735</v>
      </c>
      <c r="AD20102" s="2" t="s">
        <v>64176</v>
      </c>
      <c r="AE20102" s="1"/>
    </row>
    <row r="20103" spans="1:31" ht="14.45">
      <c r="A20103" s="11"/>
      <c r="B20103" s="20"/>
      <c r="C20103" s="2" t="s">
        <v>64177</v>
      </c>
      <c r="D20103" s="14" t="s">
        <v>64178</v>
      </c>
      <c r="E20103" s="2" t="s">
        <v>64179</v>
      </c>
      <c r="F20103" s="2" t="s">
        <v>64180</v>
      </c>
      <c r="G20103" s="8">
        <v>1826</v>
      </c>
      <c r="H20103" s="5">
        <v>10</v>
      </c>
      <c r="I20103" s="5" t="s">
        <v>69</v>
      </c>
      <c r="J20103" s="5" t="s">
        <v>61065</v>
      </c>
      <c r="K20103" s="2" t="s">
        <v>61066</v>
      </c>
      <c r="L20103" s="5" t="s">
        <v>61065</v>
      </c>
      <c r="M20103" s="2" t="s">
        <v>61066</v>
      </c>
      <c r="N20103" s="5" t="s">
        <v>733</v>
      </c>
      <c r="O20103" s="5" t="s">
        <v>38</v>
      </c>
      <c r="P20103" s="5" t="s">
        <v>39</v>
      </c>
      <c r="Q20103" s="5" t="s">
        <v>40</v>
      </c>
      <c r="R20103" s="5" t="s">
        <v>897</v>
      </c>
      <c r="S20103" s="5" t="s">
        <v>40</v>
      </c>
      <c r="T20103" s="5" t="s">
        <v>42</v>
      </c>
      <c r="U20103" s="2">
        <v>75.751999999999995</v>
      </c>
      <c r="V20103" s="2">
        <v>69.617999999999995</v>
      </c>
      <c r="W20103" s="2">
        <v>0.378</v>
      </c>
      <c r="X20103" s="2">
        <v>17</v>
      </c>
      <c r="Y20103" s="2">
        <v>144.69999999999999</v>
      </c>
      <c r="Z20103" s="2">
        <v>153.6</v>
      </c>
      <c r="AA20103" s="5">
        <v>7</v>
      </c>
      <c r="AB20103" s="5" t="s">
        <v>43</v>
      </c>
      <c r="AC20103" s="5" t="s">
        <v>735</v>
      </c>
      <c r="AD20103" s="2" t="s">
        <v>64181</v>
      </c>
      <c r="AE20103" s="1"/>
    </row>
    <row r="20104" spans="1:31" ht="14.45">
      <c r="A20104" s="11"/>
      <c r="B20104" s="20"/>
      <c r="C20104" s="2" t="s">
        <v>64182</v>
      </c>
      <c r="D20104" s="14" t="s">
        <v>64183</v>
      </c>
      <c r="E20104" s="2" t="s">
        <v>64184</v>
      </c>
      <c r="F20104" s="2" t="s">
        <v>64180</v>
      </c>
      <c r="G20104" s="8">
        <v>1826</v>
      </c>
      <c r="H20104" s="5">
        <v>5</v>
      </c>
      <c r="I20104" s="5" t="s">
        <v>69</v>
      </c>
      <c r="J20104" s="5" t="s">
        <v>61065</v>
      </c>
      <c r="K20104" s="2" t="s">
        <v>61066</v>
      </c>
      <c r="L20104" s="5" t="s">
        <v>61065</v>
      </c>
      <c r="M20104" s="2" t="s">
        <v>61066</v>
      </c>
      <c r="N20104" s="5" t="s">
        <v>733</v>
      </c>
      <c r="O20104" s="5" t="s">
        <v>38</v>
      </c>
      <c r="P20104" s="5" t="s">
        <v>39</v>
      </c>
      <c r="Q20104" s="5" t="s">
        <v>40</v>
      </c>
      <c r="R20104" s="5" t="s">
        <v>897</v>
      </c>
      <c r="S20104" s="5" t="s">
        <v>40</v>
      </c>
      <c r="T20104" s="5" t="s">
        <v>42</v>
      </c>
      <c r="U20104" s="2">
        <v>75.962000000000003</v>
      </c>
      <c r="V20104" s="2">
        <v>69.664000000000001</v>
      </c>
      <c r="W20104" s="2">
        <v>0.378</v>
      </c>
      <c r="X20104" s="2">
        <v>17</v>
      </c>
      <c r="Y20104" s="2">
        <v>144.69999999999999</v>
      </c>
      <c r="Z20104" s="2">
        <v>153.6</v>
      </c>
      <c r="AA20104" s="5">
        <v>7</v>
      </c>
      <c r="AB20104" s="5" t="s">
        <v>43</v>
      </c>
      <c r="AC20104" s="5" t="s">
        <v>735</v>
      </c>
      <c r="AD20104" s="2" t="s">
        <v>64185</v>
      </c>
      <c r="AE20104" s="1"/>
    </row>
    <row r="20105" spans="1:31" ht="14.45">
      <c r="A20105" s="11"/>
      <c r="B20105" s="20"/>
      <c r="C20105" s="2" t="s">
        <v>64186</v>
      </c>
      <c r="D20105" s="14" t="s">
        <v>64187</v>
      </c>
      <c r="E20105" s="2" t="s">
        <v>64188</v>
      </c>
      <c r="F20105" s="2" t="s">
        <v>64189</v>
      </c>
      <c r="G20105" s="8">
        <v>1938</v>
      </c>
      <c r="H20105" s="5">
        <v>10</v>
      </c>
      <c r="I20105" s="5" t="s">
        <v>69</v>
      </c>
      <c r="J20105" s="5" t="s">
        <v>61065</v>
      </c>
      <c r="K20105" s="2" t="s">
        <v>61066</v>
      </c>
      <c r="L20105" s="5" t="s">
        <v>61065</v>
      </c>
      <c r="M20105" s="2" t="s">
        <v>61066</v>
      </c>
      <c r="N20105" s="5" t="s">
        <v>733</v>
      </c>
      <c r="O20105" s="5" t="s">
        <v>38</v>
      </c>
      <c r="P20105" s="5" t="s">
        <v>39</v>
      </c>
      <c r="Q20105" s="5" t="s">
        <v>40</v>
      </c>
      <c r="R20105" s="5" t="s">
        <v>897</v>
      </c>
      <c r="S20105" s="5" t="s">
        <v>40</v>
      </c>
      <c r="T20105" s="5" t="s">
        <v>42</v>
      </c>
      <c r="U20105" s="2">
        <v>88.171999999999997</v>
      </c>
      <c r="V20105" s="2">
        <v>82.162999999999997</v>
      </c>
      <c r="W20105" s="2">
        <v>0.378</v>
      </c>
      <c r="X20105" s="2">
        <v>17</v>
      </c>
      <c r="Y20105" s="2">
        <v>144.69999999999999</v>
      </c>
      <c r="Z20105" s="2">
        <v>153.6</v>
      </c>
      <c r="AA20105" s="5">
        <v>7</v>
      </c>
      <c r="AB20105" s="5" t="s">
        <v>43</v>
      </c>
      <c r="AC20105" s="5" t="s">
        <v>735</v>
      </c>
      <c r="AD20105" s="2" t="s">
        <v>64190</v>
      </c>
      <c r="AE20105" s="1"/>
    </row>
    <row r="20106" spans="1:31" ht="14.45">
      <c r="A20106" s="11"/>
      <c r="B20106" s="20"/>
      <c r="C20106" s="2" t="s">
        <v>64191</v>
      </c>
      <c r="D20106" s="14" t="s">
        <v>64192</v>
      </c>
      <c r="E20106" s="2" t="s">
        <v>64193</v>
      </c>
      <c r="F20106" s="2" t="s">
        <v>64189</v>
      </c>
      <c r="G20106" s="8">
        <v>2238</v>
      </c>
      <c r="H20106" s="5">
        <v>10</v>
      </c>
      <c r="I20106" s="5" t="s">
        <v>69</v>
      </c>
      <c r="J20106" s="5" t="s">
        <v>61065</v>
      </c>
      <c r="K20106" s="2" t="s">
        <v>61066</v>
      </c>
      <c r="L20106" s="5" t="s">
        <v>61065</v>
      </c>
      <c r="M20106" s="2" t="s">
        <v>61066</v>
      </c>
      <c r="N20106" s="5" t="s">
        <v>733</v>
      </c>
      <c r="O20106" s="5" t="s">
        <v>38</v>
      </c>
      <c r="P20106" s="5" t="s">
        <v>39</v>
      </c>
      <c r="Q20106" s="5" t="s">
        <v>40</v>
      </c>
      <c r="R20106" s="5" t="s">
        <v>897</v>
      </c>
      <c r="S20106" s="5" t="s">
        <v>40</v>
      </c>
      <c r="T20106" s="5" t="s">
        <v>42</v>
      </c>
      <c r="U20106" s="2">
        <v>87.575999999999993</v>
      </c>
      <c r="V20106" s="2">
        <v>81.475999999999999</v>
      </c>
      <c r="W20106" s="2">
        <v>0.378</v>
      </c>
      <c r="X20106" s="2">
        <v>17</v>
      </c>
      <c r="Y20106" s="2">
        <v>144.69999999999999</v>
      </c>
      <c r="Z20106" s="2">
        <v>153.6</v>
      </c>
      <c r="AA20106" s="5">
        <v>7</v>
      </c>
      <c r="AB20106" s="5" t="s">
        <v>43</v>
      </c>
      <c r="AC20106" s="5" t="s">
        <v>735</v>
      </c>
      <c r="AD20106" s="2" t="s">
        <v>64194</v>
      </c>
      <c r="AE20106" s="1"/>
    </row>
    <row r="20107" spans="1:31" ht="14.45">
      <c r="A20107" s="11"/>
      <c r="B20107" s="20"/>
      <c r="C20107" s="2" t="s">
        <v>64195</v>
      </c>
      <c r="D20107" s="14" t="s">
        <v>64196</v>
      </c>
      <c r="E20107" s="2" t="s">
        <v>64197</v>
      </c>
      <c r="F20107" s="2" t="s">
        <v>64189</v>
      </c>
      <c r="G20107" s="8">
        <v>2238</v>
      </c>
      <c r="H20107" s="5">
        <v>5</v>
      </c>
      <c r="I20107" s="5" t="s">
        <v>69</v>
      </c>
      <c r="J20107" s="5" t="s">
        <v>61065</v>
      </c>
      <c r="K20107" s="2" t="s">
        <v>61066</v>
      </c>
      <c r="L20107" s="5" t="s">
        <v>61065</v>
      </c>
      <c r="M20107" s="2" t="s">
        <v>61066</v>
      </c>
      <c r="N20107" s="5" t="s">
        <v>733</v>
      </c>
      <c r="O20107" s="5" t="s">
        <v>38</v>
      </c>
      <c r="P20107" s="5" t="s">
        <v>39</v>
      </c>
      <c r="Q20107" s="5" t="s">
        <v>40</v>
      </c>
      <c r="R20107" s="5" t="s">
        <v>897</v>
      </c>
      <c r="S20107" s="5" t="s">
        <v>40</v>
      </c>
      <c r="T20107" s="5" t="s">
        <v>42</v>
      </c>
      <c r="U20107" s="2">
        <v>87.786000000000001</v>
      </c>
      <c r="V20107" s="2">
        <v>81.522000000000006</v>
      </c>
      <c r="W20107" s="2">
        <v>0.378</v>
      </c>
      <c r="X20107" s="2">
        <v>17</v>
      </c>
      <c r="Y20107" s="2">
        <v>144.69999999999999</v>
      </c>
      <c r="Z20107" s="2">
        <v>153.6</v>
      </c>
      <c r="AA20107" s="5">
        <v>7</v>
      </c>
      <c r="AB20107" s="5" t="s">
        <v>43</v>
      </c>
      <c r="AC20107" s="5" t="s">
        <v>735</v>
      </c>
      <c r="AD20107" s="2" t="s">
        <v>64198</v>
      </c>
      <c r="AE20107" s="1"/>
    </row>
    <row r="20108" spans="1:31" ht="14.45">
      <c r="A20108" s="11"/>
      <c r="B20108" s="20"/>
      <c r="C20108" s="2" t="s">
        <v>64199</v>
      </c>
      <c r="D20108" s="14" t="s">
        <v>64200</v>
      </c>
      <c r="E20108" s="2" t="s">
        <v>64201</v>
      </c>
      <c r="F20108" s="2" t="s">
        <v>64202</v>
      </c>
      <c r="G20108" s="8">
        <v>2210</v>
      </c>
      <c r="H20108" s="5">
        <v>10</v>
      </c>
      <c r="I20108" s="5" t="s">
        <v>69</v>
      </c>
      <c r="J20108" s="5" t="s">
        <v>61065</v>
      </c>
      <c r="K20108" s="2" t="s">
        <v>61066</v>
      </c>
      <c r="L20108" s="5" t="s">
        <v>61065</v>
      </c>
      <c r="M20108" s="2" t="s">
        <v>61066</v>
      </c>
      <c r="N20108" s="5" t="s">
        <v>733</v>
      </c>
      <c r="O20108" s="5" t="s">
        <v>38</v>
      </c>
      <c r="P20108" s="5" t="s">
        <v>39</v>
      </c>
      <c r="Q20108" s="5" t="s">
        <v>40</v>
      </c>
      <c r="R20108" s="5" t="s">
        <v>1487</v>
      </c>
      <c r="S20108" s="5"/>
      <c r="T20108" s="5" t="s">
        <v>42</v>
      </c>
      <c r="U20108" s="2">
        <v>0</v>
      </c>
      <c r="V20108" s="2">
        <v>0</v>
      </c>
      <c r="W20108" s="2">
        <v>0</v>
      </c>
      <c r="X20108" s="2">
        <v>0</v>
      </c>
      <c r="Y20108" s="2">
        <v>0</v>
      </c>
      <c r="Z20108" s="2">
        <v>0</v>
      </c>
      <c r="AA20108" s="5"/>
      <c r="AB20108" s="5" t="s">
        <v>43</v>
      </c>
      <c r="AC20108" s="5" t="s">
        <v>735</v>
      </c>
      <c r="AD20108" s="2" t="s">
        <v>64203</v>
      </c>
      <c r="AE20108" s="1"/>
    </row>
    <row r="20109" spans="1:31" ht="14.45">
      <c r="A20109" s="11"/>
      <c r="B20109" s="20"/>
      <c r="C20109" s="2" t="s">
        <v>64204</v>
      </c>
      <c r="D20109" s="14" t="s">
        <v>64205</v>
      </c>
      <c r="E20109" s="2" t="s">
        <v>64206</v>
      </c>
      <c r="F20109" s="2" t="s">
        <v>64059</v>
      </c>
      <c r="G20109" s="8">
        <v>2674</v>
      </c>
      <c r="H20109" s="5">
        <v>5</v>
      </c>
      <c r="I20109" s="5" t="s">
        <v>69</v>
      </c>
      <c r="J20109" s="5" t="s">
        <v>61065</v>
      </c>
      <c r="K20109" s="2" t="s">
        <v>61066</v>
      </c>
      <c r="L20109" s="5" t="s">
        <v>61065</v>
      </c>
      <c r="M20109" s="2" t="s">
        <v>61066</v>
      </c>
      <c r="N20109" s="5" t="s">
        <v>733</v>
      </c>
      <c r="O20109" s="5" t="s">
        <v>38</v>
      </c>
      <c r="P20109" s="5" t="s">
        <v>39</v>
      </c>
      <c r="Q20109" s="5" t="s">
        <v>40</v>
      </c>
      <c r="R20109" s="5" t="s">
        <v>1487</v>
      </c>
      <c r="S20109" s="5"/>
      <c r="T20109" s="5" t="s">
        <v>42</v>
      </c>
      <c r="U20109" s="2">
        <v>0</v>
      </c>
      <c r="V20109" s="2">
        <v>0</v>
      </c>
      <c r="W20109" s="2">
        <v>0</v>
      </c>
      <c r="X20109" s="2">
        <v>0</v>
      </c>
      <c r="Y20109" s="2">
        <v>0</v>
      </c>
      <c r="Z20109" s="2">
        <v>0</v>
      </c>
      <c r="AA20109" s="5"/>
      <c r="AB20109" s="5" t="s">
        <v>43</v>
      </c>
      <c r="AC20109" s="5" t="s">
        <v>735</v>
      </c>
      <c r="AD20109" s="2" t="s">
        <v>64207</v>
      </c>
      <c r="AE20109" s="1"/>
    </row>
    <row r="20110" spans="1:31" ht="14.45">
      <c r="A20110" s="11"/>
      <c r="B20110" s="20"/>
      <c r="C20110" s="2" t="s">
        <v>64208</v>
      </c>
      <c r="D20110" s="14" t="s">
        <v>64209</v>
      </c>
      <c r="E20110" s="2" t="s">
        <v>64210</v>
      </c>
      <c r="F20110" s="2" t="s">
        <v>64086</v>
      </c>
      <c r="G20110" s="8">
        <v>2094</v>
      </c>
      <c r="H20110" s="5">
        <v>5</v>
      </c>
      <c r="I20110" s="5" t="s">
        <v>69</v>
      </c>
      <c r="J20110" s="5" t="s">
        <v>61065</v>
      </c>
      <c r="K20110" s="2" t="s">
        <v>61066</v>
      </c>
      <c r="L20110" s="5" t="s">
        <v>61065</v>
      </c>
      <c r="M20110" s="2" t="s">
        <v>61066</v>
      </c>
      <c r="N20110" s="5" t="s">
        <v>733</v>
      </c>
      <c r="O20110" s="5" t="s">
        <v>38</v>
      </c>
      <c r="P20110" s="5" t="s">
        <v>39</v>
      </c>
      <c r="Q20110" s="5" t="s">
        <v>40</v>
      </c>
      <c r="R20110" s="5" t="s">
        <v>1487</v>
      </c>
      <c r="S20110" s="5"/>
      <c r="T20110" s="5" t="s">
        <v>42</v>
      </c>
      <c r="U20110" s="2">
        <v>0</v>
      </c>
      <c r="V20110" s="2">
        <v>0</v>
      </c>
      <c r="W20110" s="2">
        <v>0</v>
      </c>
      <c r="X20110" s="2">
        <v>0</v>
      </c>
      <c r="Y20110" s="2">
        <v>0</v>
      </c>
      <c r="Z20110" s="2">
        <v>0</v>
      </c>
      <c r="AA20110" s="5"/>
      <c r="AB20110" s="5" t="s">
        <v>43</v>
      </c>
      <c r="AC20110" s="5" t="s">
        <v>735</v>
      </c>
      <c r="AD20110" s="2" t="s">
        <v>64211</v>
      </c>
      <c r="AE20110" s="1"/>
    </row>
    <row r="20111" spans="1:31" ht="14.45">
      <c r="A20111" s="11"/>
      <c r="B20111" s="20"/>
      <c r="C20111" s="2" t="s">
        <v>64212</v>
      </c>
      <c r="D20111" s="14" t="s">
        <v>64213</v>
      </c>
      <c r="E20111" s="2" t="s">
        <v>64214</v>
      </c>
      <c r="F20111" s="2" t="s">
        <v>64215</v>
      </c>
      <c r="G20111" s="8">
        <v>1893</v>
      </c>
      <c r="H20111" s="5">
        <v>5</v>
      </c>
      <c r="I20111" s="5" t="s">
        <v>69</v>
      </c>
      <c r="J20111" s="5" t="s">
        <v>61065</v>
      </c>
      <c r="K20111" s="2" t="s">
        <v>61066</v>
      </c>
      <c r="L20111" s="5" t="s">
        <v>61065</v>
      </c>
      <c r="M20111" s="2" t="s">
        <v>61066</v>
      </c>
      <c r="N20111" s="5" t="s">
        <v>733</v>
      </c>
      <c r="O20111" s="5" t="s">
        <v>38</v>
      </c>
      <c r="P20111" s="5" t="s">
        <v>39</v>
      </c>
      <c r="Q20111" s="5" t="s">
        <v>40</v>
      </c>
      <c r="R20111" s="5" t="s">
        <v>897</v>
      </c>
      <c r="S20111" s="5" t="s">
        <v>40</v>
      </c>
      <c r="T20111" s="5" t="s">
        <v>42</v>
      </c>
      <c r="U20111" s="2">
        <v>99.718999999999994</v>
      </c>
      <c r="V20111" s="2">
        <v>93.17</v>
      </c>
      <c r="W20111" s="2">
        <v>0.42799999999999999</v>
      </c>
      <c r="X20111" s="2">
        <v>17</v>
      </c>
      <c r="Y20111" s="2">
        <v>144.69999999999999</v>
      </c>
      <c r="Z20111" s="2">
        <v>173.8</v>
      </c>
      <c r="AA20111" s="5">
        <v>7</v>
      </c>
      <c r="AB20111" s="5" t="s">
        <v>43</v>
      </c>
      <c r="AC20111" s="5" t="s">
        <v>735</v>
      </c>
      <c r="AD20111" s="2" t="s">
        <v>64216</v>
      </c>
      <c r="AE20111" s="1"/>
    </row>
    <row r="20112" spans="1:31" ht="14.45">
      <c r="A20112" s="11"/>
      <c r="B20112" s="20"/>
      <c r="C20112" s="2" t="s">
        <v>64217</v>
      </c>
      <c r="D20112" s="14" t="s">
        <v>64218</v>
      </c>
      <c r="E20112" s="2" t="s">
        <v>64219</v>
      </c>
      <c r="F20112" s="2" t="s">
        <v>64215</v>
      </c>
      <c r="G20112" s="8">
        <v>2193</v>
      </c>
      <c r="H20112" s="5">
        <v>5</v>
      </c>
      <c r="I20112" s="5" t="s">
        <v>69</v>
      </c>
      <c r="J20112" s="5" t="s">
        <v>61065</v>
      </c>
      <c r="K20112" s="2" t="s">
        <v>61066</v>
      </c>
      <c r="L20112" s="5" t="s">
        <v>61065</v>
      </c>
      <c r="M20112" s="2" t="s">
        <v>61066</v>
      </c>
      <c r="N20112" s="5" t="s">
        <v>733</v>
      </c>
      <c r="O20112" s="5" t="s">
        <v>38</v>
      </c>
      <c r="P20112" s="5" t="s">
        <v>39</v>
      </c>
      <c r="Q20112" s="5" t="s">
        <v>40</v>
      </c>
      <c r="R20112" s="5" t="s">
        <v>897</v>
      </c>
      <c r="S20112" s="5" t="s">
        <v>40</v>
      </c>
      <c r="T20112" s="5" t="s">
        <v>42</v>
      </c>
      <c r="U20112" s="2">
        <v>98.858999999999995</v>
      </c>
      <c r="V20112" s="2">
        <v>92.212999999999994</v>
      </c>
      <c r="W20112" s="2">
        <v>0.42799999999999999</v>
      </c>
      <c r="X20112" s="2">
        <v>17</v>
      </c>
      <c r="Y20112" s="2">
        <v>144.69999999999999</v>
      </c>
      <c r="Z20112" s="2">
        <v>173.8</v>
      </c>
      <c r="AA20112" s="5">
        <v>7</v>
      </c>
      <c r="AB20112" s="5" t="s">
        <v>43</v>
      </c>
      <c r="AC20112" s="5" t="s">
        <v>735</v>
      </c>
      <c r="AD20112" s="2" t="s">
        <v>64220</v>
      </c>
      <c r="AE20112" s="1"/>
    </row>
    <row r="20113" spans="1:31" ht="14.45">
      <c r="A20113" s="11"/>
      <c r="B20113" s="20"/>
      <c r="C20113" s="2" t="s">
        <v>64221</v>
      </c>
      <c r="D20113" s="14" t="s">
        <v>64222</v>
      </c>
      <c r="E20113" s="2" t="s">
        <v>64223</v>
      </c>
      <c r="F20113" s="2" t="s">
        <v>64215</v>
      </c>
      <c r="G20113" s="8">
        <v>2193</v>
      </c>
      <c r="H20113" s="5">
        <v>5</v>
      </c>
      <c r="I20113" s="5" t="s">
        <v>69</v>
      </c>
      <c r="J20113" s="5" t="s">
        <v>61065</v>
      </c>
      <c r="K20113" s="2" t="s">
        <v>61066</v>
      </c>
      <c r="L20113" s="5" t="s">
        <v>61065</v>
      </c>
      <c r="M20113" s="2" t="s">
        <v>61066</v>
      </c>
      <c r="N20113" s="5" t="s">
        <v>733</v>
      </c>
      <c r="O20113" s="5" t="s">
        <v>38</v>
      </c>
      <c r="P20113" s="5" t="s">
        <v>39</v>
      </c>
      <c r="Q20113" s="5" t="s">
        <v>40</v>
      </c>
      <c r="R20113" s="5" t="s">
        <v>897</v>
      </c>
      <c r="S20113" s="5" t="s">
        <v>40</v>
      </c>
      <c r="T20113" s="5" t="s">
        <v>42</v>
      </c>
      <c r="U20113" s="2">
        <v>99.328999999999994</v>
      </c>
      <c r="V20113" s="2">
        <v>92.486000000000004</v>
      </c>
      <c r="W20113" s="2">
        <v>0.42799999999999999</v>
      </c>
      <c r="X20113" s="2">
        <v>17</v>
      </c>
      <c r="Y20113" s="2">
        <v>144.69999999999999</v>
      </c>
      <c r="Z20113" s="2">
        <v>173.8</v>
      </c>
      <c r="AA20113" s="5">
        <v>7</v>
      </c>
      <c r="AB20113" s="5" t="s">
        <v>43</v>
      </c>
      <c r="AC20113" s="5" t="s">
        <v>735</v>
      </c>
      <c r="AD20113" s="2" t="s">
        <v>64224</v>
      </c>
      <c r="AE20113" s="1"/>
    </row>
    <row r="20114" spans="1:31" ht="14.45">
      <c r="A20114" s="11"/>
      <c r="B20114" s="20"/>
      <c r="C20114" s="2" t="s">
        <v>64225</v>
      </c>
      <c r="D20114" s="14" t="s">
        <v>64226</v>
      </c>
      <c r="E20114" s="2" t="s">
        <v>64227</v>
      </c>
      <c r="F20114" s="2" t="s">
        <v>64228</v>
      </c>
      <c r="G20114" s="8">
        <v>1230</v>
      </c>
      <c r="H20114" s="5">
        <v>5</v>
      </c>
      <c r="I20114" s="5" t="s">
        <v>69</v>
      </c>
      <c r="J20114" s="5" t="s">
        <v>61065</v>
      </c>
      <c r="K20114" s="2" t="s">
        <v>61066</v>
      </c>
      <c r="L20114" s="5" t="s">
        <v>61065</v>
      </c>
      <c r="M20114" s="2" t="s">
        <v>61066</v>
      </c>
      <c r="N20114" s="5" t="s">
        <v>733</v>
      </c>
      <c r="O20114" s="5" t="s">
        <v>38</v>
      </c>
      <c r="P20114" s="5" t="s">
        <v>39</v>
      </c>
      <c r="Q20114" s="5" t="s">
        <v>40</v>
      </c>
      <c r="R20114" s="5" t="s">
        <v>897</v>
      </c>
      <c r="S20114" s="5" t="s">
        <v>40</v>
      </c>
      <c r="T20114" s="5" t="s">
        <v>42</v>
      </c>
      <c r="U20114" s="2">
        <v>85.995999999999995</v>
      </c>
      <c r="V20114" s="2">
        <v>79.412999999999997</v>
      </c>
      <c r="W20114" s="2">
        <v>0.42799999999999999</v>
      </c>
      <c r="X20114" s="2">
        <v>17</v>
      </c>
      <c r="Y20114" s="2">
        <v>144.69999999999999</v>
      </c>
      <c r="Z20114" s="2">
        <v>173.8</v>
      </c>
      <c r="AA20114" s="5">
        <v>7</v>
      </c>
      <c r="AB20114" s="5" t="s">
        <v>43</v>
      </c>
      <c r="AC20114" s="5" t="s">
        <v>735</v>
      </c>
      <c r="AD20114" s="2" t="s">
        <v>64229</v>
      </c>
      <c r="AE20114" s="1"/>
    </row>
    <row r="20115" spans="1:31" ht="14.45">
      <c r="A20115" s="11"/>
      <c r="B20115" s="20"/>
      <c r="C20115" s="2" t="s">
        <v>64230</v>
      </c>
      <c r="D20115" s="14" t="s">
        <v>64231</v>
      </c>
      <c r="E20115" s="2" t="s">
        <v>64232</v>
      </c>
      <c r="F20115" s="2" t="s">
        <v>64228</v>
      </c>
      <c r="G20115" s="8">
        <v>1530</v>
      </c>
      <c r="H20115" s="5">
        <v>5</v>
      </c>
      <c r="I20115" s="5" t="s">
        <v>69</v>
      </c>
      <c r="J20115" s="5" t="s">
        <v>61065</v>
      </c>
      <c r="K20115" s="2" t="s">
        <v>61066</v>
      </c>
      <c r="L20115" s="5" t="s">
        <v>61065</v>
      </c>
      <c r="M20115" s="2" t="s">
        <v>61066</v>
      </c>
      <c r="N20115" s="5" t="s">
        <v>733</v>
      </c>
      <c r="O20115" s="5" t="s">
        <v>38</v>
      </c>
      <c r="P20115" s="5" t="s">
        <v>39</v>
      </c>
      <c r="Q20115" s="5" t="s">
        <v>40</v>
      </c>
      <c r="R20115" s="5" t="s">
        <v>897</v>
      </c>
      <c r="S20115" s="5" t="s">
        <v>40</v>
      </c>
      <c r="T20115" s="5" t="s">
        <v>42</v>
      </c>
      <c r="U20115" s="2">
        <v>85.165000000000006</v>
      </c>
      <c r="V20115" s="2">
        <v>78.477000000000004</v>
      </c>
      <c r="W20115" s="2">
        <v>0.42799999999999999</v>
      </c>
      <c r="X20115" s="2">
        <v>17</v>
      </c>
      <c r="Y20115" s="2">
        <v>144.69999999999999</v>
      </c>
      <c r="Z20115" s="2">
        <v>173.8</v>
      </c>
      <c r="AA20115" s="5">
        <v>7</v>
      </c>
      <c r="AB20115" s="5" t="s">
        <v>43</v>
      </c>
      <c r="AC20115" s="5" t="s">
        <v>735</v>
      </c>
      <c r="AD20115" s="2" t="s">
        <v>64233</v>
      </c>
      <c r="AE20115" s="1"/>
    </row>
    <row r="20116" spans="1:31" ht="14.45">
      <c r="A20116" s="11"/>
      <c r="B20116" s="20"/>
      <c r="C20116" s="2" t="s">
        <v>64234</v>
      </c>
      <c r="D20116" s="14" t="s">
        <v>64235</v>
      </c>
      <c r="E20116" s="2" t="s">
        <v>64236</v>
      </c>
      <c r="F20116" s="2" t="s">
        <v>64228</v>
      </c>
      <c r="G20116" s="8">
        <v>1530</v>
      </c>
      <c r="H20116" s="5">
        <v>5</v>
      </c>
      <c r="I20116" s="5" t="s">
        <v>69</v>
      </c>
      <c r="J20116" s="5" t="s">
        <v>61065</v>
      </c>
      <c r="K20116" s="2" t="s">
        <v>61066</v>
      </c>
      <c r="L20116" s="5" t="s">
        <v>61065</v>
      </c>
      <c r="M20116" s="2" t="s">
        <v>61066</v>
      </c>
      <c r="N20116" s="5" t="s">
        <v>733</v>
      </c>
      <c r="O20116" s="5" t="s">
        <v>38</v>
      </c>
      <c r="P20116" s="5" t="s">
        <v>39</v>
      </c>
      <c r="Q20116" s="5" t="s">
        <v>40</v>
      </c>
      <c r="R20116" s="5" t="s">
        <v>897</v>
      </c>
      <c r="S20116" s="5" t="s">
        <v>40</v>
      </c>
      <c r="T20116" s="5" t="s">
        <v>42</v>
      </c>
      <c r="U20116" s="2">
        <v>85.56</v>
      </c>
      <c r="V20116" s="2">
        <v>78.683000000000007</v>
      </c>
      <c r="W20116" s="2">
        <v>0.42799999999999999</v>
      </c>
      <c r="X20116" s="2">
        <v>17</v>
      </c>
      <c r="Y20116" s="2">
        <v>144.69999999999999</v>
      </c>
      <c r="Z20116" s="2">
        <v>173.8</v>
      </c>
      <c r="AA20116" s="5">
        <v>7</v>
      </c>
      <c r="AB20116" s="5" t="s">
        <v>43</v>
      </c>
      <c r="AC20116" s="5" t="s">
        <v>735</v>
      </c>
      <c r="AD20116" s="2" t="s">
        <v>64237</v>
      </c>
      <c r="AE20116" s="1"/>
    </row>
    <row r="20117" spans="1:31" ht="14.45">
      <c r="A20117" s="11"/>
      <c r="B20117" s="20"/>
      <c r="C20117" s="2" t="s">
        <v>64238</v>
      </c>
      <c r="D20117" s="14" t="s">
        <v>64239</v>
      </c>
      <c r="E20117" s="2" t="s">
        <v>64240</v>
      </c>
      <c r="F20117" s="2" t="s">
        <v>64241</v>
      </c>
      <c r="G20117" s="8">
        <v>1701</v>
      </c>
      <c r="H20117" s="5">
        <v>5</v>
      </c>
      <c r="I20117" s="5" t="s">
        <v>69</v>
      </c>
      <c r="J20117" s="5" t="s">
        <v>61065</v>
      </c>
      <c r="K20117" s="2" t="s">
        <v>61066</v>
      </c>
      <c r="L20117" s="5" t="s">
        <v>61065</v>
      </c>
      <c r="M20117" s="2" t="s">
        <v>61066</v>
      </c>
      <c r="N20117" s="5" t="s">
        <v>733</v>
      </c>
      <c r="O20117" s="5" t="s">
        <v>38</v>
      </c>
      <c r="P20117" s="5" t="s">
        <v>39</v>
      </c>
      <c r="Q20117" s="5" t="s">
        <v>40</v>
      </c>
      <c r="R20117" s="5" t="s">
        <v>897</v>
      </c>
      <c r="S20117" s="5" t="s">
        <v>40</v>
      </c>
      <c r="T20117" s="5" t="s">
        <v>42</v>
      </c>
      <c r="U20117" s="2">
        <v>99.632000000000005</v>
      </c>
      <c r="V20117" s="2">
        <v>93.082999999999998</v>
      </c>
      <c r="W20117" s="2">
        <v>0.42799999999999999</v>
      </c>
      <c r="X20117" s="2">
        <v>17</v>
      </c>
      <c r="Y20117" s="2">
        <v>144.69999999999999</v>
      </c>
      <c r="Z20117" s="2">
        <v>173.8</v>
      </c>
      <c r="AA20117" s="5">
        <v>7</v>
      </c>
      <c r="AB20117" s="5" t="s">
        <v>43</v>
      </c>
      <c r="AC20117" s="5" t="s">
        <v>735</v>
      </c>
      <c r="AD20117" s="2" t="s">
        <v>64242</v>
      </c>
      <c r="AE20117" s="1"/>
    </row>
    <row r="20118" spans="1:31" ht="14.45">
      <c r="A20118" s="11"/>
      <c r="B20118" s="20"/>
      <c r="C20118" s="2" t="s">
        <v>64243</v>
      </c>
      <c r="D20118" s="14" t="s">
        <v>64244</v>
      </c>
      <c r="E20118" s="2" t="s">
        <v>64245</v>
      </c>
      <c r="F20118" s="2" t="s">
        <v>64241</v>
      </c>
      <c r="G20118" s="8">
        <v>2001</v>
      </c>
      <c r="H20118" s="5">
        <v>5</v>
      </c>
      <c r="I20118" s="5" t="s">
        <v>69</v>
      </c>
      <c r="J20118" s="5" t="s">
        <v>61065</v>
      </c>
      <c r="K20118" s="2" t="s">
        <v>61066</v>
      </c>
      <c r="L20118" s="5" t="s">
        <v>61065</v>
      </c>
      <c r="M20118" s="2" t="s">
        <v>61066</v>
      </c>
      <c r="N20118" s="5" t="s">
        <v>733</v>
      </c>
      <c r="O20118" s="5" t="s">
        <v>38</v>
      </c>
      <c r="P20118" s="5" t="s">
        <v>39</v>
      </c>
      <c r="Q20118" s="5" t="s">
        <v>40</v>
      </c>
      <c r="R20118" s="5" t="s">
        <v>897</v>
      </c>
      <c r="S20118" s="5" t="s">
        <v>40</v>
      </c>
      <c r="T20118" s="5" t="s">
        <v>42</v>
      </c>
      <c r="U20118" s="2">
        <v>98.721000000000004</v>
      </c>
      <c r="V20118" s="2">
        <v>92.066999999999993</v>
      </c>
      <c r="W20118" s="2">
        <v>0.42799999999999999</v>
      </c>
      <c r="X20118" s="2">
        <v>17</v>
      </c>
      <c r="Y20118" s="2">
        <v>144.69999999999999</v>
      </c>
      <c r="Z20118" s="2">
        <v>173.8</v>
      </c>
      <c r="AA20118" s="5">
        <v>7</v>
      </c>
      <c r="AB20118" s="5" t="s">
        <v>43</v>
      </c>
      <c r="AC20118" s="5" t="s">
        <v>735</v>
      </c>
      <c r="AD20118" s="2" t="s">
        <v>64246</v>
      </c>
      <c r="AE20118" s="1"/>
    </row>
    <row r="20119" spans="1:31" ht="14.45">
      <c r="A20119" s="11"/>
      <c r="B20119" s="20"/>
      <c r="C20119" s="2" t="s">
        <v>64247</v>
      </c>
      <c r="D20119" s="14" t="s">
        <v>64248</v>
      </c>
      <c r="E20119" s="2" t="s">
        <v>64249</v>
      </c>
      <c r="F20119" s="2" t="s">
        <v>64241</v>
      </c>
      <c r="G20119" s="8">
        <v>2001</v>
      </c>
      <c r="H20119" s="5">
        <v>10</v>
      </c>
      <c r="I20119" s="5" t="s">
        <v>69</v>
      </c>
      <c r="J20119" s="5" t="s">
        <v>61065</v>
      </c>
      <c r="K20119" s="2" t="s">
        <v>61066</v>
      </c>
      <c r="L20119" s="5" t="s">
        <v>61065</v>
      </c>
      <c r="M20119" s="2" t="s">
        <v>61066</v>
      </c>
      <c r="N20119" s="5" t="s">
        <v>733</v>
      </c>
      <c r="O20119" s="5" t="s">
        <v>38</v>
      </c>
      <c r="P20119" s="5" t="s">
        <v>39</v>
      </c>
      <c r="Q20119" s="5" t="s">
        <v>40</v>
      </c>
      <c r="R20119" s="5" t="s">
        <v>897</v>
      </c>
      <c r="S20119" s="5" t="s">
        <v>40</v>
      </c>
      <c r="T20119" s="5" t="s">
        <v>42</v>
      </c>
      <c r="U20119" s="2">
        <v>99.242000000000004</v>
      </c>
      <c r="V20119" s="2">
        <v>92.399000000000001</v>
      </c>
      <c r="W20119" s="2">
        <v>0.42799999999999999</v>
      </c>
      <c r="X20119" s="2">
        <v>17</v>
      </c>
      <c r="Y20119" s="2">
        <v>144.69999999999999</v>
      </c>
      <c r="Z20119" s="2">
        <v>173.8</v>
      </c>
      <c r="AA20119" s="5">
        <v>7</v>
      </c>
      <c r="AB20119" s="5" t="s">
        <v>43</v>
      </c>
      <c r="AC20119" s="5" t="s">
        <v>735</v>
      </c>
      <c r="AD20119" s="2" t="s">
        <v>64250</v>
      </c>
      <c r="AE20119" s="1"/>
    </row>
    <row r="20120" spans="1:31" ht="14.45">
      <c r="A20120" s="11"/>
      <c r="B20120" s="20"/>
      <c r="C20120" s="2" t="s">
        <v>64251</v>
      </c>
      <c r="D20120" s="14" t="s">
        <v>64252</v>
      </c>
      <c r="E20120" s="2" t="s">
        <v>64253</v>
      </c>
      <c r="F20120" s="2" t="s">
        <v>64254</v>
      </c>
      <c r="G20120" s="8">
        <v>2661</v>
      </c>
      <c r="H20120" s="5">
        <v>10</v>
      </c>
      <c r="I20120" s="5" t="s">
        <v>69</v>
      </c>
      <c r="J20120" s="5" t="s">
        <v>61065</v>
      </c>
      <c r="K20120" s="2" t="s">
        <v>61066</v>
      </c>
      <c r="L20120" s="5" t="s">
        <v>61065</v>
      </c>
      <c r="M20120" s="2" t="s">
        <v>61066</v>
      </c>
      <c r="N20120" s="5" t="s">
        <v>733</v>
      </c>
      <c r="O20120" s="5" t="s">
        <v>38</v>
      </c>
      <c r="P20120" s="5" t="s">
        <v>39</v>
      </c>
      <c r="Q20120" s="5" t="s">
        <v>40</v>
      </c>
      <c r="R20120" s="5" t="s">
        <v>897</v>
      </c>
      <c r="S20120" s="5" t="s">
        <v>40</v>
      </c>
      <c r="T20120" s="5" t="s">
        <v>42</v>
      </c>
      <c r="U20120" s="2">
        <v>103.47199999999999</v>
      </c>
      <c r="V20120" s="2">
        <v>96.817999999999998</v>
      </c>
      <c r="W20120" s="2">
        <v>0.42799999999999999</v>
      </c>
      <c r="X20120" s="2">
        <v>17</v>
      </c>
      <c r="Y20120" s="2">
        <v>144.69999999999999</v>
      </c>
      <c r="Z20120" s="2">
        <v>173.8</v>
      </c>
      <c r="AA20120" s="5">
        <v>7</v>
      </c>
      <c r="AB20120" s="5" t="s">
        <v>43</v>
      </c>
      <c r="AC20120" s="5" t="s">
        <v>735</v>
      </c>
      <c r="AD20120" s="2" t="s">
        <v>64255</v>
      </c>
      <c r="AE20120" s="1"/>
    </row>
    <row r="20121" spans="1:31" ht="14.45">
      <c r="A20121" s="11"/>
      <c r="B20121" s="20"/>
      <c r="C20121" s="2" t="s">
        <v>64256</v>
      </c>
      <c r="D20121" s="14" t="s">
        <v>64257</v>
      </c>
      <c r="E20121" s="2" t="s">
        <v>64258</v>
      </c>
      <c r="F20121" s="2" t="s">
        <v>64254</v>
      </c>
      <c r="G20121" s="8">
        <v>2661</v>
      </c>
      <c r="H20121" s="5">
        <v>10</v>
      </c>
      <c r="I20121" s="5" t="s">
        <v>69</v>
      </c>
      <c r="J20121" s="5" t="s">
        <v>61065</v>
      </c>
      <c r="K20121" s="2" t="s">
        <v>61066</v>
      </c>
      <c r="L20121" s="5" t="s">
        <v>61065</v>
      </c>
      <c r="M20121" s="2" t="s">
        <v>61066</v>
      </c>
      <c r="N20121" s="5" t="s">
        <v>733</v>
      </c>
      <c r="O20121" s="5" t="s">
        <v>38</v>
      </c>
      <c r="P20121" s="5" t="s">
        <v>39</v>
      </c>
      <c r="Q20121" s="5" t="s">
        <v>40</v>
      </c>
      <c r="R20121" s="5" t="s">
        <v>897</v>
      </c>
      <c r="S20121" s="5" t="s">
        <v>40</v>
      </c>
      <c r="T20121" s="5" t="s">
        <v>42</v>
      </c>
      <c r="U20121" s="2">
        <v>104.027</v>
      </c>
      <c r="V20121" s="2">
        <v>97.183999999999997</v>
      </c>
      <c r="W20121" s="2">
        <v>0.42799999999999999</v>
      </c>
      <c r="X20121" s="2">
        <v>17</v>
      </c>
      <c r="Y20121" s="2">
        <v>144.69999999999999</v>
      </c>
      <c r="Z20121" s="2">
        <v>173.8</v>
      </c>
      <c r="AA20121" s="5">
        <v>7</v>
      </c>
      <c r="AB20121" s="5" t="s">
        <v>43</v>
      </c>
      <c r="AC20121" s="5" t="s">
        <v>735</v>
      </c>
      <c r="AD20121" s="2" t="s">
        <v>64259</v>
      </c>
      <c r="AE20121" s="1"/>
    </row>
    <row r="20122" spans="1:31" ht="14.45">
      <c r="A20122" s="11"/>
      <c r="B20122" s="20"/>
      <c r="C20122" s="2" t="s">
        <v>64260</v>
      </c>
      <c r="D20122" s="14" t="s">
        <v>64261</v>
      </c>
      <c r="E20122" s="2" t="s">
        <v>64262</v>
      </c>
      <c r="F20122" s="2" t="s">
        <v>64263</v>
      </c>
      <c r="G20122" s="8">
        <v>1998</v>
      </c>
      <c r="H20122" s="5">
        <v>10</v>
      </c>
      <c r="I20122" s="5" t="s">
        <v>69</v>
      </c>
      <c r="J20122" s="5" t="s">
        <v>61065</v>
      </c>
      <c r="K20122" s="2" t="s">
        <v>61066</v>
      </c>
      <c r="L20122" s="5" t="s">
        <v>61065</v>
      </c>
      <c r="M20122" s="2" t="s">
        <v>61066</v>
      </c>
      <c r="N20122" s="5" t="s">
        <v>733</v>
      </c>
      <c r="O20122" s="5" t="s">
        <v>38</v>
      </c>
      <c r="P20122" s="5" t="s">
        <v>39</v>
      </c>
      <c r="Q20122" s="5" t="s">
        <v>40</v>
      </c>
      <c r="R20122" s="5" t="s">
        <v>897</v>
      </c>
      <c r="S20122" s="5" t="s">
        <v>40</v>
      </c>
      <c r="T20122" s="5" t="s">
        <v>42</v>
      </c>
      <c r="U20122" s="2">
        <v>89.783000000000001</v>
      </c>
      <c r="V20122" s="2">
        <v>83.094999999999999</v>
      </c>
      <c r="W20122" s="2">
        <v>0.42799999999999999</v>
      </c>
      <c r="X20122" s="2">
        <v>17</v>
      </c>
      <c r="Y20122" s="2">
        <v>144.69999999999999</v>
      </c>
      <c r="Z20122" s="2">
        <v>173.8</v>
      </c>
      <c r="AA20122" s="5">
        <v>7</v>
      </c>
      <c r="AB20122" s="5" t="s">
        <v>43</v>
      </c>
      <c r="AC20122" s="5" t="s">
        <v>735</v>
      </c>
      <c r="AD20122" s="2" t="s">
        <v>64264</v>
      </c>
      <c r="AE20122" s="1"/>
    </row>
    <row r="20123" spans="1:31" ht="14.45">
      <c r="A20123" s="11"/>
      <c r="B20123" s="20"/>
      <c r="C20123" s="2" t="s">
        <v>64265</v>
      </c>
      <c r="D20123" s="14" t="s">
        <v>64266</v>
      </c>
      <c r="E20123" s="2" t="s">
        <v>64267</v>
      </c>
      <c r="F20123" s="2" t="s">
        <v>64268</v>
      </c>
      <c r="G20123" s="8">
        <v>2169</v>
      </c>
      <c r="H20123" s="5">
        <v>10</v>
      </c>
      <c r="I20123" s="5" t="s">
        <v>69</v>
      </c>
      <c r="J20123" s="5" t="s">
        <v>61065</v>
      </c>
      <c r="K20123" s="2" t="s">
        <v>61066</v>
      </c>
      <c r="L20123" s="5" t="s">
        <v>61065</v>
      </c>
      <c r="M20123" s="2" t="s">
        <v>61066</v>
      </c>
      <c r="N20123" s="5" t="s">
        <v>733</v>
      </c>
      <c r="O20123" s="5" t="s">
        <v>38</v>
      </c>
      <c r="P20123" s="5" t="s">
        <v>39</v>
      </c>
      <c r="Q20123" s="5" t="s">
        <v>40</v>
      </c>
      <c r="R20123" s="5" t="s">
        <v>897</v>
      </c>
      <c r="S20123" s="5" t="s">
        <v>40</v>
      </c>
      <c r="T20123" s="5" t="s">
        <v>42</v>
      </c>
      <c r="U20123" s="2">
        <v>104.24299999999999</v>
      </c>
      <c r="V20123" s="2">
        <v>97.68</v>
      </c>
      <c r="W20123" s="2">
        <v>0.42799999999999999</v>
      </c>
      <c r="X20123" s="2">
        <v>17</v>
      </c>
      <c r="Y20123" s="2">
        <v>144.69999999999999</v>
      </c>
      <c r="Z20123" s="2">
        <v>173.8</v>
      </c>
      <c r="AA20123" s="5">
        <v>7</v>
      </c>
      <c r="AB20123" s="5" t="s">
        <v>43</v>
      </c>
      <c r="AC20123" s="5" t="s">
        <v>735</v>
      </c>
      <c r="AD20123" s="2" t="s">
        <v>64269</v>
      </c>
      <c r="AE20123" s="1"/>
    </row>
    <row r="20124" spans="1:31" ht="14.45">
      <c r="A20124" s="11"/>
      <c r="B20124" s="20"/>
      <c r="C20124" s="2" t="s">
        <v>64270</v>
      </c>
      <c r="D20124" s="14" t="s">
        <v>64271</v>
      </c>
      <c r="E20124" s="2" t="s">
        <v>64272</v>
      </c>
      <c r="F20124" s="2" t="s">
        <v>64268</v>
      </c>
      <c r="G20124" s="8">
        <v>2469</v>
      </c>
      <c r="H20124" s="5">
        <v>10</v>
      </c>
      <c r="I20124" s="5" t="s">
        <v>69</v>
      </c>
      <c r="J20124" s="5" t="s">
        <v>61065</v>
      </c>
      <c r="K20124" s="2" t="s">
        <v>61066</v>
      </c>
      <c r="L20124" s="5" t="s">
        <v>61065</v>
      </c>
      <c r="M20124" s="2" t="s">
        <v>61066</v>
      </c>
      <c r="N20124" s="5" t="s">
        <v>733</v>
      </c>
      <c r="O20124" s="5" t="s">
        <v>38</v>
      </c>
      <c r="P20124" s="5" t="s">
        <v>39</v>
      </c>
      <c r="Q20124" s="5" t="s">
        <v>40</v>
      </c>
      <c r="R20124" s="5" t="s">
        <v>897</v>
      </c>
      <c r="S20124" s="5" t="s">
        <v>40</v>
      </c>
      <c r="T20124" s="5" t="s">
        <v>42</v>
      </c>
      <c r="U20124" s="2">
        <v>103.38500000000001</v>
      </c>
      <c r="V20124" s="2">
        <v>96.730999999999995</v>
      </c>
      <c r="W20124" s="2">
        <v>0.42799999999999999</v>
      </c>
      <c r="X20124" s="2">
        <v>17</v>
      </c>
      <c r="Y20124" s="2">
        <v>144.69999999999999</v>
      </c>
      <c r="Z20124" s="2">
        <v>173.8</v>
      </c>
      <c r="AA20124" s="5">
        <v>7</v>
      </c>
      <c r="AB20124" s="5" t="s">
        <v>43</v>
      </c>
      <c r="AC20124" s="5" t="s">
        <v>735</v>
      </c>
      <c r="AD20124" s="2" t="s">
        <v>64273</v>
      </c>
      <c r="AE20124" s="1"/>
    </row>
    <row r="20125" spans="1:31" ht="14.45">
      <c r="A20125" s="11"/>
      <c r="B20125" s="20"/>
      <c r="C20125" s="2" t="s">
        <v>64274</v>
      </c>
      <c r="D20125" s="14" t="s">
        <v>64275</v>
      </c>
      <c r="E20125" s="2" t="s">
        <v>64276</v>
      </c>
      <c r="F20125" s="2" t="s">
        <v>64268</v>
      </c>
      <c r="G20125" s="8">
        <v>2469</v>
      </c>
      <c r="H20125" s="5">
        <v>10</v>
      </c>
      <c r="I20125" s="5" t="s">
        <v>69</v>
      </c>
      <c r="J20125" s="5" t="s">
        <v>61065</v>
      </c>
      <c r="K20125" s="2" t="s">
        <v>61066</v>
      </c>
      <c r="L20125" s="5" t="s">
        <v>61065</v>
      </c>
      <c r="M20125" s="2" t="s">
        <v>61066</v>
      </c>
      <c r="N20125" s="5" t="s">
        <v>733</v>
      </c>
      <c r="O20125" s="5" t="s">
        <v>38</v>
      </c>
      <c r="P20125" s="5" t="s">
        <v>39</v>
      </c>
      <c r="Q20125" s="5" t="s">
        <v>40</v>
      </c>
      <c r="R20125" s="5" t="s">
        <v>897</v>
      </c>
      <c r="S20125" s="5" t="s">
        <v>40</v>
      </c>
      <c r="T20125" s="5" t="s">
        <v>42</v>
      </c>
      <c r="U20125" s="2">
        <v>103.94</v>
      </c>
      <c r="V20125" s="2">
        <v>97.096999999999994</v>
      </c>
      <c r="W20125" s="2">
        <v>0.42799999999999999</v>
      </c>
      <c r="X20125" s="2">
        <v>17</v>
      </c>
      <c r="Y20125" s="2">
        <v>144.69999999999999</v>
      </c>
      <c r="Z20125" s="2">
        <v>173.8</v>
      </c>
      <c r="AA20125" s="5">
        <v>7</v>
      </c>
      <c r="AB20125" s="5" t="s">
        <v>43</v>
      </c>
      <c r="AC20125" s="5" t="s">
        <v>735</v>
      </c>
      <c r="AD20125" s="2" t="s">
        <v>64277</v>
      </c>
      <c r="AE20125" s="1"/>
    </row>
    <row r="20126" spans="1:31" ht="14.45">
      <c r="A20126" s="11"/>
      <c r="B20126" s="20"/>
      <c r="C20126" s="2" t="s">
        <v>64278</v>
      </c>
      <c r="D20126" s="14" t="s">
        <v>64279</v>
      </c>
      <c r="E20126" s="2" t="s">
        <v>64280</v>
      </c>
      <c r="F20126" s="2" t="s">
        <v>64281</v>
      </c>
      <c r="G20126" s="8">
        <v>2661</v>
      </c>
      <c r="H20126" s="5">
        <v>10</v>
      </c>
      <c r="I20126" s="5" t="s">
        <v>69</v>
      </c>
      <c r="J20126" s="5" t="s">
        <v>61065</v>
      </c>
      <c r="K20126" s="2" t="s">
        <v>61066</v>
      </c>
      <c r="L20126" s="5" t="s">
        <v>61065</v>
      </c>
      <c r="M20126" s="2" t="s">
        <v>61066</v>
      </c>
      <c r="N20126" s="5" t="s">
        <v>733</v>
      </c>
      <c r="O20126" s="5" t="s">
        <v>38</v>
      </c>
      <c r="P20126" s="5" t="s">
        <v>39</v>
      </c>
      <c r="Q20126" s="5" t="s">
        <v>40</v>
      </c>
      <c r="R20126" s="5" t="s">
        <v>897</v>
      </c>
      <c r="S20126" s="5" t="s">
        <v>40</v>
      </c>
      <c r="T20126" s="5" t="s">
        <v>42</v>
      </c>
      <c r="U20126" s="2">
        <v>102.18300000000001</v>
      </c>
      <c r="V20126" s="2">
        <v>95.528999999999996</v>
      </c>
      <c r="W20126" s="2">
        <v>0.42799999999999999</v>
      </c>
      <c r="X20126" s="2">
        <v>17</v>
      </c>
      <c r="Y20126" s="2">
        <v>144.69999999999999</v>
      </c>
      <c r="Z20126" s="2">
        <v>173.8</v>
      </c>
      <c r="AA20126" s="5">
        <v>7</v>
      </c>
      <c r="AB20126" s="5" t="s">
        <v>43</v>
      </c>
      <c r="AC20126" s="5" t="s">
        <v>735</v>
      </c>
      <c r="AD20126" s="2" t="s">
        <v>64282</v>
      </c>
      <c r="AE20126" s="1"/>
    </row>
    <row r="20127" spans="1:31" ht="14.45">
      <c r="A20127" s="11"/>
      <c r="B20127" s="20"/>
      <c r="C20127" s="2" t="s">
        <v>64283</v>
      </c>
      <c r="D20127" s="14" t="s">
        <v>64284</v>
      </c>
      <c r="E20127" s="2" t="s">
        <v>64285</v>
      </c>
      <c r="F20127" s="2" t="s">
        <v>64286</v>
      </c>
      <c r="G20127" s="8">
        <v>1998</v>
      </c>
      <c r="H20127" s="5">
        <v>10</v>
      </c>
      <c r="I20127" s="5" t="s">
        <v>69</v>
      </c>
      <c r="J20127" s="5" t="s">
        <v>61065</v>
      </c>
      <c r="K20127" s="2" t="s">
        <v>61066</v>
      </c>
      <c r="L20127" s="5" t="s">
        <v>61065</v>
      </c>
      <c r="M20127" s="2" t="s">
        <v>61066</v>
      </c>
      <c r="N20127" s="5" t="s">
        <v>733</v>
      </c>
      <c r="O20127" s="5" t="s">
        <v>38</v>
      </c>
      <c r="P20127" s="5" t="s">
        <v>39</v>
      </c>
      <c r="Q20127" s="5" t="s">
        <v>40</v>
      </c>
      <c r="R20127" s="5" t="s">
        <v>897</v>
      </c>
      <c r="S20127" s="5" t="s">
        <v>40</v>
      </c>
      <c r="T20127" s="5" t="s">
        <v>42</v>
      </c>
      <c r="U20127" s="2">
        <v>88.498000000000005</v>
      </c>
      <c r="V20127" s="2">
        <v>81.81</v>
      </c>
      <c r="W20127" s="2">
        <v>0.42799999999999999</v>
      </c>
      <c r="X20127" s="2">
        <v>17</v>
      </c>
      <c r="Y20127" s="2">
        <v>144.69999999999999</v>
      </c>
      <c r="Z20127" s="2">
        <v>173.8</v>
      </c>
      <c r="AA20127" s="5">
        <v>7</v>
      </c>
      <c r="AB20127" s="5" t="s">
        <v>43</v>
      </c>
      <c r="AC20127" s="5" t="s">
        <v>735</v>
      </c>
      <c r="AD20127" s="2" t="s">
        <v>64287</v>
      </c>
      <c r="AE20127" s="1"/>
    </row>
    <row r="20128" spans="1:31" ht="14.45">
      <c r="A20128" s="11"/>
      <c r="B20128" s="20"/>
      <c r="C20128" s="2" t="s">
        <v>64288</v>
      </c>
      <c r="D20128" s="14" t="s">
        <v>64289</v>
      </c>
      <c r="E20128" s="2" t="s">
        <v>64290</v>
      </c>
      <c r="F20128" s="2" t="s">
        <v>64286</v>
      </c>
      <c r="G20128" s="8">
        <v>1998</v>
      </c>
      <c r="H20128" s="5">
        <v>10</v>
      </c>
      <c r="I20128" s="5" t="s">
        <v>69</v>
      </c>
      <c r="J20128" s="5" t="s">
        <v>61065</v>
      </c>
      <c r="K20128" s="2" t="s">
        <v>61066</v>
      </c>
      <c r="L20128" s="5" t="s">
        <v>61065</v>
      </c>
      <c r="M20128" s="2" t="s">
        <v>61066</v>
      </c>
      <c r="N20128" s="5" t="s">
        <v>733</v>
      </c>
      <c r="O20128" s="5" t="s">
        <v>38</v>
      </c>
      <c r="P20128" s="5" t="s">
        <v>39</v>
      </c>
      <c r="Q20128" s="5" t="s">
        <v>40</v>
      </c>
      <c r="R20128" s="5" t="s">
        <v>897</v>
      </c>
      <c r="S20128" s="5" t="s">
        <v>40</v>
      </c>
      <c r="T20128" s="5" t="s">
        <v>42</v>
      </c>
      <c r="U20128" s="2">
        <v>89.052000000000007</v>
      </c>
      <c r="V20128" s="2">
        <v>82.174999999999997</v>
      </c>
      <c r="W20128" s="2">
        <v>0.42799999999999999</v>
      </c>
      <c r="X20128" s="2">
        <v>17</v>
      </c>
      <c r="Y20128" s="2">
        <v>144.69999999999999</v>
      </c>
      <c r="Z20128" s="2">
        <v>173.8</v>
      </c>
      <c r="AA20128" s="5">
        <v>7</v>
      </c>
      <c r="AB20128" s="5" t="s">
        <v>43</v>
      </c>
      <c r="AC20128" s="5" t="s">
        <v>735</v>
      </c>
      <c r="AD20128" s="2" t="s">
        <v>64291</v>
      </c>
      <c r="AE20128" s="1"/>
    </row>
    <row r="20129" spans="1:31" ht="14.45">
      <c r="A20129" s="11"/>
      <c r="B20129" s="20"/>
      <c r="C20129" s="2" t="s">
        <v>64292</v>
      </c>
      <c r="D20129" s="14" t="s">
        <v>64293</v>
      </c>
      <c r="E20129" s="2" t="s">
        <v>64294</v>
      </c>
      <c r="F20129" s="2" t="s">
        <v>64295</v>
      </c>
      <c r="G20129" s="8">
        <v>2169</v>
      </c>
      <c r="H20129" s="5">
        <v>10</v>
      </c>
      <c r="I20129" s="5" t="s">
        <v>69</v>
      </c>
      <c r="J20129" s="5" t="s">
        <v>61065</v>
      </c>
      <c r="K20129" s="2" t="s">
        <v>61066</v>
      </c>
      <c r="L20129" s="5" t="s">
        <v>61065</v>
      </c>
      <c r="M20129" s="2" t="s">
        <v>61066</v>
      </c>
      <c r="N20129" s="5" t="s">
        <v>733</v>
      </c>
      <c r="O20129" s="5" t="s">
        <v>38</v>
      </c>
      <c r="P20129" s="5" t="s">
        <v>39</v>
      </c>
      <c r="Q20129" s="5" t="s">
        <v>40</v>
      </c>
      <c r="R20129" s="5" t="s">
        <v>897</v>
      </c>
      <c r="S20129" s="5" t="s">
        <v>40</v>
      </c>
      <c r="T20129" s="5" t="s">
        <v>42</v>
      </c>
      <c r="U20129" s="2">
        <v>102.95399999999999</v>
      </c>
      <c r="V20129" s="2">
        <v>96.391000000000005</v>
      </c>
      <c r="W20129" s="2">
        <v>0.42799999999999999</v>
      </c>
      <c r="X20129" s="2">
        <v>17</v>
      </c>
      <c r="Y20129" s="2">
        <v>144.69999999999999</v>
      </c>
      <c r="Z20129" s="2">
        <v>173.8</v>
      </c>
      <c r="AA20129" s="5">
        <v>7</v>
      </c>
      <c r="AB20129" s="5" t="s">
        <v>43</v>
      </c>
      <c r="AC20129" s="5" t="s">
        <v>735</v>
      </c>
      <c r="AD20129" s="2" t="s">
        <v>64296</v>
      </c>
      <c r="AE20129" s="1"/>
    </row>
    <row r="20130" spans="1:31" ht="14.45">
      <c r="A20130" s="11"/>
      <c r="B20130" s="20"/>
      <c r="C20130" s="2" t="s">
        <v>64297</v>
      </c>
      <c r="D20130" s="14" t="s">
        <v>64298</v>
      </c>
      <c r="E20130" s="2" t="s">
        <v>64299</v>
      </c>
      <c r="F20130" s="2" t="s">
        <v>64300</v>
      </c>
      <c r="G20130" s="8">
        <v>2469</v>
      </c>
      <c r="H20130" s="5">
        <v>10</v>
      </c>
      <c r="I20130" s="5" t="s">
        <v>69</v>
      </c>
      <c r="J20130" s="5" t="s">
        <v>61065</v>
      </c>
      <c r="K20130" s="2" t="s">
        <v>61066</v>
      </c>
      <c r="L20130" s="5" t="s">
        <v>61065</v>
      </c>
      <c r="M20130" s="2" t="s">
        <v>61066</v>
      </c>
      <c r="N20130" s="5" t="s">
        <v>733</v>
      </c>
      <c r="O20130" s="5" t="s">
        <v>38</v>
      </c>
      <c r="P20130" s="5" t="s">
        <v>39</v>
      </c>
      <c r="Q20130" s="5" t="s">
        <v>40</v>
      </c>
      <c r="R20130" s="5" t="s">
        <v>897</v>
      </c>
      <c r="S20130" s="5" t="s">
        <v>40</v>
      </c>
      <c r="T20130" s="5" t="s">
        <v>42</v>
      </c>
      <c r="U20130" s="2">
        <v>102.096</v>
      </c>
      <c r="V20130" s="2">
        <v>95.441999999999993</v>
      </c>
      <c r="W20130" s="2">
        <v>0.42799999999999999</v>
      </c>
      <c r="X20130" s="2">
        <v>17</v>
      </c>
      <c r="Y20130" s="2">
        <v>144.69999999999999</v>
      </c>
      <c r="Z20130" s="2">
        <v>173.8</v>
      </c>
      <c r="AA20130" s="5">
        <v>7</v>
      </c>
      <c r="AB20130" s="5" t="s">
        <v>43</v>
      </c>
      <c r="AC20130" s="5" t="s">
        <v>735</v>
      </c>
      <c r="AD20130" s="2" t="s">
        <v>64301</v>
      </c>
      <c r="AE20130" s="1"/>
    </row>
    <row r="20131" spans="1:31" ht="14.45">
      <c r="A20131" s="11"/>
      <c r="B20131" s="20"/>
      <c r="C20131" s="2" t="s">
        <v>64302</v>
      </c>
      <c r="D20131" s="14" t="s">
        <v>64303</v>
      </c>
      <c r="E20131" s="2" t="s">
        <v>64304</v>
      </c>
      <c r="F20131" s="2" t="s">
        <v>64300</v>
      </c>
      <c r="G20131" s="8">
        <v>2469</v>
      </c>
      <c r="H20131" s="5">
        <v>10</v>
      </c>
      <c r="I20131" s="5" t="s">
        <v>69</v>
      </c>
      <c r="J20131" s="5" t="s">
        <v>61065</v>
      </c>
      <c r="K20131" s="2" t="s">
        <v>61066</v>
      </c>
      <c r="L20131" s="5" t="s">
        <v>61065</v>
      </c>
      <c r="M20131" s="2" t="s">
        <v>61066</v>
      </c>
      <c r="N20131" s="5" t="s">
        <v>733</v>
      </c>
      <c r="O20131" s="5" t="s">
        <v>38</v>
      </c>
      <c r="P20131" s="5" t="s">
        <v>39</v>
      </c>
      <c r="Q20131" s="5" t="s">
        <v>40</v>
      </c>
      <c r="R20131" s="5" t="s">
        <v>897</v>
      </c>
      <c r="S20131" s="5" t="s">
        <v>40</v>
      </c>
      <c r="T20131" s="5" t="s">
        <v>42</v>
      </c>
      <c r="U20131" s="2">
        <v>102.65</v>
      </c>
      <c r="V20131" s="2">
        <v>95.807000000000002</v>
      </c>
      <c r="W20131" s="2">
        <v>0.42799999999999999</v>
      </c>
      <c r="X20131" s="2">
        <v>17</v>
      </c>
      <c r="Y20131" s="2">
        <v>144.69999999999999</v>
      </c>
      <c r="Z20131" s="2">
        <v>173.8</v>
      </c>
      <c r="AA20131" s="5">
        <v>7</v>
      </c>
      <c r="AB20131" s="5" t="s">
        <v>43</v>
      </c>
      <c r="AC20131" s="5" t="s">
        <v>735</v>
      </c>
      <c r="AD20131" s="2" t="s">
        <v>64305</v>
      </c>
      <c r="AE20131" s="1"/>
    </row>
    <row r="20132" spans="1:31" ht="14.45">
      <c r="A20132" s="11"/>
      <c r="B20132" s="20"/>
      <c r="C20132" s="2" t="s">
        <v>64306</v>
      </c>
      <c r="D20132" s="14" t="s">
        <v>64307</v>
      </c>
      <c r="E20132" s="2" t="s">
        <v>64308</v>
      </c>
      <c r="F20132" s="2" t="s">
        <v>64309</v>
      </c>
      <c r="G20132" s="8">
        <v>947</v>
      </c>
      <c r="H20132" s="5">
        <v>15</v>
      </c>
      <c r="I20132" s="5" t="s">
        <v>69</v>
      </c>
      <c r="J20132" s="5" t="s">
        <v>64310</v>
      </c>
      <c r="K20132" s="2" t="s">
        <v>64311</v>
      </c>
      <c r="L20132" s="5" t="s">
        <v>64310</v>
      </c>
      <c r="M20132" s="2" t="s">
        <v>64311</v>
      </c>
      <c r="N20132" s="5" t="s">
        <v>733</v>
      </c>
      <c r="O20132" s="5" t="s">
        <v>38</v>
      </c>
      <c r="P20132" s="5" t="s">
        <v>39</v>
      </c>
      <c r="Q20132" s="5" t="s">
        <v>40</v>
      </c>
      <c r="R20132" s="5" t="s">
        <v>897</v>
      </c>
      <c r="S20132" s="5" t="s">
        <v>40</v>
      </c>
      <c r="T20132" s="5" t="s">
        <v>42</v>
      </c>
      <c r="U20132" s="2">
        <v>42.878</v>
      </c>
      <c r="V20132" s="2">
        <v>40.225000000000001</v>
      </c>
      <c r="W20132" s="2">
        <v>0.153</v>
      </c>
      <c r="X20132" s="2">
        <v>17</v>
      </c>
      <c r="Y20132" s="2">
        <v>80.7</v>
      </c>
      <c r="Z20132" s="2">
        <v>111.6</v>
      </c>
      <c r="AA20132" s="5">
        <v>7</v>
      </c>
      <c r="AB20132" s="5" t="s">
        <v>43</v>
      </c>
      <c r="AC20132" s="5" t="s">
        <v>735</v>
      </c>
      <c r="AD20132" s="2" t="s">
        <v>64312</v>
      </c>
      <c r="AE20132" s="1"/>
    </row>
    <row r="20133" spans="1:31" ht="14.45">
      <c r="A20133" s="11"/>
      <c r="B20133" s="20"/>
      <c r="C20133" s="2" t="s">
        <v>64313</v>
      </c>
      <c r="D20133" s="14" t="s">
        <v>64314</v>
      </c>
      <c r="E20133" s="2" t="s">
        <v>64315</v>
      </c>
      <c r="F20133" s="2" t="s">
        <v>64316</v>
      </c>
      <c r="G20133" s="8">
        <v>854</v>
      </c>
      <c r="H20133" s="5">
        <v>5</v>
      </c>
      <c r="I20133" s="5" t="s">
        <v>69</v>
      </c>
      <c r="J20133" s="5" t="s">
        <v>64310</v>
      </c>
      <c r="K20133" s="2" t="s">
        <v>64311</v>
      </c>
      <c r="L20133" s="5" t="s">
        <v>64310</v>
      </c>
      <c r="M20133" s="2" t="s">
        <v>64311</v>
      </c>
      <c r="N20133" s="5" t="s">
        <v>733</v>
      </c>
      <c r="O20133" s="5" t="s">
        <v>38</v>
      </c>
      <c r="P20133" s="5" t="s">
        <v>39</v>
      </c>
      <c r="Q20133" s="5" t="s">
        <v>40</v>
      </c>
      <c r="R20133" s="5" t="s">
        <v>897</v>
      </c>
      <c r="S20133" s="5" t="s">
        <v>40</v>
      </c>
      <c r="T20133" s="5" t="s">
        <v>42</v>
      </c>
      <c r="U20133" s="2">
        <v>38.155999999999999</v>
      </c>
      <c r="V20133" s="2">
        <v>35.503</v>
      </c>
      <c r="W20133" s="2">
        <v>0.153</v>
      </c>
      <c r="X20133" s="2">
        <v>17</v>
      </c>
      <c r="Y20133" s="2">
        <v>80.7</v>
      </c>
      <c r="Z20133" s="2">
        <v>111.6</v>
      </c>
      <c r="AA20133" s="5">
        <v>7</v>
      </c>
      <c r="AB20133" s="5" t="s">
        <v>43</v>
      </c>
      <c r="AC20133" s="5" t="s">
        <v>735</v>
      </c>
      <c r="AD20133" s="2" t="s">
        <v>64317</v>
      </c>
      <c r="AE20133" s="1"/>
    </row>
    <row r="20134" spans="1:31" ht="14.45">
      <c r="A20134" s="11"/>
      <c r="B20134" s="20"/>
      <c r="C20134" s="2" t="s">
        <v>64318</v>
      </c>
      <c r="D20134" s="14" t="s">
        <v>64319</v>
      </c>
      <c r="E20134" s="2" t="s">
        <v>64320</v>
      </c>
      <c r="F20134" s="2" t="s">
        <v>64321</v>
      </c>
      <c r="G20134" s="8">
        <v>627</v>
      </c>
      <c r="H20134" s="5">
        <v>5</v>
      </c>
      <c r="I20134" s="5" t="s">
        <v>69</v>
      </c>
      <c r="J20134" s="5" t="s">
        <v>64310</v>
      </c>
      <c r="K20134" s="2" t="s">
        <v>64311</v>
      </c>
      <c r="L20134" s="5" t="s">
        <v>64310</v>
      </c>
      <c r="M20134" s="2" t="s">
        <v>64311</v>
      </c>
      <c r="N20134" s="5" t="s">
        <v>733</v>
      </c>
      <c r="O20134" s="5" t="s">
        <v>38</v>
      </c>
      <c r="P20134" s="5" t="s">
        <v>39</v>
      </c>
      <c r="Q20134" s="5" t="s">
        <v>40</v>
      </c>
      <c r="R20134" s="5" t="s">
        <v>897</v>
      </c>
      <c r="S20134" s="5" t="s">
        <v>40</v>
      </c>
      <c r="T20134" s="5" t="s">
        <v>42</v>
      </c>
      <c r="U20134" s="2">
        <v>33.871000000000002</v>
      </c>
      <c r="V20134" s="2">
        <v>31.218</v>
      </c>
      <c r="W20134" s="2">
        <v>0.153</v>
      </c>
      <c r="X20134" s="2">
        <v>17</v>
      </c>
      <c r="Y20134" s="2">
        <v>80.7</v>
      </c>
      <c r="Z20134" s="2">
        <v>111.6</v>
      </c>
      <c r="AA20134" s="5">
        <v>7</v>
      </c>
      <c r="AB20134" s="5" t="s">
        <v>43</v>
      </c>
      <c r="AC20134" s="5" t="s">
        <v>735</v>
      </c>
      <c r="AD20134" s="2" t="s">
        <v>64322</v>
      </c>
      <c r="AE20134" s="1"/>
    </row>
    <row r="20135" spans="1:31" ht="14.45">
      <c r="A20135" s="11"/>
      <c r="B20135" s="20"/>
      <c r="C20135" s="2" t="s">
        <v>64323</v>
      </c>
      <c r="D20135" s="14" t="s">
        <v>64324</v>
      </c>
      <c r="E20135" s="2" t="s">
        <v>64325</v>
      </c>
      <c r="F20135" s="2" t="s">
        <v>64326</v>
      </c>
      <c r="G20135" s="8">
        <v>785</v>
      </c>
      <c r="H20135" s="5">
        <v>10</v>
      </c>
      <c r="I20135" s="5" t="s">
        <v>69</v>
      </c>
      <c r="J20135" s="5" t="s">
        <v>64310</v>
      </c>
      <c r="K20135" s="2" t="s">
        <v>64311</v>
      </c>
      <c r="L20135" s="5" t="s">
        <v>64310</v>
      </c>
      <c r="M20135" s="2" t="s">
        <v>64311</v>
      </c>
      <c r="N20135" s="5" t="s">
        <v>733</v>
      </c>
      <c r="O20135" s="5" t="s">
        <v>38</v>
      </c>
      <c r="P20135" s="5" t="s">
        <v>39</v>
      </c>
      <c r="Q20135" s="5" t="s">
        <v>40</v>
      </c>
      <c r="R20135" s="5" t="s">
        <v>897</v>
      </c>
      <c r="S20135" s="5" t="s">
        <v>40</v>
      </c>
      <c r="T20135" s="5" t="s">
        <v>42</v>
      </c>
      <c r="U20135" s="2">
        <v>38.131999999999998</v>
      </c>
      <c r="V20135" s="2">
        <v>35.478999999999999</v>
      </c>
      <c r="W20135" s="2">
        <v>0.153</v>
      </c>
      <c r="X20135" s="2">
        <v>17</v>
      </c>
      <c r="Y20135" s="2">
        <v>80.7</v>
      </c>
      <c r="Z20135" s="2">
        <v>111.6</v>
      </c>
      <c r="AA20135" s="5">
        <v>7</v>
      </c>
      <c r="AB20135" s="5" t="s">
        <v>43</v>
      </c>
      <c r="AC20135" s="5" t="s">
        <v>735</v>
      </c>
      <c r="AD20135" s="2" t="s">
        <v>64327</v>
      </c>
      <c r="AE20135" s="1"/>
    </row>
    <row r="20136" spans="1:31" ht="14.45">
      <c r="A20136" s="11"/>
      <c r="B20136" s="20"/>
      <c r="C20136" s="2" t="s">
        <v>64328</v>
      </c>
      <c r="D20136" s="14" t="s">
        <v>64329</v>
      </c>
      <c r="E20136" s="2" t="s">
        <v>64330</v>
      </c>
      <c r="F20136" s="2" t="s">
        <v>64331</v>
      </c>
      <c r="G20136" s="8">
        <v>1322</v>
      </c>
      <c r="H20136" s="5">
        <v>15</v>
      </c>
      <c r="I20136" s="5" t="s">
        <v>69</v>
      </c>
      <c r="J20136" s="5" t="s">
        <v>64310</v>
      </c>
      <c r="K20136" s="2" t="s">
        <v>64311</v>
      </c>
      <c r="L20136" s="5" t="s">
        <v>64310</v>
      </c>
      <c r="M20136" s="2" t="s">
        <v>64311</v>
      </c>
      <c r="N20136" s="5" t="s">
        <v>733</v>
      </c>
      <c r="O20136" s="5" t="s">
        <v>38</v>
      </c>
      <c r="P20136" s="5" t="s">
        <v>39</v>
      </c>
      <c r="Q20136" s="5" t="s">
        <v>40</v>
      </c>
      <c r="R20136" s="5" t="s">
        <v>897</v>
      </c>
      <c r="S20136" s="5" t="s">
        <v>40</v>
      </c>
      <c r="T20136" s="5" t="s">
        <v>42</v>
      </c>
      <c r="U20136" s="2">
        <v>41.344000000000001</v>
      </c>
      <c r="V20136" s="2">
        <v>38.691000000000003</v>
      </c>
      <c r="W20136" s="2">
        <v>0.153</v>
      </c>
      <c r="X20136" s="2">
        <v>17</v>
      </c>
      <c r="Y20136" s="2">
        <v>80.7</v>
      </c>
      <c r="Z20136" s="2">
        <v>111.6</v>
      </c>
      <c r="AA20136" s="5">
        <v>7</v>
      </c>
      <c r="AB20136" s="5" t="s">
        <v>43</v>
      </c>
      <c r="AC20136" s="5" t="s">
        <v>735</v>
      </c>
      <c r="AD20136" s="2" t="s">
        <v>64332</v>
      </c>
      <c r="AE20136" s="1"/>
    </row>
    <row r="20137" spans="1:31" ht="14.45">
      <c r="A20137" s="11"/>
      <c r="B20137" s="20"/>
      <c r="C20137" s="2" t="s">
        <v>64333</v>
      </c>
      <c r="D20137" s="14" t="s">
        <v>64334</v>
      </c>
      <c r="E20137" s="2" t="s">
        <v>64335</v>
      </c>
      <c r="F20137" s="2" t="s">
        <v>64336</v>
      </c>
      <c r="G20137" s="8">
        <v>1253</v>
      </c>
      <c r="H20137" s="5">
        <v>10</v>
      </c>
      <c r="I20137" s="5" t="s">
        <v>69</v>
      </c>
      <c r="J20137" s="5" t="s">
        <v>64310</v>
      </c>
      <c r="K20137" s="2" t="s">
        <v>64311</v>
      </c>
      <c r="L20137" s="5" t="s">
        <v>64310</v>
      </c>
      <c r="M20137" s="2" t="s">
        <v>64311</v>
      </c>
      <c r="N20137" s="5" t="s">
        <v>733</v>
      </c>
      <c r="O20137" s="5" t="s">
        <v>38</v>
      </c>
      <c r="P20137" s="5" t="s">
        <v>39</v>
      </c>
      <c r="Q20137" s="5" t="s">
        <v>40</v>
      </c>
      <c r="R20137" s="5" t="s">
        <v>897</v>
      </c>
      <c r="S20137" s="5" t="s">
        <v>40</v>
      </c>
      <c r="T20137" s="5" t="s">
        <v>42</v>
      </c>
      <c r="U20137" s="2">
        <v>41.32</v>
      </c>
      <c r="V20137" s="2">
        <v>38.667000000000002</v>
      </c>
      <c r="W20137" s="2">
        <v>0.153</v>
      </c>
      <c r="X20137" s="2">
        <v>17</v>
      </c>
      <c r="Y20137" s="2">
        <v>80.7</v>
      </c>
      <c r="Z20137" s="2">
        <v>111.6</v>
      </c>
      <c r="AA20137" s="5">
        <v>7</v>
      </c>
      <c r="AB20137" s="5" t="s">
        <v>43</v>
      </c>
      <c r="AC20137" s="5" t="s">
        <v>735</v>
      </c>
      <c r="AD20137" s="2" t="s">
        <v>64337</v>
      </c>
      <c r="AE20137" s="1"/>
    </row>
    <row r="20138" spans="1:31" ht="14.45">
      <c r="A20138" s="11"/>
      <c r="B20138" s="20"/>
      <c r="C20138" s="2" t="s">
        <v>64338</v>
      </c>
      <c r="D20138" s="14" t="s">
        <v>64339</v>
      </c>
      <c r="E20138" s="2" t="s">
        <v>64340</v>
      </c>
      <c r="F20138" s="2" t="s">
        <v>64341</v>
      </c>
      <c r="G20138" s="8">
        <v>1253</v>
      </c>
      <c r="H20138" s="5">
        <v>10</v>
      </c>
      <c r="I20138" s="5" t="s">
        <v>69</v>
      </c>
      <c r="J20138" s="5" t="s">
        <v>64310</v>
      </c>
      <c r="K20138" s="2" t="s">
        <v>64311</v>
      </c>
      <c r="L20138" s="5" t="s">
        <v>64310</v>
      </c>
      <c r="M20138" s="2" t="s">
        <v>64311</v>
      </c>
      <c r="N20138" s="5" t="s">
        <v>733</v>
      </c>
      <c r="O20138" s="5" t="s">
        <v>38</v>
      </c>
      <c r="P20138" s="5" t="s">
        <v>39</v>
      </c>
      <c r="Q20138" s="5" t="s">
        <v>40</v>
      </c>
      <c r="R20138" s="5" t="s">
        <v>897</v>
      </c>
      <c r="S20138" s="5" t="s">
        <v>40</v>
      </c>
      <c r="T20138" s="5" t="s">
        <v>42</v>
      </c>
      <c r="U20138" s="2">
        <v>40.332999999999998</v>
      </c>
      <c r="V20138" s="2">
        <v>37.68</v>
      </c>
      <c r="W20138" s="2">
        <v>0.153</v>
      </c>
      <c r="X20138" s="2">
        <v>17</v>
      </c>
      <c r="Y20138" s="2">
        <v>80.7</v>
      </c>
      <c r="Z20138" s="2">
        <v>111.6</v>
      </c>
      <c r="AA20138" s="5">
        <v>7</v>
      </c>
      <c r="AB20138" s="5" t="s">
        <v>43</v>
      </c>
      <c r="AC20138" s="5" t="s">
        <v>735</v>
      </c>
      <c r="AD20138" s="2" t="s">
        <v>64342</v>
      </c>
      <c r="AE20138" s="1"/>
    </row>
    <row r="20139" spans="1:31" ht="14.45">
      <c r="A20139" s="11"/>
      <c r="B20139" s="20"/>
      <c r="C20139" s="2" t="s">
        <v>64343</v>
      </c>
      <c r="D20139" s="14" t="s">
        <v>64344</v>
      </c>
      <c r="E20139" s="2" t="s">
        <v>64345</v>
      </c>
      <c r="F20139" s="2" t="s">
        <v>64346</v>
      </c>
      <c r="G20139" s="8">
        <v>947</v>
      </c>
      <c r="H20139" s="5">
        <v>15</v>
      </c>
      <c r="I20139" s="5" t="s">
        <v>69</v>
      </c>
      <c r="J20139" s="5" t="s">
        <v>64310</v>
      </c>
      <c r="K20139" s="2" t="s">
        <v>64311</v>
      </c>
      <c r="L20139" s="5" t="s">
        <v>64310</v>
      </c>
      <c r="M20139" s="2" t="s">
        <v>64311</v>
      </c>
      <c r="N20139" s="5" t="s">
        <v>733</v>
      </c>
      <c r="O20139" s="5" t="s">
        <v>38</v>
      </c>
      <c r="P20139" s="5" t="s">
        <v>39</v>
      </c>
      <c r="Q20139" s="5" t="s">
        <v>40</v>
      </c>
      <c r="R20139" s="5" t="s">
        <v>897</v>
      </c>
      <c r="S20139" s="5" t="s">
        <v>40</v>
      </c>
      <c r="T20139" s="5" t="s">
        <v>42</v>
      </c>
      <c r="U20139" s="2">
        <v>42.875999999999998</v>
      </c>
      <c r="V20139" s="2">
        <v>40.222999999999999</v>
      </c>
      <c r="W20139" s="2">
        <v>0.153</v>
      </c>
      <c r="X20139" s="2">
        <v>17</v>
      </c>
      <c r="Y20139" s="2">
        <v>80.7</v>
      </c>
      <c r="Z20139" s="2">
        <v>111.6</v>
      </c>
      <c r="AA20139" s="5">
        <v>7</v>
      </c>
      <c r="AB20139" s="5" t="s">
        <v>43</v>
      </c>
      <c r="AC20139" s="5" t="s">
        <v>735</v>
      </c>
      <c r="AD20139" s="2" t="s">
        <v>64347</v>
      </c>
      <c r="AE20139" s="1"/>
    </row>
    <row r="20140" spans="1:31" ht="14.45">
      <c r="A20140" s="11"/>
      <c r="B20140" s="20"/>
      <c r="C20140" s="2" t="s">
        <v>64348</v>
      </c>
      <c r="D20140" s="14" t="s">
        <v>64349</v>
      </c>
      <c r="E20140" s="2" t="s">
        <v>64350</v>
      </c>
      <c r="F20140" s="2" t="s">
        <v>64351</v>
      </c>
      <c r="G20140" s="8">
        <v>854</v>
      </c>
      <c r="H20140" s="5">
        <v>5</v>
      </c>
      <c r="I20140" s="5" t="s">
        <v>69</v>
      </c>
      <c r="J20140" s="5" t="s">
        <v>64310</v>
      </c>
      <c r="K20140" s="2" t="s">
        <v>64311</v>
      </c>
      <c r="L20140" s="5" t="s">
        <v>64310</v>
      </c>
      <c r="M20140" s="2" t="s">
        <v>64311</v>
      </c>
      <c r="N20140" s="5" t="s">
        <v>733</v>
      </c>
      <c r="O20140" s="5" t="s">
        <v>38</v>
      </c>
      <c r="P20140" s="5" t="s">
        <v>39</v>
      </c>
      <c r="Q20140" s="5" t="s">
        <v>40</v>
      </c>
      <c r="R20140" s="5" t="s">
        <v>897</v>
      </c>
      <c r="S20140" s="5" t="s">
        <v>40</v>
      </c>
      <c r="T20140" s="5" t="s">
        <v>42</v>
      </c>
      <c r="U20140" s="2">
        <v>38.140999999999998</v>
      </c>
      <c r="V20140" s="2">
        <v>35.491999999999997</v>
      </c>
      <c r="W20140" s="2">
        <v>0.153</v>
      </c>
      <c r="X20140" s="2">
        <v>17</v>
      </c>
      <c r="Y20140" s="2">
        <v>80.7</v>
      </c>
      <c r="Z20140" s="2">
        <v>111.6</v>
      </c>
      <c r="AA20140" s="5">
        <v>7</v>
      </c>
      <c r="AB20140" s="5" t="s">
        <v>43</v>
      </c>
      <c r="AC20140" s="5" t="s">
        <v>735</v>
      </c>
      <c r="AD20140" s="2" t="s">
        <v>64352</v>
      </c>
      <c r="AE20140" s="1"/>
    </row>
    <row r="20141" spans="1:31" ht="14.45">
      <c r="A20141" s="11"/>
      <c r="B20141" s="20"/>
      <c r="C20141" s="2" t="s">
        <v>64353</v>
      </c>
      <c r="D20141" s="14" t="s">
        <v>64354</v>
      </c>
      <c r="E20141" s="2" t="s">
        <v>64355</v>
      </c>
      <c r="F20141" s="2" t="s">
        <v>64356</v>
      </c>
      <c r="G20141" s="8">
        <v>627</v>
      </c>
      <c r="H20141" s="5">
        <v>5</v>
      </c>
      <c r="I20141" s="5" t="s">
        <v>69</v>
      </c>
      <c r="J20141" s="5" t="s">
        <v>64310</v>
      </c>
      <c r="K20141" s="2" t="s">
        <v>64311</v>
      </c>
      <c r="L20141" s="5" t="s">
        <v>64310</v>
      </c>
      <c r="M20141" s="2" t="s">
        <v>64311</v>
      </c>
      <c r="N20141" s="5" t="s">
        <v>733</v>
      </c>
      <c r="O20141" s="5" t="s">
        <v>38</v>
      </c>
      <c r="P20141" s="5" t="s">
        <v>39</v>
      </c>
      <c r="Q20141" s="5" t="s">
        <v>40</v>
      </c>
      <c r="R20141" s="5" t="s">
        <v>897</v>
      </c>
      <c r="S20141" s="5" t="s">
        <v>40</v>
      </c>
      <c r="T20141" s="5" t="s">
        <v>42</v>
      </c>
      <c r="U20141" s="2">
        <v>33.869</v>
      </c>
      <c r="V20141" s="2">
        <v>31.216000000000001</v>
      </c>
      <c r="W20141" s="2">
        <v>0.153</v>
      </c>
      <c r="X20141" s="2">
        <v>17</v>
      </c>
      <c r="Y20141" s="2">
        <v>80.7</v>
      </c>
      <c r="Z20141" s="2">
        <v>111.6</v>
      </c>
      <c r="AA20141" s="5">
        <v>7</v>
      </c>
      <c r="AB20141" s="5" t="s">
        <v>43</v>
      </c>
      <c r="AC20141" s="5" t="s">
        <v>735</v>
      </c>
      <c r="AD20141" s="2" t="s">
        <v>64357</v>
      </c>
      <c r="AE20141" s="1"/>
    </row>
    <row r="20142" spans="1:31" ht="14.45">
      <c r="A20142" s="11"/>
      <c r="B20142" s="20"/>
      <c r="C20142" s="2" t="s">
        <v>64358</v>
      </c>
      <c r="D20142" s="14" t="s">
        <v>64359</v>
      </c>
      <c r="E20142" s="2" t="s">
        <v>64360</v>
      </c>
      <c r="F20142" s="2" t="s">
        <v>64361</v>
      </c>
      <c r="G20142" s="8">
        <v>785</v>
      </c>
      <c r="H20142" s="5">
        <v>10</v>
      </c>
      <c r="I20142" s="5" t="s">
        <v>69</v>
      </c>
      <c r="J20142" s="5" t="s">
        <v>64310</v>
      </c>
      <c r="K20142" s="2" t="s">
        <v>64311</v>
      </c>
      <c r="L20142" s="5" t="s">
        <v>64310</v>
      </c>
      <c r="M20142" s="2" t="s">
        <v>64311</v>
      </c>
      <c r="N20142" s="5" t="s">
        <v>733</v>
      </c>
      <c r="O20142" s="5" t="s">
        <v>38</v>
      </c>
      <c r="P20142" s="5" t="s">
        <v>39</v>
      </c>
      <c r="Q20142" s="5" t="s">
        <v>40</v>
      </c>
      <c r="R20142" s="5" t="s">
        <v>897</v>
      </c>
      <c r="S20142" s="5" t="s">
        <v>40</v>
      </c>
      <c r="T20142" s="5" t="s">
        <v>42</v>
      </c>
      <c r="U20142" s="2">
        <v>38.116999999999997</v>
      </c>
      <c r="V20142" s="2">
        <v>35.468000000000004</v>
      </c>
      <c r="W20142" s="2">
        <v>0.153</v>
      </c>
      <c r="X20142" s="2">
        <v>17</v>
      </c>
      <c r="Y20142" s="2">
        <v>80.7</v>
      </c>
      <c r="Z20142" s="2">
        <v>111.6</v>
      </c>
      <c r="AA20142" s="5">
        <v>7</v>
      </c>
      <c r="AB20142" s="5" t="s">
        <v>43</v>
      </c>
      <c r="AC20142" s="5" t="s">
        <v>735</v>
      </c>
      <c r="AD20142" s="2" t="s">
        <v>64362</v>
      </c>
      <c r="AE20142" s="1"/>
    </row>
    <row r="20143" spans="1:31" ht="14.45">
      <c r="A20143" s="11"/>
      <c r="B20143" s="20"/>
      <c r="C20143" s="2" t="s">
        <v>64363</v>
      </c>
      <c r="D20143" s="14" t="s">
        <v>64364</v>
      </c>
      <c r="E20143" s="2" t="s">
        <v>64365</v>
      </c>
      <c r="F20143" s="2" t="s">
        <v>64366</v>
      </c>
      <c r="G20143" s="8">
        <v>1322</v>
      </c>
      <c r="H20143" s="5">
        <v>15</v>
      </c>
      <c r="I20143" s="5" t="s">
        <v>69</v>
      </c>
      <c r="J20143" s="5" t="s">
        <v>64310</v>
      </c>
      <c r="K20143" s="2" t="s">
        <v>64311</v>
      </c>
      <c r="L20143" s="5" t="s">
        <v>64310</v>
      </c>
      <c r="M20143" s="2" t="s">
        <v>64311</v>
      </c>
      <c r="N20143" s="5" t="s">
        <v>733</v>
      </c>
      <c r="O20143" s="5" t="s">
        <v>38</v>
      </c>
      <c r="P20143" s="5" t="s">
        <v>39</v>
      </c>
      <c r="Q20143" s="5" t="s">
        <v>40</v>
      </c>
      <c r="R20143" s="5" t="s">
        <v>897</v>
      </c>
      <c r="S20143" s="5" t="s">
        <v>40</v>
      </c>
      <c r="T20143" s="5" t="s">
        <v>42</v>
      </c>
      <c r="U20143" s="2">
        <v>41.341999999999999</v>
      </c>
      <c r="V20143" s="2">
        <v>38.689</v>
      </c>
      <c r="W20143" s="2">
        <v>0.153</v>
      </c>
      <c r="X20143" s="2">
        <v>17</v>
      </c>
      <c r="Y20143" s="2">
        <v>80.7</v>
      </c>
      <c r="Z20143" s="2">
        <v>111.6</v>
      </c>
      <c r="AA20143" s="5">
        <v>7</v>
      </c>
      <c r="AB20143" s="5" t="s">
        <v>43</v>
      </c>
      <c r="AC20143" s="5" t="s">
        <v>735</v>
      </c>
      <c r="AD20143" s="2" t="s">
        <v>64367</v>
      </c>
      <c r="AE20143" s="1"/>
    </row>
    <row r="20144" spans="1:31" ht="14.45">
      <c r="A20144" s="11"/>
      <c r="B20144" s="20"/>
      <c r="C20144" s="2" t="s">
        <v>64368</v>
      </c>
      <c r="D20144" s="14" t="s">
        <v>64369</v>
      </c>
      <c r="E20144" s="2" t="s">
        <v>64370</v>
      </c>
      <c r="F20144" s="2" t="s">
        <v>64371</v>
      </c>
      <c r="G20144" s="8">
        <v>1253</v>
      </c>
      <c r="H20144" s="5">
        <v>10</v>
      </c>
      <c r="I20144" s="5" t="s">
        <v>69</v>
      </c>
      <c r="J20144" s="5" t="s">
        <v>64310</v>
      </c>
      <c r="K20144" s="2" t="s">
        <v>64311</v>
      </c>
      <c r="L20144" s="5" t="s">
        <v>64310</v>
      </c>
      <c r="M20144" s="2" t="s">
        <v>64311</v>
      </c>
      <c r="N20144" s="5" t="s">
        <v>733</v>
      </c>
      <c r="O20144" s="5" t="s">
        <v>38</v>
      </c>
      <c r="P20144" s="5" t="s">
        <v>39</v>
      </c>
      <c r="Q20144" s="5" t="s">
        <v>40</v>
      </c>
      <c r="R20144" s="5" t="s">
        <v>897</v>
      </c>
      <c r="S20144" s="5" t="s">
        <v>40</v>
      </c>
      <c r="T20144" s="5" t="s">
        <v>42</v>
      </c>
      <c r="U20144" s="2">
        <v>41.317999999999998</v>
      </c>
      <c r="V20144" s="2">
        <v>38.664999999999999</v>
      </c>
      <c r="W20144" s="2">
        <v>0.153</v>
      </c>
      <c r="X20144" s="2">
        <v>17</v>
      </c>
      <c r="Y20144" s="2">
        <v>80.7</v>
      </c>
      <c r="Z20144" s="2">
        <v>111.6</v>
      </c>
      <c r="AA20144" s="5">
        <v>7</v>
      </c>
      <c r="AB20144" s="5" t="s">
        <v>43</v>
      </c>
      <c r="AC20144" s="5" t="s">
        <v>735</v>
      </c>
      <c r="AD20144" s="2" t="s">
        <v>64372</v>
      </c>
      <c r="AE20144" s="1"/>
    </row>
    <row r="20145" spans="1:31" ht="14.45">
      <c r="A20145" s="11"/>
      <c r="B20145" s="20"/>
      <c r="C20145" s="2" t="s">
        <v>64373</v>
      </c>
      <c r="D20145" s="14" t="s">
        <v>64374</v>
      </c>
      <c r="E20145" s="2" t="s">
        <v>64375</v>
      </c>
      <c r="F20145" s="2" t="s">
        <v>64376</v>
      </c>
      <c r="G20145" s="8">
        <v>1253</v>
      </c>
      <c r="H20145" s="5">
        <v>5</v>
      </c>
      <c r="I20145" s="5" t="s">
        <v>69</v>
      </c>
      <c r="J20145" s="5" t="s">
        <v>64310</v>
      </c>
      <c r="K20145" s="2" t="s">
        <v>64311</v>
      </c>
      <c r="L20145" s="5" t="s">
        <v>64310</v>
      </c>
      <c r="M20145" s="2" t="s">
        <v>64311</v>
      </c>
      <c r="N20145" s="5" t="s">
        <v>733</v>
      </c>
      <c r="O20145" s="5" t="s">
        <v>38</v>
      </c>
      <c r="P20145" s="5" t="s">
        <v>39</v>
      </c>
      <c r="Q20145" s="5" t="s">
        <v>40</v>
      </c>
      <c r="R20145" s="5" t="s">
        <v>897</v>
      </c>
      <c r="S20145" s="5" t="s">
        <v>40</v>
      </c>
      <c r="T20145" s="5" t="s">
        <v>42</v>
      </c>
      <c r="U20145" s="2">
        <v>40.331000000000003</v>
      </c>
      <c r="V20145" s="2">
        <v>37.677999999999997</v>
      </c>
      <c r="W20145" s="2">
        <v>0.153</v>
      </c>
      <c r="X20145" s="2">
        <v>17</v>
      </c>
      <c r="Y20145" s="2">
        <v>80.7</v>
      </c>
      <c r="Z20145" s="2">
        <v>111.6</v>
      </c>
      <c r="AA20145" s="5">
        <v>7</v>
      </c>
      <c r="AB20145" s="5" t="s">
        <v>43</v>
      </c>
      <c r="AC20145" s="5" t="s">
        <v>735</v>
      </c>
      <c r="AD20145" s="2" t="s">
        <v>64377</v>
      </c>
      <c r="AE20145" s="1"/>
    </row>
    <row r="20146" spans="1:31" ht="14.45">
      <c r="A20146" s="11"/>
      <c r="B20146" s="20"/>
      <c r="C20146" s="2" t="s">
        <v>64378</v>
      </c>
      <c r="D20146" s="14" t="s">
        <v>64379</v>
      </c>
      <c r="E20146" s="2" t="s">
        <v>64380</v>
      </c>
      <c r="F20146" s="2" t="s">
        <v>64381</v>
      </c>
      <c r="G20146" s="8">
        <v>1085</v>
      </c>
      <c r="H20146" s="5">
        <v>15</v>
      </c>
      <c r="I20146" s="5" t="s">
        <v>69</v>
      </c>
      <c r="J20146" s="5" t="s">
        <v>64310</v>
      </c>
      <c r="K20146" s="2" t="s">
        <v>64311</v>
      </c>
      <c r="L20146" s="5" t="s">
        <v>64310</v>
      </c>
      <c r="M20146" s="2" t="s">
        <v>64311</v>
      </c>
      <c r="N20146" s="5" t="s">
        <v>733</v>
      </c>
      <c r="O20146" s="5" t="s">
        <v>38</v>
      </c>
      <c r="P20146" s="5" t="s">
        <v>39</v>
      </c>
      <c r="Q20146" s="5" t="s">
        <v>40</v>
      </c>
      <c r="R20146" s="5" t="s">
        <v>897</v>
      </c>
      <c r="S20146" s="5" t="s">
        <v>40</v>
      </c>
      <c r="T20146" s="5" t="s">
        <v>42</v>
      </c>
      <c r="U20146" s="2">
        <v>50.491</v>
      </c>
      <c r="V20146" s="2">
        <v>47.298999999999999</v>
      </c>
      <c r="W20146" s="2">
        <v>0.184</v>
      </c>
      <c r="X20146" s="2">
        <v>17</v>
      </c>
      <c r="Y20146" s="2">
        <v>96.9</v>
      </c>
      <c r="Z20146" s="2">
        <v>111.6</v>
      </c>
      <c r="AA20146" s="5">
        <v>7</v>
      </c>
      <c r="AB20146" s="5" t="s">
        <v>43</v>
      </c>
      <c r="AC20146" s="5" t="s">
        <v>735</v>
      </c>
      <c r="AD20146" s="2" t="s">
        <v>64382</v>
      </c>
      <c r="AE20146" s="1"/>
    </row>
    <row r="20147" spans="1:31" ht="14.45">
      <c r="A20147" s="11"/>
      <c r="B20147" s="20"/>
      <c r="C20147" s="2" t="s">
        <v>64383</v>
      </c>
      <c r="D20147" s="14" t="s">
        <v>64384</v>
      </c>
      <c r="E20147" s="2" t="s">
        <v>64385</v>
      </c>
      <c r="F20147" s="2" t="s">
        <v>64386</v>
      </c>
      <c r="G20147" s="8">
        <v>974</v>
      </c>
      <c r="H20147" s="5">
        <v>5</v>
      </c>
      <c r="I20147" s="5" t="s">
        <v>69</v>
      </c>
      <c r="J20147" s="5" t="s">
        <v>64310</v>
      </c>
      <c r="K20147" s="2" t="s">
        <v>64311</v>
      </c>
      <c r="L20147" s="5" t="s">
        <v>64310</v>
      </c>
      <c r="M20147" s="2" t="s">
        <v>64311</v>
      </c>
      <c r="N20147" s="5" t="s">
        <v>733</v>
      </c>
      <c r="O20147" s="5" t="s">
        <v>38</v>
      </c>
      <c r="P20147" s="5" t="s">
        <v>39</v>
      </c>
      <c r="Q20147" s="5" t="s">
        <v>40</v>
      </c>
      <c r="R20147" s="5" t="s">
        <v>897</v>
      </c>
      <c r="S20147" s="5" t="s">
        <v>40</v>
      </c>
      <c r="T20147" s="5" t="s">
        <v>42</v>
      </c>
      <c r="U20147" s="2">
        <v>44.518000000000001</v>
      </c>
      <c r="V20147" s="2">
        <v>41.326000000000001</v>
      </c>
      <c r="W20147" s="2">
        <v>0.184</v>
      </c>
      <c r="X20147" s="2">
        <v>17</v>
      </c>
      <c r="Y20147" s="2">
        <v>96.9</v>
      </c>
      <c r="Z20147" s="2">
        <v>111.6</v>
      </c>
      <c r="AA20147" s="5">
        <v>7</v>
      </c>
      <c r="AB20147" s="5" t="s">
        <v>43</v>
      </c>
      <c r="AC20147" s="5" t="s">
        <v>735</v>
      </c>
      <c r="AD20147" s="2" t="s">
        <v>64387</v>
      </c>
      <c r="AE20147" s="1"/>
    </row>
    <row r="20148" spans="1:31" ht="14.45">
      <c r="A20148" s="11"/>
      <c r="B20148" s="20"/>
      <c r="C20148" s="2" t="s">
        <v>64388</v>
      </c>
      <c r="D20148" s="14" t="s">
        <v>64389</v>
      </c>
      <c r="E20148" s="2" t="s">
        <v>64390</v>
      </c>
      <c r="F20148" s="2" t="s">
        <v>64391</v>
      </c>
      <c r="G20148" s="8">
        <v>703</v>
      </c>
      <c r="H20148" s="5">
        <v>5</v>
      </c>
      <c r="I20148" s="5" t="s">
        <v>69</v>
      </c>
      <c r="J20148" s="5" t="s">
        <v>64310</v>
      </c>
      <c r="K20148" s="2" t="s">
        <v>64311</v>
      </c>
      <c r="L20148" s="5" t="s">
        <v>64310</v>
      </c>
      <c r="M20148" s="2" t="s">
        <v>64311</v>
      </c>
      <c r="N20148" s="5" t="s">
        <v>733</v>
      </c>
      <c r="O20148" s="5" t="s">
        <v>38</v>
      </c>
      <c r="P20148" s="5" t="s">
        <v>39</v>
      </c>
      <c r="Q20148" s="5" t="s">
        <v>40</v>
      </c>
      <c r="R20148" s="5" t="s">
        <v>897</v>
      </c>
      <c r="S20148" s="5" t="s">
        <v>40</v>
      </c>
      <c r="T20148" s="5" t="s">
        <v>42</v>
      </c>
      <c r="U20148" s="2">
        <v>39.256</v>
      </c>
      <c r="V20148" s="2">
        <v>36.064</v>
      </c>
      <c r="W20148" s="2">
        <v>0.184</v>
      </c>
      <c r="X20148" s="2">
        <v>17</v>
      </c>
      <c r="Y20148" s="2">
        <v>96.9</v>
      </c>
      <c r="Z20148" s="2">
        <v>111.6</v>
      </c>
      <c r="AA20148" s="5">
        <v>7</v>
      </c>
      <c r="AB20148" s="5" t="s">
        <v>43</v>
      </c>
      <c r="AC20148" s="5" t="s">
        <v>735</v>
      </c>
      <c r="AD20148" s="2" t="s">
        <v>64392</v>
      </c>
      <c r="AE20148" s="1"/>
    </row>
    <row r="20149" spans="1:31" ht="14.45">
      <c r="A20149" s="11"/>
      <c r="B20149" s="20"/>
      <c r="C20149" s="2" t="s">
        <v>64393</v>
      </c>
      <c r="D20149" s="14" t="s">
        <v>64394</v>
      </c>
      <c r="E20149" s="2" t="s">
        <v>64395</v>
      </c>
      <c r="F20149" s="2" t="s">
        <v>64396</v>
      </c>
      <c r="G20149" s="8">
        <v>893</v>
      </c>
      <c r="H20149" s="5">
        <v>10</v>
      </c>
      <c r="I20149" s="5" t="s">
        <v>69</v>
      </c>
      <c r="J20149" s="5" t="s">
        <v>64310</v>
      </c>
      <c r="K20149" s="2" t="s">
        <v>64311</v>
      </c>
      <c r="L20149" s="5" t="s">
        <v>64310</v>
      </c>
      <c r="M20149" s="2" t="s">
        <v>64311</v>
      </c>
      <c r="N20149" s="5" t="s">
        <v>733</v>
      </c>
      <c r="O20149" s="5" t="s">
        <v>38</v>
      </c>
      <c r="P20149" s="5" t="s">
        <v>39</v>
      </c>
      <c r="Q20149" s="5" t="s">
        <v>40</v>
      </c>
      <c r="R20149" s="5" t="s">
        <v>897</v>
      </c>
      <c r="S20149" s="5" t="s">
        <v>40</v>
      </c>
      <c r="T20149" s="5" t="s">
        <v>42</v>
      </c>
      <c r="U20149" s="2">
        <v>44.487000000000002</v>
      </c>
      <c r="V20149" s="2">
        <v>41.295000000000002</v>
      </c>
      <c r="W20149" s="2">
        <v>0.184</v>
      </c>
      <c r="X20149" s="2">
        <v>17</v>
      </c>
      <c r="Y20149" s="2">
        <v>96.9</v>
      </c>
      <c r="Z20149" s="2">
        <v>111.6</v>
      </c>
      <c r="AA20149" s="5">
        <v>7</v>
      </c>
      <c r="AB20149" s="5" t="s">
        <v>43</v>
      </c>
      <c r="AC20149" s="5" t="s">
        <v>735</v>
      </c>
      <c r="AD20149" s="2" t="s">
        <v>64397</v>
      </c>
      <c r="AE20149" s="1"/>
    </row>
    <row r="20150" spans="1:31" ht="14.45">
      <c r="A20150" s="11"/>
      <c r="B20150" s="20"/>
      <c r="C20150" s="2" t="s">
        <v>64398</v>
      </c>
      <c r="D20150" s="14" t="s">
        <v>64399</v>
      </c>
      <c r="E20150" s="2" t="s">
        <v>64400</v>
      </c>
      <c r="F20150" s="2" t="s">
        <v>64401</v>
      </c>
      <c r="G20150" s="8">
        <v>1442</v>
      </c>
      <c r="H20150" s="5">
        <v>15</v>
      </c>
      <c r="I20150" s="5" t="s">
        <v>69</v>
      </c>
      <c r="J20150" s="5" t="s">
        <v>64310</v>
      </c>
      <c r="K20150" s="2" t="s">
        <v>64311</v>
      </c>
      <c r="L20150" s="5" t="s">
        <v>64310</v>
      </c>
      <c r="M20150" s="2" t="s">
        <v>64311</v>
      </c>
      <c r="N20150" s="5" t="s">
        <v>733</v>
      </c>
      <c r="O20150" s="5" t="s">
        <v>38</v>
      </c>
      <c r="P20150" s="5" t="s">
        <v>39</v>
      </c>
      <c r="Q20150" s="5" t="s">
        <v>40</v>
      </c>
      <c r="R20150" s="5" t="s">
        <v>897</v>
      </c>
      <c r="S20150" s="5" t="s">
        <v>40</v>
      </c>
      <c r="T20150" s="5" t="s">
        <v>42</v>
      </c>
      <c r="U20150" s="2">
        <v>48.113</v>
      </c>
      <c r="V20150" s="2">
        <v>44.920999999999999</v>
      </c>
      <c r="W20150" s="2">
        <v>0.184</v>
      </c>
      <c r="X20150" s="2">
        <v>17</v>
      </c>
      <c r="Y20150" s="2">
        <v>96.9</v>
      </c>
      <c r="Z20150" s="2">
        <v>111.6</v>
      </c>
      <c r="AA20150" s="5">
        <v>7</v>
      </c>
      <c r="AB20150" s="5" t="s">
        <v>43</v>
      </c>
      <c r="AC20150" s="5" t="s">
        <v>735</v>
      </c>
      <c r="AD20150" s="2" t="s">
        <v>64402</v>
      </c>
      <c r="AE20150" s="1"/>
    </row>
    <row r="20151" spans="1:31" ht="14.45">
      <c r="A20151" s="11"/>
      <c r="B20151" s="20"/>
      <c r="C20151" s="2" t="s">
        <v>64403</v>
      </c>
      <c r="D20151" s="14" t="s">
        <v>64404</v>
      </c>
      <c r="E20151" s="2" t="s">
        <v>64405</v>
      </c>
      <c r="F20151" s="2" t="s">
        <v>64406</v>
      </c>
      <c r="G20151" s="8">
        <v>1361</v>
      </c>
      <c r="H20151" s="5">
        <v>10</v>
      </c>
      <c r="I20151" s="5" t="s">
        <v>69</v>
      </c>
      <c r="J20151" s="5" t="s">
        <v>64310</v>
      </c>
      <c r="K20151" s="2" t="s">
        <v>64311</v>
      </c>
      <c r="L20151" s="5" t="s">
        <v>64310</v>
      </c>
      <c r="M20151" s="2" t="s">
        <v>64311</v>
      </c>
      <c r="N20151" s="5" t="s">
        <v>733</v>
      </c>
      <c r="O20151" s="5" t="s">
        <v>38</v>
      </c>
      <c r="P20151" s="5" t="s">
        <v>39</v>
      </c>
      <c r="Q20151" s="5" t="s">
        <v>40</v>
      </c>
      <c r="R20151" s="5" t="s">
        <v>897</v>
      </c>
      <c r="S20151" s="5" t="s">
        <v>40</v>
      </c>
      <c r="T20151" s="5" t="s">
        <v>42</v>
      </c>
      <c r="U20151" s="2">
        <v>48.082000000000001</v>
      </c>
      <c r="V20151" s="2">
        <v>44.89</v>
      </c>
      <c r="W20151" s="2">
        <v>0.184</v>
      </c>
      <c r="X20151" s="2">
        <v>17</v>
      </c>
      <c r="Y20151" s="2">
        <v>96.9</v>
      </c>
      <c r="Z20151" s="2">
        <v>111.6</v>
      </c>
      <c r="AA20151" s="5">
        <v>7</v>
      </c>
      <c r="AB20151" s="5" t="s">
        <v>43</v>
      </c>
      <c r="AC20151" s="5" t="s">
        <v>735</v>
      </c>
      <c r="AD20151" s="2" t="s">
        <v>64407</v>
      </c>
      <c r="AE20151" s="1"/>
    </row>
    <row r="20152" spans="1:31" ht="14.45">
      <c r="A20152" s="11"/>
      <c r="B20152" s="20"/>
      <c r="C20152" s="2" t="s">
        <v>64408</v>
      </c>
      <c r="D20152" s="14" t="s">
        <v>64409</v>
      </c>
      <c r="E20152" s="2" t="s">
        <v>64410</v>
      </c>
      <c r="F20152" s="2" t="s">
        <v>64411</v>
      </c>
      <c r="G20152" s="8">
        <v>1442</v>
      </c>
      <c r="H20152" s="5">
        <v>15</v>
      </c>
      <c r="I20152" s="5" t="s">
        <v>69</v>
      </c>
      <c r="J20152" s="5" t="s">
        <v>64310</v>
      </c>
      <c r="K20152" s="2" t="s">
        <v>64311</v>
      </c>
      <c r="L20152" s="5" t="s">
        <v>64310</v>
      </c>
      <c r="M20152" s="2" t="s">
        <v>64311</v>
      </c>
      <c r="N20152" s="5" t="s">
        <v>733</v>
      </c>
      <c r="O20152" s="5" t="s">
        <v>38</v>
      </c>
      <c r="P20152" s="5" t="s">
        <v>39</v>
      </c>
      <c r="Q20152" s="5" t="s">
        <v>40</v>
      </c>
      <c r="R20152" s="5" t="s">
        <v>897</v>
      </c>
      <c r="S20152" s="5" t="s">
        <v>40</v>
      </c>
      <c r="T20152" s="5" t="s">
        <v>42</v>
      </c>
      <c r="U20152" s="2">
        <v>46.999000000000002</v>
      </c>
      <c r="V20152" s="2">
        <v>43.807000000000002</v>
      </c>
      <c r="W20152" s="2">
        <v>0.184</v>
      </c>
      <c r="X20152" s="2">
        <v>17</v>
      </c>
      <c r="Y20152" s="2">
        <v>96.9</v>
      </c>
      <c r="Z20152" s="2">
        <v>111.6</v>
      </c>
      <c r="AA20152" s="5">
        <v>7</v>
      </c>
      <c r="AB20152" s="5" t="s">
        <v>43</v>
      </c>
      <c r="AC20152" s="5" t="s">
        <v>735</v>
      </c>
      <c r="AD20152" s="2" t="s">
        <v>64412</v>
      </c>
      <c r="AE20152" s="1"/>
    </row>
    <row r="20153" spans="1:31" ht="14.45">
      <c r="A20153" s="11"/>
      <c r="B20153" s="20"/>
      <c r="C20153" s="2" t="s">
        <v>64413</v>
      </c>
      <c r="D20153" s="14" t="s">
        <v>64414</v>
      </c>
      <c r="E20153" s="2" t="s">
        <v>64415</v>
      </c>
      <c r="F20153" s="2" t="s">
        <v>64416</v>
      </c>
      <c r="G20153" s="8">
        <v>1361</v>
      </c>
      <c r="H20153" s="5">
        <v>10</v>
      </c>
      <c r="I20153" s="5" t="s">
        <v>69</v>
      </c>
      <c r="J20153" s="5" t="s">
        <v>64310</v>
      </c>
      <c r="K20153" s="2" t="s">
        <v>64311</v>
      </c>
      <c r="L20153" s="5" t="s">
        <v>64310</v>
      </c>
      <c r="M20153" s="2" t="s">
        <v>64311</v>
      </c>
      <c r="N20153" s="5" t="s">
        <v>733</v>
      </c>
      <c r="O20153" s="5" t="s">
        <v>38</v>
      </c>
      <c r="P20153" s="5" t="s">
        <v>39</v>
      </c>
      <c r="Q20153" s="5" t="s">
        <v>40</v>
      </c>
      <c r="R20153" s="5" t="s">
        <v>897</v>
      </c>
      <c r="S20153" s="5" t="s">
        <v>40</v>
      </c>
      <c r="T20153" s="5" t="s">
        <v>42</v>
      </c>
      <c r="U20153" s="2">
        <v>46.968000000000004</v>
      </c>
      <c r="V20153" s="2">
        <v>43.776000000000003</v>
      </c>
      <c r="W20153" s="2">
        <v>0.184</v>
      </c>
      <c r="X20153" s="2">
        <v>17</v>
      </c>
      <c r="Y20153" s="2">
        <v>96.9</v>
      </c>
      <c r="Z20153" s="2">
        <v>111.6</v>
      </c>
      <c r="AA20153" s="5">
        <v>7</v>
      </c>
      <c r="AB20153" s="5" t="s">
        <v>43</v>
      </c>
      <c r="AC20153" s="5" t="s">
        <v>735</v>
      </c>
      <c r="AD20153" s="2" t="s">
        <v>64417</v>
      </c>
      <c r="AE20153" s="1"/>
    </row>
    <row r="20154" spans="1:31" ht="14.45">
      <c r="A20154" s="11"/>
      <c r="B20154" s="20"/>
      <c r="C20154" s="2" t="s">
        <v>64418</v>
      </c>
      <c r="D20154" s="14" t="s">
        <v>64419</v>
      </c>
      <c r="E20154" s="2" t="s">
        <v>64420</v>
      </c>
      <c r="F20154" s="2" t="s">
        <v>64421</v>
      </c>
      <c r="G20154" s="8">
        <v>1085</v>
      </c>
      <c r="H20154" s="5">
        <v>15</v>
      </c>
      <c r="I20154" s="5" t="s">
        <v>69</v>
      </c>
      <c r="J20154" s="5" t="s">
        <v>64310</v>
      </c>
      <c r="K20154" s="2" t="s">
        <v>64311</v>
      </c>
      <c r="L20154" s="5" t="s">
        <v>64310</v>
      </c>
      <c r="M20154" s="2" t="s">
        <v>64311</v>
      </c>
      <c r="N20154" s="5" t="s">
        <v>733</v>
      </c>
      <c r="O20154" s="5" t="s">
        <v>38</v>
      </c>
      <c r="P20154" s="5" t="s">
        <v>39</v>
      </c>
      <c r="Q20154" s="5" t="s">
        <v>40</v>
      </c>
      <c r="R20154" s="5" t="s">
        <v>897</v>
      </c>
      <c r="S20154" s="5" t="s">
        <v>40</v>
      </c>
      <c r="T20154" s="5" t="s">
        <v>42</v>
      </c>
      <c r="U20154" s="2">
        <v>50.497</v>
      </c>
      <c r="V20154" s="2">
        <v>47.305</v>
      </c>
      <c r="W20154" s="2">
        <v>0.184</v>
      </c>
      <c r="X20154" s="2">
        <v>17</v>
      </c>
      <c r="Y20154" s="2">
        <v>96.9</v>
      </c>
      <c r="Z20154" s="2">
        <v>111.6</v>
      </c>
      <c r="AA20154" s="5">
        <v>7</v>
      </c>
      <c r="AB20154" s="5" t="s">
        <v>43</v>
      </c>
      <c r="AC20154" s="5" t="s">
        <v>735</v>
      </c>
      <c r="AD20154" s="2" t="s">
        <v>64422</v>
      </c>
      <c r="AE20154" s="1"/>
    </row>
    <row r="20155" spans="1:31" ht="14.45">
      <c r="A20155" s="11"/>
      <c r="B20155" s="20"/>
      <c r="C20155" s="2" t="s">
        <v>64423</v>
      </c>
      <c r="D20155" s="14" t="s">
        <v>64424</v>
      </c>
      <c r="E20155" s="2" t="s">
        <v>64425</v>
      </c>
      <c r="F20155" s="2" t="s">
        <v>64426</v>
      </c>
      <c r="G20155" s="8">
        <v>974</v>
      </c>
      <c r="H20155" s="5">
        <v>10</v>
      </c>
      <c r="I20155" s="5" t="s">
        <v>69</v>
      </c>
      <c r="J20155" s="5" t="s">
        <v>64310</v>
      </c>
      <c r="K20155" s="2" t="s">
        <v>64311</v>
      </c>
      <c r="L20155" s="5" t="s">
        <v>64310</v>
      </c>
      <c r="M20155" s="2" t="s">
        <v>64311</v>
      </c>
      <c r="N20155" s="5" t="s">
        <v>733</v>
      </c>
      <c r="O20155" s="5" t="s">
        <v>38</v>
      </c>
      <c r="P20155" s="5" t="s">
        <v>39</v>
      </c>
      <c r="Q20155" s="5" t="s">
        <v>40</v>
      </c>
      <c r="R20155" s="5" t="s">
        <v>897</v>
      </c>
      <c r="S20155" s="5" t="s">
        <v>40</v>
      </c>
      <c r="T20155" s="5" t="s">
        <v>42</v>
      </c>
      <c r="U20155" s="2">
        <v>44.518000000000001</v>
      </c>
      <c r="V20155" s="2">
        <v>41.326000000000001</v>
      </c>
      <c r="W20155" s="2">
        <v>0.184</v>
      </c>
      <c r="X20155" s="2">
        <v>17</v>
      </c>
      <c r="Y20155" s="2">
        <v>96.9</v>
      </c>
      <c r="Z20155" s="2">
        <v>111.6</v>
      </c>
      <c r="AA20155" s="5">
        <v>7</v>
      </c>
      <c r="AB20155" s="5" t="s">
        <v>43</v>
      </c>
      <c r="AC20155" s="5" t="s">
        <v>735</v>
      </c>
      <c r="AD20155" s="2" t="s">
        <v>64427</v>
      </c>
      <c r="AE20155" s="1"/>
    </row>
    <row r="20156" spans="1:31" ht="14.45">
      <c r="A20156" s="11"/>
      <c r="B20156" s="20"/>
      <c r="C20156" s="2" t="s">
        <v>64428</v>
      </c>
      <c r="D20156" s="14" t="s">
        <v>64429</v>
      </c>
      <c r="E20156" s="2" t="s">
        <v>64430</v>
      </c>
      <c r="F20156" s="2" t="s">
        <v>64431</v>
      </c>
      <c r="G20156" s="8">
        <v>703</v>
      </c>
      <c r="H20156" s="5">
        <v>5</v>
      </c>
      <c r="I20156" s="5" t="s">
        <v>69</v>
      </c>
      <c r="J20156" s="5" t="s">
        <v>64310</v>
      </c>
      <c r="K20156" s="2" t="s">
        <v>64311</v>
      </c>
      <c r="L20156" s="5" t="s">
        <v>64310</v>
      </c>
      <c r="M20156" s="2" t="s">
        <v>64311</v>
      </c>
      <c r="N20156" s="5" t="s">
        <v>733</v>
      </c>
      <c r="O20156" s="5" t="s">
        <v>38</v>
      </c>
      <c r="P20156" s="5" t="s">
        <v>39</v>
      </c>
      <c r="Q20156" s="5" t="s">
        <v>40</v>
      </c>
      <c r="R20156" s="5" t="s">
        <v>897</v>
      </c>
      <c r="S20156" s="5" t="s">
        <v>40</v>
      </c>
      <c r="T20156" s="5" t="s">
        <v>42</v>
      </c>
      <c r="U20156" s="2">
        <v>39.262</v>
      </c>
      <c r="V20156" s="2">
        <v>36.07</v>
      </c>
      <c r="W20156" s="2">
        <v>0.184</v>
      </c>
      <c r="X20156" s="2">
        <v>17</v>
      </c>
      <c r="Y20156" s="2">
        <v>96.9</v>
      </c>
      <c r="Z20156" s="2">
        <v>111.6</v>
      </c>
      <c r="AA20156" s="5">
        <v>7</v>
      </c>
      <c r="AB20156" s="5" t="s">
        <v>43</v>
      </c>
      <c r="AC20156" s="5" t="s">
        <v>735</v>
      </c>
      <c r="AD20156" s="2" t="s">
        <v>64432</v>
      </c>
      <c r="AE20156" s="1"/>
    </row>
    <row r="20157" spans="1:31" ht="14.45">
      <c r="A20157" s="11"/>
      <c r="B20157" s="20"/>
      <c r="C20157" s="2" t="s">
        <v>64433</v>
      </c>
      <c r="D20157" s="14" t="s">
        <v>64434</v>
      </c>
      <c r="E20157" s="2" t="s">
        <v>64435</v>
      </c>
      <c r="F20157" s="2" t="s">
        <v>64436</v>
      </c>
      <c r="G20157" s="8">
        <v>893</v>
      </c>
      <c r="H20157" s="5">
        <v>10</v>
      </c>
      <c r="I20157" s="5" t="s">
        <v>69</v>
      </c>
      <c r="J20157" s="5" t="s">
        <v>64310</v>
      </c>
      <c r="K20157" s="2" t="s">
        <v>64311</v>
      </c>
      <c r="L20157" s="5" t="s">
        <v>64310</v>
      </c>
      <c r="M20157" s="2" t="s">
        <v>64311</v>
      </c>
      <c r="N20157" s="5" t="s">
        <v>733</v>
      </c>
      <c r="O20157" s="5" t="s">
        <v>38</v>
      </c>
      <c r="P20157" s="5" t="s">
        <v>39</v>
      </c>
      <c r="Q20157" s="5" t="s">
        <v>40</v>
      </c>
      <c r="R20157" s="5" t="s">
        <v>897</v>
      </c>
      <c r="S20157" s="5" t="s">
        <v>40</v>
      </c>
      <c r="T20157" s="5" t="s">
        <v>42</v>
      </c>
      <c r="U20157" s="2">
        <v>44.487000000000002</v>
      </c>
      <c r="V20157" s="2">
        <v>41.295000000000002</v>
      </c>
      <c r="W20157" s="2">
        <v>0.184</v>
      </c>
      <c r="X20157" s="2">
        <v>17</v>
      </c>
      <c r="Y20157" s="2">
        <v>96.9</v>
      </c>
      <c r="Z20157" s="2">
        <v>111.6</v>
      </c>
      <c r="AA20157" s="5">
        <v>7</v>
      </c>
      <c r="AB20157" s="5" t="s">
        <v>43</v>
      </c>
      <c r="AC20157" s="5" t="s">
        <v>735</v>
      </c>
      <c r="AD20157" s="2" t="s">
        <v>64437</v>
      </c>
      <c r="AE20157" s="1"/>
    </row>
    <row r="20158" spans="1:31" ht="14.45">
      <c r="A20158" s="11"/>
      <c r="B20158" s="20"/>
      <c r="C20158" s="2" t="s">
        <v>64438</v>
      </c>
      <c r="D20158" s="14" t="s">
        <v>64439</v>
      </c>
      <c r="E20158" s="2" t="s">
        <v>64440</v>
      </c>
      <c r="F20158" s="2" t="s">
        <v>64441</v>
      </c>
      <c r="G20158" s="8">
        <v>1442</v>
      </c>
      <c r="H20158" s="5">
        <v>15</v>
      </c>
      <c r="I20158" s="5" t="s">
        <v>69</v>
      </c>
      <c r="J20158" s="5" t="s">
        <v>64310</v>
      </c>
      <c r="K20158" s="2" t="s">
        <v>64311</v>
      </c>
      <c r="L20158" s="5" t="s">
        <v>64310</v>
      </c>
      <c r="M20158" s="2" t="s">
        <v>64311</v>
      </c>
      <c r="N20158" s="5" t="s">
        <v>733</v>
      </c>
      <c r="O20158" s="5" t="s">
        <v>38</v>
      </c>
      <c r="P20158" s="5" t="s">
        <v>39</v>
      </c>
      <c r="Q20158" s="5" t="s">
        <v>40</v>
      </c>
      <c r="R20158" s="5" t="s">
        <v>897</v>
      </c>
      <c r="S20158" s="5" t="s">
        <v>40</v>
      </c>
      <c r="T20158" s="5" t="s">
        <v>42</v>
      </c>
      <c r="U20158" s="2">
        <v>48.119</v>
      </c>
      <c r="V20158" s="2">
        <v>44.927</v>
      </c>
      <c r="W20158" s="2">
        <v>0.184</v>
      </c>
      <c r="X20158" s="2">
        <v>17</v>
      </c>
      <c r="Y20158" s="2">
        <v>96.9</v>
      </c>
      <c r="Z20158" s="2">
        <v>111.6</v>
      </c>
      <c r="AA20158" s="5">
        <v>7</v>
      </c>
      <c r="AB20158" s="5" t="s">
        <v>43</v>
      </c>
      <c r="AC20158" s="5" t="s">
        <v>735</v>
      </c>
      <c r="AD20158" s="2" t="s">
        <v>64442</v>
      </c>
      <c r="AE20158" s="1"/>
    </row>
    <row r="20159" spans="1:31" ht="14.45">
      <c r="A20159" s="11"/>
      <c r="B20159" s="20"/>
      <c r="C20159" s="2" t="s">
        <v>64443</v>
      </c>
      <c r="D20159" s="14" t="s">
        <v>64444</v>
      </c>
      <c r="E20159" s="2" t="s">
        <v>64445</v>
      </c>
      <c r="F20159" s="2" t="s">
        <v>64446</v>
      </c>
      <c r="G20159" s="8">
        <v>1361</v>
      </c>
      <c r="H20159" s="5">
        <v>10</v>
      </c>
      <c r="I20159" s="5" t="s">
        <v>69</v>
      </c>
      <c r="J20159" s="5" t="s">
        <v>64310</v>
      </c>
      <c r="K20159" s="2" t="s">
        <v>64311</v>
      </c>
      <c r="L20159" s="5" t="s">
        <v>64310</v>
      </c>
      <c r="M20159" s="2" t="s">
        <v>64311</v>
      </c>
      <c r="N20159" s="5" t="s">
        <v>733</v>
      </c>
      <c r="O20159" s="5" t="s">
        <v>38</v>
      </c>
      <c r="P20159" s="5" t="s">
        <v>39</v>
      </c>
      <c r="Q20159" s="5" t="s">
        <v>40</v>
      </c>
      <c r="R20159" s="5" t="s">
        <v>897</v>
      </c>
      <c r="S20159" s="5" t="s">
        <v>40</v>
      </c>
      <c r="T20159" s="5" t="s">
        <v>42</v>
      </c>
      <c r="U20159" s="2">
        <v>48.088000000000001</v>
      </c>
      <c r="V20159" s="2">
        <v>44.896000000000001</v>
      </c>
      <c r="W20159" s="2">
        <v>0.184</v>
      </c>
      <c r="X20159" s="2">
        <v>17</v>
      </c>
      <c r="Y20159" s="2">
        <v>96.9</v>
      </c>
      <c r="Z20159" s="2">
        <v>111.6</v>
      </c>
      <c r="AA20159" s="5">
        <v>7</v>
      </c>
      <c r="AB20159" s="5" t="s">
        <v>43</v>
      </c>
      <c r="AC20159" s="5" t="s">
        <v>735</v>
      </c>
      <c r="AD20159" s="2" t="s">
        <v>64447</v>
      </c>
      <c r="AE20159" s="1"/>
    </row>
    <row r="20160" spans="1:31" ht="14.45">
      <c r="A20160" s="11"/>
      <c r="B20160" s="20"/>
      <c r="C20160" s="2" t="s">
        <v>64448</v>
      </c>
      <c r="D20160" s="14" t="s">
        <v>64449</v>
      </c>
      <c r="E20160" s="2" t="s">
        <v>64450</v>
      </c>
      <c r="F20160" s="2" t="s">
        <v>64451</v>
      </c>
      <c r="G20160" s="8">
        <v>1361</v>
      </c>
      <c r="H20160" s="5">
        <v>5</v>
      </c>
      <c r="I20160" s="5" t="s">
        <v>69</v>
      </c>
      <c r="J20160" s="5" t="s">
        <v>64310</v>
      </c>
      <c r="K20160" s="2" t="s">
        <v>64311</v>
      </c>
      <c r="L20160" s="5" t="s">
        <v>64310</v>
      </c>
      <c r="M20160" s="2" t="s">
        <v>64311</v>
      </c>
      <c r="N20160" s="5" t="s">
        <v>733</v>
      </c>
      <c r="O20160" s="5" t="s">
        <v>38</v>
      </c>
      <c r="P20160" s="5" t="s">
        <v>39</v>
      </c>
      <c r="Q20160" s="5" t="s">
        <v>40</v>
      </c>
      <c r="R20160" s="5" t="s">
        <v>897</v>
      </c>
      <c r="S20160" s="5" t="s">
        <v>40</v>
      </c>
      <c r="T20160" s="5" t="s">
        <v>42</v>
      </c>
      <c r="U20160" s="2">
        <v>46.973999999999997</v>
      </c>
      <c r="V20160" s="2">
        <v>43.781999999999996</v>
      </c>
      <c r="W20160" s="2">
        <v>0.184</v>
      </c>
      <c r="X20160" s="2">
        <v>17</v>
      </c>
      <c r="Y20160" s="2">
        <v>96.9</v>
      </c>
      <c r="Z20160" s="2">
        <v>111.6</v>
      </c>
      <c r="AA20160" s="5">
        <v>7</v>
      </c>
      <c r="AB20160" s="5" t="s">
        <v>43</v>
      </c>
      <c r="AC20160" s="5" t="s">
        <v>735</v>
      </c>
      <c r="AD20160" s="2" t="s">
        <v>64452</v>
      </c>
      <c r="AE20160" s="1"/>
    </row>
    <row r="20161" spans="1:31" ht="14.45">
      <c r="A20161" s="11"/>
      <c r="B20161" s="20"/>
      <c r="C20161" s="2" t="s">
        <v>64453</v>
      </c>
      <c r="D20161" s="14" t="s">
        <v>64454</v>
      </c>
      <c r="E20161" s="2" t="s">
        <v>64455</v>
      </c>
      <c r="F20161" s="2" t="s">
        <v>64456</v>
      </c>
      <c r="G20161" s="8">
        <v>1231</v>
      </c>
      <c r="H20161" s="5">
        <v>15</v>
      </c>
      <c r="I20161" s="5" t="s">
        <v>69</v>
      </c>
      <c r="J20161" s="5" t="s">
        <v>64310</v>
      </c>
      <c r="K20161" s="2" t="s">
        <v>64311</v>
      </c>
      <c r="L20161" s="5" t="s">
        <v>64310</v>
      </c>
      <c r="M20161" s="2" t="s">
        <v>64311</v>
      </c>
      <c r="N20161" s="5" t="s">
        <v>733</v>
      </c>
      <c r="O20161" s="5" t="s">
        <v>38</v>
      </c>
      <c r="P20161" s="5" t="s">
        <v>39</v>
      </c>
      <c r="Q20161" s="5" t="s">
        <v>40</v>
      </c>
      <c r="R20161" s="5" t="s">
        <v>897</v>
      </c>
      <c r="S20161" s="5" t="s">
        <v>40</v>
      </c>
      <c r="T20161" s="5" t="s">
        <v>42</v>
      </c>
      <c r="U20161" s="2">
        <v>59.673000000000002</v>
      </c>
      <c r="V20161" s="2">
        <v>55.970999999999997</v>
      </c>
      <c r="W20161" s="2">
        <v>0.221</v>
      </c>
      <c r="X20161" s="2">
        <v>17</v>
      </c>
      <c r="Y20161" s="2">
        <v>116.7</v>
      </c>
      <c r="Z20161" s="2">
        <v>111.6</v>
      </c>
      <c r="AA20161" s="5">
        <v>7</v>
      </c>
      <c r="AB20161" s="5" t="s">
        <v>43</v>
      </c>
      <c r="AC20161" s="5" t="s">
        <v>735</v>
      </c>
      <c r="AD20161" s="2" t="s">
        <v>64457</v>
      </c>
      <c r="AE20161" s="1"/>
    </row>
    <row r="20162" spans="1:31" ht="14.45">
      <c r="A20162" s="11"/>
      <c r="B20162" s="20"/>
      <c r="C20162" s="2" t="s">
        <v>64458</v>
      </c>
      <c r="D20162" s="14" t="s">
        <v>64459</v>
      </c>
      <c r="E20162" s="2" t="s">
        <v>64460</v>
      </c>
      <c r="F20162" s="2" t="s">
        <v>64461</v>
      </c>
      <c r="G20162" s="8">
        <v>1096</v>
      </c>
      <c r="H20162" s="5">
        <v>5</v>
      </c>
      <c r="I20162" s="5" t="s">
        <v>69</v>
      </c>
      <c r="J20162" s="5" t="s">
        <v>64310</v>
      </c>
      <c r="K20162" s="2" t="s">
        <v>64311</v>
      </c>
      <c r="L20162" s="5" t="s">
        <v>64310</v>
      </c>
      <c r="M20162" s="2" t="s">
        <v>64311</v>
      </c>
      <c r="N20162" s="5" t="s">
        <v>733</v>
      </c>
      <c r="O20162" s="5" t="s">
        <v>38</v>
      </c>
      <c r="P20162" s="5" t="s">
        <v>39</v>
      </c>
      <c r="Q20162" s="5" t="s">
        <v>40</v>
      </c>
      <c r="R20162" s="5" t="s">
        <v>897</v>
      </c>
      <c r="S20162" s="5" t="s">
        <v>40</v>
      </c>
      <c r="T20162" s="5" t="s">
        <v>42</v>
      </c>
      <c r="U20162" s="2">
        <v>52.183</v>
      </c>
      <c r="V20162" s="2">
        <v>48.481000000000002</v>
      </c>
      <c r="W20162" s="2">
        <v>0.221</v>
      </c>
      <c r="X20162" s="2">
        <v>17</v>
      </c>
      <c r="Y20162" s="2">
        <v>116.7</v>
      </c>
      <c r="Z20162" s="2">
        <v>111.6</v>
      </c>
      <c r="AA20162" s="5">
        <v>7</v>
      </c>
      <c r="AB20162" s="5" t="s">
        <v>43</v>
      </c>
      <c r="AC20162" s="5" t="s">
        <v>735</v>
      </c>
      <c r="AD20162" s="2" t="s">
        <v>64462</v>
      </c>
      <c r="AE20162" s="1"/>
    </row>
    <row r="20163" spans="1:31" ht="14.45">
      <c r="A20163" s="11"/>
      <c r="B20163" s="20"/>
      <c r="C20163" s="2" t="s">
        <v>64463</v>
      </c>
      <c r="D20163" s="14" t="s">
        <v>64464</v>
      </c>
      <c r="E20163" s="2" t="s">
        <v>64465</v>
      </c>
      <c r="F20163" s="2" t="s">
        <v>64466</v>
      </c>
      <c r="G20163" s="8">
        <v>765</v>
      </c>
      <c r="H20163" s="5">
        <v>5</v>
      </c>
      <c r="I20163" s="5" t="s">
        <v>69</v>
      </c>
      <c r="J20163" s="5" t="s">
        <v>64310</v>
      </c>
      <c r="K20163" s="2" t="s">
        <v>64311</v>
      </c>
      <c r="L20163" s="5" t="s">
        <v>64310</v>
      </c>
      <c r="M20163" s="2" t="s">
        <v>64311</v>
      </c>
      <c r="N20163" s="5" t="s">
        <v>733</v>
      </c>
      <c r="O20163" s="5" t="s">
        <v>38</v>
      </c>
      <c r="P20163" s="5" t="s">
        <v>39</v>
      </c>
      <c r="Q20163" s="5" t="s">
        <v>40</v>
      </c>
      <c r="R20163" s="5" t="s">
        <v>897</v>
      </c>
      <c r="S20163" s="5" t="s">
        <v>40</v>
      </c>
      <c r="T20163" s="5" t="s">
        <v>42</v>
      </c>
      <c r="U20163" s="2">
        <v>45.683999999999997</v>
      </c>
      <c r="V20163" s="2">
        <v>41.981999999999999</v>
      </c>
      <c r="W20163" s="2">
        <v>0.221</v>
      </c>
      <c r="X20163" s="2">
        <v>17</v>
      </c>
      <c r="Y20163" s="2">
        <v>116.7</v>
      </c>
      <c r="Z20163" s="2">
        <v>111.6</v>
      </c>
      <c r="AA20163" s="5">
        <v>7</v>
      </c>
      <c r="AB20163" s="5" t="s">
        <v>43</v>
      </c>
      <c r="AC20163" s="5" t="s">
        <v>735</v>
      </c>
      <c r="AD20163" s="2" t="s">
        <v>64467</v>
      </c>
      <c r="AE20163" s="1"/>
    </row>
    <row r="20164" spans="1:31" ht="14.45">
      <c r="A20164" s="11"/>
      <c r="B20164" s="20"/>
      <c r="C20164" s="2" t="s">
        <v>64468</v>
      </c>
      <c r="D20164" s="14" t="s">
        <v>64469</v>
      </c>
      <c r="E20164" s="2" t="s">
        <v>64470</v>
      </c>
      <c r="F20164" s="2" t="s">
        <v>64471</v>
      </c>
      <c r="G20164" s="8">
        <v>996</v>
      </c>
      <c r="H20164" s="5">
        <v>10</v>
      </c>
      <c r="I20164" s="5" t="s">
        <v>69</v>
      </c>
      <c r="J20164" s="5" t="s">
        <v>64310</v>
      </c>
      <c r="K20164" s="2" t="s">
        <v>64311</v>
      </c>
      <c r="L20164" s="5" t="s">
        <v>64310</v>
      </c>
      <c r="M20164" s="2" t="s">
        <v>64311</v>
      </c>
      <c r="N20164" s="5" t="s">
        <v>733</v>
      </c>
      <c r="O20164" s="5" t="s">
        <v>38</v>
      </c>
      <c r="P20164" s="5" t="s">
        <v>39</v>
      </c>
      <c r="Q20164" s="5" t="s">
        <v>40</v>
      </c>
      <c r="R20164" s="5" t="s">
        <v>897</v>
      </c>
      <c r="S20164" s="5" t="s">
        <v>40</v>
      </c>
      <c r="T20164" s="5" t="s">
        <v>42</v>
      </c>
      <c r="U20164" s="2">
        <v>52.143999999999998</v>
      </c>
      <c r="V20164" s="2">
        <v>48.442</v>
      </c>
      <c r="W20164" s="2">
        <v>0.221</v>
      </c>
      <c r="X20164" s="2">
        <v>17</v>
      </c>
      <c r="Y20164" s="2">
        <v>116.7</v>
      </c>
      <c r="Z20164" s="2">
        <v>111.6</v>
      </c>
      <c r="AA20164" s="5">
        <v>7</v>
      </c>
      <c r="AB20164" s="5" t="s">
        <v>43</v>
      </c>
      <c r="AC20164" s="5" t="s">
        <v>735</v>
      </c>
      <c r="AD20164" s="2" t="s">
        <v>64472</v>
      </c>
      <c r="AE20164" s="1"/>
    </row>
    <row r="20165" spans="1:31" ht="14.45">
      <c r="A20165" s="11"/>
      <c r="B20165" s="20"/>
      <c r="C20165" s="2" t="s">
        <v>64473</v>
      </c>
      <c r="D20165" s="14" t="s">
        <v>64474</v>
      </c>
      <c r="E20165" s="2" t="s">
        <v>64475</v>
      </c>
      <c r="F20165" s="2" t="s">
        <v>64476</v>
      </c>
      <c r="G20165" s="8">
        <v>1564</v>
      </c>
      <c r="H20165" s="5">
        <v>20</v>
      </c>
      <c r="I20165" s="5" t="s">
        <v>69</v>
      </c>
      <c r="J20165" s="5" t="s">
        <v>64310</v>
      </c>
      <c r="K20165" s="2" t="s">
        <v>64311</v>
      </c>
      <c r="L20165" s="5" t="s">
        <v>64310</v>
      </c>
      <c r="M20165" s="2" t="s">
        <v>64311</v>
      </c>
      <c r="N20165" s="5" t="s">
        <v>733</v>
      </c>
      <c r="O20165" s="5" t="s">
        <v>38</v>
      </c>
      <c r="P20165" s="5" t="s">
        <v>39</v>
      </c>
      <c r="Q20165" s="5" t="s">
        <v>40</v>
      </c>
      <c r="R20165" s="5" t="s">
        <v>897</v>
      </c>
      <c r="S20165" s="5" t="s">
        <v>40</v>
      </c>
      <c r="T20165" s="5" t="s">
        <v>42</v>
      </c>
      <c r="U20165" s="2">
        <v>56.277999999999999</v>
      </c>
      <c r="V20165" s="2">
        <v>52.576000000000001</v>
      </c>
      <c r="W20165" s="2">
        <v>0.221</v>
      </c>
      <c r="X20165" s="2">
        <v>17</v>
      </c>
      <c r="Y20165" s="2">
        <v>116.7</v>
      </c>
      <c r="Z20165" s="2">
        <v>111.6</v>
      </c>
      <c r="AA20165" s="5">
        <v>7</v>
      </c>
      <c r="AB20165" s="5" t="s">
        <v>43</v>
      </c>
      <c r="AC20165" s="5" t="s">
        <v>735</v>
      </c>
      <c r="AD20165" s="2" t="s">
        <v>64477</v>
      </c>
      <c r="AE20165" s="1"/>
    </row>
    <row r="20166" spans="1:31" ht="14.45">
      <c r="A20166" s="11"/>
      <c r="B20166" s="20"/>
      <c r="C20166" s="2" t="s">
        <v>64478</v>
      </c>
      <c r="D20166" s="14" t="s">
        <v>64479</v>
      </c>
      <c r="E20166" s="2" t="s">
        <v>64480</v>
      </c>
      <c r="F20166" s="2" t="s">
        <v>64481</v>
      </c>
      <c r="G20166" s="8">
        <v>1464</v>
      </c>
      <c r="H20166" s="5">
        <v>10</v>
      </c>
      <c r="I20166" s="5" t="s">
        <v>69</v>
      </c>
      <c r="J20166" s="5" t="s">
        <v>64310</v>
      </c>
      <c r="K20166" s="2" t="s">
        <v>64311</v>
      </c>
      <c r="L20166" s="5" t="s">
        <v>64310</v>
      </c>
      <c r="M20166" s="2" t="s">
        <v>64311</v>
      </c>
      <c r="N20166" s="5" t="s">
        <v>733</v>
      </c>
      <c r="O20166" s="5" t="s">
        <v>38</v>
      </c>
      <c r="P20166" s="5" t="s">
        <v>39</v>
      </c>
      <c r="Q20166" s="5" t="s">
        <v>40</v>
      </c>
      <c r="R20166" s="5" t="s">
        <v>897</v>
      </c>
      <c r="S20166" s="5" t="s">
        <v>40</v>
      </c>
      <c r="T20166" s="5" t="s">
        <v>42</v>
      </c>
      <c r="U20166" s="2">
        <v>56.238999999999997</v>
      </c>
      <c r="V20166" s="2">
        <v>52.536999999999999</v>
      </c>
      <c r="W20166" s="2">
        <v>0.221</v>
      </c>
      <c r="X20166" s="2">
        <v>17</v>
      </c>
      <c r="Y20166" s="2">
        <v>116.7</v>
      </c>
      <c r="Z20166" s="2">
        <v>111.6</v>
      </c>
      <c r="AA20166" s="5">
        <v>7</v>
      </c>
      <c r="AB20166" s="5" t="s">
        <v>43</v>
      </c>
      <c r="AC20166" s="5" t="s">
        <v>735</v>
      </c>
      <c r="AD20166" s="2" t="s">
        <v>64482</v>
      </c>
      <c r="AE20166" s="1"/>
    </row>
    <row r="20167" spans="1:31" ht="14.45">
      <c r="A20167" s="11"/>
      <c r="B20167" s="20"/>
      <c r="C20167" s="2" t="s">
        <v>64483</v>
      </c>
      <c r="D20167" s="14" t="s">
        <v>64484</v>
      </c>
      <c r="E20167" s="2" t="s">
        <v>64485</v>
      </c>
      <c r="F20167" s="2" t="s">
        <v>64486</v>
      </c>
      <c r="G20167" s="8">
        <v>1464</v>
      </c>
      <c r="H20167" s="5">
        <v>10</v>
      </c>
      <c r="I20167" s="5" t="s">
        <v>69</v>
      </c>
      <c r="J20167" s="5" t="s">
        <v>64310</v>
      </c>
      <c r="K20167" s="2" t="s">
        <v>64311</v>
      </c>
      <c r="L20167" s="5" t="s">
        <v>64310</v>
      </c>
      <c r="M20167" s="2" t="s">
        <v>64311</v>
      </c>
      <c r="N20167" s="5" t="s">
        <v>733</v>
      </c>
      <c r="O20167" s="5" t="s">
        <v>38</v>
      </c>
      <c r="P20167" s="5" t="s">
        <v>39</v>
      </c>
      <c r="Q20167" s="5" t="s">
        <v>40</v>
      </c>
      <c r="R20167" s="5" t="s">
        <v>897</v>
      </c>
      <c r="S20167" s="5" t="s">
        <v>40</v>
      </c>
      <c r="T20167" s="5" t="s">
        <v>42</v>
      </c>
      <c r="U20167" s="2">
        <v>54.966999999999999</v>
      </c>
      <c r="V20167" s="2">
        <v>51.265000000000001</v>
      </c>
      <c r="W20167" s="2">
        <v>0.221</v>
      </c>
      <c r="X20167" s="2">
        <v>17</v>
      </c>
      <c r="Y20167" s="2">
        <v>116.7</v>
      </c>
      <c r="Z20167" s="2">
        <v>111.6</v>
      </c>
      <c r="AA20167" s="5">
        <v>7</v>
      </c>
      <c r="AB20167" s="5" t="s">
        <v>43</v>
      </c>
      <c r="AC20167" s="5" t="s">
        <v>735</v>
      </c>
      <c r="AD20167" s="2" t="s">
        <v>64487</v>
      </c>
      <c r="AE20167" s="1"/>
    </row>
    <row r="20168" spans="1:31" ht="14.45">
      <c r="A20168" s="11"/>
      <c r="B20168" s="20"/>
      <c r="C20168" s="2" t="s">
        <v>64488</v>
      </c>
      <c r="D20168" s="14" t="s">
        <v>64489</v>
      </c>
      <c r="E20168" s="2" t="s">
        <v>64490</v>
      </c>
      <c r="F20168" s="2" t="s">
        <v>64491</v>
      </c>
      <c r="G20168" s="8">
        <v>1231</v>
      </c>
      <c r="H20168" s="5">
        <v>15</v>
      </c>
      <c r="I20168" s="5" t="s">
        <v>69</v>
      </c>
      <c r="J20168" s="5" t="s">
        <v>64310</v>
      </c>
      <c r="K20168" s="2" t="s">
        <v>64311</v>
      </c>
      <c r="L20168" s="5" t="s">
        <v>64310</v>
      </c>
      <c r="M20168" s="2" t="s">
        <v>64311</v>
      </c>
      <c r="N20168" s="5" t="s">
        <v>733</v>
      </c>
      <c r="O20168" s="5" t="s">
        <v>38</v>
      </c>
      <c r="P20168" s="5" t="s">
        <v>39</v>
      </c>
      <c r="Q20168" s="5" t="s">
        <v>40</v>
      </c>
      <c r="R20168" s="5" t="s">
        <v>897</v>
      </c>
      <c r="S20168" s="5" t="s">
        <v>40</v>
      </c>
      <c r="T20168" s="5" t="s">
        <v>42</v>
      </c>
      <c r="U20168" s="2">
        <v>59.685000000000002</v>
      </c>
      <c r="V20168" s="2">
        <v>55.982999999999997</v>
      </c>
      <c r="W20168" s="2">
        <v>0.221</v>
      </c>
      <c r="X20168" s="2">
        <v>17</v>
      </c>
      <c r="Y20168" s="2">
        <v>116.7</v>
      </c>
      <c r="Z20168" s="2">
        <v>111.6</v>
      </c>
      <c r="AA20168" s="5">
        <v>7</v>
      </c>
      <c r="AB20168" s="5" t="s">
        <v>43</v>
      </c>
      <c r="AC20168" s="5" t="s">
        <v>735</v>
      </c>
      <c r="AD20168" s="2" t="s">
        <v>64492</v>
      </c>
      <c r="AE20168" s="1"/>
    </row>
    <row r="20169" spans="1:31" ht="14.45">
      <c r="A20169" s="11"/>
      <c r="B20169" s="20"/>
      <c r="C20169" s="2" t="s">
        <v>64493</v>
      </c>
      <c r="D20169" s="14" t="s">
        <v>64494</v>
      </c>
      <c r="E20169" s="2" t="s">
        <v>64495</v>
      </c>
      <c r="F20169" s="2" t="s">
        <v>64496</v>
      </c>
      <c r="G20169" s="8">
        <v>1096</v>
      </c>
      <c r="H20169" s="5">
        <v>10</v>
      </c>
      <c r="I20169" s="5" t="s">
        <v>69</v>
      </c>
      <c r="J20169" s="5" t="s">
        <v>64310</v>
      </c>
      <c r="K20169" s="2" t="s">
        <v>64311</v>
      </c>
      <c r="L20169" s="5" t="s">
        <v>64310</v>
      </c>
      <c r="M20169" s="2" t="s">
        <v>64311</v>
      </c>
      <c r="N20169" s="5" t="s">
        <v>733</v>
      </c>
      <c r="O20169" s="5" t="s">
        <v>38</v>
      </c>
      <c r="P20169" s="5" t="s">
        <v>39</v>
      </c>
      <c r="Q20169" s="5" t="s">
        <v>40</v>
      </c>
      <c r="R20169" s="5" t="s">
        <v>897</v>
      </c>
      <c r="S20169" s="5" t="s">
        <v>40</v>
      </c>
      <c r="T20169" s="5" t="s">
        <v>42</v>
      </c>
      <c r="U20169" s="2">
        <v>52.189</v>
      </c>
      <c r="V20169" s="2">
        <v>48.487000000000002</v>
      </c>
      <c r="W20169" s="2">
        <v>0.221</v>
      </c>
      <c r="X20169" s="2">
        <v>17</v>
      </c>
      <c r="Y20169" s="2">
        <v>116.7</v>
      </c>
      <c r="Z20169" s="2">
        <v>111.6</v>
      </c>
      <c r="AA20169" s="5">
        <v>7</v>
      </c>
      <c r="AB20169" s="5" t="s">
        <v>43</v>
      </c>
      <c r="AC20169" s="5" t="s">
        <v>735</v>
      </c>
      <c r="AD20169" s="2" t="s">
        <v>64497</v>
      </c>
      <c r="AE20169" s="1"/>
    </row>
    <row r="20170" spans="1:31" ht="14.45">
      <c r="A20170" s="11"/>
      <c r="B20170" s="20"/>
      <c r="C20170" s="2" t="s">
        <v>64498</v>
      </c>
      <c r="D20170" s="14" t="s">
        <v>64499</v>
      </c>
      <c r="E20170" s="2" t="s">
        <v>64500</v>
      </c>
      <c r="F20170" s="2" t="s">
        <v>64501</v>
      </c>
      <c r="G20170" s="8">
        <v>765</v>
      </c>
      <c r="H20170" s="5">
        <v>5</v>
      </c>
      <c r="I20170" s="5" t="s">
        <v>69</v>
      </c>
      <c r="J20170" s="5" t="s">
        <v>64310</v>
      </c>
      <c r="K20170" s="2" t="s">
        <v>64311</v>
      </c>
      <c r="L20170" s="5" t="s">
        <v>64310</v>
      </c>
      <c r="M20170" s="2" t="s">
        <v>64311</v>
      </c>
      <c r="N20170" s="5" t="s">
        <v>733</v>
      </c>
      <c r="O20170" s="5" t="s">
        <v>38</v>
      </c>
      <c r="P20170" s="5" t="s">
        <v>39</v>
      </c>
      <c r="Q20170" s="5" t="s">
        <v>40</v>
      </c>
      <c r="R20170" s="5" t="s">
        <v>897</v>
      </c>
      <c r="S20170" s="5" t="s">
        <v>40</v>
      </c>
      <c r="T20170" s="5" t="s">
        <v>42</v>
      </c>
      <c r="U20170" s="2">
        <v>45.695999999999998</v>
      </c>
      <c r="V20170" s="2">
        <v>41.994</v>
      </c>
      <c r="W20170" s="2">
        <v>0.221</v>
      </c>
      <c r="X20170" s="2">
        <v>17</v>
      </c>
      <c r="Y20170" s="2">
        <v>116.7</v>
      </c>
      <c r="Z20170" s="2">
        <v>111.6</v>
      </c>
      <c r="AA20170" s="5">
        <v>7</v>
      </c>
      <c r="AB20170" s="5" t="s">
        <v>43</v>
      </c>
      <c r="AC20170" s="5" t="s">
        <v>735</v>
      </c>
      <c r="AD20170" s="2" t="s">
        <v>64502</v>
      </c>
      <c r="AE20170" s="1"/>
    </row>
    <row r="20171" spans="1:31" ht="14.45">
      <c r="A20171" s="11"/>
      <c r="B20171" s="20"/>
      <c r="C20171" s="2" t="s">
        <v>64503</v>
      </c>
      <c r="D20171" s="14" t="s">
        <v>64504</v>
      </c>
      <c r="E20171" s="2" t="s">
        <v>64505</v>
      </c>
      <c r="F20171" s="2" t="s">
        <v>64506</v>
      </c>
      <c r="G20171" s="8">
        <v>996</v>
      </c>
      <c r="H20171" s="5">
        <v>10</v>
      </c>
      <c r="I20171" s="5" t="s">
        <v>69</v>
      </c>
      <c r="J20171" s="5" t="s">
        <v>64310</v>
      </c>
      <c r="K20171" s="2" t="s">
        <v>64311</v>
      </c>
      <c r="L20171" s="5" t="s">
        <v>64310</v>
      </c>
      <c r="M20171" s="2" t="s">
        <v>64311</v>
      </c>
      <c r="N20171" s="5" t="s">
        <v>733</v>
      </c>
      <c r="O20171" s="5" t="s">
        <v>38</v>
      </c>
      <c r="P20171" s="5" t="s">
        <v>39</v>
      </c>
      <c r="Q20171" s="5" t="s">
        <v>40</v>
      </c>
      <c r="R20171" s="5" t="s">
        <v>897</v>
      </c>
      <c r="S20171" s="5" t="s">
        <v>40</v>
      </c>
      <c r="T20171" s="5" t="s">
        <v>42</v>
      </c>
      <c r="U20171" s="2">
        <v>52.15</v>
      </c>
      <c r="V20171" s="2">
        <v>48.448</v>
      </c>
      <c r="W20171" s="2">
        <v>0.221</v>
      </c>
      <c r="X20171" s="2">
        <v>17</v>
      </c>
      <c r="Y20171" s="2">
        <v>116.7</v>
      </c>
      <c r="Z20171" s="2">
        <v>111.6</v>
      </c>
      <c r="AA20171" s="5">
        <v>7</v>
      </c>
      <c r="AB20171" s="5" t="s">
        <v>43</v>
      </c>
      <c r="AC20171" s="5" t="s">
        <v>735</v>
      </c>
      <c r="AD20171" s="2" t="s">
        <v>64507</v>
      </c>
      <c r="AE20171" s="1"/>
    </row>
    <row r="20172" spans="1:31" ht="14.45">
      <c r="A20172" s="11"/>
      <c r="B20172" s="20"/>
      <c r="C20172" s="2" t="s">
        <v>64508</v>
      </c>
      <c r="D20172" s="14" t="s">
        <v>64509</v>
      </c>
      <c r="E20172" s="2" t="s">
        <v>64510</v>
      </c>
      <c r="F20172" s="2" t="s">
        <v>64511</v>
      </c>
      <c r="G20172" s="8">
        <v>1564</v>
      </c>
      <c r="H20172" s="5">
        <v>15</v>
      </c>
      <c r="I20172" s="5" t="s">
        <v>69</v>
      </c>
      <c r="J20172" s="5" t="s">
        <v>64310</v>
      </c>
      <c r="K20172" s="2" t="s">
        <v>64311</v>
      </c>
      <c r="L20172" s="5" t="s">
        <v>64310</v>
      </c>
      <c r="M20172" s="2" t="s">
        <v>64311</v>
      </c>
      <c r="N20172" s="5" t="s">
        <v>733</v>
      </c>
      <c r="O20172" s="5" t="s">
        <v>38</v>
      </c>
      <c r="P20172" s="5" t="s">
        <v>39</v>
      </c>
      <c r="Q20172" s="5" t="s">
        <v>40</v>
      </c>
      <c r="R20172" s="5" t="s">
        <v>897</v>
      </c>
      <c r="S20172" s="5" t="s">
        <v>40</v>
      </c>
      <c r="T20172" s="5" t="s">
        <v>42</v>
      </c>
      <c r="U20172" s="2">
        <v>56.29</v>
      </c>
      <c r="V20172" s="2">
        <v>52.588000000000001</v>
      </c>
      <c r="W20172" s="2">
        <v>0.221</v>
      </c>
      <c r="X20172" s="2">
        <v>17</v>
      </c>
      <c r="Y20172" s="2">
        <v>116.7</v>
      </c>
      <c r="Z20172" s="2">
        <v>111.6</v>
      </c>
      <c r="AA20172" s="5">
        <v>7</v>
      </c>
      <c r="AB20172" s="5" t="s">
        <v>43</v>
      </c>
      <c r="AC20172" s="5" t="s">
        <v>735</v>
      </c>
      <c r="AD20172" s="2" t="s">
        <v>64512</v>
      </c>
      <c r="AE20172" s="1"/>
    </row>
    <row r="20173" spans="1:31" ht="14.45">
      <c r="A20173" s="11"/>
      <c r="B20173" s="20"/>
      <c r="C20173" s="2" t="s">
        <v>64513</v>
      </c>
      <c r="D20173" s="14" t="s">
        <v>64514</v>
      </c>
      <c r="E20173" s="2" t="s">
        <v>64515</v>
      </c>
      <c r="F20173" s="2" t="s">
        <v>64516</v>
      </c>
      <c r="G20173" s="8">
        <v>1464</v>
      </c>
      <c r="H20173" s="5">
        <v>10</v>
      </c>
      <c r="I20173" s="5" t="s">
        <v>69</v>
      </c>
      <c r="J20173" s="5" t="s">
        <v>64310</v>
      </c>
      <c r="K20173" s="2" t="s">
        <v>64311</v>
      </c>
      <c r="L20173" s="5" t="s">
        <v>64310</v>
      </c>
      <c r="M20173" s="2" t="s">
        <v>64311</v>
      </c>
      <c r="N20173" s="5" t="s">
        <v>733</v>
      </c>
      <c r="O20173" s="5" t="s">
        <v>38</v>
      </c>
      <c r="P20173" s="5" t="s">
        <v>39</v>
      </c>
      <c r="Q20173" s="5" t="s">
        <v>40</v>
      </c>
      <c r="R20173" s="5" t="s">
        <v>897</v>
      </c>
      <c r="S20173" s="5" t="s">
        <v>40</v>
      </c>
      <c r="T20173" s="5" t="s">
        <v>42</v>
      </c>
      <c r="U20173" s="2">
        <v>56.250999999999998</v>
      </c>
      <c r="V20173" s="2">
        <v>52.548999999999999</v>
      </c>
      <c r="W20173" s="2">
        <v>0.221</v>
      </c>
      <c r="X20173" s="2">
        <v>17</v>
      </c>
      <c r="Y20173" s="2">
        <v>116.7</v>
      </c>
      <c r="Z20173" s="2">
        <v>111.6</v>
      </c>
      <c r="AA20173" s="5">
        <v>7</v>
      </c>
      <c r="AB20173" s="5" t="s">
        <v>43</v>
      </c>
      <c r="AC20173" s="5" t="s">
        <v>735</v>
      </c>
      <c r="AD20173" s="2" t="s">
        <v>64517</v>
      </c>
      <c r="AE20173" s="1"/>
    </row>
    <row r="20174" spans="1:31" ht="14.45">
      <c r="A20174" s="11"/>
      <c r="B20174" s="20"/>
      <c r="C20174" s="2" t="s">
        <v>64518</v>
      </c>
      <c r="D20174" s="14" t="s">
        <v>64519</v>
      </c>
      <c r="E20174" s="2" t="s">
        <v>64520</v>
      </c>
      <c r="F20174" s="2" t="s">
        <v>64521</v>
      </c>
      <c r="G20174" s="8">
        <v>1464</v>
      </c>
      <c r="H20174" s="5">
        <v>5</v>
      </c>
      <c r="I20174" s="5" t="s">
        <v>69</v>
      </c>
      <c r="J20174" s="5" t="s">
        <v>64310</v>
      </c>
      <c r="K20174" s="2" t="s">
        <v>64311</v>
      </c>
      <c r="L20174" s="5" t="s">
        <v>64310</v>
      </c>
      <c r="M20174" s="2" t="s">
        <v>64311</v>
      </c>
      <c r="N20174" s="5" t="s">
        <v>733</v>
      </c>
      <c r="O20174" s="5" t="s">
        <v>38</v>
      </c>
      <c r="P20174" s="5" t="s">
        <v>39</v>
      </c>
      <c r="Q20174" s="5" t="s">
        <v>40</v>
      </c>
      <c r="R20174" s="5" t="s">
        <v>897</v>
      </c>
      <c r="S20174" s="5" t="s">
        <v>40</v>
      </c>
      <c r="T20174" s="5" t="s">
        <v>42</v>
      </c>
      <c r="U20174" s="2">
        <v>54.978999999999999</v>
      </c>
      <c r="V20174" s="2">
        <v>51.277000000000001</v>
      </c>
      <c r="W20174" s="2">
        <v>0.221</v>
      </c>
      <c r="X20174" s="2">
        <v>17</v>
      </c>
      <c r="Y20174" s="2">
        <v>116.7</v>
      </c>
      <c r="Z20174" s="2">
        <v>111.6</v>
      </c>
      <c r="AA20174" s="5">
        <v>7</v>
      </c>
      <c r="AB20174" s="5" t="s">
        <v>43</v>
      </c>
      <c r="AC20174" s="5" t="s">
        <v>735</v>
      </c>
      <c r="AD20174" s="2" t="s">
        <v>64522</v>
      </c>
      <c r="AE20174" s="1"/>
    </row>
    <row r="20175" spans="1:31" ht="14.45">
      <c r="A20175" s="11"/>
      <c r="B20175" s="20"/>
      <c r="C20175" s="2" t="s">
        <v>64523</v>
      </c>
      <c r="D20175" s="14" t="s">
        <v>64524</v>
      </c>
      <c r="E20175" s="2" t="s">
        <v>64525</v>
      </c>
      <c r="F20175" s="2" t="s">
        <v>64526</v>
      </c>
      <c r="G20175" s="8">
        <v>1238</v>
      </c>
      <c r="H20175" s="5">
        <v>5</v>
      </c>
      <c r="I20175" s="5" t="s">
        <v>69</v>
      </c>
      <c r="J20175" s="5" t="s">
        <v>64310</v>
      </c>
      <c r="K20175" s="2" t="s">
        <v>64311</v>
      </c>
      <c r="L20175" s="5" t="s">
        <v>64310</v>
      </c>
      <c r="M20175" s="2" t="s">
        <v>64311</v>
      </c>
      <c r="N20175" s="5" t="s">
        <v>733</v>
      </c>
      <c r="O20175" s="5" t="s">
        <v>38</v>
      </c>
      <c r="P20175" s="5" t="s">
        <v>39</v>
      </c>
      <c r="Q20175" s="5" t="s">
        <v>40</v>
      </c>
      <c r="R20175" s="5" t="s">
        <v>897</v>
      </c>
      <c r="S20175" s="5" t="s">
        <v>40</v>
      </c>
      <c r="T20175" s="5" t="s">
        <v>42</v>
      </c>
      <c r="U20175" s="2">
        <v>59.911000000000001</v>
      </c>
      <c r="V20175" s="2">
        <v>55.692999999999998</v>
      </c>
      <c r="W20175" s="2">
        <v>0.25900000000000001</v>
      </c>
      <c r="X20175" s="2">
        <v>17</v>
      </c>
      <c r="Y20175" s="2">
        <v>136.69999999999999</v>
      </c>
      <c r="Z20175" s="2">
        <v>111.6</v>
      </c>
      <c r="AA20175" s="5">
        <v>7</v>
      </c>
      <c r="AB20175" s="5" t="s">
        <v>43</v>
      </c>
      <c r="AC20175" s="5" t="s">
        <v>735</v>
      </c>
      <c r="AD20175" s="2" t="s">
        <v>64527</v>
      </c>
      <c r="AE20175" s="1"/>
    </row>
    <row r="20176" spans="1:31" ht="14.45">
      <c r="A20176" s="11"/>
      <c r="B20176" s="20"/>
      <c r="C20176" s="2" t="s">
        <v>64528</v>
      </c>
      <c r="D20176" s="14" t="s">
        <v>64529</v>
      </c>
      <c r="E20176" s="2" t="s">
        <v>64530</v>
      </c>
      <c r="F20176" s="2" t="s">
        <v>64531</v>
      </c>
      <c r="G20176" s="8">
        <v>851</v>
      </c>
      <c r="H20176" s="5">
        <v>5</v>
      </c>
      <c r="I20176" s="5" t="s">
        <v>69</v>
      </c>
      <c r="J20176" s="5" t="s">
        <v>64310</v>
      </c>
      <c r="K20176" s="2" t="s">
        <v>64311</v>
      </c>
      <c r="L20176" s="5" t="s">
        <v>64310</v>
      </c>
      <c r="M20176" s="2" t="s">
        <v>64311</v>
      </c>
      <c r="N20176" s="5" t="s">
        <v>733</v>
      </c>
      <c r="O20176" s="5" t="s">
        <v>38</v>
      </c>
      <c r="P20176" s="5" t="s">
        <v>39</v>
      </c>
      <c r="Q20176" s="5" t="s">
        <v>40</v>
      </c>
      <c r="R20176" s="5" t="s">
        <v>897</v>
      </c>
      <c r="S20176" s="5" t="s">
        <v>40</v>
      </c>
      <c r="T20176" s="5" t="s">
        <v>42</v>
      </c>
      <c r="U20176" s="2">
        <v>52.174999999999997</v>
      </c>
      <c r="V20176" s="2">
        <v>47.957000000000001</v>
      </c>
      <c r="W20176" s="2">
        <v>0.25900000000000001</v>
      </c>
      <c r="X20176" s="2">
        <v>17</v>
      </c>
      <c r="Y20176" s="2">
        <v>136.69999999999999</v>
      </c>
      <c r="Z20176" s="2">
        <v>111.6</v>
      </c>
      <c r="AA20176" s="5">
        <v>7</v>
      </c>
      <c r="AB20176" s="5" t="s">
        <v>43</v>
      </c>
      <c r="AC20176" s="5" t="s">
        <v>735</v>
      </c>
      <c r="AD20176" s="2" t="s">
        <v>64532</v>
      </c>
      <c r="AE20176" s="1"/>
    </row>
    <row r="20177" spans="1:31" ht="14.45">
      <c r="A20177" s="11"/>
      <c r="B20177" s="20"/>
      <c r="C20177" s="2" t="s">
        <v>64533</v>
      </c>
      <c r="D20177" s="14" t="s">
        <v>64534</v>
      </c>
      <c r="E20177" s="2" t="s">
        <v>64535</v>
      </c>
      <c r="F20177" s="2" t="s">
        <v>64536</v>
      </c>
      <c r="G20177" s="8">
        <v>1121</v>
      </c>
      <c r="H20177" s="5">
        <v>10</v>
      </c>
      <c r="I20177" s="5" t="s">
        <v>69</v>
      </c>
      <c r="J20177" s="5" t="s">
        <v>64310</v>
      </c>
      <c r="K20177" s="2" t="s">
        <v>64311</v>
      </c>
      <c r="L20177" s="5" t="s">
        <v>64310</v>
      </c>
      <c r="M20177" s="2" t="s">
        <v>64311</v>
      </c>
      <c r="N20177" s="5" t="s">
        <v>733</v>
      </c>
      <c r="O20177" s="5" t="s">
        <v>38</v>
      </c>
      <c r="P20177" s="5" t="s">
        <v>39</v>
      </c>
      <c r="Q20177" s="5" t="s">
        <v>40</v>
      </c>
      <c r="R20177" s="5" t="s">
        <v>897</v>
      </c>
      <c r="S20177" s="5" t="s">
        <v>40</v>
      </c>
      <c r="T20177" s="5" t="s">
        <v>42</v>
      </c>
      <c r="U20177" s="2">
        <v>59.865000000000002</v>
      </c>
      <c r="V20177" s="2">
        <v>55.646999999999998</v>
      </c>
      <c r="W20177" s="2">
        <v>0.25900000000000001</v>
      </c>
      <c r="X20177" s="2">
        <v>17</v>
      </c>
      <c r="Y20177" s="2">
        <v>136.69999999999999</v>
      </c>
      <c r="Z20177" s="2">
        <v>111.6</v>
      </c>
      <c r="AA20177" s="5">
        <v>7</v>
      </c>
      <c r="AB20177" s="5" t="s">
        <v>43</v>
      </c>
      <c r="AC20177" s="5" t="s">
        <v>735</v>
      </c>
      <c r="AD20177" s="2" t="s">
        <v>64537</v>
      </c>
      <c r="AE20177" s="1"/>
    </row>
    <row r="20178" spans="1:31" ht="14.45">
      <c r="A20178" s="11"/>
      <c r="B20178" s="20"/>
      <c r="C20178" s="2" t="s">
        <v>64538</v>
      </c>
      <c r="D20178" s="14" t="s">
        <v>64539</v>
      </c>
      <c r="E20178" s="2" t="s">
        <v>64540</v>
      </c>
      <c r="F20178" s="2" t="s">
        <v>64541</v>
      </c>
      <c r="G20178" s="8">
        <v>1706</v>
      </c>
      <c r="H20178" s="5">
        <v>15</v>
      </c>
      <c r="I20178" s="5" t="s">
        <v>69</v>
      </c>
      <c r="J20178" s="5" t="s">
        <v>64310</v>
      </c>
      <c r="K20178" s="2" t="s">
        <v>64311</v>
      </c>
      <c r="L20178" s="5" t="s">
        <v>64310</v>
      </c>
      <c r="M20178" s="2" t="s">
        <v>64311</v>
      </c>
      <c r="N20178" s="5" t="s">
        <v>733</v>
      </c>
      <c r="O20178" s="5" t="s">
        <v>38</v>
      </c>
      <c r="P20178" s="5" t="s">
        <v>39</v>
      </c>
      <c r="Q20178" s="5" t="s">
        <v>40</v>
      </c>
      <c r="R20178" s="5" t="s">
        <v>897</v>
      </c>
      <c r="S20178" s="5" t="s">
        <v>40</v>
      </c>
      <c r="T20178" s="5" t="s">
        <v>42</v>
      </c>
      <c r="U20178" s="2">
        <v>64.507999999999996</v>
      </c>
      <c r="V20178" s="2">
        <v>60.29</v>
      </c>
      <c r="W20178" s="2">
        <v>0.25900000000000001</v>
      </c>
      <c r="X20178" s="2">
        <v>17</v>
      </c>
      <c r="Y20178" s="2">
        <v>136.69999999999999</v>
      </c>
      <c r="Z20178" s="2">
        <v>111.6</v>
      </c>
      <c r="AA20178" s="5">
        <v>7</v>
      </c>
      <c r="AB20178" s="5" t="s">
        <v>43</v>
      </c>
      <c r="AC20178" s="5" t="s">
        <v>735</v>
      </c>
      <c r="AD20178" s="2" t="s">
        <v>64542</v>
      </c>
      <c r="AE20178" s="1"/>
    </row>
    <row r="20179" spans="1:31" ht="14.45">
      <c r="A20179" s="11"/>
      <c r="B20179" s="20"/>
      <c r="C20179" s="2" t="s">
        <v>64543</v>
      </c>
      <c r="D20179" s="14" t="s">
        <v>64544</v>
      </c>
      <c r="E20179" s="2" t="s">
        <v>64545</v>
      </c>
      <c r="F20179" s="2" t="s">
        <v>64546</v>
      </c>
      <c r="G20179" s="8">
        <v>1589</v>
      </c>
      <c r="H20179" s="5">
        <v>10</v>
      </c>
      <c r="I20179" s="5" t="s">
        <v>69</v>
      </c>
      <c r="J20179" s="5" t="s">
        <v>64310</v>
      </c>
      <c r="K20179" s="2" t="s">
        <v>64311</v>
      </c>
      <c r="L20179" s="5" t="s">
        <v>64310</v>
      </c>
      <c r="M20179" s="2" t="s">
        <v>64311</v>
      </c>
      <c r="N20179" s="5" t="s">
        <v>733</v>
      </c>
      <c r="O20179" s="5" t="s">
        <v>38</v>
      </c>
      <c r="P20179" s="5" t="s">
        <v>39</v>
      </c>
      <c r="Q20179" s="5" t="s">
        <v>40</v>
      </c>
      <c r="R20179" s="5" t="s">
        <v>897</v>
      </c>
      <c r="S20179" s="5" t="s">
        <v>40</v>
      </c>
      <c r="T20179" s="5" t="s">
        <v>42</v>
      </c>
      <c r="U20179" s="2">
        <v>64.462000000000003</v>
      </c>
      <c r="V20179" s="2">
        <v>60.244</v>
      </c>
      <c r="W20179" s="2">
        <v>0.25900000000000001</v>
      </c>
      <c r="X20179" s="2">
        <v>17</v>
      </c>
      <c r="Y20179" s="2">
        <v>136.69999999999999</v>
      </c>
      <c r="Z20179" s="2">
        <v>111.6</v>
      </c>
      <c r="AA20179" s="5">
        <v>7</v>
      </c>
      <c r="AB20179" s="5" t="s">
        <v>43</v>
      </c>
      <c r="AC20179" s="5" t="s">
        <v>735</v>
      </c>
      <c r="AD20179" s="2" t="s">
        <v>64547</v>
      </c>
      <c r="AE20179" s="1"/>
    </row>
    <row r="20180" spans="1:31" ht="14.45">
      <c r="A20180" s="11"/>
      <c r="B20180" s="20"/>
      <c r="C20180" s="2" t="s">
        <v>64548</v>
      </c>
      <c r="D20180" s="14" t="s">
        <v>64549</v>
      </c>
      <c r="E20180" s="2" t="s">
        <v>64550</v>
      </c>
      <c r="F20180" s="2" t="s">
        <v>64551</v>
      </c>
      <c r="G20180" s="8">
        <v>1589</v>
      </c>
      <c r="H20180" s="5">
        <v>10</v>
      </c>
      <c r="I20180" s="5" t="s">
        <v>69</v>
      </c>
      <c r="J20180" s="5" t="s">
        <v>64310</v>
      </c>
      <c r="K20180" s="2" t="s">
        <v>64311</v>
      </c>
      <c r="L20180" s="5" t="s">
        <v>64310</v>
      </c>
      <c r="M20180" s="2" t="s">
        <v>64311</v>
      </c>
      <c r="N20180" s="5" t="s">
        <v>733</v>
      </c>
      <c r="O20180" s="5" t="s">
        <v>38</v>
      </c>
      <c r="P20180" s="5" t="s">
        <v>39</v>
      </c>
      <c r="Q20180" s="5" t="s">
        <v>40</v>
      </c>
      <c r="R20180" s="5" t="s">
        <v>897</v>
      </c>
      <c r="S20180" s="5" t="s">
        <v>40</v>
      </c>
      <c r="T20180" s="5" t="s">
        <v>42</v>
      </c>
      <c r="U20180" s="2">
        <v>63.034999999999997</v>
      </c>
      <c r="V20180" s="2">
        <v>58.817</v>
      </c>
      <c r="W20180" s="2">
        <v>0.25900000000000001</v>
      </c>
      <c r="X20180" s="2">
        <v>17</v>
      </c>
      <c r="Y20180" s="2">
        <v>136.69999999999999</v>
      </c>
      <c r="Z20180" s="2">
        <v>111.6</v>
      </c>
      <c r="AA20180" s="5">
        <v>7</v>
      </c>
      <c r="AB20180" s="5" t="s">
        <v>43</v>
      </c>
      <c r="AC20180" s="5" t="s">
        <v>735</v>
      </c>
      <c r="AD20180" s="2" t="s">
        <v>64552</v>
      </c>
      <c r="AE20180" s="1"/>
    </row>
    <row r="20181" spans="1:31" ht="14.45">
      <c r="A20181" s="11"/>
      <c r="B20181" s="20"/>
      <c r="C20181" s="2" t="s">
        <v>64553</v>
      </c>
      <c r="D20181" s="14" t="s">
        <v>64554</v>
      </c>
      <c r="E20181" s="2" t="s">
        <v>64555</v>
      </c>
      <c r="F20181" s="2" t="s">
        <v>64556</v>
      </c>
      <c r="G20181" s="8">
        <v>1238</v>
      </c>
      <c r="H20181" s="5">
        <v>10</v>
      </c>
      <c r="I20181" s="5" t="s">
        <v>69</v>
      </c>
      <c r="J20181" s="5" t="s">
        <v>64310</v>
      </c>
      <c r="K20181" s="2" t="s">
        <v>64311</v>
      </c>
      <c r="L20181" s="5" t="s">
        <v>64310</v>
      </c>
      <c r="M20181" s="2" t="s">
        <v>64311</v>
      </c>
      <c r="N20181" s="5" t="s">
        <v>733</v>
      </c>
      <c r="O20181" s="5" t="s">
        <v>38</v>
      </c>
      <c r="P20181" s="5" t="s">
        <v>39</v>
      </c>
      <c r="Q20181" s="5" t="s">
        <v>40</v>
      </c>
      <c r="R20181" s="5" t="s">
        <v>897</v>
      </c>
      <c r="S20181" s="5" t="s">
        <v>40</v>
      </c>
      <c r="T20181" s="5" t="s">
        <v>42</v>
      </c>
      <c r="U20181" s="2">
        <v>59.921999999999997</v>
      </c>
      <c r="V20181" s="2">
        <v>55.704000000000001</v>
      </c>
      <c r="W20181" s="2">
        <v>0.25900000000000001</v>
      </c>
      <c r="X20181" s="2">
        <v>17</v>
      </c>
      <c r="Y20181" s="2">
        <v>136.69999999999999</v>
      </c>
      <c r="Z20181" s="2">
        <v>111.6</v>
      </c>
      <c r="AA20181" s="5">
        <v>7</v>
      </c>
      <c r="AB20181" s="5" t="s">
        <v>43</v>
      </c>
      <c r="AC20181" s="5" t="s">
        <v>735</v>
      </c>
      <c r="AD20181" s="2" t="s">
        <v>64557</v>
      </c>
      <c r="AE20181" s="1"/>
    </row>
    <row r="20182" spans="1:31" ht="14.45">
      <c r="A20182" s="11"/>
      <c r="B20182" s="20"/>
      <c r="C20182" s="2" t="s">
        <v>64558</v>
      </c>
      <c r="D20182" s="14" t="s">
        <v>64559</v>
      </c>
      <c r="E20182" s="2" t="s">
        <v>64560</v>
      </c>
      <c r="F20182" s="2" t="s">
        <v>64561</v>
      </c>
      <c r="G20182" s="8">
        <v>851</v>
      </c>
      <c r="H20182" s="5">
        <v>5</v>
      </c>
      <c r="I20182" s="5" t="s">
        <v>69</v>
      </c>
      <c r="J20182" s="5" t="s">
        <v>64310</v>
      </c>
      <c r="K20182" s="2" t="s">
        <v>64311</v>
      </c>
      <c r="L20182" s="5" t="s">
        <v>64310</v>
      </c>
      <c r="M20182" s="2" t="s">
        <v>64311</v>
      </c>
      <c r="N20182" s="5" t="s">
        <v>733</v>
      </c>
      <c r="O20182" s="5" t="s">
        <v>38</v>
      </c>
      <c r="P20182" s="5" t="s">
        <v>39</v>
      </c>
      <c r="Q20182" s="5" t="s">
        <v>40</v>
      </c>
      <c r="R20182" s="5" t="s">
        <v>897</v>
      </c>
      <c r="S20182" s="5" t="s">
        <v>40</v>
      </c>
      <c r="T20182" s="5" t="s">
        <v>42</v>
      </c>
      <c r="U20182" s="2">
        <v>52.191000000000003</v>
      </c>
      <c r="V20182" s="2">
        <v>47.972999999999999</v>
      </c>
      <c r="W20182" s="2">
        <v>0.25900000000000001</v>
      </c>
      <c r="X20182" s="2">
        <v>17</v>
      </c>
      <c r="Y20182" s="2">
        <v>136.69999999999999</v>
      </c>
      <c r="Z20182" s="2">
        <v>111.6</v>
      </c>
      <c r="AA20182" s="5">
        <v>7</v>
      </c>
      <c r="AB20182" s="5" t="s">
        <v>43</v>
      </c>
      <c r="AC20182" s="5" t="s">
        <v>735</v>
      </c>
      <c r="AD20182" s="2" t="s">
        <v>64562</v>
      </c>
      <c r="AE20182" s="1"/>
    </row>
    <row r="20183" spans="1:31" ht="14.45">
      <c r="A20183" s="11"/>
      <c r="B20183" s="20"/>
      <c r="C20183" s="2" t="s">
        <v>64563</v>
      </c>
      <c r="D20183" s="14" t="s">
        <v>64564</v>
      </c>
      <c r="E20183" s="2" t="s">
        <v>64565</v>
      </c>
      <c r="F20183" s="2" t="s">
        <v>64566</v>
      </c>
      <c r="G20183" s="8">
        <v>1121</v>
      </c>
      <c r="H20183" s="5">
        <v>10</v>
      </c>
      <c r="I20183" s="5" t="s">
        <v>69</v>
      </c>
      <c r="J20183" s="5" t="s">
        <v>64310</v>
      </c>
      <c r="K20183" s="2" t="s">
        <v>64311</v>
      </c>
      <c r="L20183" s="5" t="s">
        <v>64310</v>
      </c>
      <c r="M20183" s="2" t="s">
        <v>64311</v>
      </c>
      <c r="N20183" s="5" t="s">
        <v>733</v>
      </c>
      <c r="O20183" s="5" t="s">
        <v>38</v>
      </c>
      <c r="P20183" s="5" t="s">
        <v>39</v>
      </c>
      <c r="Q20183" s="5" t="s">
        <v>40</v>
      </c>
      <c r="R20183" s="5" t="s">
        <v>897</v>
      </c>
      <c r="S20183" s="5" t="s">
        <v>40</v>
      </c>
      <c r="T20183" s="5" t="s">
        <v>42</v>
      </c>
      <c r="U20183" s="2">
        <v>59.875999999999998</v>
      </c>
      <c r="V20183" s="2">
        <v>55.658000000000001</v>
      </c>
      <c r="W20183" s="2">
        <v>0.25900000000000001</v>
      </c>
      <c r="X20183" s="2">
        <v>17</v>
      </c>
      <c r="Y20183" s="2">
        <v>136.69999999999999</v>
      </c>
      <c r="Z20183" s="2">
        <v>111.6</v>
      </c>
      <c r="AA20183" s="5">
        <v>7</v>
      </c>
      <c r="AB20183" s="5" t="s">
        <v>43</v>
      </c>
      <c r="AC20183" s="5" t="s">
        <v>735</v>
      </c>
      <c r="AD20183" s="2" t="s">
        <v>64567</v>
      </c>
      <c r="AE20183" s="1"/>
    </row>
    <row r="20184" spans="1:31" ht="14.45">
      <c r="A20184" s="11"/>
      <c r="B20184" s="20"/>
      <c r="C20184" s="2" t="s">
        <v>64568</v>
      </c>
      <c r="D20184" s="14" t="s">
        <v>64569</v>
      </c>
      <c r="E20184" s="2" t="s">
        <v>64570</v>
      </c>
      <c r="F20184" s="2" t="s">
        <v>64571</v>
      </c>
      <c r="G20184" s="8">
        <v>1589</v>
      </c>
      <c r="H20184" s="5">
        <v>10</v>
      </c>
      <c r="I20184" s="5" t="s">
        <v>69</v>
      </c>
      <c r="J20184" s="5" t="s">
        <v>64310</v>
      </c>
      <c r="K20184" s="2" t="s">
        <v>64311</v>
      </c>
      <c r="L20184" s="5" t="s">
        <v>64310</v>
      </c>
      <c r="M20184" s="2" t="s">
        <v>64311</v>
      </c>
      <c r="N20184" s="5" t="s">
        <v>733</v>
      </c>
      <c r="O20184" s="5" t="s">
        <v>38</v>
      </c>
      <c r="P20184" s="5" t="s">
        <v>39</v>
      </c>
      <c r="Q20184" s="5" t="s">
        <v>40</v>
      </c>
      <c r="R20184" s="5" t="s">
        <v>897</v>
      </c>
      <c r="S20184" s="5" t="s">
        <v>40</v>
      </c>
      <c r="T20184" s="5" t="s">
        <v>42</v>
      </c>
      <c r="U20184" s="2">
        <v>64.477999999999994</v>
      </c>
      <c r="V20184" s="2">
        <v>60.26</v>
      </c>
      <c r="W20184" s="2">
        <v>0.25900000000000001</v>
      </c>
      <c r="X20184" s="2">
        <v>17</v>
      </c>
      <c r="Y20184" s="2">
        <v>136.69999999999999</v>
      </c>
      <c r="Z20184" s="2">
        <v>111.6</v>
      </c>
      <c r="AA20184" s="5">
        <v>7</v>
      </c>
      <c r="AB20184" s="5" t="s">
        <v>43</v>
      </c>
      <c r="AC20184" s="5" t="s">
        <v>735</v>
      </c>
      <c r="AD20184" s="2" t="s">
        <v>64572</v>
      </c>
      <c r="AE20184" s="1"/>
    </row>
    <row r="20185" spans="1:31" ht="14.45">
      <c r="A20185" s="11"/>
      <c r="B20185" s="20"/>
      <c r="C20185" s="2" t="s">
        <v>64573</v>
      </c>
      <c r="D20185" s="14" t="s">
        <v>64574</v>
      </c>
      <c r="E20185" s="2" t="s">
        <v>64575</v>
      </c>
      <c r="F20185" s="2" t="s">
        <v>64576</v>
      </c>
      <c r="G20185" s="8">
        <v>1589</v>
      </c>
      <c r="H20185" s="5">
        <v>5</v>
      </c>
      <c r="I20185" s="5" t="s">
        <v>69</v>
      </c>
      <c r="J20185" s="5" t="s">
        <v>64310</v>
      </c>
      <c r="K20185" s="2" t="s">
        <v>64311</v>
      </c>
      <c r="L20185" s="5" t="s">
        <v>64310</v>
      </c>
      <c r="M20185" s="2" t="s">
        <v>64311</v>
      </c>
      <c r="N20185" s="5" t="s">
        <v>733</v>
      </c>
      <c r="O20185" s="5" t="s">
        <v>38</v>
      </c>
      <c r="P20185" s="5" t="s">
        <v>39</v>
      </c>
      <c r="Q20185" s="5" t="s">
        <v>40</v>
      </c>
      <c r="R20185" s="5" t="s">
        <v>897</v>
      </c>
      <c r="S20185" s="5" t="s">
        <v>40</v>
      </c>
      <c r="T20185" s="5" t="s">
        <v>42</v>
      </c>
      <c r="U20185" s="2">
        <v>63.051000000000002</v>
      </c>
      <c r="V20185" s="2">
        <v>58.832999999999998</v>
      </c>
      <c r="W20185" s="2">
        <v>0.25900000000000001</v>
      </c>
      <c r="X20185" s="2">
        <v>17</v>
      </c>
      <c r="Y20185" s="2">
        <v>136.69999999999999</v>
      </c>
      <c r="Z20185" s="2">
        <v>111.6</v>
      </c>
      <c r="AA20185" s="5">
        <v>7</v>
      </c>
      <c r="AB20185" s="5" t="s">
        <v>43</v>
      </c>
      <c r="AC20185" s="5" t="s">
        <v>735</v>
      </c>
      <c r="AD20185" s="2" t="s">
        <v>64577</v>
      </c>
      <c r="AE20185" s="1"/>
    </row>
    <row r="20186" spans="1:31" ht="14.45">
      <c r="A20186" s="11"/>
      <c r="B20186" s="20"/>
      <c r="C20186" s="2" t="s">
        <v>64578</v>
      </c>
      <c r="D20186" s="14" t="s">
        <v>64579</v>
      </c>
      <c r="E20186" s="2" t="s">
        <v>64580</v>
      </c>
      <c r="F20186" s="2" t="s">
        <v>64581</v>
      </c>
      <c r="G20186" s="8">
        <v>787</v>
      </c>
      <c r="H20186" s="5">
        <v>10</v>
      </c>
      <c r="I20186" s="5" t="s">
        <v>69</v>
      </c>
      <c r="J20186" s="5" t="s">
        <v>64310</v>
      </c>
      <c r="K20186" s="2" t="s">
        <v>64311</v>
      </c>
      <c r="L20186" s="5" t="s">
        <v>64310</v>
      </c>
      <c r="M20186" s="2" t="s">
        <v>64311</v>
      </c>
      <c r="N20186" s="5" t="s">
        <v>733</v>
      </c>
      <c r="O20186" s="5" t="s">
        <v>38</v>
      </c>
      <c r="P20186" s="5" t="s">
        <v>39</v>
      </c>
      <c r="Q20186" s="5" t="s">
        <v>40</v>
      </c>
      <c r="R20186" s="5" t="s">
        <v>897</v>
      </c>
      <c r="S20186" s="5" t="s">
        <v>40</v>
      </c>
      <c r="T20186" s="5" t="s">
        <v>42</v>
      </c>
      <c r="U20186" s="2">
        <v>32.947000000000003</v>
      </c>
      <c r="V20186" s="2">
        <v>30.419</v>
      </c>
      <c r="W20186" s="2">
        <v>0.13</v>
      </c>
      <c r="X20186" s="2">
        <v>17</v>
      </c>
      <c r="Y20186" s="2">
        <v>68.7</v>
      </c>
      <c r="Z20186" s="2">
        <v>111.6</v>
      </c>
      <c r="AA20186" s="5">
        <v>7</v>
      </c>
      <c r="AB20186" s="5" t="s">
        <v>43</v>
      </c>
      <c r="AC20186" s="5" t="s">
        <v>735</v>
      </c>
      <c r="AD20186" s="2" t="s">
        <v>64582</v>
      </c>
      <c r="AE20186" s="1"/>
    </row>
    <row r="20187" spans="1:31" ht="14.45">
      <c r="A20187" s="11"/>
      <c r="B20187" s="20"/>
      <c r="C20187" s="2" t="s">
        <v>64583</v>
      </c>
      <c r="D20187" s="14" t="s">
        <v>64584</v>
      </c>
      <c r="E20187" s="2" t="s">
        <v>64585</v>
      </c>
      <c r="F20187" s="2" t="s">
        <v>64586</v>
      </c>
      <c r="G20187" s="8">
        <v>708</v>
      </c>
      <c r="H20187" s="5">
        <v>5</v>
      </c>
      <c r="I20187" s="5" t="s">
        <v>69</v>
      </c>
      <c r="J20187" s="5" t="s">
        <v>64310</v>
      </c>
      <c r="K20187" s="2" t="s">
        <v>64311</v>
      </c>
      <c r="L20187" s="5" t="s">
        <v>64310</v>
      </c>
      <c r="M20187" s="2" t="s">
        <v>64311</v>
      </c>
      <c r="N20187" s="5" t="s">
        <v>733</v>
      </c>
      <c r="O20187" s="5" t="s">
        <v>38</v>
      </c>
      <c r="P20187" s="5" t="s">
        <v>39</v>
      </c>
      <c r="Q20187" s="5" t="s">
        <v>40</v>
      </c>
      <c r="R20187" s="5" t="s">
        <v>897</v>
      </c>
      <c r="S20187" s="5" t="s">
        <v>40</v>
      </c>
      <c r="T20187" s="5" t="s">
        <v>42</v>
      </c>
      <c r="U20187" s="2">
        <v>29.233000000000001</v>
      </c>
      <c r="V20187" s="2">
        <v>26.704999999999998</v>
      </c>
      <c r="W20187" s="2">
        <v>0.13</v>
      </c>
      <c r="X20187" s="2">
        <v>17</v>
      </c>
      <c r="Y20187" s="2">
        <v>68.7</v>
      </c>
      <c r="Z20187" s="2">
        <v>111.6</v>
      </c>
      <c r="AA20187" s="5">
        <v>7</v>
      </c>
      <c r="AB20187" s="5" t="s">
        <v>43</v>
      </c>
      <c r="AC20187" s="5" t="s">
        <v>735</v>
      </c>
      <c r="AD20187" s="2" t="s">
        <v>64587</v>
      </c>
      <c r="AE20187" s="1"/>
    </row>
    <row r="20188" spans="1:31" ht="14.45">
      <c r="A20188" s="11"/>
      <c r="B20188" s="20"/>
      <c r="C20188" s="2" t="s">
        <v>64588</v>
      </c>
      <c r="D20188" s="14" t="s">
        <v>64589</v>
      </c>
      <c r="E20188" s="2" t="s">
        <v>64590</v>
      </c>
      <c r="F20188" s="2" t="s">
        <v>64591</v>
      </c>
      <c r="G20188" s="8">
        <v>516</v>
      </c>
      <c r="H20188" s="5">
        <v>5</v>
      </c>
      <c r="I20188" s="5" t="s">
        <v>69</v>
      </c>
      <c r="J20188" s="5" t="s">
        <v>64310</v>
      </c>
      <c r="K20188" s="2" t="s">
        <v>64311</v>
      </c>
      <c r="L20188" s="5" t="s">
        <v>64310</v>
      </c>
      <c r="M20188" s="2" t="s">
        <v>64311</v>
      </c>
      <c r="N20188" s="5" t="s">
        <v>733</v>
      </c>
      <c r="O20188" s="5" t="s">
        <v>38</v>
      </c>
      <c r="P20188" s="5" t="s">
        <v>39</v>
      </c>
      <c r="Q20188" s="5" t="s">
        <v>40</v>
      </c>
      <c r="R20188" s="5" t="s">
        <v>897</v>
      </c>
      <c r="S20188" s="5" t="s">
        <v>40</v>
      </c>
      <c r="T20188" s="5" t="s">
        <v>42</v>
      </c>
      <c r="U20188" s="2">
        <v>25.76</v>
      </c>
      <c r="V20188" s="2">
        <v>23.218</v>
      </c>
      <c r="W20188" s="2">
        <v>0.13</v>
      </c>
      <c r="X20188" s="2">
        <v>17</v>
      </c>
      <c r="Y20188" s="2">
        <v>68.7</v>
      </c>
      <c r="Z20188" s="2">
        <v>111.6</v>
      </c>
      <c r="AA20188" s="5">
        <v>7</v>
      </c>
      <c r="AB20188" s="5" t="s">
        <v>43</v>
      </c>
      <c r="AC20188" s="5" t="s">
        <v>735</v>
      </c>
      <c r="AD20188" s="2" t="s">
        <v>64592</v>
      </c>
      <c r="AE20188" s="1"/>
    </row>
    <row r="20189" spans="1:31" ht="14.45">
      <c r="A20189" s="11"/>
      <c r="B20189" s="20"/>
      <c r="C20189" s="2" t="s">
        <v>64593</v>
      </c>
      <c r="D20189" s="14" t="s">
        <v>64594</v>
      </c>
      <c r="E20189" s="2" t="s">
        <v>64595</v>
      </c>
      <c r="F20189" s="2" t="s">
        <v>64596</v>
      </c>
      <c r="G20189" s="8">
        <v>650</v>
      </c>
      <c r="H20189" s="5">
        <v>5</v>
      </c>
      <c r="I20189" s="5" t="s">
        <v>69</v>
      </c>
      <c r="J20189" s="5" t="s">
        <v>64310</v>
      </c>
      <c r="K20189" s="2" t="s">
        <v>64311</v>
      </c>
      <c r="L20189" s="5" t="s">
        <v>64310</v>
      </c>
      <c r="M20189" s="2" t="s">
        <v>64311</v>
      </c>
      <c r="N20189" s="5" t="s">
        <v>733</v>
      </c>
      <c r="O20189" s="5" t="s">
        <v>38</v>
      </c>
      <c r="P20189" s="5" t="s">
        <v>39</v>
      </c>
      <c r="Q20189" s="5" t="s">
        <v>40</v>
      </c>
      <c r="R20189" s="5" t="s">
        <v>897</v>
      </c>
      <c r="S20189" s="5" t="s">
        <v>40</v>
      </c>
      <c r="T20189" s="5" t="s">
        <v>42</v>
      </c>
      <c r="U20189" s="2">
        <v>29.170999999999999</v>
      </c>
      <c r="V20189" s="2">
        <v>26.643000000000001</v>
      </c>
      <c r="W20189" s="2">
        <v>0.13</v>
      </c>
      <c r="X20189" s="2">
        <v>17</v>
      </c>
      <c r="Y20189" s="2">
        <v>68.7</v>
      </c>
      <c r="Z20189" s="2">
        <v>111.6</v>
      </c>
      <c r="AA20189" s="5">
        <v>7</v>
      </c>
      <c r="AB20189" s="5" t="s">
        <v>43</v>
      </c>
      <c r="AC20189" s="5" t="s">
        <v>735</v>
      </c>
      <c r="AD20189" s="2" t="s">
        <v>64597</v>
      </c>
      <c r="AE20189" s="1"/>
    </row>
    <row r="20190" spans="1:31" ht="14.45">
      <c r="A20190" s="11"/>
      <c r="B20190" s="20"/>
      <c r="C20190" s="2" t="s">
        <v>64598</v>
      </c>
      <c r="D20190" s="14" t="s">
        <v>64599</v>
      </c>
      <c r="E20190" s="2" t="s">
        <v>64600</v>
      </c>
      <c r="F20190" s="2" t="s">
        <v>64601</v>
      </c>
      <c r="G20190" s="8">
        <v>1255</v>
      </c>
      <c r="H20190" s="5">
        <v>10</v>
      </c>
      <c r="I20190" s="5" t="s">
        <v>69</v>
      </c>
      <c r="J20190" s="5" t="s">
        <v>64310</v>
      </c>
      <c r="K20190" s="2" t="s">
        <v>64311</v>
      </c>
      <c r="L20190" s="5" t="s">
        <v>64310</v>
      </c>
      <c r="M20190" s="2" t="s">
        <v>64311</v>
      </c>
      <c r="N20190" s="5" t="s">
        <v>733</v>
      </c>
      <c r="O20190" s="5" t="s">
        <v>38</v>
      </c>
      <c r="P20190" s="5" t="s">
        <v>39</v>
      </c>
      <c r="Q20190" s="5" t="s">
        <v>40</v>
      </c>
      <c r="R20190" s="5" t="s">
        <v>897</v>
      </c>
      <c r="S20190" s="5" t="s">
        <v>40</v>
      </c>
      <c r="T20190" s="5" t="s">
        <v>42</v>
      </c>
      <c r="U20190" s="2">
        <v>35.850999999999999</v>
      </c>
      <c r="V20190" s="2">
        <v>33.323</v>
      </c>
      <c r="W20190" s="2">
        <v>0.13</v>
      </c>
      <c r="X20190" s="2">
        <v>17</v>
      </c>
      <c r="Y20190" s="2">
        <v>68.7</v>
      </c>
      <c r="Z20190" s="2">
        <v>111.6</v>
      </c>
      <c r="AA20190" s="5">
        <v>7</v>
      </c>
      <c r="AB20190" s="5" t="s">
        <v>43</v>
      </c>
      <c r="AC20190" s="5" t="s">
        <v>735</v>
      </c>
      <c r="AD20190" s="2" t="s">
        <v>64602</v>
      </c>
      <c r="AE20190" s="1"/>
    </row>
    <row r="20191" spans="1:31" ht="14.45">
      <c r="A20191" s="11"/>
      <c r="B20191" s="20"/>
      <c r="C20191" s="2" t="s">
        <v>64603</v>
      </c>
      <c r="D20191" s="14" t="s">
        <v>64604</v>
      </c>
      <c r="E20191" s="2" t="s">
        <v>64605</v>
      </c>
      <c r="F20191" s="2" t="s">
        <v>64606</v>
      </c>
      <c r="G20191" s="8">
        <v>1176</v>
      </c>
      <c r="H20191" s="5">
        <v>10</v>
      </c>
      <c r="I20191" s="5" t="s">
        <v>69</v>
      </c>
      <c r="J20191" s="5" t="s">
        <v>64310</v>
      </c>
      <c r="K20191" s="2" t="s">
        <v>64311</v>
      </c>
      <c r="L20191" s="5" t="s">
        <v>64310</v>
      </c>
      <c r="M20191" s="2" t="s">
        <v>64311</v>
      </c>
      <c r="N20191" s="5" t="s">
        <v>733</v>
      </c>
      <c r="O20191" s="5" t="s">
        <v>38</v>
      </c>
      <c r="P20191" s="5" t="s">
        <v>39</v>
      </c>
      <c r="Q20191" s="5" t="s">
        <v>40</v>
      </c>
      <c r="R20191" s="5" t="s">
        <v>897</v>
      </c>
      <c r="S20191" s="5" t="s">
        <v>40</v>
      </c>
      <c r="T20191" s="5" t="s">
        <v>42</v>
      </c>
      <c r="U20191" s="2">
        <v>32.094999999999999</v>
      </c>
      <c r="V20191" s="2">
        <v>29.567</v>
      </c>
      <c r="W20191" s="2">
        <v>0.13</v>
      </c>
      <c r="X20191" s="2">
        <v>17</v>
      </c>
      <c r="Y20191" s="2">
        <v>68.7</v>
      </c>
      <c r="Z20191" s="2">
        <v>111.6</v>
      </c>
      <c r="AA20191" s="5">
        <v>7</v>
      </c>
      <c r="AB20191" s="5" t="s">
        <v>43</v>
      </c>
      <c r="AC20191" s="5" t="s">
        <v>735</v>
      </c>
      <c r="AD20191" s="2" t="s">
        <v>64607</v>
      </c>
      <c r="AE20191" s="1"/>
    </row>
    <row r="20192" spans="1:31" ht="14.45">
      <c r="A20192" s="11"/>
      <c r="B20192" s="20"/>
      <c r="C20192" s="2" t="s">
        <v>64608</v>
      </c>
      <c r="D20192" s="14" t="s">
        <v>64609</v>
      </c>
      <c r="E20192" s="2" t="s">
        <v>64610</v>
      </c>
      <c r="F20192" s="2" t="s">
        <v>64611</v>
      </c>
      <c r="G20192" s="8">
        <v>984</v>
      </c>
      <c r="H20192" s="5">
        <v>10</v>
      </c>
      <c r="I20192" s="5" t="s">
        <v>69</v>
      </c>
      <c r="J20192" s="5" t="s">
        <v>64310</v>
      </c>
      <c r="K20192" s="2" t="s">
        <v>64311</v>
      </c>
      <c r="L20192" s="5" t="s">
        <v>64310</v>
      </c>
      <c r="M20192" s="2" t="s">
        <v>64311</v>
      </c>
      <c r="N20192" s="5" t="s">
        <v>733</v>
      </c>
      <c r="O20192" s="5" t="s">
        <v>38</v>
      </c>
      <c r="P20192" s="5" t="s">
        <v>39</v>
      </c>
      <c r="Q20192" s="5" t="s">
        <v>40</v>
      </c>
      <c r="R20192" s="5" t="s">
        <v>897</v>
      </c>
      <c r="S20192" s="5" t="s">
        <v>40</v>
      </c>
      <c r="T20192" s="5" t="s">
        <v>42</v>
      </c>
      <c r="U20192" s="2">
        <v>28.567</v>
      </c>
      <c r="V20192" s="2">
        <v>26.024999999999999</v>
      </c>
      <c r="W20192" s="2">
        <v>0.13</v>
      </c>
      <c r="X20192" s="2">
        <v>17</v>
      </c>
      <c r="Y20192" s="2">
        <v>68.7</v>
      </c>
      <c r="Z20192" s="2">
        <v>111.6</v>
      </c>
      <c r="AA20192" s="5">
        <v>7</v>
      </c>
      <c r="AB20192" s="5" t="s">
        <v>43</v>
      </c>
      <c r="AC20192" s="5" t="s">
        <v>735</v>
      </c>
      <c r="AD20192" s="2" t="s">
        <v>64612</v>
      </c>
      <c r="AE20192" s="1"/>
    </row>
    <row r="20193" spans="1:31" ht="14.45">
      <c r="A20193" s="11"/>
      <c r="B20193" s="20"/>
      <c r="C20193" s="2" t="s">
        <v>64613</v>
      </c>
      <c r="D20193" s="14" t="s">
        <v>64614</v>
      </c>
      <c r="E20193" s="2" t="s">
        <v>64615</v>
      </c>
      <c r="F20193" s="2" t="s">
        <v>64616</v>
      </c>
      <c r="G20193" s="8">
        <v>1118</v>
      </c>
      <c r="H20193" s="5">
        <v>10</v>
      </c>
      <c r="I20193" s="5" t="s">
        <v>69</v>
      </c>
      <c r="J20193" s="5" t="s">
        <v>64310</v>
      </c>
      <c r="K20193" s="2" t="s">
        <v>64311</v>
      </c>
      <c r="L20193" s="5" t="s">
        <v>64310</v>
      </c>
      <c r="M20193" s="2" t="s">
        <v>64311</v>
      </c>
      <c r="N20193" s="5" t="s">
        <v>733</v>
      </c>
      <c r="O20193" s="5" t="s">
        <v>38</v>
      </c>
      <c r="P20193" s="5" t="s">
        <v>39</v>
      </c>
      <c r="Q20193" s="5" t="s">
        <v>40</v>
      </c>
      <c r="R20193" s="5" t="s">
        <v>897</v>
      </c>
      <c r="S20193" s="5" t="s">
        <v>40</v>
      </c>
      <c r="T20193" s="5" t="s">
        <v>42</v>
      </c>
      <c r="U20193" s="2">
        <v>32.075000000000003</v>
      </c>
      <c r="V20193" s="2">
        <v>29.547000000000001</v>
      </c>
      <c r="W20193" s="2">
        <v>0.13</v>
      </c>
      <c r="X20193" s="2">
        <v>17</v>
      </c>
      <c r="Y20193" s="2">
        <v>68.7</v>
      </c>
      <c r="Z20193" s="2">
        <v>111.6</v>
      </c>
      <c r="AA20193" s="5">
        <v>7</v>
      </c>
      <c r="AB20193" s="5" t="s">
        <v>43</v>
      </c>
      <c r="AC20193" s="5" t="s">
        <v>735</v>
      </c>
      <c r="AD20193" s="2" t="s">
        <v>64617</v>
      </c>
      <c r="AE20193" s="1"/>
    </row>
    <row r="20194" spans="1:31" ht="14.45">
      <c r="A20194" s="11"/>
      <c r="B20194" s="20"/>
      <c r="C20194" s="2" t="s">
        <v>64618</v>
      </c>
      <c r="D20194" s="14" t="s">
        <v>64619</v>
      </c>
      <c r="E20194" s="2" t="s">
        <v>64620</v>
      </c>
      <c r="F20194" s="2" t="s">
        <v>64621</v>
      </c>
      <c r="G20194" s="8">
        <v>1255</v>
      </c>
      <c r="H20194" s="5">
        <v>10</v>
      </c>
      <c r="I20194" s="5" t="s">
        <v>69</v>
      </c>
      <c r="J20194" s="5" t="s">
        <v>64310</v>
      </c>
      <c r="K20194" s="2" t="s">
        <v>64311</v>
      </c>
      <c r="L20194" s="5" t="s">
        <v>64310</v>
      </c>
      <c r="M20194" s="2" t="s">
        <v>64311</v>
      </c>
      <c r="N20194" s="5" t="s">
        <v>733</v>
      </c>
      <c r="O20194" s="5" t="s">
        <v>38</v>
      </c>
      <c r="P20194" s="5" t="s">
        <v>39</v>
      </c>
      <c r="Q20194" s="5" t="s">
        <v>40</v>
      </c>
      <c r="R20194" s="5" t="s">
        <v>897</v>
      </c>
      <c r="S20194" s="5" t="s">
        <v>40</v>
      </c>
      <c r="T20194" s="5" t="s">
        <v>42</v>
      </c>
      <c r="U20194" s="2">
        <v>34.957999999999998</v>
      </c>
      <c r="V20194" s="2">
        <v>32.43</v>
      </c>
      <c r="W20194" s="2">
        <v>0.13</v>
      </c>
      <c r="X20194" s="2">
        <v>17</v>
      </c>
      <c r="Y20194" s="2">
        <v>68.7</v>
      </c>
      <c r="Z20194" s="2">
        <v>111.6</v>
      </c>
      <c r="AA20194" s="5">
        <v>7</v>
      </c>
      <c r="AB20194" s="5" t="s">
        <v>43</v>
      </c>
      <c r="AC20194" s="5" t="s">
        <v>735</v>
      </c>
      <c r="AD20194" s="2" t="s">
        <v>64622</v>
      </c>
      <c r="AE20194" s="1"/>
    </row>
    <row r="20195" spans="1:31" ht="14.45">
      <c r="A20195" s="11"/>
      <c r="B20195" s="20"/>
      <c r="C20195" s="2" t="s">
        <v>64623</v>
      </c>
      <c r="D20195" s="14" t="s">
        <v>64624</v>
      </c>
      <c r="E20195" s="2" t="s">
        <v>64625</v>
      </c>
      <c r="F20195" s="2" t="s">
        <v>64626</v>
      </c>
      <c r="G20195" s="8">
        <v>1176</v>
      </c>
      <c r="H20195" s="5">
        <v>10</v>
      </c>
      <c r="I20195" s="5" t="s">
        <v>69</v>
      </c>
      <c r="J20195" s="5" t="s">
        <v>64310</v>
      </c>
      <c r="K20195" s="2" t="s">
        <v>64311</v>
      </c>
      <c r="L20195" s="5" t="s">
        <v>64310</v>
      </c>
      <c r="M20195" s="2" t="s">
        <v>64311</v>
      </c>
      <c r="N20195" s="5" t="s">
        <v>733</v>
      </c>
      <c r="O20195" s="5" t="s">
        <v>38</v>
      </c>
      <c r="P20195" s="5" t="s">
        <v>39</v>
      </c>
      <c r="Q20195" s="5" t="s">
        <v>40</v>
      </c>
      <c r="R20195" s="5" t="s">
        <v>897</v>
      </c>
      <c r="S20195" s="5" t="s">
        <v>40</v>
      </c>
      <c r="T20195" s="5" t="s">
        <v>42</v>
      </c>
      <c r="U20195" s="2">
        <v>31.202000000000002</v>
      </c>
      <c r="V20195" s="2">
        <v>28.673999999999999</v>
      </c>
      <c r="W20195" s="2">
        <v>0.13</v>
      </c>
      <c r="X20195" s="2">
        <v>17</v>
      </c>
      <c r="Y20195" s="2">
        <v>68.7</v>
      </c>
      <c r="Z20195" s="2">
        <v>111.6</v>
      </c>
      <c r="AA20195" s="5">
        <v>7</v>
      </c>
      <c r="AB20195" s="5" t="s">
        <v>43</v>
      </c>
      <c r="AC20195" s="5" t="s">
        <v>735</v>
      </c>
      <c r="AD20195" s="2" t="s">
        <v>64627</v>
      </c>
      <c r="AE20195" s="1"/>
    </row>
    <row r="20196" spans="1:31" ht="14.45">
      <c r="A20196" s="11"/>
      <c r="B20196" s="20"/>
      <c r="C20196" s="2" t="s">
        <v>64628</v>
      </c>
      <c r="D20196" s="14" t="s">
        <v>64629</v>
      </c>
      <c r="E20196" s="2" t="s">
        <v>64630</v>
      </c>
      <c r="F20196" s="2" t="s">
        <v>64631</v>
      </c>
      <c r="G20196" s="8">
        <v>984</v>
      </c>
      <c r="H20196" s="5">
        <v>10</v>
      </c>
      <c r="I20196" s="5" t="s">
        <v>69</v>
      </c>
      <c r="J20196" s="5" t="s">
        <v>64310</v>
      </c>
      <c r="K20196" s="2" t="s">
        <v>64311</v>
      </c>
      <c r="L20196" s="5" t="s">
        <v>64310</v>
      </c>
      <c r="M20196" s="2" t="s">
        <v>64311</v>
      </c>
      <c r="N20196" s="5" t="s">
        <v>733</v>
      </c>
      <c r="O20196" s="5" t="s">
        <v>38</v>
      </c>
      <c r="P20196" s="5" t="s">
        <v>39</v>
      </c>
      <c r="Q20196" s="5" t="s">
        <v>40</v>
      </c>
      <c r="R20196" s="5" t="s">
        <v>897</v>
      </c>
      <c r="S20196" s="5" t="s">
        <v>40</v>
      </c>
      <c r="T20196" s="5" t="s">
        <v>42</v>
      </c>
      <c r="U20196" s="2">
        <v>27.692</v>
      </c>
      <c r="V20196" s="2">
        <v>25.15</v>
      </c>
      <c r="W20196" s="2">
        <v>0.13</v>
      </c>
      <c r="X20196" s="2">
        <v>17</v>
      </c>
      <c r="Y20196" s="2">
        <v>68.7</v>
      </c>
      <c r="Z20196" s="2">
        <v>111.6</v>
      </c>
      <c r="AA20196" s="5">
        <v>7</v>
      </c>
      <c r="AB20196" s="5" t="s">
        <v>43</v>
      </c>
      <c r="AC20196" s="5" t="s">
        <v>735</v>
      </c>
      <c r="AD20196" s="2" t="s">
        <v>64632</v>
      </c>
      <c r="AE20196" s="1"/>
    </row>
    <row r="20197" spans="1:31" ht="14.45">
      <c r="A20197" s="11"/>
      <c r="B20197" s="20"/>
      <c r="C20197" s="2" t="s">
        <v>64633</v>
      </c>
      <c r="D20197" s="14" t="s">
        <v>64634</v>
      </c>
      <c r="E20197" s="2" t="s">
        <v>64635</v>
      </c>
      <c r="F20197" s="2" t="s">
        <v>64636</v>
      </c>
      <c r="G20197" s="8">
        <v>1118</v>
      </c>
      <c r="H20197" s="5">
        <v>5</v>
      </c>
      <c r="I20197" s="5" t="s">
        <v>69</v>
      </c>
      <c r="J20197" s="5" t="s">
        <v>64310</v>
      </c>
      <c r="K20197" s="2" t="s">
        <v>64311</v>
      </c>
      <c r="L20197" s="5" t="s">
        <v>64310</v>
      </c>
      <c r="M20197" s="2" t="s">
        <v>64311</v>
      </c>
      <c r="N20197" s="5" t="s">
        <v>733</v>
      </c>
      <c r="O20197" s="5" t="s">
        <v>38</v>
      </c>
      <c r="P20197" s="5" t="s">
        <v>39</v>
      </c>
      <c r="Q20197" s="5" t="s">
        <v>40</v>
      </c>
      <c r="R20197" s="5" t="s">
        <v>897</v>
      </c>
      <c r="S20197" s="5" t="s">
        <v>40</v>
      </c>
      <c r="T20197" s="5" t="s">
        <v>42</v>
      </c>
      <c r="U20197" s="2">
        <v>31.181999999999999</v>
      </c>
      <c r="V20197" s="2">
        <v>28.654</v>
      </c>
      <c r="W20197" s="2">
        <v>0.13</v>
      </c>
      <c r="X20197" s="2">
        <v>17</v>
      </c>
      <c r="Y20197" s="2">
        <v>68.7</v>
      </c>
      <c r="Z20197" s="2">
        <v>111.6</v>
      </c>
      <c r="AA20197" s="5">
        <v>7</v>
      </c>
      <c r="AB20197" s="5" t="s">
        <v>43</v>
      </c>
      <c r="AC20197" s="5" t="s">
        <v>735</v>
      </c>
      <c r="AD20197" s="2" t="s">
        <v>64637</v>
      </c>
      <c r="AE20197" s="1"/>
    </row>
    <row r="20198" spans="1:31" ht="14.45">
      <c r="A20198" s="11"/>
      <c r="B20198" s="20"/>
      <c r="C20198" s="2" t="s">
        <v>64638</v>
      </c>
      <c r="D20198" s="14" t="s">
        <v>64639</v>
      </c>
      <c r="E20198" s="2" t="s">
        <v>64640</v>
      </c>
      <c r="F20198" s="2" t="s">
        <v>64641</v>
      </c>
      <c r="G20198" s="8">
        <v>906</v>
      </c>
      <c r="H20198" s="5">
        <v>10</v>
      </c>
      <c r="I20198" s="5" t="s">
        <v>69</v>
      </c>
      <c r="J20198" s="5" t="s">
        <v>64310</v>
      </c>
      <c r="K20198" s="2" t="s">
        <v>64311</v>
      </c>
      <c r="L20198" s="5" t="s">
        <v>64310</v>
      </c>
      <c r="M20198" s="2" t="s">
        <v>64311</v>
      </c>
      <c r="N20198" s="5" t="s">
        <v>733</v>
      </c>
      <c r="O20198" s="5" t="s">
        <v>38</v>
      </c>
      <c r="P20198" s="5" t="s">
        <v>39</v>
      </c>
      <c r="Q20198" s="5" t="s">
        <v>40</v>
      </c>
      <c r="R20198" s="5" t="s">
        <v>897</v>
      </c>
      <c r="S20198" s="5" t="s">
        <v>40</v>
      </c>
      <c r="T20198" s="5" t="s">
        <v>42</v>
      </c>
      <c r="U20198" s="2">
        <v>38.234999999999999</v>
      </c>
      <c r="V20198" s="2">
        <v>35.514000000000003</v>
      </c>
      <c r="W20198" s="2">
        <v>0.153</v>
      </c>
      <c r="X20198" s="2">
        <v>17</v>
      </c>
      <c r="Y20198" s="2">
        <v>80.7</v>
      </c>
      <c r="Z20198" s="2">
        <v>111.6</v>
      </c>
      <c r="AA20198" s="5">
        <v>7</v>
      </c>
      <c r="AB20198" s="5" t="s">
        <v>43</v>
      </c>
      <c r="AC20198" s="5" t="s">
        <v>735</v>
      </c>
      <c r="AD20198" s="2" t="s">
        <v>64642</v>
      </c>
      <c r="AE20198" s="1"/>
    </row>
    <row r="20199" spans="1:31" ht="14.45">
      <c r="A20199" s="11"/>
      <c r="B20199" s="20"/>
      <c r="C20199" s="2" t="s">
        <v>64643</v>
      </c>
      <c r="D20199" s="14" t="s">
        <v>64644</v>
      </c>
      <c r="E20199" s="2" t="s">
        <v>64645</v>
      </c>
      <c r="F20199" s="2" t="s">
        <v>64646</v>
      </c>
      <c r="G20199" s="8">
        <v>813</v>
      </c>
      <c r="H20199" s="5">
        <v>5</v>
      </c>
      <c r="I20199" s="5" t="s">
        <v>69</v>
      </c>
      <c r="J20199" s="5" t="s">
        <v>64310</v>
      </c>
      <c r="K20199" s="2" t="s">
        <v>64311</v>
      </c>
      <c r="L20199" s="5" t="s">
        <v>64310</v>
      </c>
      <c r="M20199" s="2" t="s">
        <v>64311</v>
      </c>
      <c r="N20199" s="5" t="s">
        <v>733</v>
      </c>
      <c r="O20199" s="5" t="s">
        <v>38</v>
      </c>
      <c r="P20199" s="5" t="s">
        <v>39</v>
      </c>
      <c r="Q20199" s="5" t="s">
        <v>40</v>
      </c>
      <c r="R20199" s="5" t="s">
        <v>897</v>
      </c>
      <c r="S20199" s="5" t="s">
        <v>40</v>
      </c>
      <c r="T20199" s="5" t="s">
        <v>42</v>
      </c>
      <c r="U20199" s="2">
        <v>33.619</v>
      </c>
      <c r="V20199" s="2">
        <v>30.898</v>
      </c>
      <c r="W20199" s="2">
        <v>0.153</v>
      </c>
      <c r="X20199" s="2">
        <v>17</v>
      </c>
      <c r="Y20199" s="2">
        <v>80.7</v>
      </c>
      <c r="Z20199" s="2">
        <v>111.6</v>
      </c>
      <c r="AA20199" s="5">
        <v>7</v>
      </c>
      <c r="AB20199" s="5" t="s">
        <v>43</v>
      </c>
      <c r="AC20199" s="5" t="s">
        <v>735</v>
      </c>
      <c r="AD20199" s="2" t="s">
        <v>64647</v>
      </c>
      <c r="AE20199" s="1"/>
    </row>
    <row r="20200" spans="1:31" ht="14.45">
      <c r="A20200" s="11"/>
      <c r="B20200" s="20"/>
      <c r="C20200" s="2" t="s">
        <v>64648</v>
      </c>
      <c r="D20200" s="14" t="s">
        <v>64649</v>
      </c>
      <c r="E20200" s="2" t="s">
        <v>64650</v>
      </c>
      <c r="F20200" s="2" t="s">
        <v>64651</v>
      </c>
      <c r="G20200" s="8">
        <v>586</v>
      </c>
      <c r="H20200" s="5">
        <v>5</v>
      </c>
      <c r="I20200" s="5" t="s">
        <v>69</v>
      </c>
      <c r="J20200" s="5" t="s">
        <v>64310</v>
      </c>
      <c r="K20200" s="2" t="s">
        <v>64311</v>
      </c>
      <c r="L20200" s="5" t="s">
        <v>64310</v>
      </c>
      <c r="M20200" s="2" t="s">
        <v>64311</v>
      </c>
      <c r="N20200" s="5" t="s">
        <v>733</v>
      </c>
      <c r="O20200" s="5" t="s">
        <v>38</v>
      </c>
      <c r="P20200" s="5" t="s">
        <v>39</v>
      </c>
      <c r="Q20200" s="5" t="s">
        <v>40</v>
      </c>
      <c r="R20200" s="5" t="s">
        <v>897</v>
      </c>
      <c r="S20200" s="5" t="s">
        <v>40</v>
      </c>
      <c r="T20200" s="5" t="s">
        <v>42</v>
      </c>
      <c r="U20200" s="2">
        <v>29.35</v>
      </c>
      <c r="V20200" s="2">
        <v>26.613</v>
      </c>
      <c r="W20200" s="2">
        <v>0.153</v>
      </c>
      <c r="X20200" s="2">
        <v>17</v>
      </c>
      <c r="Y20200" s="2">
        <v>80.7</v>
      </c>
      <c r="Z20200" s="2">
        <v>111.6</v>
      </c>
      <c r="AA20200" s="5">
        <v>7</v>
      </c>
      <c r="AB20200" s="5" t="s">
        <v>43</v>
      </c>
      <c r="AC20200" s="5" t="s">
        <v>735</v>
      </c>
      <c r="AD20200" s="2" t="s">
        <v>64652</v>
      </c>
      <c r="AE20200" s="1"/>
    </row>
    <row r="20201" spans="1:31" ht="14.45">
      <c r="A20201" s="11"/>
      <c r="B20201" s="20"/>
      <c r="C20201" s="2" t="s">
        <v>64653</v>
      </c>
      <c r="D20201" s="14" t="s">
        <v>64654</v>
      </c>
      <c r="E20201" s="2" t="s">
        <v>64655</v>
      </c>
      <c r="F20201" s="2" t="s">
        <v>64656</v>
      </c>
      <c r="G20201" s="8">
        <v>745</v>
      </c>
      <c r="H20201" s="5">
        <v>5</v>
      </c>
      <c r="I20201" s="5" t="s">
        <v>69</v>
      </c>
      <c r="J20201" s="5" t="s">
        <v>64310</v>
      </c>
      <c r="K20201" s="2" t="s">
        <v>64311</v>
      </c>
      <c r="L20201" s="5" t="s">
        <v>64310</v>
      </c>
      <c r="M20201" s="2" t="s">
        <v>64311</v>
      </c>
      <c r="N20201" s="5" t="s">
        <v>733</v>
      </c>
      <c r="O20201" s="5" t="s">
        <v>38</v>
      </c>
      <c r="P20201" s="5" t="s">
        <v>39</v>
      </c>
      <c r="Q20201" s="5" t="s">
        <v>40</v>
      </c>
      <c r="R20201" s="5" t="s">
        <v>897</v>
      </c>
      <c r="S20201" s="5" t="s">
        <v>40</v>
      </c>
      <c r="T20201" s="5" t="s">
        <v>42</v>
      </c>
      <c r="U20201" s="2">
        <v>33.594999999999999</v>
      </c>
      <c r="V20201" s="2">
        <v>30.873999999999999</v>
      </c>
      <c r="W20201" s="2">
        <v>0.153</v>
      </c>
      <c r="X20201" s="2">
        <v>17</v>
      </c>
      <c r="Y20201" s="2">
        <v>80.7</v>
      </c>
      <c r="Z20201" s="2">
        <v>111.6</v>
      </c>
      <c r="AA20201" s="5">
        <v>7</v>
      </c>
      <c r="AB20201" s="5" t="s">
        <v>43</v>
      </c>
      <c r="AC20201" s="5" t="s">
        <v>735</v>
      </c>
      <c r="AD20201" s="2" t="s">
        <v>64657</v>
      </c>
      <c r="AE20201" s="1"/>
    </row>
    <row r="20202" spans="1:31" ht="14.45">
      <c r="A20202" s="11"/>
      <c r="B20202" s="20"/>
      <c r="C20202" s="2" t="s">
        <v>64658</v>
      </c>
      <c r="D20202" s="14" t="s">
        <v>64659</v>
      </c>
      <c r="E20202" s="2" t="s">
        <v>64660</v>
      </c>
      <c r="F20202" s="2" t="s">
        <v>64661</v>
      </c>
      <c r="G20202" s="8">
        <v>1281</v>
      </c>
      <c r="H20202" s="5">
        <v>10</v>
      </c>
      <c r="I20202" s="5" t="s">
        <v>69</v>
      </c>
      <c r="J20202" s="5" t="s">
        <v>64310</v>
      </c>
      <c r="K20202" s="2" t="s">
        <v>64311</v>
      </c>
      <c r="L20202" s="5" t="s">
        <v>64310</v>
      </c>
      <c r="M20202" s="2" t="s">
        <v>64311</v>
      </c>
      <c r="N20202" s="5" t="s">
        <v>733</v>
      </c>
      <c r="O20202" s="5" t="s">
        <v>38</v>
      </c>
      <c r="P20202" s="5" t="s">
        <v>39</v>
      </c>
      <c r="Q20202" s="5" t="s">
        <v>40</v>
      </c>
      <c r="R20202" s="5" t="s">
        <v>897</v>
      </c>
      <c r="S20202" s="5" t="s">
        <v>40</v>
      </c>
      <c r="T20202" s="5" t="s">
        <v>42</v>
      </c>
      <c r="U20202" s="2">
        <v>36.755000000000003</v>
      </c>
      <c r="V20202" s="2">
        <v>34.033999999999999</v>
      </c>
      <c r="W20202" s="2">
        <v>0.153</v>
      </c>
      <c r="X20202" s="2">
        <v>17</v>
      </c>
      <c r="Y20202" s="2">
        <v>80.7</v>
      </c>
      <c r="Z20202" s="2">
        <v>111.6</v>
      </c>
      <c r="AA20202" s="5">
        <v>7</v>
      </c>
      <c r="AB20202" s="5" t="s">
        <v>43</v>
      </c>
      <c r="AC20202" s="5" t="s">
        <v>735</v>
      </c>
      <c r="AD20202" s="2" t="s">
        <v>64662</v>
      </c>
      <c r="AE20202" s="1"/>
    </row>
    <row r="20203" spans="1:31" ht="14.45">
      <c r="A20203" s="11"/>
      <c r="B20203" s="20"/>
      <c r="C20203" s="2" t="s">
        <v>64663</v>
      </c>
      <c r="D20203" s="14" t="s">
        <v>64664</v>
      </c>
      <c r="E20203" s="2" t="s">
        <v>64665</v>
      </c>
      <c r="F20203" s="2" t="s">
        <v>64666</v>
      </c>
      <c r="G20203" s="8">
        <v>1213</v>
      </c>
      <c r="H20203" s="5">
        <v>10</v>
      </c>
      <c r="I20203" s="5" t="s">
        <v>69</v>
      </c>
      <c r="J20203" s="5" t="s">
        <v>64310</v>
      </c>
      <c r="K20203" s="2" t="s">
        <v>64311</v>
      </c>
      <c r="L20203" s="5" t="s">
        <v>64310</v>
      </c>
      <c r="M20203" s="2" t="s">
        <v>64311</v>
      </c>
      <c r="N20203" s="5" t="s">
        <v>733</v>
      </c>
      <c r="O20203" s="5" t="s">
        <v>38</v>
      </c>
      <c r="P20203" s="5" t="s">
        <v>39</v>
      </c>
      <c r="Q20203" s="5" t="s">
        <v>40</v>
      </c>
      <c r="R20203" s="5" t="s">
        <v>897</v>
      </c>
      <c r="S20203" s="5" t="s">
        <v>40</v>
      </c>
      <c r="T20203" s="5" t="s">
        <v>42</v>
      </c>
      <c r="U20203" s="2">
        <v>36.731000000000002</v>
      </c>
      <c r="V20203" s="2">
        <v>34.01</v>
      </c>
      <c r="W20203" s="2">
        <v>0.153</v>
      </c>
      <c r="X20203" s="2">
        <v>17</v>
      </c>
      <c r="Y20203" s="2">
        <v>80.7</v>
      </c>
      <c r="Z20203" s="2">
        <v>111.6</v>
      </c>
      <c r="AA20203" s="5">
        <v>7</v>
      </c>
      <c r="AB20203" s="5" t="s">
        <v>43</v>
      </c>
      <c r="AC20203" s="5" t="s">
        <v>735</v>
      </c>
      <c r="AD20203" s="2" t="s">
        <v>64667</v>
      </c>
      <c r="AE20203" s="1"/>
    </row>
    <row r="20204" spans="1:31" ht="14.45">
      <c r="A20204" s="11"/>
      <c r="B20204" s="20"/>
      <c r="C20204" s="2" t="s">
        <v>64668</v>
      </c>
      <c r="D20204" s="14" t="s">
        <v>64669</v>
      </c>
      <c r="E20204" s="2" t="s">
        <v>64670</v>
      </c>
      <c r="F20204" s="2" t="s">
        <v>64671</v>
      </c>
      <c r="G20204" s="8">
        <v>1281</v>
      </c>
      <c r="H20204" s="5">
        <v>10</v>
      </c>
      <c r="I20204" s="5" t="s">
        <v>69</v>
      </c>
      <c r="J20204" s="5" t="s">
        <v>64310</v>
      </c>
      <c r="K20204" s="2" t="s">
        <v>64311</v>
      </c>
      <c r="L20204" s="5" t="s">
        <v>64310</v>
      </c>
      <c r="M20204" s="2" t="s">
        <v>64311</v>
      </c>
      <c r="N20204" s="5" t="s">
        <v>733</v>
      </c>
      <c r="O20204" s="5" t="s">
        <v>38</v>
      </c>
      <c r="P20204" s="5" t="s">
        <v>39</v>
      </c>
      <c r="Q20204" s="5" t="s">
        <v>40</v>
      </c>
      <c r="R20204" s="5" t="s">
        <v>897</v>
      </c>
      <c r="S20204" s="5" t="s">
        <v>40</v>
      </c>
      <c r="T20204" s="5" t="s">
        <v>42</v>
      </c>
      <c r="U20204" s="2">
        <v>35.768000000000001</v>
      </c>
      <c r="V20204" s="2">
        <v>33.046999999999997</v>
      </c>
      <c r="W20204" s="2">
        <v>0.153</v>
      </c>
      <c r="X20204" s="2">
        <v>17</v>
      </c>
      <c r="Y20204" s="2">
        <v>80.7</v>
      </c>
      <c r="Z20204" s="2">
        <v>111.6</v>
      </c>
      <c r="AA20204" s="5">
        <v>7</v>
      </c>
      <c r="AB20204" s="5" t="s">
        <v>43</v>
      </c>
      <c r="AC20204" s="5" t="s">
        <v>735</v>
      </c>
      <c r="AD20204" s="2" t="s">
        <v>64672</v>
      </c>
      <c r="AE20204" s="1"/>
    </row>
    <row r="20205" spans="1:31" ht="14.45">
      <c r="A20205" s="11"/>
      <c r="B20205" s="20"/>
      <c r="C20205" s="2" t="s">
        <v>64673</v>
      </c>
      <c r="D20205" s="14" t="s">
        <v>64674</v>
      </c>
      <c r="E20205" s="2" t="s">
        <v>64675</v>
      </c>
      <c r="F20205" s="2" t="s">
        <v>64676</v>
      </c>
      <c r="G20205" s="8">
        <v>1213</v>
      </c>
      <c r="H20205" s="5">
        <v>5</v>
      </c>
      <c r="I20205" s="5" t="s">
        <v>69</v>
      </c>
      <c r="J20205" s="5" t="s">
        <v>64310</v>
      </c>
      <c r="K20205" s="2" t="s">
        <v>64311</v>
      </c>
      <c r="L20205" s="5" t="s">
        <v>64310</v>
      </c>
      <c r="M20205" s="2" t="s">
        <v>64311</v>
      </c>
      <c r="N20205" s="5" t="s">
        <v>733</v>
      </c>
      <c r="O20205" s="5" t="s">
        <v>38</v>
      </c>
      <c r="P20205" s="5" t="s">
        <v>39</v>
      </c>
      <c r="Q20205" s="5" t="s">
        <v>40</v>
      </c>
      <c r="R20205" s="5" t="s">
        <v>897</v>
      </c>
      <c r="S20205" s="5" t="s">
        <v>40</v>
      </c>
      <c r="T20205" s="5" t="s">
        <v>42</v>
      </c>
      <c r="U20205" s="2">
        <v>35.744</v>
      </c>
      <c r="V20205" s="2">
        <v>33.023000000000003</v>
      </c>
      <c r="W20205" s="2">
        <v>0.153</v>
      </c>
      <c r="X20205" s="2">
        <v>17</v>
      </c>
      <c r="Y20205" s="2">
        <v>80.7</v>
      </c>
      <c r="Z20205" s="2">
        <v>111.6</v>
      </c>
      <c r="AA20205" s="5">
        <v>7</v>
      </c>
      <c r="AB20205" s="5" t="s">
        <v>43</v>
      </c>
      <c r="AC20205" s="5" t="s">
        <v>735</v>
      </c>
      <c r="AD20205" s="2" t="s">
        <v>64677</v>
      </c>
      <c r="AE20205" s="1"/>
    </row>
    <row r="20206" spans="1:31" ht="14.45">
      <c r="A20206" s="11"/>
      <c r="B20206" s="20"/>
      <c r="C20206" s="2" t="s">
        <v>64678</v>
      </c>
      <c r="D20206" s="14" t="s">
        <v>64679</v>
      </c>
      <c r="E20206" s="2" t="s">
        <v>64680</v>
      </c>
      <c r="F20206" s="2" t="s">
        <v>64681</v>
      </c>
      <c r="G20206" s="8">
        <v>1040</v>
      </c>
      <c r="H20206" s="5">
        <v>5</v>
      </c>
      <c r="I20206" s="5" t="s">
        <v>69</v>
      </c>
      <c r="J20206" s="5" t="s">
        <v>64310</v>
      </c>
      <c r="K20206" s="2" t="s">
        <v>64311</v>
      </c>
      <c r="L20206" s="5" t="s">
        <v>64310</v>
      </c>
      <c r="M20206" s="2" t="s">
        <v>64311</v>
      </c>
      <c r="N20206" s="5" t="s">
        <v>733</v>
      </c>
      <c r="O20206" s="5" t="s">
        <v>38</v>
      </c>
      <c r="P20206" s="5" t="s">
        <v>39</v>
      </c>
      <c r="Q20206" s="5" t="s">
        <v>40</v>
      </c>
      <c r="R20206" s="5" t="s">
        <v>897</v>
      </c>
      <c r="S20206" s="5" t="s">
        <v>40</v>
      </c>
      <c r="T20206" s="5" t="s">
        <v>42</v>
      </c>
      <c r="U20206" s="2">
        <v>45.918999999999997</v>
      </c>
      <c r="V20206" s="2">
        <v>42.167999999999999</v>
      </c>
      <c r="W20206" s="2">
        <v>0.19900000000000001</v>
      </c>
      <c r="X20206" s="2">
        <v>17</v>
      </c>
      <c r="Y20206" s="2">
        <v>104.9</v>
      </c>
      <c r="Z20206" s="2">
        <v>111.6</v>
      </c>
      <c r="AA20206" s="5">
        <v>7</v>
      </c>
      <c r="AB20206" s="5" t="s">
        <v>43</v>
      </c>
      <c r="AC20206" s="5" t="s">
        <v>735</v>
      </c>
      <c r="AD20206" s="2" t="s">
        <v>64682</v>
      </c>
      <c r="AE20206" s="1"/>
    </row>
    <row r="20207" spans="1:31" ht="14.45">
      <c r="A20207" s="11"/>
      <c r="B20207" s="20"/>
      <c r="C20207" s="2" t="s">
        <v>64683</v>
      </c>
      <c r="D20207" s="14" t="s">
        <v>64684</v>
      </c>
      <c r="E20207" s="2" t="s">
        <v>64685</v>
      </c>
      <c r="F20207" s="2" t="s">
        <v>64686</v>
      </c>
      <c r="G20207" s="8">
        <v>929</v>
      </c>
      <c r="H20207" s="5">
        <v>5</v>
      </c>
      <c r="I20207" s="5" t="s">
        <v>69</v>
      </c>
      <c r="J20207" s="5" t="s">
        <v>64310</v>
      </c>
      <c r="K20207" s="2" t="s">
        <v>64311</v>
      </c>
      <c r="L20207" s="5" t="s">
        <v>64310</v>
      </c>
      <c r="M20207" s="2" t="s">
        <v>64311</v>
      </c>
      <c r="N20207" s="5" t="s">
        <v>733</v>
      </c>
      <c r="O20207" s="5" t="s">
        <v>38</v>
      </c>
      <c r="P20207" s="5" t="s">
        <v>39</v>
      </c>
      <c r="Q20207" s="5" t="s">
        <v>40</v>
      </c>
      <c r="R20207" s="5" t="s">
        <v>897</v>
      </c>
      <c r="S20207" s="5" t="s">
        <v>40</v>
      </c>
      <c r="T20207" s="5" t="s">
        <v>42</v>
      </c>
      <c r="U20207" s="2">
        <v>40.069000000000003</v>
      </c>
      <c r="V20207" s="2">
        <v>36.317999999999998</v>
      </c>
      <c r="W20207" s="2">
        <v>0.19</v>
      </c>
      <c r="X20207" s="2">
        <v>17</v>
      </c>
      <c r="Y20207" s="2">
        <v>104.9</v>
      </c>
      <c r="Z20207" s="2">
        <v>111.6</v>
      </c>
      <c r="AA20207" s="5">
        <v>7</v>
      </c>
      <c r="AB20207" s="5" t="s">
        <v>43</v>
      </c>
      <c r="AC20207" s="5" t="s">
        <v>735</v>
      </c>
      <c r="AD20207" s="2" t="s">
        <v>64687</v>
      </c>
      <c r="AE20207" s="1"/>
    </row>
    <row r="20208" spans="1:31" ht="14.45">
      <c r="A20208" s="11"/>
      <c r="B20208" s="20"/>
      <c r="C20208" s="2" t="s">
        <v>64688</v>
      </c>
      <c r="D20208" s="14" t="s">
        <v>64689</v>
      </c>
      <c r="E20208" s="2" t="s">
        <v>64690</v>
      </c>
      <c r="F20208" s="2" t="s">
        <v>64691</v>
      </c>
      <c r="G20208" s="8">
        <v>658</v>
      </c>
      <c r="H20208" s="5">
        <v>5</v>
      </c>
      <c r="I20208" s="5" t="s">
        <v>69</v>
      </c>
      <c r="J20208" s="5" t="s">
        <v>64310</v>
      </c>
      <c r="K20208" s="2" t="s">
        <v>64311</v>
      </c>
      <c r="L20208" s="5" t="s">
        <v>64310</v>
      </c>
      <c r="M20208" s="2" t="s">
        <v>64311</v>
      </c>
      <c r="N20208" s="5" t="s">
        <v>733</v>
      </c>
      <c r="O20208" s="5" t="s">
        <v>38</v>
      </c>
      <c r="P20208" s="5" t="s">
        <v>39</v>
      </c>
      <c r="Q20208" s="5" t="s">
        <v>40</v>
      </c>
      <c r="R20208" s="5" t="s">
        <v>897</v>
      </c>
      <c r="S20208" s="5" t="s">
        <v>40</v>
      </c>
      <c r="T20208" s="5" t="s">
        <v>42</v>
      </c>
      <c r="U20208" s="2">
        <v>34.831000000000003</v>
      </c>
      <c r="V20208" s="2">
        <v>31.056000000000001</v>
      </c>
      <c r="W20208" s="2">
        <v>0.19</v>
      </c>
      <c r="X20208" s="2">
        <v>17</v>
      </c>
      <c r="Y20208" s="2">
        <v>104.9</v>
      </c>
      <c r="Z20208" s="2">
        <v>111.6</v>
      </c>
      <c r="AA20208" s="5">
        <v>7</v>
      </c>
      <c r="AB20208" s="5" t="s">
        <v>43</v>
      </c>
      <c r="AC20208" s="5" t="s">
        <v>735</v>
      </c>
      <c r="AD20208" s="2" t="s">
        <v>64692</v>
      </c>
      <c r="AE20208" s="1"/>
    </row>
    <row r="20209" spans="1:31" ht="14.45">
      <c r="A20209" s="11"/>
      <c r="B20209" s="20"/>
      <c r="C20209" s="2" t="s">
        <v>64693</v>
      </c>
      <c r="D20209" s="14" t="s">
        <v>64694</v>
      </c>
      <c r="E20209" s="2" t="s">
        <v>64695</v>
      </c>
      <c r="F20209" s="2" t="s">
        <v>64696</v>
      </c>
      <c r="G20209" s="8">
        <v>847</v>
      </c>
      <c r="H20209" s="5">
        <v>5</v>
      </c>
      <c r="I20209" s="5" t="s">
        <v>69</v>
      </c>
      <c r="J20209" s="5" t="s">
        <v>64310</v>
      </c>
      <c r="K20209" s="2" t="s">
        <v>64311</v>
      </c>
      <c r="L20209" s="5" t="s">
        <v>64310</v>
      </c>
      <c r="M20209" s="2" t="s">
        <v>64311</v>
      </c>
      <c r="N20209" s="5" t="s">
        <v>733</v>
      </c>
      <c r="O20209" s="5" t="s">
        <v>38</v>
      </c>
      <c r="P20209" s="5" t="s">
        <v>39</v>
      </c>
      <c r="Q20209" s="5" t="s">
        <v>40</v>
      </c>
      <c r="R20209" s="5" t="s">
        <v>897</v>
      </c>
      <c r="S20209" s="5" t="s">
        <v>40</v>
      </c>
      <c r="T20209" s="5" t="s">
        <v>42</v>
      </c>
      <c r="U20209" s="2">
        <v>40.037999999999997</v>
      </c>
      <c r="V20209" s="2">
        <v>36.286999999999999</v>
      </c>
      <c r="W20209" s="2">
        <v>0.19900000000000001</v>
      </c>
      <c r="X20209" s="2">
        <v>17</v>
      </c>
      <c r="Y20209" s="2">
        <v>104.9</v>
      </c>
      <c r="Z20209" s="2">
        <v>111.6</v>
      </c>
      <c r="AA20209" s="5">
        <v>7</v>
      </c>
      <c r="AB20209" s="5" t="s">
        <v>43</v>
      </c>
      <c r="AC20209" s="5" t="s">
        <v>735</v>
      </c>
      <c r="AD20209" s="2" t="s">
        <v>64697</v>
      </c>
      <c r="AE20209" s="1"/>
    </row>
    <row r="20210" spans="1:31" ht="14.45">
      <c r="A20210" s="11"/>
      <c r="B20210" s="20"/>
      <c r="C20210" s="2" t="s">
        <v>64698</v>
      </c>
      <c r="D20210" s="14" t="s">
        <v>64699</v>
      </c>
      <c r="E20210" s="2" t="s">
        <v>64700</v>
      </c>
      <c r="F20210" s="2" t="s">
        <v>64701</v>
      </c>
      <c r="G20210" s="8">
        <v>1397</v>
      </c>
      <c r="H20210" s="5">
        <v>10</v>
      </c>
      <c r="I20210" s="5" t="s">
        <v>69</v>
      </c>
      <c r="J20210" s="5" t="s">
        <v>64310</v>
      </c>
      <c r="K20210" s="2" t="s">
        <v>64311</v>
      </c>
      <c r="L20210" s="5" t="s">
        <v>64310</v>
      </c>
      <c r="M20210" s="2" t="s">
        <v>64311</v>
      </c>
      <c r="N20210" s="5" t="s">
        <v>733</v>
      </c>
      <c r="O20210" s="5" t="s">
        <v>38</v>
      </c>
      <c r="P20210" s="5" t="s">
        <v>39</v>
      </c>
      <c r="Q20210" s="5" t="s">
        <v>40</v>
      </c>
      <c r="R20210" s="5" t="s">
        <v>897</v>
      </c>
      <c r="S20210" s="5" t="s">
        <v>40</v>
      </c>
      <c r="T20210" s="5" t="s">
        <v>42</v>
      </c>
      <c r="U20210" s="2">
        <v>43.606999999999999</v>
      </c>
      <c r="V20210" s="2">
        <v>39.856000000000002</v>
      </c>
      <c r="W20210" s="2">
        <v>0.19</v>
      </c>
      <c r="X20210" s="2">
        <v>17</v>
      </c>
      <c r="Y20210" s="2">
        <v>104.9</v>
      </c>
      <c r="Z20210" s="2">
        <v>111.6</v>
      </c>
      <c r="AA20210" s="5">
        <v>7</v>
      </c>
      <c r="AB20210" s="5" t="s">
        <v>43</v>
      </c>
      <c r="AC20210" s="5" t="s">
        <v>735</v>
      </c>
      <c r="AD20210" s="2" t="s">
        <v>64702</v>
      </c>
      <c r="AE20210" s="1"/>
    </row>
    <row r="20211" spans="1:31" ht="14.45">
      <c r="A20211" s="11"/>
      <c r="B20211" s="20"/>
      <c r="C20211" s="2" t="s">
        <v>64703</v>
      </c>
      <c r="D20211" s="14" t="s">
        <v>64704</v>
      </c>
      <c r="E20211" s="2" t="s">
        <v>64705</v>
      </c>
      <c r="F20211" s="2" t="s">
        <v>64706</v>
      </c>
      <c r="G20211" s="8">
        <v>1315</v>
      </c>
      <c r="H20211" s="5">
        <v>10</v>
      </c>
      <c r="I20211" s="5" t="s">
        <v>69</v>
      </c>
      <c r="J20211" s="5" t="s">
        <v>64310</v>
      </c>
      <c r="K20211" s="2" t="s">
        <v>64311</v>
      </c>
      <c r="L20211" s="5" t="s">
        <v>64310</v>
      </c>
      <c r="M20211" s="2" t="s">
        <v>64311</v>
      </c>
      <c r="N20211" s="5" t="s">
        <v>733</v>
      </c>
      <c r="O20211" s="5" t="s">
        <v>38</v>
      </c>
      <c r="P20211" s="5" t="s">
        <v>39</v>
      </c>
      <c r="Q20211" s="5" t="s">
        <v>40</v>
      </c>
      <c r="R20211" s="5" t="s">
        <v>897</v>
      </c>
      <c r="S20211" s="5" t="s">
        <v>40</v>
      </c>
      <c r="T20211" s="5" t="s">
        <v>42</v>
      </c>
      <c r="U20211" s="2">
        <v>43.576000000000001</v>
      </c>
      <c r="V20211" s="2">
        <v>39.825000000000003</v>
      </c>
      <c r="W20211" s="2">
        <v>0.19900000000000001</v>
      </c>
      <c r="X20211" s="2">
        <v>17</v>
      </c>
      <c r="Y20211" s="2">
        <v>104.9</v>
      </c>
      <c r="Z20211" s="2">
        <v>111.6</v>
      </c>
      <c r="AA20211" s="5">
        <v>7</v>
      </c>
      <c r="AB20211" s="5" t="s">
        <v>43</v>
      </c>
      <c r="AC20211" s="5" t="s">
        <v>735</v>
      </c>
      <c r="AD20211" s="2" t="s">
        <v>64707</v>
      </c>
      <c r="AE20211" s="1"/>
    </row>
    <row r="20212" spans="1:31" ht="14.45">
      <c r="A20212" s="11"/>
      <c r="B20212" s="20"/>
      <c r="C20212" s="2" t="s">
        <v>64708</v>
      </c>
      <c r="D20212" s="14" t="s">
        <v>64709</v>
      </c>
      <c r="E20212" s="2" t="s">
        <v>64710</v>
      </c>
      <c r="F20212" s="2" t="s">
        <v>64711</v>
      </c>
      <c r="G20212" s="8">
        <v>1315</v>
      </c>
      <c r="H20212" s="5">
        <v>5</v>
      </c>
      <c r="I20212" s="5" t="s">
        <v>69</v>
      </c>
      <c r="J20212" s="5" t="s">
        <v>64310</v>
      </c>
      <c r="K20212" s="2" t="s">
        <v>64311</v>
      </c>
      <c r="L20212" s="5" t="s">
        <v>64310</v>
      </c>
      <c r="M20212" s="2" t="s">
        <v>64311</v>
      </c>
      <c r="N20212" s="5" t="s">
        <v>733</v>
      </c>
      <c r="O20212" s="5" t="s">
        <v>38</v>
      </c>
      <c r="P20212" s="5" t="s">
        <v>39</v>
      </c>
      <c r="Q20212" s="5" t="s">
        <v>40</v>
      </c>
      <c r="R20212" s="5" t="s">
        <v>897</v>
      </c>
      <c r="S20212" s="5" t="s">
        <v>40</v>
      </c>
      <c r="T20212" s="5" t="s">
        <v>42</v>
      </c>
      <c r="U20212" s="2">
        <v>42.462000000000003</v>
      </c>
      <c r="V20212" s="2">
        <v>38.710999999999999</v>
      </c>
      <c r="W20212" s="2">
        <v>0.19900000000000001</v>
      </c>
      <c r="X20212" s="2">
        <v>17</v>
      </c>
      <c r="Y20212" s="2">
        <v>104.9</v>
      </c>
      <c r="Z20212" s="2">
        <v>111.6</v>
      </c>
      <c r="AA20212" s="5">
        <v>7</v>
      </c>
      <c r="AB20212" s="5" t="s">
        <v>43</v>
      </c>
      <c r="AC20212" s="5" t="s">
        <v>735</v>
      </c>
      <c r="AD20212" s="2" t="s">
        <v>64712</v>
      </c>
      <c r="AE20212" s="1"/>
    </row>
    <row r="20213" spans="1:31" ht="14.45">
      <c r="A20213" s="11"/>
      <c r="B20213" s="20"/>
      <c r="C20213" s="2" t="s">
        <v>64713</v>
      </c>
      <c r="D20213" s="14" t="s">
        <v>64714</v>
      </c>
      <c r="E20213" s="2" t="s">
        <v>64715</v>
      </c>
      <c r="F20213" s="2" t="s">
        <v>64716</v>
      </c>
      <c r="G20213" s="8">
        <v>1181</v>
      </c>
      <c r="H20213" s="5">
        <v>10</v>
      </c>
      <c r="I20213" s="5" t="s">
        <v>69</v>
      </c>
      <c r="J20213" s="5" t="s">
        <v>64310</v>
      </c>
      <c r="K20213" s="2" t="s">
        <v>64311</v>
      </c>
      <c r="L20213" s="5" t="s">
        <v>64310</v>
      </c>
      <c r="M20213" s="2" t="s">
        <v>64311</v>
      </c>
      <c r="N20213" s="5" t="s">
        <v>733</v>
      </c>
      <c r="O20213" s="5" t="s">
        <v>38</v>
      </c>
      <c r="P20213" s="5" t="s">
        <v>39</v>
      </c>
      <c r="Q20213" s="5" t="s">
        <v>40</v>
      </c>
      <c r="R20213" s="5" t="s">
        <v>897</v>
      </c>
      <c r="S20213" s="5" t="s">
        <v>40</v>
      </c>
      <c r="T20213" s="5" t="s">
        <v>42</v>
      </c>
      <c r="U20213" s="2">
        <v>54.609000000000002</v>
      </c>
      <c r="V20213" s="2">
        <v>50.326000000000001</v>
      </c>
      <c r="W20213" s="2">
        <v>0.23699999999999999</v>
      </c>
      <c r="X20213" s="2">
        <v>17</v>
      </c>
      <c r="Y20213" s="2">
        <v>124.7</v>
      </c>
      <c r="Z20213" s="2">
        <v>111.6</v>
      </c>
      <c r="AA20213" s="5">
        <v>7</v>
      </c>
      <c r="AB20213" s="5" t="s">
        <v>43</v>
      </c>
      <c r="AC20213" s="5" t="s">
        <v>735</v>
      </c>
      <c r="AD20213" s="2" t="s">
        <v>64717</v>
      </c>
      <c r="AE20213" s="1"/>
    </row>
    <row r="20214" spans="1:31" ht="14.45">
      <c r="A20214" s="11"/>
      <c r="B20214" s="20"/>
      <c r="C20214" s="2" t="s">
        <v>64718</v>
      </c>
      <c r="D20214" s="14" t="s">
        <v>64719</v>
      </c>
      <c r="E20214" s="2" t="s">
        <v>64720</v>
      </c>
      <c r="F20214" s="2" t="s">
        <v>64721</v>
      </c>
      <c r="G20214" s="8">
        <v>1046</v>
      </c>
      <c r="H20214" s="5">
        <v>5</v>
      </c>
      <c r="I20214" s="5" t="s">
        <v>69</v>
      </c>
      <c r="J20214" s="5" t="s">
        <v>64310</v>
      </c>
      <c r="K20214" s="2" t="s">
        <v>64311</v>
      </c>
      <c r="L20214" s="5" t="s">
        <v>64310</v>
      </c>
      <c r="M20214" s="2" t="s">
        <v>64311</v>
      </c>
      <c r="N20214" s="5" t="s">
        <v>733</v>
      </c>
      <c r="O20214" s="5" t="s">
        <v>38</v>
      </c>
      <c r="P20214" s="5" t="s">
        <v>39</v>
      </c>
      <c r="Q20214" s="5" t="s">
        <v>40</v>
      </c>
      <c r="R20214" s="5" t="s">
        <v>897</v>
      </c>
      <c r="S20214" s="5" t="s">
        <v>40</v>
      </c>
      <c r="T20214" s="5" t="s">
        <v>42</v>
      </c>
      <c r="U20214" s="2">
        <v>47.219000000000001</v>
      </c>
      <c r="V20214" s="2">
        <v>42.936</v>
      </c>
      <c r="W20214" s="2">
        <v>0.22700000000000001</v>
      </c>
      <c r="X20214" s="2">
        <v>17</v>
      </c>
      <c r="Y20214" s="2">
        <v>124.7</v>
      </c>
      <c r="Z20214" s="2">
        <v>111.6</v>
      </c>
      <c r="AA20214" s="5">
        <v>7</v>
      </c>
      <c r="AB20214" s="5" t="s">
        <v>43</v>
      </c>
      <c r="AC20214" s="5" t="s">
        <v>735</v>
      </c>
      <c r="AD20214" s="2" t="s">
        <v>64722</v>
      </c>
      <c r="AE20214" s="1"/>
    </row>
    <row r="20215" spans="1:31" ht="14.45">
      <c r="A20215" s="11"/>
      <c r="B20215" s="20"/>
      <c r="C20215" s="2" t="s">
        <v>64723</v>
      </c>
      <c r="D20215" s="14" t="s">
        <v>64724</v>
      </c>
      <c r="E20215" s="2" t="s">
        <v>64725</v>
      </c>
      <c r="F20215" s="2" t="s">
        <v>64726</v>
      </c>
      <c r="G20215" s="8">
        <v>715</v>
      </c>
      <c r="H20215" s="5">
        <v>5</v>
      </c>
      <c r="I20215" s="5" t="s">
        <v>69</v>
      </c>
      <c r="J20215" s="5" t="s">
        <v>64310</v>
      </c>
      <c r="K20215" s="2" t="s">
        <v>64311</v>
      </c>
      <c r="L20215" s="5" t="s">
        <v>64310</v>
      </c>
      <c r="M20215" s="2" t="s">
        <v>64311</v>
      </c>
      <c r="N20215" s="5" t="s">
        <v>733</v>
      </c>
      <c r="O20215" s="5" t="s">
        <v>38</v>
      </c>
      <c r="P20215" s="5" t="s">
        <v>39</v>
      </c>
      <c r="Q20215" s="5" t="s">
        <v>40</v>
      </c>
      <c r="R20215" s="5" t="s">
        <v>897</v>
      </c>
      <c r="S20215" s="5" t="s">
        <v>40</v>
      </c>
      <c r="T20215" s="5" t="s">
        <v>42</v>
      </c>
      <c r="U20215" s="2">
        <v>40.752000000000002</v>
      </c>
      <c r="V20215" s="2">
        <v>36.436999999999998</v>
      </c>
      <c r="W20215" s="2">
        <v>0.23699999999999999</v>
      </c>
      <c r="X20215" s="2">
        <v>17</v>
      </c>
      <c r="Y20215" s="2">
        <v>124.7</v>
      </c>
      <c r="Z20215" s="2">
        <v>111.6</v>
      </c>
      <c r="AA20215" s="5">
        <v>7</v>
      </c>
      <c r="AB20215" s="5" t="s">
        <v>43</v>
      </c>
      <c r="AC20215" s="5" t="s">
        <v>735</v>
      </c>
      <c r="AD20215" s="2" t="s">
        <v>64727</v>
      </c>
      <c r="AE20215" s="1"/>
    </row>
    <row r="20216" spans="1:31" ht="14.45">
      <c r="A20216" s="11"/>
      <c r="B20216" s="20"/>
      <c r="C20216" s="2" t="s">
        <v>64728</v>
      </c>
      <c r="D20216" s="14" t="s">
        <v>64729</v>
      </c>
      <c r="E20216" s="2" t="s">
        <v>64730</v>
      </c>
      <c r="F20216" s="2" t="s">
        <v>64731</v>
      </c>
      <c r="G20216" s="8">
        <v>946</v>
      </c>
      <c r="H20216" s="5">
        <v>5</v>
      </c>
      <c r="I20216" s="5" t="s">
        <v>69</v>
      </c>
      <c r="J20216" s="5" t="s">
        <v>64310</v>
      </c>
      <c r="K20216" s="2" t="s">
        <v>64311</v>
      </c>
      <c r="L20216" s="5" t="s">
        <v>64310</v>
      </c>
      <c r="M20216" s="2" t="s">
        <v>64311</v>
      </c>
      <c r="N20216" s="5" t="s">
        <v>733</v>
      </c>
      <c r="O20216" s="5" t="s">
        <v>38</v>
      </c>
      <c r="P20216" s="5" t="s">
        <v>39</v>
      </c>
      <c r="Q20216" s="5" t="s">
        <v>40</v>
      </c>
      <c r="R20216" s="5" t="s">
        <v>897</v>
      </c>
      <c r="S20216" s="5" t="s">
        <v>40</v>
      </c>
      <c r="T20216" s="5" t="s">
        <v>42</v>
      </c>
      <c r="U20216" s="2">
        <v>47.18</v>
      </c>
      <c r="V20216" s="2">
        <v>42.896999999999998</v>
      </c>
      <c r="W20216" s="2">
        <v>0.23699999999999999</v>
      </c>
      <c r="X20216" s="2">
        <v>17</v>
      </c>
      <c r="Y20216" s="2">
        <v>124.7</v>
      </c>
      <c r="Z20216" s="2">
        <v>111.6</v>
      </c>
      <c r="AA20216" s="5">
        <v>7</v>
      </c>
      <c r="AB20216" s="5" t="s">
        <v>43</v>
      </c>
      <c r="AC20216" s="5" t="s">
        <v>735</v>
      </c>
      <c r="AD20216" s="2" t="s">
        <v>64732</v>
      </c>
      <c r="AE20216" s="1"/>
    </row>
    <row r="20217" spans="1:31" ht="14.45">
      <c r="A20217" s="11"/>
      <c r="B20217" s="20"/>
      <c r="C20217" s="2" t="s">
        <v>64733</v>
      </c>
      <c r="D20217" s="14" t="s">
        <v>64734</v>
      </c>
      <c r="E20217" s="2" t="s">
        <v>64735</v>
      </c>
      <c r="F20217" s="2" t="s">
        <v>64736</v>
      </c>
      <c r="G20217" s="8">
        <v>1649</v>
      </c>
      <c r="H20217" s="5">
        <v>10</v>
      </c>
      <c r="I20217" s="5" t="s">
        <v>69</v>
      </c>
      <c r="J20217" s="5" t="s">
        <v>64310</v>
      </c>
      <c r="K20217" s="2" t="s">
        <v>64311</v>
      </c>
      <c r="L20217" s="5" t="s">
        <v>64310</v>
      </c>
      <c r="M20217" s="2" t="s">
        <v>64311</v>
      </c>
      <c r="N20217" s="5" t="s">
        <v>733</v>
      </c>
      <c r="O20217" s="5" t="s">
        <v>38</v>
      </c>
      <c r="P20217" s="5" t="s">
        <v>39</v>
      </c>
      <c r="Q20217" s="5" t="s">
        <v>40</v>
      </c>
      <c r="R20217" s="5" t="s">
        <v>897</v>
      </c>
      <c r="S20217" s="5" t="s">
        <v>40</v>
      </c>
      <c r="T20217" s="5" t="s">
        <v>42</v>
      </c>
      <c r="U20217" s="2">
        <v>58.701999999999998</v>
      </c>
      <c r="V20217" s="2">
        <v>54.418999999999997</v>
      </c>
      <c r="W20217" s="2">
        <v>0.23699999999999999</v>
      </c>
      <c r="X20217" s="2">
        <v>17</v>
      </c>
      <c r="Y20217" s="2">
        <v>124.7</v>
      </c>
      <c r="Z20217" s="2">
        <v>111.6</v>
      </c>
      <c r="AA20217" s="5">
        <v>7</v>
      </c>
      <c r="AB20217" s="5" t="s">
        <v>43</v>
      </c>
      <c r="AC20217" s="5" t="s">
        <v>735</v>
      </c>
      <c r="AD20217" s="2" t="s">
        <v>64737</v>
      </c>
      <c r="AE20217" s="1"/>
    </row>
    <row r="20218" spans="1:31" ht="14.45">
      <c r="A20218" s="11"/>
      <c r="B20218" s="20"/>
      <c r="C20218" s="2" t="s">
        <v>64738</v>
      </c>
      <c r="D20218" s="14" t="s">
        <v>64739</v>
      </c>
      <c r="E20218" s="2" t="s">
        <v>64740</v>
      </c>
      <c r="F20218" s="2" t="s">
        <v>64741</v>
      </c>
      <c r="G20218" s="8">
        <v>1514</v>
      </c>
      <c r="H20218" s="5">
        <v>10</v>
      </c>
      <c r="I20218" s="5" t="s">
        <v>69</v>
      </c>
      <c r="J20218" s="5" t="s">
        <v>64310</v>
      </c>
      <c r="K20218" s="2" t="s">
        <v>64311</v>
      </c>
      <c r="L20218" s="5" t="s">
        <v>64310</v>
      </c>
      <c r="M20218" s="2" t="s">
        <v>64311</v>
      </c>
      <c r="N20218" s="5" t="s">
        <v>733</v>
      </c>
      <c r="O20218" s="5" t="s">
        <v>38</v>
      </c>
      <c r="P20218" s="5" t="s">
        <v>39</v>
      </c>
      <c r="Q20218" s="5" t="s">
        <v>40</v>
      </c>
      <c r="R20218" s="5" t="s">
        <v>897</v>
      </c>
      <c r="S20218" s="5" t="s">
        <v>40</v>
      </c>
      <c r="T20218" s="5" t="s">
        <v>42</v>
      </c>
      <c r="U20218" s="2">
        <v>51.295000000000002</v>
      </c>
      <c r="V20218" s="2">
        <v>47.012</v>
      </c>
      <c r="W20218" s="2">
        <v>0.22700000000000001</v>
      </c>
      <c r="X20218" s="2">
        <v>17</v>
      </c>
      <c r="Y20218" s="2">
        <v>124.7</v>
      </c>
      <c r="Z20218" s="2">
        <v>111.6</v>
      </c>
      <c r="AA20218" s="5">
        <v>7</v>
      </c>
      <c r="AB20218" s="5" t="s">
        <v>43</v>
      </c>
      <c r="AC20218" s="5" t="s">
        <v>735</v>
      </c>
      <c r="AD20218" s="2" t="s">
        <v>64742</v>
      </c>
      <c r="AE20218" s="1"/>
    </row>
    <row r="20219" spans="1:31" ht="14.45">
      <c r="A20219" s="11"/>
      <c r="B20219" s="20"/>
      <c r="C20219" s="2" t="s">
        <v>64743</v>
      </c>
      <c r="D20219" s="14" t="s">
        <v>64744</v>
      </c>
      <c r="E20219" s="2" t="s">
        <v>64745</v>
      </c>
      <c r="F20219" s="2" t="s">
        <v>64746</v>
      </c>
      <c r="G20219" s="8">
        <v>1414</v>
      </c>
      <c r="H20219" s="5">
        <v>10</v>
      </c>
      <c r="I20219" s="5" t="s">
        <v>69</v>
      </c>
      <c r="J20219" s="5" t="s">
        <v>64310</v>
      </c>
      <c r="K20219" s="2" t="s">
        <v>64311</v>
      </c>
      <c r="L20219" s="5" t="s">
        <v>64310</v>
      </c>
      <c r="M20219" s="2" t="s">
        <v>64311</v>
      </c>
      <c r="N20219" s="5" t="s">
        <v>733</v>
      </c>
      <c r="O20219" s="5" t="s">
        <v>38</v>
      </c>
      <c r="P20219" s="5" t="s">
        <v>39</v>
      </c>
      <c r="Q20219" s="5" t="s">
        <v>40</v>
      </c>
      <c r="R20219" s="5" t="s">
        <v>897</v>
      </c>
      <c r="S20219" s="5" t="s">
        <v>40</v>
      </c>
      <c r="T20219" s="5" t="s">
        <v>42</v>
      </c>
      <c r="U20219" s="2">
        <v>51.256</v>
      </c>
      <c r="V20219" s="2">
        <v>46.972999999999999</v>
      </c>
      <c r="W20219" s="2">
        <v>0.23699999999999999</v>
      </c>
      <c r="X20219" s="2">
        <v>17</v>
      </c>
      <c r="Y20219" s="2">
        <v>124.7</v>
      </c>
      <c r="Z20219" s="2">
        <v>111.6</v>
      </c>
      <c r="AA20219" s="5">
        <v>7</v>
      </c>
      <c r="AB20219" s="5" t="s">
        <v>43</v>
      </c>
      <c r="AC20219" s="5" t="s">
        <v>735</v>
      </c>
      <c r="AD20219" s="2" t="s">
        <v>64747</v>
      </c>
      <c r="AE20219" s="1"/>
    </row>
    <row r="20220" spans="1:31" ht="14.45">
      <c r="A20220" s="11"/>
      <c r="B20220" s="20"/>
      <c r="C20220" s="2" t="s">
        <v>64748</v>
      </c>
      <c r="D20220" s="14" t="s">
        <v>64749</v>
      </c>
      <c r="E20220" s="2" t="s">
        <v>64750</v>
      </c>
      <c r="F20220" s="2" t="s">
        <v>64751</v>
      </c>
      <c r="G20220" s="8">
        <v>1649</v>
      </c>
      <c r="H20220" s="5">
        <v>10</v>
      </c>
      <c r="I20220" s="5" t="s">
        <v>69</v>
      </c>
      <c r="J20220" s="5" t="s">
        <v>64310</v>
      </c>
      <c r="K20220" s="2" t="s">
        <v>64311</v>
      </c>
      <c r="L20220" s="5" t="s">
        <v>64310</v>
      </c>
      <c r="M20220" s="2" t="s">
        <v>64311</v>
      </c>
      <c r="N20220" s="5" t="s">
        <v>733</v>
      </c>
      <c r="O20220" s="5" t="s">
        <v>38</v>
      </c>
      <c r="P20220" s="5" t="s">
        <v>39</v>
      </c>
      <c r="Q20220" s="5" t="s">
        <v>40</v>
      </c>
      <c r="R20220" s="5" t="s">
        <v>897</v>
      </c>
      <c r="S20220" s="5" t="s">
        <v>40</v>
      </c>
      <c r="T20220" s="5" t="s">
        <v>42</v>
      </c>
      <c r="U20220" s="2">
        <v>57.43</v>
      </c>
      <c r="V20220" s="2">
        <v>53.146999999999998</v>
      </c>
      <c r="W20220" s="2">
        <v>0.23699999999999999</v>
      </c>
      <c r="X20220" s="2">
        <v>17</v>
      </c>
      <c r="Y20220" s="2">
        <v>124.7</v>
      </c>
      <c r="Z20220" s="2">
        <v>111.6</v>
      </c>
      <c r="AA20220" s="5">
        <v>7</v>
      </c>
      <c r="AB20220" s="5" t="s">
        <v>43</v>
      </c>
      <c r="AC20220" s="5" t="s">
        <v>735</v>
      </c>
      <c r="AD20220" s="2" t="s">
        <v>64752</v>
      </c>
      <c r="AE20220" s="1"/>
    </row>
    <row r="20221" spans="1:31" ht="14.45">
      <c r="A20221" s="11"/>
      <c r="B20221" s="20"/>
      <c r="C20221" s="2" t="s">
        <v>64753</v>
      </c>
      <c r="D20221" s="14" t="s">
        <v>64754</v>
      </c>
      <c r="E20221" s="2" t="s">
        <v>64755</v>
      </c>
      <c r="F20221" s="2" t="s">
        <v>64756</v>
      </c>
      <c r="G20221" s="8">
        <v>1514</v>
      </c>
      <c r="H20221" s="5">
        <v>10</v>
      </c>
      <c r="I20221" s="5" t="s">
        <v>69</v>
      </c>
      <c r="J20221" s="5" t="s">
        <v>64310</v>
      </c>
      <c r="K20221" s="2" t="s">
        <v>64311</v>
      </c>
      <c r="L20221" s="5" t="s">
        <v>64310</v>
      </c>
      <c r="M20221" s="2" t="s">
        <v>64311</v>
      </c>
      <c r="N20221" s="5" t="s">
        <v>733</v>
      </c>
      <c r="O20221" s="5" t="s">
        <v>38</v>
      </c>
      <c r="P20221" s="5" t="s">
        <v>39</v>
      </c>
      <c r="Q20221" s="5" t="s">
        <v>40</v>
      </c>
      <c r="R20221" s="5" t="s">
        <v>897</v>
      </c>
      <c r="S20221" s="5" t="s">
        <v>40</v>
      </c>
      <c r="T20221" s="5" t="s">
        <v>42</v>
      </c>
      <c r="U20221" s="2">
        <v>50.023000000000003</v>
      </c>
      <c r="V20221" s="2">
        <v>45.74</v>
      </c>
      <c r="W20221" s="2">
        <v>0.22700000000000001</v>
      </c>
      <c r="X20221" s="2">
        <v>17</v>
      </c>
      <c r="Y20221" s="2">
        <v>124.7</v>
      </c>
      <c r="Z20221" s="2">
        <v>111.6</v>
      </c>
      <c r="AA20221" s="5">
        <v>7</v>
      </c>
      <c r="AB20221" s="5" t="s">
        <v>43</v>
      </c>
      <c r="AC20221" s="5" t="s">
        <v>735</v>
      </c>
      <c r="AD20221" s="2" t="s">
        <v>64757</v>
      </c>
      <c r="AE20221" s="1"/>
    </row>
    <row r="20222" spans="1:31" ht="14.45">
      <c r="A20222" s="11"/>
      <c r="B20222" s="20"/>
      <c r="C20222" s="2" t="s">
        <v>64758</v>
      </c>
      <c r="D20222" s="14" t="s">
        <v>64759</v>
      </c>
      <c r="E20222" s="2" t="s">
        <v>64760</v>
      </c>
      <c r="F20222" s="2" t="s">
        <v>64761</v>
      </c>
      <c r="G20222" s="8">
        <v>1414</v>
      </c>
      <c r="H20222" s="5">
        <v>5</v>
      </c>
      <c r="I20222" s="5" t="s">
        <v>69</v>
      </c>
      <c r="J20222" s="5" t="s">
        <v>64310</v>
      </c>
      <c r="K20222" s="2" t="s">
        <v>64311</v>
      </c>
      <c r="L20222" s="5" t="s">
        <v>64310</v>
      </c>
      <c r="M20222" s="2" t="s">
        <v>64311</v>
      </c>
      <c r="N20222" s="5" t="s">
        <v>733</v>
      </c>
      <c r="O20222" s="5" t="s">
        <v>38</v>
      </c>
      <c r="P20222" s="5" t="s">
        <v>39</v>
      </c>
      <c r="Q20222" s="5" t="s">
        <v>40</v>
      </c>
      <c r="R20222" s="5" t="s">
        <v>897</v>
      </c>
      <c r="S20222" s="5" t="s">
        <v>40</v>
      </c>
      <c r="T20222" s="5" t="s">
        <v>42</v>
      </c>
      <c r="U20222" s="2">
        <v>49.984000000000002</v>
      </c>
      <c r="V20222" s="2">
        <v>45.701000000000001</v>
      </c>
      <c r="W20222" s="2">
        <v>0.23699999999999999</v>
      </c>
      <c r="X20222" s="2">
        <v>17</v>
      </c>
      <c r="Y20222" s="2">
        <v>124.7</v>
      </c>
      <c r="Z20222" s="2">
        <v>111.6</v>
      </c>
      <c r="AA20222" s="5">
        <v>7</v>
      </c>
      <c r="AB20222" s="5" t="s">
        <v>43</v>
      </c>
      <c r="AC20222" s="5" t="s">
        <v>735</v>
      </c>
      <c r="AD20222" s="2" t="s">
        <v>64762</v>
      </c>
      <c r="AE20222" s="1"/>
    </row>
    <row r="20223" spans="1:31" ht="14.45">
      <c r="A20223" s="11"/>
      <c r="B20223" s="20"/>
      <c r="C20223" s="2" t="s">
        <v>64763</v>
      </c>
      <c r="D20223" s="14" t="s">
        <v>64764</v>
      </c>
      <c r="E20223" s="2" t="s">
        <v>64765</v>
      </c>
      <c r="F20223" s="2" t="s">
        <v>64766</v>
      </c>
      <c r="G20223" s="8">
        <v>1183</v>
      </c>
      <c r="H20223" s="5">
        <v>5</v>
      </c>
      <c r="I20223" s="5" t="s">
        <v>69</v>
      </c>
      <c r="J20223" s="5" t="s">
        <v>64310</v>
      </c>
      <c r="K20223" s="2" t="s">
        <v>64311</v>
      </c>
      <c r="L20223" s="5" t="s">
        <v>64310</v>
      </c>
      <c r="M20223" s="2" t="s">
        <v>64311</v>
      </c>
      <c r="N20223" s="5" t="s">
        <v>733</v>
      </c>
      <c r="O20223" s="5" t="s">
        <v>38</v>
      </c>
      <c r="P20223" s="5" t="s">
        <v>39</v>
      </c>
      <c r="Q20223" s="5" t="s">
        <v>40</v>
      </c>
      <c r="R20223" s="5" t="s">
        <v>897</v>
      </c>
      <c r="S20223" s="5" t="s">
        <v>40</v>
      </c>
      <c r="T20223" s="5" t="s">
        <v>42</v>
      </c>
      <c r="U20223" s="2">
        <v>54.76</v>
      </c>
      <c r="V20223" s="2">
        <v>49.941000000000003</v>
      </c>
      <c r="W20223" s="2">
        <v>0.26500000000000001</v>
      </c>
      <c r="X20223" s="2">
        <v>17</v>
      </c>
      <c r="Y20223" s="2">
        <v>144.69999999999999</v>
      </c>
      <c r="Z20223" s="2">
        <v>111.6</v>
      </c>
      <c r="AA20223" s="5">
        <v>7</v>
      </c>
      <c r="AB20223" s="5" t="s">
        <v>43</v>
      </c>
      <c r="AC20223" s="5" t="s">
        <v>735</v>
      </c>
      <c r="AD20223" s="2" t="s">
        <v>64767</v>
      </c>
      <c r="AE20223" s="1"/>
    </row>
    <row r="20224" spans="1:31" ht="14.45">
      <c r="A20224" s="11"/>
      <c r="B20224" s="20"/>
      <c r="C20224" s="2" t="s">
        <v>64768</v>
      </c>
      <c r="D20224" s="14" t="s">
        <v>64769</v>
      </c>
      <c r="E20224" s="2" t="s">
        <v>64770</v>
      </c>
      <c r="F20224" s="2" t="s">
        <v>64771</v>
      </c>
      <c r="G20224" s="8">
        <v>796</v>
      </c>
      <c r="H20224" s="5">
        <v>5</v>
      </c>
      <c r="I20224" s="5" t="s">
        <v>69</v>
      </c>
      <c r="J20224" s="5" t="s">
        <v>64310</v>
      </c>
      <c r="K20224" s="2" t="s">
        <v>64311</v>
      </c>
      <c r="L20224" s="5" t="s">
        <v>64310</v>
      </c>
      <c r="M20224" s="2" t="s">
        <v>64311</v>
      </c>
      <c r="N20224" s="5" t="s">
        <v>733</v>
      </c>
      <c r="O20224" s="5" t="s">
        <v>38</v>
      </c>
      <c r="P20224" s="5" t="s">
        <v>39</v>
      </c>
      <c r="Q20224" s="5" t="s">
        <v>40</v>
      </c>
      <c r="R20224" s="5" t="s">
        <v>897</v>
      </c>
      <c r="S20224" s="5" t="s">
        <v>40</v>
      </c>
      <c r="T20224" s="5" t="s">
        <v>42</v>
      </c>
      <c r="U20224" s="2">
        <v>47.058</v>
      </c>
      <c r="V20224" s="2">
        <v>42.204999999999998</v>
      </c>
      <c r="W20224" s="2">
        <v>0.26500000000000001</v>
      </c>
      <c r="X20224" s="2">
        <v>17</v>
      </c>
      <c r="Y20224" s="2">
        <v>144.69999999999999</v>
      </c>
      <c r="Z20224" s="2">
        <v>111.6</v>
      </c>
      <c r="AA20224" s="5">
        <v>7</v>
      </c>
      <c r="AB20224" s="5" t="s">
        <v>43</v>
      </c>
      <c r="AC20224" s="5" t="s">
        <v>735</v>
      </c>
      <c r="AD20224" s="2" t="s">
        <v>64772</v>
      </c>
      <c r="AE20224" s="1"/>
    </row>
    <row r="20225" spans="1:31" ht="14.45">
      <c r="A20225" s="11"/>
      <c r="B20225" s="20"/>
      <c r="C20225" s="2" t="s">
        <v>64773</v>
      </c>
      <c r="D20225" s="14" t="s">
        <v>64774</v>
      </c>
      <c r="E20225" s="2" t="s">
        <v>64775</v>
      </c>
      <c r="F20225" s="2" t="s">
        <v>64776</v>
      </c>
      <c r="G20225" s="8">
        <v>1066</v>
      </c>
      <c r="H20225" s="5">
        <v>10</v>
      </c>
      <c r="I20225" s="5" t="s">
        <v>69</v>
      </c>
      <c r="J20225" s="5" t="s">
        <v>64310</v>
      </c>
      <c r="K20225" s="2" t="s">
        <v>64311</v>
      </c>
      <c r="L20225" s="5" t="s">
        <v>64310</v>
      </c>
      <c r="M20225" s="2" t="s">
        <v>64311</v>
      </c>
      <c r="N20225" s="5" t="s">
        <v>733</v>
      </c>
      <c r="O20225" s="5" t="s">
        <v>38</v>
      </c>
      <c r="P20225" s="5" t="s">
        <v>39</v>
      </c>
      <c r="Q20225" s="5" t="s">
        <v>40</v>
      </c>
      <c r="R20225" s="5" t="s">
        <v>897</v>
      </c>
      <c r="S20225" s="5" t="s">
        <v>40</v>
      </c>
      <c r="T20225" s="5" t="s">
        <v>42</v>
      </c>
      <c r="U20225" s="2">
        <v>54.652999999999999</v>
      </c>
      <c r="V20225" s="2">
        <v>49.834000000000003</v>
      </c>
      <c r="W20225" s="2">
        <v>0.27500000000000002</v>
      </c>
      <c r="X20225" s="2">
        <v>17</v>
      </c>
      <c r="Y20225" s="2">
        <v>144.69999999999999</v>
      </c>
      <c r="Z20225" s="2">
        <v>111.6</v>
      </c>
      <c r="AA20225" s="5">
        <v>7</v>
      </c>
      <c r="AB20225" s="5" t="s">
        <v>43</v>
      </c>
      <c r="AC20225" s="5" t="s">
        <v>735</v>
      </c>
      <c r="AD20225" s="2" t="s">
        <v>64777</v>
      </c>
      <c r="AE20225" s="1"/>
    </row>
    <row r="20226" spans="1:31" ht="14.45">
      <c r="A20226" s="11"/>
      <c r="B20226" s="20"/>
      <c r="C20226" s="2" t="s">
        <v>64778</v>
      </c>
      <c r="D20226" s="14" t="s">
        <v>64779</v>
      </c>
      <c r="E20226" s="2" t="s">
        <v>64780</v>
      </c>
      <c r="F20226" s="2" t="s">
        <v>64781</v>
      </c>
      <c r="G20226" s="8">
        <v>1651</v>
      </c>
      <c r="H20226" s="5">
        <v>10</v>
      </c>
      <c r="I20226" s="5" t="s">
        <v>69</v>
      </c>
      <c r="J20226" s="5" t="s">
        <v>64310</v>
      </c>
      <c r="K20226" s="2" t="s">
        <v>64311</v>
      </c>
      <c r="L20226" s="5" t="s">
        <v>64310</v>
      </c>
      <c r="M20226" s="2" t="s">
        <v>64311</v>
      </c>
      <c r="N20226" s="5" t="s">
        <v>733</v>
      </c>
      <c r="O20226" s="5" t="s">
        <v>38</v>
      </c>
      <c r="P20226" s="5" t="s">
        <v>39</v>
      </c>
      <c r="Q20226" s="5" t="s">
        <v>40</v>
      </c>
      <c r="R20226" s="5" t="s">
        <v>897</v>
      </c>
      <c r="S20226" s="5" t="s">
        <v>40</v>
      </c>
      <c r="T20226" s="5" t="s">
        <v>42</v>
      </c>
      <c r="U20226" s="2">
        <v>59.293999999999997</v>
      </c>
      <c r="V20226" s="2">
        <v>54.475000000000001</v>
      </c>
      <c r="W20226" s="2">
        <v>0.26500000000000001</v>
      </c>
      <c r="X20226" s="2">
        <v>17</v>
      </c>
      <c r="Y20226" s="2">
        <v>144.69999999999999</v>
      </c>
      <c r="Z20226" s="2">
        <v>111.6</v>
      </c>
      <c r="AA20226" s="5">
        <v>7</v>
      </c>
      <c r="AB20226" s="5" t="s">
        <v>43</v>
      </c>
      <c r="AC20226" s="5" t="s">
        <v>735</v>
      </c>
      <c r="AD20226" s="2" t="s">
        <v>64782</v>
      </c>
      <c r="AE20226" s="1"/>
    </row>
    <row r="20227" spans="1:31" ht="14.45">
      <c r="A20227" s="11"/>
      <c r="B20227" s="20"/>
      <c r="C20227" s="2" t="s">
        <v>64783</v>
      </c>
      <c r="D20227" s="14" t="s">
        <v>64784</v>
      </c>
      <c r="E20227" s="2" t="s">
        <v>64785</v>
      </c>
      <c r="F20227" s="2" t="s">
        <v>64786</v>
      </c>
      <c r="G20227" s="8">
        <v>1534</v>
      </c>
      <c r="H20227" s="5">
        <v>10</v>
      </c>
      <c r="I20227" s="5" t="s">
        <v>69</v>
      </c>
      <c r="J20227" s="5" t="s">
        <v>64310</v>
      </c>
      <c r="K20227" s="2" t="s">
        <v>64311</v>
      </c>
      <c r="L20227" s="5" t="s">
        <v>64310</v>
      </c>
      <c r="M20227" s="2" t="s">
        <v>64311</v>
      </c>
      <c r="N20227" s="5" t="s">
        <v>733</v>
      </c>
      <c r="O20227" s="5" t="s">
        <v>38</v>
      </c>
      <c r="P20227" s="5" t="s">
        <v>39</v>
      </c>
      <c r="Q20227" s="5" t="s">
        <v>40</v>
      </c>
      <c r="R20227" s="5" t="s">
        <v>897</v>
      </c>
      <c r="S20227" s="5" t="s">
        <v>40</v>
      </c>
      <c r="T20227" s="5" t="s">
        <v>42</v>
      </c>
      <c r="U20227" s="2">
        <v>59.247999999999998</v>
      </c>
      <c r="V20227" s="2">
        <v>54.429000000000002</v>
      </c>
      <c r="W20227" s="2">
        <v>0.27500000000000002</v>
      </c>
      <c r="X20227" s="2">
        <v>17</v>
      </c>
      <c r="Y20227" s="2">
        <v>144.69999999999999</v>
      </c>
      <c r="Z20227" s="2">
        <v>111.6</v>
      </c>
      <c r="AA20227" s="5">
        <v>7</v>
      </c>
      <c r="AB20227" s="5" t="s">
        <v>43</v>
      </c>
      <c r="AC20227" s="5" t="s">
        <v>735</v>
      </c>
      <c r="AD20227" s="2" t="s">
        <v>64787</v>
      </c>
      <c r="AE20227" s="1"/>
    </row>
    <row r="20228" spans="1:31" ht="14.45">
      <c r="A20228" s="11"/>
      <c r="B20228" s="20"/>
      <c r="C20228" s="2" t="s">
        <v>64788</v>
      </c>
      <c r="D20228" s="14" t="s">
        <v>64789</v>
      </c>
      <c r="E20228" s="2" t="s">
        <v>64790</v>
      </c>
      <c r="F20228" s="2" t="s">
        <v>64791</v>
      </c>
      <c r="G20228" s="8">
        <v>1534</v>
      </c>
      <c r="H20228" s="5">
        <v>5</v>
      </c>
      <c r="I20228" s="5" t="s">
        <v>69</v>
      </c>
      <c r="J20228" s="5" t="s">
        <v>64310</v>
      </c>
      <c r="K20228" s="2" t="s">
        <v>64311</v>
      </c>
      <c r="L20228" s="5" t="s">
        <v>64310</v>
      </c>
      <c r="M20228" s="2" t="s">
        <v>64311</v>
      </c>
      <c r="N20228" s="5" t="s">
        <v>733</v>
      </c>
      <c r="O20228" s="5" t="s">
        <v>38</v>
      </c>
      <c r="P20228" s="5" t="s">
        <v>39</v>
      </c>
      <c r="Q20228" s="5" t="s">
        <v>40</v>
      </c>
      <c r="R20228" s="5" t="s">
        <v>897</v>
      </c>
      <c r="S20228" s="5" t="s">
        <v>40</v>
      </c>
      <c r="T20228" s="5" t="s">
        <v>42</v>
      </c>
      <c r="U20228" s="2">
        <v>57.820999999999998</v>
      </c>
      <c r="V20228" s="2">
        <v>53.002000000000002</v>
      </c>
      <c r="W20228" s="2">
        <v>0.27500000000000002</v>
      </c>
      <c r="X20228" s="2">
        <v>17</v>
      </c>
      <c r="Y20228" s="2">
        <v>144.69999999999999</v>
      </c>
      <c r="Z20228" s="2">
        <v>111.6</v>
      </c>
      <c r="AA20228" s="5">
        <v>7</v>
      </c>
      <c r="AB20228" s="5" t="s">
        <v>43</v>
      </c>
      <c r="AC20228" s="5" t="s">
        <v>735</v>
      </c>
      <c r="AD20228" s="2" t="s">
        <v>64792</v>
      </c>
      <c r="AE20228" s="1"/>
    </row>
    <row r="20229" spans="1:31" ht="14.45">
      <c r="A20229" s="11"/>
      <c r="B20229" s="20"/>
      <c r="C20229" s="2" t="s">
        <v>64793</v>
      </c>
      <c r="D20229" s="14" t="s">
        <v>64794</v>
      </c>
      <c r="E20229" s="2" t="s">
        <v>64795</v>
      </c>
      <c r="F20229" s="2" t="s">
        <v>64796</v>
      </c>
      <c r="G20229" s="8">
        <v>889</v>
      </c>
      <c r="H20229" s="5">
        <v>5</v>
      </c>
      <c r="I20229" s="5" t="s">
        <v>69</v>
      </c>
      <c r="J20229" s="5" t="s">
        <v>64797</v>
      </c>
      <c r="K20229" s="2" t="s">
        <v>64798</v>
      </c>
      <c r="L20229" s="5" t="s">
        <v>64797</v>
      </c>
      <c r="M20229" s="2" t="s">
        <v>64798</v>
      </c>
      <c r="N20229" s="5" t="s">
        <v>733</v>
      </c>
      <c r="O20229" s="5" t="s">
        <v>38</v>
      </c>
      <c r="P20229" s="5" t="s">
        <v>39</v>
      </c>
      <c r="Q20229" s="5" t="s">
        <v>40</v>
      </c>
      <c r="R20229" s="5" t="s">
        <v>897</v>
      </c>
      <c r="S20229" s="5" t="s">
        <v>40</v>
      </c>
      <c r="T20229" s="5" t="s">
        <v>42</v>
      </c>
      <c r="U20229" s="2">
        <v>34.165999999999997</v>
      </c>
      <c r="V20229" s="2">
        <v>31.949000000000002</v>
      </c>
      <c r="W20229" s="2">
        <v>0.109</v>
      </c>
      <c r="X20229" s="2">
        <v>17</v>
      </c>
      <c r="Y20229" s="2">
        <v>57.7</v>
      </c>
      <c r="Z20229" s="2">
        <v>111.6</v>
      </c>
      <c r="AA20229" s="5">
        <v>7</v>
      </c>
      <c r="AB20229" s="5" t="s">
        <v>43</v>
      </c>
      <c r="AC20229" s="5" t="s">
        <v>735</v>
      </c>
      <c r="AD20229" s="2" t="s">
        <v>64799</v>
      </c>
      <c r="AE20229" s="1"/>
    </row>
    <row r="20230" spans="1:31" ht="14.45">
      <c r="A20230" s="11"/>
      <c r="B20230" s="20"/>
      <c r="C20230" s="2" t="s">
        <v>64800</v>
      </c>
      <c r="D20230" s="14" t="s">
        <v>64801</v>
      </c>
      <c r="E20230" s="2" t="s">
        <v>64802</v>
      </c>
      <c r="F20230" s="2" t="s">
        <v>56113</v>
      </c>
      <c r="G20230" s="8">
        <v>967</v>
      </c>
      <c r="H20230" s="5">
        <v>10</v>
      </c>
      <c r="I20230" s="5" t="s">
        <v>69</v>
      </c>
      <c r="J20230" s="5" t="s">
        <v>64797</v>
      </c>
      <c r="K20230" s="2" t="s">
        <v>64798</v>
      </c>
      <c r="L20230" s="5" t="s">
        <v>64797</v>
      </c>
      <c r="M20230" s="2" t="s">
        <v>64798</v>
      </c>
      <c r="N20230" s="5" t="s">
        <v>733</v>
      </c>
      <c r="O20230" s="5" t="s">
        <v>38</v>
      </c>
      <c r="P20230" s="5" t="s">
        <v>39</v>
      </c>
      <c r="Q20230" s="5" t="s">
        <v>40</v>
      </c>
      <c r="R20230" s="5" t="s">
        <v>897</v>
      </c>
      <c r="S20230" s="5" t="s">
        <v>40</v>
      </c>
      <c r="T20230" s="5" t="s">
        <v>42</v>
      </c>
      <c r="U20230" s="2">
        <v>34.229999999999997</v>
      </c>
      <c r="V20230" s="2">
        <v>32.012999999999998</v>
      </c>
      <c r="W20230" s="2">
        <v>0.109</v>
      </c>
      <c r="X20230" s="2">
        <v>17</v>
      </c>
      <c r="Y20230" s="2">
        <v>57.7</v>
      </c>
      <c r="Z20230" s="2">
        <v>111.6</v>
      </c>
      <c r="AA20230" s="5">
        <v>7</v>
      </c>
      <c r="AB20230" s="5" t="s">
        <v>43</v>
      </c>
      <c r="AC20230" s="5" t="s">
        <v>735</v>
      </c>
      <c r="AD20230" s="2" t="s">
        <v>64803</v>
      </c>
      <c r="AE20230" s="1"/>
    </row>
    <row r="20231" spans="1:31" ht="14.45">
      <c r="A20231" s="11"/>
      <c r="B20231" s="20"/>
      <c r="C20231" s="2" t="s">
        <v>64804</v>
      </c>
      <c r="D20231" s="14" t="s">
        <v>64805</v>
      </c>
      <c r="E20231" s="2" t="s">
        <v>64806</v>
      </c>
      <c r="F20231" s="2" t="s">
        <v>56126</v>
      </c>
      <c r="G20231" s="8">
        <v>815</v>
      </c>
      <c r="H20231" s="5">
        <v>10</v>
      </c>
      <c r="I20231" s="5" t="s">
        <v>69</v>
      </c>
      <c r="J20231" s="5" t="s">
        <v>64797</v>
      </c>
      <c r="K20231" s="2" t="s">
        <v>64798</v>
      </c>
      <c r="L20231" s="5" t="s">
        <v>64797</v>
      </c>
      <c r="M20231" s="2" t="s">
        <v>64798</v>
      </c>
      <c r="N20231" s="5" t="s">
        <v>733</v>
      </c>
      <c r="O20231" s="5" t="s">
        <v>38</v>
      </c>
      <c r="P20231" s="5" t="s">
        <v>39</v>
      </c>
      <c r="Q20231" s="5" t="s">
        <v>40</v>
      </c>
      <c r="R20231" s="5" t="s">
        <v>897</v>
      </c>
      <c r="S20231" s="5" t="s">
        <v>40</v>
      </c>
      <c r="T20231" s="5" t="s">
        <v>42</v>
      </c>
      <c r="U20231" s="2">
        <v>34.345999999999997</v>
      </c>
      <c r="V20231" s="2">
        <v>32.128999999999998</v>
      </c>
      <c r="W20231" s="2">
        <v>0.109</v>
      </c>
      <c r="X20231" s="2">
        <v>17</v>
      </c>
      <c r="Y20231" s="2">
        <v>57.7</v>
      </c>
      <c r="Z20231" s="2">
        <v>111.6</v>
      </c>
      <c r="AA20231" s="5">
        <v>7</v>
      </c>
      <c r="AB20231" s="5" t="s">
        <v>43</v>
      </c>
      <c r="AC20231" s="5" t="s">
        <v>735</v>
      </c>
      <c r="AD20231" s="2" t="s">
        <v>64807</v>
      </c>
      <c r="AE20231" s="1"/>
    </row>
    <row r="20232" spans="1:31" ht="14.45">
      <c r="A20232" s="11"/>
      <c r="B20232" s="20"/>
      <c r="C20232" s="2" t="s">
        <v>64808</v>
      </c>
      <c r="D20232" s="14" t="s">
        <v>64809</v>
      </c>
      <c r="E20232" s="2" t="s">
        <v>64810</v>
      </c>
      <c r="F20232" s="2" t="s">
        <v>56139</v>
      </c>
      <c r="G20232" s="8">
        <v>722</v>
      </c>
      <c r="H20232" s="5">
        <v>5</v>
      </c>
      <c r="I20232" s="5" t="s">
        <v>69</v>
      </c>
      <c r="J20232" s="5" t="s">
        <v>64797</v>
      </c>
      <c r="K20232" s="2" t="s">
        <v>64798</v>
      </c>
      <c r="L20232" s="5" t="s">
        <v>64797</v>
      </c>
      <c r="M20232" s="2" t="s">
        <v>64798</v>
      </c>
      <c r="N20232" s="5" t="s">
        <v>733</v>
      </c>
      <c r="O20232" s="5" t="s">
        <v>38</v>
      </c>
      <c r="P20232" s="5" t="s">
        <v>39</v>
      </c>
      <c r="Q20232" s="5" t="s">
        <v>40</v>
      </c>
      <c r="R20232" s="5" t="s">
        <v>897</v>
      </c>
      <c r="S20232" s="5" t="s">
        <v>40</v>
      </c>
      <c r="T20232" s="5" t="s">
        <v>42</v>
      </c>
      <c r="U20232" s="2">
        <v>31.161999999999999</v>
      </c>
      <c r="V20232" s="2">
        <v>28.934999999999999</v>
      </c>
      <c r="W20232" s="2">
        <v>0.109</v>
      </c>
      <c r="X20232" s="2">
        <v>17</v>
      </c>
      <c r="Y20232" s="2">
        <v>57.7</v>
      </c>
      <c r="Z20232" s="2">
        <v>111.6</v>
      </c>
      <c r="AA20232" s="5">
        <v>7</v>
      </c>
      <c r="AB20232" s="5" t="s">
        <v>43</v>
      </c>
      <c r="AC20232" s="5" t="s">
        <v>735</v>
      </c>
      <c r="AD20232" s="2" t="s">
        <v>64811</v>
      </c>
      <c r="AE20232" s="1"/>
    </row>
    <row r="20233" spans="1:31" ht="14.45">
      <c r="A20233" s="11"/>
      <c r="B20233" s="20"/>
      <c r="C20233" s="2" t="s">
        <v>64812</v>
      </c>
      <c r="D20233" s="14" t="s">
        <v>64813</v>
      </c>
      <c r="E20233" s="2" t="s">
        <v>64814</v>
      </c>
      <c r="F20233" s="2" t="s">
        <v>56157</v>
      </c>
      <c r="G20233" s="8">
        <v>841</v>
      </c>
      <c r="H20233" s="5">
        <v>5</v>
      </c>
      <c r="I20233" s="5" t="s">
        <v>69</v>
      </c>
      <c r="J20233" s="5" t="s">
        <v>64797</v>
      </c>
      <c r="K20233" s="2" t="s">
        <v>64798</v>
      </c>
      <c r="L20233" s="5" t="s">
        <v>64797</v>
      </c>
      <c r="M20233" s="2" t="s">
        <v>64798</v>
      </c>
      <c r="N20233" s="5" t="s">
        <v>733</v>
      </c>
      <c r="O20233" s="5" t="s">
        <v>38</v>
      </c>
      <c r="P20233" s="5" t="s">
        <v>39</v>
      </c>
      <c r="Q20233" s="5" t="s">
        <v>40</v>
      </c>
      <c r="R20233" s="5" t="s">
        <v>897</v>
      </c>
      <c r="S20233" s="5" t="s">
        <v>40</v>
      </c>
      <c r="T20233" s="5" t="s">
        <v>42</v>
      </c>
      <c r="U20233" s="2">
        <v>34.323999999999998</v>
      </c>
      <c r="V20233" s="2">
        <v>32.106999999999999</v>
      </c>
      <c r="W20233" s="2">
        <v>0.109</v>
      </c>
      <c r="X20233" s="2">
        <v>17</v>
      </c>
      <c r="Y20233" s="2">
        <v>57.7</v>
      </c>
      <c r="Z20233" s="2">
        <v>111.6</v>
      </c>
      <c r="AA20233" s="5">
        <v>7</v>
      </c>
      <c r="AB20233" s="5" t="s">
        <v>43</v>
      </c>
      <c r="AC20233" s="5" t="s">
        <v>735</v>
      </c>
      <c r="AD20233" s="2" t="s">
        <v>64815</v>
      </c>
      <c r="AE20233" s="1"/>
    </row>
    <row r="20234" spans="1:31" ht="14.45">
      <c r="A20234" s="11"/>
      <c r="B20234" s="20"/>
      <c r="C20234" s="2" t="s">
        <v>64816</v>
      </c>
      <c r="D20234" s="14" t="s">
        <v>64817</v>
      </c>
      <c r="E20234" s="2" t="s">
        <v>64818</v>
      </c>
      <c r="F20234" s="2" t="s">
        <v>56180</v>
      </c>
      <c r="G20234" s="8">
        <v>1357</v>
      </c>
      <c r="H20234" s="5">
        <v>10</v>
      </c>
      <c r="I20234" s="5" t="s">
        <v>69</v>
      </c>
      <c r="J20234" s="5" t="s">
        <v>64797</v>
      </c>
      <c r="K20234" s="2" t="s">
        <v>64798</v>
      </c>
      <c r="L20234" s="5" t="s">
        <v>64797</v>
      </c>
      <c r="M20234" s="2" t="s">
        <v>64798</v>
      </c>
      <c r="N20234" s="5" t="s">
        <v>733</v>
      </c>
      <c r="O20234" s="5" t="s">
        <v>38</v>
      </c>
      <c r="P20234" s="5" t="s">
        <v>39</v>
      </c>
      <c r="Q20234" s="5" t="s">
        <v>40</v>
      </c>
      <c r="R20234" s="5" t="s">
        <v>897</v>
      </c>
      <c r="S20234" s="5" t="s">
        <v>40</v>
      </c>
      <c r="T20234" s="5" t="s">
        <v>42</v>
      </c>
      <c r="U20234" s="2">
        <v>37.262999999999998</v>
      </c>
      <c r="V20234" s="2">
        <v>35.021999999999998</v>
      </c>
      <c r="W20234" s="2">
        <v>0.109</v>
      </c>
      <c r="X20234" s="2">
        <v>17</v>
      </c>
      <c r="Y20234" s="2">
        <v>57.7</v>
      </c>
      <c r="Z20234" s="2">
        <v>111.6</v>
      </c>
      <c r="AA20234" s="5">
        <v>7</v>
      </c>
      <c r="AB20234" s="5" t="s">
        <v>43</v>
      </c>
      <c r="AC20234" s="5" t="s">
        <v>735</v>
      </c>
      <c r="AD20234" s="2" t="s">
        <v>64819</v>
      </c>
      <c r="AE20234" s="1"/>
    </row>
    <row r="20235" spans="1:31" ht="14.45">
      <c r="A20235" s="11"/>
      <c r="B20235" s="20"/>
      <c r="C20235" s="2" t="s">
        <v>64820</v>
      </c>
      <c r="D20235" s="14" t="s">
        <v>64821</v>
      </c>
      <c r="E20235" s="2" t="s">
        <v>64822</v>
      </c>
      <c r="F20235" s="2" t="s">
        <v>56194</v>
      </c>
      <c r="G20235" s="8">
        <v>1190</v>
      </c>
      <c r="H20235" s="5">
        <v>10</v>
      </c>
      <c r="I20235" s="5" t="s">
        <v>69</v>
      </c>
      <c r="J20235" s="5" t="s">
        <v>64797</v>
      </c>
      <c r="K20235" s="2" t="s">
        <v>64798</v>
      </c>
      <c r="L20235" s="5" t="s">
        <v>64797</v>
      </c>
      <c r="M20235" s="2" t="s">
        <v>64798</v>
      </c>
      <c r="N20235" s="5" t="s">
        <v>733</v>
      </c>
      <c r="O20235" s="5" t="s">
        <v>38</v>
      </c>
      <c r="P20235" s="5" t="s">
        <v>39</v>
      </c>
      <c r="Q20235" s="5" t="s">
        <v>40</v>
      </c>
      <c r="R20235" s="5" t="s">
        <v>897</v>
      </c>
      <c r="S20235" s="5" t="s">
        <v>40</v>
      </c>
      <c r="T20235" s="5" t="s">
        <v>42</v>
      </c>
      <c r="U20235" s="2">
        <v>34.030999999999999</v>
      </c>
      <c r="V20235" s="2">
        <v>31.78</v>
      </c>
      <c r="W20235" s="2">
        <v>0.109</v>
      </c>
      <c r="X20235" s="2">
        <v>17</v>
      </c>
      <c r="Y20235" s="2">
        <v>57.7</v>
      </c>
      <c r="Z20235" s="2">
        <v>111.6</v>
      </c>
      <c r="AA20235" s="5">
        <v>7</v>
      </c>
      <c r="AB20235" s="5" t="s">
        <v>43</v>
      </c>
      <c r="AC20235" s="5" t="s">
        <v>735</v>
      </c>
      <c r="AD20235" s="2" t="s">
        <v>64823</v>
      </c>
      <c r="AE20235" s="1"/>
    </row>
    <row r="20236" spans="1:31" ht="14.45">
      <c r="A20236" s="11"/>
      <c r="B20236" s="20"/>
      <c r="C20236" s="2" t="s">
        <v>64824</v>
      </c>
      <c r="D20236" s="14" t="s">
        <v>64825</v>
      </c>
      <c r="E20236" s="2" t="s">
        <v>64826</v>
      </c>
      <c r="F20236" s="2" t="s">
        <v>56208</v>
      </c>
      <c r="G20236" s="8">
        <v>1309</v>
      </c>
      <c r="H20236" s="5">
        <v>10</v>
      </c>
      <c r="I20236" s="5" t="s">
        <v>69</v>
      </c>
      <c r="J20236" s="5" t="s">
        <v>64797</v>
      </c>
      <c r="K20236" s="2" t="s">
        <v>64798</v>
      </c>
      <c r="L20236" s="5" t="s">
        <v>64797</v>
      </c>
      <c r="M20236" s="2" t="s">
        <v>64798</v>
      </c>
      <c r="N20236" s="5" t="s">
        <v>733</v>
      </c>
      <c r="O20236" s="5" t="s">
        <v>38</v>
      </c>
      <c r="P20236" s="5" t="s">
        <v>39</v>
      </c>
      <c r="Q20236" s="5" t="s">
        <v>40</v>
      </c>
      <c r="R20236" s="5" t="s">
        <v>897</v>
      </c>
      <c r="S20236" s="5" t="s">
        <v>40</v>
      </c>
      <c r="T20236" s="5" t="s">
        <v>42</v>
      </c>
      <c r="U20236" s="2">
        <v>37.246000000000002</v>
      </c>
      <c r="V20236" s="2">
        <v>35.005000000000003</v>
      </c>
      <c r="W20236" s="2">
        <v>0.109</v>
      </c>
      <c r="X20236" s="2">
        <v>17</v>
      </c>
      <c r="Y20236" s="2">
        <v>57.7</v>
      </c>
      <c r="Z20236" s="2">
        <v>111.6</v>
      </c>
      <c r="AA20236" s="5">
        <v>7</v>
      </c>
      <c r="AB20236" s="5" t="s">
        <v>43</v>
      </c>
      <c r="AC20236" s="5" t="s">
        <v>735</v>
      </c>
      <c r="AD20236" s="2" t="s">
        <v>64827</v>
      </c>
      <c r="AE20236" s="1"/>
    </row>
    <row r="20237" spans="1:31" ht="14.45">
      <c r="A20237" s="11"/>
      <c r="B20237" s="20"/>
      <c r="C20237" s="2" t="s">
        <v>64828</v>
      </c>
      <c r="D20237" s="14" t="s">
        <v>64829</v>
      </c>
      <c r="E20237" s="2" t="s">
        <v>64830</v>
      </c>
      <c r="F20237" s="2" t="s">
        <v>56244</v>
      </c>
      <c r="G20237" s="8">
        <v>1309</v>
      </c>
      <c r="H20237" s="5">
        <v>10</v>
      </c>
      <c r="I20237" s="5" t="s">
        <v>69</v>
      </c>
      <c r="J20237" s="5" t="s">
        <v>64797</v>
      </c>
      <c r="K20237" s="2" t="s">
        <v>64798</v>
      </c>
      <c r="L20237" s="5" t="s">
        <v>64797</v>
      </c>
      <c r="M20237" s="2" t="s">
        <v>64798</v>
      </c>
      <c r="N20237" s="5" t="s">
        <v>733</v>
      </c>
      <c r="O20237" s="5" t="s">
        <v>38</v>
      </c>
      <c r="P20237" s="5" t="s">
        <v>39</v>
      </c>
      <c r="Q20237" s="5" t="s">
        <v>40</v>
      </c>
      <c r="R20237" s="5" t="s">
        <v>897</v>
      </c>
      <c r="S20237" s="5" t="s">
        <v>40</v>
      </c>
      <c r="T20237" s="5" t="s">
        <v>42</v>
      </c>
      <c r="U20237" s="2">
        <v>36.426000000000002</v>
      </c>
      <c r="V20237" s="2">
        <v>34.185000000000002</v>
      </c>
      <c r="W20237" s="2">
        <v>0.109</v>
      </c>
      <c r="X20237" s="2">
        <v>17</v>
      </c>
      <c r="Y20237" s="2">
        <v>57.7</v>
      </c>
      <c r="Z20237" s="2">
        <v>111.6</v>
      </c>
      <c r="AA20237" s="5">
        <v>7</v>
      </c>
      <c r="AB20237" s="5" t="s">
        <v>43</v>
      </c>
      <c r="AC20237" s="5" t="s">
        <v>735</v>
      </c>
      <c r="AD20237" s="2" t="s">
        <v>64831</v>
      </c>
      <c r="AE20237" s="1"/>
    </row>
    <row r="20238" spans="1:31" ht="14.45">
      <c r="A20238" s="11"/>
      <c r="B20238" s="20"/>
      <c r="C20238" s="2" t="s">
        <v>64832</v>
      </c>
      <c r="D20238" s="14" t="s">
        <v>64833</v>
      </c>
      <c r="E20238" s="2" t="s">
        <v>64834</v>
      </c>
      <c r="F20238" s="2" t="s">
        <v>56263</v>
      </c>
      <c r="G20238" s="8">
        <v>889</v>
      </c>
      <c r="H20238" s="5">
        <v>5</v>
      </c>
      <c r="I20238" s="5" t="s">
        <v>69</v>
      </c>
      <c r="J20238" s="5" t="s">
        <v>64797</v>
      </c>
      <c r="K20238" s="2" t="s">
        <v>64798</v>
      </c>
      <c r="L20238" s="5" t="s">
        <v>64797</v>
      </c>
      <c r="M20238" s="2" t="s">
        <v>64798</v>
      </c>
      <c r="N20238" s="5" t="s">
        <v>733</v>
      </c>
      <c r="O20238" s="5" t="s">
        <v>38</v>
      </c>
      <c r="P20238" s="5" t="s">
        <v>39</v>
      </c>
      <c r="Q20238" s="5" t="s">
        <v>40</v>
      </c>
      <c r="R20238" s="5" t="s">
        <v>897</v>
      </c>
      <c r="S20238" s="5" t="s">
        <v>40</v>
      </c>
      <c r="T20238" s="5" t="s">
        <v>42</v>
      </c>
      <c r="U20238" s="2">
        <v>34.213999999999999</v>
      </c>
      <c r="V20238" s="2">
        <v>31.997</v>
      </c>
      <c r="W20238" s="2">
        <v>0.109</v>
      </c>
      <c r="X20238" s="2">
        <v>17</v>
      </c>
      <c r="Y20238" s="2">
        <v>57.7</v>
      </c>
      <c r="Z20238" s="2">
        <v>111.6</v>
      </c>
      <c r="AA20238" s="5">
        <v>7</v>
      </c>
      <c r="AB20238" s="5" t="s">
        <v>43</v>
      </c>
      <c r="AC20238" s="5" t="s">
        <v>735</v>
      </c>
      <c r="AD20238" s="2" t="s">
        <v>64835</v>
      </c>
      <c r="AE20238" s="1"/>
    </row>
    <row r="20239" spans="1:31" ht="14.45">
      <c r="A20239" s="11"/>
      <c r="B20239" s="20"/>
      <c r="C20239" s="2" t="s">
        <v>64836</v>
      </c>
      <c r="D20239" s="14" t="s">
        <v>64837</v>
      </c>
      <c r="E20239" s="2" t="s">
        <v>64838</v>
      </c>
      <c r="F20239" s="2" t="s">
        <v>56277</v>
      </c>
      <c r="G20239" s="8">
        <v>967</v>
      </c>
      <c r="H20239" s="5">
        <v>10</v>
      </c>
      <c r="I20239" s="5" t="s">
        <v>69</v>
      </c>
      <c r="J20239" s="5" t="s">
        <v>64797</v>
      </c>
      <c r="K20239" s="2" t="s">
        <v>64798</v>
      </c>
      <c r="L20239" s="5" t="s">
        <v>64797</v>
      </c>
      <c r="M20239" s="2" t="s">
        <v>64798</v>
      </c>
      <c r="N20239" s="5" t="s">
        <v>733</v>
      </c>
      <c r="O20239" s="5" t="s">
        <v>38</v>
      </c>
      <c r="P20239" s="5" t="s">
        <v>39</v>
      </c>
      <c r="Q20239" s="5" t="s">
        <v>40</v>
      </c>
      <c r="R20239" s="5" t="s">
        <v>897</v>
      </c>
      <c r="S20239" s="5" t="s">
        <v>40</v>
      </c>
      <c r="T20239" s="5" t="s">
        <v>42</v>
      </c>
      <c r="U20239" s="2">
        <v>34.103000000000002</v>
      </c>
      <c r="V20239" s="2">
        <v>31.885999999999999</v>
      </c>
      <c r="W20239" s="2">
        <v>0.109</v>
      </c>
      <c r="X20239" s="2">
        <v>17</v>
      </c>
      <c r="Y20239" s="2">
        <v>57.7</v>
      </c>
      <c r="Z20239" s="2">
        <v>111.6</v>
      </c>
      <c r="AA20239" s="5">
        <v>7</v>
      </c>
      <c r="AB20239" s="5" t="s">
        <v>43</v>
      </c>
      <c r="AC20239" s="5" t="s">
        <v>735</v>
      </c>
      <c r="AD20239" s="2" t="s">
        <v>64839</v>
      </c>
      <c r="AE20239" s="1"/>
    </row>
    <row r="20240" spans="1:31" ht="14.45">
      <c r="A20240" s="11"/>
      <c r="B20240" s="20"/>
      <c r="C20240" s="2" t="s">
        <v>64840</v>
      </c>
      <c r="D20240" s="14" t="s">
        <v>64841</v>
      </c>
      <c r="E20240" s="2" t="s">
        <v>64842</v>
      </c>
      <c r="F20240" s="2" t="s">
        <v>56303</v>
      </c>
      <c r="G20240" s="8">
        <v>722</v>
      </c>
      <c r="H20240" s="5">
        <v>5</v>
      </c>
      <c r="I20240" s="5" t="s">
        <v>69</v>
      </c>
      <c r="J20240" s="5" t="s">
        <v>64797</v>
      </c>
      <c r="K20240" s="2" t="s">
        <v>64798</v>
      </c>
      <c r="L20240" s="5" t="s">
        <v>64797</v>
      </c>
      <c r="M20240" s="2" t="s">
        <v>64798</v>
      </c>
      <c r="N20240" s="5" t="s">
        <v>733</v>
      </c>
      <c r="O20240" s="5" t="s">
        <v>38</v>
      </c>
      <c r="P20240" s="5" t="s">
        <v>39</v>
      </c>
      <c r="Q20240" s="5" t="s">
        <v>40</v>
      </c>
      <c r="R20240" s="5" t="s">
        <v>897</v>
      </c>
      <c r="S20240" s="5" t="s">
        <v>40</v>
      </c>
      <c r="T20240" s="5" t="s">
        <v>42</v>
      </c>
      <c r="U20240" s="2">
        <v>31.175999999999998</v>
      </c>
      <c r="V20240" s="2">
        <v>28.949000000000002</v>
      </c>
      <c r="W20240" s="2">
        <v>0.109</v>
      </c>
      <c r="X20240" s="2">
        <v>17</v>
      </c>
      <c r="Y20240" s="2">
        <v>57.7</v>
      </c>
      <c r="Z20240" s="2">
        <v>111.6</v>
      </c>
      <c r="AA20240" s="5">
        <v>7</v>
      </c>
      <c r="AB20240" s="5" t="s">
        <v>43</v>
      </c>
      <c r="AC20240" s="5" t="s">
        <v>735</v>
      </c>
      <c r="AD20240" s="2" t="s">
        <v>64843</v>
      </c>
      <c r="AE20240" s="1"/>
    </row>
    <row r="20241" spans="1:31" ht="14.45">
      <c r="A20241" s="11"/>
      <c r="B20241" s="20"/>
      <c r="C20241" s="2" t="s">
        <v>64844</v>
      </c>
      <c r="D20241" s="14" t="s">
        <v>64845</v>
      </c>
      <c r="E20241" s="2" t="s">
        <v>64846</v>
      </c>
      <c r="F20241" s="2" t="s">
        <v>56321</v>
      </c>
      <c r="G20241" s="8">
        <v>841</v>
      </c>
      <c r="H20241" s="5">
        <v>5</v>
      </c>
      <c r="I20241" s="5" t="s">
        <v>69</v>
      </c>
      <c r="J20241" s="5" t="s">
        <v>64797</v>
      </c>
      <c r="K20241" s="2" t="s">
        <v>64798</v>
      </c>
      <c r="L20241" s="5" t="s">
        <v>64797</v>
      </c>
      <c r="M20241" s="2" t="s">
        <v>64798</v>
      </c>
      <c r="N20241" s="5" t="s">
        <v>733</v>
      </c>
      <c r="O20241" s="5" t="s">
        <v>38</v>
      </c>
      <c r="P20241" s="5" t="s">
        <v>39</v>
      </c>
      <c r="Q20241" s="5" t="s">
        <v>40</v>
      </c>
      <c r="R20241" s="5" t="s">
        <v>897</v>
      </c>
      <c r="S20241" s="5" t="s">
        <v>40</v>
      </c>
      <c r="T20241" s="5" t="s">
        <v>42</v>
      </c>
      <c r="U20241" s="2">
        <v>34.197000000000003</v>
      </c>
      <c r="V20241" s="2">
        <v>31.98</v>
      </c>
      <c r="W20241" s="2">
        <v>0.109</v>
      </c>
      <c r="X20241" s="2">
        <v>17</v>
      </c>
      <c r="Y20241" s="2">
        <v>57.7</v>
      </c>
      <c r="Z20241" s="2">
        <v>111.6</v>
      </c>
      <c r="AA20241" s="5">
        <v>7</v>
      </c>
      <c r="AB20241" s="5" t="s">
        <v>43</v>
      </c>
      <c r="AC20241" s="5" t="s">
        <v>735</v>
      </c>
      <c r="AD20241" s="2" t="s">
        <v>64847</v>
      </c>
      <c r="AE20241" s="1"/>
    </row>
    <row r="20242" spans="1:31" ht="14.45">
      <c r="A20242" s="11"/>
      <c r="B20242" s="20"/>
      <c r="C20242" s="2" t="s">
        <v>64848</v>
      </c>
      <c r="D20242" s="14" t="s">
        <v>64849</v>
      </c>
      <c r="E20242" s="2" t="s">
        <v>64850</v>
      </c>
      <c r="F20242" s="2" t="s">
        <v>56344</v>
      </c>
      <c r="G20242" s="8">
        <v>1357</v>
      </c>
      <c r="H20242" s="5">
        <v>10</v>
      </c>
      <c r="I20242" s="5" t="s">
        <v>69</v>
      </c>
      <c r="J20242" s="5" t="s">
        <v>64797</v>
      </c>
      <c r="K20242" s="2" t="s">
        <v>64798</v>
      </c>
      <c r="L20242" s="5" t="s">
        <v>64797</v>
      </c>
      <c r="M20242" s="2" t="s">
        <v>64798</v>
      </c>
      <c r="N20242" s="5" t="s">
        <v>733</v>
      </c>
      <c r="O20242" s="5" t="s">
        <v>38</v>
      </c>
      <c r="P20242" s="5" t="s">
        <v>39</v>
      </c>
      <c r="Q20242" s="5" t="s">
        <v>40</v>
      </c>
      <c r="R20242" s="5" t="s">
        <v>897</v>
      </c>
      <c r="S20242" s="5" t="s">
        <v>40</v>
      </c>
      <c r="T20242" s="5" t="s">
        <v>42</v>
      </c>
      <c r="U20242" s="2">
        <v>37.277000000000001</v>
      </c>
      <c r="V20242" s="2">
        <v>35.036000000000001</v>
      </c>
      <c r="W20242" s="2">
        <v>0.109</v>
      </c>
      <c r="X20242" s="2">
        <v>17</v>
      </c>
      <c r="Y20242" s="2">
        <v>57.7</v>
      </c>
      <c r="Z20242" s="2">
        <v>111.6</v>
      </c>
      <c r="AA20242" s="5">
        <v>7</v>
      </c>
      <c r="AB20242" s="5" t="s">
        <v>43</v>
      </c>
      <c r="AC20242" s="5" t="s">
        <v>735</v>
      </c>
      <c r="AD20242" s="2" t="s">
        <v>64851</v>
      </c>
      <c r="AE20242" s="1"/>
    </row>
    <row r="20243" spans="1:31" ht="14.45">
      <c r="A20243" s="11"/>
      <c r="B20243" s="20"/>
      <c r="C20243" s="2" t="s">
        <v>64852</v>
      </c>
      <c r="D20243" s="14" t="s">
        <v>64853</v>
      </c>
      <c r="E20243" s="2" t="s">
        <v>64854</v>
      </c>
      <c r="F20243" s="2" t="s">
        <v>56358</v>
      </c>
      <c r="G20243" s="8">
        <v>1309</v>
      </c>
      <c r="H20243" s="5">
        <v>5</v>
      </c>
      <c r="I20243" s="5" t="s">
        <v>69</v>
      </c>
      <c r="J20243" s="5" t="s">
        <v>64797</v>
      </c>
      <c r="K20243" s="2" t="s">
        <v>64798</v>
      </c>
      <c r="L20243" s="5" t="s">
        <v>64797</v>
      </c>
      <c r="M20243" s="2" t="s">
        <v>64798</v>
      </c>
      <c r="N20243" s="5" t="s">
        <v>733</v>
      </c>
      <c r="O20243" s="5" t="s">
        <v>38</v>
      </c>
      <c r="P20243" s="5" t="s">
        <v>39</v>
      </c>
      <c r="Q20243" s="5" t="s">
        <v>40</v>
      </c>
      <c r="R20243" s="5" t="s">
        <v>897</v>
      </c>
      <c r="S20243" s="5" t="s">
        <v>40</v>
      </c>
      <c r="T20243" s="5" t="s">
        <v>42</v>
      </c>
      <c r="U20243" s="2">
        <v>37.26</v>
      </c>
      <c r="V20243" s="2">
        <v>35.018999999999998</v>
      </c>
      <c r="W20243" s="2">
        <v>0.109</v>
      </c>
      <c r="X20243" s="2">
        <v>17</v>
      </c>
      <c r="Y20243" s="2">
        <v>57.7</v>
      </c>
      <c r="Z20243" s="2">
        <v>111.6</v>
      </c>
      <c r="AA20243" s="5">
        <v>7</v>
      </c>
      <c r="AB20243" s="5" t="s">
        <v>43</v>
      </c>
      <c r="AC20243" s="5" t="s">
        <v>735</v>
      </c>
      <c r="AD20243" s="2" t="s">
        <v>64855</v>
      </c>
      <c r="AE20243" s="1"/>
    </row>
    <row r="20244" spans="1:31" ht="14.45">
      <c r="A20244" s="11"/>
      <c r="B20244" s="20"/>
      <c r="C20244" s="2" t="s">
        <v>64856</v>
      </c>
      <c r="D20244" s="14" t="s">
        <v>64857</v>
      </c>
      <c r="E20244" s="2" t="s">
        <v>64858</v>
      </c>
      <c r="F20244" s="2" t="s">
        <v>56371</v>
      </c>
      <c r="G20244" s="8">
        <v>1357</v>
      </c>
      <c r="H20244" s="5">
        <v>10</v>
      </c>
      <c r="I20244" s="5" t="s">
        <v>69</v>
      </c>
      <c r="J20244" s="5" t="s">
        <v>64797</v>
      </c>
      <c r="K20244" s="2" t="s">
        <v>64798</v>
      </c>
      <c r="L20244" s="5" t="s">
        <v>64797</v>
      </c>
      <c r="M20244" s="2" t="s">
        <v>64798</v>
      </c>
      <c r="N20244" s="5" t="s">
        <v>733</v>
      </c>
      <c r="O20244" s="5" t="s">
        <v>38</v>
      </c>
      <c r="P20244" s="5" t="s">
        <v>39</v>
      </c>
      <c r="Q20244" s="5" t="s">
        <v>40</v>
      </c>
      <c r="R20244" s="5" t="s">
        <v>897</v>
      </c>
      <c r="S20244" s="5" t="s">
        <v>40</v>
      </c>
      <c r="T20244" s="5" t="s">
        <v>42</v>
      </c>
      <c r="U20244" s="2">
        <v>36.457000000000001</v>
      </c>
      <c r="V20244" s="2">
        <v>34.216000000000001</v>
      </c>
      <c r="W20244" s="2">
        <v>0.109</v>
      </c>
      <c r="X20244" s="2">
        <v>17</v>
      </c>
      <c r="Y20244" s="2">
        <v>57.7</v>
      </c>
      <c r="Z20244" s="2">
        <v>111.6</v>
      </c>
      <c r="AA20244" s="5">
        <v>7</v>
      </c>
      <c r="AB20244" s="5" t="s">
        <v>43</v>
      </c>
      <c r="AC20244" s="5" t="s">
        <v>735</v>
      </c>
      <c r="AD20244" s="2" t="s">
        <v>64859</v>
      </c>
      <c r="AE20244" s="1"/>
    </row>
    <row r="20245" spans="1:31" ht="14.45">
      <c r="A20245" s="11"/>
      <c r="B20245" s="20"/>
      <c r="C20245" s="2" t="s">
        <v>64860</v>
      </c>
      <c r="D20245" s="14" t="s">
        <v>64861</v>
      </c>
      <c r="E20245" s="2" t="s">
        <v>64862</v>
      </c>
      <c r="F20245" s="2" t="s">
        <v>56385</v>
      </c>
      <c r="G20245" s="8">
        <v>1309</v>
      </c>
      <c r="H20245" s="5">
        <v>10</v>
      </c>
      <c r="I20245" s="5" t="s">
        <v>69</v>
      </c>
      <c r="J20245" s="5" t="s">
        <v>64797</v>
      </c>
      <c r="K20245" s="2" t="s">
        <v>64798</v>
      </c>
      <c r="L20245" s="5" t="s">
        <v>64797</v>
      </c>
      <c r="M20245" s="2" t="s">
        <v>64798</v>
      </c>
      <c r="N20245" s="5" t="s">
        <v>733</v>
      </c>
      <c r="O20245" s="5" t="s">
        <v>38</v>
      </c>
      <c r="P20245" s="5" t="s">
        <v>39</v>
      </c>
      <c r="Q20245" s="5" t="s">
        <v>40</v>
      </c>
      <c r="R20245" s="5" t="s">
        <v>897</v>
      </c>
      <c r="S20245" s="5" t="s">
        <v>40</v>
      </c>
      <c r="T20245" s="5" t="s">
        <v>42</v>
      </c>
      <c r="U20245" s="2">
        <v>36.44</v>
      </c>
      <c r="V20245" s="2">
        <v>34.198999999999998</v>
      </c>
      <c r="W20245" s="2">
        <v>0.109</v>
      </c>
      <c r="X20245" s="2">
        <v>17</v>
      </c>
      <c r="Y20245" s="2">
        <v>57.7</v>
      </c>
      <c r="Z20245" s="2">
        <v>111.6</v>
      </c>
      <c r="AA20245" s="5">
        <v>7</v>
      </c>
      <c r="AB20245" s="5" t="s">
        <v>43</v>
      </c>
      <c r="AC20245" s="5" t="s">
        <v>735</v>
      </c>
      <c r="AD20245" s="2" t="s">
        <v>64863</v>
      </c>
      <c r="AE20245" s="1"/>
    </row>
    <row r="20246" spans="1:31" ht="14.45">
      <c r="A20246" s="11"/>
      <c r="B20246" s="20"/>
      <c r="C20246" s="2" t="s">
        <v>64864</v>
      </c>
      <c r="D20246" s="14" t="s">
        <v>64865</v>
      </c>
      <c r="E20246" s="2" t="s">
        <v>64866</v>
      </c>
      <c r="F20246" s="2" t="s">
        <v>56404</v>
      </c>
      <c r="G20246" s="8">
        <v>940</v>
      </c>
      <c r="H20246" s="5">
        <v>5</v>
      </c>
      <c r="I20246" s="5" t="s">
        <v>69</v>
      </c>
      <c r="J20246" s="5" t="s">
        <v>64797</v>
      </c>
      <c r="K20246" s="2" t="s">
        <v>64798</v>
      </c>
      <c r="L20246" s="5" t="s">
        <v>64797</v>
      </c>
      <c r="M20246" s="2" t="s">
        <v>64798</v>
      </c>
      <c r="N20246" s="5" t="s">
        <v>733</v>
      </c>
      <c r="O20246" s="5" t="s">
        <v>38</v>
      </c>
      <c r="P20246" s="5" t="s">
        <v>39</v>
      </c>
      <c r="Q20246" s="5" t="s">
        <v>40</v>
      </c>
      <c r="R20246" s="5" t="s">
        <v>897</v>
      </c>
      <c r="S20246" s="5" t="s">
        <v>40</v>
      </c>
      <c r="T20246" s="5" t="s">
        <v>42</v>
      </c>
      <c r="U20246" s="2">
        <v>41.444000000000003</v>
      </c>
      <c r="V20246" s="2">
        <v>38.938000000000002</v>
      </c>
      <c r="W20246" s="2">
        <v>0.129</v>
      </c>
      <c r="X20246" s="2">
        <v>17</v>
      </c>
      <c r="Y20246" s="2">
        <v>57.7</v>
      </c>
      <c r="Z20246" s="2">
        <v>131.6</v>
      </c>
      <c r="AA20246" s="5">
        <v>7</v>
      </c>
      <c r="AB20246" s="5" t="s">
        <v>43</v>
      </c>
      <c r="AC20246" s="5" t="s">
        <v>735</v>
      </c>
      <c r="AD20246" s="2" t="s">
        <v>64867</v>
      </c>
      <c r="AE20246" s="1"/>
    </row>
    <row r="20247" spans="1:31" ht="14.45">
      <c r="A20247" s="11"/>
      <c r="B20247" s="20"/>
      <c r="C20247" s="2" t="s">
        <v>64868</v>
      </c>
      <c r="D20247" s="14" t="s">
        <v>64869</v>
      </c>
      <c r="E20247" s="2" t="s">
        <v>64870</v>
      </c>
      <c r="F20247" s="2" t="s">
        <v>56418</v>
      </c>
      <c r="G20247" s="8">
        <v>1033</v>
      </c>
      <c r="H20247" s="5">
        <v>10</v>
      </c>
      <c r="I20247" s="5" t="s">
        <v>69</v>
      </c>
      <c r="J20247" s="5" t="s">
        <v>64797</v>
      </c>
      <c r="K20247" s="2" t="s">
        <v>64798</v>
      </c>
      <c r="L20247" s="5" t="s">
        <v>64797</v>
      </c>
      <c r="M20247" s="2" t="s">
        <v>64798</v>
      </c>
      <c r="N20247" s="5" t="s">
        <v>733</v>
      </c>
      <c r="O20247" s="5" t="s">
        <v>38</v>
      </c>
      <c r="P20247" s="5" t="s">
        <v>39</v>
      </c>
      <c r="Q20247" s="5" t="s">
        <v>40</v>
      </c>
      <c r="R20247" s="5" t="s">
        <v>897</v>
      </c>
      <c r="S20247" s="5" t="s">
        <v>40</v>
      </c>
      <c r="T20247" s="5" t="s">
        <v>42</v>
      </c>
      <c r="U20247" s="2">
        <v>41.347000000000001</v>
      </c>
      <c r="V20247" s="2">
        <v>38.841000000000001</v>
      </c>
      <c r="W20247" s="2">
        <v>0.129</v>
      </c>
      <c r="X20247" s="2">
        <v>17</v>
      </c>
      <c r="Y20247" s="2">
        <v>57.7</v>
      </c>
      <c r="Z20247" s="2">
        <v>131.6</v>
      </c>
      <c r="AA20247" s="5">
        <v>7</v>
      </c>
      <c r="AB20247" s="5" t="s">
        <v>43</v>
      </c>
      <c r="AC20247" s="5" t="s">
        <v>735</v>
      </c>
      <c r="AD20247" s="2" t="s">
        <v>64871</v>
      </c>
      <c r="AE20247" s="1"/>
    </row>
    <row r="20248" spans="1:31" ht="14.45">
      <c r="A20248" s="11"/>
      <c r="B20248" s="20"/>
      <c r="C20248" s="2" t="s">
        <v>64872</v>
      </c>
      <c r="D20248" s="14" t="s">
        <v>64873</v>
      </c>
      <c r="E20248" s="2" t="s">
        <v>64874</v>
      </c>
      <c r="F20248" s="2" t="s">
        <v>56444</v>
      </c>
      <c r="G20248" s="8">
        <v>738</v>
      </c>
      <c r="H20248" s="5">
        <v>5</v>
      </c>
      <c r="I20248" s="5" t="s">
        <v>69</v>
      </c>
      <c r="J20248" s="5" t="s">
        <v>64797</v>
      </c>
      <c r="K20248" s="2" t="s">
        <v>64798</v>
      </c>
      <c r="L20248" s="5" t="s">
        <v>64797</v>
      </c>
      <c r="M20248" s="2" t="s">
        <v>64798</v>
      </c>
      <c r="N20248" s="5" t="s">
        <v>733</v>
      </c>
      <c r="O20248" s="5" t="s">
        <v>38</v>
      </c>
      <c r="P20248" s="5" t="s">
        <v>39</v>
      </c>
      <c r="Q20248" s="5" t="s">
        <v>40</v>
      </c>
      <c r="R20248" s="5" t="s">
        <v>897</v>
      </c>
      <c r="S20248" s="5" t="s">
        <v>40</v>
      </c>
      <c r="T20248" s="5" t="s">
        <v>42</v>
      </c>
      <c r="U20248" s="2">
        <v>35.359000000000002</v>
      </c>
      <c r="V20248" s="2">
        <v>32.843000000000004</v>
      </c>
      <c r="W20248" s="2">
        <v>0.129</v>
      </c>
      <c r="X20248" s="2">
        <v>17</v>
      </c>
      <c r="Y20248" s="2">
        <v>57.7</v>
      </c>
      <c r="Z20248" s="2">
        <v>131.6</v>
      </c>
      <c r="AA20248" s="5">
        <v>7</v>
      </c>
      <c r="AB20248" s="5" t="s">
        <v>43</v>
      </c>
      <c r="AC20248" s="5" t="s">
        <v>735</v>
      </c>
      <c r="AD20248" s="2" t="s">
        <v>64875</v>
      </c>
      <c r="AE20248" s="1"/>
    </row>
    <row r="20249" spans="1:31" ht="14.45">
      <c r="A20249" s="11"/>
      <c r="B20249" s="20"/>
      <c r="C20249" s="2" t="s">
        <v>64876</v>
      </c>
      <c r="D20249" s="14" t="s">
        <v>64877</v>
      </c>
      <c r="E20249" s="2" t="s">
        <v>64878</v>
      </c>
      <c r="F20249" s="2" t="s">
        <v>56457</v>
      </c>
      <c r="G20249" s="8">
        <v>881</v>
      </c>
      <c r="H20249" s="5">
        <v>10</v>
      </c>
      <c r="I20249" s="5" t="s">
        <v>69</v>
      </c>
      <c r="J20249" s="5" t="s">
        <v>64797</v>
      </c>
      <c r="K20249" s="2" t="s">
        <v>64798</v>
      </c>
      <c r="L20249" s="5" t="s">
        <v>64797</v>
      </c>
      <c r="M20249" s="2" t="s">
        <v>64798</v>
      </c>
      <c r="N20249" s="5" t="s">
        <v>733</v>
      </c>
      <c r="O20249" s="5" t="s">
        <v>38</v>
      </c>
      <c r="P20249" s="5" t="s">
        <v>39</v>
      </c>
      <c r="Q20249" s="5" t="s">
        <v>40</v>
      </c>
      <c r="R20249" s="5" t="s">
        <v>897</v>
      </c>
      <c r="S20249" s="5" t="s">
        <v>40</v>
      </c>
      <c r="T20249" s="5" t="s">
        <v>42</v>
      </c>
      <c r="U20249" s="2">
        <v>41.466999999999999</v>
      </c>
      <c r="V20249" s="2">
        <v>38.960999999999999</v>
      </c>
      <c r="W20249" s="2">
        <v>0.129</v>
      </c>
      <c r="X20249" s="2">
        <v>17</v>
      </c>
      <c r="Y20249" s="2">
        <v>57.7</v>
      </c>
      <c r="Z20249" s="2">
        <v>131.6</v>
      </c>
      <c r="AA20249" s="5">
        <v>7</v>
      </c>
      <c r="AB20249" s="5" t="s">
        <v>43</v>
      </c>
      <c r="AC20249" s="5" t="s">
        <v>735</v>
      </c>
      <c r="AD20249" s="2" t="s">
        <v>64879</v>
      </c>
      <c r="AE20249" s="1"/>
    </row>
    <row r="20250" spans="1:31" ht="14.45">
      <c r="A20250" s="11"/>
      <c r="B20250" s="20"/>
      <c r="C20250" s="2" t="s">
        <v>64880</v>
      </c>
      <c r="D20250" s="14" t="s">
        <v>64881</v>
      </c>
      <c r="E20250" s="2" t="s">
        <v>64882</v>
      </c>
      <c r="F20250" s="2" t="s">
        <v>56475</v>
      </c>
      <c r="G20250" s="8">
        <v>1408</v>
      </c>
      <c r="H20250" s="5">
        <v>10</v>
      </c>
      <c r="I20250" s="5" t="s">
        <v>69</v>
      </c>
      <c r="J20250" s="5" t="s">
        <v>64797</v>
      </c>
      <c r="K20250" s="2" t="s">
        <v>64798</v>
      </c>
      <c r="L20250" s="5" t="s">
        <v>64797</v>
      </c>
      <c r="M20250" s="2" t="s">
        <v>64798</v>
      </c>
      <c r="N20250" s="5" t="s">
        <v>733</v>
      </c>
      <c r="O20250" s="5" t="s">
        <v>38</v>
      </c>
      <c r="P20250" s="5" t="s">
        <v>39</v>
      </c>
      <c r="Q20250" s="5" t="s">
        <v>40</v>
      </c>
      <c r="R20250" s="5" t="s">
        <v>897</v>
      </c>
      <c r="S20250" s="5" t="s">
        <v>40</v>
      </c>
      <c r="T20250" s="5" t="s">
        <v>42</v>
      </c>
      <c r="U20250" s="2">
        <v>43.186999999999998</v>
      </c>
      <c r="V20250" s="2">
        <v>40.656999999999996</v>
      </c>
      <c r="W20250" s="2">
        <v>0.129</v>
      </c>
      <c r="X20250" s="2">
        <v>17</v>
      </c>
      <c r="Y20250" s="2">
        <v>57.7</v>
      </c>
      <c r="Z20250" s="2">
        <v>131.6</v>
      </c>
      <c r="AA20250" s="5">
        <v>7</v>
      </c>
      <c r="AB20250" s="5" t="s">
        <v>43</v>
      </c>
      <c r="AC20250" s="5" t="s">
        <v>735</v>
      </c>
      <c r="AD20250" s="2" t="s">
        <v>64883</v>
      </c>
      <c r="AE20250" s="1"/>
    </row>
    <row r="20251" spans="1:31" ht="14.45">
      <c r="A20251" s="11"/>
      <c r="B20251" s="20"/>
      <c r="C20251" s="2" t="s">
        <v>64884</v>
      </c>
      <c r="D20251" s="14" t="s">
        <v>64885</v>
      </c>
      <c r="E20251" s="2" t="s">
        <v>64886</v>
      </c>
      <c r="F20251" s="2" t="s">
        <v>56495</v>
      </c>
      <c r="G20251" s="8">
        <v>1349</v>
      </c>
      <c r="H20251" s="5">
        <v>10</v>
      </c>
      <c r="I20251" s="5" t="s">
        <v>69</v>
      </c>
      <c r="J20251" s="5" t="s">
        <v>64797</v>
      </c>
      <c r="K20251" s="2" t="s">
        <v>64798</v>
      </c>
      <c r="L20251" s="5" t="s">
        <v>64797</v>
      </c>
      <c r="M20251" s="2" t="s">
        <v>64798</v>
      </c>
      <c r="N20251" s="5" t="s">
        <v>733</v>
      </c>
      <c r="O20251" s="5" t="s">
        <v>38</v>
      </c>
      <c r="P20251" s="5" t="s">
        <v>39</v>
      </c>
      <c r="Q20251" s="5" t="s">
        <v>40</v>
      </c>
      <c r="R20251" s="5" t="s">
        <v>897</v>
      </c>
      <c r="S20251" s="5" t="s">
        <v>40</v>
      </c>
      <c r="T20251" s="5" t="s">
        <v>42</v>
      </c>
      <c r="U20251" s="2">
        <v>43.165999999999997</v>
      </c>
      <c r="V20251" s="2">
        <v>40.636000000000003</v>
      </c>
      <c r="W20251" s="2">
        <v>0.129</v>
      </c>
      <c r="X20251" s="2">
        <v>17</v>
      </c>
      <c r="Y20251" s="2">
        <v>57.7</v>
      </c>
      <c r="Z20251" s="2">
        <v>131.6</v>
      </c>
      <c r="AA20251" s="5">
        <v>7</v>
      </c>
      <c r="AB20251" s="5" t="s">
        <v>43</v>
      </c>
      <c r="AC20251" s="5" t="s">
        <v>735</v>
      </c>
      <c r="AD20251" s="2" t="s">
        <v>64887</v>
      </c>
      <c r="AE20251" s="1"/>
    </row>
    <row r="20252" spans="1:31" ht="14.45">
      <c r="A20252" s="11"/>
      <c r="B20252" s="20"/>
      <c r="C20252" s="2" t="s">
        <v>64888</v>
      </c>
      <c r="D20252" s="14" t="s">
        <v>64889</v>
      </c>
      <c r="E20252" s="2" t="s">
        <v>64890</v>
      </c>
      <c r="F20252" s="2" t="s">
        <v>56513</v>
      </c>
      <c r="G20252" s="8">
        <v>1349</v>
      </c>
      <c r="H20252" s="5">
        <v>10</v>
      </c>
      <c r="I20252" s="5" t="s">
        <v>69</v>
      </c>
      <c r="J20252" s="5" t="s">
        <v>64797</v>
      </c>
      <c r="K20252" s="2" t="s">
        <v>64798</v>
      </c>
      <c r="L20252" s="5" t="s">
        <v>64797</v>
      </c>
      <c r="M20252" s="2" t="s">
        <v>64798</v>
      </c>
      <c r="N20252" s="5" t="s">
        <v>733</v>
      </c>
      <c r="O20252" s="5" t="s">
        <v>38</v>
      </c>
      <c r="P20252" s="5" t="s">
        <v>39</v>
      </c>
      <c r="Q20252" s="5" t="s">
        <v>40</v>
      </c>
      <c r="R20252" s="5" t="s">
        <v>897</v>
      </c>
      <c r="S20252" s="5" t="s">
        <v>40</v>
      </c>
      <c r="T20252" s="5" t="s">
        <v>42</v>
      </c>
      <c r="U20252" s="2">
        <v>42.012999999999998</v>
      </c>
      <c r="V20252" s="2">
        <v>39.482999999999997</v>
      </c>
      <c r="W20252" s="2">
        <v>0.129</v>
      </c>
      <c r="X20252" s="2">
        <v>17</v>
      </c>
      <c r="Y20252" s="2">
        <v>57.7</v>
      </c>
      <c r="Z20252" s="2">
        <v>131.6</v>
      </c>
      <c r="AA20252" s="5">
        <v>7</v>
      </c>
      <c r="AB20252" s="5" t="s">
        <v>43</v>
      </c>
      <c r="AC20252" s="5" t="s">
        <v>735</v>
      </c>
      <c r="AD20252" s="2" t="s">
        <v>64891</v>
      </c>
      <c r="AE20252" s="1"/>
    </row>
    <row r="20253" spans="1:31" ht="14.45">
      <c r="A20253" s="11"/>
      <c r="B20253" s="20"/>
      <c r="C20253" s="2" t="s">
        <v>64892</v>
      </c>
      <c r="D20253" s="14" t="s">
        <v>64893</v>
      </c>
      <c r="E20253" s="2" t="s">
        <v>64894</v>
      </c>
      <c r="F20253" s="2" t="s">
        <v>56532</v>
      </c>
      <c r="G20253" s="8">
        <v>940</v>
      </c>
      <c r="H20253" s="5">
        <v>10</v>
      </c>
      <c r="I20253" s="5" t="s">
        <v>69</v>
      </c>
      <c r="J20253" s="5" t="s">
        <v>64797</v>
      </c>
      <c r="K20253" s="2" t="s">
        <v>64798</v>
      </c>
      <c r="L20253" s="5" t="s">
        <v>64797</v>
      </c>
      <c r="M20253" s="2" t="s">
        <v>64798</v>
      </c>
      <c r="N20253" s="5" t="s">
        <v>733</v>
      </c>
      <c r="O20253" s="5" t="s">
        <v>38</v>
      </c>
      <c r="P20253" s="5" t="s">
        <v>39</v>
      </c>
      <c r="Q20253" s="5" t="s">
        <v>40</v>
      </c>
      <c r="R20253" s="5" t="s">
        <v>897</v>
      </c>
      <c r="S20253" s="5" t="s">
        <v>40</v>
      </c>
      <c r="T20253" s="5" t="s">
        <v>42</v>
      </c>
      <c r="U20253" s="2">
        <v>41.420999999999999</v>
      </c>
      <c r="V20253" s="2">
        <v>38.914999999999999</v>
      </c>
      <c r="W20253" s="2">
        <v>0.129</v>
      </c>
      <c r="X20253" s="2">
        <v>17</v>
      </c>
      <c r="Y20253" s="2">
        <v>57.7</v>
      </c>
      <c r="Z20253" s="2">
        <v>131.6</v>
      </c>
      <c r="AA20253" s="5">
        <v>7</v>
      </c>
      <c r="AB20253" s="5" t="s">
        <v>43</v>
      </c>
      <c r="AC20253" s="5" t="s">
        <v>735</v>
      </c>
      <c r="AD20253" s="2" t="s">
        <v>64895</v>
      </c>
      <c r="AE20253" s="1"/>
    </row>
    <row r="20254" spans="1:31" ht="14.45">
      <c r="A20254" s="11"/>
      <c r="B20254" s="20"/>
      <c r="C20254" s="2" t="s">
        <v>64896</v>
      </c>
      <c r="D20254" s="14" t="s">
        <v>64897</v>
      </c>
      <c r="E20254" s="2" t="s">
        <v>64898</v>
      </c>
      <c r="F20254" s="2" t="s">
        <v>56560</v>
      </c>
      <c r="G20254" s="8">
        <v>738</v>
      </c>
      <c r="H20254" s="5">
        <v>5</v>
      </c>
      <c r="I20254" s="5" t="s">
        <v>69</v>
      </c>
      <c r="J20254" s="5" t="s">
        <v>64797</v>
      </c>
      <c r="K20254" s="2" t="s">
        <v>64798</v>
      </c>
      <c r="L20254" s="5" t="s">
        <v>64797</v>
      </c>
      <c r="M20254" s="2" t="s">
        <v>64798</v>
      </c>
      <c r="N20254" s="5" t="s">
        <v>733</v>
      </c>
      <c r="O20254" s="5" t="s">
        <v>38</v>
      </c>
      <c r="P20254" s="5" t="s">
        <v>39</v>
      </c>
      <c r="Q20254" s="5" t="s">
        <v>40</v>
      </c>
      <c r="R20254" s="5" t="s">
        <v>897</v>
      </c>
      <c r="S20254" s="5" t="s">
        <v>40</v>
      </c>
      <c r="T20254" s="5" t="s">
        <v>42</v>
      </c>
      <c r="U20254" s="2">
        <v>35.335000000000001</v>
      </c>
      <c r="V20254" s="2">
        <v>32.819000000000003</v>
      </c>
      <c r="W20254" s="2">
        <v>0.129</v>
      </c>
      <c r="X20254" s="2">
        <v>17</v>
      </c>
      <c r="Y20254" s="2">
        <v>57.7</v>
      </c>
      <c r="Z20254" s="2">
        <v>131.6</v>
      </c>
      <c r="AA20254" s="5">
        <v>7</v>
      </c>
      <c r="AB20254" s="5" t="s">
        <v>43</v>
      </c>
      <c r="AC20254" s="5" t="s">
        <v>735</v>
      </c>
      <c r="AD20254" s="2" t="s">
        <v>64899</v>
      </c>
      <c r="AE20254" s="1"/>
    </row>
    <row r="20255" spans="1:31" ht="14.45">
      <c r="A20255" s="11"/>
      <c r="B20255" s="20"/>
      <c r="C20255" s="2" t="s">
        <v>64900</v>
      </c>
      <c r="D20255" s="14" t="s">
        <v>64901</v>
      </c>
      <c r="E20255" s="2" t="s">
        <v>64902</v>
      </c>
      <c r="F20255" s="2" t="s">
        <v>56573</v>
      </c>
      <c r="G20255" s="8">
        <v>881</v>
      </c>
      <c r="H20255" s="5">
        <v>10</v>
      </c>
      <c r="I20255" s="5" t="s">
        <v>69</v>
      </c>
      <c r="J20255" s="5" t="s">
        <v>64797</v>
      </c>
      <c r="K20255" s="2" t="s">
        <v>64798</v>
      </c>
      <c r="L20255" s="5" t="s">
        <v>64797</v>
      </c>
      <c r="M20255" s="2" t="s">
        <v>64798</v>
      </c>
      <c r="N20255" s="5" t="s">
        <v>733</v>
      </c>
      <c r="O20255" s="5" t="s">
        <v>38</v>
      </c>
      <c r="P20255" s="5" t="s">
        <v>39</v>
      </c>
      <c r="Q20255" s="5" t="s">
        <v>40</v>
      </c>
      <c r="R20255" s="5" t="s">
        <v>897</v>
      </c>
      <c r="S20255" s="5" t="s">
        <v>40</v>
      </c>
      <c r="T20255" s="5" t="s">
        <v>42</v>
      </c>
      <c r="U20255" s="2">
        <v>41.4</v>
      </c>
      <c r="V20255" s="2">
        <v>38.893999999999998</v>
      </c>
      <c r="W20255" s="2">
        <v>0.129</v>
      </c>
      <c r="X20255" s="2">
        <v>17</v>
      </c>
      <c r="Y20255" s="2">
        <v>57.7</v>
      </c>
      <c r="Z20255" s="2">
        <v>131.6</v>
      </c>
      <c r="AA20255" s="5">
        <v>7</v>
      </c>
      <c r="AB20255" s="5" t="s">
        <v>43</v>
      </c>
      <c r="AC20255" s="5" t="s">
        <v>735</v>
      </c>
      <c r="AD20255" s="2" t="s">
        <v>64903</v>
      </c>
      <c r="AE20255" s="1"/>
    </row>
    <row r="20256" spans="1:31" ht="14.45">
      <c r="A20256" s="11"/>
      <c r="B20256" s="20"/>
      <c r="C20256" s="2" t="s">
        <v>64904</v>
      </c>
      <c r="D20256" s="14" t="s">
        <v>64905</v>
      </c>
      <c r="E20256" s="2" t="s">
        <v>64906</v>
      </c>
      <c r="F20256" s="2" t="s">
        <v>56601</v>
      </c>
      <c r="G20256" s="8">
        <v>1349</v>
      </c>
      <c r="H20256" s="5">
        <v>10</v>
      </c>
      <c r="I20256" s="5" t="s">
        <v>69</v>
      </c>
      <c r="J20256" s="5" t="s">
        <v>64797</v>
      </c>
      <c r="K20256" s="2" t="s">
        <v>64798</v>
      </c>
      <c r="L20256" s="5" t="s">
        <v>64797</v>
      </c>
      <c r="M20256" s="2" t="s">
        <v>64798</v>
      </c>
      <c r="N20256" s="5" t="s">
        <v>733</v>
      </c>
      <c r="O20256" s="5" t="s">
        <v>38</v>
      </c>
      <c r="P20256" s="5" t="s">
        <v>39</v>
      </c>
      <c r="Q20256" s="5" t="s">
        <v>40</v>
      </c>
      <c r="R20256" s="5" t="s">
        <v>897</v>
      </c>
      <c r="S20256" s="5" t="s">
        <v>40</v>
      </c>
      <c r="T20256" s="5" t="s">
        <v>42</v>
      </c>
      <c r="U20256" s="2">
        <v>43.218000000000004</v>
      </c>
      <c r="V20256" s="2">
        <v>40.688000000000002</v>
      </c>
      <c r="W20256" s="2">
        <v>0.129</v>
      </c>
      <c r="X20256" s="2">
        <v>17</v>
      </c>
      <c r="Y20256" s="2">
        <v>57.7</v>
      </c>
      <c r="Z20256" s="2">
        <v>131.6</v>
      </c>
      <c r="AA20256" s="5">
        <v>7</v>
      </c>
      <c r="AB20256" s="5" t="s">
        <v>43</v>
      </c>
      <c r="AC20256" s="5" t="s">
        <v>735</v>
      </c>
      <c r="AD20256" s="2" t="s">
        <v>64907</v>
      </c>
      <c r="AE20256" s="1"/>
    </row>
    <row r="20257" spans="1:31" ht="14.45">
      <c r="A20257" s="11"/>
      <c r="B20257" s="20"/>
      <c r="C20257" s="2" t="s">
        <v>64908</v>
      </c>
      <c r="D20257" s="14" t="s">
        <v>64909</v>
      </c>
      <c r="E20257" s="2" t="s">
        <v>64910</v>
      </c>
      <c r="F20257" s="2" t="s">
        <v>56624</v>
      </c>
      <c r="G20257" s="8">
        <v>1349</v>
      </c>
      <c r="H20257" s="5">
        <v>10</v>
      </c>
      <c r="I20257" s="5" t="s">
        <v>69</v>
      </c>
      <c r="J20257" s="5" t="s">
        <v>64797</v>
      </c>
      <c r="K20257" s="2" t="s">
        <v>64798</v>
      </c>
      <c r="L20257" s="5" t="s">
        <v>64797</v>
      </c>
      <c r="M20257" s="2" t="s">
        <v>64798</v>
      </c>
      <c r="N20257" s="5" t="s">
        <v>733</v>
      </c>
      <c r="O20257" s="5" t="s">
        <v>38</v>
      </c>
      <c r="P20257" s="5" t="s">
        <v>39</v>
      </c>
      <c r="Q20257" s="5" t="s">
        <v>40</v>
      </c>
      <c r="R20257" s="5" t="s">
        <v>897</v>
      </c>
      <c r="S20257" s="5" t="s">
        <v>40</v>
      </c>
      <c r="T20257" s="5" t="s">
        <v>42</v>
      </c>
      <c r="U20257" s="2">
        <v>42.064999999999998</v>
      </c>
      <c r="V20257" s="2">
        <v>39.534999999999997</v>
      </c>
      <c r="W20257" s="2">
        <v>0.129</v>
      </c>
      <c r="X20257" s="2">
        <v>17</v>
      </c>
      <c r="Y20257" s="2">
        <v>57.7</v>
      </c>
      <c r="Z20257" s="2">
        <v>131.6</v>
      </c>
      <c r="AA20257" s="5">
        <v>7</v>
      </c>
      <c r="AB20257" s="5" t="s">
        <v>43</v>
      </c>
      <c r="AC20257" s="5" t="s">
        <v>735</v>
      </c>
      <c r="AD20257" s="2" t="s">
        <v>64911</v>
      </c>
      <c r="AE20257" s="1"/>
    </row>
    <row r="20258" spans="1:31" ht="14.45">
      <c r="A20258" s="11"/>
      <c r="B20258" s="20"/>
      <c r="C20258" s="2" t="s">
        <v>64912</v>
      </c>
      <c r="D20258" s="14" t="s">
        <v>64913</v>
      </c>
      <c r="E20258" s="2" t="s">
        <v>64914</v>
      </c>
      <c r="F20258" s="2" t="s">
        <v>64915</v>
      </c>
      <c r="G20258" s="8">
        <v>1041</v>
      </c>
      <c r="H20258" s="5">
        <v>5</v>
      </c>
      <c r="I20258" s="5" t="s">
        <v>69</v>
      </c>
      <c r="J20258" s="5" t="s">
        <v>64797</v>
      </c>
      <c r="K20258" s="2" t="s">
        <v>64798</v>
      </c>
      <c r="L20258" s="5" t="s">
        <v>64797</v>
      </c>
      <c r="M20258" s="2" t="s">
        <v>64798</v>
      </c>
      <c r="N20258" s="5" t="s">
        <v>733</v>
      </c>
      <c r="O20258" s="5" t="s">
        <v>38</v>
      </c>
      <c r="P20258" s="5" t="s">
        <v>39</v>
      </c>
      <c r="Q20258" s="5" t="s">
        <v>40</v>
      </c>
      <c r="R20258" s="5" t="s">
        <v>897</v>
      </c>
      <c r="S20258" s="5" t="s">
        <v>40</v>
      </c>
      <c r="T20258" s="5" t="s">
        <v>42</v>
      </c>
      <c r="U20258" s="2">
        <v>45.320999999999998</v>
      </c>
      <c r="V20258" s="2">
        <v>42.511000000000003</v>
      </c>
      <c r="W20258" s="2">
        <v>0.154</v>
      </c>
      <c r="X20258" s="2">
        <v>17</v>
      </c>
      <c r="Y20258" s="2">
        <v>68.7</v>
      </c>
      <c r="Z20258" s="2">
        <v>131.6</v>
      </c>
      <c r="AA20258" s="5">
        <v>7</v>
      </c>
      <c r="AB20258" s="5" t="s">
        <v>43</v>
      </c>
      <c r="AC20258" s="5" t="s">
        <v>735</v>
      </c>
      <c r="AD20258" s="2" t="s">
        <v>64916</v>
      </c>
      <c r="AE20258" s="1"/>
    </row>
    <row r="20259" spans="1:31" ht="14.45">
      <c r="A20259" s="11"/>
      <c r="B20259" s="20"/>
      <c r="C20259" s="2" t="s">
        <v>64917</v>
      </c>
      <c r="D20259" s="14" t="s">
        <v>64918</v>
      </c>
      <c r="E20259" s="2" t="s">
        <v>64919</v>
      </c>
      <c r="F20259" s="2" t="s">
        <v>56845</v>
      </c>
      <c r="G20259" s="8">
        <v>1152</v>
      </c>
      <c r="H20259" s="5">
        <v>10</v>
      </c>
      <c r="I20259" s="5" t="s">
        <v>69</v>
      </c>
      <c r="J20259" s="5" t="s">
        <v>64797</v>
      </c>
      <c r="K20259" s="2" t="s">
        <v>64798</v>
      </c>
      <c r="L20259" s="5" t="s">
        <v>64797</v>
      </c>
      <c r="M20259" s="2" t="s">
        <v>64798</v>
      </c>
      <c r="N20259" s="5" t="s">
        <v>733</v>
      </c>
      <c r="O20259" s="5" t="s">
        <v>38</v>
      </c>
      <c r="P20259" s="5" t="s">
        <v>39</v>
      </c>
      <c r="Q20259" s="5" t="s">
        <v>40</v>
      </c>
      <c r="R20259" s="5" t="s">
        <v>897</v>
      </c>
      <c r="S20259" s="5" t="s">
        <v>40</v>
      </c>
      <c r="T20259" s="5" t="s">
        <v>42</v>
      </c>
      <c r="U20259" s="2">
        <v>45.076000000000001</v>
      </c>
      <c r="V20259" s="2">
        <v>42.265999999999998</v>
      </c>
      <c r="W20259" s="2">
        <v>0.154</v>
      </c>
      <c r="X20259" s="2">
        <v>17</v>
      </c>
      <c r="Y20259" s="2">
        <v>68.7</v>
      </c>
      <c r="Z20259" s="2">
        <v>131.6</v>
      </c>
      <c r="AA20259" s="5">
        <v>7</v>
      </c>
      <c r="AB20259" s="5" t="s">
        <v>43</v>
      </c>
      <c r="AC20259" s="5" t="s">
        <v>735</v>
      </c>
      <c r="AD20259" s="2" t="s">
        <v>64920</v>
      </c>
      <c r="AE20259" s="1"/>
    </row>
    <row r="20260" spans="1:31" ht="14.45">
      <c r="A20260" s="11"/>
      <c r="B20260" s="20"/>
      <c r="C20260" s="2" t="s">
        <v>64921</v>
      </c>
      <c r="D20260" s="14" t="s">
        <v>64922</v>
      </c>
      <c r="E20260" s="2" t="s">
        <v>64923</v>
      </c>
      <c r="F20260" s="2" t="s">
        <v>56858</v>
      </c>
      <c r="G20260" s="8">
        <v>934</v>
      </c>
      <c r="H20260" s="5">
        <v>10</v>
      </c>
      <c r="I20260" s="5" t="s">
        <v>69</v>
      </c>
      <c r="J20260" s="5" t="s">
        <v>64797</v>
      </c>
      <c r="K20260" s="2" t="s">
        <v>64798</v>
      </c>
      <c r="L20260" s="5" t="s">
        <v>64797</v>
      </c>
      <c r="M20260" s="2" t="s">
        <v>64798</v>
      </c>
      <c r="N20260" s="5" t="s">
        <v>733</v>
      </c>
      <c r="O20260" s="5" t="s">
        <v>38</v>
      </c>
      <c r="P20260" s="5" t="s">
        <v>39</v>
      </c>
      <c r="Q20260" s="5" t="s">
        <v>40</v>
      </c>
      <c r="R20260" s="5" t="s">
        <v>897</v>
      </c>
      <c r="S20260" s="5" t="s">
        <v>40</v>
      </c>
      <c r="T20260" s="5" t="s">
        <v>42</v>
      </c>
      <c r="U20260" s="2">
        <v>45.262999999999998</v>
      </c>
      <c r="V20260" s="2">
        <v>42.453000000000003</v>
      </c>
      <c r="W20260" s="2">
        <v>0.154</v>
      </c>
      <c r="X20260" s="2">
        <v>17</v>
      </c>
      <c r="Y20260" s="2">
        <v>68.7</v>
      </c>
      <c r="Z20260" s="2">
        <v>131.6</v>
      </c>
      <c r="AA20260" s="5">
        <v>7</v>
      </c>
      <c r="AB20260" s="5" t="s">
        <v>43</v>
      </c>
      <c r="AC20260" s="5" t="s">
        <v>735</v>
      </c>
      <c r="AD20260" s="2" t="s">
        <v>64924</v>
      </c>
      <c r="AE20260" s="1"/>
    </row>
    <row r="20261" spans="1:31" ht="14.45">
      <c r="A20261" s="11"/>
      <c r="B20261" s="20"/>
      <c r="C20261" s="2" t="s">
        <v>64925</v>
      </c>
      <c r="D20261" s="14" t="s">
        <v>64926</v>
      </c>
      <c r="E20261" s="2" t="s">
        <v>64927</v>
      </c>
      <c r="F20261" s="2" t="s">
        <v>56871</v>
      </c>
      <c r="G20261" s="8">
        <v>799</v>
      </c>
      <c r="H20261" s="5">
        <v>5</v>
      </c>
      <c r="I20261" s="5" t="s">
        <v>69</v>
      </c>
      <c r="J20261" s="5" t="s">
        <v>64797</v>
      </c>
      <c r="K20261" s="2" t="s">
        <v>64798</v>
      </c>
      <c r="L20261" s="5" t="s">
        <v>64797</v>
      </c>
      <c r="M20261" s="2" t="s">
        <v>64798</v>
      </c>
      <c r="N20261" s="5" t="s">
        <v>733</v>
      </c>
      <c r="O20261" s="5" t="s">
        <v>38</v>
      </c>
      <c r="P20261" s="5" t="s">
        <v>39</v>
      </c>
      <c r="Q20261" s="5" t="s">
        <v>40</v>
      </c>
      <c r="R20261" s="5" t="s">
        <v>897</v>
      </c>
      <c r="S20261" s="5" t="s">
        <v>40</v>
      </c>
      <c r="T20261" s="5" t="s">
        <v>42</v>
      </c>
      <c r="U20261" s="2">
        <v>40.273000000000003</v>
      </c>
      <c r="V20261" s="2">
        <v>37.448999999999998</v>
      </c>
      <c r="W20261" s="2">
        <v>0.154</v>
      </c>
      <c r="X20261" s="2">
        <v>17</v>
      </c>
      <c r="Y20261" s="2">
        <v>68.7</v>
      </c>
      <c r="Z20261" s="2">
        <v>131.6</v>
      </c>
      <c r="AA20261" s="5">
        <v>7</v>
      </c>
      <c r="AB20261" s="5" t="s">
        <v>43</v>
      </c>
      <c r="AC20261" s="5" t="s">
        <v>735</v>
      </c>
      <c r="AD20261" s="2" t="s">
        <v>64928</v>
      </c>
      <c r="AE20261" s="1"/>
    </row>
    <row r="20262" spans="1:31" ht="14.45">
      <c r="A20262" s="11"/>
      <c r="B20262" s="20"/>
      <c r="C20262" s="2" t="s">
        <v>64929</v>
      </c>
      <c r="D20262" s="14" t="s">
        <v>64930</v>
      </c>
      <c r="E20262" s="2" t="s">
        <v>64931</v>
      </c>
      <c r="F20262" s="2" t="s">
        <v>56894</v>
      </c>
      <c r="G20262" s="8">
        <v>971</v>
      </c>
      <c r="H20262" s="5">
        <v>5</v>
      </c>
      <c r="I20262" s="5" t="s">
        <v>69</v>
      </c>
      <c r="J20262" s="5" t="s">
        <v>64797</v>
      </c>
      <c r="K20262" s="2" t="s">
        <v>64798</v>
      </c>
      <c r="L20262" s="5" t="s">
        <v>64797</v>
      </c>
      <c r="M20262" s="2" t="s">
        <v>64798</v>
      </c>
      <c r="N20262" s="5" t="s">
        <v>733</v>
      </c>
      <c r="O20262" s="5" t="s">
        <v>38</v>
      </c>
      <c r="P20262" s="5" t="s">
        <v>39</v>
      </c>
      <c r="Q20262" s="5" t="s">
        <v>40</v>
      </c>
      <c r="R20262" s="5" t="s">
        <v>897</v>
      </c>
      <c r="S20262" s="5" t="s">
        <v>40</v>
      </c>
      <c r="T20262" s="5" t="s">
        <v>42</v>
      </c>
      <c r="U20262" s="2">
        <v>45.204000000000001</v>
      </c>
      <c r="V20262" s="2">
        <v>42.393999999999998</v>
      </c>
      <c r="W20262" s="2">
        <v>0.154</v>
      </c>
      <c r="X20262" s="2">
        <v>17</v>
      </c>
      <c r="Y20262" s="2">
        <v>68.7</v>
      </c>
      <c r="Z20262" s="2">
        <v>131.6</v>
      </c>
      <c r="AA20262" s="5">
        <v>7</v>
      </c>
      <c r="AB20262" s="5" t="s">
        <v>43</v>
      </c>
      <c r="AC20262" s="5" t="s">
        <v>735</v>
      </c>
      <c r="AD20262" s="2" t="s">
        <v>64932</v>
      </c>
      <c r="AE20262" s="1"/>
    </row>
    <row r="20263" spans="1:31" ht="14.45">
      <c r="A20263" s="11"/>
      <c r="B20263" s="20"/>
      <c r="C20263" s="2" t="s">
        <v>64933</v>
      </c>
      <c r="D20263" s="14" t="s">
        <v>64934</v>
      </c>
      <c r="E20263" s="2" t="s">
        <v>64935</v>
      </c>
      <c r="F20263" s="2" t="s">
        <v>56917</v>
      </c>
      <c r="G20263" s="8">
        <v>1509</v>
      </c>
      <c r="H20263" s="5">
        <v>10</v>
      </c>
      <c r="I20263" s="5" t="s">
        <v>69</v>
      </c>
      <c r="J20263" s="5" t="s">
        <v>64797</v>
      </c>
      <c r="K20263" s="2" t="s">
        <v>64798</v>
      </c>
      <c r="L20263" s="5" t="s">
        <v>64797</v>
      </c>
      <c r="M20263" s="2" t="s">
        <v>64798</v>
      </c>
      <c r="N20263" s="5" t="s">
        <v>733</v>
      </c>
      <c r="O20263" s="5" t="s">
        <v>38</v>
      </c>
      <c r="P20263" s="5" t="s">
        <v>39</v>
      </c>
      <c r="Q20263" s="5" t="s">
        <v>40</v>
      </c>
      <c r="R20263" s="5" t="s">
        <v>897</v>
      </c>
      <c r="S20263" s="5" t="s">
        <v>40</v>
      </c>
      <c r="T20263" s="5" t="s">
        <v>42</v>
      </c>
      <c r="U20263" s="2">
        <v>48.393000000000001</v>
      </c>
      <c r="V20263" s="2">
        <v>45.558999999999997</v>
      </c>
      <c r="W20263" s="2">
        <v>0.154</v>
      </c>
      <c r="X20263" s="2">
        <v>17</v>
      </c>
      <c r="Y20263" s="2">
        <v>68.7</v>
      </c>
      <c r="Z20263" s="2">
        <v>131.6</v>
      </c>
      <c r="AA20263" s="5">
        <v>7</v>
      </c>
      <c r="AB20263" s="5" t="s">
        <v>43</v>
      </c>
      <c r="AC20263" s="5" t="s">
        <v>735</v>
      </c>
      <c r="AD20263" s="2" t="s">
        <v>64936</v>
      </c>
      <c r="AE20263" s="1"/>
    </row>
    <row r="20264" spans="1:31" ht="14.45">
      <c r="A20264" s="11"/>
      <c r="B20264" s="20"/>
      <c r="C20264" s="2" t="s">
        <v>64937</v>
      </c>
      <c r="D20264" s="14" t="s">
        <v>64938</v>
      </c>
      <c r="E20264" s="2" t="s">
        <v>64939</v>
      </c>
      <c r="F20264" s="2" t="s">
        <v>56936</v>
      </c>
      <c r="G20264" s="8">
        <v>1267</v>
      </c>
      <c r="H20264" s="5">
        <v>10</v>
      </c>
      <c r="I20264" s="5" t="s">
        <v>69</v>
      </c>
      <c r="J20264" s="5" t="s">
        <v>64797</v>
      </c>
      <c r="K20264" s="2" t="s">
        <v>64798</v>
      </c>
      <c r="L20264" s="5" t="s">
        <v>64797</v>
      </c>
      <c r="M20264" s="2" t="s">
        <v>64798</v>
      </c>
      <c r="N20264" s="5" t="s">
        <v>733</v>
      </c>
      <c r="O20264" s="5" t="s">
        <v>38</v>
      </c>
      <c r="P20264" s="5" t="s">
        <v>39</v>
      </c>
      <c r="Q20264" s="5" t="s">
        <v>40</v>
      </c>
      <c r="R20264" s="5" t="s">
        <v>897</v>
      </c>
      <c r="S20264" s="5" t="s">
        <v>40</v>
      </c>
      <c r="T20264" s="5" t="s">
        <v>42</v>
      </c>
      <c r="U20264" s="2">
        <v>43.786000000000001</v>
      </c>
      <c r="V20264" s="2">
        <v>40.938000000000002</v>
      </c>
      <c r="W20264" s="2">
        <v>0.154</v>
      </c>
      <c r="X20264" s="2">
        <v>17</v>
      </c>
      <c r="Y20264" s="2">
        <v>68.7</v>
      </c>
      <c r="Z20264" s="2">
        <v>131.6</v>
      </c>
      <c r="AA20264" s="5">
        <v>7</v>
      </c>
      <c r="AB20264" s="5" t="s">
        <v>43</v>
      </c>
      <c r="AC20264" s="5" t="s">
        <v>735</v>
      </c>
      <c r="AD20264" s="2" t="s">
        <v>64940</v>
      </c>
      <c r="AE20264" s="1"/>
    </row>
    <row r="20265" spans="1:31" ht="14.45">
      <c r="A20265" s="11"/>
      <c r="B20265" s="20"/>
      <c r="C20265" s="2" t="s">
        <v>64941</v>
      </c>
      <c r="D20265" s="14" t="s">
        <v>64942</v>
      </c>
      <c r="E20265" s="2" t="s">
        <v>64943</v>
      </c>
      <c r="F20265" s="2" t="s">
        <v>56955</v>
      </c>
      <c r="G20265" s="8">
        <v>1439</v>
      </c>
      <c r="H20265" s="5">
        <v>10</v>
      </c>
      <c r="I20265" s="5" t="s">
        <v>69</v>
      </c>
      <c r="J20265" s="5" t="s">
        <v>64797</v>
      </c>
      <c r="K20265" s="2" t="s">
        <v>64798</v>
      </c>
      <c r="L20265" s="5" t="s">
        <v>64797</v>
      </c>
      <c r="M20265" s="2" t="s">
        <v>64798</v>
      </c>
      <c r="N20265" s="5" t="s">
        <v>733</v>
      </c>
      <c r="O20265" s="5" t="s">
        <v>38</v>
      </c>
      <c r="P20265" s="5" t="s">
        <v>39</v>
      </c>
      <c r="Q20265" s="5" t="s">
        <v>40</v>
      </c>
      <c r="R20265" s="5" t="s">
        <v>897</v>
      </c>
      <c r="S20265" s="5" t="s">
        <v>40</v>
      </c>
      <c r="T20265" s="5" t="s">
        <v>42</v>
      </c>
      <c r="U20265" s="2">
        <v>48.366</v>
      </c>
      <c r="V20265" s="2">
        <v>45.531999999999996</v>
      </c>
      <c r="W20265" s="2">
        <v>0.154</v>
      </c>
      <c r="X20265" s="2">
        <v>17</v>
      </c>
      <c r="Y20265" s="2">
        <v>68.7</v>
      </c>
      <c r="Z20265" s="2">
        <v>131.6</v>
      </c>
      <c r="AA20265" s="5">
        <v>7</v>
      </c>
      <c r="AB20265" s="5" t="s">
        <v>43</v>
      </c>
      <c r="AC20265" s="5" t="s">
        <v>735</v>
      </c>
      <c r="AD20265" s="2" t="s">
        <v>64944</v>
      </c>
      <c r="AE20265" s="1"/>
    </row>
    <row r="20266" spans="1:31" ht="14.45">
      <c r="A20266" s="11"/>
      <c r="B20266" s="20"/>
      <c r="C20266" s="2" t="s">
        <v>64945</v>
      </c>
      <c r="D20266" s="14" t="s">
        <v>64946</v>
      </c>
      <c r="E20266" s="2" t="s">
        <v>64947</v>
      </c>
      <c r="F20266" s="2" t="s">
        <v>56973</v>
      </c>
      <c r="G20266" s="8">
        <v>1509</v>
      </c>
      <c r="H20266" s="5">
        <v>10</v>
      </c>
      <c r="I20266" s="5" t="s">
        <v>69</v>
      </c>
      <c r="J20266" s="5" t="s">
        <v>64797</v>
      </c>
      <c r="K20266" s="2" t="s">
        <v>64798</v>
      </c>
      <c r="L20266" s="5" t="s">
        <v>64797</v>
      </c>
      <c r="M20266" s="2" t="s">
        <v>64798</v>
      </c>
      <c r="N20266" s="5" t="s">
        <v>733</v>
      </c>
      <c r="O20266" s="5" t="s">
        <v>38</v>
      </c>
      <c r="P20266" s="5" t="s">
        <v>39</v>
      </c>
      <c r="Q20266" s="5" t="s">
        <v>40</v>
      </c>
      <c r="R20266" s="5" t="s">
        <v>897</v>
      </c>
      <c r="S20266" s="5" t="s">
        <v>40</v>
      </c>
      <c r="T20266" s="5" t="s">
        <v>42</v>
      </c>
      <c r="U20266" s="2">
        <v>47.491999999999997</v>
      </c>
      <c r="V20266" s="2">
        <v>44.658000000000001</v>
      </c>
      <c r="W20266" s="2">
        <v>0.154</v>
      </c>
      <c r="X20266" s="2">
        <v>17</v>
      </c>
      <c r="Y20266" s="2">
        <v>68.7</v>
      </c>
      <c r="Z20266" s="2">
        <v>131.6</v>
      </c>
      <c r="AA20266" s="5">
        <v>7</v>
      </c>
      <c r="AB20266" s="5" t="s">
        <v>43</v>
      </c>
      <c r="AC20266" s="5" t="s">
        <v>735</v>
      </c>
      <c r="AD20266" s="2" t="s">
        <v>64948</v>
      </c>
      <c r="AE20266" s="1"/>
    </row>
    <row r="20267" spans="1:31" ht="14.45">
      <c r="A20267" s="11"/>
      <c r="B20267" s="20"/>
      <c r="C20267" s="2" t="s">
        <v>64949</v>
      </c>
      <c r="D20267" s="14" t="s">
        <v>64950</v>
      </c>
      <c r="E20267" s="2" t="s">
        <v>64951</v>
      </c>
      <c r="F20267" s="2" t="s">
        <v>56992</v>
      </c>
      <c r="G20267" s="8">
        <v>1439</v>
      </c>
      <c r="H20267" s="5">
        <v>10</v>
      </c>
      <c r="I20267" s="5" t="s">
        <v>69</v>
      </c>
      <c r="J20267" s="5" t="s">
        <v>64797</v>
      </c>
      <c r="K20267" s="2" t="s">
        <v>64798</v>
      </c>
      <c r="L20267" s="5" t="s">
        <v>64797</v>
      </c>
      <c r="M20267" s="2" t="s">
        <v>64798</v>
      </c>
      <c r="N20267" s="5" t="s">
        <v>733</v>
      </c>
      <c r="O20267" s="5" t="s">
        <v>38</v>
      </c>
      <c r="P20267" s="5" t="s">
        <v>39</v>
      </c>
      <c r="Q20267" s="5" t="s">
        <v>40</v>
      </c>
      <c r="R20267" s="5" t="s">
        <v>897</v>
      </c>
      <c r="S20267" s="5" t="s">
        <v>40</v>
      </c>
      <c r="T20267" s="5" t="s">
        <v>42</v>
      </c>
      <c r="U20267" s="2">
        <v>47.465000000000003</v>
      </c>
      <c r="V20267" s="2">
        <v>44.631</v>
      </c>
      <c r="W20267" s="2">
        <v>0.154</v>
      </c>
      <c r="X20267" s="2">
        <v>17</v>
      </c>
      <c r="Y20267" s="2">
        <v>68.7</v>
      </c>
      <c r="Z20267" s="2">
        <v>131.6</v>
      </c>
      <c r="AA20267" s="5">
        <v>7</v>
      </c>
      <c r="AB20267" s="5" t="s">
        <v>43</v>
      </c>
      <c r="AC20267" s="5" t="s">
        <v>735</v>
      </c>
      <c r="AD20267" s="2" t="s">
        <v>64952</v>
      </c>
      <c r="AE20267" s="1"/>
    </row>
    <row r="20268" spans="1:31" ht="14.45">
      <c r="A20268" s="11"/>
      <c r="B20268" s="20"/>
      <c r="C20268" s="2" t="s">
        <v>64953</v>
      </c>
      <c r="D20268" s="14" t="s">
        <v>64954</v>
      </c>
      <c r="E20268" s="2" t="s">
        <v>64955</v>
      </c>
      <c r="F20268" s="2" t="s">
        <v>57011</v>
      </c>
      <c r="G20268" s="8">
        <v>1041</v>
      </c>
      <c r="H20268" s="5">
        <v>5</v>
      </c>
      <c r="I20268" s="5" t="s">
        <v>69</v>
      </c>
      <c r="J20268" s="5" t="s">
        <v>64797</v>
      </c>
      <c r="K20268" s="2" t="s">
        <v>64798</v>
      </c>
      <c r="L20268" s="5" t="s">
        <v>64797</v>
      </c>
      <c r="M20268" s="2" t="s">
        <v>64798</v>
      </c>
      <c r="N20268" s="5" t="s">
        <v>733</v>
      </c>
      <c r="O20268" s="5" t="s">
        <v>38</v>
      </c>
      <c r="P20268" s="5" t="s">
        <v>39</v>
      </c>
      <c r="Q20268" s="5" t="s">
        <v>40</v>
      </c>
      <c r="R20268" s="5" t="s">
        <v>897</v>
      </c>
      <c r="S20268" s="5" t="s">
        <v>40</v>
      </c>
      <c r="T20268" s="5" t="s">
        <v>42</v>
      </c>
      <c r="U20268" s="2">
        <v>45.298999999999999</v>
      </c>
      <c r="V20268" s="2">
        <v>42.488999999999997</v>
      </c>
      <c r="W20268" s="2">
        <v>0.154</v>
      </c>
      <c r="X20268" s="2">
        <v>17</v>
      </c>
      <c r="Y20268" s="2">
        <v>68.7</v>
      </c>
      <c r="Z20268" s="2">
        <v>131.6</v>
      </c>
      <c r="AA20268" s="5">
        <v>7</v>
      </c>
      <c r="AB20268" s="5" t="s">
        <v>43</v>
      </c>
      <c r="AC20268" s="5" t="s">
        <v>735</v>
      </c>
      <c r="AD20268" s="2" t="s">
        <v>64956</v>
      </c>
      <c r="AE20268" s="1"/>
    </row>
    <row r="20269" spans="1:31" ht="14.45">
      <c r="A20269" s="11"/>
      <c r="B20269" s="20"/>
      <c r="C20269" s="2" t="s">
        <v>64957</v>
      </c>
      <c r="D20269" s="14" t="s">
        <v>64958</v>
      </c>
      <c r="E20269" s="2" t="s">
        <v>64959</v>
      </c>
      <c r="F20269" s="2" t="s">
        <v>57025</v>
      </c>
      <c r="G20269" s="8">
        <v>1152</v>
      </c>
      <c r="H20269" s="5">
        <v>10</v>
      </c>
      <c r="I20269" s="5" t="s">
        <v>69</v>
      </c>
      <c r="J20269" s="5" t="s">
        <v>64797</v>
      </c>
      <c r="K20269" s="2" t="s">
        <v>64798</v>
      </c>
      <c r="L20269" s="5" t="s">
        <v>64797</v>
      </c>
      <c r="M20269" s="2" t="s">
        <v>64798</v>
      </c>
      <c r="N20269" s="5" t="s">
        <v>733</v>
      </c>
      <c r="O20269" s="5" t="s">
        <v>38</v>
      </c>
      <c r="P20269" s="5" t="s">
        <v>39</v>
      </c>
      <c r="Q20269" s="5" t="s">
        <v>40</v>
      </c>
      <c r="R20269" s="5" t="s">
        <v>897</v>
      </c>
      <c r="S20269" s="5" t="s">
        <v>40</v>
      </c>
      <c r="T20269" s="5" t="s">
        <v>42</v>
      </c>
      <c r="U20269" s="2">
        <v>45.142000000000003</v>
      </c>
      <c r="V20269" s="2">
        <v>42.332000000000001</v>
      </c>
      <c r="W20269" s="2">
        <v>0.154</v>
      </c>
      <c r="X20269" s="2">
        <v>17</v>
      </c>
      <c r="Y20269" s="2">
        <v>68.7</v>
      </c>
      <c r="Z20269" s="2">
        <v>131.6</v>
      </c>
      <c r="AA20269" s="5">
        <v>7</v>
      </c>
      <c r="AB20269" s="5" t="s">
        <v>43</v>
      </c>
      <c r="AC20269" s="5" t="s">
        <v>735</v>
      </c>
      <c r="AD20269" s="2" t="s">
        <v>64960</v>
      </c>
      <c r="AE20269" s="1"/>
    </row>
    <row r="20270" spans="1:31" ht="14.45">
      <c r="A20270" s="11"/>
      <c r="B20270" s="20"/>
      <c r="C20270" s="2" t="s">
        <v>64961</v>
      </c>
      <c r="D20270" s="14" t="s">
        <v>64962</v>
      </c>
      <c r="E20270" s="2" t="s">
        <v>64963</v>
      </c>
      <c r="F20270" s="2" t="s">
        <v>57038</v>
      </c>
      <c r="G20270" s="8">
        <v>934</v>
      </c>
      <c r="H20270" s="5">
        <v>10</v>
      </c>
      <c r="I20270" s="5" t="s">
        <v>69</v>
      </c>
      <c r="J20270" s="5" t="s">
        <v>64797</v>
      </c>
      <c r="K20270" s="2" t="s">
        <v>64798</v>
      </c>
      <c r="L20270" s="5" t="s">
        <v>64797</v>
      </c>
      <c r="M20270" s="2" t="s">
        <v>64798</v>
      </c>
      <c r="N20270" s="5" t="s">
        <v>733</v>
      </c>
      <c r="O20270" s="5" t="s">
        <v>38</v>
      </c>
      <c r="P20270" s="5" t="s">
        <v>39</v>
      </c>
      <c r="Q20270" s="5" t="s">
        <v>40</v>
      </c>
      <c r="R20270" s="5" t="s">
        <v>897</v>
      </c>
      <c r="S20270" s="5" t="s">
        <v>40</v>
      </c>
      <c r="T20270" s="5" t="s">
        <v>42</v>
      </c>
      <c r="U20270" s="2">
        <v>45.329000000000001</v>
      </c>
      <c r="V20270" s="2">
        <v>42.518999999999998</v>
      </c>
      <c r="W20270" s="2">
        <v>0.154</v>
      </c>
      <c r="X20270" s="2">
        <v>17</v>
      </c>
      <c r="Y20270" s="2">
        <v>68.7</v>
      </c>
      <c r="Z20270" s="2">
        <v>131.6</v>
      </c>
      <c r="AA20270" s="5">
        <v>7</v>
      </c>
      <c r="AB20270" s="5" t="s">
        <v>43</v>
      </c>
      <c r="AC20270" s="5" t="s">
        <v>735</v>
      </c>
      <c r="AD20270" s="2" t="s">
        <v>64964</v>
      </c>
      <c r="AE20270" s="1"/>
    </row>
    <row r="20271" spans="1:31" ht="14.45">
      <c r="A20271" s="11"/>
      <c r="B20271" s="20"/>
      <c r="C20271" s="2" t="s">
        <v>64965</v>
      </c>
      <c r="D20271" s="14" t="s">
        <v>64966</v>
      </c>
      <c r="E20271" s="2" t="s">
        <v>64967</v>
      </c>
      <c r="F20271" s="2" t="s">
        <v>57051</v>
      </c>
      <c r="G20271" s="8">
        <v>799</v>
      </c>
      <c r="H20271" s="5">
        <v>5</v>
      </c>
      <c r="I20271" s="5" t="s">
        <v>69</v>
      </c>
      <c r="J20271" s="5" t="s">
        <v>64797</v>
      </c>
      <c r="K20271" s="2" t="s">
        <v>64798</v>
      </c>
      <c r="L20271" s="5" t="s">
        <v>64797</v>
      </c>
      <c r="M20271" s="2" t="s">
        <v>64798</v>
      </c>
      <c r="N20271" s="5" t="s">
        <v>733</v>
      </c>
      <c r="O20271" s="5" t="s">
        <v>38</v>
      </c>
      <c r="P20271" s="5" t="s">
        <v>39</v>
      </c>
      <c r="Q20271" s="5" t="s">
        <v>40</v>
      </c>
      <c r="R20271" s="5" t="s">
        <v>897</v>
      </c>
      <c r="S20271" s="5" t="s">
        <v>40</v>
      </c>
      <c r="T20271" s="5" t="s">
        <v>42</v>
      </c>
      <c r="U20271" s="2">
        <v>40.250999999999998</v>
      </c>
      <c r="V20271" s="2">
        <v>37.427</v>
      </c>
      <c r="W20271" s="2">
        <v>0.154</v>
      </c>
      <c r="X20271" s="2">
        <v>17</v>
      </c>
      <c r="Y20271" s="2">
        <v>68.7</v>
      </c>
      <c r="Z20271" s="2">
        <v>131.6</v>
      </c>
      <c r="AA20271" s="5">
        <v>7</v>
      </c>
      <c r="AB20271" s="5" t="s">
        <v>43</v>
      </c>
      <c r="AC20271" s="5" t="s">
        <v>735</v>
      </c>
      <c r="AD20271" s="2" t="s">
        <v>64968</v>
      </c>
      <c r="AE20271" s="1"/>
    </row>
    <row r="20272" spans="1:31" ht="14.45">
      <c r="A20272" s="11"/>
      <c r="B20272" s="20"/>
      <c r="C20272" s="2" t="s">
        <v>64969</v>
      </c>
      <c r="D20272" s="14" t="s">
        <v>64970</v>
      </c>
      <c r="E20272" s="2" t="s">
        <v>64971</v>
      </c>
      <c r="F20272" s="2" t="s">
        <v>57069</v>
      </c>
      <c r="G20272" s="8">
        <v>971</v>
      </c>
      <c r="H20272" s="5">
        <v>5</v>
      </c>
      <c r="I20272" s="5" t="s">
        <v>69</v>
      </c>
      <c r="J20272" s="5" t="s">
        <v>64797</v>
      </c>
      <c r="K20272" s="2" t="s">
        <v>64798</v>
      </c>
      <c r="L20272" s="5" t="s">
        <v>64797</v>
      </c>
      <c r="M20272" s="2" t="s">
        <v>64798</v>
      </c>
      <c r="N20272" s="5" t="s">
        <v>733</v>
      </c>
      <c r="O20272" s="5" t="s">
        <v>38</v>
      </c>
      <c r="P20272" s="5" t="s">
        <v>39</v>
      </c>
      <c r="Q20272" s="5" t="s">
        <v>40</v>
      </c>
      <c r="R20272" s="5" t="s">
        <v>897</v>
      </c>
      <c r="S20272" s="5" t="s">
        <v>40</v>
      </c>
      <c r="T20272" s="5" t="s">
        <v>42</v>
      </c>
      <c r="U20272" s="2">
        <v>45.27</v>
      </c>
      <c r="V20272" s="2">
        <v>42.46</v>
      </c>
      <c r="W20272" s="2">
        <v>0.154</v>
      </c>
      <c r="X20272" s="2">
        <v>17</v>
      </c>
      <c r="Y20272" s="2">
        <v>68.7</v>
      </c>
      <c r="Z20272" s="2">
        <v>131.6</v>
      </c>
      <c r="AA20272" s="5">
        <v>7</v>
      </c>
      <c r="AB20272" s="5" t="s">
        <v>43</v>
      </c>
      <c r="AC20272" s="5" t="s">
        <v>735</v>
      </c>
      <c r="AD20272" s="2" t="s">
        <v>64972</v>
      </c>
      <c r="AE20272" s="1"/>
    </row>
    <row r="20273" spans="1:31" ht="14.45">
      <c r="A20273" s="11"/>
      <c r="B20273" s="20"/>
      <c r="C20273" s="2" t="s">
        <v>64973</v>
      </c>
      <c r="D20273" s="14" t="s">
        <v>64974</v>
      </c>
      <c r="E20273" s="2" t="s">
        <v>64975</v>
      </c>
      <c r="F20273" s="2" t="s">
        <v>57087</v>
      </c>
      <c r="G20273" s="8">
        <v>1509</v>
      </c>
      <c r="H20273" s="5">
        <v>10</v>
      </c>
      <c r="I20273" s="5" t="s">
        <v>69</v>
      </c>
      <c r="J20273" s="5" t="s">
        <v>64797</v>
      </c>
      <c r="K20273" s="2" t="s">
        <v>64798</v>
      </c>
      <c r="L20273" s="5" t="s">
        <v>64797</v>
      </c>
      <c r="M20273" s="2" t="s">
        <v>64798</v>
      </c>
      <c r="N20273" s="5" t="s">
        <v>733</v>
      </c>
      <c r="O20273" s="5" t="s">
        <v>38</v>
      </c>
      <c r="P20273" s="5" t="s">
        <v>39</v>
      </c>
      <c r="Q20273" s="5" t="s">
        <v>40</v>
      </c>
      <c r="R20273" s="5" t="s">
        <v>897</v>
      </c>
      <c r="S20273" s="5" t="s">
        <v>40</v>
      </c>
      <c r="T20273" s="5" t="s">
        <v>42</v>
      </c>
      <c r="U20273" s="2">
        <v>48.447000000000003</v>
      </c>
      <c r="V20273" s="2">
        <v>45.613</v>
      </c>
      <c r="W20273" s="2">
        <v>0.154</v>
      </c>
      <c r="X20273" s="2">
        <v>17</v>
      </c>
      <c r="Y20273" s="2">
        <v>68.7</v>
      </c>
      <c r="Z20273" s="2">
        <v>131.6</v>
      </c>
      <c r="AA20273" s="5">
        <v>7</v>
      </c>
      <c r="AB20273" s="5" t="s">
        <v>43</v>
      </c>
      <c r="AC20273" s="5" t="s">
        <v>735</v>
      </c>
      <c r="AD20273" s="2" t="s">
        <v>64976</v>
      </c>
      <c r="AE20273" s="1"/>
    </row>
    <row r="20274" spans="1:31" ht="14.45">
      <c r="A20274" s="11"/>
      <c r="B20274" s="20"/>
      <c r="C20274" s="2" t="s">
        <v>64977</v>
      </c>
      <c r="D20274" s="14" t="s">
        <v>64978</v>
      </c>
      <c r="E20274" s="2" t="s">
        <v>64979</v>
      </c>
      <c r="F20274" s="2" t="s">
        <v>57101</v>
      </c>
      <c r="G20274" s="8">
        <v>1439</v>
      </c>
      <c r="H20274" s="5">
        <v>10</v>
      </c>
      <c r="I20274" s="5" t="s">
        <v>69</v>
      </c>
      <c r="J20274" s="5" t="s">
        <v>64797</v>
      </c>
      <c r="K20274" s="2" t="s">
        <v>64798</v>
      </c>
      <c r="L20274" s="5" t="s">
        <v>64797</v>
      </c>
      <c r="M20274" s="2" t="s">
        <v>64798</v>
      </c>
      <c r="N20274" s="5" t="s">
        <v>733</v>
      </c>
      <c r="O20274" s="5" t="s">
        <v>38</v>
      </c>
      <c r="P20274" s="5" t="s">
        <v>39</v>
      </c>
      <c r="Q20274" s="5" t="s">
        <v>40</v>
      </c>
      <c r="R20274" s="5" t="s">
        <v>897</v>
      </c>
      <c r="S20274" s="5" t="s">
        <v>40</v>
      </c>
      <c r="T20274" s="5" t="s">
        <v>42</v>
      </c>
      <c r="U20274" s="2">
        <v>48.42</v>
      </c>
      <c r="V20274" s="2">
        <v>45.585999999999999</v>
      </c>
      <c r="W20274" s="2">
        <v>0.154</v>
      </c>
      <c r="X20274" s="2">
        <v>17</v>
      </c>
      <c r="Y20274" s="2">
        <v>68.7</v>
      </c>
      <c r="Z20274" s="2">
        <v>131.6</v>
      </c>
      <c r="AA20274" s="5">
        <v>7</v>
      </c>
      <c r="AB20274" s="5" t="s">
        <v>43</v>
      </c>
      <c r="AC20274" s="5" t="s">
        <v>735</v>
      </c>
      <c r="AD20274" s="2" t="s">
        <v>64980</v>
      </c>
      <c r="AE20274" s="1"/>
    </row>
    <row r="20275" spans="1:31" ht="14.45">
      <c r="A20275" s="11"/>
      <c r="B20275" s="20"/>
      <c r="C20275" s="2" t="s">
        <v>64981</v>
      </c>
      <c r="D20275" s="14" t="s">
        <v>64982</v>
      </c>
      <c r="E20275" s="2" t="s">
        <v>64983</v>
      </c>
      <c r="F20275" s="2" t="s">
        <v>57139</v>
      </c>
      <c r="G20275" s="8">
        <v>1112</v>
      </c>
      <c r="H20275" s="5">
        <v>5</v>
      </c>
      <c r="I20275" s="5" t="s">
        <v>69</v>
      </c>
      <c r="J20275" s="5" t="s">
        <v>64797</v>
      </c>
      <c r="K20275" s="2" t="s">
        <v>64798</v>
      </c>
      <c r="L20275" s="5" t="s">
        <v>64797</v>
      </c>
      <c r="M20275" s="2" t="s">
        <v>64798</v>
      </c>
      <c r="N20275" s="5" t="s">
        <v>733</v>
      </c>
      <c r="O20275" s="5" t="s">
        <v>38</v>
      </c>
      <c r="P20275" s="5" t="s">
        <v>39</v>
      </c>
      <c r="Q20275" s="5" t="s">
        <v>40</v>
      </c>
      <c r="R20275" s="5" t="s">
        <v>897</v>
      </c>
      <c r="S20275" s="5" t="s">
        <v>40</v>
      </c>
      <c r="T20275" s="5" t="s">
        <v>42</v>
      </c>
      <c r="U20275" s="2">
        <v>52.094999999999999</v>
      </c>
      <c r="V20275" s="2">
        <v>48.905999999999999</v>
      </c>
      <c r="W20275" s="2">
        <v>0.17899999999999999</v>
      </c>
      <c r="X20275" s="2">
        <v>17</v>
      </c>
      <c r="Y20275" s="2">
        <v>68.7</v>
      </c>
      <c r="Z20275" s="2">
        <v>153.6</v>
      </c>
      <c r="AA20275" s="5">
        <v>7</v>
      </c>
      <c r="AB20275" s="5" t="s">
        <v>43</v>
      </c>
      <c r="AC20275" s="5" t="s">
        <v>735</v>
      </c>
      <c r="AD20275" s="2" t="s">
        <v>64984</v>
      </c>
      <c r="AE20275" s="1"/>
    </row>
    <row r="20276" spans="1:31" ht="14.45">
      <c r="A20276" s="11"/>
      <c r="B20276" s="20"/>
      <c r="C20276" s="2" t="s">
        <v>64985</v>
      </c>
      <c r="D20276" s="14" t="s">
        <v>64986</v>
      </c>
      <c r="E20276" s="2" t="s">
        <v>64987</v>
      </c>
      <c r="F20276" s="2" t="s">
        <v>57163</v>
      </c>
      <c r="G20276" s="8">
        <v>986</v>
      </c>
      <c r="H20276" s="5">
        <v>10</v>
      </c>
      <c r="I20276" s="5" t="s">
        <v>69</v>
      </c>
      <c r="J20276" s="5" t="s">
        <v>64797</v>
      </c>
      <c r="K20276" s="2" t="s">
        <v>64798</v>
      </c>
      <c r="L20276" s="5" t="s">
        <v>64797</v>
      </c>
      <c r="M20276" s="2" t="s">
        <v>64798</v>
      </c>
      <c r="N20276" s="5" t="s">
        <v>733</v>
      </c>
      <c r="O20276" s="5" t="s">
        <v>38</v>
      </c>
      <c r="P20276" s="5" t="s">
        <v>39</v>
      </c>
      <c r="Q20276" s="5" t="s">
        <v>40</v>
      </c>
      <c r="R20276" s="5" t="s">
        <v>897</v>
      </c>
      <c r="S20276" s="5" t="s">
        <v>40</v>
      </c>
      <c r="T20276" s="5" t="s">
        <v>42</v>
      </c>
      <c r="U20276" s="2">
        <v>52.264000000000003</v>
      </c>
      <c r="V20276" s="2">
        <v>49.075000000000003</v>
      </c>
      <c r="W20276" s="2">
        <v>0.17899999999999999</v>
      </c>
      <c r="X20276" s="2">
        <v>17</v>
      </c>
      <c r="Y20276" s="2">
        <v>68.7</v>
      </c>
      <c r="Z20276" s="2">
        <v>153.6</v>
      </c>
      <c r="AA20276" s="5">
        <v>7</v>
      </c>
      <c r="AB20276" s="5" t="s">
        <v>43</v>
      </c>
      <c r="AC20276" s="5" t="s">
        <v>735</v>
      </c>
      <c r="AD20276" s="2" t="s">
        <v>64988</v>
      </c>
      <c r="AE20276" s="1"/>
    </row>
    <row r="20277" spans="1:31" ht="14.45">
      <c r="A20277" s="11"/>
      <c r="B20277" s="20"/>
      <c r="C20277" s="2" t="s">
        <v>64989</v>
      </c>
      <c r="D20277" s="14" t="s">
        <v>64990</v>
      </c>
      <c r="E20277" s="2" t="s">
        <v>64991</v>
      </c>
      <c r="F20277" s="2" t="s">
        <v>57176</v>
      </c>
      <c r="G20277" s="8">
        <v>827</v>
      </c>
      <c r="H20277" s="5">
        <v>5</v>
      </c>
      <c r="I20277" s="5" t="s">
        <v>69</v>
      </c>
      <c r="J20277" s="5" t="s">
        <v>64797</v>
      </c>
      <c r="K20277" s="2" t="s">
        <v>64798</v>
      </c>
      <c r="L20277" s="5" t="s">
        <v>64797</v>
      </c>
      <c r="M20277" s="2" t="s">
        <v>64798</v>
      </c>
      <c r="N20277" s="5" t="s">
        <v>733</v>
      </c>
      <c r="O20277" s="5" t="s">
        <v>38</v>
      </c>
      <c r="P20277" s="5" t="s">
        <v>39</v>
      </c>
      <c r="Q20277" s="5" t="s">
        <v>40</v>
      </c>
      <c r="R20277" s="5" t="s">
        <v>897</v>
      </c>
      <c r="S20277" s="5" t="s">
        <v>40</v>
      </c>
      <c r="T20277" s="5" t="s">
        <v>42</v>
      </c>
      <c r="U20277" s="2">
        <v>46.421999999999997</v>
      </c>
      <c r="V20277" s="2">
        <v>43.219000000000001</v>
      </c>
      <c r="W20277" s="2">
        <v>0.17899999999999999</v>
      </c>
      <c r="X20277" s="2">
        <v>17</v>
      </c>
      <c r="Y20277" s="2">
        <v>68.7</v>
      </c>
      <c r="Z20277" s="2">
        <v>153.6</v>
      </c>
      <c r="AA20277" s="5">
        <v>7</v>
      </c>
      <c r="AB20277" s="5" t="s">
        <v>43</v>
      </c>
      <c r="AC20277" s="5" t="s">
        <v>735</v>
      </c>
      <c r="AD20277" s="2" t="s">
        <v>64992</v>
      </c>
      <c r="AE20277" s="1"/>
    </row>
    <row r="20278" spans="1:31" ht="14.45">
      <c r="A20278" s="11"/>
      <c r="B20278" s="20"/>
      <c r="C20278" s="2" t="s">
        <v>64993</v>
      </c>
      <c r="D20278" s="14" t="s">
        <v>64994</v>
      </c>
      <c r="E20278" s="2" t="s">
        <v>64995</v>
      </c>
      <c r="F20278" s="2" t="s">
        <v>57194</v>
      </c>
      <c r="G20278" s="8">
        <v>1029</v>
      </c>
      <c r="H20278" s="5">
        <v>5</v>
      </c>
      <c r="I20278" s="5" t="s">
        <v>69</v>
      </c>
      <c r="J20278" s="5" t="s">
        <v>64797</v>
      </c>
      <c r="K20278" s="2" t="s">
        <v>64798</v>
      </c>
      <c r="L20278" s="5" t="s">
        <v>64797</v>
      </c>
      <c r="M20278" s="2" t="s">
        <v>64798</v>
      </c>
      <c r="N20278" s="5" t="s">
        <v>733</v>
      </c>
      <c r="O20278" s="5" t="s">
        <v>38</v>
      </c>
      <c r="P20278" s="5" t="s">
        <v>39</v>
      </c>
      <c r="Q20278" s="5" t="s">
        <v>40</v>
      </c>
      <c r="R20278" s="5" t="s">
        <v>897</v>
      </c>
      <c r="S20278" s="5" t="s">
        <v>40</v>
      </c>
      <c r="T20278" s="5" t="s">
        <v>42</v>
      </c>
      <c r="U20278" s="2">
        <v>52.192999999999998</v>
      </c>
      <c r="V20278" s="2">
        <v>49.003999999999998</v>
      </c>
      <c r="W20278" s="2">
        <v>0.17899999999999999</v>
      </c>
      <c r="X20278" s="2">
        <v>17</v>
      </c>
      <c r="Y20278" s="2">
        <v>68.7</v>
      </c>
      <c r="Z20278" s="2">
        <v>153.6</v>
      </c>
      <c r="AA20278" s="5">
        <v>7</v>
      </c>
      <c r="AB20278" s="5" t="s">
        <v>43</v>
      </c>
      <c r="AC20278" s="5" t="s">
        <v>735</v>
      </c>
      <c r="AD20278" s="2" t="s">
        <v>64996</v>
      </c>
      <c r="AE20278" s="1"/>
    </row>
    <row r="20279" spans="1:31" ht="14.45">
      <c r="A20279" s="11"/>
      <c r="B20279" s="20"/>
      <c r="C20279" s="2" t="s">
        <v>64997</v>
      </c>
      <c r="D20279" s="14" t="s">
        <v>64998</v>
      </c>
      <c r="E20279" s="2" t="s">
        <v>64999</v>
      </c>
      <c r="F20279" s="2" t="s">
        <v>57212</v>
      </c>
      <c r="G20279" s="8">
        <v>1580</v>
      </c>
      <c r="H20279" s="5">
        <v>10</v>
      </c>
      <c r="I20279" s="5" t="s">
        <v>69</v>
      </c>
      <c r="J20279" s="5" t="s">
        <v>64797</v>
      </c>
      <c r="K20279" s="2" t="s">
        <v>64798</v>
      </c>
      <c r="L20279" s="5" t="s">
        <v>64797</v>
      </c>
      <c r="M20279" s="2" t="s">
        <v>64798</v>
      </c>
      <c r="N20279" s="5" t="s">
        <v>733</v>
      </c>
      <c r="O20279" s="5" t="s">
        <v>38</v>
      </c>
      <c r="P20279" s="5" t="s">
        <v>39</v>
      </c>
      <c r="Q20279" s="5" t="s">
        <v>40</v>
      </c>
      <c r="R20279" s="5" t="s">
        <v>897</v>
      </c>
      <c r="S20279" s="5" t="s">
        <v>40</v>
      </c>
      <c r="T20279" s="5" t="s">
        <v>42</v>
      </c>
      <c r="U20279" s="2">
        <v>56.12</v>
      </c>
      <c r="V20279" s="2">
        <v>52.906999999999996</v>
      </c>
      <c r="W20279" s="2">
        <v>0.17899999999999999</v>
      </c>
      <c r="X20279" s="2">
        <v>17</v>
      </c>
      <c r="Y20279" s="2">
        <v>68.7</v>
      </c>
      <c r="Z20279" s="2">
        <v>153.6</v>
      </c>
      <c r="AA20279" s="5">
        <v>7</v>
      </c>
      <c r="AB20279" s="5" t="s">
        <v>43</v>
      </c>
      <c r="AC20279" s="5" t="s">
        <v>735</v>
      </c>
      <c r="AD20279" s="2" t="s">
        <v>65000</v>
      </c>
      <c r="AE20279" s="1"/>
    </row>
    <row r="20280" spans="1:31" ht="14.45">
      <c r="A20280" s="11"/>
      <c r="B20280" s="20"/>
      <c r="C20280" s="2" t="s">
        <v>65001</v>
      </c>
      <c r="D20280" s="14" t="s">
        <v>65002</v>
      </c>
      <c r="E20280" s="2" t="s">
        <v>65003</v>
      </c>
      <c r="F20280" s="2" t="s">
        <v>57241</v>
      </c>
      <c r="G20280" s="8">
        <v>1497</v>
      </c>
      <c r="H20280" s="5">
        <v>10</v>
      </c>
      <c r="I20280" s="5" t="s">
        <v>69</v>
      </c>
      <c r="J20280" s="5" t="s">
        <v>64797</v>
      </c>
      <c r="K20280" s="2" t="s">
        <v>64798</v>
      </c>
      <c r="L20280" s="5" t="s">
        <v>64797</v>
      </c>
      <c r="M20280" s="2" t="s">
        <v>64798</v>
      </c>
      <c r="N20280" s="5" t="s">
        <v>733</v>
      </c>
      <c r="O20280" s="5" t="s">
        <v>38</v>
      </c>
      <c r="P20280" s="5" t="s">
        <v>39</v>
      </c>
      <c r="Q20280" s="5" t="s">
        <v>40</v>
      </c>
      <c r="R20280" s="5" t="s">
        <v>897</v>
      </c>
      <c r="S20280" s="5" t="s">
        <v>40</v>
      </c>
      <c r="T20280" s="5" t="s">
        <v>42</v>
      </c>
      <c r="U20280" s="2">
        <v>56.088000000000001</v>
      </c>
      <c r="V20280" s="2">
        <v>52.875</v>
      </c>
      <c r="W20280" s="2">
        <v>0.17899999999999999</v>
      </c>
      <c r="X20280" s="2">
        <v>17</v>
      </c>
      <c r="Y20280" s="2">
        <v>68.7</v>
      </c>
      <c r="Z20280" s="2">
        <v>153.6</v>
      </c>
      <c r="AA20280" s="5">
        <v>7</v>
      </c>
      <c r="AB20280" s="5" t="s">
        <v>43</v>
      </c>
      <c r="AC20280" s="5" t="s">
        <v>735</v>
      </c>
      <c r="AD20280" s="2" t="s">
        <v>65004</v>
      </c>
      <c r="AE20280" s="1"/>
    </row>
    <row r="20281" spans="1:31" ht="14.45">
      <c r="A20281" s="11"/>
      <c r="B20281" s="20"/>
      <c r="C20281" s="2" t="s">
        <v>65005</v>
      </c>
      <c r="D20281" s="14" t="s">
        <v>65006</v>
      </c>
      <c r="E20281" s="2" t="s">
        <v>65007</v>
      </c>
      <c r="F20281" s="2" t="s">
        <v>65008</v>
      </c>
      <c r="G20281" s="8">
        <v>1580</v>
      </c>
      <c r="H20281" s="5">
        <v>10</v>
      </c>
      <c r="I20281" s="5" t="s">
        <v>69</v>
      </c>
      <c r="J20281" s="5" t="s">
        <v>64797</v>
      </c>
      <c r="K20281" s="2" t="s">
        <v>64798</v>
      </c>
      <c r="L20281" s="5" t="s">
        <v>64797</v>
      </c>
      <c r="M20281" s="2" t="s">
        <v>64798</v>
      </c>
      <c r="N20281" s="5" t="s">
        <v>733</v>
      </c>
      <c r="O20281" s="5" t="s">
        <v>38</v>
      </c>
      <c r="P20281" s="5" t="s">
        <v>39</v>
      </c>
      <c r="Q20281" s="5" t="s">
        <v>40</v>
      </c>
      <c r="R20281" s="5" t="s">
        <v>897</v>
      </c>
      <c r="S20281" s="5" t="s">
        <v>40</v>
      </c>
      <c r="T20281" s="5" t="s">
        <v>42</v>
      </c>
      <c r="U20281" s="2">
        <v>55.015000000000001</v>
      </c>
      <c r="V20281" s="2">
        <v>51.802</v>
      </c>
      <c r="W20281" s="2">
        <v>0.17899999999999999</v>
      </c>
      <c r="X20281" s="2">
        <v>17</v>
      </c>
      <c r="Y20281" s="2">
        <v>68.7</v>
      </c>
      <c r="Z20281" s="2">
        <v>153.6</v>
      </c>
      <c r="AA20281" s="5">
        <v>7</v>
      </c>
      <c r="AB20281" s="5" t="s">
        <v>43</v>
      </c>
      <c r="AC20281" s="5" t="s">
        <v>735</v>
      </c>
      <c r="AD20281" s="2" t="s">
        <v>65009</v>
      </c>
      <c r="AE20281" s="1"/>
    </row>
    <row r="20282" spans="1:31" ht="14.45">
      <c r="A20282" s="11"/>
      <c r="B20282" s="20"/>
      <c r="C20282" s="2" t="s">
        <v>65010</v>
      </c>
      <c r="D20282" s="14" t="s">
        <v>65011</v>
      </c>
      <c r="E20282" s="2" t="s">
        <v>65012</v>
      </c>
      <c r="F20282" s="2" t="s">
        <v>57264</v>
      </c>
      <c r="G20282" s="8">
        <v>1497</v>
      </c>
      <c r="H20282" s="5">
        <v>10</v>
      </c>
      <c r="I20282" s="5" t="s">
        <v>69</v>
      </c>
      <c r="J20282" s="5" t="s">
        <v>64797</v>
      </c>
      <c r="K20282" s="2" t="s">
        <v>64798</v>
      </c>
      <c r="L20282" s="5" t="s">
        <v>64797</v>
      </c>
      <c r="M20282" s="2" t="s">
        <v>64798</v>
      </c>
      <c r="N20282" s="5" t="s">
        <v>733</v>
      </c>
      <c r="O20282" s="5" t="s">
        <v>38</v>
      </c>
      <c r="P20282" s="5" t="s">
        <v>39</v>
      </c>
      <c r="Q20282" s="5" t="s">
        <v>40</v>
      </c>
      <c r="R20282" s="5" t="s">
        <v>897</v>
      </c>
      <c r="S20282" s="5" t="s">
        <v>40</v>
      </c>
      <c r="T20282" s="5" t="s">
        <v>42</v>
      </c>
      <c r="U20282" s="2">
        <v>54.982999999999997</v>
      </c>
      <c r="V20282" s="2">
        <v>51.77</v>
      </c>
      <c r="W20282" s="2">
        <v>0.17899999999999999</v>
      </c>
      <c r="X20282" s="2">
        <v>17</v>
      </c>
      <c r="Y20282" s="2">
        <v>68.7</v>
      </c>
      <c r="Z20282" s="2">
        <v>153.6</v>
      </c>
      <c r="AA20282" s="5">
        <v>7</v>
      </c>
      <c r="AB20282" s="5" t="s">
        <v>43</v>
      </c>
      <c r="AC20282" s="5" t="s">
        <v>735</v>
      </c>
      <c r="AD20282" s="2" t="s">
        <v>65013</v>
      </c>
      <c r="AE20282" s="1"/>
    </row>
    <row r="20283" spans="1:31" ht="14.45">
      <c r="A20283" s="11"/>
      <c r="B20283" s="20"/>
      <c r="C20283" s="2" t="s">
        <v>65014</v>
      </c>
      <c r="D20283" s="14" t="s">
        <v>65015</v>
      </c>
      <c r="E20283" s="2" t="s">
        <v>65016</v>
      </c>
      <c r="F20283" s="2" t="s">
        <v>57283</v>
      </c>
      <c r="G20283" s="8">
        <v>1112</v>
      </c>
      <c r="H20283" s="5">
        <v>10</v>
      </c>
      <c r="I20283" s="5" t="s">
        <v>69</v>
      </c>
      <c r="J20283" s="5" t="s">
        <v>64797</v>
      </c>
      <c r="K20283" s="2" t="s">
        <v>64798</v>
      </c>
      <c r="L20283" s="5" t="s">
        <v>64797</v>
      </c>
      <c r="M20283" s="2" t="s">
        <v>64798</v>
      </c>
      <c r="N20283" s="5" t="s">
        <v>733</v>
      </c>
      <c r="O20283" s="5" t="s">
        <v>38</v>
      </c>
      <c r="P20283" s="5" t="s">
        <v>39</v>
      </c>
      <c r="Q20283" s="5" t="s">
        <v>40</v>
      </c>
      <c r="R20283" s="5" t="s">
        <v>897</v>
      </c>
      <c r="S20283" s="5" t="s">
        <v>40</v>
      </c>
      <c r="T20283" s="5" t="s">
        <v>42</v>
      </c>
      <c r="U20283" s="2">
        <v>52.048999999999999</v>
      </c>
      <c r="V20283" s="2">
        <v>48.86</v>
      </c>
      <c r="W20283" s="2">
        <v>0.17899999999999999</v>
      </c>
      <c r="X20283" s="2">
        <v>17</v>
      </c>
      <c r="Y20283" s="2">
        <v>68.7</v>
      </c>
      <c r="Z20283" s="2">
        <v>153.6</v>
      </c>
      <c r="AA20283" s="5">
        <v>7</v>
      </c>
      <c r="AB20283" s="5" t="s">
        <v>43</v>
      </c>
      <c r="AC20283" s="5" t="s">
        <v>735</v>
      </c>
      <c r="AD20283" s="2" t="s">
        <v>65017</v>
      </c>
      <c r="AE20283" s="1"/>
    </row>
    <row r="20284" spans="1:31" ht="14.45">
      <c r="A20284" s="11"/>
      <c r="B20284" s="20"/>
      <c r="C20284" s="2" t="s">
        <v>65018</v>
      </c>
      <c r="D20284" s="14" t="s">
        <v>65019</v>
      </c>
      <c r="E20284" s="2" t="s">
        <v>65020</v>
      </c>
      <c r="F20284" s="2" t="s">
        <v>57311</v>
      </c>
      <c r="G20284" s="8">
        <v>827</v>
      </c>
      <c r="H20284" s="5">
        <v>5</v>
      </c>
      <c r="I20284" s="5" t="s">
        <v>69</v>
      </c>
      <c r="J20284" s="5" t="s">
        <v>64797</v>
      </c>
      <c r="K20284" s="2" t="s">
        <v>64798</v>
      </c>
      <c r="L20284" s="5" t="s">
        <v>64797</v>
      </c>
      <c r="M20284" s="2" t="s">
        <v>64798</v>
      </c>
      <c r="N20284" s="5" t="s">
        <v>733</v>
      </c>
      <c r="O20284" s="5" t="s">
        <v>38</v>
      </c>
      <c r="P20284" s="5" t="s">
        <v>39</v>
      </c>
      <c r="Q20284" s="5" t="s">
        <v>40</v>
      </c>
      <c r="R20284" s="5" t="s">
        <v>897</v>
      </c>
      <c r="S20284" s="5" t="s">
        <v>40</v>
      </c>
      <c r="T20284" s="5" t="s">
        <v>42</v>
      </c>
      <c r="U20284" s="2">
        <v>46.375999999999998</v>
      </c>
      <c r="V20284" s="2">
        <v>43.173000000000002</v>
      </c>
      <c r="W20284" s="2">
        <v>0.17899999999999999</v>
      </c>
      <c r="X20284" s="2">
        <v>17</v>
      </c>
      <c r="Y20284" s="2">
        <v>68.7</v>
      </c>
      <c r="Z20284" s="2">
        <v>153.6</v>
      </c>
      <c r="AA20284" s="5">
        <v>7</v>
      </c>
      <c r="AB20284" s="5" t="s">
        <v>43</v>
      </c>
      <c r="AC20284" s="5" t="s">
        <v>735</v>
      </c>
      <c r="AD20284" s="2" t="s">
        <v>65021</v>
      </c>
      <c r="AE20284" s="1"/>
    </row>
    <row r="20285" spans="1:31" ht="14.45">
      <c r="A20285" s="11"/>
      <c r="B20285" s="20"/>
      <c r="C20285" s="2" t="s">
        <v>65022</v>
      </c>
      <c r="D20285" s="14" t="s">
        <v>65023</v>
      </c>
      <c r="E20285" s="2" t="s">
        <v>65024</v>
      </c>
      <c r="F20285" s="2" t="s">
        <v>57324</v>
      </c>
      <c r="G20285" s="8">
        <v>1029</v>
      </c>
      <c r="H20285" s="5">
        <v>5</v>
      </c>
      <c r="I20285" s="5" t="s">
        <v>69</v>
      </c>
      <c r="J20285" s="5" t="s">
        <v>64797</v>
      </c>
      <c r="K20285" s="2" t="s">
        <v>64798</v>
      </c>
      <c r="L20285" s="5" t="s">
        <v>64797</v>
      </c>
      <c r="M20285" s="2" t="s">
        <v>64798</v>
      </c>
      <c r="N20285" s="5" t="s">
        <v>733</v>
      </c>
      <c r="O20285" s="5" t="s">
        <v>38</v>
      </c>
      <c r="P20285" s="5" t="s">
        <v>39</v>
      </c>
      <c r="Q20285" s="5" t="s">
        <v>40</v>
      </c>
      <c r="R20285" s="5" t="s">
        <v>897</v>
      </c>
      <c r="S20285" s="5" t="s">
        <v>40</v>
      </c>
      <c r="T20285" s="5" t="s">
        <v>42</v>
      </c>
      <c r="U20285" s="2">
        <v>51.997</v>
      </c>
      <c r="V20285" s="2">
        <v>48.808</v>
      </c>
      <c r="W20285" s="2">
        <v>0.17899999999999999</v>
      </c>
      <c r="X20285" s="2">
        <v>17</v>
      </c>
      <c r="Y20285" s="2">
        <v>68.7</v>
      </c>
      <c r="Z20285" s="2">
        <v>153.6</v>
      </c>
      <c r="AA20285" s="5">
        <v>7</v>
      </c>
      <c r="AB20285" s="5" t="s">
        <v>43</v>
      </c>
      <c r="AC20285" s="5" t="s">
        <v>735</v>
      </c>
      <c r="AD20285" s="2" t="s">
        <v>65025</v>
      </c>
      <c r="AE20285" s="1"/>
    </row>
    <row r="20286" spans="1:31" ht="14.45">
      <c r="A20286" s="11"/>
      <c r="B20286" s="20"/>
      <c r="C20286" s="2" t="s">
        <v>65026</v>
      </c>
      <c r="D20286" s="14" t="s">
        <v>65027</v>
      </c>
      <c r="E20286" s="2" t="s">
        <v>65028</v>
      </c>
      <c r="F20286" s="2" t="s">
        <v>65029</v>
      </c>
      <c r="G20286" s="8">
        <v>1580</v>
      </c>
      <c r="H20286" s="5">
        <v>10</v>
      </c>
      <c r="I20286" s="5" t="s">
        <v>69</v>
      </c>
      <c r="J20286" s="5" t="s">
        <v>64797</v>
      </c>
      <c r="K20286" s="2" t="s">
        <v>64798</v>
      </c>
      <c r="L20286" s="5" t="s">
        <v>64797</v>
      </c>
      <c r="M20286" s="2" t="s">
        <v>64798</v>
      </c>
      <c r="N20286" s="5" t="s">
        <v>733</v>
      </c>
      <c r="O20286" s="5" t="s">
        <v>38</v>
      </c>
      <c r="P20286" s="5" t="s">
        <v>39</v>
      </c>
      <c r="Q20286" s="5" t="s">
        <v>40</v>
      </c>
      <c r="R20286" s="5" t="s">
        <v>897</v>
      </c>
      <c r="S20286" s="5" t="s">
        <v>40</v>
      </c>
      <c r="T20286" s="5" t="s">
        <v>42</v>
      </c>
      <c r="U20286" s="2">
        <v>56.165999999999997</v>
      </c>
      <c r="V20286" s="2">
        <v>52.953000000000003</v>
      </c>
      <c r="W20286" s="2">
        <v>0.17899999999999999</v>
      </c>
      <c r="X20286" s="2">
        <v>17</v>
      </c>
      <c r="Y20286" s="2">
        <v>68.7</v>
      </c>
      <c r="Z20286" s="2">
        <v>153.6</v>
      </c>
      <c r="AA20286" s="5">
        <v>7</v>
      </c>
      <c r="AB20286" s="5" t="s">
        <v>43</v>
      </c>
      <c r="AC20286" s="5" t="s">
        <v>735</v>
      </c>
      <c r="AD20286" s="2" t="s">
        <v>65030</v>
      </c>
      <c r="AE20286" s="1"/>
    </row>
    <row r="20287" spans="1:31" ht="14.45">
      <c r="A20287" s="11"/>
      <c r="B20287" s="20"/>
      <c r="C20287" s="2" t="s">
        <v>65031</v>
      </c>
      <c r="D20287" s="14" t="s">
        <v>65032</v>
      </c>
      <c r="E20287" s="2" t="s">
        <v>65033</v>
      </c>
      <c r="F20287" s="2" t="s">
        <v>57346</v>
      </c>
      <c r="G20287" s="8">
        <v>1497</v>
      </c>
      <c r="H20287" s="5">
        <v>10</v>
      </c>
      <c r="I20287" s="5" t="s">
        <v>69</v>
      </c>
      <c r="J20287" s="5" t="s">
        <v>64797</v>
      </c>
      <c r="K20287" s="2" t="s">
        <v>64798</v>
      </c>
      <c r="L20287" s="5" t="s">
        <v>64797</v>
      </c>
      <c r="M20287" s="2" t="s">
        <v>64798</v>
      </c>
      <c r="N20287" s="5" t="s">
        <v>733</v>
      </c>
      <c r="O20287" s="5" t="s">
        <v>38</v>
      </c>
      <c r="P20287" s="5" t="s">
        <v>39</v>
      </c>
      <c r="Q20287" s="5" t="s">
        <v>40</v>
      </c>
      <c r="R20287" s="5" t="s">
        <v>897</v>
      </c>
      <c r="S20287" s="5" t="s">
        <v>40</v>
      </c>
      <c r="T20287" s="5" t="s">
        <v>42</v>
      </c>
      <c r="U20287" s="2">
        <v>56.134</v>
      </c>
      <c r="V20287" s="2">
        <v>52.920999999999999</v>
      </c>
      <c r="W20287" s="2">
        <v>0.17899999999999999</v>
      </c>
      <c r="X20287" s="2">
        <v>17</v>
      </c>
      <c r="Y20287" s="2">
        <v>68.7</v>
      </c>
      <c r="Z20287" s="2">
        <v>153.6</v>
      </c>
      <c r="AA20287" s="5">
        <v>7</v>
      </c>
      <c r="AB20287" s="5" t="s">
        <v>43</v>
      </c>
      <c r="AC20287" s="5" t="s">
        <v>735</v>
      </c>
      <c r="AD20287" s="2" t="s">
        <v>65034</v>
      </c>
      <c r="AE20287" s="1"/>
    </row>
    <row r="20288" spans="1:31" ht="14.45">
      <c r="A20288" s="11"/>
      <c r="B20288" s="20"/>
      <c r="C20288" s="2" t="s">
        <v>65035</v>
      </c>
      <c r="D20288" s="14" t="s">
        <v>65036</v>
      </c>
      <c r="E20288" s="2" t="s">
        <v>65037</v>
      </c>
      <c r="F20288" s="2" t="s">
        <v>57370</v>
      </c>
      <c r="G20288" s="8">
        <v>1013</v>
      </c>
      <c r="H20288" s="5">
        <v>5</v>
      </c>
      <c r="I20288" s="5" t="s">
        <v>69</v>
      </c>
      <c r="J20288" s="5" t="s">
        <v>64797</v>
      </c>
      <c r="K20288" s="2" t="s">
        <v>64798</v>
      </c>
      <c r="L20288" s="5" t="s">
        <v>64797</v>
      </c>
      <c r="M20288" s="2" t="s">
        <v>64798</v>
      </c>
      <c r="N20288" s="5" t="s">
        <v>733</v>
      </c>
      <c r="O20288" s="5" t="s">
        <v>38</v>
      </c>
      <c r="P20288" s="5" t="s">
        <v>39</v>
      </c>
      <c r="Q20288" s="5" t="s">
        <v>40</v>
      </c>
      <c r="R20288" s="5" t="s">
        <v>897</v>
      </c>
      <c r="S20288" s="5" t="s">
        <v>40</v>
      </c>
      <c r="T20288" s="5" t="s">
        <v>42</v>
      </c>
      <c r="U20288" s="2">
        <v>43.43</v>
      </c>
      <c r="V20288" s="2">
        <v>40.764000000000003</v>
      </c>
      <c r="W20288" s="2">
        <v>0.153</v>
      </c>
      <c r="X20288" s="2">
        <v>17</v>
      </c>
      <c r="Y20288" s="2">
        <v>80.7</v>
      </c>
      <c r="Z20288" s="2">
        <v>111.6</v>
      </c>
      <c r="AA20288" s="5">
        <v>7</v>
      </c>
      <c r="AB20288" s="5" t="s">
        <v>43</v>
      </c>
      <c r="AC20288" s="5" t="s">
        <v>735</v>
      </c>
      <c r="AD20288" s="2" t="s">
        <v>65038</v>
      </c>
      <c r="AE20288" s="1"/>
    </row>
    <row r="20289" spans="1:31" ht="14.45">
      <c r="A20289" s="11"/>
      <c r="B20289" s="20"/>
      <c r="C20289" s="2" t="s">
        <v>65039</v>
      </c>
      <c r="D20289" s="14" t="s">
        <v>65040</v>
      </c>
      <c r="E20289" s="2" t="s">
        <v>65041</v>
      </c>
      <c r="F20289" s="2" t="s">
        <v>57388</v>
      </c>
      <c r="G20289" s="8">
        <v>1121</v>
      </c>
      <c r="H20289" s="5">
        <v>10</v>
      </c>
      <c r="I20289" s="5" t="s">
        <v>69</v>
      </c>
      <c r="J20289" s="5" t="s">
        <v>64797</v>
      </c>
      <c r="K20289" s="2" t="s">
        <v>64798</v>
      </c>
      <c r="L20289" s="5" t="s">
        <v>64797</v>
      </c>
      <c r="M20289" s="2" t="s">
        <v>64798</v>
      </c>
      <c r="N20289" s="5" t="s">
        <v>733</v>
      </c>
      <c r="O20289" s="5" t="s">
        <v>38</v>
      </c>
      <c r="P20289" s="5" t="s">
        <v>39</v>
      </c>
      <c r="Q20289" s="5" t="s">
        <v>40</v>
      </c>
      <c r="R20289" s="5" t="s">
        <v>897</v>
      </c>
      <c r="S20289" s="5" t="s">
        <v>40</v>
      </c>
      <c r="T20289" s="5" t="s">
        <v>42</v>
      </c>
      <c r="U20289" s="2">
        <v>43.433</v>
      </c>
      <c r="V20289" s="2">
        <v>40.767000000000003</v>
      </c>
      <c r="W20289" s="2">
        <v>0.153</v>
      </c>
      <c r="X20289" s="2">
        <v>17</v>
      </c>
      <c r="Y20289" s="2">
        <v>80.7</v>
      </c>
      <c r="Z20289" s="2">
        <v>111.6</v>
      </c>
      <c r="AA20289" s="5">
        <v>7</v>
      </c>
      <c r="AB20289" s="5" t="s">
        <v>43</v>
      </c>
      <c r="AC20289" s="5" t="s">
        <v>735</v>
      </c>
      <c r="AD20289" s="2" t="s">
        <v>65042</v>
      </c>
      <c r="AE20289" s="1"/>
    </row>
    <row r="20290" spans="1:31" ht="14.45">
      <c r="A20290" s="11"/>
      <c r="B20290" s="20"/>
      <c r="C20290" s="2" t="s">
        <v>65043</v>
      </c>
      <c r="D20290" s="14" t="s">
        <v>65044</v>
      </c>
      <c r="E20290" s="2" t="s">
        <v>65045</v>
      </c>
      <c r="F20290" s="2" t="s">
        <v>57401</v>
      </c>
      <c r="G20290" s="8">
        <v>908</v>
      </c>
      <c r="H20290" s="5">
        <v>10</v>
      </c>
      <c r="I20290" s="5" t="s">
        <v>69</v>
      </c>
      <c r="J20290" s="5" t="s">
        <v>64797</v>
      </c>
      <c r="K20290" s="2" t="s">
        <v>64798</v>
      </c>
      <c r="L20290" s="5" t="s">
        <v>64797</v>
      </c>
      <c r="M20290" s="2" t="s">
        <v>64798</v>
      </c>
      <c r="N20290" s="5" t="s">
        <v>733</v>
      </c>
      <c r="O20290" s="5" t="s">
        <v>38</v>
      </c>
      <c r="P20290" s="5" t="s">
        <v>39</v>
      </c>
      <c r="Q20290" s="5" t="s">
        <v>40</v>
      </c>
      <c r="R20290" s="5" t="s">
        <v>897</v>
      </c>
      <c r="S20290" s="5" t="s">
        <v>40</v>
      </c>
      <c r="T20290" s="5" t="s">
        <v>42</v>
      </c>
      <c r="U20290" s="2">
        <v>43.603000000000002</v>
      </c>
      <c r="V20290" s="2">
        <v>40.936999999999998</v>
      </c>
      <c r="W20290" s="2">
        <v>0.153</v>
      </c>
      <c r="X20290" s="2">
        <v>17</v>
      </c>
      <c r="Y20290" s="2">
        <v>80.7</v>
      </c>
      <c r="Z20290" s="2">
        <v>111.6</v>
      </c>
      <c r="AA20290" s="5">
        <v>7</v>
      </c>
      <c r="AB20290" s="5" t="s">
        <v>43</v>
      </c>
      <c r="AC20290" s="5" t="s">
        <v>735</v>
      </c>
      <c r="AD20290" s="2" t="s">
        <v>65046</v>
      </c>
      <c r="AE20290" s="1"/>
    </row>
    <row r="20291" spans="1:31" ht="14.45">
      <c r="A20291" s="11"/>
      <c r="B20291" s="20"/>
      <c r="C20291" s="2" t="s">
        <v>65047</v>
      </c>
      <c r="D20291" s="14" t="s">
        <v>65048</v>
      </c>
      <c r="E20291" s="2" t="s">
        <v>65049</v>
      </c>
      <c r="F20291" s="2" t="s">
        <v>57414</v>
      </c>
      <c r="G20291" s="8">
        <v>777</v>
      </c>
      <c r="H20291" s="5">
        <v>5</v>
      </c>
      <c r="I20291" s="5" t="s">
        <v>69</v>
      </c>
      <c r="J20291" s="5" t="s">
        <v>64797</v>
      </c>
      <c r="K20291" s="2" t="s">
        <v>64798</v>
      </c>
      <c r="L20291" s="5" t="s">
        <v>64797</v>
      </c>
      <c r="M20291" s="2" t="s">
        <v>64798</v>
      </c>
      <c r="N20291" s="5" t="s">
        <v>733</v>
      </c>
      <c r="O20291" s="5" t="s">
        <v>38</v>
      </c>
      <c r="P20291" s="5" t="s">
        <v>39</v>
      </c>
      <c r="Q20291" s="5" t="s">
        <v>40</v>
      </c>
      <c r="R20291" s="5" t="s">
        <v>897</v>
      </c>
      <c r="S20291" s="5" t="s">
        <v>40</v>
      </c>
      <c r="T20291" s="5" t="s">
        <v>42</v>
      </c>
      <c r="U20291" s="2">
        <v>38.338999999999999</v>
      </c>
      <c r="V20291" s="2">
        <v>35.656999999999996</v>
      </c>
      <c r="W20291" s="2">
        <v>0.153</v>
      </c>
      <c r="X20291" s="2">
        <v>17</v>
      </c>
      <c r="Y20291" s="2">
        <v>80.7</v>
      </c>
      <c r="Z20291" s="2">
        <v>111.6</v>
      </c>
      <c r="AA20291" s="5">
        <v>7</v>
      </c>
      <c r="AB20291" s="5" t="s">
        <v>43</v>
      </c>
      <c r="AC20291" s="5" t="s">
        <v>735</v>
      </c>
      <c r="AD20291" s="2" t="s">
        <v>65050</v>
      </c>
      <c r="AE20291" s="1"/>
    </row>
    <row r="20292" spans="1:31" ht="14.45">
      <c r="A20292" s="11"/>
      <c r="B20292" s="20"/>
      <c r="C20292" s="2" t="s">
        <v>65051</v>
      </c>
      <c r="D20292" s="14" t="s">
        <v>65052</v>
      </c>
      <c r="E20292" s="2" t="s">
        <v>65053</v>
      </c>
      <c r="F20292" s="2" t="s">
        <v>57436</v>
      </c>
      <c r="G20292" s="8">
        <v>944</v>
      </c>
      <c r="H20292" s="5">
        <v>5</v>
      </c>
      <c r="I20292" s="5" t="s">
        <v>69</v>
      </c>
      <c r="J20292" s="5" t="s">
        <v>64797</v>
      </c>
      <c r="K20292" s="2" t="s">
        <v>64798</v>
      </c>
      <c r="L20292" s="5" t="s">
        <v>64797</v>
      </c>
      <c r="M20292" s="2" t="s">
        <v>64798</v>
      </c>
      <c r="N20292" s="5" t="s">
        <v>733</v>
      </c>
      <c r="O20292" s="5" t="s">
        <v>38</v>
      </c>
      <c r="P20292" s="5" t="s">
        <v>39</v>
      </c>
      <c r="Q20292" s="5" t="s">
        <v>40</v>
      </c>
      <c r="R20292" s="5" t="s">
        <v>897</v>
      </c>
      <c r="S20292" s="5" t="s">
        <v>40</v>
      </c>
      <c r="T20292" s="5" t="s">
        <v>42</v>
      </c>
      <c r="U20292" s="2">
        <v>43.536999999999999</v>
      </c>
      <c r="V20292" s="2">
        <v>40.871000000000002</v>
      </c>
      <c r="W20292" s="2">
        <v>0.153</v>
      </c>
      <c r="X20292" s="2">
        <v>17</v>
      </c>
      <c r="Y20292" s="2">
        <v>80.7</v>
      </c>
      <c r="Z20292" s="2">
        <v>111.6</v>
      </c>
      <c r="AA20292" s="5">
        <v>7</v>
      </c>
      <c r="AB20292" s="5" t="s">
        <v>43</v>
      </c>
      <c r="AC20292" s="5" t="s">
        <v>735</v>
      </c>
      <c r="AD20292" s="2" t="s">
        <v>65054</v>
      </c>
      <c r="AE20292" s="1"/>
    </row>
    <row r="20293" spans="1:31" ht="14.45">
      <c r="A20293" s="11"/>
      <c r="B20293" s="20"/>
      <c r="C20293" s="2" t="s">
        <v>65055</v>
      </c>
      <c r="D20293" s="14" t="s">
        <v>65056</v>
      </c>
      <c r="E20293" s="2" t="s">
        <v>65057</v>
      </c>
      <c r="F20293" s="2" t="s">
        <v>57458</v>
      </c>
      <c r="G20293" s="8">
        <v>1481</v>
      </c>
      <c r="H20293" s="5">
        <v>10</v>
      </c>
      <c r="I20293" s="5" t="s">
        <v>69</v>
      </c>
      <c r="J20293" s="5" t="s">
        <v>64797</v>
      </c>
      <c r="K20293" s="2" t="s">
        <v>64798</v>
      </c>
      <c r="L20293" s="5" t="s">
        <v>64797</v>
      </c>
      <c r="M20293" s="2" t="s">
        <v>64798</v>
      </c>
      <c r="N20293" s="5" t="s">
        <v>733</v>
      </c>
      <c r="O20293" s="5" t="s">
        <v>38</v>
      </c>
      <c r="P20293" s="5" t="s">
        <v>39</v>
      </c>
      <c r="Q20293" s="5" t="s">
        <v>40</v>
      </c>
      <c r="R20293" s="5" t="s">
        <v>897</v>
      </c>
      <c r="S20293" s="5" t="s">
        <v>40</v>
      </c>
      <c r="T20293" s="5" t="s">
        <v>42</v>
      </c>
      <c r="U20293" s="2">
        <v>47.040999999999997</v>
      </c>
      <c r="V20293" s="2">
        <v>44.350999999999999</v>
      </c>
      <c r="W20293" s="2">
        <v>0.153</v>
      </c>
      <c r="X20293" s="2">
        <v>17</v>
      </c>
      <c r="Y20293" s="2">
        <v>80.7</v>
      </c>
      <c r="Z20293" s="2">
        <v>111.6</v>
      </c>
      <c r="AA20293" s="5">
        <v>7</v>
      </c>
      <c r="AB20293" s="5" t="s">
        <v>43</v>
      </c>
      <c r="AC20293" s="5" t="s">
        <v>735</v>
      </c>
      <c r="AD20293" s="2" t="s">
        <v>65058</v>
      </c>
      <c r="AE20293" s="1"/>
    </row>
    <row r="20294" spans="1:31" ht="14.45">
      <c r="A20294" s="11"/>
      <c r="B20294" s="20"/>
      <c r="C20294" s="2" t="s">
        <v>65059</v>
      </c>
      <c r="D20294" s="14" t="s">
        <v>65060</v>
      </c>
      <c r="E20294" s="2" t="s">
        <v>65061</v>
      </c>
      <c r="F20294" s="2" t="s">
        <v>57472</v>
      </c>
      <c r="G20294" s="8">
        <v>1245</v>
      </c>
      <c r="H20294" s="5">
        <v>10</v>
      </c>
      <c r="I20294" s="5" t="s">
        <v>69</v>
      </c>
      <c r="J20294" s="5" t="s">
        <v>64797</v>
      </c>
      <c r="K20294" s="2" t="s">
        <v>64798</v>
      </c>
      <c r="L20294" s="5" t="s">
        <v>64797</v>
      </c>
      <c r="M20294" s="2" t="s">
        <v>64798</v>
      </c>
      <c r="N20294" s="5" t="s">
        <v>733</v>
      </c>
      <c r="O20294" s="5" t="s">
        <v>38</v>
      </c>
      <c r="P20294" s="5" t="s">
        <v>39</v>
      </c>
      <c r="Q20294" s="5" t="s">
        <v>40</v>
      </c>
      <c r="R20294" s="5" t="s">
        <v>897</v>
      </c>
      <c r="S20294" s="5" t="s">
        <v>40</v>
      </c>
      <c r="T20294" s="5" t="s">
        <v>42</v>
      </c>
      <c r="U20294" s="2">
        <v>42.26</v>
      </c>
      <c r="V20294" s="2">
        <v>39.554000000000002</v>
      </c>
      <c r="W20294" s="2">
        <v>0.153</v>
      </c>
      <c r="X20294" s="2">
        <v>17</v>
      </c>
      <c r="Y20294" s="2">
        <v>80.7</v>
      </c>
      <c r="Z20294" s="2">
        <v>111.6</v>
      </c>
      <c r="AA20294" s="5">
        <v>7</v>
      </c>
      <c r="AB20294" s="5" t="s">
        <v>43</v>
      </c>
      <c r="AC20294" s="5" t="s">
        <v>735</v>
      </c>
      <c r="AD20294" s="2" t="s">
        <v>65062</v>
      </c>
      <c r="AE20294" s="1"/>
    </row>
    <row r="20295" spans="1:31" ht="14.45">
      <c r="A20295" s="11"/>
      <c r="B20295" s="20"/>
      <c r="C20295" s="2" t="s">
        <v>65063</v>
      </c>
      <c r="D20295" s="14" t="s">
        <v>65064</v>
      </c>
      <c r="E20295" s="2" t="s">
        <v>65065</v>
      </c>
      <c r="F20295" s="2" t="s">
        <v>57486</v>
      </c>
      <c r="G20295" s="8">
        <v>1412</v>
      </c>
      <c r="H20295" s="5">
        <v>10</v>
      </c>
      <c r="I20295" s="5" t="s">
        <v>69</v>
      </c>
      <c r="J20295" s="5" t="s">
        <v>64797</v>
      </c>
      <c r="K20295" s="2" t="s">
        <v>64798</v>
      </c>
      <c r="L20295" s="5" t="s">
        <v>64797</v>
      </c>
      <c r="M20295" s="2" t="s">
        <v>64798</v>
      </c>
      <c r="N20295" s="5" t="s">
        <v>733</v>
      </c>
      <c r="O20295" s="5" t="s">
        <v>38</v>
      </c>
      <c r="P20295" s="5" t="s">
        <v>39</v>
      </c>
      <c r="Q20295" s="5" t="s">
        <v>40</v>
      </c>
      <c r="R20295" s="5" t="s">
        <v>897</v>
      </c>
      <c r="S20295" s="5" t="s">
        <v>40</v>
      </c>
      <c r="T20295" s="5" t="s">
        <v>42</v>
      </c>
      <c r="U20295" s="2">
        <v>47.014000000000003</v>
      </c>
      <c r="V20295" s="2">
        <v>44.323999999999998</v>
      </c>
      <c r="W20295" s="2">
        <v>0.153</v>
      </c>
      <c r="X20295" s="2">
        <v>17</v>
      </c>
      <c r="Y20295" s="2">
        <v>80.7</v>
      </c>
      <c r="Z20295" s="2">
        <v>111.6</v>
      </c>
      <c r="AA20295" s="5">
        <v>7</v>
      </c>
      <c r="AB20295" s="5" t="s">
        <v>43</v>
      </c>
      <c r="AC20295" s="5" t="s">
        <v>735</v>
      </c>
      <c r="AD20295" s="2" t="s">
        <v>65066</v>
      </c>
      <c r="AE20295" s="1"/>
    </row>
    <row r="20296" spans="1:31" ht="14.45">
      <c r="A20296" s="11"/>
      <c r="B20296" s="20"/>
      <c r="C20296" s="2" t="s">
        <v>65067</v>
      </c>
      <c r="D20296" s="14" t="s">
        <v>65068</v>
      </c>
      <c r="E20296" s="2" t="s">
        <v>65069</v>
      </c>
      <c r="F20296" s="2" t="s">
        <v>57499</v>
      </c>
      <c r="G20296" s="8">
        <v>1481</v>
      </c>
      <c r="H20296" s="5">
        <v>10</v>
      </c>
      <c r="I20296" s="5" t="s">
        <v>69</v>
      </c>
      <c r="J20296" s="5" t="s">
        <v>64797</v>
      </c>
      <c r="K20296" s="2" t="s">
        <v>64798</v>
      </c>
      <c r="L20296" s="5" t="s">
        <v>64797</v>
      </c>
      <c r="M20296" s="2" t="s">
        <v>64798</v>
      </c>
      <c r="N20296" s="5" t="s">
        <v>733</v>
      </c>
      <c r="O20296" s="5" t="s">
        <v>38</v>
      </c>
      <c r="P20296" s="5" t="s">
        <v>39</v>
      </c>
      <c r="Q20296" s="5" t="s">
        <v>40</v>
      </c>
      <c r="R20296" s="5" t="s">
        <v>897</v>
      </c>
      <c r="S20296" s="5" t="s">
        <v>40</v>
      </c>
      <c r="T20296" s="5" t="s">
        <v>42</v>
      </c>
      <c r="U20296" s="2">
        <v>45.802999999999997</v>
      </c>
      <c r="V20296" s="2">
        <v>43.113</v>
      </c>
      <c r="W20296" s="2">
        <v>0.153</v>
      </c>
      <c r="X20296" s="2">
        <v>17</v>
      </c>
      <c r="Y20296" s="2">
        <v>80.7</v>
      </c>
      <c r="Z20296" s="2">
        <v>111.6</v>
      </c>
      <c r="AA20296" s="5">
        <v>7</v>
      </c>
      <c r="AB20296" s="5" t="s">
        <v>43</v>
      </c>
      <c r="AC20296" s="5" t="s">
        <v>735</v>
      </c>
      <c r="AD20296" s="2" t="s">
        <v>65070</v>
      </c>
      <c r="AE20296" s="1"/>
    </row>
    <row r="20297" spans="1:31" ht="14.45">
      <c r="A20297" s="11"/>
      <c r="B20297" s="20"/>
      <c r="C20297" s="2" t="s">
        <v>65071</v>
      </c>
      <c r="D20297" s="14" t="s">
        <v>65072</v>
      </c>
      <c r="E20297" s="2" t="s">
        <v>65073</v>
      </c>
      <c r="F20297" s="2" t="s">
        <v>57526</v>
      </c>
      <c r="G20297" s="8">
        <v>1412</v>
      </c>
      <c r="H20297" s="5">
        <v>10</v>
      </c>
      <c r="I20297" s="5" t="s">
        <v>69</v>
      </c>
      <c r="J20297" s="5" t="s">
        <v>64797</v>
      </c>
      <c r="K20297" s="2" t="s">
        <v>64798</v>
      </c>
      <c r="L20297" s="5" t="s">
        <v>64797</v>
      </c>
      <c r="M20297" s="2" t="s">
        <v>64798</v>
      </c>
      <c r="N20297" s="5" t="s">
        <v>733</v>
      </c>
      <c r="O20297" s="5" t="s">
        <v>38</v>
      </c>
      <c r="P20297" s="5" t="s">
        <v>39</v>
      </c>
      <c r="Q20297" s="5" t="s">
        <v>40</v>
      </c>
      <c r="R20297" s="5" t="s">
        <v>897</v>
      </c>
      <c r="S20297" s="5" t="s">
        <v>40</v>
      </c>
      <c r="T20297" s="5" t="s">
        <v>42</v>
      </c>
      <c r="U20297" s="2">
        <v>45.776000000000003</v>
      </c>
      <c r="V20297" s="2">
        <v>43.085999999999999</v>
      </c>
      <c r="W20297" s="2">
        <v>0.153</v>
      </c>
      <c r="X20297" s="2">
        <v>17</v>
      </c>
      <c r="Y20297" s="2">
        <v>80.7</v>
      </c>
      <c r="Z20297" s="2">
        <v>111.6</v>
      </c>
      <c r="AA20297" s="5">
        <v>7</v>
      </c>
      <c r="AB20297" s="5" t="s">
        <v>43</v>
      </c>
      <c r="AC20297" s="5" t="s">
        <v>735</v>
      </c>
      <c r="AD20297" s="2" t="s">
        <v>65074</v>
      </c>
      <c r="AE20297" s="1"/>
    </row>
    <row r="20298" spans="1:31" ht="14.45">
      <c r="A20298" s="11"/>
      <c r="B20298" s="20"/>
      <c r="C20298" s="2" t="s">
        <v>65075</v>
      </c>
      <c r="D20298" s="14" t="s">
        <v>65076</v>
      </c>
      <c r="E20298" s="2" t="s">
        <v>65077</v>
      </c>
      <c r="F20298" s="2" t="s">
        <v>57545</v>
      </c>
      <c r="G20298" s="8">
        <v>1013</v>
      </c>
      <c r="H20298" s="5">
        <v>10</v>
      </c>
      <c r="I20298" s="5" t="s">
        <v>69</v>
      </c>
      <c r="J20298" s="5" t="s">
        <v>64797</v>
      </c>
      <c r="K20298" s="2" t="s">
        <v>64798</v>
      </c>
      <c r="L20298" s="5" t="s">
        <v>64797</v>
      </c>
      <c r="M20298" s="2" t="s">
        <v>64798</v>
      </c>
      <c r="N20298" s="5" t="s">
        <v>733</v>
      </c>
      <c r="O20298" s="5" t="s">
        <v>38</v>
      </c>
      <c r="P20298" s="5" t="s">
        <v>39</v>
      </c>
      <c r="Q20298" s="5" t="s">
        <v>40</v>
      </c>
      <c r="R20298" s="5" t="s">
        <v>897</v>
      </c>
      <c r="S20298" s="5" t="s">
        <v>40</v>
      </c>
      <c r="T20298" s="5" t="s">
        <v>42</v>
      </c>
      <c r="U20298" s="2">
        <v>43.45</v>
      </c>
      <c r="V20298" s="2">
        <v>40.783999999999999</v>
      </c>
      <c r="W20298" s="2">
        <v>0.153</v>
      </c>
      <c r="X20298" s="2">
        <v>17</v>
      </c>
      <c r="Y20298" s="2">
        <v>80.7</v>
      </c>
      <c r="Z20298" s="2">
        <v>111.6</v>
      </c>
      <c r="AA20298" s="5">
        <v>7</v>
      </c>
      <c r="AB20298" s="5" t="s">
        <v>43</v>
      </c>
      <c r="AC20298" s="5" t="s">
        <v>735</v>
      </c>
      <c r="AD20298" s="2" t="s">
        <v>65078</v>
      </c>
      <c r="AE20298" s="1"/>
    </row>
    <row r="20299" spans="1:31" ht="14.45">
      <c r="A20299" s="11"/>
      <c r="B20299" s="20"/>
      <c r="C20299" s="2" t="s">
        <v>65079</v>
      </c>
      <c r="D20299" s="14" t="s">
        <v>65080</v>
      </c>
      <c r="E20299" s="2" t="s">
        <v>65081</v>
      </c>
      <c r="F20299" s="2" t="s">
        <v>57563</v>
      </c>
      <c r="G20299" s="8">
        <v>1121</v>
      </c>
      <c r="H20299" s="5">
        <v>10</v>
      </c>
      <c r="I20299" s="5" t="s">
        <v>69</v>
      </c>
      <c r="J20299" s="5" t="s">
        <v>64797</v>
      </c>
      <c r="K20299" s="2" t="s">
        <v>64798</v>
      </c>
      <c r="L20299" s="5" t="s">
        <v>64797</v>
      </c>
      <c r="M20299" s="2" t="s">
        <v>64798</v>
      </c>
      <c r="N20299" s="5" t="s">
        <v>733</v>
      </c>
      <c r="O20299" s="5" t="s">
        <v>38</v>
      </c>
      <c r="P20299" s="5" t="s">
        <v>39</v>
      </c>
      <c r="Q20299" s="5" t="s">
        <v>40</v>
      </c>
      <c r="R20299" s="5" t="s">
        <v>897</v>
      </c>
      <c r="S20299" s="5" t="s">
        <v>40</v>
      </c>
      <c r="T20299" s="5" t="s">
        <v>42</v>
      </c>
      <c r="U20299" s="2">
        <v>43.335000000000001</v>
      </c>
      <c r="V20299" s="2">
        <v>40.668999999999997</v>
      </c>
      <c r="W20299" s="2">
        <v>0.153</v>
      </c>
      <c r="X20299" s="2">
        <v>17</v>
      </c>
      <c r="Y20299" s="2">
        <v>80.7</v>
      </c>
      <c r="Z20299" s="2">
        <v>111.6</v>
      </c>
      <c r="AA20299" s="5">
        <v>7</v>
      </c>
      <c r="AB20299" s="5" t="s">
        <v>43</v>
      </c>
      <c r="AC20299" s="5" t="s">
        <v>735</v>
      </c>
      <c r="AD20299" s="2" t="s">
        <v>65082</v>
      </c>
      <c r="AE20299" s="1"/>
    </row>
    <row r="20300" spans="1:31" ht="14.45">
      <c r="A20300" s="11"/>
      <c r="B20300" s="20"/>
      <c r="C20300" s="2" t="s">
        <v>65083</v>
      </c>
      <c r="D20300" s="14" t="s">
        <v>65084</v>
      </c>
      <c r="E20300" s="2" t="s">
        <v>65085</v>
      </c>
      <c r="F20300" s="2" t="s">
        <v>57589</v>
      </c>
      <c r="G20300" s="8">
        <v>777</v>
      </c>
      <c r="H20300" s="5">
        <v>5</v>
      </c>
      <c r="I20300" s="5" t="s">
        <v>69</v>
      </c>
      <c r="J20300" s="5" t="s">
        <v>64797</v>
      </c>
      <c r="K20300" s="2" t="s">
        <v>64798</v>
      </c>
      <c r="L20300" s="5" t="s">
        <v>64797</v>
      </c>
      <c r="M20300" s="2" t="s">
        <v>64798</v>
      </c>
      <c r="N20300" s="5" t="s">
        <v>733</v>
      </c>
      <c r="O20300" s="5" t="s">
        <v>38</v>
      </c>
      <c r="P20300" s="5" t="s">
        <v>39</v>
      </c>
      <c r="Q20300" s="5" t="s">
        <v>40</v>
      </c>
      <c r="R20300" s="5" t="s">
        <v>897</v>
      </c>
      <c r="S20300" s="5" t="s">
        <v>40</v>
      </c>
      <c r="T20300" s="5" t="s">
        <v>42</v>
      </c>
      <c r="U20300" s="2">
        <v>38.359000000000002</v>
      </c>
      <c r="V20300" s="2">
        <v>35.677</v>
      </c>
      <c r="W20300" s="2">
        <v>0.153</v>
      </c>
      <c r="X20300" s="2">
        <v>17</v>
      </c>
      <c r="Y20300" s="2">
        <v>80.7</v>
      </c>
      <c r="Z20300" s="2">
        <v>111.6</v>
      </c>
      <c r="AA20300" s="5">
        <v>7</v>
      </c>
      <c r="AB20300" s="5" t="s">
        <v>43</v>
      </c>
      <c r="AC20300" s="5" t="s">
        <v>735</v>
      </c>
      <c r="AD20300" s="2" t="s">
        <v>65086</v>
      </c>
      <c r="AE20300" s="1"/>
    </row>
    <row r="20301" spans="1:31" ht="14.45">
      <c r="A20301" s="11"/>
      <c r="B20301" s="20"/>
      <c r="C20301" s="2" t="s">
        <v>65087</v>
      </c>
      <c r="D20301" s="14" t="s">
        <v>65088</v>
      </c>
      <c r="E20301" s="2" t="s">
        <v>65089</v>
      </c>
      <c r="F20301" s="2" t="s">
        <v>57611</v>
      </c>
      <c r="G20301" s="8">
        <v>944</v>
      </c>
      <c r="H20301" s="5">
        <v>5</v>
      </c>
      <c r="I20301" s="5" t="s">
        <v>69</v>
      </c>
      <c r="J20301" s="5" t="s">
        <v>64797</v>
      </c>
      <c r="K20301" s="2" t="s">
        <v>64798</v>
      </c>
      <c r="L20301" s="5" t="s">
        <v>64797</v>
      </c>
      <c r="M20301" s="2" t="s">
        <v>64798</v>
      </c>
      <c r="N20301" s="5" t="s">
        <v>733</v>
      </c>
      <c r="O20301" s="5" t="s">
        <v>38</v>
      </c>
      <c r="P20301" s="5" t="s">
        <v>39</v>
      </c>
      <c r="Q20301" s="5" t="s">
        <v>40</v>
      </c>
      <c r="R20301" s="5" t="s">
        <v>897</v>
      </c>
      <c r="S20301" s="5" t="s">
        <v>40</v>
      </c>
      <c r="T20301" s="5" t="s">
        <v>42</v>
      </c>
      <c r="U20301" s="2">
        <v>43.439</v>
      </c>
      <c r="V20301" s="2">
        <v>40.773000000000003</v>
      </c>
      <c r="W20301" s="2">
        <v>0.153</v>
      </c>
      <c r="X20301" s="2">
        <v>17</v>
      </c>
      <c r="Y20301" s="2">
        <v>80.7</v>
      </c>
      <c r="Z20301" s="2">
        <v>111.6</v>
      </c>
      <c r="AA20301" s="5">
        <v>7</v>
      </c>
      <c r="AB20301" s="5" t="s">
        <v>43</v>
      </c>
      <c r="AC20301" s="5" t="s">
        <v>735</v>
      </c>
      <c r="AD20301" s="2" t="s">
        <v>65090</v>
      </c>
      <c r="AE20301" s="1"/>
    </row>
    <row r="20302" spans="1:31" ht="14.45">
      <c r="A20302" s="11"/>
      <c r="B20302" s="20"/>
      <c r="C20302" s="2" t="s">
        <v>65091</v>
      </c>
      <c r="D20302" s="14" t="s">
        <v>65092</v>
      </c>
      <c r="E20302" s="2" t="s">
        <v>65093</v>
      </c>
      <c r="F20302" s="2" t="s">
        <v>57633</v>
      </c>
      <c r="G20302" s="8">
        <v>1481</v>
      </c>
      <c r="H20302" s="5">
        <v>10</v>
      </c>
      <c r="I20302" s="5" t="s">
        <v>69</v>
      </c>
      <c r="J20302" s="5" t="s">
        <v>64797</v>
      </c>
      <c r="K20302" s="2" t="s">
        <v>64798</v>
      </c>
      <c r="L20302" s="5" t="s">
        <v>64797</v>
      </c>
      <c r="M20302" s="2" t="s">
        <v>64798</v>
      </c>
      <c r="N20302" s="5" t="s">
        <v>733</v>
      </c>
      <c r="O20302" s="5" t="s">
        <v>38</v>
      </c>
      <c r="P20302" s="5" t="s">
        <v>39</v>
      </c>
      <c r="Q20302" s="5" t="s">
        <v>40</v>
      </c>
      <c r="R20302" s="5" t="s">
        <v>897</v>
      </c>
      <c r="S20302" s="5" t="s">
        <v>40</v>
      </c>
      <c r="T20302" s="5" t="s">
        <v>42</v>
      </c>
      <c r="U20302" s="2">
        <v>47.061</v>
      </c>
      <c r="V20302" s="2">
        <v>44.371000000000002</v>
      </c>
      <c r="W20302" s="2">
        <v>0.153</v>
      </c>
      <c r="X20302" s="2">
        <v>17</v>
      </c>
      <c r="Y20302" s="2">
        <v>80.7</v>
      </c>
      <c r="Z20302" s="2">
        <v>111.6</v>
      </c>
      <c r="AA20302" s="5">
        <v>7</v>
      </c>
      <c r="AB20302" s="5" t="s">
        <v>43</v>
      </c>
      <c r="AC20302" s="5" t="s">
        <v>735</v>
      </c>
      <c r="AD20302" s="2" t="s">
        <v>65094</v>
      </c>
      <c r="AE20302" s="1"/>
    </row>
    <row r="20303" spans="1:31" ht="14.45">
      <c r="A20303" s="11"/>
      <c r="B20303" s="20"/>
      <c r="C20303" s="2" t="s">
        <v>65095</v>
      </c>
      <c r="D20303" s="14" t="s">
        <v>65096</v>
      </c>
      <c r="E20303" s="2" t="s">
        <v>65097</v>
      </c>
      <c r="F20303" s="2" t="s">
        <v>57647</v>
      </c>
      <c r="G20303" s="8">
        <v>1412</v>
      </c>
      <c r="H20303" s="5">
        <v>10</v>
      </c>
      <c r="I20303" s="5" t="s">
        <v>69</v>
      </c>
      <c r="J20303" s="5" t="s">
        <v>64797</v>
      </c>
      <c r="K20303" s="2" t="s">
        <v>64798</v>
      </c>
      <c r="L20303" s="5" t="s">
        <v>64797</v>
      </c>
      <c r="M20303" s="2" t="s">
        <v>64798</v>
      </c>
      <c r="N20303" s="5" t="s">
        <v>733</v>
      </c>
      <c r="O20303" s="5" t="s">
        <v>38</v>
      </c>
      <c r="P20303" s="5" t="s">
        <v>39</v>
      </c>
      <c r="Q20303" s="5" t="s">
        <v>40</v>
      </c>
      <c r="R20303" s="5" t="s">
        <v>897</v>
      </c>
      <c r="S20303" s="5" t="s">
        <v>40</v>
      </c>
      <c r="T20303" s="5" t="s">
        <v>42</v>
      </c>
      <c r="U20303" s="2">
        <v>47.033999999999999</v>
      </c>
      <c r="V20303" s="2">
        <v>44.344000000000001</v>
      </c>
      <c r="W20303" s="2">
        <v>0.153</v>
      </c>
      <c r="X20303" s="2">
        <v>17</v>
      </c>
      <c r="Y20303" s="2">
        <v>80.7</v>
      </c>
      <c r="Z20303" s="2">
        <v>111.6</v>
      </c>
      <c r="AA20303" s="5">
        <v>7</v>
      </c>
      <c r="AB20303" s="5" t="s">
        <v>43</v>
      </c>
      <c r="AC20303" s="5" t="s">
        <v>735</v>
      </c>
      <c r="AD20303" s="2" t="s">
        <v>65098</v>
      </c>
      <c r="AE20303" s="1"/>
    </row>
    <row r="20304" spans="1:31" ht="14.45">
      <c r="A20304" s="11"/>
      <c r="B20304" s="20"/>
      <c r="C20304" s="2" t="s">
        <v>65099</v>
      </c>
      <c r="D20304" s="14" t="s">
        <v>65100</v>
      </c>
      <c r="E20304" s="2" t="s">
        <v>65101</v>
      </c>
      <c r="F20304" s="2" t="s">
        <v>57674</v>
      </c>
      <c r="G20304" s="8">
        <v>1412</v>
      </c>
      <c r="H20304" s="5">
        <v>10</v>
      </c>
      <c r="I20304" s="5" t="s">
        <v>69</v>
      </c>
      <c r="J20304" s="5" t="s">
        <v>64797</v>
      </c>
      <c r="K20304" s="2" t="s">
        <v>64798</v>
      </c>
      <c r="L20304" s="5" t="s">
        <v>64797</v>
      </c>
      <c r="M20304" s="2" t="s">
        <v>64798</v>
      </c>
      <c r="N20304" s="5" t="s">
        <v>733</v>
      </c>
      <c r="O20304" s="5" t="s">
        <v>38</v>
      </c>
      <c r="P20304" s="5" t="s">
        <v>39</v>
      </c>
      <c r="Q20304" s="5" t="s">
        <v>40</v>
      </c>
      <c r="R20304" s="5" t="s">
        <v>897</v>
      </c>
      <c r="S20304" s="5" t="s">
        <v>40</v>
      </c>
      <c r="T20304" s="5" t="s">
        <v>42</v>
      </c>
      <c r="U20304" s="2">
        <v>45.795999999999999</v>
      </c>
      <c r="V20304" s="2">
        <v>43.106000000000002</v>
      </c>
      <c r="W20304" s="2">
        <v>0.153</v>
      </c>
      <c r="X20304" s="2">
        <v>17</v>
      </c>
      <c r="Y20304" s="2">
        <v>80.7</v>
      </c>
      <c r="Z20304" s="2">
        <v>111.6</v>
      </c>
      <c r="AA20304" s="5">
        <v>7</v>
      </c>
      <c r="AB20304" s="5" t="s">
        <v>43</v>
      </c>
      <c r="AC20304" s="5" t="s">
        <v>735</v>
      </c>
      <c r="AD20304" s="2" t="s">
        <v>65102</v>
      </c>
      <c r="AE20304" s="1"/>
    </row>
    <row r="20305" spans="1:31" ht="14.45">
      <c r="A20305" s="11"/>
      <c r="B20305" s="20"/>
      <c r="C20305" s="2" t="s">
        <v>65103</v>
      </c>
      <c r="D20305" s="14" t="s">
        <v>65104</v>
      </c>
      <c r="E20305" s="2" t="s">
        <v>65105</v>
      </c>
      <c r="F20305" s="2" t="s">
        <v>57713</v>
      </c>
      <c r="G20305" s="8">
        <v>1112</v>
      </c>
      <c r="H20305" s="5">
        <v>5</v>
      </c>
      <c r="I20305" s="5" t="s">
        <v>69</v>
      </c>
      <c r="J20305" s="5" t="s">
        <v>64797</v>
      </c>
      <c r="K20305" s="2" t="s">
        <v>64798</v>
      </c>
      <c r="L20305" s="5" t="s">
        <v>64797</v>
      </c>
      <c r="M20305" s="2" t="s">
        <v>64798</v>
      </c>
      <c r="N20305" s="5" t="s">
        <v>733</v>
      </c>
      <c r="O20305" s="5" t="s">
        <v>38</v>
      </c>
      <c r="P20305" s="5" t="s">
        <v>39</v>
      </c>
      <c r="Q20305" s="5" t="s">
        <v>40</v>
      </c>
      <c r="R20305" s="5" t="s">
        <v>897</v>
      </c>
      <c r="S20305" s="5" t="s">
        <v>40</v>
      </c>
      <c r="T20305" s="5" t="s">
        <v>42</v>
      </c>
      <c r="U20305" s="2">
        <v>50.822000000000003</v>
      </c>
      <c r="V20305" s="2">
        <v>47.680999999999997</v>
      </c>
      <c r="W20305" s="2">
        <v>0.18099999999999999</v>
      </c>
      <c r="X20305" s="2">
        <v>17</v>
      </c>
      <c r="Y20305" s="2">
        <v>80.7</v>
      </c>
      <c r="Z20305" s="2">
        <v>131.6</v>
      </c>
      <c r="AA20305" s="5">
        <v>7</v>
      </c>
      <c r="AB20305" s="5" t="s">
        <v>43</v>
      </c>
      <c r="AC20305" s="5" t="s">
        <v>735</v>
      </c>
      <c r="AD20305" s="2" t="s">
        <v>65106</v>
      </c>
      <c r="AE20305" s="1"/>
    </row>
    <row r="20306" spans="1:31" ht="14.45">
      <c r="A20306" s="11"/>
      <c r="B20306" s="20"/>
      <c r="C20306" s="2" t="s">
        <v>65107</v>
      </c>
      <c r="D20306" s="14" t="s">
        <v>65108</v>
      </c>
      <c r="E20306" s="2" t="s">
        <v>65109</v>
      </c>
      <c r="F20306" s="2" t="s">
        <v>57736</v>
      </c>
      <c r="G20306" s="8">
        <v>1243</v>
      </c>
      <c r="H20306" s="5">
        <v>10</v>
      </c>
      <c r="I20306" s="5" t="s">
        <v>69</v>
      </c>
      <c r="J20306" s="5" t="s">
        <v>64797</v>
      </c>
      <c r="K20306" s="2" t="s">
        <v>64798</v>
      </c>
      <c r="L20306" s="5" t="s">
        <v>64797</v>
      </c>
      <c r="M20306" s="2" t="s">
        <v>64798</v>
      </c>
      <c r="N20306" s="5" t="s">
        <v>733</v>
      </c>
      <c r="O20306" s="5" t="s">
        <v>38</v>
      </c>
      <c r="P20306" s="5" t="s">
        <v>39</v>
      </c>
      <c r="Q20306" s="5" t="s">
        <v>40</v>
      </c>
      <c r="R20306" s="5" t="s">
        <v>897</v>
      </c>
      <c r="S20306" s="5" t="s">
        <v>40</v>
      </c>
      <c r="T20306" s="5" t="s">
        <v>42</v>
      </c>
      <c r="U20306" s="2">
        <v>50.472000000000001</v>
      </c>
      <c r="V20306" s="2">
        <v>47.331000000000003</v>
      </c>
      <c r="W20306" s="2">
        <v>0.18099999999999999</v>
      </c>
      <c r="X20306" s="2">
        <v>17</v>
      </c>
      <c r="Y20306" s="2">
        <v>80.7</v>
      </c>
      <c r="Z20306" s="2">
        <v>131.6</v>
      </c>
      <c r="AA20306" s="5">
        <v>7</v>
      </c>
      <c r="AB20306" s="5" t="s">
        <v>43</v>
      </c>
      <c r="AC20306" s="5" t="s">
        <v>735</v>
      </c>
      <c r="AD20306" s="2" t="s">
        <v>65110</v>
      </c>
      <c r="AE20306" s="1"/>
    </row>
    <row r="20307" spans="1:31" ht="14.45">
      <c r="A20307" s="11"/>
      <c r="B20307" s="20"/>
      <c r="C20307" s="2" t="s">
        <v>65111</v>
      </c>
      <c r="D20307" s="14" t="s">
        <v>65112</v>
      </c>
      <c r="E20307" s="2" t="s">
        <v>65113</v>
      </c>
      <c r="F20307" s="2" t="s">
        <v>57749</v>
      </c>
      <c r="G20307" s="8">
        <v>986</v>
      </c>
      <c r="H20307" s="5">
        <v>10</v>
      </c>
      <c r="I20307" s="5" t="s">
        <v>69</v>
      </c>
      <c r="J20307" s="5" t="s">
        <v>64797</v>
      </c>
      <c r="K20307" s="2" t="s">
        <v>64798</v>
      </c>
      <c r="L20307" s="5" t="s">
        <v>64797</v>
      </c>
      <c r="M20307" s="2" t="s">
        <v>64798</v>
      </c>
      <c r="N20307" s="5" t="s">
        <v>733</v>
      </c>
      <c r="O20307" s="5" t="s">
        <v>38</v>
      </c>
      <c r="P20307" s="5" t="s">
        <v>39</v>
      </c>
      <c r="Q20307" s="5" t="s">
        <v>40</v>
      </c>
      <c r="R20307" s="5" t="s">
        <v>897</v>
      </c>
      <c r="S20307" s="5" t="s">
        <v>40</v>
      </c>
      <c r="T20307" s="5" t="s">
        <v>42</v>
      </c>
      <c r="U20307" s="2">
        <v>50.661999999999999</v>
      </c>
      <c r="V20307" s="2">
        <v>47.521000000000001</v>
      </c>
      <c r="W20307" s="2">
        <v>0.18099999999999999</v>
      </c>
      <c r="X20307" s="2">
        <v>17</v>
      </c>
      <c r="Y20307" s="2">
        <v>80.7</v>
      </c>
      <c r="Z20307" s="2">
        <v>131.6</v>
      </c>
      <c r="AA20307" s="5">
        <v>7</v>
      </c>
      <c r="AB20307" s="5" t="s">
        <v>43</v>
      </c>
      <c r="AC20307" s="5" t="s">
        <v>735</v>
      </c>
      <c r="AD20307" s="2" t="s">
        <v>65114</v>
      </c>
      <c r="AE20307" s="1"/>
    </row>
    <row r="20308" spans="1:31" ht="14.45">
      <c r="A20308" s="11"/>
      <c r="B20308" s="20"/>
      <c r="C20308" s="2" t="s">
        <v>65115</v>
      </c>
      <c r="D20308" s="14" t="s">
        <v>65116</v>
      </c>
      <c r="E20308" s="2" t="s">
        <v>65117</v>
      </c>
      <c r="F20308" s="2" t="s">
        <v>57762</v>
      </c>
      <c r="G20308" s="8">
        <v>827</v>
      </c>
      <c r="H20308" s="5">
        <v>5</v>
      </c>
      <c r="I20308" s="5" t="s">
        <v>69</v>
      </c>
      <c r="J20308" s="5" t="s">
        <v>64797</v>
      </c>
      <c r="K20308" s="2" t="s">
        <v>64798</v>
      </c>
      <c r="L20308" s="5" t="s">
        <v>64797</v>
      </c>
      <c r="M20308" s="2" t="s">
        <v>64798</v>
      </c>
      <c r="N20308" s="5" t="s">
        <v>733</v>
      </c>
      <c r="O20308" s="5" t="s">
        <v>38</v>
      </c>
      <c r="P20308" s="5" t="s">
        <v>39</v>
      </c>
      <c r="Q20308" s="5" t="s">
        <v>40</v>
      </c>
      <c r="R20308" s="5" t="s">
        <v>897</v>
      </c>
      <c r="S20308" s="5" t="s">
        <v>40</v>
      </c>
      <c r="T20308" s="5" t="s">
        <v>42</v>
      </c>
      <c r="U20308" s="2">
        <v>45.448</v>
      </c>
      <c r="V20308" s="2">
        <v>42.290999999999997</v>
      </c>
      <c r="W20308" s="2">
        <v>0.18099999999999999</v>
      </c>
      <c r="X20308" s="2">
        <v>17</v>
      </c>
      <c r="Y20308" s="2">
        <v>80.7</v>
      </c>
      <c r="Z20308" s="2">
        <v>131.6</v>
      </c>
      <c r="AA20308" s="5">
        <v>7</v>
      </c>
      <c r="AB20308" s="5" t="s">
        <v>43</v>
      </c>
      <c r="AC20308" s="5" t="s">
        <v>735</v>
      </c>
      <c r="AD20308" s="2" t="s">
        <v>65118</v>
      </c>
      <c r="AE20308" s="1"/>
    </row>
    <row r="20309" spans="1:31" ht="14.45">
      <c r="A20309" s="11"/>
      <c r="B20309" s="20"/>
      <c r="C20309" s="2" t="s">
        <v>65119</v>
      </c>
      <c r="D20309" s="14" t="s">
        <v>65120</v>
      </c>
      <c r="E20309" s="2" t="s">
        <v>65121</v>
      </c>
      <c r="F20309" s="2" t="s">
        <v>57789</v>
      </c>
      <c r="G20309" s="8">
        <v>1029</v>
      </c>
      <c r="H20309" s="5">
        <v>5</v>
      </c>
      <c r="I20309" s="5" t="s">
        <v>69</v>
      </c>
      <c r="J20309" s="5" t="s">
        <v>64797</v>
      </c>
      <c r="K20309" s="2" t="s">
        <v>64798</v>
      </c>
      <c r="L20309" s="5" t="s">
        <v>64797</v>
      </c>
      <c r="M20309" s="2" t="s">
        <v>64798</v>
      </c>
      <c r="N20309" s="5" t="s">
        <v>733</v>
      </c>
      <c r="O20309" s="5" t="s">
        <v>38</v>
      </c>
      <c r="P20309" s="5" t="s">
        <v>39</v>
      </c>
      <c r="Q20309" s="5" t="s">
        <v>40</v>
      </c>
      <c r="R20309" s="5" t="s">
        <v>897</v>
      </c>
      <c r="S20309" s="5" t="s">
        <v>40</v>
      </c>
      <c r="T20309" s="5" t="s">
        <v>42</v>
      </c>
      <c r="U20309" s="2">
        <v>50.6</v>
      </c>
      <c r="V20309" s="2">
        <v>47.459000000000003</v>
      </c>
      <c r="W20309" s="2">
        <v>0.18099999999999999</v>
      </c>
      <c r="X20309" s="2">
        <v>17</v>
      </c>
      <c r="Y20309" s="2">
        <v>80.7</v>
      </c>
      <c r="Z20309" s="2">
        <v>131.6</v>
      </c>
      <c r="AA20309" s="5">
        <v>7</v>
      </c>
      <c r="AB20309" s="5" t="s">
        <v>43</v>
      </c>
      <c r="AC20309" s="5" t="s">
        <v>735</v>
      </c>
      <c r="AD20309" s="2" t="s">
        <v>65122</v>
      </c>
      <c r="AE20309" s="1"/>
    </row>
    <row r="20310" spans="1:31" ht="14.45">
      <c r="A20310" s="11"/>
      <c r="B20310" s="20"/>
      <c r="C20310" s="2" t="s">
        <v>65123</v>
      </c>
      <c r="D20310" s="14" t="s">
        <v>65124</v>
      </c>
      <c r="E20310" s="2" t="s">
        <v>65125</v>
      </c>
      <c r="F20310" s="2" t="s">
        <v>57816</v>
      </c>
      <c r="G20310" s="8">
        <v>1580</v>
      </c>
      <c r="H20310" s="5">
        <v>10</v>
      </c>
      <c r="I20310" s="5" t="s">
        <v>69</v>
      </c>
      <c r="J20310" s="5" t="s">
        <v>64797</v>
      </c>
      <c r="K20310" s="2" t="s">
        <v>64798</v>
      </c>
      <c r="L20310" s="5" t="s">
        <v>64797</v>
      </c>
      <c r="M20310" s="2" t="s">
        <v>64798</v>
      </c>
      <c r="N20310" s="5" t="s">
        <v>733</v>
      </c>
      <c r="O20310" s="5" t="s">
        <v>38</v>
      </c>
      <c r="P20310" s="5" t="s">
        <v>39</v>
      </c>
      <c r="Q20310" s="5" t="s">
        <v>40</v>
      </c>
      <c r="R20310" s="5" t="s">
        <v>897</v>
      </c>
      <c r="S20310" s="5" t="s">
        <v>40</v>
      </c>
      <c r="T20310" s="5" t="s">
        <v>42</v>
      </c>
      <c r="U20310" s="2">
        <v>54.472999999999999</v>
      </c>
      <c r="V20310" s="2">
        <v>51.308</v>
      </c>
      <c r="W20310" s="2">
        <v>0.18099999999999999</v>
      </c>
      <c r="X20310" s="2">
        <v>17</v>
      </c>
      <c r="Y20310" s="2">
        <v>80.7</v>
      </c>
      <c r="Z20310" s="2">
        <v>131.6</v>
      </c>
      <c r="AA20310" s="5">
        <v>7</v>
      </c>
      <c r="AB20310" s="5" t="s">
        <v>43</v>
      </c>
      <c r="AC20310" s="5" t="s">
        <v>735</v>
      </c>
      <c r="AD20310" s="2" t="s">
        <v>65126</v>
      </c>
      <c r="AE20310" s="1"/>
    </row>
    <row r="20311" spans="1:31" ht="14.45">
      <c r="A20311" s="11"/>
      <c r="B20311" s="20"/>
      <c r="C20311" s="2" t="s">
        <v>65127</v>
      </c>
      <c r="D20311" s="14" t="s">
        <v>65128</v>
      </c>
      <c r="E20311" s="2" t="s">
        <v>65129</v>
      </c>
      <c r="F20311" s="2" t="s">
        <v>57835</v>
      </c>
      <c r="G20311" s="8">
        <v>1295</v>
      </c>
      <c r="H20311" s="5">
        <v>10</v>
      </c>
      <c r="I20311" s="5" t="s">
        <v>69</v>
      </c>
      <c r="J20311" s="5" t="s">
        <v>64797</v>
      </c>
      <c r="K20311" s="2" t="s">
        <v>64798</v>
      </c>
      <c r="L20311" s="5" t="s">
        <v>64797</v>
      </c>
      <c r="M20311" s="2" t="s">
        <v>64798</v>
      </c>
      <c r="N20311" s="5" t="s">
        <v>733</v>
      </c>
      <c r="O20311" s="5" t="s">
        <v>38</v>
      </c>
      <c r="P20311" s="5" t="s">
        <v>39</v>
      </c>
      <c r="Q20311" s="5" t="s">
        <v>40</v>
      </c>
      <c r="R20311" s="5" t="s">
        <v>897</v>
      </c>
      <c r="S20311" s="5" t="s">
        <v>40</v>
      </c>
      <c r="T20311" s="5" t="s">
        <v>42</v>
      </c>
      <c r="U20311" s="2">
        <v>48.79</v>
      </c>
      <c r="V20311" s="2">
        <v>45.609000000000002</v>
      </c>
      <c r="W20311" s="2">
        <v>0.18099999999999999</v>
      </c>
      <c r="X20311" s="2">
        <v>17</v>
      </c>
      <c r="Y20311" s="2">
        <v>80.7</v>
      </c>
      <c r="Z20311" s="2">
        <v>131.6</v>
      </c>
      <c r="AA20311" s="5">
        <v>7</v>
      </c>
      <c r="AB20311" s="5" t="s">
        <v>43</v>
      </c>
      <c r="AC20311" s="5" t="s">
        <v>735</v>
      </c>
      <c r="AD20311" s="2" t="s">
        <v>65130</v>
      </c>
      <c r="AE20311" s="1"/>
    </row>
    <row r="20312" spans="1:31" ht="14.45">
      <c r="A20312" s="11"/>
      <c r="B20312" s="20"/>
      <c r="C20312" s="2" t="s">
        <v>65131</v>
      </c>
      <c r="D20312" s="14" t="s">
        <v>65132</v>
      </c>
      <c r="E20312" s="2" t="s">
        <v>65133</v>
      </c>
      <c r="F20312" s="2" t="s">
        <v>57854</v>
      </c>
      <c r="G20312" s="8">
        <v>1497</v>
      </c>
      <c r="H20312" s="5">
        <v>10</v>
      </c>
      <c r="I20312" s="5" t="s">
        <v>69</v>
      </c>
      <c r="J20312" s="5" t="s">
        <v>64797</v>
      </c>
      <c r="K20312" s="2" t="s">
        <v>64798</v>
      </c>
      <c r="L20312" s="5" t="s">
        <v>64797</v>
      </c>
      <c r="M20312" s="2" t="s">
        <v>64798</v>
      </c>
      <c r="N20312" s="5" t="s">
        <v>733</v>
      </c>
      <c r="O20312" s="5" t="s">
        <v>38</v>
      </c>
      <c r="P20312" s="5" t="s">
        <v>39</v>
      </c>
      <c r="Q20312" s="5" t="s">
        <v>40</v>
      </c>
      <c r="R20312" s="5" t="s">
        <v>897</v>
      </c>
      <c r="S20312" s="5" t="s">
        <v>40</v>
      </c>
      <c r="T20312" s="5" t="s">
        <v>42</v>
      </c>
      <c r="U20312" s="2">
        <v>54.441000000000003</v>
      </c>
      <c r="V20312" s="2">
        <v>51.276000000000003</v>
      </c>
      <c r="W20312" s="2">
        <v>0.18099999999999999</v>
      </c>
      <c r="X20312" s="2">
        <v>17</v>
      </c>
      <c r="Y20312" s="2">
        <v>80.7</v>
      </c>
      <c r="Z20312" s="2">
        <v>131.6</v>
      </c>
      <c r="AA20312" s="5">
        <v>7</v>
      </c>
      <c r="AB20312" s="5" t="s">
        <v>43</v>
      </c>
      <c r="AC20312" s="5" t="s">
        <v>735</v>
      </c>
      <c r="AD20312" s="2" t="s">
        <v>65134</v>
      </c>
      <c r="AE20312" s="1"/>
    </row>
    <row r="20313" spans="1:31" ht="14.45">
      <c r="A20313" s="11"/>
      <c r="B20313" s="20"/>
      <c r="C20313" s="2" t="s">
        <v>65135</v>
      </c>
      <c r="D20313" s="14" t="s">
        <v>65136</v>
      </c>
      <c r="E20313" s="2" t="s">
        <v>65137</v>
      </c>
      <c r="F20313" s="2" t="s">
        <v>57872</v>
      </c>
      <c r="G20313" s="8">
        <v>1580</v>
      </c>
      <c r="H20313" s="5">
        <v>10</v>
      </c>
      <c r="I20313" s="5" t="s">
        <v>69</v>
      </c>
      <c r="J20313" s="5" t="s">
        <v>64797</v>
      </c>
      <c r="K20313" s="2" t="s">
        <v>64798</v>
      </c>
      <c r="L20313" s="5" t="s">
        <v>64797</v>
      </c>
      <c r="M20313" s="2" t="s">
        <v>64798</v>
      </c>
      <c r="N20313" s="5" t="s">
        <v>733</v>
      </c>
      <c r="O20313" s="5" t="s">
        <v>38</v>
      </c>
      <c r="P20313" s="5" t="s">
        <v>39</v>
      </c>
      <c r="Q20313" s="5" t="s">
        <v>40</v>
      </c>
      <c r="R20313" s="5" t="s">
        <v>897</v>
      </c>
      <c r="S20313" s="5" t="s">
        <v>40</v>
      </c>
      <c r="T20313" s="5" t="s">
        <v>42</v>
      </c>
      <c r="U20313" s="2">
        <v>53.402999999999999</v>
      </c>
      <c r="V20313" s="2">
        <v>50.238</v>
      </c>
      <c r="W20313" s="2">
        <v>0.18099999999999999</v>
      </c>
      <c r="X20313" s="2">
        <v>17</v>
      </c>
      <c r="Y20313" s="2">
        <v>80.7</v>
      </c>
      <c r="Z20313" s="2">
        <v>131.6</v>
      </c>
      <c r="AA20313" s="5">
        <v>7</v>
      </c>
      <c r="AB20313" s="5" t="s">
        <v>43</v>
      </c>
      <c r="AC20313" s="5" t="s">
        <v>735</v>
      </c>
      <c r="AD20313" s="2" t="s">
        <v>65138</v>
      </c>
      <c r="AE20313" s="1"/>
    </row>
    <row r="20314" spans="1:31" ht="14.45">
      <c r="A20314" s="11"/>
      <c r="B20314" s="20"/>
      <c r="C20314" s="2" t="s">
        <v>65139</v>
      </c>
      <c r="D20314" s="14" t="s">
        <v>65140</v>
      </c>
      <c r="E20314" s="2" t="s">
        <v>65141</v>
      </c>
      <c r="F20314" s="2" t="s">
        <v>57895</v>
      </c>
      <c r="G20314" s="8">
        <v>1497</v>
      </c>
      <c r="H20314" s="5">
        <v>10</v>
      </c>
      <c r="I20314" s="5" t="s">
        <v>69</v>
      </c>
      <c r="J20314" s="5" t="s">
        <v>64797</v>
      </c>
      <c r="K20314" s="2" t="s">
        <v>64798</v>
      </c>
      <c r="L20314" s="5" t="s">
        <v>64797</v>
      </c>
      <c r="M20314" s="2" t="s">
        <v>64798</v>
      </c>
      <c r="N20314" s="5" t="s">
        <v>733</v>
      </c>
      <c r="O20314" s="5" t="s">
        <v>38</v>
      </c>
      <c r="P20314" s="5" t="s">
        <v>39</v>
      </c>
      <c r="Q20314" s="5" t="s">
        <v>40</v>
      </c>
      <c r="R20314" s="5" t="s">
        <v>897</v>
      </c>
      <c r="S20314" s="5" t="s">
        <v>40</v>
      </c>
      <c r="T20314" s="5" t="s">
        <v>42</v>
      </c>
      <c r="U20314" s="2">
        <v>53.371000000000002</v>
      </c>
      <c r="V20314" s="2">
        <v>50.206000000000003</v>
      </c>
      <c r="W20314" s="2">
        <v>0.18099999999999999</v>
      </c>
      <c r="X20314" s="2">
        <v>17</v>
      </c>
      <c r="Y20314" s="2">
        <v>80.7</v>
      </c>
      <c r="Z20314" s="2">
        <v>131.6</v>
      </c>
      <c r="AA20314" s="5">
        <v>7</v>
      </c>
      <c r="AB20314" s="5" t="s">
        <v>43</v>
      </c>
      <c r="AC20314" s="5" t="s">
        <v>735</v>
      </c>
      <c r="AD20314" s="2" t="s">
        <v>65142</v>
      </c>
      <c r="AE20314" s="1"/>
    </row>
    <row r="20315" spans="1:31" ht="14.45">
      <c r="A20315" s="11"/>
      <c r="B20315" s="20"/>
      <c r="C20315" s="2" t="s">
        <v>65143</v>
      </c>
      <c r="D20315" s="14" t="s">
        <v>65144</v>
      </c>
      <c r="E20315" s="2" t="s">
        <v>65145</v>
      </c>
      <c r="F20315" s="2" t="s">
        <v>57914</v>
      </c>
      <c r="G20315" s="8">
        <v>1112</v>
      </c>
      <c r="H20315" s="5">
        <v>5</v>
      </c>
      <c r="I20315" s="5" t="s">
        <v>69</v>
      </c>
      <c r="J20315" s="5" t="s">
        <v>64797</v>
      </c>
      <c r="K20315" s="2" t="s">
        <v>64798</v>
      </c>
      <c r="L20315" s="5" t="s">
        <v>64797</v>
      </c>
      <c r="M20315" s="2" t="s">
        <v>64798</v>
      </c>
      <c r="N20315" s="5" t="s">
        <v>733</v>
      </c>
      <c r="O20315" s="5" t="s">
        <v>38</v>
      </c>
      <c r="P20315" s="5" t="s">
        <v>39</v>
      </c>
      <c r="Q20315" s="5" t="s">
        <v>40</v>
      </c>
      <c r="R20315" s="5" t="s">
        <v>897</v>
      </c>
      <c r="S20315" s="5" t="s">
        <v>40</v>
      </c>
      <c r="T20315" s="5" t="s">
        <v>42</v>
      </c>
      <c r="U20315" s="2">
        <v>50.713000000000001</v>
      </c>
      <c r="V20315" s="2">
        <v>47.572000000000003</v>
      </c>
      <c r="W20315" s="2">
        <v>0.18099999999999999</v>
      </c>
      <c r="X20315" s="2">
        <v>17</v>
      </c>
      <c r="Y20315" s="2">
        <v>80.7</v>
      </c>
      <c r="Z20315" s="2">
        <v>131.6</v>
      </c>
      <c r="AA20315" s="5">
        <v>7</v>
      </c>
      <c r="AB20315" s="5" t="s">
        <v>43</v>
      </c>
      <c r="AC20315" s="5" t="s">
        <v>735</v>
      </c>
      <c r="AD20315" s="2" t="s">
        <v>65146</v>
      </c>
      <c r="AE20315" s="1"/>
    </row>
    <row r="20316" spans="1:31" ht="14.45">
      <c r="A20316" s="11"/>
      <c r="B20316" s="20"/>
      <c r="C20316" s="2" t="s">
        <v>65147</v>
      </c>
      <c r="D20316" s="14" t="s">
        <v>65148</v>
      </c>
      <c r="E20316" s="2" t="s">
        <v>65149</v>
      </c>
      <c r="F20316" s="2" t="s">
        <v>57932</v>
      </c>
      <c r="G20316" s="8">
        <v>1243</v>
      </c>
      <c r="H20316" s="5">
        <v>10</v>
      </c>
      <c r="I20316" s="5" t="s">
        <v>69</v>
      </c>
      <c r="J20316" s="5" t="s">
        <v>64797</v>
      </c>
      <c r="K20316" s="2" t="s">
        <v>64798</v>
      </c>
      <c r="L20316" s="5" t="s">
        <v>64797</v>
      </c>
      <c r="M20316" s="2" t="s">
        <v>64798</v>
      </c>
      <c r="N20316" s="5" t="s">
        <v>733</v>
      </c>
      <c r="O20316" s="5" t="s">
        <v>38</v>
      </c>
      <c r="P20316" s="5" t="s">
        <v>39</v>
      </c>
      <c r="Q20316" s="5" t="s">
        <v>40</v>
      </c>
      <c r="R20316" s="5" t="s">
        <v>897</v>
      </c>
      <c r="S20316" s="5" t="s">
        <v>40</v>
      </c>
      <c r="T20316" s="5" t="s">
        <v>42</v>
      </c>
      <c r="U20316" s="2">
        <v>50.53</v>
      </c>
      <c r="V20316" s="2">
        <v>47.389000000000003</v>
      </c>
      <c r="W20316" s="2">
        <v>0.18099999999999999</v>
      </c>
      <c r="X20316" s="2">
        <v>17</v>
      </c>
      <c r="Y20316" s="2">
        <v>80.7</v>
      </c>
      <c r="Z20316" s="2">
        <v>131.6</v>
      </c>
      <c r="AA20316" s="5">
        <v>7</v>
      </c>
      <c r="AB20316" s="5" t="s">
        <v>43</v>
      </c>
      <c r="AC20316" s="5" t="s">
        <v>735</v>
      </c>
      <c r="AD20316" s="2" t="s">
        <v>65150</v>
      </c>
      <c r="AE20316" s="1"/>
    </row>
    <row r="20317" spans="1:31" ht="14.45">
      <c r="A20317" s="11"/>
      <c r="B20317" s="20"/>
      <c r="C20317" s="2" t="s">
        <v>65151</v>
      </c>
      <c r="D20317" s="14" t="s">
        <v>65152</v>
      </c>
      <c r="E20317" s="2" t="s">
        <v>65153</v>
      </c>
      <c r="F20317" s="2" t="s">
        <v>57945</v>
      </c>
      <c r="G20317" s="8">
        <v>986</v>
      </c>
      <c r="H20317" s="5">
        <v>10</v>
      </c>
      <c r="I20317" s="5" t="s">
        <v>69</v>
      </c>
      <c r="J20317" s="5" t="s">
        <v>64797</v>
      </c>
      <c r="K20317" s="2" t="s">
        <v>64798</v>
      </c>
      <c r="L20317" s="5" t="s">
        <v>64797</v>
      </c>
      <c r="M20317" s="2" t="s">
        <v>64798</v>
      </c>
      <c r="N20317" s="5" t="s">
        <v>733</v>
      </c>
      <c r="O20317" s="5" t="s">
        <v>38</v>
      </c>
      <c r="P20317" s="5" t="s">
        <v>39</v>
      </c>
      <c r="Q20317" s="5" t="s">
        <v>40</v>
      </c>
      <c r="R20317" s="5" t="s">
        <v>897</v>
      </c>
      <c r="S20317" s="5" t="s">
        <v>40</v>
      </c>
      <c r="T20317" s="5" t="s">
        <v>42</v>
      </c>
      <c r="U20317" s="2">
        <v>50.72</v>
      </c>
      <c r="V20317" s="2">
        <v>47.579000000000001</v>
      </c>
      <c r="W20317" s="2">
        <v>0.18099999999999999</v>
      </c>
      <c r="X20317" s="2">
        <v>17</v>
      </c>
      <c r="Y20317" s="2">
        <v>80.7</v>
      </c>
      <c r="Z20317" s="2">
        <v>131.6</v>
      </c>
      <c r="AA20317" s="5">
        <v>7</v>
      </c>
      <c r="AB20317" s="5" t="s">
        <v>43</v>
      </c>
      <c r="AC20317" s="5" t="s">
        <v>735</v>
      </c>
      <c r="AD20317" s="2" t="s">
        <v>65154</v>
      </c>
      <c r="AE20317" s="1"/>
    </row>
    <row r="20318" spans="1:31" ht="14.45">
      <c r="A20318" s="11"/>
      <c r="B20318" s="20"/>
      <c r="C20318" s="2" t="s">
        <v>65155</v>
      </c>
      <c r="D20318" s="14" t="s">
        <v>65156</v>
      </c>
      <c r="E20318" s="2" t="s">
        <v>65157</v>
      </c>
      <c r="F20318" s="2" t="s">
        <v>57958</v>
      </c>
      <c r="G20318" s="8">
        <v>827</v>
      </c>
      <c r="H20318" s="5">
        <v>5</v>
      </c>
      <c r="I20318" s="5" t="s">
        <v>69</v>
      </c>
      <c r="J20318" s="5" t="s">
        <v>64797</v>
      </c>
      <c r="K20318" s="2" t="s">
        <v>64798</v>
      </c>
      <c r="L20318" s="5" t="s">
        <v>64797</v>
      </c>
      <c r="M20318" s="2" t="s">
        <v>64798</v>
      </c>
      <c r="N20318" s="5" t="s">
        <v>733</v>
      </c>
      <c r="O20318" s="5" t="s">
        <v>38</v>
      </c>
      <c r="P20318" s="5" t="s">
        <v>39</v>
      </c>
      <c r="Q20318" s="5" t="s">
        <v>40</v>
      </c>
      <c r="R20318" s="5" t="s">
        <v>897</v>
      </c>
      <c r="S20318" s="5" t="s">
        <v>40</v>
      </c>
      <c r="T20318" s="5" t="s">
        <v>42</v>
      </c>
      <c r="U20318" s="2">
        <v>45.308999999999997</v>
      </c>
      <c r="V20318" s="2">
        <v>42.152000000000001</v>
      </c>
      <c r="W20318" s="2">
        <v>0.18099999999999999</v>
      </c>
      <c r="X20318" s="2">
        <v>17</v>
      </c>
      <c r="Y20318" s="2">
        <v>80.7</v>
      </c>
      <c r="Z20318" s="2">
        <v>131.6</v>
      </c>
      <c r="AA20318" s="5">
        <v>7</v>
      </c>
      <c r="AB20318" s="5" t="s">
        <v>43</v>
      </c>
      <c r="AC20318" s="5" t="s">
        <v>735</v>
      </c>
      <c r="AD20318" s="2" t="s">
        <v>65158</v>
      </c>
      <c r="AE20318" s="1"/>
    </row>
    <row r="20319" spans="1:31" ht="14.45">
      <c r="A20319" s="11"/>
      <c r="B20319" s="20"/>
      <c r="C20319" s="2" t="s">
        <v>65159</v>
      </c>
      <c r="D20319" s="14" t="s">
        <v>65160</v>
      </c>
      <c r="E20319" s="2" t="s">
        <v>65161</v>
      </c>
      <c r="F20319" s="2" t="s">
        <v>57975</v>
      </c>
      <c r="G20319" s="8">
        <v>1029</v>
      </c>
      <c r="H20319" s="5">
        <v>5</v>
      </c>
      <c r="I20319" s="5" t="s">
        <v>69</v>
      </c>
      <c r="J20319" s="5" t="s">
        <v>64797</v>
      </c>
      <c r="K20319" s="2" t="s">
        <v>64798</v>
      </c>
      <c r="L20319" s="5" t="s">
        <v>64797</v>
      </c>
      <c r="M20319" s="2" t="s">
        <v>64798</v>
      </c>
      <c r="N20319" s="5" t="s">
        <v>733</v>
      </c>
      <c r="O20319" s="5" t="s">
        <v>38</v>
      </c>
      <c r="P20319" s="5" t="s">
        <v>39</v>
      </c>
      <c r="Q20319" s="5" t="s">
        <v>40</v>
      </c>
      <c r="R20319" s="5" t="s">
        <v>897</v>
      </c>
      <c r="S20319" s="5" t="s">
        <v>40</v>
      </c>
      <c r="T20319" s="5" t="s">
        <v>42</v>
      </c>
      <c r="U20319" s="2">
        <v>50.658000000000001</v>
      </c>
      <c r="V20319" s="2">
        <v>47.517000000000003</v>
      </c>
      <c r="W20319" s="2">
        <v>0.18099999999999999</v>
      </c>
      <c r="X20319" s="2">
        <v>17</v>
      </c>
      <c r="Y20319" s="2">
        <v>80.7</v>
      </c>
      <c r="Z20319" s="2">
        <v>131.6</v>
      </c>
      <c r="AA20319" s="5">
        <v>7</v>
      </c>
      <c r="AB20319" s="5" t="s">
        <v>43</v>
      </c>
      <c r="AC20319" s="5" t="s">
        <v>735</v>
      </c>
      <c r="AD20319" s="2" t="s">
        <v>65162</v>
      </c>
      <c r="AE20319" s="1"/>
    </row>
    <row r="20320" spans="1:31" ht="14.45">
      <c r="A20320" s="11"/>
      <c r="B20320" s="20"/>
      <c r="C20320" s="2" t="s">
        <v>65163</v>
      </c>
      <c r="D20320" s="14" t="s">
        <v>65164</v>
      </c>
      <c r="E20320" s="2" t="s">
        <v>65165</v>
      </c>
      <c r="F20320" s="2" t="s">
        <v>57997</v>
      </c>
      <c r="G20320" s="8">
        <v>1580</v>
      </c>
      <c r="H20320" s="5">
        <v>10</v>
      </c>
      <c r="I20320" s="5" t="s">
        <v>69</v>
      </c>
      <c r="J20320" s="5" t="s">
        <v>64797</v>
      </c>
      <c r="K20320" s="2" t="s">
        <v>64798</v>
      </c>
      <c r="L20320" s="5" t="s">
        <v>64797</v>
      </c>
      <c r="M20320" s="2" t="s">
        <v>64798</v>
      </c>
      <c r="N20320" s="5" t="s">
        <v>733</v>
      </c>
      <c r="O20320" s="5" t="s">
        <v>38</v>
      </c>
      <c r="P20320" s="5" t="s">
        <v>39</v>
      </c>
      <c r="Q20320" s="5" t="s">
        <v>40</v>
      </c>
      <c r="R20320" s="5" t="s">
        <v>897</v>
      </c>
      <c r="S20320" s="5" t="s">
        <v>40</v>
      </c>
      <c r="T20320" s="5" t="s">
        <v>42</v>
      </c>
      <c r="U20320" s="2">
        <v>54.530999999999999</v>
      </c>
      <c r="V20320" s="2">
        <v>51.366</v>
      </c>
      <c r="W20320" s="2">
        <v>0.18099999999999999</v>
      </c>
      <c r="X20320" s="2">
        <v>17</v>
      </c>
      <c r="Y20320" s="2">
        <v>80.7</v>
      </c>
      <c r="Z20320" s="2">
        <v>131.6</v>
      </c>
      <c r="AA20320" s="5">
        <v>7</v>
      </c>
      <c r="AB20320" s="5" t="s">
        <v>43</v>
      </c>
      <c r="AC20320" s="5" t="s">
        <v>735</v>
      </c>
      <c r="AD20320" s="2" t="s">
        <v>65166</v>
      </c>
      <c r="AE20320" s="1"/>
    </row>
    <row r="20321" spans="1:31" ht="14.45">
      <c r="A20321" s="11"/>
      <c r="B20321" s="20"/>
      <c r="C20321" s="2" t="s">
        <v>65167</v>
      </c>
      <c r="D20321" s="14" t="s">
        <v>65168</v>
      </c>
      <c r="E20321" s="2" t="s">
        <v>65169</v>
      </c>
      <c r="F20321" s="2" t="s">
        <v>58011</v>
      </c>
      <c r="G20321" s="8">
        <v>1497</v>
      </c>
      <c r="H20321" s="5">
        <v>10</v>
      </c>
      <c r="I20321" s="5" t="s">
        <v>69</v>
      </c>
      <c r="J20321" s="5" t="s">
        <v>64797</v>
      </c>
      <c r="K20321" s="2" t="s">
        <v>64798</v>
      </c>
      <c r="L20321" s="5" t="s">
        <v>64797</v>
      </c>
      <c r="M20321" s="2" t="s">
        <v>64798</v>
      </c>
      <c r="N20321" s="5" t="s">
        <v>733</v>
      </c>
      <c r="O20321" s="5" t="s">
        <v>38</v>
      </c>
      <c r="P20321" s="5" t="s">
        <v>39</v>
      </c>
      <c r="Q20321" s="5" t="s">
        <v>40</v>
      </c>
      <c r="R20321" s="5" t="s">
        <v>897</v>
      </c>
      <c r="S20321" s="5" t="s">
        <v>40</v>
      </c>
      <c r="T20321" s="5" t="s">
        <v>42</v>
      </c>
      <c r="U20321" s="2">
        <v>54.499000000000002</v>
      </c>
      <c r="V20321" s="2">
        <v>51.334000000000003</v>
      </c>
      <c r="W20321" s="2">
        <v>0.18099999999999999</v>
      </c>
      <c r="X20321" s="2">
        <v>17</v>
      </c>
      <c r="Y20321" s="2">
        <v>80.7</v>
      </c>
      <c r="Z20321" s="2">
        <v>131.6</v>
      </c>
      <c r="AA20321" s="5">
        <v>7</v>
      </c>
      <c r="AB20321" s="5" t="s">
        <v>43</v>
      </c>
      <c r="AC20321" s="5" t="s">
        <v>735</v>
      </c>
      <c r="AD20321" s="2" t="s">
        <v>65170</v>
      </c>
      <c r="AE20321" s="1"/>
    </row>
    <row r="20322" spans="1:31" ht="14.45">
      <c r="A20322" s="11"/>
      <c r="B20322" s="20"/>
      <c r="C20322" s="2" t="s">
        <v>65171</v>
      </c>
      <c r="D20322" s="14" t="s">
        <v>65172</v>
      </c>
      <c r="E20322" s="2" t="s">
        <v>65173</v>
      </c>
      <c r="F20322" s="2" t="s">
        <v>58029</v>
      </c>
      <c r="G20322" s="8">
        <v>1497</v>
      </c>
      <c r="H20322" s="5">
        <v>10</v>
      </c>
      <c r="I20322" s="5" t="s">
        <v>69</v>
      </c>
      <c r="J20322" s="5" t="s">
        <v>64797</v>
      </c>
      <c r="K20322" s="2" t="s">
        <v>64798</v>
      </c>
      <c r="L20322" s="5" t="s">
        <v>64797</v>
      </c>
      <c r="M20322" s="2" t="s">
        <v>64798</v>
      </c>
      <c r="N20322" s="5" t="s">
        <v>733</v>
      </c>
      <c r="O20322" s="5" t="s">
        <v>38</v>
      </c>
      <c r="P20322" s="5" t="s">
        <v>39</v>
      </c>
      <c r="Q20322" s="5" t="s">
        <v>40</v>
      </c>
      <c r="R20322" s="5" t="s">
        <v>897</v>
      </c>
      <c r="S20322" s="5" t="s">
        <v>40</v>
      </c>
      <c r="T20322" s="5" t="s">
        <v>42</v>
      </c>
      <c r="U20322" s="2">
        <v>53.429000000000002</v>
      </c>
      <c r="V20322" s="2">
        <v>50.264000000000003</v>
      </c>
      <c r="W20322" s="2">
        <v>0.18099999999999999</v>
      </c>
      <c r="X20322" s="2">
        <v>17</v>
      </c>
      <c r="Y20322" s="2">
        <v>80.7</v>
      </c>
      <c r="Z20322" s="2">
        <v>131.6</v>
      </c>
      <c r="AA20322" s="5">
        <v>7</v>
      </c>
      <c r="AB20322" s="5" t="s">
        <v>43</v>
      </c>
      <c r="AC20322" s="5" t="s">
        <v>735</v>
      </c>
      <c r="AD20322" s="2" t="s">
        <v>65174</v>
      </c>
      <c r="AE20322" s="1"/>
    </row>
    <row r="20323" spans="1:31" ht="14.45">
      <c r="A20323" s="11"/>
      <c r="B20323" s="20"/>
      <c r="C20323" s="2" t="s">
        <v>65175</v>
      </c>
      <c r="D20323" s="14" t="s">
        <v>65176</v>
      </c>
      <c r="E20323" s="2" t="s">
        <v>65177</v>
      </c>
      <c r="F20323" s="2" t="s">
        <v>58053</v>
      </c>
      <c r="G20323" s="8">
        <v>1208</v>
      </c>
      <c r="H20323" s="5">
        <v>5</v>
      </c>
      <c r="I20323" s="5" t="s">
        <v>69</v>
      </c>
      <c r="J20323" s="5" t="s">
        <v>64797</v>
      </c>
      <c r="K20323" s="2" t="s">
        <v>64798</v>
      </c>
      <c r="L20323" s="5" t="s">
        <v>64797</v>
      </c>
      <c r="M20323" s="2" t="s">
        <v>64798</v>
      </c>
      <c r="N20323" s="5" t="s">
        <v>733</v>
      </c>
      <c r="O20323" s="5" t="s">
        <v>38</v>
      </c>
      <c r="P20323" s="5" t="s">
        <v>39</v>
      </c>
      <c r="Q20323" s="5" t="s">
        <v>40</v>
      </c>
      <c r="R20323" s="5" t="s">
        <v>897</v>
      </c>
      <c r="S20323" s="5" t="s">
        <v>40</v>
      </c>
      <c r="T20323" s="5" t="s">
        <v>42</v>
      </c>
      <c r="U20323" s="2">
        <v>58.908999999999999</v>
      </c>
      <c r="V20323" s="2">
        <v>55.35</v>
      </c>
      <c r="W20323" s="2">
        <v>0.21099999999999999</v>
      </c>
      <c r="X20323" s="2">
        <v>17</v>
      </c>
      <c r="Y20323" s="2">
        <v>80.7</v>
      </c>
      <c r="Z20323" s="2">
        <v>153.6</v>
      </c>
      <c r="AA20323" s="5">
        <v>7</v>
      </c>
      <c r="AB20323" s="5" t="s">
        <v>43</v>
      </c>
      <c r="AC20323" s="5" t="s">
        <v>735</v>
      </c>
      <c r="AD20323" s="2" t="s">
        <v>65178</v>
      </c>
      <c r="AE20323" s="1"/>
    </row>
    <row r="20324" spans="1:31" ht="14.45">
      <c r="A20324" s="11"/>
      <c r="B20324" s="20"/>
      <c r="C20324" s="2" t="s">
        <v>65179</v>
      </c>
      <c r="D20324" s="14" t="s">
        <v>65180</v>
      </c>
      <c r="E20324" s="2" t="s">
        <v>65181</v>
      </c>
      <c r="F20324" s="2" t="s">
        <v>58076</v>
      </c>
      <c r="G20324" s="8">
        <v>1364</v>
      </c>
      <c r="H20324" s="5">
        <v>10</v>
      </c>
      <c r="I20324" s="5" t="s">
        <v>69</v>
      </c>
      <c r="J20324" s="5" t="s">
        <v>64797</v>
      </c>
      <c r="K20324" s="2" t="s">
        <v>64798</v>
      </c>
      <c r="L20324" s="5" t="s">
        <v>64797</v>
      </c>
      <c r="M20324" s="2" t="s">
        <v>64798</v>
      </c>
      <c r="N20324" s="5" t="s">
        <v>733</v>
      </c>
      <c r="O20324" s="5" t="s">
        <v>38</v>
      </c>
      <c r="P20324" s="5" t="s">
        <v>39</v>
      </c>
      <c r="Q20324" s="5" t="s">
        <v>40</v>
      </c>
      <c r="R20324" s="5" t="s">
        <v>897</v>
      </c>
      <c r="S20324" s="5" t="s">
        <v>40</v>
      </c>
      <c r="T20324" s="5" t="s">
        <v>42</v>
      </c>
      <c r="U20324" s="2">
        <v>58.817</v>
      </c>
      <c r="V20324" s="2">
        <v>55.258000000000003</v>
      </c>
      <c r="W20324" s="2">
        <v>0.21099999999999999</v>
      </c>
      <c r="X20324" s="2">
        <v>17</v>
      </c>
      <c r="Y20324" s="2">
        <v>80.7</v>
      </c>
      <c r="Z20324" s="2">
        <v>153.6</v>
      </c>
      <c r="AA20324" s="5">
        <v>7</v>
      </c>
      <c r="AB20324" s="5" t="s">
        <v>43</v>
      </c>
      <c r="AC20324" s="5" t="s">
        <v>735</v>
      </c>
      <c r="AD20324" s="2" t="s">
        <v>65182</v>
      </c>
      <c r="AE20324" s="1"/>
    </row>
    <row r="20325" spans="1:31" ht="14.45">
      <c r="A20325" s="11"/>
      <c r="B20325" s="20"/>
      <c r="C20325" s="2" t="s">
        <v>65183</v>
      </c>
      <c r="D20325" s="14" t="s">
        <v>65184</v>
      </c>
      <c r="E20325" s="2" t="s">
        <v>65185</v>
      </c>
      <c r="F20325" s="2" t="s">
        <v>58089</v>
      </c>
      <c r="G20325" s="8">
        <v>1059</v>
      </c>
      <c r="H20325" s="5">
        <v>10</v>
      </c>
      <c r="I20325" s="5" t="s">
        <v>69</v>
      </c>
      <c r="J20325" s="5" t="s">
        <v>64797</v>
      </c>
      <c r="K20325" s="2" t="s">
        <v>64798</v>
      </c>
      <c r="L20325" s="5" t="s">
        <v>64797</v>
      </c>
      <c r="M20325" s="2" t="s">
        <v>64798</v>
      </c>
      <c r="N20325" s="5" t="s">
        <v>733</v>
      </c>
      <c r="O20325" s="5" t="s">
        <v>38</v>
      </c>
      <c r="P20325" s="5" t="s">
        <v>39</v>
      </c>
      <c r="Q20325" s="5" t="s">
        <v>40</v>
      </c>
      <c r="R20325" s="5" t="s">
        <v>897</v>
      </c>
      <c r="S20325" s="5" t="s">
        <v>40</v>
      </c>
      <c r="T20325" s="5" t="s">
        <v>42</v>
      </c>
      <c r="U20325" s="2">
        <v>59.048000000000002</v>
      </c>
      <c r="V20325" s="2">
        <v>55.488999999999997</v>
      </c>
      <c r="W20325" s="2">
        <v>0.21099999999999999</v>
      </c>
      <c r="X20325" s="2">
        <v>17</v>
      </c>
      <c r="Y20325" s="2">
        <v>80.7</v>
      </c>
      <c r="Z20325" s="2">
        <v>153.6</v>
      </c>
      <c r="AA20325" s="5">
        <v>7</v>
      </c>
      <c r="AB20325" s="5" t="s">
        <v>43</v>
      </c>
      <c r="AC20325" s="5" t="s">
        <v>735</v>
      </c>
      <c r="AD20325" s="2" t="s">
        <v>65186</v>
      </c>
      <c r="AE20325" s="1"/>
    </row>
    <row r="20326" spans="1:31" ht="14.45">
      <c r="A20326" s="11"/>
      <c r="B20326" s="20"/>
      <c r="C20326" s="2" t="s">
        <v>65187</v>
      </c>
      <c r="D20326" s="14" t="s">
        <v>65188</v>
      </c>
      <c r="E20326" s="2" t="s">
        <v>65189</v>
      </c>
      <c r="F20326" s="2" t="s">
        <v>58102</v>
      </c>
      <c r="G20326" s="8">
        <v>871</v>
      </c>
      <c r="H20326" s="5">
        <v>5</v>
      </c>
      <c r="I20326" s="5" t="s">
        <v>69</v>
      </c>
      <c r="J20326" s="5" t="s">
        <v>64797</v>
      </c>
      <c r="K20326" s="2" t="s">
        <v>64798</v>
      </c>
      <c r="L20326" s="5" t="s">
        <v>64797</v>
      </c>
      <c r="M20326" s="2" t="s">
        <v>64798</v>
      </c>
      <c r="N20326" s="5" t="s">
        <v>733</v>
      </c>
      <c r="O20326" s="5" t="s">
        <v>38</v>
      </c>
      <c r="P20326" s="5" t="s">
        <v>39</v>
      </c>
      <c r="Q20326" s="5" t="s">
        <v>40</v>
      </c>
      <c r="R20326" s="5" t="s">
        <v>897</v>
      </c>
      <c r="S20326" s="5" t="s">
        <v>40</v>
      </c>
      <c r="T20326" s="5" t="s">
        <v>42</v>
      </c>
      <c r="U20326" s="2">
        <v>51.91</v>
      </c>
      <c r="V20326" s="2">
        <v>48.335000000000001</v>
      </c>
      <c r="W20326" s="2">
        <v>0.21099999999999999</v>
      </c>
      <c r="X20326" s="2">
        <v>17</v>
      </c>
      <c r="Y20326" s="2">
        <v>80.7</v>
      </c>
      <c r="Z20326" s="2">
        <v>153.6</v>
      </c>
      <c r="AA20326" s="5">
        <v>7</v>
      </c>
      <c r="AB20326" s="5" t="s">
        <v>43</v>
      </c>
      <c r="AC20326" s="5" t="s">
        <v>735</v>
      </c>
      <c r="AD20326" s="2" t="s">
        <v>65190</v>
      </c>
      <c r="AE20326" s="1"/>
    </row>
    <row r="20327" spans="1:31" ht="14.45">
      <c r="A20327" s="11"/>
      <c r="B20327" s="20"/>
      <c r="C20327" s="2" t="s">
        <v>65191</v>
      </c>
      <c r="D20327" s="14" t="s">
        <v>65192</v>
      </c>
      <c r="E20327" s="2" t="s">
        <v>65193</v>
      </c>
      <c r="F20327" s="2" t="s">
        <v>58129</v>
      </c>
      <c r="G20327" s="8">
        <v>1110</v>
      </c>
      <c r="H20327" s="5">
        <v>5</v>
      </c>
      <c r="I20327" s="5" t="s">
        <v>69</v>
      </c>
      <c r="J20327" s="5" t="s">
        <v>64797</v>
      </c>
      <c r="K20327" s="2" t="s">
        <v>64798</v>
      </c>
      <c r="L20327" s="5" t="s">
        <v>64797</v>
      </c>
      <c r="M20327" s="2" t="s">
        <v>64798</v>
      </c>
      <c r="N20327" s="5" t="s">
        <v>733</v>
      </c>
      <c r="O20327" s="5" t="s">
        <v>38</v>
      </c>
      <c r="P20327" s="5" t="s">
        <v>39</v>
      </c>
      <c r="Q20327" s="5" t="s">
        <v>40</v>
      </c>
      <c r="R20327" s="5" t="s">
        <v>897</v>
      </c>
      <c r="S20327" s="5" t="s">
        <v>40</v>
      </c>
      <c r="T20327" s="5" t="s">
        <v>42</v>
      </c>
      <c r="U20327" s="2">
        <v>58.966999999999999</v>
      </c>
      <c r="V20327" s="2">
        <v>55.408000000000001</v>
      </c>
      <c r="W20327" s="2">
        <v>0.21099999999999999</v>
      </c>
      <c r="X20327" s="2">
        <v>17</v>
      </c>
      <c r="Y20327" s="2">
        <v>80.7</v>
      </c>
      <c r="Z20327" s="2">
        <v>153.6</v>
      </c>
      <c r="AA20327" s="5">
        <v>7</v>
      </c>
      <c r="AB20327" s="5" t="s">
        <v>43</v>
      </c>
      <c r="AC20327" s="5" t="s">
        <v>735</v>
      </c>
      <c r="AD20327" s="2" t="s">
        <v>65194</v>
      </c>
      <c r="AE20327" s="1"/>
    </row>
    <row r="20328" spans="1:31" ht="14.45">
      <c r="A20328" s="11"/>
      <c r="B20328" s="20"/>
      <c r="C20328" s="2" t="s">
        <v>65195</v>
      </c>
      <c r="D20328" s="14" t="s">
        <v>65196</v>
      </c>
      <c r="E20328" s="2" t="s">
        <v>65197</v>
      </c>
      <c r="F20328" s="2" t="s">
        <v>58161</v>
      </c>
      <c r="G20328" s="8">
        <v>1676</v>
      </c>
      <c r="H20328" s="5">
        <v>10</v>
      </c>
      <c r="I20328" s="5" t="s">
        <v>69</v>
      </c>
      <c r="J20328" s="5" t="s">
        <v>64797</v>
      </c>
      <c r="K20328" s="2" t="s">
        <v>64798</v>
      </c>
      <c r="L20328" s="5" t="s">
        <v>64797</v>
      </c>
      <c r="M20328" s="2" t="s">
        <v>64798</v>
      </c>
      <c r="N20328" s="5" t="s">
        <v>733</v>
      </c>
      <c r="O20328" s="5" t="s">
        <v>38</v>
      </c>
      <c r="P20328" s="5" t="s">
        <v>39</v>
      </c>
      <c r="Q20328" s="5" t="s">
        <v>40</v>
      </c>
      <c r="R20328" s="5" t="s">
        <v>897</v>
      </c>
      <c r="S20328" s="5" t="s">
        <v>40</v>
      </c>
      <c r="T20328" s="5" t="s">
        <v>42</v>
      </c>
      <c r="U20328" s="2">
        <v>62.811</v>
      </c>
      <c r="V20328" s="2">
        <v>59.228000000000002</v>
      </c>
      <c r="W20328" s="2">
        <v>0.21099999999999999</v>
      </c>
      <c r="X20328" s="2">
        <v>17</v>
      </c>
      <c r="Y20328" s="2">
        <v>80.7</v>
      </c>
      <c r="Z20328" s="2">
        <v>153.6</v>
      </c>
      <c r="AA20328" s="5">
        <v>7</v>
      </c>
      <c r="AB20328" s="5" t="s">
        <v>43</v>
      </c>
      <c r="AC20328" s="5" t="s">
        <v>735</v>
      </c>
      <c r="AD20328" s="2" t="s">
        <v>65198</v>
      </c>
      <c r="AE20328" s="1"/>
    </row>
    <row r="20329" spans="1:31" ht="14.45">
      <c r="A20329" s="11"/>
      <c r="B20329" s="20"/>
      <c r="C20329" s="2" t="s">
        <v>65199</v>
      </c>
      <c r="D20329" s="14" t="s">
        <v>65200</v>
      </c>
      <c r="E20329" s="2" t="s">
        <v>65201</v>
      </c>
      <c r="F20329" s="2" t="s">
        <v>58180</v>
      </c>
      <c r="G20329" s="8">
        <v>1339</v>
      </c>
      <c r="H20329" s="5">
        <v>10</v>
      </c>
      <c r="I20329" s="5" t="s">
        <v>69</v>
      </c>
      <c r="J20329" s="5" t="s">
        <v>64797</v>
      </c>
      <c r="K20329" s="2" t="s">
        <v>64798</v>
      </c>
      <c r="L20329" s="5" t="s">
        <v>64797</v>
      </c>
      <c r="M20329" s="2" t="s">
        <v>64798</v>
      </c>
      <c r="N20329" s="5" t="s">
        <v>733</v>
      </c>
      <c r="O20329" s="5" t="s">
        <v>38</v>
      </c>
      <c r="P20329" s="5" t="s">
        <v>39</v>
      </c>
      <c r="Q20329" s="5" t="s">
        <v>40</v>
      </c>
      <c r="R20329" s="5" t="s">
        <v>897</v>
      </c>
      <c r="S20329" s="5" t="s">
        <v>40</v>
      </c>
      <c r="T20329" s="5" t="s">
        <v>42</v>
      </c>
      <c r="U20329" s="2">
        <v>56.188000000000002</v>
      </c>
      <c r="V20329" s="2">
        <v>52.588999999999999</v>
      </c>
      <c r="W20329" s="2">
        <v>0.21099999999999999</v>
      </c>
      <c r="X20329" s="2">
        <v>17</v>
      </c>
      <c r="Y20329" s="2">
        <v>80.7</v>
      </c>
      <c r="Z20329" s="2">
        <v>153.6</v>
      </c>
      <c r="AA20329" s="5">
        <v>7</v>
      </c>
      <c r="AB20329" s="5" t="s">
        <v>43</v>
      </c>
      <c r="AC20329" s="5" t="s">
        <v>735</v>
      </c>
      <c r="AD20329" s="2" t="s">
        <v>65202</v>
      </c>
      <c r="AE20329" s="1"/>
    </row>
    <row r="20330" spans="1:31" ht="14.45">
      <c r="A20330" s="11"/>
      <c r="B20330" s="20"/>
      <c r="C20330" s="2" t="s">
        <v>65203</v>
      </c>
      <c r="D20330" s="14" t="s">
        <v>65204</v>
      </c>
      <c r="E20330" s="2" t="s">
        <v>65205</v>
      </c>
      <c r="F20330" s="2" t="s">
        <v>58199</v>
      </c>
      <c r="G20330" s="8">
        <v>1578</v>
      </c>
      <c r="H20330" s="5">
        <v>10</v>
      </c>
      <c r="I20330" s="5" t="s">
        <v>69</v>
      </c>
      <c r="J20330" s="5" t="s">
        <v>64797</v>
      </c>
      <c r="K20330" s="2" t="s">
        <v>64798</v>
      </c>
      <c r="L20330" s="5" t="s">
        <v>64797</v>
      </c>
      <c r="M20330" s="2" t="s">
        <v>64798</v>
      </c>
      <c r="N20330" s="5" t="s">
        <v>733</v>
      </c>
      <c r="O20330" s="5" t="s">
        <v>38</v>
      </c>
      <c r="P20330" s="5" t="s">
        <v>39</v>
      </c>
      <c r="Q20330" s="5" t="s">
        <v>40</v>
      </c>
      <c r="R20330" s="5" t="s">
        <v>897</v>
      </c>
      <c r="S20330" s="5" t="s">
        <v>40</v>
      </c>
      <c r="T20330" s="5" t="s">
        <v>42</v>
      </c>
      <c r="U20330" s="2">
        <v>62.771000000000001</v>
      </c>
      <c r="V20330" s="2">
        <v>59.188000000000002</v>
      </c>
      <c r="W20330" s="2">
        <v>0.21099999999999999</v>
      </c>
      <c r="X20330" s="2">
        <v>17</v>
      </c>
      <c r="Y20330" s="2">
        <v>80.7</v>
      </c>
      <c r="Z20330" s="2">
        <v>153.6</v>
      </c>
      <c r="AA20330" s="5">
        <v>7</v>
      </c>
      <c r="AB20330" s="5" t="s">
        <v>43</v>
      </c>
      <c r="AC20330" s="5" t="s">
        <v>735</v>
      </c>
      <c r="AD20330" s="2" t="s">
        <v>65206</v>
      </c>
      <c r="AE20330" s="1"/>
    </row>
    <row r="20331" spans="1:31" ht="14.45">
      <c r="A20331" s="11"/>
      <c r="B20331" s="20"/>
      <c r="C20331" s="2" t="s">
        <v>65207</v>
      </c>
      <c r="D20331" s="14" t="s">
        <v>65208</v>
      </c>
      <c r="E20331" s="2" t="s">
        <v>65209</v>
      </c>
      <c r="F20331" s="2" t="s">
        <v>58217</v>
      </c>
      <c r="G20331" s="8">
        <v>1676</v>
      </c>
      <c r="H20331" s="5">
        <v>10</v>
      </c>
      <c r="I20331" s="5" t="s">
        <v>69</v>
      </c>
      <c r="J20331" s="5" t="s">
        <v>64797</v>
      </c>
      <c r="K20331" s="2" t="s">
        <v>64798</v>
      </c>
      <c r="L20331" s="5" t="s">
        <v>64797</v>
      </c>
      <c r="M20331" s="2" t="s">
        <v>64798</v>
      </c>
      <c r="N20331" s="5" t="s">
        <v>733</v>
      </c>
      <c r="O20331" s="5" t="s">
        <v>38</v>
      </c>
      <c r="P20331" s="5" t="s">
        <v>39</v>
      </c>
      <c r="Q20331" s="5" t="s">
        <v>40</v>
      </c>
      <c r="R20331" s="5" t="s">
        <v>897</v>
      </c>
      <c r="S20331" s="5" t="s">
        <v>40</v>
      </c>
      <c r="T20331" s="5" t="s">
        <v>42</v>
      </c>
      <c r="U20331" s="2">
        <v>61.645000000000003</v>
      </c>
      <c r="V20331" s="2">
        <v>58.061999999999998</v>
      </c>
      <c r="W20331" s="2">
        <v>0.21099999999999999</v>
      </c>
      <c r="X20331" s="2">
        <v>17</v>
      </c>
      <c r="Y20331" s="2">
        <v>80.7</v>
      </c>
      <c r="Z20331" s="2">
        <v>153.6</v>
      </c>
      <c r="AA20331" s="5">
        <v>7</v>
      </c>
      <c r="AB20331" s="5" t="s">
        <v>43</v>
      </c>
      <c r="AC20331" s="5" t="s">
        <v>735</v>
      </c>
      <c r="AD20331" s="2" t="s">
        <v>65210</v>
      </c>
      <c r="AE20331" s="1"/>
    </row>
    <row r="20332" spans="1:31" ht="14.45">
      <c r="A20332" s="11"/>
      <c r="B20332" s="20"/>
      <c r="C20332" s="2" t="s">
        <v>65211</v>
      </c>
      <c r="D20332" s="14" t="s">
        <v>65212</v>
      </c>
      <c r="E20332" s="2" t="s">
        <v>65213</v>
      </c>
      <c r="F20332" s="2" t="s">
        <v>58244</v>
      </c>
      <c r="G20332" s="8">
        <v>1578</v>
      </c>
      <c r="H20332" s="5">
        <v>10</v>
      </c>
      <c r="I20332" s="5" t="s">
        <v>69</v>
      </c>
      <c r="J20332" s="5" t="s">
        <v>64797</v>
      </c>
      <c r="K20332" s="2" t="s">
        <v>64798</v>
      </c>
      <c r="L20332" s="5" t="s">
        <v>64797</v>
      </c>
      <c r="M20332" s="2" t="s">
        <v>64798</v>
      </c>
      <c r="N20332" s="5" t="s">
        <v>733</v>
      </c>
      <c r="O20332" s="5" t="s">
        <v>38</v>
      </c>
      <c r="P20332" s="5" t="s">
        <v>39</v>
      </c>
      <c r="Q20332" s="5" t="s">
        <v>40</v>
      </c>
      <c r="R20332" s="5" t="s">
        <v>897</v>
      </c>
      <c r="S20332" s="5" t="s">
        <v>40</v>
      </c>
      <c r="T20332" s="5" t="s">
        <v>42</v>
      </c>
      <c r="U20332" s="2">
        <v>61.604999999999997</v>
      </c>
      <c r="V20332" s="2">
        <v>58.021999999999998</v>
      </c>
      <c r="W20332" s="2">
        <v>0.21099999999999999</v>
      </c>
      <c r="X20332" s="2">
        <v>17</v>
      </c>
      <c r="Y20332" s="2">
        <v>80.7</v>
      </c>
      <c r="Z20332" s="2">
        <v>153.6</v>
      </c>
      <c r="AA20332" s="5">
        <v>7</v>
      </c>
      <c r="AB20332" s="5" t="s">
        <v>43</v>
      </c>
      <c r="AC20332" s="5" t="s">
        <v>735</v>
      </c>
      <c r="AD20332" s="2" t="s">
        <v>65214</v>
      </c>
      <c r="AE20332" s="1"/>
    </row>
    <row r="20333" spans="1:31" ht="14.45">
      <c r="A20333" s="11"/>
      <c r="B20333" s="20"/>
      <c r="C20333" s="2" t="s">
        <v>65215</v>
      </c>
      <c r="D20333" s="14" t="s">
        <v>65216</v>
      </c>
      <c r="E20333" s="2" t="s">
        <v>65217</v>
      </c>
      <c r="F20333" s="2" t="s">
        <v>58263</v>
      </c>
      <c r="G20333" s="8">
        <v>1208</v>
      </c>
      <c r="H20333" s="5">
        <v>5</v>
      </c>
      <c r="I20333" s="5" t="s">
        <v>69</v>
      </c>
      <c r="J20333" s="5" t="s">
        <v>64797</v>
      </c>
      <c r="K20333" s="2" t="s">
        <v>64798</v>
      </c>
      <c r="L20333" s="5" t="s">
        <v>64797</v>
      </c>
      <c r="M20333" s="2" t="s">
        <v>64798</v>
      </c>
      <c r="N20333" s="5" t="s">
        <v>733</v>
      </c>
      <c r="O20333" s="5" t="s">
        <v>38</v>
      </c>
      <c r="P20333" s="5" t="s">
        <v>39</v>
      </c>
      <c r="Q20333" s="5" t="s">
        <v>40</v>
      </c>
      <c r="R20333" s="5" t="s">
        <v>897</v>
      </c>
      <c r="S20333" s="5" t="s">
        <v>40</v>
      </c>
      <c r="T20333" s="5" t="s">
        <v>42</v>
      </c>
      <c r="U20333" s="2">
        <v>58.866999999999997</v>
      </c>
      <c r="V20333" s="2">
        <v>55.308</v>
      </c>
      <c r="W20333" s="2">
        <v>0.21099999999999999</v>
      </c>
      <c r="X20333" s="2">
        <v>17</v>
      </c>
      <c r="Y20333" s="2">
        <v>80.7</v>
      </c>
      <c r="Z20333" s="2">
        <v>153.6</v>
      </c>
      <c r="AA20333" s="5">
        <v>7</v>
      </c>
      <c r="AB20333" s="5" t="s">
        <v>43</v>
      </c>
      <c r="AC20333" s="5" t="s">
        <v>735</v>
      </c>
      <c r="AD20333" s="2" t="s">
        <v>65218</v>
      </c>
      <c r="AE20333" s="1"/>
    </row>
    <row r="20334" spans="1:31" ht="14.45">
      <c r="A20334" s="11"/>
      <c r="B20334" s="20"/>
      <c r="C20334" s="2" t="s">
        <v>65219</v>
      </c>
      <c r="D20334" s="14" t="s">
        <v>65220</v>
      </c>
      <c r="E20334" s="2" t="s">
        <v>65221</v>
      </c>
      <c r="F20334" s="2" t="s">
        <v>58281</v>
      </c>
      <c r="G20334" s="8">
        <v>1364</v>
      </c>
      <c r="H20334" s="5">
        <v>10</v>
      </c>
      <c r="I20334" s="5" t="s">
        <v>69</v>
      </c>
      <c r="J20334" s="5" t="s">
        <v>64797</v>
      </c>
      <c r="K20334" s="2" t="s">
        <v>64798</v>
      </c>
      <c r="L20334" s="5" t="s">
        <v>64797</v>
      </c>
      <c r="M20334" s="2" t="s">
        <v>64798</v>
      </c>
      <c r="N20334" s="5" t="s">
        <v>733</v>
      </c>
      <c r="O20334" s="5" t="s">
        <v>38</v>
      </c>
      <c r="P20334" s="5" t="s">
        <v>39</v>
      </c>
      <c r="Q20334" s="5" t="s">
        <v>40</v>
      </c>
      <c r="R20334" s="5" t="s">
        <v>897</v>
      </c>
      <c r="S20334" s="5" t="s">
        <v>40</v>
      </c>
      <c r="T20334" s="5" t="s">
        <v>42</v>
      </c>
      <c r="U20334" s="2">
        <v>58.643000000000001</v>
      </c>
      <c r="V20334" s="2">
        <v>55.084000000000003</v>
      </c>
      <c r="W20334" s="2">
        <v>0.21099999999999999</v>
      </c>
      <c r="X20334" s="2">
        <v>17</v>
      </c>
      <c r="Y20334" s="2">
        <v>80.7</v>
      </c>
      <c r="Z20334" s="2">
        <v>153.6</v>
      </c>
      <c r="AA20334" s="5">
        <v>7</v>
      </c>
      <c r="AB20334" s="5" t="s">
        <v>43</v>
      </c>
      <c r="AC20334" s="5" t="s">
        <v>735</v>
      </c>
      <c r="AD20334" s="2" t="s">
        <v>65222</v>
      </c>
      <c r="AE20334" s="1"/>
    </row>
    <row r="20335" spans="1:31" ht="14.45">
      <c r="A20335" s="11"/>
      <c r="B20335" s="20"/>
      <c r="C20335" s="2" t="s">
        <v>65223</v>
      </c>
      <c r="D20335" s="14" t="s">
        <v>65224</v>
      </c>
      <c r="E20335" s="2" t="s">
        <v>65225</v>
      </c>
      <c r="F20335" s="2" t="s">
        <v>58294</v>
      </c>
      <c r="G20335" s="8">
        <v>1059</v>
      </c>
      <c r="H20335" s="5">
        <v>10</v>
      </c>
      <c r="I20335" s="5" t="s">
        <v>69</v>
      </c>
      <c r="J20335" s="5" t="s">
        <v>64797</v>
      </c>
      <c r="K20335" s="2" t="s">
        <v>64798</v>
      </c>
      <c r="L20335" s="5" t="s">
        <v>64797</v>
      </c>
      <c r="M20335" s="2" t="s">
        <v>64798</v>
      </c>
      <c r="N20335" s="5" t="s">
        <v>733</v>
      </c>
      <c r="O20335" s="5" t="s">
        <v>38</v>
      </c>
      <c r="P20335" s="5" t="s">
        <v>39</v>
      </c>
      <c r="Q20335" s="5" t="s">
        <v>40</v>
      </c>
      <c r="R20335" s="5" t="s">
        <v>897</v>
      </c>
      <c r="S20335" s="5" t="s">
        <v>40</v>
      </c>
      <c r="T20335" s="5" t="s">
        <v>42</v>
      </c>
      <c r="U20335" s="2">
        <v>58.874000000000002</v>
      </c>
      <c r="V20335" s="2">
        <v>55.314999999999998</v>
      </c>
      <c r="W20335" s="2">
        <v>0.21099999999999999</v>
      </c>
      <c r="X20335" s="2">
        <v>17</v>
      </c>
      <c r="Y20335" s="2">
        <v>80.7</v>
      </c>
      <c r="Z20335" s="2">
        <v>153.6</v>
      </c>
      <c r="AA20335" s="5">
        <v>7</v>
      </c>
      <c r="AB20335" s="5" t="s">
        <v>43</v>
      </c>
      <c r="AC20335" s="5" t="s">
        <v>735</v>
      </c>
      <c r="AD20335" s="2" t="s">
        <v>65226</v>
      </c>
      <c r="AE20335" s="1"/>
    </row>
    <row r="20336" spans="1:31" ht="14.45">
      <c r="A20336" s="11"/>
      <c r="B20336" s="20"/>
      <c r="C20336" s="2" t="s">
        <v>65227</v>
      </c>
      <c r="D20336" s="14" t="s">
        <v>65228</v>
      </c>
      <c r="E20336" s="2" t="s">
        <v>65229</v>
      </c>
      <c r="F20336" s="2" t="s">
        <v>58307</v>
      </c>
      <c r="G20336" s="8">
        <v>871</v>
      </c>
      <c r="H20336" s="5">
        <v>5</v>
      </c>
      <c r="I20336" s="5" t="s">
        <v>69</v>
      </c>
      <c r="J20336" s="5" t="s">
        <v>64797</v>
      </c>
      <c r="K20336" s="2" t="s">
        <v>64798</v>
      </c>
      <c r="L20336" s="5" t="s">
        <v>64797</v>
      </c>
      <c r="M20336" s="2" t="s">
        <v>64798</v>
      </c>
      <c r="N20336" s="5" t="s">
        <v>733</v>
      </c>
      <c r="O20336" s="5" t="s">
        <v>38</v>
      </c>
      <c r="P20336" s="5" t="s">
        <v>39</v>
      </c>
      <c r="Q20336" s="5" t="s">
        <v>40</v>
      </c>
      <c r="R20336" s="5" t="s">
        <v>897</v>
      </c>
      <c r="S20336" s="5" t="s">
        <v>40</v>
      </c>
      <c r="T20336" s="5" t="s">
        <v>42</v>
      </c>
      <c r="U20336" s="2">
        <v>51.868000000000002</v>
      </c>
      <c r="V20336" s="2">
        <v>48.292999999999999</v>
      </c>
      <c r="W20336" s="2">
        <v>0.21099999999999999</v>
      </c>
      <c r="X20336" s="2">
        <v>17</v>
      </c>
      <c r="Y20336" s="2">
        <v>80.7</v>
      </c>
      <c r="Z20336" s="2">
        <v>153.6</v>
      </c>
      <c r="AA20336" s="5">
        <v>7</v>
      </c>
      <c r="AB20336" s="5" t="s">
        <v>43</v>
      </c>
      <c r="AC20336" s="5" t="s">
        <v>735</v>
      </c>
      <c r="AD20336" s="2" t="s">
        <v>65230</v>
      </c>
      <c r="AE20336" s="1"/>
    </row>
    <row r="20337" spans="1:31" ht="14.45">
      <c r="A20337" s="11"/>
      <c r="B20337" s="20"/>
      <c r="C20337" s="2" t="s">
        <v>65231</v>
      </c>
      <c r="D20337" s="14" t="s">
        <v>65232</v>
      </c>
      <c r="E20337" s="2" t="s">
        <v>65233</v>
      </c>
      <c r="F20337" s="2" t="s">
        <v>58324</v>
      </c>
      <c r="G20337" s="8">
        <v>1110</v>
      </c>
      <c r="H20337" s="5">
        <v>5</v>
      </c>
      <c r="I20337" s="5" t="s">
        <v>69</v>
      </c>
      <c r="J20337" s="5" t="s">
        <v>64797</v>
      </c>
      <c r="K20337" s="2" t="s">
        <v>64798</v>
      </c>
      <c r="L20337" s="5" t="s">
        <v>64797</v>
      </c>
      <c r="M20337" s="2" t="s">
        <v>64798</v>
      </c>
      <c r="N20337" s="5" t="s">
        <v>733</v>
      </c>
      <c r="O20337" s="5" t="s">
        <v>38</v>
      </c>
      <c r="P20337" s="5" t="s">
        <v>39</v>
      </c>
      <c r="Q20337" s="5" t="s">
        <v>40</v>
      </c>
      <c r="R20337" s="5" t="s">
        <v>897</v>
      </c>
      <c r="S20337" s="5" t="s">
        <v>40</v>
      </c>
      <c r="T20337" s="5" t="s">
        <v>42</v>
      </c>
      <c r="U20337" s="2">
        <v>58.792999999999999</v>
      </c>
      <c r="V20337" s="2">
        <v>55.234000000000002</v>
      </c>
      <c r="W20337" s="2">
        <v>0.21099999999999999</v>
      </c>
      <c r="X20337" s="2">
        <v>17</v>
      </c>
      <c r="Y20337" s="2">
        <v>80.7</v>
      </c>
      <c r="Z20337" s="2">
        <v>153.6</v>
      </c>
      <c r="AA20337" s="5">
        <v>7</v>
      </c>
      <c r="AB20337" s="5" t="s">
        <v>43</v>
      </c>
      <c r="AC20337" s="5" t="s">
        <v>735</v>
      </c>
      <c r="AD20337" s="2" t="s">
        <v>65234</v>
      </c>
      <c r="AE20337" s="1"/>
    </row>
    <row r="20338" spans="1:31" ht="14.45">
      <c r="A20338" s="11"/>
      <c r="B20338" s="20"/>
      <c r="C20338" s="2" t="s">
        <v>65235</v>
      </c>
      <c r="D20338" s="14" t="s">
        <v>65236</v>
      </c>
      <c r="E20338" s="2" t="s">
        <v>65237</v>
      </c>
      <c r="F20338" s="2" t="s">
        <v>58346</v>
      </c>
      <c r="G20338" s="8">
        <v>1676</v>
      </c>
      <c r="H20338" s="5">
        <v>10</v>
      </c>
      <c r="I20338" s="5" t="s">
        <v>69</v>
      </c>
      <c r="J20338" s="5" t="s">
        <v>64797</v>
      </c>
      <c r="K20338" s="2" t="s">
        <v>64798</v>
      </c>
      <c r="L20338" s="5" t="s">
        <v>64797</v>
      </c>
      <c r="M20338" s="2" t="s">
        <v>64798</v>
      </c>
      <c r="N20338" s="5" t="s">
        <v>733</v>
      </c>
      <c r="O20338" s="5" t="s">
        <v>38</v>
      </c>
      <c r="P20338" s="5" t="s">
        <v>39</v>
      </c>
      <c r="Q20338" s="5" t="s">
        <v>40</v>
      </c>
      <c r="R20338" s="5" t="s">
        <v>897</v>
      </c>
      <c r="S20338" s="5" t="s">
        <v>40</v>
      </c>
      <c r="T20338" s="5" t="s">
        <v>42</v>
      </c>
      <c r="U20338" s="2">
        <v>62.860999999999997</v>
      </c>
      <c r="V20338" s="2">
        <v>59.277999999999999</v>
      </c>
      <c r="W20338" s="2">
        <v>0.21099999999999999</v>
      </c>
      <c r="X20338" s="2">
        <v>17</v>
      </c>
      <c r="Y20338" s="2">
        <v>80.7</v>
      </c>
      <c r="Z20338" s="2">
        <v>153.6</v>
      </c>
      <c r="AA20338" s="5">
        <v>7</v>
      </c>
      <c r="AB20338" s="5" t="s">
        <v>43</v>
      </c>
      <c r="AC20338" s="5" t="s">
        <v>735</v>
      </c>
      <c r="AD20338" s="2" t="s">
        <v>65238</v>
      </c>
      <c r="AE20338" s="1"/>
    </row>
    <row r="20339" spans="1:31" ht="14.45">
      <c r="A20339" s="11"/>
      <c r="B20339" s="20"/>
      <c r="C20339" s="2" t="s">
        <v>65239</v>
      </c>
      <c r="D20339" s="14" t="s">
        <v>65240</v>
      </c>
      <c r="E20339" s="2" t="s">
        <v>65241</v>
      </c>
      <c r="F20339" s="2" t="s">
        <v>58360</v>
      </c>
      <c r="G20339" s="8">
        <v>1578</v>
      </c>
      <c r="H20339" s="5">
        <v>10</v>
      </c>
      <c r="I20339" s="5" t="s">
        <v>69</v>
      </c>
      <c r="J20339" s="5" t="s">
        <v>64797</v>
      </c>
      <c r="K20339" s="2" t="s">
        <v>64798</v>
      </c>
      <c r="L20339" s="5" t="s">
        <v>64797</v>
      </c>
      <c r="M20339" s="2" t="s">
        <v>64798</v>
      </c>
      <c r="N20339" s="5" t="s">
        <v>733</v>
      </c>
      <c r="O20339" s="5" t="s">
        <v>38</v>
      </c>
      <c r="P20339" s="5" t="s">
        <v>39</v>
      </c>
      <c r="Q20339" s="5" t="s">
        <v>40</v>
      </c>
      <c r="R20339" s="5" t="s">
        <v>897</v>
      </c>
      <c r="S20339" s="5" t="s">
        <v>40</v>
      </c>
      <c r="T20339" s="5" t="s">
        <v>42</v>
      </c>
      <c r="U20339" s="2">
        <v>62.820999999999998</v>
      </c>
      <c r="V20339" s="2">
        <v>59.238</v>
      </c>
      <c r="W20339" s="2">
        <v>0.21099999999999999</v>
      </c>
      <c r="X20339" s="2">
        <v>17</v>
      </c>
      <c r="Y20339" s="2">
        <v>80.7</v>
      </c>
      <c r="Z20339" s="2">
        <v>153.6</v>
      </c>
      <c r="AA20339" s="5">
        <v>7</v>
      </c>
      <c r="AB20339" s="5" t="s">
        <v>43</v>
      </c>
      <c r="AC20339" s="5" t="s">
        <v>735</v>
      </c>
      <c r="AD20339" s="2" t="s">
        <v>65242</v>
      </c>
      <c r="AE20339" s="1"/>
    </row>
    <row r="20340" spans="1:31" ht="14.45">
      <c r="A20340" s="11"/>
      <c r="B20340" s="20"/>
      <c r="C20340" s="2" t="s">
        <v>65243</v>
      </c>
      <c r="D20340" s="14" t="s">
        <v>65244</v>
      </c>
      <c r="E20340" s="2" t="s">
        <v>65245</v>
      </c>
      <c r="F20340" s="2" t="s">
        <v>58387</v>
      </c>
      <c r="G20340" s="8">
        <v>1578</v>
      </c>
      <c r="H20340" s="5">
        <v>10</v>
      </c>
      <c r="I20340" s="5" t="s">
        <v>69</v>
      </c>
      <c r="J20340" s="5" t="s">
        <v>64797</v>
      </c>
      <c r="K20340" s="2" t="s">
        <v>64798</v>
      </c>
      <c r="L20340" s="5" t="s">
        <v>64797</v>
      </c>
      <c r="M20340" s="2" t="s">
        <v>64798</v>
      </c>
      <c r="N20340" s="5" t="s">
        <v>733</v>
      </c>
      <c r="O20340" s="5" t="s">
        <v>38</v>
      </c>
      <c r="P20340" s="5" t="s">
        <v>39</v>
      </c>
      <c r="Q20340" s="5" t="s">
        <v>40</v>
      </c>
      <c r="R20340" s="5" t="s">
        <v>897</v>
      </c>
      <c r="S20340" s="5" t="s">
        <v>40</v>
      </c>
      <c r="T20340" s="5" t="s">
        <v>42</v>
      </c>
      <c r="U20340" s="2">
        <v>61.655000000000001</v>
      </c>
      <c r="V20340" s="2">
        <v>58.072000000000003</v>
      </c>
      <c r="W20340" s="2">
        <v>0.21099999999999999</v>
      </c>
      <c r="X20340" s="2">
        <v>17</v>
      </c>
      <c r="Y20340" s="2">
        <v>80.7</v>
      </c>
      <c r="Z20340" s="2">
        <v>153.6</v>
      </c>
      <c r="AA20340" s="5">
        <v>7</v>
      </c>
      <c r="AB20340" s="5" t="s">
        <v>43</v>
      </c>
      <c r="AC20340" s="5" t="s">
        <v>735</v>
      </c>
      <c r="AD20340" s="2" t="s">
        <v>65246</v>
      </c>
      <c r="AE20340" s="1"/>
    </row>
    <row r="20341" spans="1:31" ht="14.45">
      <c r="A20341" s="11"/>
      <c r="B20341" s="20"/>
      <c r="C20341" s="2" t="s">
        <v>65247</v>
      </c>
      <c r="D20341" s="14" t="s">
        <v>65248</v>
      </c>
      <c r="E20341" s="2" t="s">
        <v>65249</v>
      </c>
      <c r="F20341" s="2" t="s">
        <v>65250</v>
      </c>
      <c r="G20341" s="8">
        <v>1330</v>
      </c>
      <c r="H20341" s="5">
        <v>5</v>
      </c>
      <c r="I20341" s="5" t="s">
        <v>69</v>
      </c>
      <c r="J20341" s="5" t="s">
        <v>64797</v>
      </c>
      <c r="K20341" s="2" t="s">
        <v>64798</v>
      </c>
      <c r="L20341" s="5" t="s">
        <v>64797</v>
      </c>
      <c r="M20341" s="2" t="s">
        <v>64798</v>
      </c>
      <c r="N20341" s="5" t="s">
        <v>733</v>
      </c>
      <c r="O20341" s="5" t="s">
        <v>38</v>
      </c>
      <c r="P20341" s="5" t="s">
        <v>39</v>
      </c>
      <c r="Q20341" s="5" t="s">
        <v>40</v>
      </c>
      <c r="R20341" s="5" t="s">
        <v>897</v>
      </c>
      <c r="S20341" s="5" t="s">
        <v>40</v>
      </c>
      <c r="T20341" s="5" t="s">
        <v>42</v>
      </c>
      <c r="U20341" s="2">
        <v>66.900000000000006</v>
      </c>
      <c r="V20341" s="2">
        <v>62.405000000000001</v>
      </c>
      <c r="W20341" s="2">
        <v>0.25600000000000001</v>
      </c>
      <c r="X20341" s="2">
        <v>17</v>
      </c>
      <c r="Y20341" s="2">
        <v>86.7</v>
      </c>
      <c r="Z20341" s="2">
        <v>173.8</v>
      </c>
      <c r="AA20341" s="5">
        <v>7</v>
      </c>
      <c r="AB20341" s="5" t="s">
        <v>43</v>
      </c>
      <c r="AC20341" s="5" t="s">
        <v>735</v>
      </c>
      <c r="AD20341" s="2" t="s">
        <v>65251</v>
      </c>
      <c r="AE20341" s="1"/>
    </row>
    <row r="20342" spans="1:31" ht="14.45">
      <c r="A20342" s="11"/>
      <c r="B20342" s="20"/>
      <c r="C20342" s="2" t="s">
        <v>65252</v>
      </c>
      <c r="D20342" s="14" t="s">
        <v>65253</v>
      </c>
      <c r="E20342" s="2" t="s">
        <v>65254</v>
      </c>
      <c r="F20342" s="2" t="s">
        <v>58435</v>
      </c>
      <c r="G20342" s="8">
        <v>1508</v>
      </c>
      <c r="H20342" s="5">
        <v>10</v>
      </c>
      <c r="I20342" s="5" t="s">
        <v>69</v>
      </c>
      <c r="J20342" s="5" t="s">
        <v>64797</v>
      </c>
      <c r="K20342" s="2" t="s">
        <v>64798</v>
      </c>
      <c r="L20342" s="5" t="s">
        <v>64797</v>
      </c>
      <c r="M20342" s="2" t="s">
        <v>64798</v>
      </c>
      <c r="N20342" s="5" t="s">
        <v>733</v>
      </c>
      <c r="O20342" s="5" t="s">
        <v>38</v>
      </c>
      <c r="P20342" s="5" t="s">
        <v>39</v>
      </c>
      <c r="Q20342" s="5" t="s">
        <v>40</v>
      </c>
      <c r="R20342" s="5" t="s">
        <v>897</v>
      </c>
      <c r="S20342" s="5" t="s">
        <v>40</v>
      </c>
      <c r="T20342" s="5" t="s">
        <v>42</v>
      </c>
      <c r="U20342" s="2">
        <v>66.885000000000005</v>
      </c>
      <c r="V20342" s="2">
        <v>62.222000000000001</v>
      </c>
      <c r="W20342" s="2">
        <v>0.26200000000000001</v>
      </c>
      <c r="X20342" s="2">
        <v>17</v>
      </c>
      <c r="Y20342" s="2">
        <v>88.7</v>
      </c>
      <c r="Z20342" s="2">
        <v>173.8</v>
      </c>
      <c r="AA20342" s="5">
        <v>7</v>
      </c>
      <c r="AB20342" s="5" t="s">
        <v>43</v>
      </c>
      <c r="AC20342" s="5" t="s">
        <v>735</v>
      </c>
      <c r="AD20342" s="2" t="s">
        <v>65255</v>
      </c>
      <c r="AE20342" s="1"/>
    </row>
    <row r="20343" spans="1:31" ht="14.45">
      <c r="A20343" s="11"/>
      <c r="B20343" s="20"/>
      <c r="C20343" s="2" t="s">
        <v>65256</v>
      </c>
      <c r="D20343" s="14" t="s">
        <v>65257</v>
      </c>
      <c r="E20343" s="2" t="s">
        <v>65258</v>
      </c>
      <c r="F20343" s="2" t="s">
        <v>58444</v>
      </c>
      <c r="G20343" s="8">
        <v>1158</v>
      </c>
      <c r="H20343" s="5">
        <v>10</v>
      </c>
      <c r="I20343" s="5" t="s">
        <v>69</v>
      </c>
      <c r="J20343" s="5" t="s">
        <v>64797</v>
      </c>
      <c r="K20343" s="2" t="s">
        <v>64798</v>
      </c>
      <c r="L20343" s="5" t="s">
        <v>64797</v>
      </c>
      <c r="M20343" s="2" t="s">
        <v>64798</v>
      </c>
      <c r="N20343" s="5" t="s">
        <v>733</v>
      </c>
      <c r="O20343" s="5" t="s">
        <v>38</v>
      </c>
      <c r="P20343" s="5" t="s">
        <v>39</v>
      </c>
      <c r="Q20343" s="5" t="s">
        <v>40</v>
      </c>
      <c r="R20343" s="5" t="s">
        <v>897</v>
      </c>
      <c r="S20343" s="5" t="s">
        <v>40</v>
      </c>
      <c r="T20343" s="5" t="s">
        <v>42</v>
      </c>
      <c r="U20343" s="2">
        <v>67.159000000000006</v>
      </c>
      <c r="V20343" s="2">
        <v>62.496000000000002</v>
      </c>
      <c r="W20343" s="2">
        <v>0.26200000000000001</v>
      </c>
      <c r="X20343" s="2">
        <v>17</v>
      </c>
      <c r="Y20343" s="2">
        <v>88.7</v>
      </c>
      <c r="Z20343" s="2">
        <v>173.8</v>
      </c>
      <c r="AA20343" s="5">
        <v>7</v>
      </c>
      <c r="AB20343" s="5" t="s">
        <v>43</v>
      </c>
      <c r="AC20343" s="5" t="s">
        <v>735</v>
      </c>
      <c r="AD20343" s="2" t="s">
        <v>65259</v>
      </c>
      <c r="AE20343" s="1"/>
    </row>
    <row r="20344" spans="1:31" ht="14.45">
      <c r="A20344" s="11"/>
      <c r="B20344" s="20"/>
      <c r="C20344" s="2" t="s">
        <v>65260</v>
      </c>
      <c r="D20344" s="14" t="s">
        <v>65261</v>
      </c>
      <c r="E20344" s="2" t="s">
        <v>65262</v>
      </c>
      <c r="F20344" s="2" t="s">
        <v>58453</v>
      </c>
      <c r="G20344" s="8">
        <v>942</v>
      </c>
      <c r="H20344" s="5">
        <v>5</v>
      </c>
      <c r="I20344" s="5" t="s">
        <v>69</v>
      </c>
      <c r="J20344" s="5" t="s">
        <v>64797</v>
      </c>
      <c r="K20344" s="2" t="s">
        <v>64798</v>
      </c>
      <c r="L20344" s="5" t="s">
        <v>64797</v>
      </c>
      <c r="M20344" s="2" t="s">
        <v>64798</v>
      </c>
      <c r="N20344" s="5" t="s">
        <v>733</v>
      </c>
      <c r="O20344" s="5" t="s">
        <v>38</v>
      </c>
      <c r="P20344" s="5" t="s">
        <v>39</v>
      </c>
      <c r="Q20344" s="5" t="s">
        <v>40</v>
      </c>
      <c r="R20344" s="5" t="s">
        <v>897</v>
      </c>
      <c r="S20344" s="5" t="s">
        <v>40</v>
      </c>
      <c r="T20344" s="5" t="s">
        <v>42</v>
      </c>
      <c r="U20344" s="2">
        <v>58.624000000000002</v>
      </c>
      <c r="V20344" s="2">
        <v>54.113</v>
      </c>
      <c r="W20344" s="2">
        <v>0.25600000000000001</v>
      </c>
      <c r="X20344" s="2">
        <v>17</v>
      </c>
      <c r="Y20344" s="2">
        <v>86.7</v>
      </c>
      <c r="Z20344" s="2">
        <v>173.8</v>
      </c>
      <c r="AA20344" s="5">
        <v>7</v>
      </c>
      <c r="AB20344" s="5" t="s">
        <v>43</v>
      </c>
      <c r="AC20344" s="5" t="s">
        <v>735</v>
      </c>
      <c r="AD20344" s="2" t="s">
        <v>65263</v>
      </c>
      <c r="AE20344" s="1"/>
    </row>
    <row r="20345" spans="1:31" ht="14.45">
      <c r="A20345" s="11"/>
      <c r="B20345" s="20"/>
      <c r="C20345" s="2" t="s">
        <v>65264</v>
      </c>
      <c r="D20345" s="14" t="s">
        <v>65265</v>
      </c>
      <c r="E20345" s="2" t="s">
        <v>65266</v>
      </c>
      <c r="F20345" s="2" t="s">
        <v>58471</v>
      </c>
      <c r="G20345" s="8">
        <v>1217</v>
      </c>
      <c r="H20345" s="5">
        <v>5</v>
      </c>
      <c r="I20345" s="5" t="s">
        <v>69</v>
      </c>
      <c r="J20345" s="5" t="s">
        <v>64797</v>
      </c>
      <c r="K20345" s="2" t="s">
        <v>64798</v>
      </c>
      <c r="L20345" s="5" t="s">
        <v>64797</v>
      </c>
      <c r="M20345" s="2" t="s">
        <v>64798</v>
      </c>
      <c r="N20345" s="5" t="s">
        <v>733</v>
      </c>
      <c r="O20345" s="5" t="s">
        <v>38</v>
      </c>
      <c r="P20345" s="5" t="s">
        <v>39</v>
      </c>
      <c r="Q20345" s="5" t="s">
        <v>40</v>
      </c>
      <c r="R20345" s="5" t="s">
        <v>897</v>
      </c>
      <c r="S20345" s="5" t="s">
        <v>40</v>
      </c>
      <c r="T20345" s="5" t="s">
        <v>42</v>
      </c>
      <c r="U20345" s="2">
        <v>67.06</v>
      </c>
      <c r="V20345" s="2">
        <v>62.396999999999998</v>
      </c>
      <c r="W20345" s="2">
        <v>0.26200000000000001</v>
      </c>
      <c r="X20345" s="2">
        <v>17</v>
      </c>
      <c r="Y20345" s="2">
        <v>88.7</v>
      </c>
      <c r="Z20345" s="2">
        <v>173.8</v>
      </c>
      <c r="AA20345" s="5">
        <v>7</v>
      </c>
      <c r="AB20345" s="5" t="s">
        <v>43</v>
      </c>
      <c r="AC20345" s="5" t="s">
        <v>735</v>
      </c>
      <c r="AD20345" s="2" t="s">
        <v>65267</v>
      </c>
      <c r="AE20345" s="1"/>
    </row>
    <row r="20346" spans="1:31" ht="14.45">
      <c r="A20346" s="11"/>
      <c r="B20346" s="20"/>
      <c r="C20346" s="2" t="s">
        <v>65268</v>
      </c>
      <c r="D20346" s="14" t="s">
        <v>65269</v>
      </c>
      <c r="E20346" s="2" t="s">
        <v>65270</v>
      </c>
      <c r="F20346" s="2" t="s">
        <v>65271</v>
      </c>
      <c r="G20346" s="8">
        <v>1798</v>
      </c>
      <c r="H20346" s="5">
        <v>10</v>
      </c>
      <c r="I20346" s="5" t="s">
        <v>69</v>
      </c>
      <c r="J20346" s="5" t="s">
        <v>64797</v>
      </c>
      <c r="K20346" s="2" t="s">
        <v>64798</v>
      </c>
      <c r="L20346" s="5" t="s">
        <v>64797</v>
      </c>
      <c r="M20346" s="2" t="s">
        <v>64798</v>
      </c>
      <c r="N20346" s="5" t="s">
        <v>733</v>
      </c>
      <c r="O20346" s="5" t="s">
        <v>38</v>
      </c>
      <c r="P20346" s="5" t="s">
        <v>39</v>
      </c>
      <c r="Q20346" s="5" t="s">
        <v>40</v>
      </c>
      <c r="R20346" s="5" t="s">
        <v>897</v>
      </c>
      <c r="S20346" s="5" t="s">
        <v>40</v>
      </c>
      <c r="T20346" s="5" t="s">
        <v>42</v>
      </c>
      <c r="U20346" s="2">
        <v>71.225999999999999</v>
      </c>
      <c r="V20346" s="2">
        <v>66.539000000000001</v>
      </c>
      <c r="W20346" s="2">
        <v>0.26200000000000001</v>
      </c>
      <c r="X20346" s="2">
        <v>17</v>
      </c>
      <c r="Y20346" s="2">
        <v>88.7</v>
      </c>
      <c r="Z20346" s="2">
        <v>173.8</v>
      </c>
      <c r="AA20346" s="5">
        <v>7</v>
      </c>
      <c r="AB20346" s="5" t="s">
        <v>43</v>
      </c>
      <c r="AC20346" s="5" t="s">
        <v>735</v>
      </c>
      <c r="AD20346" s="2" t="s">
        <v>65272</v>
      </c>
      <c r="AE20346" s="1"/>
    </row>
    <row r="20347" spans="1:31" ht="14.45">
      <c r="A20347" s="11"/>
      <c r="B20347" s="20"/>
      <c r="C20347" s="2" t="s">
        <v>65273</v>
      </c>
      <c r="D20347" s="14" t="s">
        <v>65274</v>
      </c>
      <c r="E20347" s="2" t="s">
        <v>65275</v>
      </c>
      <c r="F20347" s="2" t="s">
        <v>58498</v>
      </c>
      <c r="G20347" s="8">
        <v>1685</v>
      </c>
      <c r="H20347" s="5">
        <v>10</v>
      </c>
      <c r="I20347" s="5" t="s">
        <v>69</v>
      </c>
      <c r="J20347" s="5" t="s">
        <v>64797</v>
      </c>
      <c r="K20347" s="2" t="s">
        <v>64798</v>
      </c>
      <c r="L20347" s="5" t="s">
        <v>64797</v>
      </c>
      <c r="M20347" s="2" t="s">
        <v>64798</v>
      </c>
      <c r="N20347" s="5" t="s">
        <v>733</v>
      </c>
      <c r="O20347" s="5" t="s">
        <v>38</v>
      </c>
      <c r="P20347" s="5" t="s">
        <v>39</v>
      </c>
      <c r="Q20347" s="5" t="s">
        <v>40</v>
      </c>
      <c r="R20347" s="5" t="s">
        <v>897</v>
      </c>
      <c r="S20347" s="5" t="s">
        <v>40</v>
      </c>
      <c r="T20347" s="5" t="s">
        <v>42</v>
      </c>
      <c r="U20347" s="2">
        <v>71.180000000000007</v>
      </c>
      <c r="V20347" s="2">
        <v>66.492999999999995</v>
      </c>
      <c r="W20347" s="2">
        <v>0.26200000000000001</v>
      </c>
      <c r="X20347" s="2">
        <v>17</v>
      </c>
      <c r="Y20347" s="2">
        <v>88.7</v>
      </c>
      <c r="Z20347" s="2">
        <v>173.8</v>
      </c>
      <c r="AA20347" s="5">
        <v>7</v>
      </c>
      <c r="AB20347" s="5" t="s">
        <v>43</v>
      </c>
      <c r="AC20347" s="5" t="s">
        <v>735</v>
      </c>
      <c r="AD20347" s="2" t="s">
        <v>65276</v>
      </c>
      <c r="AE20347" s="1"/>
    </row>
    <row r="20348" spans="1:31" ht="14.45">
      <c r="A20348" s="11"/>
      <c r="B20348" s="20"/>
      <c r="C20348" s="2" t="s">
        <v>65277</v>
      </c>
      <c r="D20348" s="14" t="s">
        <v>65278</v>
      </c>
      <c r="E20348" s="2" t="s">
        <v>65279</v>
      </c>
      <c r="F20348" s="2" t="s">
        <v>58511</v>
      </c>
      <c r="G20348" s="8">
        <v>1798</v>
      </c>
      <c r="H20348" s="5">
        <v>10</v>
      </c>
      <c r="I20348" s="5" t="s">
        <v>69</v>
      </c>
      <c r="J20348" s="5" t="s">
        <v>64797</v>
      </c>
      <c r="K20348" s="2" t="s">
        <v>64798</v>
      </c>
      <c r="L20348" s="5" t="s">
        <v>64797</v>
      </c>
      <c r="M20348" s="2" t="s">
        <v>64798</v>
      </c>
      <c r="N20348" s="5" t="s">
        <v>733</v>
      </c>
      <c r="O20348" s="5" t="s">
        <v>38</v>
      </c>
      <c r="P20348" s="5" t="s">
        <v>39</v>
      </c>
      <c r="Q20348" s="5" t="s">
        <v>40</v>
      </c>
      <c r="R20348" s="5" t="s">
        <v>897</v>
      </c>
      <c r="S20348" s="5" t="s">
        <v>40</v>
      </c>
      <c r="T20348" s="5" t="s">
        <v>42</v>
      </c>
      <c r="U20348" s="2">
        <v>69.894999999999996</v>
      </c>
      <c r="V20348" s="2">
        <v>65.207999999999998</v>
      </c>
      <c r="W20348" s="2">
        <v>0.26200000000000001</v>
      </c>
      <c r="X20348" s="2">
        <v>17</v>
      </c>
      <c r="Y20348" s="2">
        <v>88.7</v>
      </c>
      <c r="Z20348" s="2">
        <v>173.8</v>
      </c>
      <c r="AA20348" s="5">
        <v>7</v>
      </c>
      <c r="AB20348" s="5" t="s">
        <v>43</v>
      </c>
      <c r="AC20348" s="5" t="s">
        <v>735</v>
      </c>
      <c r="AD20348" s="2" t="s">
        <v>65280</v>
      </c>
      <c r="AE20348" s="1"/>
    </row>
    <row r="20349" spans="1:31" ht="14.45">
      <c r="A20349" s="11"/>
      <c r="B20349" s="20"/>
      <c r="C20349" s="2" t="s">
        <v>65281</v>
      </c>
      <c r="D20349" s="14" t="s">
        <v>65282</v>
      </c>
      <c r="E20349" s="2" t="s">
        <v>65283</v>
      </c>
      <c r="F20349" s="2" t="s">
        <v>58530</v>
      </c>
      <c r="G20349" s="8">
        <v>1685</v>
      </c>
      <c r="H20349" s="5">
        <v>10</v>
      </c>
      <c r="I20349" s="5" t="s">
        <v>69</v>
      </c>
      <c r="J20349" s="5" t="s">
        <v>64797</v>
      </c>
      <c r="K20349" s="2" t="s">
        <v>64798</v>
      </c>
      <c r="L20349" s="5" t="s">
        <v>64797</v>
      </c>
      <c r="M20349" s="2" t="s">
        <v>64798</v>
      </c>
      <c r="N20349" s="5" t="s">
        <v>733</v>
      </c>
      <c r="O20349" s="5" t="s">
        <v>38</v>
      </c>
      <c r="P20349" s="5" t="s">
        <v>39</v>
      </c>
      <c r="Q20349" s="5" t="s">
        <v>40</v>
      </c>
      <c r="R20349" s="5" t="s">
        <v>897</v>
      </c>
      <c r="S20349" s="5" t="s">
        <v>40</v>
      </c>
      <c r="T20349" s="5" t="s">
        <v>42</v>
      </c>
      <c r="U20349" s="2">
        <v>69.849000000000004</v>
      </c>
      <c r="V20349" s="2">
        <v>65.162000000000006</v>
      </c>
      <c r="W20349" s="2">
        <v>0.26200000000000001</v>
      </c>
      <c r="X20349" s="2">
        <v>17</v>
      </c>
      <c r="Y20349" s="2">
        <v>88.7</v>
      </c>
      <c r="Z20349" s="2">
        <v>173.8</v>
      </c>
      <c r="AA20349" s="5">
        <v>7</v>
      </c>
      <c r="AB20349" s="5" t="s">
        <v>43</v>
      </c>
      <c r="AC20349" s="5" t="s">
        <v>735</v>
      </c>
      <c r="AD20349" s="2" t="s">
        <v>65284</v>
      </c>
      <c r="AE20349" s="1"/>
    </row>
    <row r="20350" spans="1:31" ht="14.45">
      <c r="A20350" s="11"/>
      <c r="B20350" s="20"/>
      <c r="C20350" s="2" t="s">
        <v>65285</v>
      </c>
      <c r="D20350" s="14" t="s">
        <v>65286</v>
      </c>
      <c r="E20350" s="2" t="s">
        <v>65287</v>
      </c>
      <c r="F20350" s="2" t="s">
        <v>58549</v>
      </c>
      <c r="G20350" s="8">
        <v>1330</v>
      </c>
      <c r="H20350" s="5">
        <v>5</v>
      </c>
      <c r="I20350" s="5" t="s">
        <v>69</v>
      </c>
      <c r="J20350" s="5" t="s">
        <v>64797</v>
      </c>
      <c r="K20350" s="2" t="s">
        <v>64798</v>
      </c>
      <c r="L20350" s="5" t="s">
        <v>64797</v>
      </c>
      <c r="M20350" s="2" t="s">
        <v>64798</v>
      </c>
      <c r="N20350" s="5" t="s">
        <v>733</v>
      </c>
      <c r="O20350" s="5" t="s">
        <v>38</v>
      </c>
      <c r="P20350" s="5" t="s">
        <v>39</v>
      </c>
      <c r="Q20350" s="5" t="s">
        <v>40</v>
      </c>
      <c r="R20350" s="5" t="s">
        <v>897</v>
      </c>
      <c r="S20350" s="5" t="s">
        <v>40</v>
      </c>
      <c r="T20350" s="5" t="s">
        <v>42</v>
      </c>
      <c r="U20350" s="2">
        <v>66.92</v>
      </c>
      <c r="V20350" s="2">
        <v>62.424999999999997</v>
      </c>
      <c r="W20350" s="2">
        <v>0.25600000000000001</v>
      </c>
      <c r="X20350" s="2">
        <v>17</v>
      </c>
      <c r="Y20350" s="2">
        <v>86.7</v>
      </c>
      <c r="Z20350" s="2">
        <v>173.8</v>
      </c>
      <c r="AA20350" s="5">
        <v>7</v>
      </c>
      <c r="AB20350" s="5" t="s">
        <v>43</v>
      </c>
      <c r="AC20350" s="5" t="s">
        <v>735</v>
      </c>
      <c r="AD20350" s="2" t="s">
        <v>65288</v>
      </c>
      <c r="AE20350" s="1"/>
    </row>
    <row r="20351" spans="1:31" ht="14.45">
      <c r="A20351" s="11"/>
      <c r="B20351" s="20"/>
      <c r="C20351" s="2" t="s">
        <v>65289</v>
      </c>
      <c r="D20351" s="14" t="s">
        <v>65290</v>
      </c>
      <c r="E20351" s="2" t="s">
        <v>65291</v>
      </c>
      <c r="F20351" s="2" t="s">
        <v>58563</v>
      </c>
      <c r="G20351" s="8">
        <v>1508</v>
      </c>
      <c r="H20351" s="5">
        <v>10</v>
      </c>
      <c r="I20351" s="5" t="s">
        <v>69</v>
      </c>
      <c r="J20351" s="5" t="s">
        <v>64797</v>
      </c>
      <c r="K20351" s="2" t="s">
        <v>64798</v>
      </c>
      <c r="L20351" s="5" t="s">
        <v>64797</v>
      </c>
      <c r="M20351" s="2" t="s">
        <v>64798</v>
      </c>
      <c r="N20351" s="5" t="s">
        <v>733</v>
      </c>
      <c r="O20351" s="5" t="s">
        <v>38</v>
      </c>
      <c r="P20351" s="5" t="s">
        <v>39</v>
      </c>
      <c r="Q20351" s="5" t="s">
        <v>40</v>
      </c>
      <c r="R20351" s="5" t="s">
        <v>897</v>
      </c>
      <c r="S20351" s="5" t="s">
        <v>40</v>
      </c>
      <c r="T20351" s="5" t="s">
        <v>42</v>
      </c>
      <c r="U20351" s="2">
        <v>66.811000000000007</v>
      </c>
      <c r="V20351" s="2">
        <v>62.148000000000003</v>
      </c>
      <c r="W20351" s="2">
        <v>0.26200000000000001</v>
      </c>
      <c r="X20351" s="2">
        <v>17</v>
      </c>
      <c r="Y20351" s="2">
        <v>88.7</v>
      </c>
      <c r="Z20351" s="2">
        <v>173.8</v>
      </c>
      <c r="AA20351" s="5">
        <v>7</v>
      </c>
      <c r="AB20351" s="5" t="s">
        <v>43</v>
      </c>
      <c r="AC20351" s="5" t="s">
        <v>735</v>
      </c>
      <c r="AD20351" s="2" t="s">
        <v>65292</v>
      </c>
      <c r="AE20351" s="1"/>
    </row>
    <row r="20352" spans="1:31" ht="14.45">
      <c r="A20352" s="11"/>
      <c r="B20352" s="20"/>
      <c r="C20352" s="2" t="s">
        <v>65293</v>
      </c>
      <c r="D20352" s="14" t="s">
        <v>65294</v>
      </c>
      <c r="E20352" s="2" t="s">
        <v>65295</v>
      </c>
      <c r="F20352" s="2" t="s">
        <v>58572</v>
      </c>
      <c r="G20352" s="8">
        <v>1158</v>
      </c>
      <c r="H20352" s="5">
        <v>10</v>
      </c>
      <c r="I20352" s="5" t="s">
        <v>69</v>
      </c>
      <c r="J20352" s="5" t="s">
        <v>64797</v>
      </c>
      <c r="K20352" s="2" t="s">
        <v>64798</v>
      </c>
      <c r="L20352" s="5" t="s">
        <v>64797</v>
      </c>
      <c r="M20352" s="2" t="s">
        <v>64798</v>
      </c>
      <c r="N20352" s="5" t="s">
        <v>733</v>
      </c>
      <c r="O20352" s="5" t="s">
        <v>38</v>
      </c>
      <c r="P20352" s="5" t="s">
        <v>39</v>
      </c>
      <c r="Q20352" s="5" t="s">
        <v>40</v>
      </c>
      <c r="R20352" s="5" t="s">
        <v>897</v>
      </c>
      <c r="S20352" s="5" t="s">
        <v>40</v>
      </c>
      <c r="T20352" s="5" t="s">
        <v>42</v>
      </c>
      <c r="U20352" s="2">
        <v>67.084999999999994</v>
      </c>
      <c r="V20352" s="2">
        <v>62.421999999999997</v>
      </c>
      <c r="W20352" s="2">
        <v>0.26200000000000001</v>
      </c>
      <c r="X20352" s="2">
        <v>17</v>
      </c>
      <c r="Y20352" s="2">
        <v>88.7</v>
      </c>
      <c r="Z20352" s="2">
        <v>173.8</v>
      </c>
      <c r="AA20352" s="5">
        <v>7</v>
      </c>
      <c r="AB20352" s="5" t="s">
        <v>43</v>
      </c>
      <c r="AC20352" s="5" t="s">
        <v>735</v>
      </c>
      <c r="AD20352" s="2" t="s">
        <v>65296</v>
      </c>
      <c r="AE20352" s="1"/>
    </row>
    <row r="20353" spans="1:31" ht="14.45">
      <c r="A20353" s="11"/>
      <c r="B20353" s="20"/>
      <c r="C20353" s="2" t="s">
        <v>65297</v>
      </c>
      <c r="D20353" s="14" t="s">
        <v>65298</v>
      </c>
      <c r="E20353" s="2" t="s">
        <v>65299</v>
      </c>
      <c r="F20353" s="2" t="s">
        <v>58581</v>
      </c>
      <c r="G20353" s="8">
        <v>942</v>
      </c>
      <c r="H20353" s="5">
        <v>5</v>
      </c>
      <c r="I20353" s="5" t="s">
        <v>69</v>
      </c>
      <c r="J20353" s="5" t="s">
        <v>64797</v>
      </c>
      <c r="K20353" s="2" t="s">
        <v>64798</v>
      </c>
      <c r="L20353" s="5" t="s">
        <v>64797</v>
      </c>
      <c r="M20353" s="2" t="s">
        <v>64798</v>
      </c>
      <c r="N20353" s="5" t="s">
        <v>733</v>
      </c>
      <c r="O20353" s="5" t="s">
        <v>38</v>
      </c>
      <c r="P20353" s="5" t="s">
        <v>39</v>
      </c>
      <c r="Q20353" s="5" t="s">
        <v>40</v>
      </c>
      <c r="R20353" s="5" t="s">
        <v>897</v>
      </c>
      <c r="S20353" s="5" t="s">
        <v>40</v>
      </c>
      <c r="T20353" s="5" t="s">
        <v>42</v>
      </c>
      <c r="U20353" s="2">
        <v>58.643999999999998</v>
      </c>
      <c r="V20353" s="2">
        <v>54.133000000000003</v>
      </c>
      <c r="W20353" s="2">
        <v>0.25600000000000001</v>
      </c>
      <c r="X20353" s="2">
        <v>17</v>
      </c>
      <c r="Y20353" s="2">
        <v>86.7</v>
      </c>
      <c r="Z20353" s="2">
        <v>173.8</v>
      </c>
      <c r="AA20353" s="5">
        <v>7</v>
      </c>
      <c r="AB20353" s="5" t="s">
        <v>43</v>
      </c>
      <c r="AC20353" s="5" t="s">
        <v>735</v>
      </c>
      <c r="AD20353" s="2" t="s">
        <v>65300</v>
      </c>
      <c r="AE20353" s="1"/>
    </row>
    <row r="20354" spans="1:31" ht="14.45">
      <c r="A20354" s="11"/>
      <c r="B20354" s="20"/>
      <c r="C20354" s="2" t="s">
        <v>65301</v>
      </c>
      <c r="D20354" s="14" t="s">
        <v>65302</v>
      </c>
      <c r="E20354" s="2" t="s">
        <v>65303</v>
      </c>
      <c r="F20354" s="2" t="s">
        <v>58594</v>
      </c>
      <c r="G20354" s="8">
        <v>1217</v>
      </c>
      <c r="H20354" s="5">
        <v>5</v>
      </c>
      <c r="I20354" s="5" t="s">
        <v>69</v>
      </c>
      <c r="J20354" s="5" t="s">
        <v>64797</v>
      </c>
      <c r="K20354" s="2" t="s">
        <v>64798</v>
      </c>
      <c r="L20354" s="5" t="s">
        <v>64797</v>
      </c>
      <c r="M20354" s="2" t="s">
        <v>64798</v>
      </c>
      <c r="N20354" s="5" t="s">
        <v>733</v>
      </c>
      <c r="O20354" s="5" t="s">
        <v>38</v>
      </c>
      <c r="P20354" s="5" t="s">
        <v>39</v>
      </c>
      <c r="Q20354" s="5" t="s">
        <v>40</v>
      </c>
      <c r="R20354" s="5" t="s">
        <v>897</v>
      </c>
      <c r="S20354" s="5" t="s">
        <v>40</v>
      </c>
      <c r="T20354" s="5" t="s">
        <v>42</v>
      </c>
      <c r="U20354" s="2">
        <v>66.986000000000004</v>
      </c>
      <c r="V20354" s="2">
        <v>62.323</v>
      </c>
      <c r="W20354" s="2">
        <v>0.26200000000000001</v>
      </c>
      <c r="X20354" s="2">
        <v>17</v>
      </c>
      <c r="Y20354" s="2">
        <v>88.7</v>
      </c>
      <c r="Z20354" s="2">
        <v>173.8</v>
      </c>
      <c r="AA20354" s="5">
        <v>7</v>
      </c>
      <c r="AB20354" s="5" t="s">
        <v>43</v>
      </c>
      <c r="AC20354" s="5" t="s">
        <v>735</v>
      </c>
      <c r="AD20354" s="2" t="s">
        <v>65304</v>
      </c>
      <c r="AE20354" s="1"/>
    </row>
    <row r="20355" spans="1:31" ht="14.45">
      <c r="A20355" s="11"/>
      <c r="B20355" s="20"/>
      <c r="C20355" s="2" t="s">
        <v>65305</v>
      </c>
      <c r="D20355" s="14" t="s">
        <v>65306</v>
      </c>
      <c r="E20355" s="2" t="s">
        <v>65307</v>
      </c>
      <c r="F20355" s="2" t="s">
        <v>58607</v>
      </c>
      <c r="G20355" s="8">
        <v>1798</v>
      </c>
      <c r="H20355" s="5">
        <v>10</v>
      </c>
      <c r="I20355" s="5" t="s">
        <v>69</v>
      </c>
      <c r="J20355" s="5" t="s">
        <v>64797</v>
      </c>
      <c r="K20355" s="2" t="s">
        <v>64798</v>
      </c>
      <c r="L20355" s="5" t="s">
        <v>64797</v>
      </c>
      <c r="M20355" s="2" t="s">
        <v>64798</v>
      </c>
      <c r="N20355" s="5" t="s">
        <v>733</v>
      </c>
      <c r="O20355" s="5" t="s">
        <v>38</v>
      </c>
      <c r="P20355" s="5" t="s">
        <v>39</v>
      </c>
      <c r="Q20355" s="5" t="s">
        <v>40</v>
      </c>
      <c r="R20355" s="5" t="s">
        <v>897</v>
      </c>
      <c r="S20355" s="5" t="s">
        <v>40</v>
      </c>
      <c r="T20355" s="5" t="s">
        <v>42</v>
      </c>
      <c r="U20355" s="2">
        <v>71.268000000000001</v>
      </c>
      <c r="V20355" s="2">
        <v>66.581000000000003</v>
      </c>
      <c r="W20355" s="2">
        <v>0.26200000000000001</v>
      </c>
      <c r="X20355" s="2">
        <v>17</v>
      </c>
      <c r="Y20355" s="2">
        <v>88.7</v>
      </c>
      <c r="Z20355" s="2">
        <v>173.8</v>
      </c>
      <c r="AA20355" s="5">
        <v>7</v>
      </c>
      <c r="AB20355" s="5" t="s">
        <v>43</v>
      </c>
      <c r="AC20355" s="5" t="s">
        <v>735</v>
      </c>
      <c r="AD20355" s="2" t="s">
        <v>65308</v>
      </c>
      <c r="AE20355" s="1"/>
    </row>
    <row r="20356" spans="1:31" ht="14.45">
      <c r="A20356" s="11"/>
      <c r="B20356" s="20"/>
      <c r="C20356" s="2" t="s">
        <v>65309</v>
      </c>
      <c r="D20356" s="14" t="s">
        <v>65310</v>
      </c>
      <c r="E20356" s="2" t="s">
        <v>65311</v>
      </c>
      <c r="F20356" s="2" t="s">
        <v>58617</v>
      </c>
      <c r="G20356" s="8">
        <v>1685</v>
      </c>
      <c r="H20356" s="5">
        <v>10</v>
      </c>
      <c r="I20356" s="5" t="s">
        <v>69</v>
      </c>
      <c r="J20356" s="5" t="s">
        <v>64797</v>
      </c>
      <c r="K20356" s="2" t="s">
        <v>64798</v>
      </c>
      <c r="L20356" s="5" t="s">
        <v>64797</v>
      </c>
      <c r="M20356" s="2" t="s">
        <v>64798</v>
      </c>
      <c r="N20356" s="5" t="s">
        <v>733</v>
      </c>
      <c r="O20356" s="5" t="s">
        <v>38</v>
      </c>
      <c r="P20356" s="5" t="s">
        <v>39</v>
      </c>
      <c r="Q20356" s="5" t="s">
        <v>40</v>
      </c>
      <c r="R20356" s="5" t="s">
        <v>897</v>
      </c>
      <c r="S20356" s="5" t="s">
        <v>40</v>
      </c>
      <c r="T20356" s="5" t="s">
        <v>42</v>
      </c>
      <c r="U20356" s="2">
        <v>71.221999999999994</v>
      </c>
      <c r="V20356" s="2">
        <v>66.534999999999997</v>
      </c>
      <c r="W20356" s="2">
        <v>0.26200000000000001</v>
      </c>
      <c r="X20356" s="2">
        <v>17</v>
      </c>
      <c r="Y20356" s="2">
        <v>88.7</v>
      </c>
      <c r="Z20356" s="2">
        <v>173.8</v>
      </c>
      <c r="AA20356" s="5">
        <v>7</v>
      </c>
      <c r="AB20356" s="5" t="s">
        <v>43</v>
      </c>
      <c r="AC20356" s="5" t="s">
        <v>735</v>
      </c>
      <c r="AD20356" s="2" t="s">
        <v>65312</v>
      </c>
      <c r="AE20356" s="1"/>
    </row>
    <row r="20357" spans="1:31" ht="14.45">
      <c r="A20357" s="11"/>
      <c r="B20357" s="20"/>
      <c r="C20357" s="2" t="s">
        <v>65313</v>
      </c>
      <c r="D20357" s="14" t="s">
        <v>65314</v>
      </c>
      <c r="E20357" s="2" t="s">
        <v>65315</v>
      </c>
      <c r="F20357" s="2" t="s">
        <v>58695</v>
      </c>
      <c r="G20357" s="8">
        <v>1237</v>
      </c>
      <c r="H20357" s="5">
        <v>5</v>
      </c>
      <c r="I20357" s="5" t="s">
        <v>69</v>
      </c>
      <c r="J20357" s="5" t="s">
        <v>64797</v>
      </c>
      <c r="K20357" s="2" t="s">
        <v>64798</v>
      </c>
      <c r="L20357" s="5" t="s">
        <v>64797</v>
      </c>
      <c r="M20357" s="2" t="s">
        <v>64798</v>
      </c>
      <c r="N20357" s="5" t="s">
        <v>733</v>
      </c>
      <c r="O20357" s="5" t="s">
        <v>38</v>
      </c>
      <c r="P20357" s="5" t="s">
        <v>39</v>
      </c>
      <c r="Q20357" s="5" t="s">
        <v>40</v>
      </c>
      <c r="R20357" s="5" t="s">
        <v>897</v>
      </c>
      <c r="S20357" s="5" t="s">
        <v>40</v>
      </c>
      <c r="T20357" s="5" t="s">
        <v>42</v>
      </c>
      <c r="U20357" s="2">
        <v>58.677</v>
      </c>
      <c r="V20357" s="2">
        <v>55.063000000000002</v>
      </c>
      <c r="W20357" s="2">
        <v>0.217</v>
      </c>
      <c r="X20357" s="2">
        <v>17</v>
      </c>
      <c r="Y20357" s="2">
        <v>96.9</v>
      </c>
      <c r="Z20357" s="2">
        <v>131.6</v>
      </c>
      <c r="AA20357" s="5">
        <v>7</v>
      </c>
      <c r="AB20357" s="5" t="s">
        <v>43</v>
      </c>
      <c r="AC20357" s="5" t="s">
        <v>735</v>
      </c>
      <c r="AD20357" s="2" t="s">
        <v>65316</v>
      </c>
      <c r="AE20357" s="1"/>
    </row>
    <row r="20358" spans="1:31" ht="14.45">
      <c r="A20358" s="11"/>
      <c r="B20358" s="20"/>
      <c r="C20358" s="2" t="s">
        <v>65317</v>
      </c>
      <c r="D20358" s="14" t="s">
        <v>65318</v>
      </c>
      <c r="E20358" s="2" t="s">
        <v>65319</v>
      </c>
      <c r="F20358" s="2" t="s">
        <v>58714</v>
      </c>
      <c r="G20358" s="8">
        <v>1395</v>
      </c>
      <c r="H20358" s="5">
        <v>10</v>
      </c>
      <c r="I20358" s="5" t="s">
        <v>69</v>
      </c>
      <c r="J20358" s="5" t="s">
        <v>64797</v>
      </c>
      <c r="K20358" s="2" t="s">
        <v>64798</v>
      </c>
      <c r="L20358" s="5" t="s">
        <v>64797</v>
      </c>
      <c r="M20358" s="2" t="s">
        <v>64798</v>
      </c>
      <c r="N20358" s="5" t="s">
        <v>733</v>
      </c>
      <c r="O20358" s="5" t="s">
        <v>38</v>
      </c>
      <c r="P20358" s="5" t="s">
        <v>39</v>
      </c>
      <c r="Q20358" s="5" t="s">
        <v>40</v>
      </c>
      <c r="R20358" s="5" t="s">
        <v>897</v>
      </c>
      <c r="S20358" s="5" t="s">
        <v>40</v>
      </c>
      <c r="T20358" s="5" t="s">
        <v>42</v>
      </c>
      <c r="U20358" s="2">
        <v>58.496000000000002</v>
      </c>
      <c r="V20358" s="2">
        <v>54.881999999999998</v>
      </c>
      <c r="W20358" s="2">
        <v>0.217</v>
      </c>
      <c r="X20358" s="2">
        <v>17</v>
      </c>
      <c r="Y20358" s="2">
        <v>96.9</v>
      </c>
      <c r="Z20358" s="2">
        <v>131.6</v>
      </c>
      <c r="AA20358" s="5">
        <v>7</v>
      </c>
      <c r="AB20358" s="5" t="s">
        <v>43</v>
      </c>
      <c r="AC20358" s="5" t="s">
        <v>735</v>
      </c>
      <c r="AD20358" s="2" t="s">
        <v>65320</v>
      </c>
      <c r="AE20358" s="1"/>
    </row>
    <row r="20359" spans="1:31" ht="14.45">
      <c r="A20359" s="11"/>
      <c r="B20359" s="20"/>
      <c r="C20359" s="2" t="s">
        <v>65321</v>
      </c>
      <c r="D20359" s="14" t="s">
        <v>65322</v>
      </c>
      <c r="E20359" s="2" t="s">
        <v>65323</v>
      </c>
      <c r="F20359" s="2" t="s">
        <v>58727</v>
      </c>
      <c r="G20359" s="8">
        <v>1085</v>
      </c>
      <c r="H20359" s="5">
        <v>10</v>
      </c>
      <c r="I20359" s="5" t="s">
        <v>69</v>
      </c>
      <c r="J20359" s="5" t="s">
        <v>64797</v>
      </c>
      <c r="K20359" s="2" t="s">
        <v>64798</v>
      </c>
      <c r="L20359" s="5" t="s">
        <v>64797</v>
      </c>
      <c r="M20359" s="2" t="s">
        <v>64798</v>
      </c>
      <c r="N20359" s="5" t="s">
        <v>733</v>
      </c>
      <c r="O20359" s="5" t="s">
        <v>38</v>
      </c>
      <c r="P20359" s="5" t="s">
        <v>39</v>
      </c>
      <c r="Q20359" s="5" t="s">
        <v>40</v>
      </c>
      <c r="R20359" s="5" t="s">
        <v>897</v>
      </c>
      <c r="S20359" s="5" t="s">
        <v>40</v>
      </c>
      <c r="T20359" s="5" t="s">
        <v>42</v>
      </c>
      <c r="U20359" s="2">
        <v>58.719000000000001</v>
      </c>
      <c r="V20359" s="2">
        <v>55.104999999999997</v>
      </c>
      <c r="W20359" s="2">
        <v>0.217</v>
      </c>
      <c r="X20359" s="2">
        <v>17</v>
      </c>
      <c r="Y20359" s="2">
        <v>96.9</v>
      </c>
      <c r="Z20359" s="2">
        <v>131.6</v>
      </c>
      <c r="AA20359" s="5">
        <v>7</v>
      </c>
      <c r="AB20359" s="5" t="s">
        <v>43</v>
      </c>
      <c r="AC20359" s="5" t="s">
        <v>735</v>
      </c>
      <c r="AD20359" s="2" t="s">
        <v>65324</v>
      </c>
      <c r="AE20359" s="1"/>
    </row>
    <row r="20360" spans="1:31" ht="14.45">
      <c r="A20360" s="11"/>
      <c r="B20360" s="20"/>
      <c r="C20360" s="2" t="s">
        <v>65325</v>
      </c>
      <c r="D20360" s="14" t="s">
        <v>65326</v>
      </c>
      <c r="E20360" s="2" t="s">
        <v>65327</v>
      </c>
      <c r="F20360" s="2" t="s">
        <v>58740</v>
      </c>
      <c r="G20360" s="8">
        <v>893</v>
      </c>
      <c r="H20360" s="5">
        <v>5</v>
      </c>
      <c r="I20360" s="5" t="s">
        <v>69</v>
      </c>
      <c r="J20360" s="5" t="s">
        <v>64797</v>
      </c>
      <c r="K20360" s="2" t="s">
        <v>64798</v>
      </c>
      <c r="L20360" s="5" t="s">
        <v>64797</v>
      </c>
      <c r="M20360" s="2" t="s">
        <v>64798</v>
      </c>
      <c r="N20360" s="5" t="s">
        <v>733</v>
      </c>
      <c r="O20360" s="5" t="s">
        <v>38</v>
      </c>
      <c r="P20360" s="5" t="s">
        <v>39</v>
      </c>
      <c r="Q20360" s="5" t="s">
        <v>40</v>
      </c>
      <c r="R20360" s="5" t="s">
        <v>897</v>
      </c>
      <c r="S20360" s="5" t="s">
        <v>40</v>
      </c>
      <c r="T20360" s="5" t="s">
        <v>42</v>
      </c>
      <c r="U20360" s="2">
        <v>51.689</v>
      </c>
      <c r="V20360" s="2">
        <v>48.051000000000002</v>
      </c>
      <c r="W20360" s="2">
        <v>0.217</v>
      </c>
      <c r="X20360" s="2">
        <v>17</v>
      </c>
      <c r="Y20360" s="2">
        <v>96.9</v>
      </c>
      <c r="Z20360" s="2">
        <v>131.6</v>
      </c>
      <c r="AA20360" s="5">
        <v>7</v>
      </c>
      <c r="AB20360" s="5" t="s">
        <v>43</v>
      </c>
      <c r="AC20360" s="5" t="s">
        <v>735</v>
      </c>
      <c r="AD20360" s="2" t="s">
        <v>65328</v>
      </c>
      <c r="AE20360" s="1"/>
    </row>
    <row r="20361" spans="1:31" ht="14.45">
      <c r="A20361" s="11"/>
      <c r="B20361" s="20"/>
      <c r="C20361" s="2" t="s">
        <v>65329</v>
      </c>
      <c r="D20361" s="14" t="s">
        <v>65330</v>
      </c>
      <c r="E20361" s="2" t="s">
        <v>65331</v>
      </c>
      <c r="F20361" s="2" t="s">
        <v>58767</v>
      </c>
      <c r="G20361" s="8">
        <v>1137</v>
      </c>
      <c r="H20361" s="5">
        <v>5</v>
      </c>
      <c r="I20361" s="5" t="s">
        <v>69</v>
      </c>
      <c r="J20361" s="5" t="s">
        <v>64797</v>
      </c>
      <c r="K20361" s="2" t="s">
        <v>64798</v>
      </c>
      <c r="L20361" s="5" t="s">
        <v>64797</v>
      </c>
      <c r="M20361" s="2" t="s">
        <v>64798</v>
      </c>
      <c r="N20361" s="5" t="s">
        <v>733</v>
      </c>
      <c r="O20361" s="5" t="s">
        <v>38</v>
      </c>
      <c r="P20361" s="5" t="s">
        <v>39</v>
      </c>
      <c r="Q20361" s="5" t="s">
        <v>40</v>
      </c>
      <c r="R20361" s="5" t="s">
        <v>897</v>
      </c>
      <c r="S20361" s="5" t="s">
        <v>40</v>
      </c>
      <c r="T20361" s="5" t="s">
        <v>42</v>
      </c>
      <c r="U20361" s="2">
        <v>58.631</v>
      </c>
      <c r="V20361" s="2">
        <v>55.017000000000003</v>
      </c>
      <c r="W20361" s="2">
        <v>0.217</v>
      </c>
      <c r="X20361" s="2">
        <v>17</v>
      </c>
      <c r="Y20361" s="2">
        <v>96.9</v>
      </c>
      <c r="Z20361" s="2">
        <v>131.6</v>
      </c>
      <c r="AA20361" s="5">
        <v>7</v>
      </c>
      <c r="AB20361" s="5" t="s">
        <v>43</v>
      </c>
      <c r="AC20361" s="5" t="s">
        <v>735</v>
      </c>
      <c r="AD20361" s="2" t="s">
        <v>65332</v>
      </c>
      <c r="AE20361" s="1"/>
    </row>
    <row r="20362" spans="1:31" ht="14.45">
      <c r="A20362" s="11"/>
      <c r="B20362" s="20"/>
      <c r="C20362" s="2" t="s">
        <v>65333</v>
      </c>
      <c r="D20362" s="14" t="s">
        <v>65334</v>
      </c>
      <c r="E20362" s="2" t="s">
        <v>65335</v>
      </c>
      <c r="F20362" s="2" t="s">
        <v>58814</v>
      </c>
      <c r="G20362" s="8">
        <v>1605</v>
      </c>
      <c r="H20362" s="5">
        <v>10</v>
      </c>
      <c r="I20362" s="5" t="s">
        <v>69</v>
      </c>
      <c r="J20362" s="5" t="s">
        <v>64797</v>
      </c>
      <c r="K20362" s="2" t="s">
        <v>64798</v>
      </c>
      <c r="L20362" s="5" t="s">
        <v>64797</v>
      </c>
      <c r="M20362" s="2" t="s">
        <v>64798</v>
      </c>
      <c r="N20362" s="5" t="s">
        <v>733</v>
      </c>
      <c r="O20362" s="5" t="s">
        <v>38</v>
      </c>
      <c r="P20362" s="5" t="s">
        <v>39</v>
      </c>
      <c r="Q20362" s="5" t="s">
        <v>40</v>
      </c>
      <c r="R20362" s="5" t="s">
        <v>897</v>
      </c>
      <c r="S20362" s="5" t="s">
        <v>40</v>
      </c>
      <c r="T20362" s="5" t="s">
        <v>42</v>
      </c>
      <c r="U20362" s="2">
        <v>62.811999999999998</v>
      </c>
      <c r="V20362" s="2">
        <v>59.198</v>
      </c>
      <c r="W20362" s="2">
        <v>0.217</v>
      </c>
      <c r="X20362" s="2">
        <v>17</v>
      </c>
      <c r="Y20362" s="2">
        <v>96.9</v>
      </c>
      <c r="Z20362" s="2">
        <v>131.6</v>
      </c>
      <c r="AA20362" s="5">
        <v>7</v>
      </c>
      <c r="AB20362" s="5" t="s">
        <v>43</v>
      </c>
      <c r="AC20362" s="5" t="s">
        <v>735</v>
      </c>
      <c r="AD20362" s="2" t="s">
        <v>65336</v>
      </c>
      <c r="AE20362" s="1"/>
    </row>
    <row r="20363" spans="1:31" ht="14.45">
      <c r="A20363" s="11"/>
      <c r="B20363" s="20"/>
      <c r="C20363" s="2" t="s">
        <v>65337</v>
      </c>
      <c r="D20363" s="14" t="s">
        <v>65338</v>
      </c>
      <c r="E20363" s="2" t="s">
        <v>65339</v>
      </c>
      <c r="F20363" s="2" t="s">
        <v>58828</v>
      </c>
      <c r="G20363" s="8">
        <v>1705</v>
      </c>
      <c r="H20363" s="5">
        <v>10</v>
      </c>
      <c r="I20363" s="5" t="s">
        <v>69</v>
      </c>
      <c r="J20363" s="5" t="s">
        <v>64797</v>
      </c>
      <c r="K20363" s="2" t="s">
        <v>64798</v>
      </c>
      <c r="L20363" s="5" t="s">
        <v>64797</v>
      </c>
      <c r="M20363" s="2" t="s">
        <v>64798</v>
      </c>
      <c r="N20363" s="5" t="s">
        <v>733</v>
      </c>
      <c r="O20363" s="5" t="s">
        <v>38</v>
      </c>
      <c r="P20363" s="5" t="s">
        <v>39</v>
      </c>
      <c r="Q20363" s="5" t="s">
        <v>40</v>
      </c>
      <c r="R20363" s="5" t="s">
        <v>897</v>
      </c>
      <c r="S20363" s="5" t="s">
        <v>40</v>
      </c>
      <c r="T20363" s="5" t="s">
        <v>42</v>
      </c>
      <c r="U20363" s="2">
        <v>61.640999999999998</v>
      </c>
      <c r="V20363" s="2">
        <v>58.027000000000001</v>
      </c>
      <c r="W20363" s="2">
        <v>0.217</v>
      </c>
      <c r="X20363" s="2">
        <v>17</v>
      </c>
      <c r="Y20363" s="2">
        <v>96.9</v>
      </c>
      <c r="Z20363" s="2">
        <v>131.6</v>
      </c>
      <c r="AA20363" s="5">
        <v>7</v>
      </c>
      <c r="AB20363" s="5" t="s">
        <v>43</v>
      </c>
      <c r="AC20363" s="5" t="s">
        <v>735</v>
      </c>
      <c r="AD20363" s="2" t="s">
        <v>65340</v>
      </c>
      <c r="AE20363" s="1"/>
    </row>
    <row r="20364" spans="1:31" ht="14.45">
      <c r="A20364" s="11"/>
      <c r="B20364" s="20"/>
      <c r="C20364" s="2" t="s">
        <v>65341</v>
      </c>
      <c r="D20364" s="14" t="s">
        <v>65342</v>
      </c>
      <c r="E20364" s="2" t="s">
        <v>65343</v>
      </c>
      <c r="F20364" s="2" t="s">
        <v>58838</v>
      </c>
      <c r="G20364" s="8">
        <v>1605</v>
      </c>
      <c r="H20364" s="5">
        <v>10</v>
      </c>
      <c r="I20364" s="5" t="s">
        <v>69</v>
      </c>
      <c r="J20364" s="5" t="s">
        <v>64797</v>
      </c>
      <c r="K20364" s="2" t="s">
        <v>64798</v>
      </c>
      <c r="L20364" s="5" t="s">
        <v>64797</v>
      </c>
      <c r="M20364" s="2" t="s">
        <v>64798</v>
      </c>
      <c r="N20364" s="5" t="s">
        <v>733</v>
      </c>
      <c r="O20364" s="5" t="s">
        <v>38</v>
      </c>
      <c r="P20364" s="5" t="s">
        <v>39</v>
      </c>
      <c r="Q20364" s="5" t="s">
        <v>40</v>
      </c>
      <c r="R20364" s="5" t="s">
        <v>897</v>
      </c>
      <c r="S20364" s="5" t="s">
        <v>40</v>
      </c>
      <c r="T20364" s="5" t="s">
        <v>42</v>
      </c>
      <c r="U20364" s="2">
        <v>61.6</v>
      </c>
      <c r="V20364" s="2">
        <v>57.985999999999997</v>
      </c>
      <c r="W20364" s="2">
        <v>0.217</v>
      </c>
      <c r="X20364" s="2">
        <v>17</v>
      </c>
      <c r="Y20364" s="2">
        <v>96.9</v>
      </c>
      <c r="Z20364" s="2">
        <v>131.6</v>
      </c>
      <c r="AA20364" s="5">
        <v>7</v>
      </c>
      <c r="AB20364" s="5" t="s">
        <v>43</v>
      </c>
      <c r="AC20364" s="5" t="s">
        <v>735</v>
      </c>
      <c r="AD20364" s="2" t="s">
        <v>65344</v>
      </c>
      <c r="AE20364" s="1"/>
    </row>
    <row r="20365" spans="1:31" ht="14.45">
      <c r="A20365" s="11"/>
      <c r="B20365" s="20"/>
      <c r="C20365" s="2" t="s">
        <v>65345</v>
      </c>
      <c r="D20365" s="14" t="s">
        <v>65346</v>
      </c>
      <c r="E20365" s="2" t="s">
        <v>65347</v>
      </c>
      <c r="F20365" s="2" t="s">
        <v>58853</v>
      </c>
      <c r="G20365" s="8">
        <v>1237</v>
      </c>
      <c r="H20365" s="5">
        <v>10</v>
      </c>
      <c r="I20365" s="5" t="s">
        <v>69</v>
      </c>
      <c r="J20365" s="5" t="s">
        <v>64797</v>
      </c>
      <c r="K20365" s="2" t="s">
        <v>64798</v>
      </c>
      <c r="L20365" s="5" t="s">
        <v>64797</v>
      </c>
      <c r="M20365" s="2" t="s">
        <v>64798</v>
      </c>
      <c r="N20365" s="5" t="s">
        <v>733</v>
      </c>
      <c r="O20365" s="5" t="s">
        <v>38</v>
      </c>
      <c r="P20365" s="5" t="s">
        <v>39</v>
      </c>
      <c r="Q20365" s="5" t="s">
        <v>40</v>
      </c>
      <c r="R20365" s="5" t="s">
        <v>897</v>
      </c>
      <c r="S20365" s="5" t="s">
        <v>40</v>
      </c>
      <c r="T20365" s="5" t="s">
        <v>42</v>
      </c>
      <c r="U20365" s="2">
        <v>58.637999999999998</v>
      </c>
      <c r="V20365" s="2">
        <v>55.024000000000001</v>
      </c>
      <c r="W20365" s="2">
        <v>0.217</v>
      </c>
      <c r="X20365" s="2">
        <v>17</v>
      </c>
      <c r="Y20365" s="2">
        <v>96.9</v>
      </c>
      <c r="Z20365" s="2">
        <v>131.6</v>
      </c>
      <c r="AA20365" s="5">
        <v>7</v>
      </c>
      <c r="AB20365" s="5" t="s">
        <v>43</v>
      </c>
      <c r="AC20365" s="5" t="s">
        <v>735</v>
      </c>
      <c r="AD20365" s="2" t="s">
        <v>65348</v>
      </c>
      <c r="AE20365" s="1"/>
    </row>
    <row r="20366" spans="1:31" ht="14.45">
      <c r="A20366" s="11"/>
      <c r="B20366" s="20"/>
      <c r="C20366" s="2" t="s">
        <v>65349</v>
      </c>
      <c r="D20366" s="14" t="s">
        <v>65350</v>
      </c>
      <c r="E20366" s="2" t="s">
        <v>65351</v>
      </c>
      <c r="F20366" s="2" t="s">
        <v>58867</v>
      </c>
      <c r="G20366" s="8">
        <v>1395</v>
      </c>
      <c r="H20366" s="5">
        <v>10</v>
      </c>
      <c r="I20366" s="5" t="s">
        <v>69</v>
      </c>
      <c r="J20366" s="5" t="s">
        <v>64797</v>
      </c>
      <c r="K20366" s="2" t="s">
        <v>64798</v>
      </c>
      <c r="L20366" s="5" t="s">
        <v>64797</v>
      </c>
      <c r="M20366" s="2" t="s">
        <v>64798</v>
      </c>
      <c r="N20366" s="5" t="s">
        <v>733</v>
      </c>
      <c r="O20366" s="5" t="s">
        <v>38</v>
      </c>
      <c r="P20366" s="5" t="s">
        <v>39</v>
      </c>
      <c r="Q20366" s="5" t="s">
        <v>40</v>
      </c>
      <c r="R20366" s="5" t="s">
        <v>897</v>
      </c>
      <c r="S20366" s="5" t="s">
        <v>40</v>
      </c>
      <c r="T20366" s="5" t="s">
        <v>42</v>
      </c>
      <c r="U20366" s="2">
        <v>58.436999999999998</v>
      </c>
      <c r="V20366" s="2">
        <v>54.823</v>
      </c>
      <c r="W20366" s="2">
        <v>0.217</v>
      </c>
      <c r="X20366" s="2">
        <v>17</v>
      </c>
      <c r="Y20366" s="2">
        <v>96.9</v>
      </c>
      <c r="Z20366" s="2">
        <v>131.6</v>
      </c>
      <c r="AA20366" s="5">
        <v>7</v>
      </c>
      <c r="AB20366" s="5" t="s">
        <v>43</v>
      </c>
      <c r="AC20366" s="5" t="s">
        <v>735</v>
      </c>
      <c r="AD20366" s="2" t="s">
        <v>65352</v>
      </c>
      <c r="AE20366" s="1"/>
    </row>
    <row r="20367" spans="1:31" ht="14.45">
      <c r="A20367" s="11"/>
      <c r="B20367" s="20"/>
      <c r="C20367" s="2" t="s">
        <v>65353</v>
      </c>
      <c r="D20367" s="14" t="s">
        <v>65354</v>
      </c>
      <c r="E20367" s="2" t="s">
        <v>65355</v>
      </c>
      <c r="F20367" s="2" t="s">
        <v>58880</v>
      </c>
      <c r="G20367" s="8">
        <v>1085</v>
      </c>
      <c r="H20367" s="5">
        <v>10</v>
      </c>
      <c r="I20367" s="5" t="s">
        <v>69</v>
      </c>
      <c r="J20367" s="5" t="s">
        <v>64797</v>
      </c>
      <c r="K20367" s="2" t="s">
        <v>64798</v>
      </c>
      <c r="L20367" s="5" t="s">
        <v>64797</v>
      </c>
      <c r="M20367" s="2" t="s">
        <v>64798</v>
      </c>
      <c r="N20367" s="5" t="s">
        <v>733</v>
      </c>
      <c r="O20367" s="5" t="s">
        <v>38</v>
      </c>
      <c r="P20367" s="5" t="s">
        <v>39</v>
      </c>
      <c r="Q20367" s="5" t="s">
        <v>40</v>
      </c>
      <c r="R20367" s="5" t="s">
        <v>897</v>
      </c>
      <c r="S20367" s="5" t="s">
        <v>40</v>
      </c>
      <c r="T20367" s="5" t="s">
        <v>42</v>
      </c>
      <c r="U20367" s="2">
        <v>58.66</v>
      </c>
      <c r="V20367" s="2">
        <v>55.045999999999999</v>
      </c>
      <c r="W20367" s="2">
        <v>0.217</v>
      </c>
      <c r="X20367" s="2">
        <v>17</v>
      </c>
      <c r="Y20367" s="2">
        <v>96.9</v>
      </c>
      <c r="Z20367" s="2">
        <v>131.6</v>
      </c>
      <c r="AA20367" s="5">
        <v>7</v>
      </c>
      <c r="AB20367" s="5" t="s">
        <v>43</v>
      </c>
      <c r="AC20367" s="5" t="s">
        <v>735</v>
      </c>
      <c r="AD20367" s="2" t="s">
        <v>65356</v>
      </c>
      <c r="AE20367" s="1"/>
    </row>
    <row r="20368" spans="1:31" ht="14.45">
      <c r="A20368" s="11"/>
      <c r="B20368" s="20"/>
      <c r="C20368" s="2" t="s">
        <v>65357</v>
      </c>
      <c r="D20368" s="14" t="s">
        <v>65358</v>
      </c>
      <c r="E20368" s="2" t="s">
        <v>65359</v>
      </c>
      <c r="F20368" s="2" t="s">
        <v>58893</v>
      </c>
      <c r="G20368" s="8">
        <v>893</v>
      </c>
      <c r="H20368" s="5">
        <v>5</v>
      </c>
      <c r="I20368" s="5" t="s">
        <v>69</v>
      </c>
      <c r="J20368" s="5" t="s">
        <v>64797</v>
      </c>
      <c r="K20368" s="2" t="s">
        <v>64798</v>
      </c>
      <c r="L20368" s="5" t="s">
        <v>64797</v>
      </c>
      <c r="M20368" s="2" t="s">
        <v>64798</v>
      </c>
      <c r="N20368" s="5" t="s">
        <v>733</v>
      </c>
      <c r="O20368" s="5" t="s">
        <v>38</v>
      </c>
      <c r="P20368" s="5" t="s">
        <v>39</v>
      </c>
      <c r="Q20368" s="5" t="s">
        <v>40</v>
      </c>
      <c r="R20368" s="5" t="s">
        <v>897</v>
      </c>
      <c r="S20368" s="5" t="s">
        <v>40</v>
      </c>
      <c r="T20368" s="5" t="s">
        <v>42</v>
      </c>
      <c r="U20368" s="2">
        <v>51.65</v>
      </c>
      <c r="V20368" s="2">
        <v>48.012</v>
      </c>
      <c r="W20368" s="2">
        <v>0.217</v>
      </c>
      <c r="X20368" s="2">
        <v>17</v>
      </c>
      <c r="Y20368" s="2">
        <v>96.9</v>
      </c>
      <c r="Z20368" s="2">
        <v>131.6</v>
      </c>
      <c r="AA20368" s="5">
        <v>7</v>
      </c>
      <c r="AB20368" s="5" t="s">
        <v>43</v>
      </c>
      <c r="AC20368" s="5" t="s">
        <v>735</v>
      </c>
      <c r="AD20368" s="2" t="s">
        <v>65360</v>
      </c>
      <c r="AE20368" s="1"/>
    </row>
    <row r="20369" spans="1:31" ht="14.45">
      <c r="A20369" s="11"/>
      <c r="B20369" s="20"/>
      <c r="C20369" s="2" t="s">
        <v>65361</v>
      </c>
      <c r="D20369" s="14" t="s">
        <v>65362</v>
      </c>
      <c r="E20369" s="2" t="s">
        <v>65363</v>
      </c>
      <c r="F20369" s="2" t="s">
        <v>58910</v>
      </c>
      <c r="G20369" s="8">
        <v>1137</v>
      </c>
      <c r="H20369" s="5">
        <v>5</v>
      </c>
      <c r="I20369" s="5" t="s">
        <v>69</v>
      </c>
      <c r="J20369" s="5" t="s">
        <v>64797</v>
      </c>
      <c r="K20369" s="2" t="s">
        <v>64798</v>
      </c>
      <c r="L20369" s="5" t="s">
        <v>64797</v>
      </c>
      <c r="M20369" s="2" t="s">
        <v>64798</v>
      </c>
      <c r="N20369" s="5" t="s">
        <v>733</v>
      </c>
      <c r="O20369" s="5" t="s">
        <v>38</v>
      </c>
      <c r="P20369" s="5" t="s">
        <v>39</v>
      </c>
      <c r="Q20369" s="5" t="s">
        <v>40</v>
      </c>
      <c r="R20369" s="5" t="s">
        <v>897</v>
      </c>
      <c r="S20369" s="5" t="s">
        <v>40</v>
      </c>
      <c r="T20369" s="5" t="s">
        <v>42</v>
      </c>
      <c r="U20369" s="2">
        <v>58.572000000000003</v>
      </c>
      <c r="V20369" s="2">
        <v>54.957999999999998</v>
      </c>
      <c r="W20369" s="2">
        <v>0.217</v>
      </c>
      <c r="X20369" s="2">
        <v>17</v>
      </c>
      <c r="Y20369" s="2">
        <v>96.9</v>
      </c>
      <c r="Z20369" s="2">
        <v>131.6</v>
      </c>
      <c r="AA20369" s="5">
        <v>7</v>
      </c>
      <c r="AB20369" s="5" t="s">
        <v>43</v>
      </c>
      <c r="AC20369" s="5" t="s">
        <v>735</v>
      </c>
      <c r="AD20369" s="2" t="s">
        <v>65364</v>
      </c>
      <c r="AE20369" s="1"/>
    </row>
    <row r="20370" spans="1:31" ht="14.45">
      <c r="A20370" s="11"/>
      <c r="B20370" s="20"/>
      <c r="C20370" s="2" t="s">
        <v>65365</v>
      </c>
      <c r="D20370" s="14" t="s">
        <v>65366</v>
      </c>
      <c r="E20370" s="2" t="s">
        <v>65367</v>
      </c>
      <c r="F20370" s="2" t="s">
        <v>58937</v>
      </c>
      <c r="G20370" s="8">
        <v>1605</v>
      </c>
      <c r="H20370" s="5">
        <v>10</v>
      </c>
      <c r="I20370" s="5" t="s">
        <v>69</v>
      </c>
      <c r="J20370" s="5" t="s">
        <v>64797</v>
      </c>
      <c r="K20370" s="2" t="s">
        <v>64798</v>
      </c>
      <c r="L20370" s="5" t="s">
        <v>64797</v>
      </c>
      <c r="M20370" s="2" t="s">
        <v>64798</v>
      </c>
      <c r="N20370" s="5" t="s">
        <v>733</v>
      </c>
      <c r="O20370" s="5" t="s">
        <v>38</v>
      </c>
      <c r="P20370" s="5" t="s">
        <v>39</v>
      </c>
      <c r="Q20370" s="5" t="s">
        <v>40</v>
      </c>
      <c r="R20370" s="5" t="s">
        <v>897</v>
      </c>
      <c r="S20370" s="5" t="s">
        <v>40</v>
      </c>
      <c r="T20370" s="5" t="s">
        <v>42</v>
      </c>
      <c r="U20370" s="2">
        <v>62.848999999999997</v>
      </c>
      <c r="V20370" s="2">
        <v>59.234999999999999</v>
      </c>
      <c r="W20370" s="2">
        <v>0.217</v>
      </c>
      <c r="X20370" s="2">
        <v>17</v>
      </c>
      <c r="Y20370" s="2">
        <v>96.9</v>
      </c>
      <c r="Z20370" s="2">
        <v>131.6</v>
      </c>
      <c r="AA20370" s="5">
        <v>7</v>
      </c>
      <c r="AB20370" s="5" t="s">
        <v>43</v>
      </c>
      <c r="AC20370" s="5" t="s">
        <v>735</v>
      </c>
      <c r="AD20370" s="2" t="s">
        <v>65368</v>
      </c>
      <c r="AE20370" s="1"/>
    </row>
    <row r="20371" spans="1:31" ht="14.45">
      <c r="A20371" s="11"/>
      <c r="B20371" s="20"/>
      <c r="C20371" s="2" t="s">
        <v>65369</v>
      </c>
      <c r="D20371" s="14" t="s">
        <v>65370</v>
      </c>
      <c r="E20371" s="2" t="s">
        <v>65371</v>
      </c>
      <c r="F20371" s="2" t="s">
        <v>58965</v>
      </c>
      <c r="G20371" s="8">
        <v>1357</v>
      </c>
      <c r="H20371" s="5">
        <v>5</v>
      </c>
      <c r="I20371" s="5" t="s">
        <v>69</v>
      </c>
      <c r="J20371" s="5" t="s">
        <v>64797</v>
      </c>
      <c r="K20371" s="2" t="s">
        <v>64798</v>
      </c>
      <c r="L20371" s="5" t="s">
        <v>64797</v>
      </c>
      <c r="M20371" s="2" t="s">
        <v>64798</v>
      </c>
      <c r="N20371" s="5" t="s">
        <v>733</v>
      </c>
      <c r="O20371" s="5" t="s">
        <v>38</v>
      </c>
      <c r="P20371" s="5" t="s">
        <v>39</v>
      </c>
      <c r="Q20371" s="5" t="s">
        <v>40</v>
      </c>
      <c r="R20371" s="5" t="s">
        <v>897</v>
      </c>
      <c r="S20371" s="5" t="s">
        <v>40</v>
      </c>
      <c r="T20371" s="5" t="s">
        <v>42</v>
      </c>
      <c r="U20371" s="2">
        <v>68.373999999999995</v>
      </c>
      <c r="V20371" s="2">
        <v>63.905000000000001</v>
      </c>
      <c r="W20371" s="2">
        <v>0.26300000000000001</v>
      </c>
      <c r="X20371" s="2">
        <v>17</v>
      </c>
      <c r="Y20371" s="2">
        <v>100.9</v>
      </c>
      <c r="Z20371" s="2">
        <v>153.6</v>
      </c>
      <c r="AA20371" s="5">
        <v>7</v>
      </c>
      <c r="AB20371" s="5" t="s">
        <v>43</v>
      </c>
      <c r="AC20371" s="5" t="s">
        <v>735</v>
      </c>
      <c r="AD20371" s="2" t="s">
        <v>65372</v>
      </c>
      <c r="AE20371" s="1"/>
    </row>
    <row r="20372" spans="1:31" ht="14.45">
      <c r="A20372" s="11"/>
      <c r="B20372" s="20"/>
      <c r="C20372" s="2" t="s">
        <v>65373</v>
      </c>
      <c r="D20372" s="14" t="s">
        <v>65374</v>
      </c>
      <c r="E20372" s="2" t="s">
        <v>65375</v>
      </c>
      <c r="F20372" s="2" t="s">
        <v>58988</v>
      </c>
      <c r="G20372" s="8">
        <v>1546</v>
      </c>
      <c r="H20372" s="5">
        <v>10</v>
      </c>
      <c r="I20372" s="5" t="s">
        <v>69</v>
      </c>
      <c r="J20372" s="5" t="s">
        <v>64797</v>
      </c>
      <c r="K20372" s="2" t="s">
        <v>64798</v>
      </c>
      <c r="L20372" s="5" t="s">
        <v>64797</v>
      </c>
      <c r="M20372" s="2" t="s">
        <v>64798</v>
      </c>
      <c r="N20372" s="5" t="s">
        <v>733</v>
      </c>
      <c r="O20372" s="5" t="s">
        <v>38</v>
      </c>
      <c r="P20372" s="5" t="s">
        <v>39</v>
      </c>
      <c r="Q20372" s="5" t="s">
        <v>40</v>
      </c>
      <c r="R20372" s="5" t="s">
        <v>897</v>
      </c>
      <c r="S20372" s="5" t="s">
        <v>40</v>
      </c>
      <c r="T20372" s="5" t="s">
        <v>42</v>
      </c>
      <c r="U20372" s="2">
        <v>68.308999999999997</v>
      </c>
      <c r="V20372" s="2">
        <v>63.557000000000002</v>
      </c>
      <c r="W20372" s="2">
        <v>0.27400000000000002</v>
      </c>
      <c r="X20372" s="2">
        <v>17</v>
      </c>
      <c r="Y20372" s="2">
        <v>104.9</v>
      </c>
      <c r="Z20372" s="2">
        <v>153.6</v>
      </c>
      <c r="AA20372" s="5">
        <v>7</v>
      </c>
      <c r="AB20372" s="5" t="s">
        <v>43</v>
      </c>
      <c r="AC20372" s="5" t="s">
        <v>735</v>
      </c>
      <c r="AD20372" s="2" t="s">
        <v>65376</v>
      </c>
      <c r="AE20372" s="1"/>
    </row>
    <row r="20373" spans="1:31" ht="14.45">
      <c r="A20373" s="11"/>
      <c r="B20373" s="20"/>
      <c r="C20373" s="2" t="s">
        <v>65377</v>
      </c>
      <c r="D20373" s="14" t="s">
        <v>65378</v>
      </c>
      <c r="E20373" s="2" t="s">
        <v>65379</v>
      </c>
      <c r="F20373" s="2" t="s">
        <v>58997</v>
      </c>
      <c r="G20373" s="8">
        <v>1176</v>
      </c>
      <c r="H20373" s="5">
        <v>10</v>
      </c>
      <c r="I20373" s="5" t="s">
        <v>69</v>
      </c>
      <c r="J20373" s="5" t="s">
        <v>64797</v>
      </c>
      <c r="K20373" s="2" t="s">
        <v>64798</v>
      </c>
      <c r="L20373" s="5" t="s">
        <v>64797</v>
      </c>
      <c r="M20373" s="2" t="s">
        <v>64798</v>
      </c>
      <c r="N20373" s="5" t="s">
        <v>733</v>
      </c>
      <c r="O20373" s="5" t="s">
        <v>38</v>
      </c>
      <c r="P20373" s="5" t="s">
        <v>39</v>
      </c>
      <c r="Q20373" s="5" t="s">
        <v>40</v>
      </c>
      <c r="R20373" s="5" t="s">
        <v>897</v>
      </c>
      <c r="S20373" s="5" t="s">
        <v>40</v>
      </c>
      <c r="T20373" s="5" t="s">
        <v>42</v>
      </c>
      <c r="U20373" s="2">
        <v>68.572999999999993</v>
      </c>
      <c r="V20373" s="2">
        <v>63.820999999999998</v>
      </c>
      <c r="W20373" s="2">
        <v>0.27400000000000002</v>
      </c>
      <c r="X20373" s="2">
        <v>17</v>
      </c>
      <c r="Y20373" s="2">
        <v>104.9</v>
      </c>
      <c r="Z20373" s="2">
        <v>153.6</v>
      </c>
      <c r="AA20373" s="5">
        <v>7</v>
      </c>
      <c r="AB20373" s="5" t="s">
        <v>43</v>
      </c>
      <c r="AC20373" s="5" t="s">
        <v>735</v>
      </c>
      <c r="AD20373" s="2" t="s">
        <v>65380</v>
      </c>
      <c r="AE20373" s="1"/>
    </row>
    <row r="20374" spans="1:31" ht="14.45">
      <c r="A20374" s="11"/>
      <c r="B20374" s="20"/>
      <c r="C20374" s="2" t="s">
        <v>65381</v>
      </c>
      <c r="D20374" s="14" t="s">
        <v>65382</v>
      </c>
      <c r="E20374" s="2" t="s">
        <v>65383</v>
      </c>
      <c r="F20374" s="2" t="s">
        <v>59006</v>
      </c>
      <c r="G20374" s="8">
        <v>948</v>
      </c>
      <c r="H20374" s="5">
        <v>5</v>
      </c>
      <c r="I20374" s="5" t="s">
        <v>69</v>
      </c>
      <c r="J20374" s="5" t="s">
        <v>64797</v>
      </c>
      <c r="K20374" s="2" t="s">
        <v>64798</v>
      </c>
      <c r="L20374" s="5" t="s">
        <v>64797</v>
      </c>
      <c r="M20374" s="2" t="s">
        <v>64798</v>
      </c>
      <c r="N20374" s="5" t="s">
        <v>733</v>
      </c>
      <c r="O20374" s="5" t="s">
        <v>38</v>
      </c>
      <c r="P20374" s="5" t="s">
        <v>39</v>
      </c>
      <c r="Q20374" s="5" t="s">
        <v>40</v>
      </c>
      <c r="R20374" s="5" t="s">
        <v>897</v>
      </c>
      <c r="S20374" s="5" t="s">
        <v>40</v>
      </c>
      <c r="T20374" s="5" t="s">
        <v>42</v>
      </c>
      <c r="U20374" s="2">
        <v>60.078000000000003</v>
      </c>
      <c r="V20374" s="2">
        <v>55.585000000000001</v>
      </c>
      <c r="W20374" s="2">
        <v>0.26300000000000001</v>
      </c>
      <c r="X20374" s="2">
        <v>17</v>
      </c>
      <c r="Y20374" s="2">
        <v>100.9</v>
      </c>
      <c r="Z20374" s="2">
        <v>153.6</v>
      </c>
      <c r="AA20374" s="5">
        <v>7</v>
      </c>
      <c r="AB20374" s="5" t="s">
        <v>43</v>
      </c>
      <c r="AC20374" s="5" t="s">
        <v>735</v>
      </c>
      <c r="AD20374" s="2" t="s">
        <v>65384</v>
      </c>
      <c r="AE20374" s="1"/>
    </row>
    <row r="20375" spans="1:31" ht="14.45">
      <c r="A20375" s="11"/>
      <c r="B20375" s="20"/>
      <c r="C20375" s="2" t="s">
        <v>65385</v>
      </c>
      <c r="D20375" s="14" t="s">
        <v>65386</v>
      </c>
      <c r="E20375" s="2" t="s">
        <v>65387</v>
      </c>
      <c r="F20375" s="2" t="s">
        <v>59033</v>
      </c>
      <c r="G20375" s="8">
        <v>1238</v>
      </c>
      <c r="H20375" s="5">
        <v>5</v>
      </c>
      <c r="I20375" s="5" t="s">
        <v>69</v>
      </c>
      <c r="J20375" s="5" t="s">
        <v>64797</v>
      </c>
      <c r="K20375" s="2" t="s">
        <v>64798</v>
      </c>
      <c r="L20375" s="5" t="s">
        <v>64797</v>
      </c>
      <c r="M20375" s="2" t="s">
        <v>64798</v>
      </c>
      <c r="N20375" s="5" t="s">
        <v>733</v>
      </c>
      <c r="O20375" s="5" t="s">
        <v>38</v>
      </c>
      <c r="P20375" s="5" t="s">
        <v>39</v>
      </c>
      <c r="Q20375" s="5" t="s">
        <v>40</v>
      </c>
      <c r="R20375" s="5" t="s">
        <v>897</v>
      </c>
      <c r="S20375" s="5" t="s">
        <v>40</v>
      </c>
      <c r="T20375" s="5" t="s">
        <v>42</v>
      </c>
      <c r="U20375" s="2">
        <v>68.459999999999994</v>
      </c>
      <c r="V20375" s="2">
        <v>63.707999999999998</v>
      </c>
      <c r="W20375" s="2">
        <v>0.27400000000000002</v>
      </c>
      <c r="X20375" s="2">
        <v>17</v>
      </c>
      <c r="Y20375" s="2">
        <v>104.9</v>
      </c>
      <c r="Z20375" s="2">
        <v>153.6</v>
      </c>
      <c r="AA20375" s="5">
        <v>7</v>
      </c>
      <c r="AB20375" s="5" t="s">
        <v>43</v>
      </c>
      <c r="AC20375" s="5" t="s">
        <v>735</v>
      </c>
      <c r="AD20375" s="2" t="s">
        <v>65388</v>
      </c>
      <c r="AE20375" s="1"/>
    </row>
    <row r="20376" spans="1:31" ht="14.45">
      <c r="A20376" s="11"/>
      <c r="B20376" s="20"/>
      <c r="C20376" s="2" t="s">
        <v>65389</v>
      </c>
      <c r="D20376" s="14" t="s">
        <v>65390</v>
      </c>
      <c r="E20376" s="2" t="s">
        <v>65391</v>
      </c>
      <c r="F20376" s="2" t="s">
        <v>59080</v>
      </c>
      <c r="G20376" s="8">
        <v>1706</v>
      </c>
      <c r="H20376" s="5">
        <v>10</v>
      </c>
      <c r="I20376" s="5" t="s">
        <v>69</v>
      </c>
      <c r="J20376" s="5" t="s">
        <v>64797</v>
      </c>
      <c r="K20376" s="2" t="s">
        <v>64798</v>
      </c>
      <c r="L20376" s="5" t="s">
        <v>64797</v>
      </c>
      <c r="M20376" s="2" t="s">
        <v>64798</v>
      </c>
      <c r="N20376" s="5" t="s">
        <v>733</v>
      </c>
      <c r="O20376" s="5" t="s">
        <v>38</v>
      </c>
      <c r="P20376" s="5" t="s">
        <v>39</v>
      </c>
      <c r="Q20376" s="5" t="s">
        <v>40</v>
      </c>
      <c r="R20376" s="5" t="s">
        <v>897</v>
      </c>
      <c r="S20376" s="5" t="s">
        <v>40</v>
      </c>
      <c r="T20376" s="5" t="s">
        <v>42</v>
      </c>
      <c r="U20376" s="2">
        <v>73.912999999999997</v>
      </c>
      <c r="V20376" s="2">
        <v>69.161000000000001</v>
      </c>
      <c r="W20376" s="2">
        <v>0.27400000000000002</v>
      </c>
      <c r="X20376" s="2">
        <v>17</v>
      </c>
      <c r="Y20376" s="2">
        <v>104.9</v>
      </c>
      <c r="Z20376" s="2">
        <v>153.6</v>
      </c>
      <c r="AA20376" s="5">
        <v>7</v>
      </c>
      <c r="AB20376" s="5" t="s">
        <v>43</v>
      </c>
      <c r="AC20376" s="5" t="s">
        <v>735</v>
      </c>
      <c r="AD20376" s="2" t="s">
        <v>65392</v>
      </c>
      <c r="AE20376" s="1"/>
    </row>
    <row r="20377" spans="1:31" ht="14.45">
      <c r="A20377" s="11"/>
      <c r="B20377" s="20"/>
      <c r="C20377" s="2" t="s">
        <v>65393</v>
      </c>
      <c r="D20377" s="14" t="s">
        <v>65394</v>
      </c>
      <c r="E20377" s="2" t="s">
        <v>65395</v>
      </c>
      <c r="F20377" s="2" t="s">
        <v>59094</v>
      </c>
      <c r="G20377" s="8">
        <v>1825</v>
      </c>
      <c r="H20377" s="5">
        <v>10</v>
      </c>
      <c r="I20377" s="5" t="s">
        <v>69</v>
      </c>
      <c r="J20377" s="5" t="s">
        <v>64797</v>
      </c>
      <c r="K20377" s="2" t="s">
        <v>64798</v>
      </c>
      <c r="L20377" s="5" t="s">
        <v>64797</v>
      </c>
      <c r="M20377" s="2" t="s">
        <v>64798</v>
      </c>
      <c r="N20377" s="5" t="s">
        <v>733</v>
      </c>
      <c r="O20377" s="5" t="s">
        <v>38</v>
      </c>
      <c r="P20377" s="5" t="s">
        <v>39</v>
      </c>
      <c r="Q20377" s="5" t="s">
        <v>40</v>
      </c>
      <c r="R20377" s="5" t="s">
        <v>897</v>
      </c>
      <c r="S20377" s="5" t="s">
        <v>40</v>
      </c>
      <c r="T20377" s="5" t="s">
        <v>42</v>
      </c>
      <c r="U20377" s="2">
        <v>72.685000000000002</v>
      </c>
      <c r="V20377" s="2">
        <v>67.933000000000007</v>
      </c>
      <c r="W20377" s="2">
        <v>0.27400000000000002</v>
      </c>
      <c r="X20377" s="2">
        <v>17</v>
      </c>
      <c r="Y20377" s="2">
        <v>104.9</v>
      </c>
      <c r="Z20377" s="2">
        <v>153.6</v>
      </c>
      <c r="AA20377" s="5">
        <v>7</v>
      </c>
      <c r="AB20377" s="5" t="s">
        <v>43</v>
      </c>
      <c r="AC20377" s="5" t="s">
        <v>735</v>
      </c>
      <c r="AD20377" s="2" t="s">
        <v>65396</v>
      </c>
      <c r="AE20377" s="1"/>
    </row>
    <row r="20378" spans="1:31" ht="14.45">
      <c r="A20378" s="11"/>
      <c r="B20378" s="20"/>
      <c r="C20378" s="2" t="s">
        <v>65397</v>
      </c>
      <c r="D20378" s="14" t="s">
        <v>65398</v>
      </c>
      <c r="E20378" s="2" t="s">
        <v>65399</v>
      </c>
      <c r="F20378" s="2" t="s">
        <v>59104</v>
      </c>
      <c r="G20378" s="8">
        <v>1706</v>
      </c>
      <c r="H20378" s="5">
        <v>10</v>
      </c>
      <c r="I20378" s="5" t="s">
        <v>69</v>
      </c>
      <c r="J20378" s="5" t="s">
        <v>64797</v>
      </c>
      <c r="K20378" s="2" t="s">
        <v>64798</v>
      </c>
      <c r="L20378" s="5" t="s">
        <v>64797</v>
      </c>
      <c r="M20378" s="2" t="s">
        <v>64798</v>
      </c>
      <c r="N20378" s="5" t="s">
        <v>733</v>
      </c>
      <c r="O20378" s="5" t="s">
        <v>38</v>
      </c>
      <c r="P20378" s="5" t="s">
        <v>39</v>
      </c>
      <c r="Q20378" s="5" t="s">
        <v>40</v>
      </c>
      <c r="R20378" s="5" t="s">
        <v>897</v>
      </c>
      <c r="S20378" s="5" t="s">
        <v>40</v>
      </c>
      <c r="T20378" s="5" t="s">
        <v>42</v>
      </c>
      <c r="U20378" s="2">
        <v>72.635999999999996</v>
      </c>
      <c r="V20378" s="2">
        <v>67.884</v>
      </c>
      <c r="W20378" s="2">
        <v>0.27400000000000002</v>
      </c>
      <c r="X20378" s="2">
        <v>17</v>
      </c>
      <c r="Y20378" s="2">
        <v>104.9</v>
      </c>
      <c r="Z20378" s="2">
        <v>153.6</v>
      </c>
      <c r="AA20378" s="5">
        <v>7</v>
      </c>
      <c r="AB20378" s="5" t="s">
        <v>43</v>
      </c>
      <c r="AC20378" s="5" t="s">
        <v>735</v>
      </c>
      <c r="AD20378" s="2" t="s">
        <v>65400</v>
      </c>
      <c r="AE20378" s="1"/>
    </row>
    <row r="20379" spans="1:31" ht="14.45">
      <c r="A20379" s="11"/>
      <c r="B20379" s="20"/>
      <c r="C20379" s="2" t="s">
        <v>65401</v>
      </c>
      <c r="D20379" s="14" t="s">
        <v>65402</v>
      </c>
      <c r="E20379" s="2" t="s">
        <v>65403</v>
      </c>
      <c r="F20379" s="2" t="s">
        <v>59119</v>
      </c>
      <c r="G20379" s="8">
        <v>1357</v>
      </c>
      <c r="H20379" s="5">
        <v>5</v>
      </c>
      <c r="I20379" s="5" t="s">
        <v>69</v>
      </c>
      <c r="J20379" s="5" t="s">
        <v>64797</v>
      </c>
      <c r="K20379" s="2" t="s">
        <v>64798</v>
      </c>
      <c r="L20379" s="5" t="s">
        <v>64797</v>
      </c>
      <c r="M20379" s="2" t="s">
        <v>64798</v>
      </c>
      <c r="N20379" s="5" t="s">
        <v>733</v>
      </c>
      <c r="O20379" s="5" t="s">
        <v>38</v>
      </c>
      <c r="P20379" s="5" t="s">
        <v>39</v>
      </c>
      <c r="Q20379" s="5" t="s">
        <v>40</v>
      </c>
      <c r="R20379" s="5" t="s">
        <v>897</v>
      </c>
      <c r="S20379" s="5" t="s">
        <v>40</v>
      </c>
      <c r="T20379" s="5" t="s">
        <v>42</v>
      </c>
      <c r="U20379" s="2">
        <v>68.311000000000007</v>
      </c>
      <c r="V20379" s="2">
        <v>63.841999999999999</v>
      </c>
      <c r="W20379" s="2">
        <v>0.26300000000000001</v>
      </c>
      <c r="X20379" s="2">
        <v>17</v>
      </c>
      <c r="Y20379" s="2">
        <v>100.9</v>
      </c>
      <c r="Z20379" s="2">
        <v>153.6</v>
      </c>
      <c r="AA20379" s="5">
        <v>7</v>
      </c>
      <c r="AB20379" s="5" t="s">
        <v>43</v>
      </c>
      <c r="AC20379" s="5" t="s">
        <v>735</v>
      </c>
      <c r="AD20379" s="2" t="s">
        <v>65404</v>
      </c>
      <c r="AE20379" s="1"/>
    </row>
    <row r="20380" spans="1:31" ht="14.45">
      <c r="A20380" s="11"/>
      <c r="B20380" s="20"/>
      <c r="C20380" s="2" t="s">
        <v>65405</v>
      </c>
      <c r="D20380" s="14" t="s">
        <v>65406</v>
      </c>
      <c r="E20380" s="2" t="s">
        <v>65407</v>
      </c>
      <c r="F20380" s="2" t="s">
        <v>59137</v>
      </c>
      <c r="G20380" s="8">
        <v>1546</v>
      </c>
      <c r="H20380" s="5">
        <v>10</v>
      </c>
      <c r="I20380" s="5" t="s">
        <v>69</v>
      </c>
      <c r="J20380" s="5" t="s">
        <v>64797</v>
      </c>
      <c r="K20380" s="2" t="s">
        <v>64798</v>
      </c>
      <c r="L20380" s="5" t="s">
        <v>64797</v>
      </c>
      <c r="M20380" s="2" t="s">
        <v>64798</v>
      </c>
      <c r="N20380" s="5" t="s">
        <v>733</v>
      </c>
      <c r="O20380" s="5" t="s">
        <v>38</v>
      </c>
      <c r="P20380" s="5" t="s">
        <v>39</v>
      </c>
      <c r="Q20380" s="5" t="s">
        <v>40</v>
      </c>
      <c r="R20380" s="5" t="s">
        <v>897</v>
      </c>
      <c r="S20380" s="5" t="s">
        <v>40</v>
      </c>
      <c r="T20380" s="5" t="s">
        <v>42</v>
      </c>
      <c r="U20380" s="2">
        <v>68.308000000000007</v>
      </c>
      <c r="V20380" s="2">
        <v>63.555999999999997</v>
      </c>
      <c r="W20380" s="2">
        <v>0.27400000000000002</v>
      </c>
      <c r="X20380" s="2">
        <v>17</v>
      </c>
      <c r="Y20380" s="2">
        <v>104.9</v>
      </c>
      <c r="Z20380" s="2">
        <v>153.6</v>
      </c>
      <c r="AA20380" s="5">
        <v>7</v>
      </c>
      <c r="AB20380" s="5" t="s">
        <v>43</v>
      </c>
      <c r="AC20380" s="5" t="s">
        <v>735</v>
      </c>
      <c r="AD20380" s="2" t="s">
        <v>65408</v>
      </c>
      <c r="AE20380" s="1"/>
    </row>
    <row r="20381" spans="1:31" ht="14.45">
      <c r="A20381" s="11"/>
      <c r="B20381" s="20"/>
      <c r="C20381" s="2" t="s">
        <v>65409</v>
      </c>
      <c r="D20381" s="14" t="s">
        <v>65410</v>
      </c>
      <c r="E20381" s="2" t="s">
        <v>65411</v>
      </c>
      <c r="F20381" s="2" t="s">
        <v>59146</v>
      </c>
      <c r="G20381" s="8">
        <v>1176</v>
      </c>
      <c r="H20381" s="5">
        <v>10</v>
      </c>
      <c r="I20381" s="5" t="s">
        <v>69</v>
      </c>
      <c r="J20381" s="5" t="s">
        <v>64797</v>
      </c>
      <c r="K20381" s="2" t="s">
        <v>64798</v>
      </c>
      <c r="L20381" s="5" t="s">
        <v>64797</v>
      </c>
      <c r="M20381" s="2" t="s">
        <v>64798</v>
      </c>
      <c r="N20381" s="5" t="s">
        <v>733</v>
      </c>
      <c r="O20381" s="5" t="s">
        <v>38</v>
      </c>
      <c r="P20381" s="5" t="s">
        <v>39</v>
      </c>
      <c r="Q20381" s="5" t="s">
        <v>40</v>
      </c>
      <c r="R20381" s="5" t="s">
        <v>897</v>
      </c>
      <c r="S20381" s="5" t="s">
        <v>40</v>
      </c>
      <c r="T20381" s="5" t="s">
        <v>42</v>
      </c>
      <c r="U20381" s="2">
        <v>68.572000000000003</v>
      </c>
      <c r="V20381" s="2">
        <v>63.82</v>
      </c>
      <c r="W20381" s="2">
        <v>0.27400000000000002</v>
      </c>
      <c r="X20381" s="2">
        <v>17</v>
      </c>
      <c r="Y20381" s="2">
        <v>104.9</v>
      </c>
      <c r="Z20381" s="2">
        <v>153.6</v>
      </c>
      <c r="AA20381" s="5">
        <v>7</v>
      </c>
      <c r="AB20381" s="5" t="s">
        <v>43</v>
      </c>
      <c r="AC20381" s="5" t="s">
        <v>735</v>
      </c>
      <c r="AD20381" s="2" t="s">
        <v>65412</v>
      </c>
      <c r="AE20381" s="1"/>
    </row>
    <row r="20382" spans="1:31" ht="14.45">
      <c r="A20382" s="11"/>
      <c r="B20382" s="20"/>
      <c r="C20382" s="2" t="s">
        <v>65413</v>
      </c>
      <c r="D20382" s="14" t="s">
        <v>65414</v>
      </c>
      <c r="E20382" s="2" t="s">
        <v>65415</v>
      </c>
      <c r="F20382" s="2" t="s">
        <v>59155</v>
      </c>
      <c r="G20382" s="8">
        <v>948</v>
      </c>
      <c r="H20382" s="5">
        <v>5</v>
      </c>
      <c r="I20382" s="5" t="s">
        <v>69</v>
      </c>
      <c r="J20382" s="5" t="s">
        <v>64797</v>
      </c>
      <c r="K20382" s="2" t="s">
        <v>64798</v>
      </c>
      <c r="L20382" s="5" t="s">
        <v>64797</v>
      </c>
      <c r="M20382" s="2" t="s">
        <v>64798</v>
      </c>
      <c r="N20382" s="5" t="s">
        <v>733</v>
      </c>
      <c r="O20382" s="5" t="s">
        <v>38</v>
      </c>
      <c r="P20382" s="5" t="s">
        <v>39</v>
      </c>
      <c r="Q20382" s="5" t="s">
        <v>40</v>
      </c>
      <c r="R20382" s="5" t="s">
        <v>897</v>
      </c>
      <c r="S20382" s="5" t="s">
        <v>40</v>
      </c>
      <c r="T20382" s="5" t="s">
        <v>42</v>
      </c>
      <c r="U20382" s="2">
        <v>60.015000000000001</v>
      </c>
      <c r="V20382" s="2">
        <v>55.521999999999998</v>
      </c>
      <c r="W20382" s="2">
        <v>0.26300000000000001</v>
      </c>
      <c r="X20382" s="2">
        <v>17</v>
      </c>
      <c r="Y20382" s="2">
        <v>100.9</v>
      </c>
      <c r="Z20382" s="2">
        <v>153.6</v>
      </c>
      <c r="AA20382" s="5">
        <v>7</v>
      </c>
      <c r="AB20382" s="5" t="s">
        <v>43</v>
      </c>
      <c r="AC20382" s="5" t="s">
        <v>735</v>
      </c>
      <c r="AD20382" s="2" t="s">
        <v>65416</v>
      </c>
      <c r="AE20382" s="1"/>
    </row>
    <row r="20383" spans="1:31" ht="14.45">
      <c r="A20383" s="11"/>
      <c r="B20383" s="20"/>
      <c r="C20383" s="2" t="s">
        <v>65417</v>
      </c>
      <c r="D20383" s="14" t="s">
        <v>65418</v>
      </c>
      <c r="E20383" s="2" t="s">
        <v>65419</v>
      </c>
      <c r="F20383" s="2" t="s">
        <v>59172</v>
      </c>
      <c r="G20383" s="8">
        <v>1238</v>
      </c>
      <c r="H20383" s="5">
        <v>5</v>
      </c>
      <c r="I20383" s="5" t="s">
        <v>69</v>
      </c>
      <c r="J20383" s="5" t="s">
        <v>64797</v>
      </c>
      <c r="K20383" s="2" t="s">
        <v>64798</v>
      </c>
      <c r="L20383" s="5" t="s">
        <v>64797</v>
      </c>
      <c r="M20383" s="2" t="s">
        <v>64798</v>
      </c>
      <c r="N20383" s="5" t="s">
        <v>733</v>
      </c>
      <c r="O20383" s="5" t="s">
        <v>38</v>
      </c>
      <c r="P20383" s="5" t="s">
        <v>39</v>
      </c>
      <c r="Q20383" s="5" t="s">
        <v>40</v>
      </c>
      <c r="R20383" s="5" t="s">
        <v>897</v>
      </c>
      <c r="S20383" s="5" t="s">
        <v>40</v>
      </c>
      <c r="T20383" s="5" t="s">
        <v>42</v>
      </c>
      <c r="U20383" s="2">
        <v>68.459000000000003</v>
      </c>
      <c r="V20383" s="2">
        <v>63.707000000000001</v>
      </c>
      <c r="W20383" s="2">
        <v>0.27400000000000002</v>
      </c>
      <c r="X20383" s="2">
        <v>17</v>
      </c>
      <c r="Y20383" s="2">
        <v>104.9</v>
      </c>
      <c r="Z20383" s="2">
        <v>153.6</v>
      </c>
      <c r="AA20383" s="5">
        <v>7</v>
      </c>
      <c r="AB20383" s="5" t="s">
        <v>43</v>
      </c>
      <c r="AC20383" s="5" t="s">
        <v>735</v>
      </c>
      <c r="AD20383" s="2" t="s">
        <v>65420</v>
      </c>
      <c r="AE20383" s="1"/>
    </row>
    <row r="20384" spans="1:31" ht="14.45">
      <c r="A20384" s="11"/>
      <c r="B20384" s="20"/>
      <c r="C20384" s="2" t="s">
        <v>65421</v>
      </c>
      <c r="D20384" s="14" t="s">
        <v>65422</v>
      </c>
      <c r="E20384" s="2" t="s">
        <v>65423</v>
      </c>
      <c r="F20384" s="2" t="s">
        <v>59204</v>
      </c>
      <c r="G20384" s="8">
        <v>1706</v>
      </c>
      <c r="H20384" s="5">
        <v>10</v>
      </c>
      <c r="I20384" s="5" t="s">
        <v>69</v>
      </c>
      <c r="J20384" s="5" t="s">
        <v>64797</v>
      </c>
      <c r="K20384" s="2" t="s">
        <v>64798</v>
      </c>
      <c r="L20384" s="5" t="s">
        <v>64797</v>
      </c>
      <c r="M20384" s="2" t="s">
        <v>64798</v>
      </c>
      <c r="N20384" s="5" t="s">
        <v>733</v>
      </c>
      <c r="O20384" s="5" t="s">
        <v>38</v>
      </c>
      <c r="P20384" s="5" t="s">
        <v>39</v>
      </c>
      <c r="Q20384" s="5" t="s">
        <v>40</v>
      </c>
      <c r="R20384" s="5" t="s">
        <v>897</v>
      </c>
      <c r="S20384" s="5" t="s">
        <v>40</v>
      </c>
      <c r="T20384" s="5" t="s">
        <v>42</v>
      </c>
      <c r="U20384" s="2">
        <v>73.941999999999993</v>
      </c>
      <c r="V20384" s="2">
        <v>69.19</v>
      </c>
      <c r="W20384" s="2">
        <v>0.27400000000000002</v>
      </c>
      <c r="X20384" s="2">
        <v>17</v>
      </c>
      <c r="Y20384" s="2">
        <v>104.9</v>
      </c>
      <c r="Z20384" s="2">
        <v>153.6</v>
      </c>
      <c r="AA20384" s="5">
        <v>7</v>
      </c>
      <c r="AB20384" s="5" t="s">
        <v>43</v>
      </c>
      <c r="AC20384" s="5" t="s">
        <v>735</v>
      </c>
      <c r="AD20384" s="2" t="s">
        <v>65424</v>
      </c>
      <c r="AE20384" s="1"/>
    </row>
    <row r="20385" spans="1:31" ht="14.45">
      <c r="A20385" s="11"/>
      <c r="B20385" s="20"/>
      <c r="C20385" s="2" t="s">
        <v>65425</v>
      </c>
      <c r="D20385" s="14" t="s">
        <v>65426</v>
      </c>
      <c r="E20385" s="2" t="s">
        <v>65427</v>
      </c>
      <c r="F20385" s="2" t="s">
        <v>59241</v>
      </c>
      <c r="G20385" s="8">
        <v>1476</v>
      </c>
      <c r="H20385" s="5">
        <v>5</v>
      </c>
      <c r="I20385" s="5" t="s">
        <v>69</v>
      </c>
      <c r="J20385" s="5" t="s">
        <v>64797</v>
      </c>
      <c r="K20385" s="2" t="s">
        <v>64798</v>
      </c>
      <c r="L20385" s="5" t="s">
        <v>64797</v>
      </c>
      <c r="M20385" s="2" t="s">
        <v>64798</v>
      </c>
      <c r="N20385" s="5" t="s">
        <v>733</v>
      </c>
      <c r="O20385" s="5" t="s">
        <v>38</v>
      </c>
      <c r="P20385" s="5" t="s">
        <v>39</v>
      </c>
      <c r="Q20385" s="5" t="s">
        <v>40</v>
      </c>
      <c r="R20385" s="5" t="s">
        <v>897</v>
      </c>
      <c r="S20385" s="5" t="s">
        <v>40</v>
      </c>
      <c r="T20385" s="5" t="s">
        <v>42</v>
      </c>
      <c r="U20385" s="2">
        <v>77.608000000000004</v>
      </c>
      <c r="V20385" s="2">
        <v>72.542000000000002</v>
      </c>
      <c r="W20385" s="2">
        <v>0.30399999999999999</v>
      </c>
      <c r="X20385" s="2">
        <v>17</v>
      </c>
      <c r="Y20385" s="2">
        <v>102.9</v>
      </c>
      <c r="Z20385" s="2">
        <v>173.8</v>
      </c>
      <c r="AA20385" s="5">
        <v>7</v>
      </c>
      <c r="AB20385" s="5" t="s">
        <v>43</v>
      </c>
      <c r="AC20385" s="5" t="s">
        <v>735</v>
      </c>
      <c r="AD20385" s="2" t="s">
        <v>65428</v>
      </c>
      <c r="AE20385" s="1"/>
    </row>
    <row r="20386" spans="1:31" ht="14.45">
      <c r="A20386" s="11"/>
      <c r="B20386" s="20"/>
      <c r="C20386" s="2" t="s">
        <v>65429</v>
      </c>
      <c r="D20386" s="14" t="s">
        <v>65430</v>
      </c>
      <c r="E20386" s="2" t="s">
        <v>65431</v>
      </c>
      <c r="F20386" s="2" t="s">
        <v>59255</v>
      </c>
      <c r="G20386" s="8">
        <v>1692</v>
      </c>
      <c r="H20386" s="5">
        <v>10</v>
      </c>
      <c r="I20386" s="5" t="s">
        <v>69</v>
      </c>
      <c r="J20386" s="5" t="s">
        <v>64797</v>
      </c>
      <c r="K20386" s="2" t="s">
        <v>64798</v>
      </c>
      <c r="L20386" s="5" t="s">
        <v>64797</v>
      </c>
      <c r="M20386" s="2" t="s">
        <v>64798</v>
      </c>
      <c r="N20386" s="5" t="s">
        <v>733</v>
      </c>
      <c r="O20386" s="5" t="s">
        <v>38</v>
      </c>
      <c r="P20386" s="5" t="s">
        <v>39</v>
      </c>
      <c r="Q20386" s="5" t="s">
        <v>40</v>
      </c>
      <c r="R20386" s="5" t="s">
        <v>897</v>
      </c>
      <c r="S20386" s="5" t="s">
        <v>40</v>
      </c>
      <c r="T20386" s="5" t="s">
        <v>42</v>
      </c>
      <c r="U20386" s="2">
        <v>77.584999999999994</v>
      </c>
      <c r="V20386" s="2">
        <v>72.350999999999999</v>
      </c>
      <c r="W20386" s="2">
        <v>0.31</v>
      </c>
      <c r="X20386" s="2">
        <v>17</v>
      </c>
      <c r="Y20386" s="2">
        <v>104.9</v>
      </c>
      <c r="Z20386" s="2">
        <v>173.8</v>
      </c>
      <c r="AA20386" s="5">
        <v>7</v>
      </c>
      <c r="AB20386" s="5" t="s">
        <v>43</v>
      </c>
      <c r="AC20386" s="5" t="s">
        <v>735</v>
      </c>
      <c r="AD20386" s="2" t="s">
        <v>65432</v>
      </c>
      <c r="AE20386" s="1"/>
    </row>
    <row r="20387" spans="1:31" ht="14.45">
      <c r="A20387" s="11"/>
      <c r="B20387" s="20"/>
      <c r="C20387" s="2" t="s">
        <v>65433</v>
      </c>
      <c r="D20387" s="14" t="s">
        <v>65434</v>
      </c>
      <c r="E20387" s="2" t="s">
        <v>65435</v>
      </c>
      <c r="F20387" s="2" t="s">
        <v>59268</v>
      </c>
      <c r="G20387" s="8">
        <v>1269</v>
      </c>
      <c r="H20387" s="5">
        <v>10</v>
      </c>
      <c r="I20387" s="5" t="s">
        <v>69</v>
      </c>
      <c r="J20387" s="5" t="s">
        <v>64797</v>
      </c>
      <c r="K20387" s="2" t="s">
        <v>64798</v>
      </c>
      <c r="L20387" s="5" t="s">
        <v>64797</v>
      </c>
      <c r="M20387" s="2" t="s">
        <v>64798</v>
      </c>
      <c r="N20387" s="5" t="s">
        <v>733</v>
      </c>
      <c r="O20387" s="5" t="s">
        <v>38</v>
      </c>
      <c r="P20387" s="5" t="s">
        <v>39</v>
      </c>
      <c r="Q20387" s="5" t="s">
        <v>40</v>
      </c>
      <c r="R20387" s="5" t="s">
        <v>897</v>
      </c>
      <c r="S20387" s="5" t="s">
        <v>40</v>
      </c>
      <c r="T20387" s="5" t="s">
        <v>42</v>
      </c>
      <c r="U20387" s="2">
        <v>77.893000000000001</v>
      </c>
      <c r="V20387" s="2">
        <v>72.659000000000006</v>
      </c>
      <c r="W20387" s="2">
        <v>0.31</v>
      </c>
      <c r="X20387" s="2">
        <v>17</v>
      </c>
      <c r="Y20387" s="2">
        <v>104.9</v>
      </c>
      <c r="Z20387" s="2">
        <v>173.8</v>
      </c>
      <c r="AA20387" s="5">
        <v>7</v>
      </c>
      <c r="AB20387" s="5" t="s">
        <v>43</v>
      </c>
      <c r="AC20387" s="5" t="s">
        <v>735</v>
      </c>
      <c r="AD20387" s="2" t="s">
        <v>65436</v>
      </c>
      <c r="AE20387" s="1"/>
    </row>
    <row r="20388" spans="1:31" ht="14.45">
      <c r="A20388" s="11"/>
      <c r="B20388" s="20"/>
      <c r="C20388" s="2" t="s">
        <v>65437</v>
      </c>
      <c r="D20388" s="14" t="s">
        <v>65438</v>
      </c>
      <c r="E20388" s="2" t="s">
        <v>65439</v>
      </c>
      <c r="F20388" s="2" t="s">
        <v>59281</v>
      </c>
      <c r="G20388" s="8">
        <v>1008</v>
      </c>
      <c r="H20388" s="5">
        <v>5</v>
      </c>
      <c r="I20388" s="5" t="s">
        <v>69</v>
      </c>
      <c r="J20388" s="5" t="s">
        <v>64797</v>
      </c>
      <c r="K20388" s="2" t="s">
        <v>64798</v>
      </c>
      <c r="L20388" s="5" t="s">
        <v>64797</v>
      </c>
      <c r="M20388" s="2" t="s">
        <v>64798</v>
      </c>
      <c r="N20388" s="5" t="s">
        <v>733</v>
      </c>
      <c r="O20388" s="5" t="s">
        <v>38</v>
      </c>
      <c r="P20388" s="5" t="s">
        <v>39</v>
      </c>
      <c r="Q20388" s="5" t="s">
        <v>40</v>
      </c>
      <c r="R20388" s="5" t="s">
        <v>897</v>
      </c>
      <c r="S20388" s="5" t="s">
        <v>40</v>
      </c>
      <c r="T20388" s="5" t="s">
        <v>42</v>
      </c>
      <c r="U20388" s="2">
        <v>67.510000000000005</v>
      </c>
      <c r="V20388" s="2">
        <v>62.42</v>
      </c>
      <c r="W20388" s="2">
        <v>0.30399999999999999</v>
      </c>
      <c r="X20388" s="2">
        <v>17</v>
      </c>
      <c r="Y20388" s="2">
        <v>102.9</v>
      </c>
      <c r="Z20388" s="2">
        <v>173.8</v>
      </c>
      <c r="AA20388" s="5">
        <v>7</v>
      </c>
      <c r="AB20388" s="5" t="s">
        <v>43</v>
      </c>
      <c r="AC20388" s="5" t="s">
        <v>735</v>
      </c>
      <c r="AD20388" s="2" t="s">
        <v>65440</v>
      </c>
      <c r="AE20388" s="1"/>
    </row>
    <row r="20389" spans="1:31" ht="14.45">
      <c r="A20389" s="11"/>
      <c r="B20389" s="20"/>
      <c r="C20389" s="2" t="s">
        <v>65441</v>
      </c>
      <c r="D20389" s="14" t="s">
        <v>65442</v>
      </c>
      <c r="E20389" s="2" t="s">
        <v>65443</v>
      </c>
      <c r="F20389" s="2" t="s">
        <v>59299</v>
      </c>
      <c r="G20389" s="8">
        <v>1340</v>
      </c>
      <c r="H20389" s="5">
        <v>5</v>
      </c>
      <c r="I20389" s="5" t="s">
        <v>69</v>
      </c>
      <c r="J20389" s="5" t="s">
        <v>64797</v>
      </c>
      <c r="K20389" s="2" t="s">
        <v>64798</v>
      </c>
      <c r="L20389" s="5" t="s">
        <v>64797</v>
      </c>
      <c r="M20389" s="2" t="s">
        <v>64798</v>
      </c>
      <c r="N20389" s="5" t="s">
        <v>733</v>
      </c>
      <c r="O20389" s="5" t="s">
        <v>38</v>
      </c>
      <c r="P20389" s="5" t="s">
        <v>39</v>
      </c>
      <c r="Q20389" s="5" t="s">
        <v>40</v>
      </c>
      <c r="R20389" s="5" t="s">
        <v>897</v>
      </c>
      <c r="S20389" s="5" t="s">
        <v>40</v>
      </c>
      <c r="T20389" s="5" t="s">
        <v>42</v>
      </c>
      <c r="U20389" s="2">
        <v>77.757999999999996</v>
      </c>
      <c r="V20389" s="2">
        <v>72.524000000000001</v>
      </c>
      <c r="W20389" s="2">
        <v>0.31</v>
      </c>
      <c r="X20389" s="2">
        <v>17</v>
      </c>
      <c r="Y20389" s="2">
        <v>104.9</v>
      </c>
      <c r="Z20389" s="2">
        <v>173.8</v>
      </c>
      <c r="AA20389" s="5">
        <v>7</v>
      </c>
      <c r="AB20389" s="5" t="s">
        <v>43</v>
      </c>
      <c r="AC20389" s="5" t="s">
        <v>735</v>
      </c>
      <c r="AD20389" s="2" t="s">
        <v>65444</v>
      </c>
      <c r="AE20389" s="1"/>
    </row>
    <row r="20390" spans="1:31" ht="14.45">
      <c r="A20390" s="11"/>
      <c r="B20390" s="20"/>
      <c r="C20390" s="2" t="s">
        <v>65445</v>
      </c>
      <c r="D20390" s="14" t="s">
        <v>65446</v>
      </c>
      <c r="E20390" s="2" t="s">
        <v>65447</v>
      </c>
      <c r="F20390" s="2" t="s">
        <v>59312</v>
      </c>
      <c r="G20390" s="8">
        <v>1944</v>
      </c>
      <c r="H20390" s="5">
        <v>10</v>
      </c>
      <c r="I20390" s="5" t="s">
        <v>69</v>
      </c>
      <c r="J20390" s="5" t="s">
        <v>64797</v>
      </c>
      <c r="K20390" s="2" t="s">
        <v>64798</v>
      </c>
      <c r="L20390" s="5" t="s">
        <v>64797</v>
      </c>
      <c r="M20390" s="2" t="s">
        <v>64798</v>
      </c>
      <c r="N20390" s="5" t="s">
        <v>733</v>
      </c>
      <c r="O20390" s="5" t="s">
        <v>38</v>
      </c>
      <c r="P20390" s="5" t="s">
        <v>39</v>
      </c>
      <c r="Q20390" s="5" t="s">
        <v>40</v>
      </c>
      <c r="R20390" s="5" t="s">
        <v>897</v>
      </c>
      <c r="S20390" s="5" t="s">
        <v>40</v>
      </c>
      <c r="T20390" s="5" t="s">
        <v>42</v>
      </c>
      <c r="U20390" s="2">
        <v>82.432000000000002</v>
      </c>
      <c r="V20390" s="2">
        <v>77.197999999999993</v>
      </c>
      <c r="W20390" s="2">
        <v>0.31</v>
      </c>
      <c r="X20390" s="2">
        <v>17</v>
      </c>
      <c r="Y20390" s="2">
        <v>104.9</v>
      </c>
      <c r="Z20390" s="2">
        <v>173.8</v>
      </c>
      <c r="AA20390" s="5">
        <v>7</v>
      </c>
      <c r="AB20390" s="5" t="s">
        <v>43</v>
      </c>
      <c r="AC20390" s="5" t="s">
        <v>735</v>
      </c>
      <c r="AD20390" s="2" t="s">
        <v>65448</v>
      </c>
      <c r="AE20390" s="1"/>
    </row>
    <row r="20391" spans="1:31" ht="14.45">
      <c r="A20391" s="11"/>
      <c r="B20391" s="20"/>
      <c r="C20391" s="2" t="s">
        <v>65449</v>
      </c>
      <c r="D20391" s="14" t="s">
        <v>65450</v>
      </c>
      <c r="E20391" s="2" t="s">
        <v>65451</v>
      </c>
      <c r="F20391" s="2" t="s">
        <v>59326</v>
      </c>
      <c r="G20391" s="8">
        <v>1476</v>
      </c>
      <c r="H20391" s="5">
        <v>10</v>
      </c>
      <c r="I20391" s="5" t="s">
        <v>69</v>
      </c>
      <c r="J20391" s="5" t="s">
        <v>64797</v>
      </c>
      <c r="K20391" s="2" t="s">
        <v>64798</v>
      </c>
      <c r="L20391" s="5" t="s">
        <v>64797</v>
      </c>
      <c r="M20391" s="2" t="s">
        <v>64798</v>
      </c>
      <c r="N20391" s="5" t="s">
        <v>733</v>
      </c>
      <c r="O20391" s="5" t="s">
        <v>38</v>
      </c>
      <c r="P20391" s="5" t="s">
        <v>39</v>
      </c>
      <c r="Q20391" s="5" t="s">
        <v>40</v>
      </c>
      <c r="R20391" s="5" t="s">
        <v>897</v>
      </c>
      <c r="S20391" s="5" t="s">
        <v>40</v>
      </c>
      <c r="T20391" s="5" t="s">
        <v>42</v>
      </c>
      <c r="U20391" s="2">
        <v>72.216999999999999</v>
      </c>
      <c r="V20391" s="2">
        <v>66.959000000000003</v>
      </c>
      <c r="W20391" s="2">
        <v>0.31</v>
      </c>
      <c r="X20391" s="2">
        <v>17</v>
      </c>
      <c r="Y20391" s="2">
        <v>104.9</v>
      </c>
      <c r="Z20391" s="2">
        <v>173.8</v>
      </c>
      <c r="AA20391" s="5">
        <v>7</v>
      </c>
      <c r="AB20391" s="5" t="s">
        <v>43</v>
      </c>
      <c r="AC20391" s="5" t="s">
        <v>735</v>
      </c>
      <c r="AD20391" s="2" t="s">
        <v>65452</v>
      </c>
      <c r="AE20391" s="1"/>
    </row>
    <row r="20392" spans="1:31" ht="14.45">
      <c r="A20392" s="11"/>
      <c r="B20392" s="20"/>
      <c r="C20392" s="2" t="s">
        <v>65453</v>
      </c>
      <c r="D20392" s="14" t="s">
        <v>65454</v>
      </c>
      <c r="E20392" s="2" t="s">
        <v>65455</v>
      </c>
      <c r="F20392" s="2" t="s">
        <v>59340</v>
      </c>
      <c r="G20392" s="8">
        <v>1808</v>
      </c>
      <c r="H20392" s="5">
        <v>10</v>
      </c>
      <c r="I20392" s="5" t="s">
        <v>69</v>
      </c>
      <c r="J20392" s="5" t="s">
        <v>64797</v>
      </c>
      <c r="K20392" s="2" t="s">
        <v>64798</v>
      </c>
      <c r="L20392" s="5" t="s">
        <v>64797</v>
      </c>
      <c r="M20392" s="2" t="s">
        <v>64798</v>
      </c>
      <c r="N20392" s="5" t="s">
        <v>733</v>
      </c>
      <c r="O20392" s="5" t="s">
        <v>38</v>
      </c>
      <c r="P20392" s="5" t="s">
        <v>39</v>
      </c>
      <c r="Q20392" s="5" t="s">
        <v>40</v>
      </c>
      <c r="R20392" s="5" t="s">
        <v>897</v>
      </c>
      <c r="S20392" s="5" t="s">
        <v>40</v>
      </c>
      <c r="T20392" s="5" t="s">
        <v>42</v>
      </c>
      <c r="U20392" s="2">
        <v>82.375</v>
      </c>
      <c r="V20392" s="2">
        <v>77.141000000000005</v>
      </c>
      <c r="W20392" s="2">
        <v>0.31</v>
      </c>
      <c r="X20392" s="2">
        <v>17</v>
      </c>
      <c r="Y20392" s="2">
        <v>104.9</v>
      </c>
      <c r="Z20392" s="2">
        <v>173.8</v>
      </c>
      <c r="AA20392" s="5">
        <v>7</v>
      </c>
      <c r="AB20392" s="5" t="s">
        <v>43</v>
      </c>
      <c r="AC20392" s="5" t="s">
        <v>735</v>
      </c>
      <c r="AD20392" s="2" t="s">
        <v>65456</v>
      </c>
      <c r="AE20392" s="1"/>
    </row>
    <row r="20393" spans="1:31" ht="14.45">
      <c r="A20393" s="11"/>
      <c r="B20393" s="20"/>
      <c r="C20393" s="2" t="s">
        <v>65457</v>
      </c>
      <c r="D20393" s="14" t="s">
        <v>65458</v>
      </c>
      <c r="E20393" s="2" t="s">
        <v>65459</v>
      </c>
      <c r="F20393" s="2" t="s">
        <v>59353</v>
      </c>
      <c r="G20393" s="8">
        <v>1944</v>
      </c>
      <c r="H20393" s="5">
        <v>10</v>
      </c>
      <c r="I20393" s="5" t="s">
        <v>69</v>
      </c>
      <c r="J20393" s="5" t="s">
        <v>64797</v>
      </c>
      <c r="K20393" s="2" t="s">
        <v>64798</v>
      </c>
      <c r="L20393" s="5" t="s">
        <v>64797</v>
      </c>
      <c r="M20393" s="2" t="s">
        <v>64798</v>
      </c>
      <c r="N20393" s="5" t="s">
        <v>733</v>
      </c>
      <c r="O20393" s="5" t="s">
        <v>38</v>
      </c>
      <c r="P20393" s="5" t="s">
        <v>39</v>
      </c>
      <c r="Q20393" s="5" t="s">
        <v>40</v>
      </c>
      <c r="R20393" s="5" t="s">
        <v>897</v>
      </c>
      <c r="S20393" s="5" t="s">
        <v>40</v>
      </c>
      <c r="T20393" s="5" t="s">
        <v>42</v>
      </c>
      <c r="U20393" s="2">
        <v>80.826999999999998</v>
      </c>
      <c r="V20393" s="2">
        <v>75.593000000000004</v>
      </c>
      <c r="W20393" s="2">
        <v>0.31</v>
      </c>
      <c r="X20393" s="2">
        <v>17</v>
      </c>
      <c r="Y20393" s="2">
        <v>104.9</v>
      </c>
      <c r="Z20393" s="2">
        <v>173.8</v>
      </c>
      <c r="AA20393" s="5">
        <v>7</v>
      </c>
      <c r="AB20393" s="5" t="s">
        <v>43</v>
      </c>
      <c r="AC20393" s="5" t="s">
        <v>735</v>
      </c>
      <c r="AD20393" s="2" t="s">
        <v>65460</v>
      </c>
      <c r="AE20393" s="1"/>
    </row>
    <row r="20394" spans="1:31" ht="14.45">
      <c r="A20394" s="11"/>
      <c r="B20394" s="20"/>
      <c r="C20394" s="2" t="s">
        <v>65461</v>
      </c>
      <c r="D20394" s="14" t="s">
        <v>65462</v>
      </c>
      <c r="E20394" s="2" t="s">
        <v>65463</v>
      </c>
      <c r="F20394" s="2" t="s">
        <v>59376</v>
      </c>
      <c r="G20394" s="8">
        <v>1808</v>
      </c>
      <c r="H20394" s="5">
        <v>10</v>
      </c>
      <c r="I20394" s="5" t="s">
        <v>69</v>
      </c>
      <c r="J20394" s="5" t="s">
        <v>64797</v>
      </c>
      <c r="K20394" s="2" t="s">
        <v>64798</v>
      </c>
      <c r="L20394" s="5" t="s">
        <v>64797</v>
      </c>
      <c r="M20394" s="2" t="s">
        <v>64798</v>
      </c>
      <c r="N20394" s="5" t="s">
        <v>733</v>
      </c>
      <c r="O20394" s="5" t="s">
        <v>38</v>
      </c>
      <c r="P20394" s="5" t="s">
        <v>39</v>
      </c>
      <c r="Q20394" s="5" t="s">
        <v>40</v>
      </c>
      <c r="R20394" s="5" t="s">
        <v>897</v>
      </c>
      <c r="S20394" s="5" t="s">
        <v>40</v>
      </c>
      <c r="T20394" s="5" t="s">
        <v>42</v>
      </c>
      <c r="U20394" s="2">
        <v>80.77</v>
      </c>
      <c r="V20394" s="2">
        <v>75.536000000000001</v>
      </c>
      <c r="W20394" s="2">
        <v>0.31</v>
      </c>
      <c r="X20394" s="2">
        <v>17</v>
      </c>
      <c r="Y20394" s="2">
        <v>104.9</v>
      </c>
      <c r="Z20394" s="2">
        <v>173.8</v>
      </c>
      <c r="AA20394" s="5">
        <v>7</v>
      </c>
      <c r="AB20394" s="5" t="s">
        <v>43</v>
      </c>
      <c r="AC20394" s="5" t="s">
        <v>735</v>
      </c>
      <c r="AD20394" s="2" t="s">
        <v>65464</v>
      </c>
      <c r="AE20394" s="1"/>
    </row>
    <row r="20395" spans="1:31" ht="14.45">
      <c r="A20395" s="11"/>
      <c r="B20395" s="20"/>
      <c r="C20395" s="2" t="s">
        <v>65465</v>
      </c>
      <c r="D20395" s="14" t="s">
        <v>65466</v>
      </c>
      <c r="E20395" s="2" t="s">
        <v>65467</v>
      </c>
      <c r="F20395" s="2" t="s">
        <v>59395</v>
      </c>
      <c r="G20395" s="8">
        <v>1476</v>
      </c>
      <c r="H20395" s="5">
        <v>5</v>
      </c>
      <c r="I20395" s="5" t="s">
        <v>69</v>
      </c>
      <c r="J20395" s="5" t="s">
        <v>64797</v>
      </c>
      <c r="K20395" s="2" t="s">
        <v>64798</v>
      </c>
      <c r="L20395" s="5" t="s">
        <v>64797</v>
      </c>
      <c r="M20395" s="2" t="s">
        <v>64798</v>
      </c>
      <c r="N20395" s="5" t="s">
        <v>733</v>
      </c>
      <c r="O20395" s="5" t="s">
        <v>38</v>
      </c>
      <c r="P20395" s="5" t="s">
        <v>39</v>
      </c>
      <c r="Q20395" s="5" t="s">
        <v>40</v>
      </c>
      <c r="R20395" s="5" t="s">
        <v>897</v>
      </c>
      <c r="S20395" s="5" t="s">
        <v>40</v>
      </c>
      <c r="T20395" s="5" t="s">
        <v>42</v>
      </c>
      <c r="U20395" s="2">
        <v>77.606999999999999</v>
      </c>
      <c r="V20395" s="2">
        <v>72.540999999999997</v>
      </c>
      <c r="W20395" s="2">
        <v>0.30399999999999999</v>
      </c>
      <c r="X20395" s="2">
        <v>17</v>
      </c>
      <c r="Y20395" s="2">
        <v>102.9</v>
      </c>
      <c r="Z20395" s="2">
        <v>173.8</v>
      </c>
      <c r="AA20395" s="5">
        <v>7</v>
      </c>
      <c r="AB20395" s="5" t="s">
        <v>43</v>
      </c>
      <c r="AC20395" s="5" t="s">
        <v>735</v>
      </c>
      <c r="AD20395" s="2" t="s">
        <v>65468</v>
      </c>
      <c r="AE20395" s="1"/>
    </row>
    <row r="20396" spans="1:31" ht="14.45">
      <c r="A20396" s="11"/>
      <c r="B20396" s="20"/>
      <c r="C20396" s="2" t="s">
        <v>65469</v>
      </c>
      <c r="D20396" s="14" t="s">
        <v>65470</v>
      </c>
      <c r="E20396" s="2" t="s">
        <v>65471</v>
      </c>
      <c r="F20396" s="2" t="s">
        <v>59409</v>
      </c>
      <c r="G20396" s="8">
        <v>1692</v>
      </c>
      <c r="H20396" s="5">
        <v>10</v>
      </c>
      <c r="I20396" s="5" t="s">
        <v>69</v>
      </c>
      <c r="J20396" s="5" t="s">
        <v>64797</v>
      </c>
      <c r="K20396" s="2" t="s">
        <v>64798</v>
      </c>
      <c r="L20396" s="5" t="s">
        <v>64797</v>
      </c>
      <c r="M20396" s="2" t="s">
        <v>64798</v>
      </c>
      <c r="N20396" s="5" t="s">
        <v>733</v>
      </c>
      <c r="O20396" s="5" t="s">
        <v>38</v>
      </c>
      <c r="P20396" s="5" t="s">
        <v>39</v>
      </c>
      <c r="Q20396" s="5" t="s">
        <v>40</v>
      </c>
      <c r="R20396" s="5" t="s">
        <v>897</v>
      </c>
      <c r="S20396" s="5" t="s">
        <v>40</v>
      </c>
      <c r="T20396" s="5" t="s">
        <v>42</v>
      </c>
      <c r="U20396" s="2">
        <v>77.489999999999995</v>
      </c>
      <c r="V20396" s="2">
        <v>72.256</v>
      </c>
      <c r="W20396" s="2">
        <v>0.31</v>
      </c>
      <c r="X20396" s="2">
        <v>17</v>
      </c>
      <c r="Y20396" s="2">
        <v>104.9</v>
      </c>
      <c r="Z20396" s="2">
        <v>173.8</v>
      </c>
      <c r="AA20396" s="5">
        <v>7</v>
      </c>
      <c r="AB20396" s="5" t="s">
        <v>43</v>
      </c>
      <c r="AC20396" s="5" t="s">
        <v>735</v>
      </c>
      <c r="AD20396" s="2" t="s">
        <v>65472</v>
      </c>
      <c r="AE20396" s="1"/>
    </row>
    <row r="20397" spans="1:31" ht="14.45">
      <c r="A20397" s="11"/>
      <c r="B20397" s="20"/>
      <c r="C20397" s="2" t="s">
        <v>65473</v>
      </c>
      <c r="D20397" s="14" t="s">
        <v>65474</v>
      </c>
      <c r="E20397" s="2" t="s">
        <v>65475</v>
      </c>
      <c r="F20397" s="2" t="s">
        <v>59435</v>
      </c>
      <c r="G20397" s="8">
        <v>1008</v>
      </c>
      <c r="H20397" s="5">
        <v>5</v>
      </c>
      <c r="I20397" s="5" t="s">
        <v>69</v>
      </c>
      <c r="J20397" s="5" t="s">
        <v>64797</v>
      </c>
      <c r="K20397" s="2" t="s">
        <v>64798</v>
      </c>
      <c r="L20397" s="5" t="s">
        <v>64797</v>
      </c>
      <c r="M20397" s="2" t="s">
        <v>64798</v>
      </c>
      <c r="N20397" s="5" t="s">
        <v>733</v>
      </c>
      <c r="O20397" s="5" t="s">
        <v>38</v>
      </c>
      <c r="P20397" s="5" t="s">
        <v>39</v>
      </c>
      <c r="Q20397" s="5" t="s">
        <v>40</v>
      </c>
      <c r="R20397" s="5" t="s">
        <v>897</v>
      </c>
      <c r="S20397" s="5" t="s">
        <v>40</v>
      </c>
      <c r="T20397" s="5" t="s">
        <v>42</v>
      </c>
      <c r="U20397" s="2">
        <v>67.509</v>
      </c>
      <c r="V20397" s="2">
        <v>62.418999999999997</v>
      </c>
      <c r="W20397" s="2">
        <v>0.30399999999999999</v>
      </c>
      <c r="X20397" s="2">
        <v>17</v>
      </c>
      <c r="Y20397" s="2">
        <v>102.9</v>
      </c>
      <c r="Z20397" s="2">
        <v>173.8</v>
      </c>
      <c r="AA20397" s="5">
        <v>7</v>
      </c>
      <c r="AB20397" s="5" t="s">
        <v>43</v>
      </c>
      <c r="AC20397" s="5" t="s">
        <v>735</v>
      </c>
      <c r="AD20397" s="2" t="s">
        <v>65476</v>
      </c>
      <c r="AE20397" s="1"/>
    </row>
    <row r="20398" spans="1:31" ht="14.45">
      <c r="A20398" s="11"/>
      <c r="B20398" s="20"/>
      <c r="C20398" s="2" t="s">
        <v>65477</v>
      </c>
      <c r="D20398" s="14" t="s">
        <v>65478</v>
      </c>
      <c r="E20398" s="2" t="s">
        <v>65479</v>
      </c>
      <c r="F20398" s="2" t="s">
        <v>59448</v>
      </c>
      <c r="G20398" s="8">
        <v>1340</v>
      </c>
      <c r="H20398" s="5">
        <v>5</v>
      </c>
      <c r="I20398" s="5" t="s">
        <v>69</v>
      </c>
      <c r="J20398" s="5" t="s">
        <v>64797</v>
      </c>
      <c r="K20398" s="2" t="s">
        <v>64798</v>
      </c>
      <c r="L20398" s="5" t="s">
        <v>64797</v>
      </c>
      <c r="M20398" s="2" t="s">
        <v>64798</v>
      </c>
      <c r="N20398" s="5" t="s">
        <v>733</v>
      </c>
      <c r="O20398" s="5" t="s">
        <v>38</v>
      </c>
      <c r="P20398" s="5" t="s">
        <v>39</v>
      </c>
      <c r="Q20398" s="5" t="s">
        <v>40</v>
      </c>
      <c r="R20398" s="5" t="s">
        <v>897</v>
      </c>
      <c r="S20398" s="5" t="s">
        <v>40</v>
      </c>
      <c r="T20398" s="5" t="s">
        <v>42</v>
      </c>
      <c r="U20398" s="2">
        <v>77.662999999999997</v>
      </c>
      <c r="V20398" s="2">
        <v>72.429000000000002</v>
      </c>
      <c r="W20398" s="2">
        <v>0.31</v>
      </c>
      <c r="X20398" s="2">
        <v>17</v>
      </c>
      <c r="Y20398" s="2">
        <v>104.9</v>
      </c>
      <c r="Z20398" s="2">
        <v>173.8</v>
      </c>
      <c r="AA20398" s="5">
        <v>7</v>
      </c>
      <c r="AB20398" s="5" t="s">
        <v>43</v>
      </c>
      <c r="AC20398" s="5" t="s">
        <v>735</v>
      </c>
      <c r="AD20398" s="2" t="s">
        <v>65480</v>
      </c>
      <c r="AE20398" s="1"/>
    </row>
    <row r="20399" spans="1:31" ht="14.45">
      <c r="A20399" s="11"/>
      <c r="B20399" s="20"/>
      <c r="C20399" s="2" t="s">
        <v>65481</v>
      </c>
      <c r="D20399" s="14" t="s">
        <v>65482</v>
      </c>
      <c r="E20399" s="2" t="s">
        <v>65483</v>
      </c>
      <c r="F20399" s="2" t="s">
        <v>59466</v>
      </c>
      <c r="G20399" s="8">
        <v>1944</v>
      </c>
      <c r="H20399" s="5">
        <v>10</v>
      </c>
      <c r="I20399" s="5" t="s">
        <v>69</v>
      </c>
      <c r="J20399" s="5" t="s">
        <v>64797</v>
      </c>
      <c r="K20399" s="2" t="s">
        <v>64798</v>
      </c>
      <c r="L20399" s="5" t="s">
        <v>64797</v>
      </c>
      <c r="M20399" s="2" t="s">
        <v>64798</v>
      </c>
      <c r="N20399" s="5" t="s">
        <v>733</v>
      </c>
      <c r="O20399" s="5" t="s">
        <v>38</v>
      </c>
      <c r="P20399" s="5" t="s">
        <v>39</v>
      </c>
      <c r="Q20399" s="5" t="s">
        <v>40</v>
      </c>
      <c r="R20399" s="5" t="s">
        <v>897</v>
      </c>
      <c r="S20399" s="5" t="s">
        <v>40</v>
      </c>
      <c r="T20399" s="5" t="s">
        <v>42</v>
      </c>
      <c r="U20399" s="2">
        <v>82.453000000000003</v>
      </c>
      <c r="V20399" s="2">
        <v>77.218999999999994</v>
      </c>
      <c r="W20399" s="2">
        <v>0.31</v>
      </c>
      <c r="X20399" s="2">
        <v>17</v>
      </c>
      <c r="Y20399" s="2">
        <v>104.9</v>
      </c>
      <c r="Z20399" s="2">
        <v>173.8</v>
      </c>
      <c r="AA20399" s="5">
        <v>7</v>
      </c>
      <c r="AB20399" s="5" t="s">
        <v>43</v>
      </c>
      <c r="AC20399" s="5" t="s">
        <v>735</v>
      </c>
      <c r="AD20399" s="2" t="s">
        <v>65484</v>
      </c>
      <c r="AE20399" s="1"/>
    </row>
    <row r="20400" spans="1:31" ht="14.45">
      <c r="A20400" s="11"/>
      <c r="B20400" s="20"/>
      <c r="C20400" s="2" t="s">
        <v>65485</v>
      </c>
      <c r="D20400" s="14" t="s">
        <v>65486</v>
      </c>
      <c r="E20400" s="2" t="s">
        <v>65487</v>
      </c>
      <c r="F20400" s="2" t="s">
        <v>59480</v>
      </c>
      <c r="G20400" s="8">
        <v>1808</v>
      </c>
      <c r="H20400" s="5">
        <v>10</v>
      </c>
      <c r="I20400" s="5" t="s">
        <v>69</v>
      </c>
      <c r="J20400" s="5" t="s">
        <v>64797</v>
      </c>
      <c r="K20400" s="2" t="s">
        <v>64798</v>
      </c>
      <c r="L20400" s="5" t="s">
        <v>64797</v>
      </c>
      <c r="M20400" s="2" t="s">
        <v>64798</v>
      </c>
      <c r="N20400" s="5" t="s">
        <v>733</v>
      </c>
      <c r="O20400" s="5" t="s">
        <v>38</v>
      </c>
      <c r="P20400" s="5" t="s">
        <v>39</v>
      </c>
      <c r="Q20400" s="5" t="s">
        <v>40</v>
      </c>
      <c r="R20400" s="5" t="s">
        <v>897</v>
      </c>
      <c r="S20400" s="5" t="s">
        <v>40</v>
      </c>
      <c r="T20400" s="5" t="s">
        <v>42</v>
      </c>
      <c r="U20400" s="2">
        <v>82.396000000000001</v>
      </c>
      <c r="V20400" s="2">
        <v>77.162000000000006</v>
      </c>
      <c r="W20400" s="2">
        <v>0.31</v>
      </c>
      <c r="X20400" s="2">
        <v>17</v>
      </c>
      <c r="Y20400" s="2">
        <v>104.9</v>
      </c>
      <c r="Z20400" s="2">
        <v>173.8</v>
      </c>
      <c r="AA20400" s="5">
        <v>7</v>
      </c>
      <c r="AB20400" s="5" t="s">
        <v>43</v>
      </c>
      <c r="AC20400" s="5" t="s">
        <v>735</v>
      </c>
      <c r="AD20400" s="2" t="s">
        <v>65488</v>
      </c>
      <c r="AE20400" s="1"/>
    </row>
    <row r="20401" spans="1:31" ht="14.45">
      <c r="A20401" s="11"/>
      <c r="B20401" s="20"/>
      <c r="C20401" s="2" t="s">
        <v>65489</v>
      </c>
      <c r="D20401" s="14" t="s">
        <v>65490</v>
      </c>
      <c r="E20401" s="2" t="s">
        <v>65491</v>
      </c>
      <c r="F20401" s="2" t="s">
        <v>65492</v>
      </c>
      <c r="G20401" s="8">
        <v>1380</v>
      </c>
      <c r="H20401" s="5">
        <v>5</v>
      </c>
      <c r="I20401" s="5" t="s">
        <v>69</v>
      </c>
      <c r="J20401" s="5" t="s">
        <v>64797</v>
      </c>
      <c r="K20401" s="2" t="s">
        <v>64798</v>
      </c>
      <c r="L20401" s="5" t="s">
        <v>64797</v>
      </c>
      <c r="M20401" s="2" t="s">
        <v>64798</v>
      </c>
      <c r="N20401" s="5" t="s">
        <v>733</v>
      </c>
      <c r="O20401" s="5" t="s">
        <v>38</v>
      </c>
      <c r="P20401" s="5" t="s">
        <v>39</v>
      </c>
      <c r="Q20401" s="5" t="s">
        <v>40</v>
      </c>
      <c r="R20401" s="5" t="s">
        <v>897</v>
      </c>
      <c r="S20401" s="5" t="s">
        <v>40</v>
      </c>
      <c r="T20401" s="5" t="s">
        <v>42</v>
      </c>
      <c r="U20401" s="2">
        <v>68.459999999999994</v>
      </c>
      <c r="V20401" s="2">
        <v>64.293999999999997</v>
      </c>
      <c r="W20401" s="2">
        <v>0.26100000000000001</v>
      </c>
      <c r="X20401" s="2">
        <v>17</v>
      </c>
      <c r="Y20401" s="2">
        <v>116.7</v>
      </c>
      <c r="Z20401" s="2">
        <v>131.6</v>
      </c>
      <c r="AA20401" s="5">
        <v>7</v>
      </c>
      <c r="AB20401" s="5" t="s">
        <v>43</v>
      </c>
      <c r="AC20401" s="5" t="s">
        <v>735</v>
      </c>
      <c r="AD20401" s="2" t="s">
        <v>65493</v>
      </c>
      <c r="AE20401" s="1"/>
    </row>
    <row r="20402" spans="1:31" ht="14.45">
      <c r="A20402" s="11"/>
      <c r="B20402" s="20"/>
      <c r="C20402" s="2" t="s">
        <v>65494</v>
      </c>
      <c r="D20402" s="14" t="s">
        <v>65495</v>
      </c>
      <c r="E20402" s="2" t="s">
        <v>65496</v>
      </c>
      <c r="F20402" s="2" t="s">
        <v>59541</v>
      </c>
      <c r="G20402" s="8">
        <v>1571</v>
      </c>
      <c r="H20402" s="5">
        <v>10</v>
      </c>
      <c r="I20402" s="5" t="s">
        <v>69</v>
      </c>
      <c r="J20402" s="5" t="s">
        <v>64797</v>
      </c>
      <c r="K20402" s="2" t="s">
        <v>64798</v>
      </c>
      <c r="L20402" s="5" t="s">
        <v>64797</v>
      </c>
      <c r="M20402" s="2" t="s">
        <v>64798</v>
      </c>
      <c r="N20402" s="5" t="s">
        <v>733</v>
      </c>
      <c r="O20402" s="5" t="s">
        <v>38</v>
      </c>
      <c r="P20402" s="5" t="s">
        <v>39</v>
      </c>
      <c r="Q20402" s="5" t="s">
        <v>40</v>
      </c>
      <c r="R20402" s="5" t="s">
        <v>897</v>
      </c>
      <c r="S20402" s="5" t="s">
        <v>40</v>
      </c>
      <c r="T20402" s="5" t="s">
        <v>42</v>
      </c>
      <c r="U20402" s="2">
        <v>68.263000000000005</v>
      </c>
      <c r="V20402" s="2">
        <v>64.096999999999994</v>
      </c>
      <c r="W20402" s="2">
        <v>0.26100000000000001</v>
      </c>
      <c r="X20402" s="2">
        <v>17</v>
      </c>
      <c r="Y20402" s="2">
        <v>116.7</v>
      </c>
      <c r="Z20402" s="2">
        <v>131.6</v>
      </c>
      <c r="AA20402" s="5">
        <v>7</v>
      </c>
      <c r="AB20402" s="5" t="s">
        <v>43</v>
      </c>
      <c r="AC20402" s="5" t="s">
        <v>735</v>
      </c>
      <c r="AD20402" s="2" t="s">
        <v>65497</v>
      </c>
      <c r="AE20402" s="1"/>
    </row>
    <row r="20403" spans="1:31" ht="14.45">
      <c r="A20403" s="11"/>
      <c r="B20403" s="20"/>
      <c r="C20403" s="2" t="s">
        <v>65498</v>
      </c>
      <c r="D20403" s="14" t="s">
        <v>65499</v>
      </c>
      <c r="E20403" s="2" t="s">
        <v>65500</v>
      </c>
      <c r="F20403" s="2" t="s">
        <v>59554</v>
      </c>
      <c r="G20403" s="8">
        <v>1196</v>
      </c>
      <c r="H20403" s="5">
        <v>10</v>
      </c>
      <c r="I20403" s="5" t="s">
        <v>69</v>
      </c>
      <c r="J20403" s="5" t="s">
        <v>64797</v>
      </c>
      <c r="K20403" s="2" t="s">
        <v>64798</v>
      </c>
      <c r="L20403" s="5" t="s">
        <v>64797</v>
      </c>
      <c r="M20403" s="2" t="s">
        <v>64798</v>
      </c>
      <c r="N20403" s="5" t="s">
        <v>733</v>
      </c>
      <c r="O20403" s="5" t="s">
        <v>38</v>
      </c>
      <c r="P20403" s="5" t="s">
        <v>39</v>
      </c>
      <c r="Q20403" s="5" t="s">
        <v>40</v>
      </c>
      <c r="R20403" s="5" t="s">
        <v>897</v>
      </c>
      <c r="S20403" s="5" t="s">
        <v>40</v>
      </c>
      <c r="T20403" s="5" t="s">
        <v>42</v>
      </c>
      <c r="U20403" s="2">
        <v>68.516999999999996</v>
      </c>
      <c r="V20403" s="2">
        <v>64.350999999999999</v>
      </c>
      <c r="W20403" s="2">
        <v>0.26100000000000001</v>
      </c>
      <c r="X20403" s="2">
        <v>17</v>
      </c>
      <c r="Y20403" s="2">
        <v>116.7</v>
      </c>
      <c r="Z20403" s="2">
        <v>131.6</v>
      </c>
      <c r="AA20403" s="5">
        <v>7</v>
      </c>
      <c r="AB20403" s="5" t="s">
        <v>43</v>
      </c>
      <c r="AC20403" s="5" t="s">
        <v>735</v>
      </c>
      <c r="AD20403" s="2" t="s">
        <v>65501</v>
      </c>
      <c r="AE20403" s="1"/>
    </row>
    <row r="20404" spans="1:31" ht="14.45">
      <c r="A20404" s="11"/>
      <c r="B20404" s="20"/>
      <c r="C20404" s="2" t="s">
        <v>65502</v>
      </c>
      <c r="D20404" s="14" t="s">
        <v>65503</v>
      </c>
      <c r="E20404" s="2" t="s">
        <v>65504</v>
      </c>
      <c r="F20404" s="2" t="s">
        <v>59567</v>
      </c>
      <c r="G20404" s="8">
        <v>964</v>
      </c>
      <c r="H20404" s="5">
        <v>5</v>
      </c>
      <c r="I20404" s="5" t="s">
        <v>69</v>
      </c>
      <c r="J20404" s="5" t="s">
        <v>64797</v>
      </c>
      <c r="K20404" s="2" t="s">
        <v>64798</v>
      </c>
      <c r="L20404" s="5" t="s">
        <v>64797</v>
      </c>
      <c r="M20404" s="2" t="s">
        <v>64798</v>
      </c>
      <c r="N20404" s="5" t="s">
        <v>733</v>
      </c>
      <c r="O20404" s="5" t="s">
        <v>38</v>
      </c>
      <c r="P20404" s="5" t="s">
        <v>39</v>
      </c>
      <c r="Q20404" s="5" t="s">
        <v>40</v>
      </c>
      <c r="R20404" s="5" t="s">
        <v>897</v>
      </c>
      <c r="S20404" s="5" t="s">
        <v>40</v>
      </c>
      <c r="T20404" s="5" t="s">
        <v>42</v>
      </c>
      <c r="U20404" s="2">
        <v>59.723999999999997</v>
      </c>
      <c r="V20404" s="2">
        <v>55.526000000000003</v>
      </c>
      <c r="W20404" s="2">
        <v>0.26100000000000001</v>
      </c>
      <c r="X20404" s="2">
        <v>17</v>
      </c>
      <c r="Y20404" s="2">
        <v>116.7</v>
      </c>
      <c r="Z20404" s="2">
        <v>131.6</v>
      </c>
      <c r="AA20404" s="5">
        <v>7</v>
      </c>
      <c r="AB20404" s="5" t="s">
        <v>43</v>
      </c>
      <c r="AC20404" s="5" t="s">
        <v>735</v>
      </c>
      <c r="AD20404" s="2" t="s">
        <v>65505</v>
      </c>
      <c r="AE20404" s="1"/>
    </row>
    <row r="20405" spans="1:31" ht="14.45">
      <c r="A20405" s="11"/>
      <c r="B20405" s="20"/>
      <c r="C20405" s="2" t="s">
        <v>65506</v>
      </c>
      <c r="D20405" s="14" t="s">
        <v>65507</v>
      </c>
      <c r="E20405" s="2" t="s">
        <v>65508</v>
      </c>
      <c r="F20405" s="2" t="s">
        <v>59594</v>
      </c>
      <c r="G20405" s="8">
        <v>1259</v>
      </c>
      <c r="H20405" s="5">
        <v>5</v>
      </c>
      <c r="I20405" s="5" t="s">
        <v>69</v>
      </c>
      <c r="J20405" s="5" t="s">
        <v>64797</v>
      </c>
      <c r="K20405" s="2" t="s">
        <v>64798</v>
      </c>
      <c r="L20405" s="5" t="s">
        <v>64797</v>
      </c>
      <c r="M20405" s="2" t="s">
        <v>64798</v>
      </c>
      <c r="N20405" s="5" t="s">
        <v>733</v>
      </c>
      <c r="O20405" s="5" t="s">
        <v>38</v>
      </c>
      <c r="P20405" s="5" t="s">
        <v>39</v>
      </c>
      <c r="Q20405" s="5" t="s">
        <v>40</v>
      </c>
      <c r="R20405" s="5" t="s">
        <v>897</v>
      </c>
      <c r="S20405" s="5" t="s">
        <v>40</v>
      </c>
      <c r="T20405" s="5" t="s">
        <v>42</v>
      </c>
      <c r="U20405" s="2">
        <v>68.400000000000006</v>
      </c>
      <c r="V20405" s="2">
        <v>64.233999999999995</v>
      </c>
      <c r="W20405" s="2">
        <v>0.26100000000000001</v>
      </c>
      <c r="X20405" s="2">
        <v>17</v>
      </c>
      <c r="Y20405" s="2">
        <v>116.7</v>
      </c>
      <c r="Z20405" s="2">
        <v>131.6</v>
      </c>
      <c r="AA20405" s="5">
        <v>7</v>
      </c>
      <c r="AB20405" s="5" t="s">
        <v>43</v>
      </c>
      <c r="AC20405" s="5" t="s">
        <v>735</v>
      </c>
      <c r="AD20405" s="2" t="s">
        <v>65509</v>
      </c>
      <c r="AE20405" s="1"/>
    </row>
    <row r="20406" spans="1:31" ht="14.45">
      <c r="A20406" s="11"/>
      <c r="B20406" s="20"/>
      <c r="C20406" s="2" t="s">
        <v>65510</v>
      </c>
      <c r="D20406" s="14" t="s">
        <v>65511</v>
      </c>
      <c r="E20406" s="2" t="s">
        <v>65512</v>
      </c>
      <c r="F20406" s="2" t="s">
        <v>59621</v>
      </c>
      <c r="G20406" s="8">
        <v>1848</v>
      </c>
      <c r="H20406" s="5">
        <v>10</v>
      </c>
      <c r="I20406" s="5" t="s">
        <v>69</v>
      </c>
      <c r="J20406" s="5" t="s">
        <v>64797</v>
      </c>
      <c r="K20406" s="2" t="s">
        <v>64798</v>
      </c>
      <c r="L20406" s="5" t="s">
        <v>64797</v>
      </c>
      <c r="M20406" s="2" t="s">
        <v>64798</v>
      </c>
      <c r="N20406" s="5" t="s">
        <v>733</v>
      </c>
      <c r="O20406" s="5" t="s">
        <v>38</v>
      </c>
      <c r="P20406" s="5" t="s">
        <v>39</v>
      </c>
      <c r="Q20406" s="5" t="s">
        <v>40</v>
      </c>
      <c r="R20406" s="5" t="s">
        <v>897</v>
      </c>
      <c r="S20406" s="5" t="s">
        <v>40</v>
      </c>
      <c r="T20406" s="5" t="s">
        <v>42</v>
      </c>
      <c r="U20406" s="2">
        <v>72.700999999999993</v>
      </c>
      <c r="V20406" s="2">
        <v>68.534999999999997</v>
      </c>
      <c r="W20406" s="2">
        <v>0.26100000000000001</v>
      </c>
      <c r="X20406" s="2">
        <v>17</v>
      </c>
      <c r="Y20406" s="2">
        <v>116.7</v>
      </c>
      <c r="Z20406" s="2">
        <v>131.6</v>
      </c>
      <c r="AA20406" s="5">
        <v>7</v>
      </c>
      <c r="AB20406" s="5" t="s">
        <v>43</v>
      </c>
      <c r="AC20406" s="5" t="s">
        <v>735</v>
      </c>
      <c r="AD20406" s="2" t="s">
        <v>65513</v>
      </c>
      <c r="AE20406" s="1"/>
    </row>
    <row r="20407" spans="1:31" ht="14.45">
      <c r="A20407" s="11"/>
      <c r="B20407" s="20"/>
      <c r="C20407" s="2" t="s">
        <v>65514</v>
      </c>
      <c r="D20407" s="14" t="s">
        <v>65515</v>
      </c>
      <c r="E20407" s="2" t="s">
        <v>65516</v>
      </c>
      <c r="F20407" s="2" t="s">
        <v>59640</v>
      </c>
      <c r="G20407" s="8">
        <v>1432</v>
      </c>
      <c r="H20407" s="5">
        <v>10</v>
      </c>
      <c r="I20407" s="5" t="s">
        <v>69</v>
      </c>
      <c r="J20407" s="5" t="s">
        <v>64797</v>
      </c>
      <c r="K20407" s="2" t="s">
        <v>64798</v>
      </c>
      <c r="L20407" s="5" t="s">
        <v>64797</v>
      </c>
      <c r="M20407" s="2" t="s">
        <v>64798</v>
      </c>
      <c r="N20407" s="5" t="s">
        <v>733</v>
      </c>
      <c r="O20407" s="5" t="s">
        <v>38</v>
      </c>
      <c r="P20407" s="5" t="s">
        <v>39</v>
      </c>
      <c r="Q20407" s="5" t="s">
        <v>40</v>
      </c>
      <c r="R20407" s="5" t="s">
        <v>897</v>
      </c>
      <c r="S20407" s="5" t="s">
        <v>40</v>
      </c>
      <c r="T20407" s="5" t="s">
        <v>42</v>
      </c>
      <c r="U20407" s="2">
        <v>64.314999999999998</v>
      </c>
      <c r="V20407" s="2">
        <v>60.116999999999997</v>
      </c>
      <c r="W20407" s="2">
        <v>0.26100000000000001</v>
      </c>
      <c r="X20407" s="2">
        <v>17</v>
      </c>
      <c r="Y20407" s="2">
        <v>116.7</v>
      </c>
      <c r="Z20407" s="2">
        <v>131.6</v>
      </c>
      <c r="AA20407" s="5">
        <v>7</v>
      </c>
      <c r="AB20407" s="5" t="s">
        <v>43</v>
      </c>
      <c r="AC20407" s="5" t="s">
        <v>735</v>
      </c>
      <c r="AD20407" s="2" t="s">
        <v>65517</v>
      </c>
      <c r="AE20407" s="1"/>
    </row>
    <row r="20408" spans="1:31" ht="14.45">
      <c r="A20408" s="11"/>
      <c r="B20408" s="20"/>
      <c r="C20408" s="2" t="s">
        <v>65518</v>
      </c>
      <c r="D20408" s="14" t="s">
        <v>65519</v>
      </c>
      <c r="E20408" s="2" t="s">
        <v>65520</v>
      </c>
      <c r="F20408" s="2" t="s">
        <v>59659</v>
      </c>
      <c r="G20408" s="8">
        <v>1727</v>
      </c>
      <c r="H20408" s="5">
        <v>10</v>
      </c>
      <c r="I20408" s="5" t="s">
        <v>69</v>
      </c>
      <c r="J20408" s="5" t="s">
        <v>64797</v>
      </c>
      <c r="K20408" s="2" t="s">
        <v>64798</v>
      </c>
      <c r="L20408" s="5" t="s">
        <v>64797</v>
      </c>
      <c r="M20408" s="2" t="s">
        <v>64798</v>
      </c>
      <c r="N20408" s="5" t="s">
        <v>733</v>
      </c>
      <c r="O20408" s="5" t="s">
        <v>38</v>
      </c>
      <c r="P20408" s="5" t="s">
        <v>39</v>
      </c>
      <c r="Q20408" s="5" t="s">
        <v>40</v>
      </c>
      <c r="R20408" s="5" t="s">
        <v>897</v>
      </c>
      <c r="S20408" s="5" t="s">
        <v>40</v>
      </c>
      <c r="T20408" s="5" t="s">
        <v>42</v>
      </c>
      <c r="U20408" s="2">
        <v>72.650000000000006</v>
      </c>
      <c r="V20408" s="2">
        <v>68.483999999999995</v>
      </c>
      <c r="W20408" s="2">
        <v>0.26100000000000001</v>
      </c>
      <c r="X20408" s="2">
        <v>17</v>
      </c>
      <c r="Y20408" s="2">
        <v>116.7</v>
      </c>
      <c r="Z20408" s="2">
        <v>131.6</v>
      </c>
      <c r="AA20408" s="5">
        <v>7</v>
      </c>
      <c r="AB20408" s="5" t="s">
        <v>43</v>
      </c>
      <c r="AC20408" s="5" t="s">
        <v>735</v>
      </c>
      <c r="AD20408" s="2" t="s">
        <v>65521</v>
      </c>
      <c r="AE20408" s="1"/>
    </row>
    <row r="20409" spans="1:31" ht="14.45">
      <c r="A20409" s="11"/>
      <c r="B20409" s="20"/>
      <c r="C20409" s="2" t="s">
        <v>65522</v>
      </c>
      <c r="D20409" s="14" t="s">
        <v>65523</v>
      </c>
      <c r="E20409" s="2" t="s">
        <v>65524</v>
      </c>
      <c r="F20409" s="2" t="s">
        <v>59677</v>
      </c>
      <c r="G20409" s="8">
        <v>1848</v>
      </c>
      <c r="H20409" s="5">
        <v>10</v>
      </c>
      <c r="I20409" s="5" t="s">
        <v>69</v>
      </c>
      <c r="J20409" s="5" t="s">
        <v>64797</v>
      </c>
      <c r="K20409" s="2" t="s">
        <v>64798</v>
      </c>
      <c r="L20409" s="5" t="s">
        <v>64797</v>
      </c>
      <c r="M20409" s="2" t="s">
        <v>64798</v>
      </c>
      <c r="N20409" s="5" t="s">
        <v>733</v>
      </c>
      <c r="O20409" s="5" t="s">
        <v>38</v>
      </c>
      <c r="P20409" s="5" t="s">
        <v>39</v>
      </c>
      <c r="Q20409" s="5" t="s">
        <v>40</v>
      </c>
      <c r="R20409" s="5" t="s">
        <v>897</v>
      </c>
      <c r="S20409" s="5" t="s">
        <v>40</v>
      </c>
      <c r="T20409" s="5" t="s">
        <v>42</v>
      </c>
      <c r="U20409" s="2">
        <v>71.382000000000005</v>
      </c>
      <c r="V20409" s="2">
        <v>67.215999999999994</v>
      </c>
      <c r="W20409" s="2">
        <v>0.26100000000000001</v>
      </c>
      <c r="X20409" s="2">
        <v>17</v>
      </c>
      <c r="Y20409" s="2">
        <v>116.7</v>
      </c>
      <c r="Z20409" s="2">
        <v>131.6</v>
      </c>
      <c r="AA20409" s="5">
        <v>7</v>
      </c>
      <c r="AB20409" s="5" t="s">
        <v>43</v>
      </c>
      <c r="AC20409" s="5" t="s">
        <v>735</v>
      </c>
      <c r="AD20409" s="2" t="s">
        <v>65525</v>
      </c>
      <c r="AE20409" s="1"/>
    </row>
    <row r="20410" spans="1:31" ht="14.45">
      <c r="A20410" s="11"/>
      <c r="B20410" s="20"/>
      <c r="C20410" s="2" t="s">
        <v>65526</v>
      </c>
      <c r="D20410" s="14" t="s">
        <v>65527</v>
      </c>
      <c r="E20410" s="2" t="s">
        <v>65528</v>
      </c>
      <c r="F20410" s="2" t="s">
        <v>59700</v>
      </c>
      <c r="G20410" s="8">
        <v>1727</v>
      </c>
      <c r="H20410" s="5">
        <v>10</v>
      </c>
      <c r="I20410" s="5" t="s">
        <v>69</v>
      </c>
      <c r="J20410" s="5" t="s">
        <v>64797</v>
      </c>
      <c r="K20410" s="2" t="s">
        <v>64798</v>
      </c>
      <c r="L20410" s="5" t="s">
        <v>64797</v>
      </c>
      <c r="M20410" s="2" t="s">
        <v>64798</v>
      </c>
      <c r="N20410" s="5" t="s">
        <v>733</v>
      </c>
      <c r="O20410" s="5" t="s">
        <v>38</v>
      </c>
      <c r="P20410" s="5" t="s">
        <v>39</v>
      </c>
      <c r="Q20410" s="5" t="s">
        <v>40</v>
      </c>
      <c r="R20410" s="5" t="s">
        <v>897</v>
      </c>
      <c r="S20410" s="5" t="s">
        <v>40</v>
      </c>
      <c r="T20410" s="5" t="s">
        <v>42</v>
      </c>
      <c r="U20410" s="2">
        <v>71.331000000000003</v>
      </c>
      <c r="V20410" s="2">
        <v>67.165000000000006</v>
      </c>
      <c r="W20410" s="2">
        <v>0.26100000000000001</v>
      </c>
      <c r="X20410" s="2">
        <v>17</v>
      </c>
      <c r="Y20410" s="2">
        <v>116.7</v>
      </c>
      <c r="Z20410" s="2">
        <v>131.6</v>
      </c>
      <c r="AA20410" s="5">
        <v>7</v>
      </c>
      <c r="AB20410" s="5" t="s">
        <v>43</v>
      </c>
      <c r="AC20410" s="5" t="s">
        <v>735</v>
      </c>
      <c r="AD20410" s="2" t="s">
        <v>65529</v>
      </c>
      <c r="AE20410" s="1"/>
    </row>
    <row r="20411" spans="1:31" ht="14.45">
      <c r="A20411" s="11"/>
      <c r="B20411" s="20"/>
      <c r="C20411" s="2" t="s">
        <v>65530</v>
      </c>
      <c r="D20411" s="14" t="s">
        <v>65531</v>
      </c>
      <c r="E20411" s="2" t="s">
        <v>65532</v>
      </c>
      <c r="F20411" s="2" t="s">
        <v>59719</v>
      </c>
      <c r="G20411" s="8">
        <v>1380</v>
      </c>
      <c r="H20411" s="5">
        <v>5</v>
      </c>
      <c r="I20411" s="5" t="s">
        <v>69</v>
      </c>
      <c r="J20411" s="5" t="s">
        <v>64797</v>
      </c>
      <c r="K20411" s="2" t="s">
        <v>64798</v>
      </c>
      <c r="L20411" s="5" t="s">
        <v>64797</v>
      </c>
      <c r="M20411" s="2" t="s">
        <v>64798</v>
      </c>
      <c r="N20411" s="5" t="s">
        <v>733</v>
      </c>
      <c r="O20411" s="5" t="s">
        <v>38</v>
      </c>
      <c r="P20411" s="5" t="s">
        <v>39</v>
      </c>
      <c r="Q20411" s="5" t="s">
        <v>40</v>
      </c>
      <c r="R20411" s="5" t="s">
        <v>897</v>
      </c>
      <c r="S20411" s="5" t="s">
        <v>40</v>
      </c>
      <c r="T20411" s="5" t="s">
        <v>42</v>
      </c>
      <c r="U20411" s="2">
        <v>68.421000000000006</v>
      </c>
      <c r="V20411" s="2">
        <v>64.254999999999995</v>
      </c>
      <c r="W20411" s="2">
        <v>0.26100000000000001</v>
      </c>
      <c r="X20411" s="2">
        <v>17</v>
      </c>
      <c r="Y20411" s="2">
        <v>116.7</v>
      </c>
      <c r="Z20411" s="2">
        <v>131.6</v>
      </c>
      <c r="AA20411" s="5">
        <v>7</v>
      </c>
      <c r="AB20411" s="5" t="s">
        <v>43</v>
      </c>
      <c r="AC20411" s="5" t="s">
        <v>735</v>
      </c>
      <c r="AD20411" s="2" t="s">
        <v>65533</v>
      </c>
      <c r="AE20411" s="1"/>
    </row>
    <row r="20412" spans="1:31" ht="14.45">
      <c r="A20412" s="11"/>
      <c r="B20412" s="20"/>
      <c r="C20412" s="2" t="s">
        <v>65534</v>
      </c>
      <c r="D20412" s="14" t="s">
        <v>65535</v>
      </c>
      <c r="E20412" s="2" t="s">
        <v>65536</v>
      </c>
      <c r="F20412" s="2" t="s">
        <v>59737</v>
      </c>
      <c r="G20412" s="8">
        <v>1571</v>
      </c>
      <c r="H20412" s="5">
        <v>10</v>
      </c>
      <c r="I20412" s="5" t="s">
        <v>69</v>
      </c>
      <c r="J20412" s="5" t="s">
        <v>64797</v>
      </c>
      <c r="K20412" s="2" t="s">
        <v>64798</v>
      </c>
      <c r="L20412" s="5" t="s">
        <v>64797</v>
      </c>
      <c r="M20412" s="2" t="s">
        <v>64798</v>
      </c>
      <c r="N20412" s="5" t="s">
        <v>733</v>
      </c>
      <c r="O20412" s="5" t="s">
        <v>38</v>
      </c>
      <c r="P20412" s="5" t="s">
        <v>39</v>
      </c>
      <c r="Q20412" s="5" t="s">
        <v>40</v>
      </c>
      <c r="R20412" s="5" t="s">
        <v>897</v>
      </c>
      <c r="S20412" s="5" t="s">
        <v>40</v>
      </c>
      <c r="T20412" s="5" t="s">
        <v>42</v>
      </c>
      <c r="U20412" s="2">
        <v>68.207999999999998</v>
      </c>
      <c r="V20412" s="2">
        <v>64.042000000000002</v>
      </c>
      <c r="W20412" s="2">
        <v>0.26100000000000001</v>
      </c>
      <c r="X20412" s="2">
        <v>17</v>
      </c>
      <c r="Y20412" s="2">
        <v>116.7</v>
      </c>
      <c r="Z20412" s="2">
        <v>131.6</v>
      </c>
      <c r="AA20412" s="5">
        <v>7</v>
      </c>
      <c r="AB20412" s="5" t="s">
        <v>43</v>
      </c>
      <c r="AC20412" s="5" t="s">
        <v>735</v>
      </c>
      <c r="AD20412" s="2" t="s">
        <v>65537</v>
      </c>
      <c r="AE20412" s="1"/>
    </row>
    <row r="20413" spans="1:31" ht="14.45">
      <c r="A20413" s="11"/>
      <c r="B20413" s="20"/>
      <c r="C20413" s="2" t="s">
        <v>65538</v>
      </c>
      <c r="D20413" s="14" t="s">
        <v>65539</v>
      </c>
      <c r="E20413" s="2" t="s">
        <v>65540</v>
      </c>
      <c r="F20413" s="2" t="s">
        <v>59750</v>
      </c>
      <c r="G20413" s="8">
        <v>1196</v>
      </c>
      <c r="H20413" s="5">
        <v>10</v>
      </c>
      <c r="I20413" s="5" t="s">
        <v>69</v>
      </c>
      <c r="J20413" s="5" t="s">
        <v>64797</v>
      </c>
      <c r="K20413" s="2" t="s">
        <v>64798</v>
      </c>
      <c r="L20413" s="5" t="s">
        <v>64797</v>
      </c>
      <c r="M20413" s="2" t="s">
        <v>64798</v>
      </c>
      <c r="N20413" s="5" t="s">
        <v>733</v>
      </c>
      <c r="O20413" s="5" t="s">
        <v>38</v>
      </c>
      <c r="P20413" s="5" t="s">
        <v>39</v>
      </c>
      <c r="Q20413" s="5" t="s">
        <v>40</v>
      </c>
      <c r="R20413" s="5" t="s">
        <v>897</v>
      </c>
      <c r="S20413" s="5" t="s">
        <v>40</v>
      </c>
      <c r="T20413" s="5" t="s">
        <v>42</v>
      </c>
      <c r="U20413" s="2">
        <v>68.462000000000003</v>
      </c>
      <c r="V20413" s="2">
        <v>64.296000000000006</v>
      </c>
      <c r="W20413" s="2">
        <v>0.26100000000000001</v>
      </c>
      <c r="X20413" s="2">
        <v>17</v>
      </c>
      <c r="Y20413" s="2">
        <v>116.7</v>
      </c>
      <c r="Z20413" s="2">
        <v>131.6</v>
      </c>
      <c r="AA20413" s="5">
        <v>7</v>
      </c>
      <c r="AB20413" s="5" t="s">
        <v>43</v>
      </c>
      <c r="AC20413" s="5" t="s">
        <v>735</v>
      </c>
      <c r="AD20413" s="2" t="s">
        <v>65541</v>
      </c>
      <c r="AE20413" s="1"/>
    </row>
    <row r="20414" spans="1:31" ht="14.45">
      <c r="A20414" s="11"/>
      <c r="B20414" s="20"/>
      <c r="C20414" s="2" t="s">
        <v>65542</v>
      </c>
      <c r="D20414" s="14" t="s">
        <v>65543</v>
      </c>
      <c r="E20414" s="2" t="s">
        <v>65544</v>
      </c>
      <c r="F20414" s="2" t="s">
        <v>59763</v>
      </c>
      <c r="G20414" s="8">
        <v>964</v>
      </c>
      <c r="H20414" s="5">
        <v>5</v>
      </c>
      <c r="I20414" s="5" t="s">
        <v>69</v>
      </c>
      <c r="J20414" s="5" t="s">
        <v>64797</v>
      </c>
      <c r="K20414" s="2" t="s">
        <v>64798</v>
      </c>
      <c r="L20414" s="5" t="s">
        <v>64797</v>
      </c>
      <c r="M20414" s="2" t="s">
        <v>64798</v>
      </c>
      <c r="N20414" s="5" t="s">
        <v>733</v>
      </c>
      <c r="O20414" s="5" t="s">
        <v>38</v>
      </c>
      <c r="P20414" s="5" t="s">
        <v>39</v>
      </c>
      <c r="Q20414" s="5" t="s">
        <v>40</v>
      </c>
      <c r="R20414" s="5" t="s">
        <v>897</v>
      </c>
      <c r="S20414" s="5" t="s">
        <v>40</v>
      </c>
      <c r="T20414" s="5" t="s">
        <v>42</v>
      </c>
      <c r="U20414" s="2">
        <v>59.685000000000002</v>
      </c>
      <c r="V20414" s="2">
        <v>55.487000000000002</v>
      </c>
      <c r="W20414" s="2">
        <v>0.26100000000000001</v>
      </c>
      <c r="X20414" s="2">
        <v>17</v>
      </c>
      <c r="Y20414" s="2">
        <v>116.7</v>
      </c>
      <c r="Z20414" s="2">
        <v>131.6</v>
      </c>
      <c r="AA20414" s="5">
        <v>7</v>
      </c>
      <c r="AB20414" s="5" t="s">
        <v>43</v>
      </c>
      <c r="AC20414" s="5" t="s">
        <v>735</v>
      </c>
      <c r="AD20414" s="2" t="s">
        <v>65545</v>
      </c>
      <c r="AE20414" s="1"/>
    </row>
    <row r="20415" spans="1:31" ht="14.45">
      <c r="A20415" s="11"/>
      <c r="B20415" s="20"/>
      <c r="C20415" s="2" t="s">
        <v>65546</v>
      </c>
      <c r="D20415" s="14" t="s">
        <v>65547</v>
      </c>
      <c r="E20415" s="2" t="s">
        <v>65548</v>
      </c>
      <c r="F20415" s="2" t="s">
        <v>59785</v>
      </c>
      <c r="G20415" s="8">
        <v>1259</v>
      </c>
      <c r="H20415" s="5">
        <v>5</v>
      </c>
      <c r="I20415" s="5" t="s">
        <v>69</v>
      </c>
      <c r="J20415" s="5" t="s">
        <v>64797</v>
      </c>
      <c r="K20415" s="2" t="s">
        <v>64798</v>
      </c>
      <c r="L20415" s="5" t="s">
        <v>64797</v>
      </c>
      <c r="M20415" s="2" t="s">
        <v>64798</v>
      </c>
      <c r="N20415" s="5" t="s">
        <v>733</v>
      </c>
      <c r="O20415" s="5" t="s">
        <v>38</v>
      </c>
      <c r="P20415" s="5" t="s">
        <v>39</v>
      </c>
      <c r="Q20415" s="5" t="s">
        <v>40</v>
      </c>
      <c r="R20415" s="5" t="s">
        <v>897</v>
      </c>
      <c r="S20415" s="5" t="s">
        <v>40</v>
      </c>
      <c r="T20415" s="5" t="s">
        <v>42</v>
      </c>
      <c r="U20415" s="2">
        <v>68.344999999999999</v>
      </c>
      <c r="V20415" s="2">
        <v>64.179000000000002</v>
      </c>
      <c r="W20415" s="2">
        <v>0.26100000000000001</v>
      </c>
      <c r="X20415" s="2">
        <v>17</v>
      </c>
      <c r="Y20415" s="2">
        <v>116.7</v>
      </c>
      <c r="Z20415" s="2">
        <v>131.6</v>
      </c>
      <c r="AA20415" s="5">
        <v>7</v>
      </c>
      <c r="AB20415" s="5" t="s">
        <v>43</v>
      </c>
      <c r="AC20415" s="5" t="s">
        <v>735</v>
      </c>
      <c r="AD20415" s="2" t="s">
        <v>65549</v>
      </c>
      <c r="AE20415" s="1"/>
    </row>
    <row r="20416" spans="1:31" ht="14.45">
      <c r="A20416" s="11"/>
      <c r="B20416" s="20"/>
      <c r="C20416" s="2" t="s">
        <v>65550</v>
      </c>
      <c r="D20416" s="14" t="s">
        <v>65551</v>
      </c>
      <c r="E20416" s="2" t="s">
        <v>65552</v>
      </c>
      <c r="F20416" s="2" t="s">
        <v>59812</v>
      </c>
      <c r="G20416" s="8">
        <v>1848</v>
      </c>
      <c r="H20416" s="5">
        <v>10</v>
      </c>
      <c r="I20416" s="5" t="s">
        <v>69</v>
      </c>
      <c r="J20416" s="5" t="s">
        <v>64797</v>
      </c>
      <c r="K20416" s="2" t="s">
        <v>64798</v>
      </c>
      <c r="L20416" s="5" t="s">
        <v>64797</v>
      </c>
      <c r="M20416" s="2" t="s">
        <v>64798</v>
      </c>
      <c r="N20416" s="5" t="s">
        <v>733</v>
      </c>
      <c r="O20416" s="5" t="s">
        <v>38</v>
      </c>
      <c r="P20416" s="5" t="s">
        <v>39</v>
      </c>
      <c r="Q20416" s="5" t="s">
        <v>40</v>
      </c>
      <c r="R20416" s="5" t="s">
        <v>897</v>
      </c>
      <c r="S20416" s="5" t="s">
        <v>40</v>
      </c>
      <c r="T20416" s="5" t="s">
        <v>42</v>
      </c>
      <c r="U20416" s="2">
        <v>72.738</v>
      </c>
      <c r="V20416" s="2">
        <v>68.572000000000003</v>
      </c>
      <c r="W20416" s="2">
        <v>0.26100000000000001</v>
      </c>
      <c r="X20416" s="2">
        <v>17</v>
      </c>
      <c r="Y20416" s="2">
        <v>116.7</v>
      </c>
      <c r="Z20416" s="2">
        <v>131.6</v>
      </c>
      <c r="AA20416" s="5">
        <v>7</v>
      </c>
      <c r="AB20416" s="5" t="s">
        <v>43</v>
      </c>
      <c r="AC20416" s="5" t="s">
        <v>735</v>
      </c>
      <c r="AD20416" s="2" t="s">
        <v>65553</v>
      </c>
      <c r="AE20416" s="1"/>
    </row>
    <row r="20417" spans="1:31" ht="14.45">
      <c r="A20417" s="11"/>
      <c r="B20417" s="20"/>
      <c r="C20417" s="2" t="s">
        <v>65554</v>
      </c>
      <c r="D20417" s="14" t="s">
        <v>65555</v>
      </c>
      <c r="E20417" s="2" t="s">
        <v>65556</v>
      </c>
      <c r="F20417" s="2" t="s">
        <v>59826</v>
      </c>
      <c r="G20417" s="8">
        <v>1727</v>
      </c>
      <c r="H20417" s="5">
        <v>5</v>
      </c>
      <c r="I20417" s="5" t="s">
        <v>69</v>
      </c>
      <c r="J20417" s="5" t="s">
        <v>64797</v>
      </c>
      <c r="K20417" s="2" t="s">
        <v>64798</v>
      </c>
      <c r="L20417" s="5" t="s">
        <v>64797</v>
      </c>
      <c r="M20417" s="2" t="s">
        <v>64798</v>
      </c>
      <c r="N20417" s="5" t="s">
        <v>733</v>
      </c>
      <c r="O20417" s="5" t="s">
        <v>38</v>
      </c>
      <c r="P20417" s="5" t="s">
        <v>39</v>
      </c>
      <c r="Q20417" s="5" t="s">
        <v>40</v>
      </c>
      <c r="R20417" s="5" t="s">
        <v>897</v>
      </c>
      <c r="S20417" s="5" t="s">
        <v>40</v>
      </c>
      <c r="T20417" s="5" t="s">
        <v>42</v>
      </c>
      <c r="U20417" s="2">
        <v>72.686999999999998</v>
      </c>
      <c r="V20417" s="2">
        <v>68.521000000000001</v>
      </c>
      <c r="W20417" s="2">
        <v>0.26100000000000001</v>
      </c>
      <c r="X20417" s="2">
        <v>17</v>
      </c>
      <c r="Y20417" s="2">
        <v>116.7</v>
      </c>
      <c r="Z20417" s="2">
        <v>131.6</v>
      </c>
      <c r="AA20417" s="5">
        <v>7</v>
      </c>
      <c r="AB20417" s="5" t="s">
        <v>43</v>
      </c>
      <c r="AC20417" s="5" t="s">
        <v>735</v>
      </c>
      <c r="AD20417" s="2" t="s">
        <v>65557</v>
      </c>
      <c r="AE20417" s="1"/>
    </row>
    <row r="20418" spans="1:31" ht="14.45">
      <c r="A20418" s="11"/>
      <c r="B20418" s="20"/>
      <c r="C20418" s="2" t="s">
        <v>65558</v>
      </c>
      <c r="D20418" s="14" t="s">
        <v>65559</v>
      </c>
      <c r="E20418" s="2" t="s">
        <v>65560</v>
      </c>
      <c r="F20418" s="2" t="s">
        <v>65561</v>
      </c>
      <c r="G20418" s="8">
        <v>1727</v>
      </c>
      <c r="H20418" s="5">
        <v>10</v>
      </c>
      <c r="I20418" s="5" t="s">
        <v>69</v>
      </c>
      <c r="J20418" s="5" t="s">
        <v>64797</v>
      </c>
      <c r="K20418" s="2" t="s">
        <v>64798</v>
      </c>
      <c r="L20418" s="5" t="s">
        <v>64797</v>
      </c>
      <c r="M20418" s="2" t="s">
        <v>64798</v>
      </c>
      <c r="N20418" s="5" t="s">
        <v>733</v>
      </c>
      <c r="O20418" s="5" t="s">
        <v>38</v>
      </c>
      <c r="P20418" s="5" t="s">
        <v>39</v>
      </c>
      <c r="Q20418" s="5" t="s">
        <v>40</v>
      </c>
      <c r="R20418" s="5" t="s">
        <v>897</v>
      </c>
      <c r="S20418" s="5" t="s">
        <v>40</v>
      </c>
      <c r="T20418" s="5" t="s">
        <v>42</v>
      </c>
      <c r="U20418" s="2">
        <v>71.367999999999995</v>
      </c>
      <c r="V20418" s="2">
        <v>67.201999999999998</v>
      </c>
      <c r="W20418" s="2">
        <v>0.26100000000000001</v>
      </c>
      <c r="X20418" s="2">
        <v>17</v>
      </c>
      <c r="Y20418" s="2">
        <v>116.7</v>
      </c>
      <c r="Z20418" s="2">
        <v>131.6</v>
      </c>
      <c r="AA20418" s="5">
        <v>7</v>
      </c>
      <c r="AB20418" s="5" t="s">
        <v>43</v>
      </c>
      <c r="AC20418" s="5" t="s">
        <v>735</v>
      </c>
      <c r="AD20418" s="2" t="s">
        <v>65562</v>
      </c>
      <c r="AE20418" s="1"/>
    </row>
    <row r="20419" spans="1:31" ht="14.45">
      <c r="A20419" s="11"/>
      <c r="B20419" s="20"/>
      <c r="C20419" s="2" t="s">
        <v>65563</v>
      </c>
      <c r="D20419" s="14" t="s">
        <v>65564</v>
      </c>
      <c r="E20419" s="2" t="s">
        <v>65565</v>
      </c>
      <c r="F20419" s="2" t="s">
        <v>59883</v>
      </c>
      <c r="G20419" s="8">
        <v>1512</v>
      </c>
      <c r="H20419" s="5">
        <v>5</v>
      </c>
      <c r="I20419" s="5" t="s">
        <v>69</v>
      </c>
      <c r="J20419" s="5" t="s">
        <v>64797</v>
      </c>
      <c r="K20419" s="2" t="s">
        <v>64798</v>
      </c>
      <c r="L20419" s="5" t="s">
        <v>64797</v>
      </c>
      <c r="M20419" s="2" t="s">
        <v>64798</v>
      </c>
      <c r="N20419" s="5" t="s">
        <v>733</v>
      </c>
      <c r="O20419" s="5" t="s">
        <v>38</v>
      </c>
      <c r="P20419" s="5" t="s">
        <v>39</v>
      </c>
      <c r="Q20419" s="5" t="s">
        <v>40</v>
      </c>
      <c r="R20419" s="5" t="s">
        <v>897</v>
      </c>
      <c r="S20419" s="5" t="s">
        <v>40</v>
      </c>
      <c r="T20419" s="5" t="s">
        <v>42</v>
      </c>
      <c r="U20419" s="2">
        <v>79.841999999999999</v>
      </c>
      <c r="V20419" s="2">
        <v>74.757000000000005</v>
      </c>
      <c r="W20419" s="2">
        <v>0.315</v>
      </c>
      <c r="X20419" s="2">
        <v>17</v>
      </c>
      <c r="Y20419" s="2">
        <v>120.7</v>
      </c>
      <c r="Z20419" s="2">
        <v>153.6</v>
      </c>
      <c r="AA20419" s="5">
        <v>7</v>
      </c>
      <c r="AB20419" s="5" t="s">
        <v>43</v>
      </c>
      <c r="AC20419" s="5" t="s">
        <v>735</v>
      </c>
      <c r="AD20419" s="2" t="s">
        <v>65566</v>
      </c>
      <c r="AE20419" s="1"/>
    </row>
    <row r="20420" spans="1:31" ht="14.45">
      <c r="A20420" s="11"/>
      <c r="B20420" s="20"/>
      <c r="C20420" s="2" t="s">
        <v>65567</v>
      </c>
      <c r="D20420" s="14" t="s">
        <v>65568</v>
      </c>
      <c r="E20420" s="2" t="s">
        <v>65569</v>
      </c>
      <c r="F20420" s="2" t="s">
        <v>59902</v>
      </c>
      <c r="G20420" s="8">
        <v>1740</v>
      </c>
      <c r="H20420" s="5">
        <v>10</v>
      </c>
      <c r="I20420" s="5" t="s">
        <v>69</v>
      </c>
      <c r="J20420" s="5" t="s">
        <v>64797</v>
      </c>
      <c r="K20420" s="2" t="s">
        <v>64798</v>
      </c>
      <c r="L20420" s="5" t="s">
        <v>64797</v>
      </c>
      <c r="M20420" s="2" t="s">
        <v>64798</v>
      </c>
      <c r="N20420" s="5" t="s">
        <v>733</v>
      </c>
      <c r="O20420" s="5" t="s">
        <v>38</v>
      </c>
      <c r="P20420" s="5" t="s">
        <v>39</v>
      </c>
      <c r="Q20420" s="5" t="s">
        <v>40</v>
      </c>
      <c r="R20420" s="5" t="s">
        <v>897</v>
      </c>
      <c r="S20420" s="5" t="s">
        <v>40</v>
      </c>
      <c r="T20420" s="5" t="s">
        <v>42</v>
      </c>
      <c r="U20420" s="2">
        <v>79.992999999999995</v>
      </c>
      <c r="V20420" s="2">
        <v>74.626000000000005</v>
      </c>
      <c r="W20420" s="2">
        <v>0.32600000000000001</v>
      </c>
      <c r="X20420" s="2">
        <v>17</v>
      </c>
      <c r="Y20420" s="2">
        <v>124.7</v>
      </c>
      <c r="Z20420" s="2">
        <v>153.6</v>
      </c>
      <c r="AA20420" s="5">
        <v>7</v>
      </c>
      <c r="AB20420" s="5" t="s">
        <v>43</v>
      </c>
      <c r="AC20420" s="5" t="s">
        <v>735</v>
      </c>
      <c r="AD20420" s="2" t="s">
        <v>65570</v>
      </c>
      <c r="AE20420" s="1"/>
    </row>
    <row r="20421" spans="1:31" ht="14.45">
      <c r="A20421" s="11"/>
      <c r="B20421" s="20"/>
      <c r="C20421" s="2" t="s">
        <v>65571</v>
      </c>
      <c r="D20421" s="14" t="s">
        <v>65572</v>
      </c>
      <c r="E20421" s="2" t="s">
        <v>65573</v>
      </c>
      <c r="F20421" s="2" t="s">
        <v>59915</v>
      </c>
      <c r="G20421" s="8">
        <v>1294</v>
      </c>
      <c r="H20421" s="5">
        <v>10</v>
      </c>
      <c r="I20421" s="5" t="s">
        <v>69</v>
      </c>
      <c r="J20421" s="5" t="s">
        <v>64797</v>
      </c>
      <c r="K20421" s="2" t="s">
        <v>64798</v>
      </c>
      <c r="L20421" s="5" t="s">
        <v>64797</v>
      </c>
      <c r="M20421" s="2" t="s">
        <v>64798</v>
      </c>
      <c r="N20421" s="5" t="s">
        <v>733</v>
      </c>
      <c r="O20421" s="5" t="s">
        <v>38</v>
      </c>
      <c r="P20421" s="5" t="s">
        <v>39</v>
      </c>
      <c r="Q20421" s="5" t="s">
        <v>40</v>
      </c>
      <c r="R20421" s="5" t="s">
        <v>897</v>
      </c>
      <c r="S20421" s="5" t="s">
        <v>40</v>
      </c>
      <c r="T20421" s="5" t="s">
        <v>42</v>
      </c>
      <c r="U20421" s="2">
        <v>80.296000000000006</v>
      </c>
      <c r="V20421" s="2">
        <v>74.929000000000002</v>
      </c>
      <c r="W20421" s="2">
        <v>0.32600000000000001</v>
      </c>
      <c r="X20421" s="2">
        <v>17</v>
      </c>
      <c r="Y20421" s="2">
        <v>124.7</v>
      </c>
      <c r="Z20421" s="2">
        <v>153.6</v>
      </c>
      <c r="AA20421" s="5">
        <v>7</v>
      </c>
      <c r="AB20421" s="5" t="s">
        <v>43</v>
      </c>
      <c r="AC20421" s="5" t="s">
        <v>735</v>
      </c>
      <c r="AD20421" s="2" t="s">
        <v>65574</v>
      </c>
      <c r="AE20421" s="1"/>
    </row>
    <row r="20422" spans="1:31" ht="14.45">
      <c r="A20422" s="11"/>
      <c r="B20422" s="20"/>
      <c r="C20422" s="2" t="s">
        <v>65575</v>
      </c>
      <c r="D20422" s="14" t="s">
        <v>65576</v>
      </c>
      <c r="E20422" s="2" t="s">
        <v>65577</v>
      </c>
      <c r="F20422" s="2" t="s">
        <v>59928</v>
      </c>
      <c r="G20422" s="8">
        <v>1019</v>
      </c>
      <c r="H20422" s="5">
        <v>5</v>
      </c>
      <c r="I20422" s="5" t="s">
        <v>69</v>
      </c>
      <c r="J20422" s="5" t="s">
        <v>64797</v>
      </c>
      <c r="K20422" s="2" t="s">
        <v>64798</v>
      </c>
      <c r="L20422" s="5" t="s">
        <v>64797</v>
      </c>
      <c r="M20422" s="2" t="s">
        <v>64798</v>
      </c>
      <c r="N20422" s="5" t="s">
        <v>733</v>
      </c>
      <c r="O20422" s="5" t="s">
        <v>38</v>
      </c>
      <c r="P20422" s="5" t="s">
        <v>39</v>
      </c>
      <c r="Q20422" s="5" t="s">
        <v>40</v>
      </c>
      <c r="R20422" s="5" t="s">
        <v>897</v>
      </c>
      <c r="S20422" s="5" t="s">
        <v>40</v>
      </c>
      <c r="T20422" s="5" t="s">
        <v>42</v>
      </c>
      <c r="U20422" s="2">
        <v>70.352999999999994</v>
      </c>
      <c r="V20422" s="2">
        <v>65.236000000000004</v>
      </c>
      <c r="W20422" s="2">
        <v>0.315</v>
      </c>
      <c r="X20422" s="2">
        <v>17</v>
      </c>
      <c r="Y20422" s="2">
        <v>120.7</v>
      </c>
      <c r="Z20422" s="2">
        <v>153.6</v>
      </c>
      <c r="AA20422" s="5">
        <v>7</v>
      </c>
      <c r="AB20422" s="5" t="s">
        <v>43</v>
      </c>
      <c r="AC20422" s="5" t="s">
        <v>735</v>
      </c>
      <c r="AD20422" s="2" t="s">
        <v>65578</v>
      </c>
      <c r="AE20422" s="1"/>
    </row>
    <row r="20423" spans="1:31" ht="14.45">
      <c r="A20423" s="11"/>
      <c r="B20423" s="20"/>
      <c r="C20423" s="2" t="s">
        <v>65579</v>
      </c>
      <c r="D20423" s="14" t="s">
        <v>65580</v>
      </c>
      <c r="E20423" s="2" t="s">
        <v>65581</v>
      </c>
      <c r="F20423" s="2" t="s">
        <v>59955</v>
      </c>
      <c r="G20423" s="8">
        <v>1369</v>
      </c>
      <c r="H20423" s="5">
        <v>5</v>
      </c>
      <c r="I20423" s="5" t="s">
        <v>69</v>
      </c>
      <c r="J20423" s="5" t="s">
        <v>64797</v>
      </c>
      <c r="K20423" s="2" t="s">
        <v>64798</v>
      </c>
      <c r="L20423" s="5" t="s">
        <v>64797</v>
      </c>
      <c r="M20423" s="2" t="s">
        <v>64798</v>
      </c>
      <c r="N20423" s="5" t="s">
        <v>733</v>
      </c>
      <c r="O20423" s="5" t="s">
        <v>38</v>
      </c>
      <c r="P20423" s="5" t="s">
        <v>39</v>
      </c>
      <c r="Q20423" s="5" t="s">
        <v>40</v>
      </c>
      <c r="R20423" s="5" t="s">
        <v>897</v>
      </c>
      <c r="S20423" s="5" t="s">
        <v>40</v>
      </c>
      <c r="T20423" s="5" t="s">
        <v>42</v>
      </c>
      <c r="U20423" s="2">
        <v>80.144999999999996</v>
      </c>
      <c r="V20423" s="2">
        <v>74.778000000000006</v>
      </c>
      <c r="W20423" s="2">
        <v>0.32600000000000001</v>
      </c>
      <c r="X20423" s="2">
        <v>17</v>
      </c>
      <c r="Y20423" s="2">
        <v>124.7</v>
      </c>
      <c r="Z20423" s="2">
        <v>153.6</v>
      </c>
      <c r="AA20423" s="5">
        <v>7</v>
      </c>
      <c r="AB20423" s="5" t="s">
        <v>43</v>
      </c>
      <c r="AC20423" s="5" t="s">
        <v>735</v>
      </c>
      <c r="AD20423" s="2" t="s">
        <v>65582</v>
      </c>
      <c r="AE20423" s="1"/>
    </row>
    <row r="20424" spans="1:31" ht="14.45">
      <c r="A20424" s="11"/>
      <c r="B20424" s="20"/>
      <c r="C20424" s="2" t="s">
        <v>65583</v>
      </c>
      <c r="D20424" s="14" t="s">
        <v>65584</v>
      </c>
      <c r="E20424" s="2" t="s">
        <v>65585</v>
      </c>
      <c r="F20424" s="2" t="s">
        <v>60002</v>
      </c>
      <c r="G20424" s="8">
        <v>1837</v>
      </c>
      <c r="H20424" s="5">
        <v>10</v>
      </c>
      <c r="I20424" s="5" t="s">
        <v>69</v>
      </c>
      <c r="J20424" s="5" t="s">
        <v>64797</v>
      </c>
      <c r="K20424" s="2" t="s">
        <v>64798</v>
      </c>
      <c r="L20424" s="5" t="s">
        <v>64797</v>
      </c>
      <c r="M20424" s="2" t="s">
        <v>64798</v>
      </c>
      <c r="N20424" s="5" t="s">
        <v>733</v>
      </c>
      <c r="O20424" s="5" t="s">
        <v>38</v>
      </c>
      <c r="P20424" s="5" t="s">
        <v>39</v>
      </c>
      <c r="Q20424" s="5" t="s">
        <v>40</v>
      </c>
      <c r="R20424" s="5" t="s">
        <v>897</v>
      </c>
      <c r="S20424" s="5" t="s">
        <v>40</v>
      </c>
      <c r="T20424" s="5" t="s">
        <v>42</v>
      </c>
      <c r="U20424" s="2">
        <v>85.305999999999997</v>
      </c>
      <c r="V20424" s="2">
        <v>79.938999999999993</v>
      </c>
      <c r="W20424" s="2">
        <v>0.32600000000000001</v>
      </c>
      <c r="X20424" s="2">
        <v>17</v>
      </c>
      <c r="Y20424" s="2">
        <v>124.7</v>
      </c>
      <c r="Z20424" s="2">
        <v>153.6</v>
      </c>
      <c r="AA20424" s="5">
        <v>7</v>
      </c>
      <c r="AB20424" s="5" t="s">
        <v>43</v>
      </c>
      <c r="AC20424" s="5" t="s">
        <v>735</v>
      </c>
      <c r="AD20424" s="2" t="s">
        <v>65586</v>
      </c>
      <c r="AE20424" s="1"/>
    </row>
    <row r="20425" spans="1:31" ht="14.45">
      <c r="A20425" s="11"/>
      <c r="B20425" s="20"/>
      <c r="C20425" s="2" t="s">
        <v>65587</v>
      </c>
      <c r="D20425" s="14" t="s">
        <v>65588</v>
      </c>
      <c r="E20425" s="2" t="s">
        <v>65589</v>
      </c>
      <c r="F20425" s="2" t="s">
        <v>65590</v>
      </c>
      <c r="G20425" s="8">
        <v>1980</v>
      </c>
      <c r="H20425" s="5">
        <v>10</v>
      </c>
      <c r="I20425" s="5" t="s">
        <v>69</v>
      </c>
      <c r="J20425" s="5" t="s">
        <v>64797</v>
      </c>
      <c r="K20425" s="2" t="s">
        <v>64798</v>
      </c>
      <c r="L20425" s="5" t="s">
        <v>64797</v>
      </c>
      <c r="M20425" s="2" t="s">
        <v>64798</v>
      </c>
      <c r="N20425" s="5" t="s">
        <v>733</v>
      </c>
      <c r="O20425" s="5" t="s">
        <v>38</v>
      </c>
      <c r="P20425" s="5" t="s">
        <v>39</v>
      </c>
      <c r="Q20425" s="5" t="s">
        <v>40</v>
      </c>
      <c r="R20425" s="5" t="s">
        <v>897</v>
      </c>
      <c r="S20425" s="5" t="s">
        <v>40</v>
      </c>
      <c r="T20425" s="5" t="s">
        <v>42</v>
      </c>
      <c r="U20425" s="2">
        <v>83.162999999999997</v>
      </c>
      <c r="V20425" s="2">
        <v>77.796000000000006</v>
      </c>
      <c r="W20425" s="2">
        <v>0.32600000000000001</v>
      </c>
      <c r="X20425" s="2">
        <v>17</v>
      </c>
      <c r="Y20425" s="2">
        <v>124.7</v>
      </c>
      <c r="Z20425" s="2">
        <v>153.6</v>
      </c>
      <c r="AA20425" s="5">
        <v>7</v>
      </c>
      <c r="AB20425" s="5" t="s">
        <v>43</v>
      </c>
      <c r="AC20425" s="5" t="s">
        <v>735</v>
      </c>
      <c r="AD20425" s="2" t="s">
        <v>65591</v>
      </c>
      <c r="AE20425" s="1"/>
    </row>
    <row r="20426" spans="1:31" ht="14.45">
      <c r="A20426" s="11"/>
      <c r="B20426" s="20"/>
      <c r="C20426" s="2" t="s">
        <v>65592</v>
      </c>
      <c r="D20426" s="14" t="s">
        <v>65593</v>
      </c>
      <c r="E20426" s="2" t="s">
        <v>65594</v>
      </c>
      <c r="F20426" s="2" t="s">
        <v>60021</v>
      </c>
      <c r="G20426" s="8">
        <v>1837</v>
      </c>
      <c r="H20426" s="5">
        <v>10</v>
      </c>
      <c r="I20426" s="5" t="s">
        <v>69</v>
      </c>
      <c r="J20426" s="5" t="s">
        <v>64797</v>
      </c>
      <c r="K20426" s="2" t="s">
        <v>64798</v>
      </c>
      <c r="L20426" s="5" t="s">
        <v>64797</v>
      </c>
      <c r="M20426" s="2" t="s">
        <v>64798</v>
      </c>
      <c r="N20426" s="5" t="s">
        <v>733</v>
      </c>
      <c r="O20426" s="5" t="s">
        <v>38</v>
      </c>
      <c r="P20426" s="5" t="s">
        <v>39</v>
      </c>
      <c r="Q20426" s="5" t="s">
        <v>40</v>
      </c>
      <c r="R20426" s="5" t="s">
        <v>897</v>
      </c>
      <c r="S20426" s="5" t="s">
        <v>40</v>
      </c>
      <c r="T20426" s="5" t="s">
        <v>42</v>
      </c>
      <c r="U20426" s="2">
        <v>83.100999999999999</v>
      </c>
      <c r="V20426" s="2">
        <v>77.733999999999995</v>
      </c>
      <c r="W20426" s="2">
        <v>0.32600000000000001</v>
      </c>
      <c r="X20426" s="2">
        <v>17</v>
      </c>
      <c r="Y20426" s="2">
        <v>124.7</v>
      </c>
      <c r="Z20426" s="2">
        <v>153.6</v>
      </c>
      <c r="AA20426" s="5">
        <v>7</v>
      </c>
      <c r="AB20426" s="5" t="s">
        <v>43</v>
      </c>
      <c r="AC20426" s="5" t="s">
        <v>735</v>
      </c>
      <c r="AD20426" s="2" t="s">
        <v>65595</v>
      </c>
      <c r="AE20426" s="1"/>
    </row>
    <row r="20427" spans="1:31" ht="14.45">
      <c r="A20427" s="11"/>
      <c r="B20427" s="20"/>
      <c r="C20427" s="2" t="s">
        <v>65596</v>
      </c>
      <c r="D20427" s="14" t="s">
        <v>65597</v>
      </c>
      <c r="E20427" s="2" t="s">
        <v>65598</v>
      </c>
      <c r="F20427" s="2" t="s">
        <v>60036</v>
      </c>
      <c r="G20427" s="8">
        <v>1512</v>
      </c>
      <c r="H20427" s="5">
        <v>5</v>
      </c>
      <c r="I20427" s="5" t="s">
        <v>69</v>
      </c>
      <c r="J20427" s="5" t="s">
        <v>64797</v>
      </c>
      <c r="K20427" s="2" t="s">
        <v>64798</v>
      </c>
      <c r="L20427" s="5" t="s">
        <v>64797</v>
      </c>
      <c r="M20427" s="2" t="s">
        <v>64798</v>
      </c>
      <c r="N20427" s="5" t="s">
        <v>733</v>
      </c>
      <c r="O20427" s="5" t="s">
        <v>38</v>
      </c>
      <c r="P20427" s="5" t="s">
        <v>39</v>
      </c>
      <c r="Q20427" s="5" t="s">
        <v>40</v>
      </c>
      <c r="R20427" s="5" t="s">
        <v>897</v>
      </c>
      <c r="S20427" s="5" t="s">
        <v>40</v>
      </c>
      <c r="T20427" s="5" t="s">
        <v>42</v>
      </c>
      <c r="U20427" s="2">
        <v>79.778999999999996</v>
      </c>
      <c r="V20427" s="2">
        <v>74.694000000000003</v>
      </c>
      <c r="W20427" s="2">
        <v>0.315</v>
      </c>
      <c r="X20427" s="2">
        <v>17</v>
      </c>
      <c r="Y20427" s="2">
        <v>120.7</v>
      </c>
      <c r="Z20427" s="2">
        <v>153.6</v>
      </c>
      <c r="AA20427" s="5">
        <v>7</v>
      </c>
      <c r="AB20427" s="5" t="s">
        <v>43</v>
      </c>
      <c r="AC20427" s="5" t="s">
        <v>735</v>
      </c>
      <c r="AD20427" s="2" t="s">
        <v>65599</v>
      </c>
      <c r="AE20427" s="1"/>
    </row>
    <row r="20428" spans="1:31" ht="14.45">
      <c r="A20428" s="11"/>
      <c r="B20428" s="20"/>
      <c r="C20428" s="2" t="s">
        <v>65600</v>
      </c>
      <c r="D20428" s="14" t="s">
        <v>65601</v>
      </c>
      <c r="E20428" s="2" t="s">
        <v>65602</v>
      </c>
      <c r="F20428" s="2" t="s">
        <v>60050</v>
      </c>
      <c r="G20428" s="8">
        <v>1740</v>
      </c>
      <c r="H20428" s="5">
        <v>10</v>
      </c>
      <c r="I20428" s="5" t="s">
        <v>69</v>
      </c>
      <c r="J20428" s="5" t="s">
        <v>64797</v>
      </c>
      <c r="K20428" s="2" t="s">
        <v>64798</v>
      </c>
      <c r="L20428" s="5" t="s">
        <v>64797</v>
      </c>
      <c r="M20428" s="2" t="s">
        <v>64798</v>
      </c>
      <c r="N20428" s="5" t="s">
        <v>733</v>
      </c>
      <c r="O20428" s="5" t="s">
        <v>38</v>
      </c>
      <c r="P20428" s="5" t="s">
        <v>39</v>
      </c>
      <c r="Q20428" s="5" t="s">
        <v>40</v>
      </c>
      <c r="R20428" s="5" t="s">
        <v>897</v>
      </c>
      <c r="S20428" s="5" t="s">
        <v>40</v>
      </c>
      <c r="T20428" s="5" t="s">
        <v>42</v>
      </c>
      <c r="U20428" s="2">
        <v>79.802000000000007</v>
      </c>
      <c r="V20428" s="2">
        <v>74.435000000000002</v>
      </c>
      <c r="W20428" s="2">
        <v>0.32600000000000001</v>
      </c>
      <c r="X20428" s="2">
        <v>17</v>
      </c>
      <c r="Y20428" s="2">
        <v>124.7</v>
      </c>
      <c r="Z20428" s="2">
        <v>153.6</v>
      </c>
      <c r="AA20428" s="5">
        <v>7</v>
      </c>
      <c r="AB20428" s="5" t="s">
        <v>43</v>
      </c>
      <c r="AC20428" s="5" t="s">
        <v>735</v>
      </c>
      <c r="AD20428" s="2" t="s">
        <v>65603</v>
      </c>
      <c r="AE20428" s="1"/>
    </row>
    <row r="20429" spans="1:31" ht="14.45">
      <c r="A20429" s="11"/>
      <c r="B20429" s="20"/>
      <c r="C20429" s="2" t="s">
        <v>65604</v>
      </c>
      <c r="D20429" s="14" t="s">
        <v>65605</v>
      </c>
      <c r="E20429" s="2" t="s">
        <v>65606</v>
      </c>
      <c r="F20429" s="2" t="s">
        <v>60063</v>
      </c>
      <c r="G20429" s="8">
        <v>1294</v>
      </c>
      <c r="H20429" s="5">
        <v>10</v>
      </c>
      <c r="I20429" s="5" t="s">
        <v>69</v>
      </c>
      <c r="J20429" s="5" t="s">
        <v>64797</v>
      </c>
      <c r="K20429" s="2" t="s">
        <v>64798</v>
      </c>
      <c r="L20429" s="5" t="s">
        <v>64797</v>
      </c>
      <c r="M20429" s="2" t="s">
        <v>64798</v>
      </c>
      <c r="N20429" s="5" t="s">
        <v>733</v>
      </c>
      <c r="O20429" s="5" t="s">
        <v>38</v>
      </c>
      <c r="P20429" s="5" t="s">
        <v>39</v>
      </c>
      <c r="Q20429" s="5" t="s">
        <v>40</v>
      </c>
      <c r="R20429" s="5" t="s">
        <v>897</v>
      </c>
      <c r="S20429" s="5" t="s">
        <v>40</v>
      </c>
      <c r="T20429" s="5" t="s">
        <v>42</v>
      </c>
      <c r="U20429" s="2">
        <v>80.105000000000004</v>
      </c>
      <c r="V20429" s="2">
        <v>74.738</v>
      </c>
      <c r="W20429" s="2">
        <v>0.32600000000000001</v>
      </c>
      <c r="X20429" s="2">
        <v>17</v>
      </c>
      <c r="Y20429" s="2">
        <v>124.7</v>
      </c>
      <c r="Z20429" s="2">
        <v>153.6</v>
      </c>
      <c r="AA20429" s="5">
        <v>7</v>
      </c>
      <c r="AB20429" s="5" t="s">
        <v>43</v>
      </c>
      <c r="AC20429" s="5" t="s">
        <v>735</v>
      </c>
      <c r="AD20429" s="2" t="s">
        <v>65607</v>
      </c>
      <c r="AE20429" s="1"/>
    </row>
    <row r="20430" spans="1:31" ht="14.45">
      <c r="A20430" s="11"/>
      <c r="B20430" s="20"/>
      <c r="C20430" s="2" t="s">
        <v>65608</v>
      </c>
      <c r="D20430" s="14" t="s">
        <v>65609</v>
      </c>
      <c r="E20430" s="2" t="s">
        <v>65610</v>
      </c>
      <c r="F20430" s="2" t="s">
        <v>60076</v>
      </c>
      <c r="G20430" s="8">
        <v>1019</v>
      </c>
      <c r="H20430" s="5">
        <v>5</v>
      </c>
      <c r="I20430" s="5" t="s">
        <v>69</v>
      </c>
      <c r="J20430" s="5" t="s">
        <v>64797</v>
      </c>
      <c r="K20430" s="2" t="s">
        <v>64798</v>
      </c>
      <c r="L20430" s="5" t="s">
        <v>64797</v>
      </c>
      <c r="M20430" s="2" t="s">
        <v>64798</v>
      </c>
      <c r="N20430" s="5" t="s">
        <v>733</v>
      </c>
      <c r="O20430" s="5" t="s">
        <v>38</v>
      </c>
      <c r="P20430" s="5" t="s">
        <v>39</v>
      </c>
      <c r="Q20430" s="5" t="s">
        <v>40</v>
      </c>
      <c r="R20430" s="5" t="s">
        <v>897</v>
      </c>
      <c r="S20430" s="5" t="s">
        <v>40</v>
      </c>
      <c r="T20430" s="5" t="s">
        <v>42</v>
      </c>
      <c r="U20430" s="2">
        <v>70.290000000000006</v>
      </c>
      <c r="V20430" s="2">
        <v>65.173000000000002</v>
      </c>
      <c r="W20430" s="2">
        <v>0.315</v>
      </c>
      <c r="X20430" s="2">
        <v>17</v>
      </c>
      <c r="Y20430" s="2">
        <v>120.7</v>
      </c>
      <c r="Z20430" s="2">
        <v>153.6</v>
      </c>
      <c r="AA20430" s="5">
        <v>7</v>
      </c>
      <c r="AB20430" s="5" t="s">
        <v>43</v>
      </c>
      <c r="AC20430" s="5" t="s">
        <v>735</v>
      </c>
      <c r="AD20430" s="2" t="s">
        <v>65611</v>
      </c>
      <c r="AE20430" s="1"/>
    </row>
    <row r="20431" spans="1:31" ht="14.45">
      <c r="A20431" s="11"/>
      <c r="B20431" s="20"/>
      <c r="C20431" s="2" t="s">
        <v>65612</v>
      </c>
      <c r="D20431" s="14" t="s">
        <v>65613</v>
      </c>
      <c r="E20431" s="2" t="s">
        <v>65614</v>
      </c>
      <c r="F20431" s="2" t="s">
        <v>60093</v>
      </c>
      <c r="G20431" s="8">
        <v>1369</v>
      </c>
      <c r="H20431" s="5">
        <v>5</v>
      </c>
      <c r="I20431" s="5" t="s">
        <v>69</v>
      </c>
      <c r="J20431" s="5" t="s">
        <v>64797</v>
      </c>
      <c r="K20431" s="2" t="s">
        <v>64798</v>
      </c>
      <c r="L20431" s="5" t="s">
        <v>64797</v>
      </c>
      <c r="M20431" s="2" t="s">
        <v>64798</v>
      </c>
      <c r="N20431" s="5" t="s">
        <v>733</v>
      </c>
      <c r="O20431" s="5" t="s">
        <v>38</v>
      </c>
      <c r="P20431" s="5" t="s">
        <v>39</v>
      </c>
      <c r="Q20431" s="5" t="s">
        <v>40</v>
      </c>
      <c r="R20431" s="5" t="s">
        <v>897</v>
      </c>
      <c r="S20431" s="5" t="s">
        <v>40</v>
      </c>
      <c r="T20431" s="5" t="s">
        <v>42</v>
      </c>
      <c r="U20431" s="2">
        <v>79.716999999999999</v>
      </c>
      <c r="V20431" s="2">
        <v>74.632000000000005</v>
      </c>
      <c r="W20431" s="2">
        <v>0.315</v>
      </c>
      <c r="X20431" s="2">
        <v>17</v>
      </c>
      <c r="Y20431" s="2">
        <v>120.7</v>
      </c>
      <c r="Z20431" s="2">
        <v>153.6</v>
      </c>
      <c r="AA20431" s="5">
        <v>7</v>
      </c>
      <c r="AB20431" s="5" t="s">
        <v>43</v>
      </c>
      <c r="AC20431" s="5" t="s">
        <v>735</v>
      </c>
      <c r="AD20431" s="2" t="s">
        <v>65615</v>
      </c>
      <c r="AE20431" s="1"/>
    </row>
    <row r="20432" spans="1:31" ht="14.45">
      <c r="A20432" s="11"/>
      <c r="B20432" s="20"/>
      <c r="C20432" s="2" t="s">
        <v>65616</v>
      </c>
      <c r="D20432" s="14" t="s">
        <v>65617</v>
      </c>
      <c r="E20432" s="2" t="s">
        <v>65618</v>
      </c>
      <c r="F20432" s="2" t="s">
        <v>60120</v>
      </c>
      <c r="G20432" s="8">
        <v>1837</v>
      </c>
      <c r="H20432" s="5">
        <v>10</v>
      </c>
      <c r="I20432" s="5" t="s">
        <v>69</v>
      </c>
      <c r="J20432" s="5" t="s">
        <v>64797</v>
      </c>
      <c r="K20432" s="2" t="s">
        <v>64798</v>
      </c>
      <c r="L20432" s="5" t="s">
        <v>64797</v>
      </c>
      <c r="M20432" s="2" t="s">
        <v>64798</v>
      </c>
      <c r="N20432" s="5" t="s">
        <v>733</v>
      </c>
      <c r="O20432" s="5" t="s">
        <v>38</v>
      </c>
      <c r="P20432" s="5" t="s">
        <v>39</v>
      </c>
      <c r="Q20432" s="5" t="s">
        <v>40</v>
      </c>
      <c r="R20432" s="5" t="s">
        <v>897</v>
      </c>
      <c r="S20432" s="5" t="s">
        <v>40</v>
      </c>
      <c r="T20432" s="5" t="s">
        <v>42</v>
      </c>
      <c r="U20432" s="2">
        <v>85.334999999999994</v>
      </c>
      <c r="V20432" s="2">
        <v>79.968000000000004</v>
      </c>
      <c r="W20432" s="2">
        <v>0.32600000000000001</v>
      </c>
      <c r="X20432" s="2">
        <v>17</v>
      </c>
      <c r="Y20432" s="2">
        <v>124.7</v>
      </c>
      <c r="Z20432" s="2">
        <v>153.6</v>
      </c>
      <c r="AA20432" s="5">
        <v>7</v>
      </c>
      <c r="AB20432" s="5" t="s">
        <v>43</v>
      </c>
      <c r="AC20432" s="5" t="s">
        <v>735</v>
      </c>
      <c r="AD20432" s="2" t="s">
        <v>65619</v>
      </c>
      <c r="AE20432" s="1"/>
    </row>
    <row r="20433" spans="1:31" ht="14.45">
      <c r="A20433" s="11"/>
      <c r="B20433" s="20"/>
      <c r="C20433" s="2" t="s">
        <v>65620</v>
      </c>
      <c r="D20433" s="14" t="s">
        <v>65621</v>
      </c>
      <c r="E20433" s="2" t="s">
        <v>65622</v>
      </c>
      <c r="F20433" s="2" t="s">
        <v>60154</v>
      </c>
      <c r="G20433" s="8">
        <v>1650</v>
      </c>
      <c r="H20433" s="5">
        <v>5</v>
      </c>
      <c r="I20433" s="5" t="s">
        <v>69</v>
      </c>
      <c r="J20433" s="5" t="s">
        <v>64797</v>
      </c>
      <c r="K20433" s="2" t="s">
        <v>64798</v>
      </c>
      <c r="L20433" s="5" t="s">
        <v>64797</v>
      </c>
      <c r="M20433" s="2" t="s">
        <v>64798</v>
      </c>
      <c r="N20433" s="5" t="s">
        <v>733</v>
      </c>
      <c r="O20433" s="5" t="s">
        <v>38</v>
      </c>
      <c r="P20433" s="5" t="s">
        <v>39</v>
      </c>
      <c r="Q20433" s="5" t="s">
        <v>40</v>
      </c>
      <c r="R20433" s="5" t="s">
        <v>897</v>
      </c>
      <c r="S20433" s="5" t="s">
        <v>40</v>
      </c>
      <c r="T20433" s="5" t="s">
        <v>42</v>
      </c>
      <c r="U20433" s="2">
        <v>91.405000000000001</v>
      </c>
      <c r="V20433" s="2">
        <v>85.667000000000002</v>
      </c>
      <c r="W20433" s="2">
        <v>0.36299999999999999</v>
      </c>
      <c r="X20433" s="2">
        <v>17</v>
      </c>
      <c r="Y20433" s="2">
        <v>122.7</v>
      </c>
      <c r="Z20433" s="2">
        <v>173.8</v>
      </c>
      <c r="AA20433" s="5">
        <v>7</v>
      </c>
      <c r="AB20433" s="5" t="s">
        <v>43</v>
      </c>
      <c r="AC20433" s="5" t="s">
        <v>735</v>
      </c>
      <c r="AD20433" s="2" t="s">
        <v>65623</v>
      </c>
      <c r="AE20433" s="1"/>
    </row>
    <row r="20434" spans="1:31" ht="14.45">
      <c r="A20434" s="11"/>
      <c r="B20434" s="20"/>
      <c r="C20434" s="2" t="s">
        <v>65624</v>
      </c>
      <c r="D20434" s="14" t="s">
        <v>65625</v>
      </c>
      <c r="E20434" s="2" t="s">
        <v>65626</v>
      </c>
      <c r="F20434" s="2" t="s">
        <v>60164</v>
      </c>
      <c r="G20434" s="8">
        <v>1910</v>
      </c>
      <c r="H20434" s="5">
        <v>10</v>
      </c>
      <c r="I20434" s="5" t="s">
        <v>69</v>
      </c>
      <c r="J20434" s="5" t="s">
        <v>64797</v>
      </c>
      <c r="K20434" s="2" t="s">
        <v>64798</v>
      </c>
      <c r="L20434" s="5" t="s">
        <v>64797</v>
      </c>
      <c r="M20434" s="2" t="s">
        <v>64798</v>
      </c>
      <c r="N20434" s="5" t="s">
        <v>733</v>
      </c>
      <c r="O20434" s="5" t="s">
        <v>38</v>
      </c>
      <c r="P20434" s="5" t="s">
        <v>39</v>
      </c>
      <c r="Q20434" s="5" t="s">
        <v>40</v>
      </c>
      <c r="R20434" s="5" t="s">
        <v>897</v>
      </c>
      <c r="S20434" s="5" t="s">
        <v>40</v>
      </c>
      <c r="T20434" s="5" t="s">
        <v>42</v>
      </c>
      <c r="U20434" s="2">
        <v>90.704999999999998</v>
      </c>
      <c r="V20434" s="2">
        <v>84.799000000000007</v>
      </c>
      <c r="W20434" s="2">
        <v>0.36799999999999999</v>
      </c>
      <c r="X20434" s="2">
        <v>17</v>
      </c>
      <c r="Y20434" s="2">
        <v>124.7</v>
      </c>
      <c r="Z20434" s="2">
        <v>173.8</v>
      </c>
      <c r="AA20434" s="5">
        <v>7</v>
      </c>
      <c r="AB20434" s="5" t="s">
        <v>43</v>
      </c>
      <c r="AC20434" s="5" t="s">
        <v>735</v>
      </c>
      <c r="AD20434" s="2" t="s">
        <v>65627</v>
      </c>
      <c r="AE20434" s="1"/>
    </row>
    <row r="20435" spans="1:31" ht="14.45">
      <c r="A20435" s="11"/>
      <c r="B20435" s="20"/>
      <c r="C20435" s="2" t="s">
        <v>65628</v>
      </c>
      <c r="D20435" s="14" t="s">
        <v>65629</v>
      </c>
      <c r="E20435" s="2" t="s">
        <v>65630</v>
      </c>
      <c r="F20435" s="2" t="s">
        <v>60173</v>
      </c>
      <c r="G20435" s="8">
        <v>1400</v>
      </c>
      <c r="H20435" s="5">
        <v>10</v>
      </c>
      <c r="I20435" s="5" t="s">
        <v>69</v>
      </c>
      <c r="J20435" s="5" t="s">
        <v>64797</v>
      </c>
      <c r="K20435" s="2" t="s">
        <v>64798</v>
      </c>
      <c r="L20435" s="5" t="s">
        <v>64797</v>
      </c>
      <c r="M20435" s="2" t="s">
        <v>64798</v>
      </c>
      <c r="N20435" s="5" t="s">
        <v>733</v>
      </c>
      <c r="O20435" s="5" t="s">
        <v>38</v>
      </c>
      <c r="P20435" s="5" t="s">
        <v>39</v>
      </c>
      <c r="Q20435" s="5" t="s">
        <v>40</v>
      </c>
      <c r="R20435" s="5" t="s">
        <v>897</v>
      </c>
      <c r="S20435" s="5" t="s">
        <v>40</v>
      </c>
      <c r="T20435" s="5" t="s">
        <v>42</v>
      </c>
      <c r="U20435" s="2">
        <v>91.052999999999997</v>
      </c>
      <c r="V20435" s="2">
        <v>85.147000000000006</v>
      </c>
      <c r="W20435" s="2">
        <v>0.36799999999999999</v>
      </c>
      <c r="X20435" s="2">
        <v>17</v>
      </c>
      <c r="Y20435" s="2">
        <v>124.7</v>
      </c>
      <c r="Z20435" s="2">
        <v>173.8</v>
      </c>
      <c r="AA20435" s="5">
        <v>7</v>
      </c>
      <c r="AB20435" s="5" t="s">
        <v>43</v>
      </c>
      <c r="AC20435" s="5" t="s">
        <v>735</v>
      </c>
      <c r="AD20435" s="2" t="s">
        <v>65631</v>
      </c>
      <c r="AE20435" s="1"/>
    </row>
    <row r="20436" spans="1:31" ht="14.45">
      <c r="A20436" s="11"/>
      <c r="B20436" s="20"/>
      <c r="C20436" s="2" t="s">
        <v>65632</v>
      </c>
      <c r="D20436" s="14" t="s">
        <v>65633</v>
      </c>
      <c r="E20436" s="2" t="s">
        <v>65634</v>
      </c>
      <c r="F20436" s="2" t="s">
        <v>60182</v>
      </c>
      <c r="G20436" s="8">
        <v>1085</v>
      </c>
      <c r="H20436" s="5">
        <v>5</v>
      </c>
      <c r="I20436" s="5" t="s">
        <v>69</v>
      </c>
      <c r="J20436" s="5" t="s">
        <v>64797</v>
      </c>
      <c r="K20436" s="2" t="s">
        <v>64798</v>
      </c>
      <c r="L20436" s="5" t="s">
        <v>64797</v>
      </c>
      <c r="M20436" s="2" t="s">
        <v>64798</v>
      </c>
      <c r="N20436" s="5" t="s">
        <v>733</v>
      </c>
      <c r="O20436" s="5" t="s">
        <v>38</v>
      </c>
      <c r="P20436" s="5" t="s">
        <v>39</v>
      </c>
      <c r="Q20436" s="5" t="s">
        <v>40</v>
      </c>
      <c r="R20436" s="5" t="s">
        <v>897</v>
      </c>
      <c r="S20436" s="5" t="s">
        <v>40</v>
      </c>
      <c r="T20436" s="5" t="s">
        <v>42</v>
      </c>
      <c r="U20436" s="2">
        <v>78.849999999999994</v>
      </c>
      <c r="V20436" s="2">
        <v>73.08</v>
      </c>
      <c r="W20436" s="2">
        <v>0.36299999999999999</v>
      </c>
      <c r="X20436" s="2">
        <v>17</v>
      </c>
      <c r="Y20436" s="2">
        <v>122.7</v>
      </c>
      <c r="Z20436" s="2">
        <v>173.8</v>
      </c>
      <c r="AA20436" s="5">
        <v>7</v>
      </c>
      <c r="AB20436" s="5" t="s">
        <v>43</v>
      </c>
      <c r="AC20436" s="5" t="s">
        <v>735</v>
      </c>
      <c r="AD20436" s="2" t="s">
        <v>65635</v>
      </c>
      <c r="AE20436" s="1"/>
    </row>
    <row r="20437" spans="1:31" ht="14.45">
      <c r="A20437" s="11"/>
      <c r="B20437" s="20"/>
      <c r="C20437" s="2" t="s">
        <v>65636</v>
      </c>
      <c r="D20437" s="14" t="s">
        <v>65637</v>
      </c>
      <c r="E20437" s="2" t="s">
        <v>65638</v>
      </c>
      <c r="F20437" s="2" t="s">
        <v>60200</v>
      </c>
      <c r="G20437" s="8">
        <v>1486</v>
      </c>
      <c r="H20437" s="5">
        <v>5</v>
      </c>
      <c r="I20437" s="5" t="s">
        <v>69</v>
      </c>
      <c r="J20437" s="5" t="s">
        <v>64797</v>
      </c>
      <c r="K20437" s="2" t="s">
        <v>64798</v>
      </c>
      <c r="L20437" s="5" t="s">
        <v>64797</v>
      </c>
      <c r="M20437" s="2" t="s">
        <v>64798</v>
      </c>
      <c r="N20437" s="5" t="s">
        <v>733</v>
      </c>
      <c r="O20437" s="5" t="s">
        <v>38</v>
      </c>
      <c r="P20437" s="5" t="s">
        <v>39</v>
      </c>
      <c r="Q20437" s="5" t="s">
        <v>40</v>
      </c>
      <c r="R20437" s="5" t="s">
        <v>897</v>
      </c>
      <c r="S20437" s="5" t="s">
        <v>40</v>
      </c>
      <c r="T20437" s="5" t="s">
        <v>42</v>
      </c>
      <c r="U20437" s="2">
        <v>90.875</v>
      </c>
      <c r="V20437" s="2">
        <v>84.968999999999994</v>
      </c>
      <c r="W20437" s="2">
        <v>0.36799999999999999</v>
      </c>
      <c r="X20437" s="2">
        <v>17</v>
      </c>
      <c r="Y20437" s="2">
        <v>124.7</v>
      </c>
      <c r="Z20437" s="2">
        <v>173.8</v>
      </c>
      <c r="AA20437" s="5">
        <v>7</v>
      </c>
      <c r="AB20437" s="5" t="s">
        <v>43</v>
      </c>
      <c r="AC20437" s="5" t="s">
        <v>735</v>
      </c>
      <c r="AD20437" s="2" t="s">
        <v>65639</v>
      </c>
      <c r="AE20437" s="1"/>
    </row>
    <row r="20438" spans="1:31" ht="14.45">
      <c r="A20438" s="11"/>
      <c r="B20438" s="20"/>
      <c r="C20438" s="2" t="s">
        <v>65640</v>
      </c>
      <c r="D20438" s="14" t="s">
        <v>65641</v>
      </c>
      <c r="E20438" s="2" t="s">
        <v>65642</v>
      </c>
      <c r="F20438" s="2" t="s">
        <v>65643</v>
      </c>
      <c r="G20438" s="8">
        <v>2118</v>
      </c>
      <c r="H20438" s="5">
        <v>10</v>
      </c>
      <c r="I20438" s="5" t="s">
        <v>69</v>
      </c>
      <c r="J20438" s="5" t="s">
        <v>64797</v>
      </c>
      <c r="K20438" s="2" t="s">
        <v>64798</v>
      </c>
      <c r="L20438" s="5" t="s">
        <v>64797</v>
      </c>
      <c r="M20438" s="2" t="s">
        <v>64798</v>
      </c>
      <c r="N20438" s="5" t="s">
        <v>733</v>
      </c>
      <c r="O20438" s="5" t="s">
        <v>38</v>
      </c>
      <c r="P20438" s="5" t="s">
        <v>39</v>
      </c>
      <c r="Q20438" s="5" t="s">
        <v>40</v>
      </c>
      <c r="R20438" s="5" t="s">
        <v>897</v>
      </c>
      <c r="S20438" s="5" t="s">
        <v>40</v>
      </c>
      <c r="T20438" s="5" t="s">
        <v>42</v>
      </c>
      <c r="U20438" s="2">
        <v>84.269000000000005</v>
      </c>
      <c r="V20438" s="2">
        <v>78.363</v>
      </c>
      <c r="W20438" s="2">
        <v>0.36799999999999999</v>
      </c>
      <c r="X20438" s="2">
        <v>17</v>
      </c>
      <c r="Y20438" s="2">
        <v>124.7</v>
      </c>
      <c r="Z20438" s="2">
        <v>173.8</v>
      </c>
      <c r="AA20438" s="5">
        <v>7</v>
      </c>
      <c r="AB20438" s="5" t="s">
        <v>43</v>
      </c>
      <c r="AC20438" s="5" t="s">
        <v>735</v>
      </c>
      <c r="AD20438" s="2" t="s">
        <v>65644</v>
      </c>
      <c r="AE20438" s="1"/>
    </row>
    <row r="20439" spans="1:31" ht="14.45">
      <c r="A20439" s="11"/>
      <c r="B20439" s="20"/>
      <c r="C20439" s="2" t="s">
        <v>65645</v>
      </c>
      <c r="D20439" s="14" t="s">
        <v>65646</v>
      </c>
      <c r="E20439" s="2" t="s">
        <v>65647</v>
      </c>
      <c r="F20439" s="2" t="s">
        <v>60232</v>
      </c>
      <c r="G20439" s="8">
        <v>2118</v>
      </c>
      <c r="H20439" s="5">
        <v>10</v>
      </c>
      <c r="I20439" s="5" t="s">
        <v>69</v>
      </c>
      <c r="J20439" s="5" t="s">
        <v>64797</v>
      </c>
      <c r="K20439" s="2" t="s">
        <v>64798</v>
      </c>
      <c r="L20439" s="5" t="s">
        <v>64797</v>
      </c>
      <c r="M20439" s="2" t="s">
        <v>64798</v>
      </c>
      <c r="N20439" s="5" t="s">
        <v>733</v>
      </c>
      <c r="O20439" s="5" t="s">
        <v>38</v>
      </c>
      <c r="P20439" s="5" t="s">
        <v>39</v>
      </c>
      <c r="Q20439" s="5" t="s">
        <v>40</v>
      </c>
      <c r="R20439" s="5" t="s">
        <v>897</v>
      </c>
      <c r="S20439" s="5" t="s">
        <v>40</v>
      </c>
      <c r="T20439" s="5" t="s">
        <v>42</v>
      </c>
      <c r="U20439" s="2">
        <v>82.766000000000005</v>
      </c>
      <c r="V20439" s="2">
        <v>76.86</v>
      </c>
      <c r="W20439" s="2">
        <v>0.36799999999999999</v>
      </c>
      <c r="X20439" s="2">
        <v>17</v>
      </c>
      <c r="Y20439" s="2">
        <v>124.7</v>
      </c>
      <c r="Z20439" s="2">
        <v>173.8</v>
      </c>
      <c r="AA20439" s="5">
        <v>7</v>
      </c>
      <c r="AB20439" s="5" t="s">
        <v>43</v>
      </c>
      <c r="AC20439" s="5" t="s">
        <v>735</v>
      </c>
      <c r="AD20439" s="2" t="s">
        <v>65648</v>
      </c>
      <c r="AE20439" s="1"/>
    </row>
    <row r="20440" spans="1:31" ht="14.45">
      <c r="A20440" s="11"/>
      <c r="B20440" s="20"/>
      <c r="C20440" s="2" t="s">
        <v>65649</v>
      </c>
      <c r="D20440" s="14" t="s">
        <v>65650</v>
      </c>
      <c r="E20440" s="2" t="s">
        <v>65651</v>
      </c>
      <c r="F20440" s="2" t="s">
        <v>60242</v>
      </c>
      <c r="G20440" s="8">
        <v>1650</v>
      </c>
      <c r="H20440" s="5">
        <v>5</v>
      </c>
      <c r="I20440" s="5" t="s">
        <v>69</v>
      </c>
      <c r="J20440" s="5" t="s">
        <v>64797</v>
      </c>
      <c r="K20440" s="2" t="s">
        <v>64798</v>
      </c>
      <c r="L20440" s="5" t="s">
        <v>64797</v>
      </c>
      <c r="M20440" s="2" t="s">
        <v>64798</v>
      </c>
      <c r="N20440" s="5" t="s">
        <v>733</v>
      </c>
      <c r="O20440" s="5" t="s">
        <v>38</v>
      </c>
      <c r="P20440" s="5" t="s">
        <v>39</v>
      </c>
      <c r="Q20440" s="5" t="s">
        <v>40</v>
      </c>
      <c r="R20440" s="5" t="s">
        <v>897</v>
      </c>
      <c r="S20440" s="5" t="s">
        <v>40</v>
      </c>
      <c r="T20440" s="5" t="s">
        <v>42</v>
      </c>
      <c r="U20440" s="2">
        <v>90.754999999999995</v>
      </c>
      <c r="V20440" s="2">
        <v>85.016999999999996</v>
      </c>
      <c r="W20440" s="2">
        <v>0.36299999999999999</v>
      </c>
      <c r="X20440" s="2">
        <v>17</v>
      </c>
      <c r="Y20440" s="2">
        <v>122.7</v>
      </c>
      <c r="Z20440" s="2">
        <v>173.8</v>
      </c>
      <c r="AA20440" s="5">
        <v>7</v>
      </c>
      <c r="AB20440" s="5" t="s">
        <v>43</v>
      </c>
      <c r="AC20440" s="5" t="s">
        <v>735</v>
      </c>
      <c r="AD20440" s="2" t="s">
        <v>65652</v>
      </c>
      <c r="AE20440" s="1"/>
    </row>
    <row r="20441" spans="1:31" ht="14.45">
      <c r="A20441" s="11"/>
      <c r="B20441" s="20"/>
      <c r="C20441" s="2" t="s">
        <v>65653</v>
      </c>
      <c r="D20441" s="14" t="s">
        <v>65654</v>
      </c>
      <c r="E20441" s="2" t="s">
        <v>65655</v>
      </c>
      <c r="F20441" s="2" t="s">
        <v>60252</v>
      </c>
      <c r="G20441" s="8">
        <v>1910</v>
      </c>
      <c r="H20441" s="5">
        <v>10</v>
      </c>
      <c r="I20441" s="5" t="s">
        <v>69</v>
      </c>
      <c r="J20441" s="5" t="s">
        <v>64797</v>
      </c>
      <c r="K20441" s="2" t="s">
        <v>64798</v>
      </c>
      <c r="L20441" s="5" t="s">
        <v>64797</v>
      </c>
      <c r="M20441" s="2" t="s">
        <v>64798</v>
      </c>
      <c r="N20441" s="5" t="s">
        <v>733</v>
      </c>
      <c r="O20441" s="5" t="s">
        <v>38</v>
      </c>
      <c r="P20441" s="5" t="s">
        <v>39</v>
      </c>
      <c r="Q20441" s="5" t="s">
        <v>40</v>
      </c>
      <c r="R20441" s="5" t="s">
        <v>897</v>
      </c>
      <c r="S20441" s="5" t="s">
        <v>40</v>
      </c>
      <c r="T20441" s="5" t="s">
        <v>42</v>
      </c>
      <c r="U20441" s="2">
        <v>90.614000000000004</v>
      </c>
      <c r="V20441" s="2">
        <v>84.707999999999998</v>
      </c>
      <c r="W20441" s="2">
        <v>0.36799999999999999</v>
      </c>
      <c r="X20441" s="2">
        <v>17</v>
      </c>
      <c r="Y20441" s="2">
        <v>124.7</v>
      </c>
      <c r="Z20441" s="2">
        <v>173.8</v>
      </c>
      <c r="AA20441" s="5">
        <v>7</v>
      </c>
      <c r="AB20441" s="5" t="s">
        <v>43</v>
      </c>
      <c r="AC20441" s="5" t="s">
        <v>735</v>
      </c>
      <c r="AD20441" s="2" t="s">
        <v>65656</v>
      </c>
      <c r="AE20441" s="1"/>
    </row>
    <row r="20442" spans="1:31" ht="14.45">
      <c r="A20442" s="11"/>
      <c r="B20442" s="20"/>
      <c r="C20442" s="2" t="s">
        <v>65657</v>
      </c>
      <c r="D20442" s="14" t="s">
        <v>65658</v>
      </c>
      <c r="E20442" s="2" t="s">
        <v>65659</v>
      </c>
      <c r="F20442" s="2" t="s">
        <v>60257</v>
      </c>
      <c r="G20442" s="8">
        <v>1400</v>
      </c>
      <c r="H20442" s="5">
        <v>10</v>
      </c>
      <c r="I20442" s="5" t="s">
        <v>69</v>
      </c>
      <c r="J20442" s="5" t="s">
        <v>64797</v>
      </c>
      <c r="K20442" s="2" t="s">
        <v>64798</v>
      </c>
      <c r="L20442" s="5" t="s">
        <v>64797</v>
      </c>
      <c r="M20442" s="2" t="s">
        <v>64798</v>
      </c>
      <c r="N20442" s="5" t="s">
        <v>733</v>
      </c>
      <c r="O20442" s="5" t="s">
        <v>38</v>
      </c>
      <c r="P20442" s="5" t="s">
        <v>39</v>
      </c>
      <c r="Q20442" s="5" t="s">
        <v>40</v>
      </c>
      <c r="R20442" s="5" t="s">
        <v>897</v>
      </c>
      <c r="S20442" s="5" t="s">
        <v>40</v>
      </c>
      <c r="T20442" s="5" t="s">
        <v>42</v>
      </c>
      <c r="U20442" s="2">
        <v>90.962000000000003</v>
      </c>
      <c r="V20442" s="2">
        <v>85.055999999999997</v>
      </c>
      <c r="W20442" s="2">
        <v>0.36799999999999999</v>
      </c>
      <c r="X20442" s="2">
        <v>17</v>
      </c>
      <c r="Y20442" s="2">
        <v>124.7</v>
      </c>
      <c r="Z20442" s="2">
        <v>173.8</v>
      </c>
      <c r="AA20442" s="5">
        <v>7</v>
      </c>
      <c r="AB20442" s="5" t="s">
        <v>43</v>
      </c>
      <c r="AC20442" s="5" t="s">
        <v>735</v>
      </c>
      <c r="AD20442" s="2" t="s">
        <v>65660</v>
      </c>
      <c r="AE20442" s="1"/>
    </row>
    <row r="20443" spans="1:31" ht="14.45">
      <c r="A20443" s="11"/>
      <c r="B20443" s="20"/>
      <c r="C20443" s="2" t="s">
        <v>65661</v>
      </c>
      <c r="D20443" s="14" t="s">
        <v>65662</v>
      </c>
      <c r="E20443" s="2" t="s">
        <v>65663</v>
      </c>
      <c r="F20443" s="2" t="s">
        <v>60262</v>
      </c>
      <c r="G20443" s="8">
        <v>1085</v>
      </c>
      <c r="H20443" s="5">
        <v>5</v>
      </c>
      <c r="I20443" s="5" t="s">
        <v>69</v>
      </c>
      <c r="J20443" s="5" t="s">
        <v>64797</v>
      </c>
      <c r="K20443" s="2" t="s">
        <v>64798</v>
      </c>
      <c r="L20443" s="5" t="s">
        <v>64797</v>
      </c>
      <c r="M20443" s="2" t="s">
        <v>64798</v>
      </c>
      <c r="N20443" s="5" t="s">
        <v>733</v>
      </c>
      <c r="O20443" s="5" t="s">
        <v>38</v>
      </c>
      <c r="P20443" s="5" t="s">
        <v>39</v>
      </c>
      <c r="Q20443" s="5" t="s">
        <v>40</v>
      </c>
      <c r="R20443" s="5" t="s">
        <v>897</v>
      </c>
      <c r="S20443" s="5" t="s">
        <v>40</v>
      </c>
      <c r="T20443" s="5" t="s">
        <v>42</v>
      </c>
      <c r="U20443" s="2">
        <v>78.254000000000005</v>
      </c>
      <c r="V20443" s="2">
        <v>72.483999999999995</v>
      </c>
      <c r="W20443" s="2">
        <v>0.36299999999999999</v>
      </c>
      <c r="X20443" s="2">
        <v>17</v>
      </c>
      <c r="Y20443" s="2">
        <v>122.7</v>
      </c>
      <c r="Z20443" s="2">
        <v>173.8</v>
      </c>
      <c r="AA20443" s="5">
        <v>7</v>
      </c>
      <c r="AB20443" s="5" t="s">
        <v>43</v>
      </c>
      <c r="AC20443" s="5" t="s">
        <v>735</v>
      </c>
      <c r="AD20443" s="2" t="s">
        <v>65664</v>
      </c>
      <c r="AE20443" s="1"/>
    </row>
    <row r="20444" spans="1:31" ht="14.45">
      <c r="A20444" s="11"/>
      <c r="B20444" s="20"/>
      <c r="C20444" s="2" t="s">
        <v>65665</v>
      </c>
      <c r="D20444" s="14" t="s">
        <v>65666</v>
      </c>
      <c r="E20444" s="2" t="s">
        <v>65667</v>
      </c>
      <c r="F20444" s="2" t="s">
        <v>60275</v>
      </c>
      <c r="G20444" s="8">
        <v>1486</v>
      </c>
      <c r="H20444" s="5">
        <v>10</v>
      </c>
      <c r="I20444" s="5" t="s">
        <v>69</v>
      </c>
      <c r="J20444" s="5" t="s">
        <v>64797</v>
      </c>
      <c r="K20444" s="2" t="s">
        <v>64798</v>
      </c>
      <c r="L20444" s="5" t="s">
        <v>64797</v>
      </c>
      <c r="M20444" s="2" t="s">
        <v>64798</v>
      </c>
      <c r="N20444" s="5" t="s">
        <v>733</v>
      </c>
      <c r="O20444" s="5" t="s">
        <v>38</v>
      </c>
      <c r="P20444" s="5" t="s">
        <v>39</v>
      </c>
      <c r="Q20444" s="5" t="s">
        <v>40</v>
      </c>
      <c r="R20444" s="5" t="s">
        <v>897</v>
      </c>
      <c r="S20444" s="5" t="s">
        <v>40</v>
      </c>
      <c r="T20444" s="5" t="s">
        <v>42</v>
      </c>
      <c r="U20444" s="2">
        <v>90.784000000000006</v>
      </c>
      <c r="V20444" s="2">
        <v>84.878</v>
      </c>
      <c r="W20444" s="2">
        <v>0.36799999999999999</v>
      </c>
      <c r="X20444" s="2">
        <v>17</v>
      </c>
      <c r="Y20444" s="2">
        <v>124.7</v>
      </c>
      <c r="Z20444" s="2">
        <v>173.8</v>
      </c>
      <c r="AA20444" s="5">
        <v>7</v>
      </c>
      <c r="AB20444" s="5" t="s">
        <v>43</v>
      </c>
      <c r="AC20444" s="5" t="s">
        <v>735</v>
      </c>
      <c r="AD20444" s="2" t="s">
        <v>65668</v>
      </c>
      <c r="AE20444" s="1"/>
    </row>
    <row r="20445" spans="1:31" ht="14.45">
      <c r="A20445" s="11"/>
      <c r="B20445" s="20"/>
      <c r="C20445" s="2" t="s">
        <v>65669</v>
      </c>
      <c r="D20445" s="14" t="s">
        <v>65670</v>
      </c>
      <c r="E20445" s="2" t="s">
        <v>65671</v>
      </c>
      <c r="F20445" s="2" t="s">
        <v>65672</v>
      </c>
      <c r="G20445" s="8">
        <v>1370</v>
      </c>
      <c r="H20445" s="5">
        <v>5</v>
      </c>
      <c r="I20445" s="5" t="s">
        <v>69</v>
      </c>
      <c r="J20445" s="5" t="s">
        <v>64797</v>
      </c>
      <c r="K20445" s="2" t="s">
        <v>64798</v>
      </c>
      <c r="L20445" s="5" t="s">
        <v>64797</v>
      </c>
      <c r="M20445" s="2" t="s">
        <v>64798</v>
      </c>
      <c r="N20445" s="5" t="s">
        <v>733</v>
      </c>
      <c r="O20445" s="5" t="s">
        <v>38</v>
      </c>
      <c r="P20445" s="5" t="s">
        <v>39</v>
      </c>
      <c r="Q20445" s="5" t="s">
        <v>40</v>
      </c>
      <c r="R20445" s="5" t="s">
        <v>897</v>
      </c>
      <c r="S20445" s="5" t="s">
        <v>40</v>
      </c>
      <c r="T20445" s="5" t="s">
        <v>42</v>
      </c>
      <c r="U20445" s="2">
        <v>66.807000000000002</v>
      </c>
      <c r="V20445" s="2">
        <v>62.591000000000001</v>
      </c>
      <c r="W20445" s="2">
        <v>0.25900000000000001</v>
      </c>
      <c r="X20445" s="2">
        <v>17</v>
      </c>
      <c r="Y20445" s="2">
        <v>136.69999999999999</v>
      </c>
      <c r="Z20445" s="2">
        <v>111.6</v>
      </c>
      <c r="AA20445" s="5">
        <v>7</v>
      </c>
      <c r="AB20445" s="5" t="s">
        <v>43</v>
      </c>
      <c r="AC20445" s="5" t="s">
        <v>735</v>
      </c>
      <c r="AD20445" s="2" t="s">
        <v>65673</v>
      </c>
      <c r="AE20445" s="1"/>
    </row>
    <row r="20446" spans="1:31" ht="14.45">
      <c r="A20446" s="11"/>
      <c r="B20446" s="20"/>
      <c r="C20446" s="2" t="s">
        <v>65674</v>
      </c>
      <c r="D20446" s="14" t="s">
        <v>65675</v>
      </c>
      <c r="E20446" s="2" t="s">
        <v>65676</v>
      </c>
      <c r="F20446" s="2" t="s">
        <v>60320</v>
      </c>
      <c r="G20446" s="8">
        <v>1558</v>
      </c>
      <c r="H20446" s="5">
        <v>10</v>
      </c>
      <c r="I20446" s="5" t="s">
        <v>69</v>
      </c>
      <c r="J20446" s="5" t="s">
        <v>64797</v>
      </c>
      <c r="K20446" s="2" t="s">
        <v>64798</v>
      </c>
      <c r="L20446" s="5" t="s">
        <v>64797</v>
      </c>
      <c r="M20446" s="2" t="s">
        <v>64798</v>
      </c>
      <c r="N20446" s="5" t="s">
        <v>733</v>
      </c>
      <c r="O20446" s="5" t="s">
        <v>38</v>
      </c>
      <c r="P20446" s="5" t="s">
        <v>39</v>
      </c>
      <c r="Q20446" s="5" t="s">
        <v>40</v>
      </c>
      <c r="R20446" s="5" t="s">
        <v>897</v>
      </c>
      <c r="S20446" s="5" t="s">
        <v>40</v>
      </c>
      <c r="T20446" s="5" t="s">
        <v>42</v>
      </c>
      <c r="U20446" s="2">
        <v>66.685000000000002</v>
      </c>
      <c r="V20446" s="2">
        <v>62.469000000000001</v>
      </c>
      <c r="W20446" s="2">
        <v>0.25900000000000001</v>
      </c>
      <c r="X20446" s="2">
        <v>17</v>
      </c>
      <c r="Y20446" s="2">
        <v>136.69999999999999</v>
      </c>
      <c r="Z20446" s="2">
        <v>111.6</v>
      </c>
      <c r="AA20446" s="5">
        <v>7</v>
      </c>
      <c r="AB20446" s="5" t="s">
        <v>43</v>
      </c>
      <c r="AC20446" s="5" t="s">
        <v>735</v>
      </c>
      <c r="AD20446" s="2" t="s">
        <v>65677</v>
      </c>
      <c r="AE20446" s="1"/>
    </row>
    <row r="20447" spans="1:31" ht="14.45">
      <c r="A20447" s="11"/>
      <c r="B20447" s="20"/>
      <c r="C20447" s="2" t="s">
        <v>65678</v>
      </c>
      <c r="D20447" s="14" t="s">
        <v>65679</v>
      </c>
      <c r="E20447" s="2" t="s">
        <v>65680</v>
      </c>
      <c r="F20447" s="2" t="s">
        <v>60333</v>
      </c>
      <c r="G20447" s="8">
        <v>1191</v>
      </c>
      <c r="H20447" s="5">
        <v>10</v>
      </c>
      <c r="I20447" s="5" t="s">
        <v>69</v>
      </c>
      <c r="J20447" s="5" t="s">
        <v>64797</v>
      </c>
      <c r="K20447" s="2" t="s">
        <v>64798</v>
      </c>
      <c r="L20447" s="5" t="s">
        <v>64797</v>
      </c>
      <c r="M20447" s="2" t="s">
        <v>64798</v>
      </c>
      <c r="N20447" s="5" t="s">
        <v>733</v>
      </c>
      <c r="O20447" s="5" t="s">
        <v>38</v>
      </c>
      <c r="P20447" s="5" t="s">
        <v>39</v>
      </c>
      <c r="Q20447" s="5" t="s">
        <v>40</v>
      </c>
      <c r="R20447" s="5" t="s">
        <v>897</v>
      </c>
      <c r="S20447" s="5" t="s">
        <v>40</v>
      </c>
      <c r="T20447" s="5" t="s">
        <v>42</v>
      </c>
      <c r="U20447" s="2">
        <v>66.965000000000003</v>
      </c>
      <c r="V20447" s="2">
        <v>62.749000000000002</v>
      </c>
      <c r="W20447" s="2">
        <v>0.25900000000000001</v>
      </c>
      <c r="X20447" s="2">
        <v>17</v>
      </c>
      <c r="Y20447" s="2">
        <v>136.69999999999999</v>
      </c>
      <c r="Z20447" s="2">
        <v>111.6</v>
      </c>
      <c r="AA20447" s="5">
        <v>7</v>
      </c>
      <c r="AB20447" s="5" t="s">
        <v>43</v>
      </c>
      <c r="AC20447" s="5" t="s">
        <v>735</v>
      </c>
      <c r="AD20447" s="2" t="s">
        <v>65681</v>
      </c>
      <c r="AE20447" s="1"/>
    </row>
    <row r="20448" spans="1:31" ht="14.45">
      <c r="A20448" s="11"/>
      <c r="B20448" s="20"/>
      <c r="C20448" s="2" t="s">
        <v>65682</v>
      </c>
      <c r="D20448" s="14" t="s">
        <v>65683</v>
      </c>
      <c r="E20448" s="2" t="s">
        <v>65684</v>
      </c>
      <c r="F20448" s="2" t="s">
        <v>60346</v>
      </c>
      <c r="G20448" s="8">
        <v>964</v>
      </c>
      <c r="H20448" s="5">
        <v>5</v>
      </c>
      <c r="I20448" s="5" t="s">
        <v>69</v>
      </c>
      <c r="J20448" s="5" t="s">
        <v>64797</v>
      </c>
      <c r="K20448" s="2" t="s">
        <v>64798</v>
      </c>
      <c r="L20448" s="5" t="s">
        <v>64797</v>
      </c>
      <c r="M20448" s="2" t="s">
        <v>64798</v>
      </c>
      <c r="N20448" s="5" t="s">
        <v>733</v>
      </c>
      <c r="O20448" s="5" t="s">
        <v>38</v>
      </c>
      <c r="P20448" s="5" t="s">
        <v>39</v>
      </c>
      <c r="Q20448" s="5" t="s">
        <v>40</v>
      </c>
      <c r="R20448" s="5" t="s">
        <v>897</v>
      </c>
      <c r="S20448" s="5" t="s">
        <v>40</v>
      </c>
      <c r="T20448" s="5" t="s">
        <v>42</v>
      </c>
      <c r="U20448" s="2">
        <v>58.539000000000001</v>
      </c>
      <c r="V20448" s="2">
        <v>54.289000000000001</v>
      </c>
      <c r="W20448" s="2">
        <v>0.25900000000000001</v>
      </c>
      <c r="X20448" s="2">
        <v>17</v>
      </c>
      <c r="Y20448" s="2">
        <v>136.69999999999999</v>
      </c>
      <c r="Z20448" s="2">
        <v>111.6</v>
      </c>
      <c r="AA20448" s="5">
        <v>7</v>
      </c>
      <c r="AB20448" s="5" t="s">
        <v>43</v>
      </c>
      <c r="AC20448" s="5" t="s">
        <v>735</v>
      </c>
      <c r="AD20448" s="2" t="s">
        <v>65685</v>
      </c>
      <c r="AE20448" s="1"/>
    </row>
    <row r="20449" spans="1:31" ht="14.45">
      <c r="A20449" s="11"/>
      <c r="B20449" s="20"/>
      <c r="C20449" s="2" t="s">
        <v>65686</v>
      </c>
      <c r="D20449" s="14" t="s">
        <v>65687</v>
      </c>
      <c r="E20449" s="2" t="s">
        <v>65688</v>
      </c>
      <c r="F20449" s="2" t="s">
        <v>60368</v>
      </c>
      <c r="G20449" s="8">
        <v>1252</v>
      </c>
      <c r="H20449" s="5">
        <v>5</v>
      </c>
      <c r="I20449" s="5" t="s">
        <v>69</v>
      </c>
      <c r="J20449" s="5" t="s">
        <v>64797</v>
      </c>
      <c r="K20449" s="2" t="s">
        <v>64798</v>
      </c>
      <c r="L20449" s="5" t="s">
        <v>64797</v>
      </c>
      <c r="M20449" s="2" t="s">
        <v>64798</v>
      </c>
      <c r="N20449" s="5" t="s">
        <v>733</v>
      </c>
      <c r="O20449" s="5" t="s">
        <v>38</v>
      </c>
      <c r="P20449" s="5" t="s">
        <v>39</v>
      </c>
      <c r="Q20449" s="5" t="s">
        <v>40</v>
      </c>
      <c r="R20449" s="5" t="s">
        <v>897</v>
      </c>
      <c r="S20449" s="5" t="s">
        <v>40</v>
      </c>
      <c r="T20449" s="5" t="s">
        <v>42</v>
      </c>
      <c r="U20449" s="2">
        <v>66.852999999999994</v>
      </c>
      <c r="V20449" s="2">
        <v>62.637</v>
      </c>
      <c r="W20449" s="2">
        <v>0.25900000000000001</v>
      </c>
      <c r="X20449" s="2">
        <v>17</v>
      </c>
      <c r="Y20449" s="2">
        <v>136.69999999999999</v>
      </c>
      <c r="Z20449" s="2">
        <v>111.6</v>
      </c>
      <c r="AA20449" s="5">
        <v>7</v>
      </c>
      <c r="AB20449" s="5" t="s">
        <v>43</v>
      </c>
      <c r="AC20449" s="5" t="s">
        <v>735</v>
      </c>
      <c r="AD20449" s="2" t="s">
        <v>65689</v>
      </c>
      <c r="AE20449" s="1"/>
    </row>
    <row r="20450" spans="1:31" ht="14.45">
      <c r="A20450" s="11"/>
      <c r="B20450" s="20"/>
      <c r="C20450" s="2" t="s">
        <v>65690</v>
      </c>
      <c r="D20450" s="14" t="s">
        <v>65691</v>
      </c>
      <c r="E20450" s="2" t="s">
        <v>65692</v>
      </c>
      <c r="F20450" s="2" t="s">
        <v>60390</v>
      </c>
      <c r="G20450" s="8">
        <v>1838</v>
      </c>
      <c r="H20450" s="5">
        <v>10</v>
      </c>
      <c r="I20450" s="5" t="s">
        <v>69</v>
      </c>
      <c r="J20450" s="5" t="s">
        <v>64797</v>
      </c>
      <c r="K20450" s="2" t="s">
        <v>64798</v>
      </c>
      <c r="L20450" s="5" t="s">
        <v>64797</v>
      </c>
      <c r="M20450" s="2" t="s">
        <v>64798</v>
      </c>
      <c r="N20450" s="5" t="s">
        <v>733</v>
      </c>
      <c r="O20450" s="5" t="s">
        <v>38</v>
      </c>
      <c r="P20450" s="5" t="s">
        <v>39</v>
      </c>
      <c r="Q20450" s="5" t="s">
        <v>40</v>
      </c>
      <c r="R20450" s="5" t="s">
        <v>897</v>
      </c>
      <c r="S20450" s="5" t="s">
        <v>40</v>
      </c>
      <c r="T20450" s="5" t="s">
        <v>42</v>
      </c>
      <c r="U20450" s="2">
        <v>71.361999999999995</v>
      </c>
      <c r="V20450" s="2">
        <v>67.146000000000001</v>
      </c>
      <c r="W20450" s="2">
        <v>0.25900000000000001</v>
      </c>
      <c r="X20450" s="2">
        <v>17</v>
      </c>
      <c r="Y20450" s="2">
        <v>136.69999999999999</v>
      </c>
      <c r="Z20450" s="2">
        <v>111.6</v>
      </c>
      <c r="AA20450" s="5">
        <v>7</v>
      </c>
      <c r="AB20450" s="5" t="s">
        <v>43</v>
      </c>
      <c r="AC20450" s="5" t="s">
        <v>735</v>
      </c>
      <c r="AD20450" s="2" t="s">
        <v>65693</v>
      </c>
      <c r="AE20450" s="1"/>
    </row>
    <row r="20451" spans="1:31" ht="14.45">
      <c r="A20451" s="11"/>
      <c r="B20451" s="20"/>
      <c r="C20451" s="2" t="s">
        <v>65694</v>
      </c>
      <c r="D20451" s="14" t="s">
        <v>65695</v>
      </c>
      <c r="E20451" s="2" t="s">
        <v>65696</v>
      </c>
      <c r="F20451" s="2" t="s">
        <v>60399</v>
      </c>
      <c r="G20451" s="8">
        <v>1432</v>
      </c>
      <c r="H20451" s="5">
        <v>10</v>
      </c>
      <c r="I20451" s="5" t="s">
        <v>69</v>
      </c>
      <c r="J20451" s="5" t="s">
        <v>64797</v>
      </c>
      <c r="K20451" s="2" t="s">
        <v>64798</v>
      </c>
      <c r="L20451" s="5" t="s">
        <v>64797</v>
      </c>
      <c r="M20451" s="2" t="s">
        <v>64798</v>
      </c>
      <c r="N20451" s="5" t="s">
        <v>733</v>
      </c>
      <c r="O20451" s="5" t="s">
        <v>38</v>
      </c>
      <c r="P20451" s="5" t="s">
        <v>39</v>
      </c>
      <c r="Q20451" s="5" t="s">
        <v>40</v>
      </c>
      <c r="R20451" s="5" t="s">
        <v>897</v>
      </c>
      <c r="S20451" s="5" t="s">
        <v>40</v>
      </c>
      <c r="T20451" s="5" t="s">
        <v>42</v>
      </c>
      <c r="U20451" s="2">
        <v>62.997999999999998</v>
      </c>
      <c r="V20451" s="2">
        <v>58.747999999999998</v>
      </c>
      <c r="W20451" s="2">
        <v>0.25900000000000001</v>
      </c>
      <c r="X20451" s="2">
        <v>17</v>
      </c>
      <c r="Y20451" s="2">
        <v>136.69999999999999</v>
      </c>
      <c r="Z20451" s="2">
        <v>111.6</v>
      </c>
      <c r="AA20451" s="5">
        <v>7</v>
      </c>
      <c r="AB20451" s="5" t="s">
        <v>43</v>
      </c>
      <c r="AC20451" s="5" t="s">
        <v>735</v>
      </c>
      <c r="AD20451" s="2" t="s">
        <v>65697</v>
      </c>
      <c r="AE20451" s="1"/>
    </row>
    <row r="20452" spans="1:31" ht="14.45">
      <c r="A20452" s="11"/>
      <c r="B20452" s="20"/>
      <c r="C20452" s="2" t="s">
        <v>65698</v>
      </c>
      <c r="D20452" s="14" t="s">
        <v>65699</v>
      </c>
      <c r="E20452" s="2" t="s">
        <v>65700</v>
      </c>
      <c r="F20452" s="2" t="s">
        <v>60413</v>
      </c>
      <c r="G20452" s="8">
        <v>1720</v>
      </c>
      <c r="H20452" s="5">
        <v>10</v>
      </c>
      <c r="I20452" s="5" t="s">
        <v>69</v>
      </c>
      <c r="J20452" s="5" t="s">
        <v>64797</v>
      </c>
      <c r="K20452" s="2" t="s">
        <v>64798</v>
      </c>
      <c r="L20452" s="5" t="s">
        <v>64797</v>
      </c>
      <c r="M20452" s="2" t="s">
        <v>64798</v>
      </c>
      <c r="N20452" s="5" t="s">
        <v>733</v>
      </c>
      <c r="O20452" s="5" t="s">
        <v>38</v>
      </c>
      <c r="P20452" s="5" t="s">
        <v>39</v>
      </c>
      <c r="Q20452" s="5" t="s">
        <v>40</v>
      </c>
      <c r="R20452" s="5" t="s">
        <v>897</v>
      </c>
      <c r="S20452" s="5" t="s">
        <v>40</v>
      </c>
      <c r="T20452" s="5" t="s">
        <v>42</v>
      </c>
      <c r="U20452" s="2">
        <v>71.311999999999998</v>
      </c>
      <c r="V20452" s="2">
        <v>67.096000000000004</v>
      </c>
      <c r="W20452" s="2">
        <v>0.25900000000000001</v>
      </c>
      <c r="X20452" s="2">
        <v>17</v>
      </c>
      <c r="Y20452" s="2">
        <v>136.69999999999999</v>
      </c>
      <c r="Z20452" s="2">
        <v>111.6</v>
      </c>
      <c r="AA20452" s="5">
        <v>7</v>
      </c>
      <c r="AB20452" s="5" t="s">
        <v>43</v>
      </c>
      <c r="AC20452" s="5" t="s">
        <v>735</v>
      </c>
      <c r="AD20452" s="2" t="s">
        <v>65701</v>
      </c>
      <c r="AE20452" s="1"/>
    </row>
    <row r="20453" spans="1:31" ht="14.45">
      <c r="A20453" s="11"/>
      <c r="B20453" s="20"/>
      <c r="C20453" s="2" t="s">
        <v>65702</v>
      </c>
      <c r="D20453" s="14" t="s">
        <v>65703</v>
      </c>
      <c r="E20453" s="2" t="s">
        <v>65704</v>
      </c>
      <c r="F20453" s="2" t="s">
        <v>60440</v>
      </c>
      <c r="G20453" s="8">
        <v>1720</v>
      </c>
      <c r="H20453" s="5">
        <v>10</v>
      </c>
      <c r="I20453" s="5" t="s">
        <v>69</v>
      </c>
      <c r="J20453" s="5" t="s">
        <v>64797</v>
      </c>
      <c r="K20453" s="2" t="s">
        <v>64798</v>
      </c>
      <c r="L20453" s="5" t="s">
        <v>64797</v>
      </c>
      <c r="M20453" s="2" t="s">
        <v>64798</v>
      </c>
      <c r="N20453" s="5" t="s">
        <v>733</v>
      </c>
      <c r="O20453" s="5" t="s">
        <v>38</v>
      </c>
      <c r="P20453" s="5" t="s">
        <v>39</v>
      </c>
      <c r="Q20453" s="5" t="s">
        <v>40</v>
      </c>
      <c r="R20453" s="5" t="s">
        <v>897</v>
      </c>
      <c r="S20453" s="5" t="s">
        <v>40</v>
      </c>
      <c r="T20453" s="5" t="s">
        <v>42</v>
      </c>
      <c r="U20453" s="2">
        <v>69.941000000000003</v>
      </c>
      <c r="V20453" s="2">
        <v>65.724999999999994</v>
      </c>
      <c r="W20453" s="2">
        <v>0.25900000000000001</v>
      </c>
      <c r="X20453" s="2">
        <v>17</v>
      </c>
      <c r="Y20453" s="2">
        <v>136.69999999999999</v>
      </c>
      <c r="Z20453" s="2">
        <v>111.6</v>
      </c>
      <c r="AA20453" s="5">
        <v>7</v>
      </c>
      <c r="AB20453" s="5" t="s">
        <v>43</v>
      </c>
      <c r="AC20453" s="5" t="s">
        <v>735</v>
      </c>
      <c r="AD20453" s="2" t="s">
        <v>65705</v>
      </c>
      <c r="AE20453" s="1"/>
    </row>
    <row r="20454" spans="1:31" ht="14.45">
      <c r="A20454" s="11"/>
      <c r="B20454" s="20"/>
      <c r="C20454" s="2" t="s">
        <v>65706</v>
      </c>
      <c r="D20454" s="14" t="s">
        <v>65707</v>
      </c>
      <c r="E20454" s="2" t="s">
        <v>65708</v>
      </c>
      <c r="F20454" s="2" t="s">
        <v>60449</v>
      </c>
      <c r="G20454" s="8">
        <v>1370</v>
      </c>
      <c r="H20454" s="5">
        <v>10</v>
      </c>
      <c r="I20454" s="5" t="s">
        <v>69</v>
      </c>
      <c r="J20454" s="5" t="s">
        <v>64797</v>
      </c>
      <c r="K20454" s="2" t="s">
        <v>64798</v>
      </c>
      <c r="L20454" s="5" t="s">
        <v>64797</v>
      </c>
      <c r="M20454" s="2" t="s">
        <v>64798</v>
      </c>
      <c r="N20454" s="5" t="s">
        <v>733</v>
      </c>
      <c r="O20454" s="5" t="s">
        <v>38</v>
      </c>
      <c r="P20454" s="5" t="s">
        <v>39</v>
      </c>
      <c r="Q20454" s="5" t="s">
        <v>40</v>
      </c>
      <c r="R20454" s="5" t="s">
        <v>897</v>
      </c>
      <c r="S20454" s="5" t="s">
        <v>40</v>
      </c>
      <c r="T20454" s="5" t="s">
        <v>42</v>
      </c>
      <c r="U20454" s="2">
        <v>66.844999999999999</v>
      </c>
      <c r="V20454" s="2">
        <v>62.628999999999998</v>
      </c>
      <c r="W20454" s="2">
        <v>0.25900000000000001</v>
      </c>
      <c r="X20454" s="2">
        <v>17</v>
      </c>
      <c r="Y20454" s="2">
        <v>136.69999999999999</v>
      </c>
      <c r="Z20454" s="2">
        <v>111.6</v>
      </c>
      <c r="AA20454" s="5">
        <v>7</v>
      </c>
      <c r="AB20454" s="5" t="s">
        <v>43</v>
      </c>
      <c r="AC20454" s="5" t="s">
        <v>735</v>
      </c>
      <c r="AD20454" s="2" t="s">
        <v>65709</v>
      </c>
      <c r="AE20454" s="1"/>
    </row>
    <row r="20455" spans="1:31" ht="14.45">
      <c r="A20455" s="11"/>
      <c r="B20455" s="20"/>
      <c r="C20455" s="2" t="s">
        <v>65710</v>
      </c>
      <c r="D20455" s="14" t="s">
        <v>65711</v>
      </c>
      <c r="E20455" s="2" t="s">
        <v>65712</v>
      </c>
      <c r="F20455" s="2" t="s">
        <v>60480</v>
      </c>
      <c r="G20455" s="8">
        <v>1191</v>
      </c>
      <c r="H20455" s="5">
        <v>10</v>
      </c>
      <c r="I20455" s="5" t="s">
        <v>69</v>
      </c>
      <c r="J20455" s="5" t="s">
        <v>64797</v>
      </c>
      <c r="K20455" s="2" t="s">
        <v>64798</v>
      </c>
      <c r="L20455" s="5" t="s">
        <v>64797</v>
      </c>
      <c r="M20455" s="2" t="s">
        <v>64798</v>
      </c>
      <c r="N20455" s="5" t="s">
        <v>733</v>
      </c>
      <c r="O20455" s="5" t="s">
        <v>38</v>
      </c>
      <c r="P20455" s="5" t="s">
        <v>39</v>
      </c>
      <c r="Q20455" s="5" t="s">
        <v>40</v>
      </c>
      <c r="R20455" s="5" t="s">
        <v>897</v>
      </c>
      <c r="S20455" s="5" t="s">
        <v>40</v>
      </c>
      <c r="T20455" s="5" t="s">
        <v>42</v>
      </c>
      <c r="U20455" s="2">
        <v>66.906999999999996</v>
      </c>
      <c r="V20455" s="2">
        <v>62.691000000000003</v>
      </c>
      <c r="W20455" s="2">
        <v>0.25900000000000001</v>
      </c>
      <c r="X20455" s="2">
        <v>17</v>
      </c>
      <c r="Y20455" s="2">
        <v>136.69999999999999</v>
      </c>
      <c r="Z20455" s="2">
        <v>111.6</v>
      </c>
      <c r="AA20455" s="5">
        <v>7</v>
      </c>
      <c r="AB20455" s="5" t="s">
        <v>43</v>
      </c>
      <c r="AC20455" s="5" t="s">
        <v>735</v>
      </c>
      <c r="AD20455" s="2" t="s">
        <v>65713</v>
      </c>
      <c r="AE20455" s="1"/>
    </row>
    <row r="20456" spans="1:31" ht="14.45">
      <c r="A20456" s="11"/>
      <c r="B20456" s="20"/>
      <c r="C20456" s="2" t="s">
        <v>65714</v>
      </c>
      <c r="D20456" s="14" t="s">
        <v>65715</v>
      </c>
      <c r="E20456" s="2" t="s">
        <v>65716</v>
      </c>
      <c r="F20456" s="2" t="s">
        <v>60493</v>
      </c>
      <c r="G20456" s="8">
        <v>964</v>
      </c>
      <c r="H20456" s="5">
        <v>5</v>
      </c>
      <c r="I20456" s="5" t="s">
        <v>69</v>
      </c>
      <c r="J20456" s="5" t="s">
        <v>64797</v>
      </c>
      <c r="K20456" s="2" t="s">
        <v>64798</v>
      </c>
      <c r="L20456" s="5" t="s">
        <v>64797</v>
      </c>
      <c r="M20456" s="2" t="s">
        <v>64798</v>
      </c>
      <c r="N20456" s="5" t="s">
        <v>733</v>
      </c>
      <c r="O20456" s="5" t="s">
        <v>38</v>
      </c>
      <c r="P20456" s="5" t="s">
        <v>39</v>
      </c>
      <c r="Q20456" s="5" t="s">
        <v>40</v>
      </c>
      <c r="R20456" s="5" t="s">
        <v>897</v>
      </c>
      <c r="S20456" s="5" t="s">
        <v>40</v>
      </c>
      <c r="T20456" s="5" t="s">
        <v>42</v>
      </c>
      <c r="U20456" s="2">
        <v>58.573</v>
      </c>
      <c r="V20456" s="2">
        <v>54.323</v>
      </c>
      <c r="W20456" s="2">
        <v>0.25900000000000001</v>
      </c>
      <c r="X20456" s="2">
        <v>17</v>
      </c>
      <c r="Y20456" s="2">
        <v>136.69999999999999</v>
      </c>
      <c r="Z20456" s="2">
        <v>111.6</v>
      </c>
      <c r="AA20456" s="5">
        <v>7</v>
      </c>
      <c r="AB20456" s="5" t="s">
        <v>43</v>
      </c>
      <c r="AC20456" s="5" t="s">
        <v>735</v>
      </c>
      <c r="AD20456" s="2" t="s">
        <v>65717</v>
      </c>
      <c r="AE20456" s="1"/>
    </row>
    <row r="20457" spans="1:31" ht="14.45">
      <c r="A20457" s="11"/>
      <c r="B20457" s="20"/>
      <c r="C20457" s="2" t="s">
        <v>65718</v>
      </c>
      <c r="D20457" s="14" t="s">
        <v>65719</v>
      </c>
      <c r="E20457" s="2" t="s">
        <v>65720</v>
      </c>
      <c r="F20457" s="2" t="s">
        <v>60510</v>
      </c>
      <c r="G20457" s="8">
        <v>1252</v>
      </c>
      <c r="H20457" s="5">
        <v>10</v>
      </c>
      <c r="I20457" s="5" t="s">
        <v>69</v>
      </c>
      <c r="J20457" s="5" t="s">
        <v>64797</v>
      </c>
      <c r="K20457" s="2" t="s">
        <v>64798</v>
      </c>
      <c r="L20457" s="5" t="s">
        <v>64797</v>
      </c>
      <c r="M20457" s="2" t="s">
        <v>64798</v>
      </c>
      <c r="N20457" s="5" t="s">
        <v>733</v>
      </c>
      <c r="O20457" s="5" t="s">
        <v>38</v>
      </c>
      <c r="P20457" s="5" t="s">
        <v>39</v>
      </c>
      <c r="Q20457" s="5" t="s">
        <v>40</v>
      </c>
      <c r="R20457" s="5" t="s">
        <v>897</v>
      </c>
      <c r="S20457" s="5" t="s">
        <v>40</v>
      </c>
      <c r="T20457" s="5" t="s">
        <v>42</v>
      </c>
      <c r="U20457" s="2">
        <v>66.795000000000002</v>
      </c>
      <c r="V20457" s="2">
        <v>62.579000000000001</v>
      </c>
      <c r="W20457" s="2">
        <v>0.25900000000000001</v>
      </c>
      <c r="X20457" s="2">
        <v>17</v>
      </c>
      <c r="Y20457" s="2">
        <v>136.69999999999999</v>
      </c>
      <c r="Z20457" s="2">
        <v>111.6</v>
      </c>
      <c r="AA20457" s="5">
        <v>7</v>
      </c>
      <c r="AB20457" s="5" t="s">
        <v>43</v>
      </c>
      <c r="AC20457" s="5" t="s">
        <v>735</v>
      </c>
      <c r="AD20457" s="2" t="s">
        <v>65721</v>
      </c>
      <c r="AE20457" s="1"/>
    </row>
    <row r="20458" spans="1:31" ht="14.45">
      <c r="A20458" s="11"/>
      <c r="B20458" s="20"/>
      <c r="C20458" s="2" t="s">
        <v>65722</v>
      </c>
      <c r="D20458" s="14" t="s">
        <v>65723</v>
      </c>
      <c r="E20458" s="2" t="s">
        <v>65724</v>
      </c>
      <c r="F20458" s="2" t="s">
        <v>60532</v>
      </c>
      <c r="G20458" s="8">
        <v>1838</v>
      </c>
      <c r="H20458" s="5">
        <v>10</v>
      </c>
      <c r="I20458" s="5" t="s">
        <v>69</v>
      </c>
      <c r="J20458" s="5" t="s">
        <v>64797</v>
      </c>
      <c r="K20458" s="2" t="s">
        <v>64798</v>
      </c>
      <c r="L20458" s="5" t="s">
        <v>64797</v>
      </c>
      <c r="M20458" s="2" t="s">
        <v>64798</v>
      </c>
      <c r="N20458" s="5" t="s">
        <v>733</v>
      </c>
      <c r="O20458" s="5" t="s">
        <v>38</v>
      </c>
      <c r="P20458" s="5" t="s">
        <v>39</v>
      </c>
      <c r="Q20458" s="5" t="s">
        <v>40</v>
      </c>
      <c r="R20458" s="5" t="s">
        <v>897</v>
      </c>
      <c r="S20458" s="5" t="s">
        <v>40</v>
      </c>
      <c r="T20458" s="5" t="s">
        <v>42</v>
      </c>
      <c r="U20458" s="2">
        <v>71.408000000000001</v>
      </c>
      <c r="V20458" s="2">
        <v>67.191999999999993</v>
      </c>
      <c r="W20458" s="2">
        <v>0.25900000000000001</v>
      </c>
      <c r="X20458" s="2">
        <v>17</v>
      </c>
      <c r="Y20458" s="2">
        <v>136.69999999999999</v>
      </c>
      <c r="Z20458" s="2">
        <v>111.6</v>
      </c>
      <c r="AA20458" s="5">
        <v>7</v>
      </c>
      <c r="AB20458" s="5" t="s">
        <v>43</v>
      </c>
      <c r="AC20458" s="5" t="s">
        <v>735</v>
      </c>
      <c r="AD20458" s="2" t="s">
        <v>65725</v>
      </c>
      <c r="AE20458" s="1"/>
    </row>
    <row r="20459" spans="1:31" ht="14.45">
      <c r="A20459" s="11"/>
      <c r="B20459" s="20"/>
      <c r="C20459" s="2" t="s">
        <v>65726</v>
      </c>
      <c r="D20459" s="14" t="s">
        <v>65727</v>
      </c>
      <c r="E20459" s="2" t="s">
        <v>65728</v>
      </c>
      <c r="F20459" s="2" t="s">
        <v>60541</v>
      </c>
      <c r="G20459" s="8">
        <v>1720</v>
      </c>
      <c r="H20459" s="5">
        <v>10</v>
      </c>
      <c r="I20459" s="5" t="s">
        <v>69</v>
      </c>
      <c r="J20459" s="5" t="s">
        <v>64797</v>
      </c>
      <c r="K20459" s="2" t="s">
        <v>64798</v>
      </c>
      <c r="L20459" s="5" t="s">
        <v>64797</v>
      </c>
      <c r="M20459" s="2" t="s">
        <v>64798</v>
      </c>
      <c r="N20459" s="5" t="s">
        <v>733</v>
      </c>
      <c r="O20459" s="5" t="s">
        <v>38</v>
      </c>
      <c r="P20459" s="5" t="s">
        <v>39</v>
      </c>
      <c r="Q20459" s="5" t="s">
        <v>40</v>
      </c>
      <c r="R20459" s="5" t="s">
        <v>897</v>
      </c>
      <c r="S20459" s="5" t="s">
        <v>40</v>
      </c>
      <c r="T20459" s="5" t="s">
        <v>42</v>
      </c>
      <c r="U20459" s="2">
        <v>71.358000000000004</v>
      </c>
      <c r="V20459" s="2">
        <v>67.141999999999996</v>
      </c>
      <c r="W20459" s="2">
        <v>0.25900000000000001</v>
      </c>
      <c r="X20459" s="2">
        <v>17</v>
      </c>
      <c r="Y20459" s="2">
        <v>136.69999999999999</v>
      </c>
      <c r="Z20459" s="2">
        <v>111.6</v>
      </c>
      <c r="AA20459" s="5">
        <v>7</v>
      </c>
      <c r="AB20459" s="5" t="s">
        <v>43</v>
      </c>
      <c r="AC20459" s="5" t="s">
        <v>735</v>
      </c>
      <c r="AD20459" s="2" t="s">
        <v>65729</v>
      </c>
      <c r="AE20459" s="1"/>
    </row>
    <row r="20460" spans="1:31" ht="14.45">
      <c r="A20460" s="11"/>
      <c r="B20460" s="20"/>
      <c r="C20460" s="2" t="s">
        <v>65730</v>
      </c>
      <c r="D20460" s="14" t="s">
        <v>65731</v>
      </c>
      <c r="E20460" s="2" t="s">
        <v>65732</v>
      </c>
      <c r="F20460" s="2" t="s">
        <v>60559</v>
      </c>
      <c r="G20460" s="8">
        <v>1720</v>
      </c>
      <c r="H20460" s="5">
        <v>10</v>
      </c>
      <c r="I20460" s="5" t="s">
        <v>69</v>
      </c>
      <c r="J20460" s="5" t="s">
        <v>64797</v>
      </c>
      <c r="K20460" s="2" t="s">
        <v>64798</v>
      </c>
      <c r="L20460" s="5" t="s">
        <v>64797</v>
      </c>
      <c r="M20460" s="2" t="s">
        <v>64798</v>
      </c>
      <c r="N20460" s="5" t="s">
        <v>733</v>
      </c>
      <c r="O20460" s="5" t="s">
        <v>38</v>
      </c>
      <c r="P20460" s="5" t="s">
        <v>39</v>
      </c>
      <c r="Q20460" s="5" t="s">
        <v>40</v>
      </c>
      <c r="R20460" s="5" t="s">
        <v>897</v>
      </c>
      <c r="S20460" s="5" t="s">
        <v>40</v>
      </c>
      <c r="T20460" s="5" t="s">
        <v>42</v>
      </c>
      <c r="U20460" s="2">
        <v>69.986999999999995</v>
      </c>
      <c r="V20460" s="2">
        <v>65.771000000000001</v>
      </c>
      <c r="W20460" s="2">
        <v>0.25900000000000001</v>
      </c>
      <c r="X20460" s="2">
        <v>17</v>
      </c>
      <c r="Y20460" s="2">
        <v>136.69999999999999</v>
      </c>
      <c r="Z20460" s="2">
        <v>111.6</v>
      </c>
      <c r="AA20460" s="5">
        <v>7</v>
      </c>
      <c r="AB20460" s="5" t="s">
        <v>43</v>
      </c>
      <c r="AC20460" s="5" t="s">
        <v>735</v>
      </c>
      <c r="AD20460" s="2" t="s">
        <v>65733</v>
      </c>
      <c r="AE20460" s="1"/>
    </row>
    <row r="20461" spans="1:31" ht="14.45">
      <c r="A20461" s="11"/>
      <c r="B20461" s="20"/>
      <c r="C20461" s="2" t="s">
        <v>65734</v>
      </c>
      <c r="D20461" s="14" t="s">
        <v>65735</v>
      </c>
      <c r="E20461" s="2" t="s">
        <v>65736</v>
      </c>
      <c r="F20461" s="2" t="s">
        <v>60574</v>
      </c>
      <c r="G20461" s="8">
        <v>1671</v>
      </c>
      <c r="H20461" s="5">
        <v>5</v>
      </c>
      <c r="I20461" s="5" t="s">
        <v>69</v>
      </c>
      <c r="J20461" s="5" t="s">
        <v>64797</v>
      </c>
      <c r="K20461" s="2" t="s">
        <v>64798</v>
      </c>
      <c r="L20461" s="5" t="s">
        <v>64797</v>
      </c>
      <c r="M20461" s="2" t="s">
        <v>64798</v>
      </c>
      <c r="N20461" s="5" t="s">
        <v>733</v>
      </c>
      <c r="O20461" s="5" t="s">
        <v>38</v>
      </c>
      <c r="P20461" s="5" t="s">
        <v>39</v>
      </c>
      <c r="Q20461" s="5" t="s">
        <v>40</v>
      </c>
      <c r="R20461" s="5" t="s">
        <v>897</v>
      </c>
      <c r="S20461" s="5" t="s">
        <v>40</v>
      </c>
      <c r="T20461" s="5" t="s">
        <v>42</v>
      </c>
      <c r="U20461" s="2">
        <v>91.388999999999996</v>
      </c>
      <c r="V20461" s="2">
        <v>85.674999999999997</v>
      </c>
      <c r="W20461" s="2">
        <v>0.36699999999999999</v>
      </c>
      <c r="X20461" s="2">
        <v>17</v>
      </c>
      <c r="Y20461" s="2">
        <v>140.69999999999999</v>
      </c>
      <c r="Z20461" s="2">
        <v>153.6</v>
      </c>
      <c r="AA20461" s="5">
        <v>7</v>
      </c>
      <c r="AB20461" s="5" t="s">
        <v>43</v>
      </c>
      <c r="AC20461" s="5" t="s">
        <v>735</v>
      </c>
      <c r="AD20461" s="2" t="s">
        <v>65737</v>
      </c>
      <c r="AE20461" s="1"/>
    </row>
    <row r="20462" spans="1:31" ht="14.45">
      <c r="A20462" s="11"/>
      <c r="B20462" s="20"/>
      <c r="C20462" s="2" t="s">
        <v>65738</v>
      </c>
      <c r="D20462" s="14" t="s">
        <v>65739</v>
      </c>
      <c r="E20462" s="2" t="s">
        <v>65740</v>
      </c>
      <c r="F20462" s="2" t="s">
        <v>60592</v>
      </c>
      <c r="G20462" s="8">
        <v>1938</v>
      </c>
      <c r="H20462" s="5">
        <v>10</v>
      </c>
      <c r="I20462" s="5" t="s">
        <v>69</v>
      </c>
      <c r="J20462" s="5" t="s">
        <v>64797</v>
      </c>
      <c r="K20462" s="2" t="s">
        <v>64798</v>
      </c>
      <c r="L20462" s="5" t="s">
        <v>64797</v>
      </c>
      <c r="M20462" s="2" t="s">
        <v>64798</v>
      </c>
      <c r="N20462" s="5" t="s">
        <v>733</v>
      </c>
      <c r="O20462" s="5" t="s">
        <v>38</v>
      </c>
      <c r="P20462" s="5" t="s">
        <v>39</v>
      </c>
      <c r="Q20462" s="5" t="s">
        <v>40</v>
      </c>
      <c r="R20462" s="5" t="s">
        <v>897</v>
      </c>
      <c r="S20462" s="5" t="s">
        <v>40</v>
      </c>
      <c r="T20462" s="5" t="s">
        <v>42</v>
      </c>
      <c r="U20462" s="2">
        <v>91.247</v>
      </c>
      <c r="V20462" s="2">
        <v>85.251999999999995</v>
      </c>
      <c r="W20462" s="2">
        <v>0.378</v>
      </c>
      <c r="X20462" s="2">
        <v>17</v>
      </c>
      <c r="Y20462" s="2">
        <v>144.69999999999999</v>
      </c>
      <c r="Z20462" s="2">
        <v>153.6</v>
      </c>
      <c r="AA20462" s="5">
        <v>7</v>
      </c>
      <c r="AB20462" s="5" t="s">
        <v>43</v>
      </c>
      <c r="AC20462" s="5" t="s">
        <v>735</v>
      </c>
      <c r="AD20462" s="2" t="s">
        <v>65741</v>
      </c>
      <c r="AE20462" s="1"/>
    </row>
    <row r="20463" spans="1:31" ht="14.45">
      <c r="A20463" s="11"/>
      <c r="B20463" s="20"/>
      <c r="C20463" s="2" t="s">
        <v>65742</v>
      </c>
      <c r="D20463" s="14" t="s">
        <v>65743</v>
      </c>
      <c r="E20463" s="2" t="s">
        <v>65744</v>
      </c>
      <c r="F20463" s="2" t="s">
        <v>60605</v>
      </c>
      <c r="G20463" s="8">
        <v>1414</v>
      </c>
      <c r="H20463" s="5">
        <v>10</v>
      </c>
      <c r="I20463" s="5" t="s">
        <v>69</v>
      </c>
      <c r="J20463" s="5" t="s">
        <v>64797</v>
      </c>
      <c r="K20463" s="2" t="s">
        <v>64798</v>
      </c>
      <c r="L20463" s="5" t="s">
        <v>64797</v>
      </c>
      <c r="M20463" s="2" t="s">
        <v>64798</v>
      </c>
      <c r="N20463" s="5" t="s">
        <v>733</v>
      </c>
      <c r="O20463" s="5" t="s">
        <v>38</v>
      </c>
      <c r="P20463" s="5" t="s">
        <v>39</v>
      </c>
      <c r="Q20463" s="5" t="s">
        <v>40</v>
      </c>
      <c r="R20463" s="5" t="s">
        <v>897</v>
      </c>
      <c r="S20463" s="5" t="s">
        <v>40</v>
      </c>
      <c r="T20463" s="5" t="s">
        <v>42</v>
      </c>
      <c r="U20463" s="2">
        <v>91.623000000000005</v>
      </c>
      <c r="V20463" s="2">
        <v>85.628</v>
      </c>
      <c r="W20463" s="2">
        <v>0.378</v>
      </c>
      <c r="X20463" s="2">
        <v>17</v>
      </c>
      <c r="Y20463" s="2">
        <v>144.69999999999999</v>
      </c>
      <c r="Z20463" s="2">
        <v>153.6</v>
      </c>
      <c r="AA20463" s="5">
        <v>7</v>
      </c>
      <c r="AB20463" s="5" t="s">
        <v>43</v>
      </c>
      <c r="AC20463" s="5" t="s">
        <v>735</v>
      </c>
      <c r="AD20463" s="2" t="s">
        <v>65745</v>
      </c>
      <c r="AE20463" s="1"/>
    </row>
    <row r="20464" spans="1:31" ht="14.45">
      <c r="A20464" s="11"/>
      <c r="B20464" s="20"/>
      <c r="C20464" s="2" t="s">
        <v>65746</v>
      </c>
      <c r="D20464" s="14" t="s">
        <v>65747</v>
      </c>
      <c r="E20464" s="2" t="s">
        <v>65748</v>
      </c>
      <c r="F20464" s="2" t="s">
        <v>60618</v>
      </c>
      <c r="G20464" s="8">
        <v>1091</v>
      </c>
      <c r="H20464" s="5">
        <v>5</v>
      </c>
      <c r="I20464" s="5" t="s">
        <v>69</v>
      </c>
      <c r="J20464" s="5" t="s">
        <v>64797</v>
      </c>
      <c r="K20464" s="2" t="s">
        <v>64798</v>
      </c>
      <c r="L20464" s="5" t="s">
        <v>64797</v>
      </c>
      <c r="M20464" s="2" t="s">
        <v>64798</v>
      </c>
      <c r="N20464" s="5" t="s">
        <v>733</v>
      </c>
      <c r="O20464" s="5" t="s">
        <v>38</v>
      </c>
      <c r="P20464" s="5" t="s">
        <v>39</v>
      </c>
      <c r="Q20464" s="5" t="s">
        <v>40</v>
      </c>
      <c r="R20464" s="5" t="s">
        <v>897</v>
      </c>
      <c r="S20464" s="5" t="s">
        <v>40</v>
      </c>
      <c r="T20464" s="5" t="s">
        <v>42</v>
      </c>
      <c r="U20464" s="2">
        <v>78.691999999999993</v>
      </c>
      <c r="V20464" s="2">
        <v>72.944000000000003</v>
      </c>
      <c r="W20464" s="2">
        <v>0.36699999999999999</v>
      </c>
      <c r="X20464" s="2">
        <v>17</v>
      </c>
      <c r="Y20464" s="2">
        <v>140.69999999999999</v>
      </c>
      <c r="Z20464" s="2">
        <v>153.6</v>
      </c>
      <c r="AA20464" s="5">
        <v>7</v>
      </c>
      <c r="AB20464" s="5" t="s">
        <v>43</v>
      </c>
      <c r="AC20464" s="5" t="s">
        <v>735</v>
      </c>
      <c r="AD20464" s="2" t="s">
        <v>65749</v>
      </c>
      <c r="AE20464" s="1"/>
    </row>
    <row r="20465" spans="1:31" ht="14.45">
      <c r="A20465" s="11"/>
      <c r="B20465" s="20"/>
      <c r="C20465" s="2" t="s">
        <v>65750</v>
      </c>
      <c r="D20465" s="14" t="s">
        <v>65751</v>
      </c>
      <c r="E20465" s="2" t="s">
        <v>65752</v>
      </c>
      <c r="F20465" s="2" t="s">
        <v>60640</v>
      </c>
      <c r="G20465" s="8">
        <v>1502</v>
      </c>
      <c r="H20465" s="5">
        <v>5</v>
      </c>
      <c r="I20465" s="5" t="s">
        <v>69</v>
      </c>
      <c r="J20465" s="5" t="s">
        <v>64797</v>
      </c>
      <c r="K20465" s="2" t="s">
        <v>64798</v>
      </c>
      <c r="L20465" s="5" t="s">
        <v>64797</v>
      </c>
      <c r="M20465" s="2" t="s">
        <v>64798</v>
      </c>
      <c r="N20465" s="5" t="s">
        <v>733</v>
      </c>
      <c r="O20465" s="5" t="s">
        <v>38</v>
      </c>
      <c r="P20465" s="5" t="s">
        <v>39</v>
      </c>
      <c r="Q20465" s="5" t="s">
        <v>40</v>
      </c>
      <c r="R20465" s="5" t="s">
        <v>897</v>
      </c>
      <c r="S20465" s="5" t="s">
        <v>40</v>
      </c>
      <c r="T20465" s="5" t="s">
        <v>42</v>
      </c>
      <c r="U20465" s="2">
        <v>91.436000000000007</v>
      </c>
      <c r="V20465" s="2">
        <v>85.441000000000003</v>
      </c>
      <c r="W20465" s="2">
        <v>0.378</v>
      </c>
      <c r="X20465" s="2">
        <v>17</v>
      </c>
      <c r="Y20465" s="2">
        <v>144.69999999999999</v>
      </c>
      <c r="Z20465" s="2">
        <v>153.6</v>
      </c>
      <c r="AA20465" s="5">
        <v>7</v>
      </c>
      <c r="AB20465" s="5" t="s">
        <v>43</v>
      </c>
      <c r="AC20465" s="5" t="s">
        <v>735</v>
      </c>
      <c r="AD20465" s="2" t="s">
        <v>65753</v>
      </c>
      <c r="AE20465" s="1"/>
    </row>
    <row r="20466" spans="1:31" ht="14.45">
      <c r="A20466" s="11"/>
      <c r="B20466" s="20"/>
      <c r="C20466" s="2" t="s">
        <v>65754</v>
      </c>
      <c r="D20466" s="14" t="s">
        <v>65755</v>
      </c>
      <c r="E20466" s="2" t="s">
        <v>65756</v>
      </c>
      <c r="F20466" s="2" t="s">
        <v>60657</v>
      </c>
      <c r="G20466" s="8">
        <v>2139</v>
      </c>
      <c r="H20466" s="5">
        <v>10</v>
      </c>
      <c r="I20466" s="5" t="s">
        <v>69</v>
      </c>
      <c r="J20466" s="5" t="s">
        <v>64797</v>
      </c>
      <c r="K20466" s="2" t="s">
        <v>64798</v>
      </c>
      <c r="L20466" s="5" t="s">
        <v>64797</v>
      </c>
      <c r="M20466" s="2" t="s">
        <v>64798</v>
      </c>
      <c r="N20466" s="5" t="s">
        <v>733</v>
      </c>
      <c r="O20466" s="5" t="s">
        <v>38</v>
      </c>
      <c r="P20466" s="5" t="s">
        <v>39</v>
      </c>
      <c r="Q20466" s="5" t="s">
        <v>40</v>
      </c>
      <c r="R20466" s="5" t="s">
        <v>897</v>
      </c>
      <c r="S20466" s="5" t="s">
        <v>40</v>
      </c>
      <c r="T20466" s="5" t="s">
        <v>42</v>
      </c>
      <c r="U20466" s="2">
        <v>96.762</v>
      </c>
      <c r="V20466" s="2">
        <v>90.766999999999996</v>
      </c>
      <c r="W20466" s="2">
        <v>0.378</v>
      </c>
      <c r="X20466" s="2">
        <v>17</v>
      </c>
      <c r="Y20466" s="2">
        <v>144.69999999999999</v>
      </c>
      <c r="Z20466" s="2">
        <v>153.6</v>
      </c>
      <c r="AA20466" s="5">
        <v>7</v>
      </c>
      <c r="AB20466" s="5" t="s">
        <v>43</v>
      </c>
      <c r="AC20466" s="5" t="s">
        <v>735</v>
      </c>
      <c r="AD20466" s="2" t="s">
        <v>65757</v>
      </c>
      <c r="AE20466" s="1"/>
    </row>
    <row r="20467" spans="1:31" ht="14.45">
      <c r="A20467" s="11"/>
      <c r="B20467" s="20"/>
      <c r="C20467" s="2" t="s">
        <v>65758</v>
      </c>
      <c r="D20467" s="14" t="s">
        <v>65759</v>
      </c>
      <c r="E20467" s="2" t="s">
        <v>65760</v>
      </c>
      <c r="F20467" s="2" t="s">
        <v>60671</v>
      </c>
      <c r="G20467" s="8">
        <v>1559</v>
      </c>
      <c r="H20467" s="5">
        <v>10</v>
      </c>
      <c r="I20467" s="5" t="s">
        <v>69</v>
      </c>
      <c r="J20467" s="5" t="s">
        <v>64797</v>
      </c>
      <c r="K20467" s="2" t="s">
        <v>64798</v>
      </c>
      <c r="L20467" s="5" t="s">
        <v>64797</v>
      </c>
      <c r="M20467" s="2" t="s">
        <v>64798</v>
      </c>
      <c r="N20467" s="5" t="s">
        <v>733</v>
      </c>
      <c r="O20467" s="5" t="s">
        <v>38</v>
      </c>
      <c r="P20467" s="5" t="s">
        <v>39</v>
      </c>
      <c r="Q20467" s="5" t="s">
        <v>40</v>
      </c>
      <c r="R20467" s="5" t="s">
        <v>897</v>
      </c>
      <c r="S20467" s="5" t="s">
        <v>40</v>
      </c>
      <c r="T20467" s="5" t="s">
        <v>42</v>
      </c>
      <c r="U20467" s="2">
        <v>84.006</v>
      </c>
      <c r="V20467" s="2">
        <v>77.977000000000004</v>
      </c>
      <c r="W20467" s="2">
        <v>0.378</v>
      </c>
      <c r="X20467" s="2">
        <v>17</v>
      </c>
      <c r="Y20467" s="2">
        <v>144.69999999999999</v>
      </c>
      <c r="Z20467" s="2">
        <v>153.6</v>
      </c>
      <c r="AA20467" s="5">
        <v>7</v>
      </c>
      <c r="AB20467" s="5" t="s">
        <v>43</v>
      </c>
      <c r="AC20467" s="5" t="s">
        <v>735</v>
      </c>
      <c r="AD20467" s="2" t="s">
        <v>65761</v>
      </c>
      <c r="AE20467" s="1"/>
    </row>
    <row r="20468" spans="1:31" ht="14.45">
      <c r="A20468" s="11"/>
      <c r="B20468" s="20"/>
      <c r="C20468" s="2" t="s">
        <v>65762</v>
      </c>
      <c r="D20468" s="14" t="s">
        <v>65763</v>
      </c>
      <c r="E20468" s="2" t="s">
        <v>65764</v>
      </c>
      <c r="F20468" s="2" t="s">
        <v>60685</v>
      </c>
      <c r="G20468" s="8">
        <v>1970</v>
      </c>
      <c r="H20468" s="5">
        <v>10</v>
      </c>
      <c r="I20468" s="5" t="s">
        <v>69</v>
      </c>
      <c r="J20468" s="5" t="s">
        <v>64797</v>
      </c>
      <c r="K20468" s="2" t="s">
        <v>64798</v>
      </c>
      <c r="L20468" s="5" t="s">
        <v>64797</v>
      </c>
      <c r="M20468" s="2" t="s">
        <v>64798</v>
      </c>
      <c r="N20468" s="5" t="s">
        <v>733</v>
      </c>
      <c r="O20468" s="5" t="s">
        <v>38</v>
      </c>
      <c r="P20468" s="5" t="s">
        <v>39</v>
      </c>
      <c r="Q20468" s="5" t="s">
        <v>40</v>
      </c>
      <c r="R20468" s="5" t="s">
        <v>897</v>
      </c>
      <c r="S20468" s="5" t="s">
        <v>40</v>
      </c>
      <c r="T20468" s="5" t="s">
        <v>42</v>
      </c>
      <c r="U20468" s="2">
        <v>96.686999999999998</v>
      </c>
      <c r="V20468" s="2">
        <v>90.691999999999993</v>
      </c>
      <c r="W20468" s="2">
        <v>0.378</v>
      </c>
      <c r="X20468" s="2">
        <v>17</v>
      </c>
      <c r="Y20468" s="2">
        <v>144.69999999999999</v>
      </c>
      <c r="Z20468" s="2">
        <v>153.6</v>
      </c>
      <c r="AA20468" s="5">
        <v>7</v>
      </c>
      <c r="AB20468" s="5" t="s">
        <v>43</v>
      </c>
      <c r="AC20468" s="5" t="s">
        <v>735</v>
      </c>
      <c r="AD20468" s="2" t="s">
        <v>65765</v>
      </c>
      <c r="AE20468" s="1"/>
    </row>
    <row r="20469" spans="1:31" ht="14.45">
      <c r="A20469" s="11"/>
      <c r="B20469" s="20"/>
      <c r="C20469" s="2" t="s">
        <v>65766</v>
      </c>
      <c r="D20469" s="14" t="s">
        <v>65767</v>
      </c>
      <c r="E20469" s="2" t="s">
        <v>65768</v>
      </c>
      <c r="F20469" s="2" t="s">
        <v>60717</v>
      </c>
      <c r="G20469" s="8">
        <v>1970</v>
      </c>
      <c r="H20469" s="5">
        <v>10</v>
      </c>
      <c r="I20469" s="5" t="s">
        <v>69</v>
      </c>
      <c r="J20469" s="5" t="s">
        <v>64797</v>
      </c>
      <c r="K20469" s="2" t="s">
        <v>64798</v>
      </c>
      <c r="L20469" s="5" t="s">
        <v>64797</v>
      </c>
      <c r="M20469" s="2" t="s">
        <v>64798</v>
      </c>
      <c r="N20469" s="5" t="s">
        <v>733</v>
      </c>
      <c r="O20469" s="5" t="s">
        <v>38</v>
      </c>
      <c r="P20469" s="5" t="s">
        <v>39</v>
      </c>
      <c r="Q20469" s="5" t="s">
        <v>40</v>
      </c>
      <c r="R20469" s="5" t="s">
        <v>897</v>
      </c>
      <c r="S20469" s="5" t="s">
        <v>40</v>
      </c>
      <c r="T20469" s="5" t="s">
        <v>42</v>
      </c>
      <c r="U20469" s="2">
        <v>95.132000000000005</v>
      </c>
      <c r="V20469" s="2">
        <v>89.137</v>
      </c>
      <c r="W20469" s="2">
        <v>0.378</v>
      </c>
      <c r="X20469" s="2">
        <v>17</v>
      </c>
      <c r="Y20469" s="2">
        <v>144.69999999999999</v>
      </c>
      <c r="Z20469" s="2">
        <v>153.6</v>
      </c>
      <c r="AA20469" s="5">
        <v>7</v>
      </c>
      <c r="AB20469" s="5" t="s">
        <v>43</v>
      </c>
      <c r="AC20469" s="5" t="s">
        <v>735</v>
      </c>
      <c r="AD20469" s="2" t="s">
        <v>65769</v>
      </c>
      <c r="AE20469" s="1"/>
    </row>
    <row r="20470" spans="1:31" ht="14.45">
      <c r="A20470" s="11"/>
      <c r="B20470" s="20"/>
      <c r="C20470" s="2" t="s">
        <v>65770</v>
      </c>
      <c r="D20470" s="14" t="s">
        <v>65771</v>
      </c>
      <c r="E20470" s="2" t="s">
        <v>65772</v>
      </c>
      <c r="F20470" s="2" t="s">
        <v>60726</v>
      </c>
      <c r="G20470" s="8">
        <v>1671</v>
      </c>
      <c r="H20470" s="5">
        <v>5</v>
      </c>
      <c r="I20470" s="5" t="s">
        <v>69</v>
      </c>
      <c r="J20470" s="5" t="s">
        <v>64797</v>
      </c>
      <c r="K20470" s="2" t="s">
        <v>64798</v>
      </c>
      <c r="L20470" s="5" t="s">
        <v>64797</v>
      </c>
      <c r="M20470" s="2" t="s">
        <v>64798</v>
      </c>
      <c r="N20470" s="5" t="s">
        <v>733</v>
      </c>
      <c r="O20470" s="5" t="s">
        <v>38</v>
      </c>
      <c r="P20470" s="5" t="s">
        <v>39</v>
      </c>
      <c r="Q20470" s="5" t="s">
        <v>40</v>
      </c>
      <c r="R20470" s="5" t="s">
        <v>897</v>
      </c>
      <c r="S20470" s="5" t="s">
        <v>40</v>
      </c>
      <c r="T20470" s="5" t="s">
        <v>42</v>
      </c>
      <c r="U20470" s="2">
        <v>91.361000000000004</v>
      </c>
      <c r="V20470" s="2">
        <v>85.647000000000006</v>
      </c>
      <c r="W20470" s="2">
        <v>0.36699999999999999</v>
      </c>
      <c r="X20470" s="2">
        <v>17</v>
      </c>
      <c r="Y20470" s="2">
        <v>140.69999999999999</v>
      </c>
      <c r="Z20470" s="2">
        <v>153.6</v>
      </c>
      <c r="AA20470" s="5">
        <v>7</v>
      </c>
      <c r="AB20470" s="5" t="s">
        <v>43</v>
      </c>
      <c r="AC20470" s="5" t="s">
        <v>735</v>
      </c>
      <c r="AD20470" s="2" t="s">
        <v>65773</v>
      </c>
      <c r="AE20470" s="1"/>
    </row>
    <row r="20471" spans="1:31" ht="14.45">
      <c r="A20471" s="11"/>
      <c r="B20471" s="20"/>
      <c r="C20471" s="2" t="s">
        <v>65774</v>
      </c>
      <c r="D20471" s="14" t="s">
        <v>65775</v>
      </c>
      <c r="E20471" s="2" t="s">
        <v>65776</v>
      </c>
      <c r="F20471" s="2" t="s">
        <v>60744</v>
      </c>
      <c r="G20471" s="8">
        <v>1938</v>
      </c>
      <c r="H20471" s="5">
        <v>10</v>
      </c>
      <c r="I20471" s="5" t="s">
        <v>69</v>
      </c>
      <c r="J20471" s="5" t="s">
        <v>64797</v>
      </c>
      <c r="K20471" s="2" t="s">
        <v>64798</v>
      </c>
      <c r="L20471" s="5" t="s">
        <v>64797</v>
      </c>
      <c r="M20471" s="2" t="s">
        <v>64798</v>
      </c>
      <c r="N20471" s="5" t="s">
        <v>733</v>
      </c>
      <c r="O20471" s="5" t="s">
        <v>38</v>
      </c>
      <c r="P20471" s="5" t="s">
        <v>39</v>
      </c>
      <c r="Q20471" s="5" t="s">
        <v>40</v>
      </c>
      <c r="R20471" s="5" t="s">
        <v>897</v>
      </c>
      <c r="S20471" s="5" t="s">
        <v>40</v>
      </c>
      <c r="T20471" s="5" t="s">
        <v>42</v>
      </c>
      <c r="U20471" s="2">
        <v>91.311000000000007</v>
      </c>
      <c r="V20471" s="2">
        <v>85.316000000000003</v>
      </c>
      <c r="W20471" s="2">
        <v>0.378</v>
      </c>
      <c r="X20471" s="2">
        <v>17</v>
      </c>
      <c r="Y20471" s="2">
        <v>144.69999999999999</v>
      </c>
      <c r="Z20471" s="2">
        <v>153.6</v>
      </c>
      <c r="AA20471" s="5">
        <v>7</v>
      </c>
      <c r="AB20471" s="5" t="s">
        <v>43</v>
      </c>
      <c r="AC20471" s="5" t="s">
        <v>735</v>
      </c>
      <c r="AD20471" s="2" t="s">
        <v>65777</v>
      </c>
      <c r="AE20471" s="1"/>
    </row>
    <row r="20472" spans="1:31" ht="14.45">
      <c r="A20472" s="11"/>
      <c r="B20472" s="20"/>
      <c r="C20472" s="2" t="s">
        <v>65778</v>
      </c>
      <c r="D20472" s="14" t="s">
        <v>65779</v>
      </c>
      <c r="E20472" s="2" t="s">
        <v>65780</v>
      </c>
      <c r="F20472" s="2" t="s">
        <v>60757</v>
      </c>
      <c r="G20472" s="8">
        <v>1414</v>
      </c>
      <c r="H20472" s="5">
        <v>10</v>
      </c>
      <c r="I20472" s="5" t="s">
        <v>69</v>
      </c>
      <c r="J20472" s="5" t="s">
        <v>64797</v>
      </c>
      <c r="K20472" s="2" t="s">
        <v>64798</v>
      </c>
      <c r="L20472" s="5" t="s">
        <v>64797</v>
      </c>
      <c r="M20472" s="2" t="s">
        <v>64798</v>
      </c>
      <c r="N20472" s="5" t="s">
        <v>733</v>
      </c>
      <c r="O20472" s="5" t="s">
        <v>38</v>
      </c>
      <c r="P20472" s="5" t="s">
        <v>39</v>
      </c>
      <c r="Q20472" s="5" t="s">
        <v>40</v>
      </c>
      <c r="R20472" s="5" t="s">
        <v>897</v>
      </c>
      <c r="S20472" s="5" t="s">
        <v>40</v>
      </c>
      <c r="T20472" s="5" t="s">
        <v>42</v>
      </c>
      <c r="U20472" s="2">
        <v>91.686999999999998</v>
      </c>
      <c r="V20472" s="2">
        <v>85.691999999999993</v>
      </c>
      <c r="W20472" s="2">
        <v>0.378</v>
      </c>
      <c r="X20472" s="2">
        <v>17</v>
      </c>
      <c r="Y20472" s="2">
        <v>144.69999999999999</v>
      </c>
      <c r="Z20472" s="2">
        <v>153.6</v>
      </c>
      <c r="AA20472" s="5">
        <v>7</v>
      </c>
      <c r="AB20472" s="5" t="s">
        <v>43</v>
      </c>
      <c r="AC20472" s="5" t="s">
        <v>735</v>
      </c>
      <c r="AD20472" s="2" t="s">
        <v>65781</v>
      </c>
      <c r="AE20472" s="1"/>
    </row>
    <row r="20473" spans="1:31" ht="14.45">
      <c r="A20473" s="11"/>
      <c r="B20473" s="20"/>
      <c r="C20473" s="2" t="s">
        <v>65782</v>
      </c>
      <c r="D20473" s="14" t="s">
        <v>65783</v>
      </c>
      <c r="E20473" s="2" t="s">
        <v>65784</v>
      </c>
      <c r="F20473" s="2" t="s">
        <v>60770</v>
      </c>
      <c r="G20473" s="8">
        <v>1091</v>
      </c>
      <c r="H20473" s="5">
        <v>5</v>
      </c>
      <c r="I20473" s="5" t="s">
        <v>69</v>
      </c>
      <c r="J20473" s="5" t="s">
        <v>64797</v>
      </c>
      <c r="K20473" s="2" t="s">
        <v>64798</v>
      </c>
      <c r="L20473" s="5" t="s">
        <v>64797</v>
      </c>
      <c r="M20473" s="2" t="s">
        <v>64798</v>
      </c>
      <c r="N20473" s="5" t="s">
        <v>733</v>
      </c>
      <c r="O20473" s="5" t="s">
        <v>38</v>
      </c>
      <c r="P20473" s="5" t="s">
        <v>39</v>
      </c>
      <c r="Q20473" s="5" t="s">
        <v>40</v>
      </c>
      <c r="R20473" s="5" t="s">
        <v>897</v>
      </c>
      <c r="S20473" s="5" t="s">
        <v>40</v>
      </c>
      <c r="T20473" s="5" t="s">
        <v>42</v>
      </c>
      <c r="U20473" s="2">
        <v>78.664000000000001</v>
      </c>
      <c r="V20473" s="2">
        <v>72.915999999999997</v>
      </c>
      <c r="W20473" s="2">
        <v>0.36699999999999999</v>
      </c>
      <c r="X20473" s="2">
        <v>17</v>
      </c>
      <c r="Y20473" s="2">
        <v>140.69999999999999</v>
      </c>
      <c r="Z20473" s="2">
        <v>153.6</v>
      </c>
      <c r="AA20473" s="5">
        <v>7</v>
      </c>
      <c r="AB20473" s="5" t="s">
        <v>43</v>
      </c>
      <c r="AC20473" s="5" t="s">
        <v>735</v>
      </c>
      <c r="AD20473" s="2" t="s">
        <v>65785</v>
      </c>
      <c r="AE20473" s="1"/>
    </row>
    <row r="20474" spans="1:31" ht="14.45">
      <c r="A20474" s="11"/>
      <c r="B20474" s="20"/>
      <c r="C20474" s="2" t="s">
        <v>65786</v>
      </c>
      <c r="D20474" s="14" t="s">
        <v>65787</v>
      </c>
      <c r="E20474" s="2" t="s">
        <v>65788</v>
      </c>
      <c r="F20474" s="2" t="s">
        <v>60787</v>
      </c>
      <c r="G20474" s="8">
        <v>1502</v>
      </c>
      <c r="H20474" s="5">
        <v>5</v>
      </c>
      <c r="I20474" s="5" t="s">
        <v>69</v>
      </c>
      <c r="J20474" s="5" t="s">
        <v>64797</v>
      </c>
      <c r="K20474" s="2" t="s">
        <v>64798</v>
      </c>
      <c r="L20474" s="5" t="s">
        <v>64797</v>
      </c>
      <c r="M20474" s="2" t="s">
        <v>64798</v>
      </c>
      <c r="N20474" s="5" t="s">
        <v>733</v>
      </c>
      <c r="O20474" s="5" t="s">
        <v>38</v>
      </c>
      <c r="P20474" s="5" t="s">
        <v>39</v>
      </c>
      <c r="Q20474" s="5" t="s">
        <v>40</v>
      </c>
      <c r="R20474" s="5" t="s">
        <v>897</v>
      </c>
      <c r="S20474" s="5" t="s">
        <v>40</v>
      </c>
      <c r="T20474" s="5" t="s">
        <v>42</v>
      </c>
      <c r="U20474" s="2">
        <v>91.5</v>
      </c>
      <c r="V20474" s="2">
        <v>85.504999999999995</v>
      </c>
      <c r="W20474" s="2">
        <v>0.378</v>
      </c>
      <c r="X20474" s="2">
        <v>17</v>
      </c>
      <c r="Y20474" s="2">
        <v>144.69999999999999</v>
      </c>
      <c r="Z20474" s="2">
        <v>153.6</v>
      </c>
      <c r="AA20474" s="5">
        <v>7</v>
      </c>
      <c r="AB20474" s="5" t="s">
        <v>43</v>
      </c>
      <c r="AC20474" s="5" t="s">
        <v>735</v>
      </c>
      <c r="AD20474" s="2" t="s">
        <v>65789</v>
      </c>
      <c r="AE20474" s="1"/>
    </row>
    <row r="20475" spans="1:31" ht="14.45">
      <c r="A20475" s="11"/>
      <c r="B20475" s="20"/>
      <c r="C20475" s="2" t="s">
        <v>65790</v>
      </c>
      <c r="D20475" s="14" t="s">
        <v>65791</v>
      </c>
      <c r="E20475" s="2" t="s">
        <v>65792</v>
      </c>
      <c r="F20475" s="2" t="s">
        <v>60804</v>
      </c>
      <c r="G20475" s="8">
        <v>2139</v>
      </c>
      <c r="H20475" s="5">
        <v>10</v>
      </c>
      <c r="I20475" s="5" t="s">
        <v>69</v>
      </c>
      <c r="J20475" s="5" t="s">
        <v>64797</v>
      </c>
      <c r="K20475" s="2" t="s">
        <v>64798</v>
      </c>
      <c r="L20475" s="5" t="s">
        <v>64797</v>
      </c>
      <c r="M20475" s="2" t="s">
        <v>64798</v>
      </c>
      <c r="N20475" s="5" t="s">
        <v>733</v>
      </c>
      <c r="O20475" s="5" t="s">
        <v>38</v>
      </c>
      <c r="P20475" s="5" t="s">
        <v>39</v>
      </c>
      <c r="Q20475" s="5" t="s">
        <v>40</v>
      </c>
      <c r="R20475" s="5" t="s">
        <v>897</v>
      </c>
      <c r="S20475" s="5" t="s">
        <v>40</v>
      </c>
      <c r="T20475" s="5" t="s">
        <v>42</v>
      </c>
      <c r="U20475" s="2">
        <v>96.837999999999994</v>
      </c>
      <c r="V20475" s="2">
        <v>90.843000000000004</v>
      </c>
      <c r="W20475" s="2">
        <v>0.378</v>
      </c>
      <c r="X20475" s="2">
        <v>17</v>
      </c>
      <c r="Y20475" s="2">
        <v>144.69999999999999</v>
      </c>
      <c r="Z20475" s="2">
        <v>153.6</v>
      </c>
      <c r="AA20475" s="5">
        <v>7</v>
      </c>
      <c r="AB20475" s="5" t="s">
        <v>43</v>
      </c>
      <c r="AC20475" s="5" t="s">
        <v>735</v>
      </c>
      <c r="AD20475" s="2" t="s">
        <v>65793</v>
      </c>
      <c r="AE20475" s="1"/>
    </row>
    <row r="20476" spans="1:31" ht="14.45">
      <c r="A20476" s="11"/>
      <c r="B20476" s="20"/>
      <c r="C20476" s="2" t="s">
        <v>65794</v>
      </c>
      <c r="D20476" s="14" t="s">
        <v>65795</v>
      </c>
      <c r="E20476" s="2" t="s">
        <v>65796</v>
      </c>
      <c r="F20476" s="2" t="s">
        <v>60818</v>
      </c>
      <c r="G20476" s="8">
        <v>1970</v>
      </c>
      <c r="H20476" s="5">
        <v>10</v>
      </c>
      <c r="I20476" s="5" t="s">
        <v>69</v>
      </c>
      <c r="J20476" s="5" t="s">
        <v>64797</v>
      </c>
      <c r="K20476" s="2" t="s">
        <v>64798</v>
      </c>
      <c r="L20476" s="5" t="s">
        <v>64797</v>
      </c>
      <c r="M20476" s="2" t="s">
        <v>64798</v>
      </c>
      <c r="N20476" s="5" t="s">
        <v>733</v>
      </c>
      <c r="O20476" s="5" t="s">
        <v>38</v>
      </c>
      <c r="P20476" s="5" t="s">
        <v>39</v>
      </c>
      <c r="Q20476" s="5" t="s">
        <v>40</v>
      </c>
      <c r="R20476" s="5" t="s">
        <v>897</v>
      </c>
      <c r="S20476" s="5" t="s">
        <v>40</v>
      </c>
      <c r="T20476" s="5" t="s">
        <v>42</v>
      </c>
      <c r="U20476" s="2">
        <v>96.763000000000005</v>
      </c>
      <c r="V20476" s="2">
        <v>90.768000000000001</v>
      </c>
      <c r="W20476" s="2">
        <v>0.378</v>
      </c>
      <c r="X20476" s="2">
        <v>17</v>
      </c>
      <c r="Y20476" s="2">
        <v>144.69999999999999</v>
      </c>
      <c r="Z20476" s="2">
        <v>153.6</v>
      </c>
      <c r="AA20476" s="5">
        <v>7</v>
      </c>
      <c r="AB20476" s="5" t="s">
        <v>43</v>
      </c>
      <c r="AC20476" s="5" t="s">
        <v>735</v>
      </c>
      <c r="AD20476" s="2" t="s">
        <v>65797</v>
      </c>
      <c r="AE20476" s="1"/>
    </row>
    <row r="20477" spans="1:31" ht="14.45">
      <c r="A20477" s="11"/>
      <c r="B20477" s="20"/>
      <c r="C20477" s="2" t="s">
        <v>65798</v>
      </c>
      <c r="D20477" s="14" t="s">
        <v>65799</v>
      </c>
      <c r="E20477" s="2" t="s">
        <v>65800</v>
      </c>
      <c r="F20477" s="2" t="s">
        <v>61007</v>
      </c>
      <c r="G20477" s="8">
        <v>2788</v>
      </c>
      <c r="H20477" s="5">
        <v>5</v>
      </c>
      <c r="I20477" s="5" t="s">
        <v>69</v>
      </c>
      <c r="J20477" s="5" t="s">
        <v>64797</v>
      </c>
      <c r="K20477" s="2" t="s">
        <v>64798</v>
      </c>
      <c r="L20477" s="5" t="s">
        <v>64797</v>
      </c>
      <c r="M20477" s="2" t="s">
        <v>64798</v>
      </c>
      <c r="N20477" s="5" t="s">
        <v>733</v>
      </c>
      <c r="O20477" s="5" t="s">
        <v>38</v>
      </c>
      <c r="P20477" s="5" t="s">
        <v>39</v>
      </c>
      <c r="Q20477" s="5" t="s">
        <v>40</v>
      </c>
      <c r="R20477" s="5" t="s">
        <v>897</v>
      </c>
      <c r="S20477" s="5" t="s">
        <v>40</v>
      </c>
      <c r="T20477" s="5" t="s">
        <v>42</v>
      </c>
      <c r="U20477" s="2">
        <v>160.792</v>
      </c>
      <c r="V20477" s="2">
        <v>110.68</v>
      </c>
      <c r="W20477" s="2">
        <v>0.91700000000000004</v>
      </c>
      <c r="X20477" s="2">
        <v>33.1</v>
      </c>
      <c r="Y20477" s="2">
        <v>202</v>
      </c>
      <c r="Z20477" s="2">
        <v>137.1</v>
      </c>
      <c r="AA20477" s="5">
        <v>3</v>
      </c>
      <c r="AB20477" s="5" t="s">
        <v>43</v>
      </c>
      <c r="AC20477" s="5" t="s">
        <v>735</v>
      </c>
      <c r="AD20477" s="2" t="s">
        <v>65801</v>
      </c>
      <c r="AE20477" s="1"/>
    </row>
    <row r="20478" spans="1:31" ht="14.45">
      <c r="A20478" s="11"/>
      <c r="B20478" s="20"/>
      <c r="C20478" s="2" t="s">
        <v>65802</v>
      </c>
      <c r="D20478" s="14" t="s">
        <v>65803</v>
      </c>
      <c r="E20478" s="2" t="s">
        <v>65804</v>
      </c>
      <c r="F20478" s="2" t="s">
        <v>61017</v>
      </c>
      <c r="G20478" s="8">
        <v>2100</v>
      </c>
      <c r="H20478" s="5">
        <v>5</v>
      </c>
      <c r="I20478" s="5" t="s">
        <v>69</v>
      </c>
      <c r="J20478" s="5" t="s">
        <v>64797</v>
      </c>
      <c r="K20478" s="2" t="s">
        <v>64798</v>
      </c>
      <c r="L20478" s="5" t="s">
        <v>64797</v>
      </c>
      <c r="M20478" s="2" t="s">
        <v>64798</v>
      </c>
      <c r="N20478" s="5" t="s">
        <v>733</v>
      </c>
      <c r="O20478" s="5" t="s">
        <v>38</v>
      </c>
      <c r="P20478" s="5" t="s">
        <v>39</v>
      </c>
      <c r="Q20478" s="5" t="s">
        <v>40</v>
      </c>
      <c r="R20478" s="5" t="s">
        <v>897</v>
      </c>
      <c r="S20478" s="5" t="s">
        <v>40</v>
      </c>
      <c r="T20478" s="5" t="s">
        <v>42</v>
      </c>
      <c r="U20478" s="2">
        <v>146.11699999999999</v>
      </c>
      <c r="V20478" s="2">
        <v>95.962999999999994</v>
      </c>
      <c r="W20478" s="2">
        <v>0.91700000000000004</v>
      </c>
      <c r="X20478" s="2">
        <v>33.1</v>
      </c>
      <c r="Y20478" s="2">
        <v>202</v>
      </c>
      <c r="Z20478" s="2">
        <v>137.1</v>
      </c>
      <c r="AA20478" s="5">
        <v>3</v>
      </c>
      <c r="AB20478" s="5" t="s">
        <v>43</v>
      </c>
      <c r="AC20478" s="5" t="s">
        <v>735</v>
      </c>
      <c r="AD20478" s="2" t="s">
        <v>65805</v>
      </c>
      <c r="AE20478" s="1"/>
    </row>
    <row r="20479" spans="1:31" ht="14.45">
      <c r="A20479" s="11"/>
      <c r="B20479" s="20"/>
      <c r="C20479" s="2" t="s">
        <v>65806</v>
      </c>
      <c r="D20479" s="14" t="s">
        <v>65807</v>
      </c>
      <c r="E20479" s="2" t="s">
        <v>65808</v>
      </c>
      <c r="F20479" s="2" t="s">
        <v>61022</v>
      </c>
      <c r="G20479" s="8">
        <v>3256</v>
      </c>
      <c r="H20479" s="5">
        <v>15</v>
      </c>
      <c r="I20479" s="5" t="s">
        <v>69</v>
      </c>
      <c r="J20479" s="5" t="s">
        <v>64797</v>
      </c>
      <c r="K20479" s="2" t="s">
        <v>64798</v>
      </c>
      <c r="L20479" s="5" t="s">
        <v>64797</v>
      </c>
      <c r="M20479" s="2" t="s">
        <v>64798</v>
      </c>
      <c r="N20479" s="5" t="s">
        <v>733</v>
      </c>
      <c r="O20479" s="5" t="s">
        <v>38</v>
      </c>
      <c r="P20479" s="5" t="s">
        <v>39</v>
      </c>
      <c r="Q20479" s="5" t="s">
        <v>40</v>
      </c>
      <c r="R20479" s="5" t="s">
        <v>897</v>
      </c>
      <c r="S20479" s="5" t="s">
        <v>40</v>
      </c>
      <c r="T20479" s="5" t="s">
        <v>42</v>
      </c>
      <c r="U20479" s="2">
        <v>170.09899999999999</v>
      </c>
      <c r="V20479" s="2">
        <v>119.98699999999999</v>
      </c>
      <c r="W20479" s="2">
        <v>0.91700000000000004</v>
      </c>
      <c r="X20479" s="2">
        <v>33.1</v>
      </c>
      <c r="Y20479" s="2">
        <v>202</v>
      </c>
      <c r="Z20479" s="2">
        <v>137.1</v>
      </c>
      <c r="AA20479" s="5">
        <v>3</v>
      </c>
      <c r="AB20479" s="5" t="s">
        <v>43</v>
      </c>
      <c r="AC20479" s="5" t="s">
        <v>735</v>
      </c>
      <c r="AD20479" s="2" t="s">
        <v>65809</v>
      </c>
      <c r="AE20479" s="1"/>
    </row>
    <row r="20480" spans="1:31" ht="14.45">
      <c r="A20480" s="11"/>
      <c r="B20480" s="20"/>
      <c r="C20480" s="2" t="s">
        <v>65810</v>
      </c>
      <c r="D20480" s="14" t="s">
        <v>65811</v>
      </c>
      <c r="E20480" s="2" t="s">
        <v>65812</v>
      </c>
      <c r="F20480" s="2" t="s">
        <v>61027</v>
      </c>
      <c r="G20480" s="8">
        <v>2568</v>
      </c>
      <c r="H20480" s="5">
        <v>15</v>
      </c>
      <c r="I20480" s="5" t="s">
        <v>69</v>
      </c>
      <c r="J20480" s="5" t="s">
        <v>64797</v>
      </c>
      <c r="K20480" s="2" t="s">
        <v>64798</v>
      </c>
      <c r="L20480" s="5" t="s">
        <v>64797</v>
      </c>
      <c r="M20480" s="2" t="s">
        <v>64798</v>
      </c>
      <c r="N20480" s="5" t="s">
        <v>733</v>
      </c>
      <c r="O20480" s="5" t="s">
        <v>38</v>
      </c>
      <c r="P20480" s="5" t="s">
        <v>39</v>
      </c>
      <c r="Q20480" s="5" t="s">
        <v>40</v>
      </c>
      <c r="R20480" s="5" t="s">
        <v>897</v>
      </c>
      <c r="S20480" s="5" t="s">
        <v>40</v>
      </c>
      <c r="T20480" s="5" t="s">
        <v>42</v>
      </c>
      <c r="U20480" s="2">
        <v>156.88499999999999</v>
      </c>
      <c r="V20480" s="2">
        <v>106.73099999999999</v>
      </c>
      <c r="W20480" s="2">
        <v>0.91700000000000004</v>
      </c>
      <c r="X20480" s="2">
        <v>33.1</v>
      </c>
      <c r="Y20480" s="2">
        <v>202</v>
      </c>
      <c r="Z20480" s="2">
        <v>137.1</v>
      </c>
      <c r="AA20480" s="5">
        <v>3</v>
      </c>
      <c r="AB20480" s="5" t="s">
        <v>43</v>
      </c>
      <c r="AC20480" s="5" t="s">
        <v>735</v>
      </c>
      <c r="AD20480" s="2" t="s">
        <v>65813</v>
      </c>
      <c r="AE20480" s="1"/>
    </row>
    <row r="20481" spans="1:31" ht="14.45">
      <c r="A20481" s="11"/>
      <c r="B20481" s="20"/>
      <c r="C20481" s="2" t="s">
        <v>65814</v>
      </c>
      <c r="D20481" s="14" t="s">
        <v>65815</v>
      </c>
      <c r="E20481" s="2" t="s">
        <v>65816</v>
      </c>
      <c r="F20481" s="2" t="s">
        <v>61007</v>
      </c>
      <c r="G20481" s="8">
        <v>3058</v>
      </c>
      <c r="H20481" s="5">
        <v>5</v>
      </c>
      <c r="I20481" s="5" t="s">
        <v>69</v>
      </c>
      <c r="J20481" s="5" t="s">
        <v>64797</v>
      </c>
      <c r="K20481" s="2" t="s">
        <v>64798</v>
      </c>
      <c r="L20481" s="5" t="s">
        <v>64797</v>
      </c>
      <c r="M20481" s="2" t="s">
        <v>64798</v>
      </c>
      <c r="N20481" s="5" t="s">
        <v>733</v>
      </c>
      <c r="O20481" s="5" t="s">
        <v>38</v>
      </c>
      <c r="P20481" s="5" t="s">
        <v>39</v>
      </c>
      <c r="Q20481" s="5" t="s">
        <v>40</v>
      </c>
      <c r="R20481" s="5" t="s">
        <v>897</v>
      </c>
      <c r="S20481" s="5" t="s">
        <v>40</v>
      </c>
      <c r="T20481" s="5" t="s">
        <v>42</v>
      </c>
      <c r="U20481" s="2">
        <v>182.131</v>
      </c>
      <c r="V20481" s="2">
        <v>127.35299999999999</v>
      </c>
      <c r="W20481" s="2">
        <v>1.0640000000000001</v>
      </c>
      <c r="X20481" s="2">
        <v>33.1</v>
      </c>
      <c r="Y20481" s="2">
        <v>202</v>
      </c>
      <c r="Z20481" s="2">
        <v>159.1</v>
      </c>
      <c r="AA20481" s="5">
        <v>3</v>
      </c>
      <c r="AB20481" s="5" t="s">
        <v>43</v>
      </c>
      <c r="AC20481" s="5" t="s">
        <v>735</v>
      </c>
      <c r="AD20481" s="2" t="s">
        <v>65817</v>
      </c>
      <c r="AE20481" s="1"/>
    </row>
    <row r="20482" spans="1:31" ht="14.45">
      <c r="A20482" s="11"/>
      <c r="B20482" s="20"/>
      <c r="C20482" s="2" t="s">
        <v>65818</v>
      </c>
      <c r="D20482" s="14" t="s">
        <v>65819</v>
      </c>
      <c r="E20482" s="2" t="s">
        <v>65820</v>
      </c>
      <c r="F20482" s="2" t="s">
        <v>61017</v>
      </c>
      <c r="G20482" s="8">
        <v>2242</v>
      </c>
      <c r="H20482" s="5">
        <v>5</v>
      </c>
      <c r="I20482" s="5" t="s">
        <v>69</v>
      </c>
      <c r="J20482" s="5" t="s">
        <v>64797</v>
      </c>
      <c r="K20482" s="2" t="s">
        <v>64798</v>
      </c>
      <c r="L20482" s="5" t="s">
        <v>64797</v>
      </c>
      <c r="M20482" s="2" t="s">
        <v>64798</v>
      </c>
      <c r="N20482" s="5" t="s">
        <v>733</v>
      </c>
      <c r="O20482" s="5" t="s">
        <v>38</v>
      </c>
      <c r="P20482" s="5" t="s">
        <v>39</v>
      </c>
      <c r="Q20482" s="5" t="s">
        <v>40</v>
      </c>
      <c r="R20482" s="5" t="s">
        <v>897</v>
      </c>
      <c r="S20482" s="5" t="s">
        <v>40</v>
      </c>
      <c r="T20482" s="5" t="s">
        <v>42</v>
      </c>
      <c r="U20482" s="2">
        <v>165.29300000000001</v>
      </c>
      <c r="V20482" s="2">
        <v>110.473</v>
      </c>
      <c r="W20482" s="2">
        <v>1.0640000000000001</v>
      </c>
      <c r="X20482" s="2">
        <v>33.1</v>
      </c>
      <c r="Y20482" s="2">
        <v>202</v>
      </c>
      <c r="Z20482" s="2">
        <v>159.1</v>
      </c>
      <c r="AA20482" s="5">
        <v>3</v>
      </c>
      <c r="AB20482" s="5" t="s">
        <v>43</v>
      </c>
      <c r="AC20482" s="5" t="s">
        <v>735</v>
      </c>
      <c r="AD20482" s="2" t="s">
        <v>65821</v>
      </c>
      <c r="AE20482" s="1"/>
    </row>
    <row r="20483" spans="1:31" ht="14.45">
      <c r="A20483" s="11"/>
      <c r="B20483" s="20"/>
      <c r="C20483" s="2" t="s">
        <v>65822</v>
      </c>
      <c r="D20483" s="14" t="s">
        <v>65823</v>
      </c>
      <c r="E20483" s="2" t="s">
        <v>65824</v>
      </c>
      <c r="F20483" s="2" t="s">
        <v>61022</v>
      </c>
      <c r="G20483" s="8">
        <v>3526</v>
      </c>
      <c r="H20483" s="5">
        <v>15</v>
      </c>
      <c r="I20483" s="5" t="s">
        <v>69</v>
      </c>
      <c r="J20483" s="5" t="s">
        <v>64797</v>
      </c>
      <c r="K20483" s="2" t="s">
        <v>64798</v>
      </c>
      <c r="L20483" s="5" t="s">
        <v>64797</v>
      </c>
      <c r="M20483" s="2" t="s">
        <v>64798</v>
      </c>
      <c r="N20483" s="5" t="s">
        <v>733</v>
      </c>
      <c r="O20483" s="5" t="s">
        <v>38</v>
      </c>
      <c r="P20483" s="5" t="s">
        <v>39</v>
      </c>
      <c r="Q20483" s="5" t="s">
        <v>40</v>
      </c>
      <c r="R20483" s="5" t="s">
        <v>897</v>
      </c>
      <c r="S20483" s="5" t="s">
        <v>40</v>
      </c>
      <c r="T20483" s="5" t="s">
        <v>42</v>
      </c>
      <c r="U20483" s="2">
        <v>193.46799999999999</v>
      </c>
      <c r="V20483" s="2">
        <v>138.69</v>
      </c>
      <c r="W20483" s="2">
        <v>1.0640000000000001</v>
      </c>
      <c r="X20483" s="2">
        <v>33.1</v>
      </c>
      <c r="Y20483" s="2">
        <v>202</v>
      </c>
      <c r="Z20483" s="2">
        <v>159.1</v>
      </c>
      <c r="AA20483" s="5">
        <v>3</v>
      </c>
      <c r="AB20483" s="5" t="s">
        <v>43</v>
      </c>
      <c r="AC20483" s="5" t="s">
        <v>735</v>
      </c>
      <c r="AD20483" s="2" t="s">
        <v>65825</v>
      </c>
      <c r="AE20483" s="1"/>
    </row>
    <row r="20484" spans="1:31" ht="14.45">
      <c r="A20484" s="11"/>
      <c r="B20484" s="20"/>
      <c r="C20484" s="2" t="s">
        <v>65826</v>
      </c>
      <c r="D20484" s="14" t="s">
        <v>65827</v>
      </c>
      <c r="E20484" s="2" t="s">
        <v>65828</v>
      </c>
      <c r="F20484" s="2" t="s">
        <v>61027</v>
      </c>
      <c r="G20484" s="8">
        <v>2710</v>
      </c>
      <c r="H20484" s="5">
        <v>15</v>
      </c>
      <c r="I20484" s="5" t="s">
        <v>69</v>
      </c>
      <c r="J20484" s="5" t="s">
        <v>64797</v>
      </c>
      <c r="K20484" s="2" t="s">
        <v>64798</v>
      </c>
      <c r="L20484" s="5" t="s">
        <v>64797</v>
      </c>
      <c r="M20484" s="2" t="s">
        <v>64798</v>
      </c>
      <c r="N20484" s="5" t="s">
        <v>733</v>
      </c>
      <c r="O20484" s="5" t="s">
        <v>38</v>
      </c>
      <c r="P20484" s="5" t="s">
        <v>39</v>
      </c>
      <c r="Q20484" s="5" t="s">
        <v>40</v>
      </c>
      <c r="R20484" s="5" t="s">
        <v>897</v>
      </c>
      <c r="S20484" s="5" t="s">
        <v>40</v>
      </c>
      <c r="T20484" s="5" t="s">
        <v>42</v>
      </c>
      <c r="U20484" s="2">
        <v>177.024</v>
      </c>
      <c r="V20484" s="2">
        <v>122.20399999999999</v>
      </c>
      <c r="W20484" s="2">
        <v>1.0640000000000001</v>
      </c>
      <c r="X20484" s="2">
        <v>33.1</v>
      </c>
      <c r="Y20484" s="2">
        <v>202</v>
      </c>
      <c r="Z20484" s="2">
        <v>159.1</v>
      </c>
      <c r="AA20484" s="5">
        <v>3</v>
      </c>
      <c r="AB20484" s="5" t="s">
        <v>43</v>
      </c>
      <c r="AC20484" s="5" t="s">
        <v>735</v>
      </c>
      <c r="AD20484" s="2" t="s">
        <v>65829</v>
      </c>
      <c r="AE20484" s="1"/>
    </row>
    <row r="20485" spans="1:31" ht="14.45">
      <c r="A20485" s="11"/>
      <c r="B20485" s="20"/>
      <c r="C20485" s="2" t="s">
        <v>65830</v>
      </c>
      <c r="D20485" s="14" t="s">
        <v>65831</v>
      </c>
      <c r="E20485" s="2" t="s">
        <v>65832</v>
      </c>
      <c r="F20485" s="2" t="s">
        <v>61244</v>
      </c>
      <c r="G20485" s="8">
        <v>1100</v>
      </c>
      <c r="H20485" s="5">
        <v>5</v>
      </c>
      <c r="I20485" s="5" t="s">
        <v>69</v>
      </c>
      <c r="J20485" s="5" t="s">
        <v>65833</v>
      </c>
      <c r="K20485" s="2" t="s">
        <v>65834</v>
      </c>
      <c r="L20485" s="5" t="s">
        <v>65833</v>
      </c>
      <c r="M20485" s="2" t="s">
        <v>65834</v>
      </c>
      <c r="N20485" s="5" t="s">
        <v>733</v>
      </c>
      <c r="O20485" s="5" t="s">
        <v>38</v>
      </c>
      <c r="P20485" s="5" t="s">
        <v>39</v>
      </c>
      <c r="Q20485" s="5" t="s">
        <v>40</v>
      </c>
      <c r="R20485" s="5" t="s">
        <v>897</v>
      </c>
      <c r="S20485" s="5" t="s">
        <v>40</v>
      </c>
      <c r="T20485" s="5" t="s">
        <v>42</v>
      </c>
      <c r="U20485" s="2">
        <v>38.152000000000001</v>
      </c>
      <c r="V20485" s="2">
        <v>35.908000000000001</v>
      </c>
      <c r="W20485" s="2">
        <v>0.109</v>
      </c>
      <c r="X20485" s="2">
        <v>17</v>
      </c>
      <c r="Y20485" s="2">
        <v>57.7</v>
      </c>
      <c r="Z20485" s="2">
        <v>111.6</v>
      </c>
      <c r="AA20485" s="5">
        <v>7</v>
      </c>
      <c r="AB20485" s="5" t="s">
        <v>43</v>
      </c>
      <c r="AC20485" s="5" t="s">
        <v>735</v>
      </c>
      <c r="AD20485" s="2" t="s">
        <v>65835</v>
      </c>
      <c r="AE20485" s="1"/>
    </row>
    <row r="20486" spans="1:31" ht="14.45">
      <c r="A20486" s="11"/>
      <c r="B20486" s="20"/>
      <c r="C20486" s="2" t="s">
        <v>65836</v>
      </c>
      <c r="D20486" s="14" t="s">
        <v>65837</v>
      </c>
      <c r="E20486" s="2" t="s">
        <v>65838</v>
      </c>
      <c r="F20486" s="2" t="s">
        <v>61254</v>
      </c>
      <c r="G20486" s="8">
        <v>1023</v>
      </c>
      <c r="H20486" s="5">
        <v>5</v>
      </c>
      <c r="I20486" s="5" t="s">
        <v>69</v>
      </c>
      <c r="J20486" s="5" t="s">
        <v>65833</v>
      </c>
      <c r="K20486" s="2" t="s">
        <v>65834</v>
      </c>
      <c r="L20486" s="5" t="s">
        <v>65833</v>
      </c>
      <c r="M20486" s="2" t="s">
        <v>65834</v>
      </c>
      <c r="N20486" s="5" t="s">
        <v>733</v>
      </c>
      <c r="O20486" s="5" t="s">
        <v>38</v>
      </c>
      <c r="P20486" s="5" t="s">
        <v>39</v>
      </c>
      <c r="Q20486" s="5" t="s">
        <v>40</v>
      </c>
      <c r="R20486" s="5" t="s">
        <v>897</v>
      </c>
      <c r="S20486" s="5" t="s">
        <v>40</v>
      </c>
      <c r="T20486" s="5" t="s">
        <v>42</v>
      </c>
      <c r="U20486" s="2">
        <v>35.165999999999997</v>
      </c>
      <c r="V20486" s="2">
        <v>32.96</v>
      </c>
      <c r="W20486" s="2">
        <v>0.109</v>
      </c>
      <c r="X20486" s="2">
        <v>17</v>
      </c>
      <c r="Y20486" s="2">
        <v>57.7</v>
      </c>
      <c r="Z20486" s="2">
        <v>111.6</v>
      </c>
      <c r="AA20486" s="5">
        <v>7</v>
      </c>
      <c r="AB20486" s="5" t="s">
        <v>43</v>
      </c>
      <c r="AC20486" s="5" t="s">
        <v>735</v>
      </c>
      <c r="AD20486" s="2" t="s">
        <v>65839</v>
      </c>
      <c r="AE20486" s="1"/>
    </row>
    <row r="20487" spans="1:31" ht="14.45">
      <c r="A20487" s="11"/>
      <c r="B20487" s="20"/>
      <c r="C20487" s="2" t="s">
        <v>65840</v>
      </c>
      <c r="D20487" s="14" t="s">
        <v>65841</v>
      </c>
      <c r="E20487" s="2" t="s">
        <v>65842</v>
      </c>
      <c r="F20487" s="2" t="s">
        <v>61268</v>
      </c>
      <c r="G20487" s="8">
        <v>1100</v>
      </c>
      <c r="H20487" s="5">
        <v>10</v>
      </c>
      <c r="I20487" s="5" t="s">
        <v>69</v>
      </c>
      <c r="J20487" s="5" t="s">
        <v>65833</v>
      </c>
      <c r="K20487" s="2" t="s">
        <v>65834</v>
      </c>
      <c r="L20487" s="5" t="s">
        <v>65833</v>
      </c>
      <c r="M20487" s="2" t="s">
        <v>65834</v>
      </c>
      <c r="N20487" s="5" t="s">
        <v>733</v>
      </c>
      <c r="O20487" s="5" t="s">
        <v>38</v>
      </c>
      <c r="P20487" s="5" t="s">
        <v>39</v>
      </c>
      <c r="Q20487" s="5" t="s">
        <v>40</v>
      </c>
      <c r="R20487" s="5" t="s">
        <v>897</v>
      </c>
      <c r="S20487" s="5" t="s">
        <v>40</v>
      </c>
      <c r="T20487" s="5" t="s">
        <v>42</v>
      </c>
      <c r="U20487" s="2">
        <v>35.082000000000001</v>
      </c>
      <c r="V20487" s="2">
        <v>32.869</v>
      </c>
      <c r="W20487" s="2">
        <v>0.109</v>
      </c>
      <c r="X20487" s="2">
        <v>17</v>
      </c>
      <c r="Y20487" s="2">
        <v>57.7</v>
      </c>
      <c r="Z20487" s="2">
        <v>111.6</v>
      </c>
      <c r="AA20487" s="5">
        <v>7</v>
      </c>
      <c r="AB20487" s="5" t="s">
        <v>43</v>
      </c>
      <c r="AC20487" s="5" t="s">
        <v>735</v>
      </c>
      <c r="AD20487" s="2" t="s">
        <v>65843</v>
      </c>
      <c r="AE20487" s="1"/>
    </row>
    <row r="20488" spans="1:31" ht="14.45">
      <c r="A20488" s="11"/>
      <c r="B20488" s="20"/>
      <c r="C20488" s="2" t="s">
        <v>65844</v>
      </c>
      <c r="D20488" s="14" t="s">
        <v>65845</v>
      </c>
      <c r="E20488" s="2" t="s">
        <v>65846</v>
      </c>
      <c r="F20488" s="2" t="s">
        <v>61282</v>
      </c>
      <c r="G20488" s="8">
        <v>949</v>
      </c>
      <c r="H20488" s="5">
        <v>10</v>
      </c>
      <c r="I20488" s="5" t="s">
        <v>69</v>
      </c>
      <c r="J20488" s="5" t="s">
        <v>65833</v>
      </c>
      <c r="K20488" s="2" t="s">
        <v>65834</v>
      </c>
      <c r="L20488" s="5" t="s">
        <v>65833</v>
      </c>
      <c r="M20488" s="2" t="s">
        <v>65834</v>
      </c>
      <c r="N20488" s="5" t="s">
        <v>733</v>
      </c>
      <c r="O20488" s="5" t="s">
        <v>38</v>
      </c>
      <c r="P20488" s="5" t="s">
        <v>39</v>
      </c>
      <c r="Q20488" s="5" t="s">
        <v>40</v>
      </c>
      <c r="R20488" s="5" t="s">
        <v>897</v>
      </c>
      <c r="S20488" s="5" t="s">
        <v>40</v>
      </c>
      <c r="T20488" s="5" t="s">
        <v>42</v>
      </c>
      <c r="U20488" s="2">
        <v>35.186</v>
      </c>
      <c r="V20488" s="2">
        <v>32.972999999999999</v>
      </c>
      <c r="W20488" s="2">
        <v>0.109</v>
      </c>
      <c r="X20488" s="2">
        <v>17</v>
      </c>
      <c r="Y20488" s="2">
        <v>57.7</v>
      </c>
      <c r="Z20488" s="2">
        <v>111.6</v>
      </c>
      <c r="AA20488" s="5">
        <v>7</v>
      </c>
      <c r="AB20488" s="5" t="s">
        <v>43</v>
      </c>
      <c r="AC20488" s="5" t="s">
        <v>735</v>
      </c>
      <c r="AD20488" s="2" t="s">
        <v>65847</v>
      </c>
      <c r="AE20488" s="1"/>
    </row>
    <row r="20489" spans="1:31" ht="14.45">
      <c r="A20489" s="11"/>
      <c r="B20489" s="20"/>
      <c r="C20489" s="2" t="s">
        <v>65848</v>
      </c>
      <c r="D20489" s="14" t="s">
        <v>65849</v>
      </c>
      <c r="E20489" s="2" t="s">
        <v>65850</v>
      </c>
      <c r="F20489" s="2" t="s">
        <v>61295</v>
      </c>
      <c r="G20489" s="8">
        <v>855</v>
      </c>
      <c r="H20489" s="5">
        <v>5</v>
      </c>
      <c r="I20489" s="5" t="s">
        <v>69</v>
      </c>
      <c r="J20489" s="5" t="s">
        <v>65833</v>
      </c>
      <c r="K20489" s="2" t="s">
        <v>65834</v>
      </c>
      <c r="L20489" s="5" t="s">
        <v>65833</v>
      </c>
      <c r="M20489" s="2" t="s">
        <v>65834</v>
      </c>
      <c r="N20489" s="5" t="s">
        <v>733</v>
      </c>
      <c r="O20489" s="5" t="s">
        <v>38</v>
      </c>
      <c r="P20489" s="5" t="s">
        <v>39</v>
      </c>
      <c r="Q20489" s="5" t="s">
        <v>40</v>
      </c>
      <c r="R20489" s="5" t="s">
        <v>897</v>
      </c>
      <c r="S20489" s="5" t="s">
        <v>40</v>
      </c>
      <c r="T20489" s="5" t="s">
        <v>42</v>
      </c>
      <c r="U20489" s="2">
        <v>32.064999999999998</v>
      </c>
      <c r="V20489" s="2">
        <v>29.849</v>
      </c>
      <c r="W20489" s="2">
        <v>0.109</v>
      </c>
      <c r="X20489" s="2">
        <v>17</v>
      </c>
      <c r="Y20489" s="2">
        <v>57.7</v>
      </c>
      <c r="Z20489" s="2">
        <v>111.6</v>
      </c>
      <c r="AA20489" s="5">
        <v>7</v>
      </c>
      <c r="AB20489" s="5" t="s">
        <v>43</v>
      </c>
      <c r="AC20489" s="5" t="s">
        <v>735</v>
      </c>
      <c r="AD20489" s="2" t="s">
        <v>65851</v>
      </c>
      <c r="AE20489" s="1"/>
    </row>
    <row r="20490" spans="1:31" ht="14.45">
      <c r="A20490" s="11"/>
      <c r="B20490" s="20"/>
      <c r="C20490" s="2" t="s">
        <v>65852</v>
      </c>
      <c r="D20490" s="14" t="s">
        <v>65853</v>
      </c>
      <c r="E20490" s="2" t="s">
        <v>65854</v>
      </c>
      <c r="F20490" s="2" t="s">
        <v>61313</v>
      </c>
      <c r="G20490" s="8">
        <v>974</v>
      </c>
      <c r="H20490" s="5">
        <v>5</v>
      </c>
      <c r="I20490" s="5" t="s">
        <v>69</v>
      </c>
      <c r="J20490" s="5" t="s">
        <v>65833</v>
      </c>
      <c r="K20490" s="2" t="s">
        <v>65834</v>
      </c>
      <c r="L20490" s="5" t="s">
        <v>65833</v>
      </c>
      <c r="M20490" s="2" t="s">
        <v>65834</v>
      </c>
      <c r="N20490" s="5" t="s">
        <v>733</v>
      </c>
      <c r="O20490" s="5" t="s">
        <v>38</v>
      </c>
      <c r="P20490" s="5" t="s">
        <v>39</v>
      </c>
      <c r="Q20490" s="5" t="s">
        <v>40</v>
      </c>
      <c r="R20490" s="5" t="s">
        <v>897</v>
      </c>
      <c r="S20490" s="5" t="s">
        <v>40</v>
      </c>
      <c r="T20490" s="5" t="s">
        <v>42</v>
      </c>
      <c r="U20490" s="2">
        <v>35.149000000000001</v>
      </c>
      <c r="V20490" s="2">
        <v>32.942999999999998</v>
      </c>
      <c r="W20490" s="2">
        <v>0.109</v>
      </c>
      <c r="X20490" s="2">
        <v>17</v>
      </c>
      <c r="Y20490" s="2">
        <v>57.7</v>
      </c>
      <c r="Z20490" s="2">
        <v>111.6</v>
      </c>
      <c r="AA20490" s="5">
        <v>7</v>
      </c>
      <c r="AB20490" s="5" t="s">
        <v>43</v>
      </c>
      <c r="AC20490" s="5" t="s">
        <v>735</v>
      </c>
      <c r="AD20490" s="2" t="s">
        <v>65855</v>
      </c>
      <c r="AE20490" s="1"/>
    </row>
    <row r="20491" spans="1:31" ht="14.45">
      <c r="A20491" s="11"/>
      <c r="B20491" s="20"/>
      <c r="C20491" s="2" t="s">
        <v>65856</v>
      </c>
      <c r="D20491" s="14" t="s">
        <v>65857</v>
      </c>
      <c r="E20491" s="2" t="s">
        <v>65858</v>
      </c>
      <c r="F20491" s="2" t="s">
        <v>61336</v>
      </c>
      <c r="G20491" s="8">
        <v>1491</v>
      </c>
      <c r="H20491" s="5">
        <v>10</v>
      </c>
      <c r="I20491" s="5" t="s">
        <v>69</v>
      </c>
      <c r="J20491" s="5" t="s">
        <v>65833</v>
      </c>
      <c r="K20491" s="2" t="s">
        <v>65834</v>
      </c>
      <c r="L20491" s="5" t="s">
        <v>65833</v>
      </c>
      <c r="M20491" s="2" t="s">
        <v>65834</v>
      </c>
      <c r="N20491" s="5" t="s">
        <v>733</v>
      </c>
      <c r="O20491" s="5" t="s">
        <v>38</v>
      </c>
      <c r="P20491" s="5" t="s">
        <v>39</v>
      </c>
      <c r="Q20491" s="5" t="s">
        <v>40</v>
      </c>
      <c r="R20491" s="5" t="s">
        <v>897</v>
      </c>
      <c r="S20491" s="5" t="s">
        <v>40</v>
      </c>
      <c r="T20491" s="5" t="s">
        <v>42</v>
      </c>
      <c r="U20491" s="2">
        <v>38.182000000000002</v>
      </c>
      <c r="V20491" s="2">
        <v>35.941000000000003</v>
      </c>
      <c r="W20491" s="2">
        <v>0.109</v>
      </c>
      <c r="X20491" s="2">
        <v>17</v>
      </c>
      <c r="Y20491" s="2">
        <v>57.7</v>
      </c>
      <c r="Z20491" s="2">
        <v>111.6</v>
      </c>
      <c r="AA20491" s="5">
        <v>7</v>
      </c>
      <c r="AB20491" s="5" t="s">
        <v>43</v>
      </c>
      <c r="AC20491" s="5" t="s">
        <v>735</v>
      </c>
      <c r="AD20491" s="2" t="s">
        <v>65859</v>
      </c>
      <c r="AE20491" s="1"/>
    </row>
    <row r="20492" spans="1:31" ht="14.45">
      <c r="A20492" s="11"/>
      <c r="B20492" s="20"/>
      <c r="C20492" s="2" t="s">
        <v>65860</v>
      </c>
      <c r="D20492" s="14" t="s">
        <v>65861</v>
      </c>
      <c r="E20492" s="2" t="s">
        <v>65862</v>
      </c>
      <c r="F20492" s="2" t="s">
        <v>61350</v>
      </c>
      <c r="G20492" s="8">
        <v>1323</v>
      </c>
      <c r="H20492" s="5">
        <v>10</v>
      </c>
      <c r="I20492" s="5" t="s">
        <v>69</v>
      </c>
      <c r="J20492" s="5" t="s">
        <v>65833</v>
      </c>
      <c r="K20492" s="2" t="s">
        <v>65834</v>
      </c>
      <c r="L20492" s="5" t="s">
        <v>65833</v>
      </c>
      <c r="M20492" s="2" t="s">
        <v>65834</v>
      </c>
      <c r="N20492" s="5" t="s">
        <v>733</v>
      </c>
      <c r="O20492" s="5" t="s">
        <v>38</v>
      </c>
      <c r="P20492" s="5" t="s">
        <v>39</v>
      </c>
      <c r="Q20492" s="5" t="s">
        <v>40</v>
      </c>
      <c r="R20492" s="5" t="s">
        <v>897</v>
      </c>
      <c r="S20492" s="5" t="s">
        <v>40</v>
      </c>
      <c r="T20492" s="5" t="s">
        <v>42</v>
      </c>
      <c r="U20492" s="2">
        <v>34.475000000000001</v>
      </c>
      <c r="V20492" s="2">
        <v>32.223999999999997</v>
      </c>
      <c r="W20492" s="2">
        <v>0.109</v>
      </c>
      <c r="X20492" s="2">
        <v>17</v>
      </c>
      <c r="Y20492" s="2">
        <v>57.7</v>
      </c>
      <c r="Z20492" s="2">
        <v>111.6</v>
      </c>
      <c r="AA20492" s="5">
        <v>7</v>
      </c>
      <c r="AB20492" s="5" t="s">
        <v>43</v>
      </c>
      <c r="AC20492" s="5" t="s">
        <v>735</v>
      </c>
      <c r="AD20492" s="2" t="s">
        <v>65863</v>
      </c>
      <c r="AE20492" s="1"/>
    </row>
    <row r="20493" spans="1:31" ht="14.45">
      <c r="A20493" s="11"/>
      <c r="B20493" s="20"/>
      <c r="C20493" s="2" t="s">
        <v>65864</v>
      </c>
      <c r="D20493" s="14" t="s">
        <v>65865</v>
      </c>
      <c r="E20493" s="2" t="s">
        <v>65866</v>
      </c>
      <c r="F20493" s="2" t="s">
        <v>61364</v>
      </c>
      <c r="G20493" s="8">
        <v>1442</v>
      </c>
      <c r="H20493" s="5">
        <v>5</v>
      </c>
      <c r="I20493" s="5" t="s">
        <v>69</v>
      </c>
      <c r="J20493" s="5" t="s">
        <v>65833</v>
      </c>
      <c r="K20493" s="2" t="s">
        <v>65834</v>
      </c>
      <c r="L20493" s="5" t="s">
        <v>65833</v>
      </c>
      <c r="M20493" s="2" t="s">
        <v>65834</v>
      </c>
      <c r="N20493" s="5" t="s">
        <v>733</v>
      </c>
      <c r="O20493" s="5" t="s">
        <v>38</v>
      </c>
      <c r="P20493" s="5" t="s">
        <v>39</v>
      </c>
      <c r="Q20493" s="5" t="s">
        <v>40</v>
      </c>
      <c r="R20493" s="5" t="s">
        <v>897</v>
      </c>
      <c r="S20493" s="5" t="s">
        <v>40</v>
      </c>
      <c r="T20493" s="5" t="s">
        <v>42</v>
      </c>
      <c r="U20493" s="2">
        <v>38.164999999999999</v>
      </c>
      <c r="V20493" s="2">
        <v>35.923999999999999</v>
      </c>
      <c r="W20493" s="2">
        <v>0.109</v>
      </c>
      <c r="X20493" s="2">
        <v>17</v>
      </c>
      <c r="Y20493" s="2">
        <v>57.7</v>
      </c>
      <c r="Z20493" s="2">
        <v>111.6</v>
      </c>
      <c r="AA20493" s="5">
        <v>7</v>
      </c>
      <c r="AB20493" s="5" t="s">
        <v>43</v>
      </c>
      <c r="AC20493" s="5" t="s">
        <v>735</v>
      </c>
      <c r="AD20493" s="2" t="s">
        <v>65867</v>
      </c>
      <c r="AE20493" s="1"/>
    </row>
    <row r="20494" spans="1:31" ht="14.45">
      <c r="A20494" s="11"/>
      <c r="B20494" s="20"/>
      <c r="C20494" s="2" t="s">
        <v>65868</v>
      </c>
      <c r="D20494" s="14" t="s">
        <v>65869</v>
      </c>
      <c r="E20494" s="2" t="s">
        <v>65870</v>
      </c>
      <c r="F20494" s="2" t="s">
        <v>61377</v>
      </c>
      <c r="G20494" s="8">
        <v>1491</v>
      </c>
      <c r="H20494" s="5">
        <v>10</v>
      </c>
      <c r="I20494" s="5" t="s">
        <v>69</v>
      </c>
      <c r="J20494" s="5" t="s">
        <v>65833</v>
      </c>
      <c r="K20494" s="2" t="s">
        <v>65834</v>
      </c>
      <c r="L20494" s="5" t="s">
        <v>65833</v>
      </c>
      <c r="M20494" s="2" t="s">
        <v>65834</v>
      </c>
      <c r="N20494" s="5" t="s">
        <v>733</v>
      </c>
      <c r="O20494" s="5" t="s">
        <v>38</v>
      </c>
      <c r="P20494" s="5" t="s">
        <v>39</v>
      </c>
      <c r="Q20494" s="5" t="s">
        <v>40</v>
      </c>
      <c r="R20494" s="5" t="s">
        <v>897</v>
      </c>
      <c r="S20494" s="5" t="s">
        <v>40</v>
      </c>
      <c r="T20494" s="5" t="s">
        <v>42</v>
      </c>
      <c r="U20494" s="2">
        <v>36.718000000000004</v>
      </c>
      <c r="V20494" s="2">
        <v>34.476999999999997</v>
      </c>
      <c r="W20494" s="2">
        <v>0.109</v>
      </c>
      <c r="X20494" s="2">
        <v>17</v>
      </c>
      <c r="Y20494" s="2">
        <v>57.7</v>
      </c>
      <c r="Z20494" s="2">
        <v>111.6</v>
      </c>
      <c r="AA20494" s="5">
        <v>7</v>
      </c>
      <c r="AB20494" s="5" t="s">
        <v>43</v>
      </c>
      <c r="AC20494" s="5" t="s">
        <v>735</v>
      </c>
      <c r="AD20494" s="2" t="s">
        <v>65871</v>
      </c>
      <c r="AE20494" s="1"/>
    </row>
    <row r="20495" spans="1:31" ht="14.45">
      <c r="A20495" s="11"/>
      <c r="B20495" s="20"/>
      <c r="C20495" s="2" t="s">
        <v>65872</v>
      </c>
      <c r="D20495" s="14" t="s">
        <v>65873</v>
      </c>
      <c r="E20495" s="2" t="s">
        <v>65874</v>
      </c>
      <c r="F20495" s="2" t="s">
        <v>61391</v>
      </c>
      <c r="G20495" s="8">
        <v>1323</v>
      </c>
      <c r="H20495" s="5">
        <v>5</v>
      </c>
      <c r="I20495" s="5" t="s">
        <v>69</v>
      </c>
      <c r="J20495" s="5" t="s">
        <v>65833</v>
      </c>
      <c r="K20495" s="2" t="s">
        <v>65834</v>
      </c>
      <c r="L20495" s="5" t="s">
        <v>65833</v>
      </c>
      <c r="M20495" s="2" t="s">
        <v>65834</v>
      </c>
      <c r="N20495" s="5" t="s">
        <v>733</v>
      </c>
      <c r="O20495" s="5" t="s">
        <v>38</v>
      </c>
      <c r="P20495" s="5" t="s">
        <v>39</v>
      </c>
      <c r="Q20495" s="5" t="s">
        <v>40</v>
      </c>
      <c r="R20495" s="5" t="s">
        <v>897</v>
      </c>
      <c r="S20495" s="5" t="s">
        <v>40</v>
      </c>
      <c r="T20495" s="5" t="s">
        <v>42</v>
      </c>
      <c r="U20495" s="2">
        <v>34.24</v>
      </c>
      <c r="V20495" s="2">
        <v>31.989000000000001</v>
      </c>
      <c r="W20495" s="2">
        <v>0.109</v>
      </c>
      <c r="X20495" s="2">
        <v>17</v>
      </c>
      <c r="Y20495" s="2">
        <v>57.7</v>
      </c>
      <c r="Z20495" s="2">
        <v>111.6</v>
      </c>
      <c r="AA20495" s="5">
        <v>7</v>
      </c>
      <c r="AB20495" s="5" t="s">
        <v>43</v>
      </c>
      <c r="AC20495" s="5" t="s">
        <v>735</v>
      </c>
      <c r="AD20495" s="2" t="s">
        <v>65875</v>
      </c>
      <c r="AE20495" s="1"/>
    </row>
    <row r="20496" spans="1:31" ht="14.45">
      <c r="A20496" s="11"/>
      <c r="B20496" s="20"/>
      <c r="C20496" s="2" t="s">
        <v>65876</v>
      </c>
      <c r="D20496" s="14" t="s">
        <v>65877</v>
      </c>
      <c r="E20496" s="2" t="s">
        <v>65878</v>
      </c>
      <c r="F20496" s="2" t="s">
        <v>61404</v>
      </c>
      <c r="G20496" s="8">
        <v>1442</v>
      </c>
      <c r="H20496" s="5">
        <v>10</v>
      </c>
      <c r="I20496" s="5" t="s">
        <v>69</v>
      </c>
      <c r="J20496" s="5" t="s">
        <v>65833</v>
      </c>
      <c r="K20496" s="2" t="s">
        <v>65834</v>
      </c>
      <c r="L20496" s="5" t="s">
        <v>65833</v>
      </c>
      <c r="M20496" s="2" t="s">
        <v>65834</v>
      </c>
      <c r="N20496" s="5" t="s">
        <v>733</v>
      </c>
      <c r="O20496" s="5" t="s">
        <v>38</v>
      </c>
      <c r="P20496" s="5" t="s">
        <v>39</v>
      </c>
      <c r="Q20496" s="5" t="s">
        <v>40</v>
      </c>
      <c r="R20496" s="5" t="s">
        <v>897</v>
      </c>
      <c r="S20496" s="5" t="s">
        <v>40</v>
      </c>
      <c r="T20496" s="5" t="s">
        <v>42</v>
      </c>
      <c r="U20496" s="2">
        <v>36.701000000000001</v>
      </c>
      <c r="V20496" s="2">
        <v>34.46</v>
      </c>
      <c r="W20496" s="2">
        <v>0.109</v>
      </c>
      <c r="X20496" s="2">
        <v>17</v>
      </c>
      <c r="Y20496" s="2">
        <v>57.7</v>
      </c>
      <c r="Z20496" s="2">
        <v>111.6</v>
      </c>
      <c r="AA20496" s="5">
        <v>7</v>
      </c>
      <c r="AB20496" s="5" t="s">
        <v>43</v>
      </c>
      <c r="AC20496" s="5" t="s">
        <v>735</v>
      </c>
      <c r="AD20496" s="2" t="s">
        <v>65879</v>
      </c>
      <c r="AE20496" s="1"/>
    </row>
    <row r="20497" spans="1:31" ht="14.45">
      <c r="A20497" s="11"/>
      <c r="B20497" s="20"/>
      <c r="C20497" s="2" t="s">
        <v>65880</v>
      </c>
      <c r="D20497" s="14" t="s">
        <v>65881</v>
      </c>
      <c r="E20497" s="2" t="s">
        <v>65882</v>
      </c>
      <c r="F20497" s="2" t="s">
        <v>61417</v>
      </c>
      <c r="G20497" s="8">
        <v>1302</v>
      </c>
      <c r="H20497" s="5">
        <v>10</v>
      </c>
      <c r="I20497" s="5" t="s">
        <v>69</v>
      </c>
      <c r="J20497" s="5" t="s">
        <v>65833</v>
      </c>
      <c r="K20497" s="2" t="s">
        <v>65834</v>
      </c>
      <c r="L20497" s="5" t="s">
        <v>65833</v>
      </c>
      <c r="M20497" s="2" t="s">
        <v>65834</v>
      </c>
      <c r="N20497" s="5" t="s">
        <v>733</v>
      </c>
      <c r="O20497" s="5" t="s">
        <v>38</v>
      </c>
      <c r="P20497" s="5" t="s">
        <v>39</v>
      </c>
      <c r="Q20497" s="5" t="s">
        <v>40</v>
      </c>
      <c r="R20497" s="5" t="s">
        <v>1487</v>
      </c>
      <c r="S20497" s="5"/>
      <c r="T20497" s="5" t="s">
        <v>42</v>
      </c>
      <c r="U20497" s="2">
        <v>0</v>
      </c>
      <c r="V20497" s="2">
        <v>0</v>
      </c>
      <c r="W20497" s="2">
        <v>0</v>
      </c>
      <c r="X20497" s="2">
        <v>0</v>
      </c>
      <c r="Y20497" s="2">
        <v>0</v>
      </c>
      <c r="Z20497" s="2">
        <v>0</v>
      </c>
      <c r="AA20497" s="5"/>
      <c r="AB20497" s="5" t="s">
        <v>43</v>
      </c>
      <c r="AC20497" s="5" t="s">
        <v>735</v>
      </c>
      <c r="AD20497" s="2" t="s">
        <v>65883</v>
      </c>
      <c r="AE20497" s="1"/>
    </row>
    <row r="20498" spans="1:31" ht="14.45">
      <c r="A20498" s="11"/>
      <c r="B20498" s="20"/>
      <c r="C20498" s="2" t="s">
        <v>65884</v>
      </c>
      <c r="D20498" s="14" t="s">
        <v>65885</v>
      </c>
      <c r="E20498" s="2" t="s">
        <v>65886</v>
      </c>
      <c r="F20498" s="2" t="s">
        <v>61422</v>
      </c>
      <c r="G20498" s="8">
        <v>1171</v>
      </c>
      <c r="H20498" s="5">
        <v>5</v>
      </c>
      <c r="I20498" s="5" t="s">
        <v>69</v>
      </c>
      <c r="J20498" s="5" t="s">
        <v>65833</v>
      </c>
      <c r="K20498" s="2" t="s">
        <v>65834</v>
      </c>
      <c r="L20498" s="5" t="s">
        <v>65833</v>
      </c>
      <c r="M20498" s="2" t="s">
        <v>65834</v>
      </c>
      <c r="N20498" s="5" t="s">
        <v>733</v>
      </c>
      <c r="O20498" s="5" t="s">
        <v>38</v>
      </c>
      <c r="P20498" s="5" t="s">
        <v>39</v>
      </c>
      <c r="Q20498" s="5" t="s">
        <v>40</v>
      </c>
      <c r="R20498" s="5" t="s">
        <v>897</v>
      </c>
      <c r="S20498" s="5" t="s">
        <v>40</v>
      </c>
      <c r="T20498" s="5" t="s">
        <v>42</v>
      </c>
      <c r="U20498" s="2">
        <v>45.761000000000003</v>
      </c>
      <c r="V20498" s="2">
        <v>42.682000000000002</v>
      </c>
      <c r="W20498" s="2">
        <v>0.14699999999999999</v>
      </c>
      <c r="X20498" s="2">
        <v>17</v>
      </c>
      <c r="Y20498" s="2">
        <v>65.7</v>
      </c>
      <c r="Z20498" s="2">
        <v>131.6</v>
      </c>
      <c r="AA20498" s="5">
        <v>7</v>
      </c>
      <c r="AB20498" s="5" t="s">
        <v>43</v>
      </c>
      <c r="AC20498" s="5" t="s">
        <v>735</v>
      </c>
      <c r="AD20498" s="2" t="s">
        <v>65887</v>
      </c>
      <c r="AE20498" s="1"/>
    </row>
    <row r="20499" spans="1:31" ht="14.45">
      <c r="A20499" s="11"/>
      <c r="B20499" s="20"/>
      <c r="C20499" s="2" t="s">
        <v>65888</v>
      </c>
      <c r="D20499" s="14" t="s">
        <v>65889</v>
      </c>
      <c r="E20499" s="2" t="s">
        <v>65890</v>
      </c>
      <c r="F20499" s="2" t="s">
        <v>61432</v>
      </c>
      <c r="G20499" s="8">
        <v>1078</v>
      </c>
      <c r="H20499" s="5">
        <v>5</v>
      </c>
      <c r="I20499" s="5" t="s">
        <v>69</v>
      </c>
      <c r="J20499" s="5" t="s">
        <v>65833</v>
      </c>
      <c r="K20499" s="2" t="s">
        <v>65834</v>
      </c>
      <c r="L20499" s="5" t="s">
        <v>65833</v>
      </c>
      <c r="M20499" s="2" t="s">
        <v>65834</v>
      </c>
      <c r="N20499" s="5" t="s">
        <v>733</v>
      </c>
      <c r="O20499" s="5" t="s">
        <v>38</v>
      </c>
      <c r="P20499" s="5" t="s">
        <v>39</v>
      </c>
      <c r="Q20499" s="5" t="s">
        <v>40</v>
      </c>
      <c r="R20499" s="5" t="s">
        <v>897</v>
      </c>
      <c r="S20499" s="5" t="s">
        <v>40</v>
      </c>
      <c r="T20499" s="5" t="s">
        <v>42</v>
      </c>
      <c r="U20499" s="2">
        <v>41.255000000000003</v>
      </c>
      <c r="V20499" s="2">
        <v>38.183</v>
      </c>
      <c r="W20499" s="2">
        <v>0.14699999999999999</v>
      </c>
      <c r="X20499" s="2">
        <v>17</v>
      </c>
      <c r="Y20499" s="2">
        <v>65.7</v>
      </c>
      <c r="Z20499" s="2">
        <v>131.6</v>
      </c>
      <c r="AA20499" s="5">
        <v>7</v>
      </c>
      <c r="AB20499" s="5" t="s">
        <v>43</v>
      </c>
      <c r="AC20499" s="5" t="s">
        <v>735</v>
      </c>
      <c r="AD20499" s="2" t="s">
        <v>65891</v>
      </c>
      <c r="AE20499" s="1"/>
    </row>
    <row r="20500" spans="1:31" ht="14.45">
      <c r="A20500" s="11"/>
      <c r="B20500" s="20"/>
      <c r="C20500" s="2" t="s">
        <v>65892</v>
      </c>
      <c r="D20500" s="14" t="s">
        <v>65893</v>
      </c>
      <c r="E20500" s="2" t="s">
        <v>65894</v>
      </c>
      <c r="F20500" s="2" t="s">
        <v>61446</v>
      </c>
      <c r="G20500" s="8">
        <v>1171</v>
      </c>
      <c r="H20500" s="5">
        <v>10</v>
      </c>
      <c r="I20500" s="5" t="s">
        <v>69</v>
      </c>
      <c r="J20500" s="5" t="s">
        <v>65833</v>
      </c>
      <c r="K20500" s="2" t="s">
        <v>65834</v>
      </c>
      <c r="L20500" s="5" t="s">
        <v>65833</v>
      </c>
      <c r="M20500" s="2" t="s">
        <v>65834</v>
      </c>
      <c r="N20500" s="5" t="s">
        <v>733</v>
      </c>
      <c r="O20500" s="5" t="s">
        <v>38</v>
      </c>
      <c r="P20500" s="5" t="s">
        <v>39</v>
      </c>
      <c r="Q20500" s="5" t="s">
        <v>40</v>
      </c>
      <c r="R20500" s="5" t="s">
        <v>897</v>
      </c>
      <c r="S20500" s="5" t="s">
        <v>40</v>
      </c>
      <c r="T20500" s="5" t="s">
        <v>42</v>
      </c>
      <c r="U20500" s="2">
        <v>41.146999999999998</v>
      </c>
      <c r="V20500" s="2">
        <v>38.067999999999998</v>
      </c>
      <c r="W20500" s="2">
        <v>0.14699999999999999</v>
      </c>
      <c r="X20500" s="2">
        <v>17</v>
      </c>
      <c r="Y20500" s="2">
        <v>65.7</v>
      </c>
      <c r="Z20500" s="2">
        <v>131.6</v>
      </c>
      <c r="AA20500" s="5">
        <v>7</v>
      </c>
      <c r="AB20500" s="5" t="s">
        <v>43</v>
      </c>
      <c r="AC20500" s="5" t="s">
        <v>735</v>
      </c>
      <c r="AD20500" s="2" t="s">
        <v>65895</v>
      </c>
      <c r="AE20500" s="1"/>
    </row>
    <row r="20501" spans="1:31" ht="14.45">
      <c r="A20501" s="11"/>
      <c r="B20501" s="20"/>
      <c r="C20501" s="2" t="s">
        <v>65896</v>
      </c>
      <c r="D20501" s="14" t="s">
        <v>65897</v>
      </c>
      <c r="E20501" s="2" t="s">
        <v>65898</v>
      </c>
      <c r="F20501" s="2" t="s">
        <v>61460</v>
      </c>
      <c r="G20501" s="8">
        <v>989</v>
      </c>
      <c r="H20501" s="5">
        <v>10</v>
      </c>
      <c r="I20501" s="5" t="s">
        <v>69</v>
      </c>
      <c r="J20501" s="5" t="s">
        <v>65833</v>
      </c>
      <c r="K20501" s="2" t="s">
        <v>65834</v>
      </c>
      <c r="L20501" s="5" t="s">
        <v>65833</v>
      </c>
      <c r="M20501" s="2" t="s">
        <v>65834</v>
      </c>
      <c r="N20501" s="5" t="s">
        <v>733</v>
      </c>
      <c r="O20501" s="5" t="s">
        <v>38</v>
      </c>
      <c r="P20501" s="5" t="s">
        <v>39</v>
      </c>
      <c r="Q20501" s="5" t="s">
        <v>40</v>
      </c>
      <c r="R20501" s="5" t="s">
        <v>897</v>
      </c>
      <c r="S20501" s="5" t="s">
        <v>40</v>
      </c>
      <c r="T20501" s="5" t="s">
        <v>42</v>
      </c>
      <c r="U20501" s="2">
        <v>41.279000000000003</v>
      </c>
      <c r="V20501" s="2">
        <v>38.200000000000003</v>
      </c>
      <c r="W20501" s="2">
        <v>0.14699999999999999</v>
      </c>
      <c r="X20501" s="2">
        <v>17</v>
      </c>
      <c r="Y20501" s="2">
        <v>65.7</v>
      </c>
      <c r="Z20501" s="2">
        <v>131.6</v>
      </c>
      <c r="AA20501" s="5">
        <v>7</v>
      </c>
      <c r="AB20501" s="5" t="s">
        <v>43</v>
      </c>
      <c r="AC20501" s="5" t="s">
        <v>735</v>
      </c>
      <c r="AD20501" s="2" t="s">
        <v>65899</v>
      </c>
      <c r="AE20501" s="1"/>
    </row>
    <row r="20502" spans="1:31" ht="14.45">
      <c r="A20502" s="11"/>
      <c r="B20502" s="20"/>
      <c r="C20502" s="2" t="s">
        <v>65900</v>
      </c>
      <c r="D20502" s="14" t="s">
        <v>65901</v>
      </c>
      <c r="E20502" s="2" t="s">
        <v>65902</v>
      </c>
      <c r="F20502" s="2" t="s">
        <v>61473</v>
      </c>
      <c r="G20502" s="8">
        <v>877</v>
      </c>
      <c r="H20502" s="5">
        <v>5</v>
      </c>
      <c r="I20502" s="5" t="s">
        <v>69</v>
      </c>
      <c r="J20502" s="5" t="s">
        <v>65833</v>
      </c>
      <c r="K20502" s="2" t="s">
        <v>65834</v>
      </c>
      <c r="L20502" s="5" t="s">
        <v>65833</v>
      </c>
      <c r="M20502" s="2" t="s">
        <v>65834</v>
      </c>
      <c r="N20502" s="5" t="s">
        <v>733</v>
      </c>
      <c r="O20502" s="5" t="s">
        <v>38</v>
      </c>
      <c r="P20502" s="5" t="s">
        <v>39</v>
      </c>
      <c r="Q20502" s="5" t="s">
        <v>40</v>
      </c>
      <c r="R20502" s="5" t="s">
        <v>897</v>
      </c>
      <c r="S20502" s="5" t="s">
        <v>40</v>
      </c>
      <c r="T20502" s="5" t="s">
        <v>42</v>
      </c>
      <c r="U20502" s="2">
        <v>37.523000000000003</v>
      </c>
      <c r="V20502" s="2">
        <v>34.441000000000003</v>
      </c>
      <c r="W20502" s="2">
        <v>0.14699999999999999</v>
      </c>
      <c r="X20502" s="2">
        <v>17</v>
      </c>
      <c r="Y20502" s="2">
        <v>65.7</v>
      </c>
      <c r="Z20502" s="2">
        <v>131.6</v>
      </c>
      <c r="AA20502" s="5">
        <v>7</v>
      </c>
      <c r="AB20502" s="5" t="s">
        <v>43</v>
      </c>
      <c r="AC20502" s="5" t="s">
        <v>735</v>
      </c>
      <c r="AD20502" s="2" t="s">
        <v>65903</v>
      </c>
      <c r="AE20502" s="1"/>
    </row>
    <row r="20503" spans="1:31" ht="14.45">
      <c r="A20503" s="11"/>
      <c r="B20503" s="20"/>
      <c r="C20503" s="2" t="s">
        <v>65904</v>
      </c>
      <c r="D20503" s="14" t="s">
        <v>65905</v>
      </c>
      <c r="E20503" s="2" t="s">
        <v>65906</v>
      </c>
      <c r="F20503" s="2" t="s">
        <v>61486</v>
      </c>
      <c r="G20503" s="8">
        <v>1020</v>
      </c>
      <c r="H20503" s="5">
        <v>5</v>
      </c>
      <c r="I20503" s="5" t="s">
        <v>69</v>
      </c>
      <c r="J20503" s="5" t="s">
        <v>65833</v>
      </c>
      <c r="K20503" s="2" t="s">
        <v>65834</v>
      </c>
      <c r="L20503" s="5" t="s">
        <v>65833</v>
      </c>
      <c r="M20503" s="2" t="s">
        <v>65834</v>
      </c>
      <c r="N20503" s="5" t="s">
        <v>733</v>
      </c>
      <c r="O20503" s="5" t="s">
        <v>38</v>
      </c>
      <c r="P20503" s="5" t="s">
        <v>39</v>
      </c>
      <c r="Q20503" s="5" t="s">
        <v>40</v>
      </c>
      <c r="R20503" s="5" t="s">
        <v>897</v>
      </c>
      <c r="S20503" s="5" t="s">
        <v>40</v>
      </c>
      <c r="T20503" s="5" t="s">
        <v>42</v>
      </c>
      <c r="U20503" s="2">
        <v>41.234000000000002</v>
      </c>
      <c r="V20503" s="2">
        <v>38.161999999999999</v>
      </c>
      <c r="W20503" s="2">
        <v>0.14699999999999999</v>
      </c>
      <c r="X20503" s="2">
        <v>17</v>
      </c>
      <c r="Y20503" s="2">
        <v>65.7</v>
      </c>
      <c r="Z20503" s="2">
        <v>131.6</v>
      </c>
      <c r="AA20503" s="5">
        <v>7</v>
      </c>
      <c r="AB20503" s="5" t="s">
        <v>43</v>
      </c>
      <c r="AC20503" s="5" t="s">
        <v>735</v>
      </c>
      <c r="AD20503" s="2" t="s">
        <v>65907</v>
      </c>
      <c r="AE20503" s="1"/>
    </row>
    <row r="20504" spans="1:31" ht="14.45">
      <c r="A20504" s="11"/>
      <c r="B20504" s="20"/>
      <c r="C20504" s="2" t="s">
        <v>65908</v>
      </c>
      <c r="D20504" s="14" t="s">
        <v>65909</v>
      </c>
      <c r="E20504" s="2" t="s">
        <v>65910</v>
      </c>
      <c r="F20504" s="2" t="s">
        <v>61504</v>
      </c>
      <c r="G20504" s="8">
        <v>1546</v>
      </c>
      <c r="H20504" s="5">
        <v>10</v>
      </c>
      <c r="I20504" s="5" t="s">
        <v>69</v>
      </c>
      <c r="J20504" s="5" t="s">
        <v>65833</v>
      </c>
      <c r="K20504" s="2" t="s">
        <v>65834</v>
      </c>
      <c r="L20504" s="5" t="s">
        <v>65833</v>
      </c>
      <c r="M20504" s="2" t="s">
        <v>65834</v>
      </c>
      <c r="N20504" s="5" t="s">
        <v>733</v>
      </c>
      <c r="O20504" s="5" t="s">
        <v>38</v>
      </c>
      <c r="P20504" s="5" t="s">
        <v>39</v>
      </c>
      <c r="Q20504" s="5" t="s">
        <v>40</v>
      </c>
      <c r="R20504" s="5" t="s">
        <v>897</v>
      </c>
      <c r="S20504" s="5" t="s">
        <v>40</v>
      </c>
      <c r="T20504" s="5" t="s">
        <v>42</v>
      </c>
      <c r="U20504" s="2">
        <v>44.865000000000002</v>
      </c>
      <c r="V20504" s="2">
        <v>41.762</v>
      </c>
      <c r="W20504" s="2">
        <v>0.14699999999999999</v>
      </c>
      <c r="X20504" s="2">
        <v>17</v>
      </c>
      <c r="Y20504" s="2">
        <v>65.7</v>
      </c>
      <c r="Z20504" s="2">
        <v>131.6</v>
      </c>
      <c r="AA20504" s="5">
        <v>7</v>
      </c>
      <c r="AB20504" s="5" t="s">
        <v>43</v>
      </c>
      <c r="AC20504" s="5" t="s">
        <v>735</v>
      </c>
      <c r="AD20504" s="2" t="s">
        <v>65911</v>
      </c>
      <c r="AE20504" s="1"/>
    </row>
    <row r="20505" spans="1:31" ht="14.45">
      <c r="A20505" s="11"/>
      <c r="B20505" s="20"/>
      <c r="C20505" s="2" t="s">
        <v>65912</v>
      </c>
      <c r="D20505" s="14" t="s">
        <v>65913</v>
      </c>
      <c r="E20505" s="2" t="s">
        <v>65914</v>
      </c>
      <c r="F20505" s="2" t="s">
        <v>61514</v>
      </c>
      <c r="G20505" s="8">
        <v>1345</v>
      </c>
      <c r="H20505" s="5">
        <v>10</v>
      </c>
      <c r="I20505" s="5" t="s">
        <v>69</v>
      </c>
      <c r="J20505" s="5" t="s">
        <v>65833</v>
      </c>
      <c r="K20505" s="2" t="s">
        <v>65834</v>
      </c>
      <c r="L20505" s="5" t="s">
        <v>65833</v>
      </c>
      <c r="M20505" s="2" t="s">
        <v>65834</v>
      </c>
      <c r="N20505" s="5" t="s">
        <v>733</v>
      </c>
      <c r="O20505" s="5" t="s">
        <v>38</v>
      </c>
      <c r="P20505" s="5" t="s">
        <v>39</v>
      </c>
      <c r="Q20505" s="5" t="s">
        <v>40</v>
      </c>
      <c r="R20505" s="5" t="s">
        <v>897</v>
      </c>
      <c r="S20505" s="5" t="s">
        <v>40</v>
      </c>
      <c r="T20505" s="5" t="s">
        <v>42</v>
      </c>
      <c r="U20505" s="2">
        <v>40.649000000000001</v>
      </c>
      <c r="V20505" s="2">
        <v>37.536000000000001</v>
      </c>
      <c r="W20505" s="2">
        <v>0.14699999999999999</v>
      </c>
      <c r="X20505" s="2">
        <v>17</v>
      </c>
      <c r="Y20505" s="2">
        <v>65.7</v>
      </c>
      <c r="Z20505" s="2">
        <v>131.6</v>
      </c>
      <c r="AA20505" s="5">
        <v>7</v>
      </c>
      <c r="AB20505" s="5" t="s">
        <v>43</v>
      </c>
      <c r="AC20505" s="5" t="s">
        <v>735</v>
      </c>
      <c r="AD20505" s="2" t="s">
        <v>65915</v>
      </c>
      <c r="AE20505" s="1"/>
    </row>
    <row r="20506" spans="1:31" ht="14.45">
      <c r="A20506" s="11"/>
      <c r="B20506" s="20"/>
      <c r="C20506" s="2" t="s">
        <v>65916</v>
      </c>
      <c r="D20506" s="14" t="s">
        <v>65917</v>
      </c>
      <c r="E20506" s="2" t="s">
        <v>65918</v>
      </c>
      <c r="F20506" s="2" t="s">
        <v>61524</v>
      </c>
      <c r="G20506" s="8">
        <v>1488</v>
      </c>
      <c r="H20506" s="5">
        <v>10</v>
      </c>
      <c r="I20506" s="5" t="s">
        <v>69</v>
      </c>
      <c r="J20506" s="5" t="s">
        <v>65833</v>
      </c>
      <c r="K20506" s="2" t="s">
        <v>65834</v>
      </c>
      <c r="L20506" s="5" t="s">
        <v>65833</v>
      </c>
      <c r="M20506" s="2" t="s">
        <v>65834</v>
      </c>
      <c r="N20506" s="5" t="s">
        <v>733</v>
      </c>
      <c r="O20506" s="5" t="s">
        <v>38</v>
      </c>
      <c r="P20506" s="5" t="s">
        <v>39</v>
      </c>
      <c r="Q20506" s="5" t="s">
        <v>40</v>
      </c>
      <c r="R20506" s="5" t="s">
        <v>897</v>
      </c>
      <c r="S20506" s="5" t="s">
        <v>40</v>
      </c>
      <c r="T20506" s="5" t="s">
        <v>42</v>
      </c>
      <c r="U20506" s="2">
        <v>44.844000000000001</v>
      </c>
      <c r="V20506" s="2">
        <v>41.741</v>
      </c>
      <c r="W20506" s="2">
        <v>0.14699999999999999</v>
      </c>
      <c r="X20506" s="2">
        <v>17</v>
      </c>
      <c r="Y20506" s="2">
        <v>65.7</v>
      </c>
      <c r="Z20506" s="2">
        <v>131.6</v>
      </c>
      <c r="AA20506" s="5">
        <v>7</v>
      </c>
      <c r="AB20506" s="5" t="s">
        <v>43</v>
      </c>
      <c r="AC20506" s="5" t="s">
        <v>735</v>
      </c>
      <c r="AD20506" s="2" t="s">
        <v>65919</v>
      </c>
      <c r="AE20506" s="1"/>
    </row>
    <row r="20507" spans="1:31" ht="14.45">
      <c r="A20507" s="11"/>
      <c r="B20507" s="20"/>
      <c r="C20507" s="2" t="s">
        <v>65920</v>
      </c>
      <c r="D20507" s="14" t="s">
        <v>65921</v>
      </c>
      <c r="E20507" s="2" t="s">
        <v>65922</v>
      </c>
      <c r="F20507" s="2" t="s">
        <v>61547</v>
      </c>
      <c r="G20507" s="8">
        <v>1488</v>
      </c>
      <c r="H20507" s="5">
        <v>10</v>
      </c>
      <c r="I20507" s="5" t="s">
        <v>69</v>
      </c>
      <c r="J20507" s="5" t="s">
        <v>65833</v>
      </c>
      <c r="K20507" s="2" t="s">
        <v>65834</v>
      </c>
      <c r="L20507" s="5" t="s">
        <v>65833</v>
      </c>
      <c r="M20507" s="2" t="s">
        <v>65834</v>
      </c>
      <c r="N20507" s="5" t="s">
        <v>733</v>
      </c>
      <c r="O20507" s="5" t="s">
        <v>38</v>
      </c>
      <c r="P20507" s="5" t="s">
        <v>39</v>
      </c>
      <c r="Q20507" s="5" t="s">
        <v>40</v>
      </c>
      <c r="R20507" s="5" t="s">
        <v>897</v>
      </c>
      <c r="S20507" s="5" t="s">
        <v>40</v>
      </c>
      <c r="T20507" s="5" t="s">
        <v>42</v>
      </c>
      <c r="U20507" s="2">
        <v>43.435000000000002</v>
      </c>
      <c r="V20507" s="2">
        <v>40.332000000000001</v>
      </c>
      <c r="W20507" s="2">
        <v>0.14699999999999999</v>
      </c>
      <c r="X20507" s="2">
        <v>17</v>
      </c>
      <c r="Y20507" s="2">
        <v>65.7</v>
      </c>
      <c r="Z20507" s="2">
        <v>131.6</v>
      </c>
      <c r="AA20507" s="5">
        <v>7</v>
      </c>
      <c r="AB20507" s="5" t="s">
        <v>43</v>
      </c>
      <c r="AC20507" s="5" t="s">
        <v>735</v>
      </c>
      <c r="AD20507" s="2" t="s">
        <v>65923</v>
      </c>
      <c r="AE20507" s="1"/>
    </row>
    <row r="20508" spans="1:31" ht="14.45">
      <c r="A20508" s="11"/>
      <c r="B20508" s="20"/>
      <c r="C20508" s="2" t="s">
        <v>65924</v>
      </c>
      <c r="D20508" s="14" t="s">
        <v>65925</v>
      </c>
      <c r="E20508" s="2" t="s">
        <v>65926</v>
      </c>
      <c r="F20508" s="2" t="s">
        <v>61560</v>
      </c>
      <c r="G20508" s="8">
        <v>1380</v>
      </c>
      <c r="H20508" s="5">
        <v>10</v>
      </c>
      <c r="I20508" s="5" t="s">
        <v>69</v>
      </c>
      <c r="J20508" s="5" t="s">
        <v>65833</v>
      </c>
      <c r="K20508" s="2" t="s">
        <v>65834</v>
      </c>
      <c r="L20508" s="5" t="s">
        <v>65833</v>
      </c>
      <c r="M20508" s="2" t="s">
        <v>65834</v>
      </c>
      <c r="N20508" s="5" t="s">
        <v>733</v>
      </c>
      <c r="O20508" s="5" t="s">
        <v>38</v>
      </c>
      <c r="P20508" s="5" t="s">
        <v>39</v>
      </c>
      <c r="Q20508" s="5" t="s">
        <v>40</v>
      </c>
      <c r="R20508" s="5" t="s">
        <v>1487</v>
      </c>
      <c r="S20508" s="5"/>
      <c r="T20508" s="5" t="s">
        <v>42</v>
      </c>
      <c r="U20508" s="2">
        <v>0</v>
      </c>
      <c r="V20508" s="2">
        <v>0</v>
      </c>
      <c r="W20508" s="2">
        <v>0</v>
      </c>
      <c r="X20508" s="2">
        <v>0</v>
      </c>
      <c r="Y20508" s="2">
        <v>0</v>
      </c>
      <c r="Z20508" s="2">
        <v>0</v>
      </c>
      <c r="AA20508" s="5"/>
      <c r="AB20508" s="5" t="s">
        <v>43</v>
      </c>
      <c r="AC20508" s="5" t="s">
        <v>735</v>
      </c>
      <c r="AD20508" s="2" t="s">
        <v>65927</v>
      </c>
      <c r="AE20508" s="1"/>
    </row>
    <row r="20509" spans="1:31" ht="14.45">
      <c r="A20509" s="11"/>
      <c r="B20509" s="20"/>
      <c r="C20509" s="2" t="s">
        <v>65928</v>
      </c>
      <c r="D20509" s="14" t="s">
        <v>65929</v>
      </c>
      <c r="E20509" s="2" t="s">
        <v>65930</v>
      </c>
      <c r="F20509" s="2" t="s">
        <v>61669</v>
      </c>
      <c r="G20509" s="8">
        <v>1309</v>
      </c>
      <c r="H20509" s="5">
        <v>5</v>
      </c>
      <c r="I20509" s="5" t="s">
        <v>69</v>
      </c>
      <c r="J20509" s="5" t="s">
        <v>65833</v>
      </c>
      <c r="K20509" s="2" t="s">
        <v>65834</v>
      </c>
      <c r="L20509" s="5" t="s">
        <v>65833</v>
      </c>
      <c r="M20509" s="2" t="s">
        <v>65834</v>
      </c>
      <c r="N20509" s="5" t="s">
        <v>733</v>
      </c>
      <c r="O20509" s="5" t="s">
        <v>38</v>
      </c>
      <c r="P20509" s="5" t="s">
        <v>39</v>
      </c>
      <c r="Q20509" s="5" t="s">
        <v>40</v>
      </c>
      <c r="R20509" s="5" t="s">
        <v>897</v>
      </c>
      <c r="S20509" s="5" t="s">
        <v>40</v>
      </c>
      <c r="T20509" s="5" t="s">
        <v>42</v>
      </c>
      <c r="U20509" s="2">
        <v>52.206000000000003</v>
      </c>
      <c r="V20509" s="2">
        <v>48.792999999999999</v>
      </c>
      <c r="W20509" s="2">
        <v>0.17199999999999999</v>
      </c>
      <c r="X20509" s="2">
        <v>17</v>
      </c>
      <c r="Y20509" s="2">
        <v>76.8</v>
      </c>
      <c r="Z20509" s="2">
        <v>131.6</v>
      </c>
      <c r="AA20509" s="5">
        <v>7</v>
      </c>
      <c r="AB20509" s="5" t="s">
        <v>43</v>
      </c>
      <c r="AC20509" s="5" t="s">
        <v>735</v>
      </c>
      <c r="AD20509" s="2" t="s">
        <v>65931</v>
      </c>
      <c r="AE20509" s="1"/>
    </row>
    <row r="20510" spans="1:31" ht="14.45">
      <c r="A20510" s="11"/>
      <c r="B20510" s="20"/>
      <c r="C20510" s="2" t="s">
        <v>65932</v>
      </c>
      <c r="D20510" s="14" t="s">
        <v>65933</v>
      </c>
      <c r="E20510" s="2" t="s">
        <v>65934</v>
      </c>
      <c r="F20510" s="2" t="s">
        <v>61679</v>
      </c>
      <c r="G20510" s="8">
        <v>1197</v>
      </c>
      <c r="H20510" s="5">
        <v>5</v>
      </c>
      <c r="I20510" s="5" t="s">
        <v>69</v>
      </c>
      <c r="J20510" s="5" t="s">
        <v>65833</v>
      </c>
      <c r="K20510" s="2" t="s">
        <v>65834</v>
      </c>
      <c r="L20510" s="5" t="s">
        <v>65833</v>
      </c>
      <c r="M20510" s="2" t="s">
        <v>65834</v>
      </c>
      <c r="N20510" s="5" t="s">
        <v>733</v>
      </c>
      <c r="O20510" s="5" t="s">
        <v>38</v>
      </c>
      <c r="P20510" s="5" t="s">
        <v>39</v>
      </c>
      <c r="Q20510" s="5" t="s">
        <v>40</v>
      </c>
      <c r="R20510" s="5" t="s">
        <v>897</v>
      </c>
      <c r="S20510" s="5" t="s">
        <v>40</v>
      </c>
      <c r="T20510" s="5" t="s">
        <v>42</v>
      </c>
      <c r="U20510" s="2">
        <v>46.4</v>
      </c>
      <c r="V20510" s="2">
        <v>43.024999999999999</v>
      </c>
      <c r="W20510" s="2">
        <v>0.17199999999999999</v>
      </c>
      <c r="X20510" s="2">
        <v>17</v>
      </c>
      <c r="Y20510" s="2">
        <v>76.8</v>
      </c>
      <c r="Z20510" s="2">
        <v>131.6</v>
      </c>
      <c r="AA20510" s="5">
        <v>7</v>
      </c>
      <c r="AB20510" s="5" t="s">
        <v>43</v>
      </c>
      <c r="AC20510" s="5" t="s">
        <v>735</v>
      </c>
      <c r="AD20510" s="2" t="s">
        <v>65935</v>
      </c>
      <c r="AE20510" s="1"/>
    </row>
    <row r="20511" spans="1:31" ht="14.45">
      <c r="A20511" s="11"/>
      <c r="B20511" s="20"/>
      <c r="C20511" s="2" t="s">
        <v>65936</v>
      </c>
      <c r="D20511" s="14" t="s">
        <v>65937</v>
      </c>
      <c r="E20511" s="2" t="s">
        <v>65938</v>
      </c>
      <c r="F20511" s="2" t="s">
        <v>61684</v>
      </c>
      <c r="G20511" s="8">
        <v>1823</v>
      </c>
      <c r="H20511" s="5">
        <v>5</v>
      </c>
      <c r="I20511" s="5" t="s">
        <v>69</v>
      </c>
      <c r="J20511" s="5" t="s">
        <v>65833</v>
      </c>
      <c r="K20511" s="2" t="s">
        <v>65834</v>
      </c>
      <c r="L20511" s="5" t="s">
        <v>65833</v>
      </c>
      <c r="M20511" s="2" t="s">
        <v>65834</v>
      </c>
      <c r="N20511" s="5" t="s">
        <v>733</v>
      </c>
      <c r="O20511" s="5" t="s">
        <v>38</v>
      </c>
      <c r="P20511" s="5" t="s">
        <v>39</v>
      </c>
      <c r="Q20511" s="5" t="s">
        <v>40</v>
      </c>
      <c r="R20511" s="5" t="s">
        <v>897</v>
      </c>
      <c r="S20511" s="5" t="s">
        <v>40</v>
      </c>
      <c r="T20511" s="5" t="s">
        <v>42</v>
      </c>
      <c r="U20511" s="2">
        <v>47.073999999999998</v>
      </c>
      <c r="V20511" s="2">
        <v>42.991</v>
      </c>
      <c r="W20511" s="2">
        <v>0.191</v>
      </c>
      <c r="X20511" s="2">
        <v>17</v>
      </c>
      <c r="Y20511" s="2">
        <v>80.8</v>
      </c>
      <c r="Z20511" s="2">
        <v>139</v>
      </c>
      <c r="AA20511" s="5">
        <v>7</v>
      </c>
      <c r="AB20511" s="5" t="s">
        <v>43</v>
      </c>
      <c r="AC20511" s="5" t="s">
        <v>735</v>
      </c>
      <c r="AD20511" s="2" t="s">
        <v>65939</v>
      </c>
      <c r="AE20511" s="1"/>
    </row>
    <row r="20512" spans="1:31" ht="14.45">
      <c r="A20512" s="11"/>
      <c r="B20512" s="20"/>
      <c r="C20512" s="2" t="s">
        <v>65940</v>
      </c>
      <c r="D20512" s="14" t="s">
        <v>65941</v>
      </c>
      <c r="E20512" s="2" t="s">
        <v>65942</v>
      </c>
      <c r="F20512" s="2" t="s">
        <v>61698</v>
      </c>
      <c r="G20512" s="8">
        <v>1309</v>
      </c>
      <c r="H20512" s="5">
        <v>10</v>
      </c>
      <c r="I20512" s="5" t="s">
        <v>69</v>
      </c>
      <c r="J20512" s="5" t="s">
        <v>65833</v>
      </c>
      <c r="K20512" s="2" t="s">
        <v>65834</v>
      </c>
      <c r="L20512" s="5" t="s">
        <v>65833</v>
      </c>
      <c r="M20512" s="2" t="s">
        <v>65834</v>
      </c>
      <c r="N20512" s="5" t="s">
        <v>733</v>
      </c>
      <c r="O20512" s="5" t="s">
        <v>38</v>
      </c>
      <c r="P20512" s="5" t="s">
        <v>39</v>
      </c>
      <c r="Q20512" s="5" t="s">
        <v>40</v>
      </c>
      <c r="R20512" s="5" t="s">
        <v>897</v>
      </c>
      <c r="S20512" s="5" t="s">
        <v>40</v>
      </c>
      <c r="T20512" s="5" t="s">
        <v>42</v>
      </c>
      <c r="U20512" s="2">
        <v>46.283000000000001</v>
      </c>
      <c r="V20512" s="2">
        <v>42.901000000000003</v>
      </c>
      <c r="W20512" s="2">
        <v>0.17199999999999999</v>
      </c>
      <c r="X20512" s="2">
        <v>17</v>
      </c>
      <c r="Y20512" s="2">
        <v>76.8</v>
      </c>
      <c r="Z20512" s="2">
        <v>131.6</v>
      </c>
      <c r="AA20512" s="5">
        <v>7</v>
      </c>
      <c r="AB20512" s="5" t="s">
        <v>43</v>
      </c>
      <c r="AC20512" s="5" t="s">
        <v>735</v>
      </c>
      <c r="AD20512" s="2" t="s">
        <v>65943</v>
      </c>
      <c r="AE20512" s="1"/>
    </row>
    <row r="20513" spans="1:31" ht="14.45">
      <c r="A20513" s="11"/>
      <c r="B20513" s="20"/>
      <c r="C20513" s="2" t="s">
        <v>65944</v>
      </c>
      <c r="D20513" s="14" t="s">
        <v>65945</v>
      </c>
      <c r="E20513" s="2" t="s">
        <v>65946</v>
      </c>
      <c r="F20513" s="2" t="s">
        <v>61712</v>
      </c>
      <c r="G20513" s="8">
        <v>1090</v>
      </c>
      <c r="H20513" s="5">
        <v>10</v>
      </c>
      <c r="I20513" s="5" t="s">
        <v>69</v>
      </c>
      <c r="J20513" s="5" t="s">
        <v>65833</v>
      </c>
      <c r="K20513" s="2" t="s">
        <v>65834</v>
      </c>
      <c r="L20513" s="5" t="s">
        <v>65833</v>
      </c>
      <c r="M20513" s="2" t="s">
        <v>65834</v>
      </c>
      <c r="N20513" s="5" t="s">
        <v>733</v>
      </c>
      <c r="O20513" s="5" t="s">
        <v>38</v>
      </c>
      <c r="P20513" s="5" t="s">
        <v>39</v>
      </c>
      <c r="Q20513" s="5" t="s">
        <v>40</v>
      </c>
      <c r="R20513" s="5" t="s">
        <v>897</v>
      </c>
      <c r="S20513" s="5" t="s">
        <v>40</v>
      </c>
      <c r="T20513" s="5" t="s">
        <v>42</v>
      </c>
      <c r="U20513" s="2">
        <v>46.454000000000001</v>
      </c>
      <c r="V20513" s="2">
        <v>43.072000000000003</v>
      </c>
      <c r="W20513" s="2">
        <v>0.17199999999999999</v>
      </c>
      <c r="X20513" s="2">
        <v>17</v>
      </c>
      <c r="Y20513" s="2">
        <v>76.8</v>
      </c>
      <c r="Z20513" s="2">
        <v>131.6</v>
      </c>
      <c r="AA20513" s="5">
        <v>7</v>
      </c>
      <c r="AB20513" s="5" t="s">
        <v>43</v>
      </c>
      <c r="AC20513" s="5" t="s">
        <v>735</v>
      </c>
      <c r="AD20513" s="2" t="s">
        <v>65947</v>
      </c>
      <c r="AE20513" s="1"/>
    </row>
    <row r="20514" spans="1:31" ht="14.45">
      <c r="A20514" s="11"/>
      <c r="B20514" s="20"/>
      <c r="C20514" s="2" t="s">
        <v>65948</v>
      </c>
      <c r="D20514" s="14" t="s">
        <v>65949</v>
      </c>
      <c r="E20514" s="2" t="s">
        <v>65950</v>
      </c>
      <c r="F20514" s="2" t="s">
        <v>61725</v>
      </c>
      <c r="G20514" s="8">
        <v>955</v>
      </c>
      <c r="H20514" s="5">
        <v>5</v>
      </c>
      <c r="I20514" s="5" t="s">
        <v>69</v>
      </c>
      <c r="J20514" s="5" t="s">
        <v>65833</v>
      </c>
      <c r="K20514" s="2" t="s">
        <v>65834</v>
      </c>
      <c r="L20514" s="5" t="s">
        <v>65833</v>
      </c>
      <c r="M20514" s="2" t="s">
        <v>65834</v>
      </c>
      <c r="N20514" s="5" t="s">
        <v>733</v>
      </c>
      <c r="O20514" s="5" t="s">
        <v>38</v>
      </c>
      <c r="P20514" s="5" t="s">
        <v>39</v>
      </c>
      <c r="Q20514" s="5" t="s">
        <v>40</v>
      </c>
      <c r="R20514" s="5" t="s">
        <v>897</v>
      </c>
      <c r="S20514" s="5" t="s">
        <v>40</v>
      </c>
      <c r="T20514" s="5" t="s">
        <v>42</v>
      </c>
      <c r="U20514" s="2">
        <v>41.381999999999998</v>
      </c>
      <c r="V20514" s="2">
        <v>37.993000000000002</v>
      </c>
      <c r="W20514" s="2">
        <v>0.17199999999999999</v>
      </c>
      <c r="X20514" s="2">
        <v>17</v>
      </c>
      <c r="Y20514" s="2">
        <v>76.8</v>
      </c>
      <c r="Z20514" s="2">
        <v>131.6</v>
      </c>
      <c r="AA20514" s="5">
        <v>7</v>
      </c>
      <c r="AB20514" s="5" t="s">
        <v>43</v>
      </c>
      <c r="AC20514" s="5" t="s">
        <v>735</v>
      </c>
      <c r="AD20514" s="2" t="s">
        <v>65951</v>
      </c>
      <c r="AE20514" s="1"/>
    </row>
    <row r="20515" spans="1:31" ht="14.45">
      <c r="A20515" s="11"/>
      <c r="B20515" s="20"/>
      <c r="C20515" s="2" t="s">
        <v>65952</v>
      </c>
      <c r="D20515" s="14" t="s">
        <v>65953</v>
      </c>
      <c r="E20515" s="2" t="s">
        <v>65954</v>
      </c>
      <c r="F20515" s="2" t="s">
        <v>61725</v>
      </c>
      <c r="G20515" s="8">
        <v>1581</v>
      </c>
      <c r="H20515" s="5">
        <v>5</v>
      </c>
      <c r="I20515" s="5" t="s">
        <v>69</v>
      </c>
      <c r="J20515" s="5" t="s">
        <v>65833</v>
      </c>
      <c r="K20515" s="2" t="s">
        <v>65834</v>
      </c>
      <c r="L20515" s="5" t="s">
        <v>65833</v>
      </c>
      <c r="M20515" s="2" t="s">
        <v>65834</v>
      </c>
      <c r="N20515" s="5" t="s">
        <v>733</v>
      </c>
      <c r="O20515" s="5" t="s">
        <v>38</v>
      </c>
      <c r="P20515" s="5" t="s">
        <v>39</v>
      </c>
      <c r="Q20515" s="5" t="s">
        <v>40</v>
      </c>
      <c r="R20515" s="5" t="s">
        <v>897</v>
      </c>
      <c r="S20515" s="5" t="s">
        <v>40</v>
      </c>
      <c r="T20515" s="5" t="s">
        <v>42</v>
      </c>
      <c r="U20515" s="2">
        <v>42.533000000000001</v>
      </c>
      <c r="V20515" s="2">
        <v>38.436</v>
      </c>
      <c r="W20515" s="2">
        <v>0.191</v>
      </c>
      <c r="X20515" s="2">
        <v>17</v>
      </c>
      <c r="Y20515" s="2">
        <v>80.8</v>
      </c>
      <c r="Z20515" s="2">
        <v>139</v>
      </c>
      <c r="AA20515" s="5">
        <v>7</v>
      </c>
      <c r="AB20515" s="5" t="s">
        <v>43</v>
      </c>
      <c r="AC20515" s="5" t="s">
        <v>735</v>
      </c>
      <c r="AD20515" s="2" t="s">
        <v>65955</v>
      </c>
      <c r="AE20515" s="1"/>
    </row>
    <row r="20516" spans="1:31" ht="14.45">
      <c r="A20516" s="11"/>
      <c r="B20516" s="20"/>
      <c r="C20516" s="2" t="s">
        <v>65956</v>
      </c>
      <c r="D20516" s="14" t="s">
        <v>65957</v>
      </c>
      <c r="E20516" s="2" t="s">
        <v>65958</v>
      </c>
      <c r="F20516" s="2" t="s">
        <v>61748</v>
      </c>
      <c r="G20516" s="8">
        <v>1127</v>
      </c>
      <c r="H20516" s="5">
        <v>5</v>
      </c>
      <c r="I20516" s="5" t="s">
        <v>69</v>
      </c>
      <c r="J20516" s="5" t="s">
        <v>65833</v>
      </c>
      <c r="K20516" s="2" t="s">
        <v>65834</v>
      </c>
      <c r="L20516" s="5" t="s">
        <v>65833</v>
      </c>
      <c r="M20516" s="2" t="s">
        <v>65834</v>
      </c>
      <c r="N20516" s="5" t="s">
        <v>733</v>
      </c>
      <c r="O20516" s="5" t="s">
        <v>38</v>
      </c>
      <c r="P20516" s="5" t="s">
        <v>39</v>
      </c>
      <c r="Q20516" s="5" t="s">
        <v>40</v>
      </c>
      <c r="R20516" s="5" t="s">
        <v>897</v>
      </c>
      <c r="S20516" s="5" t="s">
        <v>40</v>
      </c>
      <c r="T20516" s="5" t="s">
        <v>42</v>
      </c>
      <c r="U20516" s="2">
        <v>46.372999999999998</v>
      </c>
      <c r="V20516" s="2">
        <v>42.997999999999998</v>
      </c>
      <c r="W20516" s="2">
        <v>0.17199999999999999</v>
      </c>
      <c r="X20516" s="2">
        <v>17</v>
      </c>
      <c r="Y20516" s="2">
        <v>76.8</v>
      </c>
      <c r="Z20516" s="2">
        <v>131.6</v>
      </c>
      <c r="AA20516" s="5">
        <v>7</v>
      </c>
      <c r="AB20516" s="5" t="s">
        <v>43</v>
      </c>
      <c r="AC20516" s="5" t="s">
        <v>735</v>
      </c>
      <c r="AD20516" s="2" t="s">
        <v>65959</v>
      </c>
      <c r="AE20516" s="1"/>
    </row>
    <row r="20517" spans="1:31" ht="14.45">
      <c r="A20517" s="11"/>
      <c r="B20517" s="20"/>
      <c r="C20517" s="2" t="s">
        <v>65960</v>
      </c>
      <c r="D20517" s="14" t="s">
        <v>65961</v>
      </c>
      <c r="E20517" s="2" t="s">
        <v>65962</v>
      </c>
      <c r="F20517" s="2" t="s">
        <v>61771</v>
      </c>
      <c r="G20517" s="8">
        <v>1665</v>
      </c>
      <c r="H20517" s="5">
        <v>10</v>
      </c>
      <c r="I20517" s="5" t="s">
        <v>69</v>
      </c>
      <c r="J20517" s="5" t="s">
        <v>65833</v>
      </c>
      <c r="K20517" s="2" t="s">
        <v>65834</v>
      </c>
      <c r="L20517" s="5" t="s">
        <v>65833</v>
      </c>
      <c r="M20517" s="2" t="s">
        <v>65834</v>
      </c>
      <c r="N20517" s="5" t="s">
        <v>733</v>
      </c>
      <c r="O20517" s="5" t="s">
        <v>38</v>
      </c>
      <c r="P20517" s="5" t="s">
        <v>39</v>
      </c>
      <c r="Q20517" s="5" t="s">
        <v>40</v>
      </c>
      <c r="R20517" s="5" t="s">
        <v>897</v>
      </c>
      <c r="S20517" s="5" t="s">
        <v>40</v>
      </c>
      <c r="T20517" s="5" t="s">
        <v>42</v>
      </c>
      <c r="U20517" s="2">
        <v>49.631999999999998</v>
      </c>
      <c r="V20517" s="2">
        <v>46.225999999999999</v>
      </c>
      <c r="W20517" s="2">
        <v>0.17199999999999999</v>
      </c>
      <c r="X20517" s="2">
        <v>17</v>
      </c>
      <c r="Y20517" s="2">
        <v>76.8</v>
      </c>
      <c r="Z20517" s="2">
        <v>131.6</v>
      </c>
      <c r="AA20517" s="5">
        <v>7</v>
      </c>
      <c r="AB20517" s="5" t="s">
        <v>43</v>
      </c>
      <c r="AC20517" s="5" t="s">
        <v>735</v>
      </c>
      <c r="AD20517" s="2" t="s">
        <v>65963</v>
      </c>
      <c r="AE20517" s="1"/>
    </row>
    <row r="20518" spans="1:31" ht="14.45">
      <c r="A20518" s="11"/>
      <c r="B20518" s="20"/>
      <c r="C20518" s="2" t="s">
        <v>65964</v>
      </c>
      <c r="D20518" s="14" t="s">
        <v>65965</v>
      </c>
      <c r="E20518" s="2" t="s">
        <v>65966</v>
      </c>
      <c r="F20518" s="2" t="s">
        <v>61790</v>
      </c>
      <c r="G20518" s="8">
        <v>1423</v>
      </c>
      <c r="H20518" s="5">
        <v>10</v>
      </c>
      <c r="I20518" s="5" t="s">
        <v>69</v>
      </c>
      <c r="J20518" s="5" t="s">
        <v>65833</v>
      </c>
      <c r="K20518" s="2" t="s">
        <v>65834</v>
      </c>
      <c r="L20518" s="5" t="s">
        <v>65833</v>
      </c>
      <c r="M20518" s="2" t="s">
        <v>65834</v>
      </c>
      <c r="N20518" s="5" t="s">
        <v>733</v>
      </c>
      <c r="O20518" s="5" t="s">
        <v>38</v>
      </c>
      <c r="P20518" s="5" t="s">
        <v>39</v>
      </c>
      <c r="Q20518" s="5" t="s">
        <v>40</v>
      </c>
      <c r="R20518" s="5" t="s">
        <v>897</v>
      </c>
      <c r="S20518" s="5" t="s">
        <v>40</v>
      </c>
      <c r="T20518" s="5" t="s">
        <v>42</v>
      </c>
      <c r="U20518" s="2">
        <v>44.094000000000001</v>
      </c>
      <c r="V20518" s="2">
        <v>40.673999999999999</v>
      </c>
      <c r="W20518" s="2">
        <v>0.17199999999999999</v>
      </c>
      <c r="X20518" s="2">
        <v>17</v>
      </c>
      <c r="Y20518" s="2">
        <v>76.8</v>
      </c>
      <c r="Z20518" s="2">
        <v>131.6</v>
      </c>
      <c r="AA20518" s="5">
        <v>7</v>
      </c>
      <c r="AB20518" s="5" t="s">
        <v>43</v>
      </c>
      <c r="AC20518" s="5" t="s">
        <v>735</v>
      </c>
      <c r="AD20518" s="2" t="s">
        <v>65967</v>
      </c>
      <c r="AE20518" s="1"/>
    </row>
    <row r="20519" spans="1:31" ht="14.45">
      <c r="A20519" s="11"/>
      <c r="B20519" s="20"/>
      <c r="C20519" s="2" t="s">
        <v>65968</v>
      </c>
      <c r="D20519" s="14" t="s">
        <v>65969</v>
      </c>
      <c r="E20519" s="2" t="s">
        <v>65970</v>
      </c>
      <c r="F20519" s="2" t="s">
        <v>61809</v>
      </c>
      <c r="G20519" s="8">
        <v>1595</v>
      </c>
      <c r="H20519" s="5">
        <v>5</v>
      </c>
      <c r="I20519" s="5" t="s">
        <v>69</v>
      </c>
      <c r="J20519" s="5" t="s">
        <v>65833</v>
      </c>
      <c r="K20519" s="2" t="s">
        <v>65834</v>
      </c>
      <c r="L20519" s="5" t="s">
        <v>65833</v>
      </c>
      <c r="M20519" s="2" t="s">
        <v>65834</v>
      </c>
      <c r="N20519" s="5" t="s">
        <v>733</v>
      </c>
      <c r="O20519" s="5" t="s">
        <v>38</v>
      </c>
      <c r="P20519" s="5" t="s">
        <v>39</v>
      </c>
      <c r="Q20519" s="5" t="s">
        <v>40</v>
      </c>
      <c r="R20519" s="5" t="s">
        <v>897</v>
      </c>
      <c r="S20519" s="5" t="s">
        <v>40</v>
      </c>
      <c r="T20519" s="5" t="s">
        <v>42</v>
      </c>
      <c r="U20519" s="2">
        <v>49.604999999999997</v>
      </c>
      <c r="V20519" s="2">
        <v>46.198999999999998</v>
      </c>
      <c r="W20519" s="2">
        <v>0.17199999999999999</v>
      </c>
      <c r="X20519" s="2">
        <v>17</v>
      </c>
      <c r="Y20519" s="2">
        <v>76.8</v>
      </c>
      <c r="Z20519" s="2">
        <v>131.6</v>
      </c>
      <c r="AA20519" s="5">
        <v>7</v>
      </c>
      <c r="AB20519" s="5" t="s">
        <v>43</v>
      </c>
      <c r="AC20519" s="5" t="s">
        <v>735</v>
      </c>
      <c r="AD20519" s="2" t="s">
        <v>65971</v>
      </c>
      <c r="AE20519" s="1"/>
    </row>
    <row r="20520" spans="1:31" ht="14.45">
      <c r="A20520" s="11"/>
      <c r="B20520" s="20"/>
      <c r="C20520" s="2" t="s">
        <v>65972</v>
      </c>
      <c r="D20520" s="14" t="s">
        <v>65973</v>
      </c>
      <c r="E20520" s="2" t="s">
        <v>65974</v>
      </c>
      <c r="F20520" s="2" t="s">
        <v>61827</v>
      </c>
      <c r="G20520" s="8">
        <v>1665</v>
      </c>
      <c r="H20520" s="5">
        <v>10</v>
      </c>
      <c r="I20520" s="5" t="s">
        <v>69</v>
      </c>
      <c r="J20520" s="5" t="s">
        <v>65833</v>
      </c>
      <c r="K20520" s="2" t="s">
        <v>65834</v>
      </c>
      <c r="L20520" s="5" t="s">
        <v>65833</v>
      </c>
      <c r="M20520" s="2" t="s">
        <v>65834</v>
      </c>
      <c r="N20520" s="5" t="s">
        <v>733</v>
      </c>
      <c r="O20520" s="5" t="s">
        <v>38</v>
      </c>
      <c r="P20520" s="5" t="s">
        <v>39</v>
      </c>
      <c r="Q20520" s="5" t="s">
        <v>40</v>
      </c>
      <c r="R20520" s="5" t="s">
        <v>897</v>
      </c>
      <c r="S20520" s="5" t="s">
        <v>40</v>
      </c>
      <c r="T20520" s="5" t="s">
        <v>42</v>
      </c>
      <c r="U20520" s="2">
        <v>48.731000000000002</v>
      </c>
      <c r="V20520" s="2">
        <v>45.325000000000003</v>
      </c>
      <c r="W20520" s="2">
        <v>0.17199999999999999</v>
      </c>
      <c r="X20520" s="2">
        <v>17</v>
      </c>
      <c r="Y20520" s="2">
        <v>76.8</v>
      </c>
      <c r="Z20520" s="2">
        <v>131.6</v>
      </c>
      <c r="AA20520" s="5">
        <v>7</v>
      </c>
      <c r="AB20520" s="5" t="s">
        <v>43</v>
      </c>
      <c r="AC20520" s="5" t="s">
        <v>735</v>
      </c>
      <c r="AD20520" s="2" t="s">
        <v>65975</v>
      </c>
      <c r="AE20520" s="1"/>
    </row>
    <row r="20521" spans="1:31" ht="14.45">
      <c r="A20521" s="11"/>
      <c r="B20521" s="20"/>
      <c r="C20521" s="2" t="s">
        <v>65976</v>
      </c>
      <c r="D20521" s="14" t="s">
        <v>65977</v>
      </c>
      <c r="E20521" s="2" t="s">
        <v>65978</v>
      </c>
      <c r="F20521" s="2" t="s">
        <v>61841</v>
      </c>
      <c r="G20521" s="8">
        <v>1423</v>
      </c>
      <c r="H20521" s="5">
        <v>5</v>
      </c>
      <c r="I20521" s="5" t="s">
        <v>69</v>
      </c>
      <c r="J20521" s="5" t="s">
        <v>65833</v>
      </c>
      <c r="K20521" s="2" t="s">
        <v>65834</v>
      </c>
      <c r="L20521" s="5" t="s">
        <v>65833</v>
      </c>
      <c r="M20521" s="2" t="s">
        <v>65834</v>
      </c>
      <c r="N20521" s="5" t="s">
        <v>733</v>
      </c>
      <c r="O20521" s="5" t="s">
        <v>38</v>
      </c>
      <c r="P20521" s="5" t="s">
        <v>39</v>
      </c>
      <c r="Q20521" s="5" t="s">
        <v>40</v>
      </c>
      <c r="R20521" s="5" t="s">
        <v>897</v>
      </c>
      <c r="S20521" s="5" t="s">
        <v>40</v>
      </c>
      <c r="T20521" s="5" t="s">
        <v>42</v>
      </c>
      <c r="U20521" s="2">
        <v>44.027000000000001</v>
      </c>
      <c r="V20521" s="2">
        <v>40.606999999999999</v>
      </c>
      <c r="W20521" s="2">
        <v>0.17199999999999999</v>
      </c>
      <c r="X20521" s="2">
        <v>17</v>
      </c>
      <c r="Y20521" s="2">
        <v>76.8</v>
      </c>
      <c r="Z20521" s="2">
        <v>131.6</v>
      </c>
      <c r="AA20521" s="5">
        <v>7</v>
      </c>
      <c r="AB20521" s="5" t="s">
        <v>43</v>
      </c>
      <c r="AC20521" s="5" t="s">
        <v>735</v>
      </c>
      <c r="AD20521" s="2" t="s">
        <v>65979</v>
      </c>
      <c r="AE20521" s="1"/>
    </row>
    <row r="20522" spans="1:31" ht="14.45">
      <c r="A20522" s="11"/>
      <c r="B20522" s="20"/>
      <c r="C20522" s="2" t="s">
        <v>65980</v>
      </c>
      <c r="D20522" s="14" t="s">
        <v>65981</v>
      </c>
      <c r="E20522" s="2" t="s">
        <v>65982</v>
      </c>
      <c r="F20522" s="2" t="s">
        <v>61854</v>
      </c>
      <c r="G20522" s="8">
        <v>1595</v>
      </c>
      <c r="H20522" s="5">
        <v>10</v>
      </c>
      <c r="I20522" s="5" t="s">
        <v>69</v>
      </c>
      <c r="J20522" s="5" t="s">
        <v>65833</v>
      </c>
      <c r="K20522" s="2" t="s">
        <v>65834</v>
      </c>
      <c r="L20522" s="5" t="s">
        <v>65833</v>
      </c>
      <c r="M20522" s="2" t="s">
        <v>65834</v>
      </c>
      <c r="N20522" s="5" t="s">
        <v>733</v>
      </c>
      <c r="O20522" s="5" t="s">
        <v>38</v>
      </c>
      <c r="P20522" s="5" t="s">
        <v>39</v>
      </c>
      <c r="Q20522" s="5" t="s">
        <v>40</v>
      </c>
      <c r="R20522" s="5" t="s">
        <v>897</v>
      </c>
      <c r="S20522" s="5" t="s">
        <v>40</v>
      </c>
      <c r="T20522" s="5" t="s">
        <v>42</v>
      </c>
      <c r="U20522" s="2">
        <v>48.704000000000001</v>
      </c>
      <c r="V20522" s="2">
        <v>45.298000000000002</v>
      </c>
      <c r="W20522" s="2">
        <v>0.17199999999999999</v>
      </c>
      <c r="X20522" s="2">
        <v>17</v>
      </c>
      <c r="Y20522" s="2">
        <v>76.8</v>
      </c>
      <c r="Z20522" s="2">
        <v>131.6</v>
      </c>
      <c r="AA20522" s="5">
        <v>7</v>
      </c>
      <c r="AB20522" s="5" t="s">
        <v>43</v>
      </c>
      <c r="AC20522" s="5" t="s">
        <v>735</v>
      </c>
      <c r="AD20522" s="2" t="s">
        <v>65983</v>
      </c>
      <c r="AE20522" s="1"/>
    </row>
    <row r="20523" spans="1:31" ht="14.45">
      <c r="A20523" s="11"/>
      <c r="B20523" s="20"/>
      <c r="C20523" s="2" t="s">
        <v>65984</v>
      </c>
      <c r="D20523" s="14" t="s">
        <v>65985</v>
      </c>
      <c r="E20523" s="2" t="s">
        <v>65986</v>
      </c>
      <c r="F20523" s="2" t="s">
        <v>61867</v>
      </c>
      <c r="G20523" s="8">
        <v>1537</v>
      </c>
      <c r="H20523" s="5">
        <v>10</v>
      </c>
      <c r="I20523" s="5" t="s">
        <v>69</v>
      </c>
      <c r="J20523" s="5" t="s">
        <v>65833</v>
      </c>
      <c r="K20523" s="2" t="s">
        <v>65834</v>
      </c>
      <c r="L20523" s="5" t="s">
        <v>65833</v>
      </c>
      <c r="M20523" s="2" t="s">
        <v>65834</v>
      </c>
      <c r="N20523" s="5" t="s">
        <v>733</v>
      </c>
      <c r="O20523" s="5" t="s">
        <v>38</v>
      </c>
      <c r="P20523" s="5" t="s">
        <v>39</v>
      </c>
      <c r="Q20523" s="5" t="s">
        <v>40</v>
      </c>
      <c r="R20523" s="5" t="s">
        <v>1487</v>
      </c>
      <c r="S20523" s="5"/>
      <c r="T20523" s="5" t="s">
        <v>42</v>
      </c>
      <c r="U20523" s="2">
        <v>0</v>
      </c>
      <c r="V20523" s="2">
        <v>0</v>
      </c>
      <c r="W20523" s="2">
        <v>0</v>
      </c>
      <c r="X20523" s="2">
        <v>0</v>
      </c>
      <c r="Y20523" s="2">
        <v>0</v>
      </c>
      <c r="Z20523" s="2">
        <v>0</v>
      </c>
      <c r="AA20523" s="5"/>
      <c r="AB20523" s="5" t="s">
        <v>43</v>
      </c>
      <c r="AC20523" s="5" t="s">
        <v>735</v>
      </c>
      <c r="AD20523" s="2" t="s">
        <v>65987</v>
      </c>
      <c r="AE20523" s="1"/>
    </row>
    <row r="20524" spans="1:31" ht="14.45">
      <c r="A20524" s="11"/>
      <c r="B20524" s="20"/>
      <c r="C20524" s="2" t="s">
        <v>65988</v>
      </c>
      <c r="D20524" s="14" t="s">
        <v>65989</v>
      </c>
      <c r="E20524" s="2" t="s">
        <v>65990</v>
      </c>
      <c r="F20524" s="2" t="s">
        <v>61872</v>
      </c>
      <c r="G20524" s="8">
        <v>1408</v>
      </c>
      <c r="H20524" s="5">
        <v>5</v>
      </c>
      <c r="I20524" s="5" t="s">
        <v>69</v>
      </c>
      <c r="J20524" s="5" t="s">
        <v>65833</v>
      </c>
      <c r="K20524" s="2" t="s">
        <v>65834</v>
      </c>
      <c r="L20524" s="5" t="s">
        <v>65833</v>
      </c>
      <c r="M20524" s="2" t="s">
        <v>65834</v>
      </c>
      <c r="N20524" s="5" t="s">
        <v>733</v>
      </c>
      <c r="O20524" s="5" t="s">
        <v>38</v>
      </c>
      <c r="P20524" s="5" t="s">
        <v>39</v>
      </c>
      <c r="Q20524" s="5" t="s">
        <v>40</v>
      </c>
      <c r="R20524" s="5" t="s">
        <v>897</v>
      </c>
      <c r="S20524" s="5" t="s">
        <v>40</v>
      </c>
      <c r="T20524" s="5" t="s">
        <v>42</v>
      </c>
      <c r="U20524" s="2">
        <v>61.073999999999998</v>
      </c>
      <c r="V20524" s="2">
        <v>57.209000000000003</v>
      </c>
      <c r="W20524" s="2">
        <v>0.20100000000000001</v>
      </c>
      <c r="X20524" s="2">
        <v>17</v>
      </c>
      <c r="Y20524" s="2">
        <v>76.8</v>
      </c>
      <c r="Z20524" s="2">
        <v>153.6</v>
      </c>
      <c r="AA20524" s="5">
        <v>7</v>
      </c>
      <c r="AB20524" s="5" t="s">
        <v>43</v>
      </c>
      <c r="AC20524" s="5" t="s">
        <v>735</v>
      </c>
      <c r="AD20524" s="2" t="s">
        <v>65991</v>
      </c>
      <c r="AE20524" s="1"/>
    </row>
    <row r="20525" spans="1:31" ht="14.45">
      <c r="A20525" s="11"/>
      <c r="B20525" s="20"/>
      <c r="C20525" s="2" t="s">
        <v>65992</v>
      </c>
      <c r="D20525" s="14" t="s">
        <v>65993</v>
      </c>
      <c r="E20525" s="2" t="s">
        <v>65994</v>
      </c>
      <c r="F20525" s="2" t="s">
        <v>61882</v>
      </c>
      <c r="G20525" s="8">
        <v>1276</v>
      </c>
      <c r="H20525" s="5">
        <v>5</v>
      </c>
      <c r="I20525" s="5" t="s">
        <v>69</v>
      </c>
      <c r="J20525" s="5" t="s">
        <v>65833</v>
      </c>
      <c r="K20525" s="2" t="s">
        <v>65834</v>
      </c>
      <c r="L20525" s="5" t="s">
        <v>65833</v>
      </c>
      <c r="M20525" s="2" t="s">
        <v>65834</v>
      </c>
      <c r="N20525" s="5" t="s">
        <v>733</v>
      </c>
      <c r="O20525" s="5" t="s">
        <v>38</v>
      </c>
      <c r="P20525" s="5" t="s">
        <v>39</v>
      </c>
      <c r="Q20525" s="5" t="s">
        <v>40</v>
      </c>
      <c r="R20525" s="5" t="s">
        <v>897</v>
      </c>
      <c r="S20525" s="5" t="s">
        <v>40</v>
      </c>
      <c r="T20525" s="5" t="s">
        <v>42</v>
      </c>
      <c r="U20525" s="2">
        <v>54.183999999999997</v>
      </c>
      <c r="V20525" s="2">
        <v>50.362000000000002</v>
      </c>
      <c r="W20525" s="2">
        <v>0.20100000000000001</v>
      </c>
      <c r="X20525" s="2">
        <v>17</v>
      </c>
      <c r="Y20525" s="2">
        <v>76.8</v>
      </c>
      <c r="Z20525" s="2">
        <v>153.6</v>
      </c>
      <c r="AA20525" s="5">
        <v>7</v>
      </c>
      <c r="AB20525" s="5" t="s">
        <v>43</v>
      </c>
      <c r="AC20525" s="5" t="s">
        <v>735</v>
      </c>
      <c r="AD20525" s="2" t="s">
        <v>65995</v>
      </c>
      <c r="AE20525" s="1"/>
    </row>
    <row r="20526" spans="1:31" ht="14.45">
      <c r="A20526" s="11"/>
      <c r="B20526" s="20"/>
      <c r="C20526" s="2" t="s">
        <v>65996</v>
      </c>
      <c r="D20526" s="14" t="s">
        <v>65997</v>
      </c>
      <c r="E20526" s="2" t="s">
        <v>65998</v>
      </c>
      <c r="F20526" s="2" t="s">
        <v>61887</v>
      </c>
      <c r="G20526" s="8">
        <v>1902</v>
      </c>
      <c r="H20526" s="5">
        <v>5</v>
      </c>
      <c r="I20526" s="5" t="s">
        <v>69</v>
      </c>
      <c r="J20526" s="5" t="s">
        <v>65833</v>
      </c>
      <c r="K20526" s="2" t="s">
        <v>65834</v>
      </c>
      <c r="L20526" s="5" t="s">
        <v>65833</v>
      </c>
      <c r="M20526" s="2" t="s">
        <v>65834</v>
      </c>
      <c r="N20526" s="5" t="s">
        <v>733</v>
      </c>
      <c r="O20526" s="5" t="s">
        <v>38</v>
      </c>
      <c r="P20526" s="5" t="s">
        <v>39</v>
      </c>
      <c r="Q20526" s="5" t="s">
        <v>40</v>
      </c>
      <c r="R20526" s="5" t="s">
        <v>897</v>
      </c>
      <c r="S20526" s="5" t="s">
        <v>40</v>
      </c>
      <c r="T20526" s="5" t="s">
        <v>42</v>
      </c>
      <c r="U20526" s="2">
        <v>53.957999999999998</v>
      </c>
      <c r="V20526" s="2">
        <v>49.368000000000002</v>
      </c>
      <c r="W20526" s="2">
        <v>0.221</v>
      </c>
      <c r="X20526" s="2">
        <v>17</v>
      </c>
      <c r="Y20526" s="2">
        <v>80.8</v>
      </c>
      <c r="Z20526" s="2">
        <v>161</v>
      </c>
      <c r="AA20526" s="5">
        <v>7</v>
      </c>
      <c r="AB20526" s="5" t="s">
        <v>43</v>
      </c>
      <c r="AC20526" s="5" t="s">
        <v>735</v>
      </c>
      <c r="AD20526" s="2" t="s">
        <v>65999</v>
      </c>
      <c r="AE20526" s="1"/>
    </row>
    <row r="20527" spans="1:31" ht="14.45">
      <c r="A20527" s="11"/>
      <c r="B20527" s="20"/>
      <c r="C20527" s="2" t="s">
        <v>66000</v>
      </c>
      <c r="D20527" s="14" t="s">
        <v>66001</v>
      </c>
      <c r="E20527" s="2" t="s">
        <v>66002</v>
      </c>
      <c r="F20527" s="2" t="s">
        <v>61901</v>
      </c>
      <c r="G20527" s="8">
        <v>1408</v>
      </c>
      <c r="H20527" s="5">
        <v>10</v>
      </c>
      <c r="I20527" s="5" t="s">
        <v>69</v>
      </c>
      <c r="J20527" s="5" t="s">
        <v>65833</v>
      </c>
      <c r="K20527" s="2" t="s">
        <v>65834</v>
      </c>
      <c r="L20527" s="5" t="s">
        <v>65833</v>
      </c>
      <c r="M20527" s="2" t="s">
        <v>65834</v>
      </c>
      <c r="N20527" s="5" t="s">
        <v>733</v>
      </c>
      <c r="O20527" s="5" t="s">
        <v>38</v>
      </c>
      <c r="P20527" s="5" t="s">
        <v>39</v>
      </c>
      <c r="Q20527" s="5" t="s">
        <v>40</v>
      </c>
      <c r="R20527" s="5" t="s">
        <v>897</v>
      </c>
      <c r="S20527" s="5" t="s">
        <v>40</v>
      </c>
      <c r="T20527" s="5" t="s">
        <v>42</v>
      </c>
      <c r="U20527" s="2">
        <v>54.048999999999999</v>
      </c>
      <c r="V20527" s="2">
        <v>50.22</v>
      </c>
      <c r="W20527" s="2">
        <v>0.20100000000000001</v>
      </c>
      <c r="X20527" s="2">
        <v>17</v>
      </c>
      <c r="Y20527" s="2">
        <v>76.8</v>
      </c>
      <c r="Z20527" s="2">
        <v>153.6</v>
      </c>
      <c r="AA20527" s="5">
        <v>7</v>
      </c>
      <c r="AB20527" s="5" t="s">
        <v>43</v>
      </c>
      <c r="AC20527" s="5" t="s">
        <v>735</v>
      </c>
      <c r="AD20527" s="2" t="s">
        <v>66003</v>
      </c>
      <c r="AE20527" s="1"/>
    </row>
    <row r="20528" spans="1:31" ht="14.45">
      <c r="A20528" s="11"/>
      <c r="B20528" s="20"/>
      <c r="C20528" s="2" t="s">
        <v>66004</v>
      </c>
      <c r="D20528" s="14" t="s">
        <v>66005</v>
      </c>
      <c r="E20528" s="2" t="s">
        <v>66006</v>
      </c>
      <c r="F20528" s="2" t="s">
        <v>61915</v>
      </c>
      <c r="G20528" s="8">
        <v>1150</v>
      </c>
      <c r="H20528" s="5">
        <v>10</v>
      </c>
      <c r="I20528" s="5" t="s">
        <v>69</v>
      </c>
      <c r="J20528" s="5" t="s">
        <v>65833</v>
      </c>
      <c r="K20528" s="2" t="s">
        <v>65834</v>
      </c>
      <c r="L20528" s="5" t="s">
        <v>65833</v>
      </c>
      <c r="M20528" s="2" t="s">
        <v>65834</v>
      </c>
      <c r="N20528" s="5" t="s">
        <v>733</v>
      </c>
      <c r="O20528" s="5" t="s">
        <v>38</v>
      </c>
      <c r="P20528" s="5" t="s">
        <v>39</v>
      </c>
      <c r="Q20528" s="5" t="s">
        <v>40</v>
      </c>
      <c r="R20528" s="5" t="s">
        <v>897</v>
      </c>
      <c r="S20528" s="5" t="s">
        <v>40</v>
      </c>
      <c r="T20528" s="5" t="s">
        <v>42</v>
      </c>
      <c r="U20528" s="2">
        <v>54.250999999999998</v>
      </c>
      <c r="V20528" s="2">
        <v>50.421999999999997</v>
      </c>
      <c r="W20528" s="2">
        <v>0.20100000000000001</v>
      </c>
      <c r="X20528" s="2">
        <v>17</v>
      </c>
      <c r="Y20528" s="2">
        <v>76.8</v>
      </c>
      <c r="Z20528" s="2">
        <v>153.6</v>
      </c>
      <c r="AA20528" s="5">
        <v>7</v>
      </c>
      <c r="AB20528" s="5" t="s">
        <v>43</v>
      </c>
      <c r="AC20528" s="5" t="s">
        <v>735</v>
      </c>
      <c r="AD20528" s="2" t="s">
        <v>66007</v>
      </c>
      <c r="AE20528" s="1"/>
    </row>
    <row r="20529" spans="1:31" ht="14.45">
      <c r="A20529" s="11"/>
      <c r="B20529" s="20"/>
      <c r="C20529" s="2" t="s">
        <v>66008</v>
      </c>
      <c r="D20529" s="14" t="s">
        <v>66009</v>
      </c>
      <c r="E20529" s="2" t="s">
        <v>66010</v>
      </c>
      <c r="F20529" s="2" t="s">
        <v>61928</v>
      </c>
      <c r="G20529" s="8">
        <v>991</v>
      </c>
      <c r="H20529" s="5">
        <v>5</v>
      </c>
      <c r="I20529" s="5" t="s">
        <v>69</v>
      </c>
      <c r="J20529" s="5" t="s">
        <v>65833</v>
      </c>
      <c r="K20529" s="2" t="s">
        <v>65834</v>
      </c>
      <c r="L20529" s="5" t="s">
        <v>65833</v>
      </c>
      <c r="M20529" s="2" t="s">
        <v>65834</v>
      </c>
      <c r="N20529" s="5" t="s">
        <v>733</v>
      </c>
      <c r="O20529" s="5" t="s">
        <v>38</v>
      </c>
      <c r="P20529" s="5" t="s">
        <v>39</v>
      </c>
      <c r="Q20529" s="5" t="s">
        <v>40</v>
      </c>
      <c r="R20529" s="5" t="s">
        <v>897</v>
      </c>
      <c r="S20529" s="5" t="s">
        <v>40</v>
      </c>
      <c r="T20529" s="5" t="s">
        <v>42</v>
      </c>
      <c r="U20529" s="2">
        <v>48.415999999999997</v>
      </c>
      <c r="V20529" s="2">
        <v>44.58</v>
      </c>
      <c r="W20529" s="2">
        <v>0.20100000000000001</v>
      </c>
      <c r="X20529" s="2">
        <v>17</v>
      </c>
      <c r="Y20529" s="2">
        <v>76.8</v>
      </c>
      <c r="Z20529" s="2">
        <v>153.6</v>
      </c>
      <c r="AA20529" s="5">
        <v>7</v>
      </c>
      <c r="AB20529" s="5" t="s">
        <v>43</v>
      </c>
      <c r="AC20529" s="5" t="s">
        <v>735</v>
      </c>
      <c r="AD20529" s="2" t="s">
        <v>66011</v>
      </c>
      <c r="AE20529" s="1"/>
    </row>
    <row r="20530" spans="1:31" ht="14.45">
      <c r="A20530" s="11"/>
      <c r="B20530" s="20"/>
      <c r="C20530" s="2" t="s">
        <v>66012</v>
      </c>
      <c r="D20530" s="14" t="s">
        <v>66013</v>
      </c>
      <c r="E20530" s="2" t="s">
        <v>66014</v>
      </c>
      <c r="F20530" s="2" t="s">
        <v>61928</v>
      </c>
      <c r="G20530" s="8">
        <v>1617</v>
      </c>
      <c r="H20530" s="5">
        <v>15</v>
      </c>
      <c r="I20530" s="5" t="s">
        <v>69</v>
      </c>
      <c r="J20530" s="5" t="s">
        <v>65833</v>
      </c>
      <c r="K20530" s="2" t="s">
        <v>65834</v>
      </c>
      <c r="L20530" s="5" t="s">
        <v>65833</v>
      </c>
      <c r="M20530" s="2" t="s">
        <v>65834</v>
      </c>
      <c r="N20530" s="5" t="s">
        <v>733</v>
      </c>
      <c r="O20530" s="5" t="s">
        <v>38</v>
      </c>
      <c r="P20530" s="5" t="s">
        <v>39</v>
      </c>
      <c r="Q20530" s="5" t="s">
        <v>40</v>
      </c>
      <c r="R20530" s="5" t="s">
        <v>897</v>
      </c>
      <c r="S20530" s="5" t="s">
        <v>40</v>
      </c>
      <c r="T20530" s="5" t="s">
        <v>42</v>
      </c>
      <c r="U20530" s="2">
        <v>48.457000000000001</v>
      </c>
      <c r="V20530" s="2">
        <v>43.844999999999999</v>
      </c>
      <c r="W20530" s="2">
        <v>0.221</v>
      </c>
      <c r="X20530" s="2">
        <v>17</v>
      </c>
      <c r="Y20530" s="2">
        <v>80.8</v>
      </c>
      <c r="Z20530" s="2">
        <v>161</v>
      </c>
      <c r="AA20530" s="5">
        <v>7</v>
      </c>
      <c r="AB20530" s="5" t="s">
        <v>43</v>
      </c>
      <c r="AC20530" s="5" t="s">
        <v>735</v>
      </c>
      <c r="AD20530" s="2" t="s">
        <v>66015</v>
      </c>
      <c r="AE20530" s="1"/>
    </row>
    <row r="20531" spans="1:31" ht="14.45">
      <c r="A20531" s="11"/>
      <c r="B20531" s="20"/>
      <c r="C20531" s="2" t="s">
        <v>66016</v>
      </c>
      <c r="D20531" s="14" t="s">
        <v>66017</v>
      </c>
      <c r="E20531" s="2" t="s">
        <v>66018</v>
      </c>
      <c r="F20531" s="2" t="s">
        <v>61946</v>
      </c>
      <c r="G20531" s="8">
        <v>1193</v>
      </c>
      <c r="H20531" s="5">
        <v>5</v>
      </c>
      <c r="I20531" s="5" t="s">
        <v>69</v>
      </c>
      <c r="J20531" s="5" t="s">
        <v>65833</v>
      </c>
      <c r="K20531" s="2" t="s">
        <v>65834</v>
      </c>
      <c r="L20531" s="5" t="s">
        <v>65833</v>
      </c>
      <c r="M20531" s="2" t="s">
        <v>65834</v>
      </c>
      <c r="N20531" s="5" t="s">
        <v>733</v>
      </c>
      <c r="O20531" s="5" t="s">
        <v>38</v>
      </c>
      <c r="P20531" s="5" t="s">
        <v>39</v>
      </c>
      <c r="Q20531" s="5" t="s">
        <v>40</v>
      </c>
      <c r="R20531" s="5" t="s">
        <v>897</v>
      </c>
      <c r="S20531" s="5" t="s">
        <v>40</v>
      </c>
      <c r="T20531" s="5" t="s">
        <v>42</v>
      </c>
      <c r="U20531" s="2">
        <v>54.152000000000001</v>
      </c>
      <c r="V20531" s="2">
        <v>50.33</v>
      </c>
      <c r="W20531" s="2">
        <v>0.20100000000000001</v>
      </c>
      <c r="X20531" s="2">
        <v>17</v>
      </c>
      <c r="Y20531" s="2">
        <v>76.8</v>
      </c>
      <c r="Z20531" s="2">
        <v>153.6</v>
      </c>
      <c r="AA20531" s="5">
        <v>7</v>
      </c>
      <c r="AB20531" s="5" t="s">
        <v>43</v>
      </c>
      <c r="AC20531" s="5" t="s">
        <v>735</v>
      </c>
      <c r="AD20531" s="2" t="s">
        <v>66019</v>
      </c>
      <c r="AE20531" s="1"/>
    </row>
    <row r="20532" spans="1:31" ht="14.45">
      <c r="A20532" s="11"/>
      <c r="B20532" s="20"/>
      <c r="C20532" s="2" t="s">
        <v>66020</v>
      </c>
      <c r="D20532" s="14" t="s">
        <v>66021</v>
      </c>
      <c r="E20532" s="2" t="s">
        <v>66022</v>
      </c>
      <c r="F20532" s="2" t="s">
        <v>61969</v>
      </c>
      <c r="G20532" s="8">
        <v>1744</v>
      </c>
      <c r="H20532" s="5">
        <v>10</v>
      </c>
      <c r="I20532" s="5" t="s">
        <v>69</v>
      </c>
      <c r="J20532" s="5" t="s">
        <v>65833</v>
      </c>
      <c r="K20532" s="2" t="s">
        <v>65834</v>
      </c>
      <c r="L20532" s="5" t="s">
        <v>65833</v>
      </c>
      <c r="M20532" s="2" t="s">
        <v>65834</v>
      </c>
      <c r="N20532" s="5" t="s">
        <v>733</v>
      </c>
      <c r="O20532" s="5" t="s">
        <v>38</v>
      </c>
      <c r="P20532" s="5" t="s">
        <v>39</v>
      </c>
      <c r="Q20532" s="5" t="s">
        <v>40</v>
      </c>
      <c r="R20532" s="5" t="s">
        <v>897</v>
      </c>
      <c r="S20532" s="5" t="s">
        <v>40</v>
      </c>
      <c r="T20532" s="5" t="s">
        <v>42</v>
      </c>
      <c r="U20532" s="2">
        <v>57.987000000000002</v>
      </c>
      <c r="V20532" s="2">
        <v>54.134</v>
      </c>
      <c r="W20532" s="2">
        <v>0.20100000000000001</v>
      </c>
      <c r="X20532" s="2">
        <v>17</v>
      </c>
      <c r="Y20532" s="2">
        <v>76.8</v>
      </c>
      <c r="Z20532" s="2">
        <v>153.6</v>
      </c>
      <c r="AA20532" s="5">
        <v>7</v>
      </c>
      <c r="AB20532" s="5" t="s">
        <v>43</v>
      </c>
      <c r="AC20532" s="5" t="s">
        <v>735</v>
      </c>
      <c r="AD20532" s="2" t="s">
        <v>66023</v>
      </c>
      <c r="AE20532" s="1"/>
    </row>
    <row r="20533" spans="1:31" ht="14.45">
      <c r="A20533" s="11"/>
      <c r="B20533" s="20"/>
      <c r="C20533" s="2" t="s">
        <v>66024</v>
      </c>
      <c r="D20533" s="14" t="s">
        <v>66025</v>
      </c>
      <c r="E20533" s="2" t="s">
        <v>66026</v>
      </c>
      <c r="F20533" s="2" t="s">
        <v>62002</v>
      </c>
      <c r="G20533" s="8">
        <v>1661</v>
      </c>
      <c r="H20533" s="5">
        <v>10</v>
      </c>
      <c r="I20533" s="5" t="s">
        <v>69</v>
      </c>
      <c r="J20533" s="5" t="s">
        <v>65833</v>
      </c>
      <c r="K20533" s="2" t="s">
        <v>65834</v>
      </c>
      <c r="L20533" s="5" t="s">
        <v>65833</v>
      </c>
      <c r="M20533" s="2" t="s">
        <v>65834</v>
      </c>
      <c r="N20533" s="5" t="s">
        <v>733</v>
      </c>
      <c r="O20533" s="5" t="s">
        <v>38</v>
      </c>
      <c r="P20533" s="5" t="s">
        <v>39</v>
      </c>
      <c r="Q20533" s="5" t="s">
        <v>40</v>
      </c>
      <c r="R20533" s="5" t="s">
        <v>897</v>
      </c>
      <c r="S20533" s="5" t="s">
        <v>40</v>
      </c>
      <c r="T20533" s="5" t="s">
        <v>42</v>
      </c>
      <c r="U20533" s="2">
        <v>57.954999999999998</v>
      </c>
      <c r="V20533" s="2">
        <v>54.101999999999997</v>
      </c>
      <c r="W20533" s="2">
        <v>0.20100000000000001</v>
      </c>
      <c r="X20533" s="2">
        <v>17</v>
      </c>
      <c r="Y20533" s="2">
        <v>76.8</v>
      </c>
      <c r="Z20533" s="2">
        <v>153.6</v>
      </c>
      <c r="AA20533" s="5">
        <v>7</v>
      </c>
      <c r="AB20533" s="5" t="s">
        <v>43</v>
      </c>
      <c r="AC20533" s="5" t="s">
        <v>735</v>
      </c>
      <c r="AD20533" s="2" t="s">
        <v>66027</v>
      </c>
      <c r="AE20533" s="1"/>
    </row>
    <row r="20534" spans="1:31" ht="14.45">
      <c r="A20534" s="11"/>
      <c r="B20534" s="20"/>
      <c r="C20534" s="2" t="s">
        <v>66028</v>
      </c>
      <c r="D20534" s="14" t="s">
        <v>66029</v>
      </c>
      <c r="E20534" s="2" t="s">
        <v>66030</v>
      </c>
      <c r="F20534" s="2" t="s">
        <v>62039</v>
      </c>
      <c r="G20534" s="8">
        <v>1661</v>
      </c>
      <c r="H20534" s="5">
        <v>10</v>
      </c>
      <c r="I20534" s="5" t="s">
        <v>69</v>
      </c>
      <c r="J20534" s="5" t="s">
        <v>65833</v>
      </c>
      <c r="K20534" s="2" t="s">
        <v>65834</v>
      </c>
      <c r="L20534" s="5" t="s">
        <v>65833</v>
      </c>
      <c r="M20534" s="2" t="s">
        <v>65834</v>
      </c>
      <c r="N20534" s="5" t="s">
        <v>733</v>
      </c>
      <c r="O20534" s="5" t="s">
        <v>38</v>
      </c>
      <c r="P20534" s="5" t="s">
        <v>39</v>
      </c>
      <c r="Q20534" s="5" t="s">
        <v>40</v>
      </c>
      <c r="R20534" s="5" t="s">
        <v>897</v>
      </c>
      <c r="S20534" s="5" t="s">
        <v>40</v>
      </c>
      <c r="T20534" s="5" t="s">
        <v>42</v>
      </c>
      <c r="U20534" s="2">
        <v>56.881999999999998</v>
      </c>
      <c r="V20534" s="2">
        <v>53.029000000000003</v>
      </c>
      <c r="W20534" s="2">
        <v>0.20100000000000001</v>
      </c>
      <c r="X20534" s="2">
        <v>17</v>
      </c>
      <c r="Y20534" s="2">
        <v>76.8</v>
      </c>
      <c r="Z20534" s="2">
        <v>153.6</v>
      </c>
      <c r="AA20534" s="5">
        <v>7</v>
      </c>
      <c r="AB20534" s="5" t="s">
        <v>43</v>
      </c>
      <c r="AC20534" s="5" t="s">
        <v>735</v>
      </c>
      <c r="AD20534" s="2" t="s">
        <v>66031</v>
      </c>
      <c r="AE20534" s="1"/>
    </row>
    <row r="20535" spans="1:31" ht="14.45">
      <c r="A20535" s="11"/>
      <c r="B20535" s="20"/>
      <c r="C20535" s="2" t="s">
        <v>66032</v>
      </c>
      <c r="D20535" s="14" t="s">
        <v>66033</v>
      </c>
      <c r="E20535" s="2" t="s">
        <v>66034</v>
      </c>
      <c r="F20535" s="2" t="s">
        <v>62052</v>
      </c>
      <c r="G20535" s="8">
        <v>1643</v>
      </c>
      <c r="H20535" s="5">
        <v>10</v>
      </c>
      <c r="I20535" s="5" t="s">
        <v>69</v>
      </c>
      <c r="J20535" s="5" t="s">
        <v>65833</v>
      </c>
      <c r="K20535" s="2" t="s">
        <v>65834</v>
      </c>
      <c r="L20535" s="5" t="s">
        <v>65833</v>
      </c>
      <c r="M20535" s="2" t="s">
        <v>65834</v>
      </c>
      <c r="N20535" s="5" t="s">
        <v>733</v>
      </c>
      <c r="O20535" s="5" t="s">
        <v>38</v>
      </c>
      <c r="P20535" s="5" t="s">
        <v>39</v>
      </c>
      <c r="Q20535" s="5" t="s">
        <v>40</v>
      </c>
      <c r="R20535" s="5" t="s">
        <v>1487</v>
      </c>
      <c r="S20535" s="5"/>
      <c r="T20535" s="5" t="s">
        <v>42</v>
      </c>
      <c r="U20535" s="2">
        <v>0</v>
      </c>
      <c r="V20535" s="2">
        <v>0</v>
      </c>
      <c r="W20535" s="2">
        <v>0</v>
      </c>
      <c r="X20535" s="2">
        <v>0</v>
      </c>
      <c r="Y20535" s="2">
        <v>0</v>
      </c>
      <c r="Z20535" s="2">
        <v>0</v>
      </c>
      <c r="AA20535" s="5"/>
      <c r="AB20535" s="5" t="s">
        <v>43</v>
      </c>
      <c r="AC20535" s="5" t="s">
        <v>735</v>
      </c>
      <c r="AD20535" s="2" t="s">
        <v>66035</v>
      </c>
      <c r="AE20535" s="1"/>
    </row>
    <row r="20536" spans="1:31" ht="14.45">
      <c r="A20536" s="11"/>
      <c r="B20536" s="20"/>
      <c r="C20536" s="2" t="s">
        <v>66036</v>
      </c>
      <c r="D20536" s="14" t="s">
        <v>66037</v>
      </c>
      <c r="E20536" s="2" t="s">
        <v>66038</v>
      </c>
      <c r="F20536" s="2" t="s">
        <v>62057</v>
      </c>
      <c r="G20536" s="8">
        <v>1271</v>
      </c>
      <c r="H20536" s="5">
        <v>5</v>
      </c>
      <c r="I20536" s="5" t="s">
        <v>69</v>
      </c>
      <c r="J20536" s="5" t="s">
        <v>65833</v>
      </c>
      <c r="K20536" s="2" t="s">
        <v>65834</v>
      </c>
      <c r="L20536" s="5" t="s">
        <v>65833</v>
      </c>
      <c r="M20536" s="2" t="s">
        <v>65834</v>
      </c>
      <c r="N20536" s="5" t="s">
        <v>733</v>
      </c>
      <c r="O20536" s="5" t="s">
        <v>38</v>
      </c>
      <c r="P20536" s="5" t="s">
        <v>39</v>
      </c>
      <c r="Q20536" s="5" t="s">
        <v>40</v>
      </c>
      <c r="R20536" s="5" t="s">
        <v>897</v>
      </c>
      <c r="S20536" s="5" t="s">
        <v>40</v>
      </c>
      <c r="T20536" s="5" t="s">
        <v>42</v>
      </c>
      <c r="U20536" s="2">
        <v>49.487000000000002</v>
      </c>
      <c r="V20536" s="2">
        <v>46.79</v>
      </c>
      <c r="W20536" s="2">
        <v>0.153</v>
      </c>
      <c r="X20536" s="2">
        <v>17</v>
      </c>
      <c r="Y20536" s="2">
        <v>80.7</v>
      </c>
      <c r="Z20536" s="2">
        <v>111.6</v>
      </c>
      <c r="AA20536" s="5">
        <v>7</v>
      </c>
      <c r="AB20536" s="5" t="s">
        <v>43</v>
      </c>
      <c r="AC20536" s="5" t="s">
        <v>735</v>
      </c>
      <c r="AD20536" s="2" t="s">
        <v>66039</v>
      </c>
      <c r="AE20536" s="1"/>
    </row>
    <row r="20537" spans="1:31" ht="14.45">
      <c r="A20537" s="11"/>
      <c r="B20537" s="20"/>
      <c r="C20537" s="2" t="s">
        <v>66040</v>
      </c>
      <c r="D20537" s="14" t="s">
        <v>66041</v>
      </c>
      <c r="E20537" s="2" t="s">
        <v>66042</v>
      </c>
      <c r="F20537" s="2" t="s">
        <v>62067</v>
      </c>
      <c r="G20537" s="8">
        <v>1162</v>
      </c>
      <c r="H20537" s="5">
        <v>5</v>
      </c>
      <c r="I20537" s="5" t="s">
        <v>69</v>
      </c>
      <c r="J20537" s="5" t="s">
        <v>65833</v>
      </c>
      <c r="K20537" s="2" t="s">
        <v>65834</v>
      </c>
      <c r="L20537" s="5" t="s">
        <v>65833</v>
      </c>
      <c r="M20537" s="2" t="s">
        <v>65834</v>
      </c>
      <c r="N20537" s="5" t="s">
        <v>733</v>
      </c>
      <c r="O20537" s="5" t="s">
        <v>38</v>
      </c>
      <c r="P20537" s="5" t="s">
        <v>39</v>
      </c>
      <c r="Q20537" s="5" t="s">
        <v>40</v>
      </c>
      <c r="R20537" s="5" t="s">
        <v>897</v>
      </c>
      <c r="S20537" s="5" t="s">
        <v>40</v>
      </c>
      <c r="T20537" s="5" t="s">
        <v>42</v>
      </c>
      <c r="U20537" s="2">
        <v>46.183999999999997</v>
      </c>
      <c r="V20537" s="2">
        <v>43.529000000000003</v>
      </c>
      <c r="W20537" s="2">
        <v>0.153</v>
      </c>
      <c r="X20537" s="2">
        <v>17</v>
      </c>
      <c r="Y20537" s="2">
        <v>80.7</v>
      </c>
      <c r="Z20537" s="2">
        <v>111.6</v>
      </c>
      <c r="AA20537" s="5">
        <v>7</v>
      </c>
      <c r="AB20537" s="5" t="s">
        <v>43</v>
      </c>
      <c r="AC20537" s="5" t="s">
        <v>735</v>
      </c>
      <c r="AD20537" s="2" t="s">
        <v>66043</v>
      </c>
      <c r="AE20537" s="1"/>
    </row>
    <row r="20538" spans="1:31" ht="14.45">
      <c r="A20538" s="11"/>
      <c r="B20538" s="20"/>
      <c r="C20538" s="2" t="s">
        <v>66044</v>
      </c>
      <c r="D20538" s="14" t="s">
        <v>66045</v>
      </c>
      <c r="E20538" s="2" t="s">
        <v>66046</v>
      </c>
      <c r="F20538" s="2" t="s">
        <v>62085</v>
      </c>
      <c r="G20538" s="8">
        <v>1271</v>
      </c>
      <c r="H20538" s="5">
        <v>10</v>
      </c>
      <c r="I20538" s="5" t="s">
        <v>69</v>
      </c>
      <c r="J20538" s="5" t="s">
        <v>65833</v>
      </c>
      <c r="K20538" s="2" t="s">
        <v>65834</v>
      </c>
      <c r="L20538" s="5" t="s">
        <v>65833</v>
      </c>
      <c r="M20538" s="2" t="s">
        <v>65834</v>
      </c>
      <c r="N20538" s="5" t="s">
        <v>733</v>
      </c>
      <c r="O20538" s="5" t="s">
        <v>38</v>
      </c>
      <c r="P20538" s="5" t="s">
        <v>39</v>
      </c>
      <c r="Q20538" s="5" t="s">
        <v>40</v>
      </c>
      <c r="R20538" s="5" t="s">
        <v>897</v>
      </c>
      <c r="S20538" s="5" t="s">
        <v>40</v>
      </c>
      <c r="T20538" s="5" t="s">
        <v>42</v>
      </c>
      <c r="U20538" s="2">
        <v>46.401000000000003</v>
      </c>
      <c r="V20538" s="2">
        <v>43.423000000000002</v>
      </c>
      <c r="W20538" s="2">
        <v>0.153</v>
      </c>
      <c r="X20538" s="2">
        <v>17</v>
      </c>
      <c r="Y20538" s="2">
        <v>80.7</v>
      </c>
      <c r="Z20538" s="2">
        <v>111.6</v>
      </c>
      <c r="AA20538" s="5">
        <v>7</v>
      </c>
      <c r="AB20538" s="5" t="s">
        <v>43</v>
      </c>
      <c r="AC20538" s="5" t="s">
        <v>735</v>
      </c>
      <c r="AD20538" s="2" t="s">
        <v>66047</v>
      </c>
      <c r="AE20538" s="1"/>
    </row>
    <row r="20539" spans="1:31" ht="14.45">
      <c r="A20539" s="11"/>
      <c r="B20539" s="20"/>
      <c r="C20539" s="2" t="s">
        <v>66048</v>
      </c>
      <c r="D20539" s="14" t="s">
        <v>66049</v>
      </c>
      <c r="E20539" s="2" t="s">
        <v>66050</v>
      </c>
      <c r="F20539" s="2" t="s">
        <v>62099</v>
      </c>
      <c r="G20539" s="8">
        <v>1058</v>
      </c>
      <c r="H20539" s="5">
        <v>10</v>
      </c>
      <c r="I20539" s="5" t="s">
        <v>69</v>
      </c>
      <c r="J20539" s="5" t="s">
        <v>65833</v>
      </c>
      <c r="K20539" s="2" t="s">
        <v>65834</v>
      </c>
      <c r="L20539" s="5" t="s">
        <v>65833</v>
      </c>
      <c r="M20539" s="2" t="s">
        <v>65834</v>
      </c>
      <c r="N20539" s="5" t="s">
        <v>733</v>
      </c>
      <c r="O20539" s="5" t="s">
        <v>38</v>
      </c>
      <c r="P20539" s="5" t="s">
        <v>39</v>
      </c>
      <c r="Q20539" s="5" t="s">
        <v>40</v>
      </c>
      <c r="R20539" s="5" t="s">
        <v>897</v>
      </c>
      <c r="S20539" s="5" t="s">
        <v>40</v>
      </c>
      <c r="T20539" s="5" t="s">
        <v>42</v>
      </c>
      <c r="U20539" s="2">
        <v>46.558</v>
      </c>
      <c r="V20539" s="2">
        <v>43.58</v>
      </c>
      <c r="W20539" s="2">
        <v>0.153</v>
      </c>
      <c r="X20539" s="2">
        <v>17</v>
      </c>
      <c r="Y20539" s="2">
        <v>80.7</v>
      </c>
      <c r="Z20539" s="2">
        <v>111.6</v>
      </c>
      <c r="AA20539" s="5">
        <v>7</v>
      </c>
      <c r="AB20539" s="5" t="s">
        <v>43</v>
      </c>
      <c r="AC20539" s="5" t="s">
        <v>735</v>
      </c>
      <c r="AD20539" s="2" t="s">
        <v>66051</v>
      </c>
      <c r="AE20539" s="1"/>
    </row>
    <row r="20540" spans="1:31" ht="14.45">
      <c r="A20540" s="11"/>
      <c r="B20540" s="20"/>
      <c r="C20540" s="2" t="s">
        <v>66052</v>
      </c>
      <c r="D20540" s="14" t="s">
        <v>66053</v>
      </c>
      <c r="E20540" s="2" t="s">
        <v>66054</v>
      </c>
      <c r="F20540" s="2" t="s">
        <v>62112</v>
      </c>
      <c r="G20540" s="8">
        <v>927</v>
      </c>
      <c r="H20540" s="5">
        <v>5</v>
      </c>
      <c r="I20540" s="5" t="s">
        <v>69</v>
      </c>
      <c r="J20540" s="5" t="s">
        <v>65833</v>
      </c>
      <c r="K20540" s="2" t="s">
        <v>65834</v>
      </c>
      <c r="L20540" s="5" t="s">
        <v>65833</v>
      </c>
      <c r="M20540" s="2" t="s">
        <v>65834</v>
      </c>
      <c r="N20540" s="5" t="s">
        <v>733</v>
      </c>
      <c r="O20540" s="5" t="s">
        <v>38</v>
      </c>
      <c r="P20540" s="5" t="s">
        <v>39</v>
      </c>
      <c r="Q20540" s="5" t="s">
        <v>40</v>
      </c>
      <c r="R20540" s="5" t="s">
        <v>897</v>
      </c>
      <c r="S20540" s="5" t="s">
        <v>40</v>
      </c>
      <c r="T20540" s="5" t="s">
        <v>42</v>
      </c>
      <c r="U20540" s="2">
        <v>39.292000000000002</v>
      </c>
      <c r="V20540" s="2">
        <v>36.621000000000002</v>
      </c>
      <c r="W20540" s="2">
        <v>0.153</v>
      </c>
      <c r="X20540" s="2">
        <v>17</v>
      </c>
      <c r="Y20540" s="2">
        <v>80.7</v>
      </c>
      <c r="Z20540" s="2">
        <v>111.6</v>
      </c>
      <c r="AA20540" s="5">
        <v>7</v>
      </c>
      <c r="AB20540" s="5" t="s">
        <v>43</v>
      </c>
      <c r="AC20540" s="5" t="s">
        <v>735</v>
      </c>
      <c r="AD20540" s="2" t="s">
        <v>66055</v>
      </c>
      <c r="AE20540" s="1"/>
    </row>
    <row r="20541" spans="1:31" ht="14.45">
      <c r="A20541" s="11"/>
      <c r="B20541" s="20"/>
      <c r="C20541" s="2" t="s">
        <v>66056</v>
      </c>
      <c r="D20541" s="14" t="s">
        <v>66057</v>
      </c>
      <c r="E20541" s="2" t="s">
        <v>66058</v>
      </c>
      <c r="F20541" s="2" t="s">
        <v>62134</v>
      </c>
      <c r="G20541" s="8">
        <v>1094</v>
      </c>
      <c r="H20541" s="5">
        <v>5</v>
      </c>
      <c r="I20541" s="5" t="s">
        <v>69</v>
      </c>
      <c r="J20541" s="5" t="s">
        <v>65833</v>
      </c>
      <c r="K20541" s="2" t="s">
        <v>65834</v>
      </c>
      <c r="L20541" s="5" t="s">
        <v>65833</v>
      </c>
      <c r="M20541" s="2" t="s">
        <v>65834</v>
      </c>
      <c r="N20541" s="5" t="s">
        <v>733</v>
      </c>
      <c r="O20541" s="5" t="s">
        <v>38</v>
      </c>
      <c r="P20541" s="5" t="s">
        <v>39</v>
      </c>
      <c r="Q20541" s="5" t="s">
        <v>40</v>
      </c>
      <c r="R20541" s="5" t="s">
        <v>897</v>
      </c>
      <c r="S20541" s="5" t="s">
        <v>40</v>
      </c>
      <c r="T20541" s="5" t="s">
        <v>42</v>
      </c>
      <c r="U20541" s="2">
        <v>46.156999999999996</v>
      </c>
      <c r="V20541" s="2">
        <v>43.502000000000002</v>
      </c>
      <c r="W20541" s="2">
        <v>0.153</v>
      </c>
      <c r="X20541" s="2">
        <v>17</v>
      </c>
      <c r="Y20541" s="2">
        <v>80.7</v>
      </c>
      <c r="Z20541" s="2">
        <v>111.6</v>
      </c>
      <c r="AA20541" s="5">
        <v>7</v>
      </c>
      <c r="AB20541" s="5" t="s">
        <v>43</v>
      </c>
      <c r="AC20541" s="5" t="s">
        <v>735</v>
      </c>
      <c r="AD20541" s="2" t="s">
        <v>66059</v>
      </c>
      <c r="AE20541" s="1"/>
    </row>
    <row r="20542" spans="1:31" ht="14.45">
      <c r="A20542" s="11"/>
      <c r="B20542" s="20"/>
      <c r="C20542" s="2" t="s">
        <v>66060</v>
      </c>
      <c r="D20542" s="14" t="s">
        <v>66061</v>
      </c>
      <c r="E20542" s="2" t="s">
        <v>66062</v>
      </c>
      <c r="F20542" s="2" t="s">
        <v>62151</v>
      </c>
      <c r="G20542" s="8">
        <v>1739</v>
      </c>
      <c r="H20542" s="5">
        <v>10</v>
      </c>
      <c r="I20542" s="5" t="s">
        <v>69</v>
      </c>
      <c r="J20542" s="5" t="s">
        <v>65833</v>
      </c>
      <c r="K20542" s="2" t="s">
        <v>65834</v>
      </c>
      <c r="L20542" s="5" t="s">
        <v>65833</v>
      </c>
      <c r="M20542" s="2" t="s">
        <v>65834</v>
      </c>
      <c r="N20542" s="5" t="s">
        <v>733</v>
      </c>
      <c r="O20542" s="5" t="s">
        <v>38</v>
      </c>
      <c r="P20542" s="5" t="s">
        <v>39</v>
      </c>
      <c r="Q20542" s="5" t="s">
        <v>40</v>
      </c>
      <c r="R20542" s="5" t="s">
        <v>897</v>
      </c>
      <c r="S20542" s="5" t="s">
        <v>40</v>
      </c>
      <c r="T20542" s="5" t="s">
        <v>42</v>
      </c>
      <c r="U20542" s="2">
        <v>53.807000000000002</v>
      </c>
      <c r="V20542" s="2">
        <v>51.116</v>
      </c>
      <c r="W20542" s="2">
        <v>0.153</v>
      </c>
      <c r="X20542" s="2">
        <v>17</v>
      </c>
      <c r="Y20542" s="2">
        <v>80.7</v>
      </c>
      <c r="Z20542" s="2">
        <v>111.6</v>
      </c>
      <c r="AA20542" s="5">
        <v>7</v>
      </c>
      <c r="AB20542" s="5" t="s">
        <v>43</v>
      </c>
      <c r="AC20542" s="5" t="s">
        <v>735</v>
      </c>
      <c r="AD20542" s="2" t="s">
        <v>66063</v>
      </c>
      <c r="AE20542" s="1"/>
    </row>
    <row r="20543" spans="1:31" ht="14.45">
      <c r="A20543" s="11"/>
      <c r="B20543" s="20"/>
      <c r="C20543" s="2" t="s">
        <v>66064</v>
      </c>
      <c r="D20543" s="14" t="s">
        <v>66065</v>
      </c>
      <c r="E20543" s="2" t="s">
        <v>66066</v>
      </c>
      <c r="F20543" s="2" t="s">
        <v>62161</v>
      </c>
      <c r="G20543" s="8">
        <v>1630</v>
      </c>
      <c r="H20543" s="5">
        <v>10</v>
      </c>
      <c r="I20543" s="5" t="s">
        <v>69</v>
      </c>
      <c r="J20543" s="5" t="s">
        <v>65833</v>
      </c>
      <c r="K20543" s="2" t="s">
        <v>65834</v>
      </c>
      <c r="L20543" s="5" t="s">
        <v>65833</v>
      </c>
      <c r="M20543" s="2" t="s">
        <v>65834</v>
      </c>
      <c r="N20543" s="5" t="s">
        <v>733</v>
      </c>
      <c r="O20543" s="5" t="s">
        <v>38</v>
      </c>
      <c r="P20543" s="5" t="s">
        <v>39</v>
      </c>
      <c r="Q20543" s="5" t="s">
        <v>40</v>
      </c>
      <c r="R20543" s="5" t="s">
        <v>897</v>
      </c>
      <c r="S20543" s="5" t="s">
        <v>40</v>
      </c>
      <c r="T20543" s="5" t="s">
        <v>42</v>
      </c>
      <c r="U20543" s="2">
        <v>47.435000000000002</v>
      </c>
      <c r="V20543" s="2">
        <v>44.433</v>
      </c>
      <c r="W20543" s="2">
        <v>0.153</v>
      </c>
      <c r="X20543" s="2">
        <v>17</v>
      </c>
      <c r="Y20543" s="2">
        <v>80.7</v>
      </c>
      <c r="Z20543" s="2">
        <v>111.6</v>
      </c>
      <c r="AA20543" s="5">
        <v>7</v>
      </c>
      <c r="AB20543" s="5" t="s">
        <v>43</v>
      </c>
      <c r="AC20543" s="5" t="s">
        <v>735</v>
      </c>
      <c r="AD20543" s="2" t="s">
        <v>66067</v>
      </c>
      <c r="AE20543" s="1"/>
    </row>
    <row r="20544" spans="1:31" ht="14.45">
      <c r="A20544" s="11"/>
      <c r="B20544" s="20"/>
      <c r="C20544" s="2" t="s">
        <v>66068</v>
      </c>
      <c r="D20544" s="14" t="s">
        <v>66069</v>
      </c>
      <c r="E20544" s="2" t="s">
        <v>66070</v>
      </c>
      <c r="F20544" s="2" t="s">
        <v>62175</v>
      </c>
      <c r="G20544" s="8">
        <v>1395</v>
      </c>
      <c r="H20544" s="5">
        <v>10</v>
      </c>
      <c r="I20544" s="5" t="s">
        <v>69</v>
      </c>
      <c r="J20544" s="5" t="s">
        <v>65833</v>
      </c>
      <c r="K20544" s="2" t="s">
        <v>65834</v>
      </c>
      <c r="L20544" s="5" t="s">
        <v>65833</v>
      </c>
      <c r="M20544" s="2" t="s">
        <v>65834</v>
      </c>
      <c r="N20544" s="5" t="s">
        <v>733</v>
      </c>
      <c r="O20544" s="5" t="s">
        <v>38</v>
      </c>
      <c r="P20544" s="5" t="s">
        <v>39</v>
      </c>
      <c r="Q20544" s="5" t="s">
        <v>40</v>
      </c>
      <c r="R20544" s="5" t="s">
        <v>897</v>
      </c>
      <c r="S20544" s="5" t="s">
        <v>40</v>
      </c>
      <c r="T20544" s="5" t="s">
        <v>42</v>
      </c>
      <c r="U20544" s="2">
        <v>43.551000000000002</v>
      </c>
      <c r="V20544" s="2">
        <v>40.533000000000001</v>
      </c>
      <c r="W20544" s="2">
        <v>0.153</v>
      </c>
      <c r="X20544" s="2">
        <v>17</v>
      </c>
      <c r="Y20544" s="2">
        <v>80.7</v>
      </c>
      <c r="Z20544" s="2">
        <v>111.6</v>
      </c>
      <c r="AA20544" s="5">
        <v>7</v>
      </c>
      <c r="AB20544" s="5" t="s">
        <v>43</v>
      </c>
      <c r="AC20544" s="5" t="s">
        <v>735</v>
      </c>
      <c r="AD20544" s="2" t="s">
        <v>66071</v>
      </c>
      <c r="AE20544" s="1"/>
    </row>
    <row r="20545" spans="1:31" ht="14.45">
      <c r="A20545" s="11"/>
      <c r="B20545" s="20"/>
      <c r="C20545" s="2" t="s">
        <v>66072</v>
      </c>
      <c r="D20545" s="14" t="s">
        <v>66073</v>
      </c>
      <c r="E20545" s="2" t="s">
        <v>66074</v>
      </c>
      <c r="F20545" s="2" t="s">
        <v>62189</v>
      </c>
      <c r="G20545" s="8">
        <v>1562</v>
      </c>
      <c r="H20545" s="5">
        <v>5</v>
      </c>
      <c r="I20545" s="5" t="s">
        <v>69</v>
      </c>
      <c r="J20545" s="5" t="s">
        <v>65833</v>
      </c>
      <c r="K20545" s="2" t="s">
        <v>65834</v>
      </c>
      <c r="L20545" s="5" t="s">
        <v>65833</v>
      </c>
      <c r="M20545" s="2" t="s">
        <v>65834</v>
      </c>
      <c r="N20545" s="5" t="s">
        <v>733</v>
      </c>
      <c r="O20545" s="5" t="s">
        <v>38</v>
      </c>
      <c r="P20545" s="5" t="s">
        <v>39</v>
      </c>
      <c r="Q20545" s="5" t="s">
        <v>40</v>
      </c>
      <c r="R20545" s="5" t="s">
        <v>897</v>
      </c>
      <c r="S20545" s="5" t="s">
        <v>40</v>
      </c>
      <c r="T20545" s="5" t="s">
        <v>42</v>
      </c>
      <c r="U20545" s="2">
        <v>47.408000000000001</v>
      </c>
      <c r="V20545" s="2">
        <v>44.405999999999999</v>
      </c>
      <c r="W20545" s="2">
        <v>0.153</v>
      </c>
      <c r="X20545" s="2">
        <v>17</v>
      </c>
      <c r="Y20545" s="2">
        <v>80.7</v>
      </c>
      <c r="Z20545" s="2">
        <v>111.6</v>
      </c>
      <c r="AA20545" s="5">
        <v>7</v>
      </c>
      <c r="AB20545" s="5" t="s">
        <v>43</v>
      </c>
      <c r="AC20545" s="5" t="s">
        <v>735</v>
      </c>
      <c r="AD20545" s="2" t="s">
        <v>66075</v>
      </c>
      <c r="AE20545" s="1"/>
    </row>
    <row r="20546" spans="1:31" ht="14.45">
      <c r="A20546" s="11"/>
      <c r="B20546" s="20"/>
      <c r="C20546" s="2" t="s">
        <v>66076</v>
      </c>
      <c r="D20546" s="14" t="s">
        <v>66077</v>
      </c>
      <c r="E20546" s="2" t="s">
        <v>66078</v>
      </c>
      <c r="F20546" s="2" t="s">
        <v>62229</v>
      </c>
      <c r="G20546" s="8">
        <v>1562</v>
      </c>
      <c r="H20546" s="5">
        <v>10</v>
      </c>
      <c r="I20546" s="5" t="s">
        <v>69</v>
      </c>
      <c r="J20546" s="5" t="s">
        <v>65833</v>
      </c>
      <c r="K20546" s="2" t="s">
        <v>65834</v>
      </c>
      <c r="L20546" s="5" t="s">
        <v>65833</v>
      </c>
      <c r="M20546" s="2" t="s">
        <v>65834</v>
      </c>
      <c r="N20546" s="5" t="s">
        <v>733</v>
      </c>
      <c r="O20546" s="5" t="s">
        <v>38</v>
      </c>
      <c r="P20546" s="5" t="s">
        <v>39</v>
      </c>
      <c r="Q20546" s="5" t="s">
        <v>40</v>
      </c>
      <c r="R20546" s="5" t="s">
        <v>897</v>
      </c>
      <c r="S20546" s="5" t="s">
        <v>40</v>
      </c>
      <c r="T20546" s="5" t="s">
        <v>42</v>
      </c>
      <c r="U20546" s="2">
        <v>47.34</v>
      </c>
      <c r="V20546" s="2">
        <v>44.338000000000001</v>
      </c>
      <c r="W20546" s="2">
        <v>0.153</v>
      </c>
      <c r="X20546" s="2">
        <v>17</v>
      </c>
      <c r="Y20546" s="2">
        <v>80.7</v>
      </c>
      <c r="Z20546" s="2">
        <v>111.6</v>
      </c>
      <c r="AA20546" s="5">
        <v>7</v>
      </c>
      <c r="AB20546" s="5" t="s">
        <v>43</v>
      </c>
      <c r="AC20546" s="5" t="s">
        <v>735</v>
      </c>
      <c r="AD20546" s="2" t="s">
        <v>66079</v>
      </c>
      <c r="AE20546" s="1"/>
    </row>
    <row r="20547" spans="1:31" ht="14.45">
      <c r="A20547" s="11"/>
      <c r="B20547" s="20"/>
      <c r="C20547" s="2" t="s">
        <v>66080</v>
      </c>
      <c r="D20547" s="14" t="s">
        <v>66081</v>
      </c>
      <c r="E20547" s="2" t="s">
        <v>66082</v>
      </c>
      <c r="F20547" s="2" t="s">
        <v>62250</v>
      </c>
      <c r="G20547" s="8">
        <v>1408</v>
      </c>
      <c r="H20547" s="5">
        <v>5</v>
      </c>
      <c r="I20547" s="5" t="s">
        <v>69</v>
      </c>
      <c r="J20547" s="5" t="s">
        <v>65833</v>
      </c>
      <c r="K20547" s="2" t="s">
        <v>65834</v>
      </c>
      <c r="L20547" s="5" t="s">
        <v>65833</v>
      </c>
      <c r="M20547" s="2" t="s">
        <v>65834</v>
      </c>
      <c r="N20547" s="5" t="s">
        <v>733</v>
      </c>
      <c r="O20547" s="5" t="s">
        <v>38</v>
      </c>
      <c r="P20547" s="5" t="s">
        <v>39</v>
      </c>
      <c r="Q20547" s="5" t="s">
        <v>40</v>
      </c>
      <c r="R20547" s="5" t="s">
        <v>897</v>
      </c>
      <c r="S20547" s="5" t="s">
        <v>40</v>
      </c>
      <c r="T20547" s="5" t="s">
        <v>42</v>
      </c>
      <c r="U20547" s="2">
        <v>59.954999999999998</v>
      </c>
      <c r="V20547" s="2">
        <v>56.204999999999998</v>
      </c>
      <c r="W20547" s="2">
        <v>0.19900000000000001</v>
      </c>
      <c r="X20547" s="2">
        <v>17</v>
      </c>
      <c r="Y20547" s="2">
        <v>88.8</v>
      </c>
      <c r="Z20547" s="2">
        <v>131.6</v>
      </c>
      <c r="AA20547" s="5">
        <v>7</v>
      </c>
      <c r="AB20547" s="5" t="s">
        <v>43</v>
      </c>
      <c r="AC20547" s="5" t="s">
        <v>735</v>
      </c>
      <c r="AD20547" s="2" t="s">
        <v>66083</v>
      </c>
      <c r="AE20547" s="1"/>
    </row>
    <row r="20548" spans="1:31" ht="14.45">
      <c r="A20548" s="11"/>
      <c r="B20548" s="20"/>
      <c r="C20548" s="2" t="s">
        <v>66084</v>
      </c>
      <c r="D20548" s="14" t="s">
        <v>66085</v>
      </c>
      <c r="E20548" s="2" t="s">
        <v>66086</v>
      </c>
      <c r="F20548" s="2" t="s">
        <v>62260</v>
      </c>
      <c r="G20548" s="8">
        <v>1276</v>
      </c>
      <c r="H20548" s="5">
        <v>5</v>
      </c>
      <c r="I20548" s="5" t="s">
        <v>69</v>
      </c>
      <c r="J20548" s="5" t="s">
        <v>65833</v>
      </c>
      <c r="K20548" s="2" t="s">
        <v>65834</v>
      </c>
      <c r="L20548" s="5" t="s">
        <v>65833</v>
      </c>
      <c r="M20548" s="2" t="s">
        <v>65834</v>
      </c>
      <c r="N20548" s="5" t="s">
        <v>733</v>
      </c>
      <c r="O20548" s="5" t="s">
        <v>38</v>
      </c>
      <c r="P20548" s="5" t="s">
        <v>39</v>
      </c>
      <c r="Q20548" s="5" t="s">
        <v>40</v>
      </c>
      <c r="R20548" s="5" t="s">
        <v>897</v>
      </c>
      <c r="S20548" s="5" t="s">
        <v>40</v>
      </c>
      <c r="T20548" s="5" t="s">
        <v>42</v>
      </c>
      <c r="U20548" s="2">
        <v>51.905999999999999</v>
      </c>
      <c r="V20548" s="2">
        <v>48.198</v>
      </c>
      <c r="W20548" s="2">
        <v>0.19900000000000001</v>
      </c>
      <c r="X20548" s="2">
        <v>17</v>
      </c>
      <c r="Y20548" s="2">
        <v>88.8</v>
      </c>
      <c r="Z20548" s="2">
        <v>131.6</v>
      </c>
      <c r="AA20548" s="5">
        <v>7</v>
      </c>
      <c r="AB20548" s="5" t="s">
        <v>43</v>
      </c>
      <c r="AC20548" s="5" t="s">
        <v>735</v>
      </c>
      <c r="AD20548" s="2" t="s">
        <v>66087</v>
      </c>
      <c r="AE20548" s="1"/>
    </row>
    <row r="20549" spans="1:31" ht="14.45">
      <c r="A20549" s="11"/>
      <c r="B20549" s="20"/>
      <c r="C20549" s="2" t="s">
        <v>66088</v>
      </c>
      <c r="D20549" s="14" t="s">
        <v>66089</v>
      </c>
      <c r="E20549" s="2" t="s">
        <v>66090</v>
      </c>
      <c r="F20549" s="2" t="s">
        <v>62265</v>
      </c>
      <c r="G20549" s="8">
        <v>1902</v>
      </c>
      <c r="H20549" s="5">
        <v>5</v>
      </c>
      <c r="I20549" s="5" t="s">
        <v>69</v>
      </c>
      <c r="J20549" s="5" t="s">
        <v>65833</v>
      </c>
      <c r="K20549" s="2" t="s">
        <v>65834</v>
      </c>
      <c r="L20549" s="5" t="s">
        <v>65833</v>
      </c>
      <c r="M20549" s="2" t="s">
        <v>65834</v>
      </c>
      <c r="N20549" s="5" t="s">
        <v>733</v>
      </c>
      <c r="O20549" s="5" t="s">
        <v>38</v>
      </c>
      <c r="P20549" s="5" t="s">
        <v>39</v>
      </c>
      <c r="Q20549" s="5" t="s">
        <v>40</v>
      </c>
      <c r="R20549" s="5" t="s">
        <v>897</v>
      </c>
      <c r="S20549" s="5" t="s">
        <v>40</v>
      </c>
      <c r="T20549" s="5" t="s">
        <v>42</v>
      </c>
      <c r="U20549" s="2">
        <v>53.164000000000001</v>
      </c>
      <c r="V20549" s="2">
        <v>48.676000000000002</v>
      </c>
      <c r="W20549" s="2">
        <v>0.219</v>
      </c>
      <c r="X20549" s="2">
        <v>17</v>
      </c>
      <c r="Y20549" s="2">
        <v>92.8</v>
      </c>
      <c r="Z20549" s="2">
        <v>139</v>
      </c>
      <c r="AA20549" s="5">
        <v>7</v>
      </c>
      <c r="AB20549" s="5" t="s">
        <v>43</v>
      </c>
      <c r="AC20549" s="5" t="s">
        <v>735</v>
      </c>
      <c r="AD20549" s="2" t="s">
        <v>66091</v>
      </c>
      <c r="AE20549" s="1"/>
    </row>
    <row r="20550" spans="1:31" ht="14.45">
      <c r="A20550" s="11"/>
      <c r="B20550" s="20"/>
      <c r="C20550" s="2" t="s">
        <v>66092</v>
      </c>
      <c r="D20550" s="14" t="s">
        <v>66093</v>
      </c>
      <c r="E20550" s="2" t="s">
        <v>66094</v>
      </c>
      <c r="F20550" s="2" t="s">
        <v>62283</v>
      </c>
      <c r="G20550" s="8">
        <v>1408</v>
      </c>
      <c r="H20550" s="5">
        <v>5</v>
      </c>
      <c r="I20550" s="5" t="s">
        <v>69</v>
      </c>
      <c r="J20550" s="5" t="s">
        <v>65833</v>
      </c>
      <c r="K20550" s="2" t="s">
        <v>65834</v>
      </c>
      <c r="L20550" s="5" t="s">
        <v>65833</v>
      </c>
      <c r="M20550" s="2" t="s">
        <v>65834</v>
      </c>
      <c r="N20550" s="5" t="s">
        <v>733</v>
      </c>
      <c r="O20550" s="5" t="s">
        <v>38</v>
      </c>
      <c r="P20550" s="5" t="s">
        <v>39</v>
      </c>
      <c r="Q20550" s="5" t="s">
        <v>40</v>
      </c>
      <c r="R20550" s="5" t="s">
        <v>897</v>
      </c>
      <c r="S20550" s="5" t="s">
        <v>40</v>
      </c>
      <c r="T20550" s="5" t="s">
        <v>42</v>
      </c>
      <c r="U20550" s="2">
        <v>51.765000000000001</v>
      </c>
      <c r="V20550" s="2">
        <v>48.05</v>
      </c>
      <c r="W20550" s="2">
        <v>0.19900000000000001</v>
      </c>
      <c r="X20550" s="2">
        <v>17</v>
      </c>
      <c r="Y20550" s="2">
        <v>88.8</v>
      </c>
      <c r="Z20550" s="2">
        <v>131.6</v>
      </c>
      <c r="AA20550" s="5">
        <v>7</v>
      </c>
      <c r="AB20550" s="5" t="s">
        <v>43</v>
      </c>
      <c r="AC20550" s="5" t="s">
        <v>735</v>
      </c>
      <c r="AD20550" s="2" t="s">
        <v>66095</v>
      </c>
      <c r="AE20550" s="1"/>
    </row>
    <row r="20551" spans="1:31" ht="14.45">
      <c r="A20551" s="11"/>
      <c r="B20551" s="20"/>
      <c r="C20551" s="2" t="s">
        <v>66096</v>
      </c>
      <c r="D20551" s="14" t="s">
        <v>66097</v>
      </c>
      <c r="E20551" s="2" t="s">
        <v>66098</v>
      </c>
      <c r="F20551" s="2" t="s">
        <v>62297</v>
      </c>
      <c r="G20551" s="8">
        <v>1150</v>
      </c>
      <c r="H20551" s="5">
        <v>5</v>
      </c>
      <c r="I20551" s="5" t="s">
        <v>69</v>
      </c>
      <c r="J20551" s="5" t="s">
        <v>65833</v>
      </c>
      <c r="K20551" s="2" t="s">
        <v>65834</v>
      </c>
      <c r="L20551" s="5" t="s">
        <v>65833</v>
      </c>
      <c r="M20551" s="2" t="s">
        <v>65834</v>
      </c>
      <c r="N20551" s="5" t="s">
        <v>733</v>
      </c>
      <c r="O20551" s="5" t="s">
        <v>38</v>
      </c>
      <c r="P20551" s="5" t="s">
        <v>39</v>
      </c>
      <c r="Q20551" s="5" t="s">
        <v>40</v>
      </c>
      <c r="R20551" s="5" t="s">
        <v>897</v>
      </c>
      <c r="S20551" s="5" t="s">
        <v>40</v>
      </c>
      <c r="T20551" s="5" t="s">
        <v>42</v>
      </c>
      <c r="U20551" s="2">
        <v>51.936</v>
      </c>
      <c r="V20551" s="2">
        <v>48.228000000000002</v>
      </c>
      <c r="W20551" s="2">
        <v>0.19900000000000001</v>
      </c>
      <c r="X20551" s="2">
        <v>17</v>
      </c>
      <c r="Y20551" s="2">
        <v>88.8</v>
      </c>
      <c r="Z20551" s="2">
        <v>131.6</v>
      </c>
      <c r="AA20551" s="5">
        <v>7</v>
      </c>
      <c r="AB20551" s="5" t="s">
        <v>43</v>
      </c>
      <c r="AC20551" s="5" t="s">
        <v>735</v>
      </c>
      <c r="AD20551" s="2" t="s">
        <v>66099</v>
      </c>
      <c r="AE20551" s="1"/>
    </row>
    <row r="20552" spans="1:31" ht="14.45">
      <c r="A20552" s="11"/>
      <c r="B20552" s="20"/>
      <c r="C20552" s="2" t="s">
        <v>66100</v>
      </c>
      <c r="D20552" s="14" t="s">
        <v>66101</v>
      </c>
      <c r="E20552" s="2" t="s">
        <v>66102</v>
      </c>
      <c r="F20552" s="2" t="s">
        <v>62310</v>
      </c>
      <c r="G20552" s="8">
        <v>991</v>
      </c>
      <c r="H20552" s="5">
        <v>5</v>
      </c>
      <c r="I20552" s="5" t="s">
        <v>69</v>
      </c>
      <c r="J20552" s="5" t="s">
        <v>65833</v>
      </c>
      <c r="K20552" s="2" t="s">
        <v>65834</v>
      </c>
      <c r="L20552" s="5" t="s">
        <v>65833</v>
      </c>
      <c r="M20552" s="2" t="s">
        <v>65834</v>
      </c>
      <c r="N20552" s="5" t="s">
        <v>733</v>
      </c>
      <c r="O20552" s="5" t="s">
        <v>38</v>
      </c>
      <c r="P20552" s="5" t="s">
        <v>39</v>
      </c>
      <c r="Q20552" s="5" t="s">
        <v>40</v>
      </c>
      <c r="R20552" s="5" t="s">
        <v>897</v>
      </c>
      <c r="S20552" s="5" t="s">
        <v>40</v>
      </c>
      <c r="T20552" s="5" t="s">
        <v>42</v>
      </c>
      <c r="U20552" s="2">
        <v>46.573</v>
      </c>
      <c r="V20552" s="2">
        <v>42.848999999999997</v>
      </c>
      <c r="W20552" s="2">
        <v>0.19900000000000001</v>
      </c>
      <c r="X20552" s="2">
        <v>17</v>
      </c>
      <c r="Y20552" s="2">
        <v>88.8</v>
      </c>
      <c r="Z20552" s="2">
        <v>131.6</v>
      </c>
      <c r="AA20552" s="5">
        <v>7</v>
      </c>
      <c r="AB20552" s="5" t="s">
        <v>43</v>
      </c>
      <c r="AC20552" s="5" t="s">
        <v>735</v>
      </c>
      <c r="AD20552" s="2" t="s">
        <v>66103</v>
      </c>
      <c r="AE20552" s="1"/>
    </row>
    <row r="20553" spans="1:31" ht="14.45">
      <c r="A20553" s="11"/>
      <c r="B20553" s="20"/>
      <c r="C20553" s="2" t="s">
        <v>66104</v>
      </c>
      <c r="D20553" s="14" t="s">
        <v>66105</v>
      </c>
      <c r="E20553" s="2" t="s">
        <v>66106</v>
      </c>
      <c r="F20553" s="2" t="s">
        <v>62310</v>
      </c>
      <c r="G20553" s="8">
        <v>1617</v>
      </c>
      <c r="H20553" s="5">
        <v>5</v>
      </c>
      <c r="I20553" s="5" t="s">
        <v>69</v>
      </c>
      <c r="J20553" s="5" t="s">
        <v>65833</v>
      </c>
      <c r="K20553" s="2" t="s">
        <v>65834</v>
      </c>
      <c r="L20553" s="5" t="s">
        <v>65833</v>
      </c>
      <c r="M20553" s="2" t="s">
        <v>65834</v>
      </c>
      <c r="N20553" s="5" t="s">
        <v>733</v>
      </c>
      <c r="O20553" s="5" t="s">
        <v>38</v>
      </c>
      <c r="P20553" s="5" t="s">
        <v>39</v>
      </c>
      <c r="Q20553" s="5" t="s">
        <v>40</v>
      </c>
      <c r="R20553" s="5" t="s">
        <v>897</v>
      </c>
      <c r="S20553" s="5" t="s">
        <v>40</v>
      </c>
      <c r="T20553" s="5" t="s">
        <v>42</v>
      </c>
      <c r="U20553" s="2">
        <v>47.683999999999997</v>
      </c>
      <c r="V20553" s="2">
        <v>43.18</v>
      </c>
      <c r="W20553" s="2">
        <v>0.219</v>
      </c>
      <c r="X20553" s="2">
        <v>17</v>
      </c>
      <c r="Y20553" s="2">
        <v>92.8</v>
      </c>
      <c r="Z20553" s="2">
        <v>139</v>
      </c>
      <c r="AA20553" s="5">
        <v>7</v>
      </c>
      <c r="AB20553" s="5" t="s">
        <v>43</v>
      </c>
      <c r="AC20553" s="5" t="s">
        <v>735</v>
      </c>
      <c r="AD20553" s="2" t="s">
        <v>66107</v>
      </c>
      <c r="AE20553" s="1"/>
    </row>
    <row r="20554" spans="1:31" ht="14.45">
      <c r="A20554" s="11"/>
      <c r="B20554" s="20"/>
      <c r="C20554" s="2" t="s">
        <v>66108</v>
      </c>
      <c r="D20554" s="14" t="s">
        <v>66109</v>
      </c>
      <c r="E20554" s="2" t="s">
        <v>66110</v>
      </c>
      <c r="F20554" s="2" t="s">
        <v>62337</v>
      </c>
      <c r="G20554" s="8">
        <v>1193</v>
      </c>
      <c r="H20554" s="5">
        <v>5</v>
      </c>
      <c r="I20554" s="5" t="s">
        <v>69</v>
      </c>
      <c r="J20554" s="5" t="s">
        <v>65833</v>
      </c>
      <c r="K20554" s="2" t="s">
        <v>65834</v>
      </c>
      <c r="L20554" s="5" t="s">
        <v>65833</v>
      </c>
      <c r="M20554" s="2" t="s">
        <v>65834</v>
      </c>
      <c r="N20554" s="5" t="s">
        <v>733</v>
      </c>
      <c r="O20554" s="5" t="s">
        <v>38</v>
      </c>
      <c r="P20554" s="5" t="s">
        <v>39</v>
      </c>
      <c r="Q20554" s="5" t="s">
        <v>40</v>
      </c>
      <c r="R20554" s="5" t="s">
        <v>897</v>
      </c>
      <c r="S20554" s="5" t="s">
        <v>40</v>
      </c>
      <c r="T20554" s="5" t="s">
        <v>42</v>
      </c>
      <c r="U20554" s="2">
        <v>51.874000000000002</v>
      </c>
      <c r="V20554" s="2">
        <v>48.165999999999997</v>
      </c>
      <c r="W20554" s="2">
        <v>0.19900000000000001</v>
      </c>
      <c r="X20554" s="2">
        <v>17</v>
      </c>
      <c r="Y20554" s="2">
        <v>88.8</v>
      </c>
      <c r="Z20554" s="2">
        <v>131.6</v>
      </c>
      <c r="AA20554" s="5">
        <v>7</v>
      </c>
      <c r="AB20554" s="5" t="s">
        <v>43</v>
      </c>
      <c r="AC20554" s="5" t="s">
        <v>735</v>
      </c>
      <c r="AD20554" s="2" t="s">
        <v>66111</v>
      </c>
      <c r="AE20554" s="1"/>
    </row>
    <row r="20555" spans="1:31" ht="14.45">
      <c r="A20555" s="11"/>
      <c r="B20555" s="20"/>
      <c r="C20555" s="2" t="s">
        <v>66112</v>
      </c>
      <c r="D20555" s="14" t="s">
        <v>66113</v>
      </c>
      <c r="E20555" s="2" t="s">
        <v>66114</v>
      </c>
      <c r="F20555" s="2" t="s">
        <v>62359</v>
      </c>
      <c r="G20555" s="8">
        <v>1876</v>
      </c>
      <c r="H20555" s="5">
        <v>10</v>
      </c>
      <c r="I20555" s="5" t="s">
        <v>69</v>
      </c>
      <c r="J20555" s="5" t="s">
        <v>65833</v>
      </c>
      <c r="K20555" s="2" t="s">
        <v>65834</v>
      </c>
      <c r="L20555" s="5" t="s">
        <v>65833</v>
      </c>
      <c r="M20555" s="2" t="s">
        <v>65834</v>
      </c>
      <c r="N20555" s="5" t="s">
        <v>733</v>
      </c>
      <c r="O20555" s="5" t="s">
        <v>38</v>
      </c>
      <c r="P20555" s="5" t="s">
        <v>39</v>
      </c>
      <c r="Q20555" s="5" t="s">
        <v>40</v>
      </c>
      <c r="R20555" s="5" t="s">
        <v>897</v>
      </c>
      <c r="S20555" s="5" t="s">
        <v>40</v>
      </c>
      <c r="T20555" s="5" t="s">
        <v>42</v>
      </c>
      <c r="U20555" s="2">
        <v>63.878999999999998</v>
      </c>
      <c r="V20555" s="2">
        <v>60.134999999999998</v>
      </c>
      <c r="W20555" s="2">
        <v>0.19900000000000001</v>
      </c>
      <c r="X20555" s="2">
        <v>17</v>
      </c>
      <c r="Y20555" s="2">
        <v>88.8</v>
      </c>
      <c r="Z20555" s="2">
        <v>131.6</v>
      </c>
      <c r="AA20555" s="5">
        <v>7</v>
      </c>
      <c r="AB20555" s="5" t="s">
        <v>43</v>
      </c>
      <c r="AC20555" s="5" t="s">
        <v>735</v>
      </c>
      <c r="AD20555" s="2" t="s">
        <v>66115</v>
      </c>
      <c r="AE20555" s="1"/>
    </row>
    <row r="20556" spans="1:31" ht="14.45">
      <c r="A20556" s="11"/>
      <c r="B20556" s="20"/>
      <c r="C20556" s="2" t="s">
        <v>66116</v>
      </c>
      <c r="D20556" s="14" t="s">
        <v>66117</v>
      </c>
      <c r="E20556" s="2" t="s">
        <v>66118</v>
      </c>
      <c r="F20556" s="2" t="s">
        <v>62369</v>
      </c>
      <c r="G20556" s="8">
        <v>1744</v>
      </c>
      <c r="H20556" s="5">
        <v>10</v>
      </c>
      <c r="I20556" s="5" t="s">
        <v>69</v>
      </c>
      <c r="J20556" s="5" t="s">
        <v>65833</v>
      </c>
      <c r="K20556" s="2" t="s">
        <v>65834</v>
      </c>
      <c r="L20556" s="5" t="s">
        <v>65833</v>
      </c>
      <c r="M20556" s="2" t="s">
        <v>65834</v>
      </c>
      <c r="N20556" s="5" t="s">
        <v>733</v>
      </c>
      <c r="O20556" s="5" t="s">
        <v>38</v>
      </c>
      <c r="P20556" s="5" t="s">
        <v>39</v>
      </c>
      <c r="Q20556" s="5" t="s">
        <v>40</v>
      </c>
      <c r="R20556" s="5" t="s">
        <v>897</v>
      </c>
      <c r="S20556" s="5" t="s">
        <v>40</v>
      </c>
      <c r="T20556" s="5" t="s">
        <v>42</v>
      </c>
      <c r="U20556" s="2">
        <v>55.953000000000003</v>
      </c>
      <c r="V20556" s="2">
        <v>52.213999999999999</v>
      </c>
      <c r="W20556" s="2">
        <v>0.19900000000000001</v>
      </c>
      <c r="X20556" s="2">
        <v>17</v>
      </c>
      <c r="Y20556" s="2">
        <v>88.8</v>
      </c>
      <c r="Z20556" s="2">
        <v>131.6</v>
      </c>
      <c r="AA20556" s="5">
        <v>7</v>
      </c>
      <c r="AB20556" s="5" t="s">
        <v>43</v>
      </c>
      <c r="AC20556" s="5" t="s">
        <v>735</v>
      </c>
      <c r="AD20556" s="2" t="s">
        <v>66119</v>
      </c>
      <c r="AE20556" s="1"/>
    </row>
    <row r="20557" spans="1:31" ht="14.45">
      <c r="A20557" s="11"/>
      <c r="B20557" s="20"/>
      <c r="C20557" s="2" t="s">
        <v>66120</v>
      </c>
      <c r="D20557" s="14" t="s">
        <v>66121</v>
      </c>
      <c r="E20557" s="2" t="s">
        <v>66122</v>
      </c>
      <c r="F20557" s="2" t="s">
        <v>62388</v>
      </c>
      <c r="G20557" s="8">
        <v>1459</v>
      </c>
      <c r="H20557" s="5">
        <v>10</v>
      </c>
      <c r="I20557" s="5" t="s">
        <v>69</v>
      </c>
      <c r="J20557" s="5" t="s">
        <v>65833</v>
      </c>
      <c r="K20557" s="2" t="s">
        <v>65834</v>
      </c>
      <c r="L20557" s="5" t="s">
        <v>65833</v>
      </c>
      <c r="M20557" s="2" t="s">
        <v>65834</v>
      </c>
      <c r="N20557" s="5" t="s">
        <v>733</v>
      </c>
      <c r="O20557" s="5" t="s">
        <v>38</v>
      </c>
      <c r="P20557" s="5" t="s">
        <v>39</v>
      </c>
      <c r="Q20557" s="5" t="s">
        <v>40</v>
      </c>
      <c r="R20557" s="5" t="s">
        <v>897</v>
      </c>
      <c r="S20557" s="5" t="s">
        <v>40</v>
      </c>
      <c r="T20557" s="5" t="s">
        <v>42</v>
      </c>
      <c r="U20557" s="2">
        <v>50.253</v>
      </c>
      <c r="V20557" s="2">
        <v>46.497999999999998</v>
      </c>
      <c r="W20557" s="2">
        <v>0.19900000000000001</v>
      </c>
      <c r="X20557" s="2">
        <v>17</v>
      </c>
      <c r="Y20557" s="2">
        <v>88.8</v>
      </c>
      <c r="Z20557" s="2">
        <v>131.6</v>
      </c>
      <c r="AA20557" s="5">
        <v>7</v>
      </c>
      <c r="AB20557" s="5" t="s">
        <v>43</v>
      </c>
      <c r="AC20557" s="5" t="s">
        <v>735</v>
      </c>
      <c r="AD20557" s="2" t="s">
        <v>66123</v>
      </c>
      <c r="AE20557" s="1"/>
    </row>
    <row r="20558" spans="1:31" ht="14.45">
      <c r="A20558" s="11"/>
      <c r="B20558" s="20"/>
      <c r="C20558" s="2" t="s">
        <v>66124</v>
      </c>
      <c r="D20558" s="14" t="s">
        <v>66125</v>
      </c>
      <c r="E20558" s="2" t="s">
        <v>66126</v>
      </c>
      <c r="F20558" s="2" t="s">
        <v>62407</v>
      </c>
      <c r="G20558" s="8">
        <v>1661</v>
      </c>
      <c r="H20558" s="5">
        <v>5</v>
      </c>
      <c r="I20558" s="5" t="s">
        <v>69</v>
      </c>
      <c r="J20558" s="5" t="s">
        <v>65833</v>
      </c>
      <c r="K20558" s="2" t="s">
        <v>65834</v>
      </c>
      <c r="L20558" s="5" t="s">
        <v>65833</v>
      </c>
      <c r="M20558" s="2" t="s">
        <v>65834</v>
      </c>
      <c r="N20558" s="5" t="s">
        <v>733</v>
      </c>
      <c r="O20558" s="5" t="s">
        <v>38</v>
      </c>
      <c r="P20558" s="5" t="s">
        <v>39</v>
      </c>
      <c r="Q20558" s="5" t="s">
        <v>40</v>
      </c>
      <c r="R20558" s="5" t="s">
        <v>897</v>
      </c>
      <c r="S20558" s="5" t="s">
        <v>40</v>
      </c>
      <c r="T20558" s="5" t="s">
        <v>42</v>
      </c>
      <c r="U20558" s="2">
        <v>55.920999999999999</v>
      </c>
      <c r="V20558" s="2">
        <v>52.182000000000002</v>
      </c>
      <c r="W20558" s="2">
        <v>0.19900000000000001</v>
      </c>
      <c r="X20558" s="2">
        <v>17</v>
      </c>
      <c r="Y20558" s="2">
        <v>88.8</v>
      </c>
      <c r="Z20558" s="2">
        <v>131.6</v>
      </c>
      <c r="AA20558" s="5">
        <v>7</v>
      </c>
      <c r="AB20558" s="5" t="s">
        <v>43</v>
      </c>
      <c r="AC20558" s="5" t="s">
        <v>735</v>
      </c>
      <c r="AD20558" s="2" t="s">
        <v>66127</v>
      </c>
      <c r="AE20558" s="1"/>
    </row>
    <row r="20559" spans="1:31" ht="14.45">
      <c r="A20559" s="11"/>
      <c r="B20559" s="20"/>
      <c r="C20559" s="2" t="s">
        <v>66128</v>
      </c>
      <c r="D20559" s="14" t="s">
        <v>66129</v>
      </c>
      <c r="E20559" s="2" t="s">
        <v>66130</v>
      </c>
      <c r="F20559" s="2" t="s">
        <v>62425</v>
      </c>
      <c r="G20559" s="8">
        <v>1744</v>
      </c>
      <c r="H20559" s="5">
        <v>10</v>
      </c>
      <c r="I20559" s="5" t="s">
        <v>69</v>
      </c>
      <c r="J20559" s="5" t="s">
        <v>65833</v>
      </c>
      <c r="K20559" s="2" t="s">
        <v>65834</v>
      </c>
      <c r="L20559" s="5" t="s">
        <v>65833</v>
      </c>
      <c r="M20559" s="2" t="s">
        <v>65834</v>
      </c>
      <c r="N20559" s="5" t="s">
        <v>733</v>
      </c>
      <c r="O20559" s="5" t="s">
        <v>38</v>
      </c>
      <c r="P20559" s="5" t="s">
        <v>39</v>
      </c>
      <c r="Q20559" s="5" t="s">
        <v>40</v>
      </c>
      <c r="R20559" s="5" t="s">
        <v>897</v>
      </c>
      <c r="S20559" s="5" t="s">
        <v>40</v>
      </c>
      <c r="T20559" s="5" t="s">
        <v>42</v>
      </c>
      <c r="U20559" s="2">
        <v>54.883000000000003</v>
      </c>
      <c r="V20559" s="2">
        <v>51.143999999999998</v>
      </c>
      <c r="W20559" s="2">
        <v>0.19900000000000001</v>
      </c>
      <c r="X20559" s="2">
        <v>17</v>
      </c>
      <c r="Y20559" s="2">
        <v>88.8</v>
      </c>
      <c r="Z20559" s="2">
        <v>131.6</v>
      </c>
      <c r="AA20559" s="5">
        <v>7</v>
      </c>
      <c r="AB20559" s="5" t="s">
        <v>43</v>
      </c>
      <c r="AC20559" s="5" t="s">
        <v>735</v>
      </c>
      <c r="AD20559" s="2" t="s">
        <v>66131</v>
      </c>
      <c r="AE20559" s="1"/>
    </row>
    <row r="20560" spans="1:31" ht="14.45">
      <c r="A20560" s="11"/>
      <c r="B20560" s="20"/>
      <c r="C20560" s="2" t="s">
        <v>66132</v>
      </c>
      <c r="D20560" s="14" t="s">
        <v>66133</v>
      </c>
      <c r="E20560" s="2" t="s">
        <v>66134</v>
      </c>
      <c r="F20560" s="2" t="s">
        <v>62439</v>
      </c>
      <c r="G20560" s="8">
        <v>1459</v>
      </c>
      <c r="H20560" s="5">
        <v>5</v>
      </c>
      <c r="I20560" s="5" t="s">
        <v>69</v>
      </c>
      <c r="J20560" s="5" t="s">
        <v>65833</v>
      </c>
      <c r="K20560" s="2" t="s">
        <v>65834</v>
      </c>
      <c r="L20560" s="5" t="s">
        <v>65833</v>
      </c>
      <c r="M20560" s="2" t="s">
        <v>65834</v>
      </c>
      <c r="N20560" s="5" t="s">
        <v>733</v>
      </c>
      <c r="O20560" s="5" t="s">
        <v>38</v>
      </c>
      <c r="P20560" s="5" t="s">
        <v>39</v>
      </c>
      <c r="Q20560" s="5" t="s">
        <v>40</v>
      </c>
      <c r="R20560" s="5" t="s">
        <v>897</v>
      </c>
      <c r="S20560" s="5" t="s">
        <v>40</v>
      </c>
      <c r="T20560" s="5" t="s">
        <v>42</v>
      </c>
      <c r="U20560" s="2">
        <v>49.186</v>
      </c>
      <c r="V20560" s="2">
        <v>45.430999999999997</v>
      </c>
      <c r="W20560" s="2">
        <v>0.19900000000000001</v>
      </c>
      <c r="X20560" s="2">
        <v>17</v>
      </c>
      <c r="Y20560" s="2">
        <v>88.8</v>
      </c>
      <c r="Z20560" s="2">
        <v>131.6</v>
      </c>
      <c r="AA20560" s="5">
        <v>7</v>
      </c>
      <c r="AB20560" s="5" t="s">
        <v>43</v>
      </c>
      <c r="AC20560" s="5" t="s">
        <v>735</v>
      </c>
      <c r="AD20560" s="2" t="s">
        <v>66135</v>
      </c>
      <c r="AE20560" s="1"/>
    </row>
    <row r="20561" spans="1:31" ht="14.45">
      <c r="A20561" s="11"/>
      <c r="B20561" s="20"/>
      <c r="C20561" s="2" t="s">
        <v>66136</v>
      </c>
      <c r="D20561" s="14" t="s">
        <v>66137</v>
      </c>
      <c r="E20561" s="2" t="s">
        <v>66138</v>
      </c>
      <c r="F20561" s="2" t="s">
        <v>62452</v>
      </c>
      <c r="G20561" s="8">
        <v>1661</v>
      </c>
      <c r="H20561" s="5">
        <v>10</v>
      </c>
      <c r="I20561" s="5" t="s">
        <v>69</v>
      </c>
      <c r="J20561" s="5" t="s">
        <v>65833</v>
      </c>
      <c r="K20561" s="2" t="s">
        <v>65834</v>
      </c>
      <c r="L20561" s="5" t="s">
        <v>65833</v>
      </c>
      <c r="M20561" s="2" t="s">
        <v>65834</v>
      </c>
      <c r="N20561" s="5" t="s">
        <v>733</v>
      </c>
      <c r="O20561" s="5" t="s">
        <v>38</v>
      </c>
      <c r="P20561" s="5" t="s">
        <v>39</v>
      </c>
      <c r="Q20561" s="5" t="s">
        <v>40</v>
      </c>
      <c r="R20561" s="5" t="s">
        <v>897</v>
      </c>
      <c r="S20561" s="5" t="s">
        <v>40</v>
      </c>
      <c r="T20561" s="5" t="s">
        <v>42</v>
      </c>
      <c r="U20561" s="2">
        <v>54.850999999999999</v>
      </c>
      <c r="V20561" s="2">
        <v>51.112000000000002</v>
      </c>
      <c r="W20561" s="2">
        <v>0.19900000000000001</v>
      </c>
      <c r="X20561" s="2">
        <v>17</v>
      </c>
      <c r="Y20561" s="2">
        <v>88.8</v>
      </c>
      <c r="Z20561" s="2">
        <v>131.6</v>
      </c>
      <c r="AA20561" s="5">
        <v>7</v>
      </c>
      <c r="AB20561" s="5" t="s">
        <v>43</v>
      </c>
      <c r="AC20561" s="5" t="s">
        <v>735</v>
      </c>
      <c r="AD20561" s="2" t="s">
        <v>66139</v>
      </c>
      <c r="AE20561" s="1"/>
    </row>
    <row r="20562" spans="1:31" ht="14.45">
      <c r="A20562" s="11"/>
      <c r="B20562" s="20"/>
      <c r="C20562" s="2" t="s">
        <v>66140</v>
      </c>
      <c r="D20562" s="14" t="s">
        <v>66141</v>
      </c>
      <c r="E20562" s="2" t="s">
        <v>66142</v>
      </c>
      <c r="F20562" s="2" t="s">
        <v>62465</v>
      </c>
      <c r="G20562" s="8">
        <v>1643</v>
      </c>
      <c r="H20562" s="5">
        <v>5</v>
      </c>
      <c r="I20562" s="5" t="s">
        <v>69</v>
      </c>
      <c r="J20562" s="5" t="s">
        <v>65833</v>
      </c>
      <c r="K20562" s="2" t="s">
        <v>65834</v>
      </c>
      <c r="L20562" s="5" t="s">
        <v>65833</v>
      </c>
      <c r="M20562" s="2" t="s">
        <v>65834</v>
      </c>
      <c r="N20562" s="5" t="s">
        <v>733</v>
      </c>
      <c r="O20562" s="5" t="s">
        <v>38</v>
      </c>
      <c r="P20562" s="5" t="s">
        <v>39</v>
      </c>
      <c r="Q20562" s="5" t="s">
        <v>40</v>
      </c>
      <c r="R20562" s="5" t="s">
        <v>1487</v>
      </c>
      <c r="S20562" s="5"/>
      <c r="T20562" s="5" t="s">
        <v>42</v>
      </c>
      <c r="U20562" s="2">
        <v>0</v>
      </c>
      <c r="V20562" s="2">
        <v>0</v>
      </c>
      <c r="W20562" s="2">
        <v>0</v>
      </c>
      <c r="X20562" s="2">
        <v>0</v>
      </c>
      <c r="Y20562" s="2">
        <v>0</v>
      </c>
      <c r="Z20562" s="2">
        <v>0</v>
      </c>
      <c r="AA20562" s="5"/>
      <c r="AB20562" s="5" t="s">
        <v>43</v>
      </c>
      <c r="AC20562" s="5" t="s">
        <v>735</v>
      </c>
      <c r="AD20562" s="2" t="s">
        <v>66143</v>
      </c>
      <c r="AE20562" s="1"/>
    </row>
    <row r="20563" spans="1:31" ht="14.45">
      <c r="A20563" s="11"/>
      <c r="B20563" s="20"/>
      <c r="C20563" s="2" t="s">
        <v>66144</v>
      </c>
      <c r="D20563" s="14" t="s">
        <v>66145</v>
      </c>
      <c r="E20563" s="2" t="s">
        <v>66146</v>
      </c>
      <c r="F20563" s="2" t="s">
        <v>62478</v>
      </c>
      <c r="G20563" s="8">
        <v>1542</v>
      </c>
      <c r="H20563" s="5">
        <v>5</v>
      </c>
      <c r="I20563" s="5" t="s">
        <v>69</v>
      </c>
      <c r="J20563" s="5" t="s">
        <v>65833</v>
      </c>
      <c r="K20563" s="2" t="s">
        <v>65834</v>
      </c>
      <c r="L20563" s="5" t="s">
        <v>65833</v>
      </c>
      <c r="M20563" s="2" t="s">
        <v>65834</v>
      </c>
      <c r="N20563" s="5" t="s">
        <v>733</v>
      </c>
      <c r="O20563" s="5" t="s">
        <v>38</v>
      </c>
      <c r="P20563" s="5" t="s">
        <v>39</v>
      </c>
      <c r="Q20563" s="5" t="s">
        <v>40</v>
      </c>
      <c r="R20563" s="5" t="s">
        <v>897</v>
      </c>
      <c r="S20563" s="5" t="s">
        <v>40</v>
      </c>
      <c r="T20563" s="5" t="s">
        <v>42</v>
      </c>
      <c r="U20563" s="2">
        <v>70.491</v>
      </c>
      <c r="V20563" s="2">
        <v>66.251000000000005</v>
      </c>
      <c r="W20563" s="2">
        <v>0.23200000000000001</v>
      </c>
      <c r="X20563" s="2">
        <v>17</v>
      </c>
      <c r="Y20563" s="2">
        <v>88.8</v>
      </c>
      <c r="Z20563" s="2">
        <v>153.6</v>
      </c>
      <c r="AA20563" s="5">
        <v>7</v>
      </c>
      <c r="AB20563" s="5" t="s">
        <v>43</v>
      </c>
      <c r="AC20563" s="5" t="s">
        <v>735</v>
      </c>
      <c r="AD20563" s="2" t="s">
        <v>66147</v>
      </c>
      <c r="AE20563" s="1"/>
    </row>
    <row r="20564" spans="1:31" ht="14.45">
      <c r="A20564" s="11"/>
      <c r="B20564" s="20"/>
      <c r="C20564" s="2" t="s">
        <v>66148</v>
      </c>
      <c r="D20564" s="14" t="s">
        <v>66149</v>
      </c>
      <c r="E20564" s="2" t="s">
        <v>66150</v>
      </c>
      <c r="F20564" s="2" t="s">
        <v>62488</v>
      </c>
      <c r="G20564" s="8">
        <v>1386</v>
      </c>
      <c r="H20564" s="5">
        <v>5</v>
      </c>
      <c r="I20564" s="5" t="s">
        <v>69</v>
      </c>
      <c r="J20564" s="5" t="s">
        <v>65833</v>
      </c>
      <c r="K20564" s="2" t="s">
        <v>65834</v>
      </c>
      <c r="L20564" s="5" t="s">
        <v>65833</v>
      </c>
      <c r="M20564" s="2" t="s">
        <v>65834</v>
      </c>
      <c r="N20564" s="5" t="s">
        <v>733</v>
      </c>
      <c r="O20564" s="5" t="s">
        <v>38</v>
      </c>
      <c r="P20564" s="5" t="s">
        <v>39</v>
      </c>
      <c r="Q20564" s="5" t="s">
        <v>40</v>
      </c>
      <c r="R20564" s="5" t="s">
        <v>897</v>
      </c>
      <c r="S20564" s="5" t="s">
        <v>40</v>
      </c>
      <c r="T20564" s="5" t="s">
        <v>42</v>
      </c>
      <c r="U20564" s="2">
        <v>60.642000000000003</v>
      </c>
      <c r="V20564" s="2">
        <v>56.448999999999998</v>
      </c>
      <c r="W20564" s="2">
        <v>0.23200000000000001</v>
      </c>
      <c r="X20564" s="2">
        <v>17</v>
      </c>
      <c r="Y20564" s="2">
        <v>88.8</v>
      </c>
      <c r="Z20564" s="2">
        <v>153.6</v>
      </c>
      <c r="AA20564" s="5">
        <v>7</v>
      </c>
      <c r="AB20564" s="5" t="s">
        <v>43</v>
      </c>
      <c r="AC20564" s="5" t="s">
        <v>735</v>
      </c>
      <c r="AD20564" s="2" t="s">
        <v>66151</v>
      </c>
      <c r="AE20564" s="1"/>
    </row>
    <row r="20565" spans="1:31" ht="14.45">
      <c r="A20565" s="11"/>
      <c r="B20565" s="20"/>
      <c r="C20565" s="2" t="s">
        <v>66152</v>
      </c>
      <c r="D20565" s="14" t="s">
        <v>66153</v>
      </c>
      <c r="E20565" s="2" t="s">
        <v>66154</v>
      </c>
      <c r="F20565" s="2" t="s">
        <v>62493</v>
      </c>
      <c r="G20565" s="8">
        <v>2012</v>
      </c>
      <c r="H20565" s="5">
        <v>5</v>
      </c>
      <c r="I20565" s="5" t="s">
        <v>69</v>
      </c>
      <c r="J20565" s="5" t="s">
        <v>65833</v>
      </c>
      <c r="K20565" s="2" t="s">
        <v>65834</v>
      </c>
      <c r="L20565" s="5" t="s">
        <v>65833</v>
      </c>
      <c r="M20565" s="2" t="s">
        <v>65834</v>
      </c>
      <c r="N20565" s="5" t="s">
        <v>733</v>
      </c>
      <c r="O20565" s="5" t="s">
        <v>38</v>
      </c>
      <c r="P20565" s="5" t="s">
        <v>39</v>
      </c>
      <c r="Q20565" s="5" t="s">
        <v>40</v>
      </c>
      <c r="R20565" s="5" t="s">
        <v>897</v>
      </c>
      <c r="S20565" s="5" t="s">
        <v>40</v>
      </c>
      <c r="T20565" s="5" t="s">
        <v>42</v>
      </c>
      <c r="U20565" s="2">
        <v>60.475000000000001</v>
      </c>
      <c r="V20565" s="2">
        <v>55.438000000000002</v>
      </c>
      <c r="W20565" s="2">
        <v>0.254</v>
      </c>
      <c r="X20565" s="2">
        <v>17</v>
      </c>
      <c r="Y20565" s="2">
        <v>92.8</v>
      </c>
      <c r="Z20565" s="2">
        <v>161</v>
      </c>
      <c r="AA20565" s="5">
        <v>7</v>
      </c>
      <c r="AB20565" s="5" t="s">
        <v>43</v>
      </c>
      <c r="AC20565" s="5" t="s">
        <v>735</v>
      </c>
      <c r="AD20565" s="2" t="s">
        <v>66155</v>
      </c>
      <c r="AE20565" s="1"/>
    </row>
    <row r="20566" spans="1:31" ht="14.45">
      <c r="A20566" s="11"/>
      <c r="B20566" s="20"/>
      <c r="C20566" s="2" t="s">
        <v>66156</v>
      </c>
      <c r="D20566" s="14" t="s">
        <v>66157</v>
      </c>
      <c r="E20566" s="2" t="s">
        <v>66158</v>
      </c>
      <c r="F20566" s="2" t="s">
        <v>62511</v>
      </c>
      <c r="G20566" s="8">
        <v>1542</v>
      </c>
      <c r="H20566" s="5">
        <v>10</v>
      </c>
      <c r="I20566" s="5" t="s">
        <v>69</v>
      </c>
      <c r="J20566" s="5" t="s">
        <v>65833</v>
      </c>
      <c r="K20566" s="2" t="s">
        <v>65834</v>
      </c>
      <c r="L20566" s="5" t="s">
        <v>65833</v>
      </c>
      <c r="M20566" s="2" t="s">
        <v>65834</v>
      </c>
      <c r="N20566" s="5" t="s">
        <v>733</v>
      </c>
      <c r="O20566" s="5" t="s">
        <v>38</v>
      </c>
      <c r="P20566" s="5" t="s">
        <v>39</v>
      </c>
      <c r="Q20566" s="5" t="s">
        <v>40</v>
      </c>
      <c r="R20566" s="5" t="s">
        <v>897</v>
      </c>
      <c r="S20566" s="5" t="s">
        <v>40</v>
      </c>
      <c r="T20566" s="5" t="s">
        <v>42</v>
      </c>
      <c r="U20566" s="2">
        <v>60.5</v>
      </c>
      <c r="V20566" s="2">
        <v>56.3</v>
      </c>
      <c r="W20566" s="2">
        <v>0.23200000000000001</v>
      </c>
      <c r="X20566" s="2">
        <v>17</v>
      </c>
      <c r="Y20566" s="2">
        <v>88.8</v>
      </c>
      <c r="Z20566" s="2">
        <v>153.6</v>
      </c>
      <c r="AA20566" s="5">
        <v>7</v>
      </c>
      <c r="AB20566" s="5" t="s">
        <v>43</v>
      </c>
      <c r="AC20566" s="5" t="s">
        <v>735</v>
      </c>
      <c r="AD20566" s="2" t="s">
        <v>66159</v>
      </c>
      <c r="AE20566" s="1"/>
    </row>
    <row r="20567" spans="1:31" ht="14.45">
      <c r="A20567" s="11"/>
      <c r="B20567" s="20"/>
      <c r="C20567" s="2" t="s">
        <v>66160</v>
      </c>
      <c r="D20567" s="14" t="s">
        <v>66161</v>
      </c>
      <c r="E20567" s="2" t="s">
        <v>66162</v>
      </c>
      <c r="F20567" s="2" t="s">
        <v>62525</v>
      </c>
      <c r="G20567" s="8">
        <v>1237</v>
      </c>
      <c r="H20567" s="5">
        <v>5</v>
      </c>
      <c r="I20567" s="5" t="s">
        <v>69</v>
      </c>
      <c r="J20567" s="5" t="s">
        <v>65833</v>
      </c>
      <c r="K20567" s="2" t="s">
        <v>65834</v>
      </c>
      <c r="L20567" s="5" t="s">
        <v>65833</v>
      </c>
      <c r="M20567" s="2" t="s">
        <v>65834</v>
      </c>
      <c r="N20567" s="5" t="s">
        <v>733</v>
      </c>
      <c r="O20567" s="5" t="s">
        <v>38</v>
      </c>
      <c r="P20567" s="5" t="s">
        <v>39</v>
      </c>
      <c r="Q20567" s="5" t="s">
        <v>40</v>
      </c>
      <c r="R20567" s="5" t="s">
        <v>897</v>
      </c>
      <c r="S20567" s="5" t="s">
        <v>40</v>
      </c>
      <c r="T20567" s="5" t="s">
        <v>42</v>
      </c>
      <c r="U20567" s="2">
        <v>60.683</v>
      </c>
      <c r="V20567" s="2">
        <v>56.49</v>
      </c>
      <c r="W20567" s="2">
        <v>0.23200000000000001</v>
      </c>
      <c r="X20567" s="2">
        <v>17</v>
      </c>
      <c r="Y20567" s="2">
        <v>88.8</v>
      </c>
      <c r="Z20567" s="2">
        <v>153.6</v>
      </c>
      <c r="AA20567" s="5">
        <v>7</v>
      </c>
      <c r="AB20567" s="5" t="s">
        <v>43</v>
      </c>
      <c r="AC20567" s="5" t="s">
        <v>735</v>
      </c>
      <c r="AD20567" s="2" t="s">
        <v>66163</v>
      </c>
      <c r="AE20567" s="1"/>
    </row>
    <row r="20568" spans="1:31" ht="14.45">
      <c r="A20568" s="11"/>
      <c r="B20568" s="20"/>
      <c r="C20568" s="2" t="s">
        <v>66164</v>
      </c>
      <c r="D20568" s="14" t="s">
        <v>66165</v>
      </c>
      <c r="E20568" s="2" t="s">
        <v>66166</v>
      </c>
      <c r="F20568" s="2" t="s">
        <v>62538</v>
      </c>
      <c r="G20568" s="8">
        <v>1048</v>
      </c>
      <c r="H20568" s="5">
        <v>5</v>
      </c>
      <c r="I20568" s="5" t="s">
        <v>69</v>
      </c>
      <c r="J20568" s="5" t="s">
        <v>65833</v>
      </c>
      <c r="K20568" s="2" t="s">
        <v>65834</v>
      </c>
      <c r="L20568" s="5" t="s">
        <v>65833</v>
      </c>
      <c r="M20568" s="2" t="s">
        <v>65834</v>
      </c>
      <c r="N20568" s="5" t="s">
        <v>733</v>
      </c>
      <c r="O20568" s="5" t="s">
        <v>38</v>
      </c>
      <c r="P20568" s="5" t="s">
        <v>39</v>
      </c>
      <c r="Q20568" s="5" t="s">
        <v>40</v>
      </c>
      <c r="R20568" s="5" t="s">
        <v>897</v>
      </c>
      <c r="S20568" s="5" t="s">
        <v>40</v>
      </c>
      <c r="T20568" s="5" t="s">
        <v>42</v>
      </c>
      <c r="U20568" s="2">
        <v>53.58</v>
      </c>
      <c r="V20568" s="2">
        <v>49.371000000000002</v>
      </c>
      <c r="W20568" s="2">
        <v>0.23200000000000001</v>
      </c>
      <c r="X20568" s="2">
        <v>17</v>
      </c>
      <c r="Y20568" s="2">
        <v>88.8</v>
      </c>
      <c r="Z20568" s="2">
        <v>153.6</v>
      </c>
      <c r="AA20568" s="5">
        <v>7</v>
      </c>
      <c r="AB20568" s="5" t="s">
        <v>43</v>
      </c>
      <c r="AC20568" s="5" t="s">
        <v>735</v>
      </c>
      <c r="AD20568" s="2" t="s">
        <v>66167</v>
      </c>
      <c r="AE20568" s="1"/>
    </row>
    <row r="20569" spans="1:31" ht="14.45">
      <c r="A20569" s="11"/>
      <c r="B20569" s="20"/>
      <c r="C20569" s="2" t="s">
        <v>66168</v>
      </c>
      <c r="D20569" s="14" t="s">
        <v>66169</v>
      </c>
      <c r="E20569" s="2" t="s">
        <v>66170</v>
      </c>
      <c r="F20569" s="2" t="s">
        <v>62538</v>
      </c>
      <c r="G20569" s="8">
        <v>1674</v>
      </c>
      <c r="H20569" s="5">
        <v>5</v>
      </c>
      <c r="I20569" s="5" t="s">
        <v>69</v>
      </c>
      <c r="J20569" s="5" t="s">
        <v>65833</v>
      </c>
      <c r="K20569" s="2" t="s">
        <v>65834</v>
      </c>
      <c r="L20569" s="5" t="s">
        <v>65833</v>
      </c>
      <c r="M20569" s="2" t="s">
        <v>65834</v>
      </c>
      <c r="N20569" s="5" t="s">
        <v>733</v>
      </c>
      <c r="O20569" s="5" t="s">
        <v>38</v>
      </c>
      <c r="P20569" s="5" t="s">
        <v>39</v>
      </c>
      <c r="Q20569" s="5" t="s">
        <v>40</v>
      </c>
      <c r="R20569" s="5" t="s">
        <v>897</v>
      </c>
      <c r="S20569" s="5" t="s">
        <v>40</v>
      </c>
      <c r="T20569" s="5" t="s">
        <v>42</v>
      </c>
      <c r="U20569" s="2">
        <v>53.88</v>
      </c>
      <c r="V20569" s="2">
        <v>48.826999999999998</v>
      </c>
      <c r="W20569" s="2">
        <v>0.254</v>
      </c>
      <c r="X20569" s="2">
        <v>17</v>
      </c>
      <c r="Y20569" s="2">
        <v>92.8</v>
      </c>
      <c r="Z20569" s="2">
        <v>161</v>
      </c>
      <c r="AA20569" s="5">
        <v>7</v>
      </c>
      <c r="AB20569" s="5" t="s">
        <v>43</v>
      </c>
      <c r="AC20569" s="5" t="s">
        <v>735</v>
      </c>
      <c r="AD20569" s="2" t="s">
        <v>66171</v>
      </c>
      <c r="AE20569" s="1"/>
    </row>
    <row r="20570" spans="1:31" ht="14.45">
      <c r="A20570" s="11"/>
      <c r="B20570" s="20"/>
      <c r="C20570" s="2" t="s">
        <v>66172</v>
      </c>
      <c r="D20570" s="14" t="s">
        <v>66173</v>
      </c>
      <c r="E20570" s="2" t="s">
        <v>66174</v>
      </c>
      <c r="F20570" s="2" t="s">
        <v>62565</v>
      </c>
      <c r="G20570" s="8">
        <v>1288</v>
      </c>
      <c r="H20570" s="5">
        <v>5</v>
      </c>
      <c r="I20570" s="5" t="s">
        <v>69</v>
      </c>
      <c r="J20570" s="5" t="s">
        <v>65833</v>
      </c>
      <c r="K20570" s="2" t="s">
        <v>65834</v>
      </c>
      <c r="L20570" s="5" t="s">
        <v>65833</v>
      </c>
      <c r="M20570" s="2" t="s">
        <v>65834</v>
      </c>
      <c r="N20570" s="5" t="s">
        <v>733</v>
      </c>
      <c r="O20570" s="5" t="s">
        <v>38</v>
      </c>
      <c r="P20570" s="5" t="s">
        <v>39</v>
      </c>
      <c r="Q20570" s="5" t="s">
        <v>40</v>
      </c>
      <c r="R20570" s="5" t="s">
        <v>897</v>
      </c>
      <c r="S20570" s="5" t="s">
        <v>40</v>
      </c>
      <c r="T20570" s="5" t="s">
        <v>42</v>
      </c>
      <c r="U20570" s="2">
        <v>60.601999999999997</v>
      </c>
      <c r="V20570" s="2">
        <v>56.408999999999999</v>
      </c>
      <c r="W20570" s="2">
        <v>0.23200000000000001</v>
      </c>
      <c r="X20570" s="2">
        <v>17</v>
      </c>
      <c r="Y20570" s="2">
        <v>88.8</v>
      </c>
      <c r="Z20570" s="2">
        <v>153.6</v>
      </c>
      <c r="AA20570" s="5">
        <v>7</v>
      </c>
      <c r="AB20570" s="5" t="s">
        <v>43</v>
      </c>
      <c r="AC20570" s="5" t="s">
        <v>735</v>
      </c>
      <c r="AD20570" s="2" t="s">
        <v>66175</v>
      </c>
      <c r="AE20570" s="1"/>
    </row>
    <row r="20571" spans="1:31" ht="14.45">
      <c r="A20571" s="11"/>
      <c r="B20571" s="20"/>
      <c r="C20571" s="2" t="s">
        <v>66176</v>
      </c>
      <c r="D20571" s="14" t="s">
        <v>66177</v>
      </c>
      <c r="E20571" s="2" t="s">
        <v>66178</v>
      </c>
      <c r="F20571" s="2" t="s">
        <v>62592</v>
      </c>
      <c r="G20571" s="8">
        <v>1854</v>
      </c>
      <c r="H20571" s="5">
        <v>10</v>
      </c>
      <c r="I20571" s="5" t="s">
        <v>69</v>
      </c>
      <c r="J20571" s="5" t="s">
        <v>65833</v>
      </c>
      <c r="K20571" s="2" t="s">
        <v>65834</v>
      </c>
      <c r="L20571" s="5" t="s">
        <v>65833</v>
      </c>
      <c r="M20571" s="2" t="s">
        <v>65834</v>
      </c>
      <c r="N20571" s="5" t="s">
        <v>733</v>
      </c>
      <c r="O20571" s="5" t="s">
        <v>38</v>
      </c>
      <c r="P20571" s="5" t="s">
        <v>39</v>
      </c>
      <c r="Q20571" s="5" t="s">
        <v>40</v>
      </c>
      <c r="R20571" s="5" t="s">
        <v>897</v>
      </c>
      <c r="S20571" s="5" t="s">
        <v>40</v>
      </c>
      <c r="T20571" s="5" t="s">
        <v>42</v>
      </c>
      <c r="U20571" s="2">
        <v>64.805000000000007</v>
      </c>
      <c r="V20571" s="2">
        <v>60.581000000000003</v>
      </c>
      <c r="W20571" s="2">
        <v>0.23200000000000001</v>
      </c>
      <c r="X20571" s="2">
        <v>17</v>
      </c>
      <c r="Y20571" s="2">
        <v>88.8</v>
      </c>
      <c r="Z20571" s="2">
        <v>153.6</v>
      </c>
      <c r="AA20571" s="5">
        <v>7</v>
      </c>
      <c r="AB20571" s="5" t="s">
        <v>43</v>
      </c>
      <c r="AC20571" s="5" t="s">
        <v>735</v>
      </c>
      <c r="AD20571" s="2" t="s">
        <v>66179</v>
      </c>
      <c r="AE20571" s="1"/>
    </row>
    <row r="20572" spans="1:31" ht="14.45">
      <c r="A20572" s="11"/>
      <c r="B20572" s="20"/>
      <c r="C20572" s="2" t="s">
        <v>66180</v>
      </c>
      <c r="D20572" s="14" t="s">
        <v>66181</v>
      </c>
      <c r="E20572" s="2" t="s">
        <v>66182</v>
      </c>
      <c r="F20572" s="2" t="s">
        <v>62611</v>
      </c>
      <c r="G20572" s="8">
        <v>1516</v>
      </c>
      <c r="H20572" s="5">
        <v>10</v>
      </c>
      <c r="I20572" s="5" t="s">
        <v>69</v>
      </c>
      <c r="J20572" s="5" t="s">
        <v>65833</v>
      </c>
      <c r="K20572" s="2" t="s">
        <v>65834</v>
      </c>
      <c r="L20572" s="5" t="s">
        <v>65833</v>
      </c>
      <c r="M20572" s="2" t="s">
        <v>65834</v>
      </c>
      <c r="N20572" s="5" t="s">
        <v>733</v>
      </c>
      <c r="O20572" s="5" t="s">
        <v>38</v>
      </c>
      <c r="P20572" s="5" t="s">
        <v>39</v>
      </c>
      <c r="Q20572" s="5" t="s">
        <v>40</v>
      </c>
      <c r="R20572" s="5" t="s">
        <v>897</v>
      </c>
      <c r="S20572" s="5" t="s">
        <v>40</v>
      </c>
      <c r="T20572" s="5" t="s">
        <v>42</v>
      </c>
      <c r="U20572" s="2">
        <v>58.189</v>
      </c>
      <c r="V20572" s="2">
        <v>53.948999999999998</v>
      </c>
      <c r="W20572" s="2">
        <v>0.23200000000000001</v>
      </c>
      <c r="X20572" s="2">
        <v>17</v>
      </c>
      <c r="Y20572" s="2">
        <v>88.8</v>
      </c>
      <c r="Z20572" s="2">
        <v>153.6</v>
      </c>
      <c r="AA20572" s="5">
        <v>7</v>
      </c>
      <c r="AB20572" s="5" t="s">
        <v>43</v>
      </c>
      <c r="AC20572" s="5" t="s">
        <v>735</v>
      </c>
      <c r="AD20572" s="2" t="s">
        <v>66183</v>
      </c>
      <c r="AE20572" s="1"/>
    </row>
    <row r="20573" spans="1:31" ht="14.45">
      <c r="A20573" s="11"/>
      <c r="B20573" s="20"/>
      <c r="C20573" s="2" t="s">
        <v>66184</v>
      </c>
      <c r="D20573" s="14" t="s">
        <v>66185</v>
      </c>
      <c r="E20573" s="2" t="s">
        <v>66186</v>
      </c>
      <c r="F20573" s="2" t="s">
        <v>62630</v>
      </c>
      <c r="G20573" s="8">
        <v>1756</v>
      </c>
      <c r="H20573" s="5">
        <v>5</v>
      </c>
      <c r="I20573" s="5" t="s">
        <v>69</v>
      </c>
      <c r="J20573" s="5" t="s">
        <v>65833</v>
      </c>
      <c r="K20573" s="2" t="s">
        <v>65834</v>
      </c>
      <c r="L20573" s="5" t="s">
        <v>65833</v>
      </c>
      <c r="M20573" s="2" t="s">
        <v>65834</v>
      </c>
      <c r="N20573" s="5" t="s">
        <v>733</v>
      </c>
      <c r="O20573" s="5" t="s">
        <v>38</v>
      </c>
      <c r="P20573" s="5" t="s">
        <v>39</v>
      </c>
      <c r="Q20573" s="5" t="s">
        <v>40</v>
      </c>
      <c r="R20573" s="5" t="s">
        <v>897</v>
      </c>
      <c r="S20573" s="5" t="s">
        <v>40</v>
      </c>
      <c r="T20573" s="5" t="s">
        <v>42</v>
      </c>
      <c r="U20573" s="2">
        <v>64.765000000000001</v>
      </c>
      <c r="V20573" s="2">
        <v>60.540999999999997</v>
      </c>
      <c r="W20573" s="2">
        <v>0.23200000000000001</v>
      </c>
      <c r="X20573" s="2">
        <v>17</v>
      </c>
      <c r="Y20573" s="2">
        <v>88.8</v>
      </c>
      <c r="Z20573" s="2">
        <v>153.6</v>
      </c>
      <c r="AA20573" s="5">
        <v>7</v>
      </c>
      <c r="AB20573" s="5" t="s">
        <v>43</v>
      </c>
      <c r="AC20573" s="5" t="s">
        <v>735</v>
      </c>
      <c r="AD20573" s="2" t="s">
        <v>66187</v>
      </c>
      <c r="AE20573" s="1"/>
    </row>
    <row r="20574" spans="1:31" ht="14.45">
      <c r="A20574" s="11"/>
      <c r="B20574" s="20"/>
      <c r="C20574" s="2" t="s">
        <v>66188</v>
      </c>
      <c r="D20574" s="14" t="s">
        <v>66189</v>
      </c>
      <c r="E20574" s="2" t="s">
        <v>66190</v>
      </c>
      <c r="F20574" s="2" t="s">
        <v>62648</v>
      </c>
      <c r="G20574" s="8">
        <v>1854</v>
      </c>
      <c r="H20574" s="5">
        <v>10</v>
      </c>
      <c r="I20574" s="5" t="s">
        <v>69</v>
      </c>
      <c r="J20574" s="5" t="s">
        <v>65833</v>
      </c>
      <c r="K20574" s="2" t="s">
        <v>65834</v>
      </c>
      <c r="L20574" s="5" t="s">
        <v>65833</v>
      </c>
      <c r="M20574" s="2" t="s">
        <v>65834</v>
      </c>
      <c r="N20574" s="5" t="s">
        <v>733</v>
      </c>
      <c r="O20574" s="5" t="s">
        <v>38</v>
      </c>
      <c r="P20574" s="5" t="s">
        <v>39</v>
      </c>
      <c r="Q20574" s="5" t="s">
        <v>40</v>
      </c>
      <c r="R20574" s="5" t="s">
        <v>897</v>
      </c>
      <c r="S20574" s="5" t="s">
        <v>40</v>
      </c>
      <c r="T20574" s="5" t="s">
        <v>42</v>
      </c>
      <c r="U20574" s="2">
        <v>63.773000000000003</v>
      </c>
      <c r="V20574" s="2">
        <v>59.548999999999999</v>
      </c>
      <c r="W20574" s="2">
        <v>0.23200000000000001</v>
      </c>
      <c r="X20574" s="2">
        <v>17</v>
      </c>
      <c r="Y20574" s="2">
        <v>88.8</v>
      </c>
      <c r="Z20574" s="2">
        <v>153.6</v>
      </c>
      <c r="AA20574" s="5">
        <v>7</v>
      </c>
      <c r="AB20574" s="5" t="s">
        <v>43</v>
      </c>
      <c r="AC20574" s="5" t="s">
        <v>735</v>
      </c>
      <c r="AD20574" s="2" t="s">
        <v>66191</v>
      </c>
      <c r="AE20574" s="1"/>
    </row>
    <row r="20575" spans="1:31" ht="14.45">
      <c r="A20575" s="11"/>
      <c r="B20575" s="20"/>
      <c r="C20575" s="2" t="s">
        <v>66192</v>
      </c>
      <c r="D20575" s="14" t="s">
        <v>66193</v>
      </c>
      <c r="E20575" s="2" t="s">
        <v>66194</v>
      </c>
      <c r="F20575" s="2" t="s">
        <v>62662</v>
      </c>
      <c r="G20575" s="8">
        <v>1516</v>
      </c>
      <c r="H20575" s="5">
        <v>5</v>
      </c>
      <c r="I20575" s="5" t="s">
        <v>69</v>
      </c>
      <c r="J20575" s="5" t="s">
        <v>65833</v>
      </c>
      <c r="K20575" s="2" t="s">
        <v>65834</v>
      </c>
      <c r="L20575" s="5" t="s">
        <v>65833</v>
      </c>
      <c r="M20575" s="2" t="s">
        <v>65834</v>
      </c>
      <c r="N20575" s="5" t="s">
        <v>733</v>
      </c>
      <c r="O20575" s="5" t="s">
        <v>38</v>
      </c>
      <c r="P20575" s="5" t="s">
        <v>39</v>
      </c>
      <c r="Q20575" s="5" t="s">
        <v>40</v>
      </c>
      <c r="R20575" s="5" t="s">
        <v>897</v>
      </c>
      <c r="S20575" s="5" t="s">
        <v>40</v>
      </c>
      <c r="T20575" s="5" t="s">
        <v>42</v>
      </c>
      <c r="U20575" s="2">
        <v>57.029000000000003</v>
      </c>
      <c r="V20575" s="2">
        <v>52.789000000000001</v>
      </c>
      <c r="W20575" s="2">
        <v>0.23200000000000001</v>
      </c>
      <c r="X20575" s="2">
        <v>17</v>
      </c>
      <c r="Y20575" s="2">
        <v>88.8</v>
      </c>
      <c r="Z20575" s="2">
        <v>153.6</v>
      </c>
      <c r="AA20575" s="5">
        <v>7</v>
      </c>
      <c r="AB20575" s="5" t="s">
        <v>43</v>
      </c>
      <c r="AC20575" s="5" t="s">
        <v>735</v>
      </c>
      <c r="AD20575" s="2" t="s">
        <v>66195</v>
      </c>
      <c r="AE20575" s="1"/>
    </row>
    <row r="20576" spans="1:31" ht="14.45">
      <c r="A20576" s="11"/>
      <c r="B20576" s="20"/>
      <c r="C20576" s="2" t="s">
        <v>66196</v>
      </c>
      <c r="D20576" s="14" t="s">
        <v>66197</v>
      </c>
      <c r="E20576" s="2" t="s">
        <v>66198</v>
      </c>
      <c r="F20576" s="2" t="s">
        <v>62675</v>
      </c>
      <c r="G20576" s="8">
        <v>1756</v>
      </c>
      <c r="H20576" s="5">
        <v>10</v>
      </c>
      <c r="I20576" s="5" t="s">
        <v>69</v>
      </c>
      <c r="J20576" s="5" t="s">
        <v>65833</v>
      </c>
      <c r="K20576" s="2" t="s">
        <v>65834</v>
      </c>
      <c r="L20576" s="5" t="s">
        <v>65833</v>
      </c>
      <c r="M20576" s="2" t="s">
        <v>65834</v>
      </c>
      <c r="N20576" s="5" t="s">
        <v>733</v>
      </c>
      <c r="O20576" s="5" t="s">
        <v>38</v>
      </c>
      <c r="P20576" s="5" t="s">
        <v>39</v>
      </c>
      <c r="Q20576" s="5" t="s">
        <v>40</v>
      </c>
      <c r="R20576" s="5" t="s">
        <v>897</v>
      </c>
      <c r="S20576" s="5" t="s">
        <v>40</v>
      </c>
      <c r="T20576" s="5" t="s">
        <v>42</v>
      </c>
      <c r="U20576" s="2">
        <v>63.732999999999997</v>
      </c>
      <c r="V20576" s="2">
        <v>59.509</v>
      </c>
      <c r="W20576" s="2">
        <v>0.23200000000000001</v>
      </c>
      <c r="X20576" s="2">
        <v>17</v>
      </c>
      <c r="Y20576" s="2">
        <v>88.8</v>
      </c>
      <c r="Z20576" s="2">
        <v>153.6</v>
      </c>
      <c r="AA20576" s="5">
        <v>7</v>
      </c>
      <c r="AB20576" s="5" t="s">
        <v>43</v>
      </c>
      <c r="AC20576" s="5" t="s">
        <v>735</v>
      </c>
      <c r="AD20576" s="2" t="s">
        <v>66199</v>
      </c>
      <c r="AE20576" s="1"/>
    </row>
    <row r="20577" spans="1:31" ht="14.45">
      <c r="A20577" s="11"/>
      <c r="B20577" s="20"/>
      <c r="C20577" s="2" t="s">
        <v>66200</v>
      </c>
      <c r="D20577" s="14" t="s">
        <v>66201</v>
      </c>
      <c r="E20577" s="2" t="s">
        <v>66202</v>
      </c>
      <c r="F20577" s="2" t="s">
        <v>62688</v>
      </c>
      <c r="G20577" s="8">
        <v>1789</v>
      </c>
      <c r="H20577" s="5">
        <v>10</v>
      </c>
      <c r="I20577" s="5" t="s">
        <v>69</v>
      </c>
      <c r="J20577" s="5" t="s">
        <v>65833</v>
      </c>
      <c r="K20577" s="2" t="s">
        <v>65834</v>
      </c>
      <c r="L20577" s="5" t="s">
        <v>65833</v>
      </c>
      <c r="M20577" s="2" t="s">
        <v>65834</v>
      </c>
      <c r="N20577" s="5" t="s">
        <v>733</v>
      </c>
      <c r="O20577" s="5" t="s">
        <v>38</v>
      </c>
      <c r="P20577" s="5" t="s">
        <v>39</v>
      </c>
      <c r="Q20577" s="5" t="s">
        <v>40</v>
      </c>
      <c r="R20577" s="5" t="s">
        <v>1487</v>
      </c>
      <c r="S20577" s="5"/>
      <c r="T20577" s="5" t="s">
        <v>42</v>
      </c>
      <c r="U20577" s="2">
        <v>0</v>
      </c>
      <c r="V20577" s="2">
        <v>0</v>
      </c>
      <c r="W20577" s="2">
        <v>0</v>
      </c>
      <c r="X20577" s="2">
        <v>0</v>
      </c>
      <c r="Y20577" s="2">
        <v>0</v>
      </c>
      <c r="Z20577" s="2">
        <v>0</v>
      </c>
      <c r="AA20577" s="5"/>
      <c r="AB20577" s="5" t="s">
        <v>43</v>
      </c>
      <c r="AC20577" s="5" t="s">
        <v>735</v>
      </c>
      <c r="AD20577" s="2" t="s">
        <v>66203</v>
      </c>
      <c r="AE20577" s="1"/>
    </row>
    <row r="20578" spans="1:31" ht="14.45">
      <c r="A20578" s="11"/>
      <c r="B20578" s="20"/>
      <c r="C20578" s="2" t="s">
        <v>66204</v>
      </c>
      <c r="D20578" s="14" t="s">
        <v>66205</v>
      </c>
      <c r="E20578" s="2" t="s">
        <v>66206</v>
      </c>
      <c r="F20578" s="2" t="s">
        <v>62701</v>
      </c>
      <c r="G20578" s="8">
        <v>1707</v>
      </c>
      <c r="H20578" s="5">
        <v>5</v>
      </c>
      <c r="I20578" s="5" t="s">
        <v>69</v>
      </c>
      <c r="J20578" s="5" t="s">
        <v>65833</v>
      </c>
      <c r="K20578" s="2" t="s">
        <v>65834</v>
      </c>
      <c r="L20578" s="5" t="s">
        <v>65833</v>
      </c>
      <c r="M20578" s="2" t="s">
        <v>65834</v>
      </c>
      <c r="N20578" s="5" t="s">
        <v>733</v>
      </c>
      <c r="O20578" s="5" t="s">
        <v>38</v>
      </c>
      <c r="P20578" s="5" t="s">
        <v>39</v>
      </c>
      <c r="Q20578" s="5" t="s">
        <v>40</v>
      </c>
      <c r="R20578" s="5" t="s">
        <v>897</v>
      </c>
      <c r="S20578" s="5" t="s">
        <v>40</v>
      </c>
      <c r="T20578" s="5" t="s">
        <v>42</v>
      </c>
      <c r="U20578" s="2">
        <v>79.703999999999994</v>
      </c>
      <c r="V20578" s="2">
        <v>75.03</v>
      </c>
      <c r="W20578" s="2">
        <v>0.26200000000000001</v>
      </c>
      <c r="X20578" s="2">
        <v>17</v>
      </c>
      <c r="Y20578" s="2">
        <v>88.8</v>
      </c>
      <c r="Z20578" s="2">
        <v>173.8</v>
      </c>
      <c r="AA20578" s="5">
        <v>7</v>
      </c>
      <c r="AB20578" s="5" t="s">
        <v>43</v>
      </c>
      <c r="AC20578" s="5" t="s">
        <v>735</v>
      </c>
      <c r="AD20578" s="2" t="s">
        <v>66207</v>
      </c>
      <c r="AE20578" s="1"/>
    </row>
    <row r="20579" spans="1:31" ht="14.45">
      <c r="A20579" s="11"/>
      <c r="B20579" s="20"/>
      <c r="C20579" s="2" t="s">
        <v>66208</v>
      </c>
      <c r="D20579" s="14" t="s">
        <v>66209</v>
      </c>
      <c r="E20579" s="2" t="s">
        <v>66210</v>
      </c>
      <c r="F20579" s="2" t="s">
        <v>62711</v>
      </c>
      <c r="G20579" s="8">
        <v>1529</v>
      </c>
      <c r="H20579" s="5">
        <v>5</v>
      </c>
      <c r="I20579" s="5" t="s">
        <v>69</v>
      </c>
      <c r="J20579" s="5" t="s">
        <v>65833</v>
      </c>
      <c r="K20579" s="2" t="s">
        <v>65834</v>
      </c>
      <c r="L20579" s="5" t="s">
        <v>65833</v>
      </c>
      <c r="M20579" s="2" t="s">
        <v>65834</v>
      </c>
      <c r="N20579" s="5" t="s">
        <v>733</v>
      </c>
      <c r="O20579" s="5" t="s">
        <v>38</v>
      </c>
      <c r="P20579" s="5" t="s">
        <v>39</v>
      </c>
      <c r="Q20579" s="5" t="s">
        <v>40</v>
      </c>
      <c r="R20579" s="5" t="s">
        <v>897</v>
      </c>
      <c r="S20579" s="5" t="s">
        <v>40</v>
      </c>
      <c r="T20579" s="5" t="s">
        <v>42</v>
      </c>
      <c r="U20579" s="2">
        <v>68.676000000000002</v>
      </c>
      <c r="V20579" s="2">
        <v>64.049000000000007</v>
      </c>
      <c r="W20579" s="2">
        <v>0.26200000000000001</v>
      </c>
      <c r="X20579" s="2">
        <v>17</v>
      </c>
      <c r="Y20579" s="2">
        <v>88.8</v>
      </c>
      <c r="Z20579" s="2">
        <v>173.8</v>
      </c>
      <c r="AA20579" s="5">
        <v>7</v>
      </c>
      <c r="AB20579" s="5" t="s">
        <v>43</v>
      </c>
      <c r="AC20579" s="5" t="s">
        <v>735</v>
      </c>
      <c r="AD20579" s="2" t="s">
        <v>66211</v>
      </c>
      <c r="AE20579" s="1"/>
    </row>
    <row r="20580" spans="1:31" ht="14.45">
      <c r="A20580" s="11"/>
      <c r="B20580" s="20"/>
      <c r="C20580" s="2" t="s">
        <v>66212</v>
      </c>
      <c r="D20580" s="14" t="s">
        <v>66213</v>
      </c>
      <c r="E20580" s="2" t="s">
        <v>66214</v>
      </c>
      <c r="F20580" s="2" t="s">
        <v>62725</v>
      </c>
      <c r="G20580" s="8">
        <v>1707</v>
      </c>
      <c r="H20580" s="5">
        <v>10</v>
      </c>
      <c r="I20580" s="5" t="s">
        <v>69</v>
      </c>
      <c r="J20580" s="5" t="s">
        <v>65833</v>
      </c>
      <c r="K20580" s="2" t="s">
        <v>65834</v>
      </c>
      <c r="L20580" s="5" t="s">
        <v>65833</v>
      </c>
      <c r="M20580" s="2" t="s">
        <v>65834</v>
      </c>
      <c r="N20580" s="5" t="s">
        <v>733</v>
      </c>
      <c r="O20580" s="5" t="s">
        <v>38</v>
      </c>
      <c r="P20580" s="5" t="s">
        <v>39</v>
      </c>
      <c r="Q20580" s="5" t="s">
        <v>40</v>
      </c>
      <c r="R20580" s="5" t="s">
        <v>897</v>
      </c>
      <c r="S20580" s="5" t="s">
        <v>40</v>
      </c>
      <c r="T20580" s="5" t="s">
        <v>42</v>
      </c>
      <c r="U20580" s="2">
        <v>68.516000000000005</v>
      </c>
      <c r="V20580" s="2">
        <v>63.881999999999998</v>
      </c>
      <c r="W20580" s="2">
        <v>0.26200000000000001</v>
      </c>
      <c r="X20580" s="2">
        <v>17</v>
      </c>
      <c r="Y20580" s="2">
        <v>88.8</v>
      </c>
      <c r="Z20580" s="2">
        <v>173.8</v>
      </c>
      <c r="AA20580" s="5">
        <v>7</v>
      </c>
      <c r="AB20580" s="5" t="s">
        <v>43</v>
      </c>
      <c r="AC20580" s="5" t="s">
        <v>735</v>
      </c>
      <c r="AD20580" s="2" t="s">
        <v>66215</v>
      </c>
      <c r="AE20580" s="1"/>
    </row>
    <row r="20581" spans="1:31" ht="14.45">
      <c r="A20581" s="11"/>
      <c r="B20581" s="20"/>
      <c r="C20581" s="2" t="s">
        <v>66216</v>
      </c>
      <c r="D20581" s="14" t="s">
        <v>66217</v>
      </c>
      <c r="E20581" s="2" t="s">
        <v>66218</v>
      </c>
      <c r="F20581" s="2" t="s">
        <v>62735</v>
      </c>
      <c r="G20581" s="8">
        <v>1357</v>
      </c>
      <c r="H20581" s="5">
        <v>10</v>
      </c>
      <c r="I20581" s="5" t="s">
        <v>69</v>
      </c>
      <c r="J20581" s="5" t="s">
        <v>65833</v>
      </c>
      <c r="K20581" s="2" t="s">
        <v>65834</v>
      </c>
      <c r="L20581" s="5" t="s">
        <v>65833</v>
      </c>
      <c r="M20581" s="2" t="s">
        <v>65834</v>
      </c>
      <c r="N20581" s="5" t="s">
        <v>733</v>
      </c>
      <c r="O20581" s="5" t="s">
        <v>38</v>
      </c>
      <c r="P20581" s="5" t="s">
        <v>39</v>
      </c>
      <c r="Q20581" s="5" t="s">
        <v>40</v>
      </c>
      <c r="R20581" s="5" t="s">
        <v>897</v>
      </c>
      <c r="S20581" s="5" t="s">
        <v>40</v>
      </c>
      <c r="T20581" s="5" t="s">
        <v>42</v>
      </c>
      <c r="U20581" s="2">
        <v>68.760999999999996</v>
      </c>
      <c r="V20581" s="2">
        <v>64.126999999999995</v>
      </c>
      <c r="W20581" s="2">
        <v>0.26200000000000001</v>
      </c>
      <c r="X20581" s="2">
        <v>17</v>
      </c>
      <c r="Y20581" s="2">
        <v>88.8</v>
      </c>
      <c r="Z20581" s="2">
        <v>173.8</v>
      </c>
      <c r="AA20581" s="5">
        <v>7</v>
      </c>
      <c r="AB20581" s="5" t="s">
        <v>43</v>
      </c>
      <c r="AC20581" s="5" t="s">
        <v>735</v>
      </c>
      <c r="AD20581" s="2" t="s">
        <v>66219</v>
      </c>
      <c r="AE20581" s="1"/>
    </row>
    <row r="20582" spans="1:31" ht="14.45">
      <c r="A20582" s="11"/>
      <c r="B20582" s="20"/>
      <c r="C20582" s="2" t="s">
        <v>66220</v>
      </c>
      <c r="D20582" s="14" t="s">
        <v>66221</v>
      </c>
      <c r="E20582" s="2" t="s">
        <v>66222</v>
      </c>
      <c r="F20582" s="2" t="s">
        <v>62744</v>
      </c>
      <c r="G20582" s="8">
        <v>1141</v>
      </c>
      <c r="H20582" s="5">
        <v>5</v>
      </c>
      <c r="I20582" s="5" t="s">
        <v>69</v>
      </c>
      <c r="J20582" s="5" t="s">
        <v>65833</v>
      </c>
      <c r="K20582" s="2" t="s">
        <v>65834</v>
      </c>
      <c r="L20582" s="5" t="s">
        <v>65833</v>
      </c>
      <c r="M20582" s="2" t="s">
        <v>65834</v>
      </c>
      <c r="N20582" s="5" t="s">
        <v>733</v>
      </c>
      <c r="O20582" s="5" t="s">
        <v>38</v>
      </c>
      <c r="P20582" s="5" t="s">
        <v>39</v>
      </c>
      <c r="Q20582" s="5" t="s">
        <v>40</v>
      </c>
      <c r="R20582" s="5" t="s">
        <v>897</v>
      </c>
      <c r="S20582" s="5" t="s">
        <v>40</v>
      </c>
      <c r="T20582" s="5" t="s">
        <v>42</v>
      </c>
      <c r="U20582" s="2">
        <v>60.517000000000003</v>
      </c>
      <c r="V20582" s="2">
        <v>55.874000000000002</v>
      </c>
      <c r="W20582" s="2">
        <v>0.26200000000000001</v>
      </c>
      <c r="X20582" s="2">
        <v>17</v>
      </c>
      <c r="Y20582" s="2">
        <v>88.8</v>
      </c>
      <c r="Z20582" s="2">
        <v>173.8</v>
      </c>
      <c r="AA20582" s="5">
        <v>7</v>
      </c>
      <c r="AB20582" s="5" t="s">
        <v>43</v>
      </c>
      <c r="AC20582" s="5" t="s">
        <v>735</v>
      </c>
      <c r="AD20582" s="2" t="s">
        <v>66223</v>
      </c>
      <c r="AE20582" s="1"/>
    </row>
    <row r="20583" spans="1:31" ht="14.45">
      <c r="A20583" s="11"/>
      <c r="B20583" s="20"/>
      <c r="C20583" s="2" t="s">
        <v>66224</v>
      </c>
      <c r="D20583" s="14" t="s">
        <v>66225</v>
      </c>
      <c r="E20583" s="2" t="s">
        <v>66226</v>
      </c>
      <c r="F20583" s="2" t="s">
        <v>62757</v>
      </c>
      <c r="G20583" s="8">
        <v>1416</v>
      </c>
      <c r="H20583" s="5">
        <v>5</v>
      </c>
      <c r="I20583" s="5" t="s">
        <v>69</v>
      </c>
      <c r="J20583" s="5" t="s">
        <v>65833</v>
      </c>
      <c r="K20583" s="2" t="s">
        <v>65834</v>
      </c>
      <c r="L20583" s="5" t="s">
        <v>65833</v>
      </c>
      <c r="M20583" s="2" t="s">
        <v>65834</v>
      </c>
      <c r="N20583" s="5" t="s">
        <v>733</v>
      </c>
      <c r="O20583" s="5" t="s">
        <v>38</v>
      </c>
      <c r="P20583" s="5" t="s">
        <v>39</v>
      </c>
      <c r="Q20583" s="5" t="s">
        <v>40</v>
      </c>
      <c r="R20583" s="5" t="s">
        <v>897</v>
      </c>
      <c r="S20583" s="5" t="s">
        <v>40</v>
      </c>
      <c r="T20583" s="5" t="s">
        <v>42</v>
      </c>
      <c r="U20583" s="2">
        <v>68.63</v>
      </c>
      <c r="V20583" s="2">
        <v>64.003</v>
      </c>
      <c r="W20583" s="2">
        <v>0.26200000000000001</v>
      </c>
      <c r="X20583" s="2">
        <v>17</v>
      </c>
      <c r="Y20583" s="2">
        <v>88.8</v>
      </c>
      <c r="Z20583" s="2">
        <v>173.8</v>
      </c>
      <c r="AA20583" s="5">
        <v>7</v>
      </c>
      <c r="AB20583" s="5" t="s">
        <v>43</v>
      </c>
      <c r="AC20583" s="5" t="s">
        <v>735</v>
      </c>
      <c r="AD20583" s="2" t="s">
        <v>66227</v>
      </c>
      <c r="AE20583" s="1"/>
    </row>
    <row r="20584" spans="1:31" ht="14.45">
      <c r="A20584" s="11"/>
      <c r="B20584" s="20"/>
      <c r="C20584" s="2" t="s">
        <v>66228</v>
      </c>
      <c r="D20584" s="14" t="s">
        <v>66229</v>
      </c>
      <c r="E20584" s="2" t="s">
        <v>66230</v>
      </c>
      <c r="F20584" s="2" t="s">
        <v>62775</v>
      </c>
      <c r="G20584" s="8">
        <v>1997</v>
      </c>
      <c r="H20584" s="5">
        <v>10</v>
      </c>
      <c r="I20584" s="5" t="s">
        <v>69</v>
      </c>
      <c r="J20584" s="5" t="s">
        <v>65833</v>
      </c>
      <c r="K20584" s="2" t="s">
        <v>65834</v>
      </c>
      <c r="L20584" s="5" t="s">
        <v>65833</v>
      </c>
      <c r="M20584" s="2" t="s">
        <v>65834</v>
      </c>
      <c r="N20584" s="5" t="s">
        <v>733</v>
      </c>
      <c r="O20584" s="5" t="s">
        <v>38</v>
      </c>
      <c r="P20584" s="5" t="s">
        <v>39</v>
      </c>
      <c r="Q20584" s="5" t="s">
        <v>40</v>
      </c>
      <c r="R20584" s="5" t="s">
        <v>897</v>
      </c>
      <c r="S20584" s="5" t="s">
        <v>40</v>
      </c>
      <c r="T20584" s="5" t="s">
        <v>42</v>
      </c>
      <c r="U20584" s="2">
        <v>73.022000000000006</v>
      </c>
      <c r="V20584" s="2">
        <v>68.364000000000004</v>
      </c>
      <c r="W20584" s="2">
        <v>0.26200000000000001</v>
      </c>
      <c r="X20584" s="2">
        <v>17</v>
      </c>
      <c r="Y20584" s="2">
        <v>88.8</v>
      </c>
      <c r="Z20584" s="2">
        <v>173.8</v>
      </c>
      <c r="AA20584" s="5">
        <v>7</v>
      </c>
      <c r="AB20584" s="5" t="s">
        <v>43</v>
      </c>
      <c r="AC20584" s="5" t="s">
        <v>735</v>
      </c>
      <c r="AD20584" s="2" t="s">
        <v>66231</v>
      </c>
      <c r="AE20584" s="1"/>
    </row>
    <row r="20585" spans="1:31" ht="14.45">
      <c r="A20585" s="11"/>
      <c r="B20585" s="20"/>
      <c r="C20585" s="2" t="s">
        <v>66232</v>
      </c>
      <c r="D20585" s="14" t="s">
        <v>66233</v>
      </c>
      <c r="E20585" s="2" t="s">
        <v>66234</v>
      </c>
      <c r="F20585" s="2" t="s">
        <v>66235</v>
      </c>
      <c r="G20585" s="8">
        <v>1609</v>
      </c>
      <c r="H20585" s="5">
        <v>10</v>
      </c>
      <c r="I20585" s="5" t="s">
        <v>69</v>
      </c>
      <c r="J20585" s="5" t="s">
        <v>65833</v>
      </c>
      <c r="K20585" s="2" t="s">
        <v>65834</v>
      </c>
      <c r="L20585" s="5" t="s">
        <v>65833</v>
      </c>
      <c r="M20585" s="2" t="s">
        <v>65834</v>
      </c>
      <c r="N20585" s="5" t="s">
        <v>733</v>
      </c>
      <c r="O20585" s="5" t="s">
        <v>38</v>
      </c>
      <c r="P20585" s="5" t="s">
        <v>39</v>
      </c>
      <c r="Q20585" s="5" t="s">
        <v>40</v>
      </c>
      <c r="R20585" s="5" t="s">
        <v>897</v>
      </c>
      <c r="S20585" s="5" t="s">
        <v>40</v>
      </c>
      <c r="T20585" s="5" t="s">
        <v>42</v>
      </c>
      <c r="U20585" s="2">
        <v>65.966999999999999</v>
      </c>
      <c r="V20585" s="2">
        <v>61.292999999999999</v>
      </c>
      <c r="W20585" s="2">
        <v>0.26200000000000001</v>
      </c>
      <c r="X20585" s="2">
        <v>17</v>
      </c>
      <c r="Y20585" s="2">
        <v>88.8</v>
      </c>
      <c r="Z20585" s="2">
        <v>173.8</v>
      </c>
      <c r="AA20585" s="5">
        <v>7</v>
      </c>
      <c r="AB20585" s="5" t="s">
        <v>43</v>
      </c>
      <c r="AC20585" s="5" t="s">
        <v>735</v>
      </c>
      <c r="AD20585" s="2" t="s">
        <v>66236</v>
      </c>
      <c r="AE20585" s="1"/>
    </row>
    <row r="20586" spans="1:31" ht="14.45">
      <c r="A20586" s="11"/>
      <c r="B20586" s="20"/>
      <c r="C20586" s="2" t="s">
        <v>66237</v>
      </c>
      <c r="D20586" s="14" t="s">
        <v>66238</v>
      </c>
      <c r="E20586" s="2" t="s">
        <v>66239</v>
      </c>
      <c r="F20586" s="2" t="s">
        <v>62794</v>
      </c>
      <c r="G20586" s="8">
        <v>1884</v>
      </c>
      <c r="H20586" s="5">
        <v>10</v>
      </c>
      <c r="I20586" s="5" t="s">
        <v>69</v>
      </c>
      <c r="J20586" s="5" t="s">
        <v>65833</v>
      </c>
      <c r="K20586" s="2" t="s">
        <v>65834</v>
      </c>
      <c r="L20586" s="5" t="s">
        <v>65833</v>
      </c>
      <c r="M20586" s="2" t="s">
        <v>65834</v>
      </c>
      <c r="N20586" s="5" t="s">
        <v>733</v>
      </c>
      <c r="O20586" s="5" t="s">
        <v>38</v>
      </c>
      <c r="P20586" s="5" t="s">
        <v>39</v>
      </c>
      <c r="Q20586" s="5" t="s">
        <v>40</v>
      </c>
      <c r="R20586" s="5" t="s">
        <v>897</v>
      </c>
      <c r="S20586" s="5" t="s">
        <v>40</v>
      </c>
      <c r="T20586" s="5" t="s">
        <v>42</v>
      </c>
      <c r="U20586" s="2">
        <v>72.975999999999999</v>
      </c>
      <c r="V20586" s="2">
        <v>68.317999999999998</v>
      </c>
      <c r="W20586" s="2">
        <v>0.26200000000000001</v>
      </c>
      <c r="X20586" s="2">
        <v>17</v>
      </c>
      <c r="Y20586" s="2">
        <v>88.8</v>
      </c>
      <c r="Z20586" s="2">
        <v>173.8</v>
      </c>
      <c r="AA20586" s="5">
        <v>7</v>
      </c>
      <c r="AB20586" s="5" t="s">
        <v>43</v>
      </c>
      <c r="AC20586" s="5" t="s">
        <v>735</v>
      </c>
      <c r="AD20586" s="2" t="s">
        <v>66240</v>
      </c>
      <c r="AE20586" s="1"/>
    </row>
    <row r="20587" spans="1:31" ht="14.45">
      <c r="A20587" s="11"/>
      <c r="B20587" s="20"/>
      <c r="C20587" s="2" t="s">
        <v>66241</v>
      </c>
      <c r="D20587" s="14" t="s">
        <v>66242</v>
      </c>
      <c r="E20587" s="2" t="s">
        <v>66243</v>
      </c>
      <c r="F20587" s="2" t="s">
        <v>62807</v>
      </c>
      <c r="G20587" s="8">
        <v>1997</v>
      </c>
      <c r="H20587" s="5">
        <v>10</v>
      </c>
      <c r="I20587" s="5" t="s">
        <v>69</v>
      </c>
      <c r="J20587" s="5" t="s">
        <v>65833</v>
      </c>
      <c r="K20587" s="2" t="s">
        <v>65834</v>
      </c>
      <c r="L20587" s="5" t="s">
        <v>65833</v>
      </c>
      <c r="M20587" s="2" t="s">
        <v>65834</v>
      </c>
      <c r="N20587" s="5" t="s">
        <v>733</v>
      </c>
      <c r="O20587" s="5" t="s">
        <v>38</v>
      </c>
      <c r="P20587" s="5" t="s">
        <v>39</v>
      </c>
      <c r="Q20587" s="5" t="s">
        <v>40</v>
      </c>
      <c r="R20587" s="5" t="s">
        <v>897</v>
      </c>
      <c r="S20587" s="5" t="s">
        <v>40</v>
      </c>
      <c r="T20587" s="5" t="s">
        <v>42</v>
      </c>
      <c r="U20587" s="2">
        <v>71.691000000000003</v>
      </c>
      <c r="V20587" s="2">
        <v>67.033000000000001</v>
      </c>
      <c r="W20587" s="2">
        <v>0.26200000000000001</v>
      </c>
      <c r="X20587" s="2">
        <v>17</v>
      </c>
      <c r="Y20587" s="2">
        <v>88.8</v>
      </c>
      <c r="Z20587" s="2">
        <v>173.8</v>
      </c>
      <c r="AA20587" s="5">
        <v>7</v>
      </c>
      <c r="AB20587" s="5" t="s">
        <v>43</v>
      </c>
      <c r="AC20587" s="5" t="s">
        <v>735</v>
      </c>
      <c r="AD20587" s="2" t="s">
        <v>66244</v>
      </c>
      <c r="AE20587" s="1"/>
    </row>
    <row r="20588" spans="1:31" ht="14.45">
      <c r="A20588" s="11"/>
      <c r="B20588" s="20"/>
      <c r="C20588" s="2" t="s">
        <v>66245</v>
      </c>
      <c r="D20588" s="14" t="s">
        <v>66246</v>
      </c>
      <c r="E20588" s="2" t="s">
        <v>66247</v>
      </c>
      <c r="F20588" s="2" t="s">
        <v>62830</v>
      </c>
      <c r="G20588" s="8">
        <v>1884</v>
      </c>
      <c r="H20588" s="5">
        <v>10</v>
      </c>
      <c r="I20588" s="5" t="s">
        <v>69</v>
      </c>
      <c r="J20588" s="5" t="s">
        <v>65833</v>
      </c>
      <c r="K20588" s="2" t="s">
        <v>65834</v>
      </c>
      <c r="L20588" s="5" t="s">
        <v>65833</v>
      </c>
      <c r="M20588" s="2" t="s">
        <v>65834</v>
      </c>
      <c r="N20588" s="5" t="s">
        <v>733</v>
      </c>
      <c r="O20588" s="5" t="s">
        <v>38</v>
      </c>
      <c r="P20588" s="5" t="s">
        <v>39</v>
      </c>
      <c r="Q20588" s="5" t="s">
        <v>40</v>
      </c>
      <c r="R20588" s="5" t="s">
        <v>897</v>
      </c>
      <c r="S20588" s="5" t="s">
        <v>40</v>
      </c>
      <c r="T20588" s="5" t="s">
        <v>42</v>
      </c>
      <c r="U20588" s="2">
        <v>71.644999999999996</v>
      </c>
      <c r="V20588" s="2">
        <v>66.986999999999995</v>
      </c>
      <c r="W20588" s="2">
        <v>0.26200000000000001</v>
      </c>
      <c r="X20588" s="2">
        <v>17</v>
      </c>
      <c r="Y20588" s="2">
        <v>88.8</v>
      </c>
      <c r="Z20588" s="2">
        <v>173.8</v>
      </c>
      <c r="AA20588" s="5">
        <v>7</v>
      </c>
      <c r="AB20588" s="5" t="s">
        <v>43</v>
      </c>
      <c r="AC20588" s="5" t="s">
        <v>735</v>
      </c>
      <c r="AD20588" s="2" t="s">
        <v>66248</v>
      </c>
      <c r="AE20588" s="1"/>
    </row>
    <row r="20589" spans="1:31" ht="14.45">
      <c r="A20589" s="11"/>
      <c r="B20589" s="20"/>
      <c r="C20589" s="2" t="s">
        <v>66249</v>
      </c>
      <c r="D20589" s="14" t="s">
        <v>66250</v>
      </c>
      <c r="E20589" s="2" t="s">
        <v>66251</v>
      </c>
      <c r="F20589" s="2" t="s">
        <v>62843</v>
      </c>
      <c r="G20589" s="8">
        <v>1580</v>
      </c>
      <c r="H20589" s="5">
        <v>5</v>
      </c>
      <c r="I20589" s="5" t="s">
        <v>69</v>
      </c>
      <c r="J20589" s="5" t="s">
        <v>65833</v>
      </c>
      <c r="K20589" s="2" t="s">
        <v>65834</v>
      </c>
      <c r="L20589" s="5" t="s">
        <v>65833</v>
      </c>
      <c r="M20589" s="2" t="s">
        <v>65834</v>
      </c>
      <c r="N20589" s="5" t="s">
        <v>733</v>
      </c>
      <c r="O20589" s="5" t="s">
        <v>38</v>
      </c>
      <c r="P20589" s="5" t="s">
        <v>39</v>
      </c>
      <c r="Q20589" s="5" t="s">
        <v>40</v>
      </c>
      <c r="R20589" s="5" t="s">
        <v>897</v>
      </c>
      <c r="S20589" s="5" t="s">
        <v>40</v>
      </c>
      <c r="T20589" s="5" t="s">
        <v>42</v>
      </c>
      <c r="U20589" s="2">
        <v>69.563999999999993</v>
      </c>
      <c r="V20589" s="2">
        <v>65.34</v>
      </c>
      <c r="W20589" s="2">
        <v>0.23499999999999999</v>
      </c>
      <c r="X20589" s="2">
        <v>17</v>
      </c>
      <c r="Y20589" s="2">
        <v>105</v>
      </c>
      <c r="Z20589" s="2">
        <v>131.6</v>
      </c>
      <c r="AA20589" s="5">
        <v>7</v>
      </c>
      <c r="AB20589" s="5" t="s">
        <v>43</v>
      </c>
      <c r="AC20589" s="5" t="s">
        <v>735</v>
      </c>
      <c r="AD20589" s="2" t="s">
        <v>66252</v>
      </c>
      <c r="AE20589" s="1"/>
    </row>
    <row r="20590" spans="1:31" ht="14.45">
      <c r="A20590" s="11"/>
      <c r="B20590" s="20"/>
      <c r="C20590" s="2" t="s">
        <v>66253</v>
      </c>
      <c r="D20590" s="14" t="s">
        <v>66254</v>
      </c>
      <c r="E20590" s="2" t="s">
        <v>66255</v>
      </c>
      <c r="F20590" s="2" t="s">
        <v>62853</v>
      </c>
      <c r="G20590" s="8">
        <v>1421</v>
      </c>
      <c r="H20590" s="5">
        <v>5</v>
      </c>
      <c r="I20590" s="5" t="s">
        <v>69</v>
      </c>
      <c r="J20590" s="5" t="s">
        <v>65833</v>
      </c>
      <c r="K20590" s="2" t="s">
        <v>65834</v>
      </c>
      <c r="L20590" s="5" t="s">
        <v>65833</v>
      </c>
      <c r="M20590" s="2" t="s">
        <v>65834</v>
      </c>
      <c r="N20590" s="5" t="s">
        <v>733</v>
      </c>
      <c r="O20590" s="5" t="s">
        <v>38</v>
      </c>
      <c r="P20590" s="5" t="s">
        <v>39</v>
      </c>
      <c r="Q20590" s="5" t="s">
        <v>40</v>
      </c>
      <c r="R20590" s="5" t="s">
        <v>897</v>
      </c>
      <c r="S20590" s="5" t="s">
        <v>40</v>
      </c>
      <c r="T20590" s="5" t="s">
        <v>42</v>
      </c>
      <c r="U20590" s="2">
        <v>61.043999999999997</v>
      </c>
      <c r="V20590" s="2">
        <v>56.863</v>
      </c>
      <c r="W20590" s="2">
        <v>0.23499999999999999</v>
      </c>
      <c r="X20590" s="2">
        <v>17</v>
      </c>
      <c r="Y20590" s="2">
        <v>105</v>
      </c>
      <c r="Z20590" s="2">
        <v>131.6</v>
      </c>
      <c r="AA20590" s="5">
        <v>7</v>
      </c>
      <c r="AB20590" s="5" t="s">
        <v>43</v>
      </c>
      <c r="AC20590" s="5" t="s">
        <v>735</v>
      </c>
      <c r="AD20590" s="2" t="s">
        <v>66256</v>
      </c>
      <c r="AE20590" s="1"/>
    </row>
    <row r="20591" spans="1:31" ht="14.45">
      <c r="A20591" s="11"/>
      <c r="B20591" s="20"/>
      <c r="C20591" s="2" t="s">
        <v>66257</v>
      </c>
      <c r="D20591" s="14" t="s">
        <v>66258</v>
      </c>
      <c r="E20591" s="2" t="s">
        <v>66259</v>
      </c>
      <c r="F20591" s="2" t="s">
        <v>62858</v>
      </c>
      <c r="G20591" s="8">
        <v>2047</v>
      </c>
      <c r="H20591" s="5">
        <v>5</v>
      </c>
      <c r="I20591" s="5" t="s">
        <v>69</v>
      </c>
      <c r="J20591" s="5" t="s">
        <v>65833</v>
      </c>
      <c r="K20591" s="2" t="s">
        <v>65834</v>
      </c>
      <c r="L20591" s="5" t="s">
        <v>65833</v>
      </c>
      <c r="M20591" s="2" t="s">
        <v>65834</v>
      </c>
      <c r="N20591" s="5" t="s">
        <v>733</v>
      </c>
      <c r="O20591" s="5" t="s">
        <v>38</v>
      </c>
      <c r="P20591" s="5" t="s">
        <v>39</v>
      </c>
      <c r="Q20591" s="5" t="s">
        <v>40</v>
      </c>
      <c r="R20591" s="5" t="s">
        <v>897</v>
      </c>
      <c r="S20591" s="5" t="s">
        <v>40</v>
      </c>
      <c r="T20591" s="5" t="s">
        <v>42</v>
      </c>
      <c r="U20591" s="2">
        <v>60.674999999999997</v>
      </c>
      <c r="V20591" s="2">
        <v>55.621000000000002</v>
      </c>
      <c r="W20591" s="2">
        <v>0.25800000000000001</v>
      </c>
      <c r="X20591" s="2">
        <v>17</v>
      </c>
      <c r="Y20591" s="2">
        <v>109</v>
      </c>
      <c r="Z20591" s="2">
        <v>139</v>
      </c>
      <c r="AA20591" s="5">
        <v>7</v>
      </c>
      <c r="AB20591" s="5" t="s">
        <v>43</v>
      </c>
      <c r="AC20591" s="5" t="s">
        <v>735</v>
      </c>
      <c r="AD20591" s="2" t="s">
        <v>66260</v>
      </c>
      <c r="AE20591" s="1"/>
    </row>
    <row r="20592" spans="1:31" ht="14.45">
      <c r="A20592" s="11"/>
      <c r="B20592" s="20"/>
      <c r="C20592" s="2" t="s">
        <v>66261</v>
      </c>
      <c r="D20592" s="14" t="s">
        <v>66262</v>
      </c>
      <c r="E20592" s="2" t="s">
        <v>66263</v>
      </c>
      <c r="F20592" s="2" t="s">
        <v>62876</v>
      </c>
      <c r="G20592" s="8">
        <v>1580</v>
      </c>
      <c r="H20592" s="5">
        <v>5</v>
      </c>
      <c r="I20592" s="5" t="s">
        <v>69</v>
      </c>
      <c r="J20592" s="5" t="s">
        <v>65833</v>
      </c>
      <c r="K20592" s="2" t="s">
        <v>65834</v>
      </c>
      <c r="L20592" s="5" t="s">
        <v>65833</v>
      </c>
      <c r="M20592" s="2" t="s">
        <v>65834</v>
      </c>
      <c r="N20592" s="5" t="s">
        <v>733</v>
      </c>
      <c r="O20592" s="5" t="s">
        <v>38</v>
      </c>
      <c r="P20592" s="5" t="s">
        <v>39</v>
      </c>
      <c r="Q20592" s="5" t="s">
        <v>40</v>
      </c>
      <c r="R20592" s="5" t="s">
        <v>897</v>
      </c>
      <c r="S20592" s="5" t="s">
        <v>40</v>
      </c>
      <c r="T20592" s="5" t="s">
        <v>42</v>
      </c>
      <c r="U20592" s="2">
        <v>60.95</v>
      </c>
      <c r="V20592" s="2">
        <v>56.762</v>
      </c>
      <c r="W20592" s="2">
        <v>0.23499999999999999</v>
      </c>
      <c r="X20592" s="2">
        <v>17</v>
      </c>
      <c r="Y20592" s="2">
        <v>105</v>
      </c>
      <c r="Z20592" s="2">
        <v>131.6</v>
      </c>
      <c r="AA20592" s="5">
        <v>7</v>
      </c>
      <c r="AB20592" s="5" t="s">
        <v>43</v>
      </c>
      <c r="AC20592" s="5" t="s">
        <v>735</v>
      </c>
      <c r="AD20592" s="2" t="s">
        <v>66264</v>
      </c>
      <c r="AE20592" s="1"/>
    </row>
    <row r="20593" spans="1:31" ht="14.45">
      <c r="A20593" s="11"/>
      <c r="B20593" s="20"/>
      <c r="C20593" s="2" t="s">
        <v>66265</v>
      </c>
      <c r="D20593" s="14" t="s">
        <v>66266</v>
      </c>
      <c r="E20593" s="2" t="s">
        <v>66267</v>
      </c>
      <c r="F20593" s="2" t="s">
        <v>62890</v>
      </c>
      <c r="G20593" s="8">
        <v>1269</v>
      </c>
      <c r="H20593" s="5">
        <v>5</v>
      </c>
      <c r="I20593" s="5" t="s">
        <v>69</v>
      </c>
      <c r="J20593" s="5" t="s">
        <v>65833</v>
      </c>
      <c r="K20593" s="2" t="s">
        <v>65834</v>
      </c>
      <c r="L20593" s="5" t="s">
        <v>65833</v>
      </c>
      <c r="M20593" s="2" t="s">
        <v>65834</v>
      </c>
      <c r="N20593" s="5" t="s">
        <v>733</v>
      </c>
      <c r="O20593" s="5" t="s">
        <v>38</v>
      </c>
      <c r="P20593" s="5" t="s">
        <v>39</v>
      </c>
      <c r="Q20593" s="5" t="s">
        <v>40</v>
      </c>
      <c r="R20593" s="5" t="s">
        <v>897</v>
      </c>
      <c r="S20593" s="5" t="s">
        <v>40</v>
      </c>
      <c r="T20593" s="5" t="s">
        <v>42</v>
      </c>
      <c r="U20593" s="2">
        <v>61.091000000000001</v>
      </c>
      <c r="V20593" s="2">
        <v>56.91</v>
      </c>
      <c r="W20593" s="2">
        <v>0.23499999999999999</v>
      </c>
      <c r="X20593" s="2">
        <v>17</v>
      </c>
      <c r="Y20593" s="2">
        <v>105</v>
      </c>
      <c r="Z20593" s="2">
        <v>131.6</v>
      </c>
      <c r="AA20593" s="5">
        <v>7</v>
      </c>
      <c r="AB20593" s="5" t="s">
        <v>43</v>
      </c>
      <c r="AC20593" s="5" t="s">
        <v>735</v>
      </c>
      <c r="AD20593" s="2" t="s">
        <v>66268</v>
      </c>
      <c r="AE20593" s="1"/>
    </row>
    <row r="20594" spans="1:31" ht="14.45">
      <c r="A20594" s="11"/>
      <c r="B20594" s="20"/>
      <c r="C20594" s="2" t="s">
        <v>66269</v>
      </c>
      <c r="D20594" s="14" t="s">
        <v>66270</v>
      </c>
      <c r="E20594" s="2" t="s">
        <v>66271</v>
      </c>
      <c r="F20594" s="2" t="s">
        <v>62903</v>
      </c>
      <c r="G20594" s="8">
        <v>1077</v>
      </c>
      <c r="H20594" s="5">
        <v>5</v>
      </c>
      <c r="I20594" s="5" t="s">
        <v>69</v>
      </c>
      <c r="J20594" s="5" t="s">
        <v>65833</v>
      </c>
      <c r="K20594" s="2" t="s">
        <v>65834</v>
      </c>
      <c r="L20594" s="5" t="s">
        <v>65833</v>
      </c>
      <c r="M20594" s="2" t="s">
        <v>65834</v>
      </c>
      <c r="N20594" s="5" t="s">
        <v>733</v>
      </c>
      <c r="O20594" s="5" t="s">
        <v>38</v>
      </c>
      <c r="P20594" s="5" t="s">
        <v>39</v>
      </c>
      <c r="Q20594" s="5" t="s">
        <v>40</v>
      </c>
      <c r="R20594" s="5" t="s">
        <v>897</v>
      </c>
      <c r="S20594" s="5" t="s">
        <v>40</v>
      </c>
      <c r="T20594" s="5" t="s">
        <v>42</v>
      </c>
      <c r="U20594" s="2">
        <v>53.652000000000001</v>
      </c>
      <c r="V20594" s="2">
        <v>49.447000000000003</v>
      </c>
      <c r="W20594" s="2">
        <v>0.23499999999999999</v>
      </c>
      <c r="X20594" s="2">
        <v>17</v>
      </c>
      <c r="Y20594" s="2">
        <v>105</v>
      </c>
      <c r="Z20594" s="2">
        <v>131.6</v>
      </c>
      <c r="AA20594" s="5">
        <v>7</v>
      </c>
      <c r="AB20594" s="5" t="s">
        <v>43</v>
      </c>
      <c r="AC20594" s="5" t="s">
        <v>735</v>
      </c>
      <c r="AD20594" s="2" t="s">
        <v>66272</v>
      </c>
      <c r="AE20594" s="1"/>
    </row>
    <row r="20595" spans="1:31" ht="14.45">
      <c r="A20595" s="11"/>
      <c r="B20595" s="20"/>
      <c r="C20595" s="2" t="s">
        <v>66273</v>
      </c>
      <c r="D20595" s="14" t="s">
        <v>66274</v>
      </c>
      <c r="E20595" s="2" t="s">
        <v>66275</v>
      </c>
      <c r="F20595" s="2" t="s">
        <v>62903</v>
      </c>
      <c r="G20595" s="8">
        <v>1703</v>
      </c>
      <c r="H20595" s="5">
        <v>5</v>
      </c>
      <c r="I20595" s="5" t="s">
        <v>69</v>
      </c>
      <c r="J20595" s="5" t="s">
        <v>65833</v>
      </c>
      <c r="K20595" s="2" t="s">
        <v>65834</v>
      </c>
      <c r="L20595" s="5" t="s">
        <v>65833</v>
      </c>
      <c r="M20595" s="2" t="s">
        <v>65834</v>
      </c>
      <c r="N20595" s="5" t="s">
        <v>733</v>
      </c>
      <c r="O20595" s="5" t="s">
        <v>38</v>
      </c>
      <c r="P20595" s="5" t="s">
        <v>39</v>
      </c>
      <c r="Q20595" s="5" t="s">
        <v>40</v>
      </c>
      <c r="R20595" s="5" t="s">
        <v>897</v>
      </c>
      <c r="S20595" s="5" t="s">
        <v>40</v>
      </c>
      <c r="T20595" s="5" t="s">
        <v>42</v>
      </c>
      <c r="U20595" s="2">
        <v>53.893999999999998</v>
      </c>
      <c r="V20595" s="2">
        <v>48.816000000000003</v>
      </c>
      <c r="W20595" s="2">
        <v>0.25800000000000001</v>
      </c>
      <c r="X20595" s="2">
        <v>17</v>
      </c>
      <c r="Y20595" s="2">
        <v>109</v>
      </c>
      <c r="Z20595" s="2">
        <v>139</v>
      </c>
      <c r="AA20595" s="5">
        <v>7</v>
      </c>
      <c r="AB20595" s="5" t="s">
        <v>43</v>
      </c>
      <c r="AC20595" s="5" t="s">
        <v>735</v>
      </c>
      <c r="AD20595" s="2" t="s">
        <v>66276</v>
      </c>
      <c r="AE20595" s="1"/>
    </row>
    <row r="20596" spans="1:31" ht="14.45">
      <c r="A20596" s="11"/>
      <c r="B20596" s="20"/>
      <c r="C20596" s="2" t="s">
        <v>66277</v>
      </c>
      <c r="D20596" s="14" t="s">
        <v>66278</v>
      </c>
      <c r="E20596" s="2" t="s">
        <v>66279</v>
      </c>
      <c r="F20596" s="2" t="s">
        <v>62930</v>
      </c>
      <c r="G20596" s="8">
        <v>1321</v>
      </c>
      <c r="H20596" s="5">
        <v>5</v>
      </c>
      <c r="I20596" s="5" t="s">
        <v>69</v>
      </c>
      <c r="J20596" s="5" t="s">
        <v>65833</v>
      </c>
      <c r="K20596" s="2" t="s">
        <v>65834</v>
      </c>
      <c r="L20596" s="5" t="s">
        <v>65833</v>
      </c>
      <c r="M20596" s="2" t="s">
        <v>65834</v>
      </c>
      <c r="N20596" s="5" t="s">
        <v>733</v>
      </c>
      <c r="O20596" s="5" t="s">
        <v>38</v>
      </c>
      <c r="P20596" s="5" t="s">
        <v>39</v>
      </c>
      <c r="Q20596" s="5" t="s">
        <v>40</v>
      </c>
      <c r="R20596" s="5" t="s">
        <v>897</v>
      </c>
      <c r="S20596" s="5" t="s">
        <v>40</v>
      </c>
      <c r="T20596" s="5" t="s">
        <v>42</v>
      </c>
      <c r="U20596" s="2">
        <v>61.003</v>
      </c>
      <c r="V20596" s="2">
        <v>56.822000000000003</v>
      </c>
      <c r="W20596" s="2">
        <v>0.23499999999999999</v>
      </c>
      <c r="X20596" s="2">
        <v>17</v>
      </c>
      <c r="Y20596" s="2">
        <v>105</v>
      </c>
      <c r="Z20596" s="2">
        <v>131.6</v>
      </c>
      <c r="AA20596" s="5">
        <v>7</v>
      </c>
      <c r="AB20596" s="5" t="s">
        <v>43</v>
      </c>
      <c r="AC20596" s="5" t="s">
        <v>735</v>
      </c>
      <c r="AD20596" s="2" t="s">
        <v>66280</v>
      </c>
      <c r="AE20596" s="1"/>
    </row>
    <row r="20597" spans="1:31" ht="14.45">
      <c r="A20597" s="11"/>
      <c r="B20597" s="20"/>
      <c r="C20597" s="2" t="s">
        <v>66281</v>
      </c>
      <c r="D20597" s="14" t="s">
        <v>66282</v>
      </c>
      <c r="E20597" s="2" t="s">
        <v>66283</v>
      </c>
      <c r="F20597" s="2" t="s">
        <v>62952</v>
      </c>
      <c r="G20597" s="8">
        <v>1889</v>
      </c>
      <c r="H20597" s="5">
        <v>10</v>
      </c>
      <c r="I20597" s="5" t="s">
        <v>69</v>
      </c>
      <c r="J20597" s="5" t="s">
        <v>65833</v>
      </c>
      <c r="K20597" s="2" t="s">
        <v>65834</v>
      </c>
      <c r="L20597" s="5" t="s">
        <v>65833</v>
      </c>
      <c r="M20597" s="2" t="s">
        <v>65834</v>
      </c>
      <c r="N20597" s="5" t="s">
        <v>733</v>
      </c>
      <c r="O20597" s="5" t="s">
        <v>38</v>
      </c>
      <c r="P20597" s="5" t="s">
        <v>39</v>
      </c>
      <c r="Q20597" s="5" t="s">
        <v>40</v>
      </c>
      <c r="R20597" s="5" t="s">
        <v>897</v>
      </c>
      <c r="S20597" s="5" t="s">
        <v>40</v>
      </c>
      <c r="T20597" s="5" t="s">
        <v>42</v>
      </c>
      <c r="U20597" s="2">
        <v>64.986000000000004</v>
      </c>
      <c r="V20597" s="2">
        <v>60.798000000000002</v>
      </c>
      <c r="W20597" s="2">
        <v>0.23499999999999999</v>
      </c>
      <c r="X20597" s="2">
        <v>17</v>
      </c>
      <c r="Y20597" s="2">
        <v>105</v>
      </c>
      <c r="Z20597" s="2">
        <v>131.6</v>
      </c>
      <c r="AA20597" s="5">
        <v>7</v>
      </c>
      <c r="AB20597" s="5" t="s">
        <v>43</v>
      </c>
      <c r="AC20597" s="5" t="s">
        <v>735</v>
      </c>
      <c r="AD20597" s="2" t="s">
        <v>66284</v>
      </c>
      <c r="AE20597" s="1"/>
    </row>
    <row r="20598" spans="1:31" ht="14.45">
      <c r="A20598" s="11"/>
      <c r="B20598" s="20"/>
      <c r="C20598" s="2" t="s">
        <v>66285</v>
      </c>
      <c r="D20598" s="14" t="s">
        <v>66286</v>
      </c>
      <c r="E20598" s="2" t="s">
        <v>66287</v>
      </c>
      <c r="F20598" s="2" t="s">
        <v>62967</v>
      </c>
      <c r="G20598" s="8">
        <v>1545</v>
      </c>
      <c r="H20598" s="5">
        <v>10</v>
      </c>
      <c r="I20598" s="5" t="s">
        <v>69</v>
      </c>
      <c r="J20598" s="5" t="s">
        <v>65833</v>
      </c>
      <c r="K20598" s="2" t="s">
        <v>65834</v>
      </c>
      <c r="L20598" s="5" t="s">
        <v>65833</v>
      </c>
      <c r="M20598" s="2" t="s">
        <v>65834</v>
      </c>
      <c r="N20598" s="5" t="s">
        <v>733</v>
      </c>
      <c r="O20598" s="5" t="s">
        <v>38</v>
      </c>
      <c r="P20598" s="5" t="s">
        <v>39</v>
      </c>
      <c r="Q20598" s="5" t="s">
        <v>40</v>
      </c>
      <c r="R20598" s="5" t="s">
        <v>897</v>
      </c>
      <c r="S20598" s="5" t="s">
        <v>40</v>
      </c>
      <c r="T20598" s="5" t="s">
        <v>42</v>
      </c>
      <c r="U20598" s="2">
        <v>57.908000000000001</v>
      </c>
      <c r="V20598" s="2">
        <v>53.695999999999998</v>
      </c>
      <c r="W20598" s="2">
        <v>0.23499999999999999</v>
      </c>
      <c r="X20598" s="2">
        <v>17</v>
      </c>
      <c r="Y20598" s="2">
        <v>105</v>
      </c>
      <c r="Z20598" s="2">
        <v>131.6</v>
      </c>
      <c r="AA20598" s="5">
        <v>7</v>
      </c>
      <c r="AB20598" s="5" t="s">
        <v>43</v>
      </c>
      <c r="AC20598" s="5" t="s">
        <v>735</v>
      </c>
      <c r="AD20598" s="2" t="s">
        <v>66288</v>
      </c>
      <c r="AE20598" s="1"/>
    </row>
    <row r="20599" spans="1:31" ht="14.45">
      <c r="A20599" s="11"/>
      <c r="B20599" s="20"/>
      <c r="C20599" s="2" t="s">
        <v>66289</v>
      </c>
      <c r="D20599" s="14" t="s">
        <v>66290</v>
      </c>
      <c r="E20599" s="2" t="s">
        <v>66291</v>
      </c>
      <c r="F20599" s="2" t="s">
        <v>62982</v>
      </c>
      <c r="G20599" s="8">
        <v>1789</v>
      </c>
      <c r="H20599" s="5">
        <v>10</v>
      </c>
      <c r="I20599" s="5" t="s">
        <v>69</v>
      </c>
      <c r="J20599" s="5" t="s">
        <v>65833</v>
      </c>
      <c r="K20599" s="2" t="s">
        <v>65834</v>
      </c>
      <c r="L20599" s="5" t="s">
        <v>65833</v>
      </c>
      <c r="M20599" s="2" t="s">
        <v>65834</v>
      </c>
      <c r="N20599" s="5" t="s">
        <v>733</v>
      </c>
      <c r="O20599" s="5" t="s">
        <v>38</v>
      </c>
      <c r="P20599" s="5" t="s">
        <v>39</v>
      </c>
      <c r="Q20599" s="5" t="s">
        <v>40</v>
      </c>
      <c r="R20599" s="5" t="s">
        <v>897</v>
      </c>
      <c r="S20599" s="5" t="s">
        <v>40</v>
      </c>
      <c r="T20599" s="5" t="s">
        <v>42</v>
      </c>
      <c r="U20599" s="2">
        <v>64.944999999999993</v>
      </c>
      <c r="V20599" s="2">
        <v>60.756999999999998</v>
      </c>
      <c r="W20599" s="2">
        <v>0.23499999999999999</v>
      </c>
      <c r="X20599" s="2">
        <v>17</v>
      </c>
      <c r="Y20599" s="2">
        <v>105</v>
      </c>
      <c r="Z20599" s="2">
        <v>131.6</v>
      </c>
      <c r="AA20599" s="5">
        <v>7</v>
      </c>
      <c r="AB20599" s="5" t="s">
        <v>43</v>
      </c>
      <c r="AC20599" s="5" t="s">
        <v>735</v>
      </c>
      <c r="AD20599" s="2" t="s">
        <v>66292</v>
      </c>
      <c r="AE20599" s="1"/>
    </row>
    <row r="20600" spans="1:31" ht="14.45">
      <c r="A20600" s="11"/>
      <c r="B20600" s="20"/>
      <c r="C20600" s="2" t="s">
        <v>66293</v>
      </c>
      <c r="D20600" s="14" t="s">
        <v>66294</v>
      </c>
      <c r="E20600" s="2" t="s">
        <v>66295</v>
      </c>
      <c r="F20600" s="2" t="s">
        <v>63006</v>
      </c>
      <c r="G20600" s="8">
        <v>1789</v>
      </c>
      <c r="H20600" s="5">
        <v>10</v>
      </c>
      <c r="I20600" s="5" t="s">
        <v>69</v>
      </c>
      <c r="J20600" s="5" t="s">
        <v>65833</v>
      </c>
      <c r="K20600" s="2" t="s">
        <v>65834</v>
      </c>
      <c r="L20600" s="5" t="s">
        <v>65833</v>
      </c>
      <c r="M20600" s="2" t="s">
        <v>65834</v>
      </c>
      <c r="N20600" s="5" t="s">
        <v>733</v>
      </c>
      <c r="O20600" s="5" t="s">
        <v>38</v>
      </c>
      <c r="P20600" s="5" t="s">
        <v>39</v>
      </c>
      <c r="Q20600" s="5" t="s">
        <v>40</v>
      </c>
      <c r="R20600" s="5" t="s">
        <v>897</v>
      </c>
      <c r="S20600" s="5" t="s">
        <v>40</v>
      </c>
      <c r="T20600" s="5" t="s">
        <v>42</v>
      </c>
      <c r="U20600" s="2">
        <v>63.741</v>
      </c>
      <c r="V20600" s="2">
        <v>59.552999999999997</v>
      </c>
      <c r="W20600" s="2">
        <v>0.23499999999999999</v>
      </c>
      <c r="X20600" s="2">
        <v>17</v>
      </c>
      <c r="Y20600" s="2">
        <v>105</v>
      </c>
      <c r="Z20600" s="2">
        <v>131.6</v>
      </c>
      <c r="AA20600" s="5">
        <v>7</v>
      </c>
      <c r="AB20600" s="5" t="s">
        <v>43</v>
      </c>
      <c r="AC20600" s="5" t="s">
        <v>735</v>
      </c>
      <c r="AD20600" s="2" t="s">
        <v>66296</v>
      </c>
      <c r="AE20600" s="1"/>
    </row>
    <row r="20601" spans="1:31" ht="14.45">
      <c r="A20601" s="11"/>
      <c r="B20601" s="20"/>
      <c r="C20601" s="2" t="s">
        <v>66297</v>
      </c>
      <c r="D20601" s="14" t="s">
        <v>66298</v>
      </c>
      <c r="E20601" s="2" t="s">
        <v>66299</v>
      </c>
      <c r="F20601" s="2" t="s">
        <v>66300</v>
      </c>
      <c r="G20601" s="8">
        <v>1848</v>
      </c>
      <c r="H20601" s="5">
        <v>5</v>
      </c>
      <c r="I20601" s="5" t="s">
        <v>69</v>
      </c>
      <c r="J20601" s="5" t="s">
        <v>65833</v>
      </c>
      <c r="K20601" s="2" t="s">
        <v>65834</v>
      </c>
      <c r="L20601" s="5" t="s">
        <v>65833</v>
      </c>
      <c r="M20601" s="2" t="s">
        <v>65834</v>
      </c>
      <c r="N20601" s="5" t="s">
        <v>733</v>
      </c>
      <c r="O20601" s="5" t="s">
        <v>38</v>
      </c>
      <c r="P20601" s="5" t="s">
        <v>39</v>
      </c>
      <c r="Q20601" s="5" t="s">
        <v>40</v>
      </c>
      <c r="R20601" s="5" t="s">
        <v>1487</v>
      </c>
      <c r="S20601" s="5"/>
      <c r="T20601" s="5" t="s">
        <v>42</v>
      </c>
      <c r="U20601" s="2">
        <v>0</v>
      </c>
      <c r="V20601" s="2">
        <v>0</v>
      </c>
      <c r="W20601" s="2">
        <v>0</v>
      </c>
      <c r="X20601" s="2">
        <v>0</v>
      </c>
      <c r="Y20601" s="2">
        <v>0</v>
      </c>
      <c r="Z20601" s="2">
        <v>0</v>
      </c>
      <c r="AA20601" s="5"/>
      <c r="AB20601" s="5" t="s">
        <v>43</v>
      </c>
      <c r="AC20601" s="5" t="s">
        <v>735</v>
      </c>
      <c r="AD20601" s="2" t="s">
        <v>66301</v>
      </c>
      <c r="AE20601" s="1"/>
    </row>
    <row r="20602" spans="1:31" ht="14.45">
      <c r="A20602" s="11"/>
      <c r="B20602" s="20"/>
      <c r="C20602" s="2" t="s">
        <v>66302</v>
      </c>
      <c r="D20602" s="14" t="s">
        <v>66303</v>
      </c>
      <c r="E20602" s="2" t="s">
        <v>66304</v>
      </c>
      <c r="F20602" s="2" t="s">
        <v>63020</v>
      </c>
      <c r="G20602" s="8">
        <v>1746</v>
      </c>
      <c r="H20602" s="5">
        <v>5</v>
      </c>
      <c r="I20602" s="5" t="s">
        <v>69</v>
      </c>
      <c r="J20602" s="5" t="s">
        <v>65833</v>
      </c>
      <c r="K20602" s="2" t="s">
        <v>65834</v>
      </c>
      <c r="L20602" s="5" t="s">
        <v>65833</v>
      </c>
      <c r="M20602" s="2" t="s">
        <v>65834</v>
      </c>
      <c r="N20602" s="5" t="s">
        <v>733</v>
      </c>
      <c r="O20602" s="5" t="s">
        <v>38</v>
      </c>
      <c r="P20602" s="5" t="s">
        <v>39</v>
      </c>
      <c r="Q20602" s="5" t="s">
        <v>40</v>
      </c>
      <c r="R20602" s="5" t="s">
        <v>897</v>
      </c>
      <c r="S20602" s="5" t="s">
        <v>40</v>
      </c>
      <c r="T20602" s="5" t="s">
        <v>42</v>
      </c>
      <c r="U20602" s="2">
        <v>81.179000000000002</v>
      </c>
      <c r="V20602" s="2">
        <v>76.415000000000006</v>
      </c>
      <c r="W20602" s="2">
        <v>0.27400000000000002</v>
      </c>
      <c r="X20602" s="2">
        <v>17</v>
      </c>
      <c r="Y20602" s="2">
        <v>105</v>
      </c>
      <c r="Z20602" s="2">
        <v>153.6</v>
      </c>
      <c r="AA20602" s="5">
        <v>7</v>
      </c>
      <c r="AB20602" s="5" t="s">
        <v>43</v>
      </c>
      <c r="AC20602" s="5" t="s">
        <v>735</v>
      </c>
      <c r="AD20602" s="2" t="s">
        <v>66305</v>
      </c>
      <c r="AE20602" s="1"/>
    </row>
    <row r="20603" spans="1:31" ht="14.45">
      <c r="A20603" s="11"/>
      <c r="B20603" s="20"/>
      <c r="C20603" s="2" t="s">
        <v>66306</v>
      </c>
      <c r="D20603" s="14" t="s">
        <v>66307</v>
      </c>
      <c r="E20603" s="2" t="s">
        <v>66308</v>
      </c>
      <c r="F20603" s="2" t="s">
        <v>63030</v>
      </c>
      <c r="G20603" s="8">
        <v>1558</v>
      </c>
      <c r="H20603" s="5">
        <v>5</v>
      </c>
      <c r="I20603" s="5" t="s">
        <v>69</v>
      </c>
      <c r="J20603" s="5" t="s">
        <v>65833</v>
      </c>
      <c r="K20603" s="2" t="s">
        <v>65834</v>
      </c>
      <c r="L20603" s="5" t="s">
        <v>65833</v>
      </c>
      <c r="M20603" s="2" t="s">
        <v>65834</v>
      </c>
      <c r="N20603" s="5" t="s">
        <v>733</v>
      </c>
      <c r="O20603" s="5" t="s">
        <v>38</v>
      </c>
      <c r="P20603" s="5" t="s">
        <v>39</v>
      </c>
      <c r="Q20603" s="5" t="s">
        <v>40</v>
      </c>
      <c r="R20603" s="5" t="s">
        <v>897</v>
      </c>
      <c r="S20603" s="5" t="s">
        <v>40</v>
      </c>
      <c r="T20603" s="5" t="s">
        <v>42</v>
      </c>
      <c r="U20603" s="2">
        <v>71.117000000000004</v>
      </c>
      <c r="V20603" s="2">
        <v>66.400999999999996</v>
      </c>
      <c r="W20603" s="2">
        <v>0.27400000000000002</v>
      </c>
      <c r="X20603" s="2">
        <v>17</v>
      </c>
      <c r="Y20603" s="2">
        <v>105</v>
      </c>
      <c r="Z20603" s="2">
        <v>153.6</v>
      </c>
      <c r="AA20603" s="5">
        <v>7</v>
      </c>
      <c r="AB20603" s="5" t="s">
        <v>43</v>
      </c>
      <c r="AC20603" s="5" t="s">
        <v>735</v>
      </c>
      <c r="AD20603" s="2" t="s">
        <v>66309</v>
      </c>
      <c r="AE20603" s="1"/>
    </row>
    <row r="20604" spans="1:31" ht="14.45">
      <c r="A20604" s="11"/>
      <c r="B20604" s="20"/>
      <c r="C20604" s="2" t="s">
        <v>66310</v>
      </c>
      <c r="D20604" s="14" t="s">
        <v>66311</v>
      </c>
      <c r="E20604" s="2" t="s">
        <v>66312</v>
      </c>
      <c r="F20604" s="2" t="s">
        <v>63035</v>
      </c>
      <c r="G20604" s="8">
        <v>2184</v>
      </c>
      <c r="H20604" s="5">
        <v>5</v>
      </c>
      <c r="I20604" s="5" t="s">
        <v>69</v>
      </c>
      <c r="J20604" s="5" t="s">
        <v>65833</v>
      </c>
      <c r="K20604" s="2" t="s">
        <v>65834</v>
      </c>
      <c r="L20604" s="5" t="s">
        <v>65833</v>
      </c>
      <c r="M20604" s="2" t="s">
        <v>65834</v>
      </c>
      <c r="N20604" s="5" t="s">
        <v>733</v>
      </c>
      <c r="O20604" s="5" t="s">
        <v>38</v>
      </c>
      <c r="P20604" s="5" t="s">
        <v>39</v>
      </c>
      <c r="Q20604" s="5" t="s">
        <v>40</v>
      </c>
      <c r="R20604" s="5" t="s">
        <v>897</v>
      </c>
      <c r="S20604" s="5" t="s">
        <v>40</v>
      </c>
      <c r="T20604" s="5" t="s">
        <v>42</v>
      </c>
      <c r="U20604" s="2">
        <v>69.539000000000001</v>
      </c>
      <c r="V20604" s="2">
        <v>63.881</v>
      </c>
      <c r="W20604" s="2">
        <v>0.29799999999999999</v>
      </c>
      <c r="X20604" s="2">
        <v>17</v>
      </c>
      <c r="Y20604" s="2">
        <v>109</v>
      </c>
      <c r="Z20604" s="2">
        <v>161</v>
      </c>
      <c r="AA20604" s="5">
        <v>7</v>
      </c>
      <c r="AB20604" s="5" t="s">
        <v>43</v>
      </c>
      <c r="AC20604" s="5" t="s">
        <v>735</v>
      </c>
      <c r="AD20604" s="2" t="s">
        <v>66313</v>
      </c>
      <c r="AE20604" s="1"/>
    </row>
    <row r="20605" spans="1:31" ht="14.45">
      <c r="A20605" s="11"/>
      <c r="B20605" s="20"/>
      <c r="C20605" s="2" t="s">
        <v>66314</v>
      </c>
      <c r="D20605" s="14" t="s">
        <v>66315</v>
      </c>
      <c r="E20605" s="2" t="s">
        <v>66316</v>
      </c>
      <c r="F20605" s="2" t="s">
        <v>63053</v>
      </c>
      <c r="G20605" s="8">
        <v>1746</v>
      </c>
      <c r="H20605" s="5">
        <v>5</v>
      </c>
      <c r="I20605" s="5" t="s">
        <v>69</v>
      </c>
      <c r="J20605" s="5" t="s">
        <v>65833</v>
      </c>
      <c r="K20605" s="2" t="s">
        <v>65834</v>
      </c>
      <c r="L20605" s="5" t="s">
        <v>65833</v>
      </c>
      <c r="M20605" s="2" t="s">
        <v>65834</v>
      </c>
      <c r="N20605" s="5" t="s">
        <v>733</v>
      </c>
      <c r="O20605" s="5" t="s">
        <v>38</v>
      </c>
      <c r="P20605" s="5" t="s">
        <v>39</v>
      </c>
      <c r="Q20605" s="5" t="s">
        <v>40</v>
      </c>
      <c r="R20605" s="5" t="s">
        <v>897</v>
      </c>
      <c r="S20605" s="5" t="s">
        <v>40</v>
      </c>
      <c r="T20605" s="5" t="s">
        <v>42</v>
      </c>
      <c r="U20605" s="2">
        <v>71.010999999999996</v>
      </c>
      <c r="V20605" s="2">
        <v>66.287999999999997</v>
      </c>
      <c r="W20605" s="2">
        <v>0.27400000000000002</v>
      </c>
      <c r="X20605" s="2">
        <v>17</v>
      </c>
      <c r="Y20605" s="2">
        <v>105</v>
      </c>
      <c r="Z20605" s="2">
        <v>153.6</v>
      </c>
      <c r="AA20605" s="5">
        <v>7</v>
      </c>
      <c r="AB20605" s="5" t="s">
        <v>43</v>
      </c>
      <c r="AC20605" s="5" t="s">
        <v>735</v>
      </c>
      <c r="AD20605" s="2" t="s">
        <v>66317</v>
      </c>
      <c r="AE20605" s="1"/>
    </row>
    <row r="20606" spans="1:31" ht="14.45">
      <c r="A20606" s="11"/>
      <c r="B20606" s="20"/>
      <c r="C20606" s="2" t="s">
        <v>66318</v>
      </c>
      <c r="D20606" s="14" t="s">
        <v>66319</v>
      </c>
      <c r="E20606" s="2" t="s">
        <v>66320</v>
      </c>
      <c r="F20606" s="2" t="s">
        <v>63063</v>
      </c>
      <c r="G20606" s="8">
        <v>1377</v>
      </c>
      <c r="H20606" s="5">
        <v>10</v>
      </c>
      <c r="I20606" s="5" t="s">
        <v>69</v>
      </c>
      <c r="J20606" s="5" t="s">
        <v>65833</v>
      </c>
      <c r="K20606" s="2" t="s">
        <v>65834</v>
      </c>
      <c r="L20606" s="5" t="s">
        <v>65833</v>
      </c>
      <c r="M20606" s="2" t="s">
        <v>65834</v>
      </c>
      <c r="N20606" s="5" t="s">
        <v>733</v>
      </c>
      <c r="O20606" s="5" t="s">
        <v>38</v>
      </c>
      <c r="P20606" s="5" t="s">
        <v>39</v>
      </c>
      <c r="Q20606" s="5" t="s">
        <v>40</v>
      </c>
      <c r="R20606" s="5" t="s">
        <v>897</v>
      </c>
      <c r="S20606" s="5" t="s">
        <v>40</v>
      </c>
      <c r="T20606" s="5" t="s">
        <v>42</v>
      </c>
      <c r="U20606" s="2">
        <v>71.207999999999998</v>
      </c>
      <c r="V20606" s="2">
        <v>66.484999999999999</v>
      </c>
      <c r="W20606" s="2">
        <v>0.27400000000000002</v>
      </c>
      <c r="X20606" s="2">
        <v>17</v>
      </c>
      <c r="Y20606" s="2">
        <v>105</v>
      </c>
      <c r="Z20606" s="2">
        <v>153.6</v>
      </c>
      <c r="AA20606" s="5">
        <v>7</v>
      </c>
      <c r="AB20606" s="5" t="s">
        <v>43</v>
      </c>
      <c r="AC20606" s="5" t="s">
        <v>735</v>
      </c>
      <c r="AD20606" s="2" t="s">
        <v>66321</v>
      </c>
      <c r="AE20606" s="1"/>
    </row>
    <row r="20607" spans="1:31" ht="14.45">
      <c r="A20607" s="11"/>
      <c r="B20607" s="20"/>
      <c r="C20607" s="2" t="s">
        <v>66322</v>
      </c>
      <c r="D20607" s="14" t="s">
        <v>66323</v>
      </c>
      <c r="E20607" s="2" t="s">
        <v>66324</v>
      </c>
      <c r="F20607" s="2" t="s">
        <v>63072</v>
      </c>
      <c r="G20607" s="8">
        <v>1148</v>
      </c>
      <c r="H20607" s="5">
        <v>5</v>
      </c>
      <c r="I20607" s="5" t="s">
        <v>69</v>
      </c>
      <c r="J20607" s="5" t="s">
        <v>65833</v>
      </c>
      <c r="K20607" s="2" t="s">
        <v>65834</v>
      </c>
      <c r="L20607" s="5" t="s">
        <v>65833</v>
      </c>
      <c r="M20607" s="2" t="s">
        <v>65834</v>
      </c>
      <c r="N20607" s="5" t="s">
        <v>733</v>
      </c>
      <c r="O20607" s="5" t="s">
        <v>38</v>
      </c>
      <c r="P20607" s="5" t="s">
        <v>39</v>
      </c>
      <c r="Q20607" s="5" t="s">
        <v>40</v>
      </c>
      <c r="R20607" s="5" t="s">
        <v>897</v>
      </c>
      <c r="S20607" s="5" t="s">
        <v>40</v>
      </c>
      <c r="T20607" s="5" t="s">
        <v>42</v>
      </c>
      <c r="U20607" s="2">
        <v>61.738</v>
      </c>
      <c r="V20607" s="2">
        <v>56.997999999999998</v>
      </c>
      <c r="W20607" s="2">
        <v>0.27400000000000002</v>
      </c>
      <c r="X20607" s="2">
        <v>17</v>
      </c>
      <c r="Y20607" s="2">
        <v>105</v>
      </c>
      <c r="Z20607" s="2">
        <v>153.6</v>
      </c>
      <c r="AA20607" s="5">
        <v>7</v>
      </c>
      <c r="AB20607" s="5" t="s">
        <v>43</v>
      </c>
      <c r="AC20607" s="5" t="s">
        <v>735</v>
      </c>
      <c r="AD20607" s="2" t="s">
        <v>66325</v>
      </c>
      <c r="AE20607" s="1"/>
    </row>
    <row r="20608" spans="1:31" ht="14.45">
      <c r="A20608" s="11"/>
      <c r="B20608" s="20"/>
      <c r="C20608" s="2" t="s">
        <v>66326</v>
      </c>
      <c r="D20608" s="14" t="s">
        <v>66327</v>
      </c>
      <c r="E20608" s="2" t="s">
        <v>66328</v>
      </c>
      <c r="F20608" s="2" t="s">
        <v>63072</v>
      </c>
      <c r="G20608" s="8">
        <v>1774</v>
      </c>
      <c r="H20608" s="5">
        <v>10</v>
      </c>
      <c r="I20608" s="5" t="s">
        <v>69</v>
      </c>
      <c r="J20608" s="5" t="s">
        <v>65833</v>
      </c>
      <c r="K20608" s="2" t="s">
        <v>65834</v>
      </c>
      <c r="L20608" s="5" t="s">
        <v>65833</v>
      </c>
      <c r="M20608" s="2" t="s">
        <v>65834</v>
      </c>
      <c r="N20608" s="5" t="s">
        <v>733</v>
      </c>
      <c r="O20608" s="5" t="s">
        <v>38</v>
      </c>
      <c r="P20608" s="5" t="s">
        <v>39</v>
      </c>
      <c r="Q20608" s="5" t="s">
        <v>40</v>
      </c>
      <c r="R20608" s="5" t="s">
        <v>897</v>
      </c>
      <c r="S20608" s="5" t="s">
        <v>40</v>
      </c>
      <c r="T20608" s="5" t="s">
        <v>42</v>
      </c>
      <c r="U20608" s="2">
        <v>61.363</v>
      </c>
      <c r="V20608" s="2">
        <v>55.680999999999997</v>
      </c>
      <c r="W20608" s="2">
        <v>0.29799999999999999</v>
      </c>
      <c r="X20608" s="2">
        <v>17</v>
      </c>
      <c r="Y20608" s="2">
        <v>109</v>
      </c>
      <c r="Z20608" s="2">
        <v>161</v>
      </c>
      <c r="AA20608" s="5">
        <v>7</v>
      </c>
      <c r="AB20608" s="5" t="s">
        <v>43</v>
      </c>
      <c r="AC20608" s="5" t="s">
        <v>735</v>
      </c>
      <c r="AD20608" s="2" t="s">
        <v>66329</v>
      </c>
      <c r="AE20608" s="1"/>
    </row>
    <row r="20609" spans="1:31" ht="14.45">
      <c r="A20609" s="11"/>
      <c r="B20609" s="20"/>
      <c r="C20609" s="2" t="s">
        <v>66330</v>
      </c>
      <c r="D20609" s="14" t="s">
        <v>66331</v>
      </c>
      <c r="E20609" s="2" t="s">
        <v>66332</v>
      </c>
      <c r="F20609" s="2" t="s">
        <v>63099</v>
      </c>
      <c r="G20609" s="8">
        <v>1439</v>
      </c>
      <c r="H20609" s="5">
        <v>5</v>
      </c>
      <c r="I20609" s="5" t="s">
        <v>69</v>
      </c>
      <c r="J20609" s="5" t="s">
        <v>65833</v>
      </c>
      <c r="K20609" s="2" t="s">
        <v>65834</v>
      </c>
      <c r="L20609" s="5" t="s">
        <v>65833</v>
      </c>
      <c r="M20609" s="2" t="s">
        <v>65834</v>
      </c>
      <c r="N20609" s="5" t="s">
        <v>733</v>
      </c>
      <c r="O20609" s="5" t="s">
        <v>38</v>
      </c>
      <c r="P20609" s="5" t="s">
        <v>39</v>
      </c>
      <c r="Q20609" s="5" t="s">
        <v>40</v>
      </c>
      <c r="R20609" s="5" t="s">
        <v>897</v>
      </c>
      <c r="S20609" s="5" t="s">
        <v>40</v>
      </c>
      <c r="T20609" s="5" t="s">
        <v>42</v>
      </c>
      <c r="U20609" s="2">
        <v>71.067999999999998</v>
      </c>
      <c r="V20609" s="2">
        <v>66.352000000000004</v>
      </c>
      <c r="W20609" s="2">
        <v>0.27400000000000002</v>
      </c>
      <c r="X20609" s="2">
        <v>17</v>
      </c>
      <c r="Y20609" s="2">
        <v>105</v>
      </c>
      <c r="Z20609" s="2">
        <v>153.6</v>
      </c>
      <c r="AA20609" s="5">
        <v>7</v>
      </c>
      <c r="AB20609" s="5" t="s">
        <v>43</v>
      </c>
      <c r="AC20609" s="5" t="s">
        <v>735</v>
      </c>
      <c r="AD20609" s="2" t="s">
        <v>66333</v>
      </c>
      <c r="AE20609" s="1"/>
    </row>
    <row r="20610" spans="1:31" ht="14.45">
      <c r="A20610" s="11"/>
      <c r="B20610" s="20"/>
      <c r="C20610" s="2" t="s">
        <v>66334</v>
      </c>
      <c r="D20610" s="14" t="s">
        <v>66335</v>
      </c>
      <c r="E20610" s="2" t="s">
        <v>66336</v>
      </c>
      <c r="F20610" s="2" t="s">
        <v>63121</v>
      </c>
      <c r="G20610" s="8">
        <v>2026</v>
      </c>
      <c r="H20610" s="5">
        <v>10</v>
      </c>
      <c r="I20610" s="5" t="s">
        <v>69</v>
      </c>
      <c r="J20610" s="5" t="s">
        <v>65833</v>
      </c>
      <c r="K20610" s="2" t="s">
        <v>65834</v>
      </c>
      <c r="L20610" s="5" t="s">
        <v>65833</v>
      </c>
      <c r="M20610" s="2" t="s">
        <v>65834</v>
      </c>
      <c r="N20610" s="5" t="s">
        <v>733</v>
      </c>
      <c r="O20610" s="5" t="s">
        <v>38</v>
      </c>
      <c r="P20610" s="5" t="s">
        <v>39</v>
      </c>
      <c r="Q20610" s="5" t="s">
        <v>40</v>
      </c>
      <c r="R20610" s="5" t="s">
        <v>897</v>
      </c>
      <c r="S20610" s="5" t="s">
        <v>40</v>
      </c>
      <c r="T20610" s="5" t="s">
        <v>42</v>
      </c>
      <c r="U20610" s="2">
        <v>74.930999999999997</v>
      </c>
      <c r="V20610" s="2">
        <v>70.207999999999998</v>
      </c>
      <c r="W20610" s="2">
        <v>0.27400000000000002</v>
      </c>
      <c r="X20610" s="2">
        <v>17</v>
      </c>
      <c r="Y20610" s="2">
        <v>105</v>
      </c>
      <c r="Z20610" s="2">
        <v>153.6</v>
      </c>
      <c r="AA20610" s="5">
        <v>7</v>
      </c>
      <c r="AB20610" s="5" t="s">
        <v>43</v>
      </c>
      <c r="AC20610" s="5" t="s">
        <v>735</v>
      </c>
      <c r="AD20610" s="2" t="s">
        <v>66337</v>
      </c>
      <c r="AE20610" s="1"/>
    </row>
    <row r="20611" spans="1:31" ht="14.45">
      <c r="A20611" s="11"/>
      <c r="B20611" s="20"/>
      <c r="C20611" s="2" t="s">
        <v>66338</v>
      </c>
      <c r="D20611" s="14" t="s">
        <v>66339</v>
      </c>
      <c r="E20611" s="2" t="s">
        <v>66340</v>
      </c>
      <c r="F20611" s="2" t="s">
        <v>66341</v>
      </c>
      <c r="G20611" s="8">
        <v>1616</v>
      </c>
      <c r="H20611" s="5">
        <v>10</v>
      </c>
      <c r="I20611" s="5" t="s">
        <v>69</v>
      </c>
      <c r="J20611" s="5" t="s">
        <v>65833</v>
      </c>
      <c r="K20611" s="2" t="s">
        <v>65834</v>
      </c>
      <c r="L20611" s="5" t="s">
        <v>65833</v>
      </c>
      <c r="M20611" s="2" t="s">
        <v>65834</v>
      </c>
      <c r="N20611" s="5" t="s">
        <v>733</v>
      </c>
      <c r="O20611" s="5" t="s">
        <v>38</v>
      </c>
      <c r="P20611" s="5" t="s">
        <v>39</v>
      </c>
      <c r="Q20611" s="5" t="s">
        <v>40</v>
      </c>
      <c r="R20611" s="5" t="s">
        <v>897</v>
      </c>
      <c r="S20611" s="5" t="s">
        <v>40</v>
      </c>
      <c r="T20611" s="5" t="s">
        <v>42</v>
      </c>
      <c r="U20611" s="2">
        <v>66.293999999999997</v>
      </c>
      <c r="V20611" s="2">
        <v>61.546999999999997</v>
      </c>
      <c r="W20611" s="2">
        <v>0.27400000000000002</v>
      </c>
      <c r="X20611" s="2">
        <v>17</v>
      </c>
      <c r="Y20611" s="2">
        <v>105</v>
      </c>
      <c r="Z20611" s="2">
        <v>153.6</v>
      </c>
      <c r="AA20611" s="5">
        <v>7</v>
      </c>
      <c r="AB20611" s="5" t="s">
        <v>43</v>
      </c>
      <c r="AC20611" s="5" t="s">
        <v>735</v>
      </c>
      <c r="AD20611" s="2" t="s">
        <v>66342</v>
      </c>
      <c r="AE20611" s="1"/>
    </row>
    <row r="20612" spans="1:31" ht="14.45">
      <c r="A20612" s="11"/>
      <c r="B20612" s="20"/>
      <c r="C20612" s="2" t="s">
        <v>66343</v>
      </c>
      <c r="D20612" s="14" t="s">
        <v>66344</v>
      </c>
      <c r="E20612" s="2" t="s">
        <v>66345</v>
      </c>
      <c r="F20612" s="2" t="s">
        <v>63146</v>
      </c>
      <c r="G20612" s="8">
        <v>1907</v>
      </c>
      <c r="H20612" s="5">
        <v>10</v>
      </c>
      <c r="I20612" s="5" t="s">
        <v>69</v>
      </c>
      <c r="J20612" s="5" t="s">
        <v>65833</v>
      </c>
      <c r="K20612" s="2" t="s">
        <v>65834</v>
      </c>
      <c r="L20612" s="5" t="s">
        <v>65833</v>
      </c>
      <c r="M20612" s="2" t="s">
        <v>65834</v>
      </c>
      <c r="N20612" s="5" t="s">
        <v>733</v>
      </c>
      <c r="O20612" s="5" t="s">
        <v>38</v>
      </c>
      <c r="P20612" s="5" t="s">
        <v>39</v>
      </c>
      <c r="Q20612" s="5" t="s">
        <v>40</v>
      </c>
      <c r="R20612" s="5" t="s">
        <v>897</v>
      </c>
      <c r="S20612" s="5" t="s">
        <v>40</v>
      </c>
      <c r="T20612" s="5" t="s">
        <v>42</v>
      </c>
      <c r="U20612" s="2">
        <v>74.882000000000005</v>
      </c>
      <c r="V20612" s="2">
        <v>70.159000000000006</v>
      </c>
      <c r="W20612" s="2">
        <v>0.27400000000000002</v>
      </c>
      <c r="X20612" s="2">
        <v>17</v>
      </c>
      <c r="Y20612" s="2">
        <v>105</v>
      </c>
      <c r="Z20612" s="2">
        <v>153.6</v>
      </c>
      <c r="AA20612" s="5">
        <v>7</v>
      </c>
      <c r="AB20612" s="5" t="s">
        <v>43</v>
      </c>
      <c r="AC20612" s="5" t="s">
        <v>735</v>
      </c>
      <c r="AD20612" s="2" t="s">
        <v>66346</v>
      </c>
      <c r="AE20612" s="1"/>
    </row>
    <row r="20613" spans="1:31" ht="14.45">
      <c r="A20613" s="11"/>
      <c r="B20613" s="20"/>
      <c r="C20613" s="2" t="s">
        <v>66347</v>
      </c>
      <c r="D20613" s="14" t="s">
        <v>66348</v>
      </c>
      <c r="E20613" s="2" t="s">
        <v>66349</v>
      </c>
      <c r="F20613" s="2" t="s">
        <v>63160</v>
      </c>
      <c r="G20613" s="8">
        <v>2026</v>
      </c>
      <c r="H20613" s="5">
        <v>10</v>
      </c>
      <c r="I20613" s="5" t="s">
        <v>69</v>
      </c>
      <c r="J20613" s="5" t="s">
        <v>65833</v>
      </c>
      <c r="K20613" s="2" t="s">
        <v>65834</v>
      </c>
      <c r="L20613" s="5" t="s">
        <v>65833</v>
      </c>
      <c r="M20613" s="2" t="s">
        <v>65834</v>
      </c>
      <c r="N20613" s="5" t="s">
        <v>733</v>
      </c>
      <c r="O20613" s="5" t="s">
        <v>38</v>
      </c>
      <c r="P20613" s="5" t="s">
        <v>39</v>
      </c>
      <c r="Q20613" s="5" t="s">
        <v>40</v>
      </c>
      <c r="R20613" s="5" t="s">
        <v>897</v>
      </c>
      <c r="S20613" s="5" t="s">
        <v>40</v>
      </c>
      <c r="T20613" s="5" t="s">
        <v>42</v>
      </c>
      <c r="U20613" s="2">
        <v>74.245999999999995</v>
      </c>
      <c r="V20613" s="2">
        <v>69.522999999999996</v>
      </c>
      <c r="W20613" s="2">
        <v>0.27400000000000002</v>
      </c>
      <c r="X20613" s="2">
        <v>17</v>
      </c>
      <c r="Y20613" s="2">
        <v>105</v>
      </c>
      <c r="Z20613" s="2">
        <v>153.6</v>
      </c>
      <c r="AA20613" s="5">
        <v>7</v>
      </c>
      <c r="AB20613" s="5" t="s">
        <v>43</v>
      </c>
      <c r="AC20613" s="5" t="s">
        <v>735</v>
      </c>
      <c r="AD20613" s="2" t="s">
        <v>66350</v>
      </c>
      <c r="AE20613" s="1"/>
    </row>
    <row r="20614" spans="1:31" ht="14.45">
      <c r="A20614" s="11"/>
      <c r="B20614" s="20"/>
      <c r="C20614" s="2" t="s">
        <v>66351</v>
      </c>
      <c r="D20614" s="14" t="s">
        <v>66352</v>
      </c>
      <c r="E20614" s="2" t="s">
        <v>66353</v>
      </c>
      <c r="F20614" s="2" t="s">
        <v>66354</v>
      </c>
      <c r="G20614" s="8">
        <v>1616</v>
      </c>
      <c r="H20614" s="5">
        <v>5</v>
      </c>
      <c r="I20614" s="5" t="s">
        <v>69</v>
      </c>
      <c r="J20614" s="5" t="s">
        <v>65833</v>
      </c>
      <c r="K20614" s="2" t="s">
        <v>65834</v>
      </c>
      <c r="L20614" s="5" t="s">
        <v>65833</v>
      </c>
      <c r="M20614" s="2" t="s">
        <v>65834</v>
      </c>
      <c r="N20614" s="5" t="s">
        <v>733</v>
      </c>
      <c r="O20614" s="5" t="s">
        <v>38</v>
      </c>
      <c r="P20614" s="5" t="s">
        <v>39</v>
      </c>
      <c r="Q20614" s="5" t="s">
        <v>40</v>
      </c>
      <c r="R20614" s="5" t="s">
        <v>897</v>
      </c>
      <c r="S20614" s="5" t="s">
        <v>40</v>
      </c>
      <c r="T20614" s="5" t="s">
        <v>42</v>
      </c>
      <c r="U20614" s="2">
        <v>64.884</v>
      </c>
      <c r="V20614" s="2">
        <v>60.137</v>
      </c>
      <c r="W20614" s="2">
        <v>0.27400000000000002</v>
      </c>
      <c r="X20614" s="2">
        <v>17</v>
      </c>
      <c r="Y20614" s="2">
        <v>105</v>
      </c>
      <c r="Z20614" s="2">
        <v>153.6</v>
      </c>
      <c r="AA20614" s="5">
        <v>7</v>
      </c>
      <c r="AB20614" s="5" t="s">
        <v>43</v>
      </c>
      <c r="AC20614" s="5" t="s">
        <v>735</v>
      </c>
      <c r="AD20614" s="2" t="s">
        <v>66355</v>
      </c>
      <c r="AE20614" s="1"/>
    </row>
    <row r="20615" spans="1:31" ht="14.45">
      <c r="A20615" s="11"/>
      <c r="B20615" s="20"/>
      <c r="C20615" s="2" t="s">
        <v>66356</v>
      </c>
      <c r="D20615" s="14" t="s">
        <v>66357</v>
      </c>
      <c r="E20615" s="2" t="s">
        <v>66358</v>
      </c>
      <c r="F20615" s="2" t="s">
        <v>63170</v>
      </c>
      <c r="G20615" s="8">
        <v>1907</v>
      </c>
      <c r="H20615" s="5">
        <v>10</v>
      </c>
      <c r="I20615" s="5" t="s">
        <v>69</v>
      </c>
      <c r="J20615" s="5" t="s">
        <v>65833</v>
      </c>
      <c r="K20615" s="2" t="s">
        <v>65834</v>
      </c>
      <c r="L20615" s="5" t="s">
        <v>65833</v>
      </c>
      <c r="M20615" s="2" t="s">
        <v>65834</v>
      </c>
      <c r="N20615" s="5" t="s">
        <v>733</v>
      </c>
      <c r="O20615" s="5" t="s">
        <v>38</v>
      </c>
      <c r="P20615" s="5" t="s">
        <v>39</v>
      </c>
      <c r="Q20615" s="5" t="s">
        <v>40</v>
      </c>
      <c r="R20615" s="5" t="s">
        <v>897</v>
      </c>
      <c r="S20615" s="5" t="s">
        <v>40</v>
      </c>
      <c r="T20615" s="5" t="s">
        <v>42</v>
      </c>
      <c r="U20615" s="2">
        <v>74.197000000000003</v>
      </c>
      <c r="V20615" s="2">
        <v>69.474000000000004</v>
      </c>
      <c r="W20615" s="2">
        <v>0.27400000000000002</v>
      </c>
      <c r="X20615" s="2">
        <v>17</v>
      </c>
      <c r="Y20615" s="2">
        <v>105</v>
      </c>
      <c r="Z20615" s="2">
        <v>153.6</v>
      </c>
      <c r="AA20615" s="5">
        <v>7</v>
      </c>
      <c r="AB20615" s="5" t="s">
        <v>43</v>
      </c>
      <c r="AC20615" s="5" t="s">
        <v>735</v>
      </c>
      <c r="AD20615" s="2" t="s">
        <v>66359</v>
      </c>
      <c r="AE20615" s="1"/>
    </row>
    <row r="20616" spans="1:31" ht="14.45">
      <c r="A20616" s="11"/>
      <c r="B20616" s="20"/>
      <c r="C20616" s="2" t="s">
        <v>66360</v>
      </c>
      <c r="D20616" s="14" t="s">
        <v>66361</v>
      </c>
      <c r="E20616" s="2" t="s">
        <v>66362</v>
      </c>
      <c r="F20616" s="2" t="s">
        <v>63175</v>
      </c>
      <c r="G20616" s="8">
        <v>2028</v>
      </c>
      <c r="H20616" s="5">
        <v>5</v>
      </c>
      <c r="I20616" s="5" t="s">
        <v>69</v>
      </c>
      <c r="J20616" s="5" t="s">
        <v>65833</v>
      </c>
      <c r="K20616" s="2" t="s">
        <v>65834</v>
      </c>
      <c r="L20616" s="5" t="s">
        <v>65833</v>
      </c>
      <c r="M20616" s="2" t="s">
        <v>65834</v>
      </c>
      <c r="N20616" s="5" t="s">
        <v>733</v>
      </c>
      <c r="O20616" s="5" t="s">
        <v>38</v>
      </c>
      <c r="P20616" s="5" t="s">
        <v>39</v>
      </c>
      <c r="Q20616" s="5" t="s">
        <v>40</v>
      </c>
      <c r="R20616" s="5" t="s">
        <v>1487</v>
      </c>
      <c r="S20616" s="5"/>
      <c r="T20616" s="5" t="s">
        <v>42</v>
      </c>
      <c r="U20616" s="2">
        <v>0</v>
      </c>
      <c r="V20616" s="2">
        <v>0</v>
      </c>
      <c r="W20616" s="2">
        <v>0</v>
      </c>
      <c r="X20616" s="2">
        <v>0</v>
      </c>
      <c r="Y20616" s="2">
        <v>0</v>
      </c>
      <c r="Z20616" s="2">
        <v>0</v>
      </c>
      <c r="AA20616" s="5"/>
      <c r="AB20616" s="5" t="s">
        <v>43</v>
      </c>
      <c r="AC20616" s="5" t="s">
        <v>735</v>
      </c>
      <c r="AD20616" s="2" t="s">
        <v>66363</v>
      </c>
      <c r="AE20616" s="1"/>
    </row>
    <row r="20617" spans="1:31" ht="14.45">
      <c r="A20617" s="11"/>
      <c r="B20617" s="20"/>
      <c r="C20617" s="2" t="s">
        <v>66364</v>
      </c>
      <c r="D20617" s="14" t="s">
        <v>66365</v>
      </c>
      <c r="E20617" s="2" t="s">
        <v>66366</v>
      </c>
      <c r="F20617" s="2" t="s">
        <v>63189</v>
      </c>
      <c r="G20617" s="8">
        <v>1911</v>
      </c>
      <c r="H20617" s="5">
        <v>5</v>
      </c>
      <c r="I20617" s="5" t="s">
        <v>69</v>
      </c>
      <c r="J20617" s="5" t="s">
        <v>65833</v>
      </c>
      <c r="K20617" s="2" t="s">
        <v>65834</v>
      </c>
      <c r="L20617" s="5" t="s">
        <v>65833</v>
      </c>
      <c r="M20617" s="2" t="s">
        <v>65834</v>
      </c>
      <c r="N20617" s="5" t="s">
        <v>733</v>
      </c>
      <c r="O20617" s="5" t="s">
        <v>38</v>
      </c>
      <c r="P20617" s="5" t="s">
        <v>39</v>
      </c>
      <c r="Q20617" s="5" t="s">
        <v>40</v>
      </c>
      <c r="R20617" s="5" t="s">
        <v>897</v>
      </c>
      <c r="S20617" s="5" t="s">
        <v>40</v>
      </c>
      <c r="T20617" s="5" t="s">
        <v>42</v>
      </c>
      <c r="U20617" s="2">
        <v>93.111000000000004</v>
      </c>
      <c r="V20617" s="2">
        <v>87.864999999999995</v>
      </c>
      <c r="W20617" s="2">
        <v>0.31</v>
      </c>
      <c r="X20617" s="2">
        <v>17</v>
      </c>
      <c r="Y20617" s="2">
        <v>105</v>
      </c>
      <c r="Z20617" s="2">
        <v>173.8</v>
      </c>
      <c r="AA20617" s="5">
        <v>7</v>
      </c>
      <c r="AB20617" s="5" t="s">
        <v>43</v>
      </c>
      <c r="AC20617" s="5" t="s">
        <v>735</v>
      </c>
      <c r="AD20617" s="2" t="s">
        <v>66367</v>
      </c>
      <c r="AE20617" s="1"/>
    </row>
    <row r="20618" spans="1:31" ht="14.45">
      <c r="A20618" s="11"/>
      <c r="B20618" s="20"/>
      <c r="C20618" s="2" t="s">
        <v>66368</v>
      </c>
      <c r="D20618" s="14" t="s">
        <v>66369</v>
      </c>
      <c r="E20618" s="2" t="s">
        <v>66370</v>
      </c>
      <c r="F20618" s="2" t="s">
        <v>63199</v>
      </c>
      <c r="G20618" s="8">
        <v>1695</v>
      </c>
      <c r="H20618" s="5">
        <v>5</v>
      </c>
      <c r="I20618" s="5" t="s">
        <v>69</v>
      </c>
      <c r="J20618" s="5" t="s">
        <v>65833</v>
      </c>
      <c r="K20618" s="2" t="s">
        <v>65834</v>
      </c>
      <c r="L20618" s="5" t="s">
        <v>65833</v>
      </c>
      <c r="M20618" s="2" t="s">
        <v>65834</v>
      </c>
      <c r="N20618" s="5" t="s">
        <v>733</v>
      </c>
      <c r="O20618" s="5" t="s">
        <v>38</v>
      </c>
      <c r="P20618" s="5" t="s">
        <v>39</v>
      </c>
      <c r="Q20618" s="5" t="s">
        <v>40</v>
      </c>
      <c r="R20618" s="5" t="s">
        <v>897</v>
      </c>
      <c r="S20618" s="5" t="s">
        <v>40</v>
      </c>
      <c r="T20618" s="5" t="s">
        <v>42</v>
      </c>
      <c r="U20618" s="2">
        <v>79.325999999999993</v>
      </c>
      <c r="V20618" s="2">
        <v>74.128</v>
      </c>
      <c r="W20618" s="2">
        <v>0.31</v>
      </c>
      <c r="X20618" s="2">
        <v>17</v>
      </c>
      <c r="Y20618" s="2">
        <v>105</v>
      </c>
      <c r="Z20618" s="2">
        <v>173.8</v>
      </c>
      <c r="AA20618" s="5">
        <v>7</v>
      </c>
      <c r="AB20618" s="5" t="s">
        <v>43</v>
      </c>
      <c r="AC20618" s="5" t="s">
        <v>735</v>
      </c>
      <c r="AD20618" s="2" t="s">
        <v>66371</v>
      </c>
      <c r="AE20618" s="1"/>
    </row>
    <row r="20619" spans="1:31" ht="14.45">
      <c r="A20619" s="11"/>
      <c r="B20619" s="20"/>
      <c r="C20619" s="2" t="s">
        <v>66372</v>
      </c>
      <c r="D20619" s="14" t="s">
        <v>66373</v>
      </c>
      <c r="E20619" s="2" t="s">
        <v>66374</v>
      </c>
      <c r="F20619" s="2" t="s">
        <v>63213</v>
      </c>
      <c r="G20619" s="8">
        <v>1911</v>
      </c>
      <c r="H20619" s="5">
        <v>10</v>
      </c>
      <c r="I20619" s="5" t="s">
        <v>69</v>
      </c>
      <c r="J20619" s="5" t="s">
        <v>65833</v>
      </c>
      <c r="K20619" s="2" t="s">
        <v>65834</v>
      </c>
      <c r="L20619" s="5" t="s">
        <v>65833</v>
      </c>
      <c r="M20619" s="2" t="s">
        <v>65834</v>
      </c>
      <c r="N20619" s="5" t="s">
        <v>733</v>
      </c>
      <c r="O20619" s="5" t="s">
        <v>38</v>
      </c>
      <c r="P20619" s="5" t="s">
        <v>39</v>
      </c>
      <c r="Q20619" s="5" t="s">
        <v>40</v>
      </c>
      <c r="R20619" s="5" t="s">
        <v>897</v>
      </c>
      <c r="S20619" s="5" t="s">
        <v>40</v>
      </c>
      <c r="T20619" s="5" t="s">
        <v>42</v>
      </c>
      <c r="U20619" s="2">
        <v>79.156000000000006</v>
      </c>
      <c r="V20619" s="2">
        <v>73.950999999999993</v>
      </c>
      <c r="W20619" s="2">
        <v>0.31</v>
      </c>
      <c r="X20619" s="2">
        <v>17</v>
      </c>
      <c r="Y20619" s="2">
        <v>105</v>
      </c>
      <c r="Z20619" s="2">
        <v>173.8</v>
      </c>
      <c r="AA20619" s="5">
        <v>7</v>
      </c>
      <c r="AB20619" s="5" t="s">
        <v>43</v>
      </c>
      <c r="AC20619" s="5" t="s">
        <v>735</v>
      </c>
      <c r="AD20619" s="2" t="s">
        <v>66375</v>
      </c>
      <c r="AE20619" s="1"/>
    </row>
    <row r="20620" spans="1:31" ht="14.45">
      <c r="A20620" s="11"/>
      <c r="B20620" s="20"/>
      <c r="C20620" s="2" t="s">
        <v>66376</v>
      </c>
      <c r="D20620" s="14" t="s">
        <v>66377</v>
      </c>
      <c r="E20620" s="2" t="s">
        <v>66378</v>
      </c>
      <c r="F20620" s="2" t="s">
        <v>63227</v>
      </c>
      <c r="G20620" s="8">
        <v>1488</v>
      </c>
      <c r="H20620" s="5">
        <v>5</v>
      </c>
      <c r="I20620" s="5" t="s">
        <v>69</v>
      </c>
      <c r="J20620" s="5" t="s">
        <v>65833</v>
      </c>
      <c r="K20620" s="2" t="s">
        <v>65834</v>
      </c>
      <c r="L20620" s="5" t="s">
        <v>65833</v>
      </c>
      <c r="M20620" s="2" t="s">
        <v>65834</v>
      </c>
      <c r="N20620" s="5" t="s">
        <v>733</v>
      </c>
      <c r="O20620" s="5" t="s">
        <v>38</v>
      </c>
      <c r="P20620" s="5" t="s">
        <v>39</v>
      </c>
      <c r="Q20620" s="5" t="s">
        <v>40</v>
      </c>
      <c r="R20620" s="5" t="s">
        <v>897</v>
      </c>
      <c r="S20620" s="5" t="s">
        <v>40</v>
      </c>
      <c r="T20620" s="5" t="s">
        <v>42</v>
      </c>
      <c r="U20620" s="2">
        <v>79.436000000000007</v>
      </c>
      <c r="V20620" s="2">
        <v>74.230999999999995</v>
      </c>
      <c r="W20620" s="2">
        <v>0.31</v>
      </c>
      <c r="X20620" s="2">
        <v>17</v>
      </c>
      <c r="Y20620" s="2">
        <v>105</v>
      </c>
      <c r="Z20620" s="2">
        <v>173.8</v>
      </c>
      <c r="AA20620" s="5">
        <v>7</v>
      </c>
      <c r="AB20620" s="5" t="s">
        <v>43</v>
      </c>
      <c r="AC20620" s="5" t="s">
        <v>735</v>
      </c>
      <c r="AD20620" s="2" t="s">
        <v>66379</v>
      </c>
      <c r="AE20620" s="1"/>
    </row>
    <row r="20621" spans="1:31" ht="14.45">
      <c r="A20621" s="11"/>
      <c r="B20621" s="20"/>
      <c r="C20621" s="2" t="s">
        <v>66380</v>
      </c>
      <c r="D20621" s="14" t="s">
        <v>66381</v>
      </c>
      <c r="E20621" s="2" t="s">
        <v>66382</v>
      </c>
      <c r="F20621" s="2" t="s">
        <v>63240</v>
      </c>
      <c r="G20621" s="8">
        <v>1227</v>
      </c>
      <c r="H20621" s="5">
        <v>5</v>
      </c>
      <c r="I20621" s="5" t="s">
        <v>69</v>
      </c>
      <c r="J20621" s="5" t="s">
        <v>65833</v>
      </c>
      <c r="K20621" s="2" t="s">
        <v>65834</v>
      </c>
      <c r="L20621" s="5" t="s">
        <v>65833</v>
      </c>
      <c r="M20621" s="2" t="s">
        <v>65834</v>
      </c>
      <c r="N20621" s="5" t="s">
        <v>733</v>
      </c>
      <c r="O20621" s="5" t="s">
        <v>38</v>
      </c>
      <c r="P20621" s="5" t="s">
        <v>39</v>
      </c>
      <c r="Q20621" s="5" t="s">
        <v>40</v>
      </c>
      <c r="R20621" s="5" t="s">
        <v>897</v>
      </c>
      <c r="S20621" s="5" t="s">
        <v>40</v>
      </c>
      <c r="T20621" s="5" t="s">
        <v>42</v>
      </c>
      <c r="U20621" s="2">
        <v>69.234999999999999</v>
      </c>
      <c r="V20621" s="2">
        <v>64.013000000000005</v>
      </c>
      <c r="W20621" s="2">
        <v>0.31</v>
      </c>
      <c r="X20621" s="2">
        <v>17</v>
      </c>
      <c r="Y20621" s="2">
        <v>105</v>
      </c>
      <c r="Z20621" s="2">
        <v>173.8</v>
      </c>
      <c r="AA20621" s="5">
        <v>7</v>
      </c>
      <c r="AB20621" s="5" t="s">
        <v>43</v>
      </c>
      <c r="AC20621" s="5" t="s">
        <v>735</v>
      </c>
      <c r="AD20621" s="2" t="s">
        <v>66383</v>
      </c>
      <c r="AE20621" s="1"/>
    </row>
    <row r="20622" spans="1:31" ht="14.45">
      <c r="A20622" s="11"/>
      <c r="B20622" s="20"/>
      <c r="C20622" s="2" t="s">
        <v>66384</v>
      </c>
      <c r="D20622" s="14" t="s">
        <v>66385</v>
      </c>
      <c r="E20622" s="2" t="s">
        <v>66386</v>
      </c>
      <c r="F20622" s="2" t="s">
        <v>63258</v>
      </c>
      <c r="G20622" s="8">
        <v>1559</v>
      </c>
      <c r="H20622" s="5">
        <v>5</v>
      </c>
      <c r="I20622" s="5" t="s">
        <v>69</v>
      </c>
      <c r="J20622" s="5" t="s">
        <v>65833</v>
      </c>
      <c r="K20622" s="2" t="s">
        <v>65834</v>
      </c>
      <c r="L20622" s="5" t="s">
        <v>65833</v>
      </c>
      <c r="M20622" s="2" t="s">
        <v>65834</v>
      </c>
      <c r="N20622" s="5" t="s">
        <v>733</v>
      </c>
      <c r="O20622" s="5" t="s">
        <v>38</v>
      </c>
      <c r="P20622" s="5" t="s">
        <v>39</v>
      </c>
      <c r="Q20622" s="5" t="s">
        <v>40</v>
      </c>
      <c r="R20622" s="5" t="s">
        <v>897</v>
      </c>
      <c r="S20622" s="5" t="s">
        <v>40</v>
      </c>
      <c r="T20622" s="5" t="s">
        <v>42</v>
      </c>
      <c r="U20622" s="2">
        <v>79.269000000000005</v>
      </c>
      <c r="V20622" s="2">
        <v>74.070999999999998</v>
      </c>
      <c r="W20622" s="2">
        <v>0.31</v>
      </c>
      <c r="X20622" s="2">
        <v>17</v>
      </c>
      <c r="Y20622" s="2">
        <v>105</v>
      </c>
      <c r="Z20622" s="2">
        <v>173.8</v>
      </c>
      <c r="AA20622" s="5">
        <v>7</v>
      </c>
      <c r="AB20622" s="5" t="s">
        <v>43</v>
      </c>
      <c r="AC20622" s="5" t="s">
        <v>735</v>
      </c>
      <c r="AD20622" s="2" t="s">
        <v>66387</v>
      </c>
      <c r="AE20622" s="1"/>
    </row>
    <row r="20623" spans="1:31" ht="14.45">
      <c r="A20623" s="11"/>
      <c r="B20623" s="20"/>
      <c r="C20623" s="2" t="s">
        <v>66388</v>
      </c>
      <c r="D20623" s="14" t="s">
        <v>66389</v>
      </c>
      <c r="E20623" s="2" t="s">
        <v>66390</v>
      </c>
      <c r="F20623" s="2" t="s">
        <v>63281</v>
      </c>
      <c r="G20623" s="8">
        <v>2163</v>
      </c>
      <c r="H20623" s="5">
        <v>10</v>
      </c>
      <c r="I20623" s="5" t="s">
        <v>69</v>
      </c>
      <c r="J20623" s="5" t="s">
        <v>65833</v>
      </c>
      <c r="K20623" s="2" t="s">
        <v>65834</v>
      </c>
      <c r="L20623" s="5" t="s">
        <v>65833</v>
      </c>
      <c r="M20623" s="2" t="s">
        <v>65834</v>
      </c>
      <c r="N20623" s="5" t="s">
        <v>733</v>
      </c>
      <c r="O20623" s="5" t="s">
        <v>38</v>
      </c>
      <c r="P20623" s="5" t="s">
        <v>39</v>
      </c>
      <c r="Q20623" s="5" t="s">
        <v>40</v>
      </c>
      <c r="R20623" s="5" t="s">
        <v>897</v>
      </c>
      <c r="S20623" s="5" t="s">
        <v>40</v>
      </c>
      <c r="T20623" s="5" t="s">
        <v>42</v>
      </c>
      <c r="U20623" s="2">
        <v>84.17</v>
      </c>
      <c r="V20623" s="2">
        <v>78.965000000000003</v>
      </c>
      <c r="W20623" s="2">
        <v>0.31</v>
      </c>
      <c r="X20623" s="2">
        <v>17</v>
      </c>
      <c r="Y20623" s="2">
        <v>105</v>
      </c>
      <c r="Z20623" s="2">
        <v>173.8</v>
      </c>
      <c r="AA20623" s="5">
        <v>7</v>
      </c>
      <c r="AB20623" s="5" t="s">
        <v>43</v>
      </c>
      <c r="AC20623" s="5" t="s">
        <v>735</v>
      </c>
      <c r="AD20623" s="2" t="s">
        <v>66391</v>
      </c>
      <c r="AE20623" s="1"/>
    </row>
    <row r="20624" spans="1:31" ht="14.45">
      <c r="A20624" s="11"/>
      <c r="B20624" s="20"/>
      <c r="C20624" s="2" t="s">
        <v>66392</v>
      </c>
      <c r="D20624" s="14" t="s">
        <v>66393</v>
      </c>
      <c r="E20624" s="2" t="s">
        <v>66394</v>
      </c>
      <c r="F20624" s="2" t="s">
        <v>63295</v>
      </c>
      <c r="G20624" s="8">
        <v>1695</v>
      </c>
      <c r="H20624" s="5">
        <v>10</v>
      </c>
      <c r="I20624" s="5" t="s">
        <v>69</v>
      </c>
      <c r="J20624" s="5" t="s">
        <v>65833</v>
      </c>
      <c r="K20624" s="2" t="s">
        <v>65834</v>
      </c>
      <c r="L20624" s="5" t="s">
        <v>65833</v>
      </c>
      <c r="M20624" s="2" t="s">
        <v>65834</v>
      </c>
      <c r="N20624" s="5" t="s">
        <v>733</v>
      </c>
      <c r="O20624" s="5" t="s">
        <v>38</v>
      </c>
      <c r="P20624" s="5" t="s">
        <v>39</v>
      </c>
      <c r="Q20624" s="5" t="s">
        <v>40</v>
      </c>
      <c r="R20624" s="5" t="s">
        <v>897</v>
      </c>
      <c r="S20624" s="5" t="s">
        <v>40</v>
      </c>
      <c r="T20624" s="5" t="s">
        <v>42</v>
      </c>
      <c r="U20624" s="2">
        <v>73.930000000000007</v>
      </c>
      <c r="V20624" s="2">
        <v>68.700999999999993</v>
      </c>
      <c r="W20624" s="2">
        <v>0.31</v>
      </c>
      <c r="X20624" s="2">
        <v>17</v>
      </c>
      <c r="Y20624" s="2">
        <v>105</v>
      </c>
      <c r="Z20624" s="2">
        <v>173.8</v>
      </c>
      <c r="AA20624" s="5">
        <v>7</v>
      </c>
      <c r="AB20624" s="5" t="s">
        <v>43</v>
      </c>
      <c r="AC20624" s="5" t="s">
        <v>735</v>
      </c>
      <c r="AD20624" s="2" t="s">
        <v>66395</v>
      </c>
      <c r="AE20624" s="1"/>
    </row>
    <row r="20625" spans="1:31" ht="14.45">
      <c r="A20625" s="11"/>
      <c r="B20625" s="20"/>
      <c r="C20625" s="2" t="s">
        <v>66396</v>
      </c>
      <c r="D20625" s="14" t="s">
        <v>66397</v>
      </c>
      <c r="E20625" s="2" t="s">
        <v>66398</v>
      </c>
      <c r="F20625" s="2" t="s">
        <v>63309</v>
      </c>
      <c r="G20625" s="8">
        <v>2027</v>
      </c>
      <c r="H20625" s="5">
        <v>10</v>
      </c>
      <c r="I20625" s="5" t="s">
        <v>69</v>
      </c>
      <c r="J20625" s="5" t="s">
        <v>65833</v>
      </c>
      <c r="K20625" s="2" t="s">
        <v>65834</v>
      </c>
      <c r="L20625" s="5" t="s">
        <v>65833</v>
      </c>
      <c r="M20625" s="2" t="s">
        <v>65834</v>
      </c>
      <c r="N20625" s="5" t="s">
        <v>733</v>
      </c>
      <c r="O20625" s="5" t="s">
        <v>38</v>
      </c>
      <c r="P20625" s="5" t="s">
        <v>39</v>
      </c>
      <c r="Q20625" s="5" t="s">
        <v>40</v>
      </c>
      <c r="R20625" s="5" t="s">
        <v>897</v>
      </c>
      <c r="S20625" s="5" t="s">
        <v>40</v>
      </c>
      <c r="T20625" s="5" t="s">
        <v>42</v>
      </c>
      <c r="U20625" s="2">
        <v>84.113</v>
      </c>
      <c r="V20625" s="2">
        <v>78.908000000000001</v>
      </c>
      <c r="W20625" s="2">
        <v>0.31</v>
      </c>
      <c r="X20625" s="2">
        <v>17</v>
      </c>
      <c r="Y20625" s="2">
        <v>105</v>
      </c>
      <c r="Z20625" s="2">
        <v>173.8</v>
      </c>
      <c r="AA20625" s="5">
        <v>7</v>
      </c>
      <c r="AB20625" s="5" t="s">
        <v>43</v>
      </c>
      <c r="AC20625" s="5" t="s">
        <v>735</v>
      </c>
      <c r="AD20625" s="2" t="s">
        <v>66399</v>
      </c>
      <c r="AE20625" s="1"/>
    </row>
    <row r="20626" spans="1:31" ht="14.45">
      <c r="A20626" s="11"/>
      <c r="B20626" s="20"/>
      <c r="C20626" s="2" t="s">
        <v>66400</v>
      </c>
      <c r="D20626" s="14" t="s">
        <v>66401</v>
      </c>
      <c r="E20626" s="2" t="s">
        <v>66402</v>
      </c>
      <c r="F20626" s="2" t="s">
        <v>63327</v>
      </c>
      <c r="G20626" s="8">
        <v>2163</v>
      </c>
      <c r="H20626" s="5">
        <v>10</v>
      </c>
      <c r="I20626" s="5" t="s">
        <v>69</v>
      </c>
      <c r="J20626" s="5" t="s">
        <v>65833</v>
      </c>
      <c r="K20626" s="2" t="s">
        <v>65834</v>
      </c>
      <c r="L20626" s="5" t="s">
        <v>65833</v>
      </c>
      <c r="M20626" s="2" t="s">
        <v>65834</v>
      </c>
      <c r="N20626" s="5" t="s">
        <v>733</v>
      </c>
      <c r="O20626" s="5" t="s">
        <v>38</v>
      </c>
      <c r="P20626" s="5" t="s">
        <v>39</v>
      </c>
      <c r="Q20626" s="5" t="s">
        <v>40</v>
      </c>
      <c r="R20626" s="5" t="s">
        <v>897</v>
      </c>
      <c r="S20626" s="5" t="s">
        <v>40</v>
      </c>
      <c r="T20626" s="5" t="s">
        <v>42</v>
      </c>
      <c r="U20626" s="2">
        <v>82.564999999999998</v>
      </c>
      <c r="V20626" s="2">
        <v>77.36</v>
      </c>
      <c r="W20626" s="2">
        <v>0.31</v>
      </c>
      <c r="X20626" s="2">
        <v>17</v>
      </c>
      <c r="Y20626" s="2">
        <v>105</v>
      </c>
      <c r="Z20626" s="2">
        <v>173.8</v>
      </c>
      <c r="AA20626" s="5">
        <v>7</v>
      </c>
      <c r="AB20626" s="5" t="s">
        <v>43</v>
      </c>
      <c r="AC20626" s="5" t="s">
        <v>735</v>
      </c>
      <c r="AD20626" s="2" t="s">
        <v>66403</v>
      </c>
      <c r="AE20626" s="1"/>
    </row>
    <row r="20627" spans="1:31" ht="14.45">
      <c r="A20627" s="11"/>
      <c r="B20627" s="20"/>
      <c r="C20627" s="2" t="s">
        <v>66404</v>
      </c>
      <c r="D20627" s="14" t="s">
        <v>66405</v>
      </c>
      <c r="E20627" s="2" t="s">
        <v>66406</v>
      </c>
      <c r="F20627" s="2" t="s">
        <v>63337</v>
      </c>
      <c r="G20627" s="8">
        <v>1695</v>
      </c>
      <c r="H20627" s="5">
        <v>5</v>
      </c>
      <c r="I20627" s="5" t="s">
        <v>69</v>
      </c>
      <c r="J20627" s="5" t="s">
        <v>65833</v>
      </c>
      <c r="K20627" s="2" t="s">
        <v>65834</v>
      </c>
      <c r="L20627" s="5" t="s">
        <v>65833</v>
      </c>
      <c r="M20627" s="2" t="s">
        <v>65834</v>
      </c>
      <c r="N20627" s="5" t="s">
        <v>733</v>
      </c>
      <c r="O20627" s="5" t="s">
        <v>38</v>
      </c>
      <c r="P20627" s="5" t="s">
        <v>39</v>
      </c>
      <c r="Q20627" s="5" t="s">
        <v>40</v>
      </c>
      <c r="R20627" s="5" t="s">
        <v>897</v>
      </c>
      <c r="S20627" s="5" t="s">
        <v>40</v>
      </c>
      <c r="T20627" s="5" t="s">
        <v>42</v>
      </c>
      <c r="U20627" s="2">
        <v>72.491</v>
      </c>
      <c r="V20627" s="2">
        <v>67.262</v>
      </c>
      <c r="W20627" s="2">
        <v>0.31</v>
      </c>
      <c r="X20627" s="2">
        <v>17</v>
      </c>
      <c r="Y20627" s="2">
        <v>105</v>
      </c>
      <c r="Z20627" s="2">
        <v>173.8</v>
      </c>
      <c r="AA20627" s="5">
        <v>7</v>
      </c>
      <c r="AB20627" s="5" t="s">
        <v>43</v>
      </c>
      <c r="AC20627" s="5" t="s">
        <v>735</v>
      </c>
      <c r="AD20627" s="2" t="s">
        <v>66407</v>
      </c>
      <c r="AE20627" s="1"/>
    </row>
    <row r="20628" spans="1:31" ht="14.45">
      <c r="A20628" s="11"/>
      <c r="B20628" s="20"/>
      <c r="C20628" s="2" t="s">
        <v>66408</v>
      </c>
      <c r="D20628" s="14" t="s">
        <v>66409</v>
      </c>
      <c r="E20628" s="2" t="s">
        <v>66410</v>
      </c>
      <c r="F20628" s="2" t="s">
        <v>63342</v>
      </c>
      <c r="G20628" s="8">
        <v>2027</v>
      </c>
      <c r="H20628" s="5">
        <v>10</v>
      </c>
      <c r="I20628" s="5" t="s">
        <v>69</v>
      </c>
      <c r="J20628" s="5" t="s">
        <v>65833</v>
      </c>
      <c r="K20628" s="2" t="s">
        <v>65834</v>
      </c>
      <c r="L20628" s="5" t="s">
        <v>65833</v>
      </c>
      <c r="M20628" s="2" t="s">
        <v>65834</v>
      </c>
      <c r="N20628" s="5" t="s">
        <v>733</v>
      </c>
      <c r="O20628" s="5" t="s">
        <v>38</v>
      </c>
      <c r="P20628" s="5" t="s">
        <v>39</v>
      </c>
      <c r="Q20628" s="5" t="s">
        <v>40</v>
      </c>
      <c r="R20628" s="5" t="s">
        <v>897</v>
      </c>
      <c r="S20628" s="5" t="s">
        <v>40</v>
      </c>
      <c r="T20628" s="5" t="s">
        <v>42</v>
      </c>
      <c r="U20628" s="2">
        <v>82.507999999999996</v>
      </c>
      <c r="V20628" s="2">
        <v>77.302999999999997</v>
      </c>
      <c r="W20628" s="2">
        <v>0.31</v>
      </c>
      <c r="X20628" s="2">
        <v>17</v>
      </c>
      <c r="Y20628" s="2">
        <v>105</v>
      </c>
      <c r="Z20628" s="2">
        <v>173.8</v>
      </c>
      <c r="AA20628" s="5">
        <v>7</v>
      </c>
      <c r="AB20628" s="5" t="s">
        <v>43</v>
      </c>
      <c r="AC20628" s="5" t="s">
        <v>735</v>
      </c>
      <c r="AD20628" s="2" t="s">
        <v>66411</v>
      </c>
      <c r="AE20628" s="1"/>
    </row>
    <row r="20629" spans="1:31" ht="14.45">
      <c r="A20629" s="11"/>
      <c r="B20629" s="20"/>
      <c r="C20629" s="2" t="s">
        <v>66412</v>
      </c>
      <c r="D20629" s="14" t="s">
        <v>66413</v>
      </c>
      <c r="E20629" s="2" t="s">
        <v>66414</v>
      </c>
      <c r="F20629" s="2" t="s">
        <v>66415</v>
      </c>
      <c r="G20629" s="8">
        <v>2209</v>
      </c>
      <c r="H20629" s="5">
        <v>10</v>
      </c>
      <c r="I20629" s="5" t="s">
        <v>69</v>
      </c>
      <c r="J20629" s="5" t="s">
        <v>65833</v>
      </c>
      <c r="K20629" s="2" t="s">
        <v>65834</v>
      </c>
      <c r="L20629" s="5" t="s">
        <v>65833</v>
      </c>
      <c r="M20629" s="2" t="s">
        <v>65834</v>
      </c>
      <c r="N20629" s="5" t="s">
        <v>733</v>
      </c>
      <c r="O20629" s="5" t="s">
        <v>38</v>
      </c>
      <c r="P20629" s="5" t="s">
        <v>39</v>
      </c>
      <c r="Q20629" s="5" t="s">
        <v>40</v>
      </c>
      <c r="R20629" s="5" t="s">
        <v>1487</v>
      </c>
      <c r="S20629" s="5"/>
      <c r="T20629" s="5" t="s">
        <v>42</v>
      </c>
      <c r="U20629" s="2">
        <v>0</v>
      </c>
      <c r="V20629" s="2">
        <v>0</v>
      </c>
      <c r="W20629" s="2">
        <v>0</v>
      </c>
      <c r="X20629" s="2">
        <v>0</v>
      </c>
      <c r="Y20629" s="2">
        <v>0</v>
      </c>
      <c r="Z20629" s="2">
        <v>0</v>
      </c>
      <c r="AA20629" s="5"/>
      <c r="AB20629" s="5" t="s">
        <v>43</v>
      </c>
      <c r="AC20629" s="5" t="s">
        <v>735</v>
      </c>
      <c r="AD20629" s="2" t="s">
        <v>66416</v>
      </c>
      <c r="AE20629" s="1"/>
    </row>
    <row r="20630" spans="1:31" ht="14.45">
      <c r="A20630" s="11"/>
      <c r="B20630" s="20"/>
      <c r="C20630" s="2" t="s">
        <v>66417</v>
      </c>
      <c r="D20630" s="14" t="s">
        <v>66418</v>
      </c>
      <c r="E20630" s="2" t="s">
        <v>66419</v>
      </c>
      <c r="F20630" s="2" t="s">
        <v>63355</v>
      </c>
      <c r="G20630" s="8">
        <v>1777</v>
      </c>
      <c r="H20630" s="5">
        <v>5</v>
      </c>
      <c r="I20630" s="5" t="s">
        <v>69</v>
      </c>
      <c r="J20630" s="5" t="s">
        <v>65833</v>
      </c>
      <c r="K20630" s="2" t="s">
        <v>65834</v>
      </c>
      <c r="L20630" s="5" t="s">
        <v>65833</v>
      </c>
      <c r="M20630" s="2" t="s">
        <v>65834</v>
      </c>
      <c r="N20630" s="5" t="s">
        <v>733</v>
      </c>
      <c r="O20630" s="5" t="s">
        <v>38</v>
      </c>
      <c r="P20630" s="5" t="s">
        <v>39</v>
      </c>
      <c r="Q20630" s="5" t="s">
        <v>40</v>
      </c>
      <c r="R20630" s="5" t="s">
        <v>897</v>
      </c>
      <c r="S20630" s="5" t="s">
        <v>40</v>
      </c>
      <c r="T20630" s="5" t="s">
        <v>42</v>
      </c>
      <c r="U20630" s="2">
        <v>81.754999999999995</v>
      </c>
      <c r="V20630" s="2">
        <v>76.971000000000004</v>
      </c>
      <c r="W20630" s="2">
        <v>0.27900000000000003</v>
      </c>
      <c r="X20630" s="2">
        <v>17</v>
      </c>
      <c r="Y20630" s="2">
        <v>124.8</v>
      </c>
      <c r="Z20630" s="2">
        <v>131.6</v>
      </c>
      <c r="AA20630" s="5">
        <v>7</v>
      </c>
      <c r="AB20630" s="5" t="s">
        <v>43</v>
      </c>
      <c r="AC20630" s="5" t="s">
        <v>735</v>
      </c>
      <c r="AD20630" s="2" t="s">
        <v>66420</v>
      </c>
      <c r="AE20630" s="1"/>
    </row>
    <row r="20631" spans="1:31" ht="14.45">
      <c r="A20631" s="11"/>
      <c r="B20631" s="20"/>
      <c r="C20631" s="2" t="s">
        <v>66421</v>
      </c>
      <c r="D20631" s="14" t="s">
        <v>66422</v>
      </c>
      <c r="E20631" s="2" t="s">
        <v>66423</v>
      </c>
      <c r="F20631" s="2" t="s">
        <v>63365</v>
      </c>
      <c r="G20631" s="8">
        <v>1585</v>
      </c>
      <c r="H20631" s="5">
        <v>5</v>
      </c>
      <c r="I20631" s="5" t="s">
        <v>69</v>
      </c>
      <c r="J20631" s="5" t="s">
        <v>65833</v>
      </c>
      <c r="K20631" s="2" t="s">
        <v>65834</v>
      </c>
      <c r="L20631" s="5" t="s">
        <v>65833</v>
      </c>
      <c r="M20631" s="2" t="s">
        <v>65834</v>
      </c>
      <c r="N20631" s="5" t="s">
        <v>733</v>
      </c>
      <c r="O20631" s="5" t="s">
        <v>38</v>
      </c>
      <c r="P20631" s="5" t="s">
        <v>39</v>
      </c>
      <c r="Q20631" s="5" t="s">
        <v>40</v>
      </c>
      <c r="R20631" s="5" t="s">
        <v>897</v>
      </c>
      <c r="S20631" s="5" t="s">
        <v>40</v>
      </c>
      <c r="T20631" s="5" t="s">
        <v>42</v>
      </c>
      <c r="U20631" s="2">
        <v>70.638000000000005</v>
      </c>
      <c r="V20631" s="2">
        <v>65.905000000000001</v>
      </c>
      <c r="W20631" s="2">
        <v>0.27900000000000003</v>
      </c>
      <c r="X20631" s="2">
        <v>17</v>
      </c>
      <c r="Y20631" s="2">
        <v>124.8</v>
      </c>
      <c r="Z20631" s="2">
        <v>131.6</v>
      </c>
      <c r="AA20631" s="5">
        <v>7</v>
      </c>
      <c r="AB20631" s="5" t="s">
        <v>43</v>
      </c>
      <c r="AC20631" s="5" t="s">
        <v>735</v>
      </c>
      <c r="AD20631" s="2" t="s">
        <v>66424</v>
      </c>
      <c r="AE20631" s="1"/>
    </row>
    <row r="20632" spans="1:31" ht="14.45">
      <c r="A20632" s="11"/>
      <c r="B20632" s="20"/>
      <c r="C20632" s="2" t="s">
        <v>66425</v>
      </c>
      <c r="D20632" s="14" t="s">
        <v>66426</v>
      </c>
      <c r="E20632" s="2" t="s">
        <v>66427</v>
      </c>
      <c r="F20632" s="2" t="s">
        <v>63370</v>
      </c>
      <c r="G20632" s="8">
        <v>2211</v>
      </c>
      <c r="H20632" s="5">
        <v>5</v>
      </c>
      <c r="I20632" s="5" t="s">
        <v>69</v>
      </c>
      <c r="J20632" s="5" t="s">
        <v>65833</v>
      </c>
      <c r="K20632" s="2" t="s">
        <v>65834</v>
      </c>
      <c r="L20632" s="5" t="s">
        <v>65833</v>
      </c>
      <c r="M20632" s="2" t="s">
        <v>65834</v>
      </c>
      <c r="N20632" s="5" t="s">
        <v>733</v>
      </c>
      <c r="O20632" s="5" t="s">
        <v>38</v>
      </c>
      <c r="P20632" s="5" t="s">
        <v>39</v>
      </c>
      <c r="Q20632" s="5" t="s">
        <v>40</v>
      </c>
      <c r="R20632" s="5" t="s">
        <v>897</v>
      </c>
      <c r="S20632" s="5" t="s">
        <v>40</v>
      </c>
      <c r="T20632" s="5" t="s">
        <v>42</v>
      </c>
      <c r="U20632" s="2">
        <v>70.513000000000005</v>
      </c>
      <c r="V20632" s="2">
        <v>64.787000000000006</v>
      </c>
      <c r="W20632" s="2">
        <v>0.30399999999999999</v>
      </c>
      <c r="X20632" s="2">
        <v>17</v>
      </c>
      <c r="Y20632" s="2">
        <v>128.80000000000001</v>
      </c>
      <c r="Z20632" s="2">
        <v>139</v>
      </c>
      <c r="AA20632" s="5">
        <v>7</v>
      </c>
      <c r="AB20632" s="5" t="s">
        <v>43</v>
      </c>
      <c r="AC20632" s="5" t="s">
        <v>735</v>
      </c>
      <c r="AD20632" s="2" t="s">
        <v>66428</v>
      </c>
      <c r="AE20632" s="1"/>
    </row>
    <row r="20633" spans="1:31" ht="14.45">
      <c r="A20633" s="11"/>
      <c r="B20633" s="20"/>
      <c r="C20633" s="2" t="s">
        <v>66429</v>
      </c>
      <c r="D20633" s="14" t="s">
        <v>66430</v>
      </c>
      <c r="E20633" s="2" t="s">
        <v>66431</v>
      </c>
      <c r="F20633" s="2" t="s">
        <v>63388</v>
      </c>
      <c r="G20633" s="8">
        <v>1777</v>
      </c>
      <c r="H20633" s="5">
        <v>10</v>
      </c>
      <c r="I20633" s="5" t="s">
        <v>69</v>
      </c>
      <c r="J20633" s="5" t="s">
        <v>65833</v>
      </c>
      <c r="K20633" s="2" t="s">
        <v>65834</v>
      </c>
      <c r="L20633" s="5" t="s">
        <v>65833</v>
      </c>
      <c r="M20633" s="2" t="s">
        <v>65834</v>
      </c>
      <c r="N20633" s="5" t="s">
        <v>733</v>
      </c>
      <c r="O20633" s="5" t="s">
        <v>38</v>
      </c>
      <c r="P20633" s="5" t="s">
        <v>39</v>
      </c>
      <c r="Q20633" s="5" t="s">
        <v>40</v>
      </c>
      <c r="R20633" s="5" t="s">
        <v>897</v>
      </c>
      <c r="S20633" s="5" t="s">
        <v>40</v>
      </c>
      <c r="T20633" s="5" t="s">
        <v>42</v>
      </c>
      <c r="U20633" s="2">
        <v>70.492999999999995</v>
      </c>
      <c r="V20633" s="2">
        <v>65.747</v>
      </c>
      <c r="W20633" s="2">
        <v>0.27900000000000003</v>
      </c>
      <c r="X20633" s="2">
        <v>17</v>
      </c>
      <c r="Y20633" s="2">
        <v>124.8</v>
      </c>
      <c r="Z20633" s="2">
        <v>131.6</v>
      </c>
      <c r="AA20633" s="5">
        <v>7</v>
      </c>
      <c r="AB20633" s="5" t="s">
        <v>43</v>
      </c>
      <c r="AC20633" s="5" t="s">
        <v>735</v>
      </c>
      <c r="AD20633" s="2" t="s">
        <v>66432</v>
      </c>
      <c r="AE20633" s="1"/>
    </row>
    <row r="20634" spans="1:31" ht="14.45">
      <c r="A20634" s="11"/>
      <c r="B20634" s="20"/>
      <c r="C20634" s="2" t="s">
        <v>66433</v>
      </c>
      <c r="D20634" s="14" t="s">
        <v>66434</v>
      </c>
      <c r="E20634" s="2" t="s">
        <v>66435</v>
      </c>
      <c r="F20634" s="2" t="s">
        <v>63402</v>
      </c>
      <c r="G20634" s="8">
        <v>1402</v>
      </c>
      <c r="H20634" s="5">
        <v>5</v>
      </c>
      <c r="I20634" s="5" t="s">
        <v>69</v>
      </c>
      <c r="J20634" s="5" t="s">
        <v>65833</v>
      </c>
      <c r="K20634" s="2" t="s">
        <v>65834</v>
      </c>
      <c r="L20634" s="5" t="s">
        <v>65833</v>
      </c>
      <c r="M20634" s="2" t="s">
        <v>65834</v>
      </c>
      <c r="N20634" s="5" t="s">
        <v>733</v>
      </c>
      <c r="O20634" s="5" t="s">
        <v>38</v>
      </c>
      <c r="P20634" s="5" t="s">
        <v>39</v>
      </c>
      <c r="Q20634" s="5" t="s">
        <v>40</v>
      </c>
      <c r="R20634" s="5" t="s">
        <v>897</v>
      </c>
      <c r="S20634" s="5" t="s">
        <v>40</v>
      </c>
      <c r="T20634" s="5" t="s">
        <v>42</v>
      </c>
      <c r="U20634" s="2">
        <v>70.703999999999994</v>
      </c>
      <c r="V20634" s="2">
        <v>65.971000000000004</v>
      </c>
      <c r="W20634" s="2">
        <v>0.27900000000000003</v>
      </c>
      <c r="X20634" s="2">
        <v>17</v>
      </c>
      <c r="Y20634" s="2">
        <v>124.8</v>
      </c>
      <c r="Z20634" s="2">
        <v>131.6</v>
      </c>
      <c r="AA20634" s="5">
        <v>7</v>
      </c>
      <c r="AB20634" s="5" t="s">
        <v>43</v>
      </c>
      <c r="AC20634" s="5" t="s">
        <v>735</v>
      </c>
      <c r="AD20634" s="2" t="s">
        <v>66436</v>
      </c>
      <c r="AE20634" s="1"/>
    </row>
    <row r="20635" spans="1:31" ht="14.45">
      <c r="A20635" s="11"/>
      <c r="B20635" s="20"/>
      <c r="C20635" s="2" t="s">
        <v>66437</v>
      </c>
      <c r="D20635" s="14" t="s">
        <v>66438</v>
      </c>
      <c r="E20635" s="2" t="s">
        <v>66439</v>
      </c>
      <c r="F20635" s="2" t="s">
        <v>63415</v>
      </c>
      <c r="G20635" s="8">
        <v>1170</v>
      </c>
      <c r="H20635" s="5">
        <v>5</v>
      </c>
      <c r="I20635" s="5" t="s">
        <v>69</v>
      </c>
      <c r="J20635" s="5" t="s">
        <v>65833</v>
      </c>
      <c r="K20635" s="2" t="s">
        <v>65834</v>
      </c>
      <c r="L20635" s="5" t="s">
        <v>65833</v>
      </c>
      <c r="M20635" s="2" t="s">
        <v>65834</v>
      </c>
      <c r="N20635" s="5" t="s">
        <v>733</v>
      </c>
      <c r="O20635" s="5" t="s">
        <v>38</v>
      </c>
      <c r="P20635" s="5" t="s">
        <v>39</v>
      </c>
      <c r="Q20635" s="5" t="s">
        <v>40</v>
      </c>
      <c r="R20635" s="5" t="s">
        <v>897</v>
      </c>
      <c r="S20635" s="5" t="s">
        <v>40</v>
      </c>
      <c r="T20635" s="5" t="s">
        <v>42</v>
      </c>
      <c r="U20635" s="2">
        <v>62.26</v>
      </c>
      <c r="V20635" s="2">
        <v>57.494999999999997</v>
      </c>
      <c r="W20635" s="2">
        <v>0.27900000000000003</v>
      </c>
      <c r="X20635" s="2">
        <v>17</v>
      </c>
      <c r="Y20635" s="2">
        <v>124.8</v>
      </c>
      <c r="Z20635" s="2">
        <v>131.6</v>
      </c>
      <c r="AA20635" s="5">
        <v>7</v>
      </c>
      <c r="AB20635" s="5" t="s">
        <v>43</v>
      </c>
      <c r="AC20635" s="5" t="s">
        <v>735</v>
      </c>
      <c r="AD20635" s="2" t="s">
        <v>66440</v>
      </c>
      <c r="AE20635" s="1"/>
    </row>
    <row r="20636" spans="1:31" ht="14.45">
      <c r="A20636" s="11"/>
      <c r="B20636" s="20"/>
      <c r="C20636" s="2" t="s">
        <v>66441</v>
      </c>
      <c r="D20636" s="14" t="s">
        <v>66442</v>
      </c>
      <c r="E20636" s="2" t="s">
        <v>66443</v>
      </c>
      <c r="F20636" s="2" t="s">
        <v>63415</v>
      </c>
      <c r="G20636" s="8">
        <v>1796</v>
      </c>
      <c r="H20636" s="5">
        <v>5</v>
      </c>
      <c r="I20636" s="5" t="s">
        <v>69</v>
      </c>
      <c r="J20636" s="5" t="s">
        <v>65833</v>
      </c>
      <c r="K20636" s="2" t="s">
        <v>65834</v>
      </c>
      <c r="L20636" s="5" t="s">
        <v>65833</v>
      </c>
      <c r="M20636" s="2" t="s">
        <v>65834</v>
      </c>
      <c r="N20636" s="5" t="s">
        <v>733</v>
      </c>
      <c r="O20636" s="5" t="s">
        <v>38</v>
      </c>
      <c r="P20636" s="5" t="s">
        <v>39</v>
      </c>
      <c r="Q20636" s="5" t="s">
        <v>40</v>
      </c>
      <c r="R20636" s="5" t="s">
        <v>897</v>
      </c>
      <c r="S20636" s="5" t="s">
        <v>40</v>
      </c>
      <c r="T20636" s="5" t="s">
        <v>42</v>
      </c>
      <c r="U20636" s="2">
        <v>62.167999999999999</v>
      </c>
      <c r="V20636" s="2">
        <v>56.41</v>
      </c>
      <c r="W20636" s="2">
        <v>0.30399999999999999</v>
      </c>
      <c r="X20636" s="2">
        <v>17</v>
      </c>
      <c r="Y20636" s="2">
        <v>128.80000000000001</v>
      </c>
      <c r="Z20636" s="2">
        <v>139</v>
      </c>
      <c r="AA20636" s="5">
        <v>7</v>
      </c>
      <c r="AB20636" s="5" t="s">
        <v>43</v>
      </c>
      <c r="AC20636" s="5" t="s">
        <v>735</v>
      </c>
      <c r="AD20636" s="2" t="s">
        <v>66444</v>
      </c>
      <c r="AE20636" s="1"/>
    </row>
    <row r="20637" spans="1:31" ht="14.45">
      <c r="A20637" s="11"/>
      <c r="B20637" s="20"/>
      <c r="C20637" s="2" t="s">
        <v>66445</v>
      </c>
      <c r="D20637" s="14" t="s">
        <v>66446</v>
      </c>
      <c r="E20637" s="2" t="s">
        <v>66447</v>
      </c>
      <c r="F20637" s="2" t="s">
        <v>63442</v>
      </c>
      <c r="G20637" s="8">
        <v>1465</v>
      </c>
      <c r="H20637" s="5">
        <v>5</v>
      </c>
      <c r="I20637" s="5" t="s">
        <v>69</v>
      </c>
      <c r="J20637" s="5" t="s">
        <v>65833</v>
      </c>
      <c r="K20637" s="2" t="s">
        <v>65834</v>
      </c>
      <c r="L20637" s="5" t="s">
        <v>65833</v>
      </c>
      <c r="M20637" s="2" t="s">
        <v>65834</v>
      </c>
      <c r="N20637" s="5" t="s">
        <v>733</v>
      </c>
      <c r="O20637" s="5" t="s">
        <v>38</v>
      </c>
      <c r="P20637" s="5" t="s">
        <v>39</v>
      </c>
      <c r="Q20637" s="5" t="s">
        <v>40</v>
      </c>
      <c r="R20637" s="5" t="s">
        <v>897</v>
      </c>
      <c r="S20637" s="5" t="s">
        <v>40</v>
      </c>
      <c r="T20637" s="5" t="s">
        <v>42</v>
      </c>
      <c r="U20637" s="2">
        <v>70.587000000000003</v>
      </c>
      <c r="V20637" s="2">
        <v>65.853999999999999</v>
      </c>
      <c r="W20637" s="2">
        <v>0.27900000000000003</v>
      </c>
      <c r="X20637" s="2">
        <v>17</v>
      </c>
      <c r="Y20637" s="2">
        <v>124.8</v>
      </c>
      <c r="Z20637" s="2">
        <v>131.6</v>
      </c>
      <c r="AA20637" s="5">
        <v>7</v>
      </c>
      <c r="AB20637" s="5" t="s">
        <v>43</v>
      </c>
      <c r="AC20637" s="5" t="s">
        <v>735</v>
      </c>
      <c r="AD20637" s="2" t="s">
        <v>66448</v>
      </c>
      <c r="AE20637" s="1"/>
    </row>
    <row r="20638" spans="1:31" ht="14.45">
      <c r="A20638" s="11"/>
      <c r="B20638" s="20"/>
      <c r="C20638" s="2" t="s">
        <v>66449</v>
      </c>
      <c r="D20638" s="14" t="s">
        <v>66450</v>
      </c>
      <c r="E20638" s="2" t="s">
        <v>66451</v>
      </c>
      <c r="F20638" s="2" t="s">
        <v>66452</v>
      </c>
      <c r="G20638" s="8">
        <v>2245</v>
      </c>
      <c r="H20638" s="5">
        <v>10</v>
      </c>
      <c r="I20638" s="5" t="s">
        <v>69</v>
      </c>
      <c r="J20638" s="5" t="s">
        <v>65833</v>
      </c>
      <c r="K20638" s="2" t="s">
        <v>65834</v>
      </c>
      <c r="L20638" s="5" t="s">
        <v>65833</v>
      </c>
      <c r="M20638" s="2" t="s">
        <v>65834</v>
      </c>
      <c r="N20638" s="5" t="s">
        <v>733</v>
      </c>
      <c r="O20638" s="5" t="s">
        <v>38</v>
      </c>
      <c r="P20638" s="5" t="s">
        <v>39</v>
      </c>
      <c r="Q20638" s="5" t="s">
        <v>40</v>
      </c>
      <c r="R20638" s="5" t="s">
        <v>897</v>
      </c>
      <c r="S20638" s="5" t="s">
        <v>40</v>
      </c>
      <c r="T20638" s="5" t="s">
        <v>42</v>
      </c>
      <c r="U20638" s="2">
        <v>86.289000000000001</v>
      </c>
      <c r="V20638" s="2">
        <v>81.537000000000006</v>
      </c>
      <c r="W20638" s="2">
        <v>0.27900000000000003</v>
      </c>
      <c r="X20638" s="2">
        <v>17</v>
      </c>
      <c r="Y20638" s="2">
        <v>124.8</v>
      </c>
      <c r="Z20638" s="2">
        <v>131.6</v>
      </c>
      <c r="AA20638" s="5">
        <v>7</v>
      </c>
      <c r="AB20638" s="5" t="s">
        <v>43</v>
      </c>
      <c r="AC20638" s="5" t="s">
        <v>735</v>
      </c>
      <c r="AD20638" s="2" t="s">
        <v>66453</v>
      </c>
      <c r="AE20638" s="1"/>
    </row>
    <row r="20639" spans="1:31" ht="14.45">
      <c r="A20639" s="11"/>
      <c r="B20639" s="20"/>
      <c r="C20639" s="2" t="s">
        <v>66454</v>
      </c>
      <c r="D20639" s="14" t="s">
        <v>66455</v>
      </c>
      <c r="E20639" s="2" t="s">
        <v>66456</v>
      </c>
      <c r="F20639" s="2" t="s">
        <v>63469</v>
      </c>
      <c r="G20639" s="8">
        <v>2053</v>
      </c>
      <c r="H20639" s="5">
        <v>10</v>
      </c>
      <c r="I20639" s="5" t="s">
        <v>69</v>
      </c>
      <c r="J20639" s="5" t="s">
        <v>65833</v>
      </c>
      <c r="K20639" s="2" t="s">
        <v>65834</v>
      </c>
      <c r="L20639" s="5" t="s">
        <v>65833</v>
      </c>
      <c r="M20639" s="2" t="s">
        <v>65834</v>
      </c>
      <c r="N20639" s="5" t="s">
        <v>733</v>
      </c>
      <c r="O20639" s="5" t="s">
        <v>38</v>
      </c>
      <c r="P20639" s="5" t="s">
        <v>39</v>
      </c>
      <c r="Q20639" s="5" t="s">
        <v>40</v>
      </c>
      <c r="R20639" s="5" t="s">
        <v>897</v>
      </c>
      <c r="S20639" s="5" t="s">
        <v>40</v>
      </c>
      <c r="T20639" s="5" t="s">
        <v>42</v>
      </c>
      <c r="U20639" s="2">
        <v>75.162000000000006</v>
      </c>
      <c r="V20639" s="2">
        <v>70.415999999999997</v>
      </c>
      <c r="W20639" s="2">
        <v>0.27900000000000003</v>
      </c>
      <c r="X20639" s="2">
        <v>17</v>
      </c>
      <c r="Y20639" s="2">
        <v>124.8</v>
      </c>
      <c r="Z20639" s="2">
        <v>131.6</v>
      </c>
      <c r="AA20639" s="5">
        <v>7</v>
      </c>
      <c r="AB20639" s="5" t="s">
        <v>43</v>
      </c>
      <c r="AC20639" s="5" t="s">
        <v>735</v>
      </c>
      <c r="AD20639" s="2" t="s">
        <v>66457</v>
      </c>
      <c r="AE20639" s="1"/>
    </row>
    <row r="20640" spans="1:31" ht="14.45">
      <c r="A20640" s="11"/>
      <c r="B20640" s="20"/>
      <c r="C20640" s="2" t="s">
        <v>66458</v>
      </c>
      <c r="D20640" s="14" t="s">
        <v>66459</v>
      </c>
      <c r="E20640" s="2" t="s">
        <v>66460</v>
      </c>
      <c r="F20640" s="2" t="s">
        <v>63488</v>
      </c>
      <c r="G20640" s="8">
        <v>1638</v>
      </c>
      <c r="H20640" s="5">
        <v>10</v>
      </c>
      <c r="I20640" s="5" t="s">
        <v>69</v>
      </c>
      <c r="J20640" s="5" t="s">
        <v>65833</v>
      </c>
      <c r="K20640" s="2" t="s">
        <v>65834</v>
      </c>
      <c r="L20640" s="5" t="s">
        <v>65833</v>
      </c>
      <c r="M20640" s="2" t="s">
        <v>65834</v>
      </c>
      <c r="N20640" s="5" t="s">
        <v>733</v>
      </c>
      <c r="O20640" s="5" t="s">
        <v>38</v>
      </c>
      <c r="P20640" s="5" t="s">
        <v>39</v>
      </c>
      <c r="Q20640" s="5" t="s">
        <v>40</v>
      </c>
      <c r="R20640" s="5" t="s">
        <v>897</v>
      </c>
      <c r="S20640" s="5" t="s">
        <v>40</v>
      </c>
      <c r="T20640" s="5" t="s">
        <v>42</v>
      </c>
      <c r="U20640" s="2">
        <v>66.641000000000005</v>
      </c>
      <c r="V20640" s="2">
        <v>61.863</v>
      </c>
      <c r="W20640" s="2">
        <v>0.27900000000000003</v>
      </c>
      <c r="X20640" s="2">
        <v>17</v>
      </c>
      <c r="Y20640" s="2">
        <v>124.8</v>
      </c>
      <c r="Z20640" s="2">
        <v>131.6</v>
      </c>
      <c r="AA20640" s="5">
        <v>7</v>
      </c>
      <c r="AB20640" s="5" t="s">
        <v>43</v>
      </c>
      <c r="AC20640" s="5" t="s">
        <v>735</v>
      </c>
      <c r="AD20640" s="2" t="s">
        <v>66461</v>
      </c>
      <c r="AE20640" s="1"/>
    </row>
    <row r="20641" spans="1:31" ht="14.45">
      <c r="A20641" s="11"/>
      <c r="B20641" s="20"/>
      <c r="C20641" s="2" t="s">
        <v>66462</v>
      </c>
      <c r="D20641" s="14" t="s">
        <v>66463</v>
      </c>
      <c r="E20641" s="2" t="s">
        <v>66464</v>
      </c>
      <c r="F20641" s="2" t="s">
        <v>63507</v>
      </c>
      <c r="G20641" s="8">
        <v>1933</v>
      </c>
      <c r="H20641" s="5">
        <v>5</v>
      </c>
      <c r="I20641" s="5" t="s">
        <v>69</v>
      </c>
      <c r="J20641" s="5" t="s">
        <v>65833</v>
      </c>
      <c r="K20641" s="2" t="s">
        <v>65834</v>
      </c>
      <c r="L20641" s="5" t="s">
        <v>65833</v>
      </c>
      <c r="M20641" s="2" t="s">
        <v>65834</v>
      </c>
      <c r="N20641" s="5" t="s">
        <v>733</v>
      </c>
      <c r="O20641" s="5" t="s">
        <v>38</v>
      </c>
      <c r="P20641" s="5" t="s">
        <v>39</v>
      </c>
      <c r="Q20641" s="5" t="s">
        <v>40</v>
      </c>
      <c r="R20641" s="5" t="s">
        <v>897</v>
      </c>
      <c r="S20641" s="5" t="s">
        <v>40</v>
      </c>
      <c r="T20641" s="5" t="s">
        <v>42</v>
      </c>
      <c r="U20641" s="2">
        <v>75.111000000000004</v>
      </c>
      <c r="V20641" s="2">
        <v>70.364999999999995</v>
      </c>
      <c r="W20641" s="2">
        <v>0.27900000000000003</v>
      </c>
      <c r="X20641" s="2">
        <v>17</v>
      </c>
      <c r="Y20641" s="2">
        <v>124.8</v>
      </c>
      <c r="Z20641" s="2">
        <v>131.6</v>
      </c>
      <c r="AA20641" s="5">
        <v>7</v>
      </c>
      <c r="AB20641" s="5" t="s">
        <v>43</v>
      </c>
      <c r="AC20641" s="5" t="s">
        <v>735</v>
      </c>
      <c r="AD20641" s="2" t="s">
        <v>66465</v>
      </c>
      <c r="AE20641" s="1"/>
    </row>
    <row r="20642" spans="1:31" ht="14.45">
      <c r="A20642" s="11"/>
      <c r="B20642" s="20"/>
      <c r="C20642" s="2" t="s">
        <v>66466</v>
      </c>
      <c r="D20642" s="14" t="s">
        <v>66467</v>
      </c>
      <c r="E20642" s="2" t="s">
        <v>66468</v>
      </c>
      <c r="F20642" s="2" t="s">
        <v>63525</v>
      </c>
      <c r="G20642" s="8">
        <v>2053</v>
      </c>
      <c r="H20642" s="5">
        <v>10</v>
      </c>
      <c r="I20642" s="5" t="s">
        <v>69</v>
      </c>
      <c r="J20642" s="5" t="s">
        <v>65833</v>
      </c>
      <c r="K20642" s="2" t="s">
        <v>65834</v>
      </c>
      <c r="L20642" s="5" t="s">
        <v>65833</v>
      </c>
      <c r="M20642" s="2" t="s">
        <v>65834</v>
      </c>
      <c r="N20642" s="5" t="s">
        <v>733</v>
      </c>
      <c r="O20642" s="5" t="s">
        <v>38</v>
      </c>
      <c r="P20642" s="5" t="s">
        <v>39</v>
      </c>
      <c r="Q20642" s="5" t="s">
        <v>40</v>
      </c>
      <c r="R20642" s="5" t="s">
        <v>897</v>
      </c>
      <c r="S20642" s="5" t="s">
        <v>40</v>
      </c>
      <c r="T20642" s="5" t="s">
        <v>42</v>
      </c>
      <c r="U20642" s="2">
        <v>73.843000000000004</v>
      </c>
      <c r="V20642" s="2">
        <v>69.096999999999994</v>
      </c>
      <c r="W20642" s="2">
        <v>0.27900000000000003</v>
      </c>
      <c r="X20642" s="2">
        <v>17</v>
      </c>
      <c r="Y20642" s="2">
        <v>124.8</v>
      </c>
      <c r="Z20642" s="2">
        <v>131.6</v>
      </c>
      <c r="AA20642" s="5">
        <v>7</v>
      </c>
      <c r="AB20642" s="5" t="s">
        <v>43</v>
      </c>
      <c r="AC20642" s="5" t="s">
        <v>735</v>
      </c>
      <c r="AD20642" s="2" t="s">
        <v>66469</v>
      </c>
      <c r="AE20642" s="1"/>
    </row>
    <row r="20643" spans="1:31" ht="14.45">
      <c r="A20643" s="11"/>
      <c r="B20643" s="20"/>
      <c r="C20643" s="2" t="s">
        <v>66470</v>
      </c>
      <c r="D20643" s="14" t="s">
        <v>66471</v>
      </c>
      <c r="E20643" s="2" t="s">
        <v>66472</v>
      </c>
      <c r="F20643" s="2" t="s">
        <v>63548</v>
      </c>
      <c r="G20643" s="8">
        <v>1933</v>
      </c>
      <c r="H20643" s="5">
        <v>10</v>
      </c>
      <c r="I20643" s="5" t="s">
        <v>69</v>
      </c>
      <c r="J20643" s="5" t="s">
        <v>65833</v>
      </c>
      <c r="K20643" s="2" t="s">
        <v>65834</v>
      </c>
      <c r="L20643" s="5" t="s">
        <v>65833</v>
      </c>
      <c r="M20643" s="2" t="s">
        <v>65834</v>
      </c>
      <c r="N20643" s="5" t="s">
        <v>733</v>
      </c>
      <c r="O20643" s="5" t="s">
        <v>38</v>
      </c>
      <c r="P20643" s="5" t="s">
        <v>39</v>
      </c>
      <c r="Q20643" s="5" t="s">
        <v>40</v>
      </c>
      <c r="R20643" s="5" t="s">
        <v>897</v>
      </c>
      <c r="S20643" s="5" t="s">
        <v>40</v>
      </c>
      <c r="T20643" s="5" t="s">
        <v>42</v>
      </c>
      <c r="U20643" s="2">
        <v>73.792000000000002</v>
      </c>
      <c r="V20643" s="2">
        <v>69.046000000000006</v>
      </c>
      <c r="W20643" s="2">
        <v>0.27900000000000003</v>
      </c>
      <c r="X20643" s="2">
        <v>17</v>
      </c>
      <c r="Y20643" s="2">
        <v>124.8</v>
      </c>
      <c r="Z20643" s="2">
        <v>131.6</v>
      </c>
      <c r="AA20643" s="5">
        <v>7</v>
      </c>
      <c r="AB20643" s="5" t="s">
        <v>43</v>
      </c>
      <c r="AC20643" s="5" t="s">
        <v>735</v>
      </c>
      <c r="AD20643" s="2" t="s">
        <v>66473</v>
      </c>
      <c r="AE20643" s="1"/>
    </row>
    <row r="20644" spans="1:31" ht="14.45">
      <c r="A20644" s="11"/>
      <c r="B20644" s="20"/>
      <c r="C20644" s="2" t="s">
        <v>66474</v>
      </c>
      <c r="D20644" s="14" t="s">
        <v>66475</v>
      </c>
      <c r="E20644" s="2" t="s">
        <v>66476</v>
      </c>
      <c r="F20644" s="2" t="s">
        <v>63561</v>
      </c>
      <c r="G20644" s="8">
        <v>2059</v>
      </c>
      <c r="H20644" s="5">
        <v>10</v>
      </c>
      <c r="I20644" s="5" t="s">
        <v>69</v>
      </c>
      <c r="J20644" s="5" t="s">
        <v>65833</v>
      </c>
      <c r="K20644" s="2" t="s">
        <v>65834</v>
      </c>
      <c r="L20644" s="5" t="s">
        <v>65833</v>
      </c>
      <c r="M20644" s="2" t="s">
        <v>65834</v>
      </c>
      <c r="N20644" s="5" t="s">
        <v>733</v>
      </c>
      <c r="O20644" s="5" t="s">
        <v>38</v>
      </c>
      <c r="P20644" s="5" t="s">
        <v>39</v>
      </c>
      <c r="Q20644" s="5" t="s">
        <v>40</v>
      </c>
      <c r="R20644" s="5" t="s">
        <v>1487</v>
      </c>
      <c r="S20644" s="5"/>
      <c r="T20644" s="5" t="s">
        <v>42</v>
      </c>
      <c r="U20644" s="2">
        <v>0</v>
      </c>
      <c r="V20644" s="2">
        <v>0</v>
      </c>
      <c r="W20644" s="2">
        <v>0</v>
      </c>
      <c r="X20644" s="2">
        <v>0</v>
      </c>
      <c r="Y20644" s="2">
        <v>0</v>
      </c>
      <c r="Z20644" s="2">
        <v>0</v>
      </c>
      <c r="AA20644" s="5"/>
      <c r="AB20644" s="5" t="s">
        <v>43</v>
      </c>
      <c r="AC20644" s="5" t="s">
        <v>735</v>
      </c>
      <c r="AD20644" s="2" t="s">
        <v>66477</v>
      </c>
      <c r="AE20644" s="1"/>
    </row>
    <row r="20645" spans="1:31" ht="14.45">
      <c r="A20645" s="11"/>
      <c r="B20645" s="20"/>
      <c r="C20645" s="2" t="s">
        <v>66478</v>
      </c>
      <c r="D20645" s="14" t="s">
        <v>66479</v>
      </c>
      <c r="E20645" s="2" t="s">
        <v>66480</v>
      </c>
      <c r="F20645" s="2" t="s">
        <v>63574</v>
      </c>
      <c r="G20645" s="8">
        <v>1962</v>
      </c>
      <c r="H20645" s="5">
        <v>5</v>
      </c>
      <c r="I20645" s="5" t="s">
        <v>69</v>
      </c>
      <c r="J20645" s="5" t="s">
        <v>65833</v>
      </c>
      <c r="K20645" s="2" t="s">
        <v>65834</v>
      </c>
      <c r="L20645" s="5" t="s">
        <v>65833</v>
      </c>
      <c r="M20645" s="2" t="s">
        <v>65834</v>
      </c>
      <c r="N20645" s="5" t="s">
        <v>733</v>
      </c>
      <c r="O20645" s="5" t="s">
        <v>38</v>
      </c>
      <c r="P20645" s="5" t="s">
        <v>39</v>
      </c>
      <c r="Q20645" s="5" t="s">
        <v>40</v>
      </c>
      <c r="R20645" s="5" t="s">
        <v>897</v>
      </c>
      <c r="S20645" s="5" t="s">
        <v>40</v>
      </c>
      <c r="T20645" s="5" t="s">
        <v>42</v>
      </c>
      <c r="U20645" s="2">
        <v>95.381</v>
      </c>
      <c r="V20645" s="2">
        <v>89.994</v>
      </c>
      <c r="W20645" s="2">
        <v>0.32600000000000001</v>
      </c>
      <c r="X20645" s="2">
        <v>17</v>
      </c>
      <c r="Y20645" s="2">
        <v>124.8</v>
      </c>
      <c r="Z20645" s="2">
        <v>153.6</v>
      </c>
      <c r="AA20645" s="5">
        <v>7</v>
      </c>
      <c r="AB20645" s="5" t="s">
        <v>43</v>
      </c>
      <c r="AC20645" s="5" t="s">
        <v>735</v>
      </c>
      <c r="AD20645" s="2" t="s">
        <v>66481</v>
      </c>
      <c r="AE20645" s="1"/>
    </row>
    <row r="20646" spans="1:31" ht="14.45">
      <c r="A20646" s="11"/>
      <c r="B20646" s="20"/>
      <c r="C20646" s="2" t="s">
        <v>66482</v>
      </c>
      <c r="D20646" s="14" t="s">
        <v>66483</v>
      </c>
      <c r="E20646" s="2" t="s">
        <v>66484</v>
      </c>
      <c r="F20646" s="2" t="s">
        <v>63584</v>
      </c>
      <c r="G20646" s="8">
        <v>1734</v>
      </c>
      <c r="H20646" s="5">
        <v>5</v>
      </c>
      <c r="I20646" s="5" t="s">
        <v>69</v>
      </c>
      <c r="J20646" s="5" t="s">
        <v>65833</v>
      </c>
      <c r="K20646" s="2" t="s">
        <v>65834</v>
      </c>
      <c r="L20646" s="5" t="s">
        <v>65833</v>
      </c>
      <c r="M20646" s="2" t="s">
        <v>65834</v>
      </c>
      <c r="N20646" s="5" t="s">
        <v>733</v>
      </c>
      <c r="O20646" s="5" t="s">
        <v>38</v>
      </c>
      <c r="P20646" s="5" t="s">
        <v>39</v>
      </c>
      <c r="Q20646" s="5" t="s">
        <v>40</v>
      </c>
      <c r="R20646" s="5" t="s">
        <v>897</v>
      </c>
      <c r="S20646" s="5" t="s">
        <v>40</v>
      </c>
      <c r="T20646" s="5" t="s">
        <v>42</v>
      </c>
      <c r="U20646" s="2">
        <v>81.647999999999996</v>
      </c>
      <c r="V20646" s="2">
        <v>76.316999999999993</v>
      </c>
      <c r="W20646" s="2">
        <v>0.32600000000000001</v>
      </c>
      <c r="X20646" s="2">
        <v>17</v>
      </c>
      <c r="Y20646" s="2">
        <v>124.8</v>
      </c>
      <c r="Z20646" s="2">
        <v>153.6</v>
      </c>
      <c r="AA20646" s="5">
        <v>7</v>
      </c>
      <c r="AB20646" s="5" t="s">
        <v>43</v>
      </c>
      <c r="AC20646" s="5" t="s">
        <v>735</v>
      </c>
      <c r="AD20646" s="2" t="s">
        <v>66485</v>
      </c>
      <c r="AE20646" s="1"/>
    </row>
    <row r="20647" spans="1:31" ht="14.45">
      <c r="A20647" s="11"/>
      <c r="B20647" s="20"/>
      <c r="C20647" s="2" t="s">
        <v>66486</v>
      </c>
      <c r="D20647" s="14" t="s">
        <v>66487</v>
      </c>
      <c r="E20647" s="2" t="s">
        <v>66488</v>
      </c>
      <c r="F20647" s="2" t="s">
        <v>63589</v>
      </c>
      <c r="G20647" s="8">
        <v>2360</v>
      </c>
      <c r="H20647" s="5">
        <v>5</v>
      </c>
      <c r="I20647" s="5" t="s">
        <v>69</v>
      </c>
      <c r="J20647" s="5" t="s">
        <v>65833</v>
      </c>
      <c r="K20647" s="2" t="s">
        <v>65834</v>
      </c>
      <c r="L20647" s="5" t="s">
        <v>65833</v>
      </c>
      <c r="M20647" s="2" t="s">
        <v>65834</v>
      </c>
      <c r="N20647" s="5" t="s">
        <v>733</v>
      </c>
      <c r="O20647" s="5" t="s">
        <v>38</v>
      </c>
      <c r="P20647" s="5" t="s">
        <v>39</v>
      </c>
      <c r="Q20647" s="5" t="s">
        <v>40</v>
      </c>
      <c r="R20647" s="5" t="s">
        <v>897</v>
      </c>
      <c r="S20647" s="5" t="s">
        <v>40</v>
      </c>
      <c r="T20647" s="5" t="s">
        <v>42</v>
      </c>
      <c r="U20647" s="2">
        <v>80.744</v>
      </c>
      <c r="V20647" s="2">
        <v>74.344999999999999</v>
      </c>
      <c r="W20647" s="2">
        <v>0.35299999999999998</v>
      </c>
      <c r="X20647" s="2">
        <v>17</v>
      </c>
      <c r="Y20647" s="2">
        <v>128.80000000000001</v>
      </c>
      <c r="Z20647" s="2">
        <v>161</v>
      </c>
      <c r="AA20647" s="5">
        <v>7</v>
      </c>
      <c r="AB20647" s="5" t="s">
        <v>43</v>
      </c>
      <c r="AC20647" s="5" t="s">
        <v>735</v>
      </c>
      <c r="AD20647" s="2" t="s">
        <v>66489</v>
      </c>
      <c r="AE20647" s="1"/>
    </row>
    <row r="20648" spans="1:31" ht="14.45">
      <c r="A20648" s="11"/>
      <c r="B20648" s="20"/>
      <c r="C20648" s="2" t="s">
        <v>66490</v>
      </c>
      <c r="D20648" s="14" t="s">
        <v>66491</v>
      </c>
      <c r="E20648" s="2" t="s">
        <v>66492</v>
      </c>
      <c r="F20648" s="2" t="s">
        <v>63603</v>
      </c>
      <c r="G20648" s="8">
        <v>1962</v>
      </c>
      <c r="H20648" s="5">
        <v>5</v>
      </c>
      <c r="I20648" s="5" t="s">
        <v>69</v>
      </c>
      <c r="J20648" s="5" t="s">
        <v>65833</v>
      </c>
      <c r="K20648" s="2" t="s">
        <v>65834</v>
      </c>
      <c r="L20648" s="5" t="s">
        <v>65833</v>
      </c>
      <c r="M20648" s="2" t="s">
        <v>65834</v>
      </c>
      <c r="N20648" s="5" t="s">
        <v>733</v>
      </c>
      <c r="O20648" s="5" t="s">
        <v>38</v>
      </c>
      <c r="P20648" s="5" t="s">
        <v>39</v>
      </c>
      <c r="Q20648" s="5" t="s">
        <v>40</v>
      </c>
      <c r="R20648" s="5" t="s">
        <v>897</v>
      </c>
      <c r="S20648" s="5" t="s">
        <v>40</v>
      </c>
      <c r="T20648" s="5" t="s">
        <v>42</v>
      </c>
      <c r="U20648" s="2">
        <v>81.537999999999997</v>
      </c>
      <c r="V20648" s="2">
        <v>76.194000000000003</v>
      </c>
      <c r="W20648" s="2">
        <v>0.32600000000000001</v>
      </c>
      <c r="X20648" s="2">
        <v>17</v>
      </c>
      <c r="Y20648" s="2">
        <v>124.8</v>
      </c>
      <c r="Z20648" s="2">
        <v>153.6</v>
      </c>
      <c r="AA20648" s="5">
        <v>7</v>
      </c>
      <c r="AB20648" s="5" t="s">
        <v>43</v>
      </c>
      <c r="AC20648" s="5" t="s">
        <v>735</v>
      </c>
      <c r="AD20648" s="2" t="s">
        <v>66493</v>
      </c>
      <c r="AE20648" s="1"/>
    </row>
    <row r="20649" spans="1:31" ht="14.45">
      <c r="A20649" s="11"/>
      <c r="B20649" s="20"/>
      <c r="C20649" s="2" t="s">
        <v>66494</v>
      </c>
      <c r="D20649" s="14" t="s">
        <v>66495</v>
      </c>
      <c r="E20649" s="2" t="s">
        <v>66496</v>
      </c>
      <c r="F20649" s="2" t="s">
        <v>63617</v>
      </c>
      <c r="G20649" s="8">
        <v>1516</v>
      </c>
      <c r="H20649" s="5">
        <v>5</v>
      </c>
      <c r="I20649" s="5" t="s">
        <v>69</v>
      </c>
      <c r="J20649" s="5" t="s">
        <v>65833</v>
      </c>
      <c r="K20649" s="2" t="s">
        <v>65834</v>
      </c>
      <c r="L20649" s="5" t="s">
        <v>65833</v>
      </c>
      <c r="M20649" s="2" t="s">
        <v>65834</v>
      </c>
      <c r="N20649" s="5" t="s">
        <v>733</v>
      </c>
      <c r="O20649" s="5" t="s">
        <v>38</v>
      </c>
      <c r="P20649" s="5" t="s">
        <v>39</v>
      </c>
      <c r="Q20649" s="5" t="s">
        <v>40</v>
      </c>
      <c r="R20649" s="5" t="s">
        <v>897</v>
      </c>
      <c r="S20649" s="5" t="s">
        <v>40</v>
      </c>
      <c r="T20649" s="5" t="s">
        <v>42</v>
      </c>
      <c r="U20649" s="2">
        <v>81.736999999999995</v>
      </c>
      <c r="V20649" s="2">
        <v>76.406000000000006</v>
      </c>
      <c r="W20649" s="2">
        <v>0.32600000000000001</v>
      </c>
      <c r="X20649" s="2">
        <v>17</v>
      </c>
      <c r="Y20649" s="2">
        <v>124.8</v>
      </c>
      <c r="Z20649" s="2">
        <v>153.6</v>
      </c>
      <c r="AA20649" s="5">
        <v>7</v>
      </c>
      <c r="AB20649" s="5" t="s">
        <v>43</v>
      </c>
      <c r="AC20649" s="5" t="s">
        <v>735</v>
      </c>
      <c r="AD20649" s="2" t="s">
        <v>66497</v>
      </c>
      <c r="AE20649" s="1"/>
    </row>
    <row r="20650" spans="1:31" ht="14.45">
      <c r="A20650" s="11"/>
      <c r="B20650" s="20"/>
      <c r="C20650" s="2" t="s">
        <v>66498</v>
      </c>
      <c r="D20650" s="14" t="s">
        <v>66499</v>
      </c>
      <c r="E20650" s="2" t="s">
        <v>66500</v>
      </c>
      <c r="F20650" s="2" t="s">
        <v>63630</v>
      </c>
      <c r="G20650" s="8">
        <v>1241</v>
      </c>
      <c r="H20650" s="5">
        <v>5</v>
      </c>
      <c r="I20650" s="5" t="s">
        <v>69</v>
      </c>
      <c r="J20650" s="5" t="s">
        <v>65833</v>
      </c>
      <c r="K20650" s="2" t="s">
        <v>65834</v>
      </c>
      <c r="L20650" s="5" t="s">
        <v>65833</v>
      </c>
      <c r="M20650" s="2" t="s">
        <v>65834</v>
      </c>
      <c r="N20650" s="5" t="s">
        <v>733</v>
      </c>
      <c r="O20650" s="5" t="s">
        <v>38</v>
      </c>
      <c r="P20650" s="5" t="s">
        <v>39</v>
      </c>
      <c r="Q20650" s="5" t="s">
        <v>40</v>
      </c>
      <c r="R20650" s="5" t="s">
        <v>897</v>
      </c>
      <c r="S20650" s="5" t="s">
        <v>40</v>
      </c>
      <c r="T20650" s="5" t="s">
        <v>42</v>
      </c>
      <c r="U20650" s="2">
        <v>72.143000000000001</v>
      </c>
      <c r="V20650" s="2">
        <v>66.78</v>
      </c>
      <c r="W20650" s="2">
        <v>0.32600000000000001</v>
      </c>
      <c r="X20650" s="2">
        <v>17</v>
      </c>
      <c r="Y20650" s="2">
        <v>124.8</v>
      </c>
      <c r="Z20650" s="2">
        <v>153.6</v>
      </c>
      <c r="AA20650" s="5">
        <v>7</v>
      </c>
      <c r="AB20650" s="5" t="s">
        <v>43</v>
      </c>
      <c r="AC20650" s="5" t="s">
        <v>735</v>
      </c>
      <c r="AD20650" s="2" t="s">
        <v>66501</v>
      </c>
      <c r="AE20650" s="1"/>
    </row>
    <row r="20651" spans="1:31" ht="14.45">
      <c r="A20651" s="11"/>
      <c r="B20651" s="20"/>
      <c r="C20651" s="2" t="s">
        <v>66502</v>
      </c>
      <c r="D20651" s="14" t="s">
        <v>66503</v>
      </c>
      <c r="E20651" s="2" t="s">
        <v>66504</v>
      </c>
      <c r="F20651" s="2" t="s">
        <v>63630</v>
      </c>
      <c r="G20651" s="8">
        <v>1867</v>
      </c>
      <c r="H20651" s="5">
        <v>5</v>
      </c>
      <c r="I20651" s="5" t="s">
        <v>69</v>
      </c>
      <c r="J20651" s="5" t="s">
        <v>65833</v>
      </c>
      <c r="K20651" s="2" t="s">
        <v>65834</v>
      </c>
      <c r="L20651" s="5" t="s">
        <v>65833</v>
      </c>
      <c r="M20651" s="2" t="s">
        <v>65834</v>
      </c>
      <c r="N20651" s="5" t="s">
        <v>733</v>
      </c>
      <c r="O20651" s="5" t="s">
        <v>38</v>
      </c>
      <c r="P20651" s="5" t="s">
        <v>39</v>
      </c>
      <c r="Q20651" s="5" t="s">
        <v>40</v>
      </c>
      <c r="R20651" s="5" t="s">
        <v>897</v>
      </c>
      <c r="S20651" s="5" t="s">
        <v>40</v>
      </c>
      <c r="T20651" s="5" t="s">
        <v>42</v>
      </c>
      <c r="U20651" s="2">
        <v>70.733999999999995</v>
      </c>
      <c r="V20651" s="2">
        <v>64.302999999999997</v>
      </c>
      <c r="W20651" s="2">
        <v>0.35299999999999998</v>
      </c>
      <c r="X20651" s="2">
        <v>17</v>
      </c>
      <c r="Y20651" s="2">
        <v>128.80000000000001</v>
      </c>
      <c r="Z20651" s="2">
        <v>161</v>
      </c>
      <c r="AA20651" s="5">
        <v>7</v>
      </c>
      <c r="AB20651" s="5" t="s">
        <v>43</v>
      </c>
      <c r="AC20651" s="5" t="s">
        <v>735</v>
      </c>
      <c r="AD20651" s="2" t="s">
        <v>66505</v>
      </c>
      <c r="AE20651" s="1"/>
    </row>
    <row r="20652" spans="1:31" ht="14.45">
      <c r="A20652" s="11"/>
      <c r="B20652" s="20"/>
      <c r="C20652" s="2" t="s">
        <v>66506</v>
      </c>
      <c r="D20652" s="14" t="s">
        <v>66507</v>
      </c>
      <c r="E20652" s="2" t="s">
        <v>66508</v>
      </c>
      <c r="F20652" s="2" t="s">
        <v>63657</v>
      </c>
      <c r="G20652" s="8">
        <v>1591</v>
      </c>
      <c r="H20652" s="5">
        <v>5</v>
      </c>
      <c r="I20652" s="5" t="s">
        <v>69</v>
      </c>
      <c r="J20652" s="5" t="s">
        <v>65833</v>
      </c>
      <c r="K20652" s="2" t="s">
        <v>65834</v>
      </c>
      <c r="L20652" s="5" t="s">
        <v>65833</v>
      </c>
      <c r="M20652" s="2" t="s">
        <v>65834</v>
      </c>
      <c r="N20652" s="5" t="s">
        <v>733</v>
      </c>
      <c r="O20652" s="5" t="s">
        <v>38</v>
      </c>
      <c r="P20652" s="5" t="s">
        <v>39</v>
      </c>
      <c r="Q20652" s="5" t="s">
        <v>40</v>
      </c>
      <c r="R20652" s="5" t="s">
        <v>897</v>
      </c>
      <c r="S20652" s="5" t="s">
        <v>40</v>
      </c>
      <c r="T20652" s="5" t="s">
        <v>42</v>
      </c>
      <c r="U20652" s="2">
        <v>81.585999999999999</v>
      </c>
      <c r="V20652" s="2">
        <v>76.254999999999995</v>
      </c>
      <c r="W20652" s="2">
        <v>0.32600000000000001</v>
      </c>
      <c r="X20652" s="2">
        <v>17</v>
      </c>
      <c r="Y20652" s="2">
        <v>124.8</v>
      </c>
      <c r="Z20652" s="2">
        <v>153.6</v>
      </c>
      <c r="AA20652" s="5">
        <v>7</v>
      </c>
      <c r="AB20652" s="5" t="s">
        <v>43</v>
      </c>
      <c r="AC20652" s="5" t="s">
        <v>735</v>
      </c>
      <c r="AD20652" s="2" t="s">
        <v>66509</v>
      </c>
      <c r="AE20652" s="1"/>
    </row>
    <row r="20653" spans="1:31" ht="14.45">
      <c r="A20653" s="11"/>
      <c r="B20653" s="20"/>
      <c r="C20653" s="2" t="s">
        <v>66510</v>
      </c>
      <c r="D20653" s="14" t="s">
        <v>66511</v>
      </c>
      <c r="E20653" s="2" t="s">
        <v>66512</v>
      </c>
      <c r="F20653" s="2" t="s">
        <v>66513</v>
      </c>
      <c r="G20653" s="8">
        <v>2202</v>
      </c>
      <c r="H20653" s="5">
        <v>10</v>
      </c>
      <c r="I20653" s="5" t="s">
        <v>69</v>
      </c>
      <c r="J20653" s="5" t="s">
        <v>65833</v>
      </c>
      <c r="K20653" s="2" t="s">
        <v>65834</v>
      </c>
      <c r="L20653" s="5" t="s">
        <v>65833</v>
      </c>
      <c r="M20653" s="2" t="s">
        <v>65834</v>
      </c>
      <c r="N20653" s="5" t="s">
        <v>733</v>
      </c>
      <c r="O20653" s="5" t="s">
        <v>38</v>
      </c>
      <c r="P20653" s="5" t="s">
        <v>39</v>
      </c>
      <c r="Q20653" s="5" t="s">
        <v>40</v>
      </c>
      <c r="R20653" s="5" t="s">
        <v>897</v>
      </c>
      <c r="S20653" s="5" t="s">
        <v>40</v>
      </c>
      <c r="T20653" s="5" t="s">
        <v>42</v>
      </c>
      <c r="U20653" s="2">
        <v>87.119</v>
      </c>
      <c r="V20653" s="2">
        <v>81.775000000000006</v>
      </c>
      <c r="W20653" s="2">
        <v>0.32600000000000001</v>
      </c>
      <c r="X20653" s="2">
        <v>17</v>
      </c>
      <c r="Y20653" s="2">
        <v>124.8</v>
      </c>
      <c r="Z20653" s="2">
        <v>153.6</v>
      </c>
      <c r="AA20653" s="5">
        <v>7</v>
      </c>
      <c r="AB20653" s="5" t="s">
        <v>43</v>
      </c>
      <c r="AC20653" s="5" t="s">
        <v>735</v>
      </c>
      <c r="AD20653" s="2" t="s">
        <v>66514</v>
      </c>
      <c r="AE20653" s="1"/>
    </row>
    <row r="20654" spans="1:31" ht="14.45">
      <c r="A20654" s="11"/>
      <c r="B20654" s="20"/>
      <c r="C20654" s="2" t="s">
        <v>66515</v>
      </c>
      <c r="D20654" s="14" t="s">
        <v>66516</v>
      </c>
      <c r="E20654" s="2" t="s">
        <v>66517</v>
      </c>
      <c r="F20654" s="2" t="s">
        <v>63689</v>
      </c>
      <c r="G20654" s="8">
        <v>1709</v>
      </c>
      <c r="H20654" s="5">
        <v>10</v>
      </c>
      <c r="I20654" s="5" t="s">
        <v>69</v>
      </c>
      <c r="J20654" s="5" t="s">
        <v>65833</v>
      </c>
      <c r="K20654" s="2" t="s">
        <v>65834</v>
      </c>
      <c r="L20654" s="5" t="s">
        <v>65833</v>
      </c>
      <c r="M20654" s="2" t="s">
        <v>65834</v>
      </c>
      <c r="N20654" s="5" t="s">
        <v>733</v>
      </c>
      <c r="O20654" s="5" t="s">
        <v>38</v>
      </c>
      <c r="P20654" s="5" t="s">
        <v>39</v>
      </c>
      <c r="Q20654" s="5" t="s">
        <v>40</v>
      </c>
      <c r="R20654" s="5" t="s">
        <v>897</v>
      </c>
      <c r="S20654" s="5" t="s">
        <v>40</v>
      </c>
      <c r="T20654" s="5" t="s">
        <v>42</v>
      </c>
      <c r="U20654" s="2">
        <v>76.998999999999995</v>
      </c>
      <c r="V20654" s="2">
        <v>71.623000000000005</v>
      </c>
      <c r="W20654" s="2">
        <v>0.32600000000000001</v>
      </c>
      <c r="X20654" s="2">
        <v>17</v>
      </c>
      <c r="Y20654" s="2">
        <v>124.8</v>
      </c>
      <c r="Z20654" s="2">
        <v>153.6</v>
      </c>
      <c r="AA20654" s="5">
        <v>7</v>
      </c>
      <c r="AB20654" s="5" t="s">
        <v>43</v>
      </c>
      <c r="AC20654" s="5" t="s">
        <v>735</v>
      </c>
      <c r="AD20654" s="2" t="s">
        <v>66518</v>
      </c>
      <c r="AE20654" s="1"/>
    </row>
    <row r="20655" spans="1:31" ht="14.45">
      <c r="A20655" s="11"/>
      <c r="B20655" s="20"/>
      <c r="C20655" s="2" t="s">
        <v>66519</v>
      </c>
      <c r="D20655" s="14" t="s">
        <v>66520</v>
      </c>
      <c r="E20655" s="2" t="s">
        <v>66521</v>
      </c>
      <c r="F20655" s="2" t="s">
        <v>63704</v>
      </c>
      <c r="G20655" s="8">
        <v>2059</v>
      </c>
      <c r="H20655" s="5">
        <v>10</v>
      </c>
      <c r="I20655" s="5" t="s">
        <v>69</v>
      </c>
      <c r="J20655" s="5" t="s">
        <v>65833</v>
      </c>
      <c r="K20655" s="2" t="s">
        <v>65834</v>
      </c>
      <c r="L20655" s="5" t="s">
        <v>65833</v>
      </c>
      <c r="M20655" s="2" t="s">
        <v>65834</v>
      </c>
      <c r="N20655" s="5" t="s">
        <v>733</v>
      </c>
      <c r="O20655" s="5" t="s">
        <v>38</v>
      </c>
      <c r="P20655" s="5" t="s">
        <v>39</v>
      </c>
      <c r="Q20655" s="5" t="s">
        <v>40</v>
      </c>
      <c r="R20655" s="5" t="s">
        <v>897</v>
      </c>
      <c r="S20655" s="5" t="s">
        <v>40</v>
      </c>
      <c r="T20655" s="5" t="s">
        <v>42</v>
      </c>
      <c r="U20655" s="2">
        <v>87.057000000000002</v>
      </c>
      <c r="V20655" s="2">
        <v>81.712999999999994</v>
      </c>
      <c r="W20655" s="2">
        <v>0.32600000000000001</v>
      </c>
      <c r="X20655" s="2">
        <v>17</v>
      </c>
      <c r="Y20655" s="2">
        <v>124.8</v>
      </c>
      <c r="Z20655" s="2">
        <v>153.6</v>
      </c>
      <c r="AA20655" s="5">
        <v>7</v>
      </c>
      <c r="AB20655" s="5" t="s">
        <v>43</v>
      </c>
      <c r="AC20655" s="5" t="s">
        <v>735</v>
      </c>
      <c r="AD20655" s="2" t="s">
        <v>66522</v>
      </c>
      <c r="AE20655" s="1"/>
    </row>
    <row r="20656" spans="1:31" ht="14.45">
      <c r="A20656" s="11"/>
      <c r="B20656" s="20"/>
      <c r="C20656" s="2" t="s">
        <v>66523</v>
      </c>
      <c r="D20656" s="14" t="s">
        <v>66524</v>
      </c>
      <c r="E20656" s="2" t="s">
        <v>66525</v>
      </c>
      <c r="F20656" s="2" t="s">
        <v>63723</v>
      </c>
      <c r="G20656" s="8">
        <v>2202</v>
      </c>
      <c r="H20656" s="5">
        <v>10</v>
      </c>
      <c r="I20656" s="5" t="s">
        <v>69</v>
      </c>
      <c r="J20656" s="5" t="s">
        <v>65833</v>
      </c>
      <c r="K20656" s="2" t="s">
        <v>65834</v>
      </c>
      <c r="L20656" s="5" t="s">
        <v>65833</v>
      </c>
      <c r="M20656" s="2" t="s">
        <v>65834</v>
      </c>
      <c r="N20656" s="5" t="s">
        <v>733</v>
      </c>
      <c r="O20656" s="5" t="s">
        <v>38</v>
      </c>
      <c r="P20656" s="5" t="s">
        <v>39</v>
      </c>
      <c r="Q20656" s="5" t="s">
        <v>40</v>
      </c>
      <c r="R20656" s="5" t="s">
        <v>897</v>
      </c>
      <c r="S20656" s="5" t="s">
        <v>40</v>
      </c>
      <c r="T20656" s="5" t="s">
        <v>42</v>
      </c>
      <c r="U20656" s="2">
        <v>84.914000000000001</v>
      </c>
      <c r="V20656" s="2">
        <v>79.569999999999993</v>
      </c>
      <c r="W20656" s="2">
        <v>0.32600000000000001</v>
      </c>
      <c r="X20656" s="2">
        <v>17</v>
      </c>
      <c r="Y20656" s="2">
        <v>124.8</v>
      </c>
      <c r="Z20656" s="2">
        <v>153.6</v>
      </c>
      <c r="AA20656" s="5">
        <v>7</v>
      </c>
      <c r="AB20656" s="5" t="s">
        <v>43</v>
      </c>
      <c r="AC20656" s="5" t="s">
        <v>735</v>
      </c>
      <c r="AD20656" s="2" t="s">
        <v>66526</v>
      </c>
      <c r="AE20656" s="1"/>
    </row>
    <row r="20657" spans="1:31" ht="14.45">
      <c r="A20657" s="11"/>
      <c r="B20657" s="20"/>
      <c r="C20657" s="2" t="s">
        <v>66527</v>
      </c>
      <c r="D20657" s="14" t="s">
        <v>66528</v>
      </c>
      <c r="E20657" s="2" t="s">
        <v>66529</v>
      </c>
      <c r="F20657" s="2" t="s">
        <v>63738</v>
      </c>
      <c r="G20657" s="8">
        <v>2059</v>
      </c>
      <c r="H20657" s="5">
        <v>10</v>
      </c>
      <c r="I20657" s="5" t="s">
        <v>69</v>
      </c>
      <c r="J20657" s="5" t="s">
        <v>65833</v>
      </c>
      <c r="K20657" s="2" t="s">
        <v>65834</v>
      </c>
      <c r="L20657" s="5" t="s">
        <v>65833</v>
      </c>
      <c r="M20657" s="2" t="s">
        <v>65834</v>
      </c>
      <c r="N20657" s="5" t="s">
        <v>733</v>
      </c>
      <c r="O20657" s="5" t="s">
        <v>38</v>
      </c>
      <c r="P20657" s="5" t="s">
        <v>39</v>
      </c>
      <c r="Q20657" s="5" t="s">
        <v>40</v>
      </c>
      <c r="R20657" s="5" t="s">
        <v>897</v>
      </c>
      <c r="S20657" s="5" t="s">
        <v>40</v>
      </c>
      <c r="T20657" s="5" t="s">
        <v>42</v>
      </c>
      <c r="U20657" s="2">
        <v>84.852000000000004</v>
      </c>
      <c r="V20657" s="2">
        <v>79.507999999999996</v>
      </c>
      <c r="W20657" s="2">
        <v>0.32600000000000001</v>
      </c>
      <c r="X20657" s="2">
        <v>17</v>
      </c>
      <c r="Y20657" s="2">
        <v>124.8</v>
      </c>
      <c r="Z20657" s="2">
        <v>153.6</v>
      </c>
      <c r="AA20657" s="5">
        <v>7</v>
      </c>
      <c r="AB20657" s="5" t="s">
        <v>43</v>
      </c>
      <c r="AC20657" s="5" t="s">
        <v>735</v>
      </c>
      <c r="AD20657" s="2" t="s">
        <v>66530</v>
      </c>
      <c r="AE20657" s="1"/>
    </row>
    <row r="20658" spans="1:31" ht="14.45">
      <c r="A20658" s="11"/>
      <c r="B20658" s="20"/>
      <c r="C20658" s="2" t="s">
        <v>66531</v>
      </c>
      <c r="D20658" s="14" t="s">
        <v>66532</v>
      </c>
      <c r="E20658" s="2" t="s">
        <v>66533</v>
      </c>
      <c r="F20658" s="2" t="s">
        <v>63743</v>
      </c>
      <c r="G20658" s="8">
        <v>2251</v>
      </c>
      <c r="H20658" s="5">
        <v>5</v>
      </c>
      <c r="I20658" s="5" t="s">
        <v>69</v>
      </c>
      <c r="J20658" s="5" t="s">
        <v>65833</v>
      </c>
      <c r="K20658" s="2" t="s">
        <v>65834</v>
      </c>
      <c r="L20658" s="5" t="s">
        <v>65833</v>
      </c>
      <c r="M20658" s="2" t="s">
        <v>65834</v>
      </c>
      <c r="N20658" s="5" t="s">
        <v>733</v>
      </c>
      <c r="O20658" s="5" t="s">
        <v>38</v>
      </c>
      <c r="P20658" s="5" t="s">
        <v>39</v>
      </c>
      <c r="Q20658" s="5" t="s">
        <v>40</v>
      </c>
      <c r="R20658" s="5" t="s">
        <v>1487</v>
      </c>
      <c r="S20658" s="5"/>
      <c r="T20658" s="5" t="s">
        <v>42</v>
      </c>
      <c r="U20658" s="2">
        <v>0</v>
      </c>
      <c r="V20658" s="2">
        <v>0</v>
      </c>
      <c r="W20658" s="2">
        <v>0</v>
      </c>
      <c r="X20658" s="2">
        <v>0</v>
      </c>
      <c r="Y20658" s="2">
        <v>0</v>
      </c>
      <c r="Z20658" s="2">
        <v>0</v>
      </c>
      <c r="AA20658" s="5"/>
      <c r="AB20658" s="5" t="s">
        <v>43</v>
      </c>
      <c r="AC20658" s="5" t="s">
        <v>735</v>
      </c>
      <c r="AD20658" s="2" t="s">
        <v>66534</v>
      </c>
      <c r="AE20658" s="1"/>
    </row>
    <row r="20659" spans="1:31" ht="14.45">
      <c r="A20659" s="11"/>
      <c r="B20659" s="20"/>
      <c r="C20659" s="2" t="s">
        <v>66535</v>
      </c>
      <c r="D20659" s="14" t="s">
        <v>66536</v>
      </c>
      <c r="E20659" s="2" t="s">
        <v>66537</v>
      </c>
      <c r="F20659" s="2" t="s">
        <v>66538</v>
      </c>
      <c r="G20659" s="8">
        <v>1891</v>
      </c>
      <c r="H20659" s="5">
        <v>5</v>
      </c>
      <c r="I20659" s="5" t="s">
        <v>69</v>
      </c>
      <c r="J20659" s="5" t="s">
        <v>65833</v>
      </c>
      <c r="K20659" s="2" t="s">
        <v>65834</v>
      </c>
      <c r="L20659" s="5" t="s">
        <v>65833</v>
      </c>
      <c r="M20659" s="2" t="s">
        <v>65834</v>
      </c>
      <c r="N20659" s="5" t="s">
        <v>733</v>
      </c>
      <c r="O20659" s="5" t="s">
        <v>38</v>
      </c>
      <c r="P20659" s="5" t="s">
        <v>39</v>
      </c>
      <c r="Q20659" s="5" t="s">
        <v>40</v>
      </c>
      <c r="R20659" s="5" t="s">
        <v>897</v>
      </c>
      <c r="S20659" s="5" t="s">
        <v>40</v>
      </c>
      <c r="T20659" s="5" t="s">
        <v>42</v>
      </c>
      <c r="U20659" s="2">
        <v>91.840999999999994</v>
      </c>
      <c r="V20659" s="2">
        <v>85.971000000000004</v>
      </c>
      <c r="W20659" s="2">
        <v>0.36899999999999999</v>
      </c>
      <c r="X20659" s="2">
        <v>17</v>
      </c>
      <c r="Y20659" s="2">
        <v>124.8</v>
      </c>
      <c r="Z20659" s="2">
        <v>173.8</v>
      </c>
      <c r="AA20659" s="5">
        <v>7</v>
      </c>
      <c r="AB20659" s="5" t="s">
        <v>43</v>
      </c>
      <c r="AC20659" s="5" t="s">
        <v>735</v>
      </c>
      <c r="AD20659" s="2" t="s">
        <v>66539</v>
      </c>
      <c r="AE20659" s="1"/>
    </row>
    <row r="20660" spans="1:31" ht="14.45">
      <c r="A20660" s="11"/>
      <c r="B20660" s="20"/>
      <c r="C20660" s="2" t="s">
        <v>66540</v>
      </c>
      <c r="D20660" s="14" t="s">
        <v>66541</v>
      </c>
      <c r="E20660" s="2" t="s">
        <v>66542</v>
      </c>
      <c r="F20660" s="2" t="s">
        <v>63769</v>
      </c>
      <c r="G20660" s="8">
        <v>2152</v>
      </c>
      <c r="H20660" s="5">
        <v>10</v>
      </c>
      <c r="I20660" s="5" t="s">
        <v>69</v>
      </c>
      <c r="J20660" s="5" t="s">
        <v>65833</v>
      </c>
      <c r="K20660" s="2" t="s">
        <v>65834</v>
      </c>
      <c r="L20660" s="5" t="s">
        <v>65833</v>
      </c>
      <c r="M20660" s="2" t="s">
        <v>65834</v>
      </c>
      <c r="N20660" s="5" t="s">
        <v>733</v>
      </c>
      <c r="O20660" s="5" t="s">
        <v>38</v>
      </c>
      <c r="P20660" s="5" t="s">
        <v>39</v>
      </c>
      <c r="Q20660" s="5" t="s">
        <v>40</v>
      </c>
      <c r="R20660" s="5" t="s">
        <v>897</v>
      </c>
      <c r="S20660" s="5" t="s">
        <v>40</v>
      </c>
      <c r="T20660" s="5" t="s">
        <v>42</v>
      </c>
      <c r="U20660" s="2">
        <v>91.664000000000001</v>
      </c>
      <c r="V20660" s="2">
        <v>85.781000000000006</v>
      </c>
      <c r="W20660" s="2">
        <v>0.36899999999999999</v>
      </c>
      <c r="X20660" s="2">
        <v>17</v>
      </c>
      <c r="Y20660" s="2">
        <v>124.8</v>
      </c>
      <c r="Z20660" s="2">
        <v>173.8</v>
      </c>
      <c r="AA20660" s="5">
        <v>7</v>
      </c>
      <c r="AB20660" s="5" t="s">
        <v>43</v>
      </c>
      <c r="AC20660" s="5" t="s">
        <v>735</v>
      </c>
      <c r="AD20660" s="2" t="s">
        <v>66543</v>
      </c>
      <c r="AE20660" s="1"/>
    </row>
    <row r="20661" spans="1:31" ht="14.45">
      <c r="A20661" s="11"/>
      <c r="B20661" s="20"/>
      <c r="C20661" s="2" t="s">
        <v>66544</v>
      </c>
      <c r="D20661" s="14" t="s">
        <v>66545</v>
      </c>
      <c r="E20661" s="2" t="s">
        <v>66546</v>
      </c>
      <c r="F20661" s="2" t="s">
        <v>63782</v>
      </c>
      <c r="G20661" s="8">
        <v>1642</v>
      </c>
      <c r="H20661" s="5">
        <v>10</v>
      </c>
      <c r="I20661" s="5" t="s">
        <v>69</v>
      </c>
      <c r="J20661" s="5" t="s">
        <v>65833</v>
      </c>
      <c r="K20661" s="2" t="s">
        <v>65834</v>
      </c>
      <c r="L20661" s="5" t="s">
        <v>65833</v>
      </c>
      <c r="M20661" s="2" t="s">
        <v>65834</v>
      </c>
      <c r="N20661" s="5" t="s">
        <v>733</v>
      </c>
      <c r="O20661" s="5" t="s">
        <v>38</v>
      </c>
      <c r="P20661" s="5" t="s">
        <v>39</v>
      </c>
      <c r="Q20661" s="5" t="s">
        <v>40</v>
      </c>
      <c r="R20661" s="5" t="s">
        <v>897</v>
      </c>
      <c r="S20661" s="5" t="s">
        <v>40</v>
      </c>
      <c r="T20661" s="5" t="s">
        <v>42</v>
      </c>
      <c r="U20661" s="2">
        <v>91.983999999999995</v>
      </c>
      <c r="V20661" s="2">
        <v>86.100999999999999</v>
      </c>
      <c r="W20661" s="2">
        <v>0.36899999999999999</v>
      </c>
      <c r="X20661" s="2">
        <v>17</v>
      </c>
      <c r="Y20661" s="2">
        <v>124.8</v>
      </c>
      <c r="Z20661" s="2">
        <v>173.8</v>
      </c>
      <c r="AA20661" s="5">
        <v>7</v>
      </c>
      <c r="AB20661" s="5" t="s">
        <v>43</v>
      </c>
      <c r="AC20661" s="5" t="s">
        <v>735</v>
      </c>
      <c r="AD20661" s="2" t="s">
        <v>66547</v>
      </c>
      <c r="AE20661" s="1"/>
    </row>
    <row r="20662" spans="1:31" ht="14.45">
      <c r="A20662" s="11"/>
      <c r="B20662" s="20"/>
      <c r="C20662" s="2" t="s">
        <v>66548</v>
      </c>
      <c r="D20662" s="14" t="s">
        <v>66549</v>
      </c>
      <c r="E20662" s="2" t="s">
        <v>66550</v>
      </c>
      <c r="F20662" s="2" t="s">
        <v>63795</v>
      </c>
      <c r="G20662" s="8">
        <v>1327</v>
      </c>
      <c r="H20662" s="5">
        <v>5</v>
      </c>
      <c r="I20662" s="5" t="s">
        <v>69</v>
      </c>
      <c r="J20662" s="5" t="s">
        <v>65833</v>
      </c>
      <c r="K20662" s="2" t="s">
        <v>65834</v>
      </c>
      <c r="L20662" s="5" t="s">
        <v>65833</v>
      </c>
      <c r="M20662" s="2" t="s">
        <v>65834</v>
      </c>
      <c r="N20662" s="5" t="s">
        <v>733</v>
      </c>
      <c r="O20662" s="5" t="s">
        <v>38</v>
      </c>
      <c r="P20662" s="5" t="s">
        <v>39</v>
      </c>
      <c r="Q20662" s="5" t="s">
        <v>40</v>
      </c>
      <c r="R20662" s="5" t="s">
        <v>897</v>
      </c>
      <c r="S20662" s="5" t="s">
        <v>40</v>
      </c>
      <c r="T20662" s="5" t="s">
        <v>42</v>
      </c>
      <c r="U20662" s="2">
        <v>78.715000000000003</v>
      </c>
      <c r="V20662" s="2">
        <v>72.813000000000002</v>
      </c>
      <c r="W20662" s="2">
        <v>0.36899999999999999</v>
      </c>
      <c r="X20662" s="2">
        <v>17</v>
      </c>
      <c r="Y20662" s="2">
        <v>124.8</v>
      </c>
      <c r="Z20662" s="2">
        <v>173.8</v>
      </c>
      <c r="AA20662" s="5">
        <v>7</v>
      </c>
      <c r="AB20662" s="5" t="s">
        <v>43</v>
      </c>
      <c r="AC20662" s="5" t="s">
        <v>735</v>
      </c>
      <c r="AD20662" s="2" t="s">
        <v>66551</v>
      </c>
      <c r="AE20662" s="1"/>
    </row>
    <row r="20663" spans="1:31" ht="14.45">
      <c r="A20663" s="11"/>
      <c r="B20663" s="20"/>
      <c r="C20663" s="2" t="s">
        <v>66552</v>
      </c>
      <c r="D20663" s="14" t="s">
        <v>66553</v>
      </c>
      <c r="E20663" s="2" t="s">
        <v>66554</v>
      </c>
      <c r="F20663" s="2" t="s">
        <v>63808</v>
      </c>
      <c r="G20663" s="8">
        <v>1727</v>
      </c>
      <c r="H20663" s="5">
        <v>5</v>
      </c>
      <c r="I20663" s="5" t="s">
        <v>69</v>
      </c>
      <c r="J20663" s="5" t="s">
        <v>65833</v>
      </c>
      <c r="K20663" s="2" t="s">
        <v>65834</v>
      </c>
      <c r="L20663" s="5" t="s">
        <v>65833</v>
      </c>
      <c r="M20663" s="2" t="s">
        <v>65834</v>
      </c>
      <c r="N20663" s="5" t="s">
        <v>733</v>
      </c>
      <c r="O20663" s="5" t="s">
        <v>38</v>
      </c>
      <c r="P20663" s="5" t="s">
        <v>39</v>
      </c>
      <c r="Q20663" s="5" t="s">
        <v>40</v>
      </c>
      <c r="R20663" s="5" t="s">
        <v>897</v>
      </c>
      <c r="S20663" s="5" t="s">
        <v>40</v>
      </c>
      <c r="T20663" s="5" t="s">
        <v>42</v>
      </c>
      <c r="U20663" s="2">
        <v>91.769000000000005</v>
      </c>
      <c r="V20663" s="2">
        <v>85.899000000000001</v>
      </c>
      <c r="W20663" s="2">
        <v>0.36899999999999999</v>
      </c>
      <c r="X20663" s="2">
        <v>17</v>
      </c>
      <c r="Y20663" s="2">
        <v>124.8</v>
      </c>
      <c r="Z20663" s="2">
        <v>173.8</v>
      </c>
      <c r="AA20663" s="5">
        <v>7</v>
      </c>
      <c r="AB20663" s="5" t="s">
        <v>43</v>
      </c>
      <c r="AC20663" s="5" t="s">
        <v>735</v>
      </c>
      <c r="AD20663" s="2" t="s">
        <v>66555</v>
      </c>
      <c r="AE20663" s="1"/>
    </row>
    <row r="20664" spans="1:31" ht="14.45">
      <c r="A20664" s="11"/>
      <c r="B20664" s="20"/>
      <c r="C20664" s="2" t="s">
        <v>66556</v>
      </c>
      <c r="D20664" s="14" t="s">
        <v>66557</v>
      </c>
      <c r="E20664" s="2" t="s">
        <v>66558</v>
      </c>
      <c r="F20664" s="2" t="s">
        <v>66559</v>
      </c>
      <c r="G20664" s="8">
        <v>2359</v>
      </c>
      <c r="H20664" s="5">
        <v>10</v>
      </c>
      <c r="I20664" s="5" t="s">
        <v>69</v>
      </c>
      <c r="J20664" s="5" t="s">
        <v>65833</v>
      </c>
      <c r="K20664" s="2" t="s">
        <v>65834</v>
      </c>
      <c r="L20664" s="5" t="s">
        <v>65833</v>
      </c>
      <c r="M20664" s="2" t="s">
        <v>65834</v>
      </c>
      <c r="N20664" s="5" t="s">
        <v>733</v>
      </c>
      <c r="O20664" s="5" t="s">
        <v>38</v>
      </c>
      <c r="P20664" s="5" t="s">
        <v>39</v>
      </c>
      <c r="Q20664" s="5" t="s">
        <v>40</v>
      </c>
      <c r="R20664" s="5" t="s">
        <v>897</v>
      </c>
      <c r="S20664" s="5" t="s">
        <v>40</v>
      </c>
      <c r="T20664" s="5" t="s">
        <v>42</v>
      </c>
      <c r="U20664" s="2">
        <v>85.635000000000005</v>
      </c>
      <c r="V20664" s="2">
        <v>79.751999999999995</v>
      </c>
      <c r="W20664" s="2">
        <v>0.36899999999999999</v>
      </c>
      <c r="X20664" s="2">
        <v>17</v>
      </c>
      <c r="Y20664" s="2">
        <v>124.8</v>
      </c>
      <c r="Z20664" s="2">
        <v>173.8</v>
      </c>
      <c r="AA20664" s="5">
        <v>7</v>
      </c>
      <c r="AB20664" s="5" t="s">
        <v>43</v>
      </c>
      <c r="AC20664" s="5" t="s">
        <v>735</v>
      </c>
      <c r="AD20664" s="2" t="s">
        <v>66560</v>
      </c>
      <c r="AE20664" s="1"/>
    </row>
    <row r="20665" spans="1:31" ht="14.45">
      <c r="A20665" s="11"/>
      <c r="B20665" s="20"/>
      <c r="C20665" s="2" t="s">
        <v>66561</v>
      </c>
      <c r="D20665" s="14" t="s">
        <v>66562</v>
      </c>
      <c r="E20665" s="2" t="s">
        <v>66563</v>
      </c>
      <c r="F20665" s="2" t="s">
        <v>66564</v>
      </c>
      <c r="G20665" s="8">
        <v>1795</v>
      </c>
      <c r="H20665" s="5">
        <v>10</v>
      </c>
      <c r="I20665" s="5" t="s">
        <v>69</v>
      </c>
      <c r="J20665" s="5" t="s">
        <v>65833</v>
      </c>
      <c r="K20665" s="2" t="s">
        <v>65834</v>
      </c>
      <c r="L20665" s="5" t="s">
        <v>65833</v>
      </c>
      <c r="M20665" s="2" t="s">
        <v>65834</v>
      </c>
      <c r="N20665" s="5" t="s">
        <v>733</v>
      </c>
      <c r="O20665" s="5" t="s">
        <v>38</v>
      </c>
      <c r="P20665" s="5" t="s">
        <v>39</v>
      </c>
      <c r="Q20665" s="5" t="s">
        <v>40</v>
      </c>
      <c r="R20665" s="5" t="s">
        <v>897</v>
      </c>
      <c r="S20665" s="5" t="s">
        <v>40</v>
      </c>
      <c r="T20665" s="5" t="s">
        <v>42</v>
      </c>
      <c r="U20665" s="2">
        <v>84.632999999999996</v>
      </c>
      <c r="V20665" s="2">
        <v>78.718000000000004</v>
      </c>
      <c r="W20665" s="2">
        <v>0.36899999999999999</v>
      </c>
      <c r="X20665" s="2">
        <v>17</v>
      </c>
      <c r="Y20665" s="2">
        <v>124.8</v>
      </c>
      <c r="Z20665" s="2">
        <v>173.8</v>
      </c>
      <c r="AA20665" s="5">
        <v>7</v>
      </c>
      <c r="AB20665" s="5" t="s">
        <v>43</v>
      </c>
      <c r="AC20665" s="5" t="s">
        <v>735</v>
      </c>
      <c r="AD20665" s="2" t="s">
        <v>66565</v>
      </c>
      <c r="AE20665" s="1"/>
    </row>
    <row r="20666" spans="1:31" ht="14.45">
      <c r="A20666" s="11"/>
      <c r="B20666" s="20"/>
      <c r="C20666" s="2" t="s">
        <v>66566</v>
      </c>
      <c r="D20666" s="14" t="s">
        <v>66567</v>
      </c>
      <c r="E20666" s="2" t="s">
        <v>66568</v>
      </c>
      <c r="F20666" s="2" t="s">
        <v>66569</v>
      </c>
      <c r="G20666" s="8">
        <v>2359</v>
      </c>
      <c r="H20666" s="5">
        <v>10</v>
      </c>
      <c r="I20666" s="5" t="s">
        <v>69</v>
      </c>
      <c r="J20666" s="5" t="s">
        <v>65833</v>
      </c>
      <c r="K20666" s="2" t="s">
        <v>65834</v>
      </c>
      <c r="L20666" s="5" t="s">
        <v>65833</v>
      </c>
      <c r="M20666" s="2" t="s">
        <v>65834</v>
      </c>
      <c r="N20666" s="5" t="s">
        <v>733</v>
      </c>
      <c r="O20666" s="5" t="s">
        <v>38</v>
      </c>
      <c r="P20666" s="5" t="s">
        <v>39</v>
      </c>
      <c r="Q20666" s="5" t="s">
        <v>40</v>
      </c>
      <c r="R20666" s="5" t="s">
        <v>897</v>
      </c>
      <c r="S20666" s="5" t="s">
        <v>40</v>
      </c>
      <c r="T20666" s="5" t="s">
        <v>42</v>
      </c>
      <c r="U20666" s="2">
        <v>84.132000000000005</v>
      </c>
      <c r="V20666" s="2">
        <v>78.248999999999995</v>
      </c>
      <c r="W20666" s="2">
        <v>0.36899999999999999</v>
      </c>
      <c r="X20666" s="2">
        <v>17</v>
      </c>
      <c r="Y20666" s="2">
        <v>124.8</v>
      </c>
      <c r="Z20666" s="2">
        <v>173.8</v>
      </c>
      <c r="AA20666" s="5">
        <v>7</v>
      </c>
      <c r="AB20666" s="5" t="s">
        <v>43</v>
      </c>
      <c r="AC20666" s="5" t="s">
        <v>735</v>
      </c>
      <c r="AD20666" s="2" t="s">
        <v>66570</v>
      </c>
      <c r="AE20666" s="1"/>
    </row>
    <row r="20667" spans="1:31" ht="14.45">
      <c r="A20667" s="11"/>
      <c r="B20667" s="20"/>
      <c r="C20667" s="2" t="s">
        <v>66571</v>
      </c>
      <c r="D20667" s="14" t="s">
        <v>66572</v>
      </c>
      <c r="E20667" s="2" t="s">
        <v>66573</v>
      </c>
      <c r="F20667" s="2" t="s">
        <v>66538</v>
      </c>
      <c r="G20667" s="8">
        <v>1914</v>
      </c>
      <c r="H20667" s="5">
        <v>5</v>
      </c>
      <c r="I20667" s="5" t="s">
        <v>69</v>
      </c>
      <c r="J20667" s="5" t="s">
        <v>65833</v>
      </c>
      <c r="K20667" s="2" t="s">
        <v>65834</v>
      </c>
      <c r="L20667" s="5" t="s">
        <v>65833</v>
      </c>
      <c r="M20667" s="2" t="s">
        <v>65834</v>
      </c>
      <c r="N20667" s="5" t="s">
        <v>733</v>
      </c>
      <c r="O20667" s="5" t="s">
        <v>38</v>
      </c>
      <c r="P20667" s="5" t="s">
        <v>39</v>
      </c>
      <c r="Q20667" s="5" t="s">
        <v>40</v>
      </c>
      <c r="R20667" s="5" t="s">
        <v>897</v>
      </c>
      <c r="S20667" s="5" t="s">
        <v>40</v>
      </c>
      <c r="T20667" s="5" t="s">
        <v>42</v>
      </c>
      <c r="U20667" s="2">
        <v>93.66</v>
      </c>
      <c r="V20667" s="2">
        <v>87.700999999999993</v>
      </c>
      <c r="W20667" s="2">
        <v>0.378</v>
      </c>
      <c r="X20667" s="2">
        <v>17</v>
      </c>
      <c r="Y20667" s="2">
        <v>144.80000000000001</v>
      </c>
      <c r="Z20667" s="2">
        <v>153.6</v>
      </c>
      <c r="AA20667" s="5">
        <v>7</v>
      </c>
      <c r="AB20667" s="5" t="s">
        <v>43</v>
      </c>
      <c r="AC20667" s="5" t="s">
        <v>735</v>
      </c>
      <c r="AD20667" s="2" t="s">
        <v>66574</v>
      </c>
      <c r="AE20667" s="1"/>
    </row>
    <row r="20668" spans="1:31" ht="14.45">
      <c r="A20668" s="11"/>
      <c r="B20668" s="20"/>
      <c r="C20668" s="2" t="s">
        <v>66575</v>
      </c>
      <c r="D20668" s="14" t="s">
        <v>66576</v>
      </c>
      <c r="E20668" s="2" t="s">
        <v>66577</v>
      </c>
      <c r="F20668" s="2" t="s">
        <v>64059</v>
      </c>
      <c r="G20668" s="8">
        <v>2181</v>
      </c>
      <c r="H20668" s="5">
        <v>10</v>
      </c>
      <c r="I20668" s="5" t="s">
        <v>69</v>
      </c>
      <c r="J20668" s="5" t="s">
        <v>65833</v>
      </c>
      <c r="K20668" s="2" t="s">
        <v>65834</v>
      </c>
      <c r="L20668" s="5" t="s">
        <v>65833</v>
      </c>
      <c r="M20668" s="2" t="s">
        <v>65834</v>
      </c>
      <c r="N20668" s="5" t="s">
        <v>733</v>
      </c>
      <c r="O20668" s="5" t="s">
        <v>38</v>
      </c>
      <c r="P20668" s="5" t="s">
        <v>39</v>
      </c>
      <c r="Q20668" s="5" t="s">
        <v>40</v>
      </c>
      <c r="R20668" s="5" t="s">
        <v>897</v>
      </c>
      <c r="S20668" s="5" t="s">
        <v>40</v>
      </c>
      <c r="T20668" s="5" t="s">
        <v>42</v>
      </c>
      <c r="U20668" s="2">
        <v>93.366</v>
      </c>
      <c r="V20668" s="2">
        <v>87.394000000000005</v>
      </c>
      <c r="W20668" s="2">
        <v>0.378</v>
      </c>
      <c r="X20668" s="2">
        <v>17</v>
      </c>
      <c r="Y20668" s="2">
        <v>144.80000000000001</v>
      </c>
      <c r="Z20668" s="2">
        <v>153.6</v>
      </c>
      <c r="AA20668" s="5">
        <v>7</v>
      </c>
      <c r="AB20668" s="5" t="s">
        <v>43</v>
      </c>
      <c r="AC20668" s="5" t="s">
        <v>735</v>
      </c>
      <c r="AD20668" s="2" t="s">
        <v>66578</v>
      </c>
      <c r="AE20668" s="1"/>
    </row>
    <row r="20669" spans="1:31" ht="14.45">
      <c r="A20669" s="11"/>
      <c r="B20669" s="20"/>
      <c r="C20669" s="2" t="s">
        <v>66579</v>
      </c>
      <c r="D20669" s="14" t="s">
        <v>66580</v>
      </c>
      <c r="E20669" s="2" t="s">
        <v>66581</v>
      </c>
      <c r="F20669" s="2" t="s">
        <v>64073</v>
      </c>
      <c r="G20669" s="8">
        <v>1658</v>
      </c>
      <c r="H20669" s="5">
        <v>5</v>
      </c>
      <c r="I20669" s="5" t="s">
        <v>69</v>
      </c>
      <c r="J20669" s="5" t="s">
        <v>65833</v>
      </c>
      <c r="K20669" s="2" t="s">
        <v>65834</v>
      </c>
      <c r="L20669" s="5" t="s">
        <v>65833</v>
      </c>
      <c r="M20669" s="2" t="s">
        <v>65834</v>
      </c>
      <c r="N20669" s="5" t="s">
        <v>733</v>
      </c>
      <c r="O20669" s="5" t="s">
        <v>38</v>
      </c>
      <c r="P20669" s="5" t="s">
        <v>39</v>
      </c>
      <c r="Q20669" s="5" t="s">
        <v>40</v>
      </c>
      <c r="R20669" s="5" t="s">
        <v>897</v>
      </c>
      <c r="S20669" s="5" t="s">
        <v>40</v>
      </c>
      <c r="T20669" s="5" t="s">
        <v>42</v>
      </c>
      <c r="U20669" s="2">
        <v>93.772000000000006</v>
      </c>
      <c r="V20669" s="2">
        <v>87.813000000000002</v>
      </c>
      <c r="W20669" s="2">
        <v>0.378</v>
      </c>
      <c r="X20669" s="2">
        <v>17</v>
      </c>
      <c r="Y20669" s="2">
        <v>144.80000000000001</v>
      </c>
      <c r="Z20669" s="2">
        <v>153.6</v>
      </c>
      <c r="AA20669" s="5">
        <v>7</v>
      </c>
      <c r="AB20669" s="5" t="s">
        <v>43</v>
      </c>
      <c r="AC20669" s="5" t="s">
        <v>735</v>
      </c>
      <c r="AD20669" s="2" t="s">
        <v>66582</v>
      </c>
      <c r="AE20669" s="1"/>
    </row>
    <row r="20670" spans="1:31" ht="14.45">
      <c r="A20670" s="11"/>
      <c r="B20670" s="20"/>
      <c r="C20670" s="2" t="s">
        <v>66583</v>
      </c>
      <c r="D20670" s="14" t="s">
        <v>66584</v>
      </c>
      <c r="E20670" s="2" t="s">
        <v>66585</v>
      </c>
      <c r="F20670" s="2" t="s">
        <v>64086</v>
      </c>
      <c r="G20670" s="8">
        <v>1334</v>
      </c>
      <c r="H20670" s="5">
        <v>5</v>
      </c>
      <c r="I20670" s="5" t="s">
        <v>69</v>
      </c>
      <c r="J20670" s="5" t="s">
        <v>65833</v>
      </c>
      <c r="K20670" s="2" t="s">
        <v>65834</v>
      </c>
      <c r="L20670" s="5" t="s">
        <v>65833</v>
      </c>
      <c r="M20670" s="2" t="s">
        <v>65834</v>
      </c>
      <c r="N20670" s="5" t="s">
        <v>733</v>
      </c>
      <c r="O20670" s="5" t="s">
        <v>38</v>
      </c>
      <c r="P20670" s="5" t="s">
        <v>39</v>
      </c>
      <c r="Q20670" s="5" t="s">
        <v>40</v>
      </c>
      <c r="R20670" s="5" t="s">
        <v>897</v>
      </c>
      <c r="S20670" s="5" t="s">
        <v>40</v>
      </c>
      <c r="T20670" s="5" t="s">
        <v>42</v>
      </c>
      <c r="U20670" s="2">
        <v>80.894999999999996</v>
      </c>
      <c r="V20670" s="2">
        <v>74.902000000000001</v>
      </c>
      <c r="W20670" s="2">
        <v>0.378</v>
      </c>
      <c r="X20670" s="2">
        <v>17</v>
      </c>
      <c r="Y20670" s="2">
        <v>144.80000000000001</v>
      </c>
      <c r="Z20670" s="2">
        <v>153.6</v>
      </c>
      <c r="AA20670" s="5">
        <v>7</v>
      </c>
      <c r="AB20670" s="5" t="s">
        <v>43</v>
      </c>
      <c r="AC20670" s="5" t="s">
        <v>735</v>
      </c>
      <c r="AD20670" s="2" t="s">
        <v>66586</v>
      </c>
      <c r="AE20670" s="1"/>
    </row>
    <row r="20671" spans="1:31" ht="14.45">
      <c r="A20671" s="11"/>
      <c r="B20671" s="20"/>
      <c r="C20671" s="2" t="s">
        <v>66587</v>
      </c>
      <c r="D20671" s="14" t="s">
        <v>66588</v>
      </c>
      <c r="E20671" s="2" t="s">
        <v>66589</v>
      </c>
      <c r="F20671" s="2" t="s">
        <v>64108</v>
      </c>
      <c r="G20671" s="8">
        <v>1746</v>
      </c>
      <c r="H20671" s="5">
        <v>5</v>
      </c>
      <c r="I20671" s="5" t="s">
        <v>69</v>
      </c>
      <c r="J20671" s="5" t="s">
        <v>65833</v>
      </c>
      <c r="K20671" s="2" t="s">
        <v>65834</v>
      </c>
      <c r="L20671" s="5" t="s">
        <v>65833</v>
      </c>
      <c r="M20671" s="2" t="s">
        <v>65834</v>
      </c>
      <c r="N20671" s="5" t="s">
        <v>733</v>
      </c>
      <c r="O20671" s="5" t="s">
        <v>38</v>
      </c>
      <c r="P20671" s="5" t="s">
        <v>39</v>
      </c>
      <c r="Q20671" s="5" t="s">
        <v>40</v>
      </c>
      <c r="R20671" s="5" t="s">
        <v>897</v>
      </c>
      <c r="S20671" s="5" t="s">
        <v>40</v>
      </c>
      <c r="T20671" s="5" t="s">
        <v>42</v>
      </c>
      <c r="U20671" s="2">
        <v>93.584999999999994</v>
      </c>
      <c r="V20671" s="2">
        <v>87.626000000000005</v>
      </c>
      <c r="W20671" s="2">
        <v>0.378</v>
      </c>
      <c r="X20671" s="2">
        <v>17</v>
      </c>
      <c r="Y20671" s="2">
        <v>144.80000000000001</v>
      </c>
      <c r="Z20671" s="2">
        <v>153.6</v>
      </c>
      <c r="AA20671" s="5">
        <v>7</v>
      </c>
      <c r="AB20671" s="5" t="s">
        <v>43</v>
      </c>
      <c r="AC20671" s="5" t="s">
        <v>735</v>
      </c>
      <c r="AD20671" s="2" t="s">
        <v>66590</v>
      </c>
      <c r="AE20671" s="1"/>
    </row>
    <row r="20672" spans="1:31" ht="14.45">
      <c r="A20672" s="11"/>
      <c r="B20672" s="20"/>
      <c r="C20672" s="2" t="s">
        <v>66591</v>
      </c>
      <c r="D20672" s="14" t="s">
        <v>66592</v>
      </c>
      <c r="E20672" s="2" t="s">
        <v>66593</v>
      </c>
      <c r="F20672" s="2" t="s">
        <v>66594</v>
      </c>
      <c r="G20672" s="8">
        <v>2382</v>
      </c>
      <c r="H20672" s="5">
        <v>10</v>
      </c>
      <c r="I20672" s="5" t="s">
        <v>69</v>
      </c>
      <c r="J20672" s="5" t="s">
        <v>65833</v>
      </c>
      <c r="K20672" s="2" t="s">
        <v>65834</v>
      </c>
      <c r="L20672" s="5" t="s">
        <v>65833</v>
      </c>
      <c r="M20672" s="2" t="s">
        <v>65834</v>
      </c>
      <c r="N20672" s="5" t="s">
        <v>733</v>
      </c>
      <c r="O20672" s="5" t="s">
        <v>38</v>
      </c>
      <c r="P20672" s="5" t="s">
        <v>39</v>
      </c>
      <c r="Q20672" s="5" t="s">
        <v>40</v>
      </c>
      <c r="R20672" s="5" t="s">
        <v>897</v>
      </c>
      <c r="S20672" s="5" t="s">
        <v>40</v>
      </c>
      <c r="T20672" s="5" t="s">
        <v>42</v>
      </c>
      <c r="U20672" s="2">
        <v>98.573999999999998</v>
      </c>
      <c r="V20672" s="2">
        <v>92.602000000000004</v>
      </c>
      <c r="W20672" s="2">
        <v>0.378</v>
      </c>
      <c r="X20672" s="2">
        <v>17</v>
      </c>
      <c r="Y20672" s="2">
        <v>144.80000000000001</v>
      </c>
      <c r="Z20672" s="2">
        <v>153.6</v>
      </c>
      <c r="AA20672" s="5">
        <v>7</v>
      </c>
      <c r="AB20672" s="5" t="s">
        <v>43</v>
      </c>
      <c r="AC20672" s="5" t="s">
        <v>735</v>
      </c>
      <c r="AD20672" s="2" t="s">
        <v>66595</v>
      </c>
      <c r="AE20672" s="1"/>
    </row>
    <row r="20673" spans="1:31" ht="14.45">
      <c r="A20673" s="11"/>
      <c r="B20673" s="20"/>
      <c r="C20673" s="2" t="s">
        <v>66596</v>
      </c>
      <c r="D20673" s="14" t="s">
        <v>66597</v>
      </c>
      <c r="E20673" s="2" t="s">
        <v>66598</v>
      </c>
      <c r="F20673" s="2" t="s">
        <v>64139</v>
      </c>
      <c r="G20673" s="8">
        <v>1802</v>
      </c>
      <c r="H20673" s="5">
        <v>10</v>
      </c>
      <c r="I20673" s="5" t="s">
        <v>69</v>
      </c>
      <c r="J20673" s="5" t="s">
        <v>65833</v>
      </c>
      <c r="K20673" s="2" t="s">
        <v>65834</v>
      </c>
      <c r="L20673" s="5" t="s">
        <v>65833</v>
      </c>
      <c r="M20673" s="2" t="s">
        <v>65834</v>
      </c>
      <c r="N20673" s="5" t="s">
        <v>733</v>
      </c>
      <c r="O20673" s="5" t="s">
        <v>38</v>
      </c>
      <c r="P20673" s="5" t="s">
        <v>39</v>
      </c>
      <c r="Q20673" s="5" t="s">
        <v>40</v>
      </c>
      <c r="R20673" s="5" t="s">
        <v>897</v>
      </c>
      <c r="S20673" s="5" t="s">
        <v>40</v>
      </c>
      <c r="T20673" s="5" t="s">
        <v>42</v>
      </c>
      <c r="U20673" s="2">
        <v>86.001000000000005</v>
      </c>
      <c r="V20673" s="2">
        <v>79.995000000000005</v>
      </c>
      <c r="W20673" s="2">
        <v>0.378</v>
      </c>
      <c r="X20673" s="2">
        <v>17</v>
      </c>
      <c r="Y20673" s="2">
        <v>144.80000000000001</v>
      </c>
      <c r="Z20673" s="2">
        <v>153.6</v>
      </c>
      <c r="AA20673" s="5">
        <v>7</v>
      </c>
      <c r="AB20673" s="5" t="s">
        <v>43</v>
      </c>
      <c r="AC20673" s="5" t="s">
        <v>735</v>
      </c>
      <c r="AD20673" s="2" t="s">
        <v>66599</v>
      </c>
      <c r="AE20673" s="1"/>
    </row>
    <row r="20674" spans="1:31" ht="14.45">
      <c r="A20674" s="11"/>
      <c r="B20674" s="20"/>
      <c r="C20674" s="2" t="s">
        <v>66600</v>
      </c>
      <c r="D20674" s="14" t="s">
        <v>66601</v>
      </c>
      <c r="E20674" s="2" t="s">
        <v>66602</v>
      </c>
      <c r="F20674" s="2" t="s">
        <v>64153</v>
      </c>
      <c r="G20674" s="8">
        <v>2214</v>
      </c>
      <c r="H20674" s="5">
        <v>10</v>
      </c>
      <c r="I20674" s="5" t="s">
        <v>69</v>
      </c>
      <c r="J20674" s="5" t="s">
        <v>65833</v>
      </c>
      <c r="K20674" s="2" t="s">
        <v>65834</v>
      </c>
      <c r="L20674" s="5" t="s">
        <v>65833</v>
      </c>
      <c r="M20674" s="2" t="s">
        <v>65834</v>
      </c>
      <c r="N20674" s="5" t="s">
        <v>733</v>
      </c>
      <c r="O20674" s="5" t="s">
        <v>38</v>
      </c>
      <c r="P20674" s="5" t="s">
        <v>39</v>
      </c>
      <c r="Q20674" s="5" t="s">
        <v>40</v>
      </c>
      <c r="R20674" s="5" t="s">
        <v>897</v>
      </c>
      <c r="S20674" s="5" t="s">
        <v>40</v>
      </c>
      <c r="T20674" s="5" t="s">
        <v>42</v>
      </c>
      <c r="U20674" s="2">
        <v>98.498999999999995</v>
      </c>
      <c r="V20674" s="2">
        <v>92.527000000000001</v>
      </c>
      <c r="W20674" s="2">
        <v>0.378</v>
      </c>
      <c r="X20674" s="2">
        <v>17</v>
      </c>
      <c r="Y20674" s="2">
        <v>144.80000000000001</v>
      </c>
      <c r="Z20674" s="2">
        <v>153.6</v>
      </c>
      <c r="AA20674" s="5">
        <v>7</v>
      </c>
      <c r="AB20674" s="5" t="s">
        <v>43</v>
      </c>
      <c r="AC20674" s="5" t="s">
        <v>735</v>
      </c>
      <c r="AD20674" s="2" t="s">
        <v>66603</v>
      </c>
      <c r="AE20674" s="1"/>
    </row>
    <row r="20675" spans="1:31" ht="14.45">
      <c r="A20675" s="11"/>
      <c r="B20675" s="20"/>
      <c r="C20675" s="2" t="s">
        <v>66604</v>
      </c>
      <c r="D20675" s="14" t="s">
        <v>66605</v>
      </c>
      <c r="E20675" s="2" t="s">
        <v>66606</v>
      </c>
      <c r="F20675" s="2" t="s">
        <v>66607</v>
      </c>
      <c r="G20675" s="8">
        <v>2382</v>
      </c>
      <c r="H20675" s="5">
        <v>10</v>
      </c>
      <c r="I20675" s="5" t="s">
        <v>69</v>
      </c>
      <c r="J20675" s="5" t="s">
        <v>65833</v>
      </c>
      <c r="K20675" s="2" t="s">
        <v>65834</v>
      </c>
      <c r="L20675" s="5" t="s">
        <v>65833</v>
      </c>
      <c r="M20675" s="2" t="s">
        <v>65834</v>
      </c>
      <c r="N20675" s="5" t="s">
        <v>733</v>
      </c>
      <c r="O20675" s="5" t="s">
        <v>38</v>
      </c>
      <c r="P20675" s="5" t="s">
        <v>39</v>
      </c>
      <c r="Q20675" s="5" t="s">
        <v>40</v>
      </c>
      <c r="R20675" s="5" t="s">
        <v>897</v>
      </c>
      <c r="S20675" s="5" t="s">
        <v>40</v>
      </c>
      <c r="T20675" s="5" t="s">
        <v>42</v>
      </c>
      <c r="U20675" s="2">
        <v>97.379000000000005</v>
      </c>
      <c r="V20675" s="2">
        <v>91.406999999999996</v>
      </c>
      <c r="W20675" s="2">
        <v>0.378</v>
      </c>
      <c r="X20675" s="2">
        <v>17</v>
      </c>
      <c r="Y20675" s="2">
        <v>144.80000000000001</v>
      </c>
      <c r="Z20675" s="2">
        <v>153.6</v>
      </c>
      <c r="AA20675" s="5">
        <v>7</v>
      </c>
      <c r="AB20675" s="5" t="s">
        <v>43</v>
      </c>
      <c r="AC20675" s="5" t="s">
        <v>735</v>
      </c>
      <c r="AD20675" s="2" t="s">
        <v>66608</v>
      </c>
      <c r="AE20675" s="1"/>
    </row>
    <row r="20676" spans="1:31" ht="14.45">
      <c r="A20676" s="11"/>
      <c r="B20676" s="20"/>
      <c r="C20676" s="2" t="s">
        <v>66609</v>
      </c>
      <c r="D20676" s="14" t="s">
        <v>66610</v>
      </c>
      <c r="E20676" s="2" t="s">
        <v>66611</v>
      </c>
      <c r="F20676" s="2" t="s">
        <v>64180</v>
      </c>
      <c r="G20676" s="8">
        <v>1802</v>
      </c>
      <c r="H20676" s="5">
        <v>5</v>
      </c>
      <c r="I20676" s="5" t="s">
        <v>69</v>
      </c>
      <c r="J20676" s="5" t="s">
        <v>65833</v>
      </c>
      <c r="K20676" s="2" t="s">
        <v>65834</v>
      </c>
      <c r="L20676" s="5" t="s">
        <v>65833</v>
      </c>
      <c r="M20676" s="2" t="s">
        <v>65834</v>
      </c>
      <c r="N20676" s="5" t="s">
        <v>733</v>
      </c>
      <c r="O20676" s="5" t="s">
        <v>38</v>
      </c>
      <c r="P20676" s="5" t="s">
        <v>39</v>
      </c>
      <c r="Q20676" s="5" t="s">
        <v>40</v>
      </c>
      <c r="R20676" s="5" t="s">
        <v>897</v>
      </c>
      <c r="S20676" s="5" t="s">
        <v>40</v>
      </c>
      <c r="T20676" s="5" t="s">
        <v>42</v>
      </c>
      <c r="U20676" s="2">
        <v>84.614000000000004</v>
      </c>
      <c r="V20676" s="2">
        <v>78.608000000000004</v>
      </c>
      <c r="W20676" s="2">
        <v>0.378</v>
      </c>
      <c r="X20676" s="2">
        <v>17</v>
      </c>
      <c r="Y20676" s="2">
        <v>144.80000000000001</v>
      </c>
      <c r="Z20676" s="2">
        <v>153.6</v>
      </c>
      <c r="AA20676" s="5">
        <v>7</v>
      </c>
      <c r="AB20676" s="5" t="s">
        <v>43</v>
      </c>
      <c r="AC20676" s="5" t="s">
        <v>735</v>
      </c>
      <c r="AD20676" s="2" t="s">
        <v>66612</v>
      </c>
      <c r="AE20676" s="1"/>
    </row>
    <row r="20677" spans="1:31" ht="14.45">
      <c r="A20677" s="11"/>
      <c r="B20677" s="20"/>
      <c r="C20677" s="2" t="s">
        <v>66613</v>
      </c>
      <c r="D20677" s="14" t="s">
        <v>66614</v>
      </c>
      <c r="E20677" s="2" t="s">
        <v>66615</v>
      </c>
      <c r="F20677" s="2" t="s">
        <v>64189</v>
      </c>
      <c r="G20677" s="8">
        <v>2214</v>
      </c>
      <c r="H20677" s="5">
        <v>10</v>
      </c>
      <c r="I20677" s="5" t="s">
        <v>69</v>
      </c>
      <c r="J20677" s="5" t="s">
        <v>65833</v>
      </c>
      <c r="K20677" s="2" t="s">
        <v>65834</v>
      </c>
      <c r="L20677" s="5" t="s">
        <v>65833</v>
      </c>
      <c r="M20677" s="2" t="s">
        <v>65834</v>
      </c>
      <c r="N20677" s="5" t="s">
        <v>733</v>
      </c>
      <c r="O20677" s="5" t="s">
        <v>38</v>
      </c>
      <c r="P20677" s="5" t="s">
        <v>39</v>
      </c>
      <c r="Q20677" s="5" t="s">
        <v>40</v>
      </c>
      <c r="R20677" s="5" t="s">
        <v>897</v>
      </c>
      <c r="S20677" s="5" t="s">
        <v>40</v>
      </c>
      <c r="T20677" s="5" t="s">
        <v>42</v>
      </c>
      <c r="U20677" s="2">
        <v>97.304000000000002</v>
      </c>
      <c r="V20677" s="2">
        <v>91.331999999999994</v>
      </c>
      <c r="W20677" s="2">
        <v>0.378</v>
      </c>
      <c r="X20677" s="2">
        <v>17</v>
      </c>
      <c r="Y20677" s="2">
        <v>144.80000000000001</v>
      </c>
      <c r="Z20677" s="2">
        <v>153.6</v>
      </c>
      <c r="AA20677" s="5">
        <v>7</v>
      </c>
      <c r="AB20677" s="5" t="s">
        <v>43</v>
      </c>
      <c r="AC20677" s="5" t="s">
        <v>735</v>
      </c>
      <c r="AD20677" s="2" t="s">
        <v>66616</v>
      </c>
      <c r="AE20677" s="1"/>
    </row>
    <row r="20678" spans="1:31" ht="14.45">
      <c r="A20678" s="11"/>
      <c r="B20678" s="20"/>
      <c r="C20678" s="2" t="s">
        <v>66617</v>
      </c>
      <c r="D20678" s="14" t="s">
        <v>66618</v>
      </c>
      <c r="E20678" s="2" t="s">
        <v>66619</v>
      </c>
      <c r="F20678" s="2" t="s">
        <v>64202</v>
      </c>
      <c r="G20678" s="8">
        <v>2486</v>
      </c>
      <c r="H20678" s="5">
        <v>10</v>
      </c>
      <c r="I20678" s="5" t="s">
        <v>69</v>
      </c>
      <c r="J20678" s="5" t="s">
        <v>65833</v>
      </c>
      <c r="K20678" s="2" t="s">
        <v>65834</v>
      </c>
      <c r="L20678" s="5" t="s">
        <v>65833</v>
      </c>
      <c r="M20678" s="2" t="s">
        <v>65834</v>
      </c>
      <c r="N20678" s="5" t="s">
        <v>733</v>
      </c>
      <c r="O20678" s="5" t="s">
        <v>38</v>
      </c>
      <c r="P20678" s="5" t="s">
        <v>39</v>
      </c>
      <c r="Q20678" s="5" t="s">
        <v>40</v>
      </c>
      <c r="R20678" s="5" t="s">
        <v>1487</v>
      </c>
      <c r="S20678" s="5"/>
      <c r="T20678" s="5" t="s">
        <v>42</v>
      </c>
      <c r="U20678" s="2">
        <v>0</v>
      </c>
      <c r="V20678" s="2">
        <v>0</v>
      </c>
      <c r="W20678" s="2">
        <v>0</v>
      </c>
      <c r="X20678" s="2">
        <v>0</v>
      </c>
      <c r="Y20678" s="2">
        <v>0</v>
      </c>
      <c r="Z20678" s="2">
        <v>0</v>
      </c>
      <c r="AA20678" s="5"/>
      <c r="AB20678" s="5" t="s">
        <v>43</v>
      </c>
      <c r="AC20678" s="5" t="s">
        <v>735</v>
      </c>
      <c r="AD20678" s="2" t="s">
        <v>66620</v>
      </c>
      <c r="AE20678" s="1"/>
    </row>
    <row r="20679" spans="1:31" ht="14.45">
      <c r="A20679" s="11"/>
      <c r="B20679" s="20"/>
      <c r="C20679" s="2" t="s">
        <v>66621</v>
      </c>
      <c r="D20679" s="14" t="s">
        <v>66622</v>
      </c>
      <c r="E20679" s="2" t="s">
        <v>66623</v>
      </c>
      <c r="F20679" s="2" t="s">
        <v>66624</v>
      </c>
      <c r="G20679" s="8">
        <v>1443</v>
      </c>
      <c r="H20679" s="5">
        <v>5</v>
      </c>
      <c r="I20679" s="5" t="s">
        <v>69</v>
      </c>
      <c r="J20679" s="5" t="s">
        <v>66625</v>
      </c>
      <c r="K20679" s="2" t="s">
        <v>66626</v>
      </c>
      <c r="L20679" s="5" t="s">
        <v>66625</v>
      </c>
      <c r="M20679" s="2" t="s">
        <v>66626</v>
      </c>
      <c r="N20679" s="5" t="s">
        <v>733</v>
      </c>
      <c r="O20679" s="5" t="s">
        <v>38</v>
      </c>
      <c r="P20679" s="5" t="s">
        <v>39</v>
      </c>
      <c r="Q20679" s="5" t="s">
        <v>40</v>
      </c>
      <c r="R20679" s="5" t="s">
        <v>897</v>
      </c>
      <c r="S20679" s="5" t="s">
        <v>40</v>
      </c>
      <c r="T20679" s="5" t="s">
        <v>42</v>
      </c>
      <c r="U20679" s="2">
        <v>59.246000000000002</v>
      </c>
      <c r="V20679" s="2">
        <v>55.6</v>
      </c>
      <c r="W20679" s="2">
        <v>0.21099999999999999</v>
      </c>
      <c r="X20679" s="2">
        <v>17</v>
      </c>
      <c r="Y20679" s="2">
        <v>80.7</v>
      </c>
      <c r="Z20679" s="2">
        <v>153.6</v>
      </c>
      <c r="AA20679" s="5">
        <v>7</v>
      </c>
      <c r="AB20679" s="5" t="s">
        <v>43</v>
      </c>
      <c r="AC20679" s="5" t="s">
        <v>735</v>
      </c>
      <c r="AD20679" s="2" t="s">
        <v>66627</v>
      </c>
      <c r="AE20679" s="1"/>
    </row>
    <row r="20680" spans="1:31" ht="14.45">
      <c r="A20680" s="11"/>
      <c r="B20680" s="20"/>
      <c r="C20680" s="2" t="s">
        <v>66628</v>
      </c>
      <c r="D20680" s="14" t="s">
        <v>66629</v>
      </c>
      <c r="E20680" s="2" t="s">
        <v>66630</v>
      </c>
      <c r="F20680" s="2" t="s">
        <v>58102</v>
      </c>
      <c r="G20680" s="8">
        <v>1110</v>
      </c>
      <c r="H20680" s="5">
        <v>5</v>
      </c>
      <c r="I20680" s="5" t="s">
        <v>69</v>
      </c>
      <c r="J20680" s="5" t="s">
        <v>66625</v>
      </c>
      <c r="K20680" s="2" t="s">
        <v>66626</v>
      </c>
      <c r="L20680" s="5" t="s">
        <v>66625</v>
      </c>
      <c r="M20680" s="2" t="s">
        <v>66626</v>
      </c>
      <c r="N20680" s="5" t="s">
        <v>733</v>
      </c>
      <c r="O20680" s="5" t="s">
        <v>38</v>
      </c>
      <c r="P20680" s="5" t="s">
        <v>39</v>
      </c>
      <c r="Q20680" s="5" t="s">
        <v>40</v>
      </c>
      <c r="R20680" s="5" t="s">
        <v>897</v>
      </c>
      <c r="S20680" s="5" t="s">
        <v>40</v>
      </c>
      <c r="T20680" s="5" t="s">
        <v>42</v>
      </c>
      <c r="U20680" s="2">
        <v>52.253</v>
      </c>
      <c r="V20680" s="2">
        <v>48.606999999999999</v>
      </c>
      <c r="W20680" s="2">
        <v>0.21099999999999999</v>
      </c>
      <c r="X20680" s="2">
        <v>17</v>
      </c>
      <c r="Y20680" s="2">
        <v>80.7</v>
      </c>
      <c r="Z20680" s="2">
        <v>153.6</v>
      </c>
      <c r="AA20680" s="5">
        <v>7</v>
      </c>
      <c r="AB20680" s="5" t="s">
        <v>43</v>
      </c>
      <c r="AC20680" s="5" t="s">
        <v>735</v>
      </c>
      <c r="AD20680" s="2" t="s">
        <v>66631</v>
      </c>
      <c r="AE20680" s="1"/>
    </row>
    <row r="20681" spans="1:31" ht="14.45">
      <c r="A20681" s="11"/>
      <c r="B20681" s="20"/>
      <c r="C20681" s="2" t="s">
        <v>66632</v>
      </c>
      <c r="D20681" s="14" t="s">
        <v>66633</v>
      </c>
      <c r="E20681" s="2" t="s">
        <v>66634</v>
      </c>
      <c r="F20681" s="2" t="s">
        <v>66635</v>
      </c>
      <c r="G20681" s="8">
        <v>1347</v>
      </c>
      <c r="H20681" s="5">
        <v>5</v>
      </c>
      <c r="I20681" s="5" t="s">
        <v>69</v>
      </c>
      <c r="J20681" s="5" t="s">
        <v>66625</v>
      </c>
      <c r="K20681" s="2" t="s">
        <v>66626</v>
      </c>
      <c r="L20681" s="5" t="s">
        <v>66625</v>
      </c>
      <c r="M20681" s="2" t="s">
        <v>66626</v>
      </c>
      <c r="N20681" s="5" t="s">
        <v>733</v>
      </c>
      <c r="O20681" s="5" t="s">
        <v>38</v>
      </c>
      <c r="P20681" s="5" t="s">
        <v>39</v>
      </c>
      <c r="Q20681" s="5" t="s">
        <v>40</v>
      </c>
      <c r="R20681" s="5" t="s">
        <v>897</v>
      </c>
      <c r="S20681" s="5" t="s">
        <v>40</v>
      </c>
      <c r="T20681" s="5" t="s">
        <v>42</v>
      </c>
      <c r="U20681" s="2">
        <v>59.206000000000003</v>
      </c>
      <c r="V20681" s="2">
        <v>55.56</v>
      </c>
      <c r="W20681" s="2">
        <v>0.21099999999999999</v>
      </c>
      <c r="X20681" s="2">
        <v>17</v>
      </c>
      <c r="Y20681" s="2">
        <v>80.7</v>
      </c>
      <c r="Z20681" s="2">
        <v>153.6</v>
      </c>
      <c r="AA20681" s="5">
        <v>7</v>
      </c>
      <c r="AB20681" s="5" t="s">
        <v>43</v>
      </c>
      <c r="AC20681" s="5" t="s">
        <v>735</v>
      </c>
      <c r="AD20681" s="2" t="s">
        <v>66636</v>
      </c>
      <c r="AE20681" s="1"/>
    </row>
    <row r="20682" spans="1:31" ht="14.45">
      <c r="A20682" s="11"/>
      <c r="B20682" s="20"/>
      <c r="C20682" s="2" t="s">
        <v>66637</v>
      </c>
      <c r="D20682" s="14" t="s">
        <v>66638</v>
      </c>
      <c r="E20682" s="2" t="s">
        <v>66639</v>
      </c>
      <c r="F20682" s="2" t="s">
        <v>66640</v>
      </c>
      <c r="G20682" s="8">
        <v>1815</v>
      </c>
      <c r="H20682" s="5">
        <v>5</v>
      </c>
      <c r="I20682" s="5" t="s">
        <v>69</v>
      </c>
      <c r="J20682" s="5" t="s">
        <v>66625</v>
      </c>
      <c r="K20682" s="2" t="s">
        <v>66626</v>
      </c>
      <c r="L20682" s="5" t="s">
        <v>66625</v>
      </c>
      <c r="M20682" s="2" t="s">
        <v>66626</v>
      </c>
      <c r="N20682" s="5" t="s">
        <v>733</v>
      </c>
      <c r="O20682" s="5" t="s">
        <v>38</v>
      </c>
      <c r="P20682" s="5" t="s">
        <v>39</v>
      </c>
      <c r="Q20682" s="5" t="s">
        <v>40</v>
      </c>
      <c r="R20682" s="5" t="s">
        <v>897</v>
      </c>
      <c r="S20682" s="5" t="s">
        <v>40</v>
      </c>
      <c r="T20682" s="5" t="s">
        <v>42</v>
      </c>
      <c r="U20682" s="2">
        <v>63.744999999999997</v>
      </c>
      <c r="V20682" s="2">
        <v>60.097999999999999</v>
      </c>
      <c r="W20682" s="2">
        <v>0.21099999999999999</v>
      </c>
      <c r="X20682" s="2">
        <v>17</v>
      </c>
      <c r="Y20682" s="2">
        <v>80.7</v>
      </c>
      <c r="Z20682" s="2">
        <v>153.6</v>
      </c>
      <c r="AA20682" s="5">
        <v>7</v>
      </c>
      <c r="AB20682" s="5" t="s">
        <v>43</v>
      </c>
      <c r="AC20682" s="5" t="s">
        <v>735</v>
      </c>
      <c r="AD20682" s="2" t="s">
        <v>66641</v>
      </c>
      <c r="AE20682" s="1"/>
    </row>
    <row r="20683" spans="1:31" ht="14.45">
      <c r="A20683" s="11"/>
      <c r="B20683" s="20"/>
      <c r="C20683" s="2" t="s">
        <v>66642</v>
      </c>
      <c r="D20683" s="14" t="s">
        <v>66643</v>
      </c>
      <c r="E20683" s="2" t="s">
        <v>66644</v>
      </c>
      <c r="F20683" s="2" t="s">
        <v>66645</v>
      </c>
      <c r="G20683" s="8">
        <v>1815</v>
      </c>
      <c r="H20683" s="5">
        <v>5</v>
      </c>
      <c r="I20683" s="5" t="s">
        <v>69</v>
      </c>
      <c r="J20683" s="5" t="s">
        <v>66625</v>
      </c>
      <c r="K20683" s="2" t="s">
        <v>66626</v>
      </c>
      <c r="L20683" s="5" t="s">
        <v>66625</v>
      </c>
      <c r="M20683" s="2" t="s">
        <v>66626</v>
      </c>
      <c r="N20683" s="5" t="s">
        <v>733</v>
      </c>
      <c r="O20683" s="5" t="s">
        <v>38</v>
      </c>
      <c r="P20683" s="5" t="s">
        <v>39</v>
      </c>
      <c r="Q20683" s="5" t="s">
        <v>40</v>
      </c>
      <c r="R20683" s="5" t="s">
        <v>897</v>
      </c>
      <c r="S20683" s="5" t="s">
        <v>40</v>
      </c>
      <c r="T20683" s="5" t="s">
        <v>42</v>
      </c>
      <c r="U20683" s="2">
        <v>62.529000000000003</v>
      </c>
      <c r="V20683" s="2">
        <v>58.881999999999998</v>
      </c>
      <c r="W20683" s="2">
        <v>0.21099999999999999</v>
      </c>
      <c r="X20683" s="2">
        <v>17</v>
      </c>
      <c r="Y20683" s="2">
        <v>80.7</v>
      </c>
      <c r="Z20683" s="2">
        <v>153.6</v>
      </c>
      <c r="AA20683" s="5">
        <v>7</v>
      </c>
      <c r="AB20683" s="5" t="s">
        <v>43</v>
      </c>
      <c r="AC20683" s="5" t="s">
        <v>735</v>
      </c>
      <c r="AD20683" s="2" t="s">
        <v>66646</v>
      </c>
      <c r="AE20683" s="1"/>
    </row>
    <row r="20684" spans="1:31" ht="14.45">
      <c r="A20684" s="11"/>
      <c r="B20684" s="20"/>
      <c r="C20684" s="2" t="s">
        <v>66647</v>
      </c>
      <c r="D20684" s="14" t="s">
        <v>66648</v>
      </c>
      <c r="E20684" s="2" t="s">
        <v>66649</v>
      </c>
      <c r="F20684" s="2" t="s">
        <v>58263</v>
      </c>
      <c r="G20684" s="8">
        <v>1443</v>
      </c>
      <c r="H20684" s="5">
        <v>5</v>
      </c>
      <c r="I20684" s="5" t="s">
        <v>69</v>
      </c>
      <c r="J20684" s="5" t="s">
        <v>66625</v>
      </c>
      <c r="K20684" s="2" t="s">
        <v>66626</v>
      </c>
      <c r="L20684" s="5" t="s">
        <v>66625</v>
      </c>
      <c r="M20684" s="2" t="s">
        <v>66626</v>
      </c>
      <c r="N20684" s="5" t="s">
        <v>733</v>
      </c>
      <c r="O20684" s="5" t="s">
        <v>38</v>
      </c>
      <c r="P20684" s="5" t="s">
        <v>39</v>
      </c>
      <c r="Q20684" s="5" t="s">
        <v>40</v>
      </c>
      <c r="R20684" s="5" t="s">
        <v>897</v>
      </c>
      <c r="S20684" s="5" t="s">
        <v>40</v>
      </c>
      <c r="T20684" s="5" t="s">
        <v>42</v>
      </c>
      <c r="U20684" s="2">
        <v>59.295999999999999</v>
      </c>
      <c r="V20684" s="2">
        <v>55.65</v>
      </c>
      <c r="W20684" s="2">
        <v>0.21099999999999999</v>
      </c>
      <c r="X20684" s="2">
        <v>17</v>
      </c>
      <c r="Y20684" s="2">
        <v>80.7</v>
      </c>
      <c r="Z20684" s="2">
        <v>153.6</v>
      </c>
      <c r="AA20684" s="5">
        <v>7</v>
      </c>
      <c r="AB20684" s="5" t="s">
        <v>43</v>
      </c>
      <c r="AC20684" s="5" t="s">
        <v>735</v>
      </c>
      <c r="AD20684" s="2" t="s">
        <v>66650</v>
      </c>
      <c r="AE20684" s="1"/>
    </row>
    <row r="20685" spans="1:31" ht="14.45">
      <c r="A20685" s="11"/>
      <c r="B20685" s="20"/>
      <c r="C20685" s="2" t="s">
        <v>66651</v>
      </c>
      <c r="D20685" s="14" t="s">
        <v>66652</v>
      </c>
      <c r="E20685" s="2" t="s">
        <v>66653</v>
      </c>
      <c r="F20685" s="2" t="s">
        <v>58307</v>
      </c>
      <c r="G20685" s="8">
        <v>1110</v>
      </c>
      <c r="H20685" s="5">
        <v>5</v>
      </c>
      <c r="I20685" s="5" t="s">
        <v>69</v>
      </c>
      <c r="J20685" s="5" t="s">
        <v>66625</v>
      </c>
      <c r="K20685" s="2" t="s">
        <v>66626</v>
      </c>
      <c r="L20685" s="5" t="s">
        <v>66625</v>
      </c>
      <c r="M20685" s="2" t="s">
        <v>66626</v>
      </c>
      <c r="N20685" s="5" t="s">
        <v>733</v>
      </c>
      <c r="O20685" s="5" t="s">
        <v>38</v>
      </c>
      <c r="P20685" s="5" t="s">
        <v>39</v>
      </c>
      <c r="Q20685" s="5" t="s">
        <v>40</v>
      </c>
      <c r="R20685" s="5" t="s">
        <v>897</v>
      </c>
      <c r="S20685" s="5" t="s">
        <v>40</v>
      </c>
      <c r="T20685" s="5" t="s">
        <v>42</v>
      </c>
      <c r="U20685" s="2">
        <v>52.307000000000002</v>
      </c>
      <c r="V20685" s="2">
        <v>48.661000000000001</v>
      </c>
      <c r="W20685" s="2">
        <v>0.221</v>
      </c>
      <c r="X20685" s="2">
        <v>17</v>
      </c>
      <c r="Y20685" s="2">
        <v>84.7</v>
      </c>
      <c r="Z20685" s="2">
        <v>153.6</v>
      </c>
      <c r="AA20685" s="5">
        <v>7</v>
      </c>
      <c r="AB20685" s="5" t="s">
        <v>43</v>
      </c>
      <c r="AC20685" s="5" t="s">
        <v>735</v>
      </c>
      <c r="AD20685" s="2" t="s">
        <v>66654</v>
      </c>
      <c r="AE20685" s="1"/>
    </row>
    <row r="20686" spans="1:31" ht="14.45">
      <c r="A20686" s="11"/>
      <c r="B20686" s="20"/>
      <c r="C20686" s="2" t="s">
        <v>66655</v>
      </c>
      <c r="D20686" s="14" t="s">
        <v>66656</v>
      </c>
      <c r="E20686" s="2" t="s">
        <v>66657</v>
      </c>
      <c r="F20686" s="2" t="s">
        <v>66658</v>
      </c>
      <c r="G20686" s="8">
        <v>1347</v>
      </c>
      <c r="H20686" s="5">
        <v>5</v>
      </c>
      <c r="I20686" s="5" t="s">
        <v>69</v>
      </c>
      <c r="J20686" s="5" t="s">
        <v>66625</v>
      </c>
      <c r="K20686" s="2" t="s">
        <v>66626</v>
      </c>
      <c r="L20686" s="5" t="s">
        <v>66625</v>
      </c>
      <c r="M20686" s="2" t="s">
        <v>66626</v>
      </c>
      <c r="N20686" s="5" t="s">
        <v>733</v>
      </c>
      <c r="O20686" s="5" t="s">
        <v>38</v>
      </c>
      <c r="P20686" s="5" t="s">
        <v>39</v>
      </c>
      <c r="Q20686" s="5" t="s">
        <v>40</v>
      </c>
      <c r="R20686" s="5" t="s">
        <v>897</v>
      </c>
      <c r="S20686" s="5" t="s">
        <v>40</v>
      </c>
      <c r="T20686" s="5" t="s">
        <v>42</v>
      </c>
      <c r="U20686" s="2">
        <v>59.256</v>
      </c>
      <c r="V20686" s="2">
        <v>55.61</v>
      </c>
      <c r="W20686" s="2">
        <v>0.21099999999999999</v>
      </c>
      <c r="X20686" s="2">
        <v>17</v>
      </c>
      <c r="Y20686" s="2">
        <v>80.7</v>
      </c>
      <c r="Z20686" s="2">
        <v>153.6</v>
      </c>
      <c r="AA20686" s="5">
        <v>7</v>
      </c>
      <c r="AB20686" s="5" t="s">
        <v>43</v>
      </c>
      <c r="AC20686" s="5" t="s">
        <v>735</v>
      </c>
      <c r="AD20686" s="2" t="s">
        <v>66659</v>
      </c>
      <c r="AE20686" s="1"/>
    </row>
    <row r="20687" spans="1:31" ht="14.45">
      <c r="A20687" s="11"/>
      <c r="B20687" s="20"/>
      <c r="C20687" s="2" t="s">
        <v>66660</v>
      </c>
      <c r="D20687" s="14" t="s">
        <v>66661</v>
      </c>
      <c r="E20687" s="2" t="s">
        <v>66662</v>
      </c>
      <c r="F20687" s="2" t="s">
        <v>66663</v>
      </c>
      <c r="G20687" s="8">
        <v>1815</v>
      </c>
      <c r="H20687" s="5">
        <v>5</v>
      </c>
      <c r="I20687" s="5" t="s">
        <v>69</v>
      </c>
      <c r="J20687" s="5" t="s">
        <v>66625</v>
      </c>
      <c r="K20687" s="2" t="s">
        <v>66626</v>
      </c>
      <c r="L20687" s="5" t="s">
        <v>66625</v>
      </c>
      <c r="M20687" s="2" t="s">
        <v>66626</v>
      </c>
      <c r="N20687" s="5" t="s">
        <v>733</v>
      </c>
      <c r="O20687" s="5" t="s">
        <v>38</v>
      </c>
      <c r="P20687" s="5" t="s">
        <v>39</v>
      </c>
      <c r="Q20687" s="5" t="s">
        <v>40</v>
      </c>
      <c r="R20687" s="5" t="s">
        <v>897</v>
      </c>
      <c r="S20687" s="5" t="s">
        <v>40</v>
      </c>
      <c r="T20687" s="5" t="s">
        <v>42</v>
      </c>
      <c r="U20687" s="2">
        <v>63.795000000000002</v>
      </c>
      <c r="V20687" s="2">
        <v>60.148000000000003</v>
      </c>
      <c r="W20687" s="2">
        <v>0.21099999999999999</v>
      </c>
      <c r="X20687" s="2">
        <v>17</v>
      </c>
      <c r="Y20687" s="2">
        <v>80.7</v>
      </c>
      <c r="Z20687" s="2">
        <v>153.6</v>
      </c>
      <c r="AA20687" s="5">
        <v>7</v>
      </c>
      <c r="AB20687" s="5" t="s">
        <v>43</v>
      </c>
      <c r="AC20687" s="5" t="s">
        <v>735</v>
      </c>
      <c r="AD20687" s="2" t="s">
        <v>66664</v>
      </c>
      <c r="AE20687" s="1"/>
    </row>
    <row r="20688" spans="1:31" ht="14.45">
      <c r="A20688" s="11"/>
      <c r="B20688" s="20"/>
      <c r="C20688" s="2" t="s">
        <v>66665</v>
      </c>
      <c r="D20688" s="14" t="s">
        <v>66666</v>
      </c>
      <c r="E20688" s="2" t="s">
        <v>66667</v>
      </c>
      <c r="F20688" s="2" t="s">
        <v>66668</v>
      </c>
      <c r="G20688" s="8">
        <v>1815</v>
      </c>
      <c r="H20688" s="5">
        <v>5</v>
      </c>
      <c r="I20688" s="5" t="s">
        <v>69</v>
      </c>
      <c r="J20688" s="5" t="s">
        <v>66625</v>
      </c>
      <c r="K20688" s="2" t="s">
        <v>66626</v>
      </c>
      <c r="L20688" s="5" t="s">
        <v>66625</v>
      </c>
      <c r="M20688" s="2" t="s">
        <v>66626</v>
      </c>
      <c r="N20688" s="5" t="s">
        <v>733</v>
      </c>
      <c r="O20688" s="5" t="s">
        <v>38</v>
      </c>
      <c r="P20688" s="5" t="s">
        <v>39</v>
      </c>
      <c r="Q20688" s="5" t="s">
        <v>40</v>
      </c>
      <c r="R20688" s="5" t="s">
        <v>897</v>
      </c>
      <c r="S20688" s="5" t="s">
        <v>40</v>
      </c>
      <c r="T20688" s="5" t="s">
        <v>42</v>
      </c>
      <c r="U20688" s="2">
        <v>62.579000000000001</v>
      </c>
      <c r="V20688" s="2">
        <v>58.932000000000002</v>
      </c>
      <c r="W20688" s="2">
        <v>0.21099999999999999</v>
      </c>
      <c r="X20688" s="2">
        <v>17</v>
      </c>
      <c r="Y20688" s="2">
        <v>80.7</v>
      </c>
      <c r="Z20688" s="2">
        <v>153.6</v>
      </c>
      <c r="AA20688" s="5">
        <v>7</v>
      </c>
      <c r="AB20688" s="5" t="s">
        <v>43</v>
      </c>
      <c r="AC20688" s="5" t="s">
        <v>735</v>
      </c>
      <c r="AD20688" s="2" t="s">
        <v>66669</v>
      </c>
      <c r="AE20688" s="1"/>
    </row>
    <row r="20689" spans="1:31" ht="14.45">
      <c r="A20689" s="11"/>
      <c r="B20689" s="20"/>
      <c r="C20689" s="2" t="s">
        <v>66670</v>
      </c>
      <c r="D20689" s="14" t="s">
        <v>66671</v>
      </c>
      <c r="E20689" s="2" t="s">
        <v>66672</v>
      </c>
      <c r="F20689" s="2" t="s">
        <v>66673</v>
      </c>
      <c r="G20689" s="8">
        <v>1770</v>
      </c>
      <c r="H20689" s="5">
        <v>5</v>
      </c>
      <c r="I20689" s="5" t="s">
        <v>69</v>
      </c>
      <c r="J20689" s="5" t="s">
        <v>66625</v>
      </c>
      <c r="K20689" s="2" t="s">
        <v>66626</v>
      </c>
      <c r="L20689" s="5" t="s">
        <v>66625</v>
      </c>
      <c r="M20689" s="2" t="s">
        <v>66626</v>
      </c>
      <c r="N20689" s="5" t="s">
        <v>733</v>
      </c>
      <c r="O20689" s="5" t="s">
        <v>38</v>
      </c>
      <c r="P20689" s="5" t="s">
        <v>39</v>
      </c>
      <c r="Q20689" s="5" t="s">
        <v>40</v>
      </c>
      <c r="R20689" s="5" t="s">
        <v>897</v>
      </c>
      <c r="S20689" s="5" t="s">
        <v>40</v>
      </c>
      <c r="T20689" s="5" t="s">
        <v>42</v>
      </c>
      <c r="U20689" s="2">
        <v>80.212000000000003</v>
      </c>
      <c r="V20689" s="2">
        <v>74.813000000000002</v>
      </c>
      <c r="W20689" s="2">
        <v>0.32600000000000001</v>
      </c>
      <c r="X20689" s="2">
        <v>17</v>
      </c>
      <c r="Y20689" s="2">
        <v>124.7</v>
      </c>
      <c r="Z20689" s="2">
        <v>153.6</v>
      </c>
      <c r="AA20689" s="5">
        <v>7</v>
      </c>
      <c r="AB20689" s="5" t="s">
        <v>43</v>
      </c>
      <c r="AC20689" s="5" t="s">
        <v>735</v>
      </c>
      <c r="AD20689" s="2" t="s">
        <v>66674</v>
      </c>
      <c r="AE20689" s="1"/>
    </row>
    <row r="20690" spans="1:31" ht="14.45">
      <c r="A20690" s="11"/>
      <c r="B20690" s="20"/>
      <c r="C20690" s="2" t="s">
        <v>66675</v>
      </c>
      <c r="D20690" s="14" t="s">
        <v>66676</v>
      </c>
      <c r="E20690" s="2" t="s">
        <v>66677</v>
      </c>
      <c r="F20690" s="2" t="s">
        <v>59928</v>
      </c>
      <c r="G20690" s="8">
        <v>1284</v>
      </c>
      <c r="H20690" s="5">
        <v>5</v>
      </c>
      <c r="I20690" s="5" t="s">
        <v>69</v>
      </c>
      <c r="J20690" s="5" t="s">
        <v>66625</v>
      </c>
      <c r="K20690" s="2" t="s">
        <v>66626</v>
      </c>
      <c r="L20690" s="5" t="s">
        <v>66625</v>
      </c>
      <c r="M20690" s="2" t="s">
        <v>66626</v>
      </c>
      <c r="N20690" s="5" t="s">
        <v>733</v>
      </c>
      <c r="O20690" s="5" t="s">
        <v>38</v>
      </c>
      <c r="P20690" s="5" t="s">
        <v>39</v>
      </c>
      <c r="Q20690" s="5" t="s">
        <v>40</v>
      </c>
      <c r="R20690" s="5" t="s">
        <v>897</v>
      </c>
      <c r="S20690" s="5" t="s">
        <v>40</v>
      </c>
      <c r="T20690" s="5" t="s">
        <v>42</v>
      </c>
      <c r="U20690" s="2">
        <v>69.290999999999997</v>
      </c>
      <c r="V20690" s="2">
        <v>64.150000000000006</v>
      </c>
      <c r="W20690" s="2">
        <v>0.315</v>
      </c>
      <c r="X20690" s="2">
        <v>17</v>
      </c>
      <c r="Y20690" s="2">
        <v>120.7</v>
      </c>
      <c r="Z20690" s="2">
        <v>153.6</v>
      </c>
      <c r="AA20690" s="5">
        <v>7</v>
      </c>
      <c r="AB20690" s="5" t="s">
        <v>43</v>
      </c>
      <c r="AC20690" s="5" t="s">
        <v>735</v>
      </c>
      <c r="AD20690" s="2" t="s">
        <v>66678</v>
      </c>
      <c r="AE20690" s="1"/>
    </row>
    <row r="20691" spans="1:31" ht="14.45">
      <c r="A20691" s="11"/>
      <c r="B20691" s="20"/>
      <c r="C20691" s="2" t="s">
        <v>66679</v>
      </c>
      <c r="D20691" s="14" t="s">
        <v>66680</v>
      </c>
      <c r="E20691" s="2" t="s">
        <v>66681</v>
      </c>
      <c r="F20691" s="2" t="s">
        <v>66682</v>
      </c>
      <c r="G20691" s="8">
        <v>1630</v>
      </c>
      <c r="H20691" s="5">
        <v>5</v>
      </c>
      <c r="I20691" s="5" t="s">
        <v>69</v>
      </c>
      <c r="J20691" s="5" t="s">
        <v>66625</v>
      </c>
      <c r="K20691" s="2" t="s">
        <v>66626</v>
      </c>
      <c r="L20691" s="5" t="s">
        <v>66625</v>
      </c>
      <c r="M20691" s="2" t="s">
        <v>66626</v>
      </c>
      <c r="N20691" s="5" t="s">
        <v>733</v>
      </c>
      <c r="O20691" s="5" t="s">
        <v>38</v>
      </c>
      <c r="P20691" s="5" t="s">
        <v>39</v>
      </c>
      <c r="Q20691" s="5" t="s">
        <v>40</v>
      </c>
      <c r="R20691" s="5" t="s">
        <v>897</v>
      </c>
      <c r="S20691" s="5" t="s">
        <v>40</v>
      </c>
      <c r="T20691" s="5" t="s">
        <v>42</v>
      </c>
      <c r="U20691" s="2">
        <v>80.150000000000006</v>
      </c>
      <c r="V20691" s="2">
        <v>74.751000000000005</v>
      </c>
      <c r="W20691" s="2">
        <v>0.32600000000000001</v>
      </c>
      <c r="X20691" s="2">
        <v>17</v>
      </c>
      <c r="Y20691" s="2">
        <v>124.7</v>
      </c>
      <c r="Z20691" s="2">
        <v>153.6</v>
      </c>
      <c r="AA20691" s="5">
        <v>7</v>
      </c>
      <c r="AB20691" s="5" t="s">
        <v>43</v>
      </c>
      <c r="AC20691" s="5" t="s">
        <v>735</v>
      </c>
      <c r="AD20691" s="2" t="s">
        <v>66683</v>
      </c>
      <c r="AE20691" s="1"/>
    </row>
    <row r="20692" spans="1:31" ht="14.45">
      <c r="A20692" s="11"/>
      <c r="B20692" s="20"/>
      <c r="C20692" s="2" t="s">
        <v>66684</v>
      </c>
      <c r="D20692" s="14" t="s">
        <v>66685</v>
      </c>
      <c r="E20692" s="2" t="s">
        <v>66686</v>
      </c>
      <c r="F20692" s="2" t="s">
        <v>66687</v>
      </c>
      <c r="G20692" s="8">
        <v>2098</v>
      </c>
      <c r="H20692" s="5">
        <v>5</v>
      </c>
      <c r="I20692" s="5" t="s">
        <v>69</v>
      </c>
      <c r="J20692" s="5" t="s">
        <v>66625</v>
      </c>
      <c r="K20692" s="2" t="s">
        <v>66626</v>
      </c>
      <c r="L20692" s="5" t="s">
        <v>66625</v>
      </c>
      <c r="M20692" s="2" t="s">
        <v>66626</v>
      </c>
      <c r="N20692" s="5" t="s">
        <v>733</v>
      </c>
      <c r="O20692" s="5" t="s">
        <v>38</v>
      </c>
      <c r="P20692" s="5" t="s">
        <v>39</v>
      </c>
      <c r="Q20692" s="5" t="s">
        <v>40</v>
      </c>
      <c r="R20692" s="5" t="s">
        <v>897</v>
      </c>
      <c r="S20692" s="5" t="s">
        <v>40</v>
      </c>
      <c r="T20692" s="5" t="s">
        <v>42</v>
      </c>
      <c r="U20692" s="2">
        <v>85.986000000000004</v>
      </c>
      <c r="V20692" s="2">
        <v>80.585999999999999</v>
      </c>
      <c r="W20692" s="2">
        <v>0.32600000000000001</v>
      </c>
      <c r="X20692" s="2">
        <v>17</v>
      </c>
      <c r="Y20692" s="2">
        <v>124.7</v>
      </c>
      <c r="Z20692" s="2">
        <v>153.6</v>
      </c>
      <c r="AA20692" s="5">
        <v>7</v>
      </c>
      <c r="AB20692" s="5" t="s">
        <v>43</v>
      </c>
      <c r="AC20692" s="5" t="s">
        <v>735</v>
      </c>
      <c r="AD20692" s="2" t="s">
        <v>66688</v>
      </c>
      <c r="AE20692" s="1"/>
    </row>
    <row r="20693" spans="1:31" ht="14.45">
      <c r="A20693" s="11"/>
      <c r="B20693" s="20"/>
      <c r="C20693" s="2" t="s">
        <v>66689</v>
      </c>
      <c r="D20693" s="14" t="s">
        <v>66690</v>
      </c>
      <c r="E20693" s="2" t="s">
        <v>66691</v>
      </c>
      <c r="F20693" s="2" t="s">
        <v>66692</v>
      </c>
      <c r="G20693" s="8">
        <v>2098</v>
      </c>
      <c r="H20693" s="5">
        <v>5</v>
      </c>
      <c r="I20693" s="5" t="s">
        <v>69</v>
      </c>
      <c r="J20693" s="5" t="s">
        <v>66625</v>
      </c>
      <c r="K20693" s="2" t="s">
        <v>66626</v>
      </c>
      <c r="L20693" s="5" t="s">
        <v>66625</v>
      </c>
      <c r="M20693" s="2" t="s">
        <v>66626</v>
      </c>
      <c r="N20693" s="5" t="s">
        <v>733</v>
      </c>
      <c r="O20693" s="5" t="s">
        <v>38</v>
      </c>
      <c r="P20693" s="5" t="s">
        <v>39</v>
      </c>
      <c r="Q20693" s="5" t="s">
        <v>40</v>
      </c>
      <c r="R20693" s="5" t="s">
        <v>897</v>
      </c>
      <c r="S20693" s="5" t="s">
        <v>40</v>
      </c>
      <c r="T20693" s="5" t="s">
        <v>42</v>
      </c>
      <c r="U20693" s="2">
        <v>83.930999999999997</v>
      </c>
      <c r="V20693" s="2">
        <v>78.531000000000006</v>
      </c>
      <c r="W20693" s="2">
        <v>0.32600000000000001</v>
      </c>
      <c r="X20693" s="2">
        <v>17</v>
      </c>
      <c r="Y20693" s="2">
        <v>124.7</v>
      </c>
      <c r="Z20693" s="2">
        <v>153.6</v>
      </c>
      <c r="AA20693" s="5">
        <v>7</v>
      </c>
      <c r="AB20693" s="5" t="s">
        <v>43</v>
      </c>
      <c r="AC20693" s="5" t="s">
        <v>735</v>
      </c>
      <c r="AD20693" s="2" t="s">
        <v>66693</v>
      </c>
      <c r="AE20693" s="1"/>
    </row>
    <row r="20694" spans="1:31" ht="14.45">
      <c r="A20694" s="11"/>
      <c r="B20694" s="20"/>
      <c r="C20694" s="2" t="s">
        <v>66694</v>
      </c>
      <c r="D20694" s="14" t="s">
        <v>66695</v>
      </c>
      <c r="E20694" s="2" t="s">
        <v>66696</v>
      </c>
      <c r="F20694" s="2" t="s">
        <v>60036</v>
      </c>
      <c r="G20694" s="8">
        <v>1770</v>
      </c>
      <c r="H20694" s="5">
        <v>5</v>
      </c>
      <c r="I20694" s="5" t="s">
        <v>69</v>
      </c>
      <c r="J20694" s="5" t="s">
        <v>66625</v>
      </c>
      <c r="K20694" s="2" t="s">
        <v>66626</v>
      </c>
      <c r="L20694" s="5" t="s">
        <v>66625</v>
      </c>
      <c r="M20694" s="2" t="s">
        <v>66626</v>
      </c>
      <c r="N20694" s="5" t="s">
        <v>733</v>
      </c>
      <c r="O20694" s="5" t="s">
        <v>38</v>
      </c>
      <c r="P20694" s="5" t="s">
        <v>39</v>
      </c>
      <c r="Q20694" s="5" t="s">
        <v>40</v>
      </c>
      <c r="R20694" s="5" t="s">
        <v>897</v>
      </c>
      <c r="S20694" s="5" t="s">
        <v>40</v>
      </c>
      <c r="T20694" s="5" t="s">
        <v>42</v>
      </c>
      <c r="U20694" s="2">
        <v>80.245999999999995</v>
      </c>
      <c r="V20694" s="2">
        <v>74.846999999999994</v>
      </c>
      <c r="W20694" s="2">
        <v>0.32600000000000001</v>
      </c>
      <c r="X20694" s="2">
        <v>17</v>
      </c>
      <c r="Y20694" s="2">
        <v>124.7</v>
      </c>
      <c r="Z20694" s="2">
        <v>153.6</v>
      </c>
      <c r="AA20694" s="5">
        <v>7</v>
      </c>
      <c r="AB20694" s="5" t="s">
        <v>43</v>
      </c>
      <c r="AC20694" s="5" t="s">
        <v>735</v>
      </c>
      <c r="AD20694" s="2" t="s">
        <v>66697</v>
      </c>
      <c r="AE20694" s="1"/>
    </row>
    <row r="20695" spans="1:31" ht="14.45">
      <c r="A20695" s="11"/>
      <c r="B20695" s="20"/>
      <c r="C20695" s="2" t="s">
        <v>66698</v>
      </c>
      <c r="D20695" s="14" t="s">
        <v>66699</v>
      </c>
      <c r="E20695" s="2" t="s">
        <v>66700</v>
      </c>
      <c r="F20695" s="2" t="s">
        <v>60076</v>
      </c>
      <c r="G20695" s="8">
        <v>1284</v>
      </c>
      <c r="H20695" s="5">
        <v>5</v>
      </c>
      <c r="I20695" s="5" t="s">
        <v>69</v>
      </c>
      <c r="J20695" s="5" t="s">
        <v>66625</v>
      </c>
      <c r="K20695" s="2" t="s">
        <v>66626</v>
      </c>
      <c r="L20695" s="5" t="s">
        <v>66625</v>
      </c>
      <c r="M20695" s="2" t="s">
        <v>66626</v>
      </c>
      <c r="N20695" s="5" t="s">
        <v>733</v>
      </c>
      <c r="O20695" s="5" t="s">
        <v>38</v>
      </c>
      <c r="P20695" s="5" t="s">
        <v>39</v>
      </c>
      <c r="Q20695" s="5" t="s">
        <v>40</v>
      </c>
      <c r="R20695" s="5" t="s">
        <v>897</v>
      </c>
      <c r="S20695" s="5" t="s">
        <v>40</v>
      </c>
      <c r="T20695" s="5" t="s">
        <v>42</v>
      </c>
      <c r="U20695" s="2">
        <v>69.328999999999994</v>
      </c>
      <c r="V20695" s="2">
        <v>64.188000000000002</v>
      </c>
      <c r="W20695" s="2">
        <v>0.315</v>
      </c>
      <c r="X20695" s="2">
        <v>17</v>
      </c>
      <c r="Y20695" s="2">
        <v>120.7</v>
      </c>
      <c r="Z20695" s="2">
        <v>153.6</v>
      </c>
      <c r="AA20695" s="5">
        <v>7</v>
      </c>
      <c r="AB20695" s="5" t="s">
        <v>43</v>
      </c>
      <c r="AC20695" s="5" t="s">
        <v>735</v>
      </c>
      <c r="AD20695" s="2" t="s">
        <v>66701</v>
      </c>
      <c r="AE20695" s="1"/>
    </row>
    <row r="20696" spans="1:31" ht="14.45">
      <c r="A20696" s="11"/>
      <c r="B20696" s="20"/>
      <c r="C20696" s="2" t="s">
        <v>66702</v>
      </c>
      <c r="D20696" s="14" t="s">
        <v>66703</v>
      </c>
      <c r="E20696" s="2" t="s">
        <v>66704</v>
      </c>
      <c r="F20696" s="2" t="s">
        <v>66705</v>
      </c>
      <c r="G20696" s="8">
        <v>1630</v>
      </c>
      <c r="H20696" s="5">
        <v>5</v>
      </c>
      <c r="I20696" s="5" t="s">
        <v>69</v>
      </c>
      <c r="J20696" s="5" t="s">
        <v>66625</v>
      </c>
      <c r="K20696" s="2" t="s">
        <v>66626</v>
      </c>
      <c r="L20696" s="5" t="s">
        <v>66625</v>
      </c>
      <c r="M20696" s="2" t="s">
        <v>66626</v>
      </c>
      <c r="N20696" s="5" t="s">
        <v>733</v>
      </c>
      <c r="O20696" s="5" t="s">
        <v>38</v>
      </c>
      <c r="P20696" s="5" t="s">
        <v>39</v>
      </c>
      <c r="Q20696" s="5" t="s">
        <v>40</v>
      </c>
      <c r="R20696" s="5" t="s">
        <v>897</v>
      </c>
      <c r="S20696" s="5" t="s">
        <v>40</v>
      </c>
      <c r="T20696" s="5" t="s">
        <v>42</v>
      </c>
      <c r="U20696" s="2">
        <v>80.183999999999997</v>
      </c>
      <c r="V20696" s="2">
        <v>74.784999999999997</v>
      </c>
      <c r="W20696" s="2">
        <v>0.32600000000000001</v>
      </c>
      <c r="X20696" s="2">
        <v>17</v>
      </c>
      <c r="Y20696" s="2">
        <v>124.7</v>
      </c>
      <c r="Z20696" s="2">
        <v>153.6</v>
      </c>
      <c r="AA20696" s="5">
        <v>7</v>
      </c>
      <c r="AB20696" s="5" t="s">
        <v>43</v>
      </c>
      <c r="AC20696" s="5" t="s">
        <v>735</v>
      </c>
      <c r="AD20696" s="2" t="s">
        <v>66706</v>
      </c>
      <c r="AE20696" s="1"/>
    </row>
    <row r="20697" spans="1:31" ht="14.45">
      <c r="A20697" s="11"/>
      <c r="B20697" s="20"/>
      <c r="C20697" s="2" t="s">
        <v>66707</v>
      </c>
      <c r="D20697" s="14" t="s">
        <v>66708</v>
      </c>
      <c r="E20697" s="2" t="s">
        <v>66709</v>
      </c>
      <c r="F20697" s="2" t="s">
        <v>66710</v>
      </c>
      <c r="G20697" s="8">
        <v>2098</v>
      </c>
      <c r="H20697" s="5">
        <v>5</v>
      </c>
      <c r="I20697" s="5" t="s">
        <v>69</v>
      </c>
      <c r="J20697" s="5" t="s">
        <v>66625</v>
      </c>
      <c r="K20697" s="2" t="s">
        <v>66626</v>
      </c>
      <c r="L20697" s="5" t="s">
        <v>66625</v>
      </c>
      <c r="M20697" s="2" t="s">
        <v>66626</v>
      </c>
      <c r="N20697" s="5" t="s">
        <v>733</v>
      </c>
      <c r="O20697" s="5" t="s">
        <v>38</v>
      </c>
      <c r="P20697" s="5" t="s">
        <v>39</v>
      </c>
      <c r="Q20697" s="5" t="s">
        <v>40</v>
      </c>
      <c r="R20697" s="5" t="s">
        <v>897</v>
      </c>
      <c r="S20697" s="5" t="s">
        <v>40</v>
      </c>
      <c r="T20697" s="5" t="s">
        <v>42</v>
      </c>
      <c r="U20697" s="2">
        <v>86.02</v>
      </c>
      <c r="V20697" s="2">
        <v>80.62</v>
      </c>
      <c r="W20697" s="2">
        <v>0.32600000000000001</v>
      </c>
      <c r="X20697" s="2">
        <v>17</v>
      </c>
      <c r="Y20697" s="2">
        <v>124.7</v>
      </c>
      <c r="Z20697" s="2">
        <v>153.6</v>
      </c>
      <c r="AA20697" s="5">
        <v>7</v>
      </c>
      <c r="AB20697" s="5" t="s">
        <v>43</v>
      </c>
      <c r="AC20697" s="5" t="s">
        <v>735</v>
      </c>
      <c r="AD20697" s="2" t="s">
        <v>66711</v>
      </c>
      <c r="AE20697" s="1"/>
    </row>
    <row r="20698" spans="1:31" ht="14.45">
      <c r="A20698" s="11"/>
      <c r="B20698" s="20"/>
      <c r="C20698" s="2" t="s">
        <v>66712</v>
      </c>
      <c r="D20698" s="14" t="s">
        <v>66713</v>
      </c>
      <c r="E20698" s="2" t="s">
        <v>66714</v>
      </c>
      <c r="F20698" s="2" t="s">
        <v>66715</v>
      </c>
      <c r="G20698" s="8">
        <v>2098</v>
      </c>
      <c r="H20698" s="5">
        <v>5</v>
      </c>
      <c r="I20698" s="5" t="s">
        <v>69</v>
      </c>
      <c r="J20698" s="5" t="s">
        <v>66625</v>
      </c>
      <c r="K20698" s="2" t="s">
        <v>66626</v>
      </c>
      <c r="L20698" s="5" t="s">
        <v>66625</v>
      </c>
      <c r="M20698" s="2" t="s">
        <v>66626</v>
      </c>
      <c r="N20698" s="5" t="s">
        <v>733</v>
      </c>
      <c r="O20698" s="5" t="s">
        <v>38</v>
      </c>
      <c r="P20698" s="5" t="s">
        <v>39</v>
      </c>
      <c r="Q20698" s="5" t="s">
        <v>40</v>
      </c>
      <c r="R20698" s="5" t="s">
        <v>897</v>
      </c>
      <c r="S20698" s="5" t="s">
        <v>40</v>
      </c>
      <c r="T20698" s="5" t="s">
        <v>42</v>
      </c>
      <c r="U20698" s="2">
        <v>83.965000000000003</v>
      </c>
      <c r="V20698" s="2">
        <v>78.564999999999998</v>
      </c>
      <c r="W20698" s="2">
        <v>0.32600000000000001</v>
      </c>
      <c r="X20698" s="2">
        <v>17</v>
      </c>
      <c r="Y20698" s="2">
        <v>124.7</v>
      </c>
      <c r="Z20698" s="2">
        <v>153.6</v>
      </c>
      <c r="AA20698" s="5">
        <v>7</v>
      </c>
      <c r="AB20698" s="5" t="s">
        <v>43</v>
      </c>
      <c r="AC20698" s="5" t="s">
        <v>735</v>
      </c>
      <c r="AD20698" s="2" t="s">
        <v>66716</v>
      </c>
      <c r="AE20698" s="1"/>
    </row>
    <row r="20699" spans="1:31" ht="14.45">
      <c r="A20699" s="11"/>
      <c r="B20699" s="20"/>
      <c r="C20699" s="2" t="s">
        <v>66717</v>
      </c>
      <c r="D20699" s="14" t="s">
        <v>66718</v>
      </c>
      <c r="E20699" s="2" t="s">
        <v>66719</v>
      </c>
      <c r="F20699" s="2" t="s">
        <v>62488</v>
      </c>
      <c r="G20699" s="8">
        <v>1578</v>
      </c>
      <c r="H20699" s="5">
        <v>5</v>
      </c>
      <c r="I20699" s="5" t="s">
        <v>69</v>
      </c>
      <c r="J20699" s="5" t="s">
        <v>66625</v>
      </c>
      <c r="K20699" s="2" t="s">
        <v>66626</v>
      </c>
      <c r="L20699" s="5" t="s">
        <v>66625</v>
      </c>
      <c r="M20699" s="2" t="s">
        <v>66626</v>
      </c>
      <c r="N20699" s="5" t="s">
        <v>733</v>
      </c>
      <c r="O20699" s="5" t="s">
        <v>38</v>
      </c>
      <c r="P20699" s="5" t="s">
        <v>39</v>
      </c>
      <c r="Q20699" s="5" t="s">
        <v>40</v>
      </c>
      <c r="R20699" s="5" t="s">
        <v>897</v>
      </c>
      <c r="S20699" s="5" t="s">
        <v>40</v>
      </c>
      <c r="T20699" s="5" t="s">
        <v>42</v>
      </c>
      <c r="U20699" s="2">
        <v>60.731000000000002</v>
      </c>
      <c r="V20699" s="2">
        <v>56.451000000000001</v>
      </c>
      <c r="W20699" s="2">
        <v>0.23200000000000001</v>
      </c>
      <c r="X20699" s="2">
        <v>17</v>
      </c>
      <c r="Y20699" s="2">
        <v>88.7</v>
      </c>
      <c r="Z20699" s="2">
        <v>153.6</v>
      </c>
      <c r="AA20699" s="5">
        <v>7</v>
      </c>
      <c r="AB20699" s="5" t="s">
        <v>43</v>
      </c>
      <c r="AC20699" s="5" t="s">
        <v>735</v>
      </c>
      <c r="AD20699" s="2" t="s">
        <v>66720</v>
      </c>
      <c r="AE20699" s="1"/>
    </row>
    <row r="20700" spans="1:31" ht="14.45">
      <c r="A20700" s="11"/>
      <c r="B20700" s="20"/>
      <c r="C20700" s="2" t="s">
        <v>66721</v>
      </c>
      <c r="D20700" s="14" t="s">
        <v>66722</v>
      </c>
      <c r="E20700" s="2" t="s">
        <v>66723</v>
      </c>
      <c r="F20700" s="2" t="s">
        <v>62538</v>
      </c>
      <c r="G20700" s="8">
        <v>1244</v>
      </c>
      <c r="H20700" s="5">
        <v>5</v>
      </c>
      <c r="I20700" s="5" t="s">
        <v>69</v>
      </c>
      <c r="J20700" s="5" t="s">
        <v>66625</v>
      </c>
      <c r="K20700" s="2" t="s">
        <v>66626</v>
      </c>
      <c r="L20700" s="5" t="s">
        <v>66625</v>
      </c>
      <c r="M20700" s="2" t="s">
        <v>66626</v>
      </c>
      <c r="N20700" s="5" t="s">
        <v>733</v>
      </c>
      <c r="O20700" s="5" t="s">
        <v>38</v>
      </c>
      <c r="P20700" s="5" t="s">
        <v>39</v>
      </c>
      <c r="Q20700" s="5" t="s">
        <v>40</v>
      </c>
      <c r="R20700" s="5" t="s">
        <v>897</v>
      </c>
      <c r="S20700" s="5" t="s">
        <v>40</v>
      </c>
      <c r="T20700" s="5" t="s">
        <v>42</v>
      </c>
      <c r="U20700" s="2">
        <v>53.645000000000003</v>
      </c>
      <c r="V20700" s="2">
        <v>49.365000000000002</v>
      </c>
      <c r="W20700" s="2">
        <v>0.23200000000000001</v>
      </c>
      <c r="X20700" s="2">
        <v>17</v>
      </c>
      <c r="Y20700" s="2">
        <v>88.7</v>
      </c>
      <c r="Z20700" s="2">
        <v>153.6</v>
      </c>
      <c r="AA20700" s="5">
        <v>7</v>
      </c>
      <c r="AB20700" s="5" t="s">
        <v>43</v>
      </c>
      <c r="AC20700" s="5" t="s">
        <v>735</v>
      </c>
      <c r="AD20700" s="2" t="s">
        <v>66724</v>
      </c>
      <c r="AE20700" s="1"/>
    </row>
    <row r="20701" spans="1:31" ht="14.45">
      <c r="A20701" s="11"/>
      <c r="B20701" s="20"/>
      <c r="C20701" s="2" t="s">
        <v>66725</v>
      </c>
      <c r="D20701" s="14" t="s">
        <v>66726</v>
      </c>
      <c r="E20701" s="2" t="s">
        <v>66727</v>
      </c>
      <c r="F20701" s="2" t="s">
        <v>66728</v>
      </c>
      <c r="G20701" s="8">
        <v>1482</v>
      </c>
      <c r="H20701" s="5">
        <v>5</v>
      </c>
      <c r="I20701" s="5" t="s">
        <v>69</v>
      </c>
      <c r="J20701" s="5" t="s">
        <v>66625</v>
      </c>
      <c r="K20701" s="2" t="s">
        <v>66626</v>
      </c>
      <c r="L20701" s="5" t="s">
        <v>66625</v>
      </c>
      <c r="M20701" s="2" t="s">
        <v>66626</v>
      </c>
      <c r="N20701" s="5" t="s">
        <v>733</v>
      </c>
      <c r="O20701" s="5" t="s">
        <v>38</v>
      </c>
      <c r="P20701" s="5" t="s">
        <v>39</v>
      </c>
      <c r="Q20701" s="5" t="s">
        <v>40</v>
      </c>
      <c r="R20701" s="5" t="s">
        <v>897</v>
      </c>
      <c r="S20701" s="5" t="s">
        <v>40</v>
      </c>
      <c r="T20701" s="5" t="s">
        <v>42</v>
      </c>
      <c r="U20701" s="2">
        <v>60.758000000000003</v>
      </c>
      <c r="V20701" s="2">
        <v>56.478000000000002</v>
      </c>
      <c r="W20701" s="2">
        <v>0.23200000000000001</v>
      </c>
      <c r="X20701" s="2">
        <v>17</v>
      </c>
      <c r="Y20701" s="2">
        <v>88.7</v>
      </c>
      <c r="Z20701" s="2">
        <v>153.6</v>
      </c>
      <c r="AA20701" s="5">
        <v>7</v>
      </c>
      <c r="AB20701" s="5" t="s">
        <v>43</v>
      </c>
      <c r="AC20701" s="5" t="s">
        <v>735</v>
      </c>
      <c r="AD20701" s="2" t="s">
        <v>66729</v>
      </c>
      <c r="AE20701" s="1"/>
    </row>
    <row r="20702" spans="1:31" ht="14.45">
      <c r="A20702" s="11"/>
      <c r="B20702" s="20"/>
      <c r="C20702" s="2" t="s">
        <v>66730</v>
      </c>
      <c r="D20702" s="14" t="s">
        <v>66731</v>
      </c>
      <c r="E20702" s="2" t="s">
        <v>66732</v>
      </c>
      <c r="F20702" s="2" t="s">
        <v>66733</v>
      </c>
      <c r="G20702" s="8">
        <v>1950</v>
      </c>
      <c r="H20702" s="5">
        <v>5</v>
      </c>
      <c r="I20702" s="5" t="s">
        <v>69</v>
      </c>
      <c r="J20702" s="5" t="s">
        <v>66625</v>
      </c>
      <c r="K20702" s="2" t="s">
        <v>66626</v>
      </c>
      <c r="L20702" s="5" t="s">
        <v>66625</v>
      </c>
      <c r="M20702" s="2" t="s">
        <v>66626</v>
      </c>
      <c r="N20702" s="5" t="s">
        <v>733</v>
      </c>
      <c r="O20702" s="5" t="s">
        <v>38</v>
      </c>
      <c r="P20702" s="5" t="s">
        <v>39</v>
      </c>
      <c r="Q20702" s="5" t="s">
        <v>40</v>
      </c>
      <c r="R20702" s="5" t="s">
        <v>897</v>
      </c>
      <c r="S20702" s="5" t="s">
        <v>40</v>
      </c>
      <c r="T20702" s="5" t="s">
        <v>42</v>
      </c>
      <c r="U20702" s="2">
        <v>66.319000000000003</v>
      </c>
      <c r="V20702" s="2">
        <v>62.037999999999997</v>
      </c>
      <c r="W20702" s="2">
        <v>0.23200000000000001</v>
      </c>
      <c r="X20702" s="2">
        <v>17</v>
      </c>
      <c r="Y20702" s="2">
        <v>88.7</v>
      </c>
      <c r="Z20702" s="2">
        <v>153.6</v>
      </c>
      <c r="AA20702" s="5">
        <v>7</v>
      </c>
      <c r="AB20702" s="5" t="s">
        <v>43</v>
      </c>
      <c r="AC20702" s="5" t="s">
        <v>735</v>
      </c>
      <c r="AD20702" s="2" t="s">
        <v>66734</v>
      </c>
      <c r="AE20702" s="1"/>
    </row>
    <row r="20703" spans="1:31" ht="14.45">
      <c r="A20703" s="11"/>
      <c r="B20703" s="20"/>
      <c r="C20703" s="2" t="s">
        <v>66735</v>
      </c>
      <c r="D20703" s="14" t="s">
        <v>66736</v>
      </c>
      <c r="E20703" s="2" t="s">
        <v>66737</v>
      </c>
      <c r="F20703" s="2" t="s">
        <v>66738</v>
      </c>
      <c r="G20703" s="8">
        <v>1950</v>
      </c>
      <c r="H20703" s="5">
        <v>5</v>
      </c>
      <c r="I20703" s="5" t="s">
        <v>69</v>
      </c>
      <c r="J20703" s="5" t="s">
        <v>66625</v>
      </c>
      <c r="K20703" s="2" t="s">
        <v>66626</v>
      </c>
      <c r="L20703" s="5" t="s">
        <v>66625</v>
      </c>
      <c r="M20703" s="2" t="s">
        <v>66626</v>
      </c>
      <c r="N20703" s="5" t="s">
        <v>733</v>
      </c>
      <c r="O20703" s="5" t="s">
        <v>38</v>
      </c>
      <c r="P20703" s="5" t="s">
        <v>39</v>
      </c>
      <c r="Q20703" s="5" t="s">
        <v>40</v>
      </c>
      <c r="R20703" s="5" t="s">
        <v>897</v>
      </c>
      <c r="S20703" s="5" t="s">
        <v>40</v>
      </c>
      <c r="T20703" s="5" t="s">
        <v>42</v>
      </c>
      <c r="U20703" s="2">
        <v>65.102999999999994</v>
      </c>
      <c r="V20703" s="2">
        <v>60.822000000000003</v>
      </c>
      <c r="W20703" s="2">
        <v>0.23200000000000001</v>
      </c>
      <c r="X20703" s="2">
        <v>17</v>
      </c>
      <c r="Y20703" s="2">
        <v>88.7</v>
      </c>
      <c r="Z20703" s="2">
        <v>153.6</v>
      </c>
      <c r="AA20703" s="5">
        <v>7</v>
      </c>
      <c r="AB20703" s="5" t="s">
        <v>43</v>
      </c>
      <c r="AC20703" s="5" t="s">
        <v>735</v>
      </c>
      <c r="AD20703" s="2" t="s">
        <v>66739</v>
      </c>
      <c r="AE20703" s="1"/>
    </row>
    <row r="20704" spans="1:31" ht="14.45">
      <c r="A20704" s="11"/>
      <c r="B20704" s="20"/>
      <c r="C20704" s="2" t="s">
        <v>66740</v>
      </c>
      <c r="D20704" s="14" t="s">
        <v>66741</v>
      </c>
      <c r="E20704" s="2" t="s">
        <v>66742</v>
      </c>
      <c r="F20704" s="2" t="s">
        <v>63584</v>
      </c>
      <c r="G20704" s="8">
        <v>1926</v>
      </c>
      <c r="H20704" s="5">
        <v>5</v>
      </c>
      <c r="I20704" s="5" t="s">
        <v>69</v>
      </c>
      <c r="J20704" s="5" t="s">
        <v>66625</v>
      </c>
      <c r="K20704" s="2" t="s">
        <v>66626</v>
      </c>
      <c r="L20704" s="5" t="s">
        <v>66625</v>
      </c>
      <c r="M20704" s="2" t="s">
        <v>66626</v>
      </c>
      <c r="N20704" s="5" t="s">
        <v>733</v>
      </c>
      <c r="O20704" s="5" t="s">
        <v>38</v>
      </c>
      <c r="P20704" s="5" t="s">
        <v>39</v>
      </c>
      <c r="Q20704" s="5" t="s">
        <v>40</v>
      </c>
      <c r="R20704" s="5" t="s">
        <v>897</v>
      </c>
      <c r="S20704" s="5" t="s">
        <v>40</v>
      </c>
      <c r="T20704" s="5" t="s">
        <v>42</v>
      </c>
      <c r="U20704" s="2">
        <v>84.700999999999993</v>
      </c>
      <c r="V20704" s="2">
        <v>79.328000000000003</v>
      </c>
      <c r="W20704" s="2">
        <v>0.32600000000000001</v>
      </c>
      <c r="X20704" s="2">
        <v>17</v>
      </c>
      <c r="Y20704" s="2">
        <v>124.7</v>
      </c>
      <c r="Z20704" s="2">
        <v>153.6</v>
      </c>
      <c r="AA20704" s="5">
        <v>7</v>
      </c>
      <c r="AB20704" s="5" t="s">
        <v>43</v>
      </c>
      <c r="AC20704" s="5" t="s">
        <v>735</v>
      </c>
      <c r="AD20704" s="2" t="s">
        <v>66743</v>
      </c>
      <c r="AE20704" s="1"/>
    </row>
    <row r="20705" spans="1:31" ht="14.45">
      <c r="A20705" s="11"/>
      <c r="B20705" s="20"/>
      <c r="C20705" s="2" t="s">
        <v>66744</v>
      </c>
      <c r="D20705" s="14" t="s">
        <v>66745</v>
      </c>
      <c r="E20705" s="2" t="s">
        <v>66746</v>
      </c>
      <c r="F20705" s="2" t="s">
        <v>63630</v>
      </c>
      <c r="G20705" s="8">
        <v>1439</v>
      </c>
      <c r="H20705" s="5">
        <v>5</v>
      </c>
      <c r="I20705" s="5" t="s">
        <v>69</v>
      </c>
      <c r="J20705" s="5" t="s">
        <v>66625</v>
      </c>
      <c r="K20705" s="2" t="s">
        <v>66626</v>
      </c>
      <c r="L20705" s="5" t="s">
        <v>66625</v>
      </c>
      <c r="M20705" s="2" t="s">
        <v>66626</v>
      </c>
      <c r="N20705" s="5" t="s">
        <v>733</v>
      </c>
      <c r="O20705" s="5" t="s">
        <v>38</v>
      </c>
      <c r="P20705" s="5" t="s">
        <v>39</v>
      </c>
      <c r="Q20705" s="5" t="s">
        <v>40</v>
      </c>
      <c r="R20705" s="5" t="s">
        <v>897</v>
      </c>
      <c r="S20705" s="5" t="s">
        <v>40</v>
      </c>
      <c r="T20705" s="5" t="s">
        <v>42</v>
      </c>
      <c r="U20705" s="2">
        <v>73.942999999999998</v>
      </c>
      <c r="V20705" s="2">
        <v>68.552000000000007</v>
      </c>
      <c r="W20705" s="2">
        <v>0.32600000000000001</v>
      </c>
      <c r="X20705" s="2">
        <v>17</v>
      </c>
      <c r="Y20705" s="2">
        <v>124.7</v>
      </c>
      <c r="Z20705" s="2">
        <v>153.6</v>
      </c>
      <c r="AA20705" s="5">
        <v>7</v>
      </c>
      <c r="AB20705" s="5" t="s">
        <v>43</v>
      </c>
      <c r="AC20705" s="5" t="s">
        <v>735</v>
      </c>
      <c r="AD20705" s="2" t="s">
        <v>66747</v>
      </c>
      <c r="AE20705" s="1"/>
    </row>
    <row r="20706" spans="1:31" ht="14.45">
      <c r="A20706" s="11"/>
      <c r="B20706" s="20"/>
      <c r="C20706" s="2" t="s">
        <v>66748</v>
      </c>
      <c r="D20706" s="14" t="s">
        <v>66749</v>
      </c>
      <c r="E20706" s="2" t="s">
        <v>66750</v>
      </c>
      <c r="F20706" s="2" t="s">
        <v>66751</v>
      </c>
      <c r="G20706" s="8">
        <v>1786</v>
      </c>
      <c r="H20706" s="5">
        <v>5</v>
      </c>
      <c r="I20706" s="5" t="s">
        <v>69</v>
      </c>
      <c r="J20706" s="5" t="s">
        <v>66625</v>
      </c>
      <c r="K20706" s="2" t="s">
        <v>66626</v>
      </c>
      <c r="L20706" s="5" t="s">
        <v>66625</v>
      </c>
      <c r="M20706" s="2" t="s">
        <v>66626</v>
      </c>
      <c r="N20706" s="5" t="s">
        <v>733</v>
      </c>
      <c r="O20706" s="5" t="s">
        <v>38</v>
      </c>
      <c r="P20706" s="5" t="s">
        <v>39</v>
      </c>
      <c r="Q20706" s="5" t="s">
        <v>40</v>
      </c>
      <c r="R20706" s="5" t="s">
        <v>897</v>
      </c>
      <c r="S20706" s="5" t="s">
        <v>40</v>
      </c>
      <c r="T20706" s="5" t="s">
        <v>42</v>
      </c>
      <c r="U20706" s="2">
        <v>84.706999999999994</v>
      </c>
      <c r="V20706" s="2">
        <v>79.34</v>
      </c>
      <c r="W20706" s="2">
        <v>0.32600000000000001</v>
      </c>
      <c r="X20706" s="2">
        <v>17</v>
      </c>
      <c r="Y20706" s="2">
        <v>124.7</v>
      </c>
      <c r="Z20706" s="2">
        <v>153.6</v>
      </c>
      <c r="AA20706" s="5">
        <v>7</v>
      </c>
      <c r="AB20706" s="5" t="s">
        <v>43</v>
      </c>
      <c r="AC20706" s="5" t="s">
        <v>735</v>
      </c>
      <c r="AD20706" s="2" t="s">
        <v>66752</v>
      </c>
      <c r="AE20706" s="1"/>
    </row>
    <row r="20707" spans="1:31" ht="14.45">
      <c r="A20707" s="11"/>
      <c r="B20707" s="20"/>
      <c r="C20707" s="2" t="s">
        <v>66753</v>
      </c>
      <c r="D20707" s="14" t="s">
        <v>66754</v>
      </c>
      <c r="E20707" s="2" t="s">
        <v>66755</v>
      </c>
      <c r="F20707" s="2" t="s">
        <v>66756</v>
      </c>
      <c r="G20707" s="8">
        <v>2254</v>
      </c>
      <c r="H20707" s="5">
        <v>5</v>
      </c>
      <c r="I20707" s="5" t="s">
        <v>69</v>
      </c>
      <c r="J20707" s="5" t="s">
        <v>66625</v>
      </c>
      <c r="K20707" s="2" t="s">
        <v>66626</v>
      </c>
      <c r="L20707" s="5" t="s">
        <v>66625</v>
      </c>
      <c r="M20707" s="2" t="s">
        <v>66626</v>
      </c>
      <c r="N20707" s="5" t="s">
        <v>733</v>
      </c>
      <c r="O20707" s="5" t="s">
        <v>38</v>
      </c>
      <c r="P20707" s="5" t="s">
        <v>39</v>
      </c>
      <c r="Q20707" s="5" t="s">
        <v>40</v>
      </c>
      <c r="R20707" s="5" t="s">
        <v>897</v>
      </c>
      <c r="S20707" s="5" t="s">
        <v>40</v>
      </c>
      <c r="T20707" s="5" t="s">
        <v>42</v>
      </c>
      <c r="U20707" s="2">
        <v>90.5</v>
      </c>
      <c r="V20707" s="2">
        <v>85.132000000000005</v>
      </c>
      <c r="W20707" s="2">
        <v>0.32600000000000001</v>
      </c>
      <c r="X20707" s="2">
        <v>17</v>
      </c>
      <c r="Y20707" s="2">
        <v>124.7</v>
      </c>
      <c r="Z20707" s="2">
        <v>153.6</v>
      </c>
      <c r="AA20707" s="5">
        <v>7</v>
      </c>
      <c r="AB20707" s="5" t="s">
        <v>43</v>
      </c>
      <c r="AC20707" s="5" t="s">
        <v>735</v>
      </c>
      <c r="AD20707" s="2" t="s">
        <v>66757</v>
      </c>
      <c r="AE20707" s="1"/>
    </row>
    <row r="20708" spans="1:31" ht="14.45">
      <c r="A20708" s="11"/>
      <c r="B20708" s="20"/>
      <c r="C20708" s="2" t="s">
        <v>66758</v>
      </c>
      <c r="D20708" s="14" t="s">
        <v>66759</v>
      </c>
      <c r="E20708" s="2" t="s">
        <v>66760</v>
      </c>
      <c r="F20708" s="2" t="s">
        <v>66761</v>
      </c>
      <c r="G20708" s="8">
        <v>2254</v>
      </c>
      <c r="H20708" s="5">
        <v>5</v>
      </c>
      <c r="I20708" s="5" t="s">
        <v>69</v>
      </c>
      <c r="J20708" s="5" t="s">
        <v>66625</v>
      </c>
      <c r="K20708" s="2" t="s">
        <v>66626</v>
      </c>
      <c r="L20708" s="5" t="s">
        <v>66625</v>
      </c>
      <c r="M20708" s="2" t="s">
        <v>66626</v>
      </c>
      <c r="N20708" s="5" t="s">
        <v>733</v>
      </c>
      <c r="O20708" s="5" t="s">
        <v>38</v>
      </c>
      <c r="P20708" s="5" t="s">
        <v>39</v>
      </c>
      <c r="Q20708" s="5" t="s">
        <v>40</v>
      </c>
      <c r="R20708" s="5" t="s">
        <v>897</v>
      </c>
      <c r="S20708" s="5" t="s">
        <v>40</v>
      </c>
      <c r="T20708" s="5" t="s">
        <v>42</v>
      </c>
      <c r="U20708" s="2">
        <v>88.444999999999993</v>
      </c>
      <c r="V20708" s="2">
        <v>83.076999999999998</v>
      </c>
      <c r="W20708" s="2">
        <v>0.32600000000000001</v>
      </c>
      <c r="X20708" s="2">
        <v>17</v>
      </c>
      <c r="Y20708" s="2">
        <v>124.7</v>
      </c>
      <c r="Z20708" s="2">
        <v>153.6</v>
      </c>
      <c r="AA20708" s="5">
        <v>7</v>
      </c>
      <c r="AB20708" s="5" t="s">
        <v>43</v>
      </c>
      <c r="AC20708" s="5" t="s">
        <v>735</v>
      </c>
      <c r="AD20708" s="2" t="s">
        <v>66762</v>
      </c>
      <c r="AE20708" s="1"/>
    </row>
    <row r="20709" spans="1:31" ht="14.45">
      <c r="A20709" s="11"/>
      <c r="B20709" s="20"/>
      <c r="C20709" s="2" t="s">
        <v>66763</v>
      </c>
      <c r="D20709" s="14" t="s">
        <v>66764</v>
      </c>
      <c r="E20709" s="2" t="s">
        <v>66765</v>
      </c>
      <c r="F20709" s="2" t="s">
        <v>63756</v>
      </c>
      <c r="G20709" s="8">
        <v>2250</v>
      </c>
      <c r="H20709" s="5">
        <v>5</v>
      </c>
      <c r="I20709" s="5" t="s">
        <v>69</v>
      </c>
      <c r="J20709" s="5" t="s">
        <v>66625</v>
      </c>
      <c r="K20709" s="2" t="s">
        <v>66626</v>
      </c>
      <c r="L20709" s="5" t="s">
        <v>66625</v>
      </c>
      <c r="M20709" s="2" t="s">
        <v>66626</v>
      </c>
      <c r="N20709" s="5" t="s">
        <v>733</v>
      </c>
      <c r="O20709" s="5" t="s">
        <v>38</v>
      </c>
      <c r="P20709" s="5" t="s">
        <v>39</v>
      </c>
      <c r="Q20709" s="5" t="s">
        <v>40</v>
      </c>
      <c r="R20709" s="5" t="s">
        <v>897</v>
      </c>
      <c r="S20709" s="5" t="s">
        <v>40</v>
      </c>
      <c r="T20709" s="5" t="s">
        <v>42</v>
      </c>
      <c r="U20709" s="2">
        <v>81.861999999999995</v>
      </c>
      <c r="V20709" s="2">
        <v>75.95</v>
      </c>
      <c r="W20709" s="2">
        <v>0.36799999999999999</v>
      </c>
      <c r="X20709" s="2">
        <v>17</v>
      </c>
      <c r="Y20709" s="2">
        <v>124.7</v>
      </c>
      <c r="Z20709" s="2">
        <v>173.8</v>
      </c>
      <c r="AA20709" s="5">
        <v>7</v>
      </c>
      <c r="AB20709" s="5" t="s">
        <v>43</v>
      </c>
      <c r="AC20709" s="5" t="s">
        <v>735</v>
      </c>
      <c r="AD20709" s="2" t="s">
        <v>66766</v>
      </c>
      <c r="AE20709" s="1"/>
    </row>
    <row r="20710" spans="1:31" ht="14.45">
      <c r="A20710" s="11"/>
      <c r="B20710" s="20"/>
      <c r="C20710" s="2" t="s">
        <v>66767</v>
      </c>
      <c r="D20710" s="14" t="s">
        <v>66768</v>
      </c>
      <c r="E20710" s="2" t="s">
        <v>66769</v>
      </c>
      <c r="F20710" s="2" t="s">
        <v>63795</v>
      </c>
      <c r="G20710" s="8">
        <v>1693</v>
      </c>
      <c r="H20710" s="5">
        <v>5</v>
      </c>
      <c r="I20710" s="5" t="s">
        <v>69</v>
      </c>
      <c r="J20710" s="5" t="s">
        <v>66625</v>
      </c>
      <c r="K20710" s="2" t="s">
        <v>66626</v>
      </c>
      <c r="L20710" s="5" t="s">
        <v>66625</v>
      </c>
      <c r="M20710" s="2" t="s">
        <v>66626</v>
      </c>
      <c r="N20710" s="5" t="s">
        <v>733</v>
      </c>
      <c r="O20710" s="5" t="s">
        <v>38</v>
      </c>
      <c r="P20710" s="5" t="s">
        <v>39</v>
      </c>
      <c r="Q20710" s="5" t="s">
        <v>40</v>
      </c>
      <c r="R20710" s="5" t="s">
        <v>897</v>
      </c>
      <c r="S20710" s="5" t="s">
        <v>40</v>
      </c>
      <c r="T20710" s="5" t="s">
        <v>42</v>
      </c>
      <c r="U20710" s="2">
        <v>80.835999999999999</v>
      </c>
      <c r="V20710" s="2">
        <v>74.900000000000006</v>
      </c>
      <c r="W20710" s="2">
        <v>0.36799999999999999</v>
      </c>
      <c r="X20710" s="2">
        <v>17</v>
      </c>
      <c r="Y20710" s="2">
        <v>124.7</v>
      </c>
      <c r="Z20710" s="2">
        <v>173.8</v>
      </c>
      <c r="AA20710" s="5">
        <v>7</v>
      </c>
      <c r="AB20710" s="5" t="s">
        <v>43</v>
      </c>
      <c r="AC20710" s="5" t="s">
        <v>735</v>
      </c>
      <c r="AD20710" s="2" t="s">
        <v>66770</v>
      </c>
      <c r="AE20710" s="1"/>
    </row>
    <row r="20711" spans="1:31" ht="14.45">
      <c r="A20711" s="11"/>
      <c r="B20711" s="20"/>
      <c r="C20711" s="2" t="s">
        <v>66771</v>
      </c>
      <c r="D20711" s="14" t="s">
        <v>66772</v>
      </c>
      <c r="E20711" s="2" t="s">
        <v>66773</v>
      </c>
      <c r="F20711" s="2" t="s">
        <v>66774</v>
      </c>
      <c r="G20711" s="8">
        <v>219</v>
      </c>
      <c r="H20711" s="5">
        <v>5</v>
      </c>
      <c r="I20711" s="5" t="s">
        <v>69</v>
      </c>
      <c r="J20711" s="5" t="s">
        <v>66775</v>
      </c>
      <c r="K20711" s="2" t="s">
        <v>66776</v>
      </c>
      <c r="L20711" s="5" t="s">
        <v>66775</v>
      </c>
      <c r="M20711" s="2" t="s">
        <v>66776</v>
      </c>
      <c r="N20711" s="5" t="s">
        <v>66777</v>
      </c>
      <c r="O20711" s="5" t="s">
        <v>38</v>
      </c>
      <c r="P20711" s="5" t="s">
        <v>39</v>
      </c>
      <c r="Q20711" s="5" t="s">
        <v>40</v>
      </c>
      <c r="R20711" s="5" t="s">
        <v>66778</v>
      </c>
      <c r="S20711" s="5" t="s">
        <v>40</v>
      </c>
      <c r="T20711" s="5" t="s">
        <v>42</v>
      </c>
      <c r="U20711" s="2">
        <v>12.348000000000001</v>
      </c>
      <c r="V20711" s="2">
        <v>10.377000000000001</v>
      </c>
      <c r="W20711" s="2">
        <v>0.125</v>
      </c>
      <c r="X20711" s="2">
        <v>15.3</v>
      </c>
      <c r="Y20711" s="2">
        <v>72.3</v>
      </c>
      <c r="Z20711" s="2">
        <v>113</v>
      </c>
      <c r="AA20711" s="5">
        <v>8</v>
      </c>
      <c r="AB20711" s="5" t="s">
        <v>43</v>
      </c>
      <c r="AC20711" s="5" t="s">
        <v>735</v>
      </c>
      <c r="AD20711" s="2" t="s">
        <v>66779</v>
      </c>
      <c r="AE20711" s="1"/>
    </row>
    <row r="20712" spans="1:31" ht="14.45">
      <c r="A20712" s="11"/>
      <c r="B20712" s="20"/>
      <c r="C20712" s="2" t="s">
        <v>66780</v>
      </c>
      <c r="D20712" s="14" t="s">
        <v>66781</v>
      </c>
      <c r="E20712" s="2" t="s">
        <v>66782</v>
      </c>
      <c r="F20712" s="2" t="s">
        <v>66783</v>
      </c>
      <c r="G20712" s="8">
        <v>1943</v>
      </c>
      <c r="H20712" s="5">
        <v>30</v>
      </c>
      <c r="I20712" s="5" t="s">
        <v>69</v>
      </c>
      <c r="J20712" s="5" t="s">
        <v>66775</v>
      </c>
      <c r="K20712" s="2" t="s">
        <v>66776</v>
      </c>
      <c r="L20712" s="5" t="s">
        <v>66775</v>
      </c>
      <c r="M20712" s="2" t="s">
        <v>66776</v>
      </c>
      <c r="N20712" s="5" t="s">
        <v>66777</v>
      </c>
      <c r="O20712" s="5" t="s">
        <v>38</v>
      </c>
      <c r="P20712" s="5" t="s">
        <v>39</v>
      </c>
      <c r="Q20712" s="5" t="s">
        <v>40</v>
      </c>
      <c r="R20712" s="5" t="s">
        <v>897</v>
      </c>
      <c r="S20712" s="5" t="s">
        <v>40</v>
      </c>
      <c r="T20712" s="5" t="s">
        <v>42</v>
      </c>
      <c r="U20712" s="2">
        <v>20.606999999999999</v>
      </c>
      <c r="V20712" s="2">
        <v>17.832000000000001</v>
      </c>
      <c r="W20712" s="2">
        <v>0.11799999999999999</v>
      </c>
      <c r="X20712" s="2">
        <v>80.2</v>
      </c>
      <c r="Y20712" s="2">
        <v>57.5</v>
      </c>
      <c r="Z20712" s="2">
        <v>25.6</v>
      </c>
      <c r="AA20712" s="5">
        <v>4</v>
      </c>
      <c r="AB20712" s="5" t="s">
        <v>43</v>
      </c>
      <c r="AC20712" s="5" t="s">
        <v>735</v>
      </c>
      <c r="AD20712" s="2" t="s">
        <v>66784</v>
      </c>
      <c r="AE20712" s="1"/>
    </row>
    <row r="20713" spans="1:31" ht="14.45">
      <c r="A20713" s="11"/>
      <c r="B20713" s="20"/>
      <c r="C20713" s="2" t="s">
        <v>66785</v>
      </c>
      <c r="D20713" s="14" t="s">
        <v>66786</v>
      </c>
      <c r="E20713" s="2" t="s">
        <v>66787</v>
      </c>
      <c r="F20713" s="2" t="s">
        <v>66788</v>
      </c>
      <c r="G20713" s="8">
        <v>1766</v>
      </c>
      <c r="H20713" s="5">
        <v>5</v>
      </c>
      <c r="I20713" s="5" t="s">
        <v>69</v>
      </c>
      <c r="J20713" s="5" t="s">
        <v>66775</v>
      </c>
      <c r="K20713" s="2" t="s">
        <v>66776</v>
      </c>
      <c r="L20713" s="5" t="s">
        <v>66775</v>
      </c>
      <c r="M20713" s="2" t="s">
        <v>66776</v>
      </c>
      <c r="N20713" s="5" t="s">
        <v>66777</v>
      </c>
      <c r="O20713" s="5" t="s">
        <v>38</v>
      </c>
      <c r="P20713" s="5" t="s">
        <v>39</v>
      </c>
      <c r="Q20713" s="5" t="s">
        <v>40</v>
      </c>
      <c r="R20713" s="5" t="s">
        <v>897</v>
      </c>
      <c r="S20713" s="5" t="s">
        <v>40</v>
      </c>
      <c r="T20713" s="5" t="s">
        <v>42</v>
      </c>
      <c r="U20713" s="2">
        <v>20.55</v>
      </c>
      <c r="V20713" s="2">
        <v>17.774999999999999</v>
      </c>
      <c r="W20713" s="2">
        <v>0.11799999999999999</v>
      </c>
      <c r="X20713" s="2">
        <v>80.2</v>
      </c>
      <c r="Y20713" s="2">
        <v>57.5</v>
      </c>
      <c r="Z20713" s="2">
        <v>25.6</v>
      </c>
      <c r="AA20713" s="5">
        <v>4</v>
      </c>
      <c r="AB20713" s="5" t="s">
        <v>43</v>
      </c>
      <c r="AC20713" s="5" t="s">
        <v>735</v>
      </c>
      <c r="AD20713" s="2" t="s">
        <v>66789</v>
      </c>
      <c r="AE20713" s="1"/>
    </row>
    <row r="20714" spans="1:31" ht="14.45">
      <c r="A20714" s="11"/>
      <c r="B20714" s="20"/>
      <c r="C20714" s="2" t="s">
        <v>66790</v>
      </c>
      <c r="D20714" s="14" t="s">
        <v>66791</v>
      </c>
      <c r="E20714" s="2" t="s">
        <v>66792</v>
      </c>
      <c r="F20714" s="2" t="s">
        <v>66793</v>
      </c>
      <c r="G20714" s="8">
        <v>2045</v>
      </c>
      <c r="H20714" s="5">
        <v>30</v>
      </c>
      <c r="I20714" s="5" t="s">
        <v>69</v>
      </c>
      <c r="J20714" s="5" t="s">
        <v>66775</v>
      </c>
      <c r="K20714" s="2" t="s">
        <v>66776</v>
      </c>
      <c r="L20714" s="5" t="s">
        <v>66775</v>
      </c>
      <c r="M20714" s="2" t="s">
        <v>66776</v>
      </c>
      <c r="N20714" s="5" t="s">
        <v>66777</v>
      </c>
      <c r="O20714" s="5" t="s">
        <v>38</v>
      </c>
      <c r="P20714" s="5" t="s">
        <v>39</v>
      </c>
      <c r="Q20714" s="5" t="s">
        <v>40</v>
      </c>
      <c r="R20714" s="5" t="s">
        <v>897</v>
      </c>
      <c r="S20714" s="5" t="s">
        <v>40</v>
      </c>
      <c r="T20714" s="5" t="s">
        <v>42</v>
      </c>
      <c r="U20714" s="2">
        <v>25.163</v>
      </c>
      <c r="V20714" s="2">
        <v>21.977</v>
      </c>
      <c r="W20714" s="2">
        <v>0.155</v>
      </c>
      <c r="X20714" s="2">
        <v>105.2</v>
      </c>
      <c r="Y20714" s="2">
        <v>57.5</v>
      </c>
      <c r="Z20714" s="2">
        <v>25.6</v>
      </c>
      <c r="AA20714" s="5">
        <v>4</v>
      </c>
      <c r="AB20714" s="5" t="s">
        <v>43</v>
      </c>
      <c r="AC20714" s="5" t="s">
        <v>735</v>
      </c>
      <c r="AD20714" s="2" t="s">
        <v>66794</v>
      </c>
      <c r="AE20714" s="1"/>
    </row>
    <row r="20715" spans="1:31" ht="14.45">
      <c r="A20715" s="11"/>
      <c r="B20715" s="20"/>
      <c r="C20715" s="2" t="s">
        <v>66795</v>
      </c>
      <c r="D20715" s="14" t="s">
        <v>66796</v>
      </c>
      <c r="E20715" s="2" t="s">
        <v>66797</v>
      </c>
      <c r="F20715" s="2" t="s">
        <v>66798</v>
      </c>
      <c r="G20715" s="8">
        <v>1859</v>
      </c>
      <c r="H20715" s="5">
        <v>5</v>
      </c>
      <c r="I20715" s="5" t="s">
        <v>69</v>
      </c>
      <c r="J20715" s="5" t="s">
        <v>66775</v>
      </c>
      <c r="K20715" s="2" t="s">
        <v>66776</v>
      </c>
      <c r="L20715" s="5" t="s">
        <v>66775</v>
      </c>
      <c r="M20715" s="2" t="s">
        <v>66776</v>
      </c>
      <c r="N20715" s="5" t="s">
        <v>66777</v>
      </c>
      <c r="O20715" s="5" t="s">
        <v>38</v>
      </c>
      <c r="P20715" s="5" t="s">
        <v>39</v>
      </c>
      <c r="Q20715" s="5" t="s">
        <v>40</v>
      </c>
      <c r="R20715" s="5" t="s">
        <v>897</v>
      </c>
      <c r="S20715" s="5" t="s">
        <v>40</v>
      </c>
      <c r="T20715" s="5" t="s">
        <v>42</v>
      </c>
      <c r="U20715" s="2">
        <v>25.052</v>
      </c>
      <c r="V20715" s="2">
        <v>21.866</v>
      </c>
      <c r="W20715" s="2">
        <v>0.155</v>
      </c>
      <c r="X20715" s="2">
        <v>105.2</v>
      </c>
      <c r="Y20715" s="2">
        <v>57.5</v>
      </c>
      <c r="Z20715" s="2">
        <v>25.6</v>
      </c>
      <c r="AA20715" s="5">
        <v>4</v>
      </c>
      <c r="AB20715" s="5" t="s">
        <v>43</v>
      </c>
      <c r="AC20715" s="5" t="s">
        <v>735</v>
      </c>
      <c r="AD20715" s="2" t="s">
        <v>66799</v>
      </c>
      <c r="AE20715" s="1"/>
    </row>
    <row r="20716" spans="1:31" ht="14.45">
      <c r="A20716" s="11"/>
      <c r="B20716" s="20"/>
      <c r="C20716" s="2" t="s">
        <v>66800</v>
      </c>
      <c r="D20716" s="14" t="s">
        <v>66801</v>
      </c>
      <c r="E20716" s="2" t="s">
        <v>66802</v>
      </c>
      <c r="F20716" s="2" t="s">
        <v>66803</v>
      </c>
      <c r="G20716" s="8">
        <v>366</v>
      </c>
      <c r="H20716" s="5">
        <v>5</v>
      </c>
      <c r="I20716" s="5" t="s">
        <v>69</v>
      </c>
      <c r="J20716" s="5" t="s">
        <v>66775</v>
      </c>
      <c r="K20716" s="2" t="s">
        <v>66776</v>
      </c>
      <c r="L20716" s="5" t="s">
        <v>66775</v>
      </c>
      <c r="M20716" s="2" t="s">
        <v>66776</v>
      </c>
      <c r="N20716" s="5" t="s">
        <v>66777</v>
      </c>
      <c r="O20716" s="5" t="s">
        <v>38</v>
      </c>
      <c r="P20716" s="5" t="s">
        <v>39</v>
      </c>
      <c r="Q20716" s="5" t="s">
        <v>40</v>
      </c>
      <c r="R20716" s="5" t="s">
        <v>66778</v>
      </c>
      <c r="S20716" s="5" t="s">
        <v>40</v>
      </c>
      <c r="T20716" s="5" t="s">
        <v>42</v>
      </c>
      <c r="U20716" s="2">
        <v>19.196000000000002</v>
      </c>
      <c r="V20716" s="2">
        <v>16.369</v>
      </c>
      <c r="W20716" s="2">
        <v>0.19</v>
      </c>
      <c r="X20716" s="2">
        <v>17.5</v>
      </c>
      <c r="Y20716" s="2">
        <v>81.5</v>
      </c>
      <c r="Z20716" s="2">
        <v>133.5</v>
      </c>
      <c r="AA20716" s="5">
        <v>7</v>
      </c>
      <c r="AB20716" s="5" t="s">
        <v>43</v>
      </c>
      <c r="AC20716" s="5" t="s">
        <v>735</v>
      </c>
      <c r="AD20716" s="2" t="s">
        <v>66804</v>
      </c>
      <c r="AE20716" s="1"/>
    </row>
    <row r="20717" spans="1:31" ht="14.45">
      <c r="A20717" s="11"/>
      <c r="B20717" s="20"/>
      <c r="C20717" s="2" t="s">
        <v>66805</v>
      </c>
      <c r="D20717" s="14" t="s">
        <v>66806</v>
      </c>
      <c r="E20717" s="2" t="s">
        <v>66807</v>
      </c>
      <c r="F20717" s="2" t="s">
        <v>66808</v>
      </c>
      <c r="G20717" s="8">
        <v>399</v>
      </c>
      <c r="H20717" s="5">
        <v>5</v>
      </c>
      <c r="I20717" s="5" t="s">
        <v>69</v>
      </c>
      <c r="J20717" s="5" t="s">
        <v>66775</v>
      </c>
      <c r="K20717" s="2" t="s">
        <v>66776</v>
      </c>
      <c r="L20717" s="5" t="s">
        <v>66775</v>
      </c>
      <c r="M20717" s="2" t="s">
        <v>66776</v>
      </c>
      <c r="N20717" s="5" t="s">
        <v>66777</v>
      </c>
      <c r="O20717" s="5" t="s">
        <v>38</v>
      </c>
      <c r="P20717" s="5" t="s">
        <v>39</v>
      </c>
      <c r="Q20717" s="5" t="s">
        <v>40</v>
      </c>
      <c r="R20717" s="5" t="s">
        <v>66778</v>
      </c>
      <c r="S20717" s="5" t="s">
        <v>40</v>
      </c>
      <c r="T20717" s="5" t="s">
        <v>42</v>
      </c>
      <c r="U20717" s="2">
        <v>20.273</v>
      </c>
      <c r="V20717" s="2">
        <v>17.446000000000002</v>
      </c>
      <c r="W20717" s="2">
        <v>0.19</v>
      </c>
      <c r="X20717" s="2">
        <v>17.5</v>
      </c>
      <c r="Y20717" s="2">
        <v>81.5</v>
      </c>
      <c r="Z20717" s="2">
        <v>133.5</v>
      </c>
      <c r="AA20717" s="5">
        <v>7</v>
      </c>
      <c r="AB20717" s="5" t="s">
        <v>43</v>
      </c>
      <c r="AC20717" s="5" t="s">
        <v>735</v>
      </c>
      <c r="AD20717" s="2" t="s">
        <v>66809</v>
      </c>
      <c r="AE20717" s="1"/>
    </row>
    <row r="20718" spans="1:31" ht="14.45">
      <c r="A20718" s="11"/>
      <c r="B20718" s="20"/>
      <c r="C20718" s="2" t="s">
        <v>66810</v>
      </c>
      <c r="D20718" s="14" t="s">
        <v>66811</v>
      </c>
      <c r="E20718" s="2" t="s">
        <v>66812</v>
      </c>
      <c r="F20718" s="2" t="s">
        <v>66813</v>
      </c>
      <c r="G20718" s="8">
        <v>1001</v>
      </c>
      <c r="H20718" s="5">
        <v>10</v>
      </c>
      <c r="I20718" s="5" t="s">
        <v>69</v>
      </c>
      <c r="J20718" s="5" t="s">
        <v>66625</v>
      </c>
      <c r="K20718" s="2" t="s">
        <v>66626</v>
      </c>
      <c r="L20718" s="5" t="s">
        <v>66625</v>
      </c>
      <c r="M20718" s="2" t="s">
        <v>66626</v>
      </c>
      <c r="N20718" s="5" t="s">
        <v>733</v>
      </c>
      <c r="O20718" s="5" t="s">
        <v>38</v>
      </c>
      <c r="P20718" s="5" t="s">
        <v>39</v>
      </c>
      <c r="Q20718" s="5" t="s">
        <v>40</v>
      </c>
      <c r="R20718" s="5" t="s">
        <v>897</v>
      </c>
      <c r="S20718" s="5" t="s">
        <v>40</v>
      </c>
      <c r="T20718" s="5" t="s">
        <v>42</v>
      </c>
      <c r="U20718" s="2">
        <v>40.03</v>
      </c>
      <c r="V20718" s="2">
        <v>37.279000000000003</v>
      </c>
      <c r="W20718" s="2">
        <v>0.154</v>
      </c>
      <c r="X20718" s="2">
        <v>17</v>
      </c>
      <c r="Y20718" s="2">
        <v>68.7</v>
      </c>
      <c r="Z20718" s="2">
        <v>131.6</v>
      </c>
      <c r="AA20718" s="5">
        <v>7</v>
      </c>
      <c r="AB20718" s="5" t="s">
        <v>43</v>
      </c>
      <c r="AC20718" s="5" t="s">
        <v>735</v>
      </c>
      <c r="AD20718" s="2" t="s">
        <v>66814</v>
      </c>
      <c r="AE20718" s="1"/>
    </row>
    <row r="20719" spans="1:31" ht="14.45">
      <c r="A20719" s="11"/>
      <c r="B20719" s="20"/>
      <c r="C20719" s="2" t="s">
        <v>66815</v>
      </c>
      <c r="D20719" s="14" t="s">
        <v>66816</v>
      </c>
      <c r="E20719" s="2" t="s">
        <v>66817</v>
      </c>
      <c r="F20719" s="2" t="s">
        <v>66818</v>
      </c>
      <c r="G20719" s="8">
        <v>762</v>
      </c>
      <c r="H20719" s="5">
        <v>5</v>
      </c>
      <c r="I20719" s="5" t="s">
        <v>69</v>
      </c>
      <c r="J20719" s="5" t="s">
        <v>66625</v>
      </c>
      <c r="K20719" s="2" t="s">
        <v>66626</v>
      </c>
      <c r="L20719" s="5" t="s">
        <v>66625</v>
      </c>
      <c r="M20719" s="2" t="s">
        <v>66626</v>
      </c>
      <c r="N20719" s="5" t="s">
        <v>733</v>
      </c>
      <c r="O20719" s="5" t="s">
        <v>38</v>
      </c>
      <c r="P20719" s="5" t="s">
        <v>39</v>
      </c>
      <c r="Q20719" s="5" t="s">
        <v>40</v>
      </c>
      <c r="R20719" s="5" t="s">
        <v>897</v>
      </c>
      <c r="S20719" s="5" t="s">
        <v>40</v>
      </c>
      <c r="T20719" s="5" t="s">
        <v>42</v>
      </c>
      <c r="U20719" s="2">
        <v>35.552999999999997</v>
      </c>
      <c r="V20719" s="2">
        <v>32.81</v>
      </c>
      <c r="W20719" s="2">
        <v>0.154</v>
      </c>
      <c r="X20719" s="2">
        <v>17</v>
      </c>
      <c r="Y20719" s="2">
        <v>68.7</v>
      </c>
      <c r="Z20719" s="2">
        <v>131.6</v>
      </c>
      <c r="AA20719" s="5">
        <v>7</v>
      </c>
      <c r="AB20719" s="5" t="s">
        <v>43</v>
      </c>
      <c r="AC20719" s="5" t="s">
        <v>735</v>
      </c>
      <c r="AD20719" s="2" t="s">
        <v>66819</v>
      </c>
      <c r="AE20719" s="1"/>
    </row>
    <row r="20720" spans="1:31" ht="14.45">
      <c r="A20720" s="11"/>
      <c r="B20720" s="20"/>
      <c r="C20720" s="2" t="s">
        <v>66820</v>
      </c>
      <c r="D20720" s="14" t="s">
        <v>66821</v>
      </c>
      <c r="E20720" s="2" t="s">
        <v>66822</v>
      </c>
      <c r="F20720" s="2" t="s">
        <v>66823</v>
      </c>
      <c r="G20720" s="8">
        <v>1469</v>
      </c>
      <c r="H20720" s="5">
        <v>10</v>
      </c>
      <c r="I20720" s="5" t="s">
        <v>69</v>
      </c>
      <c r="J20720" s="5" t="s">
        <v>66625</v>
      </c>
      <c r="K20720" s="2" t="s">
        <v>66626</v>
      </c>
      <c r="L20720" s="5" t="s">
        <v>66625</v>
      </c>
      <c r="M20720" s="2" t="s">
        <v>66626</v>
      </c>
      <c r="N20720" s="5" t="s">
        <v>733</v>
      </c>
      <c r="O20720" s="5" t="s">
        <v>38</v>
      </c>
      <c r="P20720" s="5" t="s">
        <v>39</v>
      </c>
      <c r="Q20720" s="5" t="s">
        <v>40</v>
      </c>
      <c r="R20720" s="5" t="s">
        <v>897</v>
      </c>
      <c r="S20720" s="5" t="s">
        <v>40</v>
      </c>
      <c r="T20720" s="5" t="s">
        <v>42</v>
      </c>
      <c r="U20720" s="2">
        <v>43.15</v>
      </c>
      <c r="V20720" s="2">
        <v>40.399000000000001</v>
      </c>
      <c r="W20720" s="2">
        <v>0.154</v>
      </c>
      <c r="X20720" s="2">
        <v>17</v>
      </c>
      <c r="Y20720" s="2">
        <v>68.7</v>
      </c>
      <c r="Z20720" s="2">
        <v>131.6</v>
      </c>
      <c r="AA20720" s="5">
        <v>7</v>
      </c>
      <c r="AB20720" s="5" t="s">
        <v>43</v>
      </c>
      <c r="AC20720" s="5" t="s">
        <v>735</v>
      </c>
      <c r="AD20720" s="2" t="s">
        <v>66824</v>
      </c>
      <c r="AE20720" s="1"/>
    </row>
    <row r="20721" spans="1:31" ht="14.45">
      <c r="A20721" s="11"/>
      <c r="B20721" s="20"/>
      <c r="C20721" s="2" t="s">
        <v>66825</v>
      </c>
      <c r="D20721" s="14" t="s">
        <v>66826</v>
      </c>
      <c r="E20721" s="2" t="s">
        <v>66827</v>
      </c>
      <c r="F20721" s="2" t="s">
        <v>66828</v>
      </c>
      <c r="G20721" s="8">
        <v>1230</v>
      </c>
      <c r="H20721" s="5">
        <v>10</v>
      </c>
      <c r="I20721" s="5" t="s">
        <v>69</v>
      </c>
      <c r="J20721" s="5" t="s">
        <v>66625</v>
      </c>
      <c r="K20721" s="2" t="s">
        <v>66626</v>
      </c>
      <c r="L20721" s="5" t="s">
        <v>66625</v>
      </c>
      <c r="M20721" s="2" t="s">
        <v>66626</v>
      </c>
      <c r="N20721" s="5" t="s">
        <v>733</v>
      </c>
      <c r="O20721" s="5" t="s">
        <v>38</v>
      </c>
      <c r="P20721" s="5" t="s">
        <v>39</v>
      </c>
      <c r="Q20721" s="5" t="s">
        <v>40</v>
      </c>
      <c r="R20721" s="5" t="s">
        <v>897</v>
      </c>
      <c r="S20721" s="5" t="s">
        <v>40</v>
      </c>
      <c r="T20721" s="5" t="s">
        <v>42</v>
      </c>
      <c r="U20721" s="2">
        <v>38.621000000000002</v>
      </c>
      <c r="V20721" s="2">
        <v>35.869999999999997</v>
      </c>
      <c r="W20721" s="2">
        <v>0.154</v>
      </c>
      <c r="X20721" s="2">
        <v>17</v>
      </c>
      <c r="Y20721" s="2">
        <v>68.7</v>
      </c>
      <c r="Z20721" s="2">
        <v>131.6</v>
      </c>
      <c r="AA20721" s="5">
        <v>7</v>
      </c>
      <c r="AB20721" s="5" t="s">
        <v>43</v>
      </c>
      <c r="AC20721" s="5" t="s">
        <v>735</v>
      </c>
      <c r="AD20721" s="2" t="s">
        <v>66829</v>
      </c>
      <c r="AE20721" s="1"/>
    </row>
    <row r="20722" spans="1:31" ht="14.45">
      <c r="A20722" s="11"/>
      <c r="B20722" s="20"/>
      <c r="C20722" s="2" t="s">
        <v>66830</v>
      </c>
      <c r="D20722" s="14" t="s">
        <v>66831</v>
      </c>
      <c r="E20722" s="2" t="s">
        <v>66832</v>
      </c>
      <c r="F20722" s="2" t="s">
        <v>66833</v>
      </c>
      <c r="G20722" s="8">
        <v>1001</v>
      </c>
      <c r="H20722" s="5">
        <v>5</v>
      </c>
      <c r="I20722" s="5" t="s">
        <v>69</v>
      </c>
      <c r="J20722" s="5" t="s">
        <v>66625</v>
      </c>
      <c r="K20722" s="2" t="s">
        <v>66626</v>
      </c>
      <c r="L20722" s="5" t="s">
        <v>66625</v>
      </c>
      <c r="M20722" s="2" t="s">
        <v>66626</v>
      </c>
      <c r="N20722" s="5" t="s">
        <v>733</v>
      </c>
      <c r="O20722" s="5" t="s">
        <v>38</v>
      </c>
      <c r="P20722" s="5" t="s">
        <v>39</v>
      </c>
      <c r="Q20722" s="5" t="s">
        <v>40</v>
      </c>
      <c r="R20722" s="5" t="s">
        <v>897</v>
      </c>
      <c r="S20722" s="5" t="s">
        <v>40</v>
      </c>
      <c r="T20722" s="5" t="s">
        <v>42</v>
      </c>
      <c r="U20722" s="2">
        <v>39.945</v>
      </c>
      <c r="V20722" s="2">
        <v>37.201999999999998</v>
      </c>
      <c r="W20722" s="2">
        <v>0.154</v>
      </c>
      <c r="X20722" s="2">
        <v>17</v>
      </c>
      <c r="Y20722" s="2">
        <v>68.7</v>
      </c>
      <c r="Z20722" s="2">
        <v>131.6</v>
      </c>
      <c r="AA20722" s="5">
        <v>7</v>
      </c>
      <c r="AB20722" s="5" t="s">
        <v>43</v>
      </c>
      <c r="AC20722" s="5" t="s">
        <v>735</v>
      </c>
      <c r="AD20722" s="2" t="s">
        <v>66834</v>
      </c>
      <c r="AE20722" s="1"/>
    </row>
    <row r="20723" spans="1:31" ht="14.45">
      <c r="A20723" s="11"/>
      <c r="B20723" s="20"/>
      <c r="C20723" s="2" t="s">
        <v>66835</v>
      </c>
      <c r="D20723" s="14" t="s">
        <v>66836</v>
      </c>
      <c r="E20723" s="2" t="s">
        <v>66837</v>
      </c>
      <c r="F20723" s="2" t="s">
        <v>66838</v>
      </c>
      <c r="G20723" s="8">
        <v>762</v>
      </c>
      <c r="H20723" s="5">
        <v>5</v>
      </c>
      <c r="I20723" s="5" t="s">
        <v>69</v>
      </c>
      <c r="J20723" s="5" t="s">
        <v>66625</v>
      </c>
      <c r="K20723" s="2" t="s">
        <v>66626</v>
      </c>
      <c r="L20723" s="5" t="s">
        <v>66625</v>
      </c>
      <c r="M20723" s="2" t="s">
        <v>66626</v>
      </c>
      <c r="N20723" s="5" t="s">
        <v>733</v>
      </c>
      <c r="O20723" s="5" t="s">
        <v>38</v>
      </c>
      <c r="P20723" s="5" t="s">
        <v>39</v>
      </c>
      <c r="Q20723" s="5" t="s">
        <v>40</v>
      </c>
      <c r="R20723" s="5" t="s">
        <v>897</v>
      </c>
      <c r="S20723" s="5" t="s">
        <v>40</v>
      </c>
      <c r="T20723" s="5" t="s">
        <v>42</v>
      </c>
      <c r="U20723" s="2">
        <v>35.4</v>
      </c>
      <c r="V20723" s="2">
        <v>32.656999999999996</v>
      </c>
      <c r="W20723" s="2">
        <v>0.154</v>
      </c>
      <c r="X20723" s="2">
        <v>17</v>
      </c>
      <c r="Y20723" s="2">
        <v>68.7</v>
      </c>
      <c r="Z20723" s="2">
        <v>131.6</v>
      </c>
      <c r="AA20723" s="5">
        <v>7</v>
      </c>
      <c r="AB20723" s="5" t="s">
        <v>43</v>
      </c>
      <c r="AC20723" s="5" t="s">
        <v>735</v>
      </c>
      <c r="AD20723" s="2" t="s">
        <v>66839</v>
      </c>
      <c r="AE20723" s="1"/>
    </row>
    <row r="20724" spans="1:31" ht="14.45">
      <c r="A20724" s="11"/>
      <c r="B20724" s="20"/>
      <c r="C20724" s="2" t="s">
        <v>66840</v>
      </c>
      <c r="D20724" s="14" t="s">
        <v>66841</v>
      </c>
      <c r="E20724" s="2" t="s">
        <v>66842</v>
      </c>
      <c r="F20724" s="2" t="s">
        <v>66843</v>
      </c>
      <c r="G20724" s="8">
        <v>1469</v>
      </c>
      <c r="H20724" s="5">
        <v>10</v>
      </c>
      <c r="I20724" s="5" t="s">
        <v>69</v>
      </c>
      <c r="J20724" s="5" t="s">
        <v>66625</v>
      </c>
      <c r="K20724" s="2" t="s">
        <v>66626</v>
      </c>
      <c r="L20724" s="5" t="s">
        <v>66625</v>
      </c>
      <c r="M20724" s="2" t="s">
        <v>66626</v>
      </c>
      <c r="N20724" s="5" t="s">
        <v>733</v>
      </c>
      <c r="O20724" s="5" t="s">
        <v>38</v>
      </c>
      <c r="P20724" s="5" t="s">
        <v>39</v>
      </c>
      <c r="Q20724" s="5" t="s">
        <v>40</v>
      </c>
      <c r="R20724" s="5" t="s">
        <v>897</v>
      </c>
      <c r="S20724" s="5" t="s">
        <v>40</v>
      </c>
      <c r="T20724" s="5" t="s">
        <v>42</v>
      </c>
      <c r="U20724" s="2">
        <v>42.997</v>
      </c>
      <c r="V20724" s="2">
        <v>40.246000000000002</v>
      </c>
      <c r="W20724" s="2">
        <v>0.154</v>
      </c>
      <c r="X20724" s="2">
        <v>17</v>
      </c>
      <c r="Y20724" s="2">
        <v>68.7</v>
      </c>
      <c r="Z20724" s="2">
        <v>131.6</v>
      </c>
      <c r="AA20724" s="5">
        <v>7</v>
      </c>
      <c r="AB20724" s="5" t="s">
        <v>43</v>
      </c>
      <c r="AC20724" s="5" t="s">
        <v>735</v>
      </c>
      <c r="AD20724" s="2" t="s">
        <v>66844</v>
      </c>
      <c r="AE20724" s="1"/>
    </row>
    <row r="20725" spans="1:31" ht="14.45">
      <c r="A20725" s="11"/>
      <c r="B20725" s="20"/>
      <c r="C20725" s="2" t="s">
        <v>66845</v>
      </c>
      <c r="D20725" s="14" t="s">
        <v>66846</v>
      </c>
      <c r="E20725" s="2" t="s">
        <v>66847</v>
      </c>
      <c r="F20725" s="2" t="s">
        <v>66848</v>
      </c>
      <c r="G20725" s="8">
        <v>1230</v>
      </c>
      <c r="H20725" s="5">
        <v>10</v>
      </c>
      <c r="I20725" s="5" t="s">
        <v>69</v>
      </c>
      <c r="J20725" s="5" t="s">
        <v>66625</v>
      </c>
      <c r="K20725" s="2" t="s">
        <v>66626</v>
      </c>
      <c r="L20725" s="5" t="s">
        <v>66625</v>
      </c>
      <c r="M20725" s="2" t="s">
        <v>66626</v>
      </c>
      <c r="N20725" s="5" t="s">
        <v>733</v>
      </c>
      <c r="O20725" s="5" t="s">
        <v>38</v>
      </c>
      <c r="P20725" s="5" t="s">
        <v>39</v>
      </c>
      <c r="Q20725" s="5" t="s">
        <v>40</v>
      </c>
      <c r="R20725" s="5" t="s">
        <v>897</v>
      </c>
      <c r="S20725" s="5" t="s">
        <v>40</v>
      </c>
      <c r="T20725" s="5" t="s">
        <v>42</v>
      </c>
      <c r="U20725" s="2">
        <v>38.468000000000004</v>
      </c>
      <c r="V20725" s="2">
        <v>35.716999999999999</v>
      </c>
      <c r="W20725" s="2">
        <v>0.154</v>
      </c>
      <c r="X20725" s="2">
        <v>17</v>
      </c>
      <c r="Y20725" s="2">
        <v>68.7</v>
      </c>
      <c r="Z20725" s="2">
        <v>131.6</v>
      </c>
      <c r="AA20725" s="5">
        <v>7</v>
      </c>
      <c r="AB20725" s="5" t="s">
        <v>43</v>
      </c>
      <c r="AC20725" s="5" t="s">
        <v>735</v>
      </c>
      <c r="AD20725" s="2" t="s">
        <v>66849</v>
      </c>
      <c r="AE20725" s="1"/>
    </row>
    <row r="20726" spans="1:31" ht="14.45">
      <c r="A20726" s="11"/>
      <c r="B20726" s="20"/>
      <c r="C20726" s="2" t="s">
        <v>66850</v>
      </c>
      <c r="D20726" s="14" t="s">
        <v>66851</v>
      </c>
      <c r="E20726" s="2" t="s">
        <v>66852</v>
      </c>
      <c r="F20726" s="2" t="s">
        <v>66813</v>
      </c>
      <c r="G20726" s="8">
        <v>1001</v>
      </c>
      <c r="H20726" s="5">
        <v>10</v>
      </c>
      <c r="I20726" s="5" t="s">
        <v>69</v>
      </c>
      <c r="J20726" s="5" t="s">
        <v>66625</v>
      </c>
      <c r="K20726" s="2" t="s">
        <v>66626</v>
      </c>
      <c r="L20726" s="5" t="s">
        <v>66625</v>
      </c>
      <c r="M20726" s="2" t="s">
        <v>66626</v>
      </c>
      <c r="N20726" s="5" t="s">
        <v>733</v>
      </c>
      <c r="O20726" s="5" t="s">
        <v>38</v>
      </c>
      <c r="P20726" s="5" t="s">
        <v>39</v>
      </c>
      <c r="Q20726" s="5" t="s">
        <v>40</v>
      </c>
      <c r="R20726" s="5" t="s">
        <v>897</v>
      </c>
      <c r="S20726" s="5" t="s">
        <v>40</v>
      </c>
      <c r="T20726" s="5" t="s">
        <v>42</v>
      </c>
      <c r="U20726" s="2">
        <v>40.021000000000001</v>
      </c>
      <c r="V20726" s="2">
        <v>37.270000000000003</v>
      </c>
      <c r="W20726" s="2">
        <v>0.154</v>
      </c>
      <c r="X20726" s="2">
        <v>17</v>
      </c>
      <c r="Y20726" s="2">
        <v>68.7</v>
      </c>
      <c r="Z20726" s="2">
        <v>131.6</v>
      </c>
      <c r="AA20726" s="5"/>
      <c r="AB20726" s="5" t="s">
        <v>43</v>
      </c>
      <c r="AC20726" s="5" t="s">
        <v>735</v>
      </c>
      <c r="AD20726" s="2" t="s">
        <v>66853</v>
      </c>
      <c r="AE20726" s="1"/>
    </row>
    <row r="20727" spans="1:31" ht="14.45">
      <c r="A20727" s="11"/>
      <c r="B20727" s="20"/>
      <c r="C20727" s="2" t="s">
        <v>66854</v>
      </c>
      <c r="D20727" s="14" t="s">
        <v>66855</v>
      </c>
      <c r="E20727" s="2" t="s">
        <v>66856</v>
      </c>
      <c r="F20727" s="2" t="s">
        <v>66818</v>
      </c>
      <c r="G20727" s="8">
        <v>762</v>
      </c>
      <c r="H20727" s="5">
        <v>5</v>
      </c>
      <c r="I20727" s="5" t="s">
        <v>69</v>
      </c>
      <c r="J20727" s="5" t="s">
        <v>66625</v>
      </c>
      <c r="K20727" s="2" t="s">
        <v>66626</v>
      </c>
      <c r="L20727" s="5" t="s">
        <v>66625</v>
      </c>
      <c r="M20727" s="2" t="s">
        <v>66626</v>
      </c>
      <c r="N20727" s="5" t="s">
        <v>733</v>
      </c>
      <c r="O20727" s="5" t="s">
        <v>38</v>
      </c>
      <c r="P20727" s="5" t="s">
        <v>39</v>
      </c>
      <c r="Q20727" s="5" t="s">
        <v>40</v>
      </c>
      <c r="R20727" s="5" t="s">
        <v>897</v>
      </c>
      <c r="S20727" s="5" t="s">
        <v>40</v>
      </c>
      <c r="T20727" s="5" t="s">
        <v>42</v>
      </c>
      <c r="U20727" s="2">
        <v>35.54</v>
      </c>
      <c r="V20727" s="2">
        <v>32.796999999999997</v>
      </c>
      <c r="W20727" s="2">
        <v>0.154</v>
      </c>
      <c r="X20727" s="2">
        <v>17</v>
      </c>
      <c r="Y20727" s="2">
        <v>68.7</v>
      </c>
      <c r="Z20727" s="2">
        <v>131.6</v>
      </c>
      <c r="AA20727" s="5"/>
      <c r="AB20727" s="5" t="s">
        <v>43</v>
      </c>
      <c r="AC20727" s="5" t="s">
        <v>735</v>
      </c>
      <c r="AD20727" s="2" t="s">
        <v>66857</v>
      </c>
      <c r="AE20727" s="1"/>
    </row>
    <row r="20728" spans="1:31" ht="14.45">
      <c r="A20728" s="11"/>
      <c r="B20728" s="20"/>
      <c r="C20728" s="2" t="s">
        <v>66858</v>
      </c>
      <c r="D20728" s="14" t="s">
        <v>66859</v>
      </c>
      <c r="E20728" s="2" t="s">
        <v>66860</v>
      </c>
      <c r="F20728" s="2" t="s">
        <v>66823</v>
      </c>
      <c r="G20728" s="8">
        <v>1469</v>
      </c>
      <c r="H20728" s="5">
        <v>10</v>
      </c>
      <c r="I20728" s="5" t="s">
        <v>69</v>
      </c>
      <c r="J20728" s="5" t="s">
        <v>66625</v>
      </c>
      <c r="K20728" s="2" t="s">
        <v>66626</v>
      </c>
      <c r="L20728" s="5" t="s">
        <v>66625</v>
      </c>
      <c r="M20728" s="2" t="s">
        <v>66626</v>
      </c>
      <c r="N20728" s="5" t="s">
        <v>733</v>
      </c>
      <c r="O20728" s="5" t="s">
        <v>38</v>
      </c>
      <c r="P20728" s="5" t="s">
        <v>39</v>
      </c>
      <c r="Q20728" s="5" t="s">
        <v>40</v>
      </c>
      <c r="R20728" s="5" t="s">
        <v>897</v>
      </c>
      <c r="S20728" s="5" t="s">
        <v>40</v>
      </c>
      <c r="T20728" s="5" t="s">
        <v>42</v>
      </c>
      <c r="U20728" s="2">
        <v>43.137</v>
      </c>
      <c r="V20728" s="2">
        <v>40.386000000000003</v>
      </c>
      <c r="W20728" s="2">
        <v>0.154</v>
      </c>
      <c r="X20728" s="2">
        <v>17</v>
      </c>
      <c r="Y20728" s="2">
        <v>68.7</v>
      </c>
      <c r="Z20728" s="2">
        <v>131.6</v>
      </c>
      <c r="AA20728" s="5"/>
      <c r="AB20728" s="5" t="s">
        <v>43</v>
      </c>
      <c r="AC20728" s="5" t="s">
        <v>735</v>
      </c>
      <c r="AD20728" s="2" t="s">
        <v>66861</v>
      </c>
      <c r="AE20728" s="1"/>
    </row>
    <row r="20729" spans="1:31" ht="14.45">
      <c r="A20729" s="11"/>
      <c r="B20729" s="20"/>
      <c r="C20729" s="2" t="s">
        <v>66862</v>
      </c>
      <c r="D20729" s="14" t="s">
        <v>66863</v>
      </c>
      <c r="E20729" s="2" t="s">
        <v>66864</v>
      </c>
      <c r="F20729" s="2" t="s">
        <v>66828</v>
      </c>
      <c r="G20729" s="8">
        <v>1230</v>
      </c>
      <c r="H20729" s="5">
        <v>10</v>
      </c>
      <c r="I20729" s="5" t="s">
        <v>69</v>
      </c>
      <c r="J20729" s="5" t="s">
        <v>66625</v>
      </c>
      <c r="K20729" s="2" t="s">
        <v>66626</v>
      </c>
      <c r="L20729" s="5" t="s">
        <v>66625</v>
      </c>
      <c r="M20729" s="2" t="s">
        <v>66626</v>
      </c>
      <c r="N20729" s="5" t="s">
        <v>733</v>
      </c>
      <c r="O20729" s="5" t="s">
        <v>38</v>
      </c>
      <c r="P20729" s="5" t="s">
        <v>39</v>
      </c>
      <c r="Q20729" s="5" t="s">
        <v>40</v>
      </c>
      <c r="R20729" s="5" t="s">
        <v>897</v>
      </c>
      <c r="S20729" s="5" t="s">
        <v>40</v>
      </c>
      <c r="T20729" s="5" t="s">
        <v>42</v>
      </c>
      <c r="U20729" s="2">
        <v>38.606999999999999</v>
      </c>
      <c r="V20729" s="2">
        <v>35.856000000000002</v>
      </c>
      <c r="W20729" s="2">
        <v>0.154</v>
      </c>
      <c r="X20729" s="2">
        <v>17</v>
      </c>
      <c r="Y20729" s="2">
        <v>68.7</v>
      </c>
      <c r="Z20729" s="2">
        <v>131.6</v>
      </c>
      <c r="AA20729" s="5"/>
      <c r="AB20729" s="5" t="s">
        <v>43</v>
      </c>
      <c r="AC20729" s="5" t="s">
        <v>735</v>
      </c>
      <c r="AD20729" s="2" t="s">
        <v>66865</v>
      </c>
      <c r="AE20729" s="1"/>
    </row>
    <row r="20730" spans="1:31" ht="14.45">
      <c r="A20730" s="11"/>
      <c r="B20730" s="20"/>
      <c r="C20730" s="2" t="s">
        <v>66866</v>
      </c>
      <c r="D20730" s="14" t="s">
        <v>66867</v>
      </c>
      <c r="E20730" s="2" t="s">
        <v>66868</v>
      </c>
      <c r="F20730" s="2" t="s">
        <v>66833</v>
      </c>
      <c r="G20730" s="8">
        <v>1001</v>
      </c>
      <c r="H20730" s="5">
        <v>5</v>
      </c>
      <c r="I20730" s="5" t="s">
        <v>69</v>
      </c>
      <c r="J20730" s="5" t="s">
        <v>66625</v>
      </c>
      <c r="K20730" s="2" t="s">
        <v>66626</v>
      </c>
      <c r="L20730" s="5" t="s">
        <v>66625</v>
      </c>
      <c r="M20730" s="2" t="s">
        <v>66626</v>
      </c>
      <c r="N20730" s="5" t="s">
        <v>733</v>
      </c>
      <c r="O20730" s="5" t="s">
        <v>38</v>
      </c>
      <c r="P20730" s="5" t="s">
        <v>39</v>
      </c>
      <c r="Q20730" s="5" t="s">
        <v>40</v>
      </c>
      <c r="R20730" s="5" t="s">
        <v>897</v>
      </c>
      <c r="S20730" s="5" t="s">
        <v>40</v>
      </c>
      <c r="T20730" s="5" t="s">
        <v>42</v>
      </c>
      <c r="U20730" s="2">
        <v>39.948999999999998</v>
      </c>
      <c r="V20730" s="2">
        <v>37.206000000000003</v>
      </c>
      <c r="W20730" s="2">
        <v>0.154</v>
      </c>
      <c r="X20730" s="2">
        <v>17</v>
      </c>
      <c r="Y20730" s="2">
        <v>68.7</v>
      </c>
      <c r="Z20730" s="2">
        <v>131.6</v>
      </c>
      <c r="AA20730" s="5"/>
      <c r="AB20730" s="5" t="s">
        <v>43</v>
      </c>
      <c r="AC20730" s="5" t="s">
        <v>735</v>
      </c>
      <c r="AD20730" s="2" t="s">
        <v>66869</v>
      </c>
      <c r="AE20730" s="1"/>
    </row>
    <row r="20731" spans="1:31" ht="14.45">
      <c r="A20731" s="11"/>
      <c r="B20731" s="20"/>
      <c r="C20731" s="2" t="s">
        <v>66870</v>
      </c>
      <c r="D20731" s="14" t="s">
        <v>66871</v>
      </c>
      <c r="E20731" s="2" t="s">
        <v>66872</v>
      </c>
      <c r="F20731" s="2" t="s">
        <v>66838</v>
      </c>
      <c r="G20731" s="8">
        <v>762</v>
      </c>
      <c r="H20731" s="5">
        <v>5</v>
      </c>
      <c r="I20731" s="5" t="s">
        <v>69</v>
      </c>
      <c r="J20731" s="5" t="s">
        <v>66625</v>
      </c>
      <c r="K20731" s="2" t="s">
        <v>66626</v>
      </c>
      <c r="L20731" s="5" t="s">
        <v>66625</v>
      </c>
      <c r="M20731" s="2" t="s">
        <v>66626</v>
      </c>
      <c r="N20731" s="5" t="s">
        <v>733</v>
      </c>
      <c r="O20731" s="5" t="s">
        <v>38</v>
      </c>
      <c r="P20731" s="5" t="s">
        <v>39</v>
      </c>
      <c r="Q20731" s="5" t="s">
        <v>40</v>
      </c>
      <c r="R20731" s="5" t="s">
        <v>897</v>
      </c>
      <c r="S20731" s="5" t="s">
        <v>40</v>
      </c>
      <c r="T20731" s="5" t="s">
        <v>42</v>
      </c>
      <c r="U20731" s="2">
        <v>35.4</v>
      </c>
      <c r="V20731" s="2">
        <v>32.656999999999996</v>
      </c>
      <c r="W20731" s="2">
        <v>0.154</v>
      </c>
      <c r="X20731" s="2">
        <v>17</v>
      </c>
      <c r="Y20731" s="2">
        <v>68.7</v>
      </c>
      <c r="Z20731" s="2">
        <v>131.6</v>
      </c>
      <c r="AA20731" s="5"/>
      <c r="AB20731" s="5" t="s">
        <v>43</v>
      </c>
      <c r="AC20731" s="5" t="s">
        <v>735</v>
      </c>
      <c r="AD20731" s="2" t="s">
        <v>66873</v>
      </c>
      <c r="AE20731" s="1"/>
    </row>
    <row r="20732" spans="1:31" ht="14.45">
      <c r="A20732" s="11"/>
      <c r="B20732" s="20"/>
      <c r="C20732" s="2" t="s">
        <v>66874</v>
      </c>
      <c r="D20732" s="14" t="s">
        <v>66875</v>
      </c>
      <c r="E20732" s="2" t="s">
        <v>66876</v>
      </c>
      <c r="F20732" s="2" t="s">
        <v>66843</v>
      </c>
      <c r="G20732" s="8">
        <v>1469</v>
      </c>
      <c r="H20732" s="5">
        <v>10</v>
      </c>
      <c r="I20732" s="5" t="s">
        <v>69</v>
      </c>
      <c r="J20732" s="5" t="s">
        <v>66625</v>
      </c>
      <c r="K20732" s="2" t="s">
        <v>66626</v>
      </c>
      <c r="L20732" s="5" t="s">
        <v>66625</v>
      </c>
      <c r="M20732" s="2" t="s">
        <v>66626</v>
      </c>
      <c r="N20732" s="5" t="s">
        <v>733</v>
      </c>
      <c r="O20732" s="5" t="s">
        <v>38</v>
      </c>
      <c r="P20732" s="5" t="s">
        <v>39</v>
      </c>
      <c r="Q20732" s="5" t="s">
        <v>40</v>
      </c>
      <c r="R20732" s="5" t="s">
        <v>897</v>
      </c>
      <c r="S20732" s="5" t="s">
        <v>40</v>
      </c>
      <c r="T20732" s="5" t="s">
        <v>42</v>
      </c>
      <c r="U20732" s="2">
        <v>42.997</v>
      </c>
      <c r="V20732" s="2">
        <v>40.246000000000002</v>
      </c>
      <c r="W20732" s="2">
        <v>0.154</v>
      </c>
      <c r="X20732" s="2">
        <v>17</v>
      </c>
      <c r="Y20732" s="2">
        <v>68.7</v>
      </c>
      <c r="Z20732" s="2">
        <v>131.6</v>
      </c>
      <c r="AA20732" s="5"/>
      <c r="AB20732" s="5" t="s">
        <v>43</v>
      </c>
      <c r="AC20732" s="5" t="s">
        <v>735</v>
      </c>
      <c r="AD20732" s="2" t="s">
        <v>66877</v>
      </c>
      <c r="AE20732" s="1"/>
    </row>
    <row r="20733" spans="1:31" ht="14.45">
      <c r="A20733" s="11"/>
      <c r="B20733" s="20"/>
      <c r="C20733" s="2" t="s">
        <v>66878</v>
      </c>
      <c r="D20733" s="14" t="s">
        <v>66879</v>
      </c>
      <c r="E20733" s="2" t="s">
        <v>66880</v>
      </c>
      <c r="F20733" s="2" t="s">
        <v>66848</v>
      </c>
      <c r="G20733" s="8">
        <v>1230</v>
      </c>
      <c r="H20733" s="5">
        <v>10</v>
      </c>
      <c r="I20733" s="5" t="s">
        <v>69</v>
      </c>
      <c r="J20733" s="5" t="s">
        <v>66625</v>
      </c>
      <c r="K20733" s="2" t="s">
        <v>66626</v>
      </c>
      <c r="L20733" s="5" t="s">
        <v>66625</v>
      </c>
      <c r="M20733" s="2" t="s">
        <v>66626</v>
      </c>
      <c r="N20733" s="5" t="s">
        <v>733</v>
      </c>
      <c r="O20733" s="5" t="s">
        <v>38</v>
      </c>
      <c r="P20733" s="5" t="s">
        <v>39</v>
      </c>
      <c r="Q20733" s="5" t="s">
        <v>40</v>
      </c>
      <c r="R20733" s="5" t="s">
        <v>897</v>
      </c>
      <c r="S20733" s="5" t="s">
        <v>40</v>
      </c>
      <c r="T20733" s="5" t="s">
        <v>42</v>
      </c>
      <c r="U20733" s="2">
        <v>38.466999999999999</v>
      </c>
      <c r="V20733" s="2">
        <v>35.716000000000001</v>
      </c>
      <c r="W20733" s="2">
        <v>0.154</v>
      </c>
      <c r="X20733" s="2">
        <v>17</v>
      </c>
      <c r="Y20733" s="2">
        <v>68.7</v>
      </c>
      <c r="Z20733" s="2">
        <v>131.6</v>
      </c>
      <c r="AA20733" s="5"/>
      <c r="AB20733" s="5" t="s">
        <v>43</v>
      </c>
      <c r="AC20733" s="5" t="s">
        <v>735</v>
      </c>
      <c r="AD20733" s="2" t="s">
        <v>66881</v>
      </c>
      <c r="AE20733" s="1"/>
    </row>
    <row r="20734" spans="1:31" ht="14.45">
      <c r="A20734" s="11"/>
      <c r="B20734" s="20"/>
      <c r="C20734" s="2" t="s">
        <v>66882</v>
      </c>
      <c r="D20734" s="14" t="s">
        <v>66883</v>
      </c>
      <c r="E20734" s="2" t="s">
        <v>66884</v>
      </c>
      <c r="F20734" s="2" t="s">
        <v>61259</v>
      </c>
      <c r="G20734" s="8">
        <v>853</v>
      </c>
      <c r="H20734" s="5">
        <v>5</v>
      </c>
      <c r="I20734" s="5" t="s">
        <v>69</v>
      </c>
      <c r="J20734" s="5" t="s">
        <v>66625</v>
      </c>
      <c r="K20734" s="2" t="s">
        <v>66626</v>
      </c>
      <c r="L20734" s="5" t="s">
        <v>66625</v>
      </c>
      <c r="M20734" s="2" t="s">
        <v>66626</v>
      </c>
      <c r="N20734" s="5" t="s">
        <v>733</v>
      </c>
      <c r="O20734" s="5" t="s">
        <v>38</v>
      </c>
      <c r="P20734" s="5" t="s">
        <v>39</v>
      </c>
      <c r="Q20734" s="5" t="s">
        <v>40</v>
      </c>
      <c r="R20734" s="5" t="s">
        <v>897</v>
      </c>
      <c r="S20734" s="5" t="s">
        <v>40</v>
      </c>
      <c r="T20734" s="5" t="s">
        <v>42</v>
      </c>
      <c r="U20734" s="2">
        <v>32.698</v>
      </c>
      <c r="V20734" s="2">
        <v>30.460999999999999</v>
      </c>
      <c r="W20734" s="2">
        <v>0.109</v>
      </c>
      <c r="X20734" s="2">
        <v>17</v>
      </c>
      <c r="Y20734" s="2">
        <v>57.7</v>
      </c>
      <c r="Z20734" s="2">
        <v>111.6</v>
      </c>
      <c r="AA20734" s="5">
        <v>7</v>
      </c>
      <c r="AB20734" s="5" t="s">
        <v>43</v>
      </c>
      <c r="AC20734" s="5" t="s">
        <v>735</v>
      </c>
      <c r="AD20734" s="2" t="s">
        <v>66885</v>
      </c>
      <c r="AE20734" s="1"/>
    </row>
    <row r="20735" spans="1:31" ht="14.45">
      <c r="A20735" s="11"/>
      <c r="B20735" s="20"/>
      <c r="C20735" s="2" t="s">
        <v>66886</v>
      </c>
      <c r="D20735" s="14" t="s">
        <v>66887</v>
      </c>
      <c r="E20735" s="2" t="s">
        <v>66888</v>
      </c>
      <c r="F20735" s="2" t="s">
        <v>61295</v>
      </c>
      <c r="G20735" s="8">
        <v>688</v>
      </c>
      <c r="H20735" s="5">
        <v>5</v>
      </c>
      <c r="I20735" s="5" t="s">
        <v>69</v>
      </c>
      <c r="J20735" s="5" t="s">
        <v>66625</v>
      </c>
      <c r="K20735" s="2" t="s">
        <v>66626</v>
      </c>
      <c r="L20735" s="5" t="s">
        <v>66625</v>
      </c>
      <c r="M20735" s="2" t="s">
        <v>66626</v>
      </c>
      <c r="N20735" s="5" t="s">
        <v>733</v>
      </c>
      <c r="O20735" s="5" t="s">
        <v>38</v>
      </c>
      <c r="P20735" s="5" t="s">
        <v>39</v>
      </c>
      <c r="Q20735" s="5" t="s">
        <v>40</v>
      </c>
      <c r="R20735" s="5" t="s">
        <v>897</v>
      </c>
      <c r="S20735" s="5" t="s">
        <v>40</v>
      </c>
      <c r="T20735" s="5" t="s">
        <v>42</v>
      </c>
      <c r="U20735" s="2">
        <v>29.693000000000001</v>
      </c>
      <c r="V20735" s="2">
        <v>27.446000000000002</v>
      </c>
      <c r="W20735" s="2">
        <v>0.109</v>
      </c>
      <c r="X20735" s="2">
        <v>17</v>
      </c>
      <c r="Y20735" s="2">
        <v>57.7</v>
      </c>
      <c r="Z20735" s="2">
        <v>111.6</v>
      </c>
      <c r="AA20735" s="5">
        <v>7</v>
      </c>
      <c r="AB20735" s="5" t="s">
        <v>43</v>
      </c>
      <c r="AC20735" s="5" t="s">
        <v>735</v>
      </c>
      <c r="AD20735" s="2" t="s">
        <v>66889</v>
      </c>
      <c r="AE20735" s="1"/>
    </row>
    <row r="20736" spans="1:31" ht="14.45">
      <c r="A20736" s="11"/>
      <c r="B20736" s="20"/>
      <c r="C20736" s="2" t="s">
        <v>66890</v>
      </c>
      <c r="D20736" s="14" t="s">
        <v>66891</v>
      </c>
      <c r="E20736" s="2" t="s">
        <v>66892</v>
      </c>
      <c r="F20736" s="2" t="s">
        <v>66893</v>
      </c>
      <c r="G20736" s="8">
        <v>806</v>
      </c>
      <c r="H20736" s="5">
        <v>5</v>
      </c>
      <c r="I20736" s="5" t="s">
        <v>69</v>
      </c>
      <c r="J20736" s="5" t="s">
        <v>66625</v>
      </c>
      <c r="K20736" s="2" t="s">
        <v>66626</v>
      </c>
      <c r="L20736" s="5" t="s">
        <v>66625</v>
      </c>
      <c r="M20736" s="2" t="s">
        <v>66626</v>
      </c>
      <c r="N20736" s="5" t="s">
        <v>733</v>
      </c>
      <c r="O20736" s="5" t="s">
        <v>38</v>
      </c>
      <c r="P20736" s="5" t="s">
        <v>39</v>
      </c>
      <c r="Q20736" s="5" t="s">
        <v>40</v>
      </c>
      <c r="R20736" s="5" t="s">
        <v>897</v>
      </c>
      <c r="S20736" s="5" t="s">
        <v>40</v>
      </c>
      <c r="T20736" s="5" t="s">
        <v>42</v>
      </c>
      <c r="U20736" s="2">
        <v>32.680999999999997</v>
      </c>
      <c r="V20736" s="2">
        <v>30.443999999999999</v>
      </c>
      <c r="W20736" s="2">
        <v>0.109</v>
      </c>
      <c r="X20736" s="2">
        <v>17</v>
      </c>
      <c r="Y20736" s="2">
        <v>57.7</v>
      </c>
      <c r="Z20736" s="2">
        <v>111.6</v>
      </c>
      <c r="AA20736" s="5">
        <v>7</v>
      </c>
      <c r="AB20736" s="5" t="s">
        <v>43</v>
      </c>
      <c r="AC20736" s="5" t="s">
        <v>735</v>
      </c>
      <c r="AD20736" s="2" t="s">
        <v>66894</v>
      </c>
      <c r="AE20736" s="1"/>
    </row>
    <row r="20737" spans="1:31" ht="14.45">
      <c r="A20737" s="11"/>
      <c r="B20737" s="20"/>
      <c r="C20737" s="2" t="s">
        <v>66895</v>
      </c>
      <c r="D20737" s="14" t="s">
        <v>66896</v>
      </c>
      <c r="E20737" s="2" t="s">
        <v>66897</v>
      </c>
      <c r="F20737" s="2" t="s">
        <v>61432</v>
      </c>
      <c r="G20737" s="8">
        <v>950</v>
      </c>
      <c r="H20737" s="5">
        <v>5</v>
      </c>
      <c r="I20737" s="5" t="s">
        <v>69</v>
      </c>
      <c r="J20737" s="5" t="s">
        <v>66625</v>
      </c>
      <c r="K20737" s="2" t="s">
        <v>66626</v>
      </c>
      <c r="L20737" s="5" t="s">
        <v>66625</v>
      </c>
      <c r="M20737" s="2" t="s">
        <v>66626</v>
      </c>
      <c r="N20737" s="5" t="s">
        <v>733</v>
      </c>
      <c r="O20737" s="5" t="s">
        <v>38</v>
      </c>
      <c r="P20737" s="5" t="s">
        <v>39</v>
      </c>
      <c r="Q20737" s="5" t="s">
        <v>40</v>
      </c>
      <c r="R20737" s="5" t="s">
        <v>897</v>
      </c>
      <c r="S20737" s="5" t="s">
        <v>40</v>
      </c>
      <c r="T20737" s="5" t="s">
        <v>42</v>
      </c>
      <c r="U20737" s="2">
        <v>39.279000000000003</v>
      </c>
      <c r="V20737" s="2">
        <v>36.277999999999999</v>
      </c>
      <c r="W20737" s="2">
        <v>0.129</v>
      </c>
      <c r="X20737" s="2">
        <v>17</v>
      </c>
      <c r="Y20737" s="2">
        <v>65.7</v>
      </c>
      <c r="Z20737" s="2">
        <v>131.6</v>
      </c>
      <c r="AA20737" s="5">
        <v>7</v>
      </c>
      <c r="AB20737" s="5" t="s">
        <v>43</v>
      </c>
      <c r="AC20737" s="5" t="s">
        <v>735</v>
      </c>
      <c r="AD20737" s="2" t="s">
        <v>66898</v>
      </c>
      <c r="AE20737" s="1"/>
    </row>
    <row r="20738" spans="1:31" ht="14.45">
      <c r="A20738" s="11"/>
      <c r="B20738" s="20"/>
      <c r="C20738" s="2" t="s">
        <v>66899</v>
      </c>
      <c r="D20738" s="14" t="s">
        <v>66900</v>
      </c>
      <c r="E20738" s="2" t="s">
        <v>66901</v>
      </c>
      <c r="F20738" s="2" t="s">
        <v>61473</v>
      </c>
      <c r="G20738" s="8">
        <v>751</v>
      </c>
      <c r="H20738" s="5">
        <v>5</v>
      </c>
      <c r="I20738" s="5" t="s">
        <v>69</v>
      </c>
      <c r="J20738" s="5" t="s">
        <v>66625</v>
      </c>
      <c r="K20738" s="2" t="s">
        <v>66626</v>
      </c>
      <c r="L20738" s="5" t="s">
        <v>66625</v>
      </c>
      <c r="M20738" s="2" t="s">
        <v>66626</v>
      </c>
      <c r="N20738" s="5" t="s">
        <v>733</v>
      </c>
      <c r="O20738" s="5" t="s">
        <v>38</v>
      </c>
      <c r="P20738" s="5" t="s">
        <v>39</v>
      </c>
      <c r="Q20738" s="5" t="s">
        <v>40</v>
      </c>
      <c r="R20738" s="5" t="s">
        <v>897</v>
      </c>
      <c r="S20738" s="5" t="s">
        <v>40</v>
      </c>
      <c r="T20738" s="5" t="s">
        <v>42</v>
      </c>
      <c r="U20738" s="2">
        <v>35.593000000000004</v>
      </c>
      <c r="V20738" s="2">
        <v>32.582000000000001</v>
      </c>
      <c r="W20738" s="2">
        <v>0.129</v>
      </c>
      <c r="X20738" s="2">
        <v>17</v>
      </c>
      <c r="Y20738" s="2">
        <v>65.7</v>
      </c>
      <c r="Z20738" s="2">
        <v>131.6</v>
      </c>
      <c r="AA20738" s="5">
        <v>7</v>
      </c>
      <c r="AB20738" s="5" t="s">
        <v>43</v>
      </c>
      <c r="AC20738" s="5" t="s">
        <v>735</v>
      </c>
      <c r="AD20738" s="2" t="s">
        <v>66902</v>
      </c>
      <c r="AE20738" s="1"/>
    </row>
    <row r="20739" spans="1:31" ht="14.45">
      <c r="A20739" s="11"/>
      <c r="B20739" s="20"/>
      <c r="C20739" s="2" t="s">
        <v>66903</v>
      </c>
      <c r="D20739" s="14" t="s">
        <v>66904</v>
      </c>
      <c r="E20739" s="2" t="s">
        <v>66905</v>
      </c>
      <c r="F20739" s="2" t="s">
        <v>66906</v>
      </c>
      <c r="G20739" s="8">
        <v>893</v>
      </c>
      <c r="H20739" s="5">
        <v>5</v>
      </c>
      <c r="I20739" s="5" t="s">
        <v>69</v>
      </c>
      <c r="J20739" s="5" t="s">
        <v>66625</v>
      </c>
      <c r="K20739" s="2" t="s">
        <v>66626</v>
      </c>
      <c r="L20739" s="5" t="s">
        <v>66625</v>
      </c>
      <c r="M20739" s="2" t="s">
        <v>66626</v>
      </c>
      <c r="N20739" s="5" t="s">
        <v>733</v>
      </c>
      <c r="O20739" s="5" t="s">
        <v>38</v>
      </c>
      <c r="P20739" s="5" t="s">
        <v>39</v>
      </c>
      <c r="Q20739" s="5" t="s">
        <v>40</v>
      </c>
      <c r="R20739" s="5" t="s">
        <v>897</v>
      </c>
      <c r="S20739" s="5" t="s">
        <v>40</v>
      </c>
      <c r="T20739" s="5" t="s">
        <v>42</v>
      </c>
      <c r="U20739" s="2">
        <v>39.218000000000004</v>
      </c>
      <c r="V20739" s="2">
        <v>36.216999999999999</v>
      </c>
      <c r="W20739" s="2">
        <v>0.151</v>
      </c>
      <c r="X20739" s="2">
        <v>17</v>
      </c>
      <c r="Y20739" s="2">
        <v>67.7</v>
      </c>
      <c r="Z20739" s="2">
        <v>131.6</v>
      </c>
      <c r="AA20739" s="5">
        <v>7</v>
      </c>
      <c r="AB20739" s="5" t="s">
        <v>43</v>
      </c>
      <c r="AC20739" s="5" t="s">
        <v>735</v>
      </c>
      <c r="AD20739" s="2" t="s">
        <v>66907</v>
      </c>
      <c r="AE20739" s="1"/>
    </row>
    <row r="20740" spans="1:31" ht="14.45">
      <c r="A20740" s="11"/>
      <c r="B20740" s="20"/>
      <c r="C20740" s="2" t="s">
        <v>66908</v>
      </c>
      <c r="D20740" s="14" t="s">
        <v>66909</v>
      </c>
      <c r="E20740" s="2" t="s">
        <v>66910</v>
      </c>
      <c r="F20740" s="2" t="s">
        <v>61504</v>
      </c>
      <c r="G20740" s="8">
        <v>1418</v>
      </c>
      <c r="H20740" s="5">
        <v>5</v>
      </c>
      <c r="I20740" s="5" t="s">
        <v>69</v>
      </c>
      <c r="J20740" s="5" t="s">
        <v>66625</v>
      </c>
      <c r="K20740" s="2" t="s">
        <v>66626</v>
      </c>
      <c r="L20740" s="5" t="s">
        <v>66625</v>
      </c>
      <c r="M20740" s="2" t="s">
        <v>66626</v>
      </c>
      <c r="N20740" s="5" t="s">
        <v>733</v>
      </c>
      <c r="O20740" s="5" t="s">
        <v>38</v>
      </c>
      <c r="P20740" s="5" t="s">
        <v>39</v>
      </c>
      <c r="Q20740" s="5" t="s">
        <v>40</v>
      </c>
      <c r="R20740" s="5" t="s">
        <v>897</v>
      </c>
      <c r="S20740" s="5" t="s">
        <v>40</v>
      </c>
      <c r="T20740" s="5" t="s">
        <v>42</v>
      </c>
      <c r="U20740" s="2">
        <v>41.616999999999997</v>
      </c>
      <c r="V20740" s="2">
        <v>38.616</v>
      </c>
      <c r="W20740" s="2">
        <v>0.129</v>
      </c>
      <c r="X20740" s="2">
        <v>17</v>
      </c>
      <c r="Y20740" s="2">
        <v>65.7</v>
      </c>
      <c r="Z20740" s="2">
        <v>131.6</v>
      </c>
      <c r="AA20740" s="5">
        <v>7</v>
      </c>
      <c r="AB20740" s="5" t="s">
        <v>43</v>
      </c>
      <c r="AC20740" s="5" t="s">
        <v>735</v>
      </c>
      <c r="AD20740" s="2" t="s">
        <v>66911</v>
      </c>
      <c r="AE20740" s="1"/>
    </row>
    <row r="20741" spans="1:31" ht="14.45">
      <c r="A20741" s="11"/>
      <c r="B20741" s="20"/>
      <c r="C20741" s="2" t="s">
        <v>66912</v>
      </c>
      <c r="D20741" s="14" t="s">
        <v>66913</v>
      </c>
      <c r="E20741" s="2" t="s">
        <v>66914</v>
      </c>
      <c r="F20741" s="2" t="s">
        <v>61514</v>
      </c>
      <c r="G20741" s="8">
        <v>1219</v>
      </c>
      <c r="H20741" s="5">
        <v>10</v>
      </c>
      <c r="I20741" s="5" t="s">
        <v>69</v>
      </c>
      <c r="J20741" s="5" t="s">
        <v>66625</v>
      </c>
      <c r="K20741" s="2" t="s">
        <v>66626</v>
      </c>
      <c r="L20741" s="5" t="s">
        <v>66625</v>
      </c>
      <c r="M20741" s="2" t="s">
        <v>66626</v>
      </c>
      <c r="N20741" s="5" t="s">
        <v>733</v>
      </c>
      <c r="O20741" s="5" t="s">
        <v>38</v>
      </c>
      <c r="P20741" s="5" t="s">
        <v>39</v>
      </c>
      <c r="Q20741" s="5" t="s">
        <v>40</v>
      </c>
      <c r="R20741" s="5" t="s">
        <v>897</v>
      </c>
      <c r="S20741" s="5" t="s">
        <v>40</v>
      </c>
      <c r="T20741" s="5" t="s">
        <v>42</v>
      </c>
      <c r="U20741" s="2">
        <v>37.959000000000003</v>
      </c>
      <c r="V20741" s="2">
        <v>34.948</v>
      </c>
      <c r="W20741" s="2">
        <v>0.129</v>
      </c>
      <c r="X20741" s="2">
        <v>17</v>
      </c>
      <c r="Y20741" s="2">
        <v>65.7</v>
      </c>
      <c r="Z20741" s="2">
        <v>131.6</v>
      </c>
      <c r="AA20741" s="5">
        <v>7</v>
      </c>
      <c r="AB20741" s="5" t="s">
        <v>43</v>
      </c>
      <c r="AC20741" s="5" t="s">
        <v>735</v>
      </c>
      <c r="AD20741" s="2" t="s">
        <v>66915</v>
      </c>
      <c r="AE20741" s="1"/>
    </row>
    <row r="20742" spans="1:31" ht="14.45">
      <c r="A20742" s="11"/>
      <c r="B20742" s="20"/>
      <c r="C20742" s="2" t="s">
        <v>66916</v>
      </c>
      <c r="D20742" s="14" t="s">
        <v>66917</v>
      </c>
      <c r="E20742" s="2" t="s">
        <v>66918</v>
      </c>
      <c r="F20742" s="2" t="s">
        <v>66919</v>
      </c>
      <c r="G20742" s="8">
        <v>1361</v>
      </c>
      <c r="H20742" s="5">
        <v>5</v>
      </c>
      <c r="I20742" s="5" t="s">
        <v>69</v>
      </c>
      <c r="J20742" s="5" t="s">
        <v>66625</v>
      </c>
      <c r="K20742" s="2" t="s">
        <v>66626</v>
      </c>
      <c r="L20742" s="5" t="s">
        <v>66625</v>
      </c>
      <c r="M20742" s="2" t="s">
        <v>66626</v>
      </c>
      <c r="N20742" s="5" t="s">
        <v>733</v>
      </c>
      <c r="O20742" s="5" t="s">
        <v>38</v>
      </c>
      <c r="P20742" s="5" t="s">
        <v>39</v>
      </c>
      <c r="Q20742" s="5" t="s">
        <v>40</v>
      </c>
      <c r="R20742" s="5" t="s">
        <v>897</v>
      </c>
      <c r="S20742" s="5" t="s">
        <v>40</v>
      </c>
      <c r="T20742" s="5" t="s">
        <v>42</v>
      </c>
      <c r="U20742" s="2">
        <v>41.595999999999997</v>
      </c>
      <c r="V20742" s="2">
        <v>38.594999999999999</v>
      </c>
      <c r="W20742" s="2">
        <v>0.151</v>
      </c>
      <c r="X20742" s="2">
        <v>17</v>
      </c>
      <c r="Y20742" s="2">
        <v>67.7</v>
      </c>
      <c r="Z20742" s="2">
        <v>131.6</v>
      </c>
      <c r="AA20742" s="5">
        <v>7</v>
      </c>
      <c r="AB20742" s="5" t="s">
        <v>43</v>
      </c>
      <c r="AC20742" s="5" t="s">
        <v>735</v>
      </c>
      <c r="AD20742" s="2" t="s">
        <v>66920</v>
      </c>
      <c r="AE20742" s="1"/>
    </row>
    <row r="20743" spans="1:31" ht="14.45">
      <c r="A20743" s="11"/>
      <c r="B20743" s="20"/>
      <c r="C20743" s="2" t="s">
        <v>66921</v>
      </c>
      <c r="D20743" s="14" t="s">
        <v>66922</v>
      </c>
      <c r="E20743" s="2" t="s">
        <v>66923</v>
      </c>
      <c r="F20743" s="2" t="s">
        <v>61679</v>
      </c>
      <c r="G20743" s="8">
        <v>1062</v>
      </c>
      <c r="H20743" s="5">
        <v>5</v>
      </c>
      <c r="I20743" s="5" t="s">
        <v>69</v>
      </c>
      <c r="J20743" s="5" t="s">
        <v>66625</v>
      </c>
      <c r="K20743" s="2" t="s">
        <v>66626</v>
      </c>
      <c r="L20743" s="5" t="s">
        <v>66625</v>
      </c>
      <c r="M20743" s="2" t="s">
        <v>66626</v>
      </c>
      <c r="N20743" s="5" t="s">
        <v>733</v>
      </c>
      <c r="O20743" s="5" t="s">
        <v>38</v>
      </c>
      <c r="P20743" s="5" t="s">
        <v>39</v>
      </c>
      <c r="Q20743" s="5" t="s">
        <v>40</v>
      </c>
      <c r="R20743" s="5" t="s">
        <v>897</v>
      </c>
      <c r="S20743" s="5" t="s">
        <v>40</v>
      </c>
      <c r="T20743" s="5" t="s">
        <v>42</v>
      </c>
      <c r="U20743" s="2">
        <v>44.966000000000001</v>
      </c>
      <c r="V20743" s="2">
        <v>41.661999999999999</v>
      </c>
      <c r="W20743" s="2">
        <v>0.154</v>
      </c>
      <c r="X20743" s="2">
        <v>17</v>
      </c>
      <c r="Y20743" s="2">
        <v>76.7</v>
      </c>
      <c r="Z20743" s="2">
        <v>131.6</v>
      </c>
      <c r="AA20743" s="5">
        <v>7</v>
      </c>
      <c r="AB20743" s="5" t="s">
        <v>43</v>
      </c>
      <c r="AC20743" s="5" t="s">
        <v>735</v>
      </c>
      <c r="AD20743" s="2" t="s">
        <v>66924</v>
      </c>
      <c r="AE20743" s="1"/>
    </row>
    <row r="20744" spans="1:31" ht="14.45">
      <c r="A20744" s="11"/>
      <c r="B20744" s="20"/>
      <c r="C20744" s="2" t="s">
        <v>66925</v>
      </c>
      <c r="D20744" s="14" t="s">
        <v>66926</v>
      </c>
      <c r="E20744" s="2" t="s">
        <v>66927</v>
      </c>
      <c r="F20744" s="2" t="s">
        <v>61725</v>
      </c>
      <c r="G20744" s="8">
        <v>823</v>
      </c>
      <c r="H20744" s="5">
        <v>5</v>
      </c>
      <c r="I20744" s="5" t="s">
        <v>69</v>
      </c>
      <c r="J20744" s="5" t="s">
        <v>66625</v>
      </c>
      <c r="K20744" s="2" t="s">
        <v>66626</v>
      </c>
      <c r="L20744" s="5" t="s">
        <v>66625</v>
      </c>
      <c r="M20744" s="2" t="s">
        <v>66626</v>
      </c>
      <c r="N20744" s="5" t="s">
        <v>733</v>
      </c>
      <c r="O20744" s="5" t="s">
        <v>38</v>
      </c>
      <c r="P20744" s="5" t="s">
        <v>39</v>
      </c>
      <c r="Q20744" s="5" t="s">
        <v>40</v>
      </c>
      <c r="R20744" s="5" t="s">
        <v>897</v>
      </c>
      <c r="S20744" s="5" t="s">
        <v>40</v>
      </c>
      <c r="T20744" s="5" t="s">
        <v>42</v>
      </c>
      <c r="U20744" s="2">
        <v>40.414999999999999</v>
      </c>
      <c r="V20744" s="2">
        <v>37.097000000000001</v>
      </c>
      <c r="W20744" s="2">
        <v>0.154</v>
      </c>
      <c r="X20744" s="2">
        <v>17</v>
      </c>
      <c r="Y20744" s="2">
        <v>76.7</v>
      </c>
      <c r="Z20744" s="2">
        <v>131.6</v>
      </c>
      <c r="AA20744" s="5">
        <v>7</v>
      </c>
      <c r="AB20744" s="5" t="s">
        <v>43</v>
      </c>
      <c r="AC20744" s="5" t="s">
        <v>735</v>
      </c>
      <c r="AD20744" s="2" t="s">
        <v>66928</v>
      </c>
      <c r="AE20744" s="1"/>
    </row>
    <row r="20745" spans="1:31" ht="14.45">
      <c r="A20745" s="11"/>
      <c r="B20745" s="20"/>
      <c r="C20745" s="2" t="s">
        <v>66929</v>
      </c>
      <c r="D20745" s="14" t="s">
        <v>66930</v>
      </c>
      <c r="E20745" s="2" t="s">
        <v>66931</v>
      </c>
      <c r="F20745" s="2" t="s">
        <v>66932</v>
      </c>
      <c r="G20745" s="8">
        <v>993</v>
      </c>
      <c r="H20745" s="5">
        <v>5</v>
      </c>
      <c r="I20745" s="5" t="s">
        <v>69</v>
      </c>
      <c r="J20745" s="5" t="s">
        <v>66625</v>
      </c>
      <c r="K20745" s="2" t="s">
        <v>66626</v>
      </c>
      <c r="L20745" s="5" t="s">
        <v>66625</v>
      </c>
      <c r="M20745" s="2" t="s">
        <v>66626</v>
      </c>
      <c r="N20745" s="5" t="s">
        <v>733</v>
      </c>
      <c r="O20745" s="5" t="s">
        <v>38</v>
      </c>
      <c r="P20745" s="5" t="s">
        <v>39</v>
      </c>
      <c r="Q20745" s="5" t="s">
        <v>40</v>
      </c>
      <c r="R20745" s="5" t="s">
        <v>897</v>
      </c>
      <c r="S20745" s="5" t="s">
        <v>40</v>
      </c>
      <c r="T20745" s="5" t="s">
        <v>42</v>
      </c>
      <c r="U20745" s="2">
        <v>44.939</v>
      </c>
      <c r="V20745" s="2">
        <v>41.634999999999998</v>
      </c>
      <c r="W20745" s="2">
        <v>0.17199999999999999</v>
      </c>
      <c r="X20745" s="2">
        <v>17</v>
      </c>
      <c r="Y20745" s="2">
        <v>76.7</v>
      </c>
      <c r="Z20745" s="2">
        <v>131.6</v>
      </c>
      <c r="AA20745" s="5">
        <v>7</v>
      </c>
      <c r="AB20745" s="5" t="s">
        <v>43</v>
      </c>
      <c r="AC20745" s="5" t="s">
        <v>735</v>
      </c>
      <c r="AD20745" s="2" t="s">
        <v>66933</v>
      </c>
      <c r="AE20745" s="1"/>
    </row>
    <row r="20746" spans="1:31" ht="14.45">
      <c r="A20746" s="11"/>
      <c r="B20746" s="20"/>
      <c r="C20746" s="2" t="s">
        <v>66934</v>
      </c>
      <c r="D20746" s="14" t="s">
        <v>66935</v>
      </c>
      <c r="E20746" s="2" t="s">
        <v>66936</v>
      </c>
      <c r="F20746" s="2" t="s">
        <v>61771</v>
      </c>
      <c r="G20746" s="8">
        <v>1530</v>
      </c>
      <c r="H20746" s="5">
        <v>5</v>
      </c>
      <c r="I20746" s="5" t="s">
        <v>69</v>
      </c>
      <c r="J20746" s="5" t="s">
        <v>66625</v>
      </c>
      <c r="K20746" s="2" t="s">
        <v>66626</v>
      </c>
      <c r="L20746" s="5" t="s">
        <v>66625</v>
      </c>
      <c r="M20746" s="2" t="s">
        <v>66626</v>
      </c>
      <c r="N20746" s="5" t="s">
        <v>733</v>
      </c>
      <c r="O20746" s="5" t="s">
        <v>38</v>
      </c>
      <c r="P20746" s="5" t="s">
        <v>39</v>
      </c>
      <c r="Q20746" s="5" t="s">
        <v>40</v>
      </c>
      <c r="R20746" s="5" t="s">
        <v>897</v>
      </c>
      <c r="S20746" s="5" t="s">
        <v>40</v>
      </c>
      <c r="T20746" s="5" t="s">
        <v>42</v>
      </c>
      <c r="U20746" s="2">
        <v>48.018000000000001</v>
      </c>
      <c r="V20746" s="2">
        <v>44.713999999999999</v>
      </c>
      <c r="W20746" s="2">
        <v>0.154</v>
      </c>
      <c r="X20746" s="2">
        <v>17</v>
      </c>
      <c r="Y20746" s="2">
        <v>76.7</v>
      </c>
      <c r="Z20746" s="2">
        <v>131.6</v>
      </c>
      <c r="AA20746" s="5">
        <v>7</v>
      </c>
      <c r="AB20746" s="5" t="s">
        <v>43</v>
      </c>
      <c r="AC20746" s="5" t="s">
        <v>735</v>
      </c>
      <c r="AD20746" s="2" t="s">
        <v>66937</v>
      </c>
      <c r="AE20746" s="1"/>
    </row>
    <row r="20747" spans="1:31" ht="14.45">
      <c r="A20747" s="11"/>
      <c r="B20747" s="20"/>
      <c r="C20747" s="2" t="s">
        <v>66938</v>
      </c>
      <c r="D20747" s="14" t="s">
        <v>66939</v>
      </c>
      <c r="E20747" s="2" t="s">
        <v>66940</v>
      </c>
      <c r="F20747" s="2" t="s">
        <v>61790</v>
      </c>
      <c r="G20747" s="8">
        <v>1291</v>
      </c>
      <c r="H20747" s="5">
        <v>10</v>
      </c>
      <c r="I20747" s="5" t="s">
        <v>69</v>
      </c>
      <c r="J20747" s="5" t="s">
        <v>66625</v>
      </c>
      <c r="K20747" s="2" t="s">
        <v>66626</v>
      </c>
      <c r="L20747" s="5" t="s">
        <v>66625</v>
      </c>
      <c r="M20747" s="2" t="s">
        <v>66626</v>
      </c>
      <c r="N20747" s="5" t="s">
        <v>733</v>
      </c>
      <c r="O20747" s="5" t="s">
        <v>38</v>
      </c>
      <c r="P20747" s="5" t="s">
        <v>39</v>
      </c>
      <c r="Q20747" s="5" t="s">
        <v>40</v>
      </c>
      <c r="R20747" s="5" t="s">
        <v>897</v>
      </c>
      <c r="S20747" s="5" t="s">
        <v>40</v>
      </c>
      <c r="T20747" s="5" t="s">
        <v>42</v>
      </c>
      <c r="U20747" s="2">
        <v>43.491999999999997</v>
      </c>
      <c r="V20747" s="2">
        <v>40.173999999999999</v>
      </c>
      <c r="W20747" s="2">
        <v>0.154</v>
      </c>
      <c r="X20747" s="2">
        <v>17</v>
      </c>
      <c r="Y20747" s="2">
        <v>76.7</v>
      </c>
      <c r="Z20747" s="2">
        <v>131.6</v>
      </c>
      <c r="AA20747" s="5">
        <v>7</v>
      </c>
      <c r="AB20747" s="5" t="s">
        <v>43</v>
      </c>
      <c r="AC20747" s="5" t="s">
        <v>735</v>
      </c>
      <c r="AD20747" s="2" t="s">
        <v>66941</v>
      </c>
      <c r="AE20747" s="1"/>
    </row>
    <row r="20748" spans="1:31" ht="14.45">
      <c r="A20748" s="11"/>
      <c r="B20748" s="20"/>
      <c r="C20748" s="2" t="s">
        <v>66942</v>
      </c>
      <c r="D20748" s="14" t="s">
        <v>66943</v>
      </c>
      <c r="E20748" s="2" t="s">
        <v>66944</v>
      </c>
      <c r="F20748" s="2" t="s">
        <v>66945</v>
      </c>
      <c r="G20748" s="8">
        <v>1461</v>
      </c>
      <c r="H20748" s="5">
        <v>5</v>
      </c>
      <c r="I20748" s="5" t="s">
        <v>69</v>
      </c>
      <c r="J20748" s="5" t="s">
        <v>66625</v>
      </c>
      <c r="K20748" s="2" t="s">
        <v>66626</v>
      </c>
      <c r="L20748" s="5" t="s">
        <v>66625</v>
      </c>
      <c r="M20748" s="2" t="s">
        <v>66626</v>
      </c>
      <c r="N20748" s="5" t="s">
        <v>733</v>
      </c>
      <c r="O20748" s="5" t="s">
        <v>38</v>
      </c>
      <c r="P20748" s="5" t="s">
        <v>39</v>
      </c>
      <c r="Q20748" s="5" t="s">
        <v>40</v>
      </c>
      <c r="R20748" s="5" t="s">
        <v>897</v>
      </c>
      <c r="S20748" s="5" t="s">
        <v>40</v>
      </c>
      <c r="T20748" s="5" t="s">
        <v>42</v>
      </c>
      <c r="U20748" s="2">
        <v>47.991</v>
      </c>
      <c r="V20748" s="2">
        <v>44.686999999999998</v>
      </c>
      <c r="W20748" s="2">
        <v>0.17199999999999999</v>
      </c>
      <c r="X20748" s="2">
        <v>17</v>
      </c>
      <c r="Y20748" s="2">
        <v>76.7</v>
      </c>
      <c r="Z20748" s="2">
        <v>131.6</v>
      </c>
      <c r="AA20748" s="5">
        <v>7</v>
      </c>
      <c r="AB20748" s="5" t="s">
        <v>43</v>
      </c>
      <c r="AC20748" s="5" t="s">
        <v>735</v>
      </c>
      <c r="AD20748" s="2" t="s">
        <v>66946</v>
      </c>
      <c r="AE20748" s="1"/>
    </row>
    <row r="20749" spans="1:31" ht="14.45">
      <c r="A20749" s="11"/>
      <c r="B20749" s="20"/>
      <c r="C20749" s="2" t="s">
        <v>66947</v>
      </c>
      <c r="D20749" s="14" t="s">
        <v>66948</v>
      </c>
      <c r="E20749" s="2" t="s">
        <v>66949</v>
      </c>
      <c r="F20749" s="2" t="s">
        <v>66950</v>
      </c>
      <c r="G20749" s="8">
        <v>273</v>
      </c>
      <c r="H20749" s="5">
        <v>5</v>
      </c>
      <c r="I20749" s="5" t="s">
        <v>69</v>
      </c>
      <c r="J20749" s="5" t="s">
        <v>731</v>
      </c>
      <c r="K20749" s="2" t="s">
        <v>732</v>
      </c>
      <c r="L20749" s="5" t="s">
        <v>731</v>
      </c>
      <c r="M20749" s="2" t="s">
        <v>732</v>
      </c>
      <c r="N20749" s="5" t="s">
        <v>733</v>
      </c>
      <c r="O20749" s="5" t="s">
        <v>38</v>
      </c>
      <c r="P20749" s="5" t="s">
        <v>39</v>
      </c>
      <c r="Q20749" s="5" t="s">
        <v>40</v>
      </c>
      <c r="R20749" s="5" t="s">
        <v>73</v>
      </c>
      <c r="S20749" s="5" t="s">
        <v>40</v>
      </c>
      <c r="T20749" s="5" t="s">
        <v>42</v>
      </c>
      <c r="U20749" s="2">
        <v>3.258</v>
      </c>
      <c r="V20749" s="2">
        <v>3.113</v>
      </c>
      <c r="W20749" s="2">
        <v>0.124</v>
      </c>
      <c r="X20749" s="2">
        <v>80.87</v>
      </c>
      <c r="Y20749" s="2">
        <v>80.87</v>
      </c>
      <c r="Z20749" s="2">
        <v>19</v>
      </c>
      <c r="AA20749" s="5">
        <v>18</v>
      </c>
      <c r="AB20749" s="5" t="s">
        <v>43</v>
      </c>
      <c r="AC20749" s="5" t="s">
        <v>44</v>
      </c>
      <c r="AD20749" s="2" t="s">
        <v>66951</v>
      </c>
      <c r="AE20749" s="1"/>
    </row>
    <row r="20750" spans="1:31" ht="14.45">
      <c r="A20750" s="11"/>
      <c r="B20750" s="20"/>
      <c r="C20750" s="2" t="s">
        <v>66952</v>
      </c>
      <c r="D20750" s="14" t="s">
        <v>66953</v>
      </c>
      <c r="E20750" s="2" t="s">
        <v>66954</v>
      </c>
      <c r="F20750" s="2" t="s">
        <v>66955</v>
      </c>
      <c r="G20750" s="8">
        <v>273</v>
      </c>
      <c r="H20750" s="5">
        <v>5</v>
      </c>
      <c r="I20750" s="5" t="s">
        <v>69</v>
      </c>
      <c r="J20750" s="5" t="s">
        <v>731</v>
      </c>
      <c r="K20750" s="2" t="s">
        <v>732</v>
      </c>
      <c r="L20750" s="5" t="s">
        <v>731</v>
      </c>
      <c r="M20750" s="2" t="s">
        <v>732</v>
      </c>
      <c r="N20750" s="5" t="s">
        <v>733</v>
      </c>
      <c r="O20750" s="5" t="s">
        <v>38</v>
      </c>
      <c r="P20750" s="5" t="s">
        <v>39</v>
      </c>
      <c r="Q20750" s="5" t="s">
        <v>40</v>
      </c>
      <c r="R20750" s="5" t="s">
        <v>73</v>
      </c>
      <c r="S20750" s="5" t="s">
        <v>40</v>
      </c>
      <c r="T20750" s="5" t="s">
        <v>42</v>
      </c>
      <c r="U20750" s="2">
        <v>3.258</v>
      </c>
      <c r="V20750" s="2">
        <v>3.113</v>
      </c>
      <c r="W20750" s="2">
        <v>0.124</v>
      </c>
      <c r="X20750" s="2">
        <v>80.87</v>
      </c>
      <c r="Y20750" s="2">
        <v>80.87</v>
      </c>
      <c r="Z20750" s="2">
        <v>19</v>
      </c>
      <c r="AA20750" s="5">
        <v>18</v>
      </c>
      <c r="AB20750" s="5" t="s">
        <v>43</v>
      </c>
      <c r="AC20750" s="5" t="s">
        <v>44</v>
      </c>
      <c r="AD20750" s="2" t="s">
        <v>66956</v>
      </c>
      <c r="AE20750" s="1"/>
    </row>
    <row r="20751" spans="1:31" ht="14.45">
      <c r="A20751" s="11"/>
      <c r="B20751" s="20"/>
      <c r="C20751" s="2" t="s">
        <v>66957</v>
      </c>
      <c r="D20751" s="14" t="s">
        <v>66958</v>
      </c>
      <c r="E20751" s="2" t="s">
        <v>66959</v>
      </c>
      <c r="F20751" s="2" t="s">
        <v>66950</v>
      </c>
      <c r="G20751" s="8">
        <v>301</v>
      </c>
      <c r="H20751" s="5">
        <v>5</v>
      </c>
      <c r="I20751" s="5" t="s">
        <v>69</v>
      </c>
      <c r="J20751" s="5" t="s">
        <v>731</v>
      </c>
      <c r="K20751" s="2" t="s">
        <v>732</v>
      </c>
      <c r="L20751" s="5" t="s">
        <v>731</v>
      </c>
      <c r="M20751" s="2" t="s">
        <v>732</v>
      </c>
      <c r="N20751" s="5" t="s">
        <v>733</v>
      </c>
      <c r="O20751" s="5" t="s">
        <v>38</v>
      </c>
      <c r="P20751" s="5" t="s">
        <v>39</v>
      </c>
      <c r="Q20751" s="5" t="s">
        <v>40</v>
      </c>
      <c r="R20751" s="5" t="s">
        <v>73</v>
      </c>
      <c r="S20751" s="5" t="s">
        <v>40</v>
      </c>
      <c r="T20751" s="5" t="s">
        <v>42</v>
      </c>
      <c r="U20751" s="2">
        <v>4.3529999999999998</v>
      </c>
      <c r="V20751" s="2">
        <v>4.1820000000000004</v>
      </c>
      <c r="W20751" s="2">
        <v>0.17</v>
      </c>
      <c r="X20751" s="2">
        <v>110.87</v>
      </c>
      <c r="Y20751" s="2">
        <v>80.87</v>
      </c>
      <c r="Z20751" s="2">
        <v>19</v>
      </c>
      <c r="AA20751" s="5">
        <v>18</v>
      </c>
      <c r="AB20751" s="5" t="s">
        <v>43</v>
      </c>
      <c r="AC20751" s="5" t="s">
        <v>44</v>
      </c>
      <c r="AD20751" s="2" t="s">
        <v>66951</v>
      </c>
      <c r="AE20751" s="1"/>
    </row>
    <row r="20752" spans="1:31" ht="14.45">
      <c r="A20752" s="11"/>
      <c r="B20752" s="20"/>
      <c r="C20752" s="2" t="s">
        <v>66960</v>
      </c>
      <c r="D20752" s="14" t="s">
        <v>66961</v>
      </c>
      <c r="E20752" s="2" t="s">
        <v>66962</v>
      </c>
      <c r="F20752" s="2" t="s">
        <v>66955</v>
      </c>
      <c r="G20752" s="8">
        <v>301</v>
      </c>
      <c r="H20752" s="5">
        <v>5</v>
      </c>
      <c r="I20752" s="5" t="s">
        <v>69</v>
      </c>
      <c r="J20752" s="5" t="s">
        <v>731</v>
      </c>
      <c r="K20752" s="2" t="s">
        <v>732</v>
      </c>
      <c r="L20752" s="5" t="s">
        <v>731</v>
      </c>
      <c r="M20752" s="2" t="s">
        <v>732</v>
      </c>
      <c r="N20752" s="5" t="s">
        <v>733</v>
      </c>
      <c r="O20752" s="5" t="s">
        <v>38</v>
      </c>
      <c r="P20752" s="5" t="s">
        <v>39</v>
      </c>
      <c r="Q20752" s="5" t="s">
        <v>40</v>
      </c>
      <c r="R20752" s="5" t="s">
        <v>73</v>
      </c>
      <c r="S20752" s="5" t="s">
        <v>40</v>
      </c>
      <c r="T20752" s="5" t="s">
        <v>42</v>
      </c>
      <c r="U20752" s="2">
        <v>4.3529999999999998</v>
      </c>
      <c r="V20752" s="2">
        <v>4.1820000000000004</v>
      </c>
      <c r="W20752" s="2">
        <v>0.17</v>
      </c>
      <c r="X20752" s="2">
        <v>110.87</v>
      </c>
      <c r="Y20752" s="2">
        <v>80.87</v>
      </c>
      <c r="Z20752" s="2">
        <v>19</v>
      </c>
      <c r="AA20752" s="5">
        <v>18</v>
      </c>
      <c r="AB20752" s="5" t="s">
        <v>43</v>
      </c>
      <c r="AC20752" s="5" t="s">
        <v>44</v>
      </c>
      <c r="AD20752" s="2" t="s">
        <v>66956</v>
      </c>
      <c r="AE20752" s="1"/>
    </row>
    <row r="20753" spans="1:31" ht="14.45">
      <c r="A20753" s="11"/>
      <c r="B20753" s="20"/>
      <c r="C20753" s="2" t="s">
        <v>66963</v>
      </c>
      <c r="D20753" s="14" t="s">
        <v>66964</v>
      </c>
      <c r="E20753" s="2" t="s">
        <v>66965</v>
      </c>
      <c r="F20753" s="2" t="s">
        <v>66950</v>
      </c>
      <c r="G20753" s="8">
        <v>321</v>
      </c>
      <c r="H20753" s="5">
        <v>5</v>
      </c>
      <c r="I20753" s="5" t="s">
        <v>69</v>
      </c>
      <c r="J20753" s="5" t="s">
        <v>731</v>
      </c>
      <c r="K20753" s="2" t="s">
        <v>732</v>
      </c>
      <c r="L20753" s="5" t="s">
        <v>731</v>
      </c>
      <c r="M20753" s="2" t="s">
        <v>732</v>
      </c>
      <c r="N20753" s="5" t="s">
        <v>733</v>
      </c>
      <c r="O20753" s="5" t="s">
        <v>38</v>
      </c>
      <c r="P20753" s="5" t="s">
        <v>39</v>
      </c>
      <c r="Q20753" s="5" t="s">
        <v>40</v>
      </c>
      <c r="R20753" s="5" t="s">
        <v>73</v>
      </c>
      <c r="S20753" s="5" t="s">
        <v>40</v>
      </c>
      <c r="T20753" s="5" t="s">
        <v>42</v>
      </c>
      <c r="U20753" s="2">
        <v>4.9130000000000003</v>
      </c>
      <c r="V20753" s="2">
        <v>4.7270000000000003</v>
      </c>
      <c r="W20753" s="2">
        <v>0.193</v>
      </c>
      <c r="X20753" s="2">
        <v>100.87</v>
      </c>
      <c r="Y20753" s="2">
        <v>100.87</v>
      </c>
      <c r="Z20753" s="2">
        <v>19</v>
      </c>
      <c r="AA20753" s="5">
        <v>18</v>
      </c>
      <c r="AB20753" s="5" t="s">
        <v>43</v>
      </c>
      <c r="AC20753" s="5" t="s">
        <v>44</v>
      </c>
      <c r="AD20753" s="2" t="s">
        <v>66951</v>
      </c>
      <c r="AE20753" s="1"/>
    </row>
    <row r="20754" spans="1:31" ht="14.45">
      <c r="A20754" s="11"/>
      <c r="B20754" s="20"/>
      <c r="C20754" s="2" t="s">
        <v>66966</v>
      </c>
      <c r="D20754" s="14" t="s">
        <v>66967</v>
      </c>
      <c r="E20754" s="2" t="s">
        <v>66968</v>
      </c>
      <c r="F20754" s="2" t="s">
        <v>66955</v>
      </c>
      <c r="G20754" s="8">
        <v>321</v>
      </c>
      <c r="H20754" s="5">
        <v>5</v>
      </c>
      <c r="I20754" s="5" t="s">
        <v>69</v>
      </c>
      <c r="J20754" s="5" t="s">
        <v>731</v>
      </c>
      <c r="K20754" s="2" t="s">
        <v>732</v>
      </c>
      <c r="L20754" s="5" t="s">
        <v>731</v>
      </c>
      <c r="M20754" s="2" t="s">
        <v>732</v>
      </c>
      <c r="N20754" s="5" t="s">
        <v>733</v>
      </c>
      <c r="O20754" s="5" t="s">
        <v>38</v>
      </c>
      <c r="P20754" s="5" t="s">
        <v>39</v>
      </c>
      <c r="Q20754" s="5" t="s">
        <v>40</v>
      </c>
      <c r="R20754" s="5" t="s">
        <v>73</v>
      </c>
      <c r="S20754" s="5" t="s">
        <v>40</v>
      </c>
      <c r="T20754" s="5" t="s">
        <v>42</v>
      </c>
      <c r="U20754" s="2">
        <v>4.9130000000000003</v>
      </c>
      <c r="V20754" s="2">
        <v>4.7270000000000003</v>
      </c>
      <c r="W20754" s="2">
        <v>0.193</v>
      </c>
      <c r="X20754" s="2">
        <v>100.87</v>
      </c>
      <c r="Y20754" s="2">
        <v>100.87</v>
      </c>
      <c r="Z20754" s="2">
        <v>19</v>
      </c>
      <c r="AA20754" s="5">
        <v>18</v>
      </c>
      <c r="AB20754" s="5" t="s">
        <v>43</v>
      </c>
      <c r="AC20754" s="5" t="s">
        <v>44</v>
      </c>
      <c r="AD20754" s="2" t="s">
        <v>66956</v>
      </c>
      <c r="AE20754" s="1"/>
    </row>
    <row r="20755" spans="1:31" ht="14.45">
      <c r="A20755" s="11"/>
      <c r="B20755" s="20"/>
      <c r="C20755" s="2" t="s">
        <v>66969</v>
      </c>
      <c r="D20755" s="14" t="s">
        <v>66970</v>
      </c>
      <c r="E20755" s="2" t="s">
        <v>66971</v>
      </c>
      <c r="F20755" s="2" t="s">
        <v>66950</v>
      </c>
      <c r="G20755" s="8">
        <v>356</v>
      </c>
      <c r="H20755" s="5">
        <v>5</v>
      </c>
      <c r="I20755" s="5" t="s">
        <v>69</v>
      </c>
      <c r="J20755" s="5" t="s">
        <v>731</v>
      </c>
      <c r="K20755" s="2" t="s">
        <v>732</v>
      </c>
      <c r="L20755" s="5" t="s">
        <v>731</v>
      </c>
      <c r="M20755" s="2" t="s">
        <v>732</v>
      </c>
      <c r="N20755" s="5" t="s">
        <v>733</v>
      </c>
      <c r="O20755" s="5" t="s">
        <v>38</v>
      </c>
      <c r="P20755" s="5" t="s">
        <v>39</v>
      </c>
      <c r="Q20755" s="5" t="s">
        <v>40</v>
      </c>
      <c r="R20755" s="5" t="s">
        <v>73</v>
      </c>
      <c r="S20755" s="5" t="s">
        <v>40</v>
      </c>
      <c r="T20755" s="5" t="s">
        <v>42</v>
      </c>
      <c r="U20755" s="2">
        <v>5.8419999999999996</v>
      </c>
      <c r="V20755" s="2">
        <v>5.6340000000000003</v>
      </c>
      <c r="W20755" s="2">
        <v>0.29399999999999998</v>
      </c>
      <c r="X20755" s="2">
        <v>110.67</v>
      </c>
      <c r="Y20755" s="2">
        <v>110.67</v>
      </c>
      <c r="Z20755" s="2">
        <v>24</v>
      </c>
      <c r="AA20755" s="5">
        <v>18</v>
      </c>
      <c r="AB20755" s="5" t="s">
        <v>43</v>
      </c>
      <c r="AC20755" s="5" t="s">
        <v>44</v>
      </c>
      <c r="AD20755" s="2" t="s">
        <v>66951</v>
      </c>
      <c r="AE20755" s="1"/>
    </row>
    <row r="20756" spans="1:31" ht="14.45">
      <c r="A20756" s="11"/>
      <c r="B20756" s="20"/>
      <c r="C20756" s="2" t="s">
        <v>66972</v>
      </c>
      <c r="D20756" s="14" t="s">
        <v>66973</v>
      </c>
      <c r="E20756" s="2" t="s">
        <v>66974</v>
      </c>
      <c r="F20756" s="2" t="s">
        <v>66955</v>
      </c>
      <c r="G20756" s="8">
        <v>356</v>
      </c>
      <c r="H20756" s="5">
        <v>5</v>
      </c>
      <c r="I20756" s="5" t="s">
        <v>69</v>
      </c>
      <c r="J20756" s="5" t="s">
        <v>731</v>
      </c>
      <c r="K20756" s="2" t="s">
        <v>732</v>
      </c>
      <c r="L20756" s="5" t="s">
        <v>731</v>
      </c>
      <c r="M20756" s="2" t="s">
        <v>732</v>
      </c>
      <c r="N20756" s="5" t="s">
        <v>733</v>
      </c>
      <c r="O20756" s="5" t="s">
        <v>38</v>
      </c>
      <c r="P20756" s="5" t="s">
        <v>39</v>
      </c>
      <c r="Q20756" s="5" t="s">
        <v>40</v>
      </c>
      <c r="R20756" s="5" t="s">
        <v>73</v>
      </c>
      <c r="S20756" s="5" t="s">
        <v>40</v>
      </c>
      <c r="T20756" s="5" t="s">
        <v>42</v>
      </c>
      <c r="U20756" s="2">
        <v>5.8419999999999996</v>
      </c>
      <c r="V20756" s="2">
        <v>5.6340000000000003</v>
      </c>
      <c r="W20756" s="2">
        <v>0.29399999999999998</v>
      </c>
      <c r="X20756" s="2">
        <v>110.67</v>
      </c>
      <c r="Y20756" s="2">
        <v>110.67</v>
      </c>
      <c r="Z20756" s="2">
        <v>24</v>
      </c>
      <c r="AA20756" s="5">
        <v>18</v>
      </c>
      <c r="AB20756" s="5" t="s">
        <v>43</v>
      </c>
      <c r="AC20756" s="5" t="s">
        <v>44</v>
      </c>
      <c r="AD20756" s="2" t="s">
        <v>66956</v>
      </c>
      <c r="AE20756" s="1"/>
    </row>
    <row r="20757" spans="1:31" ht="14.45">
      <c r="A20757" s="11"/>
      <c r="B20757" s="20"/>
      <c r="C20757" s="2" t="s">
        <v>66975</v>
      </c>
      <c r="D20757" s="14" t="s">
        <v>66976</v>
      </c>
      <c r="E20757" s="2" t="s">
        <v>66977</v>
      </c>
      <c r="F20757" s="2" t="s">
        <v>66950</v>
      </c>
      <c r="G20757" s="8">
        <v>416</v>
      </c>
      <c r="H20757" s="5">
        <v>5</v>
      </c>
      <c r="I20757" s="5" t="s">
        <v>69</v>
      </c>
      <c r="J20757" s="5" t="s">
        <v>731</v>
      </c>
      <c r="K20757" s="2" t="s">
        <v>732</v>
      </c>
      <c r="L20757" s="5" t="s">
        <v>731</v>
      </c>
      <c r="M20757" s="2" t="s">
        <v>732</v>
      </c>
      <c r="N20757" s="5" t="s">
        <v>733</v>
      </c>
      <c r="O20757" s="5" t="s">
        <v>38</v>
      </c>
      <c r="P20757" s="5" t="s">
        <v>39</v>
      </c>
      <c r="Q20757" s="5" t="s">
        <v>40</v>
      </c>
      <c r="R20757" s="5" t="s">
        <v>73</v>
      </c>
      <c r="S20757" s="5" t="s">
        <v>40</v>
      </c>
      <c r="T20757" s="5" t="s">
        <v>42</v>
      </c>
      <c r="U20757" s="2">
        <v>7.2880000000000003</v>
      </c>
      <c r="V20757" s="2">
        <v>7.0359999999999996</v>
      </c>
      <c r="W20757" s="2">
        <v>0.374</v>
      </c>
      <c r="X20757" s="2">
        <v>140.66999999999999</v>
      </c>
      <c r="Y20757" s="2">
        <v>110.67</v>
      </c>
      <c r="Z20757" s="2">
        <v>24</v>
      </c>
      <c r="AA20757" s="5">
        <v>18</v>
      </c>
      <c r="AB20757" s="5" t="s">
        <v>43</v>
      </c>
      <c r="AC20757" s="5" t="s">
        <v>44</v>
      </c>
      <c r="AD20757" s="2" t="s">
        <v>66951</v>
      </c>
      <c r="AE20757" s="1"/>
    </row>
    <row r="20758" spans="1:31" ht="14.45">
      <c r="A20758" s="11"/>
      <c r="B20758" s="20"/>
      <c r="C20758" s="2" t="s">
        <v>66978</v>
      </c>
      <c r="D20758" s="14" t="s">
        <v>66979</v>
      </c>
      <c r="E20758" s="2" t="s">
        <v>66980</v>
      </c>
      <c r="F20758" s="2" t="s">
        <v>66955</v>
      </c>
      <c r="G20758" s="8">
        <v>416</v>
      </c>
      <c r="H20758" s="5">
        <v>5</v>
      </c>
      <c r="I20758" s="5" t="s">
        <v>69</v>
      </c>
      <c r="J20758" s="5" t="s">
        <v>731</v>
      </c>
      <c r="K20758" s="2" t="s">
        <v>732</v>
      </c>
      <c r="L20758" s="5" t="s">
        <v>731</v>
      </c>
      <c r="M20758" s="2" t="s">
        <v>732</v>
      </c>
      <c r="N20758" s="5" t="s">
        <v>733</v>
      </c>
      <c r="O20758" s="5" t="s">
        <v>38</v>
      </c>
      <c r="P20758" s="5" t="s">
        <v>39</v>
      </c>
      <c r="Q20758" s="5" t="s">
        <v>40</v>
      </c>
      <c r="R20758" s="5" t="s">
        <v>73</v>
      </c>
      <c r="S20758" s="5" t="s">
        <v>40</v>
      </c>
      <c r="T20758" s="5" t="s">
        <v>42</v>
      </c>
      <c r="U20758" s="2">
        <v>7.2880000000000003</v>
      </c>
      <c r="V20758" s="2">
        <v>7.0359999999999996</v>
      </c>
      <c r="W20758" s="2">
        <v>0.374</v>
      </c>
      <c r="X20758" s="2">
        <v>140.66999999999999</v>
      </c>
      <c r="Y20758" s="2">
        <v>110.67</v>
      </c>
      <c r="Z20758" s="2">
        <v>24</v>
      </c>
      <c r="AA20758" s="5">
        <v>18</v>
      </c>
      <c r="AB20758" s="5" t="s">
        <v>43</v>
      </c>
      <c r="AC20758" s="5" t="s">
        <v>44</v>
      </c>
      <c r="AD20758" s="2" t="s">
        <v>66956</v>
      </c>
      <c r="AE20758" s="1"/>
    </row>
    <row r="20759" spans="1:31" ht="14.45">
      <c r="A20759" s="11"/>
      <c r="B20759" s="20"/>
      <c r="C20759" s="2" t="s">
        <v>66981</v>
      </c>
      <c r="D20759" s="14" t="s">
        <v>66982</v>
      </c>
      <c r="E20759" s="2" t="s">
        <v>66983</v>
      </c>
      <c r="F20759" s="2" t="s">
        <v>66950</v>
      </c>
      <c r="G20759" s="8">
        <v>396</v>
      </c>
      <c r="H20759" s="5">
        <v>5</v>
      </c>
      <c r="I20759" s="5" t="s">
        <v>69</v>
      </c>
      <c r="J20759" s="5" t="s">
        <v>731</v>
      </c>
      <c r="K20759" s="2" t="s">
        <v>732</v>
      </c>
      <c r="L20759" s="5" t="s">
        <v>731</v>
      </c>
      <c r="M20759" s="2" t="s">
        <v>732</v>
      </c>
      <c r="N20759" s="5" t="s">
        <v>733</v>
      </c>
      <c r="O20759" s="5" t="s">
        <v>38</v>
      </c>
      <c r="P20759" s="5" t="s">
        <v>39</v>
      </c>
      <c r="Q20759" s="5" t="s">
        <v>40</v>
      </c>
      <c r="R20759" s="5" t="s">
        <v>73</v>
      </c>
      <c r="S20759" s="5" t="s">
        <v>40</v>
      </c>
      <c r="T20759" s="5" t="s">
        <v>42</v>
      </c>
      <c r="U20759" s="2">
        <v>6.7930000000000001</v>
      </c>
      <c r="V20759" s="2">
        <v>6.5609999999999999</v>
      </c>
      <c r="W20759" s="2">
        <v>0.34899999999999998</v>
      </c>
      <c r="X20759" s="2">
        <v>120.67</v>
      </c>
      <c r="Y20759" s="2">
        <v>120.67</v>
      </c>
      <c r="Z20759" s="2">
        <v>24</v>
      </c>
      <c r="AA20759" s="5">
        <v>18</v>
      </c>
      <c r="AB20759" s="5" t="s">
        <v>43</v>
      </c>
      <c r="AC20759" s="5" t="s">
        <v>44</v>
      </c>
      <c r="AD20759" s="2" t="s">
        <v>66951</v>
      </c>
      <c r="AE20759" s="1"/>
    </row>
    <row r="20760" spans="1:31" ht="14.45">
      <c r="A20760" s="11"/>
      <c r="B20760" s="20"/>
      <c r="C20760" s="2" t="s">
        <v>66984</v>
      </c>
      <c r="D20760" s="14" t="s">
        <v>66985</v>
      </c>
      <c r="E20760" s="2" t="s">
        <v>66986</v>
      </c>
      <c r="F20760" s="2" t="s">
        <v>66955</v>
      </c>
      <c r="G20760" s="8">
        <v>396</v>
      </c>
      <c r="H20760" s="5">
        <v>5</v>
      </c>
      <c r="I20760" s="5" t="s">
        <v>69</v>
      </c>
      <c r="J20760" s="5" t="s">
        <v>731</v>
      </c>
      <c r="K20760" s="2" t="s">
        <v>732</v>
      </c>
      <c r="L20760" s="5" t="s">
        <v>731</v>
      </c>
      <c r="M20760" s="2" t="s">
        <v>732</v>
      </c>
      <c r="N20760" s="5" t="s">
        <v>733</v>
      </c>
      <c r="O20760" s="5" t="s">
        <v>38</v>
      </c>
      <c r="P20760" s="5" t="s">
        <v>39</v>
      </c>
      <c r="Q20760" s="5" t="s">
        <v>40</v>
      </c>
      <c r="R20760" s="5" t="s">
        <v>73</v>
      </c>
      <c r="S20760" s="5" t="s">
        <v>40</v>
      </c>
      <c r="T20760" s="5" t="s">
        <v>42</v>
      </c>
      <c r="U20760" s="2">
        <v>6.7930000000000001</v>
      </c>
      <c r="V20760" s="2">
        <v>6.5609999999999999</v>
      </c>
      <c r="W20760" s="2">
        <v>0.34899999999999998</v>
      </c>
      <c r="X20760" s="2">
        <v>120.67</v>
      </c>
      <c r="Y20760" s="2">
        <v>120.67</v>
      </c>
      <c r="Z20760" s="2">
        <v>24</v>
      </c>
      <c r="AA20760" s="5">
        <v>18</v>
      </c>
      <c r="AB20760" s="5" t="s">
        <v>43</v>
      </c>
      <c r="AC20760" s="5" t="s">
        <v>44</v>
      </c>
      <c r="AD20760" s="2" t="s">
        <v>66956</v>
      </c>
      <c r="AE20760" s="1"/>
    </row>
    <row r="20761" spans="1:31" ht="14.45">
      <c r="A20761" s="11"/>
      <c r="B20761" s="20"/>
      <c r="C20761" s="2" t="s">
        <v>66987</v>
      </c>
      <c r="D20761" s="14" t="s">
        <v>66988</v>
      </c>
      <c r="E20761" s="2" t="s">
        <v>66989</v>
      </c>
      <c r="F20761" s="2" t="s">
        <v>66950</v>
      </c>
      <c r="G20761" s="8">
        <v>523</v>
      </c>
      <c r="H20761" s="5">
        <v>5</v>
      </c>
      <c r="I20761" s="5" t="s">
        <v>69</v>
      </c>
      <c r="J20761" s="5" t="s">
        <v>731</v>
      </c>
      <c r="K20761" s="2" t="s">
        <v>732</v>
      </c>
      <c r="L20761" s="5" t="s">
        <v>731</v>
      </c>
      <c r="M20761" s="2" t="s">
        <v>732</v>
      </c>
      <c r="N20761" s="5" t="s">
        <v>733</v>
      </c>
      <c r="O20761" s="5" t="s">
        <v>38</v>
      </c>
      <c r="P20761" s="5" t="s">
        <v>39</v>
      </c>
      <c r="Q20761" s="5" t="s">
        <v>40</v>
      </c>
      <c r="R20761" s="5" t="s">
        <v>73</v>
      </c>
      <c r="S20761" s="5" t="s">
        <v>40</v>
      </c>
      <c r="T20761" s="5" t="s">
        <v>42</v>
      </c>
      <c r="U20761" s="2">
        <v>9.593</v>
      </c>
      <c r="V20761" s="2">
        <v>9.2739999999999991</v>
      </c>
      <c r="W20761" s="2">
        <v>0.59699999999999998</v>
      </c>
      <c r="X20761" s="2">
        <v>170.67</v>
      </c>
      <c r="Y20761" s="2">
        <v>120.67</v>
      </c>
      <c r="Z20761" s="2">
        <v>29</v>
      </c>
      <c r="AA20761" s="5">
        <v>18</v>
      </c>
      <c r="AB20761" s="5" t="s">
        <v>43</v>
      </c>
      <c r="AC20761" s="5" t="s">
        <v>44</v>
      </c>
      <c r="AD20761" s="2" t="s">
        <v>66951</v>
      </c>
      <c r="AE20761" s="1"/>
    </row>
    <row r="20762" spans="1:31" ht="14.45">
      <c r="A20762" s="11"/>
      <c r="B20762" s="20"/>
      <c r="C20762" s="2" t="s">
        <v>66990</v>
      </c>
      <c r="D20762" s="14" t="s">
        <v>66991</v>
      </c>
      <c r="E20762" s="2" t="s">
        <v>66992</v>
      </c>
      <c r="F20762" s="2" t="s">
        <v>66955</v>
      </c>
      <c r="G20762" s="8">
        <v>523</v>
      </c>
      <c r="H20762" s="5">
        <v>5</v>
      </c>
      <c r="I20762" s="5" t="s">
        <v>69</v>
      </c>
      <c r="J20762" s="5" t="s">
        <v>731</v>
      </c>
      <c r="K20762" s="2" t="s">
        <v>732</v>
      </c>
      <c r="L20762" s="5" t="s">
        <v>731</v>
      </c>
      <c r="M20762" s="2" t="s">
        <v>732</v>
      </c>
      <c r="N20762" s="5" t="s">
        <v>733</v>
      </c>
      <c r="O20762" s="5" t="s">
        <v>38</v>
      </c>
      <c r="P20762" s="5" t="s">
        <v>39</v>
      </c>
      <c r="Q20762" s="5" t="s">
        <v>40</v>
      </c>
      <c r="R20762" s="5" t="s">
        <v>73</v>
      </c>
      <c r="S20762" s="5" t="s">
        <v>40</v>
      </c>
      <c r="T20762" s="5" t="s">
        <v>42</v>
      </c>
      <c r="U20762" s="2">
        <v>9.593</v>
      </c>
      <c r="V20762" s="2">
        <v>9.2739999999999991</v>
      </c>
      <c r="W20762" s="2">
        <v>0.59699999999999998</v>
      </c>
      <c r="X20762" s="2">
        <v>170.67</v>
      </c>
      <c r="Y20762" s="2">
        <v>120.67</v>
      </c>
      <c r="Z20762" s="2">
        <v>29</v>
      </c>
      <c r="AA20762" s="5">
        <v>18</v>
      </c>
      <c r="AB20762" s="5" t="s">
        <v>43</v>
      </c>
      <c r="AC20762" s="5" t="s">
        <v>44</v>
      </c>
      <c r="AD20762" s="2" t="s">
        <v>66956</v>
      </c>
      <c r="AE20762" s="1"/>
    </row>
    <row r="20763" spans="1:31" ht="14.45">
      <c r="A20763" s="11"/>
      <c r="B20763" s="20"/>
      <c r="C20763" s="2" t="s">
        <v>66993</v>
      </c>
      <c r="D20763" s="14" t="s">
        <v>66994</v>
      </c>
      <c r="E20763" s="2" t="s">
        <v>66995</v>
      </c>
      <c r="F20763" s="2" t="s">
        <v>66950</v>
      </c>
      <c r="G20763" s="8">
        <v>515</v>
      </c>
      <c r="H20763" s="5">
        <v>5</v>
      </c>
      <c r="I20763" s="5" t="s">
        <v>69</v>
      </c>
      <c r="J20763" s="5" t="s">
        <v>731</v>
      </c>
      <c r="K20763" s="2" t="s">
        <v>732</v>
      </c>
      <c r="L20763" s="5" t="s">
        <v>731</v>
      </c>
      <c r="M20763" s="2" t="s">
        <v>732</v>
      </c>
      <c r="N20763" s="5" t="s">
        <v>733</v>
      </c>
      <c r="O20763" s="5" t="s">
        <v>38</v>
      </c>
      <c r="P20763" s="5" t="s">
        <v>39</v>
      </c>
      <c r="Q20763" s="5" t="s">
        <v>40</v>
      </c>
      <c r="R20763" s="5" t="s">
        <v>73</v>
      </c>
      <c r="S20763" s="5" t="s">
        <v>40</v>
      </c>
      <c r="T20763" s="5" t="s">
        <v>42</v>
      </c>
      <c r="U20763" s="2">
        <v>9.3030000000000008</v>
      </c>
      <c r="V20763" s="2">
        <v>8.9700000000000006</v>
      </c>
      <c r="W20763" s="2">
        <v>0.57399999999999995</v>
      </c>
      <c r="X20763" s="2">
        <v>140.66999999999999</v>
      </c>
      <c r="Y20763" s="2">
        <v>140.66999999999999</v>
      </c>
      <c r="Z20763" s="2">
        <v>29</v>
      </c>
      <c r="AA20763" s="5">
        <v>18</v>
      </c>
      <c r="AB20763" s="5" t="s">
        <v>43</v>
      </c>
      <c r="AC20763" s="5" t="s">
        <v>44</v>
      </c>
      <c r="AD20763" s="2" t="s">
        <v>66951</v>
      </c>
      <c r="AE20763" s="1"/>
    </row>
    <row r="20764" spans="1:31" ht="14.45">
      <c r="A20764" s="11"/>
      <c r="B20764" s="20"/>
      <c r="C20764" s="2" t="s">
        <v>66996</v>
      </c>
      <c r="D20764" s="14" t="s">
        <v>66997</v>
      </c>
      <c r="E20764" s="2" t="s">
        <v>66998</v>
      </c>
      <c r="F20764" s="2" t="s">
        <v>66955</v>
      </c>
      <c r="G20764" s="8">
        <v>515</v>
      </c>
      <c r="H20764" s="5">
        <v>5</v>
      </c>
      <c r="I20764" s="5" t="s">
        <v>69</v>
      </c>
      <c r="J20764" s="5" t="s">
        <v>731</v>
      </c>
      <c r="K20764" s="2" t="s">
        <v>732</v>
      </c>
      <c r="L20764" s="5" t="s">
        <v>731</v>
      </c>
      <c r="M20764" s="2" t="s">
        <v>732</v>
      </c>
      <c r="N20764" s="5" t="s">
        <v>733</v>
      </c>
      <c r="O20764" s="5" t="s">
        <v>38</v>
      </c>
      <c r="P20764" s="5" t="s">
        <v>39</v>
      </c>
      <c r="Q20764" s="5" t="s">
        <v>40</v>
      </c>
      <c r="R20764" s="5" t="s">
        <v>73</v>
      </c>
      <c r="S20764" s="5" t="s">
        <v>40</v>
      </c>
      <c r="T20764" s="5" t="s">
        <v>42</v>
      </c>
      <c r="U20764" s="2">
        <v>9.3030000000000008</v>
      </c>
      <c r="V20764" s="2">
        <v>8.9700000000000006</v>
      </c>
      <c r="W20764" s="2">
        <v>0.57399999999999995</v>
      </c>
      <c r="X20764" s="2">
        <v>140.66999999999999</v>
      </c>
      <c r="Y20764" s="2">
        <v>140.66999999999999</v>
      </c>
      <c r="Z20764" s="2">
        <v>29</v>
      </c>
      <c r="AA20764" s="5">
        <v>18</v>
      </c>
      <c r="AB20764" s="5" t="s">
        <v>43</v>
      </c>
      <c r="AC20764" s="5" t="s">
        <v>44</v>
      </c>
      <c r="AD20764" s="2" t="s">
        <v>66956</v>
      </c>
      <c r="AE20764" s="1"/>
    </row>
    <row r="20765" spans="1:31" ht="14.45">
      <c r="A20765" s="11"/>
      <c r="B20765" s="20"/>
      <c r="C20765" s="2" t="s">
        <v>66999</v>
      </c>
      <c r="D20765" s="14" t="s">
        <v>67000</v>
      </c>
      <c r="E20765" s="2" t="s">
        <v>67001</v>
      </c>
      <c r="F20765" s="2" t="s">
        <v>66950</v>
      </c>
      <c r="G20765" s="8">
        <v>771</v>
      </c>
      <c r="H20765" s="5">
        <v>5</v>
      </c>
      <c r="I20765" s="5" t="s">
        <v>69</v>
      </c>
      <c r="J20765" s="5" t="s">
        <v>731</v>
      </c>
      <c r="K20765" s="2" t="s">
        <v>732</v>
      </c>
      <c r="L20765" s="5" t="s">
        <v>731</v>
      </c>
      <c r="M20765" s="2" t="s">
        <v>732</v>
      </c>
      <c r="N20765" s="5" t="s">
        <v>733</v>
      </c>
      <c r="O20765" s="5" t="s">
        <v>38</v>
      </c>
      <c r="P20765" s="5" t="s">
        <v>39</v>
      </c>
      <c r="Q20765" s="5" t="s">
        <v>40</v>
      </c>
      <c r="R20765" s="5" t="s">
        <v>73</v>
      </c>
      <c r="S20765" s="5" t="s">
        <v>40</v>
      </c>
      <c r="T20765" s="5" t="s">
        <v>42</v>
      </c>
      <c r="U20765" s="2">
        <v>17.148</v>
      </c>
      <c r="V20765" s="2">
        <v>16.716999999999999</v>
      </c>
      <c r="W20765" s="2">
        <v>0.84499999999999997</v>
      </c>
      <c r="X20765" s="2">
        <v>170.67</v>
      </c>
      <c r="Y20765" s="2">
        <v>170.67</v>
      </c>
      <c r="Z20765" s="2">
        <v>29</v>
      </c>
      <c r="AA20765" s="5">
        <v>18</v>
      </c>
      <c r="AB20765" s="5" t="s">
        <v>43</v>
      </c>
      <c r="AC20765" s="5" t="s">
        <v>44</v>
      </c>
      <c r="AD20765" s="2" t="s">
        <v>66951</v>
      </c>
      <c r="AE20765" s="1"/>
    </row>
    <row r="20766" spans="1:31" ht="14.45">
      <c r="A20766" s="11"/>
      <c r="B20766" s="20"/>
      <c r="C20766" s="2" t="s">
        <v>67002</v>
      </c>
      <c r="D20766" s="14" t="s">
        <v>67003</v>
      </c>
      <c r="E20766" s="2" t="s">
        <v>67004</v>
      </c>
      <c r="F20766" s="2" t="s">
        <v>66955</v>
      </c>
      <c r="G20766" s="8">
        <v>771</v>
      </c>
      <c r="H20766" s="5">
        <v>5</v>
      </c>
      <c r="I20766" s="5" t="s">
        <v>69</v>
      </c>
      <c r="J20766" s="5" t="s">
        <v>731</v>
      </c>
      <c r="K20766" s="2" t="s">
        <v>732</v>
      </c>
      <c r="L20766" s="5" t="s">
        <v>731</v>
      </c>
      <c r="M20766" s="2" t="s">
        <v>732</v>
      </c>
      <c r="N20766" s="5" t="s">
        <v>733</v>
      </c>
      <c r="O20766" s="5" t="s">
        <v>38</v>
      </c>
      <c r="P20766" s="5" t="s">
        <v>39</v>
      </c>
      <c r="Q20766" s="5" t="s">
        <v>40</v>
      </c>
      <c r="R20766" s="5" t="s">
        <v>73</v>
      </c>
      <c r="S20766" s="5" t="s">
        <v>40</v>
      </c>
      <c r="T20766" s="5" t="s">
        <v>42</v>
      </c>
      <c r="U20766" s="2">
        <v>17.148</v>
      </c>
      <c r="V20766" s="2">
        <v>16.716999999999999</v>
      </c>
      <c r="W20766" s="2">
        <v>0.84499999999999997</v>
      </c>
      <c r="X20766" s="2">
        <v>170.67</v>
      </c>
      <c r="Y20766" s="2">
        <v>170.67</v>
      </c>
      <c r="Z20766" s="2">
        <v>29</v>
      </c>
      <c r="AA20766" s="5">
        <v>18</v>
      </c>
      <c r="AB20766" s="5" t="s">
        <v>43</v>
      </c>
      <c r="AC20766" s="5" t="s">
        <v>44</v>
      </c>
      <c r="AD20766" s="2" t="s">
        <v>66956</v>
      </c>
      <c r="AE20766" s="1"/>
    </row>
    <row r="20767" spans="1:31" ht="14.45">
      <c r="A20767" s="5" t="s">
        <v>116</v>
      </c>
      <c r="B20767" s="21">
        <v>46266</v>
      </c>
      <c r="C20767" s="2" t="s">
        <v>67005</v>
      </c>
      <c r="D20767" s="14" t="s">
        <v>67006</v>
      </c>
      <c r="E20767" s="2" t="s">
        <v>67007</v>
      </c>
      <c r="F20767" s="2"/>
      <c r="G20767" s="8">
        <v>372</v>
      </c>
      <c r="H20767" s="5">
        <v>5</v>
      </c>
      <c r="I20767" s="5" t="s">
        <v>69</v>
      </c>
      <c r="J20767" s="5" t="s">
        <v>731</v>
      </c>
      <c r="K20767" s="2" t="s">
        <v>732</v>
      </c>
      <c r="L20767" s="5" t="s">
        <v>731</v>
      </c>
      <c r="M20767" s="2" t="s">
        <v>732</v>
      </c>
      <c r="N20767" s="5" t="s">
        <v>733</v>
      </c>
      <c r="O20767" s="5" t="s">
        <v>38</v>
      </c>
      <c r="P20767" s="5" t="s">
        <v>39</v>
      </c>
      <c r="Q20767" s="5" t="s">
        <v>40</v>
      </c>
      <c r="R20767" s="5" t="s">
        <v>66778</v>
      </c>
      <c r="S20767" s="5" t="s">
        <v>40</v>
      </c>
      <c r="T20767" s="5" t="s">
        <v>42</v>
      </c>
      <c r="U20767" s="2">
        <v>15.486000000000001</v>
      </c>
      <c r="V20767" s="2">
        <v>11.065</v>
      </c>
      <c r="W20767" s="2">
        <v>0.128</v>
      </c>
      <c r="X20767" s="2">
        <v>87</v>
      </c>
      <c r="Y20767" s="2">
        <v>86.3</v>
      </c>
      <c r="Z20767" s="2">
        <v>17</v>
      </c>
      <c r="AA20767" s="5">
        <v>7</v>
      </c>
      <c r="AB20767" s="5" t="s">
        <v>43</v>
      </c>
      <c r="AC20767" s="5" t="s">
        <v>44</v>
      </c>
      <c r="AD20767" s="2" t="s">
        <v>67008</v>
      </c>
      <c r="AE20767" s="1"/>
    </row>
    <row r="20768" spans="1:31" ht="14.45">
      <c r="A20768" s="5" t="s">
        <v>116</v>
      </c>
      <c r="B20768" s="21">
        <v>46266</v>
      </c>
      <c r="C20768" s="2" t="s">
        <v>67009</v>
      </c>
      <c r="D20768" s="14" t="s">
        <v>67010</v>
      </c>
      <c r="E20768" s="2" t="s">
        <v>67011</v>
      </c>
      <c r="F20768" s="2" t="s">
        <v>130</v>
      </c>
      <c r="G20768" s="8">
        <v>409</v>
      </c>
      <c r="H20768" s="5">
        <v>5</v>
      </c>
      <c r="I20768" s="5" t="s">
        <v>69</v>
      </c>
      <c r="J20768" s="5" t="s">
        <v>731</v>
      </c>
      <c r="K20768" s="2" t="s">
        <v>732</v>
      </c>
      <c r="L20768" s="5" t="s">
        <v>731</v>
      </c>
      <c r="M20768" s="2" t="s">
        <v>732</v>
      </c>
      <c r="N20768" s="5" t="s">
        <v>733</v>
      </c>
      <c r="O20768" s="5" t="s">
        <v>38</v>
      </c>
      <c r="P20768" s="5" t="s">
        <v>39</v>
      </c>
      <c r="Q20768" s="5" t="s">
        <v>40</v>
      </c>
      <c r="R20768" s="5" t="s">
        <v>66778</v>
      </c>
      <c r="S20768" s="5" t="s">
        <v>40</v>
      </c>
      <c r="T20768" s="5" t="s">
        <v>42</v>
      </c>
      <c r="U20768" s="2">
        <v>20.596</v>
      </c>
      <c r="V20768" s="2">
        <v>14.367000000000001</v>
      </c>
      <c r="W20768" s="2">
        <v>0.17199999999999999</v>
      </c>
      <c r="X20768" s="2">
        <v>87</v>
      </c>
      <c r="Y20768" s="2">
        <v>116.3</v>
      </c>
      <c r="Z20768" s="2">
        <v>17</v>
      </c>
      <c r="AA20768" s="5">
        <v>7</v>
      </c>
      <c r="AB20768" s="5" t="s">
        <v>43</v>
      </c>
      <c r="AC20768" s="5" t="s">
        <v>44</v>
      </c>
      <c r="AD20768" s="2" t="s">
        <v>67008</v>
      </c>
      <c r="AE20768" s="1"/>
    </row>
    <row r="20769" spans="1:31" ht="14.45">
      <c r="A20769" s="5" t="s">
        <v>116</v>
      </c>
      <c r="B20769" s="21">
        <v>46266</v>
      </c>
      <c r="C20769" s="2" t="s">
        <v>67012</v>
      </c>
      <c r="D20769" s="14" t="s">
        <v>67013</v>
      </c>
      <c r="E20769" s="2" t="s">
        <v>67014</v>
      </c>
      <c r="F20769" s="2" t="s">
        <v>130</v>
      </c>
      <c r="G20769" s="8">
        <v>436</v>
      </c>
      <c r="H20769" s="5">
        <v>5</v>
      </c>
      <c r="I20769" s="5" t="s">
        <v>69</v>
      </c>
      <c r="J20769" s="5" t="s">
        <v>731</v>
      </c>
      <c r="K20769" s="2" t="s">
        <v>732</v>
      </c>
      <c r="L20769" s="5" t="s">
        <v>731</v>
      </c>
      <c r="M20769" s="2" t="s">
        <v>732</v>
      </c>
      <c r="N20769" s="5" t="s">
        <v>733</v>
      </c>
      <c r="O20769" s="5" t="s">
        <v>38</v>
      </c>
      <c r="P20769" s="5" t="s">
        <v>39</v>
      </c>
      <c r="Q20769" s="5" t="s">
        <v>40</v>
      </c>
      <c r="R20769" s="5" t="s">
        <v>66778</v>
      </c>
      <c r="S20769" s="5" t="s">
        <v>40</v>
      </c>
      <c r="T20769" s="5" t="s">
        <v>42</v>
      </c>
      <c r="U20769" s="2">
        <v>22.988</v>
      </c>
      <c r="V20769" s="2">
        <v>15.795999999999999</v>
      </c>
      <c r="W20769" s="2">
        <v>0.193</v>
      </c>
      <c r="X20769" s="2">
        <v>107</v>
      </c>
      <c r="Y20769" s="2">
        <v>106.3</v>
      </c>
      <c r="Z20769" s="2">
        <v>17</v>
      </c>
      <c r="AA20769" s="5">
        <v>7</v>
      </c>
      <c r="AB20769" s="5" t="s">
        <v>43</v>
      </c>
      <c r="AC20769" s="5" t="s">
        <v>44</v>
      </c>
      <c r="AD20769" s="2" t="s">
        <v>67008</v>
      </c>
      <c r="AE20769" s="1"/>
    </row>
    <row r="20770" spans="1:31" ht="14.45">
      <c r="A20770" s="5" t="s">
        <v>116</v>
      </c>
      <c r="B20770" s="21">
        <v>46266</v>
      </c>
      <c r="C20770" s="2" t="s">
        <v>67015</v>
      </c>
      <c r="D20770" s="14" t="s">
        <v>67016</v>
      </c>
      <c r="E20770" s="2" t="s">
        <v>67017</v>
      </c>
      <c r="F20770" s="2" t="s">
        <v>130</v>
      </c>
      <c r="G20770" s="8">
        <v>485</v>
      </c>
      <c r="H20770" s="5">
        <v>5</v>
      </c>
      <c r="I20770" s="5" t="s">
        <v>69</v>
      </c>
      <c r="J20770" s="5" t="s">
        <v>731</v>
      </c>
      <c r="K20770" s="2" t="s">
        <v>732</v>
      </c>
      <c r="L20770" s="5" t="s">
        <v>731</v>
      </c>
      <c r="M20770" s="2" t="s">
        <v>732</v>
      </c>
      <c r="N20770" s="5" t="s">
        <v>733</v>
      </c>
      <c r="O20770" s="5" t="s">
        <v>38</v>
      </c>
      <c r="P20770" s="5" t="s">
        <v>39</v>
      </c>
      <c r="Q20770" s="5" t="s">
        <v>40</v>
      </c>
      <c r="R20770" s="5" t="s">
        <v>66778</v>
      </c>
      <c r="S20770" s="5" t="s">
        <v>40</v>
      </c>
      <c r="T20770" s="5" t="s">
        <v>42</v>
      </c>
      <c r="U20770" s="2">
        <v>27.417999999999999</v>
      </c>
      <c r="V20770" s="2">
        <v>18.57</v>
      </c>
      <c r="W20770" s="2">
        <v>0.23100000000000001</v>
      </c>
      <c r="X20770" s="2">
        <v>117</v>
      </c>
      <c r="Y20770" s="2">
        <v>116.3</v>
      </c>
      <c r="Z20770" s="2">
        <v>17</v>
      </c>
      <c r="AA20770" s="5">
        <v>7</v>
      </c>
      <c r="AB20770" s="5" t="s">
        <v>43</v>
      </c>
      <c r="AC20770" s="5" t="s">
        <v>44</v>
      </c>
      <c r="AD20770" s="2" t="s">
        <v>67008</v>
      </c>
      <c r="AE20770" s="1"/>
    </row>
    <row r="20771" spans="1:31" ht="14.45">
      <c r="A20771" s="5" t="s">
        <v>116</v>
      </c>
      <c r="B20771" s="21">
        <v>46266</v>
      </c>
      <c r="C20771" s="2" t="s">
        <v>67018</v>
      </c>
      <c r="D20771" s="14" t="s">
        <v>67019</v>
      </c>
      <c r="E20771" s="2" t="s">
        <v>67020</v>
      </c>
      <c r="F20771" s="2" t="s">
        <v>130</v>
      </c>
      <c r="G20771" s="8">
        <v>565</v>
      </c>
      <c r="H20771" s="5">
        <v>5</v>
      </c>
      <c r="I20771" s="5" t="s">
        <v>69</v>
      </c>
      <c r="J20771" s="5" t="s">
        <v>731</v>
      </c>
      <c r="K20771" s="2" t="s">
        <v>732</v>
      </c>
      <c r="L20771" s="5" t="s">
        <v>731</v>
      </c>
      <c r="M20771" s="2" t="s">
        <v>732</v>
      </c>
      <c r="N20771" s="5" t="s">
        <v>733</v>
      </c>
      <c r="O20771" s="5" t="s">
        <v>38</v>
      </c>
      <c r="P20771" s="5" t="s">
        <v>39</v>
      </c>
      <c r="Q20771" s="5" t="s">
        <v>40</v>
      </c>
      <c r="R20771" s="5" t="s">
        <v>66778</v>
      </c>
      <c r="S20771" s="5" t="s">
        <v>40</v>
      </c>
      <c r="T20771" s="5" t="s">
        <v>42</v>
      </c>
      <c r="U20771" s="2">
        <v>34.228000000000002</v>
      </c>
      <c r="V20771" s="2">
        <v>22.771000000000001</v>
      </c>
      <c r="W20771" s="2">
        <v>0.29099999999999998</v>
      </c>
      <c r="X20771" s="2">
        <v>117</v>
      </c>
      <c r="Y20771" s="2">
        <v>146.30000000000001</v>
      </c>
      <c r="Z20771" s="2">
        <v>17</v>
      </c>
      <c r="AA20771" s="5">
        <v>7</v>
      </c>
      <c r="AB20771" s="5" t="s">
        <v>43</v>
      </c>
      <c r="AC20771" s="5" t="s">
        <v>44</v>
      </c>
      <c r="AD20771" s="2" t="s">
        <v>67008</v>
      </c>
      <c r="AE20771" s="1"/>
    </row>
    <row r="20772" spans="1:31" ht="14.45">
      <c r="A20772" s="5" t="s">
        <v>116</v>
      </c>
      <c r="B20772" s="21">
        <v>46266</v>
      </c>
      <c r="C20772" s="2" t="s">
        <v>67021</v>
      </c>
      <c r="D20772" s="14" t="s">
        <v>67022</v>
      </c>
      <c r="E20772" s="2" t="s">
        <v>67023</v>
      </c>
      <c r="F20772" s="2" t="s">
        <v>130</v>
      </c>
      <c r="G20772" s="8">
        <v>539</v>
      </c>
      <c r="H20772" s="5">
        <v>5</v>
      </c>
      <c r="I20772" s="5" t="s">
        <v>69</v>
      </c>
      <c r="J20772" s="5" t="s">
        <v>731</v>
      </c>
      <c r="K20772" s="2" t="s">
        <v>732</v>
      </c>
      <c r="L20772" s="5" t="s">
        <v>731</v>
      </c>
      <c r="M20772" s="2" t="s">
        <v>732</v>
      </c>
      <c r="N20772" s="5" t="s">
        <v>733</v>
      </c>
      <c r="O20772" s="5" t="s">
        <v>38</v>
      </c>
      <c r="P20772" s="5" t="s">
        <v>39</v>
      </c>
      <c r="Q20772" s="5" t="s">
        <v>40</v>
      </c>
      <c r="R20772" s="5" t="s">
        <v>66778</v>
      </c>
      <c r="S20772" s="5" t="s">
        <v>40</v>
      </c>
      <c r="T20772" s="5" t="s">
        <v>42</v>
      </c>
      <c r="U20772" s="2">
        <v>32.064</v>
      </c>
      <c r="V20772" s="2">
        <v>21.385000000000002</v>
      </c>
      <c r="W20772" s="2">
        <v>0.27300000000000002</v>
      </c>
      <c r="X20772" s="2">
        <v>127</v>
      </c>
      <c r="Y20772" s="2">
        <v>126.3</v>
      </c>
      <c r="Z20772" s="2">
        <v>17</v>
      </c>
      <c r="AA20772" s="5">
        <v>7</v>
      </c>
      <c r="AB20772" s="5" t="s">
        <v>43</v>
      </c>
      <c r="AC20772" s="5" t="s">
        <v>44</v>
      </c>
      <c r="AD20772" s="2" t="s">
        <v>67008</v>
      </c>
      <c r="AE20772" s="1"/>
    </row>
    <row r="20773" spans="1:31" ht="14.45">
      <c r="A20773" s="5" t="s">
        <v>116</v>
      </c>
      <c r="B20773" s="21">
        <v>46266</v>
      </c>
      <c r="C20773" s="2" t="s">
        <v>67024</v>
      </c>
      <c r="D20773" s="14" t="s">
        <v>67025</v>
      </c>
      <c r="E20773" s="2" t="s">
        <v>67026</v>
      </c>
      <c r="F20773" s="2" t="s">
        <v>130</v>
      </c>
      <c r="G20773" s="8">
        <v>711</v>
      </c>
      <c r="H20773" s="5">
        <v>5</v>
      </c>
      <c r="I20773" s="5" t="s">
        <v>69</v>
      </c>
      <c r="J20773" s="5" t="s">
        <v>731</v>
      </c>
      <c r="K20773" s="2" t="s">
        <v>732</v>
      </c>
      <c r="L20773" s="5" t="s">
        <v>731</v>
      </c>
      <c r="M20773" s="2" t="s">
        <v>732</v>
      </c>
      <c r="N20773" s="5" t="s">
        <v>733</v>
      </c>
      <c r="O20773" s="5" t="s">
        <v>38</v>
      </c>
      <c r="P20773" s="5" t="s">
        <v>39</v>
      </c>
      <c r="Q20773" s="5" t="s">
        <v>40</v>
      </c>
      <c r="R20773" s="5" t="s">
        <v>66778</v>
      </c>
      <c r="S20773" s="5" t="s">
        <v>40</v>
      </c>
      <c r="T20773" s="5" t="s">
        <v>42</v>
      </c>
      <c r="U20773" s="2">
        <v>48.978000000000002</v>
      </c>
      <c r="V20773" s="2">
        <v>33.503999999999998</v>
      </c>
      <c r="W20773" s="2">
        <v>0.38100000000000001</v>
      </c>
      <c r="X20773" s="2">
        <v>127</v>
      </c>
      <c r="Y20773" s="2">
        <v>176.3</v>
      </c>
      <c r="Z20773" s="2">
        <v>17</v>
      </c>
      <c r="AA20773" s="5">
        <v>7</v>
      </c>
      <c r="AB20773" s="5" t="s">
        <v>43</v>
      </c>
      <c r="AC20773" s="5" t="s">
        <v>44</v>
      </c>
      <c r="AD20773" s="2" t="s">
        <v>67008</v>
      </c>
      <c r="AE20773" s="1"/>
    </row>
    <row r="20774" spans="1:31" ht="14.45">
      <c r="A20774" s="5" t="s">
        <v>116</v>
      </c>
      <c r="B20774" s="21">
        <v>46266</v>
      </c>
      <c r="C20774" s="2" t="s">
        <v>67027</v>
      </c>
      <c r="D20774" s="14" t="s">
        <v>67028</v>
      </c>
      <c r="E20774" s="2" t="s">
        <v>67029</v>
      </c>
      <c r="F20774" s="2" t="s">
        <v>130</v>
      </c>
      <c r="G20774" s="8">
        <v>700</v>
      </c>
      <c r="H20774" s="5">
        <v>5</v>
      </c>
      <c r="I20774" s="5" t="s">
        <v>69</v>
      </c>
      <c r="J20774" s="5" t="s">
        <v>731</v>
      </c>
      <c r="K20774" s="2" t="s">
        <v>732</v>
      </c>
      <c r="L20774" s="5" t="s">
        <v>731</v>
      </c>
      <c r="M20774" s="2" t="s">
        <v>732</v>
      </c>
      <c r="N20774" s="5" t="s">
        <v>733</v>
      </c>
      <c r="O20774" s="5" t="s">
        <v>38</v>
      </c>
      <c r="P20774" s="5" t="s">
        <v>39</v>
      </c>
      <c r="Q20774" s="5" t="s">
        <v>40</v>
      </c>
      <c r="R20774" s="5" t="s">
        <v>66778</v>
      </c>
      <c r="S20774" s="5" t="s">
        <v>40</v>
      </c>
      <c r="T20774" s="5" t="s">
        <v>42</v>
      </c>
      <c r="U20774" s="2">
        <v>42.747999999999998</v>
      </c>
      <c r="V20774" s="2">
        <v>27.872</v>
      </c>
      <c r="W20774" s="2">
        <v>0.36599999999999999</v>
      </c>
      <c r="X20774" s="2">
        <v>147</v>
      </c>
      <c r="Y20774" s="2">
        <v>146.30000000000001</v>
      </c>
      <c r="Z20774" s="2">
        <v>17</v>
      </c>
      <c r="AA20774" s="5">
        <v>7</v>
      </c>
      <c r="AB20774" s="5" t="s">
        <v>43</v>
      </c>
      <c r="AC20774" s="5" t="s">
        <v>44</v>
      </c>
      <c r="AD20774" s="2" t="s">
        <v>67008</v>
      </c>
      <c r="AE20774" s="1"/>
    </row>
    <row r="20775" spans="1:31" ht="14.45">
      <c r="A20775" s="11"/>
      <c r="B20775" s="20"/>
      <c r="C20775" s="2" t="s">
        <v>67030</v>
      </c>
      <c r="D20775" s="14" t="s">
        <v>67031</v>
      </c>
      <c r="E20775" s="2" t="s">
        <v>67032</v>
      </c>
      <c r="F20775" s="2" t="s">
        <v>67033</v>
      </c>
      <c r="G20775" s="8">
        <v>229</v>
      </c>
      <c r="H20775" s="5">
        <v>20</v>
      </c>
      <c r="I20775" s="5" t="s">
        <v>69</v>
      </c>
      <c r="J20775" s="5" t="s">
        <v>731</v>
      </c>
      <c r="K20775" s="2" t="s">
        <v>732</v>
      </c>
      <c r="L20775" s="5" t="s">
        <v>731</v>
      </c>
      <c r="M20775" s="2" t="s">
        <v>732</v>
      </c>
      <c r="N20775" s="5" t="s">
        <v>733</v>
      </c>
      <c r="O20775" s="5" t="s">
        <v>38</v>
      </c>
      <c r="P20775" s="5" t="s">
        <v>39</v>
      </c>
      <c r="Q20775" s="5" t="s">
        <v>40</v>
      </c>
      <c r="R20775" s="5" t="s">
        <v>734</v>
      </c>
      <c r="S20775" s="5" t="s">
        <v>40</v>
      </c>
      <c r="T20775" s="5" t="s">
        <v>42</v>
      </c>
      <c r="U20775" s="2">
        <v>4.38</v>
      </c>
      <c r="V20775" s="2">
        <v>2.77</v>
      </c>
      <c r="W20775" s="2">
        <v>0.123</v>
      </c>
      <c r="X20775" s="2">
        <v>81</v>
      </c>
      <c r="Y20775" s="2">
        <v>81</v>
      </c>
      <c r="Z20775" s="2">
        <v>18.7</v>
      </c>
      <c r="AA20775" s="5">
        <v>6</v>
      </c>
      <c r="AB20775" s="5" t="s">
        <v>43</v>
      </c>
      <c r="AC20775" s="5" t="s">
        <v>44</v>
      </c>
      <c r="AD20775" s="2" t="s">
        <v>67034</v>
      </c>
      <c r="AE20775" s="1"/>
    </row>
    <row r="20776" spans="1:31" ht="14.45">
      <c r="A20776" s="11"/>
      <c r="B20776" s="20"/>
      <c r="C20776" s="2" t="s">
        <v>67035</v>
      </c>
      <c r="D20776" s="14" t="s">
        <v>67036</v>
      </c>
      <c r="E20776" s="2" t="s">
        <v>67037</v>
      </c>
      <c r="F20776" s="2" t="s">
        <v>67038</v>
      </c>
      <c r="G20776" s="8">
        <v>339</v>
      </c>
      <c r="H20776" s="5">
        <v>20</v>
      </c>
      <c r="I20776" s="5" t="s">
        <v>69</v>
      </c>
      <c r="J20776" s="5" t="s">
        <v>731</v>
      </c>
      <c r="K20776" s="2" t="s">
        <v>732</v>
      </c>
      <c r="L20776" s="5" t="s">
        <v>731</v>
      </c>
      <c r="M20776" s="2" t="s">
        <v>732</v>
      </c>
      <c r="N20776" s="5" t="s">
        <v>733</v>
      </c>
      <c r="O20776" s="5" t="s">
        <v>38</v>
      </c>
      <c r="P20776" s="5" t="s">
        <v>39</v>
      </c>
      <c r="Q20776" s="5" t="s">
        <v>40</v>
      </c>
      <c r="R20776" s="5" t="s">
        <v>734</v>
      </c>
      <c r="S20776" s="5" t="s">
        <v>40</v>
      </c>
      <c r="T20776" s="5" t="s">
        <v>42</v>
      </c>
      <c r="U20776" s="2">
        <v>4.9800000000000004</v>
      </c>
      <c r="V20776" s="2">
        <v>3.37</v>
      </c>
      <c r="W20776" s="2">
        <v>0.123</v>
      </c>
      <c r="X20776" s="2">
        <v>81</v>
      </c>
      <c r="Y20776" s="2">
        <v>81</v>
      </c>
      <c r="Z20776" s="2">
        <v>18.7</v>
      </c>
      <c r="AA20776" s="5">
        <v>6</v>
      </c>
      <c r="AB20776" s="5" t="s">
        <v>43</v>
      </c>
      <c r="AC20776" s="5" t="s">
        <v>44</v>
      </c>
      <c r="AD20776" s="2" t="s">
        <v>67039</v>
      </c>
      <c r="AE20776" s="1"/>
    </row>
    <row r="20777" spans="1:31" ht="14.45">
      <c r="A20777" s="11"/>
      <c r="B20777" s="20"/>
      <c r="C20777" s="2" t="s">
        <v>67040</v>
      </c>
      <c r="D20777" s="14" t="s">
        <v>67041</v>
      </c>
      <c r="E20777" s="2" t="s">
        <v>67042</v>
      </c>
      <c r="F20777" s="2" t="s">
        <v>67033</v>
      </c>
      <c r="G20777" s="8">
        <v>293</v>
      </c>
      <c r="H20777" s="5">
        <v>20</v>
      </c>
      <c r="I20777" s="5" t="s">
        <v>69</v>
      </c>
      <c r="J20777" s="5" t="s">
        <v>731</v>
      </c>
      <c r="K20777" s="2" t="s">
        <v>732</v>
      </c>
      <c r="L20777" s="5" t="s">
        <v>731</v>
      </c>
      <c r="M20777" s="2" t="s">
        <v>732</v>
      </c>
      <c r="N20777" s="5" t="s">
        <v>733</v>
      </c>
      <c r="O20777" s="5" t="s">
        <v>38</v>
      </c>
      <c r="P20777" s="5" t="s">
        <v>39</v>
      </c>
      <c r="Q20777" s="5" t="s">
        <v>40</v>
      </c>
      <c r="R20777" s="5" t="s">
        <v>734</v>
      </c>
      <c r="S20777" s="5" t="s">
        <v>40</v>
      </c>
      <c r="T20777" s="5" t="s">
        <v>42</v>
      </c>
      <c r="U20777" s="2">
        <v>5.64</v>
      </c>
      <c r="V20777" s="2">
        <v>4.0199999999999996</v>
      </c>
      <c r="W20777" s="2">
        <v>0.123</v>
      </c>
      <c r="X20777" s="2">
        <v>81</v>
      </c>
      <c r="Y20777" s="2">
        <v>81</v>
      </c>
      <c r="Z20777" s="2">
        <v>18.7</v>
      </c>
      <c r="AA20777" s="5">
        <v>6</v>
      </c>
      <c r="AB20777" s="5" t="s">
        <v>43</v>
      </c>
      <c r="AC20777" s="5" t="s">
        <v>44</v>
      </c>
      <c r="AD20777" s="2" t="s">
        <v>67034</v>
      </c>
      <c r="AE20777" s="1"/>
    </row>
    <row r="20778" spans="1:31" ht="14.45">
      <c r="A20778" s="11"/>
      <c r="B20778" s="20"/>
      <c r="C20778" s="2" t="s">
        <v>67043</v>
      </c>
      <c r="D20778" s="14" t="s">
        <v>67044</v>
      </c>
      <c r="E20778" s="2" t="s">
        <v>67045</v>
      </c>
      <c r="F20778" s="2" t="s">
        <v>67038</v>
      </c>
      <c r="G20778" s="8">
        <v>433</v>
      </c>
      <c r="H20778" s="5">
        <v>20</v>
      </c>
      <c r="I20778" s="5" t="s">
        <v>69</v>
      </c>
      <c r="J20778" s="5" t="s">
        <v>731</v>
      </c>
      <c r="K20778" s="2" t="s">
        <v>732</v>
      </c>
      <c r="L20778" s="5" t="s">
        <v>731</v>
      </c>
      <c r="M20778" s="2" t="s">
        <v>732</v>
      </c>
      <c r="N20778" s="5" t="s">
        <v>733</v>
      </c>
      <c r="O20778" s="5" t="s">
        <v>38</v>
      </c>
      <c r="P20778" s="5" t="s">
        <v>39</v>
      </c>
      <c r="Q20778" s="5" t="s">
        <v>40</v>
      </c>
      <c r="R20778" s="5" t="s">
        <v>734</v>
      </c>
      <c r="S20778" s="5" t="s">
        <v>40</v>
      </c>
      <c r="T20778" s="5" t="s">
        <v>42</v>
      </c>
      <c r="U20778" s="2">
        <v>6.84</v>
      </c>
      <c r="V20778" s="2">
        <v>5.22</v>
      </c>
      <c r="W20778" s="2">
        <v>0.123</v>
      </c>
      <c r="X20778" s="2">
        <v>81</v>
      </c>
      <c r="Y20778" s="2">
        <v>81</v>
      </c>
      <c r="Z20778" s="2">
        <v>18.7</v>
      </c>
      <c r="AA20778" s="5">
        <v>6</v>
      </c>
      <c r="AB20778" s="5" t="s">
        <v>43</v>
      </c>
      <c r="AC20778" s="5" t="s">
        <v>44</v>
      </c>
      <c r="AD20778" s="2" t="s">
        <v>67039</v>
      </c>
      <c r="AE20778" s="1"/>
    </row>
    <row r="20779" spans="1:31" ht="14.45">
      <c r="A20779" s="11"/>
      <c r="B20779" s="20"/>
      <c r="C20779" s="2" t="s">
        <v>67046</v>
      </c>
      <c r="D20779" s="14" t="s">
        <v>67047</v>
      </c>
      <c r="E20779" s="2" t="s">
        <v>67048</v>
      </c>
      <c r="F20779" s="2" t="s">
        <v>67033</v>
      </c>
      <c r="G20779" s="8">
        <v>281</v>
      </c>
      <c r="H20779" s="5">
        <v>20</v>
      </c>
      <c r="I20779" s="5" t="s">
        <v>69</v>
      </c>
      <c r="J20779" s="5" t="s">
        <v>731</v>
      </c>
      <c r="K20779" s="2" t="s">
        <v>732</v>
      </c>
      <c r="L20779" s="5" t="s">
        <v>731</v>
      </c>
      <c r="M20779" s="2" t="s">
        <v>732</v>
      </c>
      <c r="N20779" s="5" t="s">
        <v>733</v>
      </c>
      <c r="O20779" s="5" t="s">
        <v>38</v>
      </c>
      <c r="P20779" s="5" t="s">
        <v>39</v>
      </c>
      <c r="Q20779" s="5" t="s">
        <v>40</v>
      </c>
      <c r="R20779" s="5" t="s">
        <v>734</v>
      </c>
      <c r="S20779" s="5" t="s">
        <v>40</v>
      </c>
      <c r="T20779" s="5" t="s">
        <v>42</v>
      </c>
      <c r="U20779" s="2">
        <v>5.28</v>
      </c>
      <c r="V20779" s="2">
        <v>3.25</v>
      </c>
      <c r="W20779" s="2">
        <v>0.17100000000000001</v>
      </c>
      <c r="X20779" s="2">
        <v>91</v>
      </c>
      <c r="Y20779" s="2">
        <v>91</v>
      </c>
      <c r="Z20779" s="2">
        <v>20.7</v>
      </c>
      <c r="AA20779" s="5">
        <v>5</v>
      </c>
      <c r="AB20779" s="5" t="s">
        <v>43</v>
      </c>
      <c r="AC20779" s="5" t="s">
        <v>44</v>
      </c>
      <c r="AD20779" s="2" t="s">
        <v>67034</v>
      </c>
      <c r="AE20779" s="1"/>
    </row>
    <row r="20780" spans="1:31" ht="14.45">
      <c r="A20780" s="11"/>
      <c r="B20780" s="20"/>
      <c r="C20780" s="2" t="s">
        <v>67049</v>
      </c>
      <c r="D20780" s="14" t="s">
        <v>67050</v>
      </c>
      <c r="E20780" s="2" t="s">
        <v>67051</v>
      </c>
      <c r="F20780" s="2" t="s">
        <v>67038</v>
      </c>
      <c r="G20780" s="8">
        <v>416</v>
      </c>
      <c r="H20780" s="5">
        <v>20</v>
      </c>
      <c r="I20780" s="5" t="s">
        <v>69</v>
      </c>
      <c r="J20780" s="5" t="s">
        <v>731</v>
      </c>
      <c r="K20780" s="2" t="s">
        <v>732</v>
      </c>
      <c r="L20780" s="5" t="s">
        <v>731</v>
      </c>
      <c r="M20780" s="2" t="s">
        <v>732</v>
      </c>
      <c r="N20780" s="5" t="s">
        <v>733</v>
      </c>
      <c r="O20780" s="5" t="s">
        <v>38</v>
      </c>
      <c r="P20780" s="5" t="s">
        <v>39</v>
      </c>
      <c r="Q20780" s="5" t="s">
        <v>40</v>
      </c>
      <c r="R20780" s="5" t="s">
        <v>734</v>
      </c>
      <c r="S20780" s="5" t="s">
        <v>40</v>
      </c>
      <c r="T20780" s="5" t="s">
        <v>42</v>
      </c>
      <c r="U20780" s="2">
        <v>6.18</v>
      </c>
      <c r="V20780" s="2">
        <v>4.1500000000000004</v>
      </c>
      <c r="W20780" s="2">
        <v>0.17100000000000001</v>
      </c>
      <c r="X20780" s="2">
        <v>91</v>
      </c>
      <c r="Y20780" s="2">
        <v>91</v>
      </c>
      <c r="Z20780" s="2">
        <v>20.7</v>
      </c>
      <c r="AA20780" s="5">
        <v>5</v>
      </c>
      <c r="AB20780" s="5" t="s">
        <v>43</v>
      </c>
      <c r="AC20780" s="5" t="s">
        <v>44</v>
      </c>
      <c r="AD20780" s="2" t="s">
        <v>67039</v>
      </c>
      <c r="AE20780" s="1"/>
    </row>
    <row r="20781" spans="1:31" ht="14.45">
      <c r="A20781" s="11"/>
      <c r="B20781" s="20"/>
      <c r="C20781" s="2" t="s">
        <v>67052</v>
      </c>
      <c r="D20781" s="14" t="s">
        <v>67053</v>
      </c>
      <c r="E20781" s="2" t="s">
        <v>67054</v>
      </c>
      <c r="F20781" s="2" t="s">
        <v>67033</v>
      </c>
      <c r="G20781" s="8">
        <v>338</v>
      </c>
      <c r="H20781" s="5">
        <v>20</v>
      </c>
      <c r="I20781" s="5" t="s">
        <v>69</v>
      </c>
      <c r="J20781" s="5" t="s">
        <v>731</v>
      </c>
      <c r="K20781" s="2" t="s">
        <v>732</v>
      </c>
      <c r="L20781" s="5" t="s">
        <v>731</v>
      </c>
      <c r="M20781" s="2" t="s">
        <v>732</v>
      </c>
      <c r="N20781" s="5" t="s">
        <v>733</v>
      </c>
      <c r="O20781" s="5" t="s">
        <v>38</v>
      </c>
      <c r="P20781" s="5" t="s">
        <v>39</v>
      </c>
      <c r="Q20781" s="5" t="s">
        <v>40</v>
      </c>
      <c r="R20781" s="5" t="s">
        <v>734</v>
      </c>
      <c r="S20781" s="5" t="s">
        <v>40</v>
      </c>
      <c r="T20781" s="5" t="s">
        <v>42</v>
      </c>
      <c r="U20781" s="2">
        <v>7.08</v>
      </c>
      <c r="V20781" s="2">
        <v>5.05</v>
      </c>
      <c r="W20781" s="2">
        <v>0.17100000000000001</v>
      </c>
      <c r="X20781" s="2">
        <v>91</v>
      </c>
      <c r="Y20781" s="2">
        <v>91</v>
      </c>
      <c r="Z20781" s="2">
        <v>20.7</v>
      </c>
      <c r="AA20781" s="5">
        <v>5</v>
      </c>
      <c r="AB20781" s="5" t="s">
        <v>43</v>
      </c>
      <c r="AC20781" s="5" t="s">
        <v>44</v>
      </c>
      <c r="AD20781" s="2" t="s">
        <v>67034</v>
      </c>
      <c r="AE20781" s="1"/>
    </row>
    <row r="20782" spans="1:31" ht="14.45">
      <c r="A20782" s="11"/>
      <c r="B20782" s="20"/>
      <c r="C20782" s="2" t="s">
        <v>67055</v>
      </c>
      <c r="D20782" s="14" t="s">
        <v>67056</v>
      </c>
      <c r="E20782" s="2" t="s">
        <v>67057</v>
      </c>
      <c r="F20782" s="2" t="s">
        <v>67038</v>
      </c>
      <c r="G20782" s="8">
        <v>500</v>
      </c>
      <c r="H20782" s="5">
        <v>20</v>
      </c>
      <c r="I20782" s="5" t="s">
        <v>69</v>
      </c>
      <c r="J20782" s="5" t="s">
        <v>731</v>
      </c>
      <c r="K20782" s="2" t="s">
        <v>732</v>
      </c>
      <c r="L20782" s="5" t="s">
        <v>731</v>
      </c>
      <c r="M20782" s="2" t="s">
        <v>732</v>
      </c>
      <c r="N20782" s="5" t="s">
        <v>733</v>
      </c>
      <c r="O20782" s="5" t="s">
        <v>38</v>
      </c>
      <c r="P20782" s="5" t="s">
        <v>39</v>
      </c>
      <c r="Q20782" s="5" t="s">
        <v>40</v>
      </c>
      <c r="R20782" s="5" t="s">
        <v>734</v>
      </c>
      <c r="S20782" s="5" t="s">
        <v>40</v>
      </c>
      <c r="T20782" s="5" t="s">
        <v>42</v>
      </c>
      <c r="U20782" s="2">
        <v>8.58</v>
      </c>
      <c r="V20782" s="2">
        <v>6.55</v>
      </c>
      <c r="W20782" s="2">
        <v>0.17100000000000001</v>
      </c>
      <c r="X20782" s="2">
        <v>91</v>
      </c>
      <c r="Y20782" s="2">
        <v>91</v>
      </c>
      <c r="Z20782" s="2">
        <v>20.7</v>
      </c>
      <c r="AA20782" s="5">
        <v>5</v>
      </c>
      <c r="AB20782" s="5" t="s">
        <v>43</v>
      </c>
      <c r="AC20782" s="5" t="s">
        <v>44</v>
      </c>
      <c r="AD20782" s="2" t="s">
        <v>67039</v>
      </c>
      <c r="AE20782" s="1"/>
    </row>
    <row r="20783" spans="1:31" ht="14.45">
      <c r="A20783" s="11"/>
      <c r="B20783" s="20"/>
      <c r="C20783" s="2" t="s">
        <v>67058</v>
      </c>
      <c r="D20783" s="14" t="s">
        <v>67059</v>
      </c>
      <c r="E20783" s="2" t="s">
        <v>67060</v>
      </c>
      <c r="F20783" s="2" t="s">
        <v>67033</v>
      </c>
      <c r="G20783" s="8">
        <v>375</v>
      </c>
      <c r="H20783" s="5">
        <v>20</v>
      </c>
      <c r="I20783" s="5" t="s">
        <v>69</v>
      </c>
      <c r="J20783" s="5" t="s">
        <v>731</v>
      </c>
      <c r="K20783" s="2" t="s">
        <v>732</v>
      </c>
      <c r="L20783" s="5" t="s">
        <v>731</v>
      </c>
      <c r="M20783" s="2" t="s">
        <v>732</v>
      </c>
      <c r="N20783" s="5" t="s">
        <v>733</v>
      </c>
      <c r="O20783" s="5" t="s">
        <v>38</v>
      </c>
      <c r="P20783" s="5" t="s">
        <v>39</v>
      </c>
      <c r="Q20783" s="5" t="s">
        <v>40</v>
      </c>
      <c r="R20783" s="5" t="s">
        <v>734</v>
      </c>
      <c r="S20783" s="5" t="s">
        <v>40</v>
      </c>
      <c r="T20783" s="5" t="s">
        <v>42</v>
      </c>
      <c r="U20783" s="2">
        <v>8.58</v>
      </c>
      <c r="V20783" s="2">
        <v>6.08</v>
      </c>
      <c r="W20783" s="2">
        <v>0.23200000000000001</v>
      </c>
      <c r="X20783" s="2">
        <v>101</v>
      </c>
      <c r="Y20783" s="2">
        <v>101</v>
      </c>
      <c r="Z20783" s="2">
        <v>22.7</v>
      </c>
      <c r="AA20783" s="5">
        <v>5</v>
      </c>
      <c r="AB20783" s="5" t="s">
        <v>43</v>
      </c>
      <c r="AC20783" s="5" t="s">
        <v>44</v>
      </c>
      <c r="AD20783" s="2" t="s">
        <v>67034</v>
      </c>
      <c r="AE20783" s="1"/>
    </row>
    <row r="20784" spans="1:31" ht="14.45">
      <c r="A20784" s="11"/>
      <c r="B20784" s="20"/>
      <c r="C20784" s="2" t="s">
        <v>67061</v>
      </c>
      <c r="D20784" s="14" t="s">
        <v>67062</v>
      </c>
      <c r="E20784" s="2" t="s">
        <v>67063</v>
      </c>
      <c r="F20784" s="2" t="s">
        <v>67038</v>
      </c>
      <c r="G20784" s="8">
        <v>555</v>
      </c>
      <c r="H20784" s="5">
        <v>20</v>
      </c>
      <c r="I20784" s="5" t="s">
        <v>69</v>
      </c>
      <c r="J20784" s="5" t="s">
        <v>731</v>
      </c>
      <c r="K20784" s="2" t="s">
        <v>732</v>
      </c>
      <c r="L20784" s="5" t="s">
        <v>731</v>
      </c>
      <c r="M20784" s="2" t="s">
        <v>732</v>
      </c>
      <c r="N20784" s="5" t="s">
        <v>733</v>
      </c>
      <c r="O20784" s="5" t="s">
        <v>38</v>
      </c>
      <c r="P20784" s="5" t="s">
        <v>39</v>
      </c>
      <c r="Q20784" s="5" t="s">
        <v>40</v>
      </c>
      <c r="R20784" s="5" t="s">
        <v>734</v>
      </c>
      <c r="S20784" s="5" t="s">
        <v>40</v>
      </c>
      <c r="T20784" s="5" t="s">
        <v>42</v>
      </c>
      <c r="U20784" s="2">
        <v>10.48</v>
      </c>
      <c r="V20784" s="2">
        <v>7.98</v>
      </c>
      <c r="W20784" s="2">
        <v>0.23200000000000001</v>
      </c>
      <c r="X20784" s="2">
        <v>101</v>
      </c>
      <c r="Y20784" s="2">
        <v>101</v>
      </c>
      <c r="Z20784" s="2">
        <v>22.7</v>
      </c>
      <c r="AA20784" s="5">
        <v>5</v>
      </c>
      <c r="AB20784" s="5" t="s">
        <v>43</v>
      </c>
      <c r="AC20784" s="5" t="s">
        <v>44</v>
      </c>
      <c r="AD20784" s="2" t="s">
        <v>67039</v>
      </c>
      <c r="AE20784" s="1"/>
    </row>
    <row r="20785" spans="1:31" ht="14.45">
      <c r="A20785" s="11"/>
      <c r="B20785" s="20"/>
      <c r="C20785" s="2" t="s">
        <v>67064</v>
      </c>
      <c r="D20785" s="14" t="s">
        <v>67065</v>
      </c>
      <c r="E20785" s="2" t="s">
        <v>67066</v>
      </c>
      <c r="F20785" s="2" t="s">
        <v>67033</v>
      </c>
      <c r="G20785" s="8">
        <v>390</v>
      </c>
      <c r="H20785" s="5">
        <v>20</v>
      </c>
      <c r="I20785" s="5" t="s">
        <v>69</v>
      </c>
      <c r="J20785" s="5" t="s">
        <v>731</v>
      </c>
      <c r="K20785" s="2" t="s">
        <v>732</v>
      </c>
      <c r="L20785" s="5" t="s">
        <v>731</v>
      </c>
      <c r="M20785" s="2" t="s">
        <v>732</v>
      </c>
      <c r="N20785" s="5" t="s">
        <v>733</v>
      </c>
      <c r="O20785" s="5" t="s">
        <v>38</v>
      </c>
      <c r="P20785" s="5" t="s">
        <v>39</v>
      </c>
      <c r="Q20785" s="5" t="s">
        <v>40</v>
      </c>
      <c r="R20785" s="5" t="s">
        <v>734</v>
      </c>
      <c r="S20785" s="5" t="s">
        <v>40</v>
      </c>
      <c r="T20785" s="5" t="s">
        <v>42</v>
      </c>
      <c r="U20785" s="2">
        <v>10.119999999999999</v>
      </c>
      <c r="V20785" s="2">
        <v>6.54</v>
      </c>
      <c r="W20785" s="2">
        <v>0.39100000000000001</v>
      </c>
      <c r="X20785" s="2">
        <v>121</v>
      </c>
      <c r="Y20785" s="2">
        <v>121</v>
      </c>
      <c r="Z20785" s="2">
        <v>26.7</v>
      </c>
      <c r="AA20785" s="5">
        <v>4</v>
      </c>
      <c r="AB20785" s="5" t="s">
        <v>43</v>
      </c>
      <c r="AC20785" s="5" t="s">
        <v>44</v>
      </c>
      <c r="AD20785" s="2" t="s">
        <v>67034</v>
      </c>
      <c r="AE20785" s="1"/>
    </row>
    <row r="20786" spans="1:31" ht="14.45">
      <c r="A20786" s="11"/>
      <c r="B20786" s="20"/>
      <c r="C20786" s="2" t="s">
        <v>67067</v>
      </c>
      <c r="D20786" s="14" t="s">
        <v>67068</v>
      </c>
      <c r="E20786" s="2" t="s">
        <v>67069</v>
      </c>
      <c r="F20786" s="2" t="s">
        <v>67038</v>
      </c>
      <c r="G20786" s="8">
        <v>577</v>
      </c>
      <c r="H20786" s="5">
        <v>20</v>
      </c>
      <c r="I20786" s="5" t="s">
        <v>69</v>
      </c>
      <c r="J20786" s="5" t="s">
        <v>731</v>
      </c>
      <c r="K20786" s="2" t="s">
        <v>732</v>
      </c>
      <c r="L20786" s="5" t="s">
        <v>731</v>
      </c>
      <c r="M20786" s="2" t="s">
        <v>732</v>
      </c>
      <c r="N20786" s="5" t="s">
        <v>733</v>
      </c>
      <c r="O20786" s="5" t="s">
        <v>38</v>
      </c>
      <c r="P20786" s="5" t="s">
        <v>39</v>
      </c>
      <c r="Q20786" s="5" t="s">
        <v>40</v>
      </c>
      <c r="R20786" s="5" t="s">
        <v>734</v>
      </c>
      <c r="S20786" s="5" t="s">
        <v>40</v>
      </c>
      <c r="T20786" s="5" t="s">
        <v>42</v>
      </c>
      <c r="U20786" s="2">
        <v>12.22</v>
      </c>
      <c r="V20786" s="2">
        <v>8.64</v>
      </c>
      <c r="W20786" s="2">
        <v>0.39100000000000001</v>
      </c>
      <c r="X20786" s="2">
        <v>121</v>
      </c>
      <c r="Y20786" s="2">
        <v>121</v>
      </c>
      <c r="Z20786" s="2">
        <v>26.7</v>
      </c>
      <c r="AA20786" s="5">
        <v>4</v>
      </c>
      <c r="AB20786" s="5" t="s">
        <v>43</v>
      </c>
      <c r="AC20786" s="5" t="s">
        <v>44</v>
      </c>
      <c r="AD20786" s="2" t="s">
        <v>67039</v>
      </c>
      <c r="AE20786" s="1"/>
    </row>
    <row r="20787" spans="1:31" ht="14.45">
      <c r="A20787" s="11"/>
      <c r="B20787" s="20"/>
      <c r="C20787" s="2" t="s">
        <v>67070</v>
      </c>
      <c r="D20787" s="14" t="s">
        <v>67071</v>
      </c>
      <c r="E20787" s="2" t="s">
        <v>67072</v>
      </c>
      <c r="F20787" s="2" t="s">
        <v>67033</v>
      </c>
      <c r="G20787" s="8">
        <v>480</v>
      </c>
      <c r="H20787" s="5">
        <v>20</v>
      </c>
      <c r="I20787" s="5" t="s">
        <v>69</v>
      </c>
      <c r="J20787" s="5" t="s">
        <v>731</v>
      </c>
      <c r="K20787" s="2" t="s">
        <v>732</v>
      </c>
      <c r="L20787" s="5" t="s">
        <v>731</v>
      </c>
      <c r="M20787" s="2" t="s">
        <v>732</v>
      </c>
      <c r="N20787" s="5" t="s">
        <v>733</v>
      </c>
      <c r="O20787" s="5" t="s">
        <v>38</v>
      </c>
      <c r="P20787" s="5" t="s">
        <v>39</v>
      </c>
      <c r="Q20787" s="5" t="s">
        <v>40</v>
      </c>
      <c r="R20787" s="5" t="s">
        <v>734</v>
      </c>
      <c r="S20787" s="5" t="s">
        <v>40</v>
      </c>
      <c r="T20787" s="5" t="s">
        <v>42</v>
      </c>
      <c r="U20787" s="2">
        <v>12.02</v>
      </c>
      <c r="V20787" s="2">
        <v>8.44</v>
      </c>
      <c r="W20787" s="2">
        <v>0.39100000000000001</v>
      </c>
      <c r="X20787" s="2">
        <v>121</v>
      </c>
      <c r="Y20787" s="2">
        <v>121</v>
      </c>
      <c r="Z20787" s="2">
        <v>26.7</v>
      </c>
      <c r="AA20787" s="5">
        <v>4</v>
      </c>
      <c r="AB20787" s="5" t="s">
        <v>43</v>
      </c>
      <c r="AC20787" s="5" t="s">
        <v>44</v>
      </c>
      <c r="AD20787" s="2" t="s">
        <v>67034</v>
      </c>
      <c r="AE20787" s="1"/>
    </row>
    <row r="20788" spans="1:31" ht="14.45">
      <c r="A20788" s="11"/>
      <c r="B20788" s="20"/>
      <c r="C20788" s="2" t="s">
        <v>67073</v>
      </c>
      <c r="D20788" s="14" t="s">
        <v>67074</v>
      </c>
      <c r="E20788" s="2" t="s">
        <v>67075</v>
      </c>
      <c r="F20788" s="2" t="s">
        <v>67038</v>
      </c>
      <c r="G20788" s="8">
        <v>710</v>
      </c>
      <c r="H20788" s="5">
        <v>20</v>
      </c>
      <c r="I20788" s="5" t="s">
        <v>69</v>
      </c>
      <c r="J20788" s="5" t="s">
        <v>731</v>
      </c>
      <c r="K20788" s="2" t="s">
        <v>732</v>
      </c>
      <c r="L20788" s="5" t="s">
        <v>731</v>
      </c>
      <c r="M20788" s="2" t="s">
        <v>732</v>
      </c>
      <c r="N20788" s="5" t="s">
        <v>733</v>
      </c>
      <c r="O20788" s="5" t="s">
        <v>38</v>
      </c>
      <c r="P20788" s="5" t="s">
        <v>39</v>
      </c>
      <c r="Q20788" s="5" t="s">
        <v>40</v>
      </c>
      <c r="R20788" s="5" t="s">
        <v>734</v>
      </c>
      <c r="S20788" s="5" t="s">
        <v>40</v>
      </c>
      <c r="T20788" s="5" t="s">
        <v>42</v>
      </c>
      <c r="U20788" s="2">
        <v>14.92</v>
      </c>
      <c r="V20788" s="2">
        <v>11.34</v>
      </c>
      <c r="W20788" s="2">
        <v>0.39100000000000001</v>
      </c>
      <c r="X20788" s="2">
        <v>121</v>
      </c>
      <c r="Y20788" s="2">
        <v>121</v>
      </c>
      <c r="Z20788" s="2">
        <v>26.7</v>
      </c>
      <c r="AA20788" s="5">
        <v>4</v>
      </c>
      <c r="AB20788" s="5" t="s">
        <v>43</v>
      </c>
      <c r="AC20788" s="5" t="s">
        <v>44</v>
      </c>
      <c r="AD20788" s="2" t="s">
        <v>67039</v>
      </c>
      <c r="AE20788" s="1"/>
    </row>
    <row r="20789" spans="1:31" ht="14.45">
      <c r="A20789" s="11"/>
      <c r="B20789" s="20"/>
      <c r="C20789" s="2" t="s">
        <v>67076</v>
      </c>
      <c r="D20789" s="14" t="s">
        <v>67077</v>
      </c>
      <c r="E20789" s="2" t="s">
        <v>67078</v>
      </c>
      <c r="F20789" s="2" t="s">
        <v>67033</v>
      </c>
      <c r="G20789" s="8">
        <v>544</v>
      </c>
      <c r="H20789" s="5">
        <v>20</v>
      </c>
      <c r="I20789" s="5" t="s">
        <v>69</v>
      </c>
      <c r="J20789" s="5" t="s">
        <v>731</v>
      </c>
      <c r="K20789" s="2" t="s">
        <v>732</v>
      </c>
      <c r="L20789" s="5" t="s">
        <v>731</v>
      </c>
      <c r="M20789" s="2" t="s">
        <v>732</v>
      </c>
      <c r="N20789" s="5" t="s">
        <v>733</v>
      </c>
      <c r="O20789" s="5" t="s">
        <v>38</v>
      </c>
      <c r="P20789" s="5" t="s">
        <v>39</v>
      </c>
      <c r="Q20789" s="5" t="s">
        <v>40</v>
      </c>
      <c r="R20789" s="5" t="s">
        <v>734</v>
      </c>
      <c r="S20789" s="5" t="s">
        <v>40</v>
      </c>
      <c r="T20789" s="5" t="s">
        <v>42</v>
      </c>
      <c r="U20789" s="2">
        <v>14.39</v>
      </c>
      <c r="V20789" s="2">
        <v>8.84</v>
      </c>
      <c r="W20789" s="2">
        <v>0.746</v>
      </c>
      <c r="X20789" s="2">
        <v>151</v>
      </c>
      <c r="Y20789" s="2">
        <v>151</v>
      </c>
      <c r="Z20789" s="2">
        <v>32.700000000000003</v>
      </c>
      <c r="AA20789" s="5">
        <v>3</v>
      </c>
      <c r="AB20789" s="5" t="s">
        <v>43</v>
      </c>
      <c r="AC20789" s="5" t="s">
        <v>44</v>
      </c>
      <c r="AD20789" s="2" t="s">
        <v>67034</v>
      </c>
      <c r="AE20789" s="1"/>
    </row>
    <row r="20790" spans="1:31" ht="14.45">
      <c r="A20790" s="11"/>
      <c r="B20790" s="20"/>
      <c r="C20790" s="2" t="s">
        <v>67079</v>
      </c>
      <c r="D20790" s="14" t="s">
        <v>67080</v>
      </c>
      <c r="E20790" s="2" t="s">
        <v>67081</v>
      </c>
      <c r="F20790" s="2" t="s">
        <v>67038</v>
      </c>
      <c r="G20790" s="8">
        <v>805</v>
      </c>
      <c r="H20790" s="5">
        <v>20</v>
      </c>
      <c r="I20790" s="5" t="s">
        <v>69</v>
      </c>
      <c r="J20790" s="5" t="s">
        <v>731</v>
      </c>
      <c r="K20790" s="2" t="s">
        <v>732</v>
      </c>
      <c r="L20790" s="5" t="s">
        <v>731</v>
      </c>
      <c r="M20790" s="2" t="s">
        <v>732</v>
      </c>
      <c r="N20790" s="5" t="s">
        <v>733</v>
      </c>
      <c r="O20790" s="5" t="s">
        <v>38</v>
      </c>
      <c r="P20790" s="5" t="s">
        <v>39</v>
      </c>
      <c r="Q20790" s="5" t="s">
        <v>40</v>
      </c>
      <c r="R20790" s="5" t="s">
        <v>734</v>
      </c>
      <c r="S20790" s="5" t="s">
        <v>40</v>
      </c>
      <c r="T20790" s="5" t="s">
        <v>42</v>
      </c>
      <c r="U20790" s="2">
        <v>17.489999999999998</v>
      </c>
      <c r="V20790" s="2">
        <v>11.94</v>
      </c>
      <c r="W20790" s="2">
        <v>0.746</v>
      </c>
      <c r="X20790" s="2">
        <v>151</v>
      </c>
      <c r="Y20790" s="2">
        <v>151</v>
      </c>
      <c r="Z20790" s="2">
        <v>32.700000000000003</v>
      </c>
      <c r="AA20790" s="5">
        <v>3</v>
      </c>
      <c r="AB20790" s="5" t="s">
        <v>43</v>
      </c>
      <c r="AC20790" s="5" t="s">
        <v>44</v>
      </c>
      <c r="AD20790" s="2" t="s">
        <v>67039</v>
      </c>
      <c r="AE20790" s="1"/>
    </row>
    <row r="20791" spans="1:31" ht="14.45">
      <c r="A20791" s="11"/>
      <c r="B20791" s="20"/>
      <c r="C20791" s="2" t="s">
        <v>67082</v>
      </c>
      <c r="D20791" s="14" t="s">
        <v>67083</v>
      </c>
      <c r="E20791" s="2" t="s">
        <v>67084</v>
      </c>
      <c r="F20791" s="2" t="s">
        <v>67033</v>
      </c>
      <c r="G20791" s="8">
        <v>743</v>
      </c>
      <c r="H20791" s="5">
        <v>20</v>
      </c>
      <c r="I20791" s="5" t="s">
        <v>69</v>
      </c>
      <c r="J20791" s="5" t="s">
        <v>731</v>
      </c>
      <c r="K20791" s="2" t="s">
        <v>732</v>
      </c>
      <c r="L20791" s="5" t="s">
        <v>731</v>
      </c>
      <c r="M20791" s="2" t="s">
        <v>732</v>
      </c>
      <c r="N20791" s="5" t="s">
        <v>733</v>
      </c>
      <c r="O20791" s="5" t="s">
        <v>38</v>
      </c>
      <c r="P20791" s="5" t="s">
        <v>39</v>
      </c>
      <c r="Q20791" s="5" t="s">
        <v>40</v>
      </c>
      <c r="R20791" s="5" t="s">
        <v>734</v>
      </c>
      <c r="S20791" s="5" t="s">
        <v>40</v>
      </c>
      <c r="T20791" s="5" t="s">
        <v>42</v>
      </c>
      <c r="U20791" s="2">
        <v>19.89</v>
      </c>
      <c r="V20791" s="2">
        <v>14.34</v>
      </c>
      <c r="W20791" s="2">
        <v>0.746</v>
      </c>
      <c r="X20791" s="2">
        <v>151</v>
      </c>
      <c r="Y20791" s="2">
        <v>151</v>
      </c>
      <c r="Z20791" s="2">
        <v>32.700000000000003</v>
      </c>
      <c r="AA20791" s="5">
        <v>3</v>
      </c>
      <c r="AB20791" s="5" t="s">
        <v>43</v>
      </c>
      <c r="AC20791" s="5" t="s">
        <v>44</v>
      </c>
      <c r="AD20791" s="2" t="s">
        <v>67034</v>
      </c>
      <c r="AE20791" s="1"/>
    </row>
    <row r="20792" spans="1:31" ht="14.45">
      <c r="A20792" s="11"/>
      <c r="B20792" s="20"/>
      <c r="C20792" s="2" t="s">
        <v>67085</v>
      </c>
      <c r="D20792" s="14" t="s">
        <v>67086</v>
      </c>
      <c r="E20792" s="2" t="s">
        <v>67087</v>
      </c>
      <c r="F20792" s="2" t="s">
        <v>67038</v>
      </c>
      <c r="G20792" s="8">
        <v>1099</v>
      </c>
      <c r="H20792" s="5">
        <v>20</v>
      </c>
      <c r="I20792" s="5" t="s">
        <v>69</v>
      </c>
      <c r="J20792" s="5" t="s">
        <v>731</v>
      </c>
      <c r="K20792" s="2" t="s">
        <v>732</v>
      </c>
      <c r="L20792" s="5" t="s">
        <v>731</v>
      </c>
      <c r="M20792" s="2" t="s">
        <v>732</v>
      </c>
      <c r="N20792" s="5" t="s">
        <v>733</v>
      </c>
      <c r="O20792" s="5" t="s">
        <v>38</v>
      </c>
      <c r="P20792" s="5" t="s">
        <v>39</v>
      </c>
      <c r="Q20792" s="5" t="s">
        <v>40</v>
      </c>
      <c r="R20792" s="5" t="s">
        <v>734</v>
      </c>
      <c r="S20792" s="5" t="s">
        <v>40</v>
      </c>
      <c r="T20792" s="5" t="s">
        <v>42</v>
      </c>
      <c r="U20792" s="2">
        <v>24.59</v>
      </c>
      <c r="V20792" s="2">
        <v>19.04</v>
      </c>
      <c r="W20792" s="2">
        <v>0.746</v>
      </c>
      <c r="X20792" s="2">
        <v>151</v>
      </c>
      <c r="Y20792" s="2">
        <v>151</v>
      </c>
      <c r="Z20792" s="2">
        <v>32.700000000000003</v>
      </c>
      <c r="AA20792" s="5">
        <v>3</v>
      </c>
      <c r="AB20792" s="5" t="s">
        <v>43</v>
      </c>
      <c r="AC20792" s="5" t="s">
        <v>44</v>
      </c>
      <c r="AD20792" s="2" t="s">
        <v>67039</v>
      </c>
      <c r="AE20792" s="1"/>
    </row>
    <row r="20793" spans="1:31" ht="14.45">
      <c r="A20793" s="11"/>
      <c r="B20793" s="20"/>
      <c r="C20793" s="2" t="s">
        <v>67088</v>
      </c>
      <c r="D20793" s="14" t="s">
        <v>67089</v>
      </c>
      <c r="E20793" s="2" t="s">
        <v>67090</v>
      </c>
      <c r="F20793" s="2" t="s">
        <v>67033</v>
      </c>
      <c r="G20793" s="8">
        <v>746</v>
      </c>
      <c r="H20793" s="5">
        <v>20</v>
      </c>
      <c r="I20793" s="5" t="s">
        <v>69</v>
      </c>
      <c r="J20793" s="5" t="s">
        <v>731</v>
      </c>
      <c r="K20793" s="2" t="s">
        <v>732</v>
      </c>
      <c r="L20793" s="5" t="s">
        <v>731</v>
      </c>
      <c r="M20793" s="2" t="s">
        <v>732</v>
      </c>
      <c r="N20793" s="5" t="s">
        <v>733</v>
      </c>
      <c r="O20793" s="5" t="s">
        <v>38</v>
      </c>
      <c r="P20793" s="5" t="s">
        <v>39</v>
      </c>
      <c r="Q20793" s="5" t="s">
        <v>40</v>
      </c>
      <c r="R20793" s="5" t="s">
        <v>734</v>
      </c>
      <c r="S20793" s="5" t="s">
        <v>40</v>
      </c>
      <c r="T20793" s="5" t="s">
        <v>42</v>
      </c>
      <c r="U20793" s="2">
        <v>17.989999999999998</v>
      </c>
      <c r="V20793" s="2">
        <v>13.47</v>
      </c>
      <c r="W20793" s="2">
        <v>0.46100000000000002</v>
      </c>
      <c r="X20793" s="2">
        <v>201</v>
      </c>
      <c r="Y20793" s="2">
        <v>101</v>
      </c>
      <c r="Z20793" s="2">
        <v>22.7</v>
      </c>
      <c r="AA20793" s="5">
        <v>5</v>
      </c>
      <c r="AB20793" s="5" t="s">
        <v>43</v>
      </c>
      <c r="AC20793" s="5" t="s">
        <v>44</v>
      </c>
      <c r="AD20793" s="2" t="s">
        <v>67034</v>
      </c>
      <c r="AE20793" s="1"/>
    </row>
    <row r="20794" spans="1:31" ht="14.45">
      <c r="A20794" s="11"/>
      <c r="B20794" s="20"/>
      <c r="C20794" s="2" t="s">
        <v>67091</v>
      </c>
      <c r="D20794" s="14" t="s">
        <v>67092</v>
      </c>
      <c r="E20794" s="2" t="s">
        <v>67093</v>
      </c>
      <c r="F20794" s="2" t="s">
        <v>67038</v>
      </c>
      <c r="G20794" s="8">
        <v>1104</v>
      </c>
      <c r="H20794" s="5">
        <v>20</v>
      </c>
      <c r="I20794" s="5" t="s">
        <v>69</v>
      </c>
      <c r="J20794" s="5" t="s">
        <v>731</v>
      </c>
      <c r="K20794" s="2" t="s">
        <v>732</v>
      </c>
      <c r="L20794" s="5" t="s">
        <v>731</v>
      </c>
      <c r="M20794" s="2" t="s">
        <v>732</v>
      </c>
      <c r="N20794" s="5" t="s">
        <v>733</v>
      </c>
      <c r="O20794" s="5" t="s">
        <v>38</v>
      </c>
      <c r="P20794" s="5" t="s">
        <v>39</v>
      </c>
      <c r="Q20794" s="5" t="s">
        <v>40</v>
      </c>
      <c r="R20794" s="5" t="s">
        <v>734</v>
      </c>
      <c r="S20794" s="5" t="s">
        <v>40</v>
      </c>
      <c r="T20794" s="5" t="s">
        <v>42</v>
      </c>
      <c r="U20794" s="2">
        <v>22.09</v>
      </c>
      <c r="V20794" s="2">
        <v>17.57</v>
      </c>
      <c r="W20794" s="2">
        <v>0.46100000000000002</v>
      </c>
      <c r="X20794" s="2">
        <v>201</v>
      </c>
      <c r="Y20794" s="2">
        <v>101</v>
      </c>
      <c r="Z20794" s="2">
        <v>22.7</v>
      </c>
      <c r="AA20794" s="5">
        <v>5</v>
      </c>
      <c r="AB20794" s="5" t="s">
        <v>43</v>
      </c>
      <c r="AC20794" s="5" t="s">
        <v>44</v>
      </c>
      <c r="AD20794" s="2" t="s">
        <v>67039</v>
      </c>
      <c r="AE20794" s="1"/>
    </row>
    <row r="20795" spans="1:31" ht="14.45">
      <c r="A20795" s="11"/>
      <c r="B20795" s="20"/>
      <c r="C20795" s="2" t="s">
        <v>67094</v>
      </c>
      <c r="D20795" s="14" t="s">
        <v>67095</v>
      </c>
      <c r="E20795" s="2" t="s">
        <v>67096</v>
      </c>
      <c r="F20795" s="2" t="s">
        <v>67097</v>
      </c>
      <c r="G20795" s="8">
        <v>678</v>
      </c>
      <c r="H20795" s="5">
        <v>5</v>
      </c>
      <c r="I20795" s="5" t="s">
        <v>69</v>
      </c>
      <c r="J20795" s="5" t="s">
        <v>731</v>
      </c>
      <c r="K20795" s="2" t="s">
        <v>732</v>
      </c>
      <c r="L20795" s="5" t="s">
        <v>731</v>
      </c>
      <c r="M20795" s="2" t="s">
        <v>732</v>
      </c>
      <c r="N20795" s="5" t="s">
        <v>733</v>
      </c>
      <c r="O20795" s="5" t="s">
        <v>38</v>
      </c>
      <c r="P20795" s="5" t="s">
        <v>39</v>
      </c>
      <c r="Q20795" s="5" t="s">
        <v>40</v>
      </c>
      <c r="R20795" s="5" t="s">
        <v>66778</v>
      </c>
      <c r="S20795" s="5" t="s">
        <v>40</v>
      </c>
      <c r="T20795" s="5" t="s">
        <v>42</v>
      </c>
      <c r="U20795" s="2">
        <v>18.893999999999998</v>
      </c>
      <c r="V20795" s="2">
        <v>16.132999999999999</v>
      </c>
      <c r="W20795" s="2">
        <v>0.161</v>
      </c>
      <c r="X20795" s="2">
        <v>16.899999999999999</v>
      </c>
      <c r="Y20795" s="2">
        <v>96.6</v>
      </c>
      <c r="Z20795" s="2">
        <v>98.8</v>
      </c>
      <c r="AA20795" s="5">
        <v>6</v>
      </c>
      <c r="AB20795" s="5" t="s">
        <v>43</v>
      </c>
      <c r="AC20795" s="5" t="s">
        <v>44</v>
      </c>
      <c r="AD20795" s="2" t="s">
        <v>67098</v>
      </c>
      <c r="AE20795" s="1"/>
    </row>
    <row r="20796" spans="1:31" ht="14.45">
      <c r="A20796" s="11"/>
      <c r="B20796" s="20"/>
      <c r="C20796" s="2" t="s">
        <v>67099</v>
      </c>
      <c r="D20796" s="14" t="s">
        <v>67100</v>
      </c>
      <c r="E20796" s="2" t="s">
        <v>67101</v>
      </c>
      <c r="F20796" s="2" t="s">
        <v>67097</v>
      </c>
      <c r="G20796" s="8">
        <v>489</v>
      </c>
      <c r="H20796" s="5">
        <v>5</v>
      </c>
      <c r="I20796" s="5" t="s">
        <v>69</v>
      </c>
      <c r="J20796" s="5" t="s">
        <v>731</v>
      </c>
      <c r="K20796" s="2" t="s">
        <v>732</v>
      </c>
      <c r="L20796" s="5" t="s">
        <v>731</v>
      </c>
      <c r="M20796" s="2" t="s">
        <v>732</v>
      </c>
      <c r="N20796" s="5" t="s">
        <v>733</v>
      </c>
      <c r="O20796" s="5" t="s">
        <v>38</v>
      </c>
      <c r="P20796" s="5" t="s">
        <v>39</v>
      </c>
      <c r="Q20796" s="5" t="s">
        <v>40</v>
      </c>
      <c r="R20796" s="5" t="s">
        <v>66778</v>
      </c>
      <c r="S20796" s="5" t="s">
        <v>40</v>
      </c>
      <c r="T20796" s="5" t="s">
        <v>42</v>
      </c>
      <c r="U20796" s="2">
        <v>17.027999999999999</v>
      </c>
      <c r="V20796" s="2">
        <v>14.56</v>
      </c>
      <c r="W20796" s="2">
        <v>0.14199999999999999</v>
      </c>
      <c r="X20796" s="2">
        <v>14.9</v>
      </c>
      <c r="Y20796" s="2">
        <v>96.6</v>
      </c>
      <c r="Z20796" s="2">
        <v>98.8</v>
      </c>
      <c r="AA20796" s="5">
        <v>8</v>
      </c>
      <c r="AB20796" s="5" t="s">
        <v>43</v>
      </c>
      <c r="AC20796" s="5" t="s">
        <v>44</v>
      </c>
      <c r="AD20796" s="2" t="s">
        <v>67102</v>
      </c>
      <c r="AE20796" s="1"/>
    </row>
    <row r="20797" spans="1:31" ht="14.45">
      <c r="A20797" s="11"/>
      <c r="B20797" s="20"/>
      <c r="C20797" s="2" t="s">
        <v>67103</v>
      </c>
      <c r="D20797" s="14" t="s">
        <v>67104</v>
      </c>
      <c r="E20797" s="2" t="s">
        <v>67105</v>
      </c>
      <c r="F20797" s="2" t="s">
        <v>67097</v>
      </c>
      <c r="G20797" s="8">
        <v>795</v>
      </c>
      <c r="H20797" s="5">
        <v>5</v>
      </c>
      <c r="I20797" s="5" t="s">
        <v>69</v>
      </c>
      <c r="J20797" s="5" t="s">
        <v>731</v>
      </c>
      <c r="K20797" s="2" t="s">
        <v>732</v>
      </c>
      <c r="L20797" s="5" t="s">
        <v>731</v>
      </c>
      <c r="M20797" s="2" t="s">
        <v>732</v>
      </c>
      <c r="N20797" s="5" t="s">
        <v>733</v>
      </c>
      <c r="O20797" s="5" t="s">
        <v>38</v>
      </c>
      <c r="P20797" s="5" t="s">
        <v>39</v>
      </c>
      <c r="Q20797" s="5" t="s">
        <v>40</v>
      </c>
      <c r="R20797" s="5" t="s">
        <v>66778</v>
      </c>
      <c r="S20797" s="5" t="s">
        <v>40</v>
      </c>
      <c r="T20797" s="5" t="s">
        <v>42</v>
      </c>
      <c r="U20797" s="2">
        <v>25.93</v>
      </c>
      <c r="V20797" s="2">
        <v>22.184999999999999</v>
      </c>
      <c r="W20797" s="2">
        <v>0.23400000000000001</v>
      </c>
      <c r="X20797" s="2">
        <v>16.899999999999999</v>
      </c>
      <c r="Y20797" s="2">
        <v>116.6</v>
      </c>
      <c r="Z20797" s="2">
        <v>118.8</v>
      </c>
      <c r="AA20797" s="5">
        <v>6</v>
      </c>
      <c r="AB20797" s="5" t="s">
        <v>43</v>
      </c>
      <c r="AC20797" s="5" t="s">
        <v>44</v>
      </c>
      <c r="AD20797" s="2" t="s">
        <v>67098</v>
      </c>
      <c r="AE20797" s="1"/>
    </row>
    <row r="20798" spans="1:31" ht="14.45">
      <c r="A20798" s="11"/>
      <c r="B20798" s="20"/>
      <c r="C20798" s="2" t="s">
        <v>67106</v>
      </c>
      <c r="D20798" s="14" t="s">
        <v>67107</v>
      </c>
      <c r="E20798" s="2" t="s">
        <v>67108</v>
      </c>
      <c r="F20798" s="2" t="s">
        <v>67097</v>
      </c>
      <c r="G20798" s="8">
        <v>574</v>
      </c>
      <c r="H20798" s="5">
        <v>5</v>
      </c>
      <c r="I20798" s="5" t="s">
        <v>69</v>
      </c>
      <c r="J20798" s="5" t="s">
        <v>731</v>
      </c>
      <c r="K20798" s="2" t="s">
        <v>732</v>
      </c>
      <c r="L20798" s="5" t="s">
        <v>731</v>
      </c>
      <c r="M20798" s="2" t="s">
        <v>732</v>
      </c>
      <c r="N20798" s="5" t="s">
        <v>733</v>
      </c>
      <c r="O20798" s="5" t="s">
        <v>38</v>
      </c>
      <c r="P20798" s="5" t="s">
        <v>39</v>
      </c>
      <c r="Q20798" s="5" t="s">
        <v>40</v>
      </c>
      <c r="R20798" s="5" t="s">
        <v>66778</v>
      </c>
      <c r="S20798" s="5" t="s">
        <v>40</v>
      </c>
      <c r="T20798" s="5" t="s">
        <v>42</v>
      </c>
      <c r="U20798" s="2">
        <v>23.573</v>
      </c>
      <c r="V20798" s="2">
        <v>20.134</v>
      </c>
      <c r="W20798" s="2">
        <v>0.20599999999999999</v>
      </c>
      <c r="X20798" s="2">
        <v>14.9</v>
      </c>
      <c r="Y20798" s="2">
        <v>116.6</v>
      </c>
      <c r="Z20798" s="2">
        <v>118.8</v>
      </c>
      <c r="AA20798" s="5">
        <v>8</v>
      </c>
      <c r="AB20798" s="5" t="s">
        <v>43</v>
      </c>
      <c r="AC20798" s="5" t="s">
        <v>44</v>
      </c>
      <c r="AD20798" s="2" t="s">
        <v>67102</v>
      </c>
      <c r="AE20798" s="1"/>
    </row>
    <row r="20799" spans="1:31" ht="14.45">
      <c r="A20799" s="11"/>
      <c r="B20799" s="20"/>
      <c r="C20799" s="2" t="s">
        <v>67109</v>
      </c>
      <c r="D20799" s="14" t="s">
        <v>67110</v>
      </c>
      <c r="E20799" s="2" t="s">
        <v>67111</v>
      </c>
      <c r="F20799" s="2" t="s">
        <v>67097</v>
      </c>
      <c r="G20799" s="8">
        <v>746</v>
      </c>
      <c r="H20799" s="5">
        <v>5</v>
      </c>
      <c r="I20799" s="5" t="s">
        <v>69</v>
      </c>
      <c r="J20799" s="5" t="s">
        <v>731</v>
      </c>
      <c r="K20799" s="2" t="s">
        <v>732</v>
      </c>
      <c r="L20799" s="5" t="s">
        <v>731</v>
      </c>
      <c r="M20799" s="2" t="s">
        <v>732</v>
      </c>
      <c r="N20799" s="5" t="s">
        <v>733</v>
      </c>
      <c r="O20799" s="5" t="s">
        <v>38</v>
      </c>
      <c r="P20799" s="5" t="s">
        <v>39</v>
      </c>
      <c r="Q20799" s="5" t="s">
        <v>40</v>
      </c>
      <c r="R20799" s="5" t="s">
        <v>66778</v>
      </c>
      <c r="S20799" s="5" t="s">
        <v>40</v>
      </c>
      <c r="T20799" s="5" t="s">
        <v>42</v>
      </c>
      <c r="U20799" s="2">
        <v>23.591000000000001</v>
      </c>
      <c r="V20799" s="2">
        <v>20.186</v>
      </c>
      <c r="W20799" s="2">
        <v>0.21099999999999999</v>
      </c>
      <c r="X20799" s="2">
        <v>16.899999999999999</v>
      </c>
      <c r="Y20799" s="2">
        <v>126.6</v>
      </c>
      <c r="Z20799" s="2">
        <v>98.8</v>
      </c>
      <c r="AA20799" s="5">
        <v>6</v>
      </c>
      <c r="AB20799" s="5" t="s">
        <v>43</v>
      </c>
      <c r="AC20799" s="5" t="s">
        <v>44</v>
      </c>
      <c r="AD20799" s="2" t="s">
        <v>67098</v>
      </c>
      <c r="AE20799" s="1"/>
    </row>
    <row r="20800" spans="1:31" ht="14.45">
      <c r="A20800" s="11"/>
      <c r="B20800" s="20"/>
      <c r="C20800" s="2" t="s">
        <v>67112</v>
      </c>
      <c r="D20800" s="14" t="s">
        <v>67113</v>
      </c>
      <c r="E20800" s="2" t="s">
        <v>67114</v>
      </c>
      <c r="F20800" s="2" t="s">
        <v>67097</v>
      </c>
      <c r="G20800" s="8">
        <v>539</v>
      </c>
      <c r="H20800" s="5">
        <v>5</v>
      </c>
      <c r="I20800" s="5" t="s">
        <v>69</v>
      </c>
      <c r="J20800" s="5" t="s">
        <v>731</v>
      </c>
      <c r="K20800" s="2" t="s">
        <v>732</v>
      </c>
      <c r="L20800" s="5" t="s">
        <v>731</v>
      </c>
      <c r="M20800" s="2" t="s">
        <v>732</v>
      </c>
      <c r="N20800" s="5" t="s">
        <v>733</v>
      </c>
      <c r="O20800" s="5" t="s">
        <v>38</v>
      </c>
      <c r="P20800" s="5" t="s">
        <v>39</v>
      </c>
      <c r="Q20800" s="5" t="s">
        <v>40</v>
      </c>
      <c r="R20800" s="5" t="s">
        <v>66778</v>
      </c>
      <c r="S20800" s="5" t="s">
        <v>40</v>
      </c>
      <c r="T20800" s="5" t="s">
        <v>42</v>
      </c>
      <c r="U20800" s="2">
        <v>21.513000000000002</v>
      </c>
      <c r="V20800" s="2">
        <v>18.29</v>
      </c>
      <c r="W20800" s="2">
        <v>0.186</v>
      </c>
      <c r="X20800" s="2">
        <v>14.9</v>
      </c>
      <c r="Y20800" s="2">
        <v>126.6</v>
      </c>
      <c r="Z20800" s="2">
        <v>98.8</v>
      </c>
      <c r="AA20800" s="5">
        <v>8</v>
      </c>
      <c r="AB20800" s="5" t="s">
        <v>43</v>
      </c>
      <c r="AC20800" s="5" t="s">
        <v>44</v>
      </c>
      <c r="AD20800" s="2" t="s">
        <v>67102</v>
      </c>
      <c r="AE20800" s="1"/>
    </row>
    <row r="20801" spans="1:31" ht="14.45">
      <c r="A20801" s="11"/>
      <c r="B20801" s="20"/>
      <c r="C20801" s="2" t="s">
        <v>67115</v>
      </c>
      <c r="D20801" s="14" t="s">
        <v>67116</v>
      </c>
      <c r="E20801" s="2" t="s">
        <v>67117</v>
      </c>
      <c r="F20801" s="2" t="s">
        <v>67097</v>
      </c>
      <c r="G20801" s="8">
        <v>884</v>
      </c>
      <c r="H20801" s="5">
        <v>5</v>
      </c>
      <c r="I20801" s="5" t="s">
        <v>69</v>
      </c>
      <c r="J20801" s="5" t="s">
        <v>731</v>
      </c>
      <c r="K20801" s="2" t="s">
        <v>732</v>
      </c>
      <c r="L20801" s="5" t="s">
        <v>731</v>
      </c>
      <c r="M20801" s="2" t="s">
        <v>732</v>
      </c>
      <c r="N20801" s="5" t="s">
        <v>733</v>
      </c>
      <c r="O20801" s="5" t="s">
        <v>38</v>
      </c>
      <c r="P20801" s="5" t="s">
        <v>39</v>
      </c>
      <c r="Q20801" s="5" t="s">
        <v>40</v>
      </c>
      <c r="R20801" s="5" t="s">
        <v>66778</v>
      </c>
      <c r="S20801" s="5" t="s">
        <v>40</v>
      </c>
      <c r="T20801" s="5" t="s">
        <v>42</v>
      </c>
      <c r="U20801" s="2">
        <v>29.954999999999998</v>
      </c>
      <c r="V20801" s="2">
        <v>25.645</v>
      </c>
      <c r="W20801" s="2">
        <v>0.27600000000000002</v>
      </c>
      <c r="X20801" s="2">
        <v>16.899999999999999</v>
      </c>
      <c r="Y20801" s="2">
        <v>126.6</v>
      </c>
      <c r="Z20801" s="2">
        <v>128.80000000000001</v>
      </c>
      <c r="AA20801" s="5">
        <v>6</v>
      </c>
      <c r="AB20801" s="5" t="s">
        <v>43</v>
      </c>
      <c r="AC20801" s="5" t="s">
        <v>44</v>
      </c>
      <c r="AD20801" s="2" t="s">
        <v>67098</v>
      </c>
      <c r="AE20801" s="1"/>
    </row>
    <row r="20802" spans="1:31" ht="14.45">
      <c r="A20802" s="11"/>
      <c r="B20802" s="20"/>
      <c r="C20802" s="2" t="s">
        <v>67118</v>
      </c>
      <c r="D20802" s="14" t="s">
        <v>67119</v>
      </c>
      <c r="E20802" s="2" t="s">
        <v>67120</v>
      </c>
      <c r="F20802" s="2" t="s">
        <v>67097</v>
      </c>
      <c r="G20802" s="8">
        <v>638</v>
      </c>
      <c r="H20802" s="5">
        <v>5</v>
      </c>
      <c r="I20802" s="5" t="s">
        <v>69</v>
      </c>
      <c r="J20802" s="5" t="s">
        <v>731</v>
      </c>
      <c r="K20802" s="2" t="s">
        <v>732</v>
      </c>
      <c r="L20802" s="5" t="s">
        <v>731</v>
      </c>
      <c r="M20802" s="2" t="s">
        <v>732</v>
      </c>
      <c r="N20802" s="5" t="s">
        <v>733</v>
      </c>
      <c r="O20802" s="5" t="s">
        <v>38</v>
      </c>
      <c r="P20802" s="5" t="s">
        <v>39</v>
      </c>
      <c r="Q20802" s="5" t="s">
        <v>40</v>
      </c>
      <c r="R20802" s="5" t="s">
        <v>66778</v>
      </c>
      <c r="S20802" s="5" t="s">
        <v>40</v>
      </c>
      <c r="T20802" s="5" t="s">
        <v>42</v>
      </c>
      <c r="U20802" s="2">
        <v>27.326000000000001</v>
      </c>
      <c r="V20802" s="2">
        <v>23.414999999999999</v>
      </c>
      <c r="W20802" s="2">
        <v>0.24299999999999999</v>
      </c>
      <c r="X20802" s="2">
        <v>14.9</v>
      </c>
      <c r="Y20802" s="2">
        <v>126.6</v>
      </c>
      <c r="Z20802" s="2">
        <v>128.80000000000001</v>
      </c>
      <c r="AA20802" s="5">
        <v>8</v>
      </c>
      <c r="AB20802" s="5" t="s">
        <v>43</v>
      </c>
      <c r="AC20802" s="5" t="s">
        <v>44</v>
      </c>
      <c r="AD20802" s="2" t="s">
        <v>67102</v>
      </c>
      <c r="AE20802" s="1"/>
    </row>
    <row r="20803" spans="1:31" ht="14.45">
      <c r="A20803" s="11"/>
      <c r="B20803" s="20"/>
      <c r="C20803" s="2" t="s">
        <v>67121</v>
      </c>
      <c r="D20803" s="14" t="s">
        <v>67122</v>
      </c>
      <c r="E20803" s="2" t="s">
        <v>67123</v>
      </c>
      <c r="F20803" s="2" t="s">
        <v>67097</v>
      </c>
      <c r="G20803" s="8">
        <v>982</v>
      </c>
      <c r="H20803" s="5">
        <v>5</v>
      </c>
      <c r="I20803" s="5" t="s">
        <v>69</v>
      </c>
      <c r="J20803" s="5" t="s">
        <v>731</v>
      </c>
      <c r="K20803" s="2" t="s">
        <v>732</v>
      </c>
      <c r="L20803" s="5" t="s">
        <v>731</v>
      </c>
      <c r="M20803" s="2" t="s">
        <v>732</v>
      </c>
      <c r="N20803" s="5" t="s">
        <v>733</v>
      </c>
      <c r="O20803" s="5" t="s">
        <v>38</v>
      </c>
      <c r="P20803" s="5" t="s">
        <v>39</v>
      </c>
      <c r="Q20803" s="5" t="s">
        <v>40</v>
      </c>
      <c r="R20803" s="5" t="s">
        <v>66778</v>
      </c>
      <c r="S20803" s="5" t="s">
        <v>40</v>
      </c>
      <c r="T20803" s="5" t="s">
        <v>42</v>
      </c>
      <c r="U20803" s="2">
        <v>34.353000000000002</v>
      </c>
      <c r="V20803" s="2">
        <v>29.454999999999998</v>
      </c>
      <c r="W20803" s="2">
        <v>0.32</v>
      </c>
      <c r="X20803" s="2">
        <v>16.899999999999999</v>
      </c>
      <c r="Y20803" s="2">
        <v>136.6</v>
      </c>
      <c r="Z20803" s="2">
        <v>138.80000000000001</v>
      </c>
      <c r="AA20803" s="5">
        <v>6</v>
      </c>
      <c r="AB20803" s="5" t="s">
        <v>43</v>
      </c>
      <c r="AC20803" s="5" t="s">
        <v>44</v>
      </c>
      <c r="AD20803" s="2" t="s">
        <v>67098</v>
      </c>
      <c r="AE20803" s="1"/>
    </row>
    <row r="20804" spans="1:31" ht="14.45">
      <c r="A20804" s="11"/>
      <c r="B20804" s="20"/>
      <c r="C20804" s="2" t="s">
        <v>67124</v>
      </c>
      <c r="D20804" s="14" t="s">
        <v>67125</v>
      </c>
      <c r="E20804" s="2" t="s">
        <v>67126</v>
      </c>
      <c r="F20804" s="2" t="s">
        <v>67127</v>
      </c>
      <c r="G20804" s="8">
        <v>709</v>
      </c>
      <c r="H20804" s="5">
        <v>5</v>
      </c>
      <c r="I20804" s="5" t="s">
        <v>69</v>
      </c>
      <c r="J20804" s="5" t="s">
        <v>731</v>
      </c>
      <c r="K20804" s="2" t="s">
        <v>732</v>
      </c>
      <c r="L20804" s="5" t="s">
        <v>731</v>
      </c>
      <c r="M20804" s="2" t="s">
        <v>732</v>
      </c>
      <c r="N20804" s="5" t="s">
        <v>733</v>
      </c>
      <c r="O20804" s="5" t="s">
        <v>38</v>
      </c>
      <c r="P20804" s="5" t="s">
        <v>39</v>
      </c>
      <c r="Q20804" s="5" t="s">
        <v>40</v>
      </c>
      <c r="R20804" s="5" t="s">
        <v>66778</v>
      </c>
      <c r="S20804" s="5" t="s">
        <v>40</v>
      </c>
      <c r="T20804" s="5" t="s">
        <v>42</v>
      </c>
      <c r="U20804" s="2">
        <v>31.43</v>
      </c>
      <c r="V20804" s="2">
        <v>27.181999999999999</v>
      </c>
      <c r="W20804" s="2">
        <v>0.28299999999999997</v>
      </c>
      <c r="X20804" s="2">
        <v>14.9</v>
      </c>
      <c r="Y20804" s="2">
        <v>136.6</v>
      </c>
      <c r="Z20804" s="2">
        <v>138.80000000000001</v>
      </c>
      <c r="AA20804" s="5">
        <v>8</v>
      </c>
      <c r="AB20804" s="5" t="s">
        <v>43</v>
      </c>
      <c r="AC20804" s="5" t="s">
        <v>44</v>
      </c>
      <c r="AD20804" s="2" t="s">
        <v>67102</v>
      </c>
      <c r="AE20804" s="1"/>
    </row>
    <row r="20805" spans="1:31" ht="14.45">
      <c r="A20805" s="11"/>
      <c r="B20805" s="20"/>
      <c r="C20805" s="2" t="s">
        <v>67128</v>
      </c>
      <c r="D20805" s="14" t="s">
        <v>67129</v>
      </c>
      <c r="E20805" s="2" t="s">
        <v>67130</v>
      </c>
      <c r="F20805" s="2" t="s">
        <v>67097</v>
      </c>
      <c r="G20805" s="8">
        <v>1031</v>
      </c>
      <c r="H20805" s="5">
        <v>5</v>
      </c>
      <c r="I20805" s="5" t="s">
        <v>69</v>
      </c>
      <c r="J20805" s="5" t="s">
        <v>731</v>
      </c>
      <c r="K20805" s="2" t="s">
        <v>732</v>
      </c>
      <c r="L20805" s="5" t="s">
        <v>731</v>
      </c>
      <c r="M20805" s="2" t="s">
        <v>732</v>
      </c>
      <c r="N20805" s="5" t="s">
        <v>733</v>
      </c>
      <c r="O20805" s="5" t="s">
        <v>38</v>
      </c>
      <c r="P20805" s="5" t="s">
        <v>39</v>
      </c>
      <c r="Q20805" s="5" t="s">
        <v>40</v>
      </c>
      <c r="R20805" s="5" t="s">
        <v>66778</v>
      </c>
      <c r="S20805" s="5" t="s">
        <v>40</v>
      </c>
      <c r="T20805" s="5" t="s">
        <v>42</v>
      </c>
      <c r="U20805" s="2">
        <v>36.134999999999998</v>
      </c>
      <c r="V20805" s="2">
        <v>31.016999999999999</v>
      </c>
      <c r="W20805" s="2">
        <v>0.34100000000000003</v>
      </c>
      <c r="X20805" s="2">
        <v>16.899999999999999</v>
      </c>
      <c r="Y20805" s="2">
        <v>156.6</v>
      </c>
      <c r="Z20805" s="2">
        <v>128.80000000000001</v>
      </c>
      <c r="AA20805" s="5">
        <v>6</v>
      </c>
      <c r="AB20805" s="5" t="s">
        <v>43</v>
      </c>
      <c r="AC20805" s="5" t="s">
        <v>44</v>
      </c>
      <c r="AD20805" s="2" t="s">
        <v>67098</v>
      </c>
      <c r="AE20805" s="1"/>
    </row>
    <row r="20806" spans="1:31" ht="14.45">
      <c r="A20806" s="11"/>
      <c r="B20806" s="20"/>
      <c r="C20806" s="2" t="s">
        <v>67131</v>
      </c>
      <c r="D20806" s="14" t="s">
        <v>67132</v>
      </c>
      <c r="E20806" s="2" t="s">
        <v>67133</v>
      </c>
      <c r="F20806" s="2" t="s">
        <v>67097</v>
      </c>
      <c r="G20806" s="8">
        <v>744</v>
      </c>
      <c r="H20806" s="5">
        <v>5</v>
      </c>
      <c r="I20806" s="5" t="s">
        <v>69</v>
      </c>
      <c r="J20806" s="5" t="s">
        <v>731</v>
      </c>
      <c r="K20806" s="2" t="s">
        <v>732</v>
      </c>
      <c r="L20806" s="5" t="s">
        <v>731</v>
      </c>
      <c r="M20806" s="2" t="s">
        <v>732</v>
      </c>
      <c r="N20806" s="5" t="s">
        <v>733</v>
      </c>
      <c r="O20806" s="5" t="s">
        <v>38</v>
      </c>
      <c r="P20806" s="5" t="s">
        <v>39</v>
      </c>
      <c r="Q20806" s="5" t="s">
        <v>40</v>
      </c>
      <c r="R20806" s="5" t="s">
        <v>66778</v>
      </c>
      <c r="S20806" s="5" t="s">
        <v>40</v>
      </c>
      <c r="T20806" s="5" t="s">
        <v>42</v>
      </c>
      <c r="U20806" s="2">
        <v>33.232999999999997</v>
      </c>
      <c r="V20806" s="2">
        <v>28.574000000000002</v>
      </c>
      <c r="W20806" s="2">
        <v>0.30099999999999999</v>
      </c>
      <c r="X20806" s="2">
        <v>14.9</v>
      </c>
      <c r="Y20806" s="2">
        <v>156.6</v>
      </c>
      <c r="Z20806" s="2">
        <v>128.80000000000001</v>
      </c>
      <c r="AA20806" s="5">
        <v>8</v>
      </c>
      <c r="AB20806" s="5" t="s">
        <v>43</v>
      </c>
      <c r="AC20806" s="5" t="s">
        <v>44</v>
      </c>
      <c r="AD20806" s="2" t="s">
        <v>67102</v>
      </c>
      <c r="AE20806" s="1"/>
    </row>
    <row r="20807" spans="1:31" ht="14.45">
      <c r="A20807" s="11"/>
      <c r="B20807" s="20"/>
      <c r="C20807" s="2" t="s">
        <v>67134</v>
      </c>
      <c r="D20807" s="14" t="s">
        <v>67135</v>
      </c>
      <c r="E20807" s="2" t="s">
        <v>67136</v>
      </c>
      <c r="F20807" s="2" t="s">
        <v>67097</v>
      </c>
      <c r="G20807" s="8">
        <v>1277</v>
      </c>
      <c r="H20807" s="5">
        <v>5</v>
      </c>
      <c r="I20807" s="5" t="s">
        <v>69</v>
      </c>
      <c r="J20807" s="5" t="s">
        <v>731</v>
      </c>
      <c r="K20807" s="2" t="s">
        <v>732</v>
      </c>
      <c r="L20807" s="5" t="s">
        <v>731</v>
      </c>
      <c r="M20807" s="2" t="s">
        <v>732</v>
      </c>
      <c r="N20807" s="5" t="s">
        <v>733</v>
      </c>
      <c r="O20807" s="5" t="s">
        <v>38</v>
      </c>
      <c r="P20807" s="5" t="s">
        <v>39</v>
      </c>
      <c r="Q20807" s="5" t="s">
        <v>40</v>
      </c>
      <c r="R20807" s="5" t="s">
        <v>66778</v>
      </c>
      <c r="S20807" s="5" t="s">
        <v>40</v>
      </c>
      <c r="T20807" s="5" t="s">
        <v>42</v>
      </c>
      <c r="U20807" s="2">
        <v>43.968000000000004</v>
      </c>
      <c r="V20807" s="2">
        <v>37.729999999999997</v>
      </c>
      <c r="W20807" s="2">
        <v>0.45300000000000001</v>
      </c>
      <c r="X20807" s="2">
        <v>18.2</v>
      </c>
      <c r="Y20807" s="2">
        <v>156.6</v>
      </c>
      <c r="Z20807" s="2">
        <v>158.80000000000001</v>
      </c>
      <c r="AA20807" s="5">
        <v>6</v>
      </c>
      <c r="AB20807" s="5" t="s">
        <v>43</v>
      </c>
      <c r="AC20807" s="5" t="s">
        <v>44</v>
      </c>
      <c r="AD20807" s="2" t="s">
        <v>67098</v>
      </c>
      <c r="AE20807" s="1"/>
    </row>
    <row r="20808" spans="1:31" ht="14.45">
      <c r="A20808" s="11"/>
      <c r="B20808" s="20"/>
      <c r="C20808" s="2" t="s">
        <v>67137</v>
      </c>
      <c r="D20808" s="14" t="s">
        <v>67138</v>
      </c>
      <c r="E20808" s="2" t="s">
        <v>67139</v>
      </c>
      <c r="F20808" s="2" t="s">
        <v>67097</v>
      </c>
      <c r="G20808" s="8">
        <v>921</v>
      </c>
      <c r="H20808" s="5">
        <v>5</v>
      </c>
      <c r="I20808" s="5" t="s">
        <v>69</v>
      </c>
      <c r="J20808" s="5" t="s">
        <v>731</v>
      </c>
      <c r="K20808" s="2" t="s">
        <v>732</v>
      </c>
      <c r="L20808" s="5" t="s">
        <v>731</v>
      </c>
      <c r="M20808" s="2" t="s">
        <v>732</v>
      </c>
      <c r="N20808" s="5" t="s">
        <v>733</v>
      </c>
      <c r="O20808" s="5" t="s">
        <v>38</v>
      </c>
      <c r="P20808" s="5" t="s">
        <v>39</v>
      </c>
      <c r="Q20808" s="5" t="s">
        <v>40</v>
      </c>
      <c r="R20808" s="5" t="s">
        <v>66778</v>
      </c>
      <c r="S20808" s="5" t="s">
        <v>40</v>
      </c>
      <c r="T20808" s="5" t="s">
        <v>42</v>
      </c>
      <c r="U20808" s="2">
        <v>45.981000000000002</v>
      </c>
      <c r="V20808" s="2">
        <v>40.482999999999997</v>
      </c>
      <c r="W20808" s="2">
        <v>0.371</v>
      </c>
      <c r="X20808" s="2">
        <v>14.9</v>
      </c>
      <c r="Y20808" s="2">
        <v>156.6</v>
      </c>
      <c r="Z20808" s="2">
        <v>158.80000000000001</v>
      </c>
      <c r="AA20808" s="5">
        <v>8</v>
      </c>
      <c r="AB20808" s="5" t="s">
        <v>43</v>
      </c>
      <c r="AC20808" s="5" t="s">
        <v>44</v>
      </c>
      <c r="AD20808" s="2" t="s">
        <v>67102</v>
      </c>
      <c r="AE20808" s="1"/>
    </row>
    <row r="20809" spans="1:31" ht="14.45">
      <c r="A20809" s="11"/>
      <c r="B20809" s="20"/>
      <c r="C20809" s="2" t="s">
        <v>67140</v>
      </c>
      <c r="D20809" s="14" t="s">
        <v>67141</v>
      </c>
      <c r="E20809" s="2" t="s">
        <v>67142</v>
      </c>
      <c r="F20809" s="2" t="s">
        <v>67097</v>
      </c>
      <c r="G20809" s="8">
        <v>1188</v>
      </c>
      <c r="H20809" s="5">
        <v>5</v>
      </c>
      <c r="I20809" s="5" t="s">
        <v>69</v>
      </c>
      <c r="J20809" s="5" t="s">
        <v>731</v>
      </c>
      <c r="K20809" s="2" t="s">
        <v>732</v>
      </c>
      <c r="L20809" s="5" t="s">
        <v>731</v>
      </c>
      <c r="M20809" s="2" t="s">
        <v>732</v>
      </c>
      <c r="N20809" s="5" t="s">
        <v>733</v>
      </c>
      <c r="O20809" s="5" t="s">
        <v>38</v>
      </c>
      <c r="P20809" s="5" t="s">
        <v>39</v>
      </c>
      <c r="Q20809" s="5" t="s">
        <v>40</v>
      </c>
      <c r="R20809" s="5" t="s">
        <v>66778</v>
      </c>
      <c r="S20809" s="5" t="s">
        <v>40</v>
      </c>
      <c r="T20809" s="5" t="s">
        <v>42</v>
      </c>
      <c r="U20809" s="2">
        <v>39.344999999999999</v>
      </c>
      <c r="V20809" s="2">
        <v>33.701000000000001</v>
      </c>
      <c r="W20809" s="2">
        <v>0.375</v>
      </c>
      <c r="X20809" s="2">
        <v>16.899999999999999</v>
      </c>
      <c r="Y20809" s="2">
        <v>186.6</v>
      </c>
      <c r="Z20809" s="2">
        <v>118.8</v>
      </c>
      <c r="AA20809" s="5">
        <v>7</v>
      </c>
      <c r="AB20809" s="5" t="s">
        <v>43</v>
      </c>
      <c r="AC20809" s="5" t="s">
        <v>44</v>
      </c>
      <c r="AD20809" s="2" t="s">
        <v>67098</v>
      </c>
      <c r="AE20809" s="1"/>
    </row>
    <row r="20810" spans="1:31" ht="14.45">
      <c r="A20810" s="11"/>
      <c r="B20810" s="20"/>
      <c r="C20810" s="2" t="s">
        <v>67143</v>
      </c>
      <c r="D20810" s="14" t="s">
        <v>67144</v>
      </c>
      <c r="E20810" s="2" t="s">
        <v>67145</v>
      </c>
      <c r="F20810" s="2" t="s">
        <v>67097</v>
      </c>
      <c r="G20810" s="8">
        <v>858</v>
      </c>
      <c r="H20810" s="5">
        <v>5</v>
      </c>
      <c r="I20810" s="5" t="s">
        <v>69</v>
      </c>
      <c r="J20810" s="5" t="s">
        <v>731</v>
      </c>
      <c r="K20810" s="2" t="s">
        <v>732</v>
      </c>
      <c r="L20810" s="5" t="s">
        <v>731</v>
      </c>
      <c r="M20810" s="2" t="s">
        <v>732</v>
      </c>
      <c r="N20810" s="5" t="s">
        <v>733</v>
      </c>
      <c r="O20810" s="5" t="s">
        <v>38</v>
      </c>
      <c r="P20810" s="5" t="s">
        <v>39</v>
      </c>
      <c r="Q20810" s="5" t="s">
        <v>40</v>
      </c>
      <c r="R20810" s="5" t="s">
        <v>66778</v>
      </c>
      <c r="S20810" s="5" t="s">
        <v>40</v>
      </c>
      <c r="T20810" s="5" t="s">
        <v>42</v>
      </c>
      <c r="U20810" s="2">
        <v>50.232999999999997</v>
      </c>
      <c r="V20810" s="2">
        <v>45.186</v>
      </c>
      <c r="W20810" s="2">
        <v>0.33</v>
      </c>
      <c r="X20810" s="2">
        <v>14.9</v>
      </c>
      <c r="Y20810" s="2">
        <v>186.6</v>
      </c>
      <c r="Z20810" s="2">
        <v>118.8</v>
      </c>
      <c r="AA20810" s="5">
        <v>8</v>
      </c>
      <c r="AB20810" s="5" t="s">
        <v>43</v>
      </c>
      <c r="AC20810" s="5" t="s">
        <v>44</v>
      </c>
      <c r="AD20810" s="2" t="s">
        <v>67102</v>
      </c>
      <c r="AE20810" s="1"/>
    </row>
    <row r="20811" spans="1:31" ht="14.45">
      <c r="A20811" s="11"/>
      <c r="B20811" s="20"/>
      <c r="C20811" s="2" t="s">
        <v>67146</v>
      </c>
      <c r="D20811" s="14" t="s">
        <v>67147</v>
      </c>
      <c r="E20811" s="2" t="s">
        <v>67148</v>
      </c>
      <c r="F20811" s="2" t="s">
        <v>67097</v>
      </c>
      <c r="G20811" s="8">
        <v>1296</v>
      </c>
      <c r="H20811" s="5">
        <v>5</v>
      </c>
      <c r="I20811" s="5" t="s">
        <v>69</v>
      </c>
      <c r="J20811" s="5" t="s">
        <v>731</v>
      </c>
      <c r="K20811" s="2" t="s">
        <v>732</v>
      </c>
      <c r="L20811" s="5" t="s">
        <v>731</v>
      </c>
      <c r="M20811" s="2" t="s">
        <v>732</v>
      </c>
      <c r="N20811" s="5" t="s">
        <v>733</v>
      </c>
      <c r="O20811" s="5" t="s">
        <v>38</v>
      </c>
      <c r="P20811" s="5" t="s">
        <v>39</v>
      </c>
      <c r="Q20811" s="5" t="s">
        <v>40</v>
      </c>
      <c r="R20811" s="5" t="s">
        <v>66778</v>
      </c>
      <c r="S20811" s="5" t="s">
        <v>40</v>
      </c>
      <c r="T20811" s="5" t="s">
        <v>42</v>
      </c>
      <c r="U20811" s="2">
        <v>44.875</v>
      </c>
      <c r="V20811" s="2">
        <v>38.912999999999997</v>
      </c>
      <c r="W20811" s="2">
        <v>0.438</v>
      </c>
      <c r="X20811" s="2">
        <v>16.899999999999999</v>
      </c>
      <c r="Y20811" s="2">
        <v>186.6</v>
      </c>
      <c r="Z20811" s="2">
        <v>138.80000000000001</v>
      </c>
      <c r="AA20811" s="5">
        <v>7</v>
      </c>
      <c r="AB20811" s="5" t="s">
        <v>43</v>
      </c>
      <c r="AC20811" s="5" t="s">
        <v>44</v>
      </c>
      <c r="AD20811" s="2" t="s">
        <v>67098</v>
      </c>
      <c r="AE20811" s="1"/>
    </row>
    <row r="20812" spans="1:31" ht="14.45">
      <c r="A20812" s="11"/>
      <c r="B20812" s="20"/>
      <c r="C20812" s="2" t="s">
        <v>67149</v>
      </c>
      <c r="D20812" s="14" t="s">
        <v>67150</v>
      </c>
      <c r="E20812" s="2" t="s">
        <v>67151</v>
      </c>
      <c r="F20812" s="2" t="s">
        <v>67097</v>
      </c>
      <c r="G20812" s="8">
        <v>936</v>
      </c>
      <c r="H20812" s="5">
        <v>5</v>
      </c>
      <c r="I20812" s="5" t="s">
        <v>69</v>
      </c>
      <c r="J20812" s="5" t="s">
        <v>731</v>
      </c>
      <c r="K20812" s="2" t="s">
        <v>732</v>
      </c>
      <c r="L20812" s="5" t="s">
        <v>731</v>
      </c>
      <c r="M20812" s="2" t="s">
        <v>732</v>
      </c>
      <c r="N20812" s="5" t="s">
        <v>733</v>
      </c>
      <c r="O20812" s="5" t="s">
        <v>38</v>
      </c>
      <c r="P20812" s="5" t="s">
        <v>39</v>
      </c>
      <c r="Q20812" s="5" t="s">
        <v>40</v>
      </c>
      <c r="R20812" s="5" t="s">
        <v>66778</v>
      </c>
      <c r="S20812" s="5" t="s">
        <v>40</v>
      </c>
      <c r="T20812" s="5" t="s">
        <v>42</v>
      </c>
      <c r="U20812" s="2">
        <v>48.143999999999998</v>
      </c>
      <c r="V20812" s="2">
        <v>42.180999999999997</v>
      </c>
      <c r="W20812" s="2">
        <v>0.38600000000000001</v>
      </c>
      <c r="X20812" s="2">
        <v>14.9</v>
      </c>
      <c r="Y20812" s="2">
        <v>186.6</v>
      </c>
      <c r="Z20812" s="2">
        <v>138.80000000000001</v>
      </c>
      <c r="AA20812" s="5">
        <v>8</v>
      </c>
      <c r="AB20812" s="5" t="s">
        <v>43</v>
      </c>
      <c r="AC20812" s="5" t="s">
        <v>44</v>
      </c>
      <c r="AD20812" s="2" t="s">
        <v>67102</v>
      </c>
      <c r="AE20812" s="1"/>
    </row>
    <row r="20813" spans="1:31" ht="14.45">
      <c r="A20813" s="11"/>
      <c r="B20813" s="20"/>
      <c r="C20813" s="2" t="s">
        <v>67152</v>
      </c>
      <c r="D20813" s="14" t="s">
        <v>67153</v>
      </c>
      <c r="E20813" s="2" t="s">
        <v>67154</v>
      </c>
      <c r="F20813" s="2" t="s">
        <v>67097</v>
      </c>
      <c r="G20813" s="8">
        <v>1522</v>
      </c>
      <c r="H20813" s="5">
        <v>5</v>
      </c>
      <c r="I20813" s="5" t="s">
        <v>69</v>
      </c>
      <c r="J20813" s="5" t="s">
        <v>731</v>
      </c>
      <c r="K20813" s="2" t="s">
        <v>732</v>
      </c>
      <c r="L20813" s="5" t="s">
        <v>731</v>
      </c>
      <c r="M20813" s="2" t="s">
        <v>732</v>
      </c>
      <c r="N20813" s="5" t="s">
        <v>733</v>
      </c>
      <c r="O20813" s="5" t="s">
        <v>38</v>
      </c>
      <c r="P20813" s="5" t="s">
        <v>39</v>
      </c>
      <c r="Q20813" s="5" t="s">
        <v>40</v>
      </c>
      <c r="R20813" s="5" t="s">
        <v>66778</v>
      </c>
      <c r="S20813" s="5" t="s">
        <v>40</v>
      </c>
      <c r="T20813" s="5" t="s">
        <v>42</v>
      </c>
      <c r="U20813" s="2">
        <v>93.47</v>
      </c>
      <c r="V20813" s="2">
        <v>50.527000000000001</v>
      </c>
      <c r="W20813" s="2">
        <v>0.64</v>
      </c>
      <c r="X20813" s="2">
        <v>21.6</v>
      </c>
      <c r="Y20813" s="2">
        <v>186.6</v>
      </c>
      <c r="Z20813" s="2">
        <v>158.80000000000001</v>
      </c>
      <c r="AA20813" s="5">
        <v>6</v>
      </c>
      <c r="AB20813" s="5" t="s">
        <v>43</v>
      </c>
      <c r="AC20813" s="5" t="s">
        <v>44</v>
      </c>
      <c r="AD20813" s="2" t="s">
        <v>67098</v>
      </c>
      <c r="AE20813" s="1"/>
    </row>
    <row r="20814" spans="1:31" ht="14.45">
      <c r="A20814" s="11"/>
      <c r="B20814" s="20"/>
      <c r="C20814" s="2" t="s">
        <v>67155</v>
      </c>
      <c r="D20814" s="14" t="s">
        <v>67156</v>
      </c>
      <c r="E20814" s="2" t="s">
        <v>67157</v>
      </c>
      <c r="F20814" s="2" t="s">
        <v>67097</v>
      </c>
      <c r="G20814" s="8">
        <v>1099</v>
      </c>
      <c r="H20814" s="5">
        <v>5</v>
      </c>
      <c r="I20814" s="5" t="s">
        <v>69</v>
      </c>
      <c r="J20814" s="5" t="s">
        <v>731</v>
      </c>
      <c r="K20814" s="2" t="s">
        <v>732</v>
      </c>
      <c r="L20814" s="5" t="s">
        <v>731</v>
      </c>
      <c r="M20814" s="2" t="s">
        <v>732</v>
      </c>
      <c r="N20814" s="5" t="s">
        <v>733</v>
      </c>
      <c r="O20814" s="5" t="s">
        <v>38</v>
      </c>
      <c r="P20814" s="5" t="s">
        <v>39</v>
      </c>
      <c r="Q20814" s="5" t="s">
        <v>40</v>
      </c>
      <c r="R20814" s="5" t="s">
        <v>66778</v>
      </c>
      <c r="S20814" s="5" t="s">
        <v>40</v>
      </c>
      <c r="T20814" s="5" t="s">
        <v>42</v>
      </c>
      <c r="U20814" s="2">
        <v>101.68</v>
      </c>
      <c r="V20814" s="2">
        <v>60.088999999999999</v>
      </c>
      <c r="W20814" s="2">
        <v>0.442</v>
      </c>
      <c r="X20814" s="2">
        <v>14.9</v>
      </c>
      <c r="Y20814" s="2">
        <v>186.6</v>
      </c>
      <c r="Z20814" s="2">
        <v>158.80000000000001</v>
      </c>
      <c r="AA20814" s="5">
        <v>8</v>
      </c>
      <c r="AB20814" s="5" t="s">
        <v>43</v>
      </c>
      <c r="AC20814" s="5" t="s">
        <v>44</v>
      </c>
      <c r="AD20814" s="2" t="s">
        <v>67102</v>
      </c>
      <c r="AE20814" s="1"/>
    </row>
    <row r="20815" spans="1:31" ht="14.45">
      <c r="A20815" s="11"/>
      <c r="B20815" s="20"/>
      <c r="C20815" s="2" t="s">
        <v>67158</v>
      </c>
      <c r="D20815" s="14" t="s">
        <v>67159</v>
      </c>
      <c r="E20815" s="2" t="s">
        <v>67160</v>
      </c>
      <c r="F20815" s="2" t="s">
        <v>67097</v>
      </c>
      <c r="G20815" s="8">
        <v>1768</v>
      </c>
      <c r="H20815" s="5">
        <v>5</v>
      </c>
      <c r="I20815" s="5" t="s">
        <v>69</v>
      </c>
      <c r="J20815" s="5" t="s">
        <v>731</v>
      </c>
      <c r="K20815" s="2" t="s">
        <v>732</v>
      </c>
      <c r="L20815" s="5" t="s">
        <v>731</v>
      </c>
      <c r="M20815" s="2" t="s">
        <v>732</v>
      </c>
      <c r="N20815" s="5" t="s">
        <v>733</v>
      </c>
      <c r="O20815" s="5" t="s">
        <v>38</v>
      </c>
      <c r="P20815" s="5" t="s">
        <v>39</v>
      </c>
      <c r="Q20815" s="5" t="s">
        <v>40</v>
      </c>
      <c r="R20815" s="5" t="s">
        <v>66778</v>
      </c>
      <c r="S20815" s="5" t="s">
        <v>40</v>
      </c>
      <c r="T20815" s="5" t="s">
        <v>42</v>
      </c>
      <c r="U20815" s="2">
        <v>107.247</v>
      </c>
      <c r="V20815" s="2">
        <v>59.749000000000002</v>
      </c>
      <c r="W20815" s="2">
        <v>1.498</v>
      </c>
      <c r="X20815" s="2">
        <v>39.799999999999997</v>
      </c>
      <c r="Y20815" s="2">
        <v>194</v>
      </c>
      <c r="Z20815" s="2">
        <v>194</v>
      </c>
      <c r="AA20815" s="5">
        <v>6</v>
      </c>
      <c r="AB20815" s="5" t="s">
        <v>43</v>
      </c>
      <c r="AC20815" s="5" t="s">
        <v>44</v>
      </c>
      <c r="AD20815" s="2" t="s">
        <v>67098</v>
      </c>
      <c r="AE20815" s="1"/>
    </row>
    <row r="20816" spans="1:31" ht="14.45">
      <c r="A20816" s="11"/>
      <c r="B20816" s="20"/>
      <c r="C20816" s="2" t="s">
        <v>67161</v>
      </c>
      <c r="D20816" s="14" t="s">
        <v>67162</v>
      </c>
      <c r="E20816" s="2" t="s">
        <v>67163</v>
      </c>
      <c r="F20816" s="2" t="s">
        <v>67097</v>
      </c>
      <c r="G20816" s="8">
        <v>1276</v>
      </c>
      <c r="H20816" s="5">
        <v>5</v>
      </c>
      <c r="I20816" s="5" t="s">
        <v>69</v>
      </c>
      <c r="J20816" s="5" t="s">
        <v>731</v>
      </c>
      <c r="K20816" s="2" t="s">
        <v>732</v>
      </c>
      <c r="L20816" s="5" t="s">
        <v>731</v>
      </c>
      <c r="M20816" s="2" t="s">
        <v>732</v>
      </c>
      <c r="N20816" s="5" t="s">
        <v>733</v>
      </c>
      <c r="O20816" s="5" t="s">
        <v>38</v>
      </c>
      <c r="P20816" s="5" t="s">
        <v>39</v>
      </c>
      <c r="Q20816" s="5" t="s">
        <v>40</v>
      </c>
      <c r="R20816" s="5" t="s">
        <v>66778</v>
      </c>
      <c r="S20816" s="5" t="s">
        <v>40</v>
      </c>
      <c r="T20816" s="5" t="s">
        <v>42</v>
      </c>
      <c r="U20816" s="2">
        <v>117.29300000000001</v>
      </c>
      <c r="V20816" s="2">
        <v>71.257000000000005</v>
      </c>
      <c r="W20816" s="2">
        <v>1.155</v>
      </c>
      <c r="X20816" s="2">
        <v>30.7</v>
      </c>
      <c r="Y20816" s="2">
        <v>194</v>
      </c>
      <c r="Z20816" s="2">
        <v>194</v>
      </c>
      <c r="AA20816" s="5">
        <v>8</v>
      </c>
      <c r="AB20816" s="5" t="s">
        <v>43</v>
      </c>
      <c r="AC20816" s="5" t="s">
        <v>44</v>
      </c>
      <c r="AD20816" s="2" t="s">
        <v>67102</v>
      </c>
      <c r="AE20816" s="1"/>
    </row>
    <row r="20817" spans="1:31" ht="14.45">
      <c r="A20817" s="11"/>
      <c r="B20817" s="20"/>
      <c r="C20817" s="2" t="s">
        <v>67164</v>
      </c>
      <c r="D20817" s="14" t="s">
        <v>67165</v>
      </c>
      <c r="E20817" s="2" t="s">
        <v>67166</v>
      </c>
      <c r="F20817" s="2" t="s">
        <v>67097</v>
      </c>
      <c r="G20817" s="8">
        <v>1856</v>
      </c>
      <c r="H20817" s="5">
        <v>5</v>
      </c>
      <c r="I20817" s="5" t="s">
        <v>69</v>
      </c>
      <c r="J20817" s="5" t="s">
        <v>731</v>
      </c>
      <c r="K20817" s="2" t="s">
        <v>732</v>
      </c>
      <c r="L20817" s="5" t="s">
        <v>731</v>
      </c>
      <c r="M20817" s="2" t="s">
        <v>732</v>
      </c>
      <c r="N20817" s="5" t="s">
        <v>733</v>
      </c>
      <c r="O20817" s="5" t="s">
        <v>38</v>
      </c>
      <c r="P20817" s="5" t="s">
        <v>39</v>
      </c>
      <c r="Q20817" s="5" t="s">
        <v>40</v>
      </c>
      <c r="R20817" s="5" t="s">
        <v>66778</v>
      </c>
      <c r="S20817" s="5" t="s">
        <v>40</v>
      </c>
      <c r="T20817" s="5" t="s">
        <v>42</v>
      </c>
      <c r="U20817" s="2">
        <v>94.036000000000001</v>
      </c>
      <c r="V20817" s="2">
        <v>50.515999999999998</v>
      </c>
      <c r="W20817" s="2">
        <v>0.435</v>
      </c>
      <c r="X20817" s="2">
        <v>18.600000000000001</v>
      </c>
      <c r="Y20817" s="2">
        <v>236.6</v>
      </c>
      <c r="Z20817" s="2">
        <v>98.8</v>
      </c>
      <c r="AA20817" s="5">
        <v>6</v>
      </c>
      <c r="AB20817" s="5" t="s">
        <v>43</v>
      </c>
      <c r="AC20817" s="5" t="s">
        <v>44</v>
      </c>
      <c r="AD20817" s="2" t="s">
        <v>67098</v>
      </c>
      <c r="AE20817" s="1"/>
    </row>
    <row r="20818" spans="1:31" ht="14.45">
      <c r="A20818" s="11"/>
      <c r="B20818" s="20"/>
      <c r="C20818" s="2" t="s">
        <v>67167</v>
      </c>
      <c r="D20818" s="14" t="s">
        <v>67168</v>
      </c>
      <c r="E20818" s="2" t="s">
        <v>67169</v>
      </c>
      <c r="F20818" s="2" t="s">
        <v>67097</v>
      </c>
      <c r="G20818" s="8">
        <v>1340</v>
      </c>
      <c r="H20818" s="5">
        <v>5</v>
      </c>
      <c r="I20818" s="5" t="s">
        <v>69</v>
      </c>
      <c r="J20818" s="5" t="s">
        <v>731</v>
      </c>
      <c r="K20818" s="2" t="s">
        <v>732</v>
      </c>
      <c r="L20818" s="5" t="s">
        <v>731</v>
      </c>
      <c r="M20818" s="2" t="s">
        <v>732</v>
      </c>
      <c r="N20818" s="5" t="s">
        <v>733</v>
      </c>
      <c r="O20818" s="5" t="s">
        <v>38</v>
      </c>
      <c r="P20818" s="5" t="s">
        <v>39</v>
      </c>
      <c r="Q20818" s="5" t="s">
        <v>40</v>
      </c>
      <c r="R20818" s="5" t="s">
        <v>66778</v>
      </c>
      <c r="S20818" s="5" t="s">
        <v>40</v>
      </c>
      <c r="T20818" s="5" t="s">
        <v>42</v>
      </c>
      <c r="U20818" s="2">
        <v>89.700999999999993</v>
      </c>
      <c r="V20818" s="2">
        <v>47.307000000000002</v>
      </c>
      <c r="W20818" s="2">
        <v>0.34799999999999998</v>
      </c>
      <c r="X20818" s="2">
        <v>14.9</v>
      </c>
      <c r="Y20818" s="2">
        <v>236.6</v>
      </c>
      <c r="Z20818" s="2">
        <v>98.8</v>
      </c>
      <c r="AA20818" s="5">
        <v>8</v>
      </c>
      <c r="AB20818" s="5" t="s">
        <v>43</v>
      </c>
      <c r="AC20818" s="5" t="s">
        <v>44</v>
      </c>
      <c r="AD20818" s="2" t="s">
        <v>67102</v>
      </c>
      <c r="AE20818" s="1"/>
    </row>
    <row r="20819" spans="1:31" ht="14.45">
      <c r="A20819" s="11"/>
      <c r="B20819" s="20"/>
      <c r="C20819" s="2" t="s">
        <v>67170</v>
      </c>
      <c r="D20819" s="14" t="s">
        <v>67171</v>
      </c>
      <c r="E20819" s="2" t="s">
        <v>67172</v>
      </c>
      <c r="F20819" s="2" t="s">
        <v>67097</v>
      </c>
      <c r="G20819" s="8">
        <v>1856</v>
      </c>
      <c r="H20819" s="5">
        <v>5</v>
      </c>
      <c r="I20819" s="5" t="s">
        <v>69</v>
      </c>
      <c r="J20819" s="5" t="s">
        <v>731</v>
      </c>
      <c r="K20819" s="2" t="s">
        <v>732</v>
      </c>
      <c r="L20819" s="5" t="s">
        <v>731</v>
      </c>
      <c r="M20819" s="2" t="s">
        <v>732</v>
      </c>
      <c r="N20819" s="5" t="s">
        <v>733</v>
      </c>
      <c r="O20819" s="5" t="s">
        <v>38</v>
      </c>
      <c r="P20819" s="5" t="s">
        <v>39</v>
      </c>
      <c r="Q20819" s="5" t="s">
        <v>40</v>
      </c>
      <c r="R20819" s="5" t="s">
        <v>66778</v>
      </c>
      <c r="S20819" s="5" t="s">
        <v>40</v>
      </c>
      <c r="T20819" s="5" t="s">
        <v>42</v>
      </c>
      <c r="U20819" s="2">
        <v>99.298000000000002</v>
      </c>
      <c r="V20819" s="2">
        <v>48.034999999999997</v>
      </c>
      <c r="W20819" s="2">
        <v>1.268</v>
      </c>
      <c r="X20819" s="2">
        <v>36.1</v>
      </c>
      <c r="Y20819" s="2">
        <v>244</v>
      </c>
      <c r="Z20819" s="2">
        <v>144</v>
      </c>
      <c r="AA20819" s="5">
        <v>6</v>
      </c>
      <c r="AB20819" s="5" t="s">
        <v>43</v>
      </c>
      <c r="AC20819" s="5" t="s">
        <v>44</v>
      </c>
      <c r="AD20819" s="2" t="s">
        <v>67098</v>
      </c>
      <c r="AE20819" s="1"/>
    </row>
    <row r="20820" spans="1:31" ht="14.45">
      <c r="A20820" s="11"/>
      <c r="B20820" s="20"/>
      <c r="C20820" s="2" t="s">
        <v>67173</v>
      </c>
      <c r="D20820" s="14" t="s">
        <v>67174</v>
      </c>
      <c r="E20820" s="2" t="s">
        <v>67175</v>
      </c>
      <c r="F20820" s="2" t="s">
        <v>67097</v>
      </c>
      <c r="G20820" s="8">
        <v>1340</v>
      </c>
      <c r="H20820" s="5">
        <v>5</v>
      </c>
      <c r="I20820" s="5" t="s">
        <v>69</v>
      </c>
      <c r="J20820" s="5" t="s">
        <v>731</v>
      </c>
      <c r="K20820" s="2" t="s">
        <v>732</v>
      </c>
      <c r="L20820" s="5" t="s">
        <v>731</v>
      </c>
      <c r="M20820" s="2" t="s">
        <v>732</v>
      </c>
      <c r="N20820" s="5" t="s">
        <v>733</v>
      </c>
      <c r="O20820" s="5" t="s">
        <v>38</v>
      </c>
      <c r="P20820" s="5" t="s">
        <v>39</v>
      </c>
      <c r="Q20820" s="5" t="s">
        <v>40</v>
      </c>
      <c r="R20820" s="5" t="s">
        <v>66778</v>
      </c>
      <c r="S20820" s="5" t="s">
        <v>40</v>
      </c>
      <c r="T20820" s="5" t="s">
        <v>42</v>
      </c>
      <c r="U20820" s="2">
        <v>114.70399999999999</v>
      </c>
      <c r="V20820" s="2">
        <v>66.352000000000004</v>
      </c>
      <c r="W20820" s="2">
        <v>1.079</v>
      </c>
      <c r="X20820" s="2">
        <v>30.7</v>
      </c>
      <c r="Y20820" s="2">
        <v>244</v>
      </c>
      <c r="Z20820" s="2">
        <v>144</v>
      </c>
      <c r="AA20820" s="5">
        <v>8</v>
      </c>
      <c r="AB20820" s="5" t="s">
        <v>43</v>
      </c>
      <c r="AC20820" s="5" t="s">
        <v>44</v>
      </c>
      <c r="AD20820" s="2" t="s">
        <v>67102</v>
      </c>
      <c r="AE20820" s="1"/>
    </row>
    <row r="20821" spans="1:31" ht="14.45">
      <c r="A20821" s="5"/>
      <c r="B20821" s="21"/>
      <c r="C20821" s="2" t="s">
        <v>67176</v>
      </c>
      <c r="D20821" s="14" t="s">
        <v>67177</v>
      </c>
      <c r="E20821" s="2" t="s">
        <v>67178</v>
      </c>
      <c r="F20821" s="2"/>
      <c r="G20821" s="8">
        <v>186</v>
      </c>
      <c r="H20821" s="5">
        <v>5</v>
      </c>
      <c r="I20821" s="5" t="s">
        <v>34</v>
      </c>
      <c r="J20821" s="5" t="s">
        <v>67179</v>
      </c>
      <c r="K20821" s="2" t="s">
        <v>67180</v>
      </c>
      <c r="L20821" s="5" t="s">
        <v>67179</v>
      </c>
      <c r="M20821" s="2" t="s">
        <v>67180</v>
      </c>
      <c r="N20821" s="5" t="s">
        <v>67181</v>
      </c>
      <c r="O20821" s="5" t="s">
        <v>38</v>
      </c>
      <c r="P20821" s="5" t="s">
        <v>39</v>
      </c>
      <c r="Q20821" s="5" t="s">
        <v>40</v>
      </c>
      <c r="R20821" s="5" t="s">
        <v>67182</v>
      </c>
      <c r="S20821" s="5" t="s">
        <v>40</v>
      </c>
      <c r="T20821" s="5" t="s">
        <v>42</v>
      </c>
      <c r="U20821" s="2">
        <v>0.70799999999999996</v>
      </c>
      <c r="V20821" s="2">
        <v>0.6</v>
      </c>
      <c r="W20821" s="2">
        <v>3.0000000000000001E-3</v>
      </c>
      <c r="X20821" s="2">
        <v>25.5</v>
      </c>
      <c r="Y20821" s="2">
        <v>14.5</v>
      </c>
      <c r="Z20821" s="2">
        <v>7.5</v>
      </c>
      <c r="AA20821" s="5"/>
      <c r="AB20821" s="5" t="s">
        <v>43</v>
      </c>
      <c r="AC20821" s="5" t="s">
        <v>44</v>
      </c>
      <c r="AD20821" s="2" t="s">
        <v>67183</v>
      </c>
      <c r="AE20821" s="1"/>
    </row>
    <row r="20822" spans="1:31" ht="14.45">
      <c r="A20822" s="11"/>
      <c r="B20822" s="20"/>
      <c r="C20822" s="2" t="s">
        <v>67184</v>
      </c>
      <c r="D20822" s="14" t="s">
        <v>67185</v>
      </c>
      <c r="E20822" s="2" t="s">
        <v>67186</v>
      </c>
      <c r="F20822" s="2" t="s">
        <v>67187</v>
      </c>
      <c r="G20822" s="8">
        <v>179</v>
      </c>
      <c r="H20822" s="5">
        <v>5</v>
      </c>
      <c r="I20822" s="5" t="s">
        <v>34</v>
      </c>
      <c r="J20822" s="5" t="s">
        <v>67179</v>
      </c>
      <c r="K20822" s="2" t="s">
        <v>67180</v>
      </c>
      <c r="L20822" s="5" t="s">
        <v>67179</v>
      </c>
      <c r="M20822" s="2" t="s">
        <v>67180</v>
      </c>
      <c r="N20822" s="5" t="s">
        <v>67188</v>
      </c>
      <c r="O20822" s="5" t="s">
        <v>38</v>
      </c>
      <c r="P20822" s="5" t="s">
        <v>39</v>
      </c>
      <c r="Q20822" s="5" t="s">
        <v>40</v>
      </c>
      <c r="R20822" s="5" t="s">
        <v>67189</v>
      </c>
      <c r="S20822" s="5" t="s">
        <v>40</v>
      </c>
      <c r="T20822" s="5" t="s">
        <v>35758</v>
      </c>
      <c r="U20822" s="2">
        <v>0.27300000000000002</v>
      </c>
      <c r="V20822" s="2">
        <v>0.14000000000000001</v>
      </c>
      <c r="W20822" s="2">
        <v>2E-3</v>
      </c>
      <c r="X20822" s="2">
        <v>18.2</v>
      </c>
      <c r="Y20822" s="2">
        <v>15.7</v>
      </c>
      <c r="Z20822" s="2">
        <v>7.4</v>
      </c>
      <c r="AA20822" s="5"/>
      <c r="AB20822" s="5" t="s">
        <v>43</v>
      </c>
      <c r="AC20822" s="5" t="s">
        <v>44</v>
      </c>
      <c r="AD20822" s="2" t="s">
        <v>67190</v>
      </c>
      <c r="AE20822" s="1"/>
    </row>
    <row r="20823" spans="1:31" ht="14.45">
      <c r="A20823" s="11"/>
      <c r="B20823" s="20"/>
      <c r="C20823" s="2" t="s">
        <v>67191</v>
      </c>
      <c r="D20823" s="14" t="s">
        <v>67192</v>
      </c>
      <c r="E20823" s="2" t="s">
        <v>67193</v>
      </c>
      <c r="F20823" s="2" t="s">
        <v>67194</v>
      </c>
      <c r="G20823" s="8">
        <v>638</v>
      </c>
      <c r="H20823" s="5">
        <v>5</v>
      </c>
      <c r="I20823" s="5" t="s">
        <v>34</v>
      </c>
      <c r="J20823" s="5" t="s">
        <v>67195</v>
      </c>
      <c r="K20823" s="2" t="s">
        <v>67196</v>
      </c>
      <c r="L20823" s="5" t="s">
        <v>67195</v>
      </c>
      <c r="M20823" s="2" t="s">
        <v>67196</v>
      </c>
      <c r="N20823" s="5" t="s">
        <v>67197</v>
      </c>
      <c r="O20823" s="5" t="s">
        <v>38</v>
      </c>
      <c r="P20823" s="5" t="s">
        <v>39</v>
      </c>
      <c r="Q20823" s="5" t="s">
        <v>40</v>
      </c>
      <c r="R20823" s="5" t="s">
        <v>67198</v>
      </c>
      <c r="S20823" s="5" t="s">
        <v>40</v>
      </c>
      <c r="T20823" s="5" t="s">
        <v>42</v>
      </c>
      <c r="U20823" s="2">
        <v>8.125</v>
      </c>
      <c r="V20823" s="2">
        <v>7.9</v>
      </c>
      <c r="W20823" s="2">
        <v>1.2E-2</v>
      </c>
      <c r="X20823" s="2">
        <v>30.5</v>
      </c>
      <c r="Y20823" s="2">
        <v>25.4</v>
      </c>
      <c r="Z20823" s="2">
        <v>16</v>
      </c>
      <c r="AA20823" s="5"/>
      <c r="AB20823" s="5" t="s">
        <v>43</v>
      </c>
      <c r="AC20823" s="5" t="s">
        <v>44</v>
      </c>
      <c r="AD20823" s="2" t="s">
        <v>67199</v>
      </c>
      <c r="AE20823" s="1"/>
    </row>
    <row r="20824" spans="1:31" ht="14.45">
      <c r="A20824" s="11"/>
      <c r="B20824" s="20"/>
      <c r="C20824" s="2" t="s">
        <v>67200</v>
      </c>
      <c r="D20824" s="14" t="s">
        <v>67201</v>
      </c>
      <c r="E20824" s="2" t="s">
        <v>67202</v>
      </c>
      <c r="F20824" s="2" t="s">
        <v>67203</v>
      </c>
      <c r="G20824" s="8">
        <v>798</v>
      </c>
      <c r="H20824" s="5">
        <v>5</v>
      </c>
      <c r="I20824" s="5" t="s">
        <v>34</v>
      </c>
      <c r="J20824" s="5" t="s">
        <v>67195</v>
      </c>
      <c r="K20824" s="2" t="s">
        <v>67196</v>
      </c>
      <c r="L20824" s="5" t="s">
        <v>67195</v>
      </c>
      <c r="M20824" s="2" t="s">
        <v>67196</v>
      </c>
      <c r="N20824" s="5" t="s">
        <v>67197</v>
      </c>
      <c r="O20824" s="5" t="s">
        <v>38</v>
      </c>
      <c r="P20824" s="5" t="s">
        <v>39</v>
      </c>
      <c r="Q20824" s="5" t="s">
        <v>40</v>
      </c>
      <c r="R20824" s="5" t="s">
        <v>67198</v>
      </c>
      <c r="S20824" s="5" t="s">
        <v>40</v>
      </c>
      <c r="T20824" s="5" t="s">
        <v>42</v>
      </c>
      <c r="U20824" s="2">
        <v>7.9249999999999998</v>
      </c>
      <c r="V20824" s="2">
        <v>7.7</v>
      </c>
      <c r="W20824" s="2">
        <v>1.2E-2</v>
      </c>
      <c r="X20824" s="2">
        <v>30.5</v>
      </c>
      <c r="Y20824" s="2">
        <v>25.4</v>
      </c>
      <c r="Z20824" s="2">
        <v>16</v>
      </c>
      <c r="AA20824" s="5"/>
      <c r="AB20824" s="5" t="s">
        <v>43</v>
      </c>
      <c r="AC20824" s="5" t="s">
        <v>44</v>
      </c>
      <c r="AD20824" s="2" t="s">
        <v>67204</v>
      </c>
      <c r="AE20824" s="1"/>
    </row>
    <row r="20825" spans="1:31" ht="14.45">
      <c r="A20825" s="11"/>
      <c r="B20825" s="20"/>
      <c r="C20825" s="2" t="s">
        <v>67205</v>
      </c>
      <c r="D20825" s="14" t="s">
        <v>67206</v>
      </c>
      <c r="E20825" s="2" t="s">
        <v>67207</v>
      </c>
      <c r="F20825" s="2" t="s">
        <v>67208</v>
      </c>
      <c r="G20825" s="8">
        <v>49</v>
      </c>
      <c r="H20825" s="5">
        <v>5</v>
      </c>
      <c r="I20825" s="5" t="s">
        <v>34</v>
      </c>
      <c r="J20825" s="5" t="s">
        <v>67179</v>
      </c>
      <c r="K20825" s="2" t="s">
        <v>67180</v>
      </c>
      <c r="L20825" s="5" t="s">
        <v>67179</v>
      </c>
      <c r="M20825" s="2" t="s">
        <v>67180</v>
      </c>
      <c r="N20825" s="5" t="s">
        <v>67181</v>
      </c>
      <c r="O20825" s="5" t="s">
        <v>38</v>
      </c>
      <c r="P20825" s="5" t="s">
        <v>39</v>
      </c>
      <c r="Q20825" s="5" t="s">
        <v>40</v>
      </c>
      <c r="R20825" s="5" t="s">
        <v>67209</v>
      </c>
      <c r="S20825" s="5" t="s">
        <v>40</v>
      </c>
      <c r="T20825" s="5" t="s">
        <v>35758</v>
      </c>
      <c r="U20825" s="2">
        <v>0.11700000000000001</v>
      </c>
      <c r="V20825" s="2">
        <v>9.7000000000000003E-2</v>
      </c>
      <c r="W20825" s="2">
        <v>1E-3</v>
      </c>
      <c r="X20825" s="2">
        <v>20</v>
      </c>
      <c r="Y20825" s="2">
        <v>8.1999999999999993</v>
      </c>
      <c r="Z20825" s="2">
        <v>6.8</v>
      </c>
      <c r="AA20825" s="5"/>
      <c r="AB20825" s="5" t="s">
        <v>43</v>
      </c>
      <c r="AC20825" s="5" t="s">
        <v>44</v>
      </c>
      <c r="AD20825" s="2" t="s">
        <v>67210</v>
      </c>
      <c r="AE20825" s="1"/>
    </row>
    <row r="20826" spans="1:31" ht="14.45">
      <c r="A20826" s="11"/>
      <c r="B20826" s="20"/>
      <c r="C20826" s="2" t="s">
        <v>67211</v>
      </c>
      <c r="D20826" s="14" t="s">
        <v>67212</v>
      </c>
      <c r="E20826" s="2" t="s">
        <v>67213</v>
      </c>
      <c r="F20826" s="2" t="s">
        <v>67214</v>
      </c>
      <c r="G20826" s="8">
        <v>112</v>
      </c>
      <c r="H20826" s="5">
        <v>5</v>
      </c>
      <c r="I20826" s="5" t="s">
        <v>34</v>
      </c>
      <c r="J20826" s="5" t="s">
        <v>67179</v>
      </c>
      <c r="K20826" s="2" t="s">
        <v>67180</v>
      </c>
      <c r="L20826" s="5" t="s">
        <v>67179</v>
      </c>
      <c r="M20826" s="2" t="s">
        <v>67180</v>
      </c>
      <c r="N20826" s="5" t="s">
        <v>67181</v>
      </c>
      <c r="O20826" s="5" t="s">
        <v>38</v>
      </c>
      <c r="P20826" s="5" t="s">
        <v>39</v>
      </c>
      <c r="Q20826" s="5" t="s">
        <v>40</v>
      </c>
      <c r="R20826" s="5" t="s">
        <v>67198</v>
      </c>
      <c r="S20826" s="5" t="s">
        <v>40</v>
      </c>
      <c r="T20826" s="5" t="s">
        <v>42</v>
      </c>
      <c r="U20826" s="2">
        <v>0.28899999999999998</v>
      </c>
      <c r="V20826" s="2">
        <v>0.25900000000000001</v>
      </c>
      <c r="W20826" s="2">
        <v>1E-3</v>
      </c>
      <c r="X20826" s="2">
        <v>14.2</v>
      </c>
      <c r="Y20826" s="2">
        <v>13.5</v>
      </c>
      <c r="Z20826" s="2">
        <v>4.2</v>
      </c>
      <c r="AA20826" s="5"/>
      <c r="AB20826" s="5" t="s">
        <v>43</v>
      </c>
      <c r="AC20826" s="5" t="s">
        <v>44</v>
      </c>
      <c r="AD20826" s="2" t="s">
        <v>67215</v>
      </c>
      <c r="AE20826" s="1"/>
    </row>
    <row r="20827" spans="1:31" ht="14.45">
      <c r="A20827" s="11"/>
      <c r="B20827" s="20"/>
      <c r="C20827" s="2" t="s">
        <v>67216</v>
      </c>
      <c r="D20827" s="14" t="s">
        <v>67217</v>
      </c>
      <c r="E20827" s="2" t="s">
        <v>67218</v>
      </c>
      <c r="F20827" s="2" t="s">
        <v>67219</v>
      </c>
      <c r="G20827" s="8">
        <v>112</v>
      </c>
      <c r="H20827" s="5">
        <v>5</v>
      </c>
      <c r="I20827" s="5" t="s">
        <v>34</v>
      </c>
      <c r="J20827" s="5" t="s">
        <v>67179</v>
      </c>
      <c r="K20827" s="2" t="s">
        <v>67180</v>
      </c>
      <c r="L20827" s="5" t="s">
        <v>67179</v>
      </c>
      <c r="M20827" s="2" t="s">
        <v>67180</v>
      </c>
      <c r="N20827" s="5" t="s">
        <v>67181</v>
      </c>
      <c r="O20827" s="5" t="s">
        <v>38</v>
      </c>
      <c r="P20827" s="5" t="s">
        <v>39</v>
      </c>
      <c r="Q20827" s="5" t="s">
        <v>40</v>
      </c>
      <c r="R20827" s="5" t="s">
        <v>67198</v>
      </c>
      <c r="S20827" s="5" t="s">
        <v>40</v>
      </c>
      <c r="T20827" s="5" t="s">
        <v>42</v>
      </c>
      <c r="U20827" s="2">
        <v>0.28899999999999998</v>
      </c>
      <c r="V20827" s="2">
        <v>0.25900000000000001</v>
      </c>
      <c r="W20827" s="2">
        <v>1E-3</v>
      </c>
      <c r="X20827" s="2">
        <v>14.2</v>
      </c>
      <c r="Y20827" s="2">
        <v>13.5</v>
      </c>
      <c r="Z20827" s="2">
        <v>4.2</v>
      </c>
      <c r="AA20827" s="5"/>
      <c r="AB20827" s="5" t="s">
        <v>43</v>
      </c>
      <c r="AC20827" s="5" t="s">
        <v>44</v>
      </c>
      <c r="AD20827" s="2"/>
      <c r="AE20827" s="1"/>
    </row>
    <row r="20828" spans="1:31" ht="14.45">
      <c r="A20828" s="11"/>
      <c r="B20828" s="20"/>
      <c r="C20828" s="2" t="s">
        <v>67220</v>
      </c>
      <c r="D20828" s="14" t="s">
        <v>67221</v>
      </c>
      <c r="E20828" s="2" t="s">
        <v>67222</v>
      </c>
      <c r="F20828" s="2" t="s">
        <v>67223</v>
      </c>
      <c r="G20828" s="8">
        <v>112</v>
      </c>
      <c r="H20828" s="5">
        <v>5</v>
      </c>
      <c r="I20828" s="5" t="s">
        <v>34</v>
      </c>
      <c r="J20828" s="5" t="s">
        <v>67179</v>
      </c>
      <c r="K20828" s="2" t="s">
        <v>67180</v>
      </c>
      <c r="L20828" s="5" t="s">
        <v>67179</v>
      </c>
      <c r="M20828" s="2" t="s">
        <v>67180</v>
      </c>
      <c r="N20828" s="5" t="s">
        <v>67181</v>
      </c>
      <c r="O20828" s="5" t="s">
        <v>38</v>
      </c>
      <c r="P20828" s="5" t="s">
        <v>39</v>
      </c>
      <c r="Q20828" s="5" t="s">
        <v>40</v>
      </c>
      <c r="R20828" s="5" t="s">
        <v>67198</v>
      </c>
      <c r="S20828" s="5" t="s">
        <v>40</v>
      </c>
      <c r="T20828" s="5" t="s">
        <v>42</v>
      </c>
      <c r="U20828" s="2">
        <v>0.28899999999999998</v>
      </c>
      <c r="V20828" s="2">
        <v>0.25900000000000001</v>
      </c>
      <c r="W20828" s="2">
        <v>1E-3</v>
      </c>
      <c r="X20828" s="2">
        <v>14.2</v>
      </c>
      <c r="Y20828" s="2">
        <v>13.5</v>
      </c>
      <c r="Z20828" s="2">
        <v>4.2</v>
      </c>
      <c r="AA20828" s="5"/>
      <c r="AB20828" s="5" t="s">
        <v>43</v>
      </c>
      <c r="AC20828" s="5" t="s">
        <v>44</v>
      </c>
      <c r="AD20828" s="2" t="s">
        <v>67224</v>
      </c>
      <c r="AE20828" s="1"/>
    </row>
    <row r="20829" spans="1:31" ht="14.45">
      <c r="A20829" s="11"/>
      <c r="B20829" s="20"/>
      <c r="C20829" s="2" t="s">
        <v>67225</v>
      </c>
      <c r="D20829" s="14" t="s">
        <v>67226</v>
      </c>
      <c r="E20829" s="2" t="s">
        <v>67227</v>
      </c>
      <c r="F20829" s="2" t="s">
        <v>67228</v>
      </c>
      <c r="G20829" s="8">
        <v>112</v>
      </c>
      <c r="H20829" s="5">
        <v>5</v>
      </c>
      <c r="I20829" s="5" t="s">
        <v>34</v>
      </c>
      <c r="J20829" s="5" t="s">
        <v>67179</v>
      </c>
      <c r="K20829" s="2" t="s">
        <v>67180</v>
      </c>
      <c r="L20829" s="5" t="s">
        <v>67179</v>
      </c>
      <c r="M20829" s="2" t="s">
        <v>67180</v>
      </c>
      <c r="N20829" s="5" t="s">
        <v>67181</v>
      </c>
      <c r="O20829" s="5" t="s">
        <v>38</v>
      </c>
      <c r="P20829" s="5" t="s">
        <v>39</v>
      </c>
      <c r="Q20829" s="5" t="s">
        <v>40</v>
      </c>
      <c r="R20829" s="5" t="s">
        <v>67198</v>
      </c>
      <c r="S20829" s="5" t="s">
        <v>40</v>
      </c>
      <c r="T20829" s="5" t="s">
        <v>42</v>
      </c>
      <c r="U20829" s="2">
        <v>0.28899999999999998</v>
      </c>
      <c r="V20829" s="2">
        <v>0.25900000000000001</v>
      </c>
      <c r="W20829" s="2">
        <v>1E-3</v>
      </c>
      <c r="X20829" s="2">
        <v>14.2</v>
      </c>
      <c r="Y20829" s="2">
        <v>13.5</v>
      </c>
      <c r="Z20829" s="2">
        <v>4.2</v>
      </c>
      <c r="AA20829" s="5"/>
      <c r="AB20829" s="5" t="s">
        <v>43</v>
      </c>
      <c r="AC20829" s="5" t="s">
        <v>44</v>
      </c>
      <c r="AD20829" s="2" t="s">
        <v>67229</v>
      </c>
      <c r="AE20829" s="1"/>
    </row>
    <row r="20830" spans="1:31" ht="14.45">
      <c r="A20830" s="11"/>
      <c r="B20830" s="20"/>
      <c r="C20830" s="2" t="s">
        <v>67230</v>
      </c>
      <c r="D20830" s="14" t="s">
        <v>67231</v>
      </c>
      <c r="E20830" s="2" t="s">
        <v>67232</v>
      </c>
      <c r="F20830" s="2" t="s">
        <v>67233</v>
      </c>
      <c r="G20830" s="8">
        <v>112</v>
      </c>
      <c r="H20830" s="5">
        <v>5</v>
      </c>
      <c r="I20830" s="5" t="s">
        <v>34</v>
      </c>
      <c r="J20830" s="5" t="s">
        <v>67179</v>
      </c>
      <c r="K20830" s="2" t="s">
        <v>67180</v>
      </c>
      <c r="L20830" s="5" t="s">
        <v>67179</v>
      </c>
      <c r="M20830" s="2" t="s">
        <v>67180</v>
      </c>
      <c r="N20830" s="5" t="s">
        <v>67181</v>
      </c>
      <c r="O20830" s="5" t="s">
        <v>38</v>
      </c>
      <c r="P20830" s="5" t="s">
        <v>39</v>
      </c>
      <c r="Q20830" s="5" t="s">
        <v>40</v>
      </c>
      <c r="R20830" s="5" t="s">
        <v>67198</v>
      </c>
      <c r="S20830" s="5" t="s">
        <v>40</v>
      </c>
      <c r="T20830" s="5" t="s">
        <v>42</v>
      </c>
      <c r="U20830" s="2">
        <v>0.28899999999999998</v>
      </c>
      <c r="V20830" s="2">
        <v>0.25900000000000001</v>
      </c>
      <c r="W20830" s="2">
        <v>1E-3</v>
      </c>
      <c r="X20830" s="2">
        <v>14.2</v>
      </c>
      <c r="Y20830" s="2">
        <v>13.5</v>
      </c>
      <c r="Z20830" s="2">
        <v>4.2</v>
      </c>
      <c r="AA20830" s="5"/>
      <c r="AB20830" s="5" t="s">
        <v>43</v>
      </c>
      <c r="AC20830" s="5" t="s">
        <v>44</v>
      </c>
      <c r="AD20830" s="2" t="s">
        <v>67234</v>
      </c>
      <c r="AE20830" s="1"/>
    </row>
    <row r="20831" spans="1:31" ht="14.45">
      <c r="A20831" s="11"/>
      <c r="B20831" s="20"/>
      <c r="C20831" s="2" t="s">
        <v>67235</v>
      </c>
      <c r="D20831" s="14" t="s">
        <v>67236</v>
      </c>
      <c r="E20831" s="2" t="s">
        <v>67237</v>
      </c>
      <c r="F20831" s="2" t="s">
        <v>67238</v>
      </c>
      <c r="G20831" s="8">
        <v>64</v>
      </c>
      <c r="H20831" s="5">
        <v>5</v>
      </c>
      <c r="I20831" s="5" t="s">
        <v>34</v>
      </c>
      <c r="J20831" s="5" t="s">
        <v>67179</v>
      </c>
      <c r="K20831" s="2" t="s">
        <v>67180</v>
      </c>
      <c r="L20831" s="5" t="s">
        <v>67179</v>
      </c>
      <c r="M20831" s="2" t="s">
        <v>67180</v>
      </c>
      <c r="N20831" s="5" t="s">
        <v>67181</v>
      </c>
      <c r="O20831" s="5" t="s">
        <v>38</v>
      </c>
      <c r="P20831" s="5" t="s">
        <v>39</v>
      </c>
      <c r="Q20831" s="5" t="s">
        <v>40</v>
      </c>
      <c r="R20831" s="5" t="s">
        <v>67198</v>
      </c>
      <c r="S20831" s="5" t="s">
        <v>40</v>
      </c>
      <c r="T20831" s="5" t="s">
        <v>42</v>
      </c>
      <c r="U20831" s="2">
        <v>0.127</v>
      </c>
      <c r="V20831" s="2">
        <v>8.3000000000000004E-2</v>
      </c>
      <c r="W20831" s="2">
        <v>1E-3</v>
      </c>
      <c r="X20831" s="2">
        <v>10</v>
      </c>
      <c r="Y20831" s="2">
        <v>10</v>
      </c>
      <c r="Z20831" s="2">
        <v>7.2</v>
      </c>
      <c r="AA20831" s="5"/>
      <c r="AB20831" s="5" t="s">
        <v>43</v>
      </c>
      <c r="AC20831" s="5" t="s">
        <v>44</v>
      </c>
      <c r="AD20831" s="2" t="s">
        <v>67210</v>
      </c>
      <c r="AE20831" s="1"/>
    </row>
    <row r="20832" spans="1:31" ht="14.45">
      <c r="A20832" s="5"/>
      <c r="B20832" s="21"/>
      <c r="C20832" s="2" t="s">
        <v>67239</v>
      </c>
      <c r="D20832" s="14" t="s">
        <v>67240</v>
      </c>
      <c r="E20832" s="2" t="s">
        <v>67241</v>
      </c>
      <c r="F20832" s="2" t="s">
        <v>67242</v>
      </c>
      <c r="G20832" s="8">
        <v>1041</v>
      </c>
      <c r="H20832" s="5">
        <v>5</v>
      </c>
      <c r="I20832" s="5" t="s">
        <v>34</v>
      </c>
      <c r="J20832" s="5" t="s">
        <v>67179</v>
      </c>
      <c r="K20832" s="2" t="s">
        <v>67180</v>
      </c>
      <c r="L20832" s="5" t="s">
        <v>67179</v>
      </c>
      <c r="M20832" s="2" t="s">
        <v>67180</v>
      </c>
      <c r="N20832" s="5" t="s">
        <v>67181</v>
      </c>
      <c r="O20832" s="5" t="s">
        <v>38</v>
      </c>
      <c r="P20832" s="5" t="s">
        <v>39</v>
      </c>
      <c r="Q20832" s="5" t="s">
        <v>40</v>
      </c>
      <c r="R20832" s="5" t="s">
        <v>1487</v>
      </c>
      <c r="S20832" s="5"/>
      <c r="T20832" s="5" t="s">
        <v>42</v>
      </c>
      <c r="U20832" s="2">
        <v>0</v>
      </c>
      <c r="V20832" s="2">
        <v>0</v>
      </c>
      <c r="W20832" s="2">
        <v>0</v>
      </c>
      <c r="X20832" s="2">
        <v>0</v>
      </c>
      <c r="Y20832" s="2">
        <v>0</v>
      </c>
      <c r="Z20832" s="2">
        <v>0</v>
      </c>
      <c r="AA20832" s="5"/>
      <c r="AB20832" s="5" t="s">
        <v>43</v>
      </c>
      <c r="AC20832" s="5" t="s">
        <v>44</v>
      </c>
      <c r="AD20832" s="2" t="s">
        <v>67243</v>
      </c>
      <c r="AE20832" s="1"/>
    </row>
    <row r="20833" spans="1:31" ht="14.45">
      <c r="A20833" s="5"/>
      <c r="B20833" s="21"/>
      <c r="C20833" s="2" t="s">
        <v>67244</v>
      </c>
      <c r="D20833" s="14" t="s">
        <v>67245</v>
      </c>
      <c r="E20833" s="2" t="s">
        <v>67246</v>
      </c>
      <c r="F20833" s="2" t="s">
        <v>67247</v>
      </c>
      <c r="G20833" s="8">
        <v>1041</v>
      </c>
      <c r="H20833" s="5">
        <v>5</v>
      </c>
      <c r="I20833" s="5" t="s">
        <v>34</v>
      </c>
      <c r="J20833" s="5" t="s">
        <v>67179</v>
      </c>
      <c r="K20833" s="2" t="s">
        <v>67180</v>
      </c>
      <c r="L20833" s="5" t="s">
        <v>67179</v>
      </c>
      <c r="M20833" s="2" t="s">
        <v>67180</v>
      </c>
      <c r="N20833" s="5" t="s">
        <v>67181</v>
      </c>
      <c r="O20833" s="5" t="s">
        <v>38</v>
      </c>
      <c r="P20833" s="5" t="s">
        <v>39</v>
      </c>
      <c r="Q20833" s="5" t="s">
        <v>40</v>
      </c>
      <c r="R20833" s="5" t="s">
        <v>1487</v>
      </c>
      <c r="S20833" s="5"/>
      <c r="T20833" s="5" t="s">
        <v>42</v>
      </c>
      <c r="U20833" s="2">
        <v>0</v>
      </c>
      <c r="V20833" s="2">
        <v>0</v>
      </c>
      <c r="W20833" s="2">
        <v>0</v>
      </c>
      <c r="X20833" s="2">
        <v>0</v>
      </c>
      <c r="Y20833" s="2">
        <v>0</v>
      </c>
      <c r="Z20833" s="2">
        <v>0</v>
      </c>
      <c r="AA20833" s="5"/>
      <c r="AB20833" s="5" t="s">
        <v>43</v>
      </c>
      <c r="AC20833" s="5" t="s">
        <v>44</v>
      </c>
      <c r="AD20833" s="2" t="s">
        <v>67248</v>
      </c>
      <c r="AE20833" s="1"/>
    </row>
    <row r="20834" spans="1:31" ht="14.45">
      <c r="A20834" s="5"/>
      <c r="B20834" s="21"/>
      <c r="C20834" s="2" t="s">
        <v>67249</v>
      </c>
      <c r="D20834" s="14" t="s">
        <v>67250</v>
      </c>
      <c r="E20834" s="2" t="s">
        <v>67251</v>
      </c>
      <c r="F20834" s="2" t="s">
        <v>67252</v>
      </c>
      <c r="G20834" s="8">
        <v>1041</v>
      </c>
      <c r="H20834" s="5">
        <v>5</v>
      </c>
      <c r="I20834" s="5" t="s">
        <v>34</v>
      </c>
      <c r="J20834" s="5" t="s">
        <v>67179</v>
      </c>
      <c r="K20834" s="2" t="s">
        <v>67180</v>
      </c>
      <c r="L20834" s="5" t="s">
        <v>67179</v>
      </c>
      <c r="M20834" s="2" t="s">
        <v>67180</v>
      </c>
      <c r="N20834" s="5" t="s">
        <v>67181</v>
      </c>
      <c r="O20834" s="5" t="s">
        <v>38</v>
      </c>
      <c r="P20834" s="5" t="s">
        <v>39</v>
      </c>
      <c r="Q20834" s="5" t="s">
        <v>40</v>
      </c>
      <c r="R20834" s="5" t="s">
        <v>1487</v>
      </c>
      <c r="S20834" s="5"/>
      <c r="T20834" s="5" t="s">
        <v>42</v>
      </c>
      <c r="U20834" s="2">
        <v>0</v>
      </c>
      <c r="V20834" s="2">
        <v>0</v>
      </c>
      <c r="W20834" s="2">
        <v>0</v>
      </c>
      <c r="X20834" s="2">
        <v>0</v>
      </c>
      <c r="Y20834" s="2">
        <v>0</v>
      </c>
      <c r="Z20834" s="2">
        <v>0</v>
      </c>
      <c r="AA20834" s="5"/>
      <c r="AB20834" s="5" t="s">
        <v>43</v>
      </c>
      <c r="AC20834" s="5" t="s">
        <v>44</v>
      </c>
      <c r="AD20834" s="2" t="s">
        <v>67253</v>
      </c>
      <c r="AE20834" s="1"/>
    </row>
    <row r="20835" spans="1:31" ht="14.45">
      <c r="A20835" s="5"/>
      <c r="B20835" s="21"/>
      <c r="C20835" s="2" t="s">
        <v>67254</v>
      </c>
      <c r="D20835" s="14" t="s">
        <v>67255</v>
      </c>
      <c r="E20835" s="2" t="s">
        <v>67256</v>
      </c>
      <c r="F20835" s="2" t="s">
        <v>67257</v>
      </c>
      <c r="G20835" s="8">
        <v>1041</v>
      </c>
      <c r="H20835" s="5">
        <v>5</v>
      </c>
      <c r="I20835" s="5" t="s">
        <v>34</v>
      </c>
      <c r="J20835" s="5" t="s">
        <v>67179</v>
      </c>
      <c r="K20835" s="2" t="s">
        <v>67180</v>
      </c>
      <c r="L20835" s="5" t="s">
        <v>67179</v>
      </c>
      <c r="M20835" s="2" t="s">
        <v>67180</v>
      </c>
      <c r="N20835" s="5" t="s">
        <v>67181</v>
      </c>
      <c r="O20835" s="5" t="s">
        <v>38</v>
      </c>
      <c r="P20835" s="5" t="s">
        <v>39</v>
      </c>
      <c r="Q20835" s="5" t="s">
        <v>40</v>
      </c>
      <c r="R20835" s="5" t="s">
        <v>1487</v>
      </c>
      <c r="S20835" s="5"/>
      <c r="T20835" s="5" t="s">
        <v>42</v>
      </c>
      <c r="U20835" s="2">
        <v>0</v>
      </c>
      <c r="V20835" s="2">
        <v>0</v>
      </c>
      <c r="W20835" s="2">
        <v>0</v>
      </c>
      <c r="X20835" s="2">
        <v>0</v>
      </c>
      <c r="Y20835" s="2">
        <v>0</v>
      </c>
      <c r="Z20835" s="2">
        <v>0</v>
      </c>
      <c r="AA20835" s="5"/>
      <c r="AB20835" s="5" t="s">
        <v>43</v>
      </c>
      <c r="AC20835" s="5" t="s">
        <v>44</v>
      </c>
      <c r="AD20835" s="2" t="s">
        <v>67258</v>
      </c>
      <c r="AE20835" s="1"/>
    </row>
    <row r="20836" spans="1:31" ht="14.45">
      <c r="A20836" s="11"/>
      <c r="B20836" s="20"/>
      <c r="C20836" s="2" t="s">
        <v>67259</v>
      </c>
      <c r="D20836" s="14" t="s">
        <v>67260</v>
      </c>
      <c r="E20836" s="2" t="s">
        <v>67261</v>
      </c>
      <c r="F20836" s="2"/>
      <c r="G20836" s="8">
        <v>105</v>
      </c>
      <c r="H20836" s="5">
        <v>5</v>
      </c>
      <c r="I20836" s="5" t="s">
        <v>34</v>
      </c>
      <c r="J20836" s="5" t="s">
        <v>67179</v>
      </c>
      <c r="K20836" s="2" t="s">
        <v>67180</v>
      </c>
      <c r="L20836" s="5" t="s">
        <v>67179</v>
      </c>
      <c r="M20836" s="2" t="s">
        <v>67180</v>
      </c>
      <c r="N20836" s="5" t="s">
        <v>67181</v>
      </c>
      <c r="O20836" s="5" t="s">
        <v>38</v>
      </c>
      <c r="P20836" s="5" t="s">
        <v>39</v>
      </c>
      <c r="Q20836" s="5" t="s">
        <v>40</v>
      </c>
      <c r="R20836" s="5" t="s">
        <v>67262</v>
      </c>
      <c r="S20836" s="5" t="s">
        <v>40</v>
      </c>
      <c r="T20836" s="5" t="s">
        <v>125</v>
      </c>
      <c r="U20836" s="2">
        <v>0.60499999999999998</v>
      </c>
      <c r="V20836" s="2">
        <v>0.39100000000000001</v>
      </c>
      <c r="W20836" s="2">
        <v>2E-3</v>
      </c>
      <c r="X20836" s="2">
        <v>21.3</v>
      </c>
      <c r="Y20836" s="2">
        <v>18.3</v>
      </c>
      <c r="Z20836" s="2">
        <v>5</v>
      </c>
      <c r="AA20836" s="5"/>
      <c r="AB20836" s="5" t="s">
        <v>43</v>
      </c>
      <c r="AC20836" s="5" t="s">
        <v>44</v>
      </c>
      <c r="AD20836" s="2" t="s">
        <v>67263</v>
      </c>
      <c r="AE20836" s="1"/>
    </row>
    <row r="20837" spans="1:31" ht="14.45">
      <c r="A20837" s="11"/>
      <c r="B20837" s="20"/>
      <c r="C20837" s="2" t="s">
        <v>67264</v>
      </c>
      <c r="D20837" s="14" t="s">
        <v>67265</v>
      </c>
      <c r="E20837" s="2" t="s">
        <v>67266</v>
      </c>
      <c r="F20837" s="2" t="s">
        <v>67267</v>
      </c>
      <c r="G20837" s="8">
        <v>211</v>
      </c>
      <c r="H20837" s="5">
        <v>5</v>
      </c>
      <c r="I20837" s="5" t="s">
        <v>34</v>
      </c>
      <c r="J20837" s="5" t="s">
        <v>67179</v>
      </c>
      <c r="K20837" s="2" t="s">
        <v>67180</v>
      </c>
      <c r="L20837" s="5" t="s">
        <v>67179</v>
      </c>
      <c r="M20837" s="2" t="s">
        <v>67180</v>
      </c>
      <c r="N20837" s="5" t="s">
        <v>67181</v>
      </c>
      <c r="O20837" s="5" t="s">
        <v>38</v>
      </c>
      <c r="P20837" s="5" t="s">
        <v>39</v>
      </c>
      <c r="Q20837" s="5" t="s">
        <v>40</v>
      </c>
      <c r="R20837" s="5" t="s">
        <v>67268</v>
      </c>
      <c r="S20837" s="5" t="s">
        <v>40</v>
      </c>
      <c r="T20837" s="5" t="s">
        <v>125</v>
      </c>
      <c r="U20837" s="2">
        <v>1.171</v>
      </c>
      <c r="V20837" s="2">
        <v>0.60299999999999998</v>
      </c>
      <c r="W20837" s="2">
        <v>4.0000000000000001E-3</v>
      </c>
      <c r="X20837" s="2">
        <v>19</v>
      </c>
      <c r="Y20837" s="2">
        <v>15.2</v>
      </c>
      <c r="Z20837" s="2">
        <v>14.2</v>
      </c>
      <c r="AA20837" s="5"/>
      <c r="AB20837" s="5" t="s">
        <v>43</v>
      </c>
      <c r="AC20837" s="5" t="s">
        <v>44</v>
      </c>
      <c r="AD20837" s="2" t="s">
        <v>67269</v>
      </c>
      <c r="AE20837" s="1"/>
    </row>
    <row r="20838" spans="1:31" ht="14.45">
      <c r="A20838" s="11"/>
      <c r="B20838" s="20"/>
      <c r="C20838" s="2" t="s">
        <v>67270</v>
      </c>
      <c r="D20838" s="14" t="s">
        <v>67271</v>
      </c>
      <c r="E20838" s="2" t="s">
        <v>67272</v>
      </c>
      <c r="F20838" s="2" t="s">
        <v>67214</v>
      </c>
      <c r="G20838" s="8">
        <v>75</v>
      </c>
      <c r="H20838" s="5">
        <v>5</v>
      </c>
      <c r="I20838" s="5" t="s">
        <v>34</v>
      </c>
      <c r="J20838" s="5" t="s">
        <v>67179</v>
      </c>
      <c r="K20838" s="2" t="s">
        <v>67180</v>
      </c>
      <c r="L20838" s="5" t="s">
        <v>67179</v>
      </c>
      <c r="M20838" s="2" t="s">
        <v>67180</v>
      </c>
      <c r="N20838" s="5" t="s">
        <v>67181</v>
      </c>
      <c r="O20838" s="5" t="s">
        <v>38</v>
      </c>
      <c r="P20838" s="5" t="s">
        <v>39</v>
      </c>
      <c r="Q20838" s="5" t="s">
        <v>40</v>
      </c>
      <c r="R20838" s="5" t="s">
        <v>67189</v>
      </c>
      <c r="S20838" s="5" t="s">
        <v>40</v>
      </c>
      <c r="T20838" s="5" t="s">
        <v>125</v>
      </c>
      <c r="U20838" s="2">
        <v>0.127</v>
      </c>
      <c r="V20838" s="2">
        <v>4.5999999999999999E-2</v>
      </c>
      <c r="W20838" s="2">
        <v>2E-3</v>
      </c>
      <c r="X20838" s="2">
        <v>23.5</v>
      </c>
      <c r="Y20838" s="2">
        <v>15.3</v>
      </c>
      <c r="Z20838" s="2">
        <v>4.8</v>
      </c>
      <c r="AA20838" s="5"/>
      <c r="AB20838" s="5" t="s">
        <v>43</v>
      </c>
      <c r="AC20838" s="5" t="s">
        <v>44</v>
      </c>
      <c r="AD20838" s="2" t="s">
        <v>67273</v>
      </c>
      <c r="AE20838" s="1"/>
    </row>
    <row r="20839" spans="1:31" ht="14.45">
      <c r="A20839" s="11"/>
      <c r="B20839" s="20"/>
      <c r="C20839" s="2" t="s">
        <v>67274</v>
      </c>
      <c r="D20839" s="14" t="s">
        <v>67275</v>
      </c>
      <c r="E20839" s="2" t="s">
        <v>67276</v>
      </c>
      <c r="F20839" s="2" t="s">
        <v>67277</v>
      </c>
      <c r="G20839" s="8">
        <v>77</v>
      </c>
      <c r="H20839" s="5">
        <v>5</v>
      </c>
      <c r="I20839" s="5" t="s">
        <v>34</v>
      </c>
      <c r="J20839" s="5" t="s">
        <v>67179</v>
      </c>
      <c r="K20839" s="2" t="s">
        <v>67180</v>
      </c>
      <c r="L20839" s="5" t="s">
        <v>67179</v>
      </c>
      <c r="M20839" s="2" t="s">
        <v>67180</v>
      </c>
      <c r="N20839" s="5" t="s">
        <v>67181</v>
      </c>
      <c r="O20839" s="5" t="s">
        <v>38</v>
      </c>
      <c r="P20839" s="5" t="s">
        <v>39</v>
      </c>
      <c r="Q20839" s="5" t="s">
        <v>40</v>
      </c>
      <c r="R20839" s="5" t="s">
        <v>67278</v>
      </c>
      <c r="S20839" s="5" t="s">
        <v>40</v>
      </c>
      <c r="T20839" s="5" t="s">
        <v>125</v>
      </c>
      <c r="U20839" s="2">
        <v>0.376</v>
      </c>
      <c r="V20839" s="2">
        <v>0.17</v>
      </c>
      <c r="W20839" s="2">
        <v>2E-3</v>
      </c>
      <c r="X20839" s="2">
        <v>19</v>
      </c>
      <c r="Y20839" s="2">
        <v>15.2</v>
      </c>
      <c r="Z20839" s="2">
        <v>5.6</v>
      </c>
      <c r="AA20839" s="5"/>
      <c r="AB20839" s="5" t="s">
        <v>43</v>
      </c>
      <c r="AC20839" s="5" t="s">
        <v>44</v>
      </c>
      <c r="AD20839" s="2" t="s">
        <v>67279</v>
      </c>
      <c r="AE20839" s="1"/>
    </row>
    <row r="20840" spans="1:31" ht="14.45">
      <c r="A20840" s="11"/>
      <c r="B20840" s="20"/>
      <c r="C20840" s="2" t="s">
        <v>67280</v>
      </c>
      <c r="D20840" s="14" t="s">
        <v>67281</v>
      </c>
      <c r="E20840" s="2" t="s">
        <v>67282</v>
      </c>
      <c r="F20840" s="2" t="s">
        <v>67283</v>
      </c>
      <c r="G20840" s="8">
        <v>305</v>
      </c>
      <c r="H20840" s="5">
        <v>5</v>
      </c>
      <c r="I20840" s="5" t="s">
        <v>34</v>
      </c>
      <c r="J20840" s="5" t="s">
        <v>67179</v>
      </c>
      <c r="K20840" s="2" t="s">
        <v>67180</v>
      </c>
      <c r="L20840" s="5" t="s">
        <v>67179</v>
      </c>
      <c r="M20840" s="2" t="s">
        <v>67180</v>
      </c>
      <c r="N20840" s="5" t="s">
        <v>67181</v>
      </c>
      <c r="O20840" s="5" t="s">
        <v>38</v>
      </c>
      <c r="P20840" s="5" t="s">
        <v>39</v>
      </c>
      <c r="Q20840" s="5" t="s">
        <v>40</v>
      </c>
      <c r="R20840" s="5" t="s">
        <v>67284</v>
      </c>
      <c r="S20840" s="5" t="s">
        <v>40</v>
      </c>
      <c r="T20840" s="5" t="s">
        <v>42</v>
      </c>
      <c r="U20840" s="2">
        <v>1.2270000000000001</v>
      </c>
      <c r="V20840" s="2">
        <v>1.0680000000000001</v>
      </c>
      <c r="W20840" s="2">
        <v>4.0000000000000001E-3</v>
      </c>
      <c r="X20840" s="2">
        <v>32.700000000000003</v>
      </c>
      <c r="Y20840" s="2">
        <v>16.600000000000001</v>
      </c>
      <c r="Z20840" s="2">
        <v>8</v>
      </c>
      <c r="AA20840" s="5"/>
      <c r="AB20840" s="5" t="s">
        <v>43</v>
      </c>
      <c r="AC20840" s="5" t="s">
        <v>44</v>
      </c>
      <c r="AD20840" s="2" t="s">
        <v>67285</v>
      </c>
      <c r="AE20840" s="1"/>
    </row>
    <row r="20841" spans="1:31" ht="14.45">
      <c r="A20841" s="11"/>
      <c r="B20841" s="20"/>
      <c r="C20841" s="2" t="s">
        <v>67286</v>
      </c>
      <c r="D20841" s="14" t="s">
        <v>67287</v>
      </c>
      <c r="E20841" s="2" t="s">
        <v>67288</v>
      </c>
      <c r="F20841" s="2" t="s">
        <v>67289</v>
      </c>
      <c r="G20841" s="8">
        <v>52</v>
      </c>
      <c r="H20841" s="5">
        <v>5</v>
      </c>
      <c r="I20841" s="5" t="s">
        <v>34</v>
      </c>
      <c r="J20841" s="5" t="s">
        <v>67179</v>
      </c>
      <c r="K20841" s="2" t="s">
        <v>67180</v>
      </c>
      <c r="L20841" s="5" t="s">
        <v>67179</v>
      </c>
      <c r="M20841" s="2" t="s">
        <v>67180</v>
      </c>
      <c r="N20841" s="5" t="s">
        <v>67181</v>
      </c>
      <c r="O20841" s="5" t="s">
        <v>38</v>
      </c>
      <c r="P20841" s="5" t="s">
        <v>39</v>
      </c>
      <c r="Q20841" s="5" t="s">
        <v>40</v>
      </c>
      <c r="R20841" s="5" t="s">
        <v>67262</v>
      </c>
      <c r="S20841" s="5" t="s">
        <v>40</v>
      </c>
      <c r="T20841" s="5" t="s">
        <v>42</v>
      </c>
      <c r="U20841" s="2">
        <v>0.17</v>
      </c>
      <c r="V20841" s="2">
        <v>9.2999999999999999E-2</v>
      </c>
      <c r="W20841" s="2">
        <v>2E-3</v>
      </c>
      <c r="X20841" s="2">
        <v>23.5</v>
      </c>
      <c r="Y20841" s="2">
        <v>15.3</v>
      </c>
      <c r="Z20841" s="2">
        <v>4.8</v>
      </c>
      <c r="AA20841" s="5"/>
      <c r="AB20841" s="5" t="s">
        <v>43</v>
      </c>
      <c r="AC20841" s="5" t="s">
        <v>44</v>
      </c>
      <c r="AD20841" s="2" t="s">
        <v>67290</v>
      </c>
      <c r="AE20841" s="1"/>
    </row>
    <row r="20842" spans="1:31" ht="14.45">
      <c r="A20842" s="5"/>
      <c r="B20842" s="21"/>
      <c r="C20842" s="2" t="s">
        <v>67291</v>
      </c>
      <c r="D20842" s="14">
        <v>5702320868524</v>
      </c>
      <c r="E20842" s="2" t="s">
        <v>67292</v>
      </c>
      <c r="F20842" s="2" t="s">
        <v>67293</v>
      </c>
      <c r="G20842" s="8">
        <v>172</v>
      </c>
      <c r="H20842" s="5">
        <v>5</v>
      </c>
      <c r="I20842" s="5" t="s">
        <v>34</v>
      </c>
      <c r="J20842" s="5" t="s">
        <v>67179</v>
      </c>
      <c r="K20842" s="2" t="s">
        <v>67180</v>
      </c>
      <c r="L20842" s="5" t="s">
        <v>67179</v>
      </c>
      <c r="M20842" s="2" t="s">
        <v>67180</v>
      </c>
      <c r="N20842" s="5" t="s">
        <v>67181</v>
      </c>
      <c r="O20842" s="5" t="s">
        <v>38</v>
      </c>
      <c r="P20842" s="5" t="s">
        <v>39</v>
      </c>
      <c r="Q20842" s="5" t="s">
        <v>40</v>
      </c>
      <c r="R20842" s="5" t="s">
        <v>67262</v>
      </c>
      <c r="S20842" s="5" t="s">
        <v>40</v>
      </c>
      <c r="T20842" s="5" t="s">
        <v>42</v>
      </c>
      <c r="U20842" s="2">
        <v>1.1259999999999999</v>
      </c>
      <c r="V20842" s="2">
        <v>0.92300000000000004</v>
      </c>
      <c r="W20842" s="2">
        <v>4.0000000000000001E-3</v>
      </c>
      <c r="X20842" s="2">
        <v>32.700000000000003</v>
      </c>
      <c r="Y20842" s="2">
        <v>16.600000000000001</v>
      </c>
      <c r="Z20842" s="2">
        <v>8</v>
      </c>
      <c r="AA20842" s="5"/>
      <c r="AB20842" s="5" t="s">
        <v>43</v>
      </c>
      <c r="AC20842" s="5" t="s">
        <v>44</v>
      </c>
      <c r="AD20842" s="2"/>
      <c r="AE20842" s="1"/>
    </row>
    <row r="20843" spans="1:31" ht="14.45">
      <c r="A20843" s="11"/>
      <c r="B20843" s="20"/>
      <c r="C20843" s="2" t="s">
        <v>67294</v>
      </c>
      <c r="D20843" s="14" t="s">
        <v>67295</v>
      </c>
      <c r="E20843" s="2" t="s">
        <v>67296</v>
      </c>
      <c r="F20843" s="2" t="s">
        <v>67297</v>
      </c>
      <c r="G20843" s="8">
        <v>31</v>
      </c>
      <c r="H20843" s="5">
        <v>5</v>
      </c>
      <c r="I20843" s="5" t="s">
        <v>34</v>
      </c>
      <c r="J20843" s="5" t="s">
        <v>67179</v>
      </c>
      <c r="K20843" s="2" t="s">
        <v>67180</v>
      </c>
      <c r="L20843" s="5" t="s">
        <v>67179</v>
      </c>
      <c r="M20843" s="2" t="s">
        <v>67180</v>
      </c>
      <c r="N20843" s="5" t="s">
        <v>67181</v>
      </c>
      <c r="O20843" s="5" t="s">
        <v>38</v>
      </c>
      <c r="P20843" s="5" t="s">
        <v>39</v>
      </c>
      <c r="Q20843" s="5" t="s">
        <v>40</v>
      </c>
      <c r="R20843" s="5" t="s">
        <v>67298</v>
      </c>
      <c r="S20843" s="5" t="s">
        <v>40</v>
      </c>
      <c r="T20843" s="5" t="s">
        <v>42</v>
      </c>
      <c r="U20843" s="2">
        <v>0.24199999999999999</v>
      </c>
      <c r="V20843" s="2">
        <v>0.14299999999999999</v>
      </c>
      <c r="W20843" s="2">
        <v>2E-3</v>
      </c>
      <c r="X20843" s="2">
        <v>23.5</v>
      </c>
      <c r="Y20843" s="2">
        <v>15.3</v>
      </c>
      <c r="Z20843" s="2">
        <v>4.8</v>
      </c>
      <c r="AA20843" s="5"/>
      <c r="AB20843" s="5" t="s">
        <v>43</v>
      </c>
      <c r="AC20843" s="5" t="s">
        <v>44</v>
      </c>
      <c r="AD20843" s="2" t="s">
        <v>67299</v>
      </c>
      <c r="AE20843" s="1"/>
    </row>
    <row r="20844" spans="1:31" ht="14.45">
      <c r="A20844" s="11"/>
      <c r="B20844" s="20"/>
      <c r="C20844" s="2" t="s">
        <v>67300</v>
      </c>
      <c r="D20844" s="14" t="s">
        <v>67301</v>
      </c>
      <c r="E20844" s="2" t="s">
        <v>67302</v>
      </c>
      <c r="F20844" s="2" t="s">
        <v>67303</v>
      </c>
      <c r="G20844" s="8">
        <v>31</v>
      </c>
      <c r="H20844" s="5">
        <v>5</v>
      </c>
      <c r="I20844" s="5" t="s">
        <v>34</v>
      </c>
      <c r="J20844" s="5" t="s">
        <v>67179</v>
      </c>
      <c r="K20844" s="2" t="s">
        <v>67180</v>
      </c>
      <c r="L20844" s="5" t="s">
        <v>67179</v>
      </c>
      <c r="M20844" s="2" t="s">
        <v>67180</v>
      </c>
      <c r="N20844" s="5" t="s">
        <v>67181</v>
      </c>
      <c r="O20844" s="5" t="s">
        <v>38</v>
      </c>
      <c r="P20844" s="5" t="s">
        <v>39</v>
      </c>
      <c r="Q20844" s="5" t="s">
        <v>40</v>
      </c>
      <c r="R20844" s="5" t="s">
        <v>67298</v>
      </c>
      <c r="S20844" s="5" t="s">
        <v>40</v>
      </c>
      <c r="T20844" s="5" t="s">
        <v>42</v>
      </c>
      <c r="U20844" s="2">
        <v>0.24199999999999999</v>
      </c>
      <c r="V20844" s="2">
        <v>0.14299999999999999</v>
      </c>
      <c r="W20844" s="2">
        <v>2E-3</v>
      </c>
      <c r="X20844" s="2">
        <v>23.5</v>
      </c>
      <c r="Y20844" s="2">
        <v>15.3</v>
      </c>
      <c r="Z20844" s="2">
        <v>4.8</v>
      </c>
      <c r="AA20844" s="5"/>
      <c r="AB20844" s="5" t="s">
        <v>43</v>
      </c>
      <c r="AC20844" s="5" t="s">
        <v>44</v>
      </c>
      <c r="AD20844" s="2" t="s">
        <v>67304</v>
      </c>
      <c r="AE20844" s="1"/>
    </row>
    <row r="20845" spans="1:31" ht="14.45">
      <c r="A20845" s="11"/>
      <c r="B20845" s="20"/>
      <c r="C20845" s="2" t="s">
        <v>67305</v>
      </c>
      <c r="D20845" s="14" t="s">
        <v>67306</v>
      </c>
      <c r="E20845" s="2" t="s">
        <v>67307</v>
      </c>
      <c r="F20845" s="2" t="s">
        <v>67308</v>
      </c>
      <c r="G20845" s="8">
        <v>31</v>
      </c>
      <c r="H20845" s="5">
        <v>5</v>
      </c>
      <c r="I20845" s="5" t="s">
        <v>34</v>
      </c>
      <c r="J20845" s="5" t="s">
        <v>67179</v>
      </c>
      <c r="K20845" s="2" t="s">
        <v>67180</v>
      </c>
      <c r="L20845" s="5" t="s">
        <v>67179</v>
      </c>
      <c r="M20845" s="2" t="s">
        <v>67180</v>
      </c>
      <c r="N20845" s="5" t="s">
        <v>67181</v>
      </c>
      <c r="O20845" s="5" t="s">
        <v>38</v>
      </c>
      <c r="P20845" s="5" t="s">
        <v>39</v>
      </c>
      <c r="Q20845" s="5" t="s">
        <v>40</v>
      </c>
      <c r="R20845" s="5" t="s">
        <v>67298</v>
      </c>
      <c r="S20845" s="5" t="s">
        <v>40</v>
      </c>
      <c r="T20845" s="5" t="s">
        <v>42</v>
      </c>
      <c r="U20845" s="2">
        <v>0.24199999999999999</v>
      </c>
      <c r="V20845" s="2">
        <v>0.14299999999999999</v>
      </c>
      <c r="W20845" s="2">
        <v>2E-3</v>
      </c>
      <c r="X20845" s="2">
        <v>23.5</v>
      </c>
      <c r="Y20845" s="2">
        <v>15.3</v>
      </c>
      <c r="Z20845" s="2">
        <v>4.8</v>
      </c>
      <c r="AA20845" s="5"/>
      <c r="AB20845" s="5" t="s">
        <v>43</v>
      </c>
      <c r="AC20845" s="5" t="s">
        <v>44</v>
      </c>
      <c r="AD20845" s="2" t="s">
        <v>67309</v>
      </c>
      <c r="AE20845" s="1"/>
    </row>
    <row r="20846" spans="1:31" ht="14.45">
      <c r="A20846" s="11"/>
      <c r="B20846" s="20"/>
      <c r="C20846" s="2" t="s">
        <v>67310</v>
      </c>
      <c r="D20846" s="14" t="s">
        <v>67311</v>
      </c>
      <c r="E20846" s="2" t="s">
        <v>67312</v>
      </c>
      <c r="F20846" s="2" t="s">
        <v>67313</v>
      </c>
      <c r="G20846" s="8">
        <v>31</v>
      </c>
      <c r="H20846" s="5">
        <v>5</v>
      </c>
      <c r="I20846" s="5" t="s">
        <v>34</v>
      </c>
      <c r="J20846" s="5" t="s">
        <v>67179</v>
      </c>
      <c r="K20846" s="2" t="s">
        <v>67180</v>
      </c>
      <c r="L20846" s="5" t="s">
        <v>67179</v>
      </c>
      <c r="M20846" s="2" t="s">
        <v>67180</v>
      </c>
      <c r="N20846" s="5" t="s">
        <v>67181</v>
      </c>
      <c r="O20846" s="5" t="s">
        <v>38</v>
      </c>
      <c r="P20846" s="5" t="s">
        <v>39</v>
      </c>
      <c r="Q20846" s="5" t="s">
        <v>40</v>
      </c>
      <c r="R20846" s="5" t="s">
        <v>67298</v>
      </c>
      <c r="S20846" s="5" t="s">
        <v>40</v>
      </c>
      <c r="T20846" s="5" t="s">
        <v>42</v>
      </c>
      <c r="U20846" s="2">
        <v>0.24199999999999999</v>
      </c>
      <c r="V20846" s="2">
        <v>0.14299999999999999</v>
      </c>
      <c r="W20846" s="2">
        <v>2E-3</v>
      </c>
      <c r="X20846" s="2">
        <v>23.5</v>
      </c>
      <c r="Y20846" s="2">
        <v>15.3</v>
      </c>
      <c r="Z20846" s="2">
        <v>4.8</v>
      </c>
      <c r="AA20846" s="5"/>
      <c r="AB20846" s="5" t="s">
        <v>43</v>
      </c>
      <c r="AC20846" s="5" t="s">
        <v>44</v>
      </c>
      <c r="AD20846" s="2" t="s">
        <v>67314</v>
      </c>
      <c r="AE20846" s="1"/>
    </row>
    <row r="20847" spans="1:31" ht="14.45">
      <c r="A20847" s="11"/>
      <c r="B20847" s="20"/>
      <c r="C20847" s="2" t="s">
        <v>67315</v>
      </c>
      <c r="D20847" s="14" t="s">
        <v>67316</v>
      </c>
      <c r="E20847" s="2" t="s">
        <v>67317</v>
      </c>
      <c r="F20847" s="2" t="s">
        <v>67277</v>
      </c>
      <c r="G20847" s="8">
        <v>47</v>
      </c>
      <c r="H20847" s="5">
        <v>5</v>
      </c>
      <c r="I20847" s="5" t="s">
        <v>34</v>
      </c>
      <c r="J20847" s="5" t="s">
        <v>67179</v>
      </c>
      <c r="K20847" s="2" t="s">
        <v>67180</v>
      </c>
      <c r="L20847" s="5" t="s">
        <v>67179</v>
      </c>
      <c r="M20847" s="2" t="s">
        <v>67180</v>
      </c>
      <c r="N20847" s="5" t="s">
        <v>67181</v>
      </c>
      <c r="O20847" s="5" t="s">
        <v>38</v>
      </c>
      <c r="P20847" s="5" t="s">
        <v>39</v>
      </c>
      <c r="Q20847" s="5" t="s">
        <v>40</v>
      </c>
      <c r="R20847" s="5" t="s">
        <v>67262</v>
      </c>
      <c r="S20847" s="5" t="s">
        <v>40</v>
      </c>
      <c r="T20847" s="5" t="s">
        <v>125</v>
      </c>
      <c r="U20847" s="2">
        <v>0.307</v>
      </c>
      <c r="V20847" s="2">
        <v>0.10100000000000001</v>
      </c>
      <c r="W20847" s="2">
        <v>2E-3</v>
      </c>
      <c r="X20847" s="2">
        <v>19</v>
      </c>
      <c r="Y20847" s="2">
        <v>15.2</v>
      </c>
      <c r="Z20847" s="2">
        <v>5.6</v>
      </c>
      <c r="AA20847" s="5"/>
      <c r="AB20847" s="5" t="s">
        <v>43</v>
      </c>
      <c r="AC20847" s="5" t="s">
        <v>44</v>
      </c>
      <c r="AD20847" s="2" t="s">
        <v>67318</v>
      </c>
      <c r="AE20847" s="1"/>
    </row>
    <row r="20848" spans="1:31" ht="14.45">
      <c r="A20848" s="11"/>
      <c r="B20848" s="20"/>
      <c r="C20848" s="2" t="s">
        <v>67319</v>
      </c>
      <c r="D20848" s="14" t="s">
        <v>67320</v>
      </c>
      <c r="E20848" s="2" t="s">
        <v>67321</v>
      </c>
      <c r="F20848" s="2"/>
      <c r="G20848" s="8">
        <v>111</v>
      </c>
      <c r="H20848" s="5">
        <v>5</v>
      </c>
      <c r="I20848" s="5" t="s">
        <v>34</v>
      </c>
      <c r="J20848" s="5" t="s">
        <v>67179</v>
      </c>
      <c r="K20848" s="2" t="s">
        <v>67180</v>
      </c>
      <c r="L20848" s="5" t="s">
        <v>67179</v>
      </c>
      <c r="M20848" s="2" t="s">
        <v>67180</v>
      </c>
      <c r="N20848" s="5" t="s">
        <v>67181</v>
      </c>
      <c r="O20848" s="5" t="s">
        <v>38</v>
      </c>
      <c r="P20848" s="5" t="s">
        <v>39</v>
      </c>
      <c r="Q20848" s="5" t="s">
        <v>40</v>
      </c>
      <c r="R20848" s="5" t="s">
        <v>67298</v>
      </c>
      <c r="S20848" s="5" t="s">
        <v>40</v>
      </c>
      <c r="T20848" s="5" t="s">
        <v>42</v>
      </c>
      <c r="U20848" s="2">
        <v>0.36399999999999999</v>
      </c>
      <c r="V20848" s="2">
        <v>0.215</v>
      </c>
      <c r="W20848" s="2">
        <v>1E-3</v>
      </c>
      <c r="X20848" s="2">
        <v>9.9</v>
      </c>
      <c r="Y20848" s="2">
        <v>9.1999999999999993</v>
      </c>
      <c r="Z20848" s="2">
        <v>7.2</v>
      </c>
      <c r="AA20848" s="5"/>
      <c r="AB20848" s="5" t="s">
        <v>43</v>
      </c>
      <c r="AC20848" s="5" t="s">
        <v>44</v>
      </c>
      <c r="AD20848" s="2" t="s">
        <v>67322</v>
      </c>
      <c r="AE20848" s="1"/>
    </row>
    <row r="20849" spans="1:31" ht="14.45">
      <c r="A20849" s="11"/>
      <c r="B20849" s="20"/>
      <c r="C20849" s="2" t="s">
        <v>67323</v>
      </c>
      <c r="D20849" s="14" t="s">
        <v>67324</v>
      </c>
      <c r="E20849" s="2" t="s">
        <v>67325</v>
      </c>
      <c r="F20849" s="2" t="s">
        <v>67326</v>
      </c>
      <c r="G20849" s="8">
        <v>196</v>
      </c>
      <c r="H20849" s="5">
        <v>5</v>
      </c>
      <c r="I20849" s="5" t="s">
        <v>34</v>
      </c>
      <c r="J20849" s="5" t="s">
        <v>67179</v>
      </c>
      <c r="K20849" s="2" t="s">
        <v>67180</v>
      </c>
      <c r="L20849" s="5" t="s">
        <v>67179</v>
      </c>
      <c r="M20849" s="2" t="s">
        <v>67180</v>
      </c>
      <c r="N20849" s="5" t="s">
        <v>67181</v>
      </c>
      <c r="O20849" s="5" t="s">
        <v>38</v>
      </c>
      <c r="P20849" s="5" t="s">
        <v>39</v>
      </c>
      <c r="Q20849" s="5" t="s">
        <v>40</v>
      </c>
      <c r="R20849" s="5" t="s">
        <v>67327</v>
      </c>
      <c r="S20849" s="5" t="s">
        <v>40</v>
      </c>
      <c r="T20849" s="5" t="s">
        <v>42</v>
      </c>
      <c r="U20849" s="2">
        <v>1.825</v>
      </c>
      <c r="V20849" s="2">
        <v>1.3109999999999999</v>
      </c>
      <c r="W20849" s="2">
        <v>1.2E-2</v>
      </c>
      <c r="X20849" s="2">
        <v>59.3</v>
      </c>
      <c r="Y20849" s="2">
        <v>16.600000000000001</v>
      </c>
      <c r="Z20849" s="2">
        <v>12.6</v>
      </c>
      <c r="AA20849" s="5"/>
      <c r="AB20849" s="5" t="s">
        <v>43</v>
      </c>
      <c r="AC20849" s="5" t="s">
        <v>44</v>
      </c>
      <c r="AD20849" s="2" t="s">
        <v>67328</v>
      </c>
      <c r="AE20849" s="1"/>
    </row>
    <row r="20850" spans="1:31" ht="14.45">
      <c r="A20850" s="11"/>
      <c r="B20850" s="20"/>
      <c r="C20850" s="2" t="s">
        <v>67329</v>
      </c>
      <c r="D20850" s="14" t="s">
        <v>67330</v>
      </c>
      <c r="E20850" s="2" t="s">
        <v>67331</v>
      </c>
      <c r="F20850" s="2" t="s">
        <v>67332</v>
      </c>
      <c r="G20850" s="8">
        <v>309</v>
      </c>
      <c r="H20850" s="5">
        <v>5</v>
      </c>
      <c r="I20850" s="5" t="s">
        <v>34</v>
      </c>
      <c r="J20850" s="5" t="s">
        <v>67179</v>
      </c>
      <c r="K20850" s="2" t="s">
        <v>67180</v>
      </c>
      <c r="L20850" s="5" t="s">
        <v>67179</v>
      </c>
      <c r="M20850" s="2" t="s">
        <v>67180</v>
      </c>
      <c r="N20850" s="5" t="s">
        <v>67181</v>
      </c>
      <c r="O20850" s="5" t="s">
        <v>38</v>
      </c>
      <c r="P20850" s="5" t="s">
        <v>39</v>
      </c>
      <c r="Q20850" s="5" t="s">
        <v>40</v>
      </c>
      <c r="R20850" s="5" t="s">
        <v>67333</v>
      </c>
      <c r="S20850" s="5" t="s">
        <v>40</v>
      </c>
      <c r="T20850" s="5" t="s">
        <v>42</v>
      </c>
      <c r="U20850" s="2">
        <v>2.7450000000000001</v>
      </c>
      <c r="V20850" s="2">
        <v>2.3380000000000001</v>
      </c>
      <c r="W20850" s="2">
        <v>2.5000000000000001E-2</v>
      </c>
      <c r="X20850" s="2">
        <v>52</v>
      </c>
      <c r="Y20850" s="2">
        <v>34.4</v>
      </c>
      <c r="Z20850" s="2">
        <v>14.1</v>
      </c>
      <c r="AA20850" s="5"/>
      <c r="AB20850" s="5" t="s">
        <v>43</v>
      </c>
      <c r="AC20850" s="5" t="s">
        <v>44</v>
      </c>
      <c r="AD20850" s="2" t="s">
        <v>67334</v>
      </c>
      <c r="AE20850" s="1"/>
    </row>
    <row r="20851" spans="1:31" ht="14.45">
      <c r="A20851" s="11"/>
      <c r="B20851" s="20"/>
      <c r="C20851" s="2" t="s">
        <v>67335</v>
      </c>
      <c r="D20851" s="14" t="s">
        <v>67336</v>
      </c>
      <c r="E20851" s="2" t="s">
        <v>67337</v>
      </c>
      <c r="F20851" s="2" t="s">
        <v>67326</v>
      </c>
      <c r="G20851" s="8">
        <v>309</v>
      </c>
      <c r="H20851" s="5">
        <v>5</v>
      </c>
      <c r="I20851" s="5" t="s">
        <v>34</v>
      </c>
      <c r="J20851" s="5" t="s">
        <v>67179</v>
      </c>
      <c r="K20851" s="2" t="s">
        <v>67180</v>
      </c>
      <c r="L20851" s="5" t="s">
        <v>67179</v>
      </c>
      <c r="M20851" s="2" t="s">
        <v>67180</v>
      </c>
      <c r="N20851" s="5" t="s">
        <v>67181</v>
      </c>
      <c r="O20851" s="5" t="s">
        <v>38</v>
      </c>
      <c r="P20851" s="5" t="s">
        <v>39</v>
      </c>
      <c r="Q20851" s="5" t="s">
        <v>40</v>
      </c>
      <c r="R20851" s="5" t="s">
        <v>67333</v>
      </c>
      <c r="S20851" s="5" t="s">
        <v>40</v>
      </c>
      <c r="T20851" s="5" t="s">
        <v>125</v>
      </c>
      <c r="U20851" s="2">
        <v>2.57</v>
      </c>
      <c r="V20851" s="2">
        <v>2.0539999999999998</v>
      </c>
      <c r="W20851" s="2">
        <v>1.2E-2</v>
      </c>
      <c r="X20851" s="2">
        <v>59.3</v>
      </c>
      <c r="Y20851" s="2">
        <v>16.600000000000001</v>
      </c>
      <c r="Z20851" s="2">
        <v>12.6</v>
      </c>
      <c r="AA20851" s="5"/>
      <c r="AB20851" s="5" t="s">
        <v>43</v>
      </c>
      <c r="AC20851" s="5" t="s">
        <v>44</v>
      </c>
      <c r="AD20851" s="2" t="s">
        <v>67338</v>
      </c>
      <c r="AE20851" s="1"/>
    </row>
    <row r="20852" spans="1:31" ht="14.45">
      <c r="A20852" s="11"/>
      <c r="B20852" s="20"/>
      <c r="C20852" s="2" t="s">
        <v>67339</v>
      </c>
      <c r="D20852" s="14" t="s">
        <v>67340</v>
      </c>
      <c r="E20852" s="2" t="s">
        <v>67341</v>
      </c>
      <c r="F20852" s="2" t="s">
        <v>67342</v>
      </c>
      <c r="G20852" s="8">
        <v>130</v>
      </c>
      <c r="H20852" s="5">
        <v>5</v>
      </c>
      <c r="I20852" s="5" t="s">
        <v>34</v>
      </c>
      <c r="J20852" s="5" t="s">
        <v>67179</v>
      </c>
      <c r="K20852" s="2" t="s">
        <v>67180</v>
      </c>
      <c r="L20852" s="5" t="s">
        <v>67179</v>
      </c>
      <c r="M20852" s="2" t="s">
        <v>67180</v>
      </c>
      <c r="N20852" s="5" t="s">
        <v>67181</v>
      </c>
      <c r="O20852" s="5" t="s">
        <v>38</v>
      </c>
      <c r="P20852" s="5" t="s">
        <v>39</v>
      </c>
      <c r="Q20852" s="5" t="s">
        <v>40</v>
      </c>
      <c r="R20852" s="5" t="s">
        <v>67182</v>
      </c>
      <c r="S20852" s="5" t="s">
        <v>40</v>
      </c>
      <c r="T20852" s="5" t="s">
        <v>67343</v>
      </c>
      <c r="U20852" s="2">
        <v>1.0109999999999999</v>
      </c>
      <c r="V20852" s="2">
        <v>0.877</v>
      </c>
      <c r="W20852" s="2">
        <v>3.0000000000000001E-3</v>
      </c>
      <c r="X20852" s="2">
        <v>23.8</v>
      </c>
      <c r="Y20852" s="2">
        <v>16.600000000000001</v>
      </c>
      <c r="Z20852" s="2">
        <v>8</v>
      </c>
      <c r="AA20852" s="5"/>
      <c r="AB20852" s="5" t="s">
        <v>43</v>
      </c>
      <c r="AC20852" s="5" t="s">
        <v>44</v>
      </c>
      <c r="AD20852" s="2" t="s">
        <v>67344</v>
      </c>
      <c r="AE20852" s="1"/>
    </row>
    <row r="20853" spans="1:31" ht="14.45">
      <c r="A20853" s="11"/>
      <c r="B20853" s="20"/>
      <c r="C20853" s="2" t="s">
        <v>67345</v>
      </c>
      <c r="D20853" s="14" t="s">
        <v>67346</v>
      </c>
      <c r="E20853" s="2" t="s">
        <v>67347</v>
      </c>
      <c r="F20853" s="2" t="s">
        <v>67348</v>
      </c>
      <c r="G20853" s="8">
        <v>575</v>
      </c>
      <c r="H20853" s="5">
        <v>5</v>
      </c>
      <c r="I20853" s="5" t="s">
        <v>69</v>
      </c>
      <c r="J20853" s="5" t="s">
        <v>67349</v>
      </c>
      <c r="K20853" s="2" t="s">
        <v>67350</v>
      </c>
      <c r="L20853" s="5" t="s">
        <v>67349</v>
      </c>
      <c r="M20853" s="2" t="s">
        <v>67350</v>
      </c>
      <c r="N20853" s="5" t="s">
        <v>72</v>
      </c>
      <c r="O20853" s="5" t="s">
        <v>38</v>
      </c>
      <c r="P20853" s="5" t="s">
        <v>39</v>
      </c>
      <c r="Q20853" s="5" t="s">
        <v>40</v>
      </c>
      <c r="R20853" s="5" t="s">
        <v>1487</v>
      </c>
      <c r="S20853" s="5"/>
      <c r="T20853" s="5" t="s">
        <v>42</v>
      </c>
      <c r="U20853" s="2">
        <v>0</v>
      </c>
      <c r="V20853" s="2">
        <v>0</v>
      </c>
      <c r="W20853" s="2">
        <v>1E-3</v>
      </c>
      <c r="X20853" s="2">
        <v>0</v>
      </c>
      <c r="Y20853" s="2">
        <v>0</v>
      </c>
      <c r="Z20853" s="2">
        <v>0</v>
      </c>
      <c r="AA20853" s="5"/>
      <c r="AB20853" s="5" t="s">
        <v>43</v>
      </c>
      <c r="AC20853" s="5" t="s">
        <v>44</v>
      </c>
      <c r="AD20853" s="2" t="s">
        <v>67351</v>
      </c>
      <c r="AE20853" s="1"/>
    </row>
    <row r="20854" spans="1:31" ht="14.45">
      <c r="A20854" s="11"/>
      <c r="B20854" s="20"/>
      <c r="C20854" s="2" t="s">
        <v>67352</v>
      </c>
      <c r="D20854" s="14" t="s">
        <v>67353</v>
      </c>
      <c r="E20854" s="2" t="s">
        <v>67354</v>
      </c>
      <c r="F20854" s="2" t="s">
        <v>67348</v>
      </c>
      <c r="G20854" s="8">
        <v>584</v>
      </c>
      <c r="H20854" s="5">
        <v>5</v>
      </c>
      <c r="I20854" s="5" t="s">
        <v>69</v>
      </c>
      <c r="J20854" s="5" t="s">
        <v>67349</v>
      </c>
      <c r="K20854" s="2" t="s">
        <v>67350</v>
      </c>
      <c r="L20854" s="5" t="s">
        <v>67349</v>
      </c>
      <c r="M20854" s="2" t="s">
        <v>67350</v>
      </c>
      <c r="N20854" s="5" t="s">
        <v>72</v>
      </c>
      <c r="O20854" s="5" t="s">
        <v>38</v>
      </c>
      <c r="P20854" s="5" t="s">
        <v>39</v>
      </c>
      <c r="Q20854" s="5" t="s">
        <v>40</v>
      </c>
      <c r="R20854" s="5" t="s">
        <v>1487</v>
      </c>
      <c r="S20854" s="5"/>
      <c r="T20854" s="5" t="s">
        <v>42</v>
      </c>
      <c r="U20854" s="2">
        <v>0</v>
      </c>
      <c r="V20854" s="2">
        <v>0</v>
      </c>
      <c r="W20854" s="2">
        <v>1E-3</v>
      </c>
      <c r="X20854" s="2">
        <v>0</v>
      </c>
      <c r="Y20854" s="2">
        <v>0</v>
      </c>
      <c r="Z20854" s="2">
        <v>0</v>
      </c>
      <c r="AA20854" s="5"/>
      <c r="AB20854" s="5" t="s">
        <v>43</v>
      </c>
      <c r="AC20854" s="5" t="s">
        <v>44</v>
      </c>
      <c r="AD20854" s="2" t="s">
        <v>67351</v>
      </c>
      <c r="AE20854" s="1"/>
    </row>
    <row r="20855" spans="1:31" ht="14.45">
      <c r="A20855" s="11"/>
      <c r="B20855" s="20"/>
      <c r="C20855" s="2" t="s">
        <v>67355</v>
      </c>
      <c r="D20855" s="14" t="s">
        <v>67356</v>
      </c>
      <c r="E20855" s="2" t="s">
        <v>67357</v>
      </c>
      <c r="F20855" s="2" t="s">
        <v>67348</v>
      </c>
      <c r="G20855" s="8">
        <v>600</v>
      </c>
      <c r="H20855" s="5">
        <v>5</v>
      </c>
      <c r="I20855" s="5" t="s">
        <v>69</v>
      </c>
      <c r="J20855" s="5" t="s">
        <v>67349</v>
      </c>
      <c r="K20855" s="2" t="s">
        <v>67350</v>
      </c>
      <c r="L20855" s="5" t="s">
        <v>67349</v>
      </c>
      <c r="M20855" s="2" t="s">
        <v>67350</v>
      </c>
      <c r="N20855" s="5" t="s">
        <v>72</v>
      </c>
      <c r="O20855" s="5" t="s">
        <v>38</v>
      </c>
      <c r="P20855" s="5" t="s">
        <v>39</v>
      </c>
      <c r="Q20855" s="5" t="s">
        <v>40</v>
      </c>
      <c r="R20855" s="5" t="s">
        <v>1487</v>
      </c>
      <c r="S20855" s="5"/>
      <c r="T20855" s="5" t="s">
        <v>42</v>
      </c>
      <c r="U20855" s="2">
        <v>0</v>
      </c>
      <c r="V20855" s="2">
        <v>0</v>
      </c>
      <c r="W20855" s="2">
        <v>1E-3</v>
      </c>
      <c r="X20855" s="2">
        <v>0</v>
      </c>
      <c r="Y20855" s="2">
        <v>0</v>
      </c>
      <c r="Z20855" s="2">
        <v>0</v>
      </c>
      <c r="AA20855" s="5"/>
      <c r="AB20855" s="5" t="s">
        <v>43</v>
      </c>
      <c r="AC20855" s="5" t="s">
        <v>44</v>
      </c>
      <c r="AD20855" s="2" t="s">
        <v>67351</v>
      </c>
      <c r="AE20855" s="1"/>
    </row>
    <row r="20856" spans="1:31" ht="14.45">
      <c r="A20856" s="11"/>
      <c r="B20856" s="20"/>
      <c r="C20856" s="2" t="s">
        <v>67358</v>
      </c>
      <c r="D20856" s="14" t="s">
        <v>67359</v>
      </c>
      <c r="E20856" s="2" t="s">
        <v>67360</v>
      </c>
      <c r="F20856" s="2" t="s">
        <v>67348</v>
      </c>
      <c r="G20856" s="8">
        <v>617</v>
      </c>
      <c r="H20856" s="5">
        <v>5</v>
      </c>
      <c r="I20856" s="5" t="s">
        <v>69</v>
      </c>
      <c r="J20856" s="5" t="s">
        <v>67349</v>
      </c>
      <c r="K20856" s="2" t="s">
        <v>67350</v>
      </c>
      <c r="L20856" s="5" t="s">
        <v>67349</v>
      </c>
      <c r="M20856" s="2" t="s">
        <v>67350</v>
      </c>
      <c r="N20856" s="5" t="s">
        <v>72</v>
      </c>
      <c r="O20856" s="5" t="s">
        <v>38</v>
      </c>
      <c r="P20856" s="5" t="s">
        <v>39</v>
      </c>
      <c r="Q20856" s="5" t="s">
        <v>40</v>
      </c>
      <c r="R20856" s="5" t="s">
        <v>1487</v>
      </c>
      <c r="S20856" s="5"/>
      <c r="T20856" s="5" t="s">
        <v>42</v>
      </c>
      <c r="U20856" s="2">
        <v>0</v>
      </c>
      <c r="V20856" s="2">
        <v>0</v>
      </c>
      <c r="W20856" s="2">
        <v>1E-3</v>
      </c>
      <c r="X20856" s="2">
        <v>0</v>
      </c>
      <c r="Y20856" s="2">
        <v>0</v>
      </c>
      <c r="Z20856" s="2">
        <v>0</v>
      </c>
      <c r="AA20856" s="5"/>
      <c r="AB20856" s="5" t="s">
        <v>43</v>
      </c>
      <c r="AC20856" s="5" t="s">
        <v>44</v>
      </c>
      <c r="AD20856" s="2" t="s">
        <v>67351</v>
      </c>
      <c r="AE20856" s="1"/>
    </row>
    <row r="20857" spans="1:31" ht="14.45">
      <c r="A20857" s="11"/>
      <c r="B20857" s="20"/>
      <c r="C20857" s="2" t="s">
        <v>67361</v>
      </c>
      <c r="D20857" s="14" t="s">
        <v>67362</v>
      </c>
      <c r="E20857" s="2" t="s">
        <v>67363</v>
      </c>
      <c r="F20857" s="2" t="s">
        <v>67348</v>
      </c>
      <c r="G20857" s="8">
        <v>628</v>
      </c>
      <c r="H20857" s="5">
        <v>5</v>
      </c>
      <c r="I20857" s="5" t="s">
        <v>69</v>
      </c>
      <c r="J20857" s="5" t="s">
        <v>67349</v>
      </c>
      <c r="K20857" s="2" t="s">
        <v>67350</v>
      </c>
      <c r="L20857" s="5" t="s">
        <v>67349</v>
      </c>
      <c r="M20857" s="2" t="s">
        <v>67350</v>
      </c>
      <c r="N20857" s="5" t="s">
        <v>72</v>
      </c>
      <c r="O20857" s="5" t="s">
        <v>38</v>
      </c>
      <c r="P20857" s="5" t="s">
        <v>39</v>
      </c>
      <c r="Q20857" s="5" t="s">
        <v>40</v>
      </c>
      <c r="R20857" s="5" t="s">
        <v>1487</v>
      </c>
      <c r="S20857" s="5"/>
      <c r="T20857" s="5" t="s">
        <v>42</v>
      </c>
      <c r="U20857" s="2">
        <v>0</v>
      </c>
      <c r="V20857" s="2">
        <v>0</v>
      </c>
      <c r="W20857" s="2">
        <v>1E-3</v>
      </c>
      <c r="X20857" s="2">
        <v>0</v>
      </c>
      <c r="Y20857" s="2">
        <v>0</v>
      </c>
      <c r="Z20857" s="2">
        <v>0</v>
      </c>
      <c r="AA20857" s="5"/>
      <c r="AB20857" s="5" t="s">
        <v>43</v>
      </c>
      <c r="AC20857" s="5" t="s">
        <v>44</v>
      </c>
      <c r="AD20857" s="2" t="s">
        <v>67351</v>
      </c>
      <c r="AE20857" s="1"/>
    </row>
    <row r="20858" spans="1:31" ht="14.45">
      <c r="A20858" s="11"/>
      <c r="B20858" s="20"/>
      <c r="C20858" s="2" t="s">
        <v>67364</v>
      </c>
      <c r="D20858" s="14" t="s">
        <v>67365</v>
      </c>
      <c r="E20858" s="2" t="s">
        <v>67366</v>
      </c>
      <c r="F20858" s="2" t="s">
        <v>67348</v>
      </c>
      <c r="G20858" s="8">
        <v>281</v>
      </c>
      <c r="H20858" s="5">
        <v>5</v>
      </c>
      <c r="I20858" s="5" t="s">
        <v>69</v>
      </c>
      <c r="J20858" s="5" t="s">
        <v>67349</v>
      </c>
      <c r="K20858" s="2" t="s">
        <v>67350</v>
      </c>
      <c r="L20858" s="5" t="s">
        <v>67349</v>
      </c>
      <c r="M20858" s="2" t="s">
        <v>67350</v>
      </c>
      <c r="N20858" s="5" t="s">
        <v>72</v>
      </c>
      <c r="O20858" s="5" t="s">
        <v>38</v>
      </c>
      <c r="P20858" s="5" t="s">
        <v>39</v>
      </c>
      <c r="Q20858" s="5" t="s">
        <v>40</v>
      </c>
      <c r="R20858" s="5" t="s">
        <v>28209</v>
      </c>
      <c r="S20858" s="5" t="s">
        <v>40</v>
      </c>
      <c r="T20858" s="5" t="s">
        <v>42</v>
      </c>
      <c r="U20858" s="2">
        <v>9.4510000000000005</v>
      </c>
      <c r="V20858" s="2">
        <v>8.6319999999999997</v>
      </c>
      <c r="W20858" s="2">
        <v>3.5000000000000003E-2</v>
      </c>
      <c r="X20858" s="2">
        <v>80</v>
      </c>
      <c r="Y20858" s="2">
        <v>62</v>
      </c>
      <c r="Z20858" s="2">
        <v>7</v>
      </c>
      <c r="AA20858" s="5">
        <v>14</v>
      </c>
      <c r="AB20858" s="5" t="s">
        <v>43</v>
      </c>
      <c r="AC20858" s="5" t="s">
        <v>44</v>
      </c>
      <c r="AD20858" s="2" t="s">
        <v>67367</v>
      </c>
      <c r="AE20858" s="1"/>
    </row>
    <row r="20859" spans="1:31" ht="14.45">
      <c r="A20859" s="11"/>
      <c r="B20859" s="20"/>
      <c r="C20859" s="2" t="s">
        <v>67368</v>
      </c>
      <c r="D20859" s="14" t="s">
        <v>67369</v>
      </c>
      <c r="E20859" s="2" t="s">
        <v>67370</v>
      </c>
      <c r="F20859" s="2" t="s">
        <v>67348</v>
      </c>
      <c r="G20859" s="8">
        <v>320</v>
      </c>
      <c r="H20859" s="5">
        <v>5</v>
      </c>
      <c r="I20859" s="5" t="s">
        <v>69</v>
      </c>
      <c r="J20859" s="5" t="s">
        <v>67349</v>
      </c>
      <c r="K20859" s="2" t="s">
        <v>67350</v>
      </c>
      <c r="L20859" s="5" t="s">
        <v>67349</v>
      </c>
      <c r="M20859" s="2" t="s">
        <v>67350</v>
      </c>
      <c r="N20859" s="5" t="s">
        <v>72</v>
      </c>
      <c r="O20859" s="5" t="s">
        <v>38</v>
      </c>
      <c r="P20859" s="5" t="s">
        <v>39</v>
      </c>
      <c r="Q20859" s="5" t="s">
        <v>40</v>
      </c>
      <c r="R20859" s="5" t="s">
        <v>28209</v>
      </c>
      <c r="S20859" s="5" t="s">
        <v>40</v>
      </c>
      <c r="T20859" s="5" t="s">
        <v>42</v>
      </c>
      <c r="U20859" s="2">
        <v>10.898</v>
      </c>
      <c r="V20859" s="2">
        <v>10.121</v>
      </c>
      <c r="W20859" s="2">
        <v>3.5000000000000003E-2</v>
      </c>
      <c r="X20859" s="2">
        <v>80</v>
      </c>
      <c r="Y20859" s="2">
        <v>62</v>
      </c>
      <c r="Z20859" s="2">
        <v>7</v>
      </c>
      <c r="AA20859" s="5">
        <v>14</v>
      </c>
      <c r="AB20859" s="5" t="s">
        <v>43</v>
      </c>
      <c r="AC20859" s="5" t="s">
        <v>44</v>
      </c>
      <c r="AD20859" s="2" t="s">
        <v>67367</v>
      </c>
      <c r="AE20859" s="1"/>
    </row>
    <row r="20860" spans="1:31" ht="14.45">
      <c r="A20860" s="11"/>
      <c r="B20860" s="20"/>
      <c r="C20860" s="2" t="s">
        <v>67371</v>
      </c>
      <c r="D20860" s="14" t="s">
        <v>67372</v>
      </c>
      <c r="E20860" s="2" t="s">
        <v>67373</v>
      </c>
      <c r="F20860" s="2" t="s">
        <v>67348</v>
      </c>
      <c r="G20860" s="8">
        <v>330</v>
      </c>
      <c r="H20860" s="5">
        <v>5</v>
      </c>
      <c r="I20860" s="5" t="s">
        <v>69</v>
      </c>
      <c r="J20860" s="5" t="s">
        <v>67349</v>
      </c>
      <c r="K20860" s="2" t="s">
        <v>67350</v>
      </c>
      <c r="L20860" s="5" t="s">
        <v>67349</v>
      </c>
      <c r="M20860" s="2" t="s">
        <v>67350</v>
      </c>
      <c r="N20860" s="5" t="s">
        <v>72</v>
      </c>
      <c r="O20860" s="5" t="s">
        <v>38</v>
      </c>
      <c r="P20860" s="5" t="s">
        <v>39</v>
      </c>
      <c r="Q20860" s="5" t="s">
        <v>40</v>
      </c>
      <c r="R20860" s="5" t="s">
        <v>28209</v>
      </c>
      <c r="S20860" s="5" t="s">
        <v>40</v>
      </c>
      <c r="T20860" s="5" t="s">
        <v>42</v>
      </c>
      <c r="U20860" s="2">
        <v>12.662000000000001</v>
      </c>
      <c r="V20860" s="2">
        <v>11.785</v>
      </c>
      <c r="W20860" s="2">
        <v>0.04</v>
      </c>
      <c r="X20860" s="2">
        <v>92</v>
      </c>
      <c r="Y20860" s="2">
        <v>62</v>
      </c>
      <c r="Z20860" s="2">
        <v>7</v>
      </c>
      <c r="AA20860" s="5">
        <v>14</v>
      </c>
      <c r="AB20860" s="5" t="s">
        <v>43</v>
      </c>
      <c r="AC20860" s="5" t="s">
        <v>44</v>
      </c>
      <c r="AD20860" s="2" t="s">
        <v>67367</v>
      </c>
      <c r="AE20860" s="1"/>
    </row>
    <row r="20861" spans="1:31" ht="14.45">
      <c r="A20861" s="11"/>
      <c r="B20861" s="20"/>
      <c r="C20861" s="2" t="s">
        <v>67374</v>
      </c>
      <c r="D20861" s="14" t="s">
        <v>67375</v>
      </c>
      <c r="E20861" s="2" t="s">
        <v>67376</v>
      </c>
      <c r="F20861" s="2" t="s">
        <v>67348</v>
      </c>
      <c r="G20861" s="8">
        <v>356</v>
      </c>
      <c r="H20861" s="5">
        <v>5</v>
      </c>
      <c r="I20861" s="5" t="s">
        <v>69</v>
      </c>
      <c r="J20861" s="5" t="s">
        <v>67349</v>
      </c>
      <c r="K20861" s="2" t="s">
        <v>67350</v>
      </c>
      <c r="L20861" s="5" t="s">
        <v>67349</v>
      </c>
      <c r="M20861" s="2" t="s">
        <v>67350</v>
      </c>
      <c r="N20861" s="5" t="s">
        <v>72</v>
      </c>
      <c r="O20861" s="5" t="s">
        <v>38</v>
      </c>
      <c r="P20861" s="5" t="s">
        <v>39</v>
      </c>
      <c r="Q20861" s="5" t="s">
        <v>40</v>
      </c>
      <c r="R20861" s="5" t="s">
        <v>28209</v>
      </c>
      <c r="S20861" s="5" t="s">
        <v>40</v>
      </c>
      <c r="T20861" s="5" t="s">
        <v>42</v>
      </c>
      <c r="U20861" s="2">
        <v>15.154</v>
      </c>
      <c r="V20861" s="2">
        <v>14.039</v>
      </c>
      <c r="W20861" s="2">
        <v>4.7E-2</v>
      </c>
      <c r="X20861" s="2">
        <v>108</v>
      </c>
      <c r="Y20861" s="2">
        <v>62</v>
      </c>
      <c r="Z20861" s="2">
        <v>7</v>
      </c>
      <c r="AA20861" s="5">
        <v>14</v>
      </c>
      <c r="AB20861" s="5" t="s">
        <v>43</v>
      </c>
      <c r="AC20861" s="5" t="s">
        <v>44</v>
      </c>
      <c r="AD20861" s="2" t="s">
        <v>67367</v>
      </c>
      <c r="AE20861" s="1"/>
    </row>
    <row r="20862" spans="1:31" ht="14.45">
      <c r="A20862" s="11"/>
      <c r="B20862" s="20"/>
      <c r="C20862" s="2" t="s">
        <v>67377</v>
      </c>
      <c r="D20862" s="14" t="s">
        <v>67378</v>
      </c>
      <c r="E20862" s="2" t="s">
        <v>67379</v>
      </c>
      <c r="F20862" s="2" t="s">
        <v>67348</v>
      </c>
      <c r="G20862" s="8">
        <v>386</v>
      </c>
      <c r="H20862" s="5">
        <v>5</v>
      </c>
      <c r="I20862" s="5" t="s">
        <v>69</v>
      </c>
      <c r="J20862" s="5" t="s">
        <v>67349</v>
      </c>
      <c r="K20862" s="2" t="s">
        <v>67350</v>
      </c>
      <c r="L20862" s="5" t="s">
        <v>67349</v>
      </c>
      <c r="M20862" s="2" t="s">
        <v>67350</v>
      </c>
      <c r="N20862" s="5" t="s">
        <v>72</v>
      </c>
      <c r="O20862" s="5" t="s">
        <v>38</v>
      </c>
      <c r="P20862" s="5" t="s">
        <v>39</v>
      </c>
      <c r="Q20862" s="5" t="s">
        <v>40</v>
      </c>
      <c r="R20862" s="5" t="s">
        <v>28209</v>
      </c>
      <c r="S20862" s="5" t="s">
        <v>40</v>
      </c>
      <c r="T20862" s="5" t="s">
        <v>42</v>
      </c>
      <c r="U20862" s="2">
        <v>17.978999999999999</v>
      </c>
      <c r="V20862" s="2">
        <v>16.8</v>
      </c>
      <c r="W20862" s="2">
        <v>5.6000000000000001E-2</v>
      </c>
      <c r="X20862" s="2">
        <v>128</v>
      </c>
      <c r="Y20862" s="2">
        <v>62</v>
      </c>
      <c r="Z20862" s="2">
        <v>7</v>
      </c>
      <c r="AA20862" s="5">
        <v>14</v>
      </c>
      <c r="AB20862" s="5" t="s">
        <v>43</v>
      </c>
      <c r="AC20862" s="5" t="s">
        <v>44</v>
      </c>
      <c r="AD20862" s="2" t="s">
        <v>67367</v>
      </c>
      <c r="AE20862" s="1"/>
    </row>
    <row r="20863" spans="1:31" ht="14.45">
      <c r="A20863" s="11"/>
      <c r="B20863" s="20"/>
      <c r="C20863" s="2" t="s">
        <v>67380</v>
      </c>
      <c r="D20863" s="14" t="s">
        <v>67381</v>
      </c>
      <c r="E20863" s="2" t="s">
        <v>67382</v>
      </c>
      <c r="F20863" s="2" t="s">
        <v>67348</v>
      </c>
      <c r="G20863" s="8">
        <v>406</v>
      </c>
      <c r="H20863" s="5">
        <v>5</v>
      </c>
      <c r="I20863" s="5" t="s">
        <v>69</v>
      </c>
      <c r="J20863" s="5" t="s">
        <v>67349</v>
      </c>
      <c r="K20863" s="2" t="s">
        <v>67350</v>
      </c>
      <c r="L20863" s="5" t="s">
        <v>67349</v>
      </c>
      <c r="M20863" s="2" t="s">
        <v>67350</v>
      </c>
      <c r="N20863" s="5" t="s">
        <v>72</v>
      </c>
      <c r="O20863" s="5" t="s">
        <v>38</v>
      </c>
      <c r="P20863" s="5" t="s">
        <v>39</v>
      </c>
      <c r="Q20863" s="5" t="s">
        <v>40</v>
      </c>
      <c r="R20863" s="5" t="s">
        <v>28209</v>
      </c>
      <c r="S20863" s="5" t="s">
        <v>40</v>
      </c>
      <c r="T20863" s="5" t="s">
        <v>42</v>
      </c>
      <c r="U20863" s="2">
        <v>20.812000000000001</v>
      </c>
      <c r="V20863" s="2">
        <v>19.565999999999999</v>
      </c>
      <c r="W20863" s="2">
        <v>6.4000000000000001E-2</v>
      </c>
      <c r="X20863" s="2">
        <v>148</v>
      </c>
      <c r="Y20863" s="2">
        <v>62</v>
      </c>
      <c r="Z20863" s="2">
        <v>7</v>
      </c>
      <c r="AA20863" s="5">
        <v>14</v>
      </c>
      <c r="AB20863" s="5" t="s">
        <v>43</v>
      </c>
      <c r="AC20863" s="5" t="s">
        <v>44</v>
      </c>
      <c r="AD20863" s="2" t="s">
        <v>67367</v>
      </c>
      <c r="AE20863" s="1"/>
    </row>
    <row r="20864" spans="1:31" ht="14.45">
      <c r="A20864" s="11"/>
      <c r="B20864" s="20"/>
      <c r="C20864" s="2" t="s">
        <v>67383</v>
      </c>
      <c r="D20864" s="14" t="s">
        <v>67384</v>
      </c>
      <c r="E20864" s="2" t="s">
        <v>67385</v>
      </c>
      <c r="F20864" s="2" t="s">
        <v>67386</v>
      </c>
      <c r="G20864" s="8">
        <v>187</v>
      </c>
      <c r="H20864" s="5">
        <v>5</v>
      </c>
      <c r="I20864" s="5" t="s">
        <v>69</v>
      </c>
      <c r="J20864" s="5" t="s">
        <v>67349</v>
      </c>
      <c r="K20864" s="2" t="s">
        <v>67350</v>
      </c>
      <c r="L20864" s="5" t="s">
        <v>67349</v>
      </c>
      <c r="M20864" s="2" t="s">
        <v>67350</v>
      </c>
      <c r="N20864" s="5" t="s">
        <v>67387</v>
      </c>
      <c r="O20864" s="5" t="s">
        <v>38</v>
      </c>
      <c r="P20864" s="5" t="s">
        <v>39</v>
      </c>
      <c r="Q20864" s="5" t="s">
        <v>40</v>
      </c>
      <c r="R20864" s="5" t="s">
        <v>28209</v>
      </c>
      <c r="S20864" s="5" t="s">
        <v>40</v>
      </c>
      <c r="T20864" s="5" t="s">
        <v>42</v>
      </c>
      <c r="U20864" s="2">
        <v>2.4569999999999999</v>
      </c>
      <c r="V20864" s="2">
        <v>2.145</v>
      </c>
      <c r="W20864" s="2">
        <v>5.0000000000000001E-3</v>
      </c>
      <c r="X20864" s="2">
        <v>61.5</v>
      </c>
      <c r="Y20864" s="2">
        <v>29</v>
      </c>
      <c r="Z20864" s="2">
        <v>3</v>
      </c>
      <c r="AA20864" s="5">
        <v>50</v>
      </c>
      <c r="AB20864" s="5" t="s">
        <v>43</v>
      </c>
      <c r="AC20864" s="5" t="s">
        <v>44</v>
      </c>
      <c r="AD20864" s="2" t="s">
        <v>67388</v>
      </c>
      <c r="AE20864" s="1"/>
    </row>
    <row r="20865" spans="1:31" ht="14.45">
      <c r="A20865" s="11"/>
      <c r="B20865" s="20"/>
      <c r="C20865" s="2" t="s">
        <v>67389</v>
      </c>
      <c r="D20865" s="14" t="s">
        <v>67390</v>
      </c>
      <c r="E20865" s="2" t="s">
        <v>67391</v>
      </c>
      <c r="F20865" s="2" t="s">
        <v>67386</v>
      </c>
      <c r="G20865" s="8">
        <v>213</v>
      </c>
      <c r="H20865" s="5">
        <v>5</v>
      </c>
      <c r="I20865" s="5" t="s">
        <v>69</v>
      </c>
      <c r="J20865" s="5" t="s">
        <v>67349</v>
      </c>
      <c r="K20865" s="2" t="s">
        <v>67350</v>
      </c>
      <c r="L20865" s="5" t="s">
        <v>67349</v>
      </c>
      <c r="M20865" s="2" t="s">
        <v>67350</v>
      </c>
      <c r="N20865" s="5" t="s">
        <v>67387</v>
      </c>
      <c r="O20865" s="5" t="s">
        <v>38</v>
      </c>
      <c r="P20865" s="5" t="s">
        <v>39</v>
      </c>
      <c r="Q20865" s="5" t="s">
        <v>40</v>
      </c>
      <c r="R20865" s="5" t="s">
        <v>28209</v>
      </c>
      <c r="S20865" s="5" t="s">
        <v>40</v>
      </c>
      <c r="T20865" s="5" t="s">
        <v>42</v>
      </c>
      <c r="U20865" s="2">
        <v>2.9</v>
      </c>
      <c r="V20865" s="2">
        <v>2.5459999999999998</v>
      </c>
      <c r="W20865" s="2">
        <v>6.0000000000000001E-3</v>
      </c>
      <c r="X20865" s="2">
        <v>72.5</v>
      </c>
      <c r="Y20865" s="2">
        <v>29</v>
      </c>
      <c r="Z20865" s="2">
        <v>3</v>
      </c>
      <c r="AA20865" s="5">
        <v>50</v>
      </c>
      <c r="AB20865" s="5" t="s">
        <v>43</v>
      </c>
      <c r="AC20865" s="5" t="s">
        <v>44</v>
      </c>
      <c r="AD20865" s="2" t="s">
        <v>67388</v>
      </c>
      <c r="AE20865" s="1"/>
    </row>
    <row r="20866" spans="1:31" ht="14.45">
      <c r="A20866" s="11"/>
      <c r="B20866" s="20"/>
      <c r="C20866" s="2" t="s">
        <v>67392</v>
      </c>
      <c r="D20866" s="14" t="s">
        <v>67393</v>
      </c>
      <c r="E20866" s="2" t="s">
        <v>67394</v>
      </c>
      <c r="F20866" s="2" t="s">
        <v>67386</v>
      </c>
      <c r="G20866" s="8">
        <v>220</v>
      </c>
      <c r="H20866" s="5">
        <v>5</v>
      </c>
      <c r="I20866" s="5" t="s">
        <v>69</v>
      </c>
      <c r="J20866" s="5" t="s">
        <v>67349</v>
      </c>
      <c r="K20866" s="2" t="s">
        <v>67350</v>
      </c>
      <c r="L20866" s="5" t="s">
        <v>67349</v>
      </c>
      <c r="M20866" s="2" t="s">
        <v>67350</v>
      </c>
      <c r="N20866" s="5" t="s">
        <v>67387</v>
      </c>
      <c r="O20866" s="5" t="s">
        <v>38</v>
      </c>
      <c r="P20866" s="5" t="s">
        <v>39</v>
      </c>
      <c r="Q20866" s="5" t="s">
        <v>40</v>
      </c>
      <c r="R20866" s="5" t="s">
        <v>28209</v>
      </c>
      <c r="S20866" s="5" t="s">
        <v>40</v>
      </c>
      <c r="T20866" s="5" t="s">
        <v>42</v>
      </c>
      <c r="U20866" s="2">
        <v>3.5379999999999998</v>
      </c>
      <c r="V20866" s="2">
        <v>3.1459999999999999</v>
      </c>
      <c r="W20866" s="2">
        <v>7.0000000000000001E-3</v>
      </c>
      <c r="X20866" s="2">
        <v>84.5</v>
      </c>
      <c r="Y20866" s="2">
        <v>29</v>
      </c>
      <c r="Z20866" s="2">
        <v>3</v>
      </c>
      <c r="AA20866" s="5">
        <v>50</v>
      </c>
      <c r="AB20866" s="5" t="s">
        <v>43</v>
      </c>
      <c r="AC20866" s="5" t="s">
        <v>44</v>
      </c>
      <c r="AD20866" s="2" t="s">
        <v>67388</v>
      </c>
      <c r="AE20866" s="1"/>
    </row>
    <row r="20867" spans="1:31" ht="14.45">
      <c r="A20867" s="11"/>
      <c r="B20867" s="20"/>
      <c r="C20867" s="2" t="s">
        <v>67395</v>
      </c>
      <c r="D20867" s="14" t="s">
        <v>67396</v>
      </c>
      <c r="E20867" s="2" t="s">
        <v>67397</v>
      </c>
      <c r="F20867" s="2" t="s">
        <v>67386</v>
      </c>
      <c r="G20867" s="8">
        <v>238</v>
      </c>
      <c r="H20867" s="5">
        <v>5</v>
      </c>
      <c r="I20867" s="5" t="s">
        <v>69</v>
      </c>
      <c r="J20867" s="5" t="s">
        <v>67349</v>
      </c>
      <c r="K20867" s="2" t="s">
        <v>67350</v>
      </c>
      <c r="L20867" s="5" t="s">
        <v>67349</v>
      </c>
      <c r="M20867" s="2" t="s">
        <v>67350</v>
      </c>
      <c r="N20867" s="5" t="s">
        <v>67387</v>
      </c>
      <c r="O20867" s="5" t="s">
        <v>38</v>
      </c>
      <c r="P20867" s="5" t="s">
        <v>39</v>
      </c>
      <c r="Q20867" s="5" t="s">
        <v>40</v>
      </c>
      <c r="R20867" s="5" t="s">
        <v>28209</v>
      </c>
      <c r="S20867" s="5" t="s">
        <v>40</v>
      </c>
      <c r="T20867" s="5" t="s">
        <v>42</v>
      </c>
      <c r="U20867" s="2">
        <v>4.1159999999999997</v>
      </c>
      <c r="V20867" s="2">
        <v>3.6459999999999999</v>
      </c>
      <c r="W20867" s="2">
        <v>8.9999999999999993E-3</v>
      </c>
      <c r="X20867" s="2">
        <v>100.5</v>
      </c>
      <c r="Y20867" s="2">
        <v>29</v>
      </c>
      <c r="Z20867" s="2">
        <v>3</v>
      </c>
      <c r="AA20867" s="5">
        <v>50</v>
      </c>
      <c r="AB20867" s="5" t="s">
        <v>43</v>
      </c>
      <c r="AC20867" s="5" t="s">
        <v>44</v>
      </c>
      <c r="AD20867" s="2" t="s">
        <v>67388</v>
      </c>
      <c r="AE20867" s="1"/>
    </row>
    <row r="20868" spans="1:31" ht="14.45">
      <c r="A20868" s="11"/>
      <c r="B20868" s="20"/>
      <c r="C20868" s="2" t="s">
        <v>67398</v>
      </c>
      <c r="D20868" s="14" t="s">
        <v>67399</v>
      </c>
      <c r="E20868" s="2" t="s">
        <v>67400</v>
      </c>
      <c r="F20868" s="2" t="s">
        <v>67386</v>
      </c>
      <c r="G20868" s="8">
        <v>257</v>
      </c>
      <c r="H20868" s="5">
        <v>5</v>
      </c>
      <c r="I20868" s="5" t="s">
        <v>69</v>
      </c>
      <c r="J20868" s="5" t="s">
        <v>67349</v>
      </c>
      <c r="K20868" s="2" t="s">
        <v>67350</v>
      </c>
      <c r="L20868" s="5" t="s">
        <v>67349</v>
      </c>
      <c r="M20868" s="2" t="s">
        <v>67350</v>
      </c>
      <c r="N20868" s="5" t="s">
        <v>67387</v>
      </c>
      <c r="O20868" s="5" t="s">
        <v>38</v>
      </c>
      <c r="P20868" s="5" t="s">
        <v>39</v>
      </c>
      <c r="Q20868" s="5" t="s">
        <v>40</v>
      </c>
      <c r="R20868" s="5" t="s">
        <v>28209</v>
      </c>
      <c r="S20868" s="5" t="s">
        <v>40</v>
      </c>
      <c r="T20868" s="5" t="s">
        <v>42</v>
      </c>
      <c r="U20868" s="2">
        <v>4.97</v>
      </c>
      <c r="V20868" s="2">
        <v>4.4240000000000004</v>
      </c>
      <c r="W20868" s="2">
        <v>0.01</v>
      </c>
      <c r="X20868" s="2">
        <v>120.5</v>
      </c>
      <c r="Y20868" s="2">
        <v>29</v>
      </c>
      <c r="Z20868" s="2">
        <v>3</v>
      </c>
      <c r="AA20868" s="5">
        <v>50</v>
      </c>
      <c r="AB20868" s="5" t="s">
        <v>43</v>
      </c>
      <c r="AC20868" s="5" t="s">
        <v>44</v>
      </c>
      <c r="AD20868" s="2" t="s">
        <v>67388</v>
      </c>
      <c r="AE20868" s="1"/>
    </row>
    <row r="20869" spans="1:31" ht="14.45">
      <c r="A20869" s="11"/>
      <c r="B20869" s="20"/>
      <c r="C20869" s="2" t="s">
        <v>67401</v>
      </c>
      <c r="D20869" s="14" t="s">
        <v>67402</v>
      </c>
      <c r="E20869" s="2" t="s">
        <v>67403</v>
      </c>
      <c r="F20869" s="2" t="s">
        <v>67386</v>
      </c>
      <c r="G20869" s="8">
        <v>271</v>
      </c>
      <c r="H20869" s="5">
        <v>5</v>
      </c>
      <c r="I20869" s="5" t="s">
        <v>69</v>
      </c>
      <c r="J20869" s="5" t="s">
        <v>67349</v>
      </c>
      <c r="K20869" s="2" t="s">
        <v>67350</v>
      </c>
      <c r="L20869" s="5" t="s">
        <v>67349</v>
      </c>
      <c r="M20869" s="2" t="s">
        <v>67350</v>
      </c>
      <c r="N20869" s="5" t="s">
        <v>67387</v>
      </c>
      <c r="O20869" s="5" t="s">
        <v>38</v>
      </c>
      <c r="P20869" s="5" t="s">
        <v>39</v>
      </c>
      <c r="Q20869" s="5" t="s">
        <v>40</v>
      </c>
      <c r="R20869" s="5" t="s">
        <v>28209</v>
      </c>
      <c r="S20869" s="5" t="s">
        <v>40</v>
      </c>
      <c r="T20869" s="5" t="s">
        <v>42</v>
      </c>
      <c r="U20869" s="2">
        <v>5.65</v>
      </c>
      <c r="V20869" s="2">
        <v>5.0250000000000004</v>
      </c>
      <c r="W20869" s="2">
        <v>1.2E-2</v>
      </c>
      <c r="X20869" s="2">
        <v>140.5</v>
      </c>
      <c r="Y20869" s="2">
        <v>29</v>
      </c>
      <c r="Z20869" s="2">
        <v>3</v>
      </c>
      <c r="AA20869" s="5">
        <v>50</v>
      </c>
      <c r="AB20869" s="5" t="s">
        <v>43</v>
      </c>
      <c r="AC20869" s="5" t="s">
        <v>44</v>
      </c>
      <c r="AD20869" s="2" t="s">
        <v>67388</v>
      </c>
      <c r="AE20869" s="1"/>
    </row>
    <row r="20870" spans="1:31" ht="14.45">
      <c r="A20870" s="11"/>
      <c r="B20870" s="20"/>
      <c r="C20870" s="2" t="s">
        <v>67404</v>
      </c>
      <c r="D20870" s="14" t="s">
        <v>67405</v>
      </c>
      <c r="E20870" s="2" t="s">
        <v>67406</v>
      </c>
      <c r="F20870" s="2" t="s">
        <v>67407</v>
      </c>
      <c r="G20870" s="8">
        <v>150</v>
      </c>
      <c r="H20870" s="5">
        <v>5</v>
      </c>
      <c r="I20870" s="5" t="s">
        <v>69</v>
      </c>
      <c r="J20870" s="5" t="s">
        <v>67349</v>
      </c>
      <c r="K20870" s="2" t="s">
        <v>67350</v>
      </c>
      <c r="L20870" s="5" t="s">
        <v>67349</v>
      </c>
      <c r="M20870" s="2" t="s">
        <v>67350</v>
      </c>
      <c r="N20870" s="5" t="s">
        <v>72</v>
      </c>
      <c r="O20870" s="5" t="s">
        <v>38</v>
      </c>
      <c r="P20870" s="5" t="s">
        <v>39</v>
      </c>
      <c r="Q20870" s="5" t="s">
        <v>40</v>
      </c>
      <c r="R20870" s="5" t="s">
        <v>28209</v>
      </c>
      <c r="S20870" s="5" t="s">
        <v>40</v>
      </c>
      <c r="T20870" s="5" t="s">
        <v>42</v>
      </c>
      <c r="U20870" s="2">
        <v>8.3719999999999999</v>
      </c>
      <c r="V20870" s="2">
        <v>7.5670000000000002</v>
      </c>
      <c r="W20870" s="2">
        <v>2.9000000000000001E-2</v>
      </c>
      <c r="X20870" s="2">
        <v>186.5</v>
      </c>
      <c r="Y20870" s="2">
        <v>31</v>
      </c>
      <c r="Z20870" s="2">
        <v>5</v>
      </c>
      <c r="AA20870" s="5">
        <v>48</v>
      </c>
      <c r="AB20870" s="5" t="s">
        <v>43</v>
      </c>
      <c r="AC20870" s="5" t="s">
        <v>44</v>
      </c>
      <c r="AD20870" s="2" t="s">
        <v>67408</v>
      </c>
      <c r="AE20870" s="1"/>
    </row>
    <row r="20871" spans="1:31" ht="14.45">
      <c r="A20871" s="11"/>
      <c r="B20871" s="20"/>
      <c r="C20871" s="2" t="s">
        <v>67409</v>
      </c>
      <c r="D20871" s="14" t="s">
        <v>67410</v>
      </c>
      <c r="E20871" s="2" t="s">
        <v>67411</v>
      </c>
      <c r="F20871" s="2" t="s">
        <v>67407</v>
      </c>
      <c r="G20871" s="8">
        <v>185</v>
      </c>
      <c r="H20871" s="5">
        <v>5</v>
      </c>
      <c r="I20871" s="5" t="s">
        <v>69</v>
      </c>
      <c r="J20871" s="5" t="s">
        <v>67349</v>
      </c>
      <c r="K20871" s="2" t="s">
        <v>67350</v>
      </c>
      <c r="L20871" s="5" t="s">
        <v>67349</v>
      </c>
      <c r="M20871" s="2" t="s">
        <v>67350</v>
      </c>
      <c r="N20871" s="5" t="s">
        <v>72</v>
      </c>
      <c r="O20871" s="5" t="s">
        <v>38</v>
      </c>
      <c r="P20871" s="5" t="s">
        <v>39</v>
      </c>
      <c r="Q20871" s="5" t="s">
        <v>40</v>
      </c>
      <c r="R20871" s="5" t="s">
        <v>28209</v>
      </c>
      <c r="S20871" s="5" t="s">
        <v>40</v>
      </c>
      <c r="T20871" s="5" t="s">
        <v>42</v>
      </c>
      <c r="U20871" s="2">
        <v>11.061999999999999</v>
      </c>
      <c r="V20871" s="2">
        <v>9.5950000000000006</v>
      </c>
      <c r="W20871" s="2">
        <v>4.3999999999999997E-2</v>
      </c>
      <c r="X20871" s="2">
        <v>214</v>
      </c>
      <c r="Y20871" s="2">
        <v>41</v>
      </c>
      <c r="Z20871" s="2">
        <v>5</v>
      </c>
      <c r="AA20871" s="5">
        <v>48</v>
      </c>
      <c r="AB20871" s="5" t="s">
        <v>43</v>
      </c>
      <c r="AC20871" s="5" t="s">
        <v>44</v>
      </c>
      <c r="AD20871" s="2" t="s">
        <v>67408</v>
      </c>
      <c r="AE20871" s="1"/>
    </row>
    <row r="20872" spans="1:31" ht="14.45">
      <c r="A20872" s="11"/>
      <c r="B20872" s="20"/>
      <c r="C20872" s="2" t="s">
        <v>67412</v>
      </c>
      <c r="D20872" s="14" t="s">
        <v>67413</v>
      </c>
      <c r="E20872" s="2" t="s">
        <v>67414</v>
      </c>
      <c r="F20872" s="2" t="s">
        <v>67407</v>
      </c>
      <c r="G20872" s="8">
        <v>273</v>
      </c>
      <c r="H20872" s="5">
        <v>5</v>
      </c>
      <c r="I20872" s="5" t="s">
        <v>69</v>
      </c>
      <c r="J20872" s="5" t="s">
        <v>67349</v>
      </c>
      <c r="K20872" s="2" t="s">
        <v>67350</v>
      </c>
      <c r="L20872" s="5" t="s">
        <v>67349</v>
      </c>
      <c r="M20872" s="2" t="s">
        <v>67350</v>
      </c>
      <c r="N20872" s="5" t="s">
        <v>72</v>
      </c>
      <c r="O20872" s="5" t="s">
        <v>38</v>
      </c>
      <c r="P20872" s="5" t="s">
        <v>39</v>
      </c>
      <c r="Q20872" s="5" t="s">
        <v>40</v>
      </c>
      <c r="R20872" s="5" t="s">
        <v>73</v>
      </c>
      <c r="S20872" s="5" t="s">
        <v>40</v>
      </c>
      <c r="T20872" s="5" t="s">
        <v>42</v>
      </c>
      <c r="U20872" s="2">
        <v>15.278</v>
      </c>
      <c r="V20872" s="2">
        <v>13.62</v>
      </c>
      <c r="W20872" s="2">
        <v>5.5E-2</v>
      </c>
      <c r="X20872" s="2">
        <v>226.8</v>
      </c>
      <c r="Y20872" s="2">
        <v>50.9</v>
      </c>
      <c r="Z20872" s="2">
        <v>4.8</v>
      </c>
      <c r="AA20872" s="5">
        <v>48</v>
      </c>
      <c r="AB20872" s="5" t="s">
        <v>43</v>
      </c>
      <c r="AC20872" s="5" t="s">
        <v>44</v>
      </c>
      <c r="AD20872" s="2" t="s">
        <v>67408</v>
      </c>
      <c r="AE20872" s="1"/>
    </row>
    <row r="20873" spans="1:31" ht="14.45">
      <c r="A20873" s="11"/>
      <c r="B20873" s="20"/>
      <c r="C20873" s="2" t="s">
        <v>67415</v>
      </c>
      <c r="D20873" s="14" t="s">
        <v>67416</v>
      </c>
      <c r="E20873" s="2" t="s">
        <v>67417</v>
      </c>
      <c r="F20873" s="2" t="s">
        <v>67348</v>
      </c>
      <c r="G20873" s="8">
        <v>208</v>
      </c>
      <c r="H20873" s="5">
        <v>5</v>
      </c>
      <c r="I20873" s="5" t="s">
        <v>69</v>
      </c>
      <c r="J20873" s="5" t="s">
        <v>67349</v>
      </c>
      <c r="K20873" s="2" t="s">
        <v>67350</v>
      </c>
      <c r="L20873" s="5" t="s">
        <v>67349</v>
      </c>
      <c r="M20873" s="2" t="s">
        <v>67350</v>
      </c>
      <c r="N20873" s="5" t="s">
        <v>72</v>
      </c>
      <c r="O20873" s="5" t="s">
        <v>38</v>
      </c>
      <c r="P20873" s="5" t="s">
        <v>39</v>
      </c>
      <c r="Q20873" s="5" t="s">
        <v>40</v>
      </c>
      <c r="R20873" s="5" t="s">
        <v>73</v>
      </c>
      <c r="S20873" s="5" t="s">
        <v>40</v>
      </c>
      <c r="T20873" s="5" t="s">
        <v>42</v>
      </c>
      <c r="U20873" s="2">
        <v>11.759</v>
      </c>
      <c r="V20873" s="2">
        <v>10.282999999999999</v>
      </c>
      <c r="W20873" s="2">
        <v>4.3999999999999997E-2</v>
      </c>
      <c r="X20873" s="2">
        <v>153.5</v>
      </c>
      <c r="Y20873" s="2">
        <v>56.4</v>
      </c>
      <c r="Z20873" s="2">
        <v>5.0999999999999996</v>
      </c>
      <c r="AA20873" s="5">
        <v>38</v>
      </c>
      <c r="AB20873" s="5" t="s">
        <v>43</v>
      </c>
      <c r="AC20873" s="5" t="s">
        <v>44</v>
      </c>
      <c r="AD20873" s="2" t="s">
        <v>67418</v>
      </c>
      <c r="AE20873" s="1"/>
    </row>
    <row r="20874" spans="1:31" ht="14.45">
      <c r="A20874" s="11"/>
      <c r="B20874" s="20"/>
      <c r="C20874" s="2" t="s">
        <v>67419</v>
      </c>
      <c r="D20874" s="14" t="s">
        <v>67420</v>
      </c>
      <c r="E20874" s="2" t="s">
        <v>67421</v>
      </c>
      <c r="F20874" s="2" t="s">
        <v>67348</v>
      </c>
      <c r="G20874" s="8">
        <v>220</v>
      </c>
      <c r="H20874" s="5">
        <v>5</v>
      </c>
      <c r="I20874" s="5" t="s">
        <v>69</v>
      </c>
      <c r="J20874" s="5" t="s">
        <v>67349</v>
      </c>
      <c r="K20874" s="2" t="s">
        <v>67350</v>
      </c>
      <c r="L20874" s="5" t="s">
        <v>67349</v>
      </c>
      <c r="M20874" s="2" t="s">
        <v>67350</v>
      </c>
      <c r="N20874" s="5" t="s">
        <v>72</v>
      </c>
      <c r="O20874" s="5" t="s">
        <v>38</v>
      </c>
      <c r="P20874" s="5" t="s">
        <v>39</v>
      </c>
      <c r="Q20874" s="5" t="s">
        <v>40</v>
      </c>
      <c r="R20874" s="5" t="s">
        <v>73</v>
      </c>
      <c r="S20874" s="5" t="s">
        <v>40</v>
      </c>
      <c r="T20874" s="5" t="s">
        <v>42</v>
      </c>
      <c r="U20874" s="2">
        <v>12.802</v>
      </c>
      <c r="V20874" s="2">
        <v>11.204000000000001</v>
      </c>
      <c r="W20874" s="2">
        <v>0.05</v>
      </c>
      <c r="X20874" s="2">
        <v>173.5</v>
      </c>
      <c r="Y20874" s="2">
        <v>56.4</v>
      </c>
      <c r="Z20874" s="2">
        <v>5.0999999999999996</v>
      </c>
      <c r="AA20874" s="5">
        <v>38</v>
      </c>
      <c r="AB20874" s="5" t="s">
        <v>43</v>
      </c>
      <c r="AC20874" s="5" t="s">
        <v>44</v>
      </c>
      <c r="AD20874" s="2" t="s">
        <v>67418</v>
      </c>
      <c r="AE20874" s="1"/>
    </row>
    <row r="20875" spans="1:31" ht="14.45">
      <c r="A20875" s="11"/>
      <c r="B20875" s="20"/>
      <c r="C20875" s="2" t="s">
        <v>67422</v>
      </c>
      <c r="D20875" s="14" t="s">
        <v>67423</v>
      </c>
      <c r="E20875" s="2" t="s">
        <v>67424</v>
      </c>
      <c r="F20875" s="2" t="s">
        <v>67348</v>
      </c>
      <c r="G20875" s="8">
        <v>230</v>
      </c>
      <c r="H20875" s="5">
        <v>5</v>
      </c>
      <c r="I20875" s="5" t="s">
        <v>69</v>
      </c>
      <c r="J20875" s="5" t="s">
        <v>67349</v>
      </c>
      <c r="K20875" s="2" t="s">
        <v>67350</v>
      </c>
      <c r="L20875" s="5" t="s">
        <v>67349</v>
      </c>
      <c r="M20875" s="2" t="s">
        <v>67350</v>
      </c>
      <c r="N20875" s="5" t="s">
        <v>72</v>
      </c>
      <c r="O20875" s="5" t="s">
        <v>38</v>
      </c>
      <c r="P20875" s="5" t="s">
        <v>39</v>
      </c>
      <c r="Q20875" s="5" t="s">
        <v>40</v>
      </c>
      <c r="R20875" s="5" t="s">
        <v>73</v>
      </c>
      <c r="S20875" s="5" t="s">
        <v>40</v>
      </c>
      <c r="T20875" s="5" t="s">
        <v>42</v>
      </c>
      <c r="U20875" s="2">
        <v>13.86</v>
      </c>
      <c r="V20875" s="2">
        <v>12.138</v>
      </c>
      <c r="W20875" s="2">
        <v>5.6000000000000001E-2</v>
      </c>
      <c r="X20875" s="2">
        <v>193.5</v>
      </c>
      <c r="Y20875" s="2">
        <v>56.4</v>
      </c>
      <c r="Z20875" s="2">
        <v>5.0999999999999996</v>
      </c>
      <c r="AA20875" s="5">
        <v>38</v>
      </c>
      <c r="AB20875" s="5" t="s">
        <v>43</v>
      </c>
      <c r="AC20875" s="5" t="s">
        <v>44</v>
      </c>
      <c r="AD20875" s="2" t="s">
        <v>67418</v>
      </c>
      <c r="AE20875" s="1"/>
    </row>
    <row r="20876" spans="1:31" ht="14.45">
      <c r="A20876" s="11"/>
      <c r="B20876" s="20"/>
      <c r="C20876" s="2" t="s">
        <v>67425</v>
      </c>
      <c r="D20876" s="14" t="s">
        <v>67426</v>
      </c>
      <c r="E20876" s="2" t="s">
        <v>67427</v>
      </c>
      <c r="F20876" s="2" t="s">
        <v>67348</v>
      </c>
      <c r="G20876" s="8">
        <v>230</v>
      </c>
      <c r="H20876" s="5">
        <v>5</v>
      </c>
      <c r="I20876" s="5" t="s">
        <v>69</v>
      </c>
      <c r="J20876" s="5" t="s">
        <v>67349</v>
      </c>
      <c r="K20876" s="2" t="s">
        <v>67350</v>
      </c>
      <c r="L20876" s="5" t="s">
        <v>67349</v>
      </c>
      <c r="M20876" s="2" t="s">
        <v>67350</v>
      </c>
      <c r="N20876" s="5" t="s">
        <v>72</v>
      </c>
      <c r="O20876" s="5" t="s">
        <v>38</v>
      </c>
      <c r="P20876" s="5" t="s">
        <v>39</v>
      </c>
      <c r="Q20876" s="5" t="s">
        <v>40</v>
      </c>
      <c r="R20876" s="5" t="s">
        <v>73</v>
      </c>
      <c r="S20876" s="5" t="s">
        <v>40</v>
      </c>
      <c r="T20876" s="5" t="s">
        <v>42</v>
      </c>
      <c r="U20876" s="2">
        <v>13.512</v>
      </c>
      <c r="V20876" s="2">
        <v>11.914</v>
      </c>
      <c r="W20876" s="2">
        <v>0.05</v>
      </c>
      <c r="X20876" s="2">
        <v>173.5</v>
      </c>
      <c r="Y20876" s="2">
        <v>56.4</v>
      </c>
      <c r="Z20876" s="2">
        <v>5.0999999999999996</v>
      </c>
      <c r="AA20876" s="5">
        <v>38</v>
      </c>
      <c r="AB20876" s="5" t="s">
        <v>43</v>
      </c>
      <c r="AC20876" s="5" t="s">
        <v>44</v>
      </c>
      <c r="AD20876" s="2" t="s">
        <v>67418</v>
      </c>
      <c r="AE20876" s="1"/>
    </row>
    <row r="20877" spans="1:31" ht="14.45">
      <c r="A20877" s="11"/>
      <c r="B20877" s="20"/>
      <c r="C20877" s="2" t="s">
        <v>67428</v>
      </c>
      <c r="D20877" s="14" t="s">
        <v>67429</v>
      </c>
      <c r="E20877" s="2" t="s">
        <v>67430</v>
      </c>
      <c r="F20877" s="2" t="s">
        <v>67348</v>
      </c>
      <c r="G20877" s="8">
        <v>245</v>
      </c>
      <c r="H20877" s="5">
        <v>5</v>
      </c>
      <c r="I20877" s="5" t="s">
        <v>69</v>
      </c>
      <c r="J20877" s="5" t="s">
        <v>67349</v>
      </c>
      <c r="K20877" s="2" t="s">
        <v>67350</v>
      </c>
      <c r="L20877" s="5" t="s">
        <v>67349</v>
      </c>
      <c r="M20877" s="2" t="s">
        <v>67350</v>
      </c>
      <c r="N20877" s="5" t="s">
        <v>72</v>
      </c>
      <c r="O20877" s="5" t="s">
        <v>38</v>
      </c>
      <c r="P20877" s="5" t="s">
        <v>39</v>
      </c>
      <c r="Q20877" s="5" t="s">
        <v>40</v>
      </c>
      <c r="R20877" s="5" t="s">
        <v>73</v>
      </c>
      <c r="S20877" s="5" t="s">
        <v>40</v>
      </c>
      <c r="T20877" s="5" t="s">
        <v>42</v>
      </c>
      <c r="U20877" s="2">
        <v>14.57</v>
      </c>
      <c r="V20877" s="2">
        <v>12.848000000000001</v>
      </c>
      <c r="W20877" s="2">
        <v>5.6000000000000001E-2</v>
      </c>
      <c r="X20877" s="2">
        <v>193.5</v>
      </c>
      <c r="Y20877" s="2">
        <v>56.4</v>
      </c>
      <c r="Z20877" s="2">
        <v>5.0999999999999996</v>
      </c>
      <c r="AA20877" s="5">
        <v>38</v>
      </c>
      <c r="AB20877" s="5" t="s">
        <v>43</v>
      </c>
      <c r="AC20877" s="5" t="s">
        <v>44</v>
      </c>
      <c r="AD20877" s="2" t="s">
        <v>67418</v>
      </c>
      <c r="AE20877" s="1"/>
    </row>
    <row r="20878" spans="1:31" ht="14.45">
      <c r="A20878" s="11"/>
      <c r="B20878" s="20"/>
      <c r="C20878" s="2" t="s">
        <v>67431</v>
      </c>
      <c r="D20878" s="14" t="s">
        <v>67432</v>
      </c>
      <c r="E20878" s="2" t="s">
        <v>67433</v>
      </c>
      <c r="F20878" s="2" t="s">
        <v>67348</v>
      </c>
      <c r="G20878" s="8">
        <v>250</v>
      </c>
      <c r="H20878" s="5">
        <v>5</v>
      </c>
      <c r="I20878" s="5" t="s">
        <v>69</v>
      </c>
      <c r="J20878" s="5" t="s">
        <v>67349</v>
      </c>
      <c r="K20878" s="2" t="s">
        <v>67350</v>
      </c>
      <c r="L20878" s="5" t="s">
        <v>67349</v>
      </c>
      <c r="M20878" s="2" t="s">
        <v>67350</v>
      </c>
      <c r="N20878" s="5" t="s">
        <v>72</v>
      </c>
      <c r="O20878" s="5" t="s">
        <v>38</v>
      </c>
      <c r="P20878" s="5" t="s">
        <v>39</v>
      </c>
      <c r="Q20878" s="5" t="s">
        <v>40</v>
      </c>
      <c r="R20878" s="5" t="s">
        <v>73</v>
      </c>
      <c r="S20878" s="5" t="s">
        <v>40</v>
      </c>
      <c r="T20878" s="5" t="s">
        <v>42</v>
      </c>
      <c r="U20878" s="2">
        <v>15.756</v>
      </c>
      <c r="V20878" s="2">
        <v>13.9</v>
      </c>
      <c r="W20878" s="2">
        <v>6.2E-2</v>
      </c>
      <c r="X20878" s="2">
        <v>215.5</v>
      </c>
      <c r="Y20878" s="2">
        <v>56.4</v>
      </c>
      <c r="Z20878" s="2">
        <v>5.0999999999999996</v>
      </c>
      <c r="AA20878" s="5">
        <v>38</v>
      </c>
      <c r="AB20878" s="5" t="s">
        <v>43</v>
      </c>
      <c r="AC20878" s="5" t="s">
        <v>44</v>
      </c>
      <c r="AD20878" s="2" t="s">
        <v>67418</v>
      </c>
      <c r="AE20878" s="1"/>
    </row>
    <row r="20879" spans="1:31" ht="14.45">
      <c r="A20879" s="11"/>
      <c r="B20879" s="20"/>
      <c r="C20879" s="2" t="s">
        <v>67434</v>
      </c>
      <c r="D20879" s="14" t="s">
        <v>67435</v>
      </c>
      <c r="E20879" s="2" t="s">
        <v>67436</v>
      </c>
      <c r="F20879" s="2" t="s">
        <v>67348</v>
      </c>
      <c r="G20879" s="8">
        <v>233</v>
      </c>
      <c r="H20879" s="5">
        <v>5</v>
      </c>
      <c r="I20879" s="5" t="s">
        <v>69</v>
      </c>
      <c r="J20879" s="5" t="s">
        <v>67349</v>
      </c>
      <c r="K20879" s="2" t="s">
        <v>67350</v>
      </c>
      <c r="L20879" s="5" t="s">
        <v>67349</v>
      </c>
      <c r="M20879" s="2" t="s">
        <v>67350</v>
      </c>
      <c r="N20879" s="5" t="s">
        <v>72</v>
      </c>
      <c r="O20879" s="5" t="s">
        <v>38</v>
      </c>
      <c r="P20879" s="5" t="s">
        <v>39</v>
      </c>
      <c r="Q20879" s="5" t="s">
        <v>40</v>
      </c>
      <c r="R20879" s="5" t="s">
        <v>73</v>
      </c>
      <c r="S20879" s="5" t="s">
        <v>40</v>
      </c>
      <c r="T20879" s="5" t="s">
        <v>42</v>
      </c>
      <c r="U20879" s="2">
        <v>14.302</v>
      </c>
      <c r="V20879" s="2">
        <v>12.702</v>
      </c>
      <c r="W20879" s="2">
        <v>0.05</v>
      </c>
      <c r="X20879" s="2">
        <v>173.5</v>
      </c>
      <c r="Y20879" s="2">
        <v>56.4</v>
      </c>
      <c r="Z20879" s="2">
        <v>5.0999999999999996</v>
      </c>
      <c r="AA20879" s="5">
        <v>38</v>
      </c>
      <c r="AB20879" s="5" t="s">
        <v>43</v>
      </c>
      <c r="AC20879" s="5" t="s">
        <v>44</v>
      </c>
      <c r="AD20879" s="2" t="s">
        <v>67418</v>
      </c>
      <c r="AE20879" s="1"/>
    </row>
    <row r="20880" spans="1:31" ht="14.45">
      <c r="A20880" s="11"/>
      <c r="B20880" s="20"/>
      <c r="C20880" s="2" t="s">
        <v>67437</v>
      </c>
      <c r="D20880" s="14" t="s">
        <v>67438</v>
      </c>
      <c r="E20880" s="2" t="s">
        <v>67439</v>
      </c>
      <c r="F20880" s="2" t="s">
        <v>67440</v>
      </c>
      <c r="G20880" s="8">
        <v>1186</v>
      </c>
      <c r="H20880" s="5">
        <v>15</v>
      </c>
      <c r="I20880" s="5" t="s">
        <v>69</v>
      </c>
      <c r="J20880" s="5" t="s">
        <v>67349</v>
      </c>
      <c r="K20880" s="2" t="s">
        <v>67350</v>
      </c>
      <c r="L20880" s="5" t="s">
        <v>67349</v>
      </c>
      <c r="M20880" s="2" t="s">
        <v>67350</v>
      </c>
      <c r="N20880" s="5" t="s">
        <v>72</v>
      </c>
      <c r="O20880" s="5" t="s">
        <v>38</v>
      </c>
      <c r="P20880" s="5" t="s">
        <v>39</v>
      </c>
      <c r="Q20880" s="5" t="s">
        <v>40</v>
      </c>
      <c r="R20880" s="5" t="s">
        <v>73</v>
      </c>
      <c r="S20880" s="5" t="s">
        <v>40</v>
      </c>
      <c r="T20880" s="5" t="s">
        <v>42</v>
      </c>
      <c r="U20880" s="2">
        <v>50.345999999999997</v>
      </c>
      <c r="V20880" s="2">
        <v>26.436</v>
      </c>
      <c r="W20880" s="2">
        <v>0.27100000000000002</v>
      </c>
      <c r="X20880" s="2">
        <v>216.1</v>
      </c>
      <c r="Y20880" s="2">
        <v>56.4</v>
      </c>
      <c r="Z20880" s="2">
        <v>22.2</v>
      </c>
      <c r="AA20880" s="5">
        <v>38</v>
      </c>
      <c r="AB20880" s="5" t="s">
        <v>43</v>
      </c>
      <c r="AC20880" s="5" t="s">
        <v>44</v>
      </c>
      <c r="AD20880" s="2" t="s">
        <v>67441</v>
      </c>
      <c r="AE20880" s="1"/>
    </row>
    <row r="20881" spans="1:31" ht="14.45">
      <c r="A20881" s="11"/>
      <c r="B20881" s="20"/>
      <c r="C20881" s="2" t="s">
        <v>67442</v>
      </c>
      <c r="D20881" s="14" t="s">
        <v>67443</v>
      </c>
      <c r="E20881" s="2" t="s">
        <v>67444</v>
      </c>
      <c r="F20881" s="2" t="s">
        <v>67348</v>
      </c>
      <c r="G20881" s="8">
        <v>250</v>
      </c>
      <c r="H20881" s="5">
        <v>5</v>
      </c>
      <c r="I20881" s="5" t="s">
        <v>69</v>
      </c>
      <c r="J20881" s="5" t="s">
        <v>67349</v>
      </c>
      <c r="K20881" s="2" t="s">
        <v>67350</v>
      </c>
      <c r="L20881" s="5" t="s">
        <v>67349</v>
      </c>
      <c r="M20881" s="2" t="s">
        <v>67350</v>
      </c>
      <c r="N20881" s="5" t="s">
        <v>72</v>
      </c>
      <c r="O20881" s="5" t="s">
        <v>38</v>
      </c>
      <c r="P20881" s="5" t="s">
        <v>39</v>
      </c>
      <c r="Q20881" s="5" t="s">
        <v>40</v>
      </c>
      <c r="R20881" s="5" t="s">
        <v>73</v>
      </c>
      <c r="S20881" s="5" t="s">
        <v>40</v>
      </c>
      <c r="T20881" s="5" t="s">
        <v>42</v>
      </c>
      <c r="U20881" s="2">
        <v>15.345000000000001</v>
      </c>
      <c r="V20881" s="2">
        <v>13.622999999999999</v>
      </c>
      <c r="W20881" s="2">
        <v>5.6000000000000001E-2</v>
      </c>
      <c r="X20881" s="2">
        <v>193.5</v>
      </c>
      <c r="Y20881" s="2">
        <v>56.4</v>
      </c>
      <c r="Z20881" s="2">
        <v>5.0999999999999996</v>
      </c>
      <c r="AA20881" s="5">
        <v>38</v>
      </c>
      <c r="AB20881" s="5" t="s">
        <v>43</v>
      </c>
      <c r="AC20881" s="5" t="s">
        <v>44</v>
      </c>
      <c r="AD20881" s="2" t="s">
        <v>67418</v>
      </c>
      <c r="AE20881" s="1"/>
    </row>
    <row r="20882" spans="1:31" ht="14.45">
      <c r="A20882" s="11"/>
      <c r="B20882" s="20"/>
      <c r="C20882" s="2" t="s">
        <v>67445</v>
      </c>
      <c r="D20882" s="14" t="s">
        <v>67446</v>
      </c>
      <c r="E20882" s="2" t="s">
        <v>67447</v>
      </c>
      <c r="F20882" s="2" t="s">
        <v>67348</v>
      </c>
      <c r="G20882" s="8">
        <v>266</v>
      </c>
      <c r="H20882" s="5">
        <v>5</v>
      </c>
      <c r="I20882" s="5" t="s">
        <v>69</v>
      </c>
      <c r="J20882" s="5" t="s">
        <v>67349</v>
      </c>
      <c r="K20882" s="2" t="s">
        <v>67350</v>
      </c>
      <c r="L20882" s="5" t="s">
        <v>67349</v>
      </c>
      <c r="M20882" s="2" t="s">
        <v>67350</v>
      </c>
      <c r="N20882" s="5" t="s">
        <v>72</v>
      </c>
      <c r="O20882" s="5" t="s">
        <v>38</v>
      </c>
      <c r="P20882" s="5" t="s">
        <v>39</v>
      </c>
      <c r="Q20882" s="5" t="s">
        <v>40</v>
      </c>
      <c r="R20882" s="5" t="s">
        <v>73</v>
      </c>
      <c r="S20882" s="5" t="s">
        <v>40</v>
      </c>
      <c r="T20882" s="5" t="s">
        <v>42</v>
      </c>
      <c r="U20882" s="2">
        <v>16.53</v>
      </c>
      <c r="V20882" s="2">
        <v>14.673999999999999</v>
      </c>
      <c r="W20882" s="2">
        <v>6.2E-2</v>
      </c>
      <c r="X20882" s="2">
        <v>215.5</v>
      </c>
      <c r="Y20882" s="2">
        <v>56.4</v>
      </c>
      <c r="Z20882" s="2">
        <v>5.0999999999999996</v>
      </c>
      <c r="AA20882" s="5">
        <v>38</v>
      </c>
      <c r="AB20882" s="5" t="s">
        <v>43</v>
      </c>
      <c r="AC20882" s="5" t="s">
        <v>44</v>
      </c>
      <c r="AD20882" s="2" t="s">
        <v>67418</v>
      </c>
      <c r="AE20882" s="1"/>
    </row>
    <row r="20883" spans="1:31" ht="14.45">
      <c r="A20883" s="11"/>
      <c r="B20883" s="20"/>
      <c r="C20883" s="2" t="s">
        <v>67448</v>
      </c>
      <c r="D20883" s="14" t="s">
        <v>67449</v>
      </c>
      <c r="E20883" s="2" t="s">
        <v>67450</v>
      </c>
      <c r="F20883" s="2" t="s">
        <v>67348</v>
      </c>
      <c r="G20883" s="8">
        <v>273</v>
      </c>
      <c r="H20883" s="5">
        <v>5</v>
      </c>
      <c r="I20883" s="5" t="s">
        <v>69</v>
      </c>
      <c r="J20883" s="5" t="s">
        <v>67349</v>
      </c>
      <c r="K20883" s="2" t="s">
        <v>67350</v>
      </c>
      <c r="L20883" s="5" t="s">
        <v>67349</v>
      </c>
      <c r="M20883" s="2" t="s">
        <v>67350</v>
      </c>
      <c r="N20883" s="5" t="s">
        <v>72</v>
      </c>
      <c r="O20883" s="5" t="s">
        <v>38</v>
      </c>
      <c r="P20883" s="5" t="s">
        <v>39</v>
      </c>
      <c r="Q20883" s="5" t="s">
        <v>40</v>
      </c>
      <c r="R20883" s="5" t="s">
        <v>73</v>
      </c>
      <c r="S20883" s="5" t="s">
        <v>40</v>
      </c>
      <c r="T20883" s="5" t="s">
        <v>42</v>
      </c>
      <c r="U20883" s="2">
        <v>17.581</v>
      </c>
      <c r="V20883" s="2">
        <v>15.602</v>
      </c>
      <c r="W20883" s="2">
        <v>6.8000000000000005E-2</v>
      </c>
      <c r="X20883" s="2">
        <v>235.7</v>
      </c>
      <c r="Y20883" s="2">
        <v>56.4</v>
      </c>
      <c r="Z20883" s="2">
        <v>5.0999999999999996</v>
      </c>
      <c r="AA20883" s="5">
        <v>38</v>
      </c>
      <c r="AB20883" s="5" t="s">
        <v>43</v>
      </c>
      <c r="AC20883" s="5" t="s">
        <v>44</v>
      </c>
      <c r="AD20883" s="2" t="s">
        <v>67418</v>
      </c>
      <c r="AE20883" s="1"/>
    </row>
    <row r="20884" spans="1:31" ht="14.45">
      <c r="A20884" s="11"/>
      <c r="B20884" s="20"/>
      <c r="C20884" s="2" t="s">
        <v>67451</v>
      </c>
      <c r="D20884" s="14" t="s">
        <v>67452</v>
      </c>
      <c r="E20884" s="2" t="s">
        <v>67453</v>
      </c>
      <c r="F20884" s="2" t="s">
        <v>67440</v>
      </c>
      <c r="G20884" s="8">
        <v>1390</v>
      </c>
      <c r="H20884" s="5">
        <v>15</v>
      </c>
      <c r="I20884" s="5" t="s">
        <v>69</v>
      </c>
      <c r="J20884" s="5" t="s">
        <v>67349</v>
      </c>
      <c r="K20884" s="2" t="s">
        <v>67350</v>
      </c>
      <c r="L20884" s="5" t="s">
        <v>67349</v>
      </c>
      <c r="M20884" s="2" t="s">
        <v>67350</v>
      </c>
      <c r="N20884" s="5" t="s">
        <v>67387</v>
      </c>
      <c r="O20884" s="5" t="s">
        <v>38</v>
      </c>
      <c r="P20884" s="5" t="s">
        <v>39</v>
      </c>
      <c r="Q20884" s="5" t="s">
        <v>40</v>
      </c>
      <c r="R20884" s="5" t="s">
        <v>73</v>
      </c>
      <c r="S20884" s="5" t="s">
        <v>40</v>
      </c>
      <c r="T20884" s="5" t="s">
        <v>42</v>
      </c>
      <c r="U20884" s="2">
        <v>53.554000000000002</v>
      </c>
      <c r="V20884" s="2">
        <v>29.427</v>
      </c>
      <c r="W20884" s="2">
        <v>0.28299999999999997</v>
      </c>
      <c r="X20884" s="2">
        <v>226.1</v>
      </c>
      <c r="Y20884" s="2">
        <v>56.4</v>
      </c>
      <c r="Z20884" s="2">
        <v>22.2</v>
      </c>
      <c r="AA20884" s="5">
        <v>38</v>
      </c>
      <c r="AB20884" s="5" t="s">
        <v>43</v>
      </c>
      <c r="AC20884" s="5" t="s">
        <v>44</v>
      </c>
      <c r="AD20884" s="2" t="s">
        <v>67441</v>
      </c>
      <c r="AE20884" s="1"/>
    </row>
    <row r="20885" spans="1:31" ht="14.45">
      <c r="A20885" s="11"/>
      <c r="B20885" s="20"/>
      <c r="C20885" s="2" t="s">
        <v>67454</v>
      </c>
      <c r="D20885" s="14" t="s">
        <v>67455</v>
      </c>
      <c r="E20885" s="2" t="s">
        <v>67456</v>
      </c>
      <c r="F20885" s="2" t="s">
        <v>67457</v>
      </c>
      <c r="G20885" s="8">
        <v>288</v>
      </c>
      <c r="H20885" s="5">
        <v>5</v>
      </c>
      <c r="I20885" s="5" t="s">
        <v>69</v>
      </c>
      <c r="J20885" s="5" t="s">
        <v>67349</v>
      </c>
      <c r="K20885" s="2" t="s">
        <v>67350</v>
      </c>
      <c r="L20885" s="5" t="s">
        <v>67349</v>
      </c>
      <c r="M20885" s="2" t="s">
        <v>67350</v>
      </c>
      <c r="N20885" s="5" t="s">
        <v>72</v>
      </c>
      <c r="O20885" s="5" t="s">
        <v>38</v>
      </c>
      <c r="P20885" s="5" t="s">
        <v>39</v>
      </c>
      <c r="Q20885" s="5" t="s">
        <v>40</v>
      </c>
      <c r="R20885" s="5" t="s">
        <v>73</v>
      </c>
      <c r="S20885" s="5" t="s">
        <v>40</v>
      </c>
      <c r="T20885" s="5" t="s">
        <v>42</v>
      </c>
      <c r="U20885" s="2">
        <v>18.655999999999999</v>
      </c>
      <c r="V20885" s="2">
        <v>16.558</v>
      </c>
      <c r="W20885" s="2">
        <v>7.3999999999999996E-2</v>
      </c>
      <c r="X20885" s="2">
        <v>255.7</v>
      </c>
      <c r="Y20885" s="2">
        <v>56.4</v>
      </c>
      <c r="Z20885" s="2">
        <v>5.0999999999999996</v>
      </c>
      <c r="AA20885" s="5">
        <v>38</v>
      </c>
      <c r="AB20885" s="5" t="s">
        <v>43</v>
      </c>
      <c r="AC20885" s="5" t="s">
        <v>44</v>
      </c>
      <c r="AD20885" s="2" t="s">
        <v>67418</v>
      </c>
      <c r="AE20885" s="1"/>
    </row>
    <row r="20886" spans="1:31" ht="14.45">
      <c r="A20886" s="11"/>
      <c r="B20886" s="20"/>
      <c r="C20886" s="2" t="s">
        <v>67458</v>
      </c>
      <c r="D20886" s="14" t="s">
        <v>67459</v>
      </c>
      <c r="E20886" s="2" t="s">
        <v>67460</v>
      </c>
      <c r="F20886" s="2" t="s">
        <v>67440</v>
      </c>
      <c r="G20886" s="8">
        <v>1466</v>
      </c>
      <c r="H20886" s="5">
        <v>15</v>
      </c>
      <c r="I20886" s="5" t="s">
        <v>69</v>
      </c>
      <c r="J20886" s="5" t="s">
        <v>67349</v>
      </c>
      <c r="K20886" s="2" t="s">
        <v>67350</v>
      </c>
      <c r="L20886" s="5" t="s">
        <v>67349</v>
      </c>
      <c r="M20886" s="2" t="s">
        <v>67350</v>
      </c>
      <c r="N20886" s="5" t="s">
        <v>67387</v>
      </c>
      <c r="O20886" s="5" t="s">
        <v>38</v>
      </c>
      <c r="P20886" s="5" t="s">
        <v>39</v>
      </c>
      <c r="Q20886" s="5" t="s">
        <v>40</v>
      </c>
      <c r="R20886" s="5" t="s">
        <v>73</v>
      </c>
      <c r="S20886" s="5" t="s">
        <v>40</v>
      </c>
      <c r="T20886" s="5" t="s">
        <v>42</v>
      </c>
      <c r="U20886" s="2">
        <v>54.588000000000001</v>
      </c>
      <c r="V20886" s="2">
        <v>30.391999999999999</v>
      </c>
      <c r="W20886" s="2">
        <v>0.308</v>
      </c>
      <c r="X20886" s="2">
        <v>246.1</v>
      </c>
      <c r="Y20886" s="2">
        <v>56.4</v>
      </c>
      <c r="Z20886" s="2">
        <v>22.2</v>
      </c>
      <c r="AA20886" s="5">
        <v>38</v>
      </c>
      <c r="AB20886" s="5" t="s">
        <v>43</v>
      </c>
      <c r="AC20886" s="5" t="s">
        <v>44</v>
      </c>
      <c r="AD20886" s="2" t="s">
        <v>67441</v>
      </c>
      <c r="AE20886" s="1"/>
    </row>
    <row r="20887" spans="1:31" ht="14.45">
      <c r="A20887" s="11"/>
      <c r="B20887" s="20"/>
      <c r="C20887" s="2" t="s">
        <v>67461</v>
      </c>
      <c r="D20887" s="14" t="s">
        <v>67462</v>
      </c>
      <c r="E20887" s="2" t="s">
        <v>67463</v>
      </c>
      <c r="F20887" s="2" t="s">
        <v>67348</v>
      </c>
      <c r="G20887" s="8">
        <v>266</v>
      </c>
      <c r="H20887" s="5">
        <v>5</v>
      </c>
      <c r="I20887" s="5" t="s">
        <v>69</v>
      </c>
      <c r="J20887" s="5" t="s">
        <v>67349</v>
      </c>
      <c r="K20887" s="2" t="s">
        <v>67350</v>
      </c>
      <c r="L20887" s="5" t="s">
        <v>67349</v>
      </c>
      <c r="M20887" s="2" t="s">
        <v>67350</v>
      </c>
      <c r="N20887" s="5" t="s">
        <v>72</v>
      </c>
      <c r="O20887" s="5" t="s">
        <v>38</v>
      </c>
      <c r="P20887" s="5" t="s">
        <v>39</v>
      </c>
      <c r="Q20887" s="5" t="s">
        <v>40</v>
      </c>
      <c r="R20887" s="5" t="s">
        <v>73</v>
      </c>
      <c r="S20887" s="5" t="s">
        <v>40</v>
      </c>
      <c r="T20887" s="5" t="s">
        <v>42</v>
      </c>
      <c r="U20887" s="2">
        <v>16.428000000000001</v>
      </c>
      <c r="V20887" s="2">
        <v>14.706</v>
      </c>
      <c r="W20887" s="2">
        <v>5.6000000000000001E-2</v>
      </c>
      <c r="X20887" s="2">
        <v>193.5</v>
      </c>
      <c r="Y20887" s="2">
        <v>56.4</v>
      </c>
      <c r="Z20887" s="2">
        <v>5.0999999999999996</v>
      </c>
      <c r="AA20887" s="5">
        <v>38</v>
      </c>
      <c r="AB20887" s="5" t="s">
        <v>43</v>
      </c>
      <c r="AC20887" s="5" t="s">
        <v>44</v>
      </c>
      <c r="AD20887" s="2" t="s">
        <v>67418</v>
      </c>
      <c r="AE20887" s="1"/>
    </row>
    <row r="20888" spans="1:31" ht="14.45">
      <c r="A20888" s="11"/>
      <c r="B20888" s="20"/>
      <c r="C20888" s="2" t="s">
        <v>67464</v>
      </c>
      <c r="D20888" s="14" t="s">
        <v>67465</v>
      </c>
      <c r="E20888" s="2" t="s">
        <v>67466</v>
      </c>
      <c r="F20888" s="2" t="s">
        <v>67348</v>
      </c>
      <c r="G20888" s="8">
        <v>273</v>
      </c>
      <c r="H20888" s="5">
        <v>5</v>
      </c>
      <c r="I20888" s="5" t="s">
        <v>69</v>
      </c>
      <c r="J20888" s="5" t="s">
        <v>67349</v>
      </c>
      <c r="K20888" s="2" t="s">
        <v>67350</v>
      </c>
      <c r="L20888" s="5" t="s">
        <v>67349</v>
      </c>
      <c r="M20888" s="2" t="s">
        <v>67350</v>
      </c>
      <c r="N20888" s="5" t="s">
        <v>72</v>
      </c>
      <c r="O20888" s="5" t="s">
        <v>38</v>
      </c>
      <c r="P20888" s="5" t="s">
        <v>39</v>
      </c>
      <c r="Q20888" s="5" t="s">
        <v>40</v>
      </c>
      <c r="R20888" s="5" t="s">
        <v>73</v>
      </c>
      <c r="S20888" s="5" t="s">
        <v>40</v>
      </c>
      <c r="T20888" s="5" t="s">
        <v>42</v>
      </c>
      <c r="U20888" s="2">
        <v>17.576000000000001</v>
      </c>
      <c r="V20888" s="2">
        <v>15.72</v>
      </c>
      <c r="W20888" s="2">
        <v>6.2E-2</v>
      </c>
      <c r="X20888" s="2">
        <v>215.5</v>
      </c>
      <c r="Y20888" s="2">
        <v>56.4</v>
      </c>
      <c r="Z20888" s="2">
        <v>5.0999999999999996</v>
      </c>
      <c r="AA20888" s="5">
        <v>38</v>
      </c>
      <c r="AB20888" s="5" t="s">
        <v>43</v>
      </c>
      <c r="AC20888" s="5" t="s">
        <v>44</v>
      </c>
      <c r="AD20888" s="2" t="s">
        <v>67418</v>
      </c>
      <c r="AE20888" s="1"/>
    </row>
    <row r="20889" spans="1:31" ht="14.45">
      <c r="A20889" s="11"/>
      <c r="B20889" s="20"/>
      <c r="C20889" s="2" t="s">
        <v>67467</v>
      </c>
      <c r="D20889" s="14" t="s">
        <v>67468</v>
      </c>
      <c r="E20889" s="2" t="s">
        <v>67469</v>
      </c>
      <c r="F20889" s="2" t="s">
        <v>67348</v>
      </c>
      <c r="G20889" s="8">
        <v>285</v>
      </c>
      <c r="H20889" s="5">
        <v>5</v>
      </c>
      <c r="I20889" s="5" t="s">
        <v>69</v>
      </c>
      <c r="J20889" s="5" t="s">
        <v>67349</v>
      </c>
      <c r="K20889" s="2" t="s">
        <v>67350</v>
      </c>
      <c r="L20889" s="5" t="s">
        <v>67349</v>
      </c>
      <c r="M20889" s="2" t="s">
        <v>67350</v>
      </c>
      <c r="N20889" s="5" t="s">
        <v>72</v>
      </c>
      <c r="O20889" s="5" t="s">
        <v>38</v>
      </c>
      <c r="P20889" s="5" t="s">
        <v>39</v>
      </c>
      <c r="Q20889" s="5" t="s">
        <v>40</v>
      </c>
      <c r="R20889" s="5" t="s">
        <v>73</v>
      </c>
      <c r="S20889" s="5" t="s">
        <v>40</v>
      </c>
      <c r="T20889" s="5" t="s">
        <v>42</v>
      </c>
      <c r="U20889" s="2">
        <v>18.638999999999999</v>
      </c>
      <c r="V20889" s="2">
        <v>16.663</v>
      </c>
      <c r="W20889" s="2">
        <v>6.8000000000000005E-2</v>
      </c>
      <c r="X20889" s="2">
        <v>235.7</v>
      </c>
      <c r="Y20889" s="2">
        <v>56.4</v>
      </c>
      <c r="Z20889" s="2">
        <v>5.0999999999999996</v>
      </c>
      <c r="AA20889" s="5">
        <v>38</v>
      </c>
      <c r="AB20889" s="5" t="s">
        <v>43</v>
      </c>
      <c r="AC20889" s="5" t="s">
        <v>44</v>
      </c>
      <c r="AD20889" s="2" t="s">
        <v>67418</v>
      </c>
      <c r="AE20889" s="1"/>
    </row>
    <row r="20890" spans="1:31" ht="14.45">
      <c r="A20890" s="11"/>
      <c r="B20890" s="20"/>
      <c r="C20890" s="2" t="s">
        <v>67470</v>
      </c>
      <c r="D20890" s="14" t="s">
        <v>67471</v>
      </c>
      <c r="E20890" s="2" t="s">
        <v>67472</v>
      </c>
      <c r="F20890" s="2" t="s">
        <v>67348</v>
      </c>
      <c r="G20890" s="8">
        <v>280</v>
      </c>
      <c r="H20890" s="5">
        <v>5</v>
      </c>
      <c r="I20890" s="5" t="s">
        <v>69</v>
      </c>
      <c r="J20890" s="5" t="s">
        <v>67349</v>
      </c>
      <c r="K20890" s="2" t="s">
        <v>67350</v>
      </c>
      <c r="L20890" s="5" t="s">
        <v>67349</v>
      </c>
      <c r="M20890" s="2" t="s">
        <v>67350</v>
      </c>
      <c r="N20890" s="5" t="s">
        <v>72</v>
      </c>
      <c r="O20890" s="5" t="s">
        <v>38</v>
      </c>
      <c r="P20890" s="5" t="s">
        <v>39</v>
      </c>
      <c r="Q20890" s="5" t="s">
        <v>40</v>
      </c>
      <c r="R20890" s="5" t="s">
        <v>73</v>
      </c>
      <c r="S20890" s="5" t="s">
        <v>40</v>
      </c>
      <c r="T20890" s="5" t="s">
        <v>42</v>
      </c>
      <c r="U20890" s="2">
        <v>17.690000000000001</v>
      </c>
      <c r="V20890" s="2">
        <v>15.97</v>
      </c>
      <c r="W20890" s="2">
        <v>5.6000000000000001E-2</v>
      </c>
      <c r="X20890" s="2">
        <v>193.5</v>
      </c>
      <c r="Y20890" s="2">
        <v>56.4</v>
      </c>
      <c r="Z20890" s="2">
        <v>5.0999999999999996</v>
      </c>
      <c r="AA20890" s="5">
        <v>38</v>
      </c>
      <c r="AB20890" s="5" t="s">
        <v>43</v>
      </c>
      <c r="AC20890" s="5" t="s">
        <v>44</v>
      </c>
      <c r="AD20890" s="2" t="s">
        <v>67418</v>
      </c>
      <c r="AE20890" s="1"/>
    </row>
    <row r="20891" spans="1:31" ht="14.45">
      <c r="A20891" s="11"/>
      <c r="B20891" s="20"/>
      <c r="C20891" s="2" t="s">
        <v>67473</v>
      </c>
      <c r="D20891" s="14" t="s">
        <v>67474</v>
      </c>
      <c r="E20891" s="2" t="s">
        <v>67475</v>
      </c>
      <c r="F20891" s="2" t="s">
        <v>67440</v>
      </c>
      <c r="G20891" s="8">
        <v>1428</v>
      </c>
      <c r="H20891" s="5">
        <v>15</v>
      </c>
      <c r="I20891" s="5" t="s">
        <v>69</v>
      </c>
      <c r="J20891" s="5" t="s">
        <v>67349</v>
      </c>
      <c r="K20891" s="2" t="s">
        <v>67350</v>
      </c>
      <c r="L20891" s="5" t="s">
        <v>67349</v>
      </c>
      <c r="M20891" s="2" t="s">
        <v>67350</v>
      </c>
      <c r="N20891" s="5" t="s">
        <v>72</v>
      </c>
      <c r="O20891" s="5" t="s">
        <v>38</v>
      </c>
      <c r="P20891" s="5" t="s">
        <v>39</v>
      </c>
      <c r="Q20891" s="5" t="s">
        <v>40</v>
      </c>
      <c r="R20891" s="5" t="s">
        <v>73</v>
      </c>
      <c r="S20891" s="5" t="s">
        <v>40</v>
      </c>
      <c r="T20891" s="5" t="s">
        <v>42</v>
      </c>
      <c r="U20891" s="2">
        <v>58.874000000000002</v>
      </c>
      <c r="V20891" s="2">
        <v>32.052</v>
      </c>
      <c r="W20891" s="2">
        <v>0.36099999999999999</v>
      </c>
      <c r="X20891" s="2">
        <v>288.10000000000002</v>
      </c>
      <c r="Y20891" s="2">
        <v>56.4</v>
      </c>
      <c r="Z20891" s="2">
        <v>22.2</v>
      </c>
      <c r="AA20891" s="5">
        <v>38</v>
      </c>
      <c r="AB20891" s="5" t="s">
        <v>43</v>
      </c>
      <c r="AC20891" s="5" t="s">
        <v>44</v>
      </c>
      <c r="AD20891" s="2" t="s">
        <v>67441</v>
      </c>
      <c r="AE20891" s="1"/>
    </row>
    <row r="20892" spans="1:31" ht="14.45">
      <c r="A20892" s="11"/>
      <c r="B20892" s="20"/>
      <c r="C20892" s="2" t="s">
        <v>67476</v>
      </c>
      <c r="D20892" s="14" t="s">
        <v>67477</v>
      </c>
      <c r="E20892" s="2" t="s">
        <v>67478</v>
      </c>
      <c r="F20892" s="2" t="s">
        <v>67348</v>
      </c>
      <c r="G20892" s="8">
        <v>288</v>
      </c>
      <c r="H20892" s="5">
        <v>5</v>
      </c>
      <c r="I20892" s="5" t="s">
        <v>69</v>
      </c>
      <c r="J20892" s="5" t="s">
        <v>67349</v>
      </c>
      <c r="K20892" s="2" t="s">
        <v>67350</v>
      </c>
      <c r="L20892" s="5" t="s">
        <v>67349</v>
      </c>
      <c r="M20892" s="2" t="s">
        <v>67350</v>
      </c>
      <c r="N20892" s="5" t="s">
        <v>72</v>
      </c>
      <c r="O20892" s="5" t="s">
        <v>38</v>
      </c>
      <c r="P20892" s="5" t="s">
        <v>39</v>
      </c>
      <c r="Q20892" s="5" t="s">
        <v>40</v>
      </c>
      <c r="R20892" s="5" t="s">
        <v>73</v>
      </c>
      <c r="S20892" s="5" t="s">
        <v>40</v>
      </c>
      <c r="T20892" s="5" t="s">
        <v>42</v>
      </c>
      <c r="U20892" s="2">
        <v>18.864999999999998</v>
      </c>
      <c r="V20892" s="2">
        <v>17.012</v>
      </c>
      <c r="W20892" s="2">
        <v>6.2E-2</v>
      </c>
      <c r="X20892" s="2">
        <v>215.5</v>
      </c>
      <c r="Y20892" s="2">
        <v>56.4</v>
      </c>
      <c r="Z20892" s="2">
        <v>5.0999999999999996</v>
      </c>
      <c r="AA20892" s="5">
        <v>38</v>
      </c>
      <c r="AB20892" s="5" t="s">
        <v>43</v>
      </c>
      <c r="AC20892" s="5" t="s">
        <v>44</v>
      </c>
      <c r="AD20892" s="2" t="s">
        <v>67418</v>
      </c>
      <c r="AE20892" s="1"/>
    </row>
    <row r="20893" spans="1:31" ht="14.45">
      <c r="A20893" s="11"/>
      <c r="B20893" s="20"/>
      <c r="C20893" s="2" t="s">
        <v>67479</v>
      </c>
      <c r="D20893" s="14" t="s">
        <v>67480</v>
      </c>
      <c r="E20893" s="2" t="s">
        <v>67481</v>
      </c>
      <c r="F20893" s="2" t="s">
        <v>67440</v>
      </c>
      <c r="G20893" s="8">
        <v>1466</v>
      </c>
      <c r="H20893" s="5">
        <v>15</v>
      </c>
      <c r="I20893" s="5" t="s">
        <v>69</v>
      </c>
      <c r="J20893" s="5" t="s">
        <v>67349</v>
      </c>
      <c r="K20893" s="2" t="s">
        <v>67350</v>
      </c>
      <c r="L20893" s="5" t="s">
        <v>67349</v>
      </c>
      <c r="M20893" s="2" t="s">
        <v>67350</v>
      </c>
      <c r="N20893" s="5" t="s">
        <v>72</v>
      </c>
      <c r="O20893" s="5" t="s">
        <v>38</v>
      </c>
      <c r="P20893" s="5" t="s">
        <v>39</v>
      </c>
      <c r="Q20893" s="5" t="s">
        <v>40</v>
      </c>
      <c r="R20893" s="5" t="s">
        <v>73</v>
      </c>
      <c r="S20893" s="5" t="s">
        <v>40</v>
      </c>
      <c r="T20893" s="5" t="s">
        <v>42</v>
      </c>
      <c r="U20893" s="2">
        <v>60.011000000000003</v>
      </c>
      <c r="V20893" s="2">
        <v>33.112000000000002</v>
      </c>
      <c r="W20893" s="2">
        <v>0.36099999999999999</v>
      </c>
      <c r="X20893" s="2">
        <v>288.10000000000002</v>
      </c>
      <c r="Y20893" s="2">
        <v>56.4</v>
      </c>
      <c r="Z20893" s="2">
        <v>22.2</v>
      </c>
      <c r="AA20893" s="5">
        <v>38</v>
      </c>
      <c r="AB20893" s="5" t="s">
        <v>43</v>
      </c>
      <c r="AC20893" s="5" t="s">
        <v>44</v>
      </c>
      <c r="AD20893" s="2" t="s">
        <v>67441</v>
      </c>
      <c r="AE20893" s="1"/>
    </row>
    <row r="20894" spans="1:31" ht="14.45">
      <c r="A20894" s="11"/>
      <c r="B20894" s="20"/>
      <c r="C20894" s="2" t="s">
        <v>67482</v>
      </c>
      <c r="D20894" s="14" t="s">
        <v>67483</v>
      </c>
      <c r="E20894" s="2" t="s">
        <v>67484</v>
      </c>
      <c r="F20894" s="2" t="s">
        <v>67348</v>
      </c>
      <c r="G20894" s="8">
        <v>305</v>
      </c>
      <c r="H20894" s="5">
        <v>5</v>
      </c>
      <c r="I20894" s="5" t="s">
        <v>69</v>
      </c>
      <c r="J20894" s="5" t="s">
        <v>67349</v>
      </c>
      <c r="K20894" s="2" t="s">
        <v>67350</v>
      </c>
      <c r="L20894" s="5" t="s">
        <v>67349</v>
      </c>
      <c r="M20894" s="2" t="s">
        <v>67350</v>
      </c>
      <c r="N20894" s="5" t="s">
        <v>72</v>
      </c>
      <c r="O20894" s="5" t="s">
        <v>38</v>
      </c>
      <c r="P20894" s="5" t="s">
        <v>39</v>
      </c>
      <c r="Q20894" s="5" t="s">
        <v>40</v>
      </c>
      <c r="R20894" s="5" t="s">
        <v>73</v>
      </c>
      <c r="S20894" s="5" t="s">
        <v>40</v>
      </c>
      <c r="T20894" s="5" t="s">
        <v>42</v>
      </c>
      <c r="U20894" s="2">
        <v>19.931000000000001</v>
      </c>
      <c r="V20894" s="2">
        <v>17.952999999999999</v>
      </c>
      <c r="W20894" s="2">
        <v>6.8000000000000005E-2</v>
      </c>
      <c r="X20894" s="2">
        <v>235.7</v>
      </c>
      <c r="Y20894" s="2">
        <v>56.4</v>
      </c>
      <c r="Z20894" s="2">
        <v>5.0999999999999996</v>
      </c>
      <c r="AA20894" s="5">
        <v>38</v>
      </c>
      <c r="AB20894" s="5" t="s">
        <v>43</v>
      </c>
      <c r="AC20894" s="5" t="s">
        <v>44</v>
      </c>
      <c r="AD20894" s="2" t="s">
        <v>67418</v>
      </c>
      <c r="AE20894" s="1"/>
    </row>
    <row r="20895" spans="1:31" ht="14.45">
      <c r="A20895" s="11"/>
      <c r="B20895" s="20"/>
      <c r="C20895" s="2" t="s">
        <v>67485</v>
      </c>
      <c r="D20895" s="14" t="s">
        <v>67486</v>
      </c>
      <c r="E20895" s="2" t="s">
        <v>67487</v>
      </c>
      <c r="F20895" s="2" t="s">
        <v>67348</v>
      </c>
      <c r="G20895" s="8">
        <v>280</v>
      </c>
      <c r="H20895" s="5">
        <v>5</v>
      </c>
      <c r="I20895" s="5" t="s">
        <v>69</v>
      </c>
      <c r="J20895" s="5" t="s">
        <v>67349</v>
      </c>
      <c r="K20895" s="2" t="s">
        <v>67350</v>
      </c>
      <c r="L20895" s="5" t="s">
        <v>67349</v>
      </c>
      <c r="M20895" s="2" t="s">
        <v>67350</v>
      </c>
      <c r="N20895" s="5" t="s">
        <v>72</v>
      </c>
      <c r="O20895" s="5" t="s">
        <v>38</v>
      </c>
      <c r="P20895" s="5" t="s">
        <v>39</v>
      </c>
      <c r="Q20895" s="5" t="s">
        <v>40</v>
      </c>
      <c r="R20895" s="5" t="s">
        <v>73</v>
      </c>
      <c r="S20895" s="5" t="s">
        <v>40</v>
      </c>
      <c r="T20895" s="5" t="s">
        <v>42</v>
      </c>
      <c r="U20895" s="2">
        <v>18.145</v>
      </c>
      <c r="V20895" s="2">
        <v>16.417999999999999</v>
      </c>
      <c r="W20895" s="2">
        <v>5.6000000000000001E-2</v>
      </c>
      <c r="X20895" s="2">
        <v>193.5</v>
      </c>
      <c r="Y20895" s="2">
        <v>56.4</v>
      </c>
      <c r="Z20895" s="2">
        <v>5.0999999999999996</v>
      </c>
      <c r="AA20895" s="5">
        <v>38</v>
      </c>
      <c r="AB20895" s="5" t="s">
        <v>43</v>
      </c>
      <c r="AC20895" s="5" t="s">
        <v>44</v>
      </c>
      <c r="AD20895" s="2" t="s">
        <v>67418</v>
      </c>
      <c r="AE20895" s="1"/>
    </row>
    <row r="20896" spans="1:31" ht="14.45">
      <c r="A20896" s="11"/>
      <c r="B20896" s="20"/>
      <c r="C20896" s="2" t="s">
        <v>67488</v>
      </c>
      <c r="D20896" s="14" t="s">
        <v>67489</v>
      </c>
      <c r="E20896" s="2" t="s">
        <v>67490</v>
      </c>
      <c r="F20896" s="2" t="s">
        <v>67440</v>
      </c>
      <c r="G20896" s="8">
        <v>1428</v>
      </c>
      <c r="H20896" s="5">
        <v>15</v>
      </c>
      <c r="I20896" s="5" t="s">
        <v>69</v>
      </c>
      <c r="J20896" s="5" t="s">
        <v>67349</v>
      </c>
      <c r="K20896" s="2" t="s">
        <v>67350</v>
      </c>
      <c r="L20896" s="5" t="s">
        <v>67349</v>
      </c>
      <c r="M20896" s="2" t="s">
        <v>67350</v>
      </c>
      <c r="N20896" s="5" t="s">
        <v>72</v>
      </c>
      <c r="O20896" s="5" t="s">
        <v>38</v>
      </c>
      <c r="P20896" s="5" t="s">
        <v>39</v>
      </c>
      <c r="Q20896" s="5" t="s">
        <v>40</v>
      </c>
      <c r="R20896" s="5" t="s">
        <v>73</v>
      </c>
      <c r="S20896" s="5" t="s">
        <v>40</v>
      </c>
      <c r="T20896" s="5" t="s">
        <v>42</v>
      </c>
      <c r="U20896" s="2">
        <v>60.667000000000002</v>
      </c>
      <c r="V20896" s="2">
        <v>33.671999999999997</v>
      </c>
      <c r="W20896" s="2">
        <v>0.41099999999999998</v>
      </c>
      <c r="X20896" s="2">
        <v>328.1</v>
      </c>
      <c r="Y20896" s="2">
        <v>56.4</v>
      </c>
      <c r="Z20896" s="2">
        <v>22.2</v>
      </c>
      <c r="AA20896" s="5">
        <v>38</v>
      </c>
      <c r="AB20896" s="5" t="s">
        <v>43</v>
      </c>
      <c r="AC20896" s="5" t="s">
        <v>44</v>
      </c>
      <c r="AD20896" s="2" t="s">
        <v>67441</v>
      </c>
      <c r="AE20896" s="1"/>
    </row>
    <row r="20897" spans="1:31" ht="14.45">
      <c r="A20897" s="11"/>
      <c r="B20897" s="20"/>
      <c r="C20897" s="2" t="s">
        <v>67491</v>
      </c>
      <c r="D20897" s="14" t="s">
        <v>67492</v>
      </c>
      <c r="E20897" s="2" t="s">
        <v>67493</v>
      </c>
      <c r="F20897" s="2" t="s">
        <v>67348</v>
      </c>
      <c r="G20897" s="8">
        <v>305</v>
      </c>
      <c r="H20897" s="5">
        <v>5</v>
      </c>
      <c r="I20897" s="5" t="s">
        <v>69</v>
      </c>
      <c r="J20897" s="5" t="s">
        <v>67349</v>
      </c>
      <c r="K20897" s="2" t="s">
        <v>67350</v>
      </c>
      <c r="L20897" s="5" t="s">
        <v>67349</v>
      </c>
      <c r="M20897" s="2" t="s">
        <v>67350</v>
      </c>
      <c r="N20897" s="5" t="s">
        <v>72</v>
      </c>
      <c r="O20897" s="5" t="s">
        <v>38</v>
      </c>
      <c r="P20897" s="5" t="s">
        <v>39</v>
      </c>
      <c r="Q20897" s="5" t="s">
        <v>40</v>
      </c>
      <c r="R20897" s="5" t="s">
        <v>73</v>
      </c>
      <c r="S20897" s="5" t="s">
        <v>40</v>
      </c>
      <c r="T20897" s="5" t="s">
        <v>42</v>
      </c>
      <c r="U20897" s="2">
        <v>20.233000000000001</v>
      </c>
      <c r="V20897" s="2">
        <v>18.373000000000001</v>
      </c>
      <c r="W20897" s="2">
        <v>6.2E-2</v>
      </c>
      <c r="X20897" s="2">
        <v>215.5</v>
      </c>
      <c r="Y20897" s="2">
        <v>56.4</v>
      </c>
      <c r="Z20897" s="2">
        <v>5.0999999999999996</v>
      </c>
      <c r="AA20897" s="5">
        <v>38</v>
      </c>
      <c r="AB20897" s="5" t="s">
        <v>43</v>
      </c>
      <c r="AC20897" s="5" t="s">
        <v>44</v>
      </c>
      <c r="AD20897" s="2" t="s">
        <v>67418</v>
      </c>
      <c r="AE20897" s="1"/>
    </row>
    <row r="20898" spans="1:31" ht="14.45">
      <c r="A20898" s="11"/>
      <c r="B20898" s="20"/>
      <c r="C20898" s="2" t="s">
        <v>67494</v>
      </c>
      <c r="D20898" s="14" t="s">
        <v>67495</v>
      </c>
      <c r="E20898" s="2" t="s">
        <v>67496</v>
      </c>
      <c r="F20898" s="2" t="s">
        <v>67348</v>
      </c>
      <c r="G20898" s="8">
        <v>315</v>
      </c>
      <c r="H20898" s="5">
        <v>5</v>
      </c>
      <c r="I20898" s="5" t="s">
        <v>69</v>
      </c>
      <c r="J20898" s="5" t="s">
        <v>67349</v>
      </c>
      <c r="K20898" s="2" t="s">
        <v>67350</v>
      </c>
      <c r="L20898" s="5" t="s">
        <v>67349</v>
      </c>
      <c r="M20898" s="2" t="s">
        <v>67350</v>
      </c>
      <c r="N20898" s="5" t="s">
        <v>72</v>
      </c>
      <c r="O20898" s="5" t="s">
        <v>38</v>
      </c>
      <c r="P20898" s="5" t="s">
        <v>39</v>
      </c>
      <c r="Q20898" s="5" t="s">
        <v>40</v>
      </c>
      <c r="R20898" s="5" t="s">
        <v>73</v>
      </c>
      <c r="S20898" s="5" t="s">
        <v>40</v>
      </c>
      <c r="T20898" s="5" t="s">
        <v>42</v>
      </c>
      <c r="U20898" s="2">
        <v>21.298999999999999</v>
      </c>
      <c r="V20898" s="2">
        <v>19.314</v>
      </c>
      <c r="W20898" s="2">
        <v>6.8000000000000005E-2</v>
      </c>
      <c r="X20898" s="2">
        <v>235.7</v>
      </c>
      <c r="Y20898" s="2">
        <v>56.4</v>
      </c>
      <c r="Z20898" s="2">
        <v>5.0999999999999996</v>
      </c>
      <c r="AA20898" s="5">
        <v>38</v>
      </c>
      <c r="AB20898" s="5" t="s">
        <v>43</v>
      </c>
      <c r="AC20898" s="5" t="s">
        <v>44</v>
      </c>
      <c r="AD20898" s="2" t="s">
        <v>67418</v>
      </c>
      <c r="AE20898" s="1"/>
    </row>
    <row r="20899" spans="1:31" ht="14.45">
      <c r="A20899" s="11"/>
      <c r="B20899" s="20"/>
      <c r="C20899" s="2" t="s">
        <v>67497</v>
      </c>
      <c r="D20899" s="14" t="s">
        <v>67498</v>
      </c>
      <c r="E20899" s="2" t="s">
        <v>67499</v>
      </c>
      <c r="F20899" s="2" t="s">
        <v>67348</v>
      </c>
      <c r="G20899" s="8">
        <v>242</v>
      </c>
      <c r="H20899" s="5">
        <v>5</v>
      </c>
      <c r="I20899" s="5" t="s">
        <v>69</v>
      </c>
      <c r="J20899" s="5" t="s">
        <v>67349</v>
      </c>
      <c r="K20899" s="2" t="s">
        <v>67350</v>
      </c>
      <c r="L20899" s="5" t="s">
        <v>67349</v>
      </c>
      <c r="M20899" s="2" t="s">
        <v>67350</v>
      </c>
      <c r="N20899" s="5" t="s">
        <v>72</v>
      </c>
      <c r="O20899" s="5" t="s">
        <v>38</v>
      </c>
      <c r="P20899" s="5" t="s">
        <v>39</v>
      </c>
      <c r="Q20899" s="5" t="s">
        <v>40</v>
      </c>
      <c r="R20899" s="5" t="s">
        <v>73</v>
      </c>
      <c r="S20899" s="5" t="s">
        <v>40</v>
      </c>
      <c r="T20899" s="5" t="s">
        <v>42</v>
      </c>
      <c r="U20899" s="2">
        <v>15.555</v>
      </c>
      <c r="V20899" s="2">
        <v>13.569000000000001</v>
      </c>
      <c r="W20899" s="2">
        <v>6.7000000000000004E-2</v>
      </c>
      <c r="X20899" s="2">
        <v>176.2</v>
      </c>
      <c r="Y20899" s="2">
        <v>74.5</v>
      </c>
      <c r="Z20899" s="2">
        <v>5.0999999999999996</v>
      </c>
      <c r="AA20899" s="5">
        <v>19</v>
      </c>
      <c r="AB20899" s="5" t="s">
        <v>43</v>
      </c>
      <c r="AC20899" s="5" t="s">
        <v>44</v>
      </c>
      <c r="AD20899" s="2" t="s">
        <v>67500</v>
      </c>
      <c r="AE20899" s="1"/>
    </row>
    <row r="20900" spans="1:31" ht="14.45">
      <c r="A20900" s="5" t="s">
        <v>116</v>
      </c>
      <c r="B20900" s="21">
        <v>46054</v>
      </c>
      <c r="C20900" s="2" t="s">
        <v>67501</v>
      </c>
      <c r="D20900" s="14" t="s">
        <v>67502</v>
      </c>
      <c r="E20900" s="2" t="s">
        <v>67503</v>
      </c>
      <c r="F20900" s="2" t="s">
        <v>120</v>
      </c>
      <c r="G20900" s="8">
        <v>1112</v>
      </c>
      <c r="H20900" s="5">
        <v>15</v>
      </c>
      <c r="I20900" s="5" t="s">
        <v>69</v>
      </c>
      <c r="J20900" s="5" t="s">
        <v>67349</v>
      </c>
      <c r="K20900" s="2" t="s">
        <v>67350</v>
      </c>
      <c r="L20900" s="5" t="s">
        <v>67349</v>
      </c>
      <c r="M20900" s="2" t="s">
        <v>67350</v>
      </c>
      <c r="N20900" s="5" t="s">
        <v>72</v>
      </c>
      <c r="O20900" s="5" t="s">
        <v>38</v>
      </c>
      <c r="P20900" s="5" t="s">
        <v>39</v>
      </c>
      <c r="Q20900" s="5" t="s">
        <v>40</v>
      </c>
      <c r="R20900" s="5" t="s">
        <v>73</v>
      </c>
      <c r="S20900" s="5" t="s">
        <v>40</v>
      </c>
      <c r="T20900" s="5" t="s">
        <v>42</v>
      </c>
      <c r="U20900" s="2">
        <v>41.863999999999997</v>
      </c>
      <c r="V20900" s="2">
        <v>18.782</v>
      </c>
      <c r="W20900" s="2">
        <v>0.217</v>
      </c>
      <c r="X20900" s="2">
        <v>169.1</v>
      </c>
      <c r="Y20900" s="2">
        <v>74.5</v>
      </c>
      <c r="Z20900" s="2">
        <v>17.2</v>
      </c>
      <c r="AA20900" s="5">
        <v>19</v>
      </c>
      <c r="AB20900" s="5" t="s">
        <v>43</v>
      </c>
      <c r="AC20900" s="5" t="s">
        <v>44</v>
      </c>
      <c r="AD20900" s="2" t="s">
        <v>67504</v>
      </c>
      <c r="AE20900" s="1"/>
    </row>
    <row r="20901" spans="1:31" ht="14.45">
      <c r="A20901" s="11"/>
      <c r="B20901" s="20"/>
      <c r="C20901" s="2" t="s">
        <v>67505</v>
      </c>
      <c r="D20901" s="14" t="s">
        <v>67506</v>
      </c>
      <c r="E20901" s="2" t="s">
        <v>67507</v>
      </c>
      <c r="F20901" s="2" t="s">
        <v>67508</v>
      </c>
      <c r="G20901" s="8">
        <v>1112</v>
      </c>
      <c r="H20901" s="5">
        <v>15</v>
      </c>
      <c r="I20901" s="5" t="s">
        <v>69</v>
      </c>
      <c r="J20901" s="5" t="s">
        <v>67349</v>
      </c>
      <c r="K20901" s="2" t="s">
        <v>67350</v>
      </c>
      <c r="L20901" s="5" t="s">
        <v>67349</v>
      </c>
      <c r="M20901" s="2" t="s">
        <v>67350</v>
      </c>
      <c r="N20901" s="5" t="s">
        <v>72</v>
      </c>
      <c r="O20901" s="5" t="s">
        <v>38</v>
      </c>
      <c r="P20901" s="5" t="s">
        <v>39</v>
      </c>
      <c r="Q20901" s="5" t="s">
        <v>40</v>
      </c>
      <c r="R20901" s="5" t="s">
        <v>73</v>
      </c>
      <c r="S20901" s="5" t="s">
        <v>40</v>
      </c>
      <c r="T20901" s="5" t="s">
        <v>42</v>
      </c>
      <c r="U20901" s="2">
        <v>42.082999999999998</v>
      </c>
      <c r="V20901" s="2">
        <v>18.937000000000001</v>
      </c>
      <c r="W20901" s="2">
        <v>0.218</v>
      </c>
      <c r="X20901" s="2">
        <v>170.1</v>
      </c>
      <c r="Y20901" s="2">
        <v>74.5</v>
      </c>
      <c r="Z20901" s="2">
        <v>17.2</v>
      </c>
      <c r="AA20901" s="5">
        <v>19</v>
      </c>
      <c r="AB20901" s="5" t="s">
        <v>43</v>
      </c>
      <c r="AC20901" s="5" t="s">
        <v>44</v>
      </c>
      <c r="AD20901" s="2" t="s">
        <v>67504</v>
      </c>
      <c r="AE20901" s="1"/>
    </row>
    <row r="20902" spans="1:31" ht="14.45">
      <c r="A20902" s="5" t="s">
        <v>116</v>
      </c>
      <c r="B20902" s="21">
        <v>46054</v>
      </c>
      <c r="C20902" s="2" t="s">
        <v>67509</v>
      </c>
      <c r="D20902" s="14" t="s">
        <v>67510</v>
      </c>
      <c r="E20902" s="2" t="s">
        <v>67511</v>
      </c>
      <c r="F20902" s="2" t="s">
        <v>67512</v>
      </c>
      <c r="G20902" s="8">
        <v>1136</v>
      </c>
      <c r="H20902" s="5">
        <v>15</v>
      </c>
      <c r="I20902" s="5" t="s">
        <v>69</v>
      </c>
      <c r="J20902" s="5" t="s">
        <v>67349</v>
      </c>
      <c r="K20902" s="2" t="s">
        <v>67350</v>
      </c>
      <c r="L20902" s="5" t="s">
        <v>67349</v>
      </c>
      <c r="M20902" s="2" t="s">
        <v>67350</v>
      </c>
      <c r="N20902" s="5" t="s">
        <v>72</v>
      </c>
      <c r="O20902" s="5" t="s">
        <v>38</v>
      </c>
      <c r="P20902" s="5" t="s">
        <v>39</v>
      </c>
      <c r="Q20902" s="5" t="s">
        <v>40</v>
      </c>
      <c r="R20902" s="5" t="s">
        <v>73</v>
      </c>
      <c r="S20902" s="5" t="s">
        <v>40</v>
      </c>
      <c r="T20902" s="5" t="s">
        <v>42</v>
      </c>
      <c r="U20902" s="2">
        <v>48.128999999999998</v>
      </c>
      <c r="V20902" s="2">
        <v>24.152999999999999</v>
      </c>
      <c r="W20902" s="2">
        <v>0.28000000000000003</v>
      </c>
      <c r="X20902" s="2">
        <v>218.7</v>
      </c>
      <c r="Y20902" s="2">
        <v>74.5</v>
      </c>
      <c r="Z20902" s="2">
        <v>17.2</v>
      </c>
      <c r="AA20902" s="5">
        <v>19</v>
      </c>
      <c r="AB20902" s="5" t="s">
        <v>43</v>
      </c>
      <c r="AC20902" s="5" t="s">
        <v>44</v>
      </c>
      <c r="AD20902" s="2" t="s">
        <v>67513</v>
      </c>
      <c r="AE20902" s="1"/>
    </row>
    <row r="20903" spans="1:31" ht="14.45">
      <c r="A20903" s="11"/>
      <c r="B20903" s="20"/>
      <c r="C20903" s="2" t="s">
        <v>67514</v>
      </c>
      <c r="D20903" s="14" t="s">
        <v>67515</v>
      </c>
      <c r="E20903" s="2" t="s">
        <v>67516</v>
      </c>
      <c r="F20903" s="2"/>
      <c r="G20903" s="8">
        <v>1136</v>
      </c>
      <c r="H20903" s="5">
        <v>15</v>
      </c>
      <c r="I20903" s="5" t="s">
        <v>69</v>
      </c>
      <c r="J20903" s="5" t="s">
        <v>67349</v>
      </c>
      <c r="K20903" s="2" t="s">
        <v>67350</v>
      </c>
      <c r="L20903" s="5" t="s">
        <v>67349</v>
      </c>
      <c r="M20903" s="2" t="s">
        <v>67350</v>
      </c>
      <c r="N20903" s="5" t="s">
        <v>72</v>
      </c>
      <c r="O20903" s="5" t="s">
        <v>38</v>
      </c>
      <c r="P20903" s="5" t="s">
        <v>39</v>
      </c>
      <c r="Q20903" s="5" t="s">
        <v>40</v>
      </c>
      <c r="R20903" s="5" t="s">
        <v>73</v>
      </c>
      <c r="S20903" s="5" t="s">
        <v>40</v>
      </c>
      <c r="T20903" s="5" t="s">
        <v>42</v>
      </c>
      <c r="U20903" s="2">
        <v>49.497999999999998</v>
      </c>
      <c r="V20903" s="2">
        <v>25.393000000000001</v>
      </c>
      <c r="W20903" s="2">
        <v>0.30099999999999999</v>
      </c>
      <c r="X20903" s="2">
        <v>235.1</v>
      </c>
      <c r="Y20903" s="2">
        <v>74.5</v>
      </c>
      <c r="Z20903" s="2">
        <v>17.2</v>
      </c>
      <c r="AA20903" s="5">
        <v>19</v>
      </c>
      <c r="AB20903" s="5" t="s">
        <v>43</v>
      </c>
      <c r="AC20903" s="5" t="s">
        <v>44</v>
      </c>
      <c r="AD20903" s="2" t="s">
        <v>67513</v>
      </c>
      <c r="AE20903" s="1"/>
    </row>
    <row r="20904" spans="1:31" ht="14.45">
      <c r="A20904" s="11"/>
      <c r="B20904" s="20"/>
      <c r="C20904" s="2" t="s">
        <v>67517</v>
      </c>
      <c r="D20904" s="14" t="s">
        <v>67518</v>
      </c>
      <c r="E20904" s="2" t="s">
        <v>67519</v>
      </c>
      <c r="F20904" s="2" t="s">
        <v>67348</v>
      </c>
      <c r="G20904" s="8">
        <v>256</v>
      </c>
      <c r="H20904" s="5">
        <v>5</v>
      </c>
      <c r="I20904" s="5" t="s">
        <v>69</v>
      </c>
      <c r="J20904" s="5" t="s">
        <v>67349</v>
      </c>
      <c r="K20904" s="2" t="s">
        <v>67350</v>
      </c>
      <c r="L20904" s="5" t="s">
        <v>67349</v>
      </c>
      <c r="M20904" s="2" t="s">
        <v>67350</v>
      </c>
      <c r="N20904" s="5" t="s">
        <v>72</v>
      </c>
      <c r="O20904" s="5" t="s">
        <v>38</v>
      </c>
      <c r="P20904" s="5" t="s">
        <v>39</v>
      </c>
      <c r="Q20904" s="5" t="s">
        <v>40</v>
      </c>
      <c r="R20904" s="5" t="s">
        <v>73</v>
      </c>
      <c r="S20904" s="5" t="s">
        <v>40</v>
      </c>
      <c r="T20904" s="5" t="s">
        <v>42</v>
      </c>
      <c r="U20904" s="2">
        <v>16.506</v>
      </c>
      <c r="V20904" s="2">
        <v>14.363</v>
      </c>
      <c r="W20904" s="2">
        <v>7.4999999999999997E-2</v>
      </c>
      <c r="X20904" s="2">
        <v>196.2</v>
      </c>
      <c r="Y20904" s="2">
        <v>74.5</v>
      </c>
      <c r="Z20904" s="2">
        <v>5.0999999999999996</v>
      </c>
      <c r="AA20904" s="5">
        <v>19</v>
      </c>
      <c r="AB20904" s="5" t="s">
        <v>43</v>
      </c>
      <c r="AC20904" s="5" t="s">
        <v>44</v>
      </c>
      <c r="AD20904" s="2" t="s">
        <v>67500</v>
      </c>
      <c r="AE20904" s="1"/>
    </row>
    <row r="20905" spans="1:31" ht="14.45">
      <c r="A20905" s="5" t="s">
        <v>116</v>
      </c>
      <c r="B20905" s="21">
        <v>46054</v>
      </c>
      <c r="C20905" s="2" t="s">
        <v>67520</v>
      </c>
      <c r="D20905" s="14" t="s">
        <v>67521</v>
      </c>
      <c r="E20905" s="2" t="s">
        <v>67522</v>
      </c>
      <c r="F20905" s="2" t="s">
        <v>120</v>
      </c>
      <c r="G20905" s="8">
        <v>1179</v>
      </c>
      <c r="H20905" s="5">
        <v>15</v>
      </c>
      <c r="I20905" s="5" t="s">
        <v>69</v>
      </c>
      <c r="J20905" s="5" t="s">
        <v>67349</v>
      </c>
      <c r="K20905" s="2" t="s">
        <v>67350</v>
      </c>
      <c r="L20905" s="5" t="s">
        <v>67349</v>
      </c>
      <c r="M20905" s="2" t="s">
        <v>67350</v>
      </c>
      <c r="N20905" s="5" t="s">
        <v>72</v>
      </c>
      <c r="O20905" s="5" t="s">
        <v>38</v>
      </c>
      <c r="P20905" s="5" t="s">
        <v>39</v>
      </c>
      <c r="Q20905" s="5" t="s">
        <v>40</v>
      </c>
      <c r="R20905" s="5" t="s">
        <v>73</v>
      </c>
      <c r="S20905" s="5" t="s">
        <v>40</v>
      </c>
      <c r="T20905" s="5" t="s">
        <v>42</v>
      </c>
      <c r="U20905" s="2">
        <v>43.04</v>
      </c>
      <c r="V20905" s="2">
        <v>19.869</v>
      </c>
      <c r="W20905" s="2">
        <v>0.24199999999999999</v>
      </c>
      <c r="X20905" s="2">
        <v>189.1</v>
      </c>
      <c r="Y20905" s="2">
        <v>74.5</v>
      </c>
      <c r="Z20905" s="2">
        <v>17.2</v>
      </c>
      <c r="AA20905" s="5">
        <v>19</v>
      </c>
      <c r="AB20905" s="5" t="s">
        <v>43</v>
      </c>
      <c r="AC20905" s="5" t="s">
        <v>44</v>
      </c>
      <c r="AD20905" s="2" t="s">
        <v>67504</v>
      </c>
      <c r="AE20905" s="1"/>
    </row>
    <row r="20906" spans="1:31" ht="14.45">
      <c r="A20906" s="11"/>
      <c r="B20906" s="20"/>
      <c r="C20906" s="2" t="s">
        <v>67523</v>
      </c>
      <c r="D20906" s="14" t="s">
        <v>67524</v>
      </c>
      <c r="E20906" s="2" t="s">
        <v>67525</v>
      </c>
      <c r="F20906" s="2" t="s">
        <v>67508</v>
      </c>
      <c r="G20906" s="8">
        <v>1179</v>
      </c>
      <c r="H20906" s="5">
        <v>15</v>
      </c>
      <c r="I20906" s="5" t="s">
        <v>69</v>
      </c>
      <c r="J20906" s="5" t="s">
        <v>67349</v>
      </c>
      <c r="K20906" s="2" t="s">
        <v>67350</v>
      </c>
      <c r="L20906" s="5" t="s">
        <v>67349</v>
      </c>
      <c r="M20906" s="2" t="s">
        <v>67350</v>
      </c>
      <c r="N20906" s="5" t="s">
        <v>72</v>
      </c>
      <c r="O20906" s="5" t="s">
        <v>38</v>
      </c>
      <c r="P20906" s="5" t="s">
        <v>39</v>
      </c>
      <c r="Q20906" s="5" t="s">
        <v>40</v>
      </c>
      <c r="R20906" s="5" t="s">
        <v>73</v>
      </c>
      <c r="S20906" s="5" t="s">
        <v>40</v>
      </c>
      <c r="T20906" s="5" t="s">
        <v>42</v>
      </c>
      <c r="U20906" s="2">
        <v>43.442</v>
      </c>
      <c r="V20906" s="2">
        <v>20.018000000000001</v>
      </c>
      <c r="W20906" s="2">
        <v>0.24199999999999999</v>
      </c>
      <c r="X20906" s="2">
        <v>189.1</v>
      </c>
      <c r="Y20906" s="2">
        <v>74.5</v>
      </c>
      <c r="Z20906" s="2">
        <v>17.2</v>
      </c>
      <c r="AA20906" s="5">
        <v>19</v>
      </c>
      <c r="AB20906" s="5" t="s">
        <v>43</v>
      </c>
      <c r="AC20906" s="5" t="s">
        <v>44</v>
      </c>
      <c r="AD20906" s="2" t="s">
        <v>67504</v>
      </c>
      <c r="AE20906" s="1"/>
    </row>
    <row r="20907" spans="1:31" ht="14.45">
      <c r="A20907" s="5" t="s">
        <v>116</v>
      </c>
      <c r="B20907" s="21">
        <v>46054</v>
      </c>
      <c r="C20907" s="2" t="s">
        <v>67526</v>
      </c>
      <c r="D20907" s="14" t="s">
        <v>67527</v>
      </c>
      <c r="E20907" s="2" t="s">
        <v>67528</v>
      </c>
      <c r="F20907" s="2" t="s">
        <v>67512</v>
      </c>
      <c r="G20907" s="8">
        <v>1205</v>
      </c>
      <c r="H20907" s="5">
        <v>15</v>
      </c>
      <c r="I20907" s="5" t="s">
        <v>69</v>
      </c>
      <c r="J20907" s="5" t="s">
        <v>67349</v>
      </c>
      <c r="K20907" s="2" t="s">
        <v>67350</v>
      </c>
      <c r="L20907" s="5" t="s">
        <v>67349</v>
      </c>
      <c r="M20907" s="2" t="s">
        <v>67350</v>
      </c>
      <c r="N20907" s="5" t="s">
        <v>72</v>
      </c>
      <c r="O20907" s="5" t="s">
        <v>38</v>
      </c>
      <c r="P20907" s="5" t="s">
        <v>39</v>
      </c>
      <c r="Q20907" s="5" t="s">
        <v>40</v>
      </c>
      <c r="R20907" s="5" t="s">
        <v>73</v>
      </c>
      <c r="S20907" s="5" t="s">
        <v>40</v>
      </c>
      <c r="T20907" s="5" t="s">
        <v>42</v>
      </c>
      <c r="U20907" s="2">
        <v>49.345999999999997</v>
      </c>
      <c r="V20907" s="2">
        <v>25.280999999999999</v>
      </c>
      <c r="W20907" s="2">
        <v>0.28000000000000003</v>
      </c>
      <c r="X20907" s="2">
        <v>218.7</v>
      </c>
      <c r="Y20907" s="2">
        <v>74.5</v>
      </c>
      <c r="Z20907" s="2">
        <v>17.2</v>
      </c>
      <c r="AA20907" s="5">
        <v>19</v>
      </c>
      <c r="AB20907" s="5" t="s">
        <v>43</v>
      </c>
      <c r="AC20907" s="5" t="s">
        <v>44</v>
      </c>
      <c r="AD20907" s="2" t="s">
        <v>67513</v>
      </c>
      <c r="AE20907" s="1"/>
    </row>
    <row r="20908" spans="1:31" ht="14.45">
      <c r="A20908" s="11"/>
      <c r="B20908" s="20"/>
      <c r="C20908" s="2" t="s">
        <v>67529</v>
      </c>
      <c r="D20908" s="14" t="s">
        <v>67530</v>
      </c>
      <c r="E20908" s="2" t="s">
        <v>67531</v>
      </c>
      <c r="F20908" s="2" t="s">
        <v>67508</v>
      </c>
      <c r="G20908" s="8">
        <v>1205</v>
      </c>
      <c r="H20908" s="5">
        <v>15</v>
      </c>
      <c r="I20908" s="5" t="s">
        <v>69</v>
      </c>
      <c r="J20908" s="5" t="s">
        <v>67349</v>
      </c>
      <c r="K20908" s="2" t="s">
        <v>67350</v>
      </c>
      <c r="L20908" s="5" t="s">
        <v>67349</v>
      </c>
      <c r="M20908" s="2" t="s">
        <v>67350</v>
      </c>
      <c r="N20908" s="5" t="s">
        <v>72</v>
      </c>
      <c r="O20908" s="5" t="s">
        <v>38</v>
      </c>
      <c r="P20908" s="5" t="s">
        <v>39</v>
      </c>
      <c r="Q20908" s="5" t="s">
        <v>40</v>
      </c>
      <c r="R20908" s="5" t="s">
        <v>73</v>
      </c>
      <c r="S20908" s="5" t="s">
        <v>40</v>
      </c>
      <c r="T20908" s="5" t="s">
        <v>42</v>
      </c>
      <c r="U20908" s="2">
        <v>50.715000000000003</v>
      </c>
      <c r="V20908" s="2">
        <v>26.521000000000001</v>
      </c>
      <c r="W20908" s="2">
        <v>0.30099999999999999</v>
      </c>
      <c r="X20908" s="2">
        <v>235.1</v>
      </c>
      <c r="Y20908" s="2">
        <v>74.5</v>
      </c>
      <c r="Z20908" s="2">
        <v>17.2</v>
      </c>
      <c r="AA20908" s="5">
        <v>19</v>
      </c>
      <c r="AB20908" s="5" t="s">
        <v>43</v>
      </c>
      <c r="AC20908" s="5" t="s">
        <v>44</v>
      </c>
      <c r="AD20908" s="2" t="s">
        <v>67513</v>
      </c>
      <c r="AE20908" s="1"/>
    </row>
    <row r="20909" spans="1:31" ht="14.45">
      <c r="A20909" s="11"/>
      <c r="B20909" s="20"/>
      <c r="C20909" s="2" t="s">
        <v>67532</v>
      </c>
      <c r="D20909" s="14" t="s">
        <v>67533</v>
      </c>
      <c r="E20909" s="2" t="s">
        <v>67534</v>
      </c>
      <c r="F20909" s="2" t="s">
        <v>67348</v>
      </c>
      <c r="G20909" s="8">
        <v>268</v>
      </c>
      <c r="H20909" s="5">
        <v>5</v>
      </c>
      <c r="I20909" s="5" t="s">
        <v>69</v>
      </c>
      <c r="J20909" s="5" t="s">
        <v>67349</v>
      </c>
      <c r="K20909" s="2" t="s">
        <v>67350</v>
      </c>
      <c r="L20909" s="5" t="s">
        <v>67349</v>
      </c>
      <c r="M20909" s="2" t="s">
        <v>67350</v>
      </c>
      <c r="N20909" s="5" t="s">
        <v>72</v>
      </c>
      <c r="O20909" s="5" t="s">
        <v>38</v>
      </c>
      <c r="P20909" s="5" t="s">
        <v>39</v>
      </c>
      <c r="Q20909" s="5" t="s">
        <v>40</v>
      </c>
      <c r="R20909" s="5" t="s">
        <v>73</v>
      </c>
      <c r="S20909" s="5" t="s">
        <v>40</v>
      </c>
      <c r="T20909" s="5" t="s">
        <v>42</v>
      </c>
      <c r="U20909" s="2">
        <v>17.994</v>
      </c>
      <c r="V20909" s="2">
        <v>15.69</v>
      </c>
      <c r="W20909" s="2">
        <v>8.2000000000000003E-2</v>
      </c>
      <c r="X20909" s="2">
        <v>216.2</v>
      </c>
      <c r="Y20909" s="2">
        <v>74.5</v>
      </c>
      <c r="Z20909" s="2">
        <v>5.0999999999999996</v>
      </c>
      <c r="AA20909" s="5">
        <v>19</v>
      </c>
      <c r="AB20909" s="5" t="s">
        <v>43</v>
      </c>
      <c r="AC20909" s="5" t="s">
        <v>44</v>
      </c>
      <c r="AD20909" s="2" t="s">
        <v>67500</v>
      </c>
      <c r="AE20909" s="1"/>
    </row>
    <row r="20910" spans="1:31" ht="14.45">
      <c r="A20910" s="5" t="s">
        <v>116</v>
      </c>
      <c r="B20910" s="21">
        <v>46054</v>
      </c>
      <c r="C20910" s="2" t="s">
        <v>67535</v>
      </c>
      <c r="D20910" s="14" t="s">
        <v>67536</v>
      </c>
      <c r="E20910" s="2" t="s">
        <v>67537</v>
      </c>
      <c r="F20910" s="2" t="s">
        <v>120</v>
      </c>
      <c r="G20910" s="8">
        <v>1233</v>
      </c>
      <c r="H20910" s="5">
        <v>15</v>
      </c>
      <c r="I20910" s="5" t="s">
        <v>69</v>
      </c>
      <c r="J20910" s="5" t="s">
        <v>67349</v>
      </c>
      <c r="K20910" s="2" t="s">
        <v>67350</v>
      </c>
      <c r="L20910" s="5" t="s">
        <v>67349</v>
      </c>
      <c r="M20910" s="2" t="s">
        <v>67350</v>
      </c>
      <c r="N20910" s="5" t="s">
        <v>72</v>
      </c>
      <c r="O20910" s="5" t="s">
        <v>38</v>
      </c>
      <c r="P20910" s="5" t="s">
        <v>39</v>
      </c>
      <c r="Q20910" s="5" t="s">
        <v>40</v>
      </c>
      <c r="R20910" s="5" t="s">
        <v>73</v>
      </c>
      <c r="S20910" s="5" t="s">
        <v>40</v>
      </c>
      <c r="T20910" s="5" t="s">
        <v>42</v>
      </c>
      <c r="U20910" s="2">
        <v>44.359000000000002</v>
      </c>
      <c r="V20910" s="2">
        <v>20.956</v>
      </c>
      <c r="W20910" s="2">
        <v>0.26800000000000002</v>
      </c>
      <c r="X20910" s="2">
        <v>209.1</v>
      </c>
      <c r="Y20910" s="2">
        <v>74.5</v>
      </c>
      <c r="Z20910" s="2">
        <v>17.2</v>
      </c>
      <c r="AA20910" s="5">
        <v>19</v>
      </c>
      <c r="AB20910" s="5" t="s">
        <v>43</v>
      </c>
      <c r="AC20910" s="5" t="s">
        <v>44</v>
      </c>
      <c r="AD20910" s="2" t="s">
        <v>67504</v>
      </c>
      <c r="AE20910" s="1"/>
    </row>
    <row r="20911" spans="1:31" ht="14.45">
      <c r="A20911" s="11"/>
      <c r="B20911" s="20"/>
      <c r="C20911" s="2" t="s">
        <v>67538</v>
      </c>
      <c r="D20911" s="14" t="s">
        <v>67539</v>
      </c>
      <c r="E20911" s="2" t="s">
        <v>67540</v>
      </c>
      <c r="F20911" s="2" t="s">
        <v>67508</v>
      </c>
      <c r="G20911" s="8">
        <v>1233</v>
      </c>
      <c r="H20911" s="5">
        <v>15</v>
      </c>
      <c r="I20911" s="5" t="s">
        <v>69</v>
      </c>
      <c r="J20911" s="5" t="s">
        <v>67349</v>
      </c>
      <c r="K20911" s="2" t="s">
        <v>67350</v>
      </c>
      <c r="L20911" s="5" t="s">
        <v>67349</v>
      </c>
      <c r="M20911" s="2" t="s">
        <v>67350</v>
      </c>
      <c r="N20911" s="5" t="s">
        <v>72</v>
      </c>
      <c r="O20911" s="5" t="s">
        <v>38</v>
      </c>
      <c r="P20911" s="5" t="s">
        <v>39</v>
      </c>
      <c r="Q20911" s="5" t="s">
        <v>40</v>
      </c>
      <c r="R20911" s="5" t="s">
        <v>73</v>
      </c>
      <c r="S20911" s="5" t="s">
        <v>40</v>
      </c>
      <c r="T20911" s="5" t="s">
        <v>42</v>
      </c>
      <c r="U20911" s="2">
        <v>44.578000000000003</v>
      </c>
      <c r="V20911" s="2">
        <v>21.111000000000001</v>
      </c>
      <c r="W20911" s="2">
        <v>0.26800000000000002</v>
      </c>
      <c r="X20911" s="2">
        <v>209.1</v>
      </c>
      <c r="Y20911" s="2">
        <v>74.5</v>
      </c>
      <c r="Z20911" s="2">
        <v>17.2</v>
      </c>
      <c r="AA20911" s="5">
        <v>19</v>
      </c>
      <c r="AB20911" s="5" t="s">
        <v>43</v>
      </c>
      <c r="AC20911" s="5" t="s">
        <v>44</v>
      </c>
      <c r="AD20911" s="2" t="s">
        <v>67504</v>
      </c>
      <c r="AE20911" s="1"/>
    </row>
    <row r="20912" spans="1:31" ht="14.45">
      <c r="A20912" s="5" t="s">
        <v>116</v>
      </c>
      <c r="B20912" s="21">
        <v>46054</v>
      </c>
      <c r="C20912" s="2" t="s">
        <v>67541</v>
      </c>
      <c r="D20912" s="14" t="s">
        <v>67542</v>
      </c>
      <c r="E20912" s="2" t="s">
        <v>67543</v>
      </c>
      <c r="F20912" s="2" t="s">
        <v>67512</v>
      </c>
      <c r="G20912" s="8">
        <v>1259</v>
      </c>
      <c r="H20912" s="5">
        <v>15</v>
      </c>
      <c r="I20912" s="5" t="s">
        <v>69</v>
      </c>
      <c r="J20912" s="5" t="s">
        <v>67349</v>
      </c>
      <c r="K20912" s="2" t="s">
        <v>67350</v>
      </c>
      <c r="L20912" s="5" t="s">
        <v>67349</v>
      </c>
      <c r="M20912" s="2" t="s">
        <v>67350</v>
      </c>
      <c r="N20912" s="5" t="s">
        <v>72</v>
      </c>
      <c r="O20912" s="5" t="s">
        <v>38</v>
      </c>
      <c r="P20912" s="5" t="s">
        <v>39</v>
      </c>
      <c r="Q20912" s="5" t="s">
        <v>40</v>
      </c>
      <c r="R20912" s="5" t="s">
        <v>73</v>
      </c>
      <c r="S20912" s="5" t="s">
        <v>40</v>
      </c>
      <c r="T20912" s="5" t="s">
        <v>42</v>
      </c>
      <c r="U20912" s="2">
        <v>50.706000000000003</v>
      </c>
      <c r="V20912" s="2">
        <v>26.408999999999999</v>
      </c>
      <c r="W20912" s="2">
        <v>0.28000000000000003</v>
      </c>
      <c r="X20912" s="2">
        <v>218.7</v>
      </c>
      <c r="Y20912" s="2">
        <v>74.5</v>
      </c>
      <c r="Z20912" s="2">
        <v>17.2</v>
      </c>
      <c r="AA20912" s="5">
        <v>19</v>
      </c>
      <c r="AB20912" s="5" t="s">
        <v>43</v>
      </c>
      <c r="AC20912" s="5" t="s">
        <v>44</v>
      </c>
      <c r="AD20912" s="2" t="s">
        <v>67513</v>
      </c>
      <c r="AE20912" s="1"/>
    </row>
    <row r="20913" spans="1:31" ht="14.45">
      <c r="A20913" s="11"/>
      <c r="B20913" s="20"/>
      <c r="C20913" s="2" t="s">
        <v>67544</v>
      </c>
      <c r="D20913" s="14" t="s">
        <v>67545</v>
      </c>
      <c r="E20913" s="2" t="s">
        <v>67546</v>
      </c>
      <c r="F20913" s="2"/>
      <c r="G20913" s="8">
        <v>1259</v>
      </c>
      <c r="H20913" s="5">
        <v>15</v>
      </c>
      <c r="I20913" s="5" t="s">
        <v>69</v>
      </c>
      <c r="J20913" s="5" t="s">
        <v>67349</v>
      </c>
      <c r="K20913" s="2" t="s">
        <v>67350</v>
      </c>
      <c r="L20913" s="5" t="s">
        <v>67349</v>
      </c>
      <c r="M20913" s="2" t="s">
        <v>67350</v>
      </c>
      <c r="N20913" s="5" t="s">
        <v>72</v>
      </c>
      <c r="O20913" s="5" t="s">
        <v>38</v>
      </c>
      <c r="P20913" s="5" t="s">
        <v>39</v>
      </c>
      <c r="Q20913" s="5" t="s">
        <v>40</v>
      </c>
      <c r="R20913" s="5" t="s">
        <v>73</v>
      </c>
      <c r="S20913" s="5" t="s">
        <v>40</v>
      </c>
      <c r="T20913" s="5" t="s">
        <v>42</v>
      </c>
      <c r="U20913" s="2">
        <v>52.075000000000003</v>
      </c>
      <c r="V20913" s="2">
        <v>27.649000000000001</v>
      </c>
      <c r="W20913" s="2">
        <v>0.30099999999999999</v>
      </c>
      <c r="X20913" s="2">
        <v>235.1</v>
      </c>
      <c r="Y20913" s="2">
        <v>74.5</v>
      </c>
      <c r="Z20913" s="2">
        <v>17.2</v>
      </c>
      <c r="AA20913" s="5">
        <v>19</v>
      </c>
      <c r="AB20913" s="5" t="s">
        <v>43</v>
      </c>
      <c r="AC20913" s="5" t="s">
        <v>44</v>
      </c>
      <c r="AD20913" s="2" t="s">
        <v>67513</v>
      </c>
      <c r="AE20913" s="1"/>
    </row>
    <row r="20914" spans="1:31" ht="14.45">
      <c r="A20914" s="11"/>
      <c r="B20914" s="20"/>
      <c r="C20914" s="2" t="s">
        <v>67547</v>
      </c>
      <c r="D20914" s="14" t="s">
        <v>67548</v>
      </c>
      <c r="E20914" s="2" t="s">
        <v>67549</v>
      </c>
      <c r="F20914" s="2" t="s">
        <v>67348</v>
      </c>
      <c r="G20914" s="8">
        <v>268</v>
      </c>
      <c r="H20914" s="5">
        <v>5</v>
      </c>
      <c r="I20914" s="5" t="s">
        <v>69</v>
      </c>
      <c r="J20914" s="5" t="s">
        <v>67349</v>
      </c>
      <c r="K20914" s="2" t="s">
        <v>67350</v>
      </c>
      <c r="L20914" s="5" t="s">
        <v>67349</v>
      </c>
      <c r="M20914" s="2" t="s">
        <v>67350</v>
      </c>
      <c r="N20914" s="5" t="s">
        <v>72</v>
      </c>
      <c r="O20914" s="5" t="s">
        <v>38</v>
      </c>
      <c r="P20914" s="5" t="s">
        <v>39</v>
      </c>
      <c r="Q20914" s="5" t="s">
        <v>40</v>
      </c>
      <c r="R20914" s="5" t="s">
        <v>73</v>
      </c>
      <c r="S20914" s="5" t="s">
        <v>40</v>
      </c>
      <c r="T20914" s="5" t="s">
        <v>42</v>
      </c>
      <c r="U20914" s="2">
        <v>17.466000000000001</v>
      </c>
      <c r="V20914" s="2">
        <v>15.324</v>
      </c>
      <c r="W20914" s="2">
        <v>7.4999999999999997E-2</v>
      </c>
      <c r="X20914" s="2">
        <v>196.2</v>
      </c>
      <c r="Y20914" s="2">
        <v>74.5</v>
      </c>
      <c r="Z20914" s="2">
        <v>5.0999999999999996</v>
      </c>
      <c r="AA20914" s="5">
        <v>19</v>
      </c>
      <c r="AB20914" s="5" t="s">
        <v>43</v>
      </c>
      <c r="AC20914" s="5" t="s">
        <v>44</v>
      </c>
      <c r="AD20914" s="2" t="s">
        <v>67500</v>
      </c>
      <c r="AE20914" s="1"/>
    </row>
    <row r="20915" spans="1:31" ht="14.45">
      <c r="A20915" s="5" t="s">
        <v>116</v>
      </c>
      <c r="B20915" s="21">
        <v>46054</v>
      </c>
      <c r="C20915" s="2" t="s">
        <v>67550</v>
      </c>
      <c r="D20915" s="14" t="s">
        <v>67551</v>
      </c>
      <c r="E20915" s="2" t="s">
        <v>67552</v>
      </c>
      <c r="F20915" s="2" t="s">
        <v>120</v>
      </c>
      <c r="G20915" s="8">
        <v>1233</v>
      </c>
      <c r="H20915" s="5">
        <v>15</v>
      </c>
      <c r="I20915" s="5" t="s">
        <v>69</v>
      </c>
      <c r="J20915" s="5" t="s">
        <v>67349</v>
      </c>
      <c r="K20915" s="2" t="s">
        <v>67350</v>
      </c>
      <c r="L20915" s="5" t="s">
        <v>67349</v>
      </c>
      <c r="M20915" s="2" t="s">
        <v>67350</v>
      </c>
      <c r="N20915" s="5" t="s">
        <v>72</v>
      </c>
      <c r="O20915" s="5" t="s">
        <v>38</v>
      </c>
      <c r="P20915" s="5" t="s">
        <v>39</v>
      </c>
      <c r="Q20915" s="5" t="s">
        <v>40</v>
      </c>
      <c r="R20915" s="5" t="s">
        <v>73</v>
      </c>
      <c r="S20915" s="5" t="s">
        <v>40</v>
      </c>
      <c r="T20915" s="5" t="s">
        <v>42</v>
      </c>
      <c r="U20915" s="2">
        <v>44.933</v>
      </c>
      <c r="V20915" s="2">
        <v>21.588999999999999</v>
      </c>
      <c r="W20915" s="2">
        <v>0.24199999999999999</v>
      </c>
      <c r="X20915" s="2">
        <v>189.1</v>
      </c>
      <c r="Y20915" s="2">
        <v>74.5</v>
      </c>
      <c r="Z20915" s="2">
        <v>17.2</v>
      </c>
      <c r="AA20915" s="5">
        <v>19</v>
      </c>
      <c r="AB20915" s="5" t="s">
        <v>43</v>
      </c>
      <c r="AC20915" s="5" t="s">
        <v>44</v>
      </c>
      <c r="AD20915" s="2" t="s">
        <v>67504</v>
      </c>
      <c r="AE20915" s="1"/>
    </row>
    <row r="20916" spans="1:31" ht="14.45">
      <c r="A20916" s="11"/>
      <c r="B20916" s="20"/>
      <c r="C20916" s="2" t="s">
        <v>67553</v>
      </c>
      <c r="D20916" s="14" t="s">
        <v>67554</v>
      </c>
      <c r="E20916" s="2" t="s">
        <v>67555</v>
      </c>
      <c r="F20916" s="2" t="s">
        <v>67508</v>
      </c>
      <c r="G20916" s="8">
        <v>1233</v>
      </c>
      <c r="H20916" s="5">
        <v>15</v>
      </c>
      <c r="I20916" s="5" t="s">
        <v>69</v>
      </c>
      <c r="J20916" s="5" t="s">
        <v>67349</v>
      </c>
      <c r="K20916" s="2" t="s">
        <v>67350</v>
      </c>
      <c r="L20916" s="5" t="s">
        <v>67349</v>
      </c>
      <c r="M20916" s="2" t="s">
        <v>67350</v>
      </c>
      <c r="N20916" s="5" t="s">
        <v>72</v>
      </c>
      <c r="O20916" s="5" t="s">
        <v>38</v>
      </c>
      <c r="P20916" s="5" t="s">
        <v>39</v>
      </c>
      <c r="Q20916" s="5" t="s">
        <v>40</v>
      </c>
      <c r="R20916" s="5" t="s">
        <v>73</v>
      </c>
      <c r="S20916" s="5" t="s">
        <v>40</v>
      </c>
      <c r="T20916" s="5" t="s">
        <v>42</v>
      </c>
      <c r="U20916" s="2">
        <v>45.033000000000001</v>
      </c>
      <c r="V20916" s="2">
        <v>21.623999999999999</v>
      </c>
      <c r="W20916" s="2">
        <v>0.246</v>
      </c>
      <c r="X20916" s="2">
        <v>192.1</v>
      </c>
      <c r="Y20916" s="2">
        <v>74.5</v>
      </c>
      <c r="Z20916" s="2">
        <v>17.2</v>
      </c>
      <c r="AA20916" s="5">
        <v>19</v>
      </c>
      <c r="AB20916" s="5" t="s">
        <v>43</v>
      </c>
      <c r="AC20916" s="5" t="s">
        <v>44</v>
      </c>
      <c r="AD20916" s="2" t="s">
        <v>67504</v>
      </c>
      <c r="AE20916" s="1"/>
    </row>
    <row r="20917" spans="1:31" ht="14.45">
      <c r="A20917" s="5" t="s">
        <v>116</v>
      </c>
      <c r="B20917" s="21">
        <v>46054</v>
      </c>
      <c r="C20917" s="2" t="s">
        <v>67556</v>
      </c>
      <c r="D20917" s="14" t="s">
        <v>67557</v>
      </c>
      <c r="E20917" s="2" t="s">
        <v>67558</v>
      </c>
      <c r="F20917" s="2" t="s">
        <v>67512</v>
      </c>
      <c r="G20917" s="8">
        <v>1259</v>
      </c>
      <c r="H20917" s="5">
        <v>15</v>
      </c>
      <c r="I20917" s="5" t="s">
        <v>69</v>
      </c>
      <c r="J20917" s="5" t="s">
        <v>67349</v>
      </c>
      <c r="K20917" s="2" t="s">
        <v>67350</v>
      </c>
      <c r="L20917" s="5" t="s">
        <v>67349</v>
      </c>
      <c r="M20917" s="2" t="s">
        <v>67350</v>
      </c>
      <c r="N20917" s="5" t="s">
        <v>72</v>
      </c>
      <c r="O20917" s="5" t="s">
        <v>38</v>
      </c>
      <c r="P20917" s="5" t="s">
        <v>39</v>
      </c>
      <c r="Q20917" s="5" t="s">
        <v>40</v>
      </c>
      <c r="R20917" s="5" t="s">
        <v>73</v>
      </c>
      <c r="S20917" s="5" t="s">
        <v>40</v>
      </c>
      <c r="T20917" s="5" t="s">
        <v>42</v>
      </c>
      <c r="U20917" s="2">
        <v>54.640999999999998</v>
      </c>
      <c r="V20917" s="2">
        <v>27.951000000000001</v>
      </c>
      <c r="W20917" s="2">
        <v>0.32300000000000001</v>
      </c>
      <c r="X20917" s="2">
        <v>251.7</v>
      </c>
      <c r="Y20917" s="2">
        <v>74.5</v>
      </c>
      <c r="Z20917" s="2">
        <v>17.2</v>
      </c>
      <c r="AA20917" s="5">
        <v>19</v>
      </c>
      <c r="AB20917" s="5" t="s">
        <v>43</v>
      </c>
      <c r="AC20917" s="5" t="s">
        <v>44</v>
      </c>
      <c r="AD20917" s="2" t="s">
        <v>67513</v>
      </c>
      <c r="AE20917" s="1"/>
    </row>
    <row r="20918" spans="1:31" ht="14.45">
      <c r="A20918" s="11"/>
      <c r="B20918" s="20"/>
      <c r="C20918" s="2" t="s">
        <v>67559</v>
      </c>
      <c r="D20918" s="14" t="s">
        <v>67560</v>
      </c>
      <c r="E20918" s="2" t="s">
        <v>67561</v>
      </c>
      <c r="F20918" s="2"/>
      <c r="G20918" s="8">
        <v>1259</v>
      </c>
      <c r="H20918" s="5">
        <v>15</v>
      </c>
      <c r="I20918" s="5" t="s">
        <v>69</v>
      </c>
      <c r="J20918" s="5" t="s">
        <v>67349</v>
      </c>
      <c r="K20918" s="2" t="s">
        <v>67350</v>
      </c>
      <c r="L20918" s="5" t="s">
        <v>67349</v>
      </c>
      <c r="M20918" s="2" t="s">
        <v>67350</v>
      </c>
      <c r="N20918" s="5" t="s">
        <v>72</v>
      </c>
      <c r="O20918" s="5" t="s">
        <v>38</v>
      </c>
      <c r="P20918" s="5" t="s">
        <v>39</v>
      </c>
      <c r="Q20918" s="5" t="s">
        <v>40</v>
      </c>
      <c r="R20918" s="5" t="s">
        <v>73</v>
      </c>
      <c r="S20918" s="5" t="s">
        <v>40</v>
      </c>
      <c r="T20918" s="5" t="s">
        <v>42</v>
      </c>
      <c r="U20918" s="2">
        <v>55.965000000000003</v>
      </c>
      <c r="V20918" s="2">
        <v>29.146000000000001</v>
      </c>
      <c r="W20918" s="2">
        <v>0.34399999999999997</v>
      </c>
      <c r="X20918" s="2">
        <v>268.10000000000002</v>
      </c>
      <c r="Y20918" s="2">
        <v>74.5</v>
      </c>
      <c r="Z20918" s="2">
        <v>17.2</v>
      </c>
      <c r="AA20918" s="5">
        <v>19</v>
      </c>
      <c r="AB20918" s="5" t="s">
        <v>43</v>
      </c>
      <c r="AC20918" s="5" t="s">
        <v>44</v>
      </c>
      <c r="AD20918" s="2" t="s">
        <v>67513</v>
      </c>
      <c r="AE20918" s="1"/>
    </row>
    <row r="20919" spans="1:31" ht="14.45">
      <c r="A20919" s="11"/>
      <c r="B20919" s="20"/>
      <c r="C20919" s="2" t="s">
        <v>67562</v>
      </c>
      <c r="D20919" s="14" t="s">
        <v>67563</v>
      </c>
      <c r="E20919" s="2" t="s">
        <v>67564</v>
      </c>
      <c r="F20919" s="2" t="s">
        <v>67348</v>
      </c>
      <c r="G20919" s="8">
        <v>285</v>
      </c>
      <c r="H20919" s="5">
        <v>5</v>
      </c>
      <c r="I20919" s="5" t="s">
        <v>69</v>
      </c>
      <c r="J20919" s="5" t="s">
        <v>67349</v>
      </c>
      <c r="K20919" s="2" t="s">
        <v>67350</v>
      </c>
      <c r="L20919" s="5" t="s">
        <v>67349</v>
      </c>
      <c r="M20919" s="2" t="s">
        <v>67350</v>
      </c>
      <c r="N20919" s="5" t="s">
        <v>72</v>
      </c>
      <c r="O20919" s="5" t="s">
        <v>38</v>
      </c>
      <c r="P20919" s="5" t="s">
        <v>39</v>
      </c>
      <c r="Q20919" s="5" t="s">
        <v>40</v>
      </c>
      <c r="R20919" s="5" t="s">
        <v>73</v>
      </c>
      <c r="S20919" s="5" t="s">
        <v>40</v>
      </c>
      <c r="T20919" s="5" t="s">
        <v>42</v>
      </c>
      <c r="U20919" s="2">
        <v>18.954000000000001</v>
      </c>
      <c r="V20919" s="2">
        <v>16.651</v>
      </c>
      <c r="W20919" s="2">
        <v>8.2000000000000003E-2</v>
      </c>
      <c r="X20919" s="2">
        <v>216.2</v>
      </c>
      <c r="Y20919" s="2">
        <v>74.5</v>
      </c>
      <c r="Z20919" s="2">
        <v>5.0999999999999996</v>
      </c>
      <c r="AA20919" s="5">
        <v>19</v>
      </c>
      <c r="AB20919" s="5" t="s">
        <v>43</v>
      </c>
      <c r="AC20919" s="5" t="s">
        <v>44</v>
      </c>
      <c r="AD20919" s="2" t="s">
        <v>67500</v>
      </c>
      <c r="AE20919" s="1"/>
    </row>
    <row r="20920" spans="1:31" ht="14.45">
      <c r="A20920" s="5" t="s">
        <v>116</v>
      </c>
      <c r="B20920" s="21">
        <v>46054</v>
      </c>
      <c r="C20920" s="2" t="s">
        <v>67565</v>
      </c>
      <c r="D20920" s="14" t="s">
        <v>67566</v>
      </c>
      <c r="E20920" s="2" t="s">
        <v>67567</v>
      </c>
      <c r="F20920" s="2" t="s">
        <v>120</v>
      </c>
      <c r="G20920" s="8">
        <v>1313</v>
      </c>
      <c r="H20920" s="5">
        <v>15</v>
      </c>
      <c r="I20920" s="5" t="s">
        <v>69</v>
      </c>
      <c r="J20920" s="5" t="s">
        <v>67349</v>
      </c>
      <c r="K20920" s="2" t="s">
        <v>67350</v>
      </c>
      <c r="L20920" s="5" t="s">
        <v>67349</v>
      </c>
      <c r="M20920" s="2" t="s">
        <v>67350</v>
      </c>
      <c r="N20920" s="5" t="s">
        <v>72</v>
      </c>
      <c r="O20920" s="5" t="s">
        <v>38</v>
      </c>
      <c r="P20920" s="5" t="s">
        <v>39</v>
      </c>
      <c r="Q20920" s="5" t="s">
        <v>40</v>
      </c>
      <c r="R20920" s="5" t="s">
        <v>73</v>
      </c>
      <c r="S20920" s="5" t="s">
        <v>40</v>
      </c>
      <c r="T20920" s="5" t="s">
        <v>42</v>
      </c>
      <c r="U20920" s="2">
        <v>46.252000000000002</v>
      </c>
      <c r="V20920" s="2">
        <v>22.675999999999998</v>
      </c>
      <c r="W20920" s="2">
        <v>0.26800000000000002</v>
      </c>
      <c r="X20920" s="2">
        <v>209.1</v>
      </c>
      <c r="Y20920" s="2">
        <v>74.5</v>
      </c>
      <c r="Z20920" s="2">
        <v>17.2</v>
      </c>
      <c r="AA20920" s="5">
        <v>19</v>
      </c>
      <c r="AB20920" s="5" t="s">
        <v>43</v>
      </c>
      <c r="AC20920" s="5" t="s">
        <v>44</v>
      </c>
      <c r="AD20920" s="2" t="s">
        <v>67504</v>
      </c>
      <c r="AE20920" s="1"/>
    </row>
    <row r="20921" spans="1:31" ht="14.45">
      <c r="A20921" s="11"/>
      <c r="B20921" s="20"/>
      <c r="C20921" s="2" t="s">
        <v>67568</v>
      </c>
      <c r="D20921" s="14" t="s">
        <v>67569</v>
      </c>
      <c r="E20921" s="2" t="s">
        <v>67570</v>
      </c>
      <c r="F20921" s="2" t="s">
        <v>67508</v>
      </c>
      <c r="G20921" s="8">
        <v>1313</v>
      </c>
      <c r="H20921" s="5">
        <v>15</v>
      </c>
      <c r="I20921" s="5" t="s">
        <v>69</v>
      </c>
      <c r="J20921" s="5" t="s">
        <v>67349</v>
      </c>
      <c r="K20921" s="2" t="s">
        <v>67350</v>
      </c>
      <c r="L20921" s="5" t="s">
        <v>67349</v>
      </c>
      <c r="M20921" s="2" t="s">
        <v>67350</v>
      </c>
      <c r="N20921" s="5" t="s">
        <v>72</v>
      </c>
      <c r="O20921" s="5" t="s">
        <v>38</v>
      </c>
      <c r="P20921" s="5" t="s">
        <v>39</v>
      </c>
      <c r="Q20921" s="5" t="s">
        <v>40</v>
      </c>
      <c r="R20921" s="5" t="s">
        <v>73</v>
      </c>
      <c r="S20921" s="5" t="s">
        <v>40</v>
      </c>
      <c r="T20921" s="5" t="s">
        <v>42</v>
      </c>
      <c r="U20921" s="2">
        <v>46.351999999999997</v>
      </c>
      <c r="V20921" s="2">
        <v>22.710999999999999</v>
      </c>
      <c r="W20921" s="2">
        <v>0.26800000000000002</v>
      </c>
      <c r="X20921" s="2">
        <v>209.1</v>
      </c>
      <c r="Y20921" s="2">
        <v>74.5</v>
      </c>
      <c r="Z20921" s="2">
        <v>17.2</v>
      </c>
      <c r="AA20921" s="5">
        <v>19</v>
      </c>
      <c r="AB20921" s="5" t="s">
        <v>43</v>
      </c>
      <c r="AC20921" s="5" t="s">
        <v>44</v>
      </c>
      <c r="AD20921" s="2" t="s">
        <v>67504</v>
      </c>
      <c r="AE20921" s="1"/>
    </row>
    <row r="20922" spans="1:31" ht="14.45">
      <c r="A20922" s="5" t="s">
        <v>116</v>
      </c>
      <c r="B20922" s="21">
        <v>46054</v>
      </c>
      <c r="C20922" s="2" t="s">
        <v>67571</v>
      </c>
      <c r="D20922" s="14" t="s">
        <v>67572</v>
      </c>
      <c r="E20922" s="2" t="s">
        <v>67573</v>
      </c>
      <c r="F20922" s="2" t="s">
        <v>67512</v>
      </c>
      <c r="G20922" s="8">
        <v>1341</v>
      </c>
      <c r="H20922" s="5">
        <v>15</v>
      </c>
      <c r="I20922" s="5" t="s">
        <v>69</v>
      </c>
      <c r="J20922" s="5" t="s">
        <v>67349</v>
      </c>
      <c r="K20922" s="2" t="s">
        <v>67350</v>
      </c>
      <c r="L20922" s="5" t="s">
        <v>67349</v>
      </c>
      <c r="M20922" s="2" t="s">
        <v>67350</v>
      </c>
      <c r="N20922" s="5" t="s">
        <v>72</v>
      </c>
      <c r="O20922" s="5" t="s">
        <v>38</v>
      </c>
      <c r="P20922" s="5" t="s">
        <v>39</v>
      </c>
      <c r="Q20922" s="5" t="s">
        <v>40</v>
      </c>
      <c r="R20922" s="5" t="s">
        <v>73</v>
      </c>
      <c r="S20922" s="5" t="s">
        <v>40</v>
      </c>
      <c r="T20922" s="5" t="s">
        <v>42</v>
      </c>
      <c r="U20922" s="2">
        <v>56.000999999999998</v>
      </c>
      <c r="V20922" s="2">
        <v>29.079000000000001</v>
      </c>
      <c r="W20922" s="2">
        <v>0.32300000000000001</v>
      </c>
      <c r="X20922" s="2">
        <v>251.7</v>
      </c>
      <c r="Y20922" s="2">
        <v>74.5</v>
      </c>
      <c r="Z20922" s="2">
        <v>17.2</v>
      </c>
      <c r="AA20922" s="5">
        <v>19</v>
      </c>
      <c r="AB20922" s="5" t="s">
        <v>43</v>
      </c>
      <c r="AC20922" s="5" t="s">
        <v>44</v>
      </c>
      <c r="AD20922" s="2" t="s">
        <v>67513</v>
      </c>
      <c r="AE20922" s="1"/>
    </row>
    <row r="20923" spans="1:31" ht="14.45">
      <c r="A20923" s="11"/>
      <c r="B20923" s="20"/>
      <c r="C20923" s="2" t="s">
        <v>67574</v>
      </c>
      <c r="D20923" s="14" t="s">
        <v>67575</v>
      </c>
      <c r="E20923" s="2" t="s">
        <v>67576</v>
      </c>
      <c r="F20923" s="2"/>
      <c r="G20923" s="8">
        <v>1341</v>
      </c>
      <c r="H20923" s="5">
        <v>15</v>
      </c>
      <c r="I20923" s="5" t="s">
        <v>69</v>
      </c>
      <c r="J20923" s="5" t="s">
        <v>67349</v>
      </c>
      <c r="K20923" s="2" t="s">
        <v>67350</v>
      </c>
      <c r="L20923" s="5" t="s">
        <v>67349</v>
      </c>
      <c r="M20923" s="2" t="s">
        <v>67350</v>
      </c>
      <c r="N20923" s="5" t="s">
        <v>72</v>
      </c>
      <c r="O20923" s="5" t="s">
        <v>38</v>
      </c>
      <c r="P20923" s="5" t="s">
        <v>39</v>
      </c>
      <c r="Q20923" s="5" t="s">
        <v>40</v>
      </c>
      <c r="R20923" s="5" t="s">
        <v>73</v>
      </c>
      <c r="S20923" s="5" t="s">
        <v>40</v>
      </c>
      <c r="T20923" s="5" t="s">
        <v>42</v>
      </c>
      <c r="U20923" s="2">
        <v>57.325000000000003</v>
      </c>
      <c r="V20923" s="2">
        <v>30.274000000000001</v>
      </c>
      <c r="W20923" s="2">
        <v>0.34399999999999997</v>
      </c>
      <c r="X20923" s="2">
        <v>268.10000000000002</v>
      </c>
      <c r="Y20923" s="2">
        <v>74.5</v>
      </c>
      <c r="Z20923" s="2">
        <v>17.2</v>
      </c>
      <c r="AA20923" s="5">
        <v>19</v>
      </c>
      <c r="AB20923" s="5" t="s">
        <v>43</v>
      </c>
      <c r="AC20923" s="5" t="s">
        <v>44</v>
      </c>
      <c r="AD20923" s="2" t="s">
        <v>67513</v>
      </c>
      <c r="AE20923" s="1"/>
    </row>
    <row r="20924" spans="1:31" ht="14.45">
      <c r="A20924" s="11"/>
      <c r="B20924" s="20"/>
      <c r="C20924" s="2" t="s">
        <v>67577</v>
      </c>
      <c r="D20924" s="14" t="s">
        <v>67578</v>
      </c>
      <c r="E20924" s="2" t="s">
        <v>67579</v>
      </c>
      <c r="F20924" s="2" t="s">
        <v>67348</v>
      </c>
      <c r="G20924" s="8">
        <v>291</v>
      </c>
      <c r="H20924" s="5">
        <v>5</v>
      </c>
      <c r="I20924" s="5" t="s">
        <v>69</v>
      </c>
      <c r="J20924" s="5" t="s">
        <v>67349</v>
      </c>
      <c r="K20924" s="2" t="s">
        <v>67350</v>
      </c>
      <c r="L20924" s="5" t="s">
        <v>67349</v>
      </c>
      <c r="M20924" s="2" t="s">
        <v>67350</v>
      </c>
      <c r="N20924" s="5" t="s">
        <v>72</v>
      </c>
      <c r="O20924" s="5" t="s">
        <v>38</v>
      </c>
      <c r="P20924" s="5" t="s">
        <v>39</v>
      </c>
      <c r="Q20924" s="5" t="s">
        <v>40</v>
      </c>
      <c r="R20924" s="5" t="s">
        <v>73</v>
      </c>
      <c r="S20924" s="5" t="s">
        <v>40</v>
      </c>
      <c r="T20924" s="5" t="s">
        <v>42</v>
      </c>
      <c r="U20924" s="2">
        <v>20.300999999999998</v>
      </c>
      <c r="V20924" s="2">
        <v>17.823</v>
      </c>
      <c r="W20924" s="2">
        <v>9.0999999999999998E-2</v>
      </c>
      <c r="X20924" s="2">
        <v>238.2</v>
      </c>
      <c r="Y20924" s="2">
        <v>74.5</v>
      </c>
      <c r="Z20924" s="2">
        <v>5.0999999999999996</v>
      </c>
      <c r="AA20924" s="5">
        <v>19</v>
      </c>
      <c r="AB20924" s="5" t="s">
        <v>43</v>
      </c>
      <c r="AC20924" s="5" t="s">
        <v>44</v>
      </c>
      <c r="AD20924" s="2" t="s">
        <v>67500</v>
      </c>
      <c r="AE20924" s="1"/>
    </row>
    <row r="20925" spans="1:31" ht="14.45">
      <c r="A20925" s="5" t="s">
        <v>116</v>
      </c>
      <c r="B20925" s="21">
        <v>46054</v>
      </c>
      <c r="C20925" s="2" t="s">
        <v>67580</v>
      </c>
      <c r="D20925" s="14" t="s">
        <v>67581</v>
      </c>
      <c r="E20925" s="2" t="s">
        <v>67582</v>
      </c>
      <c r="F20925" s="2" t="s">
        <v>120</v>
      </c>
      <c r="G20925" s="8">
        <v>1340</v>
      </c>
      <c r="H20925" s="5">
        <v>15</v>
      </c>
      <c r="I20925" s="5" t="s">
        <v>69</v>
      </c>
      <c r="J20925" s="5" t="s">
        <v>67349</v>
      </c>
      <c r="K20925" s="2" t="s">
        <v>67350</v>
      </c>
      <c r="L20925" s="5" t="s">
        <v>67349</v>
      </c>
      <c r="M20925" s="2" t="s">
        <v>67350</v>
      </c>
      <c r="N20925" s="5" t="s">
        <v>72</v>
      </c>
      <c r="O20925" s="5" t="s">
        <v>38</v>
      </c>
      <c r="P20925" s="5" t="s">
        <v>39</v>
      </c>
      <c r="Q20925" s="5" t="s">
        <v>40</v>
      </c>
      <c r="R20925" s="5" t="s">
        <v>73</v>
      </c>
      <c r="S20925" s="5" t="s">
        <v>40</v>
      </c>
      <c r="T20925" s="5" t="s">
        <v>42</v>
      </c>
      <c r="U20925" s="2">
        <v>47.548000000000002</v>
      </c>
      <c r="V20925" s="2">
        <v>23.873999999999999</v>
      </c>
      <c r="W20925" s="2">
        <v>0.29599999999999999</v>
      </c>
      <c r="X20925" s="2">
        <v>231.1</v>
      </c>
      <c r="Y20925" s="2">
        <v>74.5</v>
      </c>
      <c r="Z20925" s="2">
        <v>17.2</v>
      </c>
      <c r="AA20925" s="5">
        <v>19</v>
      </c>
      <c r="AB20925" s="5" t="s">
        <v>43</v>
      </c>
      <c r="AC20925" s="5" t="s">
        <v>44</v>
      </c>
      <c r="AD20925" s="2" t="s">
        <v>67504</v>
      </c>
      <c r="AE20925" s="1"/>
    </row>
    <row r="20926" spans="1:31" ht="14.45">
      <c r="A20926" s="11"/>
      <c r="B20926" s="20"/>
      <c r="C20926" s="2" t="s">
        <v>67583</v>
      </c>
      <c r="D20926" s="14" t="s">
        <v>67584</v>
      </c>
      <c r="E20926" s="2" t="s">
        <v>67585</v>
      </c>
      <c r="F20926" s="2" t="s">
        <v>67508</v>
      </c>
      <c r="G20926" s="8">
        <v>1340</v>
      </c>
      <c r="H20926" s="5">
        <v>15</v>
      </c>
      <c r="I20926" s="5" t="s">
        <v>69</v>
      </c>
      <c r="J20926" s="5" t="s">
        <v>67349</v>
      </c>
      <c r="K20926" s="2" t="s">
        <v>67350</v>
      </c>
      <c r="L20926" s="5" t="s">
        <v>67349</v>
      </c>
      <c r="M20926" s="2" t="s">
        <v>67350</v>
      </c>
      <c r="N20926" s="5" t="s">
        <v>72</v>
      </c>
      <c r="O20926" s="5" t="s">
        <v>38</v>
      </c>
      <c r="P20926" s="5" t="s">
        <v>39</v>
      </c>
      <c r="Q20926" s="5" t="s">
        <v>40</v>
      </c>
      <c r="R20926" s="5" t="s">
        <v>73</v>
      </c>
      <c r="S20926" s="5" t="s">
        <v>40</v>
      </c>
      <c r="T20926" s="5" t="s">
        <v>42</v>
      </c>
      <c r="U20926" s="2">
        <v>47.648000000000003</v>
      </c>
      <c r="V20926" s="2">
        <v>23.908999999999999</v>
      </c>
      <c r="W20926" s="2">
        <v>0.29599999999999999</v>
      </c>
      <c r="X20926" s="2">
        <v>231.1</v>
      </c>
      <c r="Y20926" s="2">
        <v>74.5</v>
      </c>
      <c r="Z20926" s="2">
        <v>17.2</v>
      </c>
      <c r="AA20926" s="5">
        <v>19</v>
      </c>
      <c r="AB20926" s="5" t="s">
        <v>43</v>
      </c>
      <c r="AC20926" s="5" t="s">
        <v>44</v>
      </c>
      <c r="AD20926" s="2" t="s">
        <v>67504</v>
      </c>
      <c r="AE20926" s="1"/>
    </row>
    <row r="20927" spans="1:31" ht="14.45">
      <c r="A20927" s="5" t="s">
        <v>116</v>
      </c>
      <c r="B20927" s="21">
        <v>46054</v>
      </c>
      <c r="C20927" s="2" t="s">
        <v>67586</v>
      </c>
      <c r="D20927" s="14" t="s">
        <v>67587</v>
      </c>
      <c r="E20927" s="2" t="s">
        <v>67588</v>
      </c>
      <c r="F20927" s="2" t="s">
        <v>67512</v>
      </c>
      <c r="G20927" s="8">
        <v>1369</v>
      </c>
      <c r="H20927" s="5">
        <v>15</v>
      </c>
      <c r="I20927" s="5" t="s">
        <v>69</v>
      </c>
      <c r="J20927" s="5" t="s">
        <v>67349</v>
      </c>
      <c r="K20927" s="2" t="s">
        <v>67350</v>
      </c>
      <c r="L20927" s="5" t="s">
        <v>67349</v>
      </c>
      <c r="M20927" s="2" t="s">
        <v>67350</v>
      </c>
      <c r="N20927" s="5" t="s">
        <v>72</v>
      </c>
      <c r="O20927" s="5" t="s">
        <v>38</v>
      </c>
      <c r="P20927" s="5" t="s">
        <v>39</v>
      </c>
      <c r="Q20927" s="5" t="s">
        <v>40</v>
      </c>
      <c r="R20927" s="5" t="s">
        <v>73</v>
      </c>
      <c r="S20927" s="5" t="s">
        <v>40</v>
      </c>
      <c r="T20927" s="5" t="s">
        <v>42</v>
      </c>
      <c r="U20927" s="2">
        <v>57.343000000000004</v>
      </c>
      <c r="V20927" s="2">
        <v>30.323</v>
      </c>
      <c r="W20927" s="2">
        <v>0.32300000000000001</v>
      </c>
      <c r="X20927" s="2">
        <v>251.7</v>
      </c>
      <c r="Y20927" s="2">
        <v>74.5</v>
      </c>
      <c r="Z20927" s="2">
        <v>17.2</v>
      </c>
      <c r="AA20927" s="5">
        <v>19</v>
      </c>
      <c r="AB20927" s="5" t="s">
        <v>43</v>
      </c>
      <c r="AC20927" s="5" t="s">
        <v>44</v>
      </c>
      <c r="AD20927" s="2" t="s">
        <v>67513</v>
      </c>
      <c r="AE20927" s="1"/>
    </row>
    <row r="20928" spans="1:31" ht="14.45">
      <c r="A20928" s="11"/>
      <c r="B20928" s="20"/>
      <c r="C20928" s="2" t="s">
        <v>67589</v>
      </c>
      <c r="D20928" s="14" t="s">
        <v>67590</v>
      </c>
      <c r="E20928" s="2" t="s">
        <v>67591</v>
      </c>
      <c r="F20928" s="2" t="s">
        <v>67508</v>
      </c>
      <c r="G20928" s="8">
        <v>1369</v>
      </c>
      <c r="H20928" s="5">
        <v>15</v>
      </c>
      <c r="I20928" s="5" t="s">
        <v>69</v>
      </c>
      <c r="J20928" s="5" t="s">
        <v>67349</v>
      </c>
      <c r="K20928" s="2" t="s">
        <v>67350</v>
      </c>
      <c r="L20928" s="5" t="s">
        <v>67349</v>
      </c>
      <c r="M20928" s="2" t="s">
        <v>67350</v>
      </c>
      <c r="N20928" s="5" t="s">
        <v>72</v>
      </c>
      <c r="O20928" s="5" t="s">
        <v>38</v>
      </c>
      <c r="P20928" s="5" t="s">
        <v>39</v>
      </c>
      <c r="Q20928" s="5" t="s">
        <v>40</v>
      </c>
      <c r="R20928" s="5" t="s">
        <v>73</v>
      </c>
      <c r="S20928" s="5" t="s">
        <v>40</v>
      </c>
      <c r="T20928" s="5" t="s">
        <v>42</v>
      </c>
      <c r="U20928" s="2">
        <v>58.667000000000002</v>
      </c>
      <c r="V20928" s="2">
        <v>31.518000000000001</v>
      </c>
      <c r="W20928" s="2">
        <v>0.34399999999999997</v>
      </c>
      <c r="X20928" s="2">
        <v>268.10000000000002</v>
      </c>
      <c r="Y20928" s="2">
        <v>74.5</v>
      </c>
      <c r="Z20928" s="2">
        <v>17.2</v>
      </c>
      <c r="AA20928" s="5">
        <v>19</v>
      </c>
      <c r="AB20928" s="5" t="s">
        <v>43</v>
      </c>
      <c r="AC20928" s="5" t="s">
        <v>44</v>
      </c>
      <c r="AD20928" s="2" t="s">
        <v>67513</v>
      </c>
      <c r="AE20928" s="1"/>
    </row>
    <row r="20929" spans="1:31" ht="14.45">
      <c r="A20929" s="11"/>
      <c r="B20929" s="20"/>
      <c r="C20929" s="2" t="s">
        <v>67592</v>
      </c>
      <c r="D20929" s="14" t="s">
        <v>67593</v>
      </c>
      <c r="E20929" s="2" t="s">
        <v>67594</v>
      </c>
      <c r="F20929" s="2" t="s">
        <v>67348</v>
      </c>
      <c r="G20929" s="8">
        <v>271</v>
      </c>
      <c r="H20929" s="5">
        <v>5</v>
      </c>
      <c r="I20929" s="5" t="s">
        <v>69</v>
      </c>
      <c r="J20929" s="5" t="s">
        <v>67349</v>
      </c>
      <c r="K20929" s="2" t="s">
        <v>67350</v>
      </c>
      <c r="L20929" s="5" t="s">
        <v>67349</v>
      </c>
      <c r="M20929" s="2" t="s">
        <v>67350</v>
      </c>
      <c r="N20929" s="5" t="s">
        <v>72</v>
      </c>
      <c r="O20929" s="5" t="s">
        <v>38</v>
      </c>
      <c r="P20929" s="5" t="s">
        <v>39</v>
      </c>
      <c r="Q20929" s="5" t="s">
        <v>40</v>
      </c>
      <c r="R20929" s="5" t="s">
        <v>73</v>
      </c>
      <c r="S20929" s="5" t="s">
        <v>40</v>
      </c>
      <c r="T20929" s="5" t="s">
        <v>42</v>
      </c>
      <c r="U20929" s="2">
        <v>18.527000000000001</v>
      </c>
      <c r="V20929" s="2">
        <v>16.382999999999999</v>
      </c>
      <c r="W20929" s="2">
        <v>7.4999999999999997E-2</v>
      </c>
      <c r="X20929" s="2">
        <v>196.2</v>
      </c>
      <c r="Y20929" s="2">
        <v>74.5</v>
      </c>
      <c r="Z20929" s="2">
        <v>5.0999999999999996</v>
      </c>
      <c r="AA20929" s="5">
        <v>19</v>
      </c>
      <c r="AB20929" s="5" t="s">
        <v>43</v>
      </c>
      <c r="AC20929" s="5" t="s">
        <v>44</v>
      </c>
      <c r="AD20929" s="2" t="s">
        <v>67500</v>
      </c>
      <c r="AE20929" s="1"/>
    </row>
    <row r="20930" spans="1:31" ht="14.45">
      <c r="A20930" s="5" t="s">
        <v>116</v>
      </c>
      <c r="B20930" s="21">
        <v>46054</v>
      </c>
      <c r="C20930" s="2" t="s">
        <v>67595</v>
      </c>
      <c r="D20930" s="14" t="s">
        <v>67596</v>
      </c>
      <c r="E20930" s="2" t="s">
        <v>67597</v>
      </c>
      <c r="F20930" s="2" t="s">
        <v>120</v>
      </c>
      <c r="G20930" s="8">
        <v>1246</v>
      </c>
      <c r="H20930" s="5">
        <v>15</v>
      </c>
      <c r="I20930" s="5" t="s">
        <v>69</v>
      </c>
      <c r="J20930" s="5" t="s">
        <v>67349</v>
      </c>
      <c r="K20930" s="2" t="s">
        <v>67350</v>
      </c>
      <c r="L20930" s="5" t="s">
        <v>67349</v>
      </c>
      <c r="M20930" s="2" t="s">
        <v>67350</v>
      </c>
      <c r="N20930" s="5" t="s">
        <v>72</v>
      </c>
      <c r="O20930" s="5" t="s">
        <v>38</v>
      </c>
      <c r="P20930" s="5" t="s">
        <v>39</v>
      </c>
      <c r="Q20930" s="5" t="s">
        <v>40</v>
      </c>
      <c r="R20930" s="5" t="s">
        <v>73</v>
      </c>
      <c r="S20930" s="5" t="s">
        <v>40</v>
      </c>
      <c r="T20930" s="5" t="s">
        <v>42</v>
      </c>
      <c r="U20930" s="2">
        <v>47.47</v>
      </c>
      <c r="V20930" s="2">
        <v>23.922999999999998</v>
      </c>
      <c r="W20930" s="2">
        <v>0.26600000000000001</v>
      </c>
      <c r="X20930" s="2">
        <v>207.9</v>
      </c>
      <c r="Y20930" s="2">
        <v>74.5</v>
      </c>
      <c r="Z20930" s="2">
        <v>17.2</v>
      </c>
      <c r="AA20930" s="5">
        <v>19</v>
      </c>
      <c r="AB20930" s="5" t="s">
        <v>43</v>
      </c>
      <c r="AC20930" s="5" t="s">
        <v>44</v>
      </c>
      <c r="AD20930" s="2" t="s">
        <v>67504</v>
      </c>
      <c r="AE20930" s="1"/>
    </row>
    <row r="20931" spans="1:31" ht="14.45">
      <c r="A20931" s="11"/>
      <c r="B20931" s="20"/>
      <c r="C20931" s="2" t="s">
        <v>67598</v>
      </c>
      <c r="D20931" s="14" t="s">
        <v>67599</v>
      </c>
      <c r="E20931" s="2" t="s">
        <v>67600</v>
      </c>
      <c r="F20931" s="2" t="s">
        <v>67508</v>
      </c>
      <c r="G20931" s="8">
        <v>1246</v>
      </c>
      <c r="H20931" s="5">
        <v>15</v>
      </c>
      <c r="I20931" s="5" t="s">
        <v>69</v>
      </c>
      <c r="J20931" s="5" t="s">
        <v>67349</v>
      </c>
      <c r="K20931" s="2" t="s">
        <v>67350</v>
      </c>
      <c r="L20931" s="5" t="s">
        <v>67349</v>
      </c>
      <c r="M20931" s="2" t="s">
        <v>67350</v>
      </c>
      <c r="N20931" s="5" t="s">
        <v>72</v>
      </c>
      <c r="O20931" s="5" t="s">
        <v>38</v>
      </c>
      <c r="P20931" s="5" t="s">
        <v>39</v>
      </c>
      <c r="Q20931" s="5" t="s">
        <v>40</v>
      </c>
      <c r="R20931" s="5" t="s">
        <v>73</v>
      </c>
      <c r="S20931" s="5" t="s">
        <v>40</v>
      </c>
      <c r="T20931" s="5" t="s">
        <v>42</v>
      </c>
      <c r="U20931" s="2">
        <v>47.372</v>
      </c>
      <c r="V20931" s="2">
        <v>23.76</v>
      </c>
      <c r="W20931" s="2">
        <v>0.27700000000000002</v>
      </c>
      <c r="X20931" s="2">
        <v>216.1</v>
      </c>
      <c r="Y20931" s="2">
        <v>74.5</v>
      </c>
      <c r="Z20931" s="2">
        <v>17.2</v>
      </c>
      <c r="AA20931" s="5">
        <v>19</v>
      </c>
      <c r="AB20931" s="5" t="s">
        <v>43</v>
      </c>
      <c r="AC20931" s="5" t="s">
        <v>44</v>
      </c>
      <c r="AD20931" s="2" t="s">
        <v>67504</v>
      </c>
      <c r="AE20931" s="1"/>
    </row>
    <row r="20932" spans="1:31" ht="14.45">
      <c r="A20932" s="5" t="s">
        <v>116</v>
      </c>
      <c r="B20932" s="21">
        <v>46054</v>
      </c>
      <c r="C20932" s="2" t="s">
        <v>67601</v>
      </c>
      <c r="D20932" s="14" t="s">
        <v>67602</v>
      </c>
      <c r="E20932" s="2" t="s">
        <v>67603</v>
      </c>
      <c r="F20932" s="2" t="s">
        <v>67512</v>
      </c>
      <c r="G20932" s="8">
        <v>1273</v>
      </c>
      <c r="H20932" s="5">
        <v>15</v>
      </c>
      <c r="I20932" s="5" t="s">
        <v>69</v>
      </c>
      <c r="J20932" s="5" t="s">
        <v>67349</v>
      </c>
      <c r="K20932" s="2" t="s">
        <v>67350</v>
      </c>
      <c r="L20932" s="5" t="s">
        <v>67349</v>
      </c>
      <c r="M20932" s="2" t="s">
        <v>67350</v>
      </c>
      <c r="N20932" s="5" t="s">
        <v>72</v>
      </c>
      <c r="O20932" s="5" t="s">
        <v>38</v>
      </c>
      <c r="P20932" s="5" t="s">
        <v>39</v>
      </c>
      <c r="Q20932" s="5" t="s">
        <v>40</v>
      </c>
      <c r="R20932" s="5" t="s">
        <v>73</v>
      </c>
      <c r="S20932" s="5" t="s">
        <v>40</v>
      </c>
      <c r="T20932" s="5" t="s">
        <v>42</v>
      </c>
      <c r="U20932" s="2">
        <v>57.753</v>
      </c>
      <c r="V20932" s="2">
        <v>30.779</v>
      </c>
      <c r="W20932" s="2">
        <v>0.36899999999999999</v>
      </c>
      <c r="X20932" s="2">
        <v>287.7</v>
      </c>
      <c r="Y20932" s="2">
        <v>74.5</v>
      </c>
      <c r="Z20932" s="2">
        <v>17.2</v>
      </c>
      <c r="AA20932" s="5">
        <v>19</v>
      </c>
      <c r="AB20932" s="5" t="s">
        <v>43</v>
      </c>
      <c r="AC20932" s="5" t="s">
        <v>44</v>
      </c>
      <c r="AD20932" s="2" t="s">
        <v>67513</v>
      </c>
      <c r="AE20932" s="1"/>
    </row>
    <row r="20933" spans="1:31" ht="14.45">
      <c r="A20933" s="11"/>
      <c r="B20933" s="20"/>
      <c r="C20933" s="2" t="s">
        <v>67604</v>
      </c>
      <c r="D20933" s="14" t="s">
        <v>67605</v>
      </c>
      <c r="E20933" s="2" t="s">
        <v>67606</v>
      </c>
      <c r="F20933" s="2"/>
      <c r="G20933" s="8">
        <v>1273</v>
      </c>
      <c r="H20933" s="5">
        <v>15</v>
      </c>
      <c r="I20933" s="5" t="s">
        <v>69</v>
      </c>
      <c r="J20933" s="5" t="s">
        <v>67349</v>
      </c>
      <c r="K20933" s="2" t="s">
        <v>67350</v>
      </c>
      <c r="L20933" s="5" t="s">
        <v>67349</v>
      </c>
      <c r="M20933" s="2" t="s">
        <v>67350</v>
      </c>
      <c r="N20933" s="5" t="s">
        <v>72</v>
      </c>
      <c r="O20933" s="5" t="s">
        <v>38</v>
      </c>
      <c r="P20933" s="5" t="s">
        <v>39</v>
      </c>
      <c r="Q20933" s="5" t="s">
        <v>40</v>
      </c>
      <c r="R20933" s="5" t="s">
        <v>73</v>
      </c>
      <c r="S20933" s="5" t="s">
        <v>40</v>
      </c>
      <c r="T20933" s="5" t="s">
        <v>42</v>
      </c>
      <c r="U20933" s="2">
        <v>59.109000000000002</v>
      </c>
      <c r="V20933" s="2">
        <v>32.006</v>
      </c>
      <c r="W20933" s="2">
        <v>0.39</v>
      </c>
      <c r="X20933" s="2">
        <v>304.10000000000002</v>
      </c>
      <c r="Y20933" s="2">
        <v>74.5</v>
      </c>
      <c r="Z20933" s="2">
        <v>17.2</v>
      </c>
      <c r="AA20933" s="5">
        <v>19</v>
      </c>
      <c r="AB20933" s="5" t="s">
        <v>43</v>
      </c>
      <c r="AC20933" s="5" t="s">
        <v>44</v>
      </c>
      <c r="AD20933" s="2" t="s">
        <v>67513</v>
      </c>
      <c r="AE20933" s="1"/>
    </row>
    <row r="20934" spans="1:31" ht="14.45">
      <c r="A20934" s="11"/>
      <c r="B20934" s="20"/>
      <c r="C20934" s="2" t="s">
        <v>67607</v>
      </c>
      <c r="D20934" s="14" t="s">
        <v>67608</v>
      </c>
      <c r="E20934" s="2" t="s">
        <v>67609</v>
      </c>
      <c r="F20934" s="2" t="s">
        <v>67440</v>
      </c>
      <c r="G20934" s="8">
        <v>1381</v>
      </c>
      <c r="H20934" s="5">
        <v>15</v>
      </c>
      <c r="I20934" s="5" t="s">
        <v>69</v>
      </c>
      <c r="J20934" s="5" t="s">
        <v>67349</v>
      </c>
      <c r="K20934" s="2" t="s">
        <v>67350</v>
      </c>
      <c r="L20934" s="5" t="s">
        <v>67349</v>
      </c>
      <c r="M20934" s="2" t="s">
        <v>67350</v>
      </c>
      <c r="N20934" s="5" t="s">
        <v>72</v>
      </c>
      <c r="O20934" s="5" t="s">
        <v>38</v>
      </c>
      <c r="P20934" s="5" t="s">
        <v>39</v>
      </c>
      <c r="Q20934" s="5" t="s">
        <v>40</v>
      </c>
      <c r="R20934" s="5" t="s">
        <v>73</v>
      </c>
      <c r="S20934" s="5" t="s">
        <v>40</v>
      </c>
      <c r="T20934" s="5" t="s">
        <v>42</v>
      </c>
      <c r="U20934" s="2">
        <v>58.764000000000003</v>
      </c>
      <c r="V20934" s="2">
        <v>33.719000000000001</v>
      </c>
      <c r="W20934" s="2">
        <v>0.35699999999999998</v>
      </c>
      <c r="X20934" s="2">
        <v>216.1</v>
      </c>
      <c r="Y20934" s="2">
        <v>74.5</v>
      </c>
      <c r="Z20934" s="2">
        <v>22.2</v>
      </c>
      <c r="AA20934" s="5">
        <v>19</v>
      </c>
      <c r="AB20934" s="5" t="s">
        <v>43</v>
      </c>
      <c r="AC20934" s="5" t="s">
        <v>44</v>
      </c>
      <c r="AD20934" s="2" t="s">
        <v>67610</v>
      </c>
      <c r="AE20934" s="1"/>
    </row>
    <row r="20935" spans="1:31" ht="14.45">
      <c r="A20935" s="11"/>
      <c r="B20935" s="20"/>
      <c r="C20935" s="2" t="s">
        <v>67611</v>
      </c>
      <c r="D20935" s="14" t="s">
        <v>67612</v>
      </c>
      <c r="E20935" s="2" t="s">
        <v>67613</v>
      </c>
      <c r="F20935" s="2" t="s">
        <v>67348</v>
      </c>
      <c r="G20935" s="8">
        <v>291</v>
      </c>
      <c r="H20935" s="5">
        <v>5</v>
      </c>
      <c r="I20935" s="5" t="s">
        <v>69</v>
      </c>
      <c r="J20935" s="5" t="s">
        <v>67349</v>
      </c>
      <c r="K20935" s="2" t="s">
        <v>67350</v>
      </c>
      <c r="L20935" s="5" t="s">
        <v>67349</v>
      </c>
      <c r="M20935" s="2" t="s">
        <v>67350</v>
      </c>
      <c r="N20935" s="5" t="s">
        <v>72</v>
      </c>
      <c r="O20935" s="5" t="s">
        <v>38</v>
      </c>
      <c r="P20935" s="5" t="s">
        <v>39</v>
      </c>
      <c r="Q20935" s="5" t="s">
        <v>40</v>
      </c>
      <c r="R20935" s="5" t="s">
        <v>73</v>
      </c>
      <c r="S20935" s="5" t="s">
        <v>40</v>
      </c>
      <c r="T20935" s="5" t="s">
        <v>42</v>
      </c>
      <c r="U20935" s="2">
        <v>20</v>
      </c>
      <c r="V20935" s="2">
        <v>17.696999999999999</v>
      </c>
      <c r="W20935" s="2">
        <v>8.2000000000000003E-2</v>
      </c>
      <c r="X20935" s="2">
        <v>216.2</v>
      </c>
      <c r="Y20935" s="2">
        <v>74.5</v>
      </c>
      <c r="Z20935" s="2">
        <v>5.0999999999999996</v>
      </c>
      <c r="AA20935" s="5">
        <v>19</v>
      </c>
      <c r="AB20935" s="5" t="s">
        <v>43</v>
      </c>
      <c r="AC20935" s="5" t="s">
        <v>44</v>
      </c>
      <c r="AD20935" s="2" t="s">
        <v>67500</v>
      </c>
      <c r="AE20935" s="1"/>
    </row>
    <row r="20936" spans="1:31" ht="14.45">
      <c r="A20936" s="5" t="s">
        <v>116</v>
      </c>
      <c r="B20936" s="21">
        <v>46054</v>
      </c>
      <c r="C20936" s="2" t="s">
        <v>67614</v>
      </c>
      <c r="D20936" s="14" t="s">
        <v>67615</v>
      </c>
      <c r="E20936" s="2" t="s">
        <v>67616</v>
      </c>
      <c r="F20936" s="2" t="s">
        <v>120</v>
      </c>
      <c r="G20936" s="8">
        <v>1340</v>
      </c>
      <c r="H20936" s="5">
        <v>15</v>
      </c>
      <c r="I20936" s="5" t="s">
        <v>69</v>
      </c>
      <c r="J20936" s="5" t="s">
        <v>67349</v>
      </c>
      <c r="K20936" s="2" t="s">
        <v>67350</v>
      </c>
      <c r="L20936" s="5" t="s">
        <v>67349</v>
      </c>
      <c r="M20936" s="2" t="s">
        <v>67350</v>
      </c>
      <c r="N20936" s="5" t="s">
        <v>72</v>
      </c>
      <c r="O20936" s="5" t="s">
        <v>38</v>
      </c>
      <c r="P20936" s="5" t="s">
        <v>39</v>
      </c>
      <c r="Q20936" s="5" t="s">
        <v>40</v>
      </c>
      <c r="R20936" s="5" t="s">
        <v>73</v>
      </c>
      <c r="S20936" s="5" t="s">
        <v>40</v>
      </c>
      <c r="T20936" s="5" t="s">
        <v>42</v>
      </c>
      <c r="U20936" s="2">
        <v>48.789000000000001</v>
      </c>
      <c r="V20936" s="2">
        <v>25.01</v>
      </c>
      <c r="W20936" s="2">
        <v>0.26800000000000002</v>
      </c>
      <c r="X20936" s="2">
        <v>209.1</v>
      </c>
      <c r="Y20936" s="2">
        <v>74.5</v>
      </c>
      <c r="Z20936" s="2">
        <v>17.2</v>
      </c>
      <c r="AA20936" s="5">
        <v>19</v>
      </c>
      <c r="AB20936" s="5" t="s">
        <v>43</v>
      </c>
      <c r="AC20936" s="5" t="s">
        <v>44</v>
      </c>
      <c r="AD20936" s="2" t="s">
        <v>67504</v>
      </c>
      <c r="AE20936" s="1"/>
    </row>
    <row r="20937" spans="1:31" ht="14.45">
      <c r="A20937" s="11"/>
      <c r="B20937" s="20"/>
      <c r="C20937" s="2" t="s">
        <v>67617</v>
      </c>
      <c r="D20937" s="14" t="s">
        <v>67618</v>
      </c>
      <c r="E20937" s="2" t="s">
        <v>67619</v>
      </c>
      <c r="F20937" s="2" t="s">
        <v>67508</v>
      </c>
      <c r="G20937" s="8">
        <v>1340</v>
      </c>
      <c r="H20937" s="5">
        <v>15</v>
      </c>
      <c r="I20937" s="5" t="s">
        <v>69</v>
      </c>
      <c r="J20937" s="5" t="s">
        <v>67349</v>
      </c>
      <c r="K20937" s="2" t="s">
        <v>67350</v>
      </c>
      <c r="L20937" s="5" t="s">
        <v>67349</v>
      </c>
      <c r="M20937" s="2" t="s">
        <v>67350</v>
      </c>
      <c r="N20937" s="5" t="s">
        <v>72</v>
      </c>
      <c r="O20937" s="5" t="s">
        <v>38</v>
      </c>
      <c r="P20937" s="5" t="s">
        <v>39</v>
      </c>
      <c r="Q20937" s="5" t="s">
        <v>40</v>
      </c>
      <c r="R20937" s="5" t="s">
        <v>73</v>
      </c>
      <c r="S20937" s="5" t="s">
        <v>40</v>
      </c>
      <c r="T20937" s="5" t="s">
        <v>42</v>
      </c>
      <c r="U20937" s="2">
        <v>48.691000000000003</v>
      </c>
      <c r="V20937" s="2">
        <v>24.847000000000001</v>
      </c>
      <c r="W20937" s="2">
        <v>0.27700000000000002</v>
      </c>
      <c r="X20937" s="2">
        <v>216.1</v>
      </c>
      <c r="Y20937" s="2">
        <v>74.5</v>
      </c>
      <c r="Z20937" s="2">
        <v>17.2</v>
      </c>
      <c r="AA20937" s="5">
        <v>19</v>
      </c>
      <c r="AB20937" s="5" t="s">
        <v>43</v>
      </c>
      <c r="AC20937" s="5" t="s">
        <v>44</v>
      </c>
      <c r="AD20937" s="2" t="s">
        <v>67504</v>
      </c>
      <c r="AE20937" s="1"/>
    </row>
    <row r="20938" spans="1:31" ht="14.45">
      <c r="A20938" s="5" t="s">
        <v>116</v>
      </c>
      <c r="B20938" s="21">
        <v>46054</v>
      </c>
      <c r="C20938" s="2" t="s">
        <v>67620</v>
      </c>
      <c r="D20938" s="14" t="s">
        <v>67621</v>
      </c>
      <c r="E20938" s="2" t="s">
        <v>67622</v>
      </c>
      <c r="F20938" s="2" t="s">
        <v>67512</v>
      </c>
      <c r="G20938" s="8">
        <v>1369</v>
      </c>
      <c r="H20938" s="5">
        <v>15</v>
      </c>
      <c r="I20938" s="5" t="s">
        <v>69</v>
      </c>
      <c r="J20938" s="5" t="s">
        <v>67349</v>
      </c>
      <c r="K20938" s="2" t="s">
        <v>67350</v>
      </c>
      <c r="L20938" s="5" t="s">
        <v>67349</v>
      </c>
      <c r="M20938" s="2" t="s">
        <v>67350</v>
      </c>
      <c r="N20938" s="5" t="s">
        <v>72</v>
      </c>
      <c r="O20938" s="5" t="s">
        <v>38</v>
      </c>
      <c r="P20938" s="5" t="s">
        <v>39</v>
      </c>
      <c r="Q20938" s="5" t="s">
        <v>40</v>
      </c>
      <c r="R20938" s="5" t="s">
        <v>73</v>
      </c>
      <c r="S20938" s="5" t="s">
        <v>40</v>
      </c>
      <c r="T20938" s="5" t="s">
        <v>42</v>
      </c>
      <c r="U20938" s="2">
        <v>59.113</v>
      </c>
      <c r="V20938" s="2">
        <v>31.907</v>
      </c>
      <c r="W20938" s="2">
        <v>0.36899999999999999</v>
      </c>
      <c r="X20938" s="2">
        <v>287.7</v>
      </c>
      <c r="Y20938" s="2">
        <v>74.5</v>
      </c>
      <c r="Z20938" s="2">
        <v>17.2</v>
      </c>
      <c r="AA20938" s="5">
        <v>19</v>
      </c>
      <c r="AB20938" s="5" t="s">
        <v>43</v>
      </c>
      <c r="AC20938" s="5" t="s">
        <v>44</v>
      </c>
      <c r="AD20938" s="2" t="s">
        <v>67513</v>
      </c>
      <c r="AE20938" s="1"/>
    </row>
    <row r="20939" spans="1:31" ht="14.45">
      <c r="A20939" s="11"/>
      <c r="B20939" s="20"/>
      <c r="C20939" s="2" t="s">
        <v>67623</v>
      </c>
      <c r="D20939" s="14" t="s">
        <v>67624</v>
      </c>
      <c r="E20939" s="2" t="s">
        <v>67625</v>
      </c>
      <c r="F20939" s="2" t="s">
        <v>67626</v>
      </c>
      <c r="G20939" s="8">
        <v>1369</v>
      </c>
      <c r="H20939" s="5">
        <v>15</v>
      </c>
      <c r="I20939" s="5" t="s">
        <v>69</v>
      </c>
      <c r="J20939" s="5" t="s">
        <v>67349</v>
      </c>
      <c r="K20939" s="2" t="s">
        <v>67350</v>
      </c>
      <c r="L20939" s="5" t="s">
        <v>67349</v>
      </c>
      <c r="M20939" s="2" t="s">
        <v>67350</v>
      </c>
      <c r="N20939" s="5" t="s">
        <v>72</v>
      </c>
      <c r="O20939" s="5" t="s">
        <v>38</v>
      </c>
      <c r="P20939" s="5" t="s">
        <v>39</v>
      </c>
      <c r="Q20939" s="5" t="s">
        <v>40</v>
      </c>
      <c r="R20939" s="5" t="s">
        <v>73</v>
      </c>
      <c r="S20939" s="5" t="s">
        <v>40</v>
      </c>
      <c r="T20939" s="5" t="s">
        <v>42</v>
      </c>
      <c r="U20939" s="2">
        <v>60.469000000000001</v>
      </c>
      <c r="V20939" s="2">
        <v>33.134</v>
      </c>
      <c r="W20939" s="2">
        <v>0.39</v>
      </c>
      <c r="X20939" s="2">
        <v>304.10000000000002</v>
      </c>
      <c r="Y20939" s="2">
        <v>74.5</v>
      </c>
      <c r="Z20939" s="2">
        <v>17.2</v>
      </c>
      <c r="AA20939" s="5">
        <v>19</v>
      </c>
      <c r="AB20939" s="5" t="s">
        <v>43</v>
      </c>
      <c r="AC20939" s="5" t="s">
        <v>44</v>
      </c>
      <c r="AD20939" s="2" t="s">
        <v>67513</v>
      </c>
      <c r="AE20939" s="1"/>
    </row>
    <row r="20940" spans="1:31" ht="14.45">
      <c r="A20940" s="11"/>
      <c r="B20940" s="20"/>
      <c r="C20940" s="2" t="s">
        <v>67627</v>
      </c>
      <c r="D20940" s="14" t="s">
        <v>67628</v>
      </c>
      <c r="E20940" s="2" t="s">
        <v>67629</v>
      </c>
      <c r="F20940" s="2" t="s">
        <v>67348</v>
      </c>
      <c r="G20940" s="8">
        <v>310</v>
      </c>
      <c r="H20940" s="5">
        <v>5</v>
      </c>
      <c r="I20940" s="5" t="s">
        <v>69</v>
      </c>
      <c r="J20940" s="5" t="s">
        <v>67349</v>
      </c>
      <c r="K20940" s="2" t="s">
        <v>67350</v>
      </c>
      <c r="L20940" s="5" t="s">
        <v>67349</v>
      </c>
      <c r="M20940" s="2" t="s">
        <v>67350</v>
      </c>
      <c r="N20940" s="5" t="s">
        <v>72</v>
      </c>
      <c r="O20940" s="5" t="s">
        <v>38</v>
      </c>
      <c r="P20940" s="5" t="s">
        <v>39</v>
      </c>
      <c r="Q20940" s="5" t="s">
        <v>40</v>
      </c>
      <c r="R20940" s="5" t="s">
        <v>73</v>
      </c>
      <c r="S20940" s="5" t="s">
        <v>40</v>
      </c>
      <c r="T20940" s="5" t="s">
        <v>42</v>
      </c>
      <c r="U20940" s="2">
        <v>21.346</v>
      </c>
      <c r="V20940" s="2">
        <v>18.867999999999999</v>
      </c>
      <c r="W20940" s="2">
        <v>9.0999999999999998E-2</v>
      </c>
      <c r="X20940" s="2">
        <v>238.2</v>
      </c>
      <c r="Y20940" s="2">
        <v>74.5</v>
      </c>
      <c r="Z20940" s="2">
        <v>5.0999999999999996</v>
      </c>
      <c r="AA20940" s="5">
        <v>19</v>
      </c>
      <c r="AB20940" s="5" t="s">
        <v>43</v>
      </c>
      <c r="AC20940" s="5" t="s">
        <v>44</v>
      </c>
      <c r="AD20940" s="2" t="s">
        <v>67500</v>
      </c>
      <c r="AE20940" s="1"/>
    </row>
    <row r="20941" spans="1:31" ht="14.45">
      <c r="A20941" s="5" t="s">
        <v>116</v>
      </c>
      <c r="B20941" s="21">
        <v>46054</v>
      </c>
      <c r="C20941" s="2" t="s">
        <v>67630</v>
      </c>
      <c r="D20941" s="14" t="s">
        <v>67631</v>
      </c>
      <c r="E20941" s="2" t="s">
        <v>67632</v>
      </c>
      <c r="F20941" s="2" t="s">
        <v>120</v>
      </c>
      <c r="G20941" s="8">
        <v>1427</v>
      </c>
      <c r="H20941" s="5">
        <v>15</v>
      </c>
      <c r="I20941" s="5" t="s">
        <v>69</v>
      </c>
      <c r="J20941" s="5" t="s">
        <v>67349</v>
      </c>
      <c r="K20941" s="2" t="s">
        <v>67350</v>
      </c>
      <c r="L20941" s="5" t="s">
        <v>67349</v>
      </c>
      <c r="M20941" s="2" t="s">
        <v>67350</v>
      </c>
      <c r="N20941" s="5" t="s">
        <v>72</v>
      </c>
      <c r="O20941" s="5" t="s">
        <v>38</v>
      </c>
      <c r="P20941" s="5" t="s">
        <v>39</v>
      </c>
      <c r="Q20941" s="5" t="s">
        <v>40</v>
      </c>
      <c r="R20941" s="5" t="s">
        <v>73</v>
      </c>
      <c r="S20941" s="5" t="s">
        <v>40</v>
      </c>
      <c r="T20941" s="5" t="s">
        <v>42</v>
      </c>
      <c r="U20941" s="2">
        <v>50.082999999999998</v>
      </c>
      <c r="V20941" s="2">
        <v>26.206</v>
      </c>
      <c r="W20941" s="2">
        <v>0.29599999999999999</v>
      </c>
      <c r="X20941" s="2">
        <v>231.1</v>
      </c>
      <c r="Y20941" s="2">
        <v>74.5</v>
      </c>
      <c r="Z20941" s="2">
        <v>17.2</v>
      </c>
      <c r="AA20941" s="5">
        <v>19</v>
      </c>
      <c r="AB20941" s="5" t="s">
        <v>43</v>
      </c>
      <c r="AC20941" s="5" t="s">
        <v>44</v>
      </c>
      <c r="AD20941" s="2" t="s">
        <v>67504</v>
      </c>
      <c r="AE20941" s="1"/>
    </row>
    <row r="20942" spans="1:31" ht="14.45">
      <c r="A20942" s="11"/>
      <c r="B20942" s="20"/>
      <c r="C20942" s="2" t="s">
        <v>67633</v>
      </c>
      <c r="D20942" s="14" t="s">
        <v>67634</v>
      </c>
      <c r="E20942" s="2" t="s">
        <v>67635</v>
      </c>
      <c r="F20942" s="2" t="s">
        <v>67508</v>
      </c>
      <c r="G20942" s="8">
        <v>1427</v>
      </c>
      <c r="H20942" s="5">
        <v>15</v>
      </c>
      <c r="I20942" s="5" t="s">
        <v>69</v>
      </c>
      <c r="J20942" s="5" t="s">
        <v>67349</v>
      </c>
      <c r="K20942" s="2" t="s">
        <v>67350</v>
      </c>
      <c r="L20942" s="5" t="s">
        <v>67349</v>
      </c>
      <c r="M20942" s="2" t="s">
        <v>67350</v>
      </c>
      <c r="N20942" s="5" t="s">
        <v>72</v>
      </c>
      <c r="O20942" s="5" t="s">
        <v>38</v>
      </c>
      <c r="P20942" s="5" t="s">
        <v>39</v>
      </c>
      <c r="Q20942" s="5" t="s">
        <v>40</v>
      </c>
      <c r="R20942" s="5" t="s">
        <v>73</v>
      </c>
      <c r="S20942" s="5" t="s">
        <v>40</v>
      </c>
      <c r="T20942" s="5" t="s">
        <v>42</v>
      </c>
      <c r="U20942" s="2">
        <v>49.984999999999999</v>
      </c>
      <c r="V20942" s="2">
        <v>26.042999999999999</v>
      </c>
      <c r="W20942" s="2">
        <v>0.29599999999999999</v>
      </c>
      <c r="X20942" s="2">
        <v>231.1</v>
      </c>
      <c r="Y20942" s="2">
        <v>74.5</v>
      </c>
      <c r="Z20942" s="2">
        <v>17.2</v>
      </c>
      <c r="AA20942" s="5">
        <v>19</v>
      </c>
      <c r="AB20942" s="5" t="s">
        <v>43</v>
      </c>
      <c r="AC20942" s="5" t="s">
        <v>44</v>
      </c>
      <c r="AD20942" s="2" t="s">
        <v>67504</v>
      </c>
      <c r="AE20942" s="1"/>
    </row>
    <row r="20943" spans="1:31" ht="14.45">
      <c r="A20943" s="5" t="s">
        <v>116</v>
      </c>
      <c r="B20943" s="21">
        <v>46054</v>
      </c>
      <c r="C20943" s="2" t="s">
        <v>67636</v>
      </c>
      <c r="D20943" s="14" t="s">
        <v>67637</v>
      </c>
      <c r="E20943" s="2" t="s">
        <v>67638</v>
      </c>
      <c r="F20943" s="2" t="s">
        <v>67512</v>
      </c>
      <c r="G20943" s="8">
        <v>1458</v>
      </c>
      <c r="H20943" s="5">
        <v>15</v>
      </c>
      <c r="I20943" s="5" t="s">
        <v>69</v>
      </c>
      <c r="J20943" s="5" t="s">
        <v>67349</v>
      </c>
      <c r="K20943" s="2" t="s">
        <v>67350</v>
      </c>
      <c r="L20943" s="5" t="s">
        <v>67349</v>
      </c>
      <c r="M20943" s="2" t="s">
        <v>67350</v>
      </c>
      <c r="N20943" s="5" t="s">
        <v>72</v>
      </c>
      <c r="O20943" s="5" t="s">
        <v>38</v>
      </c>
      <c r="P20943" s="5" t="s">
        <v>39</v>
      </c>
      <c r="Q20943" s="5" t="s">
        <v>40</v>
      </c>
      <c r="R20943" s="5" t="s">
        <v>73</v>
      </c>
      <c r="S20943" s="5" t="s">
        <v>40</v>
      </c>
      <c r="T20943" s="5" t="s">
        <v>42</v>
      </c>
      <c r="U20943" s="2">
        <v>60.451999999999998</v>
      </c>
      <c r="V20943" s="2">
        <v>33.148000000000003</v>
      </c>
      <c r="W20943" s="2">
        <v>0.36899999999999999</v>
      </c>
      <c r="X20943" s="2">
        <v>287.7</v>
      </c>
      <c r="Y20943" s="2">
        <v>74.5</v>
      </c>
      <c r="Z20943" s="2">
        <v>17.2</v>
      </c>
      <c r="AA20943" s="5">
        <v>19</v>
      </c>
      <c r="AB20943" s="5" t="s">
        <v>43</v>
      </c>
      <c r="AC20943" s="5" t="s">
        <v>44</v>
      </c>
      <c r="AD20943" s="2" t="s">
        <v>67513</v>
      </c>
      <c r="AE20943" s="1"/>
    </row>
    <row r="20944" spans="1:31" ht="14.45">
      <c r="A20944" s="11"/>
      <c r="B20944" s="20"/>
      <c r="C20944" s="2" t="s">
        <v>67639</v>
      </c>
      <c r="D20944" s="14" t="s">
        <v>67640</v>
      </c>
      <c r="E20944" s="2" t="s">
        <v>67641</v>
      </c>
      <c r="F20944" s="2" t="s">
        <v>67508</v>
      </c>
      <c r="G20944" s="8">
        <v>1458</v>
      </c>
      <c r="H20944" s="5">
        <v>15</v>
      </c>
      <c r="I20944" s="5" t="s">
        <v>69</v>
      </c>
      <c r="J20944" s="5" t="s">
        <v>67349</v>
      </c>
      <c r="K20944" s="2" t="s">
        <v>67350</v>
      </c>
      <c r="L20944" s="5" t="s">
        <v>67349</v>
      </c>
      <c r="M20944" s="2" t="s">
        <v>67350</v>
      </c>
      <c r="N20944" s="5" t="s">
        <v>72</v>
      </c>
      <c r="O20944" s="5" t="s">
        <v>38</v>
      </c>
      <c r="P20944" s="5" t="s">
        <v>39</v>
      </c>
      <c r="Q20944" s="5" t="s">
        <v>40</v>
      </c>
      <c r="R20944" s="5" t="s">
        <v>73</v>
      </c>
      <c r="S20944" s="5" t="s">
        <v>40</v>
      </c>
      <c r="T20944" s="5" t="s">
        <v>42</v>
      </c>
      <c r="U20944" s="2">
        <v>61.808</v>
      </c>
      <c r="V20944" s="2">
        <v>34.375</v>
      </c>
      <c r="W20944" s="2">
        <v>0.39</v>
      </c>
      <c r="X20944" s="2">
        <v>304.10000000000002</v>
      </c>
      <c r="Y20944" s="2">
        <v>74.5</v>
      </c>
      <c r="Z20944" s="2">
        <v>17.2</v>
      </c>
      <c r="AA20944" s="5">
        <v>19</v>
      </c>
      <c r="AB20944" s="5" t="s">
        <v>43</v>
      </c>
      <c r="AC20944" s="5" t="s">
        <v>44</v>
      </c>
      <c r="AD20944" s="2" t="s">
        <v>67513</v>
      </c>
      <c r="AE20944" s="1"/>
    </row>
    <row r="20945" spans="1:31" ht="14.45">
      <c r="A20945" s="11"/>
      <c r="B20945" s="20"/>
      <c r="C20945" s="2" t="s">
        <v>67642</v>
      </c>
      <c r="D20945" s="14" t="s">
        <v>67643</v>
      </c>
      <c r="E20945" s="2" t="s">
        <v>67644</v>
      </c>
      <c r="F20945" s="2" t="s">
        <v>67348</v>
      </c>
      <c r="G20945" s="8">
        <v>317</v>
      </c>
      <c r="H20945" s="5">
        <v>5</v>
      </c>
      <c r="I20945" s="5" t="s">
        <v>69</v>
      </c>
      <c r="J20945" s="5" t="s">
        <v>67349</v>
      </c>
      <c r="K20945" s="2" t="s">
        <v>67350</v>
      </c>
      <c r="L20945" s="5" t="s">
        <v>67349</v>
      </c>
      <c r="M20945" s="2" t="s">
        <v>67350</v>
      </c>
      <c r="N20945" s="5" t="s">
        <v>72</v>
      </c>
      <c r="O20945" s="5" t="s">
        <v>38</v>
      </c>
      <c r="P20945" s="5" t="s">
        <v>39</v>
      </c>
      <c r="Q20945" s="5" t="s">
        <v>40</v>
      </c>
      <c r="R20945" s="5" t="s">
        <v>73</v>
      </c>
      <c r="S20945" s="5" t="s">
        <v>40</v>
      </c>
      <c r="T20945" s="5" t="s">
        <v>42</v>
      </c>
      <c r="U20945" s="2">
        <v>22.559000000000001</v>
      </c>
      <c r="V20945" s="2">
        <v>19.920999999999999</v>
      </c>
      <c r="W20945" s="2">
        <v>9.8000000000000004E-2</v>
      </c>
      <c r="X20945" s="2">
        <v>258.39999999999998</v>
      </c>
      <c r="Y20945" s="2">
        <v>74.5</v>
      </c>
      <c r="Z20945" s="2">
        <v>5.0999999999999996</v>
      </c>
      <c r="AA20945" s="5">
        <v>19</v>
      </c>
      <c r="AB20945" s="5" t="s">
        <v>43</v>
      </c>
      <c r="AC20945" s="5" t="s">
        <v>44</v>
      </c>
      <c r="AD20945" s="2" t="s">
        <v>67500</v>
      </c>
      <c r="AE20945" s="1"/>
    </row>
    <row r="20946" spans="1:31" ht="14.45">
      <c r="A20946" s="5" t="s">
        <v>116</v>
      </c>
      <c r="B20946" s="21">
        <v>46054</v>
      </c>
      <c r="C20946" s="2" t="s">
        <v>67645</v>
      </c>
      <c r="D20946" s="14" t="s">
        <v>67646</v>
      </c>
      <c r="E20946" s="2" t="s">
        <v>67647</v>
      </c>
      <c r="F20946" s="2" t="s">
        <v>67508</v>
      </c>
      <c r="G20946" s="8">
        <v>1460</v>
      </c>
      <c r="H20946" s="5">
        <v>15</v>
      </c>
      <c r="I20946" s="5" t="s">
        <v>69</v>
      </c>
      <c r="J20946" s="5" t="s">
        <v>67349</v>
      </c>
      <c r="K20946" s="2" t="s">
        <v>67350</v>
      </c>
      <c r="L20946" s="5" t="s">
        <v>67349</v>
      </c>
      <c r="M20946" s="2" t="s">
        <v>67350</v>
      </c>
      <c r="N20946" s="5" t="s">
        <v>72</v>
      </c>
      <c r="O20946" s="5" t="s">
        <v>38</v>
      </c>
      <c r="P20946" s="5" t="s">
        <v>39</v>
      </c>
      <c r="Q20946" s="5" t="s">
        <v>40</v>
      </c>
      <c r="R20946" s="5" t="s">
        <v>73</v>
      </c>
      <c r="S20946" s="5" t="s">
        <v>40</v>
      </c>
      <c r="T20946" s="5" t="s">
        <v>42</v>
      </c>
      <c r="U20946" s="2">
        <v>53.634</v>
      </c>
      <c r="V20946" s="2">
        <v>27.300999999999998</v>
      </c>
      <c r="W20946" s="2">
        <v>0.32200000000000001</v>
      </c>
      <c r="X20946" s="2">
        <v>251.3</v>
      </c>
      <c r="Y20946" s="2">
        <v>74.5</v>
      </c>
      <c r="Z20946" s="2">
        <v>17.2</v>
      </c>
      <c r="AA20946" s="5">
        <v>19</v>
      </c>
      <c r="AB20946" s="5" t="s">
        <v>43</v>
      </c>
      <c r="AC20946" s="5" t="s">
        <v>44</v>
      </c>
      <c r="AD20946" s="2" t="s">
        <v>67504</v>
      </c>
      <c r="AE20946" s="1"/>
    </row>
    <row r="20947" spans="1:31" ht="14.45">
      <c r="A20947" s="11"/>
      <c r="B20947" s="20"/>
      <c r="C20947" s="2" t="s">
        <v>67648</v>
      </c>
      <c r="D20947" s="14" t="s">
        <v>67649</v>
      </c>
      <c r="E20947" s="2" t="s">
        <v>67650</v>
      </c>
      <c r="F20947" s="2" t="s">
        <v>67508</v>
      </c>
      <c r="G20947" s="8">
        <v>1460</v>
      </c>
      <c r="H20947" s="5">
        <v>15</v>
      </c>
      <c r="I20947" s="5" t="s">
        <v>69</v>
      </c>
      <c r="J20947" s="5" t="s">
        <v>67349</v>
      </c>
      <c r="K20947" s="2" t="s">
        <v>67350</v>
      </c>
      <c r="L20947" s="5" t="s">
        <v>67349</v>
      </c>
      <c r="M20947" s="2" t="s">
        <v>67350</v>
      </c>
      <c r="N20947" s="5" t="s">
        <v>72</v>
      </c>
      <c r="O20947" s="5" t="s">
        <v>38</v>
      </c>
      <c r="P20947" s="5" t="s">
        <v>39</v>
      </c>
      <c r="Q20947" s="5" t="s">
        <v>40</v>
      </c>
      <c r="R20947" s="5" t="s">
        <v>73</v>
      </c>
      <c r="S20947" s="5" t="s">
        <v>40</v>
      </c>
      <c r="T20947" s="5" t="s">
        <v>42</v>
      </c>
      <c r="U20947" s="2">
        <v>53.536000000000001</v>
      </c>
      <c r="V20947" s="2">
        <v>27.138000000000002</v>
      </c>
      <c r="W20947" s="2">
        <v>0.32200000000000001</v>
      </c>
      <c r="X20947" s="2">
        <v>251.3</v>
      </c>
      <c r="Y20947" s="2">
        <v>74.5</v>
      </c>
      <c r="Z20947" s="2">
        <v>17.2</v>
      </c>
      <c r="AA20947" s="5">
        <v>19</v>
      </c>
      <c r="AB20947" s="5" t="s">
        <v>43</v>
      </c>
      <c r="AC20947" s="5" t="s">
        <v>44</v>
      </c>
      <c r="AD20947" s="2" t="s">
        <v>67504</v>
      </c>
      <c r="AE20947" s="1"/>
    </row>
    <row r="20948" spans="1:31" ht="14.45">
      <c r="A20948" s="5" t="s">
        <v>116</v>
      </c>
      <c r="B20948" s="21">
        <v>46054</v>
      </c>
      <c r="C20948" s="2" t="s">
        <v>67651</v>
      </c>
      <c r="D20948" s="14" t="s">
        <v>67652</v>
      </c>
      <c r="E20948" s="2" t="s">
        <v>67653</v>
      </c>
      <c r="F20948" s="2" t="s">
        <v>67512</v>
      </c>
      <c r="G20948" s="8">
        <v>1492</v>
      </c>
      <c r="H20948" s="5">
        <v>15</v>
      </c>
      <c r="I20948" s="5" t="s">
        <v>69</v>
      </c>
      <c r="J20948" s="5" t="s">
        <v>67349</v>
      </c>
      <c r="K20948" s="2" t="s">
        <v>67350</v>
      </c>
      <c r="L20948" s="5" t="s">
        <v>67349</v>
      </c>
      <c r="M20948" s="2" t="s">
        <v>67350</v>
      </c>
      <c r="N20948" s="5" t="s">
        <v>72</v>
      </c>
      <c r="O20948" s="5" t="s">
        <v>38</v>
      </c>
      <c r="P20948" s="5" t="s">
        <v>39</v>
      </c>
      <c r="Q20948" s="5" t="s">
        <v>40</v>
      </c>
      <c r="R20948" s="5" t="s">
        <v>73</v>
      </c>
      <c r="S20948" s="5" t="s">
        <v>40</v>
      </c>
      <c r="T20948" s="5" t="s">
        <v>42</v>
      </c>
      <c r="U20948" s="2">
        <v>61.679000000000002</v>
      </c>
      <c r="V20948" s="2">
        <v>34.283999999999999</v>
      </c>
      <c r="W20948" s="2">
        <v>0.36899999999999999</v>
      </c>
      <c r="X20948" s="2">
        <v>287.7</v>
      </c>
      <c r="Y20948" s="2">
        <v>74.5</v>
      </c>
      <c r="Z20948" s="2">
        <v>17.2</v>
      </c>
      <c r="AA20948" s="5">
        <v>19</v>
      </c>
      <c r="AB20948" s="5" t="s">
        <v>43</v>
      </c>
      <c r="AC20948" s="5" t="s">
        <v>44</v>
      </c>
      <c r="AD20948" s="2" t="s">
        <v>67513</v>
      </c>
      <c r="AE20948" s="1"/>
    </row>
    <row r="20949" spans="1:31" ht="14.45">
      <c r="A20949" s="11"/>
      <c r="B20949" s="20"/>
      <c r="C20949" s="2" t="s">
        <v>67654</v>
      </c>
      <c r="D20949" s="14" t="s">
        <v>67655</v>
      </c>
      <c r="E20949" s="2" t="s">
        <v>67656</v>
      </c>
      <c r="F20949" s="2" t="s">
        <v>67508</v>
      </c>
      <c r="G20949" s="8">
        <v>1492</v>
      </c>
      <c r="H20949" s="5">
        <v>15</v>
      </c>
      <c r="I20949" s="5" t="s">
        <v>69</v>
      </c>
      <c r="J20949" s="5" t="s">
        <v>67349</v>
      </c>
      <c r="K20949" s="2" t="s">
        <v>67350</v>
      </c>
      <c r="L20949" s="5" t="s">
        <v>67349</v>
      </c>
      <c r="M20949" s="2" t="s">
        <v>67350</v>
      </c>
      <c r="N20949" s="5" t="s">
        <v>72</v>
      </c>
      <c r="O20949" s="5" t="s">
        <v>38</v>
      </c>
      <c r="P20949" s="5" t="s">
        <v>39</v>
      </c>
      <c r="Q20949" s="5" t="s">
        <v>40</v>
      </c>
      <c r="R20949" s="5" t="s">
        <v>73</v>
      </c>
      <c r="S20949" s="5" t="s">
        <v>40</v>
      </c>
      <c r="T20949" s="5" t="s">
        <v>42</v>
      </c>
      <c r="U20949" s="2">
        <v>63.034999999999997</v>
      </c>
      <c r="V20949" s="2">
        <v>35.511000000000003</v>
      </c>
      <c r="W20949" s="2">
        <v>0.39</v>
      </c>
      <c r="X20949" s="2">
        <v>304.10000000000002</v>
      </c>
      <c r="Y20949" s="2">
        <v>74.5</v>
      </c>
      <c r="Z20949" s="2">
        <v>17.2</v>
      </c>
      <c r="AA20949" s="5">
        <v>19</v>
      </c>
      <c r="AB20949" s="5" t="s">
        <v>43</v>
      </c>
      <c r="AC20949" s="5" t="s">
        <v>44</v>
      </c>
      <c r="AD20949" s="2" t="s">
        <v>67513</v>
      </c>
      <c r="AE20949" s="1"/>
    </row>
    <row r="20950" spans="1:31" ht="14.45">
      <c r="A20950" s="11"/>
      <c r="B20950" s="20"/>
      <c r="C20950" s="2" t="s">
        <v>67657</v>
      </c>
      <c r="D20950" s="14" t="s">
        <v>67658</v>
      </c>
      <c r="E20950" s="2" t="s">
        <v>67659</v>
      </c>
      <c r="F20950" s="2" t="s">
        <v>67348</v>
      </c>
      <c r="G20950" s="8">
        <v>335</v>
      </c>
      <c r="H20950" s="5">
        <v>5</v>
      </c>
      <c r="I20950" s="5" t="s">
        <v>69</v>
      </c>
      <c r="J20950" s="5" t="s">
        <v>67349</v>
      </c>
      <c r="K20950" s="2" t="s">
        <v>67350</v>
      </c>
      <c r="L20950" s="5" t="s">
        <v>67349</v>
      </c>
      <c r="M20950" s="2" t="s">
        <v>67350</v>
      </c>
      <c r="N20950" s="5" t="s">
        <v>72</v>
      </c>
      <c r="O20950" s="5" t="s">
        <v>38</v>
      </c>
      <c r="P20950" s="5" t="s">
        <v>39</v>
      </c>
      <c r="Q20950" s="5" t="s">
        <v>40</v>
      </c>
      <c r="R20950" s="5" t="s">
        <v>73</v>
      </c>
      <c r="S20950" s="5" t="s">
        <v>40</v>
      </c>
      <c r="T20950" s="5" t="s">
        <v>42</v>
      </c>
      <c r="U20950" s="2">
        <v>23.805</v>
      </c>
      <c r="V20950" s="2">
        <v>21.007999999999999</v>
      </c>
      <c r="W20950" s="2">
        <v>0.106</v>
      </c>
      <c r="X20950" s="2">
        <v>278.39999999999998</v>
      </c>
      <c r="Y20950" s="2">
        <v>74.5</v>
      </c>
      <c r="Z20950" s="2">
        <v>5.0999999999999996</v>
      </c>
      <c r="AA20950" s="5">
        <v>19</v>
      </c>
      <c r="AB20950" s="5" t="s">
        <v>43</v>
      </c>
      <c r="AC20950" s="5" t="s">
        <v>44</v>
      </c>
      <c r="AD20950" s="2" t="s">
        <v>67500</v>
      </c>
      <c r="AE20950" s="1"/>
    </row>
    <row r="20951" spans="1:31" ht="14.45">
      <c r="A20951" s="11"/>
      <c r="B20951" s="20"/>
      <c r="C20951" s="2" t="s">
        <v>67660</v>
      </c>
      <c r="D20951" s="14" t="s">
        <v>67661</v>
      </c>
      <c r="E20951" s="2" t="s">
        <v>67662</v>
      </c>
      <c r="F20951" s="2"/>
      <c r="G20951" s="8">
        <v>1541</v>
      </c>
      <c r="H20951" s="5">
        <v>15</v>
      </c>
      <c r="I20951" s="5" t="s">
        <v>69</v>
      </c>
      <c r="J20951" s="5" t="s">
        <v>67349</v>
      </c>
      <c r="K20951" s="2" t="s">
        <v>67350</v>
      </c>
      <c r="L20951" s="5" t="s">
        <v>67349</v>
      </c>
      <c r="M20951" s="2" t="s">
        <v>67350</v>
      </c>
      <c r="N20951" s="5" t="s">
        <v>72</v>
      </c>
      <c r="O20951" s="5" t="s">
        <v>38</v>
      </c>
      <c r="P20951" s="5" t="s">
        <v>39</v>
      </c>
      <c r="Q20951" s="5" t="s">
        <v>40</v>
      </c>
      <c r="R20951" s="5" t="s">
        <v>73</v>
      </c>
      <c r="S20951" s="5" t="s">
        <v>40</v>
      </c>
      <c r="T20951" s="5" t="s">
        <v>42</v>
      </c>
      <c r="U20951" s="2">
        <v>54.715000000000003</v>
      </c>
      <c r="V20951" s="2">
        <v>28.228000000000002</v>
      </c>
      <c r="W20951" s="2">
        <v>0.34799999999999998</v>
      </c>
      <c r="X20951" s="2">
        <v>271.3</v>
      </c>
      <c r="Y20951" s="2">
        <v>74.5</v>
      </c>
      <c r="Z20951" s="2">
        <v>17.2</v>
      </c>
      <c r="AA20951" s="5">
        <v>19</v>
      </c>
      <c r="AB20951" s="5" t="s">
        <v>43</v>
      </c>
      <c r="AC20951" s="5" t="s">
        <v>44</v>
      </c>
      <c r="AD20951" s="2" t="s">
        <v>67504</v>
      </c>
      <c r="AE20951" s="1"/>
    </row>
    <row r="20952" spans="1:31" ht="14.45">
      <c r="A20952" s="11"/>
      <c r="B20952" s="20"/>
      <c r="C20952" s="2" t="s">
        <v>67663</v>
      </c>
      <c r="D20952" s="14" t="s">
        <v>67664</v>
      </c>
      <c r="E20952" s="2" t="s">
        <v>67665</v>
      </c>
      <c r="F20952" s="2"/>
      <c r="G20952" s="8">
        <v>1708</v>
      </c>
      <c r="H20952" s="5">
        <v>15</v>
      </c>
      <c r="I20952" s="5" t="s">
        <v>69</v>
      </c>
      <c r="J20952" s="5" t="s">
        <v>67349</v>
      </c>
      <c r="K20952" s="2" t="s">
        <v>67350</v>
      </c>
      <c r="L20952" s="5" t="s">
        <v>67349</v>
      </c>
      <c r="M20952" s="2" t="s">
        <v>67350</v>
      </c>
      <c r="N20952" s="5" t="s">
        <v>72</v>
      </c>
      <c r="O20952" s="5" t="s">
        <v>38</v>
      </c>
      <c r="P20952" s="5" t="s">
        <v>39</v>
      </c>
      <c r="Q20952" s="5" t="s">
        <v>40</v>
      </c>
      <c r="R20952" s="5" t="s">
        <v>73</v>
      </c>
      <c r="S20952" s="5" t="s">
        <v>40</v>
      </c>
      <c r="T20952" s="5" t="s">
        <v>42</v>
      </c>
      <c r="U20952" s="2">
        <v>43.584000000000003</v>
      </c>
      <c r="V20952" s="2">
        <v>38.186999999999998</v>
      </c>
      <c r="W20952" s="2">
        <v>0.44900000000000001</v>
      </c>
      <c r="X20952" s="2">
        <v>271.3</v>
      </c>
      <c r="Y20952" s="2">
        <v>74.5</v>
      </c>
      <c r="Z20952" s="2">
        <v>22.2</v>
      </c>
      <c r="AA20952" s="5">
        <v>19</v>
      </c>
      <c r="AB20952" s="5" t="s">
        <v>43</v>
      </c>
      <c r="AC20952" s="5" t="s">
        <v>44</v>
      </c>
      <c r="AD20952" s="2" t="s">
        <v>67610</v>
      </c>
      <c r="AE20952" s="1"/>
    </row>
    <row r="20953" spans="1:31" ht="14.45">
      <c r="A20953" s="11"/>
      <c r="B20953" s="20"/>
      <c r="C20953" s="2" t="s">
        <v>67666</v>
      </c>
      <c r="D20953" s="14" t="s">
        <v>67667</v>
      </c>
      <c r="E20953" s="2" t="s">
        <v>67668</v>
      </c>
      <c r="F20953" s="2" t="s">
        <v>67348</v>
      </c>
      <c r="G20953" s="8">
        <v>310</v>
      </c>
      <c r="H20953" s="5">
        <v>5</v>
      </c>
      <c r="I20953" s="5" t="s">
        <v>69</v>
      </c>
      <c r="J20953" s="5" t="s">
        <v>67349</v>
      </c>
      <c r="K20953" s="2" t="s">
        <v>67350</v>
      </c>
      <c r="L20953" s="5" t="s">
        <v>67349</v>
      </c>
      <c r="M20953" s="2" t="s">
        <v>67350</v>
      </c>
      <c r="N20953" s="5" t="s">
        <v>72</v>
      </c>
      <c r="O20953" s="5" t="s">
        <v>38</v>
      </c>
      <c r="P20953" s="5" t="s">
        <v>39</v>
      </c>
      <c r="Q20953" s="5" t="s">
        <v>40</v>
      </c>
      <c r="R20953" s="5" t="s">
        <v>73</v>
      </c>
      <c r="S20953" s="5" t="s">
        <v>40</v>
      </c>
      <c r="T20953" s="5" t="s">
        <v>42</v>
      </c>
      <c r="U20953" s="2">
        <v>21.434000000000001</v>
      </c>
      <c r="V20953" s="2">
        <v>19.131</v>
      </c>
      <c r="W20953" s="2">
        <v>8.2000000000000003E-2</v>
      </c>
      <c r="X20953" s="2">
        <v>216.2</v>
      </c>
      <c r="Y20953" s="2">
        <v>74.5</v>
      </c>
      <c r="Z20953" s="2">
        <v>5.0999999999999996</v>
      </c>
      <c r="AA20953" s="5">
        <v>19</v>
      </c>
      <c r="AB20953" s="5" t="s">
        <v>43</v>
      </c>
      <c r="AC20953" s="5" t="s">
        <v>44</v>
      </c>
      <c r="AD20953" s="2" t="s">
        <v>67500</v>
      </c>
      <c r="AE20953" s="1"/>
    </row>
    <row r="20954" spans="1:31" ht="14.45">
      <c r="A20954" s="5" t="s">
        <v>116</v>
      </c>
      <c r="B20954" s="21">
        <v>46054</v>
      </c>
      <c r="C20954" s="2" t="s">
        <v>67669</v>
      </c>
      <c r="D20954" s="14" t="s">
        <v>67670</v>
      </c>
      <c r="E20954" s="2" t="s">
        <v>67671</v>
      </c>
      <c r="F20954" s="2" t="s">
        <v>120</v>
      </c>
      <c r="G20954" s="8">
        <v>1427</v>
      </c>
      <c r="H20954" s="5">
        <v>15</v>
      </c>
      <c r="I20954" s="5" t="s">
        <v>69</v>
      </c>
      <c r="J20954" s="5" t="s">
        <v>67349</v>
      </c>
      <c r="K20954" s="2" t="s">
        <v>67350</v>
      </c>
      <c r="L20954" s="5" t="s">
        <v>67349</v>
      </c>
      <c r="M20954" s="2" t="s">
        <v>67350</v>
      </c>
      <c r="N20954" s="5" t="s">
        <v>72</v>
      </c>
      <c r="O20954" s="5" t="s">
        <v>38</v>
      </c>
      <c r="P20954" s="5" t="s">
        <v>39</v>
      </c>
      <c r="Q20954" s="5" t="s">
        <v>40</v>
      </c>
      <c r="R20954" s="5" t="s">
        <v>73</v>
      </c>
      <c r="S20954" s="5" t="s">
        <v>40</v>
      </c>
      <c r="T20954" s="5" t="s">
        <v>42</v>
      </c>
      <c r="U20954" s="2">
        <v>51.481999999999999</v>
      </c>
      <c r="V20954" s="2">
        <v>27.448</v>
      </c>
      <c r="W20954" s="2">
        <v>0.308</v>
      </c>
      <c r="X20954" s="2">
        <v>240.3</v>
      </c>
      <c r="Y20954" s="2">
        <v>74.5</v>
      </c>
      <c r="Z20954" s="2">
        <v>17.2</v>
      </c>
      <c r="AA20954" s="5">
        <v>19</v>
      </c>
      <c r="AB20954" s="5" t="s">
        <v>43</v>
      </c>
      <c r="AC20954" s="5" t="s">
        <v>44</v>
      </c>
      <c r="AD20954" s="2" t="s">
        <v>67504</v>
      </c>
      <c r="AE20954" s="1"/>
    </row>
    <row r="20955" spans="1:31" ht="14.45">
      <c r="A20955" s="11"/>
      <c r="B20955" s="20"/>
      <c r="C20955" s="2" t="s">
        <v>67672</v>
      </c>
      <c r="D20955" s="14" t="s">
        <v>67673</v>
      </c>
      <c r="E20955" s="2" t="s">
        <v>67674</v>
      </c>
      <c r="F20955" s="2" t="s">
        <v>67508</v>
      </c>
      <c r="G20955" s="8">
        <v>1427</v>
      </c>
      <c r="H20955" s="5">
        <v>15</v>
      </c>
      <c r="I20955" s="5" t="s">
        <v>69</v>
      </c>
      <c r="J20955" s="5" t="s">
        <v>67349</v>
      </c>
      <c r="K20955" s="2" t="s">
        <v>67350</v>
      </c>
      <c r="L20955" s="5" t="s">
        <v>67349</v>
      </c>
      <c r="M20955" s="2" t="s">
        <v>67350</v>
      </c>
      <c r="N20955" s="5" t="s">
        <v>72</v>
      </c>
      <c r="O20955" s="5" t="s">
        <v>38</v>
      </c>
      <c r="P20955" s="5" t="s">
        <v>39</v>
      </c>
      <c r="Q20955" s="5" t="s">
        <v>40</v>
      </c>
      <c r="R20955" s="5" t="s">
        <v>73</v>
      </c>
      <c r="S20955" s="5" t="s">
        <v>40</v>
      </c>
      <c r="T20955" s="5" t="s">
        <v>42</v>
      </c>
      <c r="U20955" s="2">
        <v>51.43</v>
      </c>
      <c r="V20955" s="2">
        <v>27.331</v>
      </c>
      <c r="W20955" s="2">
        <v>0.318</v>
      </c>
      <c r="X20955" s="2">
        <v>248.5</v>
      </c>
      <c r="Y20955" s="2">
        <v>74.5</v>
      </c>
      <c r="Z20955" s="2">
        <v>17.2</v>
      </c>
      <c r="AA20955" s="5">
        <v>19</v>
      </c>
      <c r="AB20955" s="5" t="s">
        <v>43</v>
      </c>
      <c r="AC20955" s="5" t="s">
        <v>44</v>
      </c>
      <c r="AD20955" s="2" t="s">
        <v>67504</v>
      </c>
      <c r="AE20955" s="1"/>
    </row>
    <row r="20956" spans="1:31" ht="14.45">
      <c r="A20956" s="11"/>
      <c r="B20956" s="20"/>
      <c r="C20956" s="2" t="s">
        <v>67675</v>
      </c>
      <c r="D20956" s="14" t="s">
        <v>67676</v>
      </c>
      <c r="E20956" s="2" t="s">
        <v>67677</v>
      </c>
      <c r="F20956" s="2" t="s">
        <v>67440</v>
      </c>
      <c r="G20956" s="8">
        <v>1582</v>
      </c>
      <c r="H20956" s="5">
        <v>15</v>
      </c>
      <c r="I20956" s="5" t="s">
        <v>69</v>
      </c>
      <c r="J20956" s="5" t="s">
        <v>67349</v>
      </c>
      <c r="K20956" s="2" t="s">
        <v>67350</v>
      </c>
      <c r="L20956" s="5" t="s">
        <v>67349</v>
      </c>
      <c r="M20956" s="2" t="s">
        <v>67350</v>
      </c>
      <c r="N20956" s="5" t="s">
        <v>72</v>
      </c>
      <c r="O20956" s="5" t="s">
        <v>38</v>
      </c>
      <c r="P20956" s="5" t="s">
        <v>39</v>
      </c>
      <c r="Q20956" s="5" t="s">
        <v>40</v>
      </c>
      <c r="R20956" s="5" t="s">
        <v>73</v>
      </c>
      <c r="S20956" s="5" t="s">
        <v>40</v>
      </c>
      <c r="T20956" s="5" t="s">
        <v>42</v>
      </c>
      <c r="U20956" s="2">
        <v>62.822000000000003</v>
      </c>
      <c r="V20956" s="2">
        <v>37.29</v>
      </c>
      <c r="W20956" s="2">
        <v>0.41099999999999998</v>
      </c>
      <c r="X20956" s="2">
        <v>248.5</v>
      </c>
      <c r="Y20956" s="2">
        <v>74.5</v>
      </c>
      <c r="Z20956" s="2">
        <v>22.2</v>
      </c>
      <c r="AA20956" s="5">
        <v>19</v>
      </c>
      <c r="AB20956" s="5" t="s">
        <v>43</v>
      </c>
      <c r="AC20956" s="5" t="s">
        <v>44</v>
      </c>
      <c r="AD20956" s="2" t="s">
        <v>67610</v>
      </c>
      <c r="AE20956" s="1"/>
    </row>
    <row r="20957" spans="1:31" ht="14.45">
      <c r="A20957" s="11"/>
      <c r="B20957" s="20"/>
      <c r="C20957" s="2" t="s">
        <v>67678</v>
      </c>
      <c r="D20957" s="14" t="s">
        <v>67679</v>
      </c>
      <c r="E20957" s="2" t="s">
        <v>67680</v>
      </c>
      <c r="F20957" s="2" t="s">
        <v>67348</v>
      </c>
      <c r="G20957" s="8">
        <v>317</v>
      </c>
      <c r="H20957" s="5">
        <v>5</v>
      </c>
      <c r="I20957" s="5" t="s">
        <v>69</v>
      </c>
      <c r="J20957" s="5" t="s">
        <v>67349</v>
      </c>
      <c r="K20957" s="2" t="s">
        <v>67350</v>
      </c>
      <c r="L20957" s="5" t="s">
        <v>67349</v>
      </c>
      <c r="M20957" s="2" t="s">
        <v>67350</v>
      </c>
      <c r="N20957" s="5" t="s">
        <v>72</v>
      </c>
      <c r="O20957" s="5" t="s">
        <v>38</v>
      </c>
      <c r="P20957" s="5" t="s">
        <v>39</v>
      </c>
      <c r="Q20957" s="5" t="s">
        <v>40</v>
      </c>
      <c r="R20957" s="5" t="s">
        <v>73</v>
      </c>
      <c r="S20957" s="5" t="s">
        <v>40</v>
      </c>
      <c r="T20957" s="5" t="s">
        <v>42</v>
      </c>
      <c r="U20957" s="2">
        <v>22.760999999999999</v>
      </c>
      <c r="V20957" s="2">
        <v>20.283000000000001</v>
      </c>
      <c r="W20957" s="2">
        <v>9.0999999999999998E-2</v>
      </c>
      <c r="X20957" s="2">
        <v>238.2</v>
      </c>
      <c r="Y20957" s="2">
        <v>74.5</v>
      </c>
      <c r="Z20957" s="2">
        <v>5.0999999999999996</v>
      </c>
      <c r="AA20957" s="5">
        <v>19</v>
      </c>
      <c r="AB20957" s="5" t="s">
        <v>43</v>
      </c>
      <c r="AC20957" s="5" t="s">
        <v>44</v>
      </c>
      <c r="AD20957" s="2" t="s">
        <v>67500</v>
      </c>
      <c r="AE20957" s="1"/>
    </row>
    <row r="20958" spans="1:31" ht="14.45">
      <c r="A20958" s="5" t="s">
        <v>116</v>
      </c>
      <c r="B20958" s="21">
        <v>46054</v>
      </c>
      <c r="C20958" s="2" t="s">
        <v>67681</v>
      </c>
      <c r="D20958" s="14" t="s">
        <v>67682</v>
      </c>
      <c r="E20958" s="2" t="s">
        <v>67683</v>
      </c>
      <c r="F20958" s="2" t="s">
        <v>67508</v>
      </c>
      <c r="G20958" s="8">
        <v>1460</v>
      </c>
      <c r="H20958" s="5">
        <v>15</v>
      </c>
      <c r="I20958" s="5" t="s">
        <v>69</v>
      </c>
      <c r="J20958" s="5" t="s">
        <v>67349</v>
      </c>
      <c r="K20958" s="2" t="s">
        <v>67350</v>
      </c>
      <c r="L20958" s="5" t="s">
        <v>67349</v>
      </c>
      <c r="M20958" s="2" t="s">
        <v>67350</v>
      </c>
      <c r="N20958" s="5" t="s">
        <v>72</v>
      </c>
      <c r="O20958" s="5" t="s">
        <v>38</v>
      </c>
      <c r="P20958" s="5" t="s">
        <v>39</v>
      </c>
      <c r="Q20958" s="5" t="s">
        <v>40</v>
      </c>
      <c r="R20958" s="5" t="s">
        <v>73</v>
      </c>
      <c r="S20958" s="5" t="s">
        <v>40</v>
      </c>
      <c r="T20958" s="5" t="s">
        <v>42</v>
      </c>
      <c r="U20958" s="2">
        <v>52.777999999999999</v>
      </c>
      <c r="V20958" s="2">
        <v>28.646000000000001</v>
      </c>
      <c r="W20958" s="2">
        <v>0.308</v>
      </c>
      <c r="X20958" s="2">
        <v>240.3</v>
      </c>
      <c r="Y20958" s="2">
        <v>74.5</v>
      </c>
      <c r="Z20958" s="2">
        <v>17.2</v>
      </c>
      <c r="AA20958" s="5">
        <v>19</v>
      </c>
      <c r="AB20958" s="5" t="s">
        <v>43</v>
      </c>
      <c r="AC20958" s="5" t="s">
        <v>44</v>
      </c>
      <c r="AD20958" s="2" t="s">
        <v>67504</v>
      </c>
      <c r="AE20958" s="1"/>
    </row>
    <row r="20959" spans="1:31" ht="14.45">
      <c r="A20959" s="11"/>
      <c r="B20959" s="20"/>
      <c r="C20959" s="2" t="s">
        <v>67684</v>
      </c>
      <c r="D20959" s="14" t="s">
        <v>67685</v>
      </c>
      <c r="E20959" s="2" t="s">
        <v>67686</v>
      </c>
      <c r="F20959" s="2" t="s">
        <v>67508</v>
      </c>
      <c r="G20959" s="8">
        <v>1460</v>
      </c>
      <c r="H20959" s="5">
        <v>15</v>
      </c>
      <c r="I20959" s="5" t="s">
        <v>69</v>
      </c>
      <c r="J20959" s="5" t="s">
        <v>67349</v>
      </c>
      <c r="K20959" s="2" t="s">
        <v>67350</v>
      </c>
      <c r="L20959" s="5" t="s">
        <v>67349</v>
      </c>
      <c r="M20959" s="2" t="s">
        <v>67350</v>
      </c>
      <c r="N20959" s="5" t="s">
        <v>72</v>
      </c>
      <c r="O20959" s="5" t="s">
        <v>38</v>
      </c>
      <c r="P20959" s="5" t="s">
        <v>39</v>
      </c>
      <c r="Q20959" s="5" t="s">
        <v>40</v>
      </c>
      <c r="R20959" s="5" t="s">
        <v>73</v>
      </c>
      <c r="S20959" s="5" t="s">
        <v>40</v>
      </c>
      <c r="T20959" s="5" t="s">
        <v>42</v>
      </c>
      <c r="U20959" s="2">
        <v>52.725999999999999</v>
      </c>
      <c r="V20959" s="2">
        <v>28.529</v>
      </c>
      <c r="W20959" s="2">
        <v>0.318</v>
      </c>
      <c r="X20959" s="2">
        <v>248.5</v>
      </c>
      <c r="Y20959" s="2">
        <v>74.5</v>
      </c>
      <c r="Z20959" s="2">
        <v>17.2</v>
      </c>
      <c r="AA20959" s="5">
        <v>19</v>
      </c>
      <c r="AB20959" s="5" t="s">
        <v>43</v>
      </c>
      <c r="AC20959" s="5" t="s">
        <v>44</v>
      </c>
      <c r="AD20959" s="2" t="s">
        <v>67504</v>
      </c>
      <c r="AE20959" s="1"/>
    </row>
    <row r="20960" spans="1:31" ht="14.45">
      <c r="A20960" s="11"/>
      <c r="B20960" s="20"/>
      <c r="C20960" s="2" t="s">
        <v>67687</v>
      </c>
      <c r="D20960" s="14" t="s">
        <v>67688</v>
      </c>
      <c r="E20960" s="2" t="s">
        <v>67689</v>
      </c>
      <c r="F20960" s="2" t="s">
        <v>67348</v>
      </c>
      <c r="G20960" s="8">
        <v>332</v>
      </c>
      <c r="H20960" s="5">
        <v>5</v>
      </c>
      <c r="I20960" s="5" t="s">
        <v>69</v>
      </c>
      <c r="J20960" s="5" t="s">
        <v>67349</v>
      </c>
      <c r="K20960" s="2" t="s">
        <v>67350</v>
      </c>
      <c r="L20960" s="5" t="s">
        <v>67349</v>
      </c>
      <c r="M20960" s="2" t="s">
        <v>67350</v>
      </c>
      <c r="N20960" s="5" t="s">
        <v>72</v>
      </c>
      <c r="O20960" s="5" t="s">
        <v>38</v>
      </c>
      <c r="P20960" s="5" t="s">
        <v>39</v>
      </c>
      <c r="Q20960" s="5" t="s">
        <v>40</v>
      </c>
      <c r="R20960" s="5" t="s">
        <v>73</v>
      </c>
      <c r="S20960" s="5" t="s">
        <v>40</v>
      </c>
      <c r="T20960" s="5" t="s">
        <v>42</v>
      </c>
      <c r="U20960" s="2">
        <v>23.989000000000001</v>
      </c>
      <c r="V20960" s="2">
        <v>21.356000000000002</v>
      </c>
      <c r="W20960" s="2">
        <v>9.8000000000000004E-2</v>
      </c>
      <c r="X20960" s="2">
        <v>258.39999999999998</v>
      </c>
      <c r="Y20960" s="2">
        <v>74.5</v>
      </c>
      <c r="Z20960" s="2">
        <v>5.0999999999999996</v>
      </c>
      <c r="AA20960" s="5">
        <v>19</v>
      </c>
      <c r="AB20960" s="5" t="s">
        <v>43</v>
      </c>
      <c r="AC20960" s="5" t="s">
        <v>44</v>
      </c>
      <c r="AD20960" s="2" t="s">
        <v>67500</v>
      </c>
      <c r="AE20960" s="1"/>
    </row>
    <row r="20961" spans="1:31" ht="14.45">
      <c r="A20961" s="5" t="s">
        <v>116</v>
      </c>
      <c r="B20961" s="21">
        <v>46054</v>
      </c>
      <c r="C20961" s="2" t="s">
        <v>67690</v>
      </c>
      <c r="D20961" s="14" t="s">
        <v>67691</v>
      </c>
      <c r="E20961" s="2" t="s">
        <v>67692</v>
      </c>
      <c r="F20961" s="2" t="s">
        <v>67508</v>
      </c>
      <c r="G20961" s="8">
        <v>1527</v>
      </c>
      <c r="H20961" s="5">
        <v>15</v>
      </c>
      <c r="I20961" s="5" t="s">
        <v>69</v>
      </c>
      <c r="J20961" s="5" t="s">
        <v>67349</v>
      </c>
      <c r="K20961" s="2" t="s">
        <v>67350</v>
      </c>
      <c r="L20961" s="5" t="s">
        <v>67349</v>
      </c>
      <c r="M20961" s="2" t="s">
        <v>67350</v>
      </c>
      <c r="N20961" s="5" t="s">
        <v>72</v>
      </c>
      <c r="O20961" s="5" t="s">
        <v>38</v>
      </c>
      <c r="P20961" s="5" t="s">
        <v>39</v>
      </c>
      <c r="Q20961" s="5" t="s">
        <v>40</v>
      </c>
      <c r="R20961" s="5" t="s">
        <v>73</v>
      </c>
      <c r="S20961" s="5" t="s">
        <v>40</v>
      </c>
      <c r="T20961" s="5" t="s">
        <v>42</v>
      </c>
      <c r="U20961" s="2">
        <v>53.963999999999999</v>
      </c>
      <c r="V20961" s="2">
        <v>29.741</v>
      </c>
      <c r="W20961" s="2">
        <v>0.308</v>
      </c>
      <c r="X20961" s="2">
        <v>240.3</v>
      </c>
      <c r="Y20961" s="2">
        <v>74.5</v>
      </c>
      <c r="Z20961" s="2">
        <v>17.2</v>
      </c>
      <c r="AA20961" s="5">
        <v>19</v>
      </c>
      <c r="AB20961" s="5" t="s">
        <v>43</v>
      </c>
      <c r="AC20961" s="5" t="s">
        <v>44</v>
      </c>
      <c r="AD20961" s="2" t="s">
        <v>67504</v>
      </c>
      <c r="AE20961" s="1"/>
    </row>
    <row r="20962" spans="1:31" ht="14.45">
      <c r="A20962" s="11"/>
      <c r="B20962" s="20"/>
      <c r="C20962" s="2" t="s">
        <v>67693</v>
      </c>
      <c r="D20962" s="14" t="s">
        <v>67694</v>
      </c>
      <c r="E20962" s="2" t="s">
        <v>67695</v>
      </c>
      <c r="F20962" s="2" t="s">
        <v>67508</v>
      </c>
      <c r="G20962" s="8">
        <v>1527</v>
      </c>
      <c r="H20962" s="5">
        <v>15</v>
      </c>
      <c r="I20962" s="5" t="s">
        <v>69</v>
      </c>
      <c r="J20962" s="5" t="s">
        <v>67349</v>
      </c>
      <c r="K20962" s="2" t="s">
        <v>67350</v>
      </c>
      <c r="L20962" s="5" t="s">
        <v>67349</v>
      </c>
      <c r="M20962" s="2" t="s">
        <v>67350</v>
      </c>
      <c r="N20962" s="5" t="s">
        <v>72</v>
      </c>
      <c r="O20962" s="5" t="s">
        <v>38</v>
      </c>
      <c r="P20962" s="5" t="s">
        <v>39</v>
      </c>
      <c r="Q20962" s="5" t="s">
        <v>40</v>
      </c>
      <c r="R20962" s="5" t="s">
        <v>73</v>
      </c>
      <c r="S20962" s="5" t="s">
        <v>40</v>
      </c>
      <c r="T20962" s="5" t="s">
        <v>42</v>
      </c>
      <c r="U20962" s="2">
        <v>53.911999999999999</v>
      </c>
      <c r="V20962" s="2">
        <v>29.623999999999999</v>
      </c>
      <c r="W20962" s="2">
        <v>0.32200000000000001</v>
      </c>
      <c r="X20962" s="2">
        <v>251.3</v>
      </c>
      <c r="Y20962" s="2">
        <v>74.5</v>
      </c>
      <c r="Z20962" s="2">
        <v>17.2</v>
      </c>
      <c r="AA20962" s="5">
        <v>19</v>
      </c>
      <c r="AB20962" s="5" t="s">
        <v>43</v>
      </c>
      <c r="AC20962" s="5" t="s">
        <v>44</v>
      </c>
      <c r="AD20962" s="2" t="s">
        <v>67504</v>
      </c>
      <c r="AE20962" s="1"/>
    </row>
    <row r="20963" spans="1:31" ht="14.45">
      <c r="A20963" s="11"/>
      <c r="B20963" s="20"/>
      <c r="C20963" s="2" t="s">
        <v>67696</v>
      </c>
      <c r="D20963" s="14" t="s">
        <v>67697</v>
      </c>
      <c r="E20963" s="2" t="s">
        <v>67698</v>
      </c>
      <c r="F20963" s="2" t="s">
        <v>67348</v>
      </c>
      <c r="G20963" s="8">
        <v>326</v>
      </c>
      <c r="H20963" s="5">
        <v>5</v>
      </c>
      <c r="I20963" s="5" t="s">
        <v>69</v>
      </c>
      <c r="J20963" s="5" t="s">
        <v>67349</v>
      </c>
      <c r="K20963" s="2" t="s">
        <v>67350</v>
      </c>
      <c r="L20963" s="5" t="s">
        <v>67349</v>
      </c>
      <c r="M20963" s="2" t="s">
        <v>67350</v>
      </c>
      <c r="N20963" s="5" t="s">
        <v>72</v>
      </c>
      <c r="O20963" s="5" t="s">
        <v>38</v>
      </c>
      <c r="P20963" s="5" t="s">
        <v>39</v>
      </c>
      <c r="Q20963" s="5" t="s">
        <v>40</v>
      </c>
      <c r="R20963" s="5" t="s">
        <v>73</v>
      </c>
      <c r="S20963" s="5" t="s">
        <v>40</v>
      </c>
      <c r="T20963" s="5" t="s">
        <v>42</v>
      </c>
      <c r="U20963" s="2">
        <v>23.145</v>
      </c>
      <c r="V20963" s="2">
        <v>20.844000000000001</v>
      </c>
      <c r="W20963" s="2">
        <v>8.2000000000000003E-2</v>
      </c>
      <c r="X20963" s="2">
        <v>216.2</v>
      </c>
      <c r="Y20963" s="2">
        <v>74.5</v>
      </c>
      <c r="Z20963" s="2">
        <v>5.0999999999999996</v>
      </c>
      <c r="AA20963" s="5">
        <v>19</v>
      </c>
      <c r="AB20963" s="5" t="s">
        <v>43</v>
      </c>
      <c r="AC20963" s="5" t="s">
        <v>44</v>
      </c>
      <c r="AD20963" s="2" t="s">
        <v>67500</v>
      </c>
      <c r="AE20963" s="1"/>
    </row>
    <row r="20964" spans="1:31" ht="14.45">
      <c r="A20964" s="5" t="s">
        <v>116</v>
      </c>
      <c r="B20964" s="21">
        <v>46054</v>
      </c>
      <c r="C20964" s="2" t="s">
        <v>67699</v>
      </c>
      <c r="D20964" s="14" t="s">
        <v>67700</v>
      </c>
      <c r="E20964" s="2" t="s">
        <v>67701</v>
      </c>
      <c r="F20964" s="2" t="s">
        <v>120</v>
      </c>
      <c r="G20964" s="8">
        <v>1501</v>
      </c>
      <c r="H20964" s="5">
        <v>15</v>
      </c>
      <c r="I20964" s="5" t="s">
        <v>69</v>
      </c>
      <c r="J20964" s="5" t="s">
        <v>67349</v>
      </c>
      <c r="K20964" s="2" t="s">
        <v>67350</v>
      </c>
      <c r="L20964" s="5" t="s">
        <v>67349</v>
      </c>
      <c r="M20964" s="2" t="s">
        <v>67350</v>
      </c>
      <c r="N20964" s="5" t="s">
        <v>72</v>
      </c>
      <c r="O20964" s="5" t="s">
        <v>38</v>
      </c>
      <c r="P20964" s="5" t="s">
        <v>39</v>
      </c>
      <c r="Q20964" s="5" t="s">
        <v>40</v>
      </c>
      <c r="R20964" s="5" t="s">
        <v>73</v>
      </c>
      <c r="S20964" s="5" t="s">
        <v>40</v>
      </c>
      <c r="T20964" s="5" t="s">
        <v>42</v>
      </c>
      <c r="U20964" s="2">
        <v>57.341000000000001</v>
      </c>
      <c r="V20964" s="2">
        <v>30.63</v>
      </c>
      <c r="W20964" s="2">
        <v>0.35899999999999999</v>
      </c>
      <c r="X20964" s="2">
        <v>279.89999999999998</v>
      </c>
      <c r="Y20964" s="2">
        <v>74.5</v>
      </c>
      <c r="Z20964" s="2">
        <v>17.2</v>
      </c>
      <c r="AA20964" s="5">
        <v>19</v>
      </c>
      <c r="AB20964" s="5" t="s">
        <v>43</v>
      </c>
      <c r="AC20964" s="5" t="s">
        <v>44</v>
      </c>
      <c r="AD20964" s="2" t="s">
        <v>67504</v>
      </c>
      <c r="AE20964" s="1"/>
    </row>
    <row r="20965" spans="1:31" ht="14.45">
      <c r="A20965" s="11"/>
      <c r="B20965" s="20"/>
      <c r="C20965" s="2" t="s">
        <v>67702</v>
      </c>
      <c r="D20965" s="14" t="s">
        <v>67703</v>
      </c>
      <c r="E20965" s="2" t="s">
        <v>67704</v>
      </c>
      <c r="F20965" s="2" t="s">
        <v>67508</v>
      </c>
      <c r="G20965" s="8">
        <v>1501</v>
      </c>
      <c r="H20965" s="5">
        <v>15</v>
      </c>
      <c r="I20965" s="5" t="s">
        <v>69</v>
      </c>
      <c r="J20965" s="5" t="s">
        <v>67349</v>
      </c>
      <c r="K20965" s="2" t="s">
        <v>67350</v>
      </c>
      <c r="L20965" s="5" t="s">
        <v>67349</v>
      </c>
      <c r="M20965" s="2" t="s">
        <v>67350</v>
      </c>
      <c r="N20965" s="5" t="s">
        <v>72</v>
      </c>
      <c r="O20965" s="5" t="s">
        <v>38</v>
      </c>
      <c r="P20965" s="5" t="s">
        <v>39</v>
      </c>
      <c r="Q20965" s="5" t="s">
        <v>40</v>
      </c>
      <c r="R20965" s="5" t="s">
        <v>73</v>
      </c>
      <c r="S20965" s="5" t="s">
        <v>40</v>
      </c>
      <c r="T20965" s="5" t="s">
        <v>42</v>
      </c>
      <c r="U20965" s="2">
        <v>57.148000000000003</v>
      </c>
      <c r="V20965" s="2">
        <v>30.372</v>
      </c>
      <c r="W20965" s="2">
        <v>0.36899999999999999</v>
      </c>
      <c r="X20965" s="2">
        <v>288.10000000000002</v>
      </c>
      <c r="Y20965" s="2">
        <v>74.5</v>
      </c>
      <c r="Z20965" s="2">
        <v>17.2</v>
      </c>
      <c r="AA20965" s="5">
        <v>19</v>
      </c>
      <c r="AB20965" s="5" t="s">
        <v>43</v>
      </c>
      <c r="AC20965" s="5" t="s">
        <v>44</v>
      </c>
      <c r="AD20965" s="2" t="s">
        <v>67504</v>
      </c>
      <c r="AE20965" s="1"/>
    </row>
    <row r="20966" spans="1:31" ht="14.45">
      <c r="A20966" s="11"/>
      <c r="B20966" s="20"/>
      <c r="C20966" s="2" t="s">
        <v>67705</v>
      </c>
      <c r="D20966" s="14" t="s">
        <v>67706</v>
      </c>
      <c r="E20966" s="2" t="s">
        <v>67707</v>
      </c>
      <c r="F20966" s="2" t="s">
        <v>67348</v>
      </c>
      <c r="G20966" s="8">
        <v>335</v>
      </c>
      <c r="H20966" s="5">
        <v>5</v>
      </c>
      <c r="I20966" s="5" t="s">
        <v>69</v>
      </c>
      <c r="J20966" s="5" t="s">
        <v>67349</v>
      </c>
      <c r="K20966" s="2" t="s">
        <v>67350</v>
      </c>
      <c r="L20966" s="5" t="s">
        <v>67349</v>
      </c>
      <c r="M20966" s="2" t="s">
        <v>67350</v>
      </c>
      <c r="N20966" s="5" t="s">
        <v>72</v>
      </c>
      <c r="O20966" s="5" t="s">
        <v>38</v>
      </c>
      <c r="P20966" s="5" t="s">
        <v>39</v>
      </c>
      <c r="Q20966" s="5" t="s">
        <v>40</v>
      </c>
      <c r="R20966" s="5" t="s">
        <v>73</v>
      </c>
      <c r="S20966" s="5" t="s">
        <v>40</v>
      </c>
      <c r="T20966" s="5" t="s">
        <v>42</v>
      </c>
      <c r="U20966" s="2">
        <v>24.507000000000001</v>
      </c>
      <c r="V20966" s="2">
        <v>22.029</v>
      </c>
      <c r="W20966" s="2">
        <v>9.0999999999999998E-2</v>
      </c>
      <c r="X20966" s="2">
        <v>238.2</v>
      </c>
      <c r="Y20966" s="2">
        <v>74.5</v>
      </c>
      <c r="Z20966" s="2">
        <v>5.0999999999999996</v>
      </c>
      <c r="AA20966" s="5">
        <v>19</v>
      </c>
      <c r="AB20966" s="5" t="s">
        <v>43</v>
      </c>
      <c r="AC20966" s="5" t="s">
        <v>44</v>
      </c>
      <c r="AD20966" s="2" t="s">
        <v>67500</v>
      </c>
      <c r="AE20966" s="1"/>
    </row>
    <row r="20967" spans="1:31" ht="14.45">
      <c r="A20967" s="5" t="s">
        <v>116</v>
      </c>
      <c r="B20967" s="21">
        <v>46054</v>
      </c>
      <c r="C20967" s="2" t="s">
        <v>67708</v>
      </c>
      <c r="D20967" s="14" t="s">
        <v>67709</v>
      </c>
      <c r="E20967" s="2" t="s">
        <v>67710</v>
      </c>
      <c r="F20967" s="2" t="s">
        <v>67508</v>
      </c>
      <c r="G20967" s="8">
        <v>1541</v>
      </c>
      <c r="H20967" s="5">
        <v>15</v>
      </c>
      <c r="I20967" s="5" t="s">
        <v>69</v>
      </c>
      <c r="J20967" s="5" t="s">
        <v>67349</v>
      </c>
      <c r="K20967" s="2" t="s">
        <v>67350</v>
      </c>
      <c r="L20967" s="5" t="s">
        <v>67349</v>
      </c>
      <c r="M20967" s="2" t="s">
        <v>67350</v>
      </c>
      <c r="N20967" s="5" t="s">
        <v>72</v>
      </c>
      <c r="O20967" s="5" t="s">
        <v>38</v>
      </c>
      <c r="P20967" s="5" t="s">
        <v>39</v>
      </c>
      <c r="Q20967" s="5" t="s">
        <v>40</v>
      </c>
      <c r="R20967" s="5" t="s">
        <v>73</v>
      </c>
      <c r="S20967" s="5" t="s">
        <v>40</v>
      </c>
      <c r="T20967" s="5" t="s">
        <v>42</v>
      </c>
      <c r="U20967" s="2">
        <v>58.637</v>
      </c>
      <c r="V20967" s="2">
        <v>31.827999999999999</v>
      </c>
      <c r="W20967" s="2">
        <v>0.35899999999999999</v>
      </c>
      <c r="X20967" s="2">
        <v>279.89999999999998</v>
      </c>
      <c r="Y20967" s="2">
        <v>74.5</v>
      </c>
      <c r="Z20967" s="2">
        <v>17.2</v>
      </c>
      <c r="AA20967" s="5">
        <v>19</v>
      </c>
      <c r="AB20967" s="5" t="s">
        <v>43</v>
      </c>
      <c r="AC20967" s="5" t="s">
        <v>44</v>
      </c>
      <c r="AD20967" s="2" t="s">
        <v>67504</v>
      </c>
      <c r="AE20967" s="1"/>
    </row>
    <row r="20968" spans="1:31" ht="14.45">
      <c r="A20968" s="11"/>
      <c r="B20968" s="20"/>
      <c r="C20968" s="2" t="s">
        <v>67711</v>
      </c>
      <c r="D20968" s="14" t="s">
        <v>67712</v>
      </c>
      <c r="E20968" s="2" t="s">
        <v>67713</v>
      </c>
      <c r="F20968" s="2" t="s">
        <v>67508</v>
      </c>
      <c r="G20968" s="8">
        <v>1541</v>
      </c>
      <c r="H20968" s="5">
        <v>15</v>
      </c>
      <c r="I20968" s="5" t="s">
        <v>69</v>
      </c>
      <c r="J20968" s="5" t="s">
        <v>67349</v>
      </c>
      <c r="K20968" s="2" t="s">
        <v>67350</v>
      </c>
      <c r="L20968" s="5" t="s">
        <v>67349</v>
      </c>
      <c r="M20968" s="2" t="s">
        <v>67350</v>
      </c>
      <c r="N20968" s="5" t="s">
        <v>72</v>
      </c>
      <c r="O20968" s="5" t="s">
        <v>38</v>
      </c>
      <c r="P20968" s="5" t="s">
        <v>39</v>
      </c>
      <c r="Q20968" s="5" t="s">
        <v>40</v>
      </c>
      <c r="R20968" s="5" t="s">
        <v>73</v>
      </c>
      <c r="S20968" s="5" t="s">
        <v>40</v>
      </c>
      <c r="T20968" s="5" t="s">
        <v>42</v>
      </c>
      <c r="U20968" s="2">
        <v>58.444000000000003</v>
      </c>
      <c r="V20968" s="2">
        <v>31.57</v>
      </c>
      <c r="W20968" s="2">
        <v>0.36899999999999999</v>
      </c>
      <c r="X20968" s="2">
        <v>288.10000000000002</v>
      </c>
      <c r="Y20968" s="2">
        <v>74.5</v>
      </c>
      <c r="Z20968" s="2">
        <v>17.2</v>
      </c>
      <c r="AA20968" s="5">
        <v>19</v>
      </c>
      <c r="AB20968" s="5" t="s">
        <v>43</v>
      </c>
      <c r="AC20968" s="5" t="s">
        <v>44</v>
      </c>
      <c r="AD20968" s="2" t="s">
        <v>67504</v>
      </c>
      <c r="AE20968" s="1"/>
    </row>
    <row r="20969" spans="1:31" ht="14.45">
      <c r="A20969" s="11"/>
      <c r="B20969" s="20"/>
      <c r="C20969" s="2" t="s">
        <v>67714</v>
      </c>
      <c r="D20969" s="14" t="s">
        <v>67715</v>
      </c>
      <c r="E20969" s="2" t="s">
        <v>67716</v>
      </c>
      <c r="F20969" s="2" t="s">
        <v>67348</v>
      </c>
      <c r="G20969" s="8">
        <v>355</v>
      </c>
      <c r="H20969" s="5">
        <v>5</v>
      </c>
      <c r="I20969" s="5" t="s">
        <v>69</v>
      </c>
      <c r="J20969" s="5" t="s">
        <v>67349</v>
      </c>
      <c r="K20969" s="2" t="s">
        <v>67350</v>
      </c>
      <c r="L20969" s="5" t="s">
        <v>67349</v>
      </c>
      <c r="M20969" s="2" t="s">
        <v>67350</v>
      </c>
      <c r="N20969" s="5" t="s">
        <v>72</v>
      </c>
      <c r="O20969" s="5" t="s">
        <v>38</v>
      </c>
      <c r="P20969" s="5" t="s">
        <v>39</v>
      </c>
      <c r="Q20969" s="5" t="s">
        <v>40</v>
      </c>
      <c r="R20969" s="5" t="s">
        <v>73</v>
      </c>
      <c r="S20969" s="5" t="s">
        <v>40</v>
      </c>
      <c r="T20969" s="5" t="s">
        <v>42</v>
      </c>
      <c r="U20969" s="2">
        <v>25.73</v>
      </c>
      <c r="V20969" s="2">
        <v>23.094999999999999</v>
      </c>
      <c r="W20969" s="2">
        <v>9.8000000000000004E-2</v>
      </c>
      <c r="X20969" s="2">
        <v>258.39999999999998</v>
      </c>
      <c r="Y20969" s="2">
        <v>74.5</v>
      </c>
      <c r="Z20969" s="2">
        <v>5.0999999999999996</v>
      </c>
      <c r="AA20969" s="5">
        <v>19</v>
      </c>
      <c r="AB20969" s="5" t="s">
        <v>43</v>
      </c>
      <c r="AC20969" s="5" t="s">
        <v>44</v>
      </c>
      <c r="AD20969" s="2" t="s">
        <v>67500</v>
      </c>
      <c r="AE20969" s="1"/>
    </row>
    <row r="20970" spans="1:31" ht="14.45">
      <c r="A20970" s="5" t="s">
        <v>116</v>
      </c>
      <c r="B20970" s="21">
        <v>46054</v>
      </c>
      <c r="C20970" s="2" t="s">
        <v>67717</v>
      </c>
      <c r="D20970" s="14" t="s">
        <v>67718</v>
      </c>
      <c r="E20970" s="2" t="s">
        <v>67719</v>
      </c>
      <c r="F20970" s="2" t="s">
        <v>67508</v>
      </c>
      <c r="G20970" s="8">
        <v>1634</v>
      </c>
      <c r="H20970" s="5">
        <v>15</v>
      </c>
      <c r="I20970" s="5" t="s">
        <v>69</v>
      </c>
      <c r="J20970" s="5" t="s">
        <v>67349</v>
      </c>
      <c r="K20970" s="2" t="s">
        <v>67350</v>
      </c>
      <c r="L20970" s="5" t="s">
        <v>67349</v>
      </c>
      <c r="M20970" s="2" t="s">
        <v>67350</v>
      </c>
      <c r="N20970" s="5" t="s">
        <v>72</v>
      </c>
      <c r="O20970" s="5" t="s">
        <v>38</v>
      </c>
      <c r="P20970" s="5" t="s">
        <v>39</v>
      </c>
      <c r="Q20970" s="5" t="s">
        <v>40</v>
      </c>
      <c r="R20970" s="5" t="s">
        <v>73</v>
      </c>
      <c r="S20970" s="5" t="s">
        <v>40</v>
      </c>
      <c r="T20970" s="5" t="s">
        <v>42</v>
      </c>
      <c r="U20970" s="2">
        <v>59.823</v>
      </c>
      <c r="V20970" s="2">
        <v>32.923000000000002</v>
      </c>
      <c r="W20970" s="2">
        <v>0.35899999999999999</v>
      </c>
      <c r="X20970" s="2">
        <v>279.89999999999998</v>
      </c>
      <c r="Y20970" s="2">
        <v>74.5</v>
      </c>
      <c r="Z20970" s="2">
        <v>17.2</v>
      </c>
      <c r="AA20970" s="5">
        <v>19</v>
      </c>
      <c r="AB20970" s="5" t="s">
        <v>43</v>
      </c>
      <c r="AC20970" s="5" t="s">
        <v>44</v>
      </c>
      <c r="AD20970" s="2" t="s">
        <v>67504</v>
      </c>
      <c r="AE20970" s="1"/>
    </row>
    <row r="20971" spans="1:31" ht="14.45">
      <c r="A20971" s="11"/>
      <c r="B20971" s="20"/>
      <c r="C20971" s="2" t="s">
        <v>67720</v>
      </c>
      <c r="D20971" s="14" t="s">
        <v>67721</v>
      </c>
      <c r="E20971" s="2" t="s">
        <v>67722</v>
      </c>
      <c r="F20971" s="2" t="s">
        <v>67508</v>
      </c>
      <c r="G20971" s="8">
        <v>1634</v>
      </c>
      <c r="H20971" s="5">
        <v>15</v>
      </c>
      <c r="I20971" s="5" t="s">
        <v>69</v>
      </c>
      <c r="J20971" s="5" t="s">
        <v>67349</v>
      </c>
      <c r="K20971" s="2" t="s">
        <v>67350</v>
      </c>
      <c r="L20971" s="5" t="s">
        <v>67349</v>
      </c>
      <c r="M20971" s="2" t="s">
        <v>67350</v>
      </c>
      <c r="N20971" s="5" t="s">
        <v>72</v>
      </c>
      <c r="O20971" s="5" t="s">
        <v>38</v>
      </c>
      <c r="P20971" s="5" t="s">
        <v>39</v>
      </c>
      <c r="Q20971" s="5" t="s">
        <v>40</v>
      </c>
      <c r="R20971" s="5" t="s">
        <v>73</v>
      </c>
      <c r="S20971" s="5" t="s">
        <v>40</v>
      </c>
      <c r="T20971" s="5" t="s">
        <v>42</v>
      </c>
      <c r="U20971" s="2">
        <v>59.63</v>
      </c>
      <c r="V20971" s="2">
        <v>32.664999999999999</v>
      </c>
      <c r="W20971" s="2">
        <v>0.36899999999999999</v>
      </c>
      <c r="X20971" s="2">
        <v>288.10000000000002</v>
      </c>
      <c r="Y20971" s="2">
        <v>74.5</v>
      </c>
      <c r="Z20971" s="2">
        <v>17.2</v>
      </c>
      <c r="AA20971" s="5">
        <v>19</v>
      </c>
      <c r="AB20971" s="5" t="s">
        <v>43</v>
      </c>
      <c r="AC20971" s="5" t="s">
        <v>44</v>
      </c>
      <c r="AD20971" s="2" t="s">
        <v>67504</v>
      </c>
      <c r="AE20971" s="1"/>
    </row>
    <row r="20972" spans="1:31" ht="14.45">
      <c r="A20972" s="11"/>
      <c r="B20972" s="20"/>
      <c r="C20972" s="2" t="s">
        <v>67723</v>
      </c>
      <c r="D20972" s="14" t="s">
        <v>67724</v>
      </c>
      <c r="E20972" s="2" t="s">
        <v>67725</v>
      </c>
      <c r="F20972" s="2" t="s">
        <v>67440</v>
      </c>
      <c r="G20972" s="8">
        <v>1812</v>
      </c>
      <c r="H20972" s="5">
        <v>15</v>
      </c>
      <c r="I20972" s="5" t="s">
        <v>69</v>
      </c>
      <c r="J20972" s="5" t="s">
        <v>67349</v>
      </c>
      <c r="K20972" s="2" t="s">
        <v>67350</v>
      </c>
      <c r="L20972" s="5" t="s">
        <v>67349</v>
      </c>
      <c r="M20972" s="2" t="s">
        <v>67350</v>
      </c>
      <c r="N20972" s="5" t="s">
        <v>72</v>
      </c>
      <c r="O20972" s="5" t="s">
        <v>38</v>
      </c>
      <c r="P20972" s="5" t="s">
        <v>39</v>
      </c>
      <c r="Q20972" s="5" t="s">
        <v>40</v>
      </c>
      <c r="R20972" s="5" t="s">
        <v>73</v>
      </c>
      <c r="S20972" s="5" t="s">
        <v>40</v>
      </c>
      <c r="T20972" s="5" t="s">
        <v>42</v>
      </c>
      <c r="U20972" s="2">
        <v>48.499000000000002</v>
      </c>
      <c r="V20972" s="2">
        <v>42.624000000000002</v>
      </c>
      <c r="W20972" s="2">
        <v>0.47599999999999998</v>
      </c>
      <c r="X20972" s="2">
        <v>288.10000000000002</v>
      </c>
      <c r="Y20972" s="2">
        <v>74.5</v>
      </c>
      <c r="Z20972" s="2">
        <v>22.2</v>
      </c>
      <c r="AA20972" s="5">
        <v>19</v>
      </c>
      <c r="AB20972" s="5" t="s">
        <v>43</v>
      </c>
      <c r="AC20972" s="5" t="s">
        <v>44</v>
      </c>
      <c r="AD20972" s="2" t="s">
        <v>67610</v>
      </c>
      <c r="AE20972" s="1"/>
    </row>
    <row r="20973" spans="1:31" ht="14.45">
      <c r="A20973" s="11"/>
      <c r="B20973" s="20"/>
      <c r="C20973" s="2" t="s">
        <v>67726</v>
      </c>
      <c r="D20973" s="14" t="s">
        <v>67727</v>
      </c>
      <c r="E20973" s="2" t="s">
        <v>67728</v>
      </c>
      <c r="F20973" s="2" t="s">
        <v>67348</v>
      </c>
      <c r="G20973" s="8">
        <v>326</v>
      </c>
      <c r="H20973" s="5">
        <v>5</v>
      </c>
      <c r="I20973" s="5" t="s">
        <v>69</v>
      </c>
      <c r="J20973" s="5" t="s">
        <v>67349</v>
      </c>
      <c r="K20973" s="2" t="s">
        <v>67350</v>
      </c>
      <c r="L20973" s="5" t="s">
        <v>67349</v>
      </c>
      <c r="M20973" s="2" t="s">
        <v>67350</v>
      </c>
      <c r="N20973" s="5" t="s">
        <v>72</v>
      </c>
      <c r="O20973" s="5" t="s">
        <v>38</v>
      </c>
      <c r="P20973" s="5" t="s">
        <v>39</v>
      </c>
      <c r="Q20973" s="5" t="s">
        <v>40</v>
      </c>
      <c r="R20973" s="5" t="s">
        <v>73</v>
      </c>
      <c r="S20973" s="5" t="s">
        <v>40</v>
      </c>
      <c r="T20973" s="5" t="s">
        <v>42</v>
      </c>
      <c r="U20973" s="2">
        <v>23.529</v>
      </c>
      <c r="V20973" s="2">
        <v>21.376000000000001</v>
      </c>
      <c r="W20973" s="2">
        <v>7.4999999999999997E-2</v>
      </c>
      <c r="X20973" s="2">
        <v>196.2</v>
      </c>
      <c r="Y20973" s="2">
        <v>74.5</v>
      </c>
      <c r="Z20973" s="2">
        <v>5.0999999999999996</v>
      </c>
      <c r="AA20973" s="5">
        <v>19</v>
      </c>
      <c r="AB20973" s="5" t="s">
        <v>43</v>
      </c>
      <c r="AC20973" s="5" t="s">
        <v>44</v>
      </c>
      <c r="AD20973" s="2" t="s">
        <v>67500</v>
      </c>
      <c r="AE20973" s="1"/>
    </row>
    <row r="20974" spans="1:31" ht="14.45">
      <c r="A20974" s="5" t="s">
        <v>116</v>
      </c>
      <c r="B20974" s="21">
        <v>46054</v>
      </c>
      <c r="C20974" s="2" t="s">
        <v>67729</v>
      </c>
      <c r="D20974" s="14" t="s">
        <v>67730</v>
      </c>
      <c r="E20974" s="2" t="s">
        <v>67731</v>
      </c>
      <c r="F20974" s="2" t="s">
        <v>120</v>
      </c>
      <c r="G20974" s="8">
        <v>1501</v>
      </c>
      <c r="H20974" s="5">
        <v>15</v>
      </c>
      <c r="I20974" s="5" t="s">
        <v>69</v>
      </c>
      <c r="J20974" s="5" t="s">
        <v>67349</v>
      </c>
      <c r="K20974" s="2" t="s">
        <v>67350</v>
      </c>
      <c r="L20974" s="5" t="s">
        <v>67349</v>
      </c>
      <c r="M20974" s="2" t="s">
        <v>67350</v>
      </c>
      <c r="N20974" s="5" t="s">
        <v>72</v>
      </c>
      <c r="O20974" s="5" t="s">
        <v>38</v>
      </c>
      <c r="P20974" s="5" t="s">
        <v>39</v>
      </c>
      <c r="Q20974" s="5" t="s">
        <v>40</v>
      </c>
      <c r="R20974" s="5" t="s">
        <v>73</v>
      </c>
      <c r="S20974" s="5" t="s">
        <v>40</v>
      </c>
      <c r="T20974" s="5" t="s">
        <v>42</v>
      </c>
      <c r="U20974" s="2">
        <v>59.585000000000001</v>
      </c>
      <c r="V20974" s="2">
        <v>32.79</v>
      </c>
      <c r="W20974" s="2">
        <v>0.41</v>
      </c>
      <c r="X20974" s="2">
        <v>319.89999999999998</v>
      </c>
      <c r="Y20974" s="2">
        <v>74.5</v>
      </c>
      <c r="Z20974" s="2">
        <v>17.2</v>
      </c>
      <c r="AA20974" s="5">
        <v>19</v>
      </c>
      <c r="AB20974" s="5" t="s">
        <v>43</v>
      </c>
      <c r="AC20974" s="5" t="s">
        <v>44</v>
      </c>
      <c r="AD20974" s="2" t="s">
        <v>67504</v>
      </c>
      <c r="AE20974" s="1"/>
    </row>
    <row r="20975" spans="1:31" ht="14.45">
      <c r="A20975" s="11"/>
      <c r="B20975" s="20"/>
      <c r="C20975" s="2" t="s">
        <v>67732</v>
      </c>
      <c r="D20975" s="14" t="s">
        <v>67733</v>
      </c>
      <c r="E20975" s="2" t="s">
        <v>67734</v>
      </c>
      <c r="F20975" s="2" t="s">
        <v>67508</v>
      </c>
      <c r="G20975" s="8">
        <v>1501</v>
      </c>
      <c r="H20975" s="5">
        <v>15</v>
      </c>
      <c r="I20975" s="5" t="s">
        <v>69</v>
      </c>
      <c r="J20975" s="5" t="s">
        <v>67349</v>
      </c>
      <c r="K20975" s="2" t="s">
        <v>67350</v>
      </c>
      <c r="L20975" s="5" t="s">
        <v>67349</v>
      </c>
      <c r="M20975" s="2" t="s">
        <v>67350</v>
      </c>
      <c r="N20975" s="5" t="s">
        <v>72</v>
      </c>
      <c r="O20975" s="5" t="s">
        <v>38</v>
      </c>
      <c r="P20975" s="5" t="s">
        <v>39</v>
      </c>
      <c r="Q20975" s="5" t="s">
        <v>40</v>
      </c>
      <c r="R20975" s="5" t="s">
        <v>73</v>
      </c>
      <c r="S20975" s="5" t="s">
        <v>40</v>
      </c>
      <c r="T20975" s="5" t="s">
        <v>42</v>
      </c>
      <c r="U20975" s="2">
        <v>60.197000000000003</v>
      </c>
      <c r="V20975" s="2">
        <v>33.338000000000001</v>
      </c>
      <c r="W20975" s="2">
        <v>0.42</v>
      </c>
      <c r="X20975" s="2">
        <v>328.1</v>
      </c>
      <c r="Y20975" s="2">
        <v>74.5</v>
      </c>
      <c r="Z20975" s="2">
        <v>17.2</v>
      </c>
      <c r="AA20975" s="5">
        <v>19</v>
      </c>
      <c r="AB20975" s="5" t="s">
        <v>43</v>
      </c>
      <c r="AC20975" s="5" t="s">
        <v>44</v>
      </c>
      <c r="AD20975" s="2" t="s">
        <v>67504</v>
      </c>
      <c r="AE20975" s="1"/>
    </row>
    <row r="20976" spans="1:31" ht="14.45">
      <c r="A20976" s="11"/>
      <c r="B20976" s="20"/>
      <c r="C20976" s="2" t="s">
        <v>67735</v>
      </c>
      <c r="D20976" s="14" t="s">
        <v>67736</v>
      </c>
      <c r="E20976" s="2" t="s">
        <v>67737</v>
      </c>
      <c r="F20976" s="2" t="s">
        <v>67440</v>
      </c>
      <c r="G20976" s="8">
        <v>1664</v>
      </c>
      <c r="H20976" s="5">
        <v>15</v>
      </c>
      <c r="I20976" s="5" t="s">
        <v>69</v>
      </c>
      <c r="J20976" s="5" t="s">
        <v>67349</v>
      </c>
      <c r="K20976" s="2" t="s">
        <v>67350</v>
      </c>
      <c r="L20976" s="5" t="s">
        <v>67349</v>
      </c>
      <c r="M20976" s="2" t="s">
        <v>67350</v>
      </c>
      <c r="N20976" s="5" t="s">
        <v>72</v>
      </c>
      <c r="O20976" s="5" t="s">
        <v>38</v>
      </c>
      <c r="P20976" s="5" t="s">
        <v>39</v>
      </c>
      <c r="Q20976" s="5" t="s">
        <v>40</v>
      </c>
      <c r="R20976" s="5" t="s">
        <v>73</v>
      </c>
      <c r="S20976" s="5" t="s">
        <v>40</v>
      </c>
      <c r="T20976" s="5" t="s">
        <v>42</v>
      </c>
      <c r="U20976" s="2">
        <v>49.066000000000003</v>
      </c>
      <c r="V20976" s="2">
        <v>43.296999999999997</v>
      </c>
      <c r="W20976" s="2">
        <v>0.54300000000000004</v>
      </c>
      <c r="X20976" s="2">
        <v>328.1</v>
      </c>
      <c r="Y20976" s="2">
        <v>74.5</v>
      </c>
      <c r="Z20976" s="2">
        <v>22.2</v>
      </c>
      <c r="AA20976" s="5">
        <v>19</v>
      </c>
      <c r="AB20976" s="5" t="s">
        <v>43</v>
      </c>
      <c r="AC20976" s="5" t="s">
        <v>44</v>
      </c>
      <c r="AD20976" s="2" t="s">
        <v>67610</v>
      </c>
      <c r="AE20976" s="1"/>
    </row>
    <row r="20977" spans="1:31" ht="14.45">
      <c r="A20977" s="11"/>
      <c r="B20977" s="20"/>
      <c r="C20977" s="2" t="s">
        <v>67738</v>
      </c>
      <c r="D20977" s="14" t="s">
        <v>67739</v>
      </c>
      <c r="E20977" s="2" t="s">
        <v>67740</v>
      </c>
      <c r="F20977" s="2" t="s">
        <v>67348</v>
      </c>
      <c r="G20977" s="8">
        <v>355</v>
      </c>
      <c r="H20977" s="5">
        <v>5</v>
      </c>
      <c r="I20977" s="5" t="s">
        <v>69</v>
      </c>
      <c r="J20977" s="5" t="s">
        <v>67349</v>
      </c>
      <c r="K20977" s="2" t="s">
        <v>67350</v>
      </c>
      <c r="L20977" s="5" t="s">
        <v>67349</v>
      </c>
      <c r="M20977" s="2" t="s">
        <v>67350</v>
      </c>
      <c r="N20977" s="5" t="s">
        <v>72</v>
      </c>
      <c r="O20977" s="5" t="s">
        <v>38</v>
      </c>
      <c r="P20977" s="5" t="s">
        <v>39</v>
      </c>
      <c r="Q20977" s="5" t="s">
        <v>40</v>
      </c>
      <c r="R20977" s="5" t="s">
        <v>73</v>
      </c>
      <c r="S20977" s="5" t="s">
        <v>40</v>
      </c>
      <c r="T20977" s="5" t="s">
        <v>42</v>
      </c>
      <c r="U20977" s="2">
        <v>26.329000000000001</v>
      </c>
      <c r="V20977" s="2">
        <v>23.844000000000001</v>
      </c>
      <c r="W20977" s="2">
        <v>9.0999999999999998E-2</v>
      </c>
      <c r="X20977" s="2">
        <v>238.2</v>
      </c>
      <c r="Y20977" s="2">
        <v>74.5</v>
      </c>
      <c r="Z20977" s="2">
        <v>5.0999999999999996</v>
      </c>
      <c r="AA20977" s="5">
        <v>19</v>
      </c>
      <c r="AB20977" s="5" t="s">
        <v>43</v>
      </c>
      <c r="AC20977" s="5" t="s">
        <v>44</v>
      </c>
      <c r="AD20977" s="2" t="s">
        <v>67500</v>
      </c>
      <c r="AE20977" s="1"/>
    </row>
    <row r="20978" spans="1:31" ht="14.45">
      <c r="A20978" s="5" t="s">
        <v>116</v>
      </c>
      <c r="B20978" s="21">
        <v>46054</v>
      </c>
      <c r="C20978" s="2" t="s">
        <v>67741</v>
      </c>
      <c r="D20978" s="14" t="s">
        <v>67742</v>
      </c>
      <c r="E20978" s="2" t="s">
        <v>67743</v>
      </c>
      <c r="F20978" s="2" t="s">
        <v>67508</v>
      </c>
      <c r="G20978" s="8">
        <v>1634</v>
      </c>
      <c r="H20978" s="5">
        <v>15</v>
      </c>
      <c r="I20978" s="5" t="s">
        <v>69</v>
      </c>
      <c r="J20978" s="5" t="s">
        <v>67349</v>
      </c>
      <c r="K20978" s="2" t="s">
        <v>67350</v>
      </c>
      <c r="L20978" s="5" t="s">
        <v>67349</v>
      </c>
      <c r="M20978" s="2" t="s">
        <v>67350</v>
      </c>
      <c r="N20978" s="5" t="s">
        <v>72</v>
      </c>
      <c r="O20978" s="5" t="s">
        <v>38</v>
      </c>
      <c r="P20978" s="5" t="s">
        <v>39</v>
      </c>
      <c r="Q20978" s="5" t="s">
        <v>40</v>
      </c>
      <c r="R20978" s="5" t="s">
        <v>73</v>
      </c>
      <c r="S20978" s="5" t="s">
        <v>40</v>
      </c>
      <c r="T20978" s="5" t="s">
        <v>42</v>
      </c>
      <c r="U20978" s="2">
        <v>62.2</v>
      </c>
      <c r="V20978" s="2">
        <v>35.075000000000003</v>
      </c>
      <c r="W20978" s="2">
        <v>0.41</v>
      </c>
      <c r="X20978" s="2">
        <v>319.89999999999998</v>
      </c>
      <c r="Y20978" s="2">
        <v>74.5</v>
      </c>
      <c r="Z20978" s="2">
        <v>17.2</v>
      </c>
      <c r="AA20978" s="5">
        <v>19</v>
      </c>
      <c r="AB20978" s="5" t="s">
        <v>43</v>
      </c>
      <c r="AC20978" s="5" t="s">
        <v>44</v>
      </c>
      <c r="AD20978" s="2" t="s">
        <v>67504</v>
      </c>
      <c r="AE20978" s="1"/>
    </row>
    <row r="20979" spans="1:31" ht="14.45">
      <c r="A20979" s="11"/>
      <c r="B20979" s="20"/>
      <c r="C20979" s="2" t="s">
        <v>67744</v>
      </c>
      <c r="D20979" s="14" t="s">
        <v>67745</v>
      </c>
      <c r="E20979" s="2" t="s">
        <v>67746</v>
      </c>
      <c r="F20979" s="2" t="s">
        <v>67508</v>
      </c>
      <c r="G20979" s="8">
        <v>1634</v>
      </c>
      <c r="H20979" s="5">
        <v>15</v>
      </c>
      <c r="I20979" s="5" t="s">
        <v>69</v>
      </c>
      <c r="J20979" s="5" t="s">
        <v>67349</v>
      </c>
      <c r="K20979" s="2" t="s">
        <v>67350</v>
      </c>
      <c r="L20979" s="5" t="s">
        <v>67349</v>
      </c>
      <c r="M20979" s="2" t="s">
        <v>67350</v>
      </c>
      <c r="N20979" s="5" t="s">
        <v>72</v>
      </c>
      <c r="O20979" s="5" t="s">
        <v>38</v>
      </c>
      <c r="P20979" s="5" t="s">
        <v>39</v>
      </c>
      <c r="Q20979" s="5" t="s">
        <v>40</v>
      </c>
      <c r="R20979" s="5" t="s">
        <v>73</v>
      </c>
      <c r="S20979" s="5" t="s">
        <v>40</v>
      </c>
      <c r="T20979" s="5" t="s">
        <v>42</v>
      </c>
      <c r="U20979" s="2">
        <v>62.811999999999998</v>
      </c>
      <c r="V20979" s="2">
        <v>35.622999999999998</v>
      </c>
      <c r="W20979" s="2">
        <v>0.42</v>
      </c>
      <c r="X20979" s="2">
        <v>328.1</v>
      </c>
      <c r="Y20979" s="2">
        <v>74.5</v>
      </c>
      <c r="Z20979" s="2">
        <v>17.2</v>
      </c>
      <c r="AA20979" s="5">
        <v>19</v>
      </c>
      <c r="AB20979" s="5" t="s">
        <v>43</v>
      </c>
      <c r="AC20979" s="5" t="s">
        <v>44</v>
      </c>
      <c r="AD20979" s="2" t="s">
        <v>67504</v>
      </c>
      <c r="AE20979" s="1"/>
    </row>
    <row r="20980" spans="1:31" ht="14.45">
      <c r="A20980" s="11"/>
      <c r="B20980" s="20"/>
      <c r="C20980" s="2" t="s">
        <v>67747</v>
      </c>
      <c r="D20980" s="14" t="s">
        <v>67748</v>
      </c>
      <c r="E20980" s="2" t="s">
        <v>67749</v>
      </c>
      <c r="F20980" s="2" t="s">
        <v>67348</v>
      </c>
      <c r="G20980" s="8">
        <v>367</v>
      </c>
      <c r="H20980" s="5">
        <v>5</v>
      </c>
      <c r="I20980" s="5" t="s">
        <v>69</v>
      </c>
      <c r="J20980" s="5" t="s">
        <v>67349</v>
      </c>
      <c r="K20980" s="2" t="s">
        <v>67350</v>
      </c>
      <c r="L20980" s="5" t="s">
        <v>67349</v>
      </c>
      <c r="M20980" s="2" t="s">
        <v>67350</v>
      </c>
      <c r="N20980" s="5" t="s">
        <v>72</v>
      </c>
      <c r="O20980" s="5" t="s">
        <v>38</v>
      </c>
      <c r="P20980" s="5" t="s">
        <v>39</v>
      </c>
      <c r="Q20980" s="5" t="s">
        <v>40</v>
      </c>
      <c r="R20980" s="5" t="s">
        <v>73</v>
      </c>
      <c r="S20980" s="5" t="s">
        <v>40</v>
      </c>
      <c r="T20980" s="5" t="s">
        <v>42</v>
      </c>
      <c r="U20980" s="2">
        <v>27.552</v>
      </c>
      <c r="V20980" s="2">
        <v>24.91</v>
      </c>
      <c r="W20980" s="2">
        <v>9.8000000000000004E-2</v>
      </c>
      <c r="X20980" s="2">
        <v>258.39999999999998</v>
      </c>
      <c r="Y20980" s="2">
        <v>74.5</v>
      </c>
      <c r="Z20980" s="2">
        <v>5.0999999999999996</v>
      </c>
      <c r="AA20980" s="5">
        <v>19</v>
      </c>
      <c r="AB20980" s="5" t="s">
        <v>43</v>
      </c>
      <c r="AC20980" s="5" t="s">
        <v>44</v>
      </c>
      <c r="AD20980" s="2" t="s">
        <v>67500</v>
      </c>
      <c r="AE20980" s="1"/>
    </row>
    <row r="20981" spans="1:31" ht="14.45">
      <c r="A20981" s="5" t="s">
        <v>116</v>
      </c>
      <c r="B20981" s="21">
        <v>46054</v>
      </c>
      <c r="C20981" s="2" t="s">
        <v>67750</v>
      </c>
      <c r="D20981" s="14" t="s">
        <v>67751</v>
      </c>
      <c r="E20981" s="2" t="s">
        <v>67752</v>
      </c>
      <c r="F20981" s="2" t="s">
        <v>120</v>
      </c>
      <c r="G20981" s="8">
        <v>1688</v>
      </c>
      <c r="H20981" s="5">
        <v>15</v>
      </c>
      <c r="I20981" s="5" t="s">
        <v>69</v>
      </c>
      <c r="J20981" s="5" t="s">
        <v>67349</v>
      </c>
      <c r="K20981" s="2" t="s">
        <v>67350</v>
      </c>
      <c r="L20981" s="5" t="s">
        <v>67349</v>
      </c>
      <c r="M20981" s="2" t="s">
        <v>67350</v>
      </c>
      <c r="N20981" s="5" t="s">
        <v>72</v>
      </c>
      <c r="O20981" s="5" t="s">
        <v>38</v>
      </c>
      <c r="P20981" s="5" t="s">
        <v>39</v>
      </c>
      <c r="Q20981" s="5" t="s">
        <v>40</v>
      </c>
      <c r="R20981" s="5" t="s">
        <v>73</v>
      </c>
      <c r="S20981" s="5" t="s">
        <v>40</v>
      </c>
      <c r="T20981" s="5" t="s">
        <v>42</v>
      </c>
      <c r="U20981" s="2">
        <v>63.386000000000003</v>
      </c>
      <c r="V20981" s="2">
        <v>36.17</v>
      </c>
      <c r="W20981" s="2">
        <v>0.41</v>
      </c>
      <c r="X20981" s="2">
        <v>319.89999999999998</v>
      </c>
      <c r="Y20981" s="2">
        <v>74.5</v>
      </c>
      <c r="Z20981" s="2">
        <v>17.2</v>
      </c>
      <c r="AA20981" s="5">
        <v>19</v>
      </c>
      <c r="AB20981" s="5" t="s">
        <v>43</v>
      </c>
      <c r="AC20981" s="5" t="s">
        <v>44</v>
      </c>
      <c r="AD20981" s="2" t="s">
        <v>67504</v>
      </c>
      <c r="AE20981" s="1"/>
    </row>
    <row r="20982" spans="1:31" ht="14.45">
      <c r="A20982" s="11"/>
      <c r="B20982" s="20"/>
      <c r="C20982" s="2" t="s">
        <v>67753</v>
      </c>
      <c r="D20982" s="14" t="s">
        <v>67754</v>
      </c>
      <c r="E20982" s="2" t="s">
        <v>67755</v>
      </c>
      <c r="F20982" s="2" t="s">
        <v>67508</v>
      </c>
      <c r="G20982" s="8">
        <v>1688</v>
      </c>
      <c r="H20982" s="5">
        <v>15</v>
      </c>
      <c r="I20982" s="5" t="s">
        <v>69</v>
      </c>
      <c r="J20982" s="5" t="s">
        <v>67349</v>
      </c>
      <c r="K20982" s="2" t="s">
        <v>67350</v>
      </c>
      <c r="L20982" s="5" t="s">
        <v>67349</v>
      </c>
      <c r="M20982" s="2" t="s">
        <v>67350</v>
      </c>
      <c r="N20982" s="5" t="s">
        <v>72</v>
      </c>
      <c r="O20982" s="5" t="s">
        <v>38</v>
      </c>
      <c r="P20982" s="5" t="s">
        <v>39</v>
      </c>
      <c r="Q20982" s="5" t="s">
        <v>40</v>
      </c>
      <c r="R20982" s="5" t="s">
        <v>73</v>
      </c>
      <c r="S20982" s="5" t="s">
        <v>40</v>
      </c>
      <c r="T20982" s="5" t="s">
        <v>42</v>
      </c>
      <c r="U20982" s="2">
        <v>63.997999999999998</v>
      </c>
      <c r="V20982" s="2">
        <v>36.718000000000004</v>
      </c>
      <c r="W20982" s="2">
        <v>0.42</v>
      </c>
      <c r="X20982" s="2">
        <v>328.1</v>
      </c>
      <c r="Y20982" s="2">
        <v>74.5</v>
      </c>
      <c r="Z20982" s="2">
        <v>17.2</v>
      </c>
      <c r="AA20982" s="5">
        <v>19</v>
      </c>
      <c r="AB20982" s="5" t="s">
        <v>43</v>
      </c>
      <c r="AC20982" s="5" t="s">
        <v>44</v>
      </c>
      <c r="AD20982" s="2" t="s">
        <v>67504</v>
      </c>
      <c r="AE20982" s="1"/>
    </row>
    <row r="20983" spans="1:31" ht="14.45">
      <c r="A20983" s="11"/>
      <c r="B20983" s="20"/>
      <c r="C20983" s="2" t="s">
        <v>67756</v>
      </c>
      <c r="D20983" s="14" t="s">
        <v>67757</v>
      </c>
      <c r="E20983" s="2" t="s">
        <v>67758</v>
      </c>
      <c r="F20983" s="2" t="s">
        <v>67440</v>
      </c>
      <c r="G20983" s="8">
        <v>1872</v>
      </c>
      <c r="H20983" s="5">
        <v>15</v>
      </c>
      <c r="I20983" s="5" t="s">
        <v>69</v>
      </c>
      <c r="J20983" s="5" t="s">
        <v>67349</v>
      </c>
      <c r="K20983" s="2" t="s">
        <v>67350</v>
      </c>
      <c r="L20983" s="5" t="s">
        <v>67349</v>
      </c>
      <c r="M20983" s="2" t="s">
        <v>67350</v>
      </c>
      <c r="N20983" s="5" t="s">
        <v>72</v>
      </c>
      <c r="O20983" s="5" t="s">
        <v>38</v>
      </c>
      <c r="P20983" s="5" t="s">
        <v>39</v>
      </c>
      <c r="Q20983" s="5" t="s">
        <v>40</v>
      </c>
      <c r="R20983" s="5" t="s">
        <v>73</v>
      </c>
      <c r="S20983" s="5" t="s">
        <v>40</v>
      </c>
      <c r="T20983" s="5" t="s">
        <v>42</v>
      </c>
      <c r="U20983" s="2">
        <v>52.866999999999997</v>
      </c>
      <c r="V20983" s="2">
        <v>46.677</v>
      </c>
      <c r="W20983" s="2">
        <v>0.54300000000000004</v>
      </c>
      <c r="X20983" s="2">
        <v>328.1</v>
      </c>
      <c r="Y20983" s="2">
        <v>74.5</v>
      </c>
      <c r="Z20983" s="2">
        <v>22.2</v>
      </c>
      <c r="AA20983" s="5">
        <v>19</v>
      </c>
      <c r="AB20983" s="5" t="s">
        <v>43</v>
      </c>
      <c r="AC20983" s="5" t="s">
        <v>44</v>
      </c>
      <c r="AD20983" s="2" t="s">
        <v>67610</v>
      </c>
      <c r="AE20983" s="1"/>
    </row>
    <row r="20984" spans="1:31" ht="14.45">
      <c r="A20984" s="5" t="s">
        <v>116</v>
      </c>
      <c r="B20984" s="20"/>
      <c r="C20984" s="2" t="s">
        <v>67759</v>
      </c>
      <c r="D20984" s="14" t="s">
        <v>67760</v>
      </c>
      <c r="E20984" s="2" t="s">
        <v>67761</v>
      </c>
      <c r="F20984" s="2" t="s">
        <v>67762</v>
      </c>
      <c r="G20984" s="8">
        <v>422</v>
      </c>
      <c r="H20984" s="5">
        <v>15</v>
      </c>
      <c r="I20984" s="5" t="s">
        <v>69</v>
      </c>
      <c r="J20984" s="5" t="s">
        <v>67349</v>
      </c>
      <c r="K20984" s="2" t="s">
        <v>67350</v>
      </c>
      <c r="L20984" s="5" t="s">
        <v>67349</v>
      </c>
      <c r="M20984" s="2" t="s">
        <v>67350</v>
      </c>
      <c r="N20984" s="5" t="s">
        <v>72</v>
      </c>
      <c r="O20984" s="5" t="s">
        <v>38</v>
      </c>
      <c r="P20984" s="5" t="s">
        <v>39</v>
      </c>
      <c r="Q20984" s="5" t="s">
        <v>40</v>
      </c>
      <c r="R20984" s="5" t="s">
        <v>73</v>
      </c>
      <c r="S20984" s="5" t="s">
        <v>40</v>
      </c>
      <c r="T20984" s="5" t="s">
        <v>42</v>
      </c>
      <c r="U20984" s="31">
        <v>16.004999999999999</v>
      </c>
      <c r="V20984" s="31">
        <v>14.095000000000001</v>
      </c>
      <c r="W20984" s="32">
        <v>0.23</v>
      </c>
      <c r="X20984" s="2">
        <v>179.4</v>
      </c>
      <c r="Y20984" s="2">
        <v>74.5</v>
      </c>
      <c r="Z20984" s="2">
        <v>17.2</v>
      </c>
      <c r="AA20984" s="5">
        <v>19</v>
      </c>
      <c r="AB20984" s="5" t="s">
        <v>43</v>
      </c>
      <c r="AC20984" s="5" t="s">
        <v>44</v>
      </c>
      <c r="AD20984" s="2"/>
      <c r="AE20984" s="1"/>
    </row>
    <row r="20985" spans="1:31" ht="14.45">
      <c r="A20985" s="5" t="s">
        <v>116</v>
      </c>
      <c r="B20985" s="20"/>
      <c r="C20985" s="2" t="s">
        <v>67763</v>
      </c>
      <c r="D20985" s="14" t="s">
        <v>67764</v>
      </c>
      <c r="E20985" s="2" t="s">
        <v>67765</v>
      </c>
      <c r="F20985" s="2" t="s">
        <v>67762</v>
      </c>
      <c r="G20985" s="8">
        <v>457</v>
      </c>
      <c r="H20985" s="5">
        <v>15</v>
      </c>
      <c r="I20985" s="5" t="s">
        <v>69</v>
      </c>
      <c r="J20985" s="5" t="s">
        <v>67349</v>
      </c>
      <c r="K20985" s="2" t="s">
        <v>67350</v>
      </c>
      <c r="L20985" s="5" t="s">
        <v>67349</v>
      </c>
      <c r="M20985" s="2" t="s">
        <v>67350</v>
      </c>
      <c r="N20985" s="5" t="s">
        <v>72</v>
      </c>
      <c r="O20985" s="5" t="s">
        <v>38</v>
      </c>
      <c r="P20985" s="5" t="s">
        <v>39</v>
      </c>
      <c r="Q20985" s="5" t="s">
        <v>40</v>
      </c>
      <c r="R20985" s="5" t="s">
        <v>73</v>
      </c>
      <c r="S20985" s="5" t="s">
        <v>40</v>
      </c>
      <c r="T20985" s="5" t="s">
        <v>42</v>
      </c>
      <c r="U20985" s="31">
        <v>17.213000000000001</v>
      </c>
      <c r="V20985" s="31">
        <v>15.146000000000001</v>
      </c>
      <c r="W20985" s="2">
        <v>0.25600000000000001</v>
      </c>
      <c r="X20985" s="2">
        <v>199.4</v>
      </c>
      <c r="Y20985" s="2">
        <v>74.5</v>
      </c>
      <c r="Z20985" s="2">
        <v>17.2</v>
      </c>
      <c r="AA20985" s="5">
        <v>19</v>
      </c>
      <c r="AB20985" s="5" t="s">
        <v>43</v>
      </c>
      <c r="AC20985" s="5" t="s">
        <v>44</v>
      </c>
      <c r="AD20985" s="2"/>
      <c r="AE20985" s="1"/>
    </row>
    <row r="20986" spans="1:31" ht="14.45">
      <c r="A20986" s="5" t="s">
        <v>116</v>
      </c>
      <c r="B20986" s="20"/>
      <c r="C20986" s="2" t="s">
        <v>67766</v>
      </c>
      <c r="D20986" s="14" t="s">
        <v>67767</v>
      </c>
      <c r="E20986" s="2" t="s">
        <v>67768</v>
      </c>
      <c r="F20986" s="2" t="s">
        <v>67762</v>
      </c>
      <c r="G20986" s="8">
        <v>487</v>
      </c>
      <c r="H20986" s="5">
        <v>15</v>
      </c>
      <c r="I20986" s="5" t="s">
        <v>69</v>
      </c>
      <c r="J20986" s="5" t="s">
        <v>67349</v>
      </c>
      <c r="K20986" s="2" t="s">
        <v>67350</v>
      </c>
      <c r="L20986" s="5" t="s">
        <v>67349</v>
      </c>
      <c r="M20986" s="2" t="s">
        <v>67350</v>
      </c>
      <c r="N20986" s="5" t="s">
        <v>72</v>
      </c>
      <c r="O20986" s="5" t="s">
        <v>38</v>
      </c>
      <c r="P20986" s="5" t="s">
        <v>39</v>
      </c>
      <c r="Q20986" s="5" t="s">
        <v>40</v>
      </c>
      <c r="R20986" s="5" t="s">
        <v>73</v>
      </c>
      <c r="S20986" s="5" t="s">
        <v>40</v>
      </c>
      <c r="T20986" s="5" t="s">
        <v>42</v>
      </c>
      <c r="U20986" s="31">
        <v>18.079999999999998</v>
      </c>
      <c r="V20986" s="31">
        <v>16.013000000000002</v>
      </c>
      <c r="W20986" s="2">
        <v>0.25600000000000001</v>
      </c>
      <c r="X20986" s="2">
        <v>199.4</v>
      </c>
      <c r="Y20986" s="2">
        <v>74.5</v>
      </c>
      <c r="Z20986" s="2">
        <v>17.2</v>
      </c>
      <c r="AA20986" s="5">
        <v>19</v>
      </c>
      <c r="AB20986" s="5" t="s">
        <v>43</v>
      </c>
      <c r="AC20986" s="5" t="s">
        <v>44</v>
      </c>
      <c r="AD20986" s="2"/>
      <c r="AE20986" s="1"/>
    </row>
    <row r="20987" spans="1:31" ht="14.45">
      <c r="A20987" s="5" t="s">
        <v>116</v>
      </c>
      <c r="B20987" s="20"/>
      <c r="C20987" s="2" t="s">
        <v>67769</v>
      </c>
      <c r="D20987" s="14" t="s">
        <v>67770</v>
      </c>
      <c r="E20987" s="2" t="s">
        <v>67771</v>
      </c>
      <c r="F20987" s="2" t="s">
        <v>67762</v>
      </c>
      <c r="G20987" s="8">
        <v>543</v>
      </c>
      <c r="H20987" s="5">
        <v>15</v>
      </c>
      <c r="I20987" s="5" t="s">
        <v>69</v>
      </c>
      <c r="J20987" s="5" t="s">
        <v>67349</v>
      </c>
      <c r="K20987" s="2" t="s">
        <v>67350</v>
      </c>
      <c r="L20987" s="5" t="s">
        <v>67349</v>
      </c>
      <c r="M20987" s="2" t="s">
        <v>67350</v>
      </c>
      <c r="N20987" s="5" t="s">
        <v>72</v>
      </c>
      <c r="O20987" s="5" t="s">
        <v>38</v>
      </c>
      <c r="P20987" s="5" t="s">
        <v>39</v>
      </c>
      <c r="Q20987" s="5" t="s">
        <v>40</v>
      </c>
      <c r="R20987" s="5" t="s">
        <v>73</v>
      </c>
      <c r="S20987" s="5" t="s">
        <v>40</v>
      </c>
      <c r="T20987" s="5" t="s">
        <v>42</v>
      </c>
      <c r="U20987" s="31">
        <v>19.303999999999998</v>
      </c>
      <c r="V20987" s="31">
        <v>17.076000000000001</v>
      </c>
      <c r="W20987" s="2">
        <v>0.28100000000000003</v>
      </c>
      <c r="X20987" s="2">
        <v>219.4</v>
      </c>
      <c r="Y20987" s="2">
        <v>74.5</v>
      </c>
      <c r="Z20987" s="2">
        <v>17.2</v>
      </c>
      <c r="AA20987" s="5">
        <v>19</v>
      </c>
      <c r="AB20987" s="5" t="s">
        <v>43</v>
      </c>
      <c r="AC20987" s="5" t="s">
        <v>44</v>
      </c>
      <c r="AD20987" s="2"/>
      <c r="AE20987" s="1"/>
    </row>
    <row r="20988" spans="1:31" ht="14.45">
      <c r="A20988" s="5" t="s">
        <v>116</v>
      </c>
      <c r="B20988" s="20"/>
      <c r="C20988" s="2" t="s">
        <v>67772</v>
      </c>
      <c r="D20988" s="14" t="s">
        <v>67773</v>
      </c>
      <c r="E20988" s="2" t="s">
        <v>67774</v>
      </c>
      <c r="F20988" s="2" t="s">
        <v>67762</v>
      </c>
      <c r="G20988" s="8">
        <v>514</v>
      </c>
      <c r="H20988" s="5">
        <v>15</v>
      </c>
      <c r="I20988" s="5" t="s">
        <v>69</v>
      </c>
      <c r="J20988" s="5" t="s">
        <v>67349</v>
      </c>
      <c r="K20988" s="2" t="s">
        <v>67350</v>
      </c>
      <c r="L20988" s="5" t="s">
        <v>67349</v>
      </c>
      <c r="M20988" s="2" t="s">
        <v>67350</v>
      </c>
      <c r="N20988" s="5" t="s">
        <v>72</v>
      </c>
      <c r="O20988" s="5" t="s">
        <v>38</v>
      </c>
      <c r="P20988" s="5" t="s">
        <v>39</v>
      </c>
      <c r="Q20988" s="5" t="s">
        <v>40</v>
      </c>
      <c r="R20988" s="5" t="s">
        <v>73</v>
      </c>
      <c r="S20988" s="5" t="s">
        <v>40</v>
      </c>
      <c r="T20988" s="5" t="s">
        <v>42</v>
      </c>
      <c r="U20988" s="31">
        <v>18.959</v>
      </c>
      <c r="V20988" s="31">
        <v>16.891999999999999</v>
      </c>
      <c r="W20988" s="2">
        <v>0.25600000000000001</v>
      </c>
      <c r="X20988" s="2">
        <v>199.4</v>
      </c>
      <c r="Y20988" s="2">
        <v>74.5</v>
      </c>
      <c r="Z20988" s="2">
        <v>17.2</v>
      </c>
      <c r="AA20988" s="5">
        <v>19</v>
      </c>
      <c r="AB20988" s="5" t="s">
        <v>43</v>
      </c>
      <c r="AC20988" s="5" t="s">
        <v>44</v>
      </c>
      <c r="AD20988" s="2"/>
      <c r="AE20988" s="1"/>
    </row>
    <row r="20989" spans="1:31" ht="14.45">
      <c r="A20989" s="5" t="s">
        <v>116</v>
      </c>
      <c r="B20989" s="20"/>
      <c r="C20989" s="2" t="s">
        <v>67775</v>
      </c>
      <c r="D20989" s="14" t="s">
        <v>67776</v>
      </c>
      <c r="E20989" s="2" t="s">
        <v>67777</v>
      </c>
      <c r="F20989" s="2" t="s">
        <v>67762</v>
      </c>
      <c r="G20989" s="8">
        <v>571</v>
      </c>
      <c r="H20989" s="5">
        <v>15</v>
      </c>
      <c r="I20989" s="5" t="s">
        <v>69</v>
      </c>
      <c r="J20989" s="5" t="s">
        <v>67349</v>
      </c>
      <c r="K20989" s="2" t="s">
        <v>67350</v>
      </c>
      <c r="L20989" s="5" t="s">
        <v>67349</v>
      </c>
      <c r="M20989" s="2" t="s">
        <v>67350</v>
      </c>
      <c r="N20989" s="5" t="s">
        <v>72</v>
      </c>
      <c r="O20989" s="5" t="s">
        <v>38</v>
      </c>
      <c r="P20989" s="5" t="s">
        <v>39</v>
      </c>
      <c r="Q20989" s="5" t="s">
        <v>40</v>
      </c>
      <c r="R20989" s="5" t="s">
        <v>73</v>
      </c>
      <c r="S20989" s="5" t="s">
        <v>40</v>
      </c>
      <c r="T20989" s="5" t="s">
        <v>42</v>
      </c>
      <c r="U20989" s="31">
        <v>20.181999999999999</v>
      </c>
      <c r="V20989" s="31">
        <v>17.954000000000001</v>
      </c>
      <c r="W20989" s="2">
        <v>0.28100000000000003</v>
      </c>
      <c r="X20989" s="2">
        <v>219.4</v>
      </c>
      <c r="Y20989" s="2">
        <v>74.5</v>
      </c>
      <c r="Z20989" s="2">
        <v>17.2</v>
      </c>
      <c r="AA20989" s="5">
        <v>19</v>
      </c>
      <c r="AB20989" s="5" t="s">
        <v>43</v>
      </c>
      <c r="AC20989" s="5" t="s">
        <v>44</v>
      </c>
      <c r="AD20989" s="2"/>
      <c r="AE20989" s="1"/>
    </row>
    <row r="20990" spans="1:31" ht="14.45">
      <c r="A20990" s="5" t="s">
        <v>116</v>
      </c>
      <c r="B20990" s="20"/>
      <c r="C20990" s="2" t="s">
        <v>67778</v>
      </c>
      <c r="D20990" s="14" t="s">
        <v>67779</v>
      </c>
      <c r="E20990" s="2" t="s">
        <v>67780</v>
      </c>
      <c r="F20990" s="2" t="s">
        <v>67762</v>
      </c>
      <c r="G20990" s="8">
        <v>629</v>
      </c>
      <c r="H20990" s="5">
        <v>15</v>
      </c>
      <c r="I20990" s="5" t="s">
        <v>69</v>
      </c>
      <c r="J20990" s="5" t="s">
        <v>67349</v>
      </c>
      <c r="K20990" s="2" t="s">
        <v>67350</v>
      </c>
      <c r="L20990" s="5" t="s">
        <v>67349</v>
      </c>
      <c r="M20990" s="2" t="s">
        <v>67350</v>
      </c>
      <c r="N20990" s="5" t="s">
        <v>72</v>
      </c>
      <c r="O20990" s="5" t="s">
        <v>38</v>
      </c>
      <c r="P20990" s="5" t="s">
        <v>39</v>
      </c>
      <c r="Q20990" s="5" t="s">
        <v>40</v>
      </c>
      <c r="R20990" s="5" t="s">
        <v>73</v>
      </c>
      <c r="S20990" s="5" t="s">
        <v>40</v>
      </c>
      <c r="T20990" s="5" t="s">
        <v>42</v>
      </c>
      <c r="U20990" s="31">
        <v>21.391999999999999</v>
      </c>
      <c r="V20990" s="31">
        <v>19.004999999999999</v>
      </c>
      <c r="W20990" s="2">
        <v>0.307</v>
      </c>
      <c r="X20990" s="2">
        <v>239.4</v>
      </c>
      <c r="Y20990" s="2">
        <v>74.5</v>
      </c>
      <c r="Z20990" s="2">
        <v>17.2</v>
      </c>
      <c r="AA20990" s="5">
        <v>19</v>
      </c>
      <c r="AB20990" s="5" t="s">
        <v>43</v>
      </c>
      <c r="AC20990" s="5" t="s">
        <v>44</v>
      </c>
      <c r="AD20990" s="2"/>
      <c r="AE20990" s="1"/>
    </row>
    <row r="20991" spans="1:31" ht="14.45">
      <c r="A20991" s="5" t="s">
        <v>116</v>
      </c>
      <c r="B20991" s="20"/>
      <c r="C20991" s="2" t="s">
        <v>67781</v>
      </c>
      <c r="D20991" s="14" t="s">
        <v>67782</v>
      </c>
      <c r="E20991" s="2" t="s">
        <v>67783</v>
      </c>
      <c r="F20991" s="2" t="s">
        <v>67762</v>
      </c>
      <c r="G20991" s="8">
        <v>623</v>
      </c>
      <c r="H20991" s="5">
        <v>15</v>
      </c>
      <c r="I20991" s="5" t="s">
        <v>69</v>
      </c>
      <c r="J20991" s="5" t="s">
        <v>67349</v>
      </c>
      <c r="K20991" s="2" t="s">
        <v>67350</v>
      </c>
      <c r="L20991" s="5" t="s">
        <v>67349</v>
      </c>
      <c r="M20991" s="2" t="s">
        <v>67350</v>
      </c>
      <c r="N20991" s="5" t="s">
        <v>72</v>
      </c>
      <c r="O20991" s="5" t="s">
        <v>38</v>
      </c>
      <c r="P20991" s="5" t="s">
        <v>39</v>
      </c>
      <c r="Q20991" s="5" t="s">
        <v>40</v>
      </c>
      <c r="R20991" s="5" t="s">
        <v>73</v>
      </c>
      <c r="S20991" s="5" t="s">
        <v>40</v>
      </c>
      <c r="T20991" s="5" t="s">
        <v>42</v>
      </c>
      <c r="U20991" s="31">
        <v>21.748000000000001</v>
      </c>
      <c r="V20991" s="31">
        <v>19.52</v>
      </c>
      <c r="W20991" s="2">
        <v>0.28100000000000003</v>
      </c>
      <c r="X20991" s="2">
        <v>219.4</v>
      </c>
      <c r="Y20991" s="2">
        <v>74.5</v>
      </c>
      <c r="Z20991" s="2">
        <v>17.2</v>
      </c>
      <c r="AA20991" s="5">
        <v>19</v>
      </c>
      <c r="AB20991" s="5" t="s">
        <v>43</v>
      </c>
      <c r="AC20991" s="5" t="s">
        <v>44</v>
      </c>
      <c r="AD20991" s="2"/>
      <c r="AE20991" s="1"/>
    </row>
    <row r="20992" spans="1:31" ht="14.45">
      <c r="A20992" s="5" t="s">
        <v>116</v>
      </c>
      <c r="B20992" s="20"/>
      <c r="C20992" s="2" t="s">
        <v>67784</v>
      </c>
      <c r="D20992" s="14" t="s">
        <v>67785</v>
      </c>
      <c r="E20992" s="2" t="s">
        <v>67786</v>
      </c>
      <c r="F20992" s="2" t="s">
        <v>67762</v>
      </c>
      <c r="G20992" s="8">
        <v>683</v>
      </c>
      <c r="H20992" s="5">
        <v>15</v>
      </c>
      <c r="I20992" s="5" t="s">
        <v>69</v>
      </c>
      <c r="J20992" s="5" t="s">
        <v>67349</v>
      </c>
      <c r="K20992" s="2" t="s">
        <v>67350</v>
      </c>
      <c r="L20992" s="5" t="s">
        <v>67349</v>
      </c>
      <c r="M20992" s="2" t="s">
        <v>67350</v>
      </c>
      <c r="N20992" s="5" t="s">
        <v>72</v>
      </c>
      <c r="O20992" s="5" t="s">
        <v>38</v>
      </c>
      <c r="P20992" s="5" t="s">
        <v>39</v>
      </c>
      <c r="Q20992" s="5" t="s">
        <v>40</v>
      </c>
      <c r="R20992" s="5" t="s">
        <v>73</v>
      </c>
      <c r="S20992" s="5" t="s">
        <v>40</v>
      </c>
      <c r="T20992" s="5" t="s">
        <v>42</v>
      </c>
      <c r="U20992" s="31">
        <v>23.492000000000001</v>
      </c>
      <c r="V20992" s="31">
        <v>21.263999999999999</v>
      </c>
      <c r="W20992" s="2">
        <v>0.28100000000000003</v>
      </c>
      <c r="X20992" s="2">
        <v>219.4</v>
      </c>
      <c r="Y20992" s="2">
        <v>74.5</v>
      </c>
      <c r="Z20992" s="2">
        <v>17.2</v>
      </c>
      <c r="AA20992" s="5">
        <v>19</v>
      </c>
      <c r="AB20992" s="5" t="s">
        <v>43</v>
      </c>
      <c r="AC20992" s="5" t="s">
        <v>44</v>
      </c>
      <c r="AD20992" s="2"/>
      <c r="AE20992" s="1"/>
    </row>
    <row r="20993" spans="1:31" ht="14.45">
      <c r="A20993" s="5" t="s">
        <v>116</v>
      </c>
      <c r="B20993" s="20"/>
      <c r="C20993" s="2" t="s">
        <v>67787</v>
      </c>
      <c r="D20993" s="14" t="s">
        <v>67788</v>
      </c>
      <c r="E20993" s="2" t="s">
        <v>67789</v>
      </c>
      <c r="F20993" s="2" t="s">
        <v>67762</v>
      </c>
      <c r="G20993" s="8">
        <v>739</v>
      </c>
      <c r="H20993" s="5">
        <v>15</v>
      </c>
      <c r="I20993" s="5" t="s">
        <v>69</v>
      </c>
      <c r="J20993" s="5" t="s">
        <v>67349</v>
      </c>
      <c r="K20993" s="2" t="s">
        <v>67350</v>
      </c>
      <c r="L20993" s="5" t="s">
        <v>67349</v>
      </c>
      <c r="M20993" s="2" t="s">
        <v>67350</v>
      </c>
      <c r="N20993" s="5" t="s">
        <v>72</v>
      </c>
      <c r="O20993" s="5" t="s">
        <v>38</v>
      </c>
      <c r="P20993" s="5" t="s">
        <v>39</v>
      </c>
      <c r="Q20993" s="5" t="s">
        <v>40</v>
      </c>
      <c r="R20993" s="5" t="s">
        <v>73</v>
      </c>
      <c r="S20993" s="5" t="s">
        <v>40</v>
      </c>
      <c r="T20993" s="5" t="s">
        <v>42</v>
      </c>
      <c r="U20993" s="31">
        <v>24.702000000000002</v>
      </c>
      <c r="V20993" s="31">
        <v>22.315000000000001</v>
      </c>
      <c r="W20993" s="2">
        <v>0.307</v>
      </c>
      <c r="X20993" s="2">
        <v>239.4</v>
      </c>
      <c r="Y20993" s="2">
        <v>74.5</v>
      </c>
      <c r="Z20993" s="2">
        <v>17.2</v>
      </c>
      <c r="AA20993" s="5">
        <v>19</v>
      </c>
      <c r="AB20993" s="5" t="s">
        <v>43</v>
      </c>
      <c r="AC20993" s="5" t="s">
        <v>44</v>
      </c>
      <c r="AD20993" s="2"/>
      <c r="AE20993" s="1"/>
    </row>
    <row r="20994" spans="1:31" ht="14.45">
      <c r="A20994" s="5" t="s">
        <v>116</v>
      </c>
      <c r="B20994" s="20"/>
      <c r="C20994" s="2" t="s">
        <v>67790</v>
      </c>
      <c r="D20994" s="14" t="s">
        <v>67791</v>
      </c>
      <c r="E20994" s="2" t="s">
        <v>67792</v>
      </c>
      <c r="F20994" s="2" t="s">
        <v>67762</v>
      </c>
      <c r="G20994" s="8">
        <v>795</v>
      </c>
      <c r="H20994" s="5">
        <v>15</v>
      </c>
      <c r="I20994" s="5" t="s">
        <v>69</v>
      </c>
      <c r="J20994" s="5" t="s">
        <v>67349</v>
      </c>
      <c r="K20994" s="2" t="s">
        <v>67350</v>
      </c>
      <c r="L20994" s="5" t="s">
        <v>67349</v>
      </c>
      <c r="M20994" s="2" t="s">
        <v>67350</v>
      </c>
      <c r="N20994" s="5" t="s">
        <v>72</v>
      </c>
      <c r="O20994" s="5" t="s">
        <v>38</v>
      </c>
      <c r="P20994" s="5" t="s">
        <v>39</v>
      </c>
      <c r="Q20994" s="5" t="s">
        <v>40</v>
      </c>
      <c r="R20994" s="5" t="s">
        <v>73</v>
      </c>
      <c r="S20994" s="5" t="s">
        <v>40</v>
      </c>
      <c r="T20994" s="5" t="s">
        <v>42</v>
      </c>
      <c r="U20994" s="31">
        <v>26.446999999999999</v>
      </c>
      <c r="V20994" s="31">
        <v>24.06</v>
      </c>
      <c r="W20994" s="2">
        <v>0.307</v>
      </c>
      <c r="X20994" s="2">
        <v>239.4</v>
      </c>
      <c r="Y20994" s="2">
        <v>74.5</v>
      </c>
      <c r="Z20994" s="2">
        <v>17.2</v>
      </c>
      <c r="AA20994" s="5">
        <v>19</v>
      </c>
      <c r="AB20994" s="5" t="s">
        <v>43</v>
      </c>
      <c r="AC20994" s="5" t="s">
        <v>44</v>
      </c>
      <c r="AD20994" s="2"/>
      <c r="AE20994" s="1"/>
    </row>
    <row r="20995" spans="1:31" ht="14.45">
      <c r="A20995" s="11"/>
      <c r="B20995" s="20"/>
      <c r="C20995" s="2" t="s">
        <v>67793</v>
      </c>
      <c r="D20995" s="14" t="s">
        <v>67794</v>
      </c>
      <c r="E20995" s="2" t="s">
        <v>67795</v>
      </c>
      <c r="F20995" s="2" t="s">
        <v>67348</v>
      </c>
      <c r="G20995" s="8">
        <v>409</v>
      </c>
      <c r="H20995" s="5">
        <v>5</v>
      </c>
      <c r="I20995" s="5" t="s">
        <v>69</v>
      </c>
      <c r="J20995" s="5" t="s">
        <v>67349</v>
      </c>
      <c r="K20995" s="2" t="s">
        <v>67350</v>
      </c>
      <c r="L20995" s="5" t="s">
        <v>67349</v>
      </c>
      <c r="M20995" s="2" t="s">
        <v>67350</v>
      </c>
      <c r="N20995" s="5" t="s">
        <v>72</v>
      </c>
      <c r="O20995" s="5" t="s">
        <v>38</v>
      </c>
      <c r="P20995" s="5" t="s">
        <v>39</v>
      </c>
      <c r="Q20995" s="5" t="s">
        <v>40</v>
      </c>
      <c r="R20995" s="5" t="s">
        <v>1487</v>
      </c>
      <c r="S20995" s="5"/>
      <c r="T20995" s="5" t="s">
        <v>42</v>
      </c>
      <c r="U20995" s="2">
        <v>0</v>
      </c>
      <c r="V20995" s="2">
        <v>0</v>
      </c>
      <c r="W20995" s="2">
        <v>1E-3</v>
      </c>
      <c r="X20995" s="2">
        <v>0</v>
      </c>
      <c r="Y20995" s="2">
        <v>0</v>
      </c>
      <c r="Z20995" s="2">
        <v>0</v>
      </c>
      <c r="AA20995" s="5"/>
      <c r="AB20995" s="5" t="s">
        <v>43</v>
      </c>
      <c r="AC20995" s="5" t="s">
        <v>44</v>
      </c>
      <c r="AD20995" s="2" t="s">
        <v>67796</v>
      </c>
      <c r="AE20995" s="1"/>
    </row>
    <row r="20996" spans="1:31" ht="14.45">
      <c r="A20996" s="11"/>
      <c r="B20996" s="20"/>
      <c r="C20996" s="2" t="s">
        <v>67797</v>
      </c>
      <c r="D20996" s="14" t="s">
        <v>67798</v>
      </c>
      <c r="E20996" s="2" t="s">
        <v>67799</v>
      </c>
      <c r="F20996" s="2" t="s">
        <v>67348</v>
      </c>
      <c r="G20996" s="8">
        <v>426</v>
      </c>
      <c r="H20996" s="5">
        <v>5</v>
      </c>
      <c r="I20996" s="5" t="s">
        <v>69</v>
      </c>
      <c r="J20996" s="5" t="s">
        <v>67349</v>
      </c>
      <c r="K20996" s="2" t="s">
        <v>67350</v>
      </c>
      <c r="L20996" s="5" t="s">
        <v>67349</v>
      </c>
      <c r="M20996" s="2" t="s">
        <v>67350</v>
      </c>
      <c r="N20996" s="5" t="s">
        <v>72</v>
      </c>
      <c r="O20996" s="5" t="s">
        <v>38</v>
      </c>
      <c r="P20996" s="5" t="s">
        <v>39</v>
      </c>
      <c r="Q20996" s="5" t="s">
        <v>40</v>
      </c>
      <c r="R20996" s="5" t="s">
        <v>1487</v>
      </c>
      <c r="S20996" s="5"/>
      <c r="T20996" s="5" t="s">
        <v>42</v>
      </c>
      <c r="U20996" s="2">
        <v>0</v>
      </c>
      <c r="V20996" s="2">
        <v>0</v>
      </c>
      <c r="W20996" s="2">
        <v>1E-3</v>
      </c>
      <c r="X20996" s="2">
        <v>0</v>
      </c>
      <c r="Y20996" s="2">
        <v>0</v>
      </c>
      <c r="Z20996" s="2">
        <v>0</v>
      </c>
      <c r="AA20996" s="5"/>
      <c r="AB20996" s="5" t="s">
        <v>43</v>
      </c>
      <c r="AC20996" s="5" t="s">
        <v>44</v>
      </c>
      <c r="AD20996" s="2" t="s">
        <v>67796</v>
      </c>
      <c r="AE20996" s="1"/>
    </row>
    <row r="20997" spans="1:31" ht="14.45">
      <c r="A20997" s="11"/>
      <c r="B20997" s="20"/>
      <c r="C20997" s="2" t="s">
        <v>67800</v>
      </c>
      <c r="D20997" s="14" t="s">
        <v>67801</v>
      </c>
      <c r="E20997" s="2" t="s">
        <v>67802</v>
      </c>
      <c r="F20997" s="2" t="s">
        <v>67348</v>
      </c>
      <c r="G20997" s="8">
        <v>439</v>
      </c>
      <c r="H20997" s="5">
        <v>5</v>
      </c>
      <c r="I20997" s="5" t="s">
        <v>69</v>
      </c>
      <c r="J20997" s="5" t="s">
        <v>67349</v>
      </c>
      <c r="K20997" s="2" t="s">
        <v>67350</v>
      </c>
      <c r="L20997" s="5" t="s">
        <v>67349</v>
      </c>
      <c r="M20997" s="2" t="s">
        <v>67350</v>
      </c>
      <c r="N20997" s="5" t="s">
        <v>72</v>
      </c>
      <c r="O20997" s="5" t="s">
        <v>38</v>
      </c>
      <c r="P20997" s="5" t="s">
        <v>39</v>
      </c>
      <c r="Q20997" s="5" t="s">
        <v>40</v>
      </c>
      <c r="R20997" s="5" t="s">
        <v>1487</v>
      </c>
      <c r="S20997" s="5"/>
      <c r="T20997" s="5" t="s">
        <v>42</v>
      </c>
      <c r="U20997" s="2">
        <v>0</v>
      </c>
      <c r="V20997" s="2">
        <v>0</v>
      </c>
      <c r="W20997" s="2">
        <v>1E-3</v>
      </c>
      <c r="X20997" s="2">
        <v>0</v>
      </c>
      <c r="Y20997" s="2">
        <v>0</v>
      </c>
      <c r="Z20997" s="2">
        <v>0</v>
      </c>
      <c r="AA20997" s="5"/>
      <c r="AB20997" s="5" t="s">
        <v>43</v>
      </c>
      <c r="AC20997" s="5" t="s">
        <v>44</v>
      </c>
      <c r="AD20997" s="2" t="s">
        <v>67796</v>
      </c>
      <c r="AE20997" s="1"/>
    </row>
    <row r="20998" spans="1:31" ht="14.45">
      <c r="A20998" s="11"/>
      <c r="B20998" s="20"/>
      <c r="C20998" s="2" t="s">
        <v>67803</v>
      </c>
      <c r="D20998" s="14" t="s">
        <v>67804</v>
      </c>
      <c r="E20998" s="2" t="s">
        <v>67805</v>
      </c>
      <c r="F20998" s="2" t="s">
        <v>67348</v>
      </c>
      <c r="G20998" s="8">
        <v>456</v>
      </c>
      <c r="H20998" s="5">
        <v>5</v>
      </c>
      <c r="I20998" s="5" t="s">
        <v>69</v>
      </c>
      <c r="J20998" s="5" t="s">
        <v>67349</v>
      </c>
      <c r="K20998" s="2" t="s">
        <v>67350</v>
      </c>
      <c r="L20998" s="5" t="s">
        <v>67349</v>
      </c>
      <c r="M20998" s="2" t="s">
        <v>67350</v>
      </c>
      <c r="N20998" s="5" t="s">
        <v>72</v>
      </c>
      <c r="O20998" s="5" t="s">
        <v>38</v>
      </c>
      <c r="P20998" s="5" t="s">
        <v>39</v>
      </c>
      <c r="Q20998" s="5" t="s">
        <v>40</v>
      </c>
      <c r="R20998" s="5" t="s">
        <v>1487</v>
      </c>
      <c r="S20998" s="5"/>
      <c r="T20998" s="5" t="s">
        <v>42</v>
      </c>
      <c r="U20998" s="2">
        <v>0</v>
      </c>
      <c r="V20998" s="2">
        <v>0</v>
      </c>
      <c r="W20998" s="2">
        <v>1E-3</v>
      </c>
      <c r="X20998" s="2">
        <v>0</v>
      </c>
      <c r="Y20998" s="2">
        <v>0</v>
      </c>
      <c r="Z20998" s="2">
        <v>0</v>
      </c>
      <c r="AA20998" s="5"/>
      <c r="AB20998" s="5" t="s">
        <v>43</v>
      </c>
      <c r="AC20998" s="5" t="s">
        <v>44</v>
      </c>
      <c r="AD20998" s="2" t="s">
        <v>67796</v>
      </c>
      <c r="AE20998" s="1"/>
    </row>
    <row r="20999" spans="1:31" ht="14.45">
      <c r="A20999" s="11"/>
      <c r="B20999" s="20"/>
      <c r="C20999" s="2" t="s">
        <v>67806</v>
      </c>
      <c r="D20999" s="14" t="s">
        <v>67807</v>
      </c>
      <c r="E20999" s="2" t="s">
        <v>67808</v>
      </c>
      <c r="F20999" s="2" t="s">
        <v>67348</v>
      </c>
      <c r="G20999" s="8">
        <v>475</v>
      </c>
      <c r="H20999" s="5">
        <v>5</v>
      </c>
      <c r="I20999" s="5" t="s">
        <v>69</v>
      </c>
      <c r="J20999" s="5" t="s">
        <v>67349</v>
      </c>
      <c r="K20999" s="2" t="s">
        <v>67350</v>
      </c>
      <c r="L20999" s="5" t="s">
        <v>67349</v>
      </c>
      <c r="M20999" s="2" t="s">
        <v>67350</v>
      </c>
      <c r="N20999" s="5" t="s">
        <v>72</v>
      </c>
      <c r="O20999" s="5" t="s">
        <v>38</v>
      </c>
      <c r="P20999" s="5" t="s">
        <v>39</v>
      </c>
      <c r="Q20999" s="5" t="s">
        <v>40</v>
      </c>
      <c r="R20999" s="5" t="s">
        <v>1487</v>
      </c>
      <c r="S20999" s="5"/>
      <c r="T20999" s="5" t="s">
        <v>42</v>
      </c>
      <c r="U20999" s="2">
        <v>0</v>
      </c>
      <c r="V20999" s="2">
        <v>0</v>
      </c>
      <c r="W20999" s="2">
        <v>1E-3</v>
      </c>
      <c r="X20999" s="2">
        <v>0</v>
      </c>
      <c r="Y20999" s="2">
        <v>0</v>
      </c>
      <c r="Z20999" s="2">
        <v>0</v>
      </c>
      <c r="AA20999" s="5"/>
      <c r="AB20999" s="5" t="s">
        <v>43</v>
      </c>
      <c r="AC20999" s="5" t="s">
        <v>44</v>
      </c>
      <c r="AD20999" s="2" t="s">
        <v>67796</v>
      </c>
      <c r="AE20999" s="1"/>
    </row>
    <row r="21000" spans="1:31" ht="14.45">
      <c r="A21000" s="11"/>
      <c r="B21000" s="20"/>
      <c r="C21000" s="2" t="s">
        <v>67809</v>
      </c>
      <c r="D21000" s="14" t="s">
        <v>67810</v>
      </c>
      <c r="E21000" s="2" t="s">
        <v>67811</v>
      </c>
      <c r="F21000" s="2" t="s">
        <v>67348</v>
      </c>
      <c r="G21000" s="8">
        <v>481</v>
      </c>
      <c r="H21000" s="5">
        <v>5</v>
      </c>
      <c r="I21000" s="5" t="s">
        <v>69</v>
      </c>
      <c r="J21000" s="5" t="s">
        <v>67349</v>
      </c>
      <c r="K21000" s="2" t="s">
        <v>67350</v>
      </c>
      <c r="L21000" s="5" t="s">
        <v>67349</v>
      </c>
      <c r="M21000" s="2" t="s">
        <v>67350</v>
      </c>
      <c r="N21000" s="5" t="s">
        <v>72</v>
      </c>
      <c r="O21000" s="5" t="s">
        <v>38</v>
      </c>
      <c r="P21000" s="5" t="s">
        <v>39</v>
      </c>
      <c r="Q21000" s="5" t="s">
        <v>40</v>
      </c>
      <c r="R21000" s="5" t="s">
        <v>1487</v>
      </c>
      <c r="S21000" s="5"/>
      <c r="T21000" s="5" t="s">
        <v>42</v>
      </c>
      <c r="U21000" s="2">
        <v>0</v>
      </c>
      <c r="V21000" s="2">
        <v>0</v>
      </c>
      <c r="W21000" s="2">
        <v>1E-3</v>
      </c>
      <c r="X21000" s="2">
        <v>0</v>
      </c>
      <c r="Y21000" s="2">
        <v>0</v>
      </c>
      <c r="Z21000" s="2">
        <v>0</v>
      </c>
      <c r="AA21000" s="5"/>
      <c r="AB21000" s="5" t="s">
        <v>43</v>
      </c>
      <c r="AC21000" s="5" t="s">
        <v>44</v>
      </c>
      <c r="AD21000" s="2" t="s">
        <v>67796</v>
      </c>
      <c r="AE21000" s="1"/>
    </row>
    <row r="21001" spans="1:31" ht="14.45">
      <c r="A21001" s="11"/>
      <c r="B21001" s="20"/>
      <c r="C21001" s="2" t="s">
        <v>67812</v>
      </c>
      <c r="D21001" s="14" t="s">
        <v>67813</v>
      </c>
      <c r="E21001" s="2" t="s">
        <v>67814</v>
      </c>
      <c r="F21001" s="2" t="s">
        <v>67348</v>
      </c>
      <c r="G21001" s="8">
        <v>468</v>
      </c>
      <c r="H21001" s="5">
        <v>5</v>
      </c>
      <c r="I21001" s="5" t="s">
        <v>69</v>
      </c>
      <c r="J21001" s="5" t="s">
        <v>67349</v>
      </c>
      <c r="K21001" s="2" t="s">
        <v>67350</v>
      </c>
      <c r="L21001" s="5" t="s">
        <v>67349</v>
      </c>
      <c r="M21001" s="2" t="s">
        <v>67350</v>
      </c>
      <c r="N21001" s="5" t="s">
        <v>72</v>
      </c>
      <c r="O21001" s="5" t="s">
        <v>38</v>
      </c>
      <c r="P21001" s="5" t="s">
        <v>39</v>
      </c>
      <c r="Q21001" s="5" t="s">
        <v>40</v>
      </c>
      <c r="R21001" s="5" t="s">
        <v>1487</v>
      </c>
      <c r="S21001" s="5"/>
      <c r="T21001" s="5" t="s">
        <v>42</v>
      </c>
      <c r="U21001" s="2">
        <v>0</v>
      </c>
      <c r="V21001" s="2">
        <v>0</v>
      </c>
      <c r="W21001" s="2">
        <v>1E-3</v>
      </c>
      <c r="X21001" s="2">
        <v>0</v>
      </c>
      <c r="Y21001" s="2">
        <v>0</v>
      </c>
      <c r="Z21001" s="2">
        <v>0</v>
      </c>
      <c r="AA21001" s="5"/>
      <c r="AB21001" s="5" t="s">
        <v>43</v>
      </c>
      <c r="AC21001" s="5" t="s">
        <v>44</v>
      </c>
      <c r="AD21001" s="2" t="s">
        <v>67796</v>
      </c>
      <c r="AE21001" s="1"/>
    </row>
    <row r="21002" spans="1:31" ht="14.45">
      <c r="A21002" s="11"/>
      <c r="B21002" s="20"/>
      <c r="C21002" s="2" t="s">
        <v>67815</v>
      </c>
      <c r="D21002" s="14" t="s">
        <v>67816</v>
      </c>
      <c r="E21002" s="2" t="s">
        <v>67817</v>
      </c>
      <c r="F21002" s="2" t="s">
        <v>67348</v>
      </c>
      <c r="G21002" s="8">
        <v>490</v>
      </c>
      <c r="H21002" s="5">
        <v>5</v>
      </c>
      <c r="I21002" s="5" t="s">
        <v>69</v>
      </c>
      <c r="J21002" s="5" t="s">
        <v>67349</v>
      </c>
      <c r="K21002" s="2" t="s">
        <v>67350</v>
      </c>
      <c r="L21002" s="5" t="s">
        <v>67349</v>
      </c>
      <c r="M21002" s="2" t="s">
        <v>67350</v>
      </c>
      <c r="N21002" s="5" t="s">
        <v>72</v>
      </c>
      <c r="O21002" s="5" t="s">
        <v>38</v>
      </c>
      <c r="P21002" s="5" t="s">
        <v>39</v>
      </c>
      <c r="Q21002" s="5" t="s">
        <v>40</v>
      </c>
      <c r="R21002" s="5" t="s">
        <v>1487</v>
      </c>
      <c r="S21002" s="5"/>
      <c r="T21002" s="5" t="s">
        <v>42</v>
      </c>
      <c r="U21002" s="2">
        <v>0</v>
      </c>
      <c r="V21002" s="2">
        <v>0</v>
      </c>
      <c r="W21002" s="2">
        <v>1E-3</v>
      </c>
      <c r="X21002" s="2">
        <v>0</v>
      </c>
      <c r="Y21002" s="2">
        <v>0</v>
      </c>
      <c r="Z21002" s="2">
        <v>0</v>
      </c>
      <c r="AA21002" s="5"/>
      <c r="AB21002" s="5" t="s">
        <v>43</v>
      </c>
      <c r="AC21002" s="5" t="s">
        <v>44</v>
      </c>
      <c r="AD21002" s="2" t="s">
        <v>67796</v>
      </c>
      <c r="AE21002" s="1"/>
    </row>
    <row r="21003" spans="1:31" ht="14.45">
      <c r="A21003" s="11"/>
      <c r="B21003" s="20"/>
      <c r="C21003" s="2" t="s">
        <v>67818</v>
      </c>
      <c r="D21003" s="14" t="s">
        <v>67819</v>
      </c>
      <c r="E21003" s="2" t="s">
        <v>67820</v>
      </c>
      <c r="F21003" s="2" t="s">
        <v>67348</v>
      </c>
      <c r="G21003" s="8">
        <v>507</v>
      </c>
      <c r="H21003" s="5">
        <v>5</v>
      </c>
      <c r="I21003" s="5" t="s">
        <v>69</v>
      </c>
      <c r="J21003" s="5" t="s">
        <v>67349</v>
      </c>
      <c r="K21003" s="2" t="s">
        <v>67350</v>
      </c>
      <c r="L21003" s="5" t="s">
        <v>67349</v>
      </c>
      <c r="M21003" s="2" t="s">
        <v>67350</v>
      </c>
      <c r="N21003" s="5" t="s">
        <v>72</v>
      </c>
      <c r="O21003" s="5" t="s">
        <v>38</v>
      </c>
      <c r="P21003" s="5" t="s">
        <v>39</v>
      </c>
      <c r="Q21003" s="5" t="s">
        <v>40</v>
      </c>
      <c r="R21003" s="5" t="s">
        <v>1487</v>
      </c>
      <c r="S21003" s="5"/>
      <c r="T21003" s="5" t="s">
        <v>42</v>
      </c>
      <c r="U21003" s="2">
        <v>0</v>
      </c>
      <c r="V21003" s="2">
        <v>0</v>
      </c>
      <c r="W21003" s="2">
        <v>1E-3</v>
      </c>
      <c r="X21003" s="2">
        <v>0</v>
      </c>
      <c r="Y21003" s="2">
        <v>0</v>
      </c>
      <c r="Z21003" s="2">
        <v>0</v>
      </c>
      <c r="AA21003" s="5"/>
      <c r="AB21003" s="5" t="s">
        <v>43</v>
      </c>
      <c r="AC21003" s="5" t="s">
        <v>44</v>
      </c>
      <c r="AD21003" s="2" t="s">
        <v>67796</v>
      </c>
      <c r="AE21003" s="1"/>
    </row>
    <row r="21004" spans="1:31" ht="14.45">
      <c r="A21004" s="11"/>
      <c r="B21004" s="20"/>
      <c r="C21004" s="2" t="s">
        <v>67821</v>
      </c>
      <c r="D21004" s="14" t="s">
        <v>67822</v>
      </c>
      <c r="E21004" s="2" t="s">
        <v>67823</v>
      </c>
      <c r="F21004" s="2" t="s">
        <v>67348</v>
      </c>
      <c r="G21004" s="8">
        <v>519</v>
      </c>
      <c r="H21004" s="5">
        <v>5</v>
      </c>
      <c r="I21004" s="5" t="s">
        <v>69</v>
      </c>
      <c r="J21004" s="5" t="s">
        <v>67349</v>
      </c>
      <c r="K21004" s="2" t="s">
        <v>67350</v>
      </c>
      <c r="L21004" s="5" t="s">
        <v>67349</v>
      </c>
      <c r="M21004" s="2" t="s">
        <v>67350</v>
      </c>
      <c r="N21004" s="5" t="s">
        <v>72</v>
      </c>
      <c r="O21004" s="5" t="s">
        <v>38</v>
      </c>
      <c r="P21004" s="5" t="s">
        <v>39</v>
      </c>
      <c r="Q21004" s="5" t="s">
        <v>40</v>
      </c>
      <c r="R21004" s="5" t="s">
        <v>1487</v>
      </c>
      <c r="S21004" s="5"/>
      <c r="T21004" s="5" t="s">
        <v>42</v>
      </c>
      <c r="U21004" s="2">
        <v>0</v>
      </c>
      <c r="V21004" s="2">
        <v>0</v>
      </c>
      <c r="W21004" s="2">
        <v>1E-3</v>
      </c>
      <c r="X21004" s="2">
        <v>0</v>
      </c>
      <c r="Y21004" s="2">
        <v>0</v>
      </c>
      <c r="Z21004" s="2">
        <v>0</v>
      </c>
      <c r="AA21004" s="5"/>
      <c r="AB21004" s="5" t="s">
        <v>43</v>
      </c>
      <c r="AC21004" s="5" t="s">
        <v>44</v>
      </c>
      <c r="AD21004" s="2" t="s">
        <v>67796</v>
      </c>
      <c r="AE21004" s="1"/>
    </row>
    <row r="21005" spans="1:31" ht="14.45">
      <c r="A21005" s="11"/>
      <c r="B21005" s="20"/>
      <c r="C21005" s="2" t="s">
        <v>67824</v>
      </c>
      <c r="D21005" s="14" t="s">
        <v>67825</v>
      </c>
      <c r="E21005" s="2" t="s">
        <v>67826</v>
      </c>
      <c r="F21005" s="2" t="s">
        <v>67348</v>
      </c>
      <c r="G21005" s="8">
        <v>539</v>
      </c>
      <c r="H21005" s="5">
        <v>5</v>
      </c>
      <c r="I21005" s="5" t="s">
        <v>69</v>
      </c>
      <c r="J21005" s="5" t="s">
        <v>67349</v>
      </c>
      <c r="K21005" s="2" t="s">
        <v>67350</v>
      </c>
      <c r="L21005" s="5" t="s">
        <v>67349</v>
      </c>
      <c r="M21005" s="2" t="s">
        <v>67350</v>
      </c>
      <c r="N21005" s="5" t="s">
        <v>72</v>
      </c>
      <c r="O21005" s="5" t="s">
        <v>38</v>
      </c>
      <c r="P21005" s="5" t="s">
        <v>39</v>
      </c>
      <c r="Q21005" s="5" t="s">
        <v>40</v>
      </c>
      <c r="R21005" s="5" t="s">
        <v>1487</v>
      </c>
      <c r="S21005" s="5"/>
      <c r="T21005" s="5" t="s">
        <v>42</v>
      </c>
      <c r="U21005" s="2">
        <v>0</v>
      </c>
      <c r="V21005" s="2">
        <v>0</v>
      </c>
      <c r="W21005" s="2">
        <v>1E-3</v>
      </c>
      <c r="X21005" s="2">
        <v>0</v>
      </c>
      <c r="Y21005" s="2">
        <v>0</v>
      </c>
      <c r="Z21005" s="2">
        <v>0</v>
      </c>
      <c r="AA21005" s="5"/>
      <c r="AB21005" s="5" t="s">
        <v>43</v>
      </c>
      <c r="AC21005" s="5" t="s">
        <v>44</v>
      </c>
      <c r="AD21005" s="2" t="s">
        <v>67796</v>
      </c>
      <c r="AE21005" s="1"/>
    </row>
    <row r="21006" spans="1:31" ht="14.45">
      <c r="A21006" s="11"/>
      <c r="B21006" s="20"/>
      <c r="C21006" s="2" t="s">
        <v>67827</v>
      </c>
      <c r="D21006" s="14" t="s">
        <v>67828</v>
      </c>
      <c r="E21006" s="2" t="s">
        <v>67829</v>
      </c>
      <c r="F21006" s="2" t="s">
        <v>67348</v>
      </c>
      <c r="G21006" s="8">
        <v>519</v>
      </c>
      <c r="H21006" s="5">
        <v>5</v>
      </c>
      <c r="I21006" s="5" t="s">
        <v>69</v>
      </c>
      <c r="J21006" s="5" t="s">
        <v>67349</v>
      </c>
      <c r="K21006" s="2" t="s">
        <v>67350</v>
      </c>
      <c r="L21006" s="5" t="s">
        <v>67349</v>
      </c>
      <c r="M21006" s="2" t="s">
        <v>67350</v>
      </c>
      <c r="N21006" s="5" t="s">
        <v>72</v>
      </c>
      <c r="O21006" s="5" t="s">
        <v>38</v>
      </c>
      <c r="P21006" s="5" t="s">
        <v>39</v>
      </c>
      <c r="Q21006" s="5" t="s">
        <v>40</v>
      </c>
      <c r="R21006" s="5" t="s">
        <v>1487</v>
      </c>
      <c r="S21006" s="5"/>
      <c r="T21006" s="5" t="s">
        <v>42</v>
      </c>
      <c r="U21006" s="2">
        <v>0</v>
      </c>
      <c r="V21006" s="2">
        <v>0</v>
      </c>
      <c r="W21006" s="2">
        <v>1E-3</v>
      </c>
      <c r="X21006" s="2">
        <v>0</v>
      </c>
      <c r="Y21006" s="2">
        <v>0</v>
      </c>
      <c r="Z21006" s="2">
        <v>0</v>
      </c>
      <c r="AA21006" s="5"/>
      <c r="AB21006" s="5" t="s">
        <v>43</v>
      </c>
      <c r="AC21006" s="5" t="s">
        <v>44</v>
      </c>
      <c r="AD21006" s="2" t="s">
        <v>67796</v>
      </c>
      <c r="AE21006" s="1"/>
    </row>
    <row r="21007" spans="1:31" ht="14.45">
      <c r="A21007" s="11"/>
      <c r="B21007" s="20"/>
      <c r="C21007" s="2" t="s">
        <v>67830</v>
      </c>
      <c r="D21007" s="14" t="s">
        <v>67831</v>
      </c>
      <c r="E21007" s="2" t="s">
        <v>67832</v>
      </c>
      <c r="F21007" s="2" t="s">
        <v>67348</v>
      </c>
      <c r="G21007" s="8">
        <v>532</v>
      </c>
      <c r="H21007" s="5">
        <v>5</v>
      </c>
      <c r="I21007" s="5" t="s">
        <v>69</v>
      </c>
      <c r="J21007" s="5" t="s">
        <v>67349</v>
      </c>
      <c r="K21007" s="2" t="s">
        <v>67350</v>
      </c>
      <c r="L21007" s="5" t="s">
        <v>67349</v>
      </c>
      <c r="M21007" s="2" t="s">
        <v>67350</v>
      </c>
      <c r="N21007" s="5" t="s">
        <v>72</v>
      </c>
      <c r="O21007" s="5" t="s">
        <v>38</v>
      </c>
      <c r="P21007" s="5" t="s">
        <v>39</v>
      </c>
      <c r="Q21007" s="5" t="s">
        <v>40</v>
      </c>
      <c r="R21007" s="5" t="s">
        <v>1487</v>
      </c>
      <c r="S21007" s="5"/>
      <c r="T21007" s="5" t="s">
        <v>42</v>
      </c>
      <c r="U21007" s="2">
        <v>0</v>
      </c>
      <c r="V21007" s="2">
        <v>0</v>
      </c>
      <c r="W21007" s="2">
        <v>1E-3</v>
      </c>
      <c r="X21007" s="2">
        <v>0</v>
      </c>
      <c r="Y21007" s="2">
        <v>0</v>
      </c>
      <c r="Z21007" s="2">
        <v>0</v>
      </c>
      <c r="AA21007" s="5"/>
      <c r="AB21007" s="5" t="s">
        <v>43</v>
      </c>
      <c r="AC21007" s="5" t="s">
        <v>44</v>
      </c>
      <c r="AD21007" s="2" t="s">
        <v>67796</v>
      </c>
      <c r="AE21007" s="1"/>
    </row>
    <row r="21008" spans="1:31" ht="14.45">
      <c r="A21008" s="11"/>
      <c r="B21008" s="20"/>
      <c r="C21008" s="2" t="s">
        <v>67833</v>
      </c>
      <c r="D21008" s="14" t="s">
        <v>67834</v>
      </c>
      <c r="E21008" s="2" t="s">
        <v>67835</v>
      </c>
      <c r="F21008" s="2" t="s">
        <v>67348</v>
      </c>
      <c r="G21008" s="8">
        <v>549</v>
      </c>
      <c r="H21008" s="5">
        <v>5</v>
      </c>
      <c r="I21008" s="5" t="s">
        <v>69</v>
      </c>
      <c r="J21008" s="5" t="s">
        <v>67349</v>
      </c>
      <c r="K21008" s="2" t="s">
        <v>67350</v>
      </c>
      <c r="L21008" s="5" t="s">
        <v>67349</v>
      </c>
      <c r="M21008" s="2" t="s">
        <v>67350</v>
      </c>
      <c r="N21008" s="5" t="s">
        <v>72</v>
      </c>
      <c r="O21008" s="5" t="s">
        <v>38</v>
      </c>
      <c r="P21008" s="5" t="s">
        <v>39</v>
      </c>
      <c r="Q21008" s="5" t="s">
        <v>40</v>
      </c>
      <c r="R21008" s="5" t="s">
        <v>1487</v>
      </c>
      <c r="S21008" s="5"/>
      <c r="T21008" s="5" t="s">
        <v>42</v>
      </c>
      <c r="U21008" s="2">
        <v>0</v>
      </c>
      <c r="V21008" s="2">
        <v>0</v>
      </c>
      <c r="W21008" s="2">
        <v>1E-3</v>
      </c>
      <c r="X21008" s="2">
        <v>0</v>
      </c>
      <c r="Y21008" s="2">
        <v>0</v>
      </c>
      <c r="Z21008" s="2">
        <v>0</v>
      </c>
      <c r="AA21008" s="5"/>
      <c r="AB21008" s="5" t="s">
        <v>43</v>
      </c>
      <c r="AC21008" s="5" t="s">
        <v>44</v>
      </c>
      <c r="AD21008" s="2" t="s">
        <v>67796</v>
      </c>
      <c r="AE21008" s="1"/>
    </row>
    <row r="21009" spans="1:31" ht="14.45">
      <c r="A21009" s="11"/>
      <c r="B21009" s="20"/>
      <c r="C21009" s="2" t="s">
        <v>67836</v>
      </c>
      <c r="D21009" s="14" t="s">
        <v>67837</v>
      </c>
      <c r="E21009" s="2" t="s">
        <v>67838</v>
      </c>
      <c r="F21009" s="2" t="s">
        <v>67348</v>
      </c>
      <c r="G21009" s="8">
        <v>556</v>
      </c>
      <c r="H21009" s="5">
        <v>5</v>
      </c>
      <c r="I21009" s="5" t="s">
        <v>69</v>
      </c>
      <c r="J21009" s="5" t="s">
        <v>67349</v>
      </c>
      <c r="K21009" s="2" t="s">
        <v>67350</v>
      </c>
      <c r="L21009" s="5" t="s">
        <v>67349</v>
      </c>
      <c r="M21009" s="2" t="s">
        <v>67350</v>
      </c>
      <c r="N21009" s="5" t="s">
        <v>72</v>
      </c>
      <c r="O21009" s="5" t="s">
        <v>38</v>
      </c>
      <c r="P21009" s="5" t="s">
        <v>39</v>
      </c>
      <c r="Q21009" s="5" t="s">
        <v>40</v>
      </c>
      <c r="R21009" s="5" t="s">
        <v>1487</v>
      </c>
      <c r="S21009" s="5"/>
      <c r="T21009" s="5" t="s">
        <v>42</v>
      </c>
      <c r="U21009" s="2">
        <v>0</v>
      </c>
      <c r="V21009" s="2">
        <v>0</v>
      </c>
      <c r="W21009" s="2">
        <v>1E-3</v>
      </c>
      <c r="X21009" s="2">
        <v>0</v>
      </c>
      <c r="Y21009" s="2">
        <v>0</v>
      </c>
      <c r="Z21009" s="2">
        <v>0</v>
      </c>
      <c r="AA21009" s="5"/>
      <c r="AB21009" s="5" t="s">
        <v>43</v>
      </c>
      <c r="AC21009" s="5" t="s">
        <v>44</v>
      </c>
      <c r="AD21009" s="2" t="s">
        <v>67796</v>
      </c>
      <c r="AE21009" s="1"/>
    </row>
    <row r="21010" spans="1:31" ht="14.45">
      <c r="A21010" s="11"/>
      <c r="B21010" s="20"/>
      <c r="C21010" s="2" t="s">
        <v>67839</v>
      </c>
      <c r="D21010" s="14" t="s">
        <v>67840</v>
      </c>
      <c r="E21010" s="2" t="s">
        <v>67841</v>
      </c>
      <c r="F21010" s="2" t="s">
        <v>67348</v>
      </c>
      <c r="G21010" s="8">
        <v>566</v>
      </c>
      <c r="H21010" s="5">
        <v>5</v>
      </c>
      <c r="I21010" s="5" t="s">
        <v>69</v>
      </c>
      <c r="J21010" s="5" t="s">
        <v>67349</v>
      </c>
      <c r="K21010" s="2" t="s">
        <v>67350</v>
      </c>
      <c r="L21010" s="5" t="s">
        <v>67349</v>
      </c>
      <c r="M21010" s="2" t="s">
        <v>67350</v>
      </c>
      <c r="N21010" s="5" t="s">
        <v>72</v>
      </c>
      <c r="O21010" s="5" t="s">
        <v>38</v>
      </c>
      <c r="P21010" s="5" t="s">
        <v>39</v>
      </c>
      <c r="Q21010" s="5" t="s">
        <v>40</v>
      </c>
      <c r="R21010" s="5" t="s">
        <v>1487</v>
      </c>
      <c r="S21010" s="5"/>
      <c r="T21010" s="5" t="s">
        <v>42</v>
      </c>
      <c r="U21010" s="2">
        <v>0</v>
      </c>
      <c r="V21010" s="2">
        <v>0</v>
      </c>
      <c r="W21010" s="2">
        <v>1E-3</v>
      </c>
      <c r="X21010" s="2">
        <v>0</v>
      </c>
      <c r="Y21010" s="2">
        <v>0</v>
      </c>
      <c r="Z21010" s="2">
        <v>0</v>
      </c>
      <c r="AA21010" s="5"/>
      <c r="AB21010" s="5" t="s">
        <v>43</v>
      </c>
      <c r="AC21010" s="5" t="s">
        <v>44</v>
      </c>
      <c r="AD21010" s="2" t="s">
        <v>67796</v>
      </c>
      <c r="AE21010" s="1"/>
    </row>
    <row r="21011" spans="1:31" ht="14.45">
      <c r="A21011" s="11"/>
      <c r="B21011" s="20"/>
      <c r="C21011" s="2" t="s">
        <v>67842</v>
      </c>
      <c r="D21011" s="14" t="s">
        <v>67843</v>
      </c>
      <c r="E21011" s="2" t="s">
        <v>67844</v>
      </c>
      <c r="F21011" s="2" t="s">
        <v>67348</v>
      </c>
      <c r="G21011" s="8">
        <v>588</v>
      </c>
      <c r="H21011" s="5">
        <v>5</v>
      </c>
      <c r="I21011" s="5" t="s">
        <v>69</v>
      </c>
      <c r="J21011" s="5" t="s">
        <v>67349</v>
      </c>
      <c r="K21011" s="2" t="s">
        <v>67350</v>
      </c>
      <c r="L21011" s="5" t="s">
        <v>67349</v>
      </c>
      <c r="M21011" s="2" t="s">
        <v>67350</v>
      </c>
      <c r="N21011" s="5" t="s">
        <v>72</v>
      </c>
      <c r="O21011" s="5" t="s">
        <v>38</v>
      </c>
      <c r="P21011" s="5" t="s">
        <v>39</v>
      </c>
      <c r="Q21011" s="5" t="s">
        <v>40</v>
      </c>
      <c r="R21011" s="5" t="s">
        <v>1487</v>
      </c>
      <c r="S21011" s="5"/>
      <c r="T21011" s="5" t="s">
        <v>42</v>
      </c>
      <c r="U21011" s="2">
        <v>0</v>
      </c>
      <c r="V21011" s="2">
        <v>0</v>
      </c>
      <c r="W21011" s="2">
        <v>1E-3</v>
      </c>
      <c r="X21011" s="2">
        <v>0</v>
      </c>
      <c r="Y21011" s="2">
        <v>0</v>
      </c>
      <c r="Z21011" s="2">
        <v>0</v>
      </c>
      <c r="AA21011" s="5"/>
      <c r="AB21011" s="5" t="s">
        <v>43</v>
      </c>
      <c r="AC21011" s="5" t="s">
        <v>44</v>
      </c>
      <c r="AD21011" s="2" t="s">
        <v>67796</v>
      </c>
      <c r="AE21011" s="1"/>
    </row>
    <row r="21012" spans="1:31" ht="14.45">
      <c r="A21012" s="11"/>
      <c r="B21012" s="20"/>
      <c r="C21012" s="2" t="s">
        <v>67845</v>
      </c>
      <c r="D21012" s="14" t="s">
        <v>67846</v>
      </c>
      <c r="E21012" s="2" t="s">
        <v>67847</v>
      </c>
      <c r="F21012" s="2" t="s">
        <v>67348</v>
      </c>
      <c r="G21012" s="8">
        <v>566</v>
      </c>
      <c r="H21012" s="5">
        <v>15</v>
      </c>
      <c r="I21012" s="5" t="s">
        <v>69</v>
      </c>
      <c r="J21012" s="5" t="s">
        <v>67349</v>
      </c>
      <c r="K21012" s="2" t="s">
        <v>67350</v>
      </c>
      <c r="L21012" s="5" t="s">
        <v>67349</v>
      </c>
      <c r="M21012" s="2" t="s">
        <v>67350</v>
      </c>
      <c r="N21012" s="5" t="s">
        <v>72</v>
      </c>
      <c r="O21012" s="5" t="s">
        <v>38</v>
      </c>
      <c r="P21012" s="5" t="s">
        <v>39</v>
      </c>
      <c r="Q21012" s="5" t="s">
        <v>40</v>
      </c>
      <c r="R21012" s="5" t="s">
        <v>1487</v>
      </c>
      <c r="S21012" s="5"/>
      <c r="T21012" s="5" t="s">
        <v>42</v>
      </c>
      <c r="U21012" s="2">
        <v>0</v>
      </c>
      <c r="V21012" s="2">
        <v>0</v>
      </c>
      <c r="W21012" s="2">
        <v>1E-3</v>
      </c>
      <c r="X21012" s="2">
        <v>0</v>
      </c>
      <c r="Y21012" s="2">
        <v>0</v>
      </c>
      <c r="Z21012" s="2">
        <v>0</v>
      </c>
      <c r="AA21012" s="5"/>
      <c r="AB21012" s="5" t="s">
        <v>43</v>
      </c>
      <c r="AC21012" s="5" t="s">
        <v>44</v>
      </c>
      <c r="AD21012" s="2" t="s">
        <v>67796</v>
      </c>
      <c r="AE21012" s="1"/>
    </row>
    <row r="21013" spans="1:31" ht="14.45">
      <c r="A21013" s="11"/>
      <c r="B21013" s="20"/>
      <c r="C21013" s="2" t="s">
        <v>67848</v>
      </c>
      <c r="D21013" s="14" t="s">
        <v>67849</v>
      </c>
      <c r="E21013" s="2" t="s">
        <v>67850</v>
      </c>
      <c r="F21013" s="2" t="s">
        <v>67348</v>
      </c>
      <c r="G21013" s="8">
        <v>598</v>
      </c>
      <c r="H21013" s="5">
        <v>5</v>
      </c>
      <c r="I21013" s="5" t="s">
        <v>69</v>
      </c>
      <c r="J21013" s="5" t="s">
        <v>67349</v>
      </c>
      <c r="K21013" s="2" t="s">
        <v>67350</v>
      </c>
      <c r="L21013" s="5" t="s">
        <v>67349</v>
      </c>
      <c r="M21013" s="2" t="s">
        <v>67350</v>
      </c>
      <c r="N21013" s="5" t="s">
        <v>72</v>
      </c>
      <c r="O21013" s="5" t="s">
        <v>38</v>
      </c>
      <c r="P21013" s="5" t="s">
        <v>39</v>
      </c>
      <c r="Q21013" s="5" t="s">
        <v>40</v>
      </c>
      <c r="R21013" s="5" t="s">
        <v>1487</v>
      </c>
      <c r="S21013" s="5"/>
      <c r="T21013" s="5" t="s">
        <v>42</v>
      </c>
      <c r="U21013" s="2">
        <v>0</v>
      </c>
      <c r="V21013" s="2">
        <v>0</v>
      </c>
      <c r="W21013" s="2">
        <v>1E-3</v>
      </c>
      <c r="X21013" s="2">
        <v>0</v>
      </c>
      <c r="Y21013" s="2">
        <v>0</v>
      </c>
      <c r="Z21013" s="2">
        <v>0</v>
      </c>
      <c r="AA21013" s="5"/>
      <c r="AB21013" s="5" t="s">
        <v>43</v>
      </c>
      <c r="AC21013" s="5" t="s">
        <v>44</v>
      </c>
      <c r="AD21013" s="2" t="s">
        <v>67796</v>
      </c>
      <c r="AE21013" s="1"/>
    </row>
    <row r="21014" spans="1:31" ht="14.45">
      <c r="A21014" s="11"/>
      <c r="B21014" s="20"/>
      <c r="C21014" s="2" t="s">
        <v>67851</v>
      </c>
      <c r="D21014" s="14" t="s">
        <v>67852</v>
      </c>
      <c r="E21014" s="2" t="s">
        <v>67853</v>
      </c>
      <c r="F21014" s="2" t="s">
        <v>67348</v>
      </c>
      <c r="G21014" s="8">
        <v>611</v>
      </c>
      <c r="H21014" s="5">
        <v>15</v>
      </c>
      <c r="I21014" s="5" t="s">
        <v>69</v>
      </c>
      <c r="J21014" s="5" t="s">
        <v>67349</v>
      </c>
      <c r="K21014" s="2" t="s">
        <v>67350</v>
      </c>
      <c r="L21014" s="5" t="s">
        <v>67349</v>
      </c>
      <c r="M21014" s="2" t="s">
        <v>67350</v>
      </c>
      <c r="N21014" s="5" t="s">
        <v>72</v>
      </c>
      <c r="O21014" s="5" t="s">
        <v>38</v>
      </c>
      <c r="P21014" s="5" t="s">
        <v>39</v>
      </c>
      <c r="Q21014" s="5" t="s">
        <v>40</v>
      </c>
      <c r="R21014" s="5" t="s">
        <v>1487</v>
      </c>
      <c r="S21014" s="5"/>
      <c r="T21014" s="5" t="s">
        <v>42</v>
      </c>
      <c r="U21014" s="2">
        <v>0</v>
      </c>
      <c r="V21014" s="2">
        <v>0</v>
      </c>
      <c r="W21014" s="2">
        <v>1E-3</v>
      </c>
      <c r="X21014" s="2">
        <v>0</v>
      </c>
      <c r="Y21014" s="2">
        <v>0</v>
      </c>
      <c r="Z21014" s="2">
        <v>0</v>
      </c>
      <c r="AA21014" s="5"/>
      <c r="AB21014" s="5" t="s">
        <v>43</v>
      </c>
      <c r="AC21014" s="5" t="s">
        <v>44</v>
      </c>
      <c r="AD21014" s="2" t="s">
        <v>67796</v>
      </c>
      <c r="AE21014" s="1"/>
    </row>
    <row r="21015" spans="1:31" ht="14.45">
      <c r="A21015" s="11"/>
      <c r="B21015" s="20"/>
      <c r="C21015" s="2" t="s">
        <v>67854</v>
      </c>
      <c r="D21015" s="14" t="s">
        <v>67855</v>
      </c>
      <c r="E21015" s="2" t="s">
        <v>67856</v>
      </c>
      <c r="F21015" s="2" t="s">
        <v>67857</v>
      </c>
      <c r="G21015" s="8">
        <v>343</v>
      </c>
      <c r="H21015" s="5">
        <v>5</v>
      </c>
      <c r="I21015" s="5" t="s">
        <v>69</v>
      </c>
      <c r="J21015" s="5" t="s">
        <v>67349</v>
      </c>
      <c r="K21015" s="2" t="s">
        <v>67350</v>
      </c>
      <c r="L21015" s="5" t="s">
        <v>67349</v>
      </c>
      <c r="M21015" s="2" t="s">
        <v>67350</v>
      </c>
      <c r="N21015" s="5" t="s">
        <v>72</v>
      </c>
      <c r="O21015" s="5" t="s">
        <v>38</v>
      </c>
      <c r="P21015" s="5" t="s">
        <v>39</v>
      </c>
      <c r="Q21015" s="5" t="s">
        <v>40</v>
      </c>
      <c r="R21015" s="5" t="s">
        <v>73</v>
      </c>
      <c r="S21015" s="5" t="s">
        <v>40</v>
      </c>
      <c r="T21015" s="5" t="s">
        <v>42</v>
      </c>
      <c r="U21015" s="2">
        <v>13.635</v>
      </c>
      <c r="V21015" s="2">
        <v>11.622</v>
      </c>
      <c r="W21015" s="2">
        <v>5.8999999999999997E-2</v>
      </c>
      <c r="X21015" s="2">
        <v>82.5</v>
      </c>
      <c r="Y21015" s="2">
        <v>80.8</v>
      </c>
      <c r="Z21015" s="2">
        <v>8.8000000000000007</v>
      </c>
      <c r="AA21015" s="5">
        <v>14</v>
      </c>
      <c r="AB21015" s="5" t="s">
        <v>43</v>
      </c>
      <c r="AC21015" s="5" t="s">
        <v>44</v>
      </c>
      <c r="AD21015" s="2" t="s">
        <v>67858</v>
      </c>
      <c r="AE21015" s="1"/>
    </row>
    <row r="21016" spans="1:31" ht="14.45">
      <c r="A21016" s="11"/>
      <c r="B21016" s="20"/>
      <c r="C21016" s="2" t="s">
        <v>67859</v>
      </c>
      <c r="D21016" s="14" t="s">
        <v>67860</v>
      </c>
      <c r="E21016" s="2" t="s">
        <v>67861</v>
      </c>
      <c r="F21016" s="2" t="s">
        <v>67857</v>
      </c>
      <c r="G21016" s="8">
        <v>367</v>
      </c>
      <c r="H21016" s="5">
        <v>5</v>
      </c>
      <c r="I21016" s="5" t="s">
        <v>69</v>
      </c>
      <c r="J21016" s="5" t="s">
        <v>67349</v>
      </c>
      <c r="K21016" s="2" t="s">
        <v>67350</v>
      </c>
      <c r="L21016" s="5" t="s">
        <v>67349</v>
      </c>
      <c r="M21016" s="2" t="s">
        <v>67350</v>
      </c>
      <c r="N21016" s="5" t="s">
        <v>72</v>
      </c>
      <c r="O21016" s="5" t="s">
        <v>38</v>
      </c>
      <c r="P21016" s="5" t="s">
        <v>39</v>
      </c>
      <c r="Q21016" s="5" t="s">
        <v>40</v>
      </c>
      <c r="R21016" s="5" t="s">
        <v>73</v>
      </c>
      <c r="S21016" s="5" t="s">
        <v>40</v>
      </c>
      <c r="T21016" s="5" t="s">
        <v>42</v>
      </c>
      <c r="U21016" s="2">
        <v>16.751999999999999</v>
      </c>
      <c r="V21016" s="2">
        <v>14.137</v>
      </c>
      <c r="W21016" s="2">
        <v>0.08</v>
      </c>
      <c r="X21016" s="2">
        <v>112.5</v>
      </c>
      <c r="Y21016" s="2">
        <v>80.8</v>
      </c>
      <c r="Z21016" s="2">
        <v>8.8000000000000007</v>
      </c>
      <c r="AA21016" s="5">
        <v>14</v>
      </c>
      <c r="AB21016" s="5" t="s">
        <v>43</v>
      </c>
      <c r="AC21016" s="5" t="s">
        <v>44</v>
      </c>
      <c r="AD21016" s="2" t="s">
        <v>67858</v>
      </c>
      <c r="AE21016" s="1"/>
    </row>
    <row r="21017" spans="1:31" ht="14.45">
      <c r="A21017" s="11"/>
      <c r="B21017" s="20"/>
      <c r="C21017" s="2" t="s">
        <v>67862</v>
      </c>
      <c r="D21017" s="14" t="s">
        <v>67863</v>
      </c>
      <c r="E21017" s="2" t="s">
        <v>67864</v>
      </c>
      <c r="F21017" s="2" t="s">
        <v>67857</v>
      </c>
      <c r="G21017" s="8">
        <v>375</v>
      </c>
      <c r="H21017" s="5">
        <v>5</v>
      </c>
      <c r="I21017" s="5" t="s">
        <v>69</v>
      </c>
      <c r="J21017" s="5" t="s">
        <v>67349</v>
      </c>
      <c r="K21017" s="2" t="s">
        <v>67350</v>
      </c>
      <c r="L21017" s="5" t="s">
        <v>67349</v>
      </c>
      <c r="M21017" s="2" t="s">
        <v>67350</v>
      </c>
      <c r="N21017" s="5" t="s">
        <v>72</v>
      </c>
      <c r="O21017" s="5" t="s">
        <v>38</v>
      </c>
      <c r="P21017" s="5" t="s">
        <v>39</v>
      </c>
      <c r="Q21017" s="5" t="s">
        <v>40</v>
      </c>
      <c r="R21017" s="5" t="s">
        <v>73</v>
      </c>
      <c r="S21017" s="5" t="s">
        <v>40</v>
      </c>
      <c r="T21017" s="5" t="s">
        <v>42</v>
      </c>
      <c r="U21017" s="2">
        <v>17.37</v>
      </c>
      <c r="V21017" s="2">
        <v>14.957000000000001</v>
      </c>
      <c r="W21017" s="2">
        <v>7.2999999999999995E-2</v>
      </c>
      <c r="X21017" s="2">
        <v>102.5</v>
      </c>
      <c r="Y21017" s="2">
        <v>80.8</v>
      </c>
      <c r="Z21017" s="2">
        <v>8.8000000000000007</v>
      </c>
      <c r="AA21017" s="5">
        <v>14</v>
      </c>
      <c r="AB21017" s="5" t="s">
        <v>43</v>
      </c>
      <c r="AC21017" s="5" t="s">
        <v>44</v>
      </c>
      <c r="AD21017" s="2" t="s">
        <v>67858</v>
      </c>
      <c r="AE21017" s="1"/>
    </row>
    <row r="21018" spans="1:31" ht="14.45">
      <c r="A21018" s="11"/>
      <c r="B21018" s="20"/>
      <c r="C21018" s="2" t="s">
        <v>67865</v>
      </c>
      <c r="D21018" s="14" t="s">
        <v>67866</v>
      </c>
      <c r="E21018" s="2" t="s">
        <v>67867</v>
      </c>
      <c r="F21018" s="2" t="s">
        <v>67857</v>
      </c>
      <c r="G21018" s="8">
        <v>392</v>
      </c>
      <c r="H21018" s="5">
        <v>5</v>
      </c>
      <c r="I21018" s="5" t="s">
        <v>69</v>
      </c>
      <c r="J21018" s="5" t="s">
        <v>67349</v>
      </c>
      <c r="K21018" s="2" t="s">
        <v>67350</v>
      </c>
      <c r="L21018" s="5" t="s">
        <v>67349</v>
      </c>
      <c r="M21018" s="2" t="s">
        <v>67350</v>
      </c>
      <c r="N21018" s="5" t="s">
        <v>72</v>
      </c>
      <c r="O21018" s="5" t="s">
        <v>38</v>
      </c>
      <c r="P21018" s="5" t="s">
        <v>39</v>
      </c>
      <c r="Q21018" s="5" t="s">
        <v>40</v>
      </c>
      <c r="R21018" s="5" t="s">
        <v>73</v>
      </c>
      <c r="S21018" s="5" t="s">
        <v>40</v>
      </c>
      <c r="T21018" s="5" t="s">
        <v>42</v>
      </c>
      <c r="U21018" s="2">
        <v>19.225999999999999</v>
      </c>
      <c r="V21018" s="2">
        <v>16.643000000000001</v>
      </c>
      <c r="W21018" s="2">
        <v>0.08</v>
      </c>
      <c r="X21018" s="2">
        <v>112.5</v>
      </c>
      <c r="Y21018" s="2">
        <v>80.8</v>
      </c>
      <c r="Z21018" s="2">
        <v>8.8000000000000007</v>
      </c>
      <c r="AA21018" s="5">
        <v>14</v>
      </c>
      <c r="AB21018" s="5" t="s">
        <v>43</v>
      </c>
      <c r="AC21018" s="5" t="s">
        <v>44</v>
      </c>
      <c r="AD21018" s="2" t="s">
        <v>67858</v>
      </c>
      <c r="AE21018" s="1"/>
    </row>
    <row r="21019" spans="1:31" ht="14.45">
      <c r="A21019" s="11"/>
      <c r="B21019" s="20"/>
      <c r="C21019" s="2" t="s">
        <v>67868</v>
      </c>
      <c r="D21019" s="14" t="s">
        <v>67869</v>
      </c>
      <c r="E21019" s="2" t="s">
        <v>67870</v>
      </c>
      <c r="F21019" s="2" t="s">
        <v>67857</v>
      </c>
      <c r="G21019" s="8">
        <v>416</v>
      </c>
      <c r="H21019" s="5">
        <v>5</v>
      </c>
      <c r="I21019" s="5" t="s">
        <v>69</v>
      </c>
      <c r="J21019" s="5" t="s">
        <v>67349</v>
      </c>
      <c r="K21019" s="2" t="s">
        <v>67350</v>
      </c>
      <c r="L21019" s="5" t="s">
        <v>67349</v>
      </c>
      <c r="M21019" s="2" t="s">
        <v>67350</v>
      </c>
      <c r="N21019" s="5" t="s">
        <v>72</v>
      </c>
      <c r="O21019" s="5" t="s">
        <v>38</v>
      </c>
      <c r="P21019" s="5" t="s">
        <v>39</v>
      </c>
      <c r="Q21019" s="5" t="s">
        <v>40</v>
      </c>
      <c r="R21019" s="5" t="s">
        <v>73</v>
      </c>
      <c r="S21019" s="5" t="s">
        <v>40</v>
      </c>
      <c r="T21019" s="5" t="s">
        <v>42</v>
      </c>
      <c r="U21019" s="2">
        <v>22.314</v>
      </c>
      <c r="V21019" s="2">
        <v>19.129000000000001</v>
      </c>
      <c r="W21019" s="2">
        <v>0.10100000000000001</v>
      </c>
      <c r="X21019" s="2">
        <v>142.5</v>
      </c>
      <c r="Y21019" s="2">
        <v>80.8</v>
      </c>
      <c r="Z21019" s="2">
        <v>8.8000000000000007</v>
      </c>
      <c r="AA21019" s="5">
        <v>14</v>
      </c>
      <c r="AB21019" s="5" t="s">
        <v>43</v>
      </c>
      <c r="AC21019" s="5" t="s">
        <v>44</v>
      </c>
      <c r="AD21019" s="2" t="s">
        <v>67858</v>
      </c>
      <c r="AE21019" s="1"/>
    </row>
    <row r="21020" spans="1:31" ht="14.45">
      <c r="A21020" s="11"/>
      <c r="B21020" s="20"/>
      <c r="C21020" s="2" t="s">
        <v>67871</v>
      </c>
      <c r="D21020" s="14" t="s">
        <v>67872</v>
      </c>
      <c r="E21020" s="2" t="s">
        <v>67873</v>
      </c>
      <c r="F21020" s="2" t="s">
        <v>67857</v>
      </c>
      <c r="G21020" s="8">
        <v>408</v>
      </c>
      <c r="H21020" s="5">
        <v>5</v>
      </c>
      <c r="I21020" s="5" t="s">
        <v>69</v>
      </c>
      <c r="J21020" s="5" t="s">
        <v>67349</v>
      </c>
      <c r="K21020" s="2" t="s">
        <v>67350</v>
      </c>
      <c r="L21020" s="5" t="s">
        <v>67349</v>
      </c>
      <c r="M21020" s="2" t="s">
        <v>67350</v>
      </c>
      <c r="N21020" s="5" t="s">
        <v>72</v>
      </c>
      <c r="O21020" s="5" t="s">
        <v>38</v>
      </c>
      <c r="P21020" s="5" t="s">
        <v>39</v>
      </c>
      <c r="Q21020" s="5" t="s">
        <v>40</v>
      </c>
      <c r="R21020" s="5" t="s">
        <v>73</v>
      </c>
      <c r="S21020" s="5" t="s">
        <v>40</v>
      </c>
      <c r="T21020" s="5" t="s">
        <v>42</v>
      </c>
      <c r="U21020" s="2">
        <v>21.050999999999998</v>
      </c>
      <c r="V21020" s="2">
        <v>18.297999999999998</v>
      </c>
      <c r="W21020" s="2">
        <v>8.6999999999999994E-2</v>
      </c>
      <c r="X21020" s="2">
        <v>122.5</v>
      </c>
      <c r="Y21020" s="2">
        <v>80.8</v>
      </c>
      <c r="Z21020" s="2">
        <v>8.8000000000000007</v>
      </c>
      <c r="AA21020" s="5">
        <v>14</v>
      </c>
      <c r="AB21020" s="5" t="s">
        <v>43</v>
      </c>
      <c r="AC21020" s="5" t="s">
        <v>44</v>
      </c>
      <c r="AD21020" s="2" t="s">
        <v>67858</v>
      </c>
      <c r="AE21020" s="1"/>
    </row>
    <row r="21021" spans="1:31" ht="14.45">
      <c r="A21021" s="11"/>
      <c r="B21021" s="20"/>
      <c r="C21021" s="2" t="s">
        <v>67874</v>
      </c>
      <c r="D21021" s="14" t="s">
        <v>67875</v>
      </c>
      <c r="E21021" s="2" t="s">
        <v>67876</v>
      </c>
      <c r="F21021" s="2" t="s">
        <v>67857</v>
      </c>
      <c r="G21021" s="8">
        <v>449</v>
      </c>
      <c r="H21021" s="5">
        <v>5</v>
      </c>
      <c r="I21021" s="5" t="s">
        <v>69</v>
      </c>
      <c r="J21021" s="5" t="s">
        <v>67349</v>
      </c>
      <c r="K21021" s="2" t="s">
        <v>67350</v>
      </c>
      <c r="L21021" s="5" t="s">
        <v>67349</v>
      </c>
      <c r="M21021" s="2" t="s">
        <v>67350</v>
      </c>
      <c r="N21021" s="5" t="s">
        <v>72</v>
      </c>
      <c r="O21021" s="5" t="s">
        <v>38</v>
      </c>
      <c r="P21021" s="5" t="s">
        <v>39</v>
      </c>
      <c r="Q21021" s="5" t="s">
        <v>40</v>
      </c>
      <c r="R21021" s="5" t="s">
        <v>73</v>
      </c>
      <c r="S21021" s="5" t="s">
        <v>40</v>
      </c>
      <c r="T21021" s="5" t="s">
        <v>42</v>
      </c>
      <c r="U21021" s="2">
        <v>26.359000000000002</v>
      </c>
      <c r="V21021" s="2">
        <v>22.664000000000001</v>
      </c>
      <c r="W21021" s="2">
        <v>0.123</v>
      </c>
      <c r="X21021" s="2">
        <v>172.5</v>
      </c>
      <c r="Y21021" s="2">
        <v>80.8</v>
      </c>
      <c r="Z21021" s="2">
        <v>8.8000000000000007</v>
      </c>
      <c r="AA21021" s="5">
        <v>14</v>
      </c>
      <c r="AB21021" s="5" t="s">
        <v>43</v>
      </c>
      <c r="AC21021" s="5" t="s">
        <v>44</v>
      </c>
      <c r="AD21021" s="2" t="s">
        <v>67858</v>
      </c>
      <c r="AE21021" s="1"/>
    </row>
    <row r="21022" spans="1:31" ht="14.45">
      <c r="A21022" s="11"/>
      <c r="B21022" s="20"/>
      <c r="C21022" s="2" t="s">
        <v>67877</v>
      </c>
      <c r="D21022" s="14" t="s">
        <v>67878</v>
      </c>
      <c r="E21022" s="2" t="s">
        <v>67879</v>
      </c>
      <c r="F21022" s="2" t="s">
        <v>67857</v>
      </c>
      <c r="G21022" s="8">
        <v>441</v>
      </c>
      <c r="H21022" s="5">
        <v>5</v>
      </c>
      <c r="I21022" s="5" t="s">
        <v>69</v>
      </c>
      <c r="J21022" s="5" t="s">
        <v>67349</v>
      </c>
      <c r="K21022" s="2" t="s">
        <v>67350</v>
      </c>
      <c r="L21022" s="5" t="s">
        <v>67349</v>
      </c>
      <c r="M21022" s="2" t="s">
        <v>67350</v>
      </c>
      <c r="N21022" s="5" t="s">
        <v>72</v>
      </c>
      <c r="O21022" s="5" t="s">
        <v>38</v>
      </c>
      <c r="P21022" s="5" t="s">
        <v>39</v>
      </c>
      <c r="Q21022" s="5" t="s">
        <v>40</v>
      </c>
      <c r="R21022" s="5" t="s">
        <v>73</v>
      </c>
      <c r="S21022" s="5" t="s">
        <v>40</v>
      </c>
      <c r="T21022" s="5" t="s">
        <v>42</v>
      </c>
      <c r="U21022" s="2">
        <v>24.786000000000001</v>
      </c>
      <c r="V21022" s="2">
        <v>21.632999999999999</v>
      </c>
      <c r="W21022" s="2">
        <v>0.10100000000000001</v>
      </c>
      <c r="X21022" s="2">
        <v>142.5</v>
      </c>
      <c r="Y21022" s="2">
        <v>80.8</v>
      </c>
      <c r="Z21022" s="2">
        <v>8.8000000000000007</v>
      </c>
      <c r="AA21022" s="5">
        <v>14</v>
      </c>
      <c r="AB21022" s="5" t="s">
        <v>43</v>
      </c>
      <c r="AC21022" s="5" t="s">
        <v>44</v>
      </c>
      <c r="AD21022" s="2" t="s">
        <v>67858</v>
      </c>
      <c r="AE21022" s="1"/>
    </row>
    <row r="21023" spans="1:31" ht="14.45">
      <c r="A21023" s="11"/>
      <c r="B21023" s="20"/>
      <c r="C21023" s="2" t="s">
        <v>67880</v>
      </c>
      <c r="D21023" s="14" t="s">
        <v>67881</v>
      </c>
      <c r="E21023" s="2" t="s">
        <v>67882</v>
      </c>
      <c r="F21023" s="2" t="s">
        <v>67857</v>
      </c>
      <c r="G21023" s="8">
        <v>420</v>
      </c>
      <c r="H21023" s="5">
        <v>5</v>
      </c>
      <c r="I21023" s="5" t="s">
        <v>69</v>
      </c>
      <c r="J21023" s="5" t="s">
        <v>67349</v>
      </c>
      <c r="K21023" s="2" t="s">
        <v>67350</v>
      </c>
      <c r="L21023" s="5" t="s">
        <v>67349</v>
      </c>
      <c r="M21023" s="2" t="s">
        <v>67350</v>
      </c>
      <c r="N21023" s="5" t="s">
        <v>72</v>
      </c>
      <c r="O21023" s="5" t="s">
        <v>38</v>
      </c>
      <c r="P21023" s="5" t="s">
        <v>39</v>
      </c>
      <c r="Q21023" s="5" t="s">
        <v>40</v>
      </c>
      <c r="R21023" s="5" t="s">
        <v>73</v>
      </c>
      <c r="S21023" s="5" t="s">
        <v>40</v>
      </c>
      <c r="T21023" s="5" t="s">
        <v>42</v>
      </c>
      <c r="U21023" s="2">
        <v>24.86</v>
      </c>
      <c r="V21023" s="2">
        <v>21.126000000000001</v>
      </c>
      <c r="W21023" s="2">
        <v>0.123</v>
      </c>
      <c r="X21023" s="2">
        <v>172.5</v>
      </c>
      <c r="Y21023" s="2">
        <v>80.8</v>
      </c>
      <c r="Z21023" s="2">
        <v>8.8000000000000007</v>
      </c>
      <c r="AA21023" s="5">
        <v>14</v>
      </c>
      <c r="AB21023" s="5" t="s">
        <v>43</v>
      </c>
      <c r="AC21023" s="5" t="s">
        <v>44</v>
      </c>
      <c r="AD21023" s="2" t="s">
        <v>67858</v>
      </c>
      <c r="AE21023" s="1"/>
    </row>
    <row r="21024" spans="1:31" ht="14.45">
      <c r="A21024" s="11"/>
      <c r="B21024" s="20"/>
      <c r="C21024" s="2" t="s">
        <v>67883</v>
      </c>
      <c r="D21024" s="14" t="s">
        <v>67884</v>
      </c>
      <c r="E21024" s="2" t="s">
        <v>67885</v>
      </c>
      <c r="F21024" s="2" t="s">
        <v>67857</v>
      </c>
      <c r="G21024" s="8">
        <v>457</v>
      </c>
      <c r="H21024" s="5">
        <v>5</v>
      </c>
      <c r="I21024" s="5" t="s">
        <v>69</v>
      </c>
      <c r="J21024" s="5" t="s">
        <v>67349</v>
      </c>
      <c r="K21024" s="2" t="s">
        <v>67350</v>
      </c>
      <c r="L21024" s="5" t="s">
        <v>67349</v>
      </c>
      <c r="M21024" s="2" t="s">
        <v>67350</v>
      </c>
      <c r="N21024" s="5" t="s">
        <v>72</v>
      </c>
      <c r="O21024" s="5" t="s">
        <v>38</v>
      </c>
      <c r="P21024" s="5" t="s">
        <v>39</v>
      </c>
      <c r="Q21024" s="5" t="s">
        <v>40</v>
      </c>
      <c r="R21024" s="5" t="s">
        <v>73</v>
      </c>
      <c r="S21024" s="5" t="s">
        <v>40</v>
      </c>
      <c r="T21024" s="5" t="s">
        <v>42</v>
      </c>
      <c r="U21024" s="2">
        <v>28.143000000000001</v>
      </c>
      <c r="V21024" s="2">
        <v>24.440999999999999</v>
      </c>
      <c r="W21024" s="2">
        <v>0.123</v>
      </c>
      <c r="X21024" s="2">
        <v>172.5</v>
      </c>
      <c r="Y21024" s="2">
        <v>80.8</v>
      </c>
      <c r="Z21024" s="2">
        <v>8.8000000000000007</v>
      </c>
      <c r="AA21024" s="5">
        <v>14</v>
      </c>
      <c r="AB21024" s="5" t="s">
        <v>43</v>
      </c>
      <c r="AC21024" s="5" t="s">
        <v>44</v>
      </c>
      <c r="AD21024" s="2" t="s">
        <v>67858</v>
      </c>
      <c r="AE21024" s="1"/>
    </row>
    <row r="21025" spans="1:31" ht="14.45">
      <c r="A21025" s="11"/>
      <c r="B21025" s="20"/>
      <c r="C21025" s="2" t="s">
        <v>67886</v>
      </c>
      <c r="D21025" s="14" t="s">
        <v>67887</v>
      </c>
      <c r="E21025" s="2" t="s">
        <v>67888</v>
      </c>
      <c r="F21025" s="2" t="s">
        <v>67857</v>
      </c>
      <c r="G21025" s="8">
        <v>490</v>
      </c>
      <c r="H21025" s="5">
        <v>5</v>
      </c>
      <c r="I21025" s="5" t="s">
        <v>69</v>
      </c>
      <c r="J21025" s="5" t="s">
        <v>67349</v>
      </c>
      <c r="K21025" s="2" t="s">
        <v>67350</v>
      </c>
      <c r="L21025" s="5" t="s">
        <v>67349</v>
      </c>
      <c r="M21025" s="2" t="s">
        <v>67350</v>
      </c>
      <c r="N21025" s="5" t="s">
        <v>72</v>
      </c>
      <c r="O21025" s="5" t="s">
        <v>38</v>
      </c>
      <c r="P21025" s="5" t="s">
        <v>39</v>
      </c>
      <c r="Q21025" s="5" t="s">
        <v>40</v>
      </c>
      <c r="R21025" s="5" t="s">
        <v>73</v>
      </c>
      <c r="S21025" s="5" t="s">
        <v>40</v>
      </c>
      <c r="T21025" s="5" t="s">
        <v>42</v>
      </c>
      <c r="U21025" s="2">
        <v>30.748000000000001</v>
      </c>
      <c r="V21025" s="2">
        <v>27.077999999999999</v>
      </c>
      <c r="W21025" s="2">
        <v>0.123</v>
      </c>
      <c r="X21025" s="2">
        <v>172.5</v>
      </c>
      <c r="Y21025" s="2">
        <v>80.8</v>
      </c>
      <c r="Z21025" s="2">
        <v>8.8000000000000007</v>
      </c>
      <c r="AA21025" s="5">
        <v>14</v>
      </c>
      <c r="AB21025" s="5" t="s">
        <v>43</v>
      </c>
      <c r="AC21025" s="5" t="s">
        <v>44</v>
      </c>
      <c r="AD21025" s="2" t="s">
        <v>67858</v>
      </c>
      <c r="AE21025" s="1"/>
    </row>
    <row r="21026" spans="1:31" ht="14.45">
      <c r="A21026" s="11"/>
      <c r="B21026" s="20"/>
      <c r="C21026" s="2" t="s">
        <v>67889</v>
      </c>
      <c r="D21026" s="14" t="s">
        <v>67890</v>
      </c>
      <c r="E21026" s="2" t="s">
        <v>67891</v>
      </c>
      <c r="F21026" s="2" t="s">
        <v>67857</v>
      </c>
      <c r="G21026" s="8">
        <v>469</v>
      </c>
      <c r="H21026" s="5">
        <v>5</v>
      </c>
      <c r="I21026" s="5" t="s">
        <v>69</v>
      </c>
      <c r="J21026" s="5" t="s">
        <v>67349</v>
      </c>
      <c r="K21026" s="2" t="s">
        <v>67350</v>
      </c>
      <c r="L21026" s="5" t="s">
        <v>67349</v>
      </c>
      <c r="M21026" s="2" t="s">
        <v>67350</v>
      </c>
      <c r="N21026" s="5" t="s">
        <v>72</v>
      </c>
      <c r="O21026" s="5" t="s">
        <v>38</v>
      </c>
      <c r="P21026" s="5" t="s">
        <v>39</v>
      </c>
      <c r="Q21026" s="5" t="s">
        <v>40</v>
      </c>
      <c r="R21026" s="5" t="s">
        <v>73</v>
      </c>
      <c r="S21026" s="5" t="s">
        <v>40</v>
      </c>
      <c r="T21026" s="5" t="s">
        <v>42</v>
      </c>
      <c r="U21026" s="2">
        <v>28.459</v>
      </c>
      <c r="V21026" s="2">
        <v>23.815000000000001</v>
      </c>
      <c r="W21026" s="2">
        <v>0.158</v>
      </c>
      <c r="X21026" s="2">
        <v>222.5</v>
      </c>
      <c r="Y21026" s="2">
        <v>80.8</v>
      </c>
      <c r="Z21026" s="2">
        <v>8.8000000000000007</v>
      </c>
      <c r="AA21026" s="5">
        <v>14</v>
      </c>
      <c r="AB21026" s="5" t="s">
        <v>43</v>
      </c>
      <c r="AC21026" s="5" t="s">
        <v>44</v>
      </c>
      <c r="AD21026" s="2" t="s">
        <v>67858</v>
      </c>
      <c r="AE21026" s="1"/>
    </row>
    <row r="21027" spans="1:31" ht="14.45">
      <c r="A21027" s="11"/>
      <c r="B21027" s="20"/>
      <c r="C21027" s="2" t="s">
        <v>67892</v>
      </c>
      <c r="D21027" s="14" t="s">
        <v>67893</v>
      </c>
      <c r="E21027" s="2" t="s">
        <v>67894</v>
      </c>
      <c r="F21027" s="2" t="s">
        <v>67857</v>
      </c>
      <c r="G21027" s="8">
        <v>510</v>
      </c>
      <c r="H21027" s="5">
        <v>5</v>
      </c>
      <c r="I21027" s="5" t="s">
        <v>69</v>
      </c>
      <c r="J21027" s="5" t="s">
        <v>67349</v>
      </c>
      <c r="K21027" s="2" t="s">
        <v>67350</v>
      </c>
      <c r="L21027" s="5" t="s">
        <v>67349</v>
      </c>
      <c r="M21027" s="2" t="s">
        <v>67350</v>
      </c>
      <c r="N21027" s="5" t="s">
        <v>72</v>
      </c>
      <c r="O21027" s="5" t="s">
        <v>38</v>
      </c>
      <c r="P21027" s="5" t="s">
        <v>39</v>
      </c>
      <c r="Q21027" s="5" t="s">
        <v>40</v>
      </c>
      <c r="R21027" s="5" t="s">
        <v>73</v>
      </c>
      <c r="S21027" s="5" t="s">
        <v>40</v>
      </c>
      <c r="T21027" s="5" t="s">
        <v>42</v>
      </c>
      <c r="U21027" s="2">
        <v>31.766999999999999</v>
      </c>
      <c r="V21027" s="2">
        <v>27.123000000000001</v>
      </c>
      <c r="W21027" s="2">
        <v>0.158</v>
      </c>
      <c r="X21027" s="2">
        <v>222.5</v>
      </c>
      <c r="Y21027" s="2">
        <v>80.8</v>
      </c>
      <c r="Z21027" s="2">
        <v>8.8000000000000007</v>
      </c>
      <c r="AA21027" s="5">
        <v>14</v>
      </c>
      <c r="AB21027" s="5" t="s">
        <v>43</v>
      </c>
      <c r="AC21027" s="5" t="s">
        <v>44</v>
      </c>
      <c r="AD21027" s="2" t="s">
        <v>67858</v>
      </c>
      <c r="AE21027" s="1"/>
    </row>
    <row r="21028" spans="1:31" ht="14.45">
      <c r="A21028" s="11"/>
      <c r="B21028" s="20"/>
      <c r="C21028" s="2" t="s">
        <v>67895</v>
      </c>
      <c r="D21028" s="14" t="s">
        <v>67896</v>
      </c>
      <c r="E21028" s="2" t="s">
        <v>67897</v>
      </c>
      <c r="F21028" s="2" t="s">
        <v>67898</v>
      </c>
      <c r="G21028" s="8">
        <v>83</v>
      </c>
      <c r="H21028" s="5">
        <v>5</v>
      </c>
      <c r="I21028" s="5" t="s">
        <v>69</v>
      </c>
      <c r="J21028" s="5" t="s">
        <v>67349</v>
      </c>
      <c r="K21028" s="2" t="s">
        <v>67350</v>
      </c>
      <c r="L21028" s="5" t="s">
        <v>67349</v>
      </c>
      <c r="M21028" s="2" t="s">
        <v>67350</v>
      </c>
      <c r="N21028" s="5" t="s">
        <v>72</v>
      </c>
      <c r="O21028" s="5" t="s">
        <v>38</v>
      </c>
      <c r="P21028" s="5" t="s">
        <v>39</v>
      </c>
      <c r="Q21028" s="5" t="s">
        <v>40</v>
      </c>
      <c r="R21028" s="5" t="s">
        <v>73</v>
      </c>
      <c r="S21028" s="5" t="s">
        <v>40</v>
      </c>
      <c r="T21028" s="5" t="s">
        <v>42</v>
      </c>
      <c r="U21028" s="2">
        <v>3.6579999999999999</v>
      </c>
      <c r="V21028" s="2">
        <v>3.109</v>
      </c>
      <c r="W21028" s="2">
        <v>1.4E-2</v>
      </c>
      <c r="X21028" s="2">
        <v>198</v>
      </c>
      <c r="Y21028" s="2">
        <v>11</v>
      </c>
      <c r="Z21028" s="2">
        <v>6.4</v>
      </c>
      <c r="AA21028" s="5">
        <v>49</v>
      </c>
      <c r="AB21028" s="5" t="s">
        <v>43</v>
      </c>
      <c r="AC21028" s="5" t="s">
        <v>44</v>
      </c>
      <c r="AD21028" s="2" t="s">
        <v>67899</v>
      </c>
      <c r="AE21028" s="1"/>
    </row>
    <row r="21029" spans="1:31" ht="14.45">
      <c r="A21029" s="11"/>
      <c r="B21029" s="20"/>
      <c r="C21029" s="2" t="s">
        <v>67900</v>
      </c>
      <c r="D21029" s="14" t="s">
        <v>67901</v>
      </c>
      <c r="E21029" s="2" t="s">
        <v>67902</v>
      </c>
      <c r="F21029" s="2" t="s">
        <v>67898</v>
      </c>
      <c r="G21029" s="8">
        <v>88</v>
      </c>
      <c r="H21029" s="5">
        <v>5</v>
      </c>
      <c r="I21029" s="5" t="s">
        <v>69</v>
      </c>
      <c r="J21029" s="5" t="s">
        <v>67349</v>
      </c>
      <c r="K21029" s="2" t="s">
        <v>67350</v>
      </c>
      <c r="L21029" s="5" t="s">
        <v>67349</v>
      </c>
      <c r="M21029" s="2" t="s">
        <v>67350</v>
      </c>
      <c r="N21029" s="5" t="s">
        <v>72</v>
      </c>
      <c r="O21029" s="5" t="s">
        <v>38</v>
      </c>
      <c r="P21029" s="5" t="s">
        <v>39</v>
      </c>
      <c r="Q21029" s="5" t="s">
        <v>40</v>
      </c>
      <c r="R21029" s="5" t="s">
        <v>73</v>
      </c>
      <c r="S21029" s="5" t="s">
        <v>40</v>
      </c>
      <c r="T21029" s="5" t="s">
        <v>42</v>
      </c>
      <c r="U21029" s="2">
        <v>4.3559999999999999</v>
      </c>
      <c r="V21029" s="2">
        <v>3.681</v>
      </c>
      <c r="W21029" s="2">
        <v>1.7000000000000001E-2</v>
      </c>
      <c r="X21029" s="2">
        <v>246</v>
      </c>
      <c r="Y21029" s="2">
        <v>11</v>
      </c>
      <c r="Z21029" s="2">
        <v>6.4</v>
      </c>
      <c r="AA21029" s="5">
        <v>49</v>
      </c>
      <c r="AB21029" s="5" t="s">
        <v>43</v>
      </c>
      <c r="AC21029" s="5" t="s">
        <v>44</v>
      </c>
      <c r="AD21029" s="2" t="s">
        <v>67899</v>
      </c>
      <c r="AE21029" s="1"/>
    </row>
    <row r="21030" spans="1:31" ht="14.45">
      <c r="A21030" s="11"/>
      <c r="B21030" s="20"/>
      <c r="C21030" s="2" t="s">
        <v>67903</v>
      </c>
      <c r="D21030" s="14" t="s">
        <v>67904</v>
      </c>
      <c r="E21030" s="2" t="s">
        <v>67905</v>
      </c>
      <c r="F21030" s="2" t="s">
        <v>67898</v>
      </c>
      <c r="G21030" s="8">
        <v>94</v>
      </c>
      <c r="H21030" s="5">
        <v>5</v>
      </c>
      <c r="I21030" s="5" t="s">
        <v>69</v>
      </c>
      <c r="J21030" s="5" t="s">
        <v>67349</v>
      </c>
      <c r="K21030" s="2" t="s">
        <v>67350</v>
      </c>
      <c r="L21030" s="5" t="s">
        <v>67349</v>
      </c>
      <c r="M21030" s="2" t="s">
        <v>67350</v>
      </c>
      <c r="N21030" s="5" t="s">
        <v>72</v>
      </c>
      <c r="O21030" s="5" t="s">
        <v>38</v>
      </c>
      <c r="P21030" s="5" t="s">
        <v>39</v>
      </c>
      <c r="Q21030" s="5" t="s">
        <v>40</v>
      </c>
      <c r="R21030" s="5" t="s">
        <v>73</v>
      </c>
      <c r="S21030" s="5" t="s">
        <v>40</v>
      </c>
      <c r="T21030" s="5" t="s">
        <v>42</v>
      </c>
      <c r="U21030" s="2">
        <v>4.0819999999999999</v>
      </c>
      <c r="V21030" s="2">
        <v>3.48</v>
      </c>
      <c r="W21030" s="2">
        <v>1.4999999999999999E-2</v>
      </c>
      <c r="X21030" s="2">
        <v>218</v>
      </c>
      <c r="Y21030" s="2">
        <v>11</v>
      </c>
      <c r="Z21030" s="2">
        <v>6.4</v>
      </c>
      <c r="AA21030" s="5">
        <v>49</v>
      </c>
      <c r="AB21030" s="5" t="s">
        <v>43</v>
      </c>
      <c r="AC21030" s="5" t="s">
        <v>44</v>
      </c>
      <c r="AD21030" s="2" t="s">
        <v>67906</v>
      </c>
      <c r="AE21030" s="1"/>
    </row>
    <row r="21031" spans="1:31" ht="14.45">
      <c r="A21031" s="11"/>
      <c r="B21031" s="20"/>
      <c r="C21031" s="2" t="s">
        <v>67907</v>
      </c>
      <c r="D21031" s="14" t="s">
        <v>67908</v>
      </c>
      <c r="E21031" s="2" t="s">
        <v>67909</v>
      </c>
      <c r="F21031" s="2" t="s">
        <v>67898</v>
      </c>
      <c r="G21031" s="8">
        <v>97</v>
      </c>
      <c r="H21031" s="5">
        <v>5</v>
      </c>
      <c r="I21031" s="5" t="s">
        <v>69</v>
      </c>
      <c r="J21031" s="5" t="s">
        <v>67349</v>
      </c>
      <c r="K21031" s="2" t="s">
        <v>67350</v>
      </c>
      <c r="L21031" s="5" t="s">
        <v>67349</v>
      </c>
      <c r="M21031" s="2" t="s">
        <v>67350</v>
      </c>
      <c r="N21031" s="5" t="s">
        <v>72</v>
      </c>
      <c r="O21031" s="5" t="s">
        <v>38</v>
      </c>
      <c r="P21031" s="5" t="s">
        <v>39</v>
      </c>
      <c r="Q21031" s="5" t="s">
        <v>40</v>
      </c>
      <c r="R21031" s="5" t="s">
        <v>73</v>
      </c>
      <c r="S21031" s="5" t="s">
        <v>40</v>
      </c>
      <c r="T21031" s="5" t="s">
        <v>42</v>
      </c>
      <c r="U21031" s="2">
        <v>4.8079999999999998</v>
      </c>
      <c r="V21031" s="2">
        <v>4.0759999999999996</v>
      </c>
      <c r="W21031" s="2">
        <v>1.9E-2</v>
      </c>
      <c r="X21031" s="2">
        <v>268</v>
      </c>
      <c r="Y21031" s="2">
        <v>11</v>
      </c>
      <c r="Z21031" s="2">
        <v>6.4</v>
      </c>
      <c r="AA21031" s="5">
        <v>49</v>
      </c>
      <c r="AB21031" s="5" t="s">
        <v>43</v>
      </c>
      <c r="AC21031" s="5" t="s">
        <v>44</v>
      </c>
      <c r="AD21031" s="2" t="s">
        <v>67906</v>
      </c>
      <c r="AE21031" s="1"/>
    </row>
    <row r="21032" spans="1:31" ht="14.45">
      <c r="A21032" s="11"/>
      <c r="B21032" s="20"/>
      <c r="C21032" s="2" t="s">
        <v>67910</v>
      </c>
      <c r="D21032" s="14" t="s">
        <v>67911</v>
      </c>
      <c r="E21032" s="2" t="s">
        <v>67912</v>
      </c>
      <c r="F21032" s="2" t="s">
        <v>67898</v>
      </c>
      <c r="G21032" s="8">
        <v>98</v>
      </c>
      <c r="H21032" s="5">
        <v>5</v>
      </c>
      <c r="I21032" s="5" t="s">
        <v>69</v>
      </c>
      <c r="J21032" s="5" t="s">
        <v>67349</v>
      </c>
      <c r="K21032" s="2" t="s">
        <v>67350</v>
      </c>
      <c r="L21032" s="5" t="s">
        <v>67349</v>
      </c>
      <c r="M21032" s="2" t="s">
        <v>67350</v>
      </c>
      <c r="N21032" s="5" t="s">
        <v>72</v>
      </c>
      <c r="O21032" s="5" t="s">
        <v>38</v>
      </c>
      <c r="P21032" s="5" t="s">
        <v>39</v>
      </c>
      <c r="Q21032" s="5" t="s">
        <v>40</v>
      </c>
      <c r="R21032" s="5" t="s">
        <v>73</v>
      </c>
      <c r="S21032" s="5" t="s">
        <v>40</v>
      </c>
      <c r="T21032" s="5" t="s">
        <v>42</v>
      </c>
      <c r="U21032" s="2">
        <v>3.8279999999999998</v>
      </c>
      <c r="V21032" s="2">
        <v>3.2970000000000002</v>
      </c>
      <c r="W21032" s="2">
        <v>1.2999999999999999E-2</v>
      </c>
      <c r="X21032" s="2">
        <v>191</v>
      </c>
      <c r="Y21032" s="2">
        <v>11</v>
      </c>
      <c r="Z21032" s="2">
        <v>6.4</v>
      </c>
      <c r="AA21032" s="5">
        <v>49</v>
      </c>
      <c r="AB21032" s="5" t="s">
        <v>43</v>
      </c>
      <c r="AC21032" s="5" t="s">
        <v>44</v>
      </c>
      <c r="AD21032" s="2" t="s">
        <v>67913</v>
      </c>
      <c r="AE21032" s="1"/>
    </row>
    <row r="21033" spans="1:31" ht="14.45">
      <c r="A21033" s="11"/>
      <c r="B21033" s="20"/>
      <c r="C21033" s="2" t="s">
        <v>67914</v>
      </c>
      <c r="D21033" s="14" t="s">
        <v>67915</v>
      </c>
      <c r="E21033" s="2" t="s">
        <v>67916</v>
      </c>
      <c r="F21033" s="2" t="s">
        <v>67898</v>
      </c>
      <c r="G21033" s="8">
        <v>102</v>
      </c>
      <c r="H21033" s="5">
        <v>5</v>
      </c>
      <c r="I21033" s="5" t="s">
        <v>69</v>
      </c>
      <c r="J21033" s="5" t="s">
        <v>67349</v>
      </c>
      <c r="K21033" s="2" t="s">
        <v>67350</v>
      </c>
      <c r="L21033" s="5" t="s">
        <v>67349</v>
      </c>
      <c r="M21033" s="2" t="s">
        <v>67350</v>
      </c>
      <c r="N21033" s="5" t="s">
        <v>72</v>
      </c>
      <c r="O21033" s="5" t="s">
        <v>38</v>
      </c>
      <c r="P21033" s="5" t="s">
        <v>39</v>
      </c>
      <c r="Q21033" s="5" t="s">
        <v>40</v>
      </c>
      <c r="R21033" s="5" t="s">
        <v>73</v>
      </c>
      <c r="S21033" s="5" t="s">
        <v>40</v>
      </c>
      <c r="T21033" s="5" t="s">
        <v>42</v>
      </c>
      <c r="U21033" s="2">
        <v>5.5540000000000003</v>
      </c>
      <c r="V21033" s="2">
        <v>4.718</v>
      </c>
      <c r="W21033" s="2">
        <v>2.1999999999999999E-2</v>
      </c>
      <c r="X21033" s="2">
        <v>308</v>
      </c>
      <c r="Y21033" s="2">
        <v>11</v>
      </c>
      <c r="Z21033" s="2">
        <v>6.4</v>
      </c>
      <c r="AA21033" s="5">
        <v>49</v>
      </c>
      <c r="AB21033" s="5" t="s">
        <v>43</v>
      </c>
      <c r="AC21033" s="5" t="s">
        <v>44</v>
      </c>
      <c r="AD21033" s="2" t="s">
        <v>67917</v>
      </c>
      <c r="AE21033" s="1"/>
    </row>
    <row r="21034" spans="1:31" ht="14.45">
      <c r="A21034" s="11"/>
      <c r="B21034" s="20"/>
      <c r="C21034" s="2" t="s">
        <v>67918</v>
      </c>
      <c r="D21034" s="14" t="s">
        <v>67919</v>
      </c>
      <c r="E21034" s="2" t="s">
        <v>67920</v>
      </c>
      <c r="F21034" s="2" t="s">
        <v>67898</v>
      </c>
      <c r="G21034" s="8">
        <v>105</v>
      </c>
      <c r="H21034" s="5">
        <v>5</v>
      </c>
      <c r="I21034" s="5" t="s">
        <v>69</v>
      </c>
      <c r="J21034" s="5" t="s">
        <v>67349</v>
      </c>
      <c r="K21034" s="2" t="s">
        <v>67350</v>
      </c>
      <c r="L21034" s="5" t="s">
        <v>67349</v>
      </c>
      <c r="M21034" s="2" t="s">
        <v>67350</v>
      </c>
      <c r="N21034" s="5" t="s">
        <v>72</v>
      </c>
      <c r="O21034" s="5" t="s">
        <v>38</v>
      </c>
      <c r="P21034" s="5" t="s">
        <v>39</v>
      </c>
      <c r="Q21034" s="5" t="s">
        <v>40</v>
      </c>
      <c r="R21034" s="5" t="s">
        <v>73</v>
      </c>
      <c r="S21034" s="5" t="s">
        <v>40</v>
      </c>
      <c r="T21034" s="5" t="s">
        <v>42</v>
      </c>
      <c r="U21034" s="2">
        <v>4.4219999999999997</v>
      </c>
      <c r="V21034" s="2">
        <v>3.82</v>
      </c>
      <c r="W21034" s="2">
        <v>1.4999999999999999E-2</v>
      </c>
      <c r="X21034" s="2">
        <v>218</v>
      </c>
      <c r="Y21034" s="2">
        <v>11</v>
      </c>
      <c r="Z21034" s="2">
        <v>6.4</v>
      </c>
      <c r="AA21034" s="5">
        <v>49</v>
      </c>
      <c r="AB21034" s="5" t="s">
        <v>43</v>
      </c>
      <c r="AC21034" s="5" t="s">
        <v>44</v>
      </c>
      <c r="AD21034" s="2" t="s">
        <v>67921</v>
      </c>
      <c r="AE21034" s="1"/>
    </row>
    <row r="21035" spans="1:31" ht="14.45">
      <c r="A21035" s="11"/>
      <c r="B21035" s="20"/>
      <c r="C21035" s="2" t="s">
        <v>67922</v>
      </c>
      <c r="D21035" s="14" t="s">
        <v>67923</v>
      </c>
      <c r="E21035" s="2" t="s">
        <v>67924</v>
      </c>
      <c r="F21035" s="2" t="s">
        <v>67898</v>
      </c>
      <c r="G21035" s="8">
        <v>113</v>
      </c>
      <c r="H21035" s="5">
        <v>5</v>
      </c>
      <c r="I21035" s="5" t="s">
        <v>69</v>
      </c>
      <c r="J21035" s="5" t="s">
        <v>67349</v>
      </c>
      <c r="K21035" s="2" t="s">
        <v>67350</v>
      </c>
      <c r="L21035" s="5" t="s">
        <v>67349</v>
      </c>
      <c r="M21035" s="2" t="s">
        <v>67350</v>
      </c>
      <c r="N21035" s="5" t="s">
        <v>72</v>
      </c>
      <c r="O21035" s="5" t="s">
        <v>38</v>
      </c>
      <c r="P21035" s="5" t="s">
        <v>39</v>
      </c>
      <c r="Q21035" s="5" t="s">
        <v>40</v>
      </c>
      <c r="R21035" s="5" t="s">
        <v>73</v>
      </c>
      <c r="S21035" s="5" t="s">
        <v>40</v>
      </c>
      <c r="T21035" s="5" t="s">
        <v>42</v>
      </c>
      <c r="U21035" s="2">
        <v>5.4560000000000004</v>
      </c>
      <c r="V21035" s="2">
        <v>4.6719999999999997</v>
      </c>
      <c r="W21035" s="2">
        <v>0.02</v>
      </c>
      <c r="X21035" s="2">
        <v>288</v>
      </c>
      <c r="Y21035" s="2">
        <v>11</v>
      </c>
      <c r="Z21035" s="2">
        <v>6.4</v>
      </c>
      <c r="AA21035" s="5">
        <v>49</v>
      </c>
      <c r="AB21035" s="5" t="s">
        <v>43</v>
      </c>
      <c r="AC21035" s="5" t="s">
        <v>44</v>
      </c>
      <c r="AD21035" s="2" t="s">
        <v>67925</v>
      </c>
      <c r="AE21035" s="1"/>
    </row>
    <row r="21036" spans="1:31" ht="14.45">
      <c r="A21036" s="11"/>
      <c r="B21036" s="20"/>
      <c r="C21036" s="2" t="s">
        <v>67926</v>
      </c>
      <c r="D21036" s="14" t="s">
        <v>67927</v>
      </c>
      <c r="E21036" s="2" t="s">
        <v>67928</v>
      </c>
      <c r="F21036" s="2" t="s">
        <v>67898</v>
      </c>
      <c r="G21036" s="8">
        <v>114</v>
      </c>
      <c r="H21036" s="5">
        <v>5</v>
      </c>
      <c r="I21036" s="5" t="s">
        <v>69</v>
      </c>
      <c r="J21036" s="5" t="s">
        <v>67349</v>
      </c>
      <c r="K21036" s="2" t="s">
        <v>67350</v>
      </c>
      <c r="L21036" s="5" t="s">
        <v>67349</v>
      </c>
      <c r="M21036" s="2" t="s">
        <v>67350</v>
      </c>
      <c r="N21036" s="5" t="s">
        <v>72</v>
      </c>
      <c r="O21036" s="5" t="s">
        <v>38</v>
      </c>
      <c r="P21036" s="5" t="s">
        <v>39</v>
      </c>
      <c r="Q21036" s="5" t="s">
        <v>40</v>
      </c>
      <c r="R21036" s="5" t="s">
        <v>73</v>
      </c>
      <c r="S21036" s="5" t="s">
        <v>40</v>
      </c>
      <c r="T21036" s="5" t="s">
        <v>42</v>
      </c>
      <c r="U21036" s="2">
        <v>4.5860000000000003</v>
      </c>
      <c r="V21036" s="2">
        <v>3.9969999999999999</v>
      </c>
      <c r="W21036" s="2">
        <v>1.4999999999999999E-2</v>
      </c>
      <c r="X21036" s="2">
        <v>213</v>
      </c>
      <c r="Y21036" s="2">
        <v>11</v>
      </c>
      <c r="Z21036" s="2">
        <v>6.4</v>
      </c>
      <c r="AA21036" s="5">
        <v>49</v>
      </c>
      <c r="AB21036" s="5" t="s">
        <v>43</v>
      </c>
      <c r="AC21036" s="5" t="s">
        <v>44</v>
      </c>
      <c r="AD21036" s="2" t="s">
        <v>67929</v>
      </c>
      <c r="AE21036" s="1"/>
    </row>
    <row r="21037" spans="1:31" ht="14.45">
      <c r="A21037" s="11"/>
      <c r="B21037" s="20"/>
      <c r="C21037" s="2" t="s">
        <v>67930</v>
      </c>
      <c r="D21037" s="14" t="s">
        <v>67931</v>
      </c>
      <c r="E21037" s="2" t="s">
        <v>67932</v>
      </c>
      <c r="F21037" s="2" t="s">
        <v>67898</v>
      </c>
      <c r="G21037" s="8">
        <v>117</v>
      </c>
      <c r="H21037" s="5">
        <v>5</v>
      </c>
      <c r="I21037" s="5" t="s">
        <v>69</v>
      </c>
      <c r="J21037" s="5" t="s">
        <v>67349</v>
      </c>
      <c r="K21037" s="2" t="s">
        <v>67350</v>
      </c>
      <c r="L21037" s="5" t="s">
        <v>67349</v>
      </c>
      <c r="M21037" s="2" t="s">
        <v>67350</v>
      </c>
      <c r="N21037" s="5" t="s">
        <v>72</v>
      </c>
      <c r="O21037" s="5" t="s">
        <v>38</v>
      </c>
      <c r="P21037" s="5" t="s">
        <v>39</v>
      </c>
      <c r="Q21037" s="5" t="s">
        <v>40</v>
      </c>
      <c r="R21037" s="5" t="s">
        <v>73</v>
      </c>
      <c r="S21037" s="5" t="s">
        <v>40</v>
      </c>
      <c r="T21037" s="5" t="s">
        <v>42</v>
      </c>
      <c r="U21037" s="2">
        <v>5.694</v>
      </c>
      <c r="V21037" s="2">
        <v>4.91</v>
      </c>
      <c r="W21037" s="2">
        <v>0.02</v>
      </c>
      <c r="X21037" s="2">
        <v>288</v>
      </c>
      <c r="Y21037" s="2">
        <v>11</v>
      </c>
      <c r="Z21037" s="2">
        <v>6.4</v>
      </c>
      <c r="AA21037" s="5">
        <v>49</v>
      </c>
      <c r="AB21037" s="5" t="s">
        <v>43</v>
      </c>
      <c r="AC21037" s="5" t="s">
        <v>44</v>
      </c>
      <c r="AD21037" s="2" t="s">
        <v>67933</v>
      </c>
      <c r="AE21037" s="1"/>
    </row>
    <row r="21038" spans="1:31" ht="14.45">
      <c r="A21038" s="11"/>
      <c r="B21038" s="20"/>
      <c r="C21038" s="2" t="s">
        <v>67934</v>
      </c>
      <c r="D21038" s="14" t="s">
        <v>67935</v>
      </c>
      <c r="E21038" s="2" t="s">
        <v>67936</v>
      </c>
      <c r="F21038" s="2" t="s">
        <v>67898</v>
      </c>
      <c r="G21038" s="8">
        <v>120</v>
      </c>
      <c r="H21038" s="5">
        <v>5</v>
      </c>
      <c r="I21038" s="5" t="s">
        <v>69</v>
      </c>
      <c r="J21038" s="5" t="s">
        <v>67349</v>
      </c>
      <c r="K21038" s="2" t="s">
        <v>67350</v>
      </c>
      <c r="L21038" s="5" t="s">
        <v>67349</v>
      </c>
      <c r="M21038" s="2" t="s">
        <v>67350</v>
      </c>
      <c r="N21038" s="5" t="s">
        <v>72</v>
      </c>
      <c r="O21038" s="5" t="s">
        <v>38</v>
      </c>
      <c r="P21038" s="5" t="s">
        <v>39</v>
      </c>
      <c r="Q21038" s="5" t="s">
        <v>40</v>
      </c>
      <c r="R21038" s="5" t="s">
        <v>73</v>
      </c>
      <c r="S21038" s="5" t="s">
        <v>40</v>
      </c>
      <c r="T21038" s="5" t="s">
        <v>42</v>
      </c>
      <c r="U21038" s="2">
        <v>5.2249999999999996</v>
      </c>
      <c r="V21038" s="2">
        <v>4.5659999999999998</v>
      </c>
      <c r="W21038" s="2">
        <v>1.7000000000000001E-2</v>
      </c>
      <c r="X21038" s="2">
        <v>240</v>
      </c>
      <c r="Y21038" s="2">
        <v>11</v>
      </c>
      <c r="Z21038" s="2">
        <v>6.4</v>
      </c>
      <c r="AA21038" s="5">
        <v>49</v>
      </c>
      <c r="AB21038" s="5" t="s">
        <v>43</v>
      </c>
      <c r="AC21038" s="5" t="s">
        <v>44</v>
      </c>
      <c r="AD21038" s="2" t="s">
        <v>67937</v>
      </c>
      <c r="AE21038" s="1"/>
    </row>
    <row r="21039" spans="1:31" ht="14.45">
      <c r="A21039" s="11"/>
      <c r="B21039" s="20"/>
      <c r="C21039" s="2" t="s">
        <v>67938</v>
      </c>
      <c r="D21039" s="14" t="s">
        <v>67939</v>
      </c>
      <c r="E21039" s="2" t="s">
        <v>67940</v>
      </c>
      <c r="F21039" s="2" t="s">
        <v>67898</v>
      </c>
      <c r="G21039" s="8">
        <v>128</v>
      </c>
      <c r="H21039" s="5">
        <v>5</v>
      </c>
      <c r="I21039" s="5" t="s">
        <v>69</v>
      </c>
      <c r="J21039" s="5" t="s">
        <v>67349</v>
      </c>
      <c r="K21039" s="2" t="s">
        <v>67350</v>
      </c>
      <c r="L21039" s="5" t="s">
        <v>67349</v>
      </c>
      <c r="M21039" s="2" t="s">
        <v>67350</v>
      </c>
      <c r="N21039" s="5" t="s">
        <v>72</v>
      </c>
      <c r="O21039" s="5" t="s">
        <v>38</v>
      </c>
      <c r="P21039" s="5" t="s">
        <v>39</v>
      </c>
      <c r="Q21039" s="5" t="s">
        <v>40</v>
      </c>
      <c r="R21039" s="5" t="s">
        <v>73</v>
      </c>
      <c r="S21039" s="5" t="s">
        <v>40</v>
      </c>
      <c r="T21039" s="5" t="s">
        <v>42</v>
      </c>
      <c r="U21039" s="2">
        <v>5.9359999999999999</v>
      </c>
      <c r="V21039" s="2">
        <v>5.1520000000000001</v>
      </c>
      <c r="W21039" s="2">
        <v>0.02</v>
      </c>
      <c r="X21039" s="2">
        <v>288</v>
      </c>
      <c r="Y21039" s="2">
        <v>11</v>
      </c>
      <c r="Z21039" s="2">
        <v>6.4</v>
      </c>
      <c r="AA21039" s="5">
        <v>49</v>
      </c>
      <c r="AB21039" s="5" t="s">
        <v>43</v>
      </c>
      <c r="AC21039" s="5" t="s">
        <v>44</v>
      </c>
      <c r="AD21039" s="2" t="s">
        <v>67941</v>
      </c>
      <c r="AE21039" s="1"/>
    </row>
    <row r="21040" spans="1:31" ht="14.45">
      <c r="A21040" s="11"/>
      <c r="B21040" s="20"/>
      <c r="C21040" s="2" t="s">
        <v>67942</v>
      </c>
      <c r="D21040" s="14" t="s">
        <v>67943</v>
      </c>
      <c r="E21040" s="2" t="s">
        <v>67944</v>
      </c>
      <c r="F21040" s="2" t="s">
        <v>67945</v>
      </c>
      <c r="G21040" s="8">
        <v>440</v>
      </c>
      <c r="H21040" s="5">
        <v>5</v>
      </c>
      <c r="I21040" s="5" t="s">
        <v>69</v>
      </c>
      <c r="J21040" s="5" t="s">
        <v>67349</v>
      </c>
      <c r="K21040" s="2" t="s">
        <v>67350</v>
      </c>
      <c r="L21040" s="5" t="s">
        <v>67349</v>
      </c>
      <c r="M21040" s="2" t="s">
        <v>67350</v>
      </c>
      <c r="N21040" s="5" t="s">
        <v>72</v>
      </c>
      <c r="O21040" s="5" t="s">
        <v>38</v>
      </c>
      <c r="P21040" s="5" t="s">
        <v>39</v>
      </c>
      <c r="Q21040" s="5" t="s">
        <v>40</v>
      </c>
      <c r="R21040" s="5" t="s">
        <v>28209</v>
      </c>
      <c r="S21040" s="5" t="s">
        <v>40</v>
      </c>
      <c r="T21040" s="5" t="s">
        <v>42</v>
      </c>
      <c r="U21040" s="2">
        <v>18.158000000000001</v>
      </c>
      <c r="V21040" s="2">
        <v>16.75</v>
      </c>
      <c r="W21040" s="2">
        <v>5.1999999999999998E-2</v>
      </c>
      <c r="X21040" s="2">
        <v>167.4</v>
      </c>
      <c r="Y21040" s="2">
        <v>39</v>
      </c>
      <c r="Z21040" s="2">
        <v>8</v>
      </c>
      <c r="AA21040" s="5">
        <v>34</v>
      </c>
      <c r="AB21040" s="5" t="s">
        <v>43</v>
      </c>
      <c r="AC21040" s="5" t="s">
        <v>44</v>
      </c>
      <c r="AD21040" s="2" t="s">
        <v>67946</v>
      </c>
      <c r="AE21040" s="1"/>
    </row>
    <row r="21041" spans="1:31" ht="14.45">
      <c r="A21041" s="11"/>
      <c r="B21041" s="20"/>
      <c r="C21041" s="2" t="s">
        <v>67947</v>
      </c>
      <c r="D21041" s="14" t="s">
        <v>67948</v>
      </c>
      <c r="E21041" s="2" t="s">
        <v>67949</v>
      </c>
      <c r="F21041" s="2" t="s">
        <v>67945</v>
      </c>
      <c r="G21041" s="8">
        <v>475</v>
      </c>
      <c r="H21041" s="5">
        <v>5</v>
      </c>
      <c r="I21041" s="5" t="s">
        <v>69</v>
      </c>
      <c r="J21041" s="5" t="s">
        <v>67349</v>
      </c>
      <c r="K21041" s="2" t="s">
        <v>67350</v>
      </c>
      <c r="L21041" s="5" t="s">
        <v>67349</v>
      </c>
      <c r="M21041" s="2" t="s">
        <v>67350</v>
      </c>
      <c r="N21041" s="5" t="s">
        <v>72</v>
      </c>
      <c r="O21041" s="5" t="s">
        <v>38</v>
      </c>
      <c r="P21041" s="5" t="s">
        <v>39</v>
      </c>
      <c r="Q21041" s="5" t="s">
        <v>40</v>
      </c>
      <c r="R21041" s="5" t="s">
        <v>28209</v>
      </c>
      <c r="S21041" s="5" t="s">
        <v>40</v>
      </c>
      <c r="T21041" s="5" t="s">
        <v>42</v>
      </c>
      <c r="U21041" s="2">
        <v>19.956</v>
      </c>
      <c r="V21041" s="2">
        <v>18.585999999999999</v>
      </c>
      <c r="W21041" s="2">
        <v>5.1999999999999998E-2</v>
      </c>
      <c r="X21041" s="2">
        <v>167.4</v>
      </c>
      <c r="Y21041" s="2">
        <v>39</v>
      </c>
      <c r="Z21041" s="2">
        <v>8</v>
      </c>
      <c r="AA21041" s="5">
        <v>34</v>
      </c>
      <c r="AB21041" s="5" t="s">
        <v>43</v>
      </c>
      <c r="AC21041" s="5" t="s">
        <v>44</v>
      </c>
      <c r="AD21041" s="2" t="s">
        <v>67946</v>
      </c>
      <c r="AE21041" s="1"/>
    </row>
    <row r="21042" spans="1:31" ht="14.45">
      <c r="A21042" s="11"/>
      <c r="B21042" s="20"/>
      <c r="C21042" s="2" t="s">
        <v>67950</v>
      </c>
      <c r="D21042" s="14" t="s">
        <v>67951</v>
      </c>
      <c r="E21042" s="2" t="s">
        <v>67952</v>
      </c>
      <c r="F21042" s="2" t="s">
        <v>67945</v>
      </c>
      <c r="G21042" s="8">
        <v>515</v>
      </c>
      <c r="H21042" s="5">
        <v>5</v>
      </c>
      <c r="I21042" s="5" t="s">
        <v>69</v>
      </c>
      <c r="J21042" s="5" t="s">
        <v>67349</v>
      </c>
      <c r="K21042" s="2" t="s">
        <v>67350</v>
      </c>
      <c r="L21042" s="5" t="s">
        <v>67349</v>
      </c>
      <c r="M21042" s="2" t="s">
        <v>67350</v>
      </c>
      <c r="N21042" s="5" t="s">
        <v>72</v>
      </c>
      <c r="O21042" s="5" t="s">
        <v>38</v>
      </c>
      <c r="P21042" s="5" t="s">
        <v>39</v>
      </c>
      <c r="Q21042" s="5" t="s">
        <v>40</v>
      </c>
      <c r="R21042" s="5" t="s">
        <v>28209</v>
      </c>
      <c r="S21042" s="5" t="s">
        <v>40</v>
      </c>
      <c r="T21042" s="5" t="s">
        <v>42</v>
      </c>
      <c r="U21042" s="2">
        <v>22.175000000000001</v>
      </c>
      <c r="V21042" s="2">
        <v>20.850999999999999</v>
      </c>
      <c r="W21042" s="2">
        <v>5.1999999999999998E-2</v>
      </c>
      <c r="X21042" s="2">
        <v>167.4</v>
      </c>
      <c r="Y21042" s="2">
        <v>39</v>
      </c>
      <c r="Z21042" s="2">
        <v>8</v>
      </c>
      <c r="AA21042" s="5">
        <v>34</v>
      </c>
      <c r="AB21042" s="5" t="s">
        <v>43</v>
      </c>
      <c r="AC21042" s="5" t="s">
        <v>44</v>
      </c>
      <c r="AD21042" s="2" t="s">
        <v>67946</v>
      </c>
      <c r="AE21042" s="1"/>
    </row>
    <row r="21043" spans="1:31" ht="14.45">
      <c r="A21043" s="11"/>
      <c r="B21043" s="20"/>
      <c r="C21043" s="2" t="s">
        <v>67953</v>
      </c>
      <c r="D21043" s="14" t="s">
        <v>67954</v>
      </c>
      <c r="E21043" s="2" t="s">
        <v>67955</v>
      </c>
      <c r="F21043" s="2" t="s">
        <v>1531</v>
      </c>
      <c r="G21043" s="8">
        <v>124</v>
      </c>
      <c r="H21043" s="5">
        <v>6</v>
      </c>
      <c r="I21043" s="5" t="s">
        <v>1518</v>
      </c>
      <c r="J21043" s="5" t="s">
        <v>67956</v>
      </c>
      <c r="K21043" s="2" t="s">
        <v>67957</v>
      </c>
      <c r="L21043" s="5" t="s">
        <v>67956</v>
      </c>
      <c r="M21043" s="2" t="s">
        <v>67957</v>
      </c>
      <c r="N21043" s="5" t="s">
        <v>19227</v>
      </c>
      <c r="O21043" s="5" t="s">
        <v>38</v>
      </c>
      <c r="P21043" s="5" t="s">
        <v>39</v>
      </c>
      <c r="Q21043" s="5" t="s">
        <v>40</v>
      </c>
      <c r="R21043" s="5" t="s">
        <v>67958</v>
      </c>
      <c r="S21043" s="5" t="s">
        <v>40</v>
      </c>
      <c r="T21043" s="5" t="s">
        <v>42</v>
      </c>
      <c r="U21043" s="2">
        <v>1.4239999999999999</v>
      </c>
      <c r="V21043" s="2">
        <v>1.216</v>
      </c>
      <c r="W21043" s="2">
        <v>6.0000000000000001E-3</v>
      </c>
      <c r="X21043" s="2">
        <v>76.900000000000006</v>
      </c>
      <c r="Y21043" s="2">
        <v>7.6</v>
      </c>
      <c r="Z21043" s="2">
        <v>10.6</v>
      </c>
      <c r="AA21043" s="5"/>
      <c r="AB21043" s="5" t="s">
        <v>43</v>
      </c>
      <c r="AC21043" s="5" t="s">
        <v>44</v>
      </c>
      <c r="AD21043" s="2"/>
      <c r="AE21043" s="1"/>
    </row>
    <row r="21044" spans="1:31" ht="14.45">
      <c r="A21044" s="11"/>
      <c r="B21044" s="20"/>
      <c r="C21044" s="2" t="s">
        <v>67959</v>
      </c>
      <c r="D21044" s="14" t="s">
        <v>67960</v>
      </c>
      <c r="E21044" s="2" t="s">
        <v>67961</v>
      </c>
      <c r="F21044" s="2" t="s">
        <v>1531</v>
      </c>
      <c r="G21044" s="8">
        <v>150</v>
      </c>
      <c r="H21044" s="5">
        <v>6</v>
      </c>
      <c r="I21044" s="5" t="s">
        <v>1518</v>
      </c>
      <c r="J21044" s="5" t="s">
        <v>67956</v>
      </c>
      <c r="K21044" s="2" t="s">
        <v>67957</v>
      </c>
      <c r="L21044" s="5" t="s">
        <v>67956</v>
      </c>
      <c r="M21044" s="2" t="s">
        <v>67957</v>
      </c>
      <c r="N21044" s="5" t="s">
        <v>19227</v>
      </c>
      <c r="O21044" s="5" t="s">
        <v>38</v>
      </c>
      <c r="P21044" s="5" t="s">
        <v>39</v>
      </c>
      <c r="Q21044" s="5" t="s">
        <v>40</v>
      </c>
      <c r="R21044" s="5" t="s">
        <v>67958</v>
      </c>
      <c r="S21044" s="5" t="s">
        <v>40</v>
      </c>
      <c r="T21044" s="5" t="s">
        <v>42</v>
      </c>
      <c r="U21044" s="2">
        <v>1.9950000000000001</v>
      </c>
      <c r="V21044" s="2">
        <v>1.7030000000000001</v>
      </c>
      <c r="W21044" s="2">
        <v>0.01</v>
      </c>
      <c r="X21044" s="2">
        <v>118.9</v>
      </c>
      <c r="Y21044" s="2">
        <v>7.6</v>
      </c>
      <c r="Z21044" s="2">
        <v>10.6</v>
      </c>
      <c r="AA21044" s="5"/>
      <c r="AB21044" s="5" t="s">
        <v>43</v>
      </c>
      <c r="AC21044" s="5" t="s">
        <v>44</v>
      </c>
      <c r="AD21044" s="2"/>
      <c r="AE21044" s="1"/>
    </row>
    <row r="21045" spans="1:31" ht="14.45">
      <c r="A21045" s="11"/>
      <c r="B21045" s="20"/>
      <c r="C21045" s="2" t="s">
        <v>67962</v>
      </c>
      <c r="D21045" s="14" t="s">
        <v>67963</v>
      </c>
      <c r="E21045" s="2" t="s">
        <v>67964</v>
      </c>
      <c r="F21045" s="2" t="s">
        <v>67965</v>
      </c>
      <c r="G21045" s="8">
        <v>119</v>
      </c>
      <c r="H21045" s="5">
        <v>6</v>
      </c>
      <c r="I21045" s="5" t="s">
        <v>1518</v>
      </c>
      <c r="J21045" s="5" t="s">
        <v>67956</v>
      </c>
      <c r="K21045" s="2" t="s">
        <v>67957</v>
      </c>
      <c r="L21045" s="5" t="s">
        <v>67956</v>
      </c>
      <c r="M21045" s="2" t="s">
        <v>67957</v>
      </c>
      <c r="N21045" s="5" t="s">
        <v>19227</v>
      </c>
      <c r="O21045" s="5" t="s">
        <v>38</v>
      </c>
      <c r="P21045" s="5" t="s">
        <v>39</v>
      </c>
      <c r="Q21045" s="5" t="s">
        <v>40</v>
      </c>
      <c r="R21045" s="5" t="s">
        <v>67958</v>
      </c>
      <c r="S21045" s="5" t="s">
        <v>40</v>
      </c>
      <c r="T21045" s="5" t="s">
        <v>42</v>
      </c>
      <c r="U21045" s="2">
        <v>1.2669999999999999</v>
      </c>
      <c r="V21045" s="2">
        <v>1.0369999999999999</v>
      </c>
      <c r="W21045" s="2">
        <v>6.0000000000000001E-3</v>
      </c>
      <c r="X21045" s="2">
        <v>76.900000000000006</v>
      </c>
      <c r="Y21045" s="2">
        <v>7.6</v>
      </c>
      <c r="Z21045" s="2">
        <v>10.6</v>
      </c>
      <c r="AA21045" s="5"/>
      <c r="AB21045" s="5" t="s">
        <v>43</v>
      </c>
      <c r="AC21045" s="5" t="s">
        <v>44</v>
      </c>
      <c r="AD21045" s="2"/>
      <c r="AE21045" s="1"/>
    </row>
    <row r="21046" spans="1:31" ht="14.45">
      <c r="A21046" s="11"/>
      <c r="B21046" s="20"/>
      <c r="C21046" s="2" t="s">
        <v>67966</v>
      </c>
      <c r="D21046" s="14" t="s">
        <v>67967</v>
      </c>
      <c r="E21046" s="2" t="s">
        <v>67968</v>
      </c>
      <c r="F21046" s="2" t="s">
        <v>67965</v>
      </c>
      <c r="G21046" s="8">
        <v>122</v>
      </c>
      <c r="H21046" s="5">
        <v>5</v>
      </c>
      <c r="I21046" s="5" t="s">
        <v>1518</v>
      </c>
      <c r="J21046" s="5" t="s">
        <v>67956</v>
      </c>
      <c r="K21046" s="2" t="s">
        <v>67957</v>
      </c>
      <c r="L21046" s="5" t="s">
        <v>67956</v>
      </c>
      <c r="M21046" s="2" t="s">
        <v>67957</v>
      </c>
      <c r="N21046" s="5" t="s">
        <v>19227</v>
      </c>
      <c r="O21046" s="5" t="s">
        <v>38</v>
      </c>
      <c r="P21046" s="5" t="s">
        <v>39</v>
      </c>
      <c r="Q21046" s="5" t="s">
        <v>40</v>
      </c>
      <c r="R21046" s="5" t="s">
        <v>67958</v>
      </c>
      <c r="S21046" s="5" t="s">
        <v>40</v>
      </c>
      <c r="T21046" s="5" t="s">
        <v>42</v>
      </c>
      <c r="U21046" s="2">
        <v>1.425</v>
      </c>
      <c r="V21046" s="2">
        <v>1.2050000000000001</v>
      </c>
      <c r="W21046" s="2">
        <v>6.0000000000000001E-3</v>
      </c>
      <c r="X21046" s="2">
        <v>76.900000000000006</v>
      </c>
      <c r="Y21046" s="2">
        <v>7.6</v>
      </c>
      <c r="Z21046" s="2">
        <v>10.6</v>
      </c>
      <c r="AA21046" s="5"/>
      <c r="AB21046" s="5" t="s">
        <v>43</v>
      </c>
      <c r="AC21046" s="5" t="s">
        <v>44</v>
      </c>
      <c r="AD21046" s="2"/>
      <c r="AE21046" s="1"/>
    </row>
    <row r="21047" spans="1:31" ht="14.45">
      <c r="A21047" s="11"/>
      <c r="B21047" s="20"/>
      <c r="C21047" s="2" t="s">
        <v>67969</v>
      </c>
      <c r="D21047" s="14" t="s">
        <v>67970</v>
      </c>
      <c r="E21047" s="2" t="s">
        <v>67971</v>
      </c>
      <c r="F21047" s="2" t="s">
        <v>67965</v>
      </c>
      <c r="G21047" s="8">
        <v>139</v>
      </c>
      <c r="H21047" s="5">
        <v>5</v>
      </c>
      <c r="I21047" s="5" t="s">
        <v>1518</v>
      </c>
      <c r="J21047" s="5" t="s">
        <v>67956</v>
      </c>
      <c r="K21047" s="2" t="s">
        <v>67957</v>
      </c>
      <c r="L21047" s="5" t="s">
        <v>67956</v>
      </c>
      <c r="M21047" s="2" t="s">
        <v>67957</v>
      </c>
      <c r="N21047" s="5" t="s">
        <v>19227</v>
      </c>
      <c r="O21047" s="5" t="s">
        <v>38</v>
      </c>
      <c r="P21047" s="5" t="s">
        <v>39</v>
      </c>
      <c r="Q21047" s="5" t="s">
        <v>40</v>
      </c>
      <c r="R21047" s="5" t="s">
        <v>67958</v>
      </c>
      <c r="S21047" s="5" t="s">
        <v>40</v>
      </c>
      <c r="T21047" s="5" t="s">
        <v>42</v>
      </c>
      <c r="U21047" s="2">
        <v>1.7270000000000001</v>
      </c>
      <c r="V21047" s="2">
        <v>1.4139999999999999</v>
      </c>
      <c r="W21047" s="2">
        <v>8.0000000000000002E-3</v>
      </c>
      <c r="X21047" s="2">
        <v>99.1</v>
      </c>
      <c r="Y21047" s="2">
        <v>7.6</v>
      </c>
      <c r="Z21047" s="2">
        <v>10.6</v>
      </c>
      <c r="AA21047" s="5"/>
      <c r="AB21047" s="5" t="s">
        <v>43</v>
      </c>
      <c r="AC21047" s="5" t="s">
        <v>44</v>
      </c>
      <c r="AD21047" s="2"/>
      <c r="AE21047" s="1"/>
    </row>
    <row r="21048" spans="1:31" ht="14.45">
      <c r="A21048" s="11"/>
      <c r="B21048" s="20"/>
      <c r="C21048" s="2" t="s">
        <v>67972</v>
      </c>
      <c r="D21048" s="14" t="s">
        <v>67973</v>
      </c>
      <c r="E21048" s="2" t="s">
        <v>67974</v>
      </c>
      <c r="F21048" s="2" t="s">
        <v>67965</v>
      </c>
      <c r="G21048" s="8">
        <v>157</v>
      </c>
      <c r="H21048" s="5">
        <v>5</v>
      </c>
      <c r="I21048" s="5" t="s">
        <v>1518</v>
      </c>
      <c r="J21048" s="5" t="s">
        <v>67956</v>
      </c>
      <c r="K21048" s="2" t="s">
        <v>67957</v>
      </c>
      <c r="L21048" s="5" t="s">
        <v>67956</v>
      </c>
      <c r="M21048" s="2" t="s">
        <v>67957</v>
      </c>
      <c r="N21048" s="5" t="s">
        <v>19227</v>
      </c>
      <c r="O21048" s="5" t="s">
        <v>38</v>
      </c>
      <c r="P21048" s="5" t="s">
        <v>39</v>
      </c>
      <c r="Q21048" s="5" t="s">
        <v>40</v>
      </c>
      <c r="R21048" s="5" t="s">
        <v>67958</v>
      </c>
      <c r="S21048" s="5" t="s">
        <v>40</v>
      </c>
      <c r="T21048" s="5" t="s">
        <v>42</v>
      </c>
      <c r="U21048" s="2">
        <v>1.992</v>
      </c>
      <c r="V21048" s="2">
        <v>1.6870000000000001</v>
      </c>
      <c r="W21048" s="2">
        <v>0.01</v>
      </c>
      <c r="X21048" s="2">
        <v>118.9</v>
      </c>
      <c r="Y21048" s="2">
        <v>7.6</v>
      </c>
      <c r="Z21048" s="2">
        <v>10.6</v>
      </c>
      <c r="AA21048" s="5"/>
      <c r="AB21048" s="5" t="s">
        <v>43</v>
      </c>
      <c r="AC21048" s="5" t="s">
        <v>44</v>
      </c>
      <c r="AD21048" s="2"/>
      <c r="AE21048" s="1"/>
    </row>
    <row r="21049" spans="1:31" ht="14.45">
      <c r="A21049" s="11"/>
      <c r="B21049" s="20"/>
      <c r="C21049" s="2" t="s">
        <v>67975</v>
      </c>
      <c r="D21049" s="14" t="s">
        <v>67976</v>
      </c>
      <c r="E21049" s="2" t="s">
        <v>67977</v>
      </c>
      <c r="F21049" s="2" t="s">
        <v>67965</v>
      </c>
      <c r="G21049" s="8">
        <v>167</v>
      </c>
      <c r="H21049" s="5">
        <v>6</v>
      </c>
      <c r="I21049" s="5" t="s">
        <v>1518</v>
      </c>
      <c r="J21049" s="5" t="s">
        <v>67956</v>
      </c>
      <c r="K21049" s="2" t="s">
        <v>67957</v>
      </c>
      <c r="L21049" s="5" t="s">
        <v>67956</v>
      </c>
      <c r="M21049" s="2" t="s">
        <v>67957</v>
      </c>
      <c r="N21049" s="5" t="s">
        <v>19227</v>
      </c>
      <c r="O21049" s="5" t="s">
        <v>38</v>
      </c>
      <c r="P21049" s="5" t="s">
        <v>39</v>
      </c>
      <c r="Q21049" s="5" t="s">
        <v>40</v>
      </c>
      <c r="R21049" s="5" t="s">
        <v>67958</v>
      </c>
      <c r="S21049" s="5" t="s">
        <v>40</v>
      </c>
      <c r="T21049" s="5" t="s">
        <v>42</v>
      </c>
      <c r="U21049" s="2">
        <v>2.2890000000000001</v>
      </c>
      <c r="V21049" s="2">
        <v>1.946</v>
      </c>
      <c r="W21049" s="2">
        <v>1.0999999999999999E-2</v>
      </c>
      <c r="X21049" s="2">
        <v>139.1</v>
      </c>
      <c r="Y21049" s="2">
        <v>7.6</v>
      </c>
      <c r="Z21049" s="2">
        <v>10.6</v>
      </c>
      <c r="AA21049" s="5"/>
      <c r="AB21049" s="5" t="s">
        <v>43</v>
      </c>
      <c r="AC21049" s="5" t="s">
        <v>44</v>
      </c>
      <c r="AD21049" s="2"/>
      <c r="AE21049" s="1"/>
    </row>
    <row r="21050" spans="1:31" ht="14.45">
      <c r="A21050" s="11"/>
      <c r="B21050" s="20"/>
      <c r="C21050" s="2" t="s">
        <v>67978</v>
      </c>
      <c r="D21050" s="14" t="s">
        <v>67979</v>
      </c>
      <c r="E21050" s="2" t="s">
        <v>67980</v>
      </c>
      <c r="F21050" s="2" t="s">
        <v>67981</v>
      </c>
      <c r="G21050" s="8">
        <v>87</v>
      </c>
      <c r="H21050" s="5">
        <v>5</v>
      </c>
      <c r="I21050" s="5" t="s">
        <v>1518</v>
      </c>
      <c r="J21050" s="5" t="s">
        <v>67956</v>
      </c>
      <c r="K21050" s="2" t="s">
        <v>67957</v>
      </c>
      <c r="L21050" s="5" t="s">
        <v>67956</v>
      </c>
      <c r="M21050" s="2" t="s">
        <v>67957</v>
      </c>
      <c r="N21050" s="5" t="s">
        <v>19227</v>
      </c>
      <c r="O21050" s="5" t="s">
        <v>38</v>
      </c>
      <c r="P21050" s="5" t="s">
        <v>39</v>
      </c>
      <c r="Q21050" s="5" t="s">
        <v>40</v>
      </c>
      <c r="R21050" s="5" t="s">
        <v>67958</v>
      </c>
      <c r="S21050" s="5" t="s">
        <v>40</v>
      </c>
      <c r="T21050" s="5" t="s">
        <v>42</v>
      </c>
      <c r="U21050" s="2">
        <v>0.64</v>
      </c>
      <c r="V21050" s="2">
        <v>0.504</v>
      </c>
      <c r="W21050" s="2">
        <v>3.0000000000000001E-3</v>
      </c>
      <c r="X21050" s="2">
        <v>50.9</v>
      </c>
      <c r="Y21050" s="2">
        <v>7.1</v>
      </c>
      <c r="Z21050" s="2">
        <v>7.4</v>
      </c>
      <c r="AA21050" s="5"/>
      <c r="AB21050" s="5" t="s">
        <v>43</v>
      </c>
      <c r="AC21050" s="5" t="s">
        <v>44</v>
      </c>
      <c r="AD21050" s="2"/>
      <c r="AE21050" s="1"/>
    </row>
    <row r="21051" spans="1:31" ht="14.45">
      <c r="A21051" s="11"/>
      <c r="B21051" s="20"/>
      <c r="C21051" s="2" t="s">
        <v>67982</v>
      </c>
      <c r="D21051" s="14" t="s">
        <v>67983</v>
      </c>
      <c r="E21051" s="2" t="s">
        <v>67984</v>
      </c>
      <c r="F21051" s="2" t="s">
        <v>67981</v>
      </c>
      <c r="G21051" s="8">
        <v>98</v>
      </c>
      <c r="H21051" s="5">
        <v>5</v>
      </c>
      <c r="I21051" s="5" t="s">
        <v>1518</v>
      </c>
      <c r="J21051" s="5" t="s">
        <v>67956</v>
      </c>
      <c r="K21051" s="2" t="s">
        <v>67957</v>
      </c>
      <c r="L21051" s="5" t="s">
        <v>67956</v>
      </c>
      <c r="M21051" s="2" t="s">
        <v>67957</v>
      </c>
      <c r="N21051" s="5" t="s">
        <v>19227</v>
      </c>
      <c r="O21051" s="5" t="s">
        <v>38</v>
      </c>
      <c r="P21051" s="5" t="s">
        <v>39</v>
      </c>
      <c r="Q21051" s="5" t="s">
        <v>40</v>
      </c>
      <c r="R21051" s="5" t="s">
        <v>67958</v>
      </c>
      <c r="S21051" s="5" t="s">
        <v>40</v>
      </c>
      <c r="T21051" s="5" t="s">
        <v>42</v>
      </c>
      <c r="U21051" s="2">
        <v>0.77900000000000003</v>
      </c>
      <c r="V21051" s="2">
        <v>0.61899999999999999</v>
      </c>
      <c r="W21051" s="2">
        <v>3.0000000000000001E-3</v>
      </c>
      <c r="X21051" s="2">
        <v>65.900000000000006</v>
      </c>
      <c r="Y21051" s="2">
        <v>7.1</v>
      </c>
      <c r="Z21051" s="2">
        <v>7.4</v>
      </c>
      <c r="AA21051" s="5"/>
      <c r="AB21051" s="5" t="s">
        <v>43</v>
      </c>
      <c r="AC21051" s="5" t="s">
        <v>44</v>
      </c>
      <c r="AD21051" s="2"/>
      <c r="AE21051" s="1"/>
    </row>
    <row r="21052" spans="1:31" ht="14.45">
      <c r="A21052" s="11"/>
      <c r="B21052" s="20"/>
      <c r="C21052" s="2" t="s">
        <v>67985</v>
      </c>
      <c r="D21052" s="14" t="s">
        <v>67986</v>
      </c>
      <c r="E21052" s="2" t="s">
        <v>67987</v>
      </c>
      <c r="F21052" s="2" t="s">
        <v>67981</v>
      </c>
      <c r="G21052" s="8">
        <v>87</v>
      </c>
      <c r="H21052" s="5">
        <v>5</v>
      </c>
      <c r="I21052" s="5" t="s">
        <v>1518</v>
      </c>
      <c r="J21052" s="5" t="s">
        <v>67956</v>
      </c>
      <c r="K21052" s="2" t="s">
        <v>67957</v>
      </c>
      <c r="L21052" s="5" t="s">
        <v>67956</v>
      </c>
      <c r="M21052" s="2" t="s">
        <v>67957</v>
      </c>
      <c r="N21052" s="5" t="s">
        <v>19227</v>
      </c>
      <c r="O21052" s="5" t="s">
        <v>38</v>
      </c>
      <c r="P21052" s="5" t="s">
        <v>39</v>
      </c>
      <c r="Q21052" s="5" t="s">
        <v>40</v>
      </c>
      <c r="R21052" s="5" t="s">
        <v>67958</v>
      </c>
      <c r="S21052" s="5" t="s">
        <v>40</v>
      </c>
      <c r="T21052" s="5" t="s">
        <v>42</v>
      </c>
      <c r="U21052" s="2">
        <v>0.74299999999999999</v>
      </c>
      <c r="V21052" s="2">
        <v>0.60899999999999999</v>
      </c>
      <c r="W21052" s="2">
        <v>3.0000000000000001E-3</v>
      </c>
      <c r="X21052" s="2">
        <v>50.9</v>
      </c>
      <c r="Y21052" s="2">
        <v>7.1</v>
      </c>
      <c r="Z21052" s="2">
        <v>7.4</v>
      </c>
      <c r="AA21052" s="5"/>
      <c r="AB21052" s="5" t="s">
        <v>43</v>
      </c>
      <c r="AC21052" s="5" t="s">
        <v>44</v>
      </c>
      <c r="AD21052" s="2"/>
      <c r="AE21052" s="1"/>
    </row>
    <row r="21053" spans="1:31" ht="14.45">
      <c r="A21053" s="11"/>
      <c r="B21053" s="20"/>
      <c r="C21053" s="2" t="s">
        <v>67988</v>
      </c>
      <c r="D21053" s="14" t="s">
        <v>67989</v>
      </c>
      <c r="E21053" s="2" t="s">
        <v>67990</v>
      </c>
      <c r="F21053" s="2" t="s">
        <v>67981</v>
      </c>
      <c r="G21053" s="8">
        <v>98</v>
      </c>
      <c r="H21053" s="5">
        <v>5</v>
      </c>
      <c r="I21053" s="5" t="s">
        <v>1518</v>
      </c>
      <c r="J21053" s="5" t="s">
        <v>67956</v>
      </c>
      <c r="K21053" s="2" t="s">
        <v>67957</v>
      </c>
      <c r="L21053" s="5" t="s">
        <v>67956</v>
      </c>
      <c r="M21053" s="2" t="s">
        <v>67957</v>
      </c>
      <c r="N21053" s="5" t="s">
        <v>19227</v>
      </c>
      <c r="O21053" s="5" t="s">
        <v>38</v>
      </c>
      <c r="P21053" s="5" t="s">
        <v>39</v>
      </c>
      <c r="Q21053" s="5" t="s">
        <v>40</v>
      </c>
      <c r="R21053" s="5" t="s">
        <v>67958</v>
      </c>
      <c r="S21053" s="5" t="s">
        <v>40</v>
      </c>
      <c r="T21053" s="5" t="s">
        <v>42</v>
      </c>
      <c r="U21053" s="2">
        <v>0.89200000000000002</v>
      </c>
      <c r="V21053" s="2">
        <v>0.73299999999999998</v>
      </c>
      <c r="W21053" s="2">
        <v>3.0000000000000001E-3</v>
      </c>
      <c r="X21053" s="2">
        <v>65.900000000000006</v>
      </c>
      <c r="Y21053" s="2">
        <v>7.1</v>
      </c>
      <c r="Z21053" s="2">
        <v>7.4</v>
      </c>
      <c r="AA21053" s="5"/>
      <c r="AB21053" s="5" t="s">
        <v>43</v>
      </c>
      <c r="AC21053" s="5" t="s">
        <v>44</v>
      </c>
      <c r="AD21053" s="2"/>
      <c r="AE21053" s="1"/>
    </row>
    <row r="21054" spans="1:31" ht="14.45">
      <c r="A21054" s="11"/>
      <c r="B21054" s="20"/>
      <c r="C21054" s="2" t="s">
        <v>67991</v>
      </c>
      <c r="D21054" s="14" t="s">
        <v>67992</v>
      </c>
      <c r="E21054" s="2" t="s">
        <v>67993</v>
      </c>
      <c r="F21054" s="2" t="s">
        <v>67981</v>
      </c>
      <c r="G21054" s="8">
        <v>105</v>
      </c>
      <c r="H21054" s="5">
        <v>5</v>
      </c>
      <c r="I21054" s="5" t="s">
        <v>1518</v>
      </c>
      <c r="J21054" s="5" t="s">
        <v>67956</v>
      </c>
      <c r="K21054" s="2" t="s">
        <v>67957</v>
      </c>
      <c r="L21054" s="5" t="s">
        <v>67956</v>
      </c>
      <c r="M21054" s="2" t="s">
        <v>67957</v>
      </c>
      <c r="N21054" s="5" t="s">
        <v>19227</v>
      </c>
      <c r="O21054" s="5" t="s">
        <v>38</v>
      </c>
      <c r="P21054" s="5" t="s">
        <v>39</v>
      </c>
      <c r="Q21054" s="5" t="s">
        <v>40</v>
      </c>
      <c r="R21054" s="5" t="s">
        <v>67958</v>
      </c>
      <c r="S21054" s="5" t="s">
        <v>40</v>
      </c>
      <c r="T21054" s="5" t="s">
        <v>42</v>
      </c>
      <c r="U21054" s="2">
        <v>1.0820000000000001</v>
      </c>
      <c r="V21054" s="2">
        <v>0.89100000000000001</v>
      </c>
      <c r="W21054" s="2">
        <v>4.0000000000000001E-3</v>
      </c>
      <c r="X21054" s="2">
        <v>72</v>
      </c>
      <c r="Y21054" s="2">
        <v>7.1</v>
      </c>
      <c r="Z21054" s="2">
        <v>7.4</v>
      </c>
      <c r="AA21054" s="5"/>
      <c r="AB21054" s="5" t="s">
        <v>43</v>
      </c>
      <c r="AC21054" s="5" t="s">
        <v>44</v>
      </c>
      <c r="AD21054" s="2"/>
      <c r="AE21054" s="1"/>
    </row>
    <row r="21055" spans="1:31" ht="14.45">
      <c r="A21055" s="11"/>
      <c r="B21055" s="20"/>
      <c r="C21055" s="2" t="s">
        <v>67994</v>
      </c>
      <c r="D21055" s="14" t="s">
        <v>67995</v>
      </c>
      <c r="E21055" s="2" t="s">
        <v>67996</v>
      </c>
      <c r="F21055" s="2" t="s">
        <v>67981</v>
      </c>
      <c r="G21055" s="8">
        <v>133</v>
      </c>
      <c r="H21055" s="5">
        <v>5</v>
      </c>
      <c r="I21055" s="5" t="s">
        <v>1518</v>
      </c>
      <c r="J21055" s="5" t="s">
        <v>67956</v>
      </c>
      <c r="K21055" s="2" t="s">
        <v>67957</v>
      </c>
      <c r="L21055" s="5" t="s">
        <v>67956</v>
      </c>
      <c r="M21055" s="2" t="s">
        <v>67957</v>
      </c>
      <c r="N21055" s="5" t="s">
        <v>19227</v>
      </c>
      <c r="O21055" s="5" t="s">
        <v>38</v>
      </c>
      <c r="P21055" s="5" t="s">
        <v>39</v>
      </c>
      <c r="Q21055" s="5" t="s">
        <v>40</v>
      </c>
      <c r="R21055" s="5" t="s">
        <v>67958</v>
      </c>
      <c r="S21055" s="5" t="s">
        <v>40</v>
      </c>
      <c r="T21055" s="5" t="s">
        <v>42</v>
      </c>
      <c r="U21055" s="2">
        <v>1.115</v>
      </c>
      <c r="V21055" s="2">
        <v>0.92700000000000005</v>
      </c>
      <c r="W21055" s="2">
        <v>4.0000000000000001E-3</v>
      </c>
      <c r="X21055" s="2">
        <v>72</v>
      </c>
      <c r="Y21055" s="2">
        <v>7.1</v>
      </c>
      <c r="Z21055" s="2">
        <v>7.4</v>
      </c>
      <c r="AA21055" s="5"/>
      <c r="AB21055" s="5" t="s">
        <v>43</v>
      </c>
      <c r="AC21055" s="5" t="s">
        <v>44</v>
      </c>
      <c r="AD21055" s="2"/>
      <c r="AE21055" s="1"/>
    </row>
    <row r="21056" spans="1:31" ht="14.45">
      <c r="A21056" s="11"/>
      <c r="B21056" s="20"/>
      <c r="C21056" s="2" t="s">
        <v>67997</v>
      </c>
      <c r="D21056" s="14" t="s">
        <v>67998</v>
      </c>
      <c r="E21056" s="2" t="s">
        <v>67999</v>
      </c>
      <c r="F21056" s="2" t="s">
        <v>67981</v>
      </c>
      <c r="G21056" s="8">
        <v>122</v>
      </c>
      <c r="H21056" s="5">
        <v>5</v>
      </c>
      <c r="I21056" s="5" t="s">
        <v>1518</v>
      </c>
      <c r="J21056" s="5" t="s">
        <v>67956</v>
      </c>
      <c r="K21056" s="2" t="s">
        <v>67957</v>
      </c>
      <c r="L21056" s="5" t="s">
        <v>67956</v>
      </c>
      <c r="M21056" s="2" t="s">
        <v>67957</v>
      </c>
      <c r="N21056" s="5" t="s">
        <v>19227</v>
      </c>
      <c r="O21056" s="5" t="s">
        <v>38</v>
      </c>
      <c r="P21056" s="5" t="s">
        <v>39</v>
      </c>
      <c r="Q21056" s="5" t="s">
        <v>40</v>
      </c>
      <c r="R21056" s="5" t="s">
        <v>67958</v>
      </c>
      <c r="S21056" s="5" t="s">
        <v>40</v>
      </c>
      <c r="T21056" s="5" t="s">
        <v>42</v>
      </c>
      <c r="U21056" s="2">
        <v>1.2509999999999999</v>
      </c>
      <c r="V21056" s="2">
        <v>1.034</v>
      </c>
      <c r="W21056" s="2">
        <v>5.0000000000000001E-3</v>
      </c>
      <c r="X21056" s="2">
        <v>86.3</v>
      </c>
      <c r="Y21056" s="2">
        <v>7.1</v>
      </c>
      <c r="Z21056" s="2">
        <v>7.4</v>
      </c>
      <c r="AA21056" s="5"/>
      <c r="AB21056" s="5" t="s">
        <v>43</v>
      </c>
      <c r="AC21056" s="5" t="s">
        <v>44</v>
      </c>
      <c r="AD21056" s="2"/>
      <c r="AE21056" s="1"/>
    </row>
    <row r="21057" spans="1:31" ht="14.45">
      <c r="A21057" s="11"/>
      <c r="B21057" s="20"/>
      <c r="C21057" s="2" t="s">
        <v>68000</v>
      </c>
      <c r="D21057" s="14" t="s">
        <v>68001</v>
      </c>
      <c r="E21057" s="2" t="s">
        <v>68002</v>
      </c>
      <c r="F21057" s="2" t="s">
        <v>67981</v>
      </c>
      <c r="G21057" s="8">
        <v>134</v>
      </c>
      <c r="H21057" s="5">
        <v>5</v>
      </c>
      <c r="I21057" s="5" t="s">
        <v>1518</v>
      </c>
      <c r="J21057" s="5" t="s">
        <v>67956</v>
      </c>
      <c r="K21057" s="2" t="s">
        <v>67957</v>
      </c>
      <c r="L21057" s="5" t="s">
        <v>67956</v>
      </c>
      <c r="M21057" s="2" t="s">
        <v>67957</v>
      </c>
      <c r="N21057" s="5" t="s">
        <v>19227</v>
      </c>
      <c r="O21057" s="5" t="s">
        <v>38</v>
      </c>
      <c r="P21057" s="5" t="s">
        <v>39</v>
      </c>
      <c r="Q21057" s="5" t="s">
        <v>40</v>
      </c>
      <c r="R21057" s="5" t="s">
        <v>67958</v>
      </c>
      <c r="S21057" s="5" t="s">
        <v>40</v>
      </c>
      <c r="T21057" s="5" t="s">
        <v>42</v>
      </c>
      <c r="U21057" s="2">
        <v>1.4510000000000001</v>
      </c>
      <c r="V21057" s="2">
        <v>1.24</v>
      </c>
      <c r="W21057" s="2">
        <v>6.0000000000000001E-3</v>
      </c>
      <c r="X21057" s="2">
        <v>106.9</v>
      </c>
      <c r="Y21057" s="2">
        <v>7.1</v>
      </c>
      <c r="Z21057" s="2">
        <v>7.4</v>
      </c>
      <c r="AA21057" s="5"/>
      <c r="AB21057" s="5" t="s">
        <v>43</v>
      </c>
      <c r="AC21057" s="5" t="s">
        <v>44</v>
      </c>
      <c r="AD21057" s="2"/>
      <c r="AE21057" s="1"/>
    </row>
    <row r="21058" spans="1:31" ht="14.45">
      <c r="A21058" s="11"/>
      <c r="B21058" s="20"/>
      <c r="C21058" s="2" t="s">
        <v>68003</v>
      </c>
      <c r="D21058" s="14" t="s">
        <v>68004</v>
      </c>
      <c r="E21058" s="2" t="s">
        <v>68005</v>
      </c>
      <c r="F21058" s="2" t="s">
        <v>67981</v>
      </c>
      <c r="G21058" s="8">
        <v>139</v>
      </c>
      <c r="H21058" s="5">
        <v>5</v>
      </c>
      <c r="I21058" s="5" t="s">
        <v>1518</v>
      </c>
      <c r="J21058" s="5" t="s">
        <v>67956</v>
      </c>
      <c r="K21058" s="2" t="s">
        <v>67957</v>
      </c>
      <c r="L21058" s="5" t="s">
        <v>67956</v>
      </c>
      <c r="M21058" s="2" t="s">
        <v>67957</v>
      </c>
      <c r="N21058" s="5" t="s">
        <v>19227</v>
      </c>
      <c r="O21058" s="5" t="s">
        <v>38</v>
      </c>
      <c r="P21058" s="5" t="s">
        <v>39</v>
      </c>
      <c r="Q21058" s="5" t="s">
        <v>40</v>
      </c>
      <c r="R21058" s="5" t="s">
        <v>67958</v>
      </c>
      <c r="S21058" s="5" t="s">
        <v>40</v>
      </c>
      <c r="T21058" s="5" t="s">
        <v>42</v>
      </c>
      <c r="U21058" s="2">
        <v>1.6719999999999999</v>
      </c>
      <c r="V21058" s="2">
        <v>1.419</v>
      </c>
      <c r="W21058" s="2">
        <v>0.01</v>
      </c>
      <c r="X21058" s="2">
        <v>126.9</v>
      </c>
      <c r="Y21058" s="2">
        <v>7.1</v>
      </c>
      <c r="Z21058" s="2">
        <v>7.4</v>
      </c>
      <c r="AA21058" s="5"/>
      <c r="AB21058" s="5" t="s">
        <v>43</v>
      </c>
      <c r="AC21058" s="5" t="s">
        <v>44</v>
      </c>
      <c r="AD21058" s="2"/>
      <c r="AE21058" s="1"/>
    </row>
    <row r="21059" spans="1:31" ht="14.45">
      <c r="A21059" s="11"/>
      <c r="B21059" s="20"/>
      <c r="C21059" s="2" t="s">
        <v>68006</v>
      </c>
      <c r="D21059" s="14" t="s">
        <v>68007</v>
      </c>
      <c r="E21059" s="2" t="s">
        <v>68008</v>
      </c>
      <c r="F21059" s="2" t="s">
        <v>67981</v>
      </c>
      <c r="G21059" s="8">
        <v>98</v>
      </c>
      <c r="H21059" s="5">
        <v>5</v>
      </c>
      <c r="I21059" s="5" t="s">
        <v>1518</v>
      </c>
      <c r="J21059" s="5" t="s">
        <v>67956</v>
      </c>
      <c r="K21059" s="2" t="s">
        <v>67957</v>
      </c>
      <c r="L21059" s="5" t="s">
        <v>67956</v>
      </c>
      <c r="M21059" s="2" t="s">
        <v>67957</v>
      </c>
      <c r="N21059" s="5" t="s">
        <v>19227</v>
      </c>
      <c r="O21059" s="5" t="s">
        <v>38</v>
      </c>
      <c r="P21059" s="5" t="s">
        <v>39</v>
      </c>
      <c r="Q21059" s="5" t="s">
        <v>40</v>
      </c>
      <c r="R21059" s="5" t="s">
        <v>67958</v>
      </c>
      <c r="S21059" s="5" t="s">
        <v>40</v>
      </c>
      <c r="T21059" s="5" t="s">
        <v>42</v>
      </c>
      <c r="U21059" s="2">
        <v>0.76700000000000002</v>
      </c>
      <c r="V21059" s="2">
        <v>0.60499999999999998</v>
      </c>
      <c r="W21059" s="2">
        <v>3.0000000000000001E-3</v>
      </c>
      <c r="X21059" s="2">
        <v>63.7</v>
      </c>
      <c r="Y21059" s="2">
        <v>7.1</v>
      </c>
      <c r="Z21059" s="2">
        <v>7.4</v>
      </c>
      <c r="AA21059" s="5"/>
      <c r="AB21059" s="5" t="s">
        <v>43</v>
      </c>
      <c r="AC21059" s="5" t="s">
        <v>44</v>
      </c>
      <c r="AD21059" s="2"/>
      <c r="AE21059" s="1"/>
    </row>
    <row r="21060" spans="1:31" ht="14.45">
      <c r="A21060" s="11"/>
      <c r="B21060" s="20"/>
      <c r="C21060" s="2" t="s">
        <v>68009</v>
      </c>
      <c r="D21060" s="14" t="s">
        <v>68010</v>
      </c>
      <c r="E21060" s="2" t="s">
        <v>68011</v>
      </c>
      <c r="F21060" s="2" t="s">
        <v>67981</v>
      </c>
      <c r="G21060" s="8">
        <v>105</v>
      </c>
      <c r="H21060" s="5">
        <v>5</v>
      </c>
      <c r="I21060" s="5" t="s">
        <v>1518</v>
      </c>
      <c r="J21060" s="5" t="s">
        <v>67956</v>
      </c>
      <c r="K21060" s="2" t="s">
        <v>67957</v>
      </c>
      <c r="L21060" s="5" t="s">
        <v>67956</v>
      </c>
      <c r="M21060" s="2" t="s">
        <v>67957</v>
      </c>
      <c r="N21060" s="5" t="s">
        <v>19227</v>
      </c>
      <c r="O21060" s="5" t="s">
        <v>38</v>
      </c>
      <c r="P21060" s="5" t="s">
        <v>39</v>
      </c>
      <c r="Q21060" s="5" t="s">
        <v>40</v>
      </c>
      <c r="R21060" s="5" t="s">
        <v>67958</v>
      </c>
      <c r="S21060" s="5" t="s">
        <v>40</v>
      </c>
      <c r="T21060" s="5" t="s">
        <v>42</v>
      </c>
      <c r="U21060" s="2">
        <v>0.91700000000000004</v>
      </c>
      <c r="V21060" s="2">
        <v>0.72399999999999998</v>
      </c>
      <c r="W21060" s="2">
        <v>4.0000000000000001E-3</v>
      </c>
      <c r="X21060" s="2">
        <v>72</v>
      </c>
      <c r="Y21060" s="2">
        <v>7.1</v>
      </c>
      <c r="Z21060" s="2">
        <v>7.4</v>
      </c>
      <c r="AA21060" s="5"/>
      <c r="AB21060" s="5" t="s">
        <v>43</v>
      </c>
      <c r="AC21060" s="5" t="s">
        <v>44</v>
      </c>
      <c r="AD21060" s="2"/>
      <c r="AE21060" s="1"/>
    </row>
    <row r="21061" spans="1:31" ht="14.45">
      <c r="A21061" s="11"/>
      <c r="B21061" s="20"/>
      <c r="C21061" s="2" t="s">
        <v>68012</v>
      </c>
      <c r="D21061" s="14" t="s">
        <v>68013</v>
      </c>
      <c r="E21061" s="2" t="s">
        <v>68014</v>
      </c>
      <c r="F21061" s="2" t="s">
        <v>67981</v>
      </c>
      <c r="G21061" s="8">
        <v>122</v>
      </c>
      <c r="H21061" s="5">
        <v>6</v>
      </c>
      <c r="I21061" s="5" t="s">
        <v>1518</v>
      </c>
      <c r="J21061" s="5" t="s">
        <v>67956</v>
      </c>
      <c r="K21061" s="2" t="s">
        <v>67957</v>
      </c>
      <c r="L21061" s="5" t="s">
        <v>67956</v>
      </c>
      <c r="M21061" s="2" t="s">
        <v>67957</v>
      </c>
      <c r="N21061" s="5" t="s">
        <v>19227</v>
      </c>
      <c r="O21061" s="5" t="s">
        <v>38</v>
      </c>
      <c r="P21061" s="5" t="s">
        <v>39</v>
      </c>
      <c r="Q21061" s="5" t="s">
        <v>40</v>
      </c>
      <c r="R21061" s="5" t="s">
        <v>67958</v>
      </c>
      <c r="S21061" s="5" t="s">
        <v>40</v>
      </c>
      <c r="T21061" s="5" t="s">
        <v>42</v>
      </c>
      <c r="U21061" s="2">
        <v>1.1479999999999999</v>
      </c>
      <c r="V21061" s="2">
        <v>0.93200000000000005</v>
      </c>
      <c r="W21061" s="2">
        <v>5.0000000000000001E-3</v>
      </c>
      <c r="X21061" s="2">
        <v>86.3</v>
      </c>
      <c r="Y21061" s="2">
        <v>7.1</v>
      </c>
      <c r="Z21061" s="2">
        <v>7.4</v>
      </c>
      <c r="AA21061" s="5"/>
      <c r="AB21061" s="5" t="s">
        <v>43</v>
      </c>
      <c r="AC21061" s="5" t="s">
        <v>44</v>
      </c>
      <c r="AD21061" s="2"/>
      <c r="AE21061" s="1"/>
    </row>
    <row r="21062" spans="1:31" ht="14.45">
      <c r="A21062" s="11"/>
      <c r="B21062" s="20"/>
      <c r="C21062" s="2" t="s">
        <v>68015</v>
      </c>
      <c r="D21062" s="14" t="s">
        <v>68016</v>
      </c>
      <c r="E21062" s="2" t="s">
        <v>68017</v>
      </c>
      <c r="F21062" s="2" t="s">
        <v>67981</v>
      </c>
      <c r="G21062" s="8">
        <v>134</v>
      </c>
      <c r="H21062" s="5">
        <v>5</v>
      </c>
      <c r="I21062" s="5" t="s">
        <v>1518</v>
      </c>
      <c r="J21062" s="5" t="s">
        <v>67956</v>
      </c>
      <c r="K21062" s="2" t="s">
        <v>67957</v>
      </c>
      <c r="L21062" s="5" t="s">
        <v>67956</v>
      </c>
      <c r="M21062" s="2" t="s">
        <v>67957</v>
      </c>
      <c r="N21062" s="5" t="s">
        <v>19227</v>
      </c>
      <c r="O21062" s="5" t="s">
        <v>38</v>
      </c>
      <c r="P21062" s="5" t="s">
        <v>39</v>
      </c>
      <c r="Q21062" s="5" t="s">
        <v>40</v>
      </c>
      <c r="R21062" s="5" t="s">
        <v>67958</v>
      </c>
      <c r="S21062" s="5" t="s">
        <v>40</v>
      </c>
      <c r="T21062" s="5" t="s">
        <v>42</v>
      </c>
      <c r="U21062" s="2">
        <v>1.3360000000000001</v>
      </c>
      <c r="V21062" s="2">
        <v>1.1259999999999999</v>
      </c>
      <c r="W21062" s="2">
        <v>6.0000000000000001E-3</v>
      </c>
      <c r="X21062" s="2">
        <v>106.9</v>
      </c>
      <c r="Y21062" s="2">
        <v>7.1</v>
      </c>
      <c r="Z21062" s="2">
        <v>7.4</v>
      </c>
      <c r="AA21062" s="5"/>
      <c r="AB21062" s="5" t="s">
        <v>43</v>
      </c>
      <c r="AC21062" s="5" t="s">
        <v>44</v>
      </c>
      <c r="AD21062" s="2"/>
      <c r="AE21062" s="1"/>
    </row>
    <row r="21063" spans="1:31" ht="14.45">
      <c r="A21063" s="11"/>
      <c r="B21063" s="20"/>
      <c r="C21063" s="2" t="s">
        <v>68018</v>
      </c>
      <c r="D21063" s="14" t="s">
        <v>68019</v>
      </c>
      <c r="E21063" s="2" t="s">
        <v>68020</v>
      </c>
      <c r="F21063" s="2" t="s">
        <v>67981</v>
      </c>
      <c r="G21063" s="8">
        <v>139</v>
      </c>
      <c r="H21063" s="5">
        <v>6</v>
      </c>
      <c r="I21063" s="5" t="s">
        <v>1518</v>
      </c>
      <c r="J21063" s="5" t="s">
        <v>67956</v>
      </c>
      <c r="K21063" s="2" t="s">
        <v>67957</v>
      </c>
      <c r="L21063" s="5" t="s">
        <v>67956</v>
      </c>
      <c r="M21063" s="2" t="s">
        <v>67957</v>
      </c>
      <c r="N21063" s="5" t="s">
        <v>19227</v>
      </c>
      <c r="O21063" s="5" t="s">
        <v>38</v>
      </c>
      <c r="P21063" s="5" t="s">
        <v>39</v>
      </c>
      <c r="Q21063" s="5" t="s">
        <v>40</v>
      </c>
      <c r="R21063" s="5" t="s">
        <v>67958</v>
      </c>
      <c r="S21063" s="5" t="s">
        <v>40</v>
      </c>
      <c r="T21063" s="5" t="s">
        <v>42</v>
      </c>
      <c r="U21063" s="2">
        <v>1.5740000000000001</v>
      </c>
      <c r="V21063" s="2">
        <v>1.32</v>
      </c>
      <c r="W21063" s="2">
        <v>7.0000000000000001E-3</v>
      </c>
      <c r="X21063" s="2">
        <v>126.9</v>
      </c>
      <c r="Y21063" s="2">
        <v>7.1</v>
      </c>
      <c r="Z21063" s="2">
        <v>7.4</v>
      </c>
      <c r="AA21063" s="5"/>
      <c r="AB21063" s="5" t="s">
        <v>43</v>
      </c>
      <c r="AC21063" s="5" t="s">
        <v>44</v>
      </c>
      <c r="AD21063" s="2"/>
      <c r="AE21063" s="1"/>
    </row>
    <row r="21064" spans="1:31" ht="14.45">
      <c r="A21064" s="11"/>
      <c r="B21064" s="20"/>
      <c r="C21064" s="2" t="s">
        <v>68021</v>
      </c>
      <c r="D21064" s="14" t="s">
        <v>68022</v>
      </c>
      <c r="E21064" s="2" t="s">
        <v>68023</v>
      </c>
      <c r="F21064" s="2" t="s">
        <v>1531</v>
      </c>
      <c r="G21064" s="8">
        <v>131</v>
      </c>
      <c r="H21064" s="5">
        <v>6</v>
      </c>
      <c r="I21064" s="5" t="s">
        <v>1518</v>
      </c>
      <c r="J21064" s="5" t="s">
        <v>67956</v>
      </c>
      <c r="K21064" s="2" t="s">
        <v>67957</v>
      </c>
      <c r="L21064" s="5" t="s">
        <v>67956</v>
      </c>
      <c r="M21064" s="2" t="s">
        <v>67957</v>
      </c>
      <c r="N21064" s="5" t="s">
        <v>19227</v>
      </c>
      <c r="O21064" s="5" t="s">
        <v>38</v>
      </c>
      <c r="P21064" s="5" t="s">
        <v>39</v>
      </c>
      <c r="Q21064" s="5" t="s">
        <v>40</v>
      </c>
      <c r="R21064" s="5" t="s">
        <v>67958</v>
      </c>
      <c r="S21064" s="5" t="s">
        <v>40</v>
      </c>
      <c r="T21064" s="5" t="s">
        <v>42</v>
      </c>
      <c r="U21064" s="2">
        <v>1.6120000000000001</v>
      </c>
      <c r="V21064" s="2">
        <v>1.3819999999999999</v>
      </c>
      <c r="W21064" s="2">
        <v>5.0000000000000001E-3</v>
      </c>
      <c r="X21064" s="2">
        <v>86.3</v>
      </c>
      <c r="Y21064" s="2">
        <v>7.1</v>
      </c>
      <c r="Z21064" s="2">
        <v>7.4</v>
      </c>
      <c r="AA21064" s="5"/>
      <c r="AB21064" s="5" t="s">
        <v>43</v>
      </c>
      <c r="AC21064" s="5" t="s">
        <v>44</v>
      </c>
      <c r="AD21064" s="2"/>
      <c r="AE21064" s="1"/>
    </row>
    <row r="21065" spans="1:31" ht="14.45">
      <c r="A21065" s="11"/>
      <c r="B21065" s="20"/>
      <c r="C21065" s="2" t="s">
        <v>68024</v>
      </c>
      <c r="D21065" s="14" t="s">
        <v>68025</v>
      </c>
      <c r="E21065" s="2" t="s">
        <v>68026</v>
      </c>
      <c r="F21065" s="2" t="s">
        <v>1531</v>
      </c>
      <c r="G21065" s="8">
        <v>153</v>
      </c>
      <c r="H21065" s="5">
        <v>6</v>
      </c>
      <c r="I21065" s="5" t="s">
        <v>1518</v>
      </c>
      <c r="J21065" s="5" t="s">
        <v>67956</v>
      </c>
      <c r="K21065" s="2" t="s">
        <v>67957</v>
      </c>
      <c r="L21065" s="5" t="s">
        <v>67956</v>
      </c>
      <c r="M21065" s="2" t="s">
        <v>67957</v>
      </c>
      <c r="N21065" s="5" t="s">
        <v>19227</v>
      </c>
      <c r="O21065" s="5" t="s">
        <v>38</v>
      </c>
      <c r="P21065" s="5" t="s">
        <v>39</v>
      </c>
      <c r="Q21065" s="5" t="s">
        <v>40</v>
      </c>
      <c r="R21065" s="5" t="s">
        <v>67958</v>
      </c>
      <c r="S21065" s="5" t="s">
        <v>40</v>
      </c>
      <c r="T21065" s="5" t="s">
        <v>42</v>
      </c>
      <c r="U21065" s="2">
        <v>1.839</v>
      </c>
      <c r="V21065" s="2">
        <v>1.613</v>
      </c>
      <c r="W21065" s="2">
        <v>6.0000000000000001E-3</v>
      </c>
      <c r="X21065" s="2">
        <v>106.9</v>
      </c>
      <c r="Y21065" s="2">
        <v>7.1</v>
      </c>
      <c r="Z21065" s="2">
        <v>7.4</v>
      </c>
      <c r="AA21065" s="5"/>
      <c r="AB21065" s="5" t="s">
        <v>43</v>
      </c>
      <c r="AC21065" s="5" t="s">
        <v>44</v>
      </c>
      <c r="AD21065" s="2"/>
      <c r="AE21065" s="1"/>
    </row>
    <row r="21066" spans="1:31" ht="14.45">
      <c r="A21066" s="11"/>
      <c r="B21066" s="20"/>
      <c r="C21066" s="2" t="s">
        <v>68027</v>
      </c>
      <c r="D21066" s="14" t="s">
        <v>68028</v>
      </c>
      <c r="E21066" s="2" t="s">
        <v>68029</v>
      </c>
      <c r="F21066" s="2" t="s">
        <v>1531</v>
      </c>
      <c r="G21066" s="8">
        <v>168</v>
      </c>
      <c r="H21066" s="5">
        <v>6</v>
      </c>
      <c r="I21066" s="5" t="s">
        <v>1518</v>
      </c>
      <c r="J21066" s="5" t="s">
        <v>67956</v>
      </c>
      <c r="K21066" s="2" t="s">
        <v>67957</v>
      </c>
      <c r="L21066" s="5" t="s">
        <v>67956</v>
      </c>
      <c r="M21066" s="2" t="s">
        <v>67957</v>
      </c>
      <c r="N21066" s="5" t="s">
        <v>19227</v>
      </c>
      <c r="O21066" s="5" t="s">
        <v>38</v>
      </c>
      <c r="P21066" s="5" t="s">
        <v>39</v>
      </c>
      <c r="Q21066" s="5" t="s">
        <v>40</v>
      </c>
      <c r="R21066" s="5" t="s">
        <v>67958</v>
      </c>
      <c r="S21066" s="5" t="s">
        <v>40</v>
      </c>
      <c r="T21066" s="5" t="s">
        <v>42</v>
      </c>
      <c r="U21066" s="2">
        <v>2.1619999999999999</v>
      </c>
      <c r="V21066" s="2">
        <v>1.8959999999999999</v>
      </c>
      <c r="W21066" s="2">
        <v>7.0000000000000001E-3</v>
      </c>
      <c r="X21066" s="2">
        <v>126.9</v>
      </c>
      <c r="Y21066" s="2">
        <v>7.1</v>
      </c>
      <c r="Z21066" s="2">
        <v>7.4</v>
      </c>
      <c r="AA21066" s="5"/>
      <c r="AB21066" s="5" t="s">
        <v>43</v>
      </c>
      <c r="AC21066" s="5" t="s">
        <v>44</v>
      </c>
      <c r="AD21066" s="2"/>
      <c r="AE21066" s="1"/>
    </row>
    <row r="21067" spans="1:31" ht="14.45">
      <c r="A21067" s="11"/>
      <c r="B21067" s="20"/>
      <c r="C21067" s="2" t="s">
        <v>68030</v>
      </c>
      <c r="D21067" s="14" t="s">
        <v>68031</v>
      </c>
      <c r="E21067" s="2" t="s">
        <v>68032</v>
      </c>
      <c r="F21067" s="2" t="s">
        <v>67981</v>
      </c>
      <c r="G21067" s="8">
        <v>174</v>
      </c>
      <c r="H21067" s="5">
        <v>6</v>
      </c>
      <c r="I21067" s="5" t="s">
        <v>1518</v>
      </c>
      <c r="J21067" s="5" t="s">
        <v>67956</v>
      </c>
      <c r="K21067" s="2" t="s">
        <v>67957</v>
      </c>
      <c r="L21067" s="5" t="s">
        <v>67956</v>
      </c>
      <c r="M21067" s="2" t="s">
        <v>67957</v>
      </c>
      <c r="N21067" s="5" t="s">
        <v>19227</v>
      </c>
      <c r="O21067" s="5" t="s">
        <v>38</v>
      </c>
      <c r="P21067" s="5" t="s">
        <v>39</v>
      </c>
      <c r="Q21067" s="5" t="s">
        <v>40</v>
      </c>
      <c r="R21067" s="5" t="s">
        <v>67958</v>
      </c>
      <c r="S21067" s="5" t="s">
        <v>40</v>
      </c>
      <c r="T21067" s="5" t="s">
        <v>42</v>
      </c>
      <c r="U21067" s="2">
        <v>2.4729999999999999</v>
      </c>
      <c r="V21067" s="2">
        <v>2.1829999999999998</v>
      </c>
      <c r="W21067" s="2">
        <v>7.0000000000000001E-3</v>
      </c>
      <c r="X21067" s="2">
        <v>142.30000000000001</v>
      </c>
      <c r="Y21067" s="2">
        <v>7.1</v>
      </c>
      <c r="Z21067" s="2">
        <v>7.4</v>
      </c>
      <c r="AA21067" s="5"/>
      <c r="AB21067" s="5" t="s">
        <v>43</v>
      </c>
      <c r="AC21067" s="5" t="s">
        <v>44</v>
      </c>
      <c r="AD21067" s="2"/>
      <c r="AE21067" s="1"/>
    </row>
    <row r="21068" spans="1:31" ht="14.45">
      <c r="A21068" s="11"/>
      <c r="B21068" s="20"/>
      <c r="C21068" s="2" t="s">
        <v>68033</v>
      </c>
      <c r="D21068" s="14" t="s">
        <v>68034</v>
      </c>
      <c r="E21068" s="2" t="s">
        <v>68035</v>
      </c>
      <c r="F21068" s="2" t="s">
        <v>1531</v>
      </c>
      <c r="G21068" s="8">
        <v>279</v>
      </c>
      <c r="H21068" s="5">
        <v>5</v>
      </c>
      <c r="I21068" s="5" t="s">
        <v>1518</v>
      </c>
      <c r="J21068" s="5" t="s">
        <v>67956</v>
      </c>
      <c r="K21068" s="2" t="s">
        <v>67957</v>
      </c>
      <c r="L21068" s="5" t="s">
        <v>67956</v>
      </c>
      <c r="M21068" s="2" t="s">
        <v>67957</v>
      </c>
      <c r="N21068" s="5" t="s">
        <v>19227</v>
      </c>
      <c r="O21068" s="5" t="s">
        <v>38</v>
      </c>
      <c r="P21068" s="5" t="s">
        <v>39</v>
      </c>
      <c r="Q21068" s="5" t="s">
        <v>40</v>
      </c>
      <c r="R21068" s="5" t="s">
        <v>67958</v>
      </c>
      <c r="S21068" s="5" t="s">
        <v>40</v>
      </c>
      <c r="T21068" s="5" t="s">
        <v>42</v>
      </c>
      <c r="U21068" s="2">
        <v>6.6550000000000002</v>
      </c>
      <c r="V21068" s="2">
        <v>4.8949999999999996</v>
      </c>
      <c r="W21068" s="2">
        <v>7.8E-2</v>
      </c>
      <c r="X21068" s="2">
        <v>125</v>
      </c>
      <c r="Y21068" s="2">
        <v>26.5</v>
      </c>
      <c r="Z21068" s="2">
        <v>23.5</v>
      </c>
      <c r="AA21068" s="5">
        <v>16</v>
      </c>
      <c r="AB21068" s="5" t="s">
        <v>43</v>
      </c>
      <c r="AC21068" s="5" t="s">
        <v>44</v>
      </c>
      <c r="AD21068" s="2" t="s">
        <v>68036</v>
      </c>
      <c r="AE21068" s="1"/>
    </row>
    <row r="21069" spans="1:31" ht="14.45">
      <c r="A21069" s="11"/>
      <c r="B21069" s="20"/>
      <c r="C21069" s="2" t="s">
        <v>68037</v>
      </c>
      <c r="D21069" s="14" t="s">
        <v>68038</v>
      </c>
      <c r="E21069" s="2" t="s">
        <v>68039</v>
      </c>
      <c r="F21069" s="2" t="s">
        <v>1531</v>
      </c>
      <c r="G21069" s="8">
        <v>292</v>
      </c>
      <c r="H21069" s="5">
        <v>5</v>
      </c>
      <c r="I21069" s="5" t="s">
        <v>1518</v>
      </c>
      <c r="J21069" s="5" t="s">
        <v>67956</v>
      </c>
      <c r="K21069" s="2" t="s">
        <v>67957</v>
      </c>
      <c r="L21069" s="5" t="s">
        <v>67956</v>
      </c>
      <c r="M21069" s="2" t="s">
        <v>67957</v>
      </c>
      <c r="N21069" s="5" t="s">
        <v>19227</v>
      </c>
      <c r="O21069" s="5" t="s">
        <v>38</v>
      </c>
      <c r="P21069" s="5" t="s">
        <v>39</v>
      </c>
      <c r="Q21069" s="5" t="s">
        <v>40</v>
      </c>
      <c r="R21069" s="5" t="s">
        <v>67958</v>
      </c>
      <c r="S21069" s="5" t="s">
        <v>40</v>
      </c>
      <c r="T21069" s="5" t="s">
        <v>42</v>
      </c>
      <c r="U21069" s="2">
        <v>7.2709999999999999</v>
      </c>
      <c r="V21069" s="2">
        <v>5.4850000000000003</v>
      </c>
      <c r="W21069" s="2">
        <v>7.8E-2</v>
      </c>
      <c r="X21069" s="2">
        <v>125</v>
      </c>
      <c r="Y21069" s="2">
        <v>26.5</v>
      </c>
      <c r="Z21069" s="2">
        <v>23.5</v>
      </c>
      <c r="AA21069" s="5">
        <v>16</v>
      </c>
      <c r="AB21069" s="5" t="s">
        <v>43</v>
      </c>
      <c r="AC21069" s="5" t="s">
        <v>44</v>
      </c>
      <c r="AD21069" s="2" t="s">
        <v>68036</v>
      </c>
      <c r="AE21069" s="1"/>
    </row>
    <row r="21070" spans="1:31" ht="14.45">
      <c r="A21070" s="11"/>
      <c r="B21070" s="20"/>
      <c r="C21070" s="2" t="s">
        <v>68040</v>
      </c>
      <c r="D21070" s="14" t="s">
        <v>68041</v>
      </c>
      <c r="E21070" s="2" t="s">
        <v>68042</v>
      </c>
      <c r="F21070" s="2" t="s">
        <v>1531</v>
      </c>
      <c r="G21070" s="8">
        <v>303</v>
      </c>
      <c r="H21070" s="5">
        <v>7</v>
      </c>
      <c r="I21070" s="5" t="s">
        <v>1518</v>
      </c>
      <c r="J21070" s="5" t="s">
        <v>67956</v>
      </c>
      <c r="K21070" s="2" t="s">
        <v>67957</v>
      </c>
      <c r="L21070" s="5" t="s">
        <v>67956</v>
      </c>
      <c r="M21070" s="2" t="s">
        <v>67957</v>
      </c>
      <c r="N21070" s="5" t="s">
        <v>19227</v>
      </c>
      <c r="O21070" s="5" t="s">
        <v>38</v>
      </c>
      <c r="P21070" s="5" t="s">
        <v>39</v>
      </c>
      <c r="Q21070" s="5" t="s">
        <v>40</v>
      </c>
      <c r="R21070" s="5" t="s">
        <v>67958</v>
      </c>
      <c r="S21070" s="5" t="s">
        <v>40</v>
      </c>
      <c r="T21070" s="5" t="s">
        <v>42</v>
      </c>
      <c r="U21070" s="2">
        <v>8.0559999999999992</v>
      </c>
      <c r="V21070" s="2">
        <v>6.0679999999999996</v>
      </c>
      <c r="W21070" s="2">
        <v>0.09</v>
      </c>
      <c r="X21070" s="2">
        <v>145</v>
      </c>
      <c r="Y21070" s="2">
        <v>26.5</v>
      </c>
      <c r="Z21070" s="2">
        <v>23.5</v>
      </c>
      <c r="AA21070" s="5">
        <v>16</v>
      </c>
      <c r="AB21070" s="5" t="s">
        <v>43</v>
      </c>
      <c r="AC21070" s="5" t="s">
        <v>44</v>
      </c>
      <c r="AD21070" s="2" t="s">
        <v>68036</v>
      </c>
      <c r="AE21070" s="1"/>
    </row>
    <row r="21071" spans="1:31" ht="14.45">
      <c r="A21071" s="11"/>
      <c r="B21071" s="20"/>
      <c r="C21071" s="2" t="s">
        <v>68043</v>
      </c>
      <c r="D21071" s="14" t="s">
        <v>68044</v>
      </c>
      <c r="E21071" s="2" t="s">
        <v>68045</v>
      </c>
      <c r="F21071" s="2" t="s">
        <v>1531</v>
      </c>
      <c r="G21071" s="8">
        <v>309</v>
      </c>
      <c r="H21071" s="5">
        <v>7</v>
      </c>
      <c r="I21071" s="5" t="s">
        <v>1518</v>
      </c>
      <c r="J21071" s="5" t="s">
        <v>67956</v>
      </c>
      <c r="K21071" s="2" t="s">
        <v>67957</v>
      </c>
      <c r="L21071" s="5" t="s">
        <v>67956</v>
      </c>
      <c r="M21071" s="2" t="s">
        <v>67957</v>
      </c>
      <c r="N21071" s="5" t="s">
        <v>19227</v>
      </c>
      <c r="O21071" s="5" t="s">
        <v>38</v>
      </c>
      <c r="P21071" s="5" t="s">
        <v>39</v>
      </c>
      <c r="Q21071" s="5" t="s">
        <v>40</v>
      </c>
      <c r="R21071" s="5" t="s">
        <v>67958</v>
      </c>
      <c r="S21071" s="5" t="s">
        <v>40</v>
      </c>
      <c r="T21071" s="5" t="s">
        <v>42</v>
      </c>
      <c r="U21071" s="2">
        <v>7.6109999999999998</v>
      </c>
      <c r="V21071" s="2">
        <v>5.8250000000000002</v>
      </c>
      <c r="W21071" s="2">
        <v>7.8E-2</v>
      </c>
      <c r="X21071" s="2">
        <v>125</v>
      </c>
      <c r="Y21071" s="2">
        <v>26.5</v>
      </c>
      <c r="Z21071" s="2">
        <v>23.5</v>
      </c>
      <c r="AA21071" s="5">
        <v>16</v>
      </c>
      <c r="AB21071" s="5" t="s">
        <v>43</v>
      </c>
      <c r="AC21071" s="5" t="s">
        <v>44</v>
      </c>
      <c r="AD21071" s="2" t="s">
        <v>68036</v>
      </c>
      <c r="AE21071" s="1"/>
    </row>
    <row r="21072" spans="1:31" ht="14.45">
      <c r="A21072" s="11"/>
      <c r="B21072" s="20"/>
      <c r="C21072" s="2" t="s">
        <v>68046</v>
      </c>
      <c r="D21072" s="14" t="s">
        <v>68047</v>
      </c>
      <c r="E21072" s="2" t="s">
        <v>68048</v>
      </c>
      <c r="F21072" s="2" t="s">
        <v>1531</v>
      </c>
      <c r="G21072" s="8">
        <v>326</v>
      </c>
      <c r="H21072" s="5">
        <v>5</v>
      </c>
      <c r="I21072" s="5" t="s">
        <v>1518</v>
      </c>
      <c r="J21072" s="5" t="s">
        <v>67956</v>
      </c>
      <c r="K21072" s="2" t="s">
        <v>67957</v>
      </c>
      <c r="L21072" s="5" t="s">
        <v>67956</v>
      </c>
      <c r="M21072" s="2" t="s">
        <v>67957</v>
      </c>
      <c r="N21072" s="5" t="s">
        <v>19227</v>
      </c>
      <c r="O21072" s="5" t="s">
        <v>38</v>
      </c>
      <c r="P21072" s="5" t="s">
        <v>39</v>
      </c>
      <c r="Q21072" s="5" t="s">
        <v>40</v>
      </c>
      <c r="R21072" s="5" t="s">
        <v>67958</v>
      </c>
      <c r="S21072" s="5" t="s">
        <v>40</v>
      </c>
      <c r="T21072" s="5" t="s">
        <v>42</v>
      </c>
      <c r="U21072" s="2">
        <v>8.4049999999999994</v>
      </c>
      <c r="V21072" s="2">
        <v>6.4169999999999998</v>
      </c>
      <c r="W21072" s="2">
        <v>0.09</v>
      </c>
      <c r="X21072" s="2">
        <v>145</v>
      </c>
      <c r="Y21072" s="2">
        <v>26.5</v>
      </c>
      <c r="Z21072" s="2">
        <v>23.5</v>
      </c>
      <c r="AA21072" s="5">
        <v>16</v>
      </c>
      <c r="AB21072" s="5" t="s">
        <v>43</v>
      </c>
      <c r="AC21072" s="5" t="s">
        <v>44</v>
      </c>
      <c r="AD21072" s="2" t="s">
        <v>68036</v>
      </c>
      <c r="AE21072" s="1"/>
    </row>
    <row r="21073" spans="1:31" ht="14.45">
      <c r="A21073" s="11"/>
      <c r="B21073" s="20"/>
      <c r="C21073" s="2" t="s">
        <v>68049</v>
      </c>
      <c r="D21073" s="14" t="s">
        <v>68050</v>
      </c>
      <c r="E21073" s="2" t="s">
        <v>68051</v>
      </c>
      <c r="F21073" s="2" t="s">
        <v>1531</v>
      </c>
      <c r="G21073" s="8">
        <v>330</v>
      </c>
      <c r="H21073" s="5">
        <v>5</v>
      </c>
      <c r="I21073" s="5" t="s">
        <v>1518</v>
      </c>
      <c r="J21073" s="5" t="s">
        <v>67956</v>
      </c>
      <c r="K21073" s="2" t="s">
        <v>67957</v>
      </c>
      <c r="L21073" s="5" t="s">
        <v>67956</v>
      </c>
      <c r="M21073" s="2" t="s">
        <v>67957</v>
      </c>
      <c r="N21073" s="5" t="s">
        <v>19227</v>
      </c>
      <c r="O21073" s="5" t="s">
        <v>38</v>
      </c>
      <c r="P21073" s="5" t="s">
        <v>39</v>
      </c>
      <c r="Q21073" s="5" t="s">
        <v>40</v>
      </c>
      <c r="R21073" s="5" t="s">
        <v>67958</v>
      </c>
      <c r="S21073" s="5" t="s">
        <v>40</v>
      </c>
      <c r="T21073" s="5" t="s">
        <v>42</v>
      </c>
      <c r="U21073" s="2">
        <v>9.266</v>
      </c>
      <c r="V21073" s="2">
        <v>7.0659999999999998</v>
      </c>
      <c r="W21073" s="2">
        <v>0.104</v>
      </c>
      <c r="X21073" s="2">
        <v>167.5</v>
      </c>
      <c r="Y21073" s="2">
        <v>26.5</v>
      </c>
      <c r="Z21073" s="2">
        <v>23.5</v>
      </c>
      <c r="AA21073" s="5">
        <v>16</v>
      </c>
      <c r="AB21073" s="5" t="s">
        <v>43</v>
      </c>
      <c r="AC21073" s="5" t="s">
        <v>44</v>
      </c>
      <c r="AD21073" s="2" t="s">
        <v>68036</v>
      </c>
      <c r="AE21073" s="1"/>
    </row>
    <row r="21074" spans="1:31" ht="14.45">
      <c r="A21074" s="11"/>
      <c r="B21074" s="20"/>
      <c r="C21074" s="2" t="s">
        <v>68052</v>
      </c>
      <c r="D21074" s="14" t="s">
        <v>68053</v>
      </c>
      <c r="E21074" s="2" t="s">
        <v>68054</v>
      </c>
      <c r="F21074" s="2" t="s">
        <v>1531</v>
      </c>
      <c r="G21074" s="8">
        <v>323</v>
      </c>
      <c r="H21074" s="5">
        <v>5</v>
      </c>
      <c r="I21074" s="5" t="s">
        <v>1518</v>
      </c>
      <c r="J21074" s="5" t="s">
        <v>67956</v>
      </c>
      <c r="K21074" s="2" t="s">
        <v>67957</v>
      </c>
      <c r="L21074" s="5" t="s">
        <v>67956</v>
      </c>
      <c r="M21074" s="2" t="s">
        <v>67957</v>
      </c>
      <c r="N21074" s="5" t="s">
        <v>19227</v>
      </c>
      <c r="O21074" s="5" t="s">
        <v>38</v>
      </c>
      <c r="P21074" s="5" t="s">
        <v>39</v>
      </c>
      <c r="Q21074" s="5" t="s">
        <v>40</v>
      </c>
      <c r="R21074" s="5" t="s">
        <v>67958</v>
      </c>
      <c r="S21074" s="5" t="s">
        <v>40</v>
      </c>
      <c r="T21074" s="5" t="s">
        <v>42</v>
      </c>
      <c r="U21074" s="2">
        <v>7.984</v>
      </c>
      <c r="V21074" s="2">
        <v>6.1980000000000004</v>
      </c>
      <c r="W21074" s="2">
        <v>7.8E-2</v>
      </c>
      <c r="X21074" s="2">
        <v>125</v>
      </c>
      <c r="Y21074" s="2">
        <v>26.5</v>
      </c>
      <c r="Z21074" s="2">
        <v>23.5</v>
      </c>
      <c r="AA21074" s="5">
        <v>16</v>
      </c>
      <c r="AB21074" s="5" t="s">
        <v>43</v>
      </c>
      <c r="AC21074" s="5" t="s">
        <v>44</v>
      </c>
      <c r="AD21074" s="2" t="s">
        <v>68036</v>
      </c>
      <c r="AE21074" s="1"/>
    </row>
    <row r="21075" spans="1:31" ht="14.45">
      <c r="A21075" s="11"/>
      <c r="B21075" s="20"/>
      <c r="C21075" s="2" t="s">
        <v>68055</v>
      </c>
      <c r="D21075" s="14" t="s">
        <v>68056</v>
      </c>
      <c r="E21075" s="2" t="s">
        <v>68057</v>
      </c>
      <c r="F21075" s="2" t="s">
        <v>1531</v>
      </c>
      <c r="G21075" s="8">
        <v>340</v>
      </c>
      <c r="H21075" s="5">
        <v>5</v>
      </c>
      <c r="I21075" s="5" t="s">
        <v>1518</v>
      </c>
      <c r="J21075" s="5" t="s">
        <v>67956</v>
      </c>
      <c r="K21075" s="2" t="s">
        <v>67957</v>
      </c>
      <c r="L21075" s="5" t="s">
        <v>67956</v>
      </c>
      <c r="M21075" s="2" t="s">
        <v>67957</v>
      </c>
      <c r="N21075" s="5" t="s">
        <v>19227</v>
      </c>
      <c r="O21075" s="5" t="s">
        <v>38</v>
      </c>
      <c r="P21075" s="5" t="s">
        <v>39</v>
      </c>
      <c r="Q21075" s="5" t="s">
        <v>40</v>
      </c>
      <c r="R21075" s="5" t="s">
        <v>67958</v>
      </c>
      <c r="S21075" s="5" t="s">
        <v>40</v>
      </c>
      <c r="T21075" s="5" t="s">
        <v>42</v>
      </c>
      <c r="U21075" s="2">
        <v>8.7870000000000008</v>
      </c>
      <c r="V21075" s="2">
        <v>6.7990000000000004</v>
      </c>
      <c r="W21075" s="2">
        <v>0.09</v>
      </c>
      <c r="X21075" s="2">
        <v>145</v>
      </c>
      <c r="Y21075" s="2">
        <v>26.5</v>
      </c>
      <c r="Z21075" s="2">
        <v>23.5</v>
      </c>
      <c r="AA21075" s="5">
        <v>16</v>
      </c>
      <c r="AB21075" s="5" t="s">
        <v>43</v>
      </c>
      <c r="AC21075" s="5" t="s">
        <v>44</v>
      </c>
      <c r="AD21075" s="2" t="s">
        <v>68036</v>
      </c>
      <c r="AE21075" s="1"/>
    </row>
    <row r="21076" spans="1:31" ht="14.45">
      <c r="A21076" s="11"/>
      <c r="B21076" s="20"/>
      <c r="C21076" s="2" t="s">
        <v>68058</v>
      </c>
      <c r="D21076" s="14" t="s">
        <v>68059</v>
      </c>
      <c r="E21076" s="2" t="s">
        <v>68060</v>
      </c>
      <c r="F21076" s="2" t="s">
        <v>1531</v>
      </c>
      <c r="G21076" s="8">
        <v>357</v>
      </c>
      <c r="H21076" s="5">
        <v>5</v>
      </c>
      <c r="I21076" s="5" t="s">
        <v>1518</v>
      </c>
      <c r="J21076" s="5" t="s">
        <v>67956</v>
      </c>
      <c r="K21076" s="2" t="s">
        <v>67957</v>
      </c>
      <c r="L21076" s="5" t="s">
        <v>67956</v>
      </c>
      <c r="M21076" s="2" t="s">
        <v>67957</v>
      </c>
      <c r="N21076" s="5" t="s">
        <v>19227</v>
      </c>
      <c r="O21076" s="5" t="s">
        <v>38</v>
      </c>
      <c r="P21076" s="5" t="s">
        <v>39</v>
      </c>
      <c r="Q21076" s="5" t="s">
        <v>40</v>
      </c>
      <c r="R21076" s="5" t="s">
        <v>67958</v>
      </c>
      <c r="S21076" s="5" t="s">
        <v>40</v>
      </c>
      <c r="T21076" s="5" t="s">
        <v>42</v>
      </c>
      <c r="U21076" s="2">
        <v>9.6630000000000003</v>
      </c>
      <c r="V21076" s="2">
        <v>7.4630000000000001</v>
      </c>
      <c r="W21076" s="2">
        <v>0.104</v>
      </c>
      <c r="X21076" s="2">
        <v>167.5</v>
      </c>
      <c r="Y21076" s="2">
        <v>26.5</v>
      </c>
      <c r="Z21076" s="2">
        <v>23.5</v>
      </c>
      <c r="AA21076" s="5">
        <v>16</v>
      </c>
      <c r="AB21076" s="5" t="s">
        <v>43</v>
      </c>
      <c r="AC21076" s="5" t="s">
        <v>44</v>
      </c>
      <c r="AD21076" s="2" t="s">
        <v>68036</v>
      </c>
      <c r="AE21076" s="1"/>
    </row>
    <row r="21077" spans="1:31" ht="14.45">
      <c r="A21077" s="11"/>
      <c r="B21077" s="20"/>
      <c r="C21077" s="2" t="s">
        <v>68061</v>
      </c>
      <c r="D21077" s="14" t="s">
        <v>68062</v>
      </c>
      <c r="E21077" s="2" t="s">
        <v>68063</v>
      </c>
      <c r="F21077" s="2" t="s">
        <v>1531</v>
      </c>
      <c r="G21077" s="8">
        <v>384</v>
      </c>
      <c r="H21077" s="5">
        <v>5</v>
      </c>
      <c r="I21077" s="5" t="s">
        <v>1518</v>
      </c>
      <c r="J21077" s="5" t="s">
        <v>67956</v>
      </c>
      <c r="K21077" s="2" t="s">
        <v>67957</v>
      </c>
      <c r="L21077" s="5" t="s">
        <v>67956</v>
      </c>
      <c r="M21077" s="2" t="s">
        <v>67957</v>
      </c>
      <c r="N21077" s="5" t="s">
        <v>19227</v>
      </c>
      <c r="O21077" s="5" t="s">
        <v>38</v>
      </c>
      <c r="P21077" s="5" t="s">
        <v>39</v>
      </c>
      <c r="Q21077" s="5" t="s">
        <v>40</v>
      </c>
      <c r="R21077" s="5" t="s">
        <v>67958</v>
      </c>
      <c r="S21077" s="5" t="s">
        <v>40</v>
      </c>
      <c r="T21077" s="5" t="s">
        <v>42</v>
      </c>
      <c r="U21077" s="2">
        <v>10.458</v>
      </c>
      <c r="V21077" s="2">
        <v>8.0730000000000004</v>
      </c>
      <c r="W21077" s="2">
        <v>0.11700000000000001</v>
      </c>
      <c r="X21077" s="2">
        <v>187.5</v>
      </c>
      <c r="Y21077" s="2">
        <v>26.5</v>
      </c>
      <c r="Z21077" s="2">
        <v>23.5</v>
      </c>
      <c r="AA21077" s="5">
        <v>16</v>
      </c>
      <c r="AB21077" s="5" t="s">
        <v>43</v>
      </c>
      <c r="AC21077" s="5" t="s">
        <v>44</v>
      </c>
      <c r="AD21077" s="2" t="s">
        <v>68036</v>
      </c>
      <c r="AE21077" s="1"/>
    </row>
    <row r="21078" spans="1:31" ht="14.45">
      <c r="A21078" s="11"/>
      <c r="B21078" s="20"/>
      <c r="C21078" s="2" t="s">
        <v>68064</v>
      </c>
      <c r="D21078" s="14" t="s">
        <v>68065</v>
      </c>
      <c r="E21078" s="2" t="s">
        <v>68066</v>
      </c>
      <c r="F21078" s="2" t="s">
        <v>1531</v>
      </c>
      <c r="G21078" s="8">
        <v>432</v>
      </c>
      <c r="H21078" s="5">
        <v>5</v>
      </c>
      <c r="I21078" s="5" t="s">
        <v>1518</v>
      </c>
      <c r="J21078" s="5" t="s">
        <v>67956</v>
      </c>
      <c r="K21078" s="2" t="s">
        <v>67957</v>
      </c>
      <c r="L21078" s="5" t="s">
        <v>67956</v>
      </c>
      <c r="M21078" s="2" t="s">
        <v>67957</v>
      </c>
      <c r="N21078" s="5" t="s">
        <v>19227</v>
      </c>
      <c r="O21078" s="5" t="s">
        <v>38</v>
      </c>
      <c r="P21078" s="5" t="s">
        <v>39</v>
      </c>
      <c r="Q21078" s="5" t="s">
        <v>40</v>
      </c>
      <c r="R21078" s="5" t="s">
        <v>67958</v>
      </c>
      <c r="S21078" s="5" t="s">
        <v>40</v>
      </c>
      <c r="T21078" s="5" t="s">
        <v>42</v>
      </c>
      <c r="U21078" s="2">
        <v>11.221</v>
      </c>
      <c r="V21078" s="2">
        <v>8.6780000000000008</v>
      </c>
      <c r="W21078" s="2">
        <v>0.129</v>
      </c>
      <c r="X21078" s="2">
        <v>207.5</v>
      </c>
      <c r="Y21078" s="2">
        <v>26.5</v>
      </c>
      <c r="Z21078" s="2">
        <v>23.5</v>
      </c>
      <c r="AA21078" s="5">
        <v>16</v>
      </c>
      <c r="AB21078" s="5" t="s">
        <v>43</v>
      </c>
      <c r="AC21078" s="5" t="s">
        <v>44</v>
      </c>
      <c r="AD21078" s="2" t="s">
        <v>68036</v>
      </c>
      <c r="AE21078" s="1"/>
    </row>
    <row r="21079" spans="1:31" ht="14.45">
      <c r="A21079" s="11"/>
      <c r="B21079" s="20"/>
      <c r="C21079" s="2" t="s">
        <v>68067</v>
      </c>
      <c r="D21079" s="14" t="s">
        <v>68068</v>
      </c>
      <c r="E21079" s="2" t="s">
        <v>68069</v>
      </c>
      <c r="F21079" s="2" t="s">
        <v>1531</v>
      </c>
      <c r="G21079" s="8">
        <v>371</v>
      </c>
      <c r="H21079" s="5">
        <v>5</v>
      </c>
      <c r="I21079" s="5" t="s">
        <v>1518</v>
      </c>
      <c r="J21079" s="5" t="s">
        <v>67956</v>
      </c>
      <c r="K21079" s="2" t="s">
        <v>67957</v>
      </c>
      <c r="L21079" s="5" t="s">
        <v>67956</v>
      </c>
      <c r="M21079" s="2" t="s">
        <v>67957</v>
      </c>
      <c r="N21079" s="5" t="s">
        <v>19227</v>
      </c>
      <c r="O21079" s="5" t="s">
        <v>38</v>
      </c>
      <c r="P21079" s="5" t="s">
        <v>39</v>
      </c>
      <c r="Q21079" s="5" t="s">
        <v>40</v>
      </c>
      <c r="R21079" s="5" t="s">
        <v>67958</v>
      </c>
      <c r="S21079" s="5" t="s">
        <v>40</v>
      </c>
      <c r="T21079" s="5" t="s">
        <v>42</v>
      </c>
      <c r="U21079" s="2">
        <v>9.3279999999999994</v>
      </c>
      <c r="V21079" s="2">
        <v>7.3150000000000004</v>
      </c>
      <c r="W21079" s="2">
        <v>0.09</v>
      </c>
      <c r="X21079" s="2">
        <v>145</v>
      </c>
      <c r="Y21079" s="2">
        <v>26.5</v>
      </c>
      <c r="Z21079" s="2">
        <v>23.5</v>
      </c>
      <c r="AA21079" s="5">
        <v>16</v>
      </c>
      <c r="AB21079" s="5" t="s">
        <v>43</v>
      </c>
      <c r="AC21079" s="5" t="s">
        <v>44</v>
      </c>
      <c r="AD21079" s="2" t="s">
        <v>68036</v>
      </c>
      <c r="AE21079" s="1"/>
    </row>
    <row r="21080" spans="1:31" ht="14.45">
      <c r="A21080" s="11"/>
      <c r="B21080" s="20"/>
      <c r="C21080" s="2" t="s">
        <v>68070</v>
      </c>
      <c r="D21080" s="14" t="s">
        <v>68071</v>
      </c>
      <c r="E21080" s="2" t="s">
        <v>68072</v>
      </c>
      <c r="F21080" s="2" t="s">
        <v>1531</v>
      </c>
      <c r="G21080" s="8">
        <v>391</v>
      </c>
      <c r="H21080" s="5">
        <v>5</v>
      </c>
      <c r="I21080" s="5" t="s">
        <v>1518</v>
      </c>
      <c r="J21080" s="5" t="s">
        <v>67956</v>
      </c>
      <c r="K21080" s="2" t="s">
        <v>67957</v>
      </c>
      <c r="L21080" s="5" t="s">
        <v>67956</v>
      </c>
      <c r="M21080" s="2" t="s">
        <v>67957</v>
      </c>
      <c r="N21080" s="5" t="s">
        <v>19227</v>
      </c>
      <c r="O21080" s="5" t="s">
        <v>38</v>
      </c>
      <c r="P21080" s="5" t="s">
        <v>39</v>
      </c>
      <c r="Q21080" s="5" t="s">
        <v>40</v>
      </c>
      <c r="R21080" s="5" t="s">
        <v>67958</v>
      </c>
      <c r="S21080" s="5" t="s">
        <v>40</v>
      </c>
      <c r="T21080" s="5" t="s">
        <v>42</v>
      </c>
      <c r="U21080" s="2">
        <v>10.218</v>
      </c>
      <c r="V21080" s="2">
        <v>7.9930000000000003</v>
      </c>
      <c r="W21080" s="2">
        <v>0.104</v>
      </c>
      <c r="X21080" s="2">
        <v>167.5</v>
      </c>
      <c r="Y21080" s="2">
        <v>26.5</v>
      </c>
      <c r="Z21080" s="2">
        <v>23.5</v>
      </c>
      <c r="AA21080" s="5">
        <v>16</v>
      </c>
      <c r="AB21080" s="5" t="s">
        <v>43</v>
      </c>
      <c r="AC21080" s="5" t="s">
        <v>44</v>
      </c>
      <c r="AD21080" s="2" t="s">
        <v>68036</v>
      </c>
      <c r="AE21080" s="1"/>
    </row>
    <row r="21081" spans="1:31" ht="14.45">
      <c r="A21081" s="11"/>
      <c r="B21081" s="20"/>
      <c r="C21081" s="2" t="s">
        <v>68073</v>
      </c>
      <c r="D21081" s="14" t="s">
        <v>68074</v>
      </c>
      <c r="E21081" s="2" t="s">
        <v>68075</v>
      </c>
      <c r="F21081" s="2" t="s">
        <v>1531</v>
      </c>
      <c r="G21081" s="8">
        <v>418</v>
      </c>
      <c r="H21081" s="5">
        <v>5</v>
      </c>
      <c r="I21081" s="5" t="s">
        <v>1518</v>
      </c>
      <c r="J21081" s="5" t="s">
        <v>67956</v>
      </c>
      <c r="K21081" s="2" t="s">
        <v>67957</v>
      </c>
      <c r="L21081" s="5" t="s">
        <v>67956</v>
      </c>
      <c r="M21081" s="2" t="s">
        <v>67957</v>
      </c>
      <c r="N21081" s="5" t="s">
        <v>19227</v>
      </c>
      <c r="O21081" s="5" t="s">
        <v>38</v>
      </c>
      <c r="P21081" s="5" t="s">
        <v>39</v>
      </c>
      <c r="Q21081" s="5" t="s">
        <v>40</v>
      </c>
      <c r="R21081" s="5" t="s">
        <v>67958</v>
      </c>
      <c r="S21081" s="5" t="s">
        <v>40</v>
      </c>
      <c r="T21081" s="5" t="s">
        <v>42</v>
      </c>
      <c r="U21081" s="2">
        <v>11.021000000000001</v>
      </c>
      <c r="V21081" s="2">
        <v>8.6110000000000007</v>
      </c>
      <c r="W21081" s="2">
        <v>0.11700000000000001</v>
      </c>
      <c r="X21081" s="2">
        <v>187.5</v>
      </c>
      <c r="Y21081" s="2">
        <v>26.5</v>
      </c>
      <c r="Z21081" s="2">
        <v>23.5</v>
      </c>
      <c r="AA21081" s="5">
        <v>16</v>
      </c>
      <c r="AB21081" s="5" t="s">
        <v>43</v>
      </c>
      <c r="AC21081" s="5" t="s">
        <v>44</v>
      </c>
      <c r="AD21081" s="2" t="s">
        <v>68036</v>
      </c>
      <c r="AE21081" s="1"/>
    </row>
    <row r="21082" spans="1:31" ht="14.45">
      <c r="A21082" s="11"/>
      <c r="B21082" s="20"/>
      <c r="C21082" s="2" t="s">
        <v>68076</v>
      </c>
      <c r="D21082" s="14" t="s">
        <v>68077</v>
      </c>
      <c r="E21082" s="2" t="s">
        <v>68078</v>
      </c>
      <c r="F21082" s="2" t="s">
        <v>1531</v>
      </c>
      <c r="G21082" s="8">
        <v>405</v>
      </c>
      <c r="H21082" s="5">
        <v>5</v>
      </c>
      <c r="I21082" s="5" t="s">
        <v>1518</v>
      </c>
      <c r="J21082" s="5" t="s">
        <v>67956</v>
      </c>
      <c r="K21082" s="2" t="s">
        <v>67957</v>
      </c>
      <c r="L21082" s="5" t="s">
        <v>67956</v>
      </c>
      <c r="M21082" s="2" t="s">
        <v>67957</v>
      </c>
      <c r="N21082" s="5" t="s">
        <v>19227</v>
      </c>
      <c r="O21082" s="5" t="s">
        <v>38</v>
      </c>
      <c r="P21082" s="5" t="s">
        <v>39</v>
      </c>
      <c r="Q21082" s="5" t="s">
        <v>40</v>
      </c>
      <c r="R21082" s="5" t="s">
        <v>67958</v>
      </c>
      <c r="S21082" s="5" t="s">
        <v>40</v>
      </c>
      <c r="T21082" s="5" t="s">
        <v>42</v>
      </c>
      <c r="U21082" s="2">
        <v>9.9570000000000007</v>
      </c>
      <c r="V21082" s="2">
        <v>7.944</v>
      </c>
      <c r="W21082" s="2">
        <v>0.09</v>
      </c>
      <c r="X21082" s="2">
        <v>145</v>
      </c>
      <c r="Y21082" s="2">
        <v>26.5</v>
      </c>
      <c r="Z21082" s="2">
        <v>23.5</v>
      </c>
      <c r="AA21082" s="5">
        <v>16</v>
      </c>
      <c r="AB21082" s="5" t="s">
        <v>43</v>
      </c>
      <c r="AC21082" s="5" t="s">
        <v>44</v>
      </c>
      <c r="AD21082" s="2" t="s">
        <v>68036</v>
      </c>
      <c r="AE21082" s="1"/>
    </row>
    <row r="21083" spans="1:31" ht="14.45">
      <c r="A21083" s="11"/>
      <c r="B21083" s="20"/>
      <c r="C21083" s="2" t="s">
        <v>68079</v>
      </c>
      <c r="D21083" s="14" t="s">
        <v>68080</v>
      </c>
      <c r="E21083" s="2" t="s">
        <v>68081</v>
      </c>
      <c r="F21083" s="2" t="s">
        <v>1531</v>
      </c>
      <c r="G21083" s="8">
        <v>428</v>
      </c>
      <c r="H21083" s="5">
        <v>5</v>
      </c>
      <c r="I21083" s="5" t="s">
        <v>1518</v>
      </c>
      <c r="J21083" s="5" t="s">
        <v>67956</v>
      </c>
      <c r="K21083" s="2" t="s">
        <v>67957</v>
      </c>
      <c r="L21083" s="5" t="s">
        <v>67956</v>
      </c>
      <c r="M21083" s="2" t="s">
        <v>67957</v>
      </c>
      <c r="N21083" s="5" t="s">
        <v>19227</v>
      </c>
      <c r="O21083" s="5" t="s">
        <v>38</v>
      </c>
      <c r="P21083" s="5" t="s">
        <v>39</v>
      </c>
      <c r="Q21083" s="5" t="s">
        <v>40</v>
      </c>
      <c r="R21083" s="5" t="s">
        <v>67958</v>
      </c>
      <c r="S21083" s="5" t="s">
        <v>40</v>
      </c>
      <c r="T21083" s="5" t="s">
        <v>42</v>
      </c>
      <c r="U21083" s="2">
        <v>10.856999999999999</v>
      </c>
      <c r="V21083" s="2">
        <v>8.6319999999999997</v>
      </c>
      <c r="W21083" s="2">
        <v>0.104</v>
      </c>
      <c r="X21083" s="2">
        <v>167.5</v>
      </c>
      <c r="Y21083" s="2">
        <v>26.5</v>
      </c>
      <c r="Z21083" s="2">
        <v>23.5</v>
      </c>
      <c r="AA21083" s="5">
        <v>16</v>
      </c>
      <c r="AB21083" s="5" t="s">
        <v>43</v>
      </c>
      <c r="AC21083" s="5" t="s">
        <v>44</v>
      </c>
      <c r="AD21083" s="2" t="s">
        <v>68036</v>
      </c>
      <c r="AE21083" s="1"/>
    </row>
    <row r="21084" spans="1:31" ht="14.45">
      <c r="A21084" s="11"/>
      <c r="B21084" s="20"/>
      <c r="C21084" s="2" t="s">
        <v>68082</v>
      </c>
      <c r="D21084" s="14" t="s">
        <v>68083</v>
      </c>
      <c r="E21084" s="2" t="s">
        <v>68084</v>
      </c>
      <c r="F21084" s="2" t="s">
        <v>1531</v>
      </c>
      <c r="G21084" s="8">
        <v>452</v>
      </c>
      <c r="H21084" s="5">
        <v>5</v>
      </c>
      <c r="I21084" s="5" t="s">
        <v>1518</v>
      </c>
      <c r="J21084" s="5" t="s">
        <v>67956</v>
      </c>
      <c r="K21084" s="2" t="s">
        <v>67957</v>
      </c>
      <c r="L21084" s="5" t="s">
        <v>67956</v>
      </c>
      <c r="M21084" s="2" t="s">
        <v>67957</v>
      </c>
      <c r="N21084" s="5" t="s">
        <v>19227</v>
      </c>
      <c r="O21084" s="5" t="s">
        <v>38</v>
      </c>
      <c r="P21084" s="5" t="s">
        <v>39</v>
      </c>
      <c r="Q21084" s="5" t="s">
        <v>40</v>
      </c>
      <c r="R21084" s="5" t="s">
        <v>67958</v>
      </c>
      <c r="S21084" s="5" t="s">
        <v>40</v>
      </c>
      <c r="T21084" s="5" t="s">
        <v>42</v>
      </c>
      <c r="U21084" s="2">
        <v>11.673</v>
      </c>
      <c r="V21084" s="2">
        <v>9.2629999999999999</v>
      </c>
      <c r="W21084" s="2">
        <v>0.11700000000000001</v>
      </c>
      <c r="X21084" s="2">
        <v>187.5</v>
      </c>
      <c r="Y21084" s="2">
        <v>26.5</v>
      </c>
      <c r="Z21084" s="2">
        <v>23.5</v>
      </c>
      <c r="AA21084" s="5">
        <v>16</v>
      </c>
      <c r="AB21084" s="5" t="s">
        <v>43</v>
      </c>
      <c r="AC21084" s="5" t="s">
        <v>44</v>
      </c>
      <c r="AD21084" s="2" t="s">
        <v>68036</v>
      </c>
      <c r="AE21084" s="1"/>
    </row>
    <row r="21085" spans="1:31" ht="14.45">
      <c r="A21085" s="11"/>
      <c r="B21085" s="20"/>
      <c r="C21085" s="2" t="s">
        <v>68085</v>
      </c>
      <c r="D21085" s="14" t="s">
        <v>68086</v>
      </c>
      <c r="E21085" s="2" t="s">
        <v>68087</v>
      </c>
      <c r="F21085" s="2" t="s">
        <v>1531</v>
      </c>
      <c r="G21085" s="8">
        <v>435</v>
      </c>
      <c r="H21085" s="5">
        <v>5</v>
      </c>
      <c r="I21085" s="5" t="s">
        <v>1518</v>
      </c>
      <c r="J21085" s="5" t="s">
        <v>67956</v>
      </c>
      <c r="K21085" s="2" t="s">
        <v>67957</v>
      </c>
      <c r="L21085" s="5" t="s">
        <v>67956</v>
      </c>
      <c r="M21085" s="2" t="s">
        <v>67957</v>
      </c>
      <c r="N21085" s="5" t="s">
        <v>19227</v>
      </c>
      <c r="O21085" s="5" t="s">
        <v>38</v>
      </c>
      <c r="P21085" s="5" t="s">
        <v>39</v>
      </c>
      <c r="Q21085" s="5" t="s">
        <v>40</v>
      </c>
      <c r="R21085" s="5" t="s">
        <v>67958</v>
      </c>
      <c r="S21085" s="5" t="s">
        <v>40</v>
      </c>
      <c r="T21085" s="5" t="s">
        <v>42</v>
      </c>
      <c r="U21085" s="2">
        <v>10.252000000000001</v>
      </c>
      <c r="V21085" s="2">
        <v>7.9790000000000001</v>
      </c>
      <c r="W21085" s="2">
        <v>0.104</v>
      </c>
      <c r="X21085" s="2">
        <v>167.5</v>
      </c>
      <c r="Y21085" s="2">
        <v>26.5</v>
      </c>
      <c r="Z21085" s="2">
        <v>23.5</v>
      </c>
      <c r="AA21085" s="5">
        <v>16</v>
      </c>
      <c r="AB21085" s="5" t="s">
        <v>43</v>
      </c>
      <c r="AC21085" s="5" t="s">
        <v>44</v>
      </c>
      <c r="AD21085" s="2" t="s">
        <v>68036</v>
      </c>
      <c r="AE21085" s="1"/>
    </row>
    <row r="21086" spans="1:31" ht="14.45">
      <c r="A21086" s="11"/>
      <c r="B21086" s="20"/>
      <c r="C21086" s="2" t="s">
        <v>68088</v>
      </c>
      <c r="D21086" s="14" t="s">
        <v>68089</v>
      </c>
      <c r="E21086" s="2" t="s">
        <v>68090</v>
      </c>
      <c r="F21086" s="2" t="s">
        <v>1531</v>
      </c>
      <c r="G21086" s="8">
        <v>469</v>
      </c>
      <c r="H21086" s="5">
        <v>5</v>
      </c>
      <c r="I21086" s="5" t="s">
        <v>1518</v>
      </c>
      <c r="J21086" s="5" t="s">
        <v>67956</v>
      </c>
      <c r="K21086" s="2" t="s">
        <v>67957</v>
      </c>
      <c r="L21086" s="5" t="s">
        <v>67956</v>
      </c>
      <c r="M21086" s="2" t="s">
        <v>67957</v>
      </c>
      <c r="N21086" s="5" t="s">
        <v>19227</v>
      </c>
      <c r="O21086" s="5" t="s">
        <v>38</v>
      </c>
      <c r="P21086" s="5" t="s">
        <v>39</v>
      </c>
      <c r="Q21086" s="5" t="s">
        <v>40</v>
      </c>
      <c r="R21086" s="5" t="s">
        <v>67958</v>
      </c>
      <c r="S21086" s="5" t="s">
        <v>40</v>
      </c>
      <c r="T21086" s="5" t="s">
        <v>42</v>
      </c>
      <c r="U21086" s="2">
        <v>11.597</v>
      </c>
      <c r="V21086" s="2">
        <v>9.3130000000000006</v>
      </c>
      <c r="W21086" s="2">
        <v>0.104</v>
      </c>
      <c r="X21086" s="2">
        <v>167.5</v>
      </c>
      <c r="Y21086" s="2">
        <v>26.5</v>
      </c>
      <c r="Z21086" s="2">
        <v>23.5</v>
      </c>
      <c r="AA21086" s="5">
        <v>16</v>
      </c>
      <c r="AB21086" s="5" t="s">
        <v>43</v>
      </c>
      <c r="AC21086" s="5" t="s">
        <v>44</v>
      </c>
      <c r="AD21086" s="2" t="s">
        <v>68036</v>
      </c>
      <c r="AE21086" s="1"/>
    </row>
    <row r="21087" spans="1:31" ht="14.45">
      <c r="A21087" s="11"/>
      <c r="B21087" s="20"/>
      <c r="C21087" s="2" t="s">
        <v>68091</v>
      </c>
      <c r="D21087" s="14" t="s">
        <v>68092</v>
      </c>
      <c r="E21087" s="2" t="s">
        <v>68093</v>
      </c>
      <c r="F21087" s="2" t="s">
        <v>1531</v>
      </c>
      <c r="G21087" s="8">
        <v>496</v>
      </c>
      <c r="H21087" s="5">
        <v>5</v>
      </c>
      <c r="I21087" s="5" t="s">
        <v>1518</v>
      </c>
      <c r="J21087" s="5" t="s">
        <v>67956</v>
      </c>
      <c r="K21087" s="2" t="s">
        <v>67957</v>
      </c>
      <c r="L21087" s="5" t="s">
        <v>67956</v>
      </c>
      <c r="M21087" s="2" t="s">
        <v>67957</v>
      </c>
      <c r="N21087" s="5" t="s">
        <v>19227</v>
      </c>
      <c r="O21087" s="5" t="s">
        <v>38</v>
      </c>
      <c r="P21087" s="5" t="s">
        <v>39</v>
      </c>
      <c r="Q21087" s="5" t="s">
        <v>40</v>
      </c>
      <c r="R21087" s="5" t="s">
        <v>67958</v>
      </c>
      <c r="S21087" s="5" t="s">
        <v>40</v>
      </c>
      <c r="T21087" s="5" t="s">
        <v>42</v>
      </c>
      <c r="U21087" s="2">
        <v>12.423</v>
      </c>
      <c r="V21087" s="2">
        <v>9.9540000000000006</v>
      </c>
      <c r="W21087" s="2">
        <v>0.11700000000000001</v>
      </c>
      <c r="X21087" s="2">
        <v>187.5</v>
      </c>
      <c r="Y21087" s="2">
        <v>26.5</v>
      </c>
      <c r="Z21087" s="2">
        <v>23.5</v>
      </c>
      <c r="AA21087" s="5">
        <v>16</v>
      </c>
      <c r="AB21087" s="5" t="s">
        <v>43</v>
      </c>
      <c r="AC21087" s="5" t="s">
        <v>44</v>
      </c>
      <c r="AD21087" s="2" t="s">
        <v>68036</v>
      </c>
      <c r="AE21087" s="1"/>
    </row>
    <row r="21088" spans="1:31" ht="14.45">
      <c r="A21088" s="11"/>
      <c r="B21088" s="20"/>
      <c r="C21088" s="2" t="s">
        <v>68094</v>
      </c>
      <c r="D21088" s="14" t="s">
        <v>68095</v>
      </c>
      <c r="E21088" s="2" t="s">
        <v>68096</v>
      </c>
      <c r="F21088" s="2" t="s">
        <v>1531</v>
      </c>
      <c r="G21088" s="8">
        <v>340</v>
      </c>
      <c r="H21088" s="5">
        <v>15</v>
      </c>
      <c r="I21088" s="5" t="s">
        <v>1518</v>
      </c>
      <c r="J21088" s="5" t="s">
        <v>67956</v>
      </c>
      <c r="K21088" s="2" t="s">
        <v>67957</v>
      </c>
      <c r="L21088" s="5" t="s">
        <v>67956</v>
      </c>
      <c r="M21088" s="2" t="s">
        <v>67957</v>
      </c>
      <c r="N21088" s="5" t="s">
        <v>19227</v>
      </c>
      <c r="O21088" s="5" t="s">
        <v>38</v>
      </c>
      <c r="P21088" s="5" t="s">
        <v>39</v>
      </c>
      <c r="Q21088" s="5" t="s">
        <v>40</v>
      </c>
      <c r="R21088" s="5" t="s">
        <v>67958</v>
      </c>
      <c r="S21088" s="5" t="s">
        <v>40</v>
      </c>
      <c r="T21088" s="5" t="s">
        <v>42</v>
      </c>
      <c r="U21088" s="2">
        <v>8.7430000000000003</v>
      </c>
      <c r="V21088" s="2">
        <v>6.5640000000000001</v>
      </c>
      <c r="W21088" s="2">
        <v>0.104</v>
      </c>
      <c r="X21088" s="2">
        <v>167.5</v>
      </c>
      <c r="Y21088" s="2">
        <v>26.5</v>
      </c>
      <c r="Z21088" s="2">
        <v>23.5</v>
      </c>
      <c r="AA21088" s="5">
        <v>16</v>
      </c>
      <c r="AB21088" s="5" t="s">
        <v>43</v>
      </c>
      <c r="AC21088" s="5" t="s">
        <v>44</v>
      </c>
      <c r="AD21088" s="2" t="s">
        <v>68097</v>
      </c>
      <c r="AE21088" s="1"/>
    </row>
    <row r="21089" spans="1:31" ht="14.45">
      <c r="A21089" s="11"/>
      <c r="B21089" s="20"/>
      <c r="C21089" s="2" t="s">
        <v>68098</v>
      </c>
      <c r="D21089" s="14" t="s">
        <v>68099</v>
      </c>
      <c r="E21089" s="2" t="s">
        <v>68100</v>
      </c>
      <c r="F21089" s="2" t="s">
        <v>68101</v>
      </c>
      <c r="G21089" s="8">
        <v>328</v>
      </c>
      <c r="H21089" s="5">
        <v>5</v>
      </c>
      <c r="I21089" s="5" t="s">
        <v>1518</v>
      </c>
      <c r="J21089" s="5" t="s">
        <v>67956</v>
      </c>
      <c r="K21089" s="2" t="s">
        <v>67957</v>
      </c>
      <c r="L21089" s="5" t="s">
        <v>67956</v>
      </c>
      <c r="M21089" s="2" t="s">
        <v>67957</v>
      </c>
      <c r="N21089" s="5" t="s">
        <v>19227</v>
      </c>
      <c r="O21089" s="5" t="s">
        <v>38</v>
      </c>
      <c r="P21089" s="5" t="s">
        <v>39</v>
      </c>
      <c r="Q21089" s="5" t="s">
        <v>40</v>
      </c>
      <c r="R21089" s="5" t="s">
        <v>67958</v>
      </c>
      <c r="S21089" s="5" t="s">
        <v>40</v>
      </c>
      <c r="T21089" s="5" t="s">
        <v>42</v>
      </c>
      <c r="U21089" s="2">
        <v>2.7639999999999998</v>
      </c>
      <c r="V21089" s="2">
        <v>1.994</v>
      </c>
      <c r="W21089" s="2">
        <v>2.9000000000000001E-2</v>
      </c>
      <c r="X21089" s="2">
        <v>135.80000000000001</v>
      </c>
      <c r="Y21089" s="2">
        <v>12.6</v>
      </c>
      <c r="Z21089" s="2">
        <v>16.7</v>
      </c>
      <c r="AA21089" s="5"/>
      <c r="AB21089" s="5" t="s">
        <v>43</v>
      </c>
      <c r="AC21089" s="5" t="s">
        <v>44</v>
      </c>
      <c r="AD21089" s="2" t="s">
        <v>68102</v>
      </c>
      <c r="AE21089" s="1"/>
    </row>
    <row r="21090" spans="1:31" ht="14.45">
      <c r="A21090" s="11"/>
      <c r="B21090" s="20"/>
      <c r="C21090" s="2" t="s">
        <v>68103</v>
      </c>
      <c r="D21090" s="14" t="s">
        <v>68104</v>
      </c>
      <c r="E21090" s="2" t="s">
        <v>68105</v>
      </c>
      <c r="F21090" s="2" t="s">
        <v>68101</v>
      </c>
      <c r="G21090" s="8">
        <v>330</v>
      </c>
      <c r="H21090" s="5">
        <v>5</v>
      </c>
      <c r="I21090" s="5" t="s">
        <v>1518</v>
      </c>
      <c r="J21090" s="5" t="s">
        <v>67956</v>
      </c>
      <c r="K21090" s="2" t="s">
        <v>67957</v>
      </c>
      <c r="L21090" s="5" t="s">
        <v>67956</v>
      </c>
      <c r="M21090" s="2" t="s">
        <v>67957</v>
      </c>
      <c r="N21090" s="5" t="s">
        <v>19227</v>
      </c>
      <c r="O21090" s="5" t="s">
        <v>38</v>
      </c>
      <c r="P21090" s="5" t="s">
        <v>39</v>
      </c>
      <c r="Q21090" s="5" t="s">
        <v>40</v>
      </c>
      <c r="R21090" s="5" t="s">
        <v>67958</v>
      </c>
      <c r="S21090" s="5" t="s">
        <v>40</v>
      </c>
      <c r="T21090" s="5" t="s">
        <v>42</v>
      </c>
      <c r="U21090" s="2">
        <v>3.09</v>
      </c>
      <c r="V21090" s="2">
        <v>2.3199999999999998</v>
      </c>
      <c r="W21090" s="2">
        <v>2.9000000000000001E-2</v>
      </c>
      <c r="X21090" s="2">
        <v>135.80000000000001</v>
      </c>
      <c r="Y21090" s="2">
        <v>12.6</v>
      </c>
      <c r="Z21090" s="2">
        <v>16.7</v>
      </c>
      <c r="AA21090" s="5"/>
      <c r="AB21090" s="5" t="s">
        <v>43</v>
      </c>
      <c r="AC21090" s="5" t="s">
        <v>44</v>
      </c>
      <c r="AD21090" s="2" t="s">
        <v>68102</v>
      </c>
      <c r="AE21090" s="1"/>
    </row>
    <row r="21091" spans="1:31" ht="14.45">
      <c r="A21091" s="11"/>
      <c r="B21091" s="20"/>
      <c r="C21091" s="2" t="s">
        <v>68106</v>
      </c>
      <c r="D21091" s="14" t="s">
        <v>68107</v>
      </c>
      <c r="E21091" s="2" t="s">
        <v>68108</v>
      </c>
      <c r="F21091" s="2" t="s">
        <v>68101</v>
      </c>
      <c r="G21091" s="8">
        <v>335</v>
      </c>
      <c r="H21091" s="5">
        <v>5</v>
      </c>
      <c r="I21091" s="5" t="s">
        <v>1518</v>
      </c>
      <c r="J21091" s="5" t="s">
        <v>67956</v>
      </c>
      <c r="K21091" s="2" t="s">
        <v>67957</v>
      </c>
      <c r="L21091" s="5" t="s">
        <v>67956</v>
      </c>
      <c r="M21091" s="2" t="s">
        <v>67957</v>
      </c>
      <c r="N21091" s="5" t="s">
        <v>19227</v>
      </c>
      <c r="O21091" s="5" t="s">
        <v>38</v>
      </c>
      <c r="P21091" s="5" t="s">
        <v>39</v>
      </c>
      <c r="Q21091" s="5" t="s">
        <v>40</v>
      </c>
      <c r="R21091" s="5" t="s">
        <v>67958</v>
      </c>
      <c r="S21091" s="5" t="s">
        <v>40</v>
      </c>
      <c r="T21091" s="5" t="s">
        <v>42</v>
      </c>
      <c r="U21091" s="2">
        <v>3.4</v>
      </c>
      <c r="V21091" s="2">
        <v>2.653</v>
      </c>
      <c r="W21091" s="2">
        <v>2.9000000000000001E-2</v>
      </c>
      <c r="X21091" s="2">
        <v>135.80000000000001</v>
      </c>
      <c r="Y21091" s="2">
        <v>12.6</v>
      </c>
      <c r="Z21091" s="2">
        <v>16.7</v>
      </c>
      <c r="AA21091" s="5"/>
      <c r="AB21091" s="5" t="s">
        <v>43</v>
      </c>
      <c r="AC21091" s="5" t="s">
        <v>44</v>
      </c>
      <c r="AD21091" s="2" t="s">
        <v>68102</v>
      </c>
      <c r="AE21091" s="1"/>
    </row>
    <row r="21092" spans="1:31" ht="14.45">
      <c r="A21092" s="11"/>
      <c r="B21092" s="20"/>
      <c r="C21092" s="2" t="s">
        <v>68109</v>
      </c>
      <c r="D21092" s="14" t="s">
        <v>68110</v>
      </c>
      <c r="E21092" s="2" t="s">
        <v>68111</v>
      </c>
      <c r="F21092" s="2" t="s">
        <v>68101</v>
      </c>
      <c r="G21092" s="8">
        <v>340</v>
      </c>
      <c r="H21092" s="5">
        <v>5</v>
      </c>
      <c r="I21092" s="5" t="s">
        <v>1518</v>
      </c>
      <c r="J21092" s="5" t="s">
        <v>67956</v>
      </c>
      <c r="K21092" s="2" t="s">
        <v>67957</v>
      </c>
      <c r="L21092" s="5" t="s">
        <v>67956</v>
      </c>
      <c r="M21092" s="2" t="s">
        <v>67957</v>
      </c>
      <c r="N21092" s="5" t="s">
        <v>19227</v>
      </c>
      <c r="O21092" s="5" t="s">
        <v>38</v>
      </c>
      <c r="P21092" s="5" t="s">
        <v>39</v>
      </c>
      <c r="Q21092" s="5" t="s">
        <v>40</v>
      </c>
      <c r="R21092" s="5" t="s">
        <v>67958</v>
      </c>
      <c r="S21092" s="5" t="s">
        <v>40</v>
      </c>
      <c r="T21092" s="5" t="s">
        <v>42</v>
      </c>
      <c r="U21092" s="2">
        <v>3.7330000000000001</v>
      </c>
      <c r="V21092" s="2">
        <v>2.98</v>
      </c>
      <c r="W21092" s="2">
        <v>2.9000000000000001E-2</v>
      </c>
      <c r="X21092" s="2">
        <v>135.80000000000001</v>
      </c>
      <c r="Y21092" s="2">
        <v>12.6</v>
      </c>
      <c r="Z21092" s="2">
        <v>16.7</v>
      </c>
      <c r="AA21092" s="5"/>
      <c r="AB21092" s="5" t="s">
        <v>43</v>
      </c>
      <c r="AC21092" s="5" t="s">
        <v>44</v>
      </c>
      <c r="AD21092" s="2" t="s">
        <v>68102</v>
      </c>
      <c r="AE21092" s="1"/>
    </row>
    <row r="21093" spans="1:31" ht="14.45">
      <c r="A21093" s="11"/>
      <c r="B21093" s="20"/>
      <c r="C21093" s="2" t="s">
        <v>68112</v>
      </c>
      <c r="D21093" s="14" t="s">
        <v>68113</v>
      </c>
      <c r="E21093" s="2" t="s">
        <v>68114</v>
      </c>
      <c r="F21093" s="2" t="s">
        <v>68101</v>
      </c>
      <c r="G21093" s="8">
        <v>342</v>
      </c>
      <c r="H21093" s="5">
        <v>5</v>
      </c>
      <c r="I21093" s="5" t="s">
        <v>1518</v>
      </c>
      <c r="J21093" s="5" t="s">
        <v>67956</v>
      </c>
      <c r="K21093" s="2" t="s">
        <v>67957</v>
      </c>
      <c r="L21093" s="5" t="s">
        <v>67956</v>
      </c>
      <c r="M21093" s="2" t="s">
        <v>67957</v>
      </c>
      <c r="N21093" s="5" t="s">
        <v>19227</v>
      </c>
      <c r="O21093" s="5" t="s">
        <v>38</v>
      </c>
      <c r="P21093" s="5" t="s">
        <v>39</v>
      </c>
      <c r="Q21093" s="5" t="s">
        <v>40</v>
      </c>
      <c r="R21093" s="5" t="s">
        <v>67958</v>
      </c>
      <c r="S21093" s="5" t="s">
        <v>40</v>
      </c>
      <c r="T21093" s="5" t="s">
        <v>42</v>
      </c>
      <c r="U21093" s="2">
        <v>4.1059999999999999</v>
      </c>
      <c r="V21093" s="2">
        <v>3.3530000000000002</v>
      </c>
      <c r="W21093" s="2">
        <v>2.9000000000000001E-2</v>
      </c>
      <c r="X21093" s="2">
        <v>135.80000000000001</v>
      </c>
      <c r="Y21093" s="2">
        <v>12.6</v>
      </c>
      <c r="Z21093" s="2">
        <v>16.7</v>
      </c>
      <c r="AA21093" s="5"/>
      <c r="AB21093" s="5" t="s">
        <v>43</v>
      </c>
      <c r="AC21093" s="5" t="s">
        <v>44</v>
      </c>
      <c r="AD21093" s="2" t="s">
        <v>68102</v>
      </c>
      <c r="AE21093" s="1"/>
    </row>
    <row r="21094" spans="1:31" ht="14.45">
      <c r="A21094" s="11"/>
      <c r="B21094" s="20"/>
      <c r="C21094" s="2" t="s">
        <v>68115</v>
      </c>
      <c r="D21094" s="14" t="s">
        <v>68116</v>
      </c>
      <c r="E21094" s="2" t="s">
        <v>68117</v>
      </c>
      <c r="F21094" s="2" t="s">
        <v>68101</v>
      </c>
      <c r="G21094" s="8">
        <v>340</v>
      </c>
      <c r="H21094" s="5">
        <v>5</v>
      </c>
      <c r="I21094" s="5" t="s">
        <v>1518</v>
      </c>
      <c r="J21094" s="5" t="s">
        <v>67956</v>
      </c>
      <c r="K21094" s="2" t="s">
        <v>67957</v>
      </c>
      <c r="L21094" s="5" t="s">
        <v>67956</v>
      </c>
      <c r="M21094" s="2" t="s">
        <v>67957</v>
      </c>
      <c r="N21094" s="5" t="s">
        <v>19227</v>
      </c>
      <c r="O21094" s="5" t="s">
        <v>38</v>
      </c>
      <c r="P21094" s="5" t="s">
        <v>39</v>
      </c>
      <c r="Q21094" s="5" t="s">
        <v>40</v>
      </c>
      <c r="R21094" s="5" t="s">
        <v>67958</v>
      </c>
      <c r="S21094" s="5" t="s">
        <v>40</v>
      </c>
      <c r="T21094" s="5" t="s">
        <v>42</v>
      </c>
      <c r="U21094" s="2">
        <v>4.069</v>
      </c>
      <c r="V21094" s="2">
        <v>3.3279999999999998</v>
      </c>
      <c r="W21094" s="2">
        <v>2.9000000000000001E-2</v>
      </c>
      <c r="X21094" s="2">
        <v>135.80000000000001</v>
      </c>
      <c r="Y21094" s="2">
        <v>12.6</v>
      </c>
      <c r="Z21094" s="2">
        <v>16.7</v>
      </c>
      <c r="AA21094" s="5"/>
      <c r="AB21094" s="5" t="s">
        <v>43</v>
      </c>
      <c r="AC21094" s="5" t="s">
        <v>44</v>
      </c>
      <c r="AD21094" s="2" t="s">
        <v>68102</v>
      </c>
      <c r="AE21094" s="1"/>
    </row>
    <row r="21095" spans="1:31" ht="14.45">
      <c r="A21095" s="11"/>
      <c r="B21095" s="20"/>
      <c r="C21095" s="2" t="s">
        <v>68118</v>
      </c>
      <c r="D21095" s="14" t="s">
        <v>68119</v>
      </c>
      <c r="E21095" s="2" t="s">
        <v>68120</v>
      </c>
      <c r="F21095" s="2" t="s">
        <v>68101</v>
      </c>
      <c r="G21095" s="8">
        <v>361</v>
      </c>
      <c r="H21095" s="5">
        <v>5</v>
      </c>
      <c r="I21095" s="5" t="s">
        <v>1518</v>
      </c>
      <c r="J21095" s="5" t="s">
        <v>67956</v>
      </c>
      <c r="K21095" s="2" t="s">
        <v>67957</v>
      </c>
      <c r="L21095" s="5" t="s">
        <v>67956</v>
      </c>
      <c r="M21095" s="2" t="s">
        <v>67957</v>
      </c>
      <c r="N21095" s="5" t="s">
        <v>19227</v>
      </c>
      <c r="O21095" s="5" t="s">
        <v>38</v>
      </c>
      <c r="P21095" s="5" t="s">
        <v>39</v>
      </c>
      <c r="Q21095" s="5" t="s">
        <v>40</v>
      </c>
      <c r="R21095" s="5" t="s">
        <v>67958</v>
      </c>
      <c r="S21095" s="5" t="s">
        <v>40</v>
      </c>
      <c r="T21095" s="5" t="s">
        <v>42</v>
      </c>
      <c r="U21095" s="2">
        <v>4.6079999999999997</v>
      </c>
      <c r="V21095" s="2">
        <v>3.9620000000000002</v>
      </c>
      <c r="W21095" s="2">
        <v>0.03</v>
      </c>
      <c r="X21095" s="2">
        <v>144.80000000000001</v>
      </c>
      <c r="Y21095" s="2">
        <v>12.6</v>
      </c>
      <c r="Z21095" s="2">
        <v>16.7</v>
      </c>
      <c r="AA21095" s="5"/>
      <c r="AB21095" s="5" t="s">
        <v>43</v>
      </c>
      <c r="AC21095" s="5" t="s">
        <v>44</v>
      </c>
      <c r="AD21095" s="2" t="s">
        <v>68102</v>
      </c>
      <c r="AE21095" s="1"/>
    </row>
    <row r="21096" spans="1:31" ht="14.45">
      <c r="A21096" s="11"/>
      <c r="B21096" s="20"/>
      <c r="C21096" s="2" t="s">
        <v>68121</v>
      </c>
      <c r="D21096" s="14" t="s">
        <v>68122</v>
      </c>
      <c r="E21096" s="2" t="s">
        <v>68123</v>
      </c>
      <c r="F21096" s="2" t="s">
        <v>68101</v>
      </c>
      <c r="G21096" s="8">
        <v>354</v>
      </c>
      <c r="H21096" s="5">
        <v>5</v>
      </c>
      <c r="I21096" s="5" t="s">
        <v>1518</v>
      </c>
      <c r="J21096" s="5" t="s">
        <v>67956</v>
      </c>
      <c r="K21096" s="2" t="s">
        <v>67957</v>
      </c>
      <c r="L21096" s="5" t="s">
        <v>67956</v>
      </c>
      <c r="M21096" s="2" t="s">
        <v>67957</v>
      </c>
      <c r="N21096" s="5" t="s">
        <v>19227</v>
      </c>
      <c r="O21096" s="5" t="s">
        <v>38</v>
      </c>
      <c r="P21096" s="5" t="s">
        <v>39</v>
      </c>
      <c r="Q21096" s="5" t="s">
        <v>40</v>
      </c>
      <c r="R21096" s="5" t="s">
        <v>67958</v>
      </c>
      <c r="S21096" s="5" t="s">
        <v>40</v>
      </c>
      <c r="T21096" s="5" t="s">
        <v>42</v>
      </c>
      <c r="U21096" s="2">
        <v>4.7679999999999998</v>
      </c>
      <c r="V21096" s="2">
        <v>4.0490000000000004</v>
      </c>
      <c r="W21096" s="2">
        <v>2.9000000000000001E-2</v>
      </c>
      <c r="X21096" s="2">
        <v>135.80000000000001</v>
      </c>
      <c r="Y21096" s="2">
        <v>12.6</v>
      </c>
      <c r="Z21096" s="2">
        <v>16.7</v>
      </c>
      <c r="AA21096" s="5"/>
      <c r="AB21096" s="5" t="s">
        <v>43</v>
      </c>
      <c r="AC21096" s="5" t="s">
        <v>44</v>
      </c>
      <c r="AD21096" s="2" t="s">
        <v>68102</v>
      </c>
      <c r="AE21096" s="1"/>
    </row>
    <row r="21097" spans="1:31" ht="14.45">
      <c r="A21097" s="11"/>
      <c r="B21097" s="20"/>
      <c r="C21097" s="2" t="s">
        <v>68124</v>
      </c>
      <c r="D21097" s="14" t="s">
        <v>68125</v>
      </c>
      <c r="E21097" s="2" t="s">
        <v>68126</v>
      </c>
      <c r="F21097" s="2" t="s">
        <v>68127</v>
      </c>
      <c r="G21097" s="8">
        <v>618</v>
      </c>
      <c r="H21097" s="5">
        <v>15</v>
      </c>
      <c r="I21097" s="5" t="s">
        <v>1518</v>
      </c>
      <c r="J21097" s="5" t="s">
        <v>67956</v>
      </c>
      <c r="K21097" s="2" t="s">
        <v>67957</v>
      </c>
      <c r="L21097" s="5" t="s">
        <v>67956</v>
      </c>
      <c r="M21097" s="2" t="s">
        <v>67957</v>
      </c>
      <c r="N21097" s="5" t="s">
        <v>19227</v>
      </c>
      <c r="O21097" s="5" t="s">
        <v>38</v>
      </c>
      <c r="P21097" s="5" t="s">
        <v>39</v>
      </c>
      <c r="Q21097" s="5" t="s">
        <v>40</v>
      </c>
      <c r="R21097" s="5" t="s">
        <v>1487</v>
      </c>
      <c r="S21097" s="5"/>
      <c r="T21097" s="5" t="s">
        <v>42</v>
      </c>
      <c r="U21097" s="2">
        <v>15.952999999999999</v>
      </c>
      <c r="V21097" s="2">
        <v>12.427</v>
      </c>
      <c r="W21097" s="2">
        <v>0</v>
      </c>
      <c r="X21097" s="2">
        <v>0</v>
      </c>
      <c r="Y21097" s="2">
        <v>0</v>
      </c>
      <c r="Z21097" s="2">
        <v>0</v>
      </c>
      <c r="AA21097" s="5"/>
      <c r="AB21097" s="5" t="s">
        <v>43</v>
      </c>
      <c r="AC21097" s="5" t="s">
        <v>44</v>
      </c>
      <c r="AD21097" s="2" t="s">
        <v>68128</v>
      </c>
      <c r="AE21097" s="1"/>
    </row>
    <row r="21098" spans="1:31" ht="14.45">
      <c r="A21098" s="11"/>
      <c r="B21098" s="20"/>
      <c r="C21098" s="2" t="s">
        <v>68129</v>
      </c>
      <c r="D21098" s="14" t="s">
        <v>68130</v>
      </c>
      <c r="E21098" s="2" t="s">
        <v>68131</v>
      </c>
      <c r="F21098" s="2" t="s">
        <v>68127</v>
      </c>
      <c r="G21098" s="8">
        <v>635</v>
      </c>
      <c r="H21098" s="5">
        <v>15</v>
      </c>
      <c r="I21098" s="5" t="s">
        <v>1518</v>
      </c>
      <c r="J21098" s="5" t="s">
        <v>67956</v>
      </c>
      <c r="K21098" s="2" t="s">
        <v>67957</v>
      </c>
      <c r="L21098" s="5" t="s">
        <v>67956</v>
      </c>
      <c r="M21098" s="2" t="s">
        <v>67957</v>
      </c>
      <c r="N21098" s="5" t="s">
        <v>19227</v>
      </c>
      <c r="O21098" s="5" t="s">
        <v>38</v>
      </c>
      <c r="P21098" s="5" t="s">
        <v>39</v>
      </c>
      <c r="Q21098" s="5" t="s">
        <v>40</v>
      </c>
      <c r="R21098" s="5" t="s">
        <v>1487</v>
      </c>
      <c r="S21098" s="5"/>
      <c r="T21098" s="5" t="s">
        <v>42</v>
      </c>
      <c r="U21098" s="2">
        <v>16.742999999999999</v>
      </c>
      <c r="V21098" s="2">
        <v>13.018000000000001</v>
      </c>
      <c r="W21098" s="2">
        <v>0</v>
      </c>
      <c r="X21098" s="2">
        <v>0</v>
      </c>
      <c r="Y21098" s="2">
        <v>0</v>
      </c>
      <c r="Z21098" s="2">
        <v>0</v>
      </c>
      <c r="AA21098" s="5"/>
      <c r="AB21098" s="5" t="s">
        <v>43</v>
      </c>
      <c r="AC21098" s="5" t="s">
        <v>44</v>
      </c>
      <c r="AD21098" s="2" t="s">
        <v>68128</v>
      </c>
      <c r="AE21098" s="1"/>
    </row>
    <row r="21099" spans="1:31" ht="14.45">
      <c r="A21099" s="11"/>
      <c r="B21099" s="20"/>
      <c r="C21099" s="2" t="s">
        <v>68132</v>
      </c>
      <c r="D21099" s="14" t="s">
        <v>68133</v>
      </c>
      <c r="E21099" s="2" t="s">
        <v>68134</v>
      </c>
      <c r="F21099" s="2" t="s">
        <v>68127</v>
      </c>
      <c r="G21099" s="8">
        <v>639</v>
      </c>
      <c r="H21099" s="5">
        <v>15</v>
      </c>
      <c r="I21099" s="5" t="s">
        <v>1518</v>
      </c>
      <c r="J21099" s="5" t="s">
        <v>67956</v>
      </c>
      <c r="K21099" s="2" t="s">
        <v>67957</v>
      </c>
      <c r="L21099" s="5" t="s">
        <v>67956</v>
      </c>
      <c r="M21099" s="2" t="s">
        <v>67957</v>
      </c>
      <c r="N21099" s="5" t="s">
        <v>19227</v>
      </c>
      <c r="O21099" s="5" t="s">
        <v>38</v>
      </c>
      <c r="P21099" s="5" t="s">
        <v>39</v>
      </c>
      <c r="Q21099" s="5" t="s">
        <v>40</v>
      </c>
      <c r="R21099" s="5" t="s">
        <v>1487</v>
      </c>
      <c r="S21099" s="5"/>
      <c r="T21099" s="5" t="s">
        <v>42</v>
      </c>
      <c r="U21099" s="2">
        <v>17.600999999999999</v>
      </c>
      <c r="V21099" s="2">
        <v>13.669</v>
      </c>
      <c r="W21099" s="2">
        <v>0</v>
      </c>
      <c r="X21099" s="2">
        <v>0</v>
      </c>
      <c r="Y21099" s="2">
        <v>0</v>
      </c>
      <c r="Z21099" s="2">
        <v>0</v>
      </c>
      <c r="AA21099" s="5"/>
      <c r="AB21099" s="5" t="s">
        <v>43</v>
      </c>
      <c r="AC21099" s="5" t="s">
        <v>44</v>
      </c>
      <c r="AD21099" s="2" t="s">
        <v>68128</v>
      </c>
      <c r="AE21099" s="1"/>
    </row>
    <row r="21100" spans="1:31" ht="14.45">
      <c r="A21100" s="11"/>
      <c r="B21100" s="20"/>
      <c r="C21100" s="2" t="s">
        <v>68135</v>
      </c>
      <c r="D21100" s="14" t="s">
        <v>68136</v>
      </c>
      <c r="E21100" s="2" t="s">
        <v>68137</v>
      </c>
      <c r="F21100" s="2" t="s">
        <v>68127</v>
      </c>
      <c r="G21100" s="8">
        <v>639</v>
      </c>
      <c r="H21100" s="5">
        <v>5</v>
      </c>
      <c r="I21100" s="5" t="s">
        <v>1518</v>
      </c>
      <c r="J21100" s="5" t="s">
        <v>67956</v>
      </c>
      <c r="K21100" s="2" t="s">
        <v>67957</v>
      </c>
      <c r="L21100" s="5" t="s">
        <v>67956</v>
      </c>
      <c r="M21100" s="2" t="s">
        <v>67957</v>
      </c>
      <c r="N21100" s="5" t="s">
        <v>19227</v>
      </c>
      <c r="O21100" s="5" t="s">
        <v>38</v>
      </c>
      <c r="P21100" s="5" t="s">
        <v>39</v>
      </c>
      <c r="Q21100" s="5" t="s">
        <v>40</v>
      </c>
      <c r="R21100" s="5" t="s">
        <v>1487</v>
      </c>
      <c r="S21100" s="5"/>
      <c r="T21100" s="5" t="s">
        <v>42</v>
      </c>
      <c r="U21100" s="2">
        <v>16.728999999999999</v>
      </c>
      <c r="V21100" s="2">
        <v>13.202999999999999</v>
      </c>
      <c r="W21100" s="2">
        <v>0</v>
      </c>
      <c r="X21100" s="2">
        <v>0</v>
      </c>
      <c r="Y21100" s="2">
        <v>0</v>
      </c>
      <c r="Z21100" s="2">
        <v>0</v>
      </c>
      <c r="AA21100" s="5"/>
      <c r="AB21100" s="5" t="s">
        <v>43</v>
      </c>
      <c r="AC21100" s="5" t="s">
        <v>44</v>
      </c>
      <c r="AD21100" s="2" t="s">
        <v>68128</v>
      </c>
      <c r="AE21100" s="1"/>
    </row>
    <row r="21101" spans="1:31" ht="14.45">
      <c r="A21101" s="11"/>
      <c r="B21101" s="20"/>
      <c r="C21101" s="2" t="s">
        <v>68138</v>
      </c>
      <c r="D21101" s="14" t="s">
        <v>68139</v>
      </c>
      <c r="E21101" s="2" t="s">
        <v>68140</v>
      </c>
      <c r="F21101" s="2" t="s">
        <v>68127</v>
      </c>
      <c r="G21101" s="8">
        <v>656</v>
      </c>
      <c r="H21101" s="5">
        <v>5</v>
      </c>
      <c r="I21101" s="5" t="s">
        <v>1518</v>
      </c>
      <c r="J21101" s="5" t="s">
        <v>67956</v>
      </c>
      <c r="K21101" s="2" t="s">
        <v>67957</v>
      </c>
      <c r="L21101" s="5" t="s">
        <v>67956</v>
      </c>
      <c r="M21101" s="2" t="s">
        <v>67957</v>
      </c>
      <c r="N21101" s="5" t="s">
        <v>19227</v>
      </c>
      <c r="O21101" s="5" t="s">
        <v>38</v>
      </c>
      <c r="P21101" s="5" t="s">
        <v>39</v>
      </c>
      <c r="Q21101" s="5" t="s">
        <v>40</v>
      </c>
      <c r="R21101" s="5" t="s">
        <v>1487</v>
      </c>
      <c r="S21101" s="5"/>
      <c r="T21101" s="5" t="s">
        <v>42</v>
      </c>
      <c r="U21101" s="2">
        <v>17.526</v>
      </c>
      <c r="V21101" s="2">
        <v>13.801</v>
      </c>
      <c r="W21101" s="2">
        <v>0</v>
      </c>
      <c r="X21101" s="2">
        <v>0</v>
      </c>
      <c r="Y21101" s="2">
        <v>0</v>
      </c>
      <c r="Z21101" s="2">
        <v>0</v>
      </c>
      <c r="AA21101" s="5"/>
      <c r="AB21101" s="5" t="s">
        <v>43</v>
      </c>
      <c r="AC21101" s="5" t="s">
        <v>44</v>
      </c>
      <c r="AD21101" s="2" t="s">
        <v>68128</v>
      </c>
      <c r="AE21101" s="1"/>
    </row>
    <row r="21102" spans="1:31" ht="14.45">
      <c r="A21102" s="11"/>
      <c r="B21102" s="20"/>
      <c r="C21102" s="2" t="s">
        <v>68141</v>
      </c>
      <c r="D21102" s="14" t="s">
        <v>68142</v>
      </c>
      <c r="E21102" s="2" t="s">
        <v>68143</v>
      </c>
      <c r="F21102" s="2" t="s">
        <v>68127</v>
      </c>
      <c r="G21102" s="8">
        <v>673</v>
      </c>
      <c r="H21102" s="5">
        <v>5</v>
      </c>
      <c r="I21102" s="5" t="s">
        <v>1518</v>
      </c>
      <c r="J21102" s="5" t="s">
        <v>67956</v>
      </c>
      <c r="K21102" s="2" t="s">
        <v>67957</v>
      </c>
      <c r="L21102" s="5" t="s">
        <v>67956</v>
      </c>
      <c r="M21102" s="2" t="s">
        <v>67957</v>
      </c>
      <c r="N21102" s="5" t="s">
        <v>19227</v>
      </c>
      <c r="O21102" s="5" t="s">
        <v>38</v>
      </c>
      <c r="P21102" s="5" t="s">
        <v>39</v>
      </c>
      <c r="Q21102" s="5" t="s">
        <v>40</v>
      </c>
      <c r="R21102" s="5" t="s">
        <v>1487</v>
      </c>
      <c r="S21102" s="5"/>
      <c r="T21102" s="5" t="s">
        <v>42</v>
      </c>
      <c r="U21102" s="2">
        <v>18.399000000000001</v>
      </c>
      <c r="V21102" s="2">
        <v>14.467000000000001</v>
      </c>
      <c r="W21102" s="2">
        <v>0</v>
      </c>
      <c r="X21102" s="2">
        <v>0</v>
      </c>
      <c r="Y21102" s="2">
        <v>0</v>
      </c>
      <c r="Z21102" s="2">
        <v>0</v>
      </c>
      <c r="AA21102" s="5"/>
      <c r="AB21102" s="5" t="s">
        <v>43</v>
      </c>
      <c r="AC21102" s="5" t="s">
        <v>44</v>
      </c>
      <c r="AD21102" s="2" t="s">
        <v>68128</v>
      </c>
      <c r="AE21102" s="1"/>
    </row>
    <row r="21103" spans="1:31" ht="14.45">
      <c r="A21103" s="11"/>
      <c r="B21103" s="20"/>
      <c r="C21103" s="2" t="s">
        <v>68144</v>
      </c>
      <c r="D21103" s="14" t="s">
        <v>68145</v>
      </c>
      <c r="E21103" s="2" t="s">
        <v>68146</v>
      </c>
      <c r="F21103" s="2" t="s">
        <v>68127</v>
      </c>
      <c r="G21103" s="8">
        <v>700</v>
      </c>
      <c r="H21103" s="5">
        <v>5</v>
      </c>
      <c r="I21103" s="5" t="s">
        <v>1518</v>
      </c>
      <c r="J21103" s="5" t="s">
        <v>67956</v>
      </c>
      <c r="K21103" s="2" t="s">
        <v>67957</v>
      </c>
      <c r="L21103" s="5" t="s">
        <v>67956</v>
      </c>
      <c r="M21103" s="2" t="s">
        <v>67957</v>
      </c>
      <c r="N21103" s="5" t="s">
        <v>19227</v>
      </c>
      <c r="O21103" s="5" t="s">
        <v>38</v>
      </c>
      <c r="P21103" s="5" t="s">
        <v>39</v>
      </c>
      <c r="Q21103" s="5" t="s">
        <v>40</v>
      </c>
      <c r="R21103" s="5" t="s">
        <v>1487</v>
      </c>
      <c r="S21103" s="5"/>
      <c r="T21103" s="5" t="s">
        <v>42</v>
      </c>
      <c r="U21103" s="2">
        <v>19.190000000000001</v>
      </c>
      <c r="V21103" s="2">
        <v>15.076000000000001</v>
      </c>
      <c r="W21103" s="2">
        <v>0</v>
      </c>
      <c r="X21103" s="2">
        <v>0</v>
      </c>
      <c r="Y21103" s="2">
        <v>0</v>
      </c>
      <c r="Z21103" s="2">
        <v>0</v>
      </c>
      <c r="AA21103" s="5"/>
      <c r="AB21103" s="5" t="s">
        <v>43</v>
      </c>
      <c r="AC21103" s="5" t="s">
        <v>44</v>
      </c>
      <c r="AD21103" s="2" t="s">
        <v>68128</v>
      </c>
      <c r="AE21103" s="1"/>
    </row>
    <row r="21104" spans="1:31" ht="14.45">
      <c r="A21104" s="11"/>
      <c r="B21104" s="20"/>
      <c r="C21104" s="2" t="s">
        <v>68147</v>
      </c>
      <c r="D21104" s="14" t="s">
        <v>68148</v>
      </c>
      <c r="E21104" s="2" t="s">
        <v>68149</v>
      </c>
      <c r="F21104" s="2" t="s">
        <v>68127</v>
      </c>
      <c r="G21104" s="8">
        <v>731</v>
      </c>
      <c r="H21104" s="5">
        <v>5</v>
      </c>
      <c r="I21104" s="5" t="s">
        <v>1518</v>
      </c>
      <c r="J21104" s="5" t="s">
        <v>67956</v>
      </c>
      <c r="K21104" s="2" t="s">
        <v>67957</v>
      </c>
      <c r="L21104" s="5" t="s">
        <v>67956</v>
      </c>
      <c r="M21104" s="2" t="s">
        <v>67957</v>
      </c>
      <c r="N21104" s="5" t="s">
        <v>19227</v>
      </c>
      <c r="O21104" s="5" t="s">
        <v>38</v>
      </c>
      <c r="P21104" s="5" t="s">
        <v>39</v>
      </c>
      <c r="Q21104" s="5" t="s">
        <v>40</v>
      </c>
      <c r="R21104" s="5" t="s">
        <v>1487</v>
      </c>
      <c r="S21104" s="5"/>
      <c r="T21104" s="5" t="s">
        <v>42</v>
      </c>
      <c r="U21104" s="2">
        <v>18.638999999999999</v>
      </c>
      <c r="V21104" s="2">
        <v>14.864000000000001</v>
      </c>
      <c r="W21104" s="2">
        <v>0</v>
      </c>
      <c r="X21104" s="2">
        <v>0</v>
      </c>
      <c r="Y21104" s="2">
        <v>0</v>
      </c>
      <c r="Z21104" s="2">
        <v>0</v>
      </c>
      <c r="AA21104" s="5"/>
      <c r="AB21104" s="5" t="s">
        <v>43</v>
      </c>
      <c r="AC21104" s="5" t="s">
        <v>44</v>
      </c>
      <c r="AD21104" s="2" t="s">
        <v>68128</v>
      </c>
      <c r="AE21104" s="1"/>
    </row>
    <row r="21105" spans="1:31" ht="14.45">
      <c r="A21105" s="11"/>
      <c r="B21105" s="20"/>
      <c r="C21105" s="2" t="s">
        <v>68150</v>
      </c>
      <c r="D21105" s="14" t="s">
        <v>68151</v>
      </c>
      <c r="E21105" s="2" t="s">
        <v>68152</v>
      </c>
      <c r="F21105" s="2" t="s">
        <v>68127</v>
      </c>
      <c r="G21105" s="8">
        <v>751</v>
      </c>
      <c r="H21105" s="5">
        <v>5</v>
      </c>
      <c r="I21105" s="5" t="s">
        <v>1518</v>
      </c>
      <c r="J21105" s="5" t="s">
        <v>67956</v>
      </c>
      <c r="K21105" s="2" t="s">
        <v>67957</v>
      </c>
      <c r="L21105" s="5" t="s">
        <v>67956</v>
      </c>
      <c r="M21105" s="2" t="s">
        <v>67957</v>
      </c>
      <c r="N21105" s="5" t="s">
        <v>19227</v>
      </c>
      <c r="O21105" s="5" t="s">
        <v>38</v>
      </c>
      <c r="P21105" s="5" t="s">
        <v>39</v>
      </c>
      <c r="Q21105" s="5" t="s">
        <v>40</v>
      </c>
      <c r="R21105" s="5" t="s">
        <v>1487</v>
      </c>
      <c r="S21105" s="5"/>
      <c r="T21105" s="5" t="s">
        <v>42</v>
      </c>
      <c r="U21105" s="2">
        <v>19.526</v>
      </c>
      <c r="V21105" s="2">
        <v>15.544</v>
      </c>
      <c r="W21105" s="2">
        <v>0</v>
      </c>
      <c r="X21105" s="2">
        <v>0</v>
      </c>
      <c r="Y21105" s="2">
        <v>0</v>
      </c>
      <c r="Z21105" s="2">
        <v>0</v>
      </c>
      <c r="AA21105" s="5"/>
      <c r="AB21105" s="5" t="s">
        <v>43</v>
      </c>
      <c r="AC21105" s="5" t="s">
        <v>44</v>
      </c>
      <c r="AD21105" s="2" t="s">
        <v>68128</v>
      </c>
      <c r="AE21105" s="1"/>
    </row>
    <row r="21106" spans="1:31" ht="14.45">
      <c r="A21106" s="11"/>
      <c r="B21106" s="20"/>
      <c r="C21106" s="2" t="s">
        <v>68153</v>
      </c>
      <c r="D21106" s="14" t="s">
        <v>68154</v>
      </c>
      <c r="E21106" s="2" t="s">
        <v>68155</v>
      </c>
      <c r="F21106" s="2" t="s">
        <v>68127</v>
      </c>
      <c r="G21106" s="8">
        <v>778</v>
      </c>
      <c r="H21106" s="5">
        <v>5</v>
      </c>
      <c r="I21106" s="5" t="s">
        <v>1518</v>
      </c>
      <c r="J21106" s="5" t="s">
        <v>67956</v>
      </c>
      <c r="K21106" s="2" t="s">
        <v>67957</v>
      </c>
      <c r="L21106" s="5" t="s">
        <v>67956</v>
      </c>
      <c r="M21106" s="2" t="s">
        <v>67957</v>
      </c>
      <c r="N21106" s="5" t="s">
        <v>19227</v>
      </c>
      <c r="O21106" s="5" t="s">
        <v>38</v>
      </c>
      <c r="P21106" s="5" t="s">
        <v>39</v>
      </c>
      <c r="Q21106" s="5" t="s">
        <v>40</v>
      </c>
      <c r="R21106" s="5" t="s">
        <v>1487</v>
      </c>
      <c r="S21106" s="5"/>
      <c r="T21106" s="5" t="s">
        <v>42</v>
      </c>
      <c r="U21106" s="2">
        <v>20.324999999999999</v>
      </c>
      <c r="V21106" s="2">
        <v>16.161000000000001</v>
      </c>
      <c r="W21106" s="2">
        <v>0</v>
      </c>
      <c r="X21106" s="2">
        <v>0</v>
      </c>
      <c r="Y21106" s="2">
        <v>0</v>
      </c>
      <c r="Z21106" s="2">
        <v>0</v>
      </c>
      <c r="AA21106" s="5"/>
      <c r="AB21106" s="5" t="s">
        <v>43</v>
      </c>
      <c r="AC21106" s="5" t="s">
        <v>44</v>
      </c>
      <c r="AD21106" s="2" t="s">
        <v>68128</v>
      </c>
      <c r="AE21106" s="1"/>
    </row>
    <row r="21107" spans="1:31" ht="14.45">
      <c r="A21107" s="11"/>
      <c r="B21107" s="20"/>
      <c r="C21107" s="2" t="s">
        <v>68156</v>
      </c>
      <c r="D21107" s="14" t="s">
        <v>68157</v>
      </c>
      <c r="E21107" s="2" t="s">
        <v>68158</v>
      </c>
      <c r="F21107" s="2" t="s">
        <v>68127</v>
      </c>
      <c r="G21107" s="8">
        <v>813</v>
      </c>
      <c r="H21107" s="5">
        <v>5</v>
      </c>
      <c r="I21107" s="5" t="s">
        <v>1518</v>
      </c>
      <c r="J21107" s="5" t="s">
        <v>67956</v>
      </c>
      <c r="K21107" s="2" t="s">
        <v>67957</v>
      </c>
      <c r="L21107" s="5" t="s">
        <v>67956</v>
      </c>
      <c r="M21107" s="2" t="s">
        <v>67957</v>
      </c>
      <c r="N21107" s="5" t="s">
        <v>19227</v>
      </c>
      <c r="O21107" s="5" t="s">
        <v>38</v>
      </c>
      <c r="P21107" s="5" t="s">
        <v>39</v>
      </c>
      <c r="Q21107" s="5" t="s">
        <v>40</v>
      </c>
      <c r="R21107" s="5" t="s">
        <v>1487</v>
      </c>
      <c r="S21107" s="5"/>
      <c r="T21107" s="5" t="s">
        <v>42</v>
      </c>
      <c r="U21107" s="2">
        <v>20.13</v>
      </c>
      <c r="V21107" s="2">
        <v>16.155999999999999</v>
      </c>
      <c r="W21107" s="2">
        <v>0</v>
      </c>
      <c r="X21107" s="2">
        <v>0</v>
      </c>
      <c r="Y21107" s="2">
        <v>0</v>
      </c>
      <c r="Z21107" s="2">
        <v>0</v>
      </c>
      <c r="AA21107" s="5"/>
      <c r="AB21107" s="5" t="s">
        <v>43</v>
      </c>
      <c r="AC21107" s="5" t="s">
        <v>44</v>
      </c>
      <c r="AD21107" s="2" t="s">
        <v>68128</v>
      </c>
      <c r="AE21107" s="1"/>
    </row>
    <row r="21108" spans="1:31" ht="14.45">
      <c r="A21108" s="11"/>
      <c r="B21108" s="20"/>
      <c r="C21108" s="2" t="s">
        <v>68159</v>
      </c>
      <c r="D21108" s="14" t="s">
        <v>68160</v>
      </c>
      <c r="E21108" s="2" t="s">
        <v>68161</v>
      </c>
      <c r="F21108" s="2" t="s">
        <v>68127</v>
      </c>
      <c r="G21108" s="8">
        <v>836</v>
      </c>
      <c r="H21108" s="5">
        <v>5</v>
      </c>
      <c r="I21108" s="5" t="s">
        <v>1518</v>
      </c>
      <c r="J21108" s="5" t="s">
        <v>67956</v>
      </c>
      <c r="K21108" s="2" t="s">
        <v>67957</v>
      </c>
      <c r="L21108" s="5" t="s">
        <v>67956</v>
      </c>
      <c r="M21108" s="2" t="s">
        <v>67957</v>
      </c>
      <c r="N21108" s="5" t="s">
        <v>19227</v>
      </c>
      <c r="O21108" s="5" t="s">
        <v>38</v>
      </c>
      <c r="P21108" s="5" t="s">
        <v>39</v>
      </c>
      <c r="Q21108" s="5" t="s">
        <v>40</v>
      </c>
      <c r="R21108" s="5" t="s">
        <v>1487</v>
      </c>
      <c r="S21108" s="5"/>
      <c r="T21108" s="5" t="s">
        <v>42</v>
      </c>
      <c r="U21108" s="2">
        <v>21.027000000000001</v>
      </c>
      <c r="V21108" s="2">
        <v>16.846</v>
      </c>
      <c r="W21108" s="2">
        <v>0</v>
      </c>
      <c r="X21108" s="2">
        <v>0</v>
      </c>
      <c r="Y21108" s="2">
        <v>0</v>
      </c>
      <c r="Z21108" s="2">
        <v>0</v>
      </c>
      <c r="AA21108" s="5"/>
      <c r="AB21108" s="5" t="s">
        <v>43</v>
      </c>
      <c r="AC21108" s="5" t="s">
        <v>44</v>
      </c>
      <c r="AD21108" s="2" t="s">
        <v>68128</v>
      </c>
      <c r="AE21108" s="1"/>
    </row>
    <row r="21109" spans="1:31" ht="14.45">
      <c r="A21109" s="11"/>
      <c r="B21109" s="20"/>
      <c r="C21109" s="2" t="s">
        <v>68162</v>
      </c>
      <c r="D21109" s="14" t="s">
        <v>68163</v>
      </c>
      <c r="E21109" s="2" t="s">
        <v>68164</v>
      </c>
      <c r="F21109" s="2" t="s">
        <v>68127</v>
      </c>
      <c r="G21109" s="8">
        <v>860</v>
      </c>
      <c r="H21109" s="5">
        <v>5</v>
      </c>
      <c r="I21109" s="5" t="s">
        <v>1518</v>
      </c>
      <c r="J21109" s="5" t="s">
        <v>67956</v>
      </c>
      <c r="K21109" s="2" t="s">
        <v>67957</v>
      </c>
      <c r="L21109" s="5" t="s">
        <v>67956</v>
      </c>
      <c r="M21109" s="2" t="s">
        <v>67957</v>
      </c>
      <c r="N21109" s="5" t="s">
        <v>19227</v>
      </c>
      <c r="O21109" s="5" t="s">
        <v>38</v>
      </c>
      <c r="P21109" s="5" t="s">
        <v>39</v>
      </c>
      <c r="Q21109" s="5" t="s">
        <v>40</v>
      </c>
      <c r="R21109" s="5" t="s">
        <v>1487</v>
      </c>
      <c r="S21109" s="5"/>
      <c r="T21109" s="5" t="s">
        <v>42</v>
      </c>
      <c r="U21109" s="2">
        <v>21.838000000000001</v>
      </c>
      <c r="V21109" s="2">
        <v>17.475000000000001</v>
      </c>
      <c r="W21109" s="2">
        <v>0</v>
      </c>
      <c r="X21109" s="2">
        <v>0</v>
      </c>
      <c r="Y21109" s="2">
        <v>0</v>
      </c>
      <c r="Z21109" s="2">
        <v>0</v>
      </c>
      <c r="AA21109" s="5"/>
      <c r="AB21109" s="5" t="s">
        <v>43</v>
      </c>
      <c r="AC21109" s="5" t="s">
        <v>44</v>
      </c>
      <c r="AD21109" s="2" t="s">
        <v>68128</v>
      </c>
      <c r="AE21109" s="1"/>
    </row>
    <row r="21110" spans="1:31" ht="14.45">
      <c r="A21110" s="11"/>
      <c r="B21110" s="20"/>
      <c r="C21110" s="2" t="s">
        <v>68165</v>
      </c>
      <c r="D21110" s="14" t="s">
        <v>68166</v>
      </c>
      <c r="E21110" s="2" t="s">
        <v>68167</v>
      </c>
      <c r="F21110" s="2" t="s">
        <v>68127</v>
      </c>
      <c r="G21110" s="8">
        <v>870</v>
      </c>
      <c r="H21110" s="5">
        <v>5</v>
      </c>
      <c r="I21110" s="5" t="s">
        <v>1518</v>
      </c>
      <c r="J21110" s="5" t="s">
        <v>67956</v>
      </c>
      <c r="K21110" s="2" t="s">
        <v>67957</v>
      </c>
      <c r="L21110" s="5" t="s">
        <v>67956</v>
      </c>
      <c r="M21110" s="2" t="s">
        <v>67957</v>
      </c>
      <c r="N21110" s="5" t="s">
        <v>19227</v>
      </c>
      <c r="O21110" s="5" t="s">
        <v>38</v>
      </c>
      <c r="P21110" s="5" t="s">
        <v>39</v>
      </c>
      <c r="Q21110" s="5" t="s">
        <v>40</v>
      </c>
      <c r="R21110" s="5" t="s">
        <v>1487</v>
      </c>
      <c r="S21110" s="5"/>
      <c r="T21110" s="5" t="s">
        <v>42</v>
      </c>
      <c r="U21110" s="2">
        <v>21.388000000000002</v>
      </c>
      <c r="V21110" s="2">
        <v>16.890999999999998</v>
      </c>
      <c r="W21110" s="2">
        <v>0</v>
      </c>
      <c r="X21110" s="2">
        <v>0</v>
      </c>
      <c r="Y21110" s="2">
        <v>0</v>
      </c>
      <c r="Z21110" s="2">
        <v>0</v>
      </c>
      <c r="AA21110" s="5"/>
      <c r="AB21110" s="5" t="s">
        <v>43</v>
      </c>
      <c r="AC21110" s="5" t="s">
        <v>44</v>
      </c>
      <c r="AD21110" s="2" t="s">
        <v>68128</v>
      </c>
      <c r="AE21110" s="1"/>
    </row>
    <row r="21111" spans="1:31" ht="14.45">
      <c r="A21111" s="11"/>
      <c r="B21111" s="20"/>
      <c r="C21111" s="2" t="s">
        <v>68168</v>
      </c>
      <c r="D21111" s="14" t="s">
        <v>68169</v>
      </c>
      <c r="E21111" s="2" t="s">
        <v>68170</v>
      </c>
      <c r="F21111" s="2" t="s">
        <v>68127</v>
      </c>
      <c r="G21111" s="8">
        <v>904</v>
      </c>
      <c r="H21111" s="5">
        <v>5</v>
      </c>
      <c r="I21111" s="5" t="s">
        <v>1518</v>
      </c>
      <c r="J21111" s="5" t="s">
        <v>67956</v>
      </c>
      <c r="K21111" s="2" t="s">
        <v>67957</v>
      </c>
      <c r="L21111" s="5" t="s">
        <v>67956</v>
      </c>
      <c r="M21111" s="2" t="s">
        <v>67957</v>
      </c>
      <c r="N21111" s="5" t="s">
        <v>19227</v>
      </c>
      <c r="O21111" s="5" t="s">
        <v>38</v>
      </c>
      <c r="P21111" s="5" t="s">
        <v>39</v>
      </c>
      <c r="Q21111" s="5" t="s">
        <v>40</v>
      </c>
      <c r="R21111" s="5" t="s">
        <v>1487</v>
      </c>
      <c r="S21111" s="5"/>
      <c r="T21111" s="5" t="s">
        <v>42</v>
      </c>
      <c r="U21111" s="2">
        <v>22.731000000000002</v>
      </c>
      <c r="V21111" s="2">
        <v>18.225000000000001</v>
      </c>
      <c r="W21111" s="2">
        <v>0</v>
      </c>
      <c r="X21111" s="2">
        <v>0</v>
      </c>
      <c r="Y21111" s="2">
        <v>0</v>
      </c>
      <c r="Z21111" s="2">
        <v>0</v>
      </c>
      <c r="AA21111" s="5"/>
      <c r="AB21111" s="5" t="s">
        <v>43</v>
      </c>
      <c r="AC21111" s="5" t="s">
        <v>44</v>
      </c>
      <c r="AD21111" s="2" t="s">
        <v>68128</v>
      </c>
      <c r="AE21111" s="1"/>
    </row>
    <row r="21112" spans="1:31" ht="14.45">
      <c r="A21112" s="11"/>
      <c r="B21112" s="20"/>
      <c r="C21112" s="2" t="s">
        <v>68171</v>
      </c>
      <c r="D21112" s="14" t="s">
        <v>68172</v>
      </c>
      <c r="E21112" s="2" t="s">
        <v>68173</v>
      </c>
      <c r="F21112" s="2" t="s">
        <v>68127</v>
      </c>
      <c r="G21112" s="8">
        <v>931</v>
      </c>
      <c r="H21112" s="5">
        <v>5</v>
      </c>
      <c r="I21112" s="5" t="s">
        <v>1518</v>
      </c>
      <c r="J21112" s="5" t="s">
        <v>67956</v>
      </c>
      <c r="K21112" s="2" t="s">
        <v>67957</v>
      </c>
      <c r="L21112" s="5" t="s">
        <v>67956</v>
      </c>
      <c r="M21112" s="2" t="s">
        <v>67957</v>
      </c>
      <c r="N21112" s="5" t="s">
        <v>19227</v>
      </c>
      <c r="O21112" s="5" t="s">
        <v>38</v>
      </c>
      <c r="P21112" s="5" t="s">
        <v>39</v>
      </c>
      <c r="Q21112" s="5" t="s">
        <v>40</v>
      </c>
      <c r="R21112" s="5" t="s">
        <v>1487</v>
      </c>
      <c r="S21112" s="5"/>
      <c r="T21112" s="5" t="s">
        <v>42</v>
      </c>
      <c r="U21112" s="2">
        <v>23.553000000000001</v>
      </c>
      <c r="V21112" s="2">
        <v>18.866</v>
      </c>
      <c r="W21112" s="2">
        <v>0</v>
      </c>
      <c r="X21112" s="2">
        <v>0</v>
      </c>
      <c r="Y21112" s="2">
        <v>0</v>
      </c>
      <c r="Z21112" s="2">
        <v>0</v>
      </c>
      <c r="AA21112" s="5"/>
      <c r="AB21112" s="5" t="s">
        <v>43</v>
      </c>
      <c r="AC21112" s="5" t="s">
        <v>44</v>
      </c>
      <c r="AD21112" s="2" t="s">
        <v>68128</v>
      </c>
      <c r="AE21112" s="1"/>
    </row>
    <row r="21113" spans="1:31" ht="14.45">
      <c r="A21113" s="11"/>
      <c r="B21113" s="20"/>
      <c r="C21113" s="2" t="s">
        <v>68174</v>
      </c>
      <c r="D21113" s="14" t="s">
        <v>68175</v>
      </c>
      <c r="E21113" s="2" t="s">
        <v>68176</v>
      </c>
      <c r="F21113" s="2" t="s">
        <v>1531</v>
      </c>
      <c r="G21113" s="8">
        <v>279</v>
      </c>
      <c r="H21113" s="5">
        <v>5</v>
      </c>
      <c r="I21113" s="5" t="s">
        <v>1518</v>
      </c>
      <c r="J21113" s="5" t="s">
        <v>67956</v>
      </c>
      <c r="K21113" s="2" t="s">
        <v>67957</v>
      </c>
      <c r="L21113" s="5" t="s">
        <v>67956</v>
      </c>
      <c r="M21113" s="2" t="s">
        <v>67957</v>
      </c>
      <c r="N21113" s="5" t="s">
        <v>19227</v>
      </c>
      <c r="O21113" s="5" t="s">
        <v>38</v>
      </c>
      <c r="P21113" s="5" t="s">
        <v>39</v>
      </c>
      <c r="Q21113" s="5" t="s">
        <v>40</v>
      </c>
      <c r="R21113" s="5" t="s">
        <v>67958</v>
      </c>
      <c r="S21113" s="5" t="s">
        <v>40</v>
      </c>
      <c r="T21113" s="5" t="s">
        <v>42</v>
      </c>
      <c r="U21113" s="2">
        <v>7.1429999999999998</v>
      </c>
      <c r="V21113" s="2">
        <v>5.3849999999999998</v>
      </c>
      <c r="W21113" s="2">
        <v>7.8E-2</v>
      </c>
      <c r="X21113" s="2">
        <v>125</v>
      </c>
      <c r="Y21113" s="2">
        <v>26.5</v>
      </c>
      <c r="Z21113" s="2">
        <v>23.5</v>
      </c>
      <c r="AA21113" s="5">
        <v>16</v>
      </c>
      <c r="AB21113" s="5" t="s">
        <v>43</v>
      </c>
      <c r="AC21113" s="5" t="s">
        <v>44</v>
      </c>
      <c r="AD21113" s="2" t="s">
        <v>68177</v>
      </c>
      <c r="AE21113" s="1"/>
    </row>
    <row r="21114" spans="1:31" ht="14.45">
      <c r="A21114" s="11"/>
      <c r="B21114" s="20"/>
      <c r="C21114" s="2" t="s">
        <v>68178</v>
      </c>
      <c r="D21114" s="14" t="s">
        <v>68179</v>
      </c>
      <c r="E21114" s="2" t="s">
        <v>68180</v>
      </c>
      <c r="F21114" s="2" t="s">
        <v>1531</v>
      </c>
      <c r="G21114" s="8">
        <v>292</v>
      </c>
      <c r="H21114" s="5">
        <v>5</v>
      </c>
      <c r="I21114" s="5" t="s">
        <v>1518</v>
      </c>
      <c r="J21114" s="5" t="s">
        <v>67956</v>
      </c>
      <c r="K21114" s="2" t="s">
        <v>67957</v>
      </c>
      <c r="L21114" s="5" t="s">
        <v>67956</v>
      </c>
      <c r="M21114" s="2" t="s">
        <v>67957</v>
      </c>
      <c r="N21114" s="5" t="s">
        <v>19227</v>
      </c>
      <c r="O21114" s="5" t="s">
        <v>38</v>
      </c>
      <c r="P21114" s="5" t="s">
        <v>39</v>
      </c>
      <c r="Q21114" s="5" t="s">
        <v>40</v>
      </c>
      <c r="R21114" s="5" t="s">
        <v>67958</v>
      </c>
      <c r="S21114" s="5" t="s">
        <v>40</v>
      </c>
      <c r="T21114" s="5" t="s">
        <v>42</v>
      </c>
      <c r="U21114" s="2">
        <v>7.7590000000000003</v>
      </c>
      <c r="V21114" s="2">
        <v>5.9749999999999996</v>
      </c>
      <c r="W21114" s="2">
        <v>7.8E-2</v>
      </c>
      <c r="X21114" s="2">
        <v>125</v>
      </c>
      <c r="Y21114" s="2">
        <v>26.5</v>
      </c>
      <c r="Z21114" s="2">
        <v>23.5</v>
      </c>
      <c r="AA21114" s="5">
        <v>16</v>
      </c>
      <c r="AB21114" s="5" t="s">
        <v>43</v>
      </c>
      <c r="AC21114" s="5" t="s">
        <v>44</v>
      </c>
      <c r="AD21114" s="2" t="s">
        <v>68177</v>
      </c>
      <c r="AE21114" s="1"/>
    </row>
    <row r="21115" spans="1:31" ht="14.45">
      <c r="A21115" s="11"/>
      <c r="B21115" s="20"/>
      <c r="C21115" s="2" t="s">
        <v>68181</v>
      </c>
      <c r="D21115" s="14" t="s">
        <v>68182</v>
      </c>
      <c r="E21115" s="2" t="s">
        <v>68183</v>
      </c>
      <c r="F21115" s="2" t="s">
        <v>1531</v>
      </c>
      <c r="G21115" s="8">
        <v>303</v>
      </c>
      <c r="H21115" s="5">
        <v>5</v>
      </c>
      <c r="I21115" s="5" t="s">
        <v>1518</v>
      </c>
      <c r="J21115" s="5" t="s">
        <v>67956</v>
      </c>
      <c r="K21115" s="2" t="s">
        <v>67957</v>
      </c>
      <c r="L21115" s="5" t="s">
        <v>67956</v>
      </c>
      <c r="M21115" s="2" t="s">
        <v>67957</v>
      </c>
      <c r="N21115" s="5" t="s">
        <v>19227</v>
      </c>
      <c r="O21115" s="5" t="s">
        <v>38</v>
      </c>
      <c r="P21115" s="5" t="s">
        <v>39</v>
      </c>
      <c r="Q21115" s="5" t="s">
        <v>40</v>
      </c>
      <c r="R21115" s="5" t="s">
        <v>67958</v>
      </c>
      <c r="S21115" s="5" t="s">
        <v>40</v>
      </c>
      <c r="T21115" s="5" t="s">
        <v>42</v>
      </c>
      <c r="U21115" s="2">
        <v>8.5440000000000005</v>
      </c>
      <c r="V21115" s="2">
        <v>6.5579999999999998</v>
      </c>
      <c r="W21115" s="2">
        <v>0.09</v>
      </c>
      <c r="X21115" s="2">
        <v>145</v>
      </c>
      <c r="Y21115" s="2">
        <v>26.5</v>
      </c>
      <c r="Z21115" s="2">
        <v>23.5</v>
      </c>
      <c r="AA21115" s="5">
        <v>16</v>
      </c>
      <c r="AB21115" s="5" t="s">
        <v>43</v>
      </c>
      <c r="AC21115" s="5" t="s">
        <v>44</v>
      </c>
      <c r="AD21115" s="2" t="s">
        <v>68177</v>
      </c>
      <c r="AE21115" s="1"/>
    </row>
    <row r="21116" spans="1:31" ht="14.45">
      <c r="A21116" s="11"/>
      <c r="B21116" s="20"/>
      <c r="C21116" s="2" t="s">
        <v>68184</v>
      </c>
      <c r="D21116" s="14" t="s">
        <v>68185</v>
      </c>
      <c r="E21116" s="2" t="s">
        <v>68186</v>
      </c>
      <c r="F21116" s="2" t="s">
        <v>1531</v>
      </c>
      <c r="G21116" s="8">
        <v>309</v>
      </c>
      <c r="H21116" s="5">
        <v>7</v>
      </c>
      <c r="I21116" s="5" t="s">
        <v>1518</v>
      </c>
      <c r="J21116" s="5" t="s">
        <v>67956</v>
      </c>
      <c r="K21116" s="2" t="s">
        <v>67957</v>
      </c>
      <c r="L21116" s="5" t="s">
        <v>67956</v>
      </c>
      <c r="M21116" s="2" t="s">
        <v>67957</v>
      </c>
      <c r="N21116" s="5" t="s">
        <v>19227</v>
      </c>
      <c r="O21116" s="5" t="s">
        <v>38</v>
      </c>
      <c r="P21116" s="5" t="s">
        <v>39</v>
      </c>
      <c r="Q21116" s="5" t="s">
        <v>40</v>
      </c>
      <c r="R21116" s="5" t="s">
        <v>67958</v>
      </c>
      <c r="S21116" s="5" t="s">
        <v>40</v>
      </c>
      <c r="T21116" s="5" t="s">
        <v>42</v>
      </c>
      <c r="U21116" s="2">
        <v>8.0990000000000002</v>
      </c>
      <c r="V21116" s="2">
        <v>6.3150000000000004</v>
      </c>
      <c r="W21116" s="2">
        <v>7.8E-2</v>
      </c>
      <c r="X21116" s="2">
        <v>125</v>
      </c>
      <c r="Y21116" s="2">
        <v>26.5</v>
      </c>
      <c r="Z21116" s="2">
        <v>23.5</v>
      </c>
      <c r="AA21116" s="5">
        <v>16</v>
      </c>
      <c r="AB21116" s="5" t="s">
        <v>43</v>
      </c>
      <c r="AC21116" s="5" t="s">
        <v>44</v>
      </c>
      <c r="AD21116" s="2" t="s">
        <v>68177</v>
      </c>
      <c r="AE21116" s="1"/>
    </row>
    <row r="21117" spans="1:31" ht="14.45">
      <c r="A21117" s="11"/>
      <c r="B21117" s="20"/>
      <c r="C21117" s="2" t="s">
        <v>68187</v>
      </c>
      <c r="D21117" s="14" t="s">
        <v>68188</v>
      </c>
      <c r="E21117" s="2" t="s">
        <v>68189</v>
      </c>
      <c r="F21117" s="2" t="s">
        <v>1531</v>
      </c>
      <c r="G21117" s="8">
        <v>326</v>
      </c>
      <c r="H21117" s="5">
        <v>5</v>
      </c>
      <c r="I21117" s="5" t="s">
        <v>1518</v>
      </c>
      <c r="J21117" s="5" t="s">
        <v>67956</v>
      </c>
      <c r="K21117" s="2" t="s">
        <v>67957</v>
      </c>
      <c r="L21117" s="5" t="s">
        <v>67956</v>
      </c>
      <c r="M21117" s="2" t="s">
        <v>67957</v>
      </c>
      <c r="N21117" s="5" t="s">
        <v>19227</v>
      </c>
      <c r="O21117" s="5" t="s">
        <v>38</v>
      </c>
      <c r="P21117" s="5" t="s">
        <v>39</v>
      </c>
      <c r="Q21117" s="5" t="s">
        <v>40</v>
      </c>
      <c r="R21117" s="5" t="s">
        <v>67958</v>
      </c>
      <c r="S21117" s="5" t="s">
        <v>40</v>
      </c>
      <c r="T21117" s="5" t="s">
        <v>42</v>
      </c>
      <c r="U21117" s="2">
        <v>8.8930000000000007</v>
      </c>
      <c r="V21117" s="2">
        <v>6.907</v>
      </c>
      <c r="W21117" s="2">
        <v>0.09</v>
      </c>
      <c r="X21117" s="2">
        <v>145</v>
      </c>
      <c r="Y21117" s="2">
        <v>26.5</v>
      </c>
      <c r="Z21117" s="2">
        <v>23.5</v>
      </c>
      <c r="AA21117" s="5">
        <v>16</v>
      </c>
      <c r="AB21117" s="5" t="s">
        <v>43</v>
      </c>
      <c r="AC21117" s="5" t="s">
        <v>44</v>
      </c>
      <c r="AD21117" s="2" t="s">
        <v>68177</v>
      </c>
      <c r="AE21117" s="1"/>
    </row>
    <row r="21118" spans="1:31" ht="14.45">
      <c r="A21118" s="11"/>
      <c r="B21118" s="20"/>
      <c r="C21118" s="2" t="s">
        <v>68190</v>
      </c>
      <c r="D21118" s="14" t="s">
        <v>68191</v>
      </c>
      <c r="E21118" s="2" t="s">
        <v>68192</v>
      </c>
      <c r="F21118" s="2" t="s">
        <v>1531</v>
      </c>
      <c r="G21118" s="8">
        <v>330</v>
      </c>
      <c r="H21118" s="5">
        <v>5</v>
      </c>
      <c r="I21118" s="5" t="s">
        <v>1518</v>
      </c>
      <c r="J21118" s="5" t="s">
        <v>67956</v>
      </c>
      <c r="K21118" s="2" t="s">
        <v>67957</v>
      </c>
      <c r="L21118" s="5" t="s">
        <v>67956</v>
      </c>
      <c r="M21118" s="2" t="s">
        <v>67957</v>
      </c>
      <c r="N21118" s="5" t="s">
        <v>19227</v>
      </c>
      <c r="O21118" s="5" t="s">
        <v>38</v>
      </c>
      <c r="P21118" s="5" t="s">
        <v>39</v>
      </c>
      <c r="Q21118" s="5" t="s">
        <v>40</v>
      </c>
      <c r="R21118" s="5" t="s">
        <v>67958</v>
      </c>
      <c r="S21118" s="5" t="s">
        <v>40</v>
      </c>
      <c r="T21118" s="5" t="s">
        <v>42</v>
      </c>
      <c r="U21118" s="2">
        <v>9.7539999999999996</v>
      </c>
      <c r="V21118" s="2">
        <v>7.556</v>
      </c>
      <c r="W21118" s="2">
        <v>0.104</v>
      </c>
      <c r="X21118" s="2">
        <v>167.5</v>
      </c>
      <c r="Y21118" s="2">
        <v>26.5</v>
      </c>
      <c r="Z21118" s="2">
        <v>23.5</v>
      </c>
      <c r="AA21118" s="5">
        <v>16</v>
      </c>
      <c r="AB21118" s="5" t="s">
        <v>43</v>
      </c>
      <c r="AC21118" s="5" t="s">
        <v>44</v>
      </c>
      <c r="AD21118" s="2" t="s">
        <v>68177</v>
      </c>
      <c r="AE21118" s="1"/>
    </row>
    <row r="21119" spans="1:31" ht="14.45">
      <c r="A21119" s="11"/>
      <c r="B21119" s="20"/>
      <c r="C21119" s="2" t="s">
        <v>68193</v>
      </c>
      <c r="D21119" s="14" t="s">
        <v>68194</v>
      </c>
      <c r="E21119" s="2" t="s">
        <v>68195</v>
      </c>
      <c r="F21119" s="2" t="s">
        <v>1531</v>
      </c>
      <c r="G21119" s="8">
        <v>323</v>
      </c>
      <c r="H21119" s="5">
        <v>5</v>
      </c>
      <c r="I21119" s="5" t="s">
        <v>1518</v>
      </c>
      <c r="J21119" s="5" t="s">
        <v>67956</v>
      </c>
      <c r="K21119" s="2" t="s">
        <v>67957</v>
      </c>
      <c r="L21119" s="5" t="s">
        <v>67956</v>
      </c>
      <c r="M21119" s="2" t="s">
        <v>67957</v>
      </c>
      <c r="N21119" s="5" t="s">
        <v>19227</v>
      </c>
      <c r="O21119" s="5" t="s">
        <v>38</v>
      </c>
      <c r="P21119" s="5" t="s">
        <v>39</v>
      </c>
      <c r="Q21119" s="5" t="s">
        <v>40</v>
      </c>
      <c r="R21119" s="5" t="s">
        <v>67958</v>
      </c>
      <c r="S21119" s="5" t="s">
        <v>40</v>
      </c>
      <c r="T21119" s="5" t="s">
        <v>42</v>
      </c>
      <c r="U21119" s="2">
        <v>8.4719999999999995</v>
      </c>
      <c r="V21119" s="2">
        <v>6.6879999999999997</v>
      </c>
      <c r="W21119" s="2">
        <v>7.8E-2</v>
      </c>
      <c r="X21119" s="2">
        <v>125</v>
      </c>
      <c r="Y21119" s="2">
        <v>26.5</v>
      </c>
      <c r="Z21119" s="2">
        <v>23.5</v>
      </c>
      <c r="AA21119" s="5">
        <v>16</v>
      </c>
      <c r="AB21119" s="5" t="s">
        <v>43</v>
      </c>
      <c r="AC21119" s="5" t="s">
        <v>44</v>
      </c>
      <c r="AD21119" s="2" t="s">
        <v>68196</v>
      </c>
      <c r="AE21119" s="1"/>
    </row>
    <row r="21120" spans="1:31" ht="14.45">
      <c r="A21120" s="11"/>
      <c r="B21120" s="20"/>
      <c r="C21120" s="2" t="s">
        <v>68197</v>
      </c>
      <c r="D21120" s="14" t="s">
        <v>68198</v>
      </c>
      <c r="E21120" s="2" t="s">
        <v>68199</v>
      </c>
      <c r="F21120" s="2" t="s">
        <v>1531</v>
      </c>
      <c r="G21120" s="8">
        <v>340</v>
      </c>
      <c r="H21120" s="5">
        <v>5</v>
      </c>
      <c r="I21120" s="5" t="s">
        <v>1518</v>
      </c>
      <c r="J21120" s="5" t="s">
        <v>67956</v>
      </c>
      <c r="K21120" s="2" t="s">
        <v>67957</v>
      </c>
      <c r="L21120" s="5" t="s">
        <v>67956</v>
      </c>
      <c r="M21120" s="2" t="s">
        <v>67957</v>
      </c>
      <c r="N21120" s="5" t="s">
        <v>19227</v>
      </c>
      <c r="O21120" s="5" t="s">
        <v>38</v>
      </c>
      <c r="P21120" s="5" t="s">
        <v>39</v>
      </c>
      <c r="Q21120" s="5" t="s">
        <v>40</v>
      </c>
      <c r="R21120" s="5" t="s">
        <v>67958</v>
      </c>
      <c r="S21120" s="5" t="s">
        <v>40</v>
      </c>
      <c r="T21120" s="5" t="s">
        <v>42</v>
      </c>
      <c r="U21120" s="2">
        <v>9.2750000000000004</v>
      </c>
      <c r="V21120" s="2">
        <v>7.2889999999999997</v>
      </c>
      <c r="W21120" s="2">
        <v>0.09</v>
      </c>
      <c r="X21120" s="2">
        <v>145</v>
      </c>
      <c r="Y21120" s="2">
        <v>26.5</v>
      </c>
      <c r="Z21120" s="2">
        <v>23.5</v>
      </c>
      <c r="AA21120" s="5">
        <v>16</v>
      </c>
      <c r="AB21120" s="5" t="s">
        <v>43</v>
      </c>
      <c r="AC21120" s="5" t="s">
        <v>44</v>
      </c>
      <c r="AD21120" s="2" t="s">
        <v>68196</v>
      </c>
      <c r="AE21120" s="1"/>
    </row>
    <row r="21121" spans="1:31" ht="14.45">
      <c r="A21121" s="11"/>
      <c r="B21121" s="20"/>
      <c r="C21121" s="2" t="s">
        <v>68200</v>
      </c>
      <c r="D21121" s="14" t="s">
        <v>68201</v>
      </c>
      <c r="E21121" s="2" t="s">
        <v>68202</v>
      </c>
      <c r="F21121" s="2" t="s">
        <v>1531</v>
      </c>
      <c r="G21121" s="8">
        <v>357</v>
      </c>
      <c r="H21121" s="5">
        <v>5</v>
      </c>
      <c r="I21121" s="5" t="s">
        <v>1518</v>
      </c>
      <c r="J21121" s="5" t="s">
        <v>67956</v>
      </c>
      <c r="K21121" s="2" t="s">
        <v>67957</v>
      </c>
      <c r="L21121" s="5" t="s">
        <v>67956</v>
      </c>
      <c r="M21121" s="2" t="s">
        <v>67957</v>
      </c>
      <c r="N21121" s="5" t="s">
        <v>19227</v>
      </c>
      <c r="O21121" s="5" t="s">
        <v>38</v>
      </c>
      <c r="P21121" s="5" t="s">
        <v>39</v>
      </c>
      <c r="Q21121" s="5" t="s">
        <v>40</v>
      </c>
      <c r="R21121" s="5" t="s">
        <v>67958</v>
      </c>
      <c r="S21121" s="5" t="s">
        <v>40</v>
      </c>
      <c r="T21121" s="5" t="s">
        <v>42</v>
      </c>
      <c r="U21121" s="2">
        <v>10.151</v>
      </c>
      <c r="V21121" s="2">
        <v>7.9530000000000003</v>
      </c>
      <c r="W21121" s="2">
        <v>0.104</v>
      </c>
      <c r="X21121" s="2">
        <v>167.5</v>
      </c>
      <c r="Y21121" s="2">
        <v>26.5</v>
      </c>
      <c r="Z21121" s="2">
        <v>23.5</v>
      </c>
      <c r="AA21121" s="5">
        <v>16</v>
      </c>
      <c r="AB21121" s="5" t="s">
        <v>43</v>
      </c>
      <c r="AC21121" s="5" t="s">
        <v>44</v>
      </c>
      <c r="AD21121" s="2" t="s">
        <v>68196</v>
      </c>
      <c r="AE21121" s="1"/>
    </row>
    <row r="21122" spans="1:31" ht="14.45">
      <c r="A21122" s="11"/>
      <c r="B21122" s="20"/>
      <c r="C21122" s="2" t="s">
        <v>68203</v>
      </c>
      <c r="D21122" s="14" t="s">
        <v>68204</v>
      </c>
      <c r="E21122" s="2" t="s">
        <v>68205</v>
      </c>
      <c r="F21122" s="2" t="s">
        <v>1531</v>
      </c>
      <c r="G21122" s="8">
        <v>384</v>
      </c>
      <c r="H21122" s="5">
        <v>5</v>
      </c>
      <c r="I21122" s="5" t="s">
        <v>1518</v>
      </c>
      <c r="J21122" s="5" t="s">
        <v>67956</v>
      </c>
      <c r="K21122" s="2" t="s">
        <v>67957</v>
      </c>
      <c r="L21122" s="5" t="s">
        <v>67956</v>
      </c>
      <c r="M21122" s="2" t="s">
        <v>67957</v>
      </c>
      <c r="N21122" s="5" t="s">
        <v>19227</v>
      </c>
      <c r="O21122" s="5" t="s">
        <v>38</v>
      </c>
      <c r="P21122" s="5" t="s">
        <v>39</v>
      </c>
      <c r="Q21122" s="5" t="s">
        <v>40</v>
      </c>
      <c r="R21122" s="5" t="s">
        <v>67958</v>
      </c>
      <c r="S21122" s="5" t="s">
        <v>40</v>
      </c>
      <c r="T21122" s="5" t="s">
        <v>42</v>
      </c>
      <c r="U21122" s="2">
        <v>10.946</v>
      </c>
      <c r="V21122" s="2">
        <v>8.5630000000000006</v>
      </c>
      <c r="W21122" s="2">
        <v>0.11700000000000001</v>
      </c>
      <c r="X21122" s="2">
        <v>187.5</v>
      </c>
      <c r="Y21122" s="2">
        <v>26.5</v>
      </c>
      <c r="Z21122" s="2">
        <v>23.5</v>
      </c>
      <c r="AA21122" s="5">
        <v>16</v>
      </c>
      <c r="AB21122" s="5" t="s">
        <v>43</v>
      </c>
      <c r="AC21122" s="5" t="s">
        <v>44</v>
      </c>
      <c r="AD21122" s="2" t="s">
        <v>68196</v>
      </c>
      <c r="AE21122" s="1"/>
    </row>
    <row r="21123" spans="1:31" ht="14.45">
      <c r="A21123" s="11"/>
      <c r="B21123" s="20"/>
      <c r="C21123" s="2" t="s">
        <v>68206</v>
      </c>
      <c r="D21123" s="14" t="s">
        <v>68207</v>
      </c>
      <c r="E21123" s="2" t="s">
        <v>68208</v>
      </c>
      <c r="F21123" s="2" t="s">
        <v>1531</v>
      </c>
      <c r="G21123" s="8">
        <v>432</v>
      </c>
      <c r="H21123" s="5">
        <v>7</v>
      </c>
      <c r="I21123" s="5" t="s">
        <v>1518</v>
      </c>
      <c r="J21123" s="5" t="s">
        <v>67956</v>
      </c>
      <c r="K21123" s="2" t="s">
        <v>67957</v>
      </c>
      <c r="L21123" s="5" t="s">
        <v>67956</v>
      </c>
      <c r="M21123" s="2" t="s">
        <v>67957</v>
      </c>
      <c r="N21123" s="5" t="s">
        <v>19227</v>
      </c>
      <c r="O21123" s="5" t="s">
        <v>38</v>
      </c>
      <c r="P21123" s="5" t="s">
        <v>39</v>
      </c>
      <c r="Q21123" s="5" t="s">
        <v>40</v>
      </c>
      <c r="R21123" s="5" t="s">
        <v>67958</v>
      </c>
      <c r="S21123" s="5" t="s">
        <v>40</v>
      </c>
      <c r="T21123" s="5" t="s">
        <v>42</v>
      </c>
      <c r="U21123" s="2">
        <v>11.709</v>
      </c>
      <c r="V21123" s="2">
        <v>9.1679999999999993</v>
      </c>
      <c r="W21123" s="2">
        <v>0.129</v>
      </c>
      <c r="X21123" s="2">
        <v>207.5</v>
      </c>
      <c r="Y21123" s="2">
        <v>26.5</v>
      </c>
      <c r="Z21123" s="2">
        <v>23.5</v>
      </c>
      <c r="AA21123" s="5">
        <v>16</v>
      </c>
      <c r="AB21123" s="5" t="s">
        <v>43</v>
      </c>
      <c r="AC21123" s="5" t="s">
        <v>44</v>
      </c>
      <c r="AD21123" s="2" t="s">
        <v>68196</v>
      </c>
      <c r="AE21123" s="1"/>
    </row>
    <row r="21124" spans="1:31" ht="14.45">
      <c r="A21124" s="11"/>
      <c r="B21124" s="20"/>
      <c r="C21124" s="2" t="s">
        <v>68209</v>
      </c>
      <c r="D21124" s="14" t="s">
        <v>68210</v>
      </c>
      <c r="E21124" s="2" t="s">
        <v>68211</v>
      </c>
      <c r="F21124" s="2" t="s">
        <v>1531</v>
      </c>
      <c r="G21124" s="8">
        <v>371</v>
      </c>
      <c r="H21124" s="5">
        <v>5</v>
      </c>
      <c r="I21124" s="5" t="s">
        <v>1518</v>
      </c>
      <c r="J21124" s="5" t="s">
        <v>67956</v>
      </c>
      <c r="K21124" s="2" t="s">
        <v>67957</v>
      </c>
      <c r="L21124" s="5" t="s">
        <v>67956</v>
      </c>
      <c r="M21124" s="2" t="s">
        <v>67957</v>
      </c>
      <c r="N21124" s="5" t="s">
        <v>19227</v>
      </c>
      <c r="O21124" s="5" t="s">
        <v>38</v>
      </c>
      <c r="P21124" s="5" t="s">
        <v>39</v>
      </c>
      <c r="Q21124" s="5" t="s">
        <v>40</v>
      </c>
      <c r="R21124" s="5" t="s">
        <v>67958</v>
      </c>
      <c r="S21124" s="5" t="s">
        <v>40</v>
      </c>
      <c r="T21124" s="5" t="s">
        <v>42</v>
      </c>
      <c r="U21124" s="2">
        <v>9.8160000000000007</v>
      </c>
      <c r="V21124" s="2">
        <v>7.8049999999999997</v>
      </c>
      <c r="W21124" s="2">
        <v>0.09</v>
      </c>
      <c r="X21124" s="2">
        <v>145</v>
      </c>
      <c r="Y21124" s="2">
        <v>26.5</v>
      </c>
      <c r="Z21124" s="2">
        <v>23.5</v>
      </c>
      <c r="AA21124" s="5">
        <v>16</v>
      </c>
      <c r="AB21124" s="5" t="s">
        <v>43</v>
      </c>
      <c r="AC21124" s="5" t="s">
        <v>44</v>
      </c>
      <c r="AD21124" s="2" t="s">
        <v>68196</v>
      </c>
      <c r="AE21124" s="1"/>
    </row>
    <row r="21125" spans="1:31" ht="14.45">
      <c r="A21125" s="11"/>
      <c r="B21125" s="20"/>
      <c r="C21125" s="2" t="s">
        <v>68212</v>
      </c>
      <c r="D21125" s="14" t="s">
        <v>68213</v>
      </c>
      <c r="E21125" s="2" t="s">
        <v>68214</v>
      </c>
      <c r="F21125" s="2" t="s">
        <v>1531</v>
      </c>
      <c r="G21125" s="8">
        <v>391</v>
      </c>
      <c r="H21125" s="5">
        <v>5</v>
      </c>
      <c r="I21125" s="5" t="s">
        <v>1518</v>
      </c>
      <c r="J21125" s="5" t="s">
        <v>67956</v>
      </c>
      <c r="K21125" s="2" t="s">
        <v>67957</v>
      </c>
      <c r="L21125" s="5" t="s">
        <v>67956</v>
      </c>
      <c r="M21125" s="2" t="s">
        <v>67957</v>
      </c>
      <c r="N21125" s="5" t="s">
        <v>19227</v>
      </c>
      <c r="O21125" s="5" t="s">
        <v>38</v>
      </c>
      <c r="P21125" s="5" t="s">
        <v>39</v>
      </c>
      <c r="Q21125" s="5" t="s">
        <v>40</v>
      </c>
      <c r="R21125" s="5" t="s">
        <v>67958</v>
      </c>
      <c r="S21125" s="5" t="s">
        <v>40</v>
      </c>
      <c r="T21125" s="5" t="s">
        <v>42</v>
      </c>
      <c r="U21125" s="2">
        <v>10.706</v>
      </c>
      <c r="V21125" s="2">
        <v>8.4830000000000005</v>
      </c>
      <c r="W21125" s="2">
        <v>0.104</v>
      </c>
      <c r="X21125" s="2">
        <v>167.5</v>
      </c>
      <c r="Y21125" s="2">
        <v>26.5</v>
      </c>
      <c r="Z21125" s="2">
        <v>23.5</v>
      </c>
      <c r="AA21125" s="5">
        <v>16</v>
      </c>
      <c r="AB21125" s="5" t="s">
        <v>43</v>
      </c>
      <c r="AC21125" s="5" t="s">
        <v>44</v>
      </c>
      <c r="AD21125" s="2" t="s">
        <v>68196</v>
      </c>
      <c r="AE21125" s="1"/>
    </row>
    <row r="21126" spans="1:31" ht="14.45">
      <c r="A21126" s="11"/>
      <c r="B21126" s="20"/>
      <c r="C21126" s="2" t="s">
        <v>68215</v>
      </c>
      <c r="D21126" s="14" t="s">
        <v>68216</v>
      </c>
      <c r="E21126" s="2" t="s">
        <v>68217</v>
      </c>
      <c r="F21126" s="2" t="s">
        <v>1531</v>
      </c>
      <c r="G21126" s="8">
        <v>418</v>
      </c>
      <c r="H21126" s="5">
        <v>5</v>
      </c>
      <c r="I21126" s="5" t="s">
        <v>1518</v>
      </c>
      <c r="J21126" s="5" t="s">
        <v>67956</v>
      </c>
      <c r="K21126" s="2" t="s">
        <v>67957</v>
      </c>
      <c r="L21126" s="5" t="s">
        <v>67956</v>
      </c>
      <c r="M21126" s="2" t="s">
        <v>67957</v>
      </c>
      <c r="N21126" s="5" t="s">
        <v>19227</v>
      </c>
      <c r="O21126" s="5" t="s">
        <v>38</v>
      </c>
      <c r="P21126" s="5" t="s">
        <v>39</v>
      </c>
      <c r="Q21126" s="5" t="s">
        <v>40</v>
      </c>
      <c r="R21126" s="5" t="s">
        <v>67958</v>
      </c>
      <c r="S21126" s="5" t="s">
        <v>40</v>
      </c>
      <c r="T21126" s="5" t="s">
        <v>42</v>
      </c>
      <c r="U21126" s="2">
        <v>11.509</v>
      </c>
      <c r="V21126" s="2">
        <v>9.1010000000000009</v>
      </c>
      <c r="W21126" s="2">
        <v>0.11700000000000001</v>
      </c>
      <c r="X21126" s="2">
        <v>187.5</v>
      </c>
      <c r="Y21126" s="2">
        <v>26.5</v>
      </c>
      <c r="Z21126" s="2">
        <v>23.5</v>
      </c>
      <c r="AA21126" s="5">
        <v>16</v>
      </c>
      <c r="AB21126" s="5" t="s">
        <v>43</v>
      </c>
      <c r="AC21126" s="5" t="s">
        <v>44</v>
      </c>
      <c r="AD21126" s="2" t="s">
        <v>68196</v>
      </c>
      <c r="AE21126" s="1"/>
    </row>
    <row r="21127" spans="1:31" ht="14.45">
      <c r="A21127" s="11"/>
      <c r="B21127" s="20"/>
      <c r="C21127" s="2" t="s">
        <v>68218</v>
      </c>
      <c r="D21127" s="14" t="s">
        <v>68219</v>
      </c>
      <c r="E21127" s="2" t="s">
        <v>68220</v>
      </c>
      <c r="F21127" s="2" t="s">
        <v>1531</v>
      </c>
      <c r="G21127" s="8">
        <v>405</v>
      </c>
      <c r="H21127" s="5">
        <v>5</v>
      </c>
      <c r="I21127" s="5" t="s">
        <v>1518</v>
      </c>
      <c r="J21127" s="5" t="s">
        <v>67956</v>
      </c>
      <c r="K21127" s="2" t="s">
        <v>67957</v>
      </c>
      <c r="L21127" s="5" t="s">
        <v>67956</v>
      </c>
      <c r="M21127" s="2" t="s">
        <v>67957</v>
      </c>
      <c r="N21127" s="5" t="s">
        <v>19227</v>
      </c>
      <c r="O21127" s="5" t="s">
        <v>38</v>
      </c>
      <c r="P21127" s="5" t="s">
        <v>39</v>
      </c>
      <c r="Q21127" s="5" t="s">
        <v>40</v>
      </c>
      <c r="R21127" s="5" t="s">
        <v>67958</v>
      </c>
      <c r="S21127" s="5" t="s">
        <v>40</v>
      </c>
      <c r="T21127" s="5" t="s">
        <v>42</v>
      </c>
      <c r="U21127" s="2">
        <v>10.445</v>
      </c>
      <c r="V21127" s="2">
        <v>8.4339999999999993</v>
      </c>
      <c r="W21127" s="2">
        <v>0.09</v>
      </c>
      <c r="X21127" s="2">
        <v>145</v>
      </c>
      <c r="Y21127" s="2">
        <v>26.5</v>
      </c>
      <c r="Z21127" s="2">
        <v>23.5</v>
      </c>
      <c r="AA21127" s="5">
        <v>16</v>
      </c>
      <c r="AB21127" s="5" t="s">
        <v>43</v>
      </c>
      <c r="AC21127" s="5" t="s">
        <v>44</v>
      </c>
      <c r="AD21127" s="2" t="s">
        <v>68196</v>
      </c>
      <c r="AE21127" s="1"/>
    </row>
    <row r="21128" spans="1:31" ht="14.45">
      <c r="A21128" s="11"/>
      <c r="B21128" s="20"/>
      <c r="C21128" s="2" t="s">
        <v>68221</v>
      </c>
      <c r="D21128" s="14" t="s">
        <v>68222</v>
      </c>
      <c r="E21128" s="2" t="s">
        <v>68223</v>
      </c>
      <c r="F21128" s="2" t="s">
        <v>1531</v>
      </c>
      <c r="G21128" s="8">
        <v>428</v>
      </c>
      <c r="H21128" s="5">
        <v>5</v>
      </c>
      <c r="I21128" s="5" t="s">
        <v>1518</v>
      </c>
      <c r="J21128" s="5" t="s">
        <v>67956</v>
      </c>
      <c r="K21128" s="2" t="s">
        <v>67957</v>
      </c>
      <c r="L21128" s="5" t="s">
        <v>67956</v>
      </c>
      <c r="M21128" s="2" t="s">
        <v>67957</v>
      </c>
      <c r="N21128" s="5" t="s">
        <v>19227</v>
      </c>
      <c r="O21128" s="5" t="s">
        <v>38</v>
      </c>
      <c r="P21128" s="5" t="s">
        <v>39</v>
      </c>
      <c r="Q21128" s="5" t="s">
        <v>40</v>
      </c>
      <c r="R21128" s="5" t="s">
        <v>67958</v>
      </c>
      <c r="S21128" s="5" t="s">
        <v>40</v>
      </c>
      <c r="T21128" s="5" t="s">
        <v>42</v>
      </c>
      <c r="U21128" s="2">
        <v>11.345000000000001</v>
      </c>
      <c r="V21128" s="2">
        <v>9.1219999999999999</v>
      </c>
      <c r="W21128" s="2">
        <v>0.104</v>
      </c>
      <c r="X21128" s="2">
        <v>167.5</v>
      </c>
      <c r="Y21128" s="2">
        <v>26.5</v>
      </c>
      <c r="Z21128" s="2">
        <v>23.5</v>
      </c>
      <c r="AA21128" s="5">
        <v>16</v>
      </c>
      <c r="AB21128" s="5" t="s">
        <v>43</v>
      </c>
      <c r="AC21128" s="5" t="s">
        <v>44</v>
      </c>
      <c r="AD21128" s="2" t="s">
        <v>68196</v>
      </c>
      <c r="AE21128" s="1"/>
    </row>
    <row r="21129" spans="1:31" ht="14.45">
      <c r="A21129" s="11"/>
      <c r="B21129" s="20"/>
      <c r="C21129" s="2" t="s">
        <v>68224</v>
      </c>
      <c r="D21129" s="14" t="s">
        <v>68225</v>
      </c>
      <c r="E21129" s="2" t="s">
        <v>68226</v>
      </c>
      <c r="F21129" s="2" t="s">
        <v>1531</v>
      </c>
      <c r="G21129" s="8">
        <v>452</v>
      </c>
      <c r="H21129" s="5">
        <v>5</v>
      </c>
      <c r="I21129" s="5" t="s">
        <v>1518</v>
      </c>
      <c r="J21129" s="5" t="s">
        <v>67956</v>
      </c>
      <c r="K21129" s="2" t="s">
        <v>67957</v>
      </c>
      <c r="L21129" s="5" t="s">
        <v>67956</v>
      </c>
      <c r="M21129" s="2" t="s">
        <v>67957</v>
      </c>
      <c r="N21129" s="5" t="s">
        <v>19227</v>
      </c>
      <c r="O21129" s="5" t="s">
        <v>38</v>
      </c>
      <c r="P21129" s="5" t="s">
        <v>39</v>
      </c>
      <c r="Q21129" s="5" t="s">
        <v>40</v>
      </c>
      <c r="R21129" s="5" t="s">
        <v>67958</v>
      </c>
      <c r="S21129" s="5" t="s">
        <v>40</v>
      </c>
      <c r="T21129" s="5" t="s">
        <v>42</v>
      </c>
      <c r="U21129" s="2">
        <v>12.161</v>
      </c>
      <c r="V21129" s="2">
        <v>9.7530000000000001</v>
      </c>
      <c r="W21129" s="2">
        <v>0.11700000000000001</v>
      </c>
      <c r="X21129" s="2">
        <v>187.5</v>
      </c>
      <c r="Y21129" s="2">
        <v>26.5</v>
      </c>
      <c r="Z21129" s="2">
        <v>23.5</v>
      </c>
      <c r="AA21129" s="5">
        <v>16</v>
      </c>
      <c r="AB21129" s="5" t="s">
        <v>43</v>
      </c>
      <c r="AC21129" s="5" t="s">
        <v>44</v>
      </c>
      <c r="AD21129" s="2" t="s">
        <v>68196</v>
      </c>
      <c r="AE21129" s="1"/>
    </row>
    <row r="21130" spans="1:31" ht="14.45">
      <c r="A21130" s="11"/>
      <c r="B21130" s="20"/>
      <c r="C21130" s="2" t="s">
        <v>68227</v>
      </c>
      <c r="D21130" s="14" t="s">
        <v>68228</v>
      </c>
      <c r="E21130" s="2" t="s">
        <v>68229</v>
      </c>
      <c r="F21130" s="2" t="s">
        <v>1531</v>
      </c>
      <c r="G21130" s="8">
        <v>435</v>
      </c>
      <c r="H21130" s="5">
        <v>5</v>
      </c>
      <c r="I21130" s="5" t="s">
        <v>1518</v>
      </c>
      <c r="J21130" s="5" t="s">
        <v>67956</v>
      </c>
      <c r="K21130" s="2" t="s">
        <v>67957</v>
      </c>
      <c r="L21130" s="5" t="s">
        <v>67956</v>
      </c>
      <c r="M21130" s="2" t="s">
        <v>67957</v>
      </c>
      <c r="N21130" s="5" t="s">
        <v>19227</v>
      </c>
      <c r="O21130" s="5" t="s">
        <v>38</v>
      </c>
      <c r="P21130" s="5" t="s">
        <v>39</v>
      </c>
      <c r="Q21130" s="5" t="s">
        <v>40</v>
      </c>
      <c r="R21130" s="5" t="s">
        <v>67958</v>
      </c>
      <c r="S21130" s="5" t="s">
        <v>40</v>
      </c>
      <c r="T21130" s="5" t="s">
        <v>42</v>
      </c>
      <c r="U21130" s="2">
        <v>10.74</v>
      </c>
      <c r="V21130" s="2">
        <v>8.4689999999999994</v>
      </c>
      <c r="W21130" s="2">
        <v>0.104</v>
      </c>
      <c r="X21130" s="2">
        <v>167.5</v>
      </c>
      <c r="Y21130" s="2">
        <v>26.5</v>
      </c>
      <c r="Z21130" s="2">
        <v>23.5</v>
      </c>
      <c r="AA21130" s="5">
        <v>16</v>
      </c>
      <c r="AB21130" s="5" t="s">
        <v>43</v>
      </c>
      <c r="AC21130" s="5" t="s">
        <v>44</v>
      </c>
      <c r="AD21130" s="2" t="s">
        <v>68196</v>
      </c>
      <c r="AE21130" s="1"/>
    </row>
    <row r="21131" spans="1:31" ht="14.45">
      <c r="A21131" s="11"/>
      <c r="B21131" s="20"/>
      <c r="C21131" s="2" t="s">
        <v>68230</v>
      </c>
      <c r="D21131" s="14" t="s">
        <v>68231</v>
      </c>
      <c r="E21131" s="2" t="s">
        <v>68232</v>
      </c>
      <c r="F21131" s="2" t="s">
        <v>1531</v>
      </c>
      <c r="G21131" s="8">
        <v>469</v>
      </c>
      <c r="H21131" s="5">
        <v>5</v>
      </c>
      <c r="I21131" s="5" t="s">
        <v>1518</v>
      </c>
      <c r="J21131" s="5" t="s">
        <v>67956</v>
      </c>
      <c r="K21131" s="2" t="s">
        <v>67957</v>
      </c>
      <c r="L21131" s="5" t="s">
        <v>67956</v>
      </c>
      <c r="M21131" s="2" t="s">
        <v>67957</v>
      </c>
      <c r="N21131" s="5" t="s">
        <v>19227</v>
      </c>
      <c r="O21131" s="5" t="s">
        <v>38</v>
      </c>
      <c r="P21131" s="5" t="s">
        <v>39</v>
      </c>
      <c r="Q21131" s="5" t="s">
        <v>40</v>
      </c>
      <c r="R21131" s="5" t="s">
        <v>67958</v>
      </c>
      <c r="S21131" s="5" t="s">
        <v>40</v>
      </c>
      <c r="T21131" s="5" t="s">
        <v>42</v>
      </c>
      <c r="U21131" s="2">
        <v>12.085000000000001</v>
      </c>
      <c r="V21131" s="2">
        <v>9.8030000000000008</v>
      </c>
      <c r="W21131" s="2">
        <v>0.104</v>
      </c>
      <c r="X21131" s="2">
        <v>167.5</v>
      </c>
      <c r="Y21131" s="2">
        <v>26.5</v>
      </c>
      <c r="Z21131" s="2">
        <v>23.5</v>
      </c>
      <c r="AA21131" s="5">
        <v>16</v>
      </c>
      <c r="AB21131" s="5" t="s">
        <v>43</v>
      </c>
      <c r="AC21131" s="5" t="s">
        <v>44</v>
      </c>
      <c r="AD21131" s="2" t="s">
        <v>68196</v>
      </c>
      <c r="AE21131" s="1"/>
    </row>
    <row r="21132" spans="1:31" ht="14.45">
      <c r="A21132" s="11"/>
      <c r="B21132" s="20"/>
      <c r="C21132" s="2" t="s">
        <v>68233</v>
      </c>
      <c r="D21132" s="14" t="s">
        <v>68234</v>
      </c>
      <c r="E21132" s="2" t="s">
        <v>68235</v>
      </c>
      <c r="F21132" s="2" t="s">
        <v>1531</v>
      </c>
      <c r="G21132" s="8">
        <v>496</v>
      </c>
      <c r="H21132" s="5">
        <v>5</v>
      </c>
      <c r="I21132" s="5" t="s">
        <v>1518</v>
      </c>
      <c r="J21132" s="5" t="s">
        <v>67956</v>
      </c>
      <c r="K21132" s="2" t="s">
        <v>67957</v>
      </c>
      <c r="L21132" s="5" t="s">
        <v>67956</v>
      </c>
      <c r="M21132" s="2" t="s">
        <v>67957</v>
      </c>
      <c r="N21132" s="5" t="s">
        <v>19227</v>
      </c>
      <c r="O21132" s="5" t="s">
        <v>38</v>
      </c>
      <c r="P21132" s="5" t="s">
        <v>39</v>
      </c>
      <c r="Q21132" s="5" t="s">
        <v>40</v>
      </c>
      <c r="R21132" s="5" t="s">
        <v>67958</v>
      </c>
      <c r="S21132" s="5" t="s">
        <v>40</v>
      </c>
      <c r="T21132" s="5" t="s">
        <v>42</v>
      </c>
      <c r="U21132" s="2">
        <v>12.911</v>
      </c>
      <c r="V21132" s="2">
        <v>10.444000000000001</v>
      </c>
      <c r="W21132" s="2">
        <v>0.11700000000000001</v>
      </c>
      <c r="X21132" s="2">
        <v>187.5</v>
      </c>
      <c r="Y21132" s="2">
        <v>26.5</v>
      </c>
      <c r="Z21132" s="2">
        <v>23.5</v>
      </c>
      <c r="AA21132" s="5">
        <v>16</v>
      </c>
      <c r="AB21132" s="5" t="s">
        <v>43</v>
      </c>
      <c r="AC21132" s="5" t="s">
        <v>44</v>
      </c>
      <c r="AD21132" s="2" t="s">
        <v>68196</v>
      </c>
      <c r="AE21132" s="1"/>
    </row>
    <row r="21133" spans="1:31" ht="14.45">
      <c r="A21133" s="11"/>
      <c r="B21133" s="20"/>
      <c r="C21133" s="2" t="s">
        <v>68236</v>
      </c>
      <c r="D21133" s="14" t="s">
        <v>68237</v>
      </c>
      <c r="E21133" s="2" t="s">
        <v>68238</v>
      </c>
      <c r="F21133" s="2" t="s">
        <v>1531</v>
      </c>
      <c r="G21133" s="8">
        <v>279</v>
      </c>
      <c r="H21133" s="5">
        <v>15</v>
      </c>
      <c r="I21133" s="5" t="s">
        <v>1518</v>
      </c>
      <c r="J21133" s="5" t="s">
        <v>67956</v>
      </c>
      <c r="K21133" s="2" t="s">
        <v>67957</v>
      </c>
      <c r="L21133" s="5" t="s">
        <v>67956</v>
      </c>
      <c r="M21133" s="2" t="s">
        <v>67957</v>
      </c>
      <c r="N21133" s="5" t="s">
        <v>19227</v>
      </c>
      <c r="O21133" s="5" t="s">
        <v>38</v>
      </c>
      <c r="P21133" s="5" t="s">
        <v>39</v>
      </c>
      <c r="Q21133" s="5" t="s">
        <v>40</v>
      </c>
      <c r="R21133" s="5" t="s">
        <v>67958</v>
      </c>
      <c r="S21133" s="5" t="s">
        <v>40</v>
      </c>
      <c r="T21133" s="5" t="s">
        <v>42</v>
      </c>
      <c r="U21133" s="2">
        <v>7.327</v>
      </c>
      <c r="V21133" s="2">
        <v>5.5609999999999999</v>
      </c>
      <c r="W21133" s="2">
        <v>7.8E-2</v>
      </c>
      <c r="X21133" s="2">
        <v>125</v>
      </c>
      <c r="Y21133" s="2">
        <v>26.5</v>
      </c>
      <c r="Z21133" s="2">
        <v>23.5</v>
      </c>
      <c r="AA21133" s="5">
        <v>16</v>
      </c>
      <c r="AB21133" s="5" t="s">
        <v>43</v>
      </c>
      <c r="AC21133" s="5" t="s">
        <v>44</v>
      </c>
      <c r="AD21133" s="2" t="s">
        <v>68239</v>
      </c>
      <c r="AE21133" s="1"/>
    </row>
    <row r="21134" spans="1:31" ht="14.45">
      <c r="A21134" s="11"/>
      <c r="B21134" s="20"/>
      <c r="C21134" s="2" t="s">
        <v>68240</v>
      </c>
      <c r="D21134" s="14" t="s">
        <v>68241</v>
      </c>
      <c r="E21134" s="2" t="s">
        <v>68242</v>
      </c>
      <c r="F21134" s="2" t="s">
        <v>1531</v>
      </c>
      <c r="G21134" s="8">
        <v>292</v>
      </c>
      <c r="H21134" s="5">
        <v>15</v>
      </c>
      <c r="I21134" s="5" t="s">
        <v>1518</v>
      </c>
      <c r="J21134" s="5" t="s">
        <v>67956</v>
      </c>
      <c r="K21134" s="2" t="s">
        <v>67957</v>
      </c>
      <c r="L21134" s="5" t="s">
        <v>67956</v>
      </c>
      <c r="M21134" s="2" t="s">
        <v>67957</v>
      </c>
      <c r="N21134" s="5" t="s">
        <v>19227</v>
      </c>
      <c r="O21134" s="5" t="s">
        <v>38</v>
      </c>
      <c r="P21134" s="5" t="s">
        <v>39</v>
      </c>
      <c r="Q21134" s="5" t="s">
        <v>40</v>
      </c>
      <c r="R21134" s="5" t="s">
        <v>67958</v>
      </c>
      <c r="S21134" s="5" t="s">
        <v>40</v>
      </c>
      <c r="T21134" s="5" t="s">
        <v>42</v>
      </c>
      <c r="U21134" s="2">
        <v>7.8470000000000004</v>
      </c>
      <c r="V21134" s="2">
        <v>5.8789999999999996</v>
      </c>
      <c r="W21134" s="2">
        <v>0.09</v>
      </c>
      <c r="X21134" s="2">
        <v>145</v>
      </c>
      <c r="Y21134" s="2">
        <v>26.5</v>
      </c>
      <c r="Z21134" s="2">
        <v>23.5</v>
      </c>
      <c r="AA21134" s="5">
        <v>16</v>
      </c>
      <c r="AB21134" s="5" t="s">
        <v>43</v>
      </c>
      <c r="AC21134" s="5" t="s">
        <v>44</v>
      </c>
      <c r="AD21134" s="2" t="s">
        <v>68239</v>
      </c>
      <c r="AE21134" s="1"/>
    </row>
    <row r="21135" spans="1:31" ht="14.45">
      <c r="A21135" s="11"/>
      <c r="B21135" s="20"/>
      <c r="C21135" s="2" t="s">
        <v>68243</v>
      </c>
      <c r="D21135" s="14" t="s">
        <v>68244</v>
      </c>
      <c r="E21135" s="2" t="s">
        <v>68245</v>
      </c>
      <c r="F21135" s="2" t="s">
        <v>1531</v>
      </c>
      <c r="G21135" s="8">
        <v>309</v>
      </c>
      <c r="H21135" s="5">
        <v>15</v>
      </c>
      <c r="I21135" s="5" t="s">
        <v>1518</v>
      </c>
      <c r="J21135" s="5" t="s">
        <v>67956</v>
      </c>
      <c r="K21135" s="2" t="s">
        <v>67957</v>
      </c>
      <c r="L21135" s="5" t="s">
        <v>67956</v>
      </c>
      <c r="M21135" s="2" t="s">
        <v>67957</v>
      </c>
      <c r="N21135" s="5" t="s">
        <v>19227</v>
      </c>
      <c r="O21135" s="5" t="s">
        <v>38</v>
      </c>
      <c r="P21135" s="5" t="s">
        <v>39</v>
      </c>
      <c r="Q21135" s="5" t="s">
        <v>40</v>
      </c>
      <c r="R21135" s="5" t="s">
        <v>67958</v>
      </c>
      <c r="S21135" s="5" t="s">
        <v>40</v>
      </c>
      <c r="T21135" s="5" t="s">
        <v>42</v>
      </c>
      <c r="U21135" s="2">
        <v>8.1639999999999997</v>
      </c>
      <c r="V21135" s="2">
        <v>6.1959999999999997</v>
      </c>
      <c r="W21135" s="2">
        <v>0.09</v>
      </c>
      <c r="X21135" s="2">
        <v>145</v>
      </c>
      <c r="Y21135" s="2">
        <v>26.5</v>
      </c>
      <c r="Z21135" s="2">
        <v>23.5</v>
      </c>
      <c r="AA21135" s="5">
        <v>16</v>
      </c>
      <c r="AB21135" s="5" t="s">
        <v>43</v>
      </c>
      <c r="AC21135" s="5" t="s">
        <v>44</v>
      </c>
      <c r="AD21135" s="2" t="s">
        <v>68239</v>
      </c>
      <c r="AE21135" s="1"/>
    </row>
    <row r="21136" spans="1:31" ht="14.45">
      <c r="A21136" s="11"/>
      <c r="B21136" s="20"/>
      <c r="C21136" s="2" t="s">
        <v>68246</v>
      </c>
      <c r="D21136" s="14" t="s">
        <v>68247</v>
      </c>
      <c r="E21136" s="2" t="s">
        <v>68248</v>
      </c>
      <c r="F21136" s="2" t="s">
        <v>1531</v>
      </c>
      <c r="G21136" s="8">
        <v>326</v>
      </c>
      <c r="H21136" s="5">
        <v>15</v>
      </c>
      <c r="I21136" s="5" t="s">
        <v>1518</v>
      </c>
      <c r="J21136" s="5" t="s">
        <v>67956</v>
      </c>
      <c r="K21136" s="2" t="s">
        <v>67957</v>
      </c>
      <c r="L21136" s="5" t="s">
        <v>67956</v>
      </c>
      <c r="M21136" s="2" t="s">
        <v>67957</v>
      </c>
      <c r="N21136" s="5" t="s">
        <v>19227</v>
      </c>
      <c r="O21136" s="5" t="s">
        <v>38</v>
      </c>
      <c r="P21136" s="5" t="s">
        <v>39</v>
      </c>
      <c r="Q21136" s="5" t="s">
        <v>40</v>
      </c>
      <c r="R21136" s="5" t="s">
        <v>67958</v>
      </c>
      <c r="S21136" s="5" t="s">
        <v>40</v>
      </c>
      <c r="T21136" s="5" t="s">
        <v>42</v>
      </c>
      <c r="U21136" s="2">
        <v>8.91</v>
      </c>
      <c r="V21136" s="2">
        <v>6.7329999999999997</v>
      </c>
      <c r="W21136" s="2">
        <v>0.104</v>
      </c>
      <c r="X21136" s="2">
        <v>167.5</v>
      </c>
      <c r="Y21136" s="2">
        <v>26.5</v>
      </c>
      <c r="Z21136" s="2">
        <v>23.5</v>
      </c>
      <c r="AA21136" s="5">
        <v>16</v>
      </c>
      <c r="AB21136" s="5" t="s">
        <v>43</v>
      </c>
      <c r="AC21136" s="5" t="s">
        <v>44</v>
      </c>
      <c r="AD21136" s="2" t="s">
        <v>68239</v>
      </c>
      <c r="AE21136" s="1"/>
    </row>
    <row r="21137" spans="1:31" ht="14.45">
      <c r="A21137" s="11"/>
      <c r="B21137" s="20"/>
      <c r="C21137" s="2" t="s">
        <v>68249</v>
      </c>
      <c r="D21137" s="14" t="s">
        <v>68250</v>
      </c>
      <c r="E21137" s="2" t="s">
        <v>68251</v>
      </c>
      <c r="F21137" s="2" t="s">
        <v>1531</v>
      </c>
      <c r="G21137" s="8">
        <v>323</v>
      </c>
      <c r="H21137" s="5">
        <v>15</v>
      </c>
      <c r="I21137" s="5" t="s">
        <v>1518</v>
      </c>
      <c r="J21137" s="5" t="s">
        <v>67956</v>
      </c>
      <c r="K21137" s="2" t="s">
        <v>67957</v>
      </c>
      <c r="L21137" s="5" t="s">
        <v>67956</v>
      </c>
      <c r="M21137" s="2" t="s">
        <v>67957</v>
      </c>
      <c r="N21137" s="5" t="s">
        <v>19227</v>
      </c>
      <c r="O21137" s="5" t="s">
        <v>38</v>
      </c>
      <c r="P21137" s="5" t="s">
        <v>39</v>
      </c>
      <c r="Q21137" s="5" t="s">
        <v>40</v>
      </c>
      <c r="R21137" s="5" t="s">
        <v>67958</v>
      </c>
      <c r="S21137" s="5" t="s">
        <v>40</v>
      </c>
      <c r="T21137" s="5" t="s">
        <v>42</v>
      </c>
      <c r="U21137" s="2">
        <v>8.48</v>
      </c>
      <c r="V21137" s="2">
        <v>6.5119999999999996</v>
      </c>
      <c r="W21137" s="2">
        <v>0.09</v>
      </c>
      <c r="X21137" s="2">
        <v>145</v>
      </c>
      <c r="Y21137" s="2">
        <v>26.5</v>
      </c>
      <c r="Z21137" s="2">
        <v>23.5</v>
      </c>
      <c r="AA21137" s="5">
        <v>16</v>
      </c>
      <c r="AB21137" s="5" t="s">
        <v>43</v>
      </c>
      <c r="AC21137" s="5" t="s">
        <v>44</v>
      </c>
      <c r="AD21137" s="2" t="s">
        <v>68239</v>
      </c>
      <c r="AE21137" s="1"/>
    </row>
    <row r="21138" spans="1:31" ht="14.45">
      <c r="A21138" s="11"/>
      <c r="B21138" s="20"/>
      <c r="C21138" s="2" t="s">
        <v>68252</v>
      </c>
      <c r="D21138" s="14" t="s">
        <v>68253</v>
      </c>
      <c r="E21138" s="2" t="s">
        <v>68254</v>
      </c>
      <c r="F21138" s="2" t="s">
        <v>1531</v>
      </c>
      <c r="G21138" s="8">
        <v>340</v>
      </c>
      <c r="H21138" s="5">
        <v>15</v>
      </c>
      <c r="I21138" s="5" t="s">
        <v>1518</v>
      </c>
      <c r="J21138" s="5" t="s">
        <v>67956</v>
      </c>
      <c r="K21138" s="2" t="s">
        <v>67957</v>
      </c>
      <c r="L21138" s="5" t="s">
        <v>67956</v>
      </c>
      <c r="M21138" s="2" t="s">
        <v>67957</v>
      </c>
      <c r="N21138" s="5" t="s">
        <v>19227</v>
      </c>
      <c r="O21138" s="5" t="s">
        <v>38</v>
      </c>
      <c r="P21138" s="5" t="s">
        <v>39</v>
      </c>
      <c r="Q21138" s="5" t="s">
        <v>40</v>
      </c>
      <c r="R21138" s="5" t="s">
        <v>67958</v>
      </c>
      <c r="S21138" s="5" t="s">
        <v>40</v>
      </c>
      <c r="T21138" s="5" t="s">
        <v>42</v>
      </c>
      <c r="U21138" s="2">
        <v>9.2309999999999999</v>
      </c>
      <c r="V21138" s="2">
        <v>7.0540000000000003</v>
      </c>
      <c r="W21138" s="2">
        <v>0.104</v>
      </c>
      <c r="X21138" s="2">
        <v>167.5</v>
      </c>
      <c r="Y21138" s="2">
        <v>26.5</v>
      </c>
      <c r="Z21138" s="2">
        <v>23.5</v>
      </c>
      <c r="AA21138" s="5">
        <v>16</v>
      </c>
      <c r="AB21138" s="5" t="s">
        <v>43</v>
      </c>
      <c r="AC21138" s="5" t="s">
        <v>44</v>
      </c>
      <c r="AD21138" s="2" t="s">
        <v>68239</v>
      </c>
      <c r="AE21138" s="1"/>
    </row>
    <row r="21139" spans="1:31" ht="14.45">
      <c r="A21139" s="11"/>
      <c r="B21139" s="20"/>
      <c r="C21139" s="2" t="s">
        <v>68255</v>
      </c>
      <c r="D21139" s="14" t="s">
        <v>68256</v>
      </c>
      <c r="E21139" s="2" t="s">
        <v>68257</v>
      </c>
      <c r="F21139" s="2" t="s">
        <v>1531</v>
      </c>
      <c r="G21139" s="8">
        <v>357</v>
      </c>
      <c r="H21139" s="5">
        <v>15</v>
      </c>
      <c r="I21139" s="5" t="s">
        <v>1518</v>
      </c>
      <c r="J21139" s="5" t="s">
        <v>67956</v>
      </c>
      <c r="K21139" s="2" t="s">
        <v>67957</v>
      </c>
      <c r="L21139" s="5" t="s">
        <v>67956</v>
      </c>
      <c r="M21139" s="2" t="s">
        <v>67957</v>
      </c>
      <c r="N21139" s="5" t="s">
        <v>19227</v>
      </c>
      <c r="O21139" s="5" t="s">
        <v>38</v>
      </c>
      <c r="P21139" s="5" t="s">
        <v>39</v>
      </c>
      <c r="Q21139" s="5" t="s">
        <v>40</v>
      </c>
      <c r="R21139" s="5" t="s">
        <v>67958</v>
      </c>
      <c r="S21139" s="5" t="s">
        <v>40</v>
      </c>
      <c r="T21139" s="5" t="s">
        <v>42</v>
      </c>
      <c r="U21139" s="2">
        <v>8.1859999999999999</v>
      </c>
      <c r="V21139" s="2">
        <v>7.5949999999999998</v>
      </c>
      <c r="W21139" s="2">
        <v>0.104</v>
      </c>
      <c r="X21139" s="2">
        <v>167.5</v>
      </c>
      <c r="Y21139" s="2">
        <v>26.5</v>
      </c>
      <c r="Z21139" s="2">
        <v>23.5</v>
      </c>
      <c r="AA21139" s="5">
        <v>16</v>
      </c>
      <c r="AB21139" s="5" t="s">
        <v>43</v>
      </c>
      <c r="AC21139" s="5" t="s">
        <v>44</v>
      </c>
      <c r="AD21139" s="2" t="s">
        <v>68239</v>
      </c>
      <c r="AE21139" s="1"/>
    </row>
    <row r="21140" spans="1:31" ht="14.45">
      <c r="A21140" s="11"/>
      <c r="B21140" s="20"/>
      <c r="C21140" s="2" t="s">
        <v>68258</v>
      </c>
      <c r="D21140" s="14" t="s">
        <v>68259</v>
      </c>
      <c r="E21140" s="2" t="s">
        <v>68260</v>
      </c>
      <c r="F21140" s="2" t="s">
        <v>1531</v>
      </c>
      <c r="G21140" s="8">
        <v>371</v>
      </c>
      <c r="H21140" s="5">
        <v>15</v>
      </c>
      <c r="I21140" s="5" t="s">
        <v>1518</v>
      </c>
      <c r="J21140" s="5" t="s">
        <v>67956</v>
      </c>
      <c r="K21140" s="2" t="s">
        <v>67957</v>
      </c>
      <c r="L21140" s="5" t="s">
        <v>67956</v>
      </c>
      <c r="M21140" s="2" t="s">
        <v>67957</v>
      </c>
      <c r="N21140" s="5" t="s">
        <v>19227</v>
      </c>
      <c r="O21140" s="5" t="s">
        <v>38</v>
      </c>
      <c r="P21140" s="5" t="s">
        <v>39</v>
      </c>
      <c r="Q21140" s="5" t="s">
        <v>40</v>
      </c>
      <c r="R21140" s="5" t="s">
        <v>67958</v>
      </c>
      <c r="S21140" s="5" t="s">
        <v>40</v>
      </c>
      <c r="T21140" s="5" t="s">
        <v>42</v>
      </c>
      <c r="U21140" s="2">
        <v>9.8130000000000006</v>
      </c>
      <c r="V21140" s="2">
        <v>7.6109999999999998</v>
      </c>
      <c r="W21140" s="2">
        <v>0.104</v>
      </c>
      <c r="X21140" s="2">
        <v>167.5</v>
      </c>
      <c r="Y21140" s="2">
        <v>26.5</v>
      </c>
      <c r="Z21140" s="2">
        <v>23.5</v>
      </c>
      <c r="AA21140" s="5">
        <v>16</v>
      </c>
      <c r="AB21140" s="5" t="s">
        <v>43</v>
      </c>
      <c r="AC21140" s="5" t="s">
        <v>44</v>
      </c>
      <c r="AD21140" s="2" t="s">
        <v>68239</v>
      </c>
      <c r="AE21140" s="1"/>
    </row>
    <row r="21141" spans="1:31" ht="14.45">
      <c r="A21141" s="11"/>
      <c r="B21141" s="20"/>
      <c r="C21141" s="2" t="s">
        <v>68261</v>
      </c>
      <c r="D21141" s="14" t="s">
        <v>68262</v>
      </c>
      <c r="E21141" s="2" t="s">
        <v>68263</v>
      </c>
      <c r="F21141" s="2" t="s">
        <v>1531</v>
      </c>
      <c r="G21141" s="8">
        <v>391</v>
      </c>
      <c r="H21141" s="5">
        <v>15</v>
      </c>
      <c r="I21141" s="5" t="s">
        <v>1518</v>
      </c>
      <c r="J21141" s="5" t="s">
        <v>67956</v>
      </c>
      <c r="K21141" s="2" t="s">
        <v>67957</v>
      </c>
      <c r="L21141" s="5" t="s">
        <v>67956</v>
      </c>
      <c r="M21141" s="2" t="s">
        <v>67957</v>
      </c>
      <c r="N21141" s="5" t="s">
        <v>19227</v>
      </c>
      <c r="O21141" s="5" t="s">
        <v>38</v>
      </c>
      <c r="P21141" s="5" t="s">
        <v>39</v>
      </c>
      <c r="Q21141" s="5" t="s">
        <v>40</v>
      </c>
      <c r="R21141" s="5" t="s">
        <v>67958</v>
      </c>
      <c r="S21141" s="5" t="s">
        <v>40</v>
      </c>
      <c r="T21141" s="5" t="s">
        <v>42</v>
      </c>
      <c r="U21141" s="2">
        <v>8.7789999999999999</v>
      </c>
      <c r="V21141" s="2">
        <v>8.1630000000000003</v>
      </c>
      <c r="W21141" s="2">
        <v>0.104</v>
      </c>
      <c r="X21141" s="2">
        <v>167.5</v>
      </c>
      <c r="Y21141" s="2">
        <v>26.5</v>
      </c>
      <c r="Z21141" s="2">
        <v>23.5</v>
      </c>
      <c r="AA21141" s="5">
        <v>16</v>
      </c>
      <c r="AB21141" s="5" t="s">
        <v>43</v>
      </c>
      <c r="AC21141" s="5" t="s">
        <v>44</v>
      </c>
      <c r="AD21141" s="2" t="s">
        <v>68239</v>
      </c>
      <c r="AE21141" s="1"/>
    </row>
    <row r="21142" spans="1:31" ht="14.45">
      <c r="A21142" s="11"/>
      <c r="B21142" s="20"/>
      <c r="C21142" s="2" t="s">
        <v>68264</v>
      </c>
      <c r="D21142" s="14" t="s">
        <v>68265</v>
      </c>
      <c r="E21142" s="2" t="s">
        <v>68266</v>
      </c>
      <c r="F21142" s="2" t="s">
        <v>1531</v>
      </c>
      <c r="G21142" s="8">
        <v>405</v>
      </c>
      <c r="H21142" s="5">
        <v>15</v>
      </c>
      <c r="I21142" s="5" t="s">
        <v>1518</v>
      </c>
      <c r="J21142" s="5" t="s">
        <v>67956</v>
      </c>
      <c r="K21142" s="2" t="s">
        <v>67957</v>
      </c>
      <c r="L21142" s="5" t="s">
        <v>67956</v>
      </c>
      <c r="M21142" s="2" t="s">
        <v>67957</v>
      </c>
      <c r="N21142" s="5" t="s">
        <v>19227</v>
      </c>
      <c r="O21142" s="5" t="s">
        <v>38</v>
      </c>
      <c r="P21142" s="5" t="s">
        <v>39</v>
      </c>
      <c r="Q21142" s="5" t="s">
        <v>40</v>
      </c>
      <c r="R21142" s="5" t="s">
        <v>67958</v>
      </c>
      <c r="S21142" s="5" t="s">
        <v>40</v>
      </c>
      <c r="T21142" s="5" t="s">
        <v>42</v>
      </c>
      <c r="U21142" s="2">
        <v>10.464</v>
      </c>
      <c r="V21142" s="2">
        <v>8.2620000000000005</v>
      </c>
      <c r="W21142" s="2">
        <v>0.104</v>
      </c>
      <c r="X21142" s="2">
        <v>167.5</v>
      </c>
      <c r="Y21142" s="2">
        <v>26.5</v>
      </c>
      <c r="Z21142" s="2">
        <v>23.5</v>
      </c>
      <c r="AA21142" s="5">
        <v>16</v>
      </c>
      <c r="AB21142" s="5" t="s">
        <v>43</v>
      </c>
      <c r="AC21142" s="5" t="s">
        <v>44</v>
      </c>
      <c r="AD21142" s="2" t="s">
        <v>68239</v>
      </c>
      <c r="AE21142" s="1"/>
    </row>
    <row r="21143" spans="1:31" ht="14.45">
      <c r="A21143" s="11"/>
      <c r="B21143" s="20"/>
      <c r="C21143" s="2" t="s">
        <v>68267</v>
      </c>
      <c r="D21143" s="14" t="s">
        <v>68268</v>
      </c>
      <c r="E21143" s="2" t="s">
        <v>68269</v>
      </c>
      <c r="F21143" s="2" t="s">
        <v>1531</v>
      </c>
      <c r="G21143" s="8">
        <v>428</v>
      </c>
      <c r="H21143" s="5">
        <v>15</v>
      </c>
      <c r="I21143" s="5" t="s">
        <v>1518</v>
      </c>
      <c r="J21143" s="5" t="s">
        <v>67956</v>
      </c>
      <c r="K21143" s="2" t="s">
        <v>67957</v>
      </c>
      <c r="L21143" s="5" t="s">
        <v>67956</v>
      </c>
      <c r="M21143" s="2" t="s">
        <v>67957</v>
      </c>
      <c r="N21143" s="5" t="s">
        <v>19227</v>
      </c>
      <c r="O21143" s="5" t="s">
        <v>38</v>
      </c>
      <c r="P21143" s="5" t="s">
        <v>39</v>
      </c>
      <c r="Q21143" s="5" t="s">
        <v>40</v>
      </c>
      <c r="R21143" s="5" t="s">
        <v>67958</v>
      </c>
      <c r="S21143" s="5" t="s">
        <v>40</v>
      </c>
      <c r="T21143" s="5" t="s">
        <v>42</v>
      </c>
      <c r="U21143" s="2">
        <v>9.4410000000000007</v>
      </c>
      <c r="V21143" s="2">
        <v>8.8249999999999993</v>
      </c>
      <c r="W21143" s="2">
        <v>0.104</v>
      </c>
      <c r="X21143" s="2">
        <v>167.5</v>
      </c>
      <c r="Y21143" s="2">
        <v>26.5</v>
      </c>
      <c r="Z21143" s="2">
        <v>23.5</v>
      </c>
      <c r="AA21143" s="5">
        <v>16</v>
      </c>
      <c r="AB21143" s="5" t="s">
        <v>43</v>
      </c>
      <c r="AC21143" s="5" t="s">
        <v>44</v>
      </c>
      <c r="AD21143" s="2" t="s">
        <v>68239</v>
      </c>
      <c r="AE21143" s="1"/>
    </row>
    <row r="21144" spans="1:31" ht="14.45">
      <c r="A21144" s="11"/>
      <c r="B21144" s="20"/>
      <c r="C21144" s="2" t="s">
        <v>68270</v>
      </c>
      <c r="D21144" s="14" t="s">
        <v>68271</v>
      </c>
      <c r="E21144" s="2" t="s">
        <v>68272</v>
      </c>
      <c r="F21144" s="2" t="s">
        <v>1531</v>
      </c>
      <c r="G21144" s="8">
        <v>452</v>
      </c>
      <c r="H21144" s="5">
        <v>15</v>
      </c>
      <c r="I21144" s="5" t="s">
        <v>1518</v>
      </c>
      <c r="J21144" s="5" t="s">
        <v>67956</v>
      </c>
      <c r="K21144" s="2" t="s">
        <v>67957</v>
      </c>
      <c r="L21144" s="5" t="s">
        <v>67956</v>
      </c>
      <c r="M21144" s="2" t="s">
        <v>67957</v>
      </c>
      <c r="N21144" s="5" t="s">
        <v>19227</v>
      </c>
      <c r="O21144" s="5" t="s">
        <v>38</v>
      </c>
      <c r="P21144" s="5" t="s">
        <v>39</v>
      </c>
      <c r="Q21144" s="5" t="s">
        <v>40</v>
      </c>
      <c r="R21144" s="5" t="s">
        <v>67958</v>
      </c>
      <c r="S21144" s="5" t="s">
        <v>40</v>
      </c>
      <c r="T21144" s="5" t="s">
        <v>42</v>
      </c>
      <c r="U21144" s="2">
        <v>10.493</v>
      </c>
      <c r="V21144" s="2">
        <v>9.8510000000000009</v>
      </c>
      <c r="W21144" s="2">
        <v>0.11700000000000001</v>
      </c>
      <c r="X21144" s="2">
        <v>187.5</v>
      </c>
      <c r="Y21144" s="2">
        <v>26.5</v>
      </c>
      <c r="Z21144" s="2">
        <v>23.5</v>
      </c>
      <c r="AA21144" s="5">
        <v>16</v>
      </c>
      <c r="AB21144" s="5" t="s">
        <v>43</v>
      </c>
      <c r="AC21144" s="5" t="s">
        <v>44</v>
      </c>
      <c r="AD21144" s="2" t="s">
        <v>68239</v>
      </c>
      <c r="AE21144" s="1"/>
    </row>
    <row r="21145" spans="1:31" ht="14.45">
      <c r="A21145" s="11"/>
      <c r="B21145" s="20"/>
      <c r="C21145" s="2" t="s">
        <v>68273</v>
      </c>
      <c r="D21145" s="14" t="s">
        <v>68274</v>
      </c>
      <c r="E21145" s="2" t="s">
        <v>68275</v>
      </c>
      <c r="F21145" s="2" t="s">
        <v>1531</v>
      </c>
      <c r="G21145" s="8">
        <v>469</v>
      </c>
      <c r="H21145" s="5">
        <v>15</v>
      </c>
      <c r="I21145" s="5" t="s">
        <v>1518</v>
      </c>
      <c r="J21145" s="5" t="s">
        <v>67956</v>
      </c>
      <c r="K21145" s="2" t="s">
        <v>67957</v>
      </c>
      <c r="L21145" s="5" t="s">
        <v>67956</v>
      </c>
      <c r="M21145" s="2" t="s">
        <v>67957</v>
      </c>
      <c r="N21145" s="5" t="s">
        <v>19227</v>
      </c>
      <c r="O21145" s="5" t="s">
        <v>38</v>
      </c>
      <c r="P21145" s="5" t="s">
        <v>39</v>
      </c>
      <c r="Q21145" s="5" t="s">
        <v>40</v>
      </c>
      <c r="R21145" s="5" t="s">
        <v>67958</v>
      </c>
      <c r="S21145" s="5" t="s">
        <v>40</v>
      </c>
      <c r="T21145" s="5" t="s">
        <v>42</v>
      </c>
      <c r="U21145" s="2">
        <v>10.134</v>
      </c>
      <c r="V21145" s="2">
        <v>9.4589999999999996</v>
      </c>
      <c r="W21145" s="2">
        <v>0.104</v>
      </c>
      <c r="X21145" s="2">
        <v>167.5</v>
      </c>
      <c r="Y21145" s="2">
        <v>26.5</v>
      </c>
      <c r="Z21145" s="2">
        <v>23.5</v>
      </c>
      <c r="AA21145" s="5">
        <v>16</v>
      </c>
      <c r="AB21145" s="5" t="s">
        <v>43</v>
      </c>
      <c r="AC21145" s="5" t="s">
        <v>44</v>
      </c>
      <c r="AD21145" s="2" t="s">
        <v>68239</v>
      </c>
      <c r="AE21145" s="1"/>
    </row>
    <row r="21146" spans="1:31" ht="14.45">
      <c r="A21146" s="11"/>
      <c r="B21146" s="20"/>
      <c r="C21146" s="2" t="s">
        <v>68276</v>
      </c>
      <c r="D21146" s="14" t="s">
        <v>68277</v>
      </c>
      <c r="E21146" s="2" t="s">
        <v>68278</v>
      </c>
      <c r="F21146" s="2" t="s">
        <v>1531</v>
      </c>
      <c r="G21146" s="8">
        <v>496</v>
      </c>
      <c r="H21146" s="5">
        <v>15</v>
      </c>
      <c r="I21146" s="5" t="s">
        <v>1518</v>
      </c>
      <c r="J21146" s="5" t="s">
        <v>67956</v>
      </c>
      <c r="K21146" s="2" t="s">
        <v>67957</v>
      </c>
      <c r="L21146" s="5" t="s">
        <v>67956</v>
      </c>
      <c r="M21146" s="2" t="s">
        <v>67957</v>
      </c>
      <c r="N21146" s="5" t="s">
        <v>19227</v>
      </c>
      <c r="O21146" s="5" t="s">
        <v>38</v>
      </c>
      <c r="P21146" s="5" t="s">
        <v>39</v>
      </c>
      <c r="Q21146" s="5" t="s">
        <v>40</v>
      </c>
      <c r="R21146" s="5" t="s">
        <v>67958</v>
      </c>
      <c r="S21146" s="5" t="s">
        <v>40</v>
      </c>
      <c r="T21146" s="5" t="s">
        <v>42</v>
      </c>
      <c r="U21146" s="2">
        <v>11.196999999999999</v>
      </c>
      <c r="V21146" s="2">
        <v>10.496</v>
      </c>
      <c r="W21146" s="2">
        <v>0.11700000000000001</v>
      </c>
      <c r="X21146" s="2">
        <v>187.5</v>
      </c>
      <c r="Y21146" s="2">
        <v>26.5</v>
      </c>
      <c r="Z21146" s="2">
        <v>23.5</v>
      </c>
      <c r="AA21146" s="5">
        <v>16</v>
      </c>
      <c r="AB21146" s="5" t="s">
        <v>43</v>
      </c>
      <c r="AC21146" s="5" t="s">
        <v>44</v>
      </c>
      <c r="AD21146" s="2" t="s">
        <v>68239</v>
      </c>
      <c r="AE21146" s="1"/>
    </row>
    <row r="21147" spans="1:31" ht="14.45">
      <c r="A21147" s="11"/>
      <c r="B21147" s="20"/>
      <c r="C21147" s="2" t="s">
        <v>68279</v>
      </c>
      <c r="D21147" s="14" t="s">
        <v>68280</v>
      </c>
      <c r="E21147" s="2" t="s">
        <v>68281</v>
      </c>
      <c r="F21147" s="2" t="s">
        <v>68282</v>
      </c>
      <c r="G21147" s="8">
        <v>978</v>
      </c>
      <c r="H21147" s="5">
        <v>5</v>
      </c>
      <c r="I21147" s="5" t="s">
        <v>1518</v>
      </c>
      <c r="J21147" s="5" t="s">
        <v>67956</v>
      </c>
      <c r="K21147" s="2" t="s">
        <v>67957</v>
      </c>
      <c r="L21147" s="5" t="s">
        <v>67956</v>
      </c>
      <c r="M21147" s="2" t="s">
        <v>67957</v>
      </c>
      <c r="N21147" s="5" t="s">
        <v>19227</v>
      </c>
      <c r="O21147" s="5" t="s">
        <v>38</v>
      </c>
      <c r="P21147" s="5" t="s">
        <v>39</v>
      </c>
      <c r="Q21147" s="5" t="s">
        <v>40</v>
      </c>
      <c r="R21147" s="5" t="s">
        <v>1487</v>
      </c>
      <c r="S21147" s="5"/>
      <c r="T21147" s="5" t="s">
        <v>42</v>
      </c>
      <c r="U21147" s="2">
        <v>0</v>
      </c>
      <c r="V21147" s="2">
        <v>0</v>
      </c>
      <c r="W21147" s="2">
        <v>0</v>
      </c>
      <c r="X21147" s="2">
        <v>0</v>
      </c>
      <c r="Y21147" s="2">
        <v>0</v>
      </c>
      <c r="Z21147" s="2">
        <v>0</v>
      </c>
      <c r="AA21147" s="5"/>
      <c r="AB21147" s="5" t="s">
        <v>43</v>
      </c>
      <c r="AC21147" s="5" t="s">
        <v>44</v>
      </c>
      <c r="AD21147" s="2" t="s">
        <v>68283</v>
      </c>
      <c r="AE21147" s="1"/>
    </row>
    <row r="21148" spans="1:31" ht="14.45">
      <c r="A21148" s="11"/>
      <c r="B21148" s="20"/>
      <c r="C21148" s="2" t="s">
        <v>68284</v>
      </c>
      <c r="D21148" s="14" t="s">
        <v>68285</v>
      </c>
      <c r="E21148" s="2" t="s">
        <v>68286</v>
      </c>
      <c r="F21148" s="2" t="s">
        <v>68282</v>
      </c>
      <c r="G21148" s="8">
        <v>990</v>
      </c>
      <c r="H21148" s="5">
        <v>5</v>
      </c>
      <c r="I21148" s="5" t="s">
        <v>1518</v>
      </c>
      <c r="J21148" s="5" t="s">
        <v>67956</v>
      </c>
      <c r="K21148" s="2" t="s">
        <v>67957</v>
      </c>
      <c r="L21148" s="5" t="s">
        <v>67956</v>
      </c>
      <c r="M21148" s="2" t="s">
        <v>67957</v>
      </c>
      <c r="N21148" s="5" t="s">
        <v>19227</v>
      </c>
      <c r="O21148" s="5" t="s">
        <v>38</v>
      </c>
      <c r="P21148" s="5" t="s">
        <v>39</v>
      </c>
      <c r="Q21148" s="5" t="s">
        <v>40</v>
      </c>
      <c r="R21148" s="5" t="s">
        <v>1487</v>
      </c>
      <c r="S21148" s="5"/>
      <c r="T21148" s="5" t="s">
        <v>42</v>
      </c>
      <c r="U21148" s="2">
        <v>0</v>
      </c>
      <c r="V21148" s="2">
        <v>0</v>
      </c>
      <c r="W21148" s="2">
        <v>0</v>
      </c>
      <c r="X21148" s="2">
        <v>0</v>
      </c>
      <c r="Y21148" s="2">
        <v>0</v>
      </c>
      <c r="Z21148" s="2">
        <v>0</v>
      </c>
      <c r="AA21148" s="5"/>
      <c r="AB21148" s="5" t="s">
        <v>43</v>
      </c>
      <c r="AC21148" s="5" t="s">
        <v>44</v>
      </c>
      <c r="AD21148" s="2" t="s">
        <v>68283</v>
      </c>
      <c r="AE21148" s="1"/>
    </row>
    <row r="21149" spans="1:31" ht="14.45">
      <c r="A21149" s="11"/>
      <c r="B21149" s="20"/>
      <c r="C21149" s="2" t="s">
        <v>68287</v>
      </c>
      <c r="D21149" s="14" t="s">
        <v>68288</v>
      </c>
      <c r="E21149" s="2" t="s">
        <v>68289</v>
      </c>
      <c r="F21149" s="2" t="s">
        <v>68290</v>
      </c>
      <c r="G21149" s="8">
        <v>375</v>
      </c>
      <c r="H21149" s="5">
        <v>6</v>
      </c>
      <c r="I21149" s="5" t="s">
        <v>1518</v>
      </c>
      <c r="J21149" s="5" t="s">
        <v>67956</v>
      </c>
      <c r="K21149" s="2" t="s">
        <v>67957</v>
      </c>
      <c r="L21149" s="5" t="s">
        <v>67956</v>
      </c>
      <c r="M21149" s="2" t="s">
        <v>67957</v>
      </c>
      <c r="N21149" s="5" t="s">
        <v>19227</v>
      </c>
      <c r="O21149" s="5" t="s">
        <v>38</v>
      </c>
      <c r="P21149" s="5" t="s">
        <v>39</v>
      </c>
      <c r="Q21149" s="5" t="s">
        <v>40</v>
      </c>
      <c r="R21149" s="5" t="s">
        <v>67958</v>
      </c>
      <c r="S21149" s="5" t="s">
        <v>40</v>
      </c>
      <c r="T21149" s="5" t="s">
        <v>42</v>
      </c>
      <c r="U21149" s="2">
        <v>6.3460000000000001</v>
      </c>
      <c r="V21149" s="2">
        <v>5.19</v>
      </c>
      <c r="W21149" s="2">
        <v>4.2000000000000003E-2</v>
      </c>
      <c r="X21149" s="2">
        <v>132.19999999999999</v>
      </c>
      <c r="Y21149" s="2">
        <v>24.2</v>
      </c>
      <c r="Z21149" s="2">
        <v>13.1</v>
      </c>
      <c r="AA21149" s="5">
        <v>12</v>
      </c>
      <c r="AB21149" s="5" t="s">
        <v>43</v>
      </c>
      <c r="AC21149" s="5" t="s">
        <v>44</v>
      </c>
      <c r="AD21149" s="2" t="s">
        <v>68291</v>
      </c>
      <c r="AE21149" s="1"/>
    </row>
    <row r="21150" spans="1:31" ht="14.45">
      <c r="A21150" s="11"/>
      <c r="B21150" s="20"/>
      <c r="C21150" s="2" t="s">
        <v>68292</v>
      </c>
      <c r="D21150" s="14" t="s">
        <v>68293</v>
      </c>
      <c r="E21150" s="2" t="s">
        <v>68294</v>
      </c>
      <c r="F21150" s="2" t="s">
        <v>68290</v>
      </c>
      <c r="G21150" s="8">
        <v>392</v>
      </c>
      <c r="H21150" s="5">
        <v>6</v>
      </c>
      <c r="I21150" s="5" t="s">
        <v>1518</v>
      </c>
      <c r="J21150" s="5" t="s">
        <v>67956</v>
      </c>
      <c r="K21150" s="2" t="s">
        <v>67957</v>
      </c>
      <c r="L21150" s="5" t="s">
        <v>67956</v>
      </c>
      <c r="M21150" s="2" t="s">
        <v>67957</v>
      </c>
      <c r="N21150" s="5" t="s">
        <v>19227</v>
      </c>
      <c r="O21150" s="5" t="s">
        <v>38</v>
      </c>
      <c r="P21150" s="5" t="s">
        <v>39</v>
      </c>
      <c r="Q21150" s="5" t="s">
        <v>40</v>
      </c>
      <c r="R21150" s="5" t="s">
        <v>67958</v>
      </c>
      <c r="S21150" s="5" t="s">
        <v>40</v>
      </c>
      <c r="T21150" s="5" t="s">
        <v>42</v>
      </c>
      <c r="U21150" s="2">
        <v>7.452</v>
      </c>
      <c r="V21150" s="2">
        <v>6.34</v>
      </c>
      <c r="W21150" s="2">
        <v>4.2000000000000003E-2</v>
      </c>
      <c r="X21150" s="2">
        <v>132.19999999999999</v>
      </c>
      <c r="Y21150" s="2">
        <v>24.2</v>
      </c>
      <c r="Z21150" s="2">
        <v>13.1</v>
      </c>
      <c r="AA21150" s="5">
        <v>12</v>
      </c>
      <c r="AB21150" s="5" t="s">
        <v>43</v>
      </c>
      <c r="AC21150" s="5" t="s">
        <v>44</v>
      </c>
      <c r="AD21150" s="2" t="s">
        <v>68291</v>
      </c>
      <c r="AE21150" s="1"/>
    </row>
    <row r="21151" spans="1:31" ht="14.45">
      <c r="A21151" s="11"/>
      <c r="B21151" s="20"/>
      <c r="C21151" s="2" t="s">
        <v>68295</v>
      </c>
      <c r="D21151" s="14" t="s">
        <v>68296</v>
      </c>
      <c r="E21151" s="2" t="s">
        <v>68297</v>
      </c>
      <c r="F21151" s="2" t="s">
        <v>68290</v>
      </c>
      <c r="G21151" s="8">
        <v>384</v>
      </c>
      <c r="H21151" s="5">
        <v>6</v>
      </c>
      <c r="I21151" s="5" t="s">
        <v>1518</v>
      </c>
      <c r="J21151" s="5" t="s">
        <v>67956</v>
      </c>
      <c r="K21151" s="2" t="s">
        <v>67957</v>
      </c>
      <c r="L21151" s="5" t="s">
        <v>67956</v>
      </c>
      <c r="M21151" s="2" t="s">
        <v>67957</v>
      </c>
      <c r="N21151" s="5" t="s">
        <v>19227</v>
      </c>
      <c r="O21151" s="5" t="s">
        <v>38</v>
      </c>
      <c r="P21151" s="5" t="s">
        <v>39</v>
      </c>
      <c r="Q21151" s="5" t="s">
        <v>40</v>
      </c>
      <c r="R21151" s="5" t="s">
        <v>67958</v>
      </c>
      <c r="S21151" s="5" t="s">
        <v>40</v>
      </c>
      <c r="T21151" s="5" t="s">
        <v>42</v>
      </c>
      <c r="U21151" s="2">
        <v>7.4550000000000001</v>
      </c>
      <c r="V21151" s="2">
        <v>6.2859999999999996</v>
      </c>
      <c r="W21151" s="2">
        <v>4.2000000000000003E-2</v>
      </c>
      <c r="X21151" s="2">
        <v>132.19999999999999</v>
      </c>
      <c r="Y21151" s="2">
        <v>24.2</v>
      </c>
      <c r="Z21151" s="2">
        <v>13.1</v>
      </c>
      <c r="AA21151" s="5">
        <v>12</v>
      </c>
      <c r="AB21151" s="5" t="s">
        <v>43</v>
      </c>
      <c r="AC21151" s="5" t="s">
        <v>44</v>
      </c>
      <c r="AD21151" s="2" t="s">
        <v>68291</v>
      </c>
      <c r="AE21151" s="1"/>
    </row>
    <row r="21152" spans="1:31" ht="14.45">
      <c r="A21152" s="11"/>
      <c r="B21152" s="20"/>
      <c r="C21152" s="2" t="s">
        <v>68298</v>
      </c>
      <c r="D21152" s="14" t="s">
        <v>68299</v>
      </c>
      <c r="E21152" s="2" t="s">
        <v>68300</v>
      </c>
      <c r="F21152" s="2" t="s">
        <v>68290</v>
      </c>
      <c r="G21152" s="8">
        <v>400</v>
      </c>
      <c r="H21152" s="5">
        <v>6</v>
      </c>
      <c r="I21152" s="5" t="s">
        <v>1518</v>
      </c>
      <c r="J21152" s="5" t="s">
        <v>67956</v>
      </c>
      <c r="K21152" s="2" t="s">
        <v>67957</v>
      </c>
      <c r="L21152" s="5" t="s">
        <v>67956</v>
      </c>
      <c r="M21152" s="2" t="s">
        <v>67957</v>
      </c>
      <c r="N21152" s="5" t="s">
        <v>19227</v>
      </c>
      <c r="O21152" s="5" t="s">
        <v>38</v>
      </c>
      <c r="P21152" s="5" t="s">
        <v>39</v>
      </c>
      <c r="Q21152" s="5" t="s">
        <v>40</v>
      </c>
      <c r="R21152" s="5" t="s">
        <v>67958</v>
      </c>
      <c r="S21152" s="5" t="s">
        <v>40</v>
      </c>
      <c r="T21152" s="5" t="s">
        <v>42</v>
      </c>
      <c r="U21152" s="2">
        <v>8.0180000000000007</v>
      </c>
      <c r="V21152" s="2">
        <v>6.9269999999999996</v>
      </c>
      <c r="W21152" s="2">
        <v>4.2000000000000003E-2</v>
      </c>
      <c r="X21152" s="2">
        <v>132.19999999999999</v>
      </c>
      <c r="Y21152" s="2">
        <v>24.2</v>
      </c>
      <c r="Z21152" s="2">
        <v>13.1</v>
      </c>
      <c r="AA21152" s="5">
        <v>12</v>
      </c>
      <c r="AB21152" s="5" t="s">
        <v>43</v>
      </c>
      <c r="AC21152" s="5" t="s">
        <v>44</v>
      </c>
      <c r="AD21152" s="2" t="s">
        <v>68291</v>
      </c>
      <c r="AE21152" s="1"/>
    </row>
    <row r="21153" spans="1:31" ht="14.45">
      <c r="A21153" s="11"/>
      <c r="B21153" s="20"/>
      <c r="C21153" s="2" t="s">
        <v>68301</v>
      </c>
      <c r="D21153" s="14" t="s">
        <v>68302</v>
      </c>
      <c r="E21153" s="2" t="s">
        <v>68303</v>
      </c>
      <c r="F21153" s="2" t="s">
        <v>68290</v>
      </c>
      <c r="G21153" s="8">
        <v>408</v>
      </c>
      <c r="H21153" s="5">
        <v>6</v>
      </c>
      <c r="I21153" s="5" t="s">
        <v>1518</v>
      </c>
      <c r="J21153" s="5" t="s">
        <v>67956</v>
      </c>
      <c r="K21153" s="2" t="s">
        <v>67957</v>
      </c>
      <c r="L21153" s="5" t="s">
        <v>67956</v>
      </c>
      <c r="M21153" s="2" t="s">
        <v>67957</v>
      </c>
      <c r="N21153" s="5" t="s">
        <v>19227</v>
      </c>
      <c r="O21153" s="5" t="s">
        <v>38</v>
      </c>
      <c r="P21153" s="5" t="s">
        <v>39</v>
      </c>
      <c r="Q21153" s="5" t="s">
        <v>40</v>
      </c>
      <c r="R21153" s="5" t="s">
        <v>67958</v>
      </c>
      <c r="S21153" s="5" t="s">
        <v>40</v>
      </c>
      <c r="T21153" s="5" t="s">
        <v>42</v>
      </c>
      <c r="U21153" s="2">
        <v>8.59</v>
      </c>
      <c r="V21153" s="2">
        <v>7.5209999999999999</v>
      </c>
      <c r="W21153" s="2">
        <v>4.2000000000000003E-2</v>
      </c>
      <c r="X21153" s="2">
        <v>132.19999999999999</v>
      </c>
      <c r="Y21153" s="2">
        <v>24.2</v>
      </c>
      <c r="Z21153" s="2">
        <v>13.1</v>
      </c>
      <c r="AA21153" s="5">
        <v>12</v>
      </c>
      <c r="AB21153" s="5" t="s">
        <v>43</v>
      </c>
      <c r="AC21153" s="5" t="s">
        <v>44</v>
      </c>
      <c r="AD21153" s="2" t="s">
        <v>68291</v>
      </c>
      <c r="AE21153" s="1"/>
    </row>
    <row r="21154" spans="1:31" ht="14.45">
      <c r="A21154" s="11"/>
      <c r="B21154" s="20"/>
      <c r="C21154" s="2" t="s">
        <v>68304</v>
      </c>
      <c r="D21154" s="14" t="s">
        <v>68305</v>
      </c>
      <c r="E21154" s="2" t="s">
        <v>68306</v>
      </c>
      <c r="F21154" s="2" t="s">
        <v>68290</v>
      </c>
      <c r="G21154" s="8">
        <v>416</v>
      </c>
      <c r="H21154" s="5">
        <v>6</v>
      </c>
      <c r="I21154" s="5" t="s">
        <v>1518</v>
      </c>
      <c r="J21154" s="5" t="s">
        <v>67956</v>
      </c>
      <c r="K21154" s="2" t="s">
        <v>67957</v>
      </c>
      <c r="L21154" s="5" t="s">
        <v>67956</v>
      </c>
      <c r="M21154" s="2" t="s">
        <v>67957</v>
      </c>
      <c r="N21154" s="5" t="s">
        <v>19227</v>
      </c>
      <c r="O21154" s="5" t="s">
        <v>38</v>
      </c>
      <c r="P21154" s="5" t="s">
        <v>39</v>
      </c>
      <c r="Q21154" s="5" t="s">
        <v>40</v>
      </c>
      <c r="R21154" s="5" t="s">
        <v>67958</v>
      </c>
      <c r="S21154" s="5" t="s">
        <v>40</v>
      </c>
      <c r="T21154" s="5" t="s">
        <v>42</v>
      </c>
      <c r="U21154" s="2">
        <v>9.5939999999999994</v>
      </c>
      <c r="V21154" s="2">
        <v>8.0579999999999998</v>
      </c>
      <c r="W21154" s="2">
        <v>5.8000000000000003E-2</v>
      </c>
      <c r="X21154" s="2">
        <v>182.2</v>
      </c>
      <c r="Y21154" s="2">
        <v>24.2</v>
      </c>
      <c r="Z21154" s="2">
        <v>13.1</v>
      </c>
      <c r="AA21154" s="5">
        <v>12</v>
      </c>
      <c r="AB21154" s="5" t="s">
        <v>43</v>
      </c>
      <c r="AC21154" s="5" t="s">
        <v>44</v>
      </c>
      <c r="AD21154" s="2" t="s">
        <v>68291</v>
      </c>
      <c r="AE21154" s="1"/>
    </row>
    <row r="21155" spans="1:31" ht="14.45">
      <c r="A21155" s="11"/>
      <c r="B21155" s="20"/>
      <c r="C21155" s="2" t="s">
        <v>68307</v>
      </c>
      <c r="D21155" s="14" t="s">
        <v>68308</v>
      </c>
      <c r="E21155" s="2" t="s">
        <v>68309</v>
      </c>
      <c r="F21155" s="2" t="s">
        <v>68290</v>
      </c>
      <c r="G21155" s="8">
        <v>424</v>
      </c>
      <c r="H21155" s="5">
        <v>6</v>
      </c>
      <c r="I21155" s="5" t="s">
        <v>1518</v>
      </c>
      <c r="J21155" s="5" t="s">
        <v>67956</v>
      </c>
      <c r="K21155" s="2" t="s">
        <v>67957</v>
      </c>
      <c r="L21155" s="5" t="s">
        <v>67956</v>
      </c>
      <c r="M21155" s="2" t="s">
        <v>67957</v>
      </c>
      <c r="N21155" s="5" t="s">
        <v>19227</v>
      </c>
      <c r="O21155" s="5" t="s">
        <v>38</v>
      </c>
      <c r="P21155" s="5" t="s">
        <v>39</v>
      </c>
      <c r="Q21155" s="5" t="s">
        <v>40</v>
      </c>
      <c r="R21155" s="5" t="s">
        <v>67958</v>
      </c>
      <c r="S21155" s="5" t="s">
        <v>40</v>
      </c>
      <c r="T21155" s="5" t="s">
        <v>42</v>
      </c>
      <c r="U21155" s="2">
        <v>10.17</v>
      </c>
      <c r="V21155" s="2">
        <v>8.7330000000000005</v>
      </c>
      <c r="W21155" s="2">
        <v>5.8000000000000003E-2</v>
      </c>
      <c r="X21155" s="2">
        <v>182.2</v>
      </c>
      <c r="Y21155" s="2">
        <v>24.2</v>
      </c>
      <c r="Z21155" s="2">
        <v>13.1</v>
      </c>
      <c r="AA21155" s="5">
        <v>12</v>
      </c>
      <c r="AB21155" s="5" t="s">
        <v>43</v>
      </c>
      <c r="AC21155" s="5" t="s">
        <v>44</v>
      </c>
      <c r="AD21155" s="2" t="s">
        <v>68291</v>
      </c>
      <c r="AE21155" s="1"/>
    </row>
    <row r="21156" spans="1:31" ht="14.45">
      <c r="A21156" s="11"/>
      <c r="B21156" s="20"/>
      <c r="C21156" s="2" t="s">
        <v>68310</v>
      </c>
      <c r="D21156" s="14" t="s">
        <v>68311</v>
      </c>
      <c r="E21156" s="2" t="s">
        <v>68312</v>
      </c>
      <c r="F21156" s="2" t="s">
        <v>68290</v>
      </c>
      <c r="G21156" s="8">
        <v>420</v>
      </c>
      <c r="H21156" s="5">
        <v>6</v>
      </c>
      <c r="I21156" s="5" t="s">
        <v>1518</v>
      </c>
      <c r="J21156" s="5" t="s">
        <v>67956</v>
      </c>
      <c r="K21156" s="2" t="s">
        <v>67957</v>
      </c>
      <c r="L21156" s="5" t="s">
        <v>67956</v>
      </c>
      <c r="M21156" s="2" t="s">
        <v>67957</v>
      </c>
      <c r="N21156" s="5" t="s">
        <v>19227</v>
      </c>
      <c r="O21156" s="5" t="s">
        <v>38</v>
      </c>
      <c r="P21156" s="5" t="s">
        <v>39</v>
      </c>
      <c r="Q21156" s="5" t="s">
        <v>40</v>
      </c>
      <c r="R21156" s="5" t="s">
        <v>67958</v>
      </c>
      <c r="S21156" s="5" t="s">
        <v>40</v>
      </c>
      <c r="T21156" s="5" t="s">
        <v>42</v>
      </c>
      <c r="U21156" s="2">
        <v>10.454000000000001</v>
      </c>
      <c r="V21156" s="2">
        <v>8.952</v>
      </c>
      <c r="W21156" s="2">
        <v>5.8000000000000003E-2</v>
      </c>
      <c r="X21156" s="2">
        <v>182.2</v>
      </c>
      <c r="Y21156" s="2">
        <v>24.2</v>
      </c>
      <c r="Z21156" s="2">
        <v>13.1</v>
      </c>
      <c r="AA21156" s="5">
        <v>12</v>
      </c>
      <c r="AB21156" s="5" t="s">
        <v>43</v>
      </c>
      <c r="AC21156" s="5" t="s">
        <v>44</v>
      </c>
      <c r="AD21156" s="2"/>
      <c r="AE21156" s="1"/>
    </row>
    <row r="21157" spans="1:31" ht="14.45">
      <c r="A21157" s="11"/>
      <c r="B21157" s="20"/>
      <c r="C21157" s="2" t="s">
        <v>68313</v>
      </c>
      <c r="D21157" s="14" t="s">
        <v>68314</v>
      </c>
      <c r="E21157" s="2" t="s">
        <v>68315</v>
      </c>
      <c r="F21157" s="2" t="s">
        <v>68290</v>
      </c>
      <c r="G21157" s="8">
        <v>433</v>
      </c>
      <c r="H21157" s="5">
        <v>6</v>
      </c>
      <c r="I21157" s="5" t="s">
        <v>1518</v>
      </c>
      <c r="J21157" s="5" t="s">
        <v>67956</v>
      </c>
      <c r="K21157" s="2" t="s">
        <v>67957</v>
      </c>
      <c r="L21157" s="5" t="s">
        <v>67956</v>
      </c>
      <c r="M21157" s="2" t="s">
        <v>67957</v>
      </c>
      <c r="N21157" s="5" t="s">
        <v>19227</v>
      </c>
      <c r="O21157" s="5" t="s">
        <v>38</v>
      </c>
      <c r="P21157" s="5" t="s">
        <v>39</v>
      </c>
      <c r="Q21157" s="5" t="s">
        <v>40</v>
      </c>
      <c r="R21157" s="5" t="s">
        <v>67958</v>
      </c>
      <c r="S21157" s="5" t="s">
        <v>40</v>
      </c>
      <c r="T21157" s="5" t="s">
        <v>42</v>
      </c>
      <c r="U21157" s="2">
        <v>10.923999999999999</v>
      </c>
      <c r="V21157" s="2">
        <v>9.4220000000000006</v>
      </c>
      <c r="W21157" s="2">
        <v>5.8000000000000003E-2</v>
      </c>
      <c r="X21157" s="2">
        <v>182.2</v>
      </c>
      <c r="Y21157" s="2">
        <v>24.2</v>
      </c>
      <c r="Z21157" s="2">
        <v>13.1</v>
      </c>
      <c r="AA21157" s="5">
        <v>12</v>
      </c>
      <c r="AB21157" s="5" t="s">
        <v>43</v>
      </c>
      <c r="AC21157" s="5" t="s">
        <v>44</v>
      </c>
      <c r="AD21157" s="2" t="s">
        <v>68291</v>
      </c>
      <c r="AE21157" s="1"/>
    </row>
    <row r="21158" spans="1:31" ht="14.45">
      <c r="A21158" s="11"/>
      <c r="B21158" s="20"/>
      <c r="C21158" s="2" t="s">
        <v>68316</v>
      </c>
      <c r="D21158" s="14" t="s">
        <v>68317</v>
      </c>
      <c r="E21158" s="2" t="s">
        <v>68318</v>
      </c>
      <c r="F21158" s="2" t="s">
        <v>68290</v>
      </c>
      <c r="G21158" s="8">
        <v>442</v>
      </c>
      <c r="H21158" s="5">
        <v>6</v>
      </c>
      <c r="I21158" s="5" t="s">
        <v>1518</v>
      </c>
      <c r="J21158" s="5" t="s">
        <v>67956</v>
      </c>
      <c r="K21158" s="2" t="s">
        <v>67957</v>
      </c>
      <c r="L21158" s="5" t="s">
        <v>67956</v>
      </c>
      <c r="M21158" s="2" t="s">
        <v>67957</v>
      </c>
      <c r="N21158" s="5" t="s">
        <v>19227</v>
      </c>
      <c r="O21158" s="5" t="s">
        <v>38</v>
      </c>
      <c r="P21158" s="5" t="s">
        <v>39</v>
      </c>
      <c r="Q21158" s="5" t="s">
        <v>40</v>
      </c>
      <c r="R21158" s="5" t="s">
        <v>67958</v>
      </c>
      <c r="S21158" s="5" t="s">
        <v>40</v>
      </c>
      <c r="T21158" s="5" t="s">
        <v>42</v>
      </c>
      <c r="U21158" s="2">
        <v>11.398999999999999</v>
      </c>
      <c r="V21158" s="2">
        <v>9.8970000000000002</v>
      </c>
      <c r="W21158" s="2">
        <v>5.8000000000000003E-2</v>
      </c>
      <c r="X21158" s="2">
        <v>182.2</v>
      </c>
      <c r="Y21158" s="2">
        <v>24.2</v>
      </c>
      <c r="Z21158" s="2">
        <v>13.1</v>
      </c>
      <c r="AA21158" s="5">
        <v>12</v>
      </c>
      <c r="AB21158" s="5" t="s">
        <v>43</v>
      </c>
      <c r="AC21158" s="5" t="s">
        <v>44</v>
      </c>
      <c r="AD21158" s="2"/>
      <c r="AE21158" s="1"/>
    </row>
    <row r="21159" spans="1:31" ht="14.45">
      <c r="A21159" s="11"/>
      <c r="B21159" s="20"/>
      <c r="C21159" s="2" t="s">
        <v>68319</v>
      </c>
      <c r="D21159" s="14" t="s">
        <v>68320</v>
      </c>
      <c r="E21159" s="2" t="s">
        <v>68321</v>
      </c>
      <c r="F21159" s="2" t="s">
        <v>68290</v>
      </c>
      <c r="G21159" s="8">
        <v>510</v>
      </c>
      <c r="H21159" s="5">
        <v>6</v>
      </c>
      <c r="I21159" s="5" t="s">
        <v>1518</v>
      </c>
      <c r="J21159" s="5" t="s">
        <v>67956</v>
      </c>
      <c r="K21159" s="2" t="s">
        <v>67957</v>
      </c>
      <c r="L21159" s="5" t="s">
        <v>67956</v>
      </c>
      <c r="M21159" s="2" t="s">
        <v>67957</v>
      </c>
      <c r="N21159" s="5" t="s">
        <v>19227</v>
      </c>
      <c r="O21159" s="5" t="s">
        <v>38</v>
      </c>
      <c r="P21159" s="5" t="s">
        <v>39</v>
      </c>
      <c r="Q21159" s="5" t="s">
        <v>40</v>
      </c>
      <c r="R21159" s="5" t="s">
        <v>67958</v>
      </c>
      <c r="S21159" s="5" t="s">
        <v>40</v>
      </c>
      <c r="T21159" s="5" t="s">
        <v>42</v>
      </c>
      <c r="U21159" s="2">
        <v>11.976000000000001</v>
      </c>
      <c r="V21159" s="2">
        <v>10.603999999999999</v>
      </c>
      <c r="W21159" s="2">
        <v>5.8000000000000003E-2</v>
      </c>
      <c r="X21159" s="2">
        <v>182.2</v>
      </c>
      <c r="Y21159" s="2">
        <v>24.2</v>
      </c>
      <c r="Z21159" s="2">
        <v>13.1</v>
      </c>
      <c r="AA21159" s="5">
        <v>12</v>
      </c>
      <c r="AB21159" s="5" t="s">
        <v>43</v>
      </c>
      <c r="AC21159" s="5" t="s">
        <v>44</v>
      </c>
      <c r="AD21159" s="2" t="s">
        <v>68291</v>
      </c>
      <c r="AE21159" s="1"/>
    </row>
    <row r="21160" spans="1:31" ht="14.45">
      <c r="A21160" s="11"/>
      <c r="B21160" s="20"/>
      <c r="C21160" s="2" t="s">
        <v>68322</v>
      </c>
      <c r="D21160" s="14" t="s">
        <v>68323</v>
      </c>
      <c r="E21160" s="2" t="s">
        <v>68324</v>
      </c>
      <c r="F21160" s="2" t="s">
        <v>68290</v>
      </c>
      <c r="G21160" s="8">
        <v>457</v>
      </c>
      <c r="H21160" s="5">
        <v>6</v>
      </c>
      <c r="I21160" s="5" t="s">
        <v>1518</v>
      </c>
      <c r="J21160" s="5" t="s">
        <v>67956</v>
      </c>
      <c r="K21160" s="2" t="s">
        <v>67957</v>
      </c>
      <c r="L21160" s="5" t="s">
        <v>67956</v>
      </c>
      <c r="M21160" s="2" t="s">
        <v>67957</v>
      </c>
      <c r="N21160" s="5" t="s">
        <v>19227</v>
      </c>
      <c r="O21160" s="5" t="s">
        <v>38</v>
      </c>
      <c r="P21160" s="5" t="s">
        <v>39</v>
      </c>
      <c r="Q21160" s="5" t="s">
        <v>40</v>
      </c>
      <c r="R21160" s="5" t="s">
        <v>67958</v>
      </c>
      <c r="S21160" s="5" t="s">
        <v>40</v>
      </c>
      <c r="T21160" s="5" t="s">
        <v>42</v>
      </c>
      <c r="U21160" s="2">
        <v>12.103999999999999</v>
      </c>
      <c r="V21160" s="2">
        <v>10.308999999999999</v>
      </c>
      <c r="W21160" s="2">
        <v>7.3999999999999996E-2</v>
      </c>
      <c r="X21160" s="2">
        <v>232.2</v>
      </c>
      <c r="Y21160" s="2">
        <v>24.2</v>
      </c>
      <c r="Z21160" s="2">
        <v>13.1</v>
      </c>
      <c r="AA21160" s="5">
        <v>12</v>
      </c>
      <c r="AB21160" s="5" t="s">
        <v>43</v>
      </c>
      <c r="AC21160" s="5" t="s">
        <v>44</v>
      </c>
      <c r="AD21160" s="2"/>
      <c r="AE21160" s="1"/>
    </row>
    <row r="21161" spans="1:31" ht="14.45">
      <c r="A21161" s="11"/>
      <c r="B21161" s="20"/>
      <c r="C21161" s="2" t="s">
        <v>68325</v>
      </c>
      <c r="D21161" s="14" t="s">
        <v>68326</v>
      </c>
      <c r="E21161" s="2" t="s">
        <v>68327</v>
      </c>
      <c r="F21161" s="2" t="s">
        <v>68290</v>
      </c>
      <c r="G21161" s="8">
        <v>531</v>
      </c>
      <c r="H21161" s="5">
        <v>6</v>
      </c>
      <c r="I21161" s="5" t="s">
        <v>1518</v>
      </c>
      <c r="J21161" s="5" t="s">
        <v>67956</v>
      </c>
      <c r="K21161" s="2" t="s">
        <v>67957</v>
      </c>
      <c r="L21161" s="5" t="s">
        <v>67956</v>
      </c>
      <c r="M21161" s="2" t="s">
        <v>67957</v>
      </c>
      <c r="N21161" s="5" t="s">
        <v>19227</v>
      </c>
      <c r="O21161" s="5" t="s">
        <v>38</v>
      </c>
      <c r="P21161" s="5" t="s">
        <v>39</v>
      </c>
      <c r="Q21161" s="5" t="s">
        <v>40</v>
      </c>
      <c r="R21161" s="5" t="s">
        <v>67958</v>
      </c>
      <c r="S21161" s="5" t="s">
        <v>40</v>
      </c>
      <c r="T21161" s="5" t="s">
        <v>42</v>
      </c>
      <c r="U21161" s="2">
        <v>13.12</v>
      </c>
      <c r="V21161" s="2">
        <v>11.324999999999999</v>
      </c>
      <c r="W21161" s="2">
        <v>7.3999999999999996E-2</v>
      </c>
      <c r="X21161" s="2">
        <v>232.2</v>
      </c>
      <c r="Y21161" s="2">
        <v>24.2</v>
      </c>
      <c r="Z21161" s="2">
        <v>13.1</v>
      </c>
      <c r="AA21161" s="5">
        <v>12</v>
      </c>
      <c r="AB21161" s="5" t="s">
        <v>43</v>
      </c>
      <c r="AC21161" s="5" t="s">
        <v>44</v>
      </c>
      <c r="AD21161" s="2" t="s">
        <v>68291</v>
      </c>
      <c r="AE21161" s="1"/>
    </row>
    <row r="21162" spans="1:31" ht="14.45">
      <c r="A21162" s="5"/>
      <c r="B21162" s="21"/>
      <c r="C21162" s="2" t="s">
        <v>68328</v>
      </c>
      <c r="D21162" s="14" t="s">
        <v>68329</v>
      </c>
      <c r="E21162" s="2" t="s">
        <v>68330</v>
      </c>
      <c r="F21162" s="2" t="s">
        <v>68331</v>
      </c>
      <c r="G21162" s="8">
        <v>201</v>
      </c>
      <c r="H21162" s="5">
        <v>15</v>
      </c>
      <c r="I21162" s="5" t="s">
        <v>69</v>
      </c>
      <c r="J21162" s="5" t="s">
        <v>24629</v>
      </c>
      <c r="K21162" s="2" t="s">
        <v>24630</v>
      </c>
      <c r="L21162" s="5" t="s">
        <v>24629</v>
      </c>
      <c r="M21162" s="2" t="s">
        <v>24630</v>
      </c>
      <c r="N21162" s="5" t="s">
        <v>24254</v>
      </c>
      <c r="O21162" s="5" t="s">
        <v>38</v>
      </c>
      <c r="P21162" s="5" t="s">
        <v>39</v>
      </c>
      <c r="Q21162" s="5" t="s">
        <v>40</v>
      </c>
      <c r="R21162" s="5" t="s">
        <v>24335</v>
      </c>
      <c r="S21162" s="5" t="s">
        <v>40</v>
      </c>
      <c r="T21162" s="5" t="s">
        <v>42</v>
      </c>
      <c r="U21162" s="2">
        <v>7.2869999999999999</v>
      </c>
      <c r="V21162" s="2">
        <v>5.6280000000000001</v>
      </c>
      <c r="W21162" s="2">
        <v>9.2999999999999999E-2</v>
      </c>
      <c r="X21162" s="2">
        <v>12</v>
      </c>
      <c r="Y21162" s="2">
        <v>50</v>
      </c>
      <c r="Z21162" s="2">
        <v>154.4</v>
      </c>
      <c r="AA21162" s="5">
        <v>20</v>
      </c>
      <c r="AB21162" s="5" t="s">
        <v>43</v>
      </c>
      <c r="AC21162" s="5" t="s">
        <v>44</v>
      </c>
      <c r="AD21162" s="2" t="s">
        <v>68332</v>
      </c>
      <c r="AE21162" s="1"/>
    </row>
    <row r="21163" spans="1:31" ht="14.45">
      <c r="A21163" s="5"/>
      <c r="B21163" s="21"/>
      <c r="C21163" s="2" t="s">
        <v>68333</v>
      </c>
      <c r="D21163" s="14" t="s">
        <v>68334</v>
      </c>
      <c r="E21163" s="2" t="s">
        <v>68335</v>
      </c>
      <c r="F21163" s="2" t="s">
        <v>68336</v>
      </c>
      <c r="G21163" s="8">
        <v>201</v>
      </c>
      <c r="H21163" s="5">
        <v>15</v>
      </c>
      <c r="I21163" s="5" t="s">
        <v>69</v>
      </c>
      <c r="J21163" s="5" t="s">
        <v>24629</v>
      </c>
      <c r="K21163" s="2" t="s">
        <v>24630</v>
      </c>
      <c r="L21163" s="5" t="s">
        <v>24629</v>
      </c>
      <c r="M21163" s="2" t="s">
        <v>24630</v>
      </c>
      <c r="N21163" s="5" t="s">
        <v>24254</v>
      </c>
      <c r="O21163" s="5" t="s">
        <v>38</v>
      </c>
      <c r="P21163" s="5" t="s">
        <v>39</v>
      </c>
      <c r="Q21163" s="5" t="s">
        <v>40</v>
      </c>
      <c r="R21163" s="5" t="s">
        <v>24335</v>
      </c>
      <c r="S21163" s="5" t="s">
        <v>40</v>
      </c>
      <c r="T21163" s="5" t="s">
        <v>42</v>
      </c>
      <c r="U21163" s="2">
        <v>7.2169999999999996</v>
      </c>
      <c r="V21163" s="2">
        <v>5.5579999999999998</v>
      </c>
      <c r="W21163" s="2">
        <v>9.2999999999999999E-2</v>
      </c>
      <c r="X21163" s="2">
        <v>12</v>
      </c>
      <c r="Y21163" s="2">
        <v>50</v>
      </c>
      <c r="Z21163" s="2">
        <v>154.4</v>
      </c>
      <c r="AA21163" s="5">
        <v>20</v>
      </c>
      <c r="AB21163" s="5" t="s">
        <v>43</v>
      </c>
      <c r="AC21163" s="5" t="s">
        <v>44</v>
      </c>
      <c r="AD21163" s="2" t="s">
        <v>68337</v>
      </c>
      <c r="AE21163" s="1"/>
    </row>
    <row r="21164" spans="1:31" ht="14.45">
      <c r="A21164" s="5"/>
      <c r="B21164" s="21"/>
      <c r="C21164" s="2" t="s">
        <v>68338</v>
      </c>
      <c r="D21164" s="14" t="s">
        <v>68339</v>
      </c>
      <c r="E21164" s="2" t="s">
        <v>68340</v>
      </c>
      <c r="F21164" s="2" t="s">
        <v>68341</v>
      </c>
      <c r="G21164" s="8">
        <v>211</v>
      </c>
      <c r="H21164" s="5">
        <v>15</v>
      </c>
      <c r="I21164" s="5" t="s">
        <v>69</v>
      </c>
      <c r="J21164" s="5" t="s">
        <v>24629</v>
      </c>
      <c r="K21164" s="2" t="s">
        <v>24630</v>
      </c>
      <c r="L21164" s="5" t="s">
        <v>24629</v>
      </c>
      <c r="M21164" s="2" t="s">
        <v>24630</v>
      </c>
      <c r="N21164" s="5" t="s">
        <v>24254</v>
      </c>
      <c r="O21164" s="5" t="s">
        <v>38</v>
      </c>
      <c r="P21164" s="5" t="s">
        <v>39</v>
      </c>
      <c r="Q21164" s="5" t="s">
        <v>40</v>
      </c>
      <c r="R21164" s="5" t="s">
        <v>24335</v>
      </c>
      <c r="S21164" s="5" t="s">
        <v>40</v>
      </c>
      <c r="T21164" s="5" t="s">
        <v>42</v>
      </c>
      <c r="U21164" s="2">
        <v>7.8639999999999999</v>
      </c>
      <c r="V21164" s="2">
        <v>6.0810000000000004</v>
      </c>
      <c r="W21164" s="2">
        <v>0.104</v>
      </c>
      <c r="X21164" s="2">
        <v>12</v>
      </c>
      <c r="Y21164" s="2">
        <v>50</v>
      </c>
      <c r="Z21164" s="2">
        <v>173.9</v>
      </c>
      <c r="AA21164" s="5">
        <v>20</v>
      </c>
      <c r="AB21164" s="5" t="s">
        <v>43</v>
      </c>
      <c r="AC21164" s="5" t="s">
        <v>44</v>
      </c>
      <c r="AD21164" s="2" t="s">
        <v>68332</v>
      </c>
      <c r="AE21164" s="1"/>
    </row>
    <row r="21165" spans="1:31" ht="14.45">
      <c r="A21165" s="5"/>
      <c r="B21165" s="21"/>
      <c r="C21165" s="2" t="s">
        <v>68342</v>
      </c>
      <c r="D21165" s="14" t="s">
        <v>68343</v>
      </c>
      <c r="E21165" s="2" t="s">
        <v>68344</v>
      </c>
      <c r="F21165" s="2" t="s">
        <v>68345</v>
      </c>
      <c r="G21165" s="8">
        <v>211</v>
      </c>
      <c r="H21165" s="5">
        <v>15</v>
      </c>
      <c r="I21165" s="5" t="s">
        <v>69</v>
      </c>
      <c r="J21165" s="5" t="s">
        <v>24629</v>
      </c>
      <c r="K21165" s="2" t="s">
        <v>24630</v>
      </c>
      <c r="L21165" s="5" t="s">
        <v>24629</v>
      </c>
      <c r="M21165" s="2" t="s">
        <v>24630</v>
      </c>
      <c r="N21165" s="5" t="s">
        <v>24254</v>
      </c>
      <c r="O21165" s="5" t="s">
        <v>38</v>
      </c>
      <c r="P21165" s="5" t="s">
        <v>39</v>
      </c>
      <c r="Q21165" s="5" t="s">
        <v>40</v>
      </c>
      <c r="R21165" s="5" t="s">
        <v>24335</v>
      </c>
      <c r="S21165" s="5" t="s">
        <v>40</v>
      </c>
      <c r="T21165" s="5" t="s">
        <v>42</v>
      </c>
      <c r="U21165" s="2">
        <v>7.806</v>
      </c>
      <c r="V21165" s="2">
        <v>6.0229999999999997</v>
      </c>
      <c r="W21165" s="2">
        <v>0.104</v>
      </c>
      <c r="X21165" s="2">
        <v>12</v>
      </c>
      <c r="Y21165" s="2">
        <v>50</v>
      </c>
      <c r="Z21165" s="2">
        <v>173.9</v>
      </c>
      <c r="AA21165" s="5">
        <v>20</v>
      </c>
      <c r="AB21165" s="5" t="s">
        <v>43</v>
      </c>
      <c r="AC21165" s="5" t="s">
        <v>44</v>
      </c>
      <c r="AD21165" s="2" t="s">
        <v>68337</v>
      </c>
      <c r="AE21165" s="1"/>
    </row>
    <row r="21166" spans="1:31" ht="14.45">
      <c r="A21166" s="5"/>
      <c r="B21166" s="21"/>
      <c r="C21166" s="2" t="s">
        <v>68346</v>
      </c>
      <c r="D21166" s="14" t="s">
        <v>68347</v>
      </c>
      <c r="E21166" s="2" t="s">
        <v>68348</v>
      </c>
      <c r="F21166" s="2" t="s">
        <v>68349</v>
      </c>
      <c r="G21166" s="8">
        <v>242</v>
      </c>
      <c r="H21166" s="5">
        <v>15</v>
      </c>
      <c r="I21166" s="5" t="s">
        <v>69</v>
      </c>
      <c r="J21166" s="5" t="s">
        <v>24629</v>
      </c>
      <c r="K21166" s="2" t="s">
        <v>24630</v>
      </c>
      <c r="L21166" s="5" t="s">
        <v>24629</v>
      </c>
      <c r="M21166" s="2" t="s">
        <v>24630</v>
      </c>
      <c r="N21166" s="5" t="s">
        <v>24254</v>
      </c>
      <c r="O21166" s="5" t="s">
        <v>38</v>
      </c>
      <c r="P21166" s="5" t="s">
        <v>39</v>
      </c>
      <c r="Q21166" s="5" t="s">
        <v>40</v>
      </c>
      <c r="R21166" s="5" t="s">
        <v>24335</v>
      </c>
      <c r="S21166" s="5" t="s">
        <v>40</v>
      </c>
      <c r="T21166" s="5" t="s">
        <v>42</v>
      </c>
      <c r="U21166" s="2">
        <v>8.5039999999999996</v>
      </c>
      <c r="V21166" s="2">
        <v>6.5049999999999999</v>
      </c>
      <c r="W21166" s="2">
        <v>0.11600000000000001</v>
      </c>
      <c r="X21166" s="2">
        <v>12</v>
      </c>
      <c r="Y21166" s="2">
        <v>50</v>
      </c>
      <c r="Z21166" s="2">
        <v>193.9</v>
      </c>
      <c r="AA21166" s="5">
        <v>20</v>
      </c>
      <c r="AB21166" s="5" t="s">
        <v>43</v>
      </c>
      <c r="AC21166" s="5" t="s">
        <v>44</v>
      </c>
      <c r="AD21166" s="2" t="s">
        <v>68332</v>
      </c>
      <c r="AE21166" s="1"/>
    </row>
    <row r="21167" spans="1:31" ht="14.45">
      <c r="A21167" s="5"/>
      <c r="B21167" s="21"/>
      <c r="C21167" s="2" t="s">
        <v>68350</v>
      </c>
      <c r="D21167" s="14" t="s">
        <v>68351</v>
      </c>
      <c r="E21167" s="2" t="s">
        <v>68352</v>
      </c>
      <c r="F21167" s="2" t="s">
        <v>68353</v>
      </c>
      <c r="G21167" s="8">
        <v>242</v>
      </c>
      <c r="H21167" s="5">
        <v>15</v>
      </c>
      <c r="I21167" s="5" t="s">
        <v>69</v>
      </c>
      <c r="J21167" s="5" t="s">
        <v>24629</v>
      </c>
      <c r="K21167" s="2" t="s">
        <v>24630</v>
      </c>
      <c r="L21167" s="5" t="s">
        <v>24629</v>
      </c>
      <c r="M21167" s="2" t="s">
        <v>24630</v>
      </c>
      <c r="N21167" s="5" t="s">
        <v>24254</v>
      </c>
      <c r="O21167" s="5" t="s">
        <v>38</v>
      </c>
      <c r="P21167" s="5" t="s">
        <v>39</v>
      </c>
      <c r="Q21167" s="5" t="s">
        <v>40</v>
      </c>
      <c r="R21167" s="5" t="s">
        <v>24335</v>
      </c>
      <c r="S21167" s="5" t="s">
        <v>40</v>
      </c>
      <c r="T21167" s="5" t="s">
        <v>42</v>
      </c>
      <c r="U21167" s="2">
        <v>8.4559999999999995</v>
      </c>
      <c r="V21167" s="2">
        <v>6.4569999999999999</v>
      </c>
      <c r="W21167" s="2">
        <v>0.11600000000000001</v>
      </c>
      <c r="X21167" s="2">
        <v>12</v>
      </c>
      <c r="Y21167" s="2">
        <v>50</v>
      </c>
      <c r="Z21167" s="2">
        <v>193.9</v>
      </c>
      <c r="AA21167" s="5">
        <v>20</v>
      </c>
      <c r="AB21167" s="5" t="s">
        <v>43</v>
      </c>
      <c r="AC21167" s="5" t="s">
        <v>44</v>
      </c>
      <c r="AD21167" s="2" t="s">
        <v>68337</v>
      </c>
      <c r="AE21167" s="1"/>
    </row>
    <row r="21168" spans="1:31" ht="14.45">
      <c r="A21168" s="5"/>
      <c r="B21168" s="21"/>
      <c r="C21168" s="2" t="s">
        <v>68354</v>
      </c>
      <c r="D21168" s="14" t="s">
        <v>68355</v>
      </c>
      <c r="E21168" s="2" t="s">
        <v>68356</v>
      </c>
      <c r="F21168" s="2" t="s">
        <v>68357</v>
      </c>
      <c r="G21168" s="8">
        <v>230</v>
      </c>
      <c r="H21168" s="5">
        <v>15</v>
      </c>
      <c r="I21168" s="5" t="s">
        <v>69</v>
      </c>
      <c r="J21168" s="5" t="s">
        <v>24629</v>
      </c>
      <c r="K21168" s="2" t="s">
        <v>24630</v>
      </c>
      <c r="L21168" s="5" t="s">
        <v>24629</v>
      </c>
      <c r="M21168" s="2" t="s">
        <v>24630</v>
      </c>
      <c r="N21168" s="5" t="s">
        <v>24254</v>
      </c>
      <c r="O21168" s="5" t="s">
        <v>38</v>
      </c>
      <c r="P21168" s="5" t="s">
        <v>39</v>
      </c>
      <c r="Q21168" s="5" t="s">
        <v>40</v>
      </c>
      <c r="R21168" s="5" t="s">
        <v>24335</v>
      </c>
      <c r="S21168" s="5" t="s">
        <v>40</v>
      </c>
      <c r="T21168" s="5" t="s">
        <v>42</v>
      </c>
      <c r="U21168" s="2">
        <v>7.4160000000000004</v>
      </c>
      <c r="V21168" s="2">
        <v>5.9009999999999998</v>
      </c>
      <c r="W21168" s="2">
        <v>8.3000000000000004E-2</v>
      </c>
      <c r="X21168" s="2">
        <v>12</v>
      </c>
      <c r="Y21168" s="2">
        <v>50</v>
      </c>
      <c r="Z21168" s="2">
        <v>137.9</v>
      </c>
      <c r="AA21168" s="5">
        <v>20</v>
      </c>
      <c r="AB21168" s="5" t="s">
        <v>43</v>
      </c>
      <c r="AC21168" s="5" t="s">
        <v>44</v>
      </c>
      <c r="AD21168" s="2" t="s">
        <v>68332</v>
      </c>
      <c r="AE21168" s="1"/>
    </row>
    <row r="21169" spans="1:31" ht="14.45">
      <c r="A21169" s="5"/>
      <c r="B21169" s="21"/>
      <c r="C21169" s="2" t="s">
        <v>68358</v>
      </c>
      <c r="D21169" s="14" t="s">
        <v>68359</v>
      </c>
      <c r="E21169" s="2" t="s">
        <v>68360</v>
      </c>
      <c r="F21169" s="2" t="s">
        <v>68361</v>
      </c>
      <c r="G21169" s="8">
        <v>230</v>
      </c>
      <c r="H21169" s="5">
        <v>15</v>
      </c>
      <c r="I21169" s="5" t="s">
        <v>69</v>
      </c>
      <c r="J21169" s="5" t="s">
        <v>24629</v>
      </c>
      <c r="K21169" s="2" t="s">
        <v>24630</v>
      </c>
      <c r="L21169" s="5" t="s">
        <v>24629</v>
      </c>
      <c r="M21169" s="2" t="s">
        <v>24630</v>
      </c>
      <c r="N21169" s="5" t="s">
        <v>24254</v>
      </c>
      <c r="O21169" s="5" t="s">
        <v>38</v>
      </c>
      <c r="P21169" s="5" t="s">
        <v>39</v>
      </c>
      <c r="Q21169" s="5" t="s">
        <v>40</v>
      </c>
      <c r="R21169" s="5" t="s">
        <v>24335</v>
      </c>
      <c r="S21169" s="5" t="s">
        <v>40</v>
      </c>
      <c r="T21169" s="5" t="s">
        <v>42</v>
      </c>
      <c r="U21169" s="2">
        <v>7.2359999999999998</v>
      </c>
      <c r="V21169" s="2">
        <v>5.7210000000000001</v>
      </c>
      <c r="W21169" s="2">
        <v>8.3000000000000004E-2</v>
      </c>
      <c r="X21169" s="2">
        <v>12</v>
      </c>
      <c r="Y21169" s="2">
        <v>50</v>
      </c>
      <c r="Z21169" s="2">
        <v>137.9</v>
      </c>
      <c r="AA21169" s="5">
        <v>20</v>
      </c>
      <c r="AB21169" s="5" t="s">
        <v>43</v>
      </c>
      <c r="AC21169" s="5" t="s">
        <v>44</v>
      </c>
      <c r="AD21169" s="2" t="s">
        <v>68337</v>
      </c>
      <c r="AE21169" s="1"/>
    </row>
    <row r="21170" spans="1:31" ht="14.45">
      <c r="A21170" s="5"/>
      <c r="B21170" s="21"/>
      <c r="C21170" s="2" t="s">
        <v>68362</v>
      </c>
      <c r="D21170" s="14" t="s">
        <v>68363</v>
      </c>
      <c r="E21170" s="2" t="s">
        <v>68364</v>
      </c>
      <c r="F21170" s="2" t="s">
        <v>68365</v>
      </c>
      <c r="G21170" s="8">
        <v>242</v>
      </c>
      <c r="H21170" s="5">
        <v>15</v>
      </c>
      <c r="I21170" s="5" t="s">
        <v>69</v>
      </c>
      <c r="J21170" s="5" t="s">
        <v>24629</v>
      </c>
      <c r="K21170" s="2" t="s">
        <v>24630</v>
      </c>
      <c r="L21170" s="5" t="s">
        <v>24629</v>
      </c>
      <c r="M21170" s="2" t="s">
        <v>24630</v>
      </c>
      <c r="N21170" s="5" t="s">
        <v>24254</v>
      </c>
      <c r="O21170" s="5" t="s">
        <v>38</v>
      </c>
      <c r="P21170" s="5" t="s">
        <v>39</v>
      </c>
      <c r="Q21170" s="5" t="s">
        <v>40</v>
      </c>
      <c r="R21170" s="5" t="s">
        <v>24335</v>
      </c>
      <c r="S21170" s="5" t="s">
        <v>40</v>
      </c>
      <c r="T21170" s="5" t="s">
        <v>42</v>
      </c>
      <c r="U21170" s="2">
        <v>8.1419999999999995</v>
      </c>
      <c r="V21170" s="2">
        <v>6.359</v>
      </c>
      <c r="W21170" s="2">
        <v>0.104</v>
      </c>
      <c r="X21170" s="2">
        <v>12</v>
      </c>
      <c r="Y21170" s="2">
        <v>50</v>
      </c>
      <c r="Z21170" s="2">
        <v>173.9</v>
      </c>
      <c r="AA21170" s="5">
        <v>20</v>
      </c>
      <c r="AB21170" s="5" t="s">
        <v>43</v>
      </c>
      <c r="AC21170" s="5" t="s">
        <v>44</v>
      </c>
      <c r="AD21170" s="2" t="s">
        <v>68332</v>
      </c>
      <c r="AE21170" s="1"/>
    </row>
    <row r="21171" spans="1:31" ht="14.45">
      <c r="A21171" s="5"/>
      <c r="B21171" s="21"/>
      <c r="C21171" s="2" t="s">
        <v>68366</v>
      </c>
      <c r="D21171" s="14" t="s">
        <v>68367</v>
      </c>
      <c r="E21171" s="2" t="s">
        <v>68368</v>
      </c>
      <c r="F21171" s="2" t="s">
        <v>68369</v>
      </c>
      <c r="G21171" s="8">
        <v>242</v>
      </c>
      <c r="H21171" s="5">
        <v>15</v>
      </c>
      <c r="I21171" s="5" t="s">
        <v>69</v>
      </c>
      <c r="J21171" s="5" t="s">
        <v>24629</v>
      </c>
      <c r="K21171" s="2" t="s">
        <v>24630</v>
      </c>
      <c r="L21171" s="5" t="s">
        <v>24629</v>
      </c>
      <c r="M21171" s="2" t="s">
        <v>24630</v>
      </c>
      <c r="N21171" s="5" t="s">
        <v>24254</v>
      </c>
      <c r="O21171" s="5" t="s">
        <v>38</v>
      </c>
      <c r="P21171" s="5" t="s">
        <v>39</v>
      </c>
      <c r="Q21171" s="5" t="s">
        <v>40</v>
      </c>
      <c r="R21171" s="5" t="s">
        <v>24335</v>
      </c>
      <c r="S21171" s="5" t="s">
        <v>40</v>
      </c>
      <c r="T21171" s="5" t="s">
        <v>42</v>
      </c>
      <c r="U21171" s="2">
        <v>7.9740000000000002</v>
      </c>
      <c r="V21171" s="2">
        <v>6.1909999999999998</v>
      </c>
      <c r="W21171" s="2">
        <v>0.104</v>
      </c>
      <c r="X21171" s="2">
        <v>12</v>
      </c>
      <c r="Y21171" s="2">
        <v>50</v>
      </c>
      <c r="Z21171" s="2">
        <v>173.9</v>
      </c>
      <c r="AA21171" s="5">
        <v>20</v>
      </c>
      <c r="AB21171" s="5" t="s">
        <v>43</v>
      </c>
      <c r="AC21171" s="5" t="s">
        <v>44</v>
      </c>
      <c r="AD21171" s="2" t="s">
        <v>68337</v>
      </c>
      <c r="AE21171" s="1"/>
    </row>
    <row r="21172" spans="1:31" ht="14.45">
      <c r="A21172" s="5"/>
      <c r="B21172" s="21"/>
      <c r="C21172" s="2" t="s">
        <v>68370</v>
      </c>
      <c r="D21172" s="14" t="s">
        <v>68371</v>
      </c>
      <c r="E21172" s="2" t="s">
        <v>68372</v>
      </c>
      <c r="F21172" s="2" t="s">
        <v>68373</v>
      </c>
      <c r="G21172" s="8">
        <v>256</v>
      </c>
      <c r="H21172" s="5">
        <v>15</v>
      </c>
      <c r="I21172" s="5" t="s">
        <v>69</v>
      </c>
      <c r="J21172" s="5" t="s">
        <v>24629</v>
      </c>
      <c r="K21172" s="2" t="s">
        <v>24630</v>
      </c>
      <c r="L21172" s="5" t="s">
        <v>24629</v>
      </c>
      <c r="M21172" s="2" t="s">
        <v>24630</v>
      </c>
      <c r="N21172" s="5" t="s">
        <v>24254</v>
      </c>
      <c r="O21172" s="5" t="s">
        <v>38</v>
      </c>
      <c r="P21172" s="5" t="s">
        <v>39</v>
      </c>
      <c r="Q21172" s="5" t="s">
        <v>40</v>
      </c>
      <c r="R21172" s="5" t="s">
        <v>24335</v>
      </c>
      <c r="S21172" s="5" t="s">
        <v>40</v>
      </c>
      <c r="T21172" s="5" t="s">
        <v>42</v>
      </c>
      <c r="U21172" s="2">
        <v>8.7810000000000006</v>
      </c>
      <c r="V21172" s="2">
        <v>6.782</v>
      </c>
      <c r="W21172" s="2">
        <v>0.11600000000000001</v>
      </c>
      <c r="X21172" s="2">
        <v>12</v>
      </c>
      <c r="Y21172" s="2">
        <v>50</v>
      </c>
      <c r="Z21172" s="2">
        <v>193.9</v>
      </c>
      <c r="AA21172" s="5">
        <v>20</v>
      </c>
      <c r="AB21172" s="5" t="s">
        <v>43</v>
      </c>
      <c r="AC21172" s="5" t="s">
        <v>44</v>
      </c>
      <c r="AD21172" s="2" t="s">
        <v>68332</v>
      </c>
      <c r="AE21172" s="1"/>
    </row>
    <row r="21173" spans="1:31" ht="14.45">
      <c r="A21173" s="5"/>
      <c r="B21173" s="21"/>
      <c r="C21173" s="2" t="s">
        <v>68374</v>
      </c>
      <c r="D21173" s="14" t="s">
        <v>68375</v>
      </c>
      <c r="E21173" s="2" t="s">
        <v>68376</v>
      </c>
      <c r="F21173" s="2" t="s">
        <v>68377</v>
      </c>
      <c r="G21173" s="8">
        <v>256</v>
      </c>
      <c r="H21173" s="5">
        <v>15</v>
      </c>
      <c r="I21173" s="5" t="s">
        <v>69</v>
      </c>
      <c r="J21173" s="5" t="s">
        <v>24629</v>
      </c>
      <c r="K21173" s="2" t="s">
        <v>24630</v>
      </c>
      <c r="L21173" s="5" t="s">
        <v>24629</v>
      </c>
      <c r="M21173" s="2" t="s">
        <v>24630</v>
      </c>
      <c r="N21173" s="5" t="s">
        <v>24254</v>
      </c>
      <c r="O21173" s="5" t="s">
        <v>38</v>
      </c>
      <c r="P21173" s="5" t="s">
        <v>39</v>
      </c>
      <c r="Q21173" s="5" t="s">
        <v>40</v>
      </c>
      <c r="R21173" s="5" t="s">
        <v>24335</v>
      </c>
      <c r="S21173" s="5" t="s">
        <v>40</v>
      </c>
      <c r="T21173" s="5" t="s">
        <v>42</v>
      </c>
      <c r="U21173" s="2">
        <v>8.6229999999999993</v>
      </c>
      <c r="V21173" s="2">
        <v>6.6239999999999997</v>
      </c>
      <c r="W21173" s="2">
        <v>0.11600000000000001</v>
      </c>
      <c r="X21173" s="2">
        <v>12</v>
      </c>
      <c r="Y21173" s="2">
        <v>50</v>
      </c>
      <c r="Z21173" s="2">
        <v>193.9</v>
      </c>
      <c r="AA21173" s="5">
        <v>20</v>
      </c>
      <c r="AB21173" s="5" t="s">
        <v>43</v>
      </c>
      <c r="AC21173" s="5" t="s">
        <v>44</v>
      </c>
      <c r="AD21173" s="2" t="s">
        <v>68337</v>
      </c>
      <c r="AE21173" s="1"/>
    </row>
    <row r="21174" spans="1:31" ht="14.45">
      <c r="A21174" s="5"/>
      <c r="B21174" s="21"/>
      <c r="C21174" s="2" t="s">
        <v>68378</v>
      </c>
      <c r="D21174" s="14" t="s">
        <v>68379</v>
      </c>
      <c r="E21174" s="2" t="s">
        <v>68380</v>
      </c>
      <c r="F21174" s="2" t="s">
        <v>68381</v>
      </c>
      <c r="G21174" s="8">
        <v>274</v>
      </c>
      <c r="H21174" s="5">
        <v>15</v>
      </c>
      <c r="I21174" s="5" t="s">
        <v>69</v>
      </c>
      <c r="J21174" s="5" t="s">
        <v>24629</v>
      </c>
      <c r="K21174" s="2" t="s">
        <v>24630</v>
      </c>
      <c r="L21174" s="5" t="s">
        <v>24629</v>
      </c>
      <c r="M21174" s="2" t="s">
        <v>24630</v>
      </c>
      <c r="N21174" s="5" t="s">
        <v>24254</v>
      </c>
      <c r="O21174" s="5" t="s">
        <v>38</v>
      </c>
      <c r="P21174" s="5" t="s">
        <v>39</v>
      </c>
      <c r="Q21174" s="5" t="s">
        <v>40</v>
      </c>
      <c r="R21174" s="5" t="s">
        <v>24335</v>
      </c>
      <c r="S21174" s="5" t="s">
        <v>40</v>
      </c>
      <c r="T21174" s="5" t="s">
        <v>42</v>
      </c>
      <c r="U21174" s="2">
        <v>9.2590000000000003</v>
      </c>
      <c r="V21174" s="2">
        <v>7.26</v>
      </c>
      <c r="W21174" s="2">
        <v>0.11600000000000001</v>
      </c>
      <c r="X21174" s="2">
        <v>12</v>
      </c>
      <c r="Y21174" s="2">
        <v>50</v>
      </c>
      <c r="Z21174" s="2">
        <v>193.9</v>
      </c>
      <c r="AA21174" s="5">
        <v>20</v>
      </c>
      <c r="AB21174" s="5" t="s">
        <v>43</v>
      </c>
      <c r="AC21174" s="5" t="s">
        <v>44</v>
      </c>
      <c r="AD21174" s="2" t="s">
        <v>68332</v>
      </c>
      <c r="AE21174" s="1"/>
    </row>
    <row r="21175" spans="1:31" ht="14.45">
      <c r="A21175" s="5"/>
      <c r="B21175" s="21"/>
      <c r="C21175" s="2" t="s">
        <v>68382</v>
      </c>
      <c r="D21175" s="14" t="s">
        <v>68383</v>
      </c>
      <c r="E21175" s="2" t="s">
        <v>68384</v>
      </c>
      <c r="F21175" s="2" t="s">
        <v>68385</v>
      </c>
      <c r="G21175" s="8">
        <v>274</v>
      </c>
      <c r="H21175" s="5">
        <v>15</v>
      </c>
      <c r="I21175" s="5" t="s">
        <v>69</v>
      </c>
      <c r="J21175" s="5" t="s">
        <v>24629</v>
      </c>
      <c r="K21175" s="2" t="s">
        <v>24630</v>
      </c>
      <c r="L21175" s="5" t="s">
        <v>24629</v>
      </c>
      <c r="M21175" s="2" t="s">
        <v>24630</v>
      </c>
      <c r="N21175" s="5" t="s">
        <v>24254</v>
      </c>
      <c r="O21175" s="5" t="s">
        <v>38</v>
      </c>
      <c r="P21175" s="5" t="s">
        <v>39</v>
      </c>
      <c r="Q21175" s="5" t="s">
        <v>40</v>
      </c>
      <c r="R21175" s="5" t="s">
        <v>24335</v>
      </c>
      <c r="S21175" s="5" t="s">
        <v>40</v>
      </c>
      <c r="T21175" s="5" t="s">
        <v>42</v>
      </c>
      <c r="U21175" s="2">
        <v>9.2100000000000009</v>
      </c>
      <c r="V21175" s="2">
        <v>7.2110000000000003</v>
      </c>
      <c r="W21175" s="2">
        <v>0.11600000000000001</v>
      </c>
      <c r="X21175" s="2">
        <v>12</v>
      </c>
      <c r="Y21175" s="2">
        <v>50</v>
      </c>
      <c r="Z21175" s="2">
        <v>193.9</v>
      </c>
      <c r="AA21175" s="5">
        <v>20</v>
      </c>
      <c r="AB21175" s="5" t="s">
        <v>43</v>
      </c>
      <c r="AC21175" s="5" t="s">
        <v>44</v>
      </c>
      <c r="AD21175" s="2" t="s">
        <v>68337</v>
      </c>
      <c r="AE21175" s="1"/>
    </row>
    <row r="21176" spans="1:31" ht="14.45">
      <c r="A21176" s="5"/>
      <c r="B21176" s="21"/>
      <c r="C21176" s="2" t="s">
        <v>68386</v>
      </c>
      <c r="D21176" s="14" t="s">
        <v>68387</v>
      </c>
      <c r="E21176" s="2" t="s">
        <v>68388</v>
      </c>
      <c r="F21176" s="2" t="s">
        <v>68336</v>
      </c>
      <c r="G21176" s="8">
        <v>416</v>
      </c>
      <c r="H21176" s="5">
        <v>15</v>
      </c>
      <c r="I21176" s="5" t="s">
        <v>69</v>
      </c>
      <c r="J21176" s="5" t="s">
        <v>27074</v>
      </c>
      <c r="K21176" s="2" t="s">
        <v>27075</v>
      </c>
      <c r="L21176" s="5" t="s">
        <v>27074</v>
      </c>
      <c r="M21176" s="2" t="s">
        <v>27075</v>
      </c>
      <c r="N21176" s="5" t="s">
        <v>24254</v>
      </c>
      <c r="O21176" s="5" t="s">
        <v>38</v>
      </c>
      <c r="P21176" s="5" t="s">
        <v>39</v>
      </c>
      <c r="Q21176" s="5" t="s">
        <v>40</v>
      </c>
      <c r="R21176" s="5" t="s">
        <v>24335</v>
      </c>
      <c r="S21176" s="5" t="s">
        <v>40</v>
      </c>
      <c r="T21176" s="5" t="s">
        <v>42</v>
      </c>
      <c r="U21176" s="2">
        <v>12.9</v>
      </c>
      <c r="V21176" s="2">
        <v>10.648999999999999</v>
      </c>
      <c r="W21176" s="2">
        <v>0.16</v>
      </c>
      <c r="X21176" s="2">
        <v>12</v>
      </c>
      <c r="Y21176" s="2">
        <v>77</v>
      </c>
      <c r="Z21176" s="2">
        <v>173.4</v>
      </c>
      <c r="AA21176" s="5">
        <v>10</v>
      </c>
      <c r="AB21176" s="5" t="s">
        <v>43</v>
      </c>
      <c r="AC21176" s="5" t="s">
        <v>44</v>
      </c>
      <c r="AD21176" s="2" t="s">
        <v>68389</v>
      </c>
      <c r="AE21176" s="1"/>
    </row>
    <row r="21177" spans="1:31" ht="14.45">
      <c r="A21177" s="5"/>
      <c r="B21177" s="21"/>
      <c r="C21177" s="2" t="s">
        <v>68390</v>
      </c>
      <c r="D21177" s="14" t="s">
        <v>68391</v>
      </c>
      <c r="E21177" s="2" t="s">
        <v>68392</v>
      </c>
      <c r="F21177" s="2" t="s">
        <v>68345</v>
      </c>
      <c r="G21177" s="8">
        <v>436</v>
      </c>
      <c r="H21177" s="5">
        <v>15</v>
      </c>
      <c r="I21177" s="5" t="s">
        <v>69</v>
      </c>
      <c r="J21177" s="5" t="s">
        <v>27074</v>
      </c>
      <c r="K21177" s="2" t="s">
        <v>27075</v>
      </c>
      <c r="L21177" s="5" t="s">
        <v>27074</v>
      </c>
      <c r="M21177" s="2" t="s">
        <v>27075</v>
      </c>
      <c r="N21177" s="5" t="s">
        <v>24254</v>
      </c>
      <c r="O21177" s="5" t="s">
        <v>38</v>
      </c>
      <c r="P21177" s="5" t="s">
        <v>39</v>
      </c>
      <c r="Q21177" s="5" t="s">
        <v>40</v>
      </c>
      <c r="R21177" s="5" t="s">
        <v>24335</v>
      </c>
      <c r="S21177" s="5" t="s">
        <v>40</v>
      </c>
      <c r="T21177" s="5" t="s">
        <v>42</v>
      </c>
      <c r="U21177" s="2">
        <v>14.198</v>
      </c>
      <c r="V21177" s="2">
        <v>11.554</v>
      </c>
      <c r="W21177" s="2">
        <v>0.19500000000000001</v>
      </c>
      <c r="X21177" s="2">
        <v>12</v>
      </c>
      <c r="Y21177" s="2">
        <v>77</v>
      </c>
      <c r="Z21177" s="2">
        <v>210.9</v>
      </c>
      <c r="AA21177" s="5">
        <v>10</v>
      </c>
      <c r="AB21177" s="5" t="s">
        <v>43</v>
      </c>
      <c r="AC21177" s="5" t="s">
        <v>44</v>
      </c>
      <c r="AD21177" s="2" t="s">
        <v>68389</v>
      </c>
      <c r="AE21177" s="1"/>
    </row>
    <row r="21178" spans="1:31" ht="14.45">
      <c r="A21178" s="5"/>
      <c r="B21178" s="21"/>
      <c r="C21178" s="2" t="s">
        <v>68393</v>
      </c>
      <c r="D21178" s="14" t="s">
        <v>68394</v>
      </c>
      <c r="E21178" s="2" t="s">
        <v>68395</v>
      </c>
      <c r="F21178" s="2" t="s">
        <v>68353</v>
      </c>
      <c r="G21178" s="8">
        <v>498</v>
      </c>
      <c r="H21178" s="5">
        <v>15</v>
      </c>
      <c r="I21178" s="5" t="s">
        <v>69</v>
      </c>
      <c r="J21178" s="5" t="s">
        <v>27074</v>
      </c>
      <c r="K21178" s="2" t="s">
        <v>27075</v>
      </c>
      <c r="L21178" s="5" t="s">
        <v>27074</v>
      </c>
      <c r="M21178" s="2" t="s">
        <v>27075</v>
      </c>
      <c r="N21178" s="5" t="s">
        <v>24254</v>
      </c>
      <c r="O21178" s="5" t="s">
        <v>38</v>
      </c>
      <c r="P21178" s="5" t="s">
        <v>39</v>
      </c>
      <c r="Q21178" s="5" t="s">
        <v>40</v>
      </c>
      <c r="R21178" s="5" t="s">
        <v>24335</v>
      </c>
      <c r="S21178" s="5" t="s">
        <v>40</v>
      </c>
      <c r="T21178" s="5" t="s">
        <v>42</v>
      </c>
      <c r="U21178" s="2">
        <v>15.034000000000001</v>
      </c>
      <c r="V21178" s="2">
        <v>12.39</v>
      </c>
      <c r="W21178" s="2">
        <v>0.19500000000000001</v>
      </c>
      <c r="X21178" s="2">
        <v>12</v>
      </c>
      <c r="Y21178" s="2">
        <v>77</v>
      </c>
      <c r="Z21178" s="2">
        <v>210.9</v>
      </c>
      <c r="AA21178" s="5">
        <v>10</v>
      </c>
      <c r="AB21178" s="5" t="s">
        <v>43</v>
      </c>
      <c r="AC21178" s="5" t="s">
        <v>44</v>
      </c>
      <c r="AD21178" s="2" t="s">
        <v>68389</v>
      </c>
      <c r="AE21178" s="1"/>
    </row>
    <row r="21179" spans="1:31" ht="14.45">
      <c r="A21179" s="5"/>
      <c r="B21179" s="21"/>
      <c r="C21179" s="2" t="s">
        <v>68396</v>
      </c>
      <c r="D21179" s="14" t="s">
        <v>68397</v>
      </c>
      <c r="E21179" s="2" t="s">
        <v>68398</v>
      </c>
      <c r="F21179" s="2" t="s">
        <v>68361</v>
      </c>
      <c r="G21179" s="8">
        <v>474</v>
      </c>
      <c r="H21179" s="5">
        <v>15</v>
      </c>
      <c r="I21179" s="5" t="s">
        <v>69</v>
      </c>
      <c r="J21179" s="5" t="s">
        <v>27074</v>
      </c>
      <c r="K21179" s="2" t="s">
        <v>27075</v>
      </c>
      <c r="L21179" s="5" t="s">
        <v>27074</v>
      </c>
      <c r="M21179" s="2" t="s">
        <v>27075</v>
      </c>
      <c r="N21179" s="5" t="s">
        <v>24254</v>
      </c>
      <c r="O21179" s="5" t="s">
        <v>38</v>
      </c>
      <c r="P21179" s="5" t="s">
        <v>39</v>
      </c>
      <c r="Q21179" s="5" t="s">
        <v>40</v>
      </c>
      <c r="R21179" s="5" t="s">
        <v>24335</v>
      </c>
      <c r="S21179" s="5" t="s">
        <v>40</v>
      </c>
      <c r="T21179" s="5" t="s">
        <v>42</v>
      </c>
      <c r="U21179" s="2">
        <v>13.554</v>
      </c>
      <c r="V21179" s="2">
        <v>11.303000000000001</v>
      </c>
      <c r="W21179" s="2">
        <v>0.16</v>
      </c>
      <c r="X21179" s="2">
        <v>12</v>
      </c>
      <c r="Y21179" s="2">
        <v>77</v>
      </c>
      <c r="Z21179" s="2">
        <v>173.4</v>
      </c>
      <c r="AA21179" s="5">
        <v>10</v>
      </c>
      <c r="AB21179" s="5" t="s">
        <v>43</v>
      </c>
      <c r="AC21179" s="5" t="s">
        <v>44</v>
      </c>
      <c r="AD21179" s="2" t="s">
        <v>68389</v>
      </c>
      <c r="AE21179" s="1"/>
    </row>
    <row r="21180" spans="1:31" ht="14.45">
      <c r="A21180" s="5"/>
      <c r="B21180" s="21"/>
      <c r="C21180" s="2" t="s">
        <v>68399</v>
      </c>
      <c r="D21180" s="14" t="s">
        <v>68400</v>
      </c>
      <c r="E21180" s="2" t="s">
        <v>68401</v>
      </c>
      <c r="F21180" s="2" t="s">
        <v>68369</v>
      </c>
      <c r="G21180" s="8">
        <v>498</v>
      </c>
      <c r="H21180" s="5">
        <v>15</v>
      </c>
      <c r="I21180" s="5" t="s">
        <v>69</v>
      </c>
      <c r="J21180" s="5" t="s">
        <v>27074</v>
      </c>
      <c r="K21180" s="2" t="s">
        <v>27075</v>
      </c>
      <c r="L21180" s="5" t="s">
        <v>27074</v>
      </c>
      <c r="M21180" s="2" t="s">
        <v>27075</v>
      </c>
      <c r="N21180" s="5" t="s">
        <v>24254</v>
      </c>
      <c r="O21180" s="5" t="s">
        <v>38</v>
      </c>
      <c r="P21180" s="5" t="s">
        <v>39</v>
      </c>
      <c r="Q21180" s="5" t="s">
        <v>40</v>
      </c>
      <c r="R21180" s="5" t="s">
        <v>24335</v>
      </c>
      <c r="S21180" s="5" t="s">
        <v>40</v>
      </c>
      <c r="T21180" s="5" t="s">
        <v>42</v>
      </c>
      <c r="U21180" s="2">
        <v>14.459</v>
      </c>
      <c r="V21180" s="2">
        <v>12.208</v>
      </c>
      <c r="W21180" s="2">
        <v>0.16</v>
      </c>
      <c r="X21180" s="2">
        <v>12</v>
      </c>
      <c r="Y21180" s="2">
        <v>77</v>
      </c>
      <c r="Z21180" s="2">
        <v>173.4</v>
      </c>
      <c r="AA21180" s="5">
        <v>10</v>
      </c>
      <c r="AB21180" s="5" t="s">
        <v>43</v>
      </c>
      <c r="AC21180" s="5" t="s">
        <v>44</v>
      </c>
      <c r="AD21180" s="2" t="s">
        <v>68389</v>
      </c>
      <c r="AE21180" s="1"/>
    </row>
    <row r="21181" spans="1:31" ht="14.45">
      <c r="A21181" s="5"/>
      <c r="B21181" s="21"/>
      <c r="C21181" s="2" t="s">
        <v>68402</v>
      </c>
      <c r="D21181" s="14" t="s">
        <v>68403</v>
      </c>
      <c r="E21181" s="2" t="s">
        <v>68404</v>
      </c>
      <c r="F21181" s="2" t="s">
        <v>68377</v>
      </c>
      <c r="G21181" s="8">
        <v>528</v>
      </c>
      <c r="H21181" s="5">
        <v>15</v>
      </c>
      <c r="I21181" s="5" t="s">
        <v>69</v>
      </c>
      <c r="J21181" s="5" t="s">
        <v>27074</v>
      </c>
      <c r="K21181" s="2" t="s">
        <v>27075</v>
      </c>
      <c r="L21181" s="5" t="s">
        <v>27074</v>
      </c>
      <c r="M21181" s="2" t="s">
        <v>27075</v>
      </c>
      <c r="N21181" s="5" t="s">
        <v>24254</v>
      </c>
      <c r="O21181" s="5" t="s">
        <v>38</v>
      </c>
      <c r="P21181" s="5" t="s">
        <v>39</v>
      </c>
      <c r="Q21181" s="5" t="s">
        <v>40</v>
      </c>
      <c r="R21181" s="5" t="s">
        <v>24335</v>
      </c>
      <c r="S21181" s="5" t="s">
        <v>40</v>
      </c>
      <c r="T21181" s="5" t="s">
        <v>42</v>
      </c>
      <c r="U21181" s="2">
        <v>15.686</v>
      </c>
      <c r="V21181" s="2">
        <v>13.042</v>
      </c>
      <c r="W21181" s="2">
        <v>0.19500000000000001</v>
      </c>
      <c r="X21181" s="2">
        <v>12</v>
      </c>
      <c r="Y21181" s="2">
        <v>77</v>
      </c>
      <c r="Z21181" s="2">
        <v>210.9</v>
      </c>
      <c r="AA21181" s="5">
        <v>10</v>
      </c>
      <c r="AB21181" s="5" t="s">
        <v>43</v>
      </c>
      <c r="AC21181" s="5" t="s">
        <v>44</v>
      </c>
      <c r="AD21181" s="2" t="s">
        <v>68389</v>
      </c>
      <c r="AE21181" s="1"/>
    </row>
    <row r="21182" spans="1:31" ht="14.45">
      <c r="A21182" s="5"/>
      <c r="B21182" s="21"/>
      <c r="C21182" s="2" t="s">
        <v>68405</v>
      </c>
      <c r="D21182" s="14" t="s">
        <v>68406</v>
      </c>
      <c r="E21182" s="2" t="s">
        <v>68407</v>
      </c>
      <c r="F21182" s="2" t="s">
        <v>68385</v>
      </c>
      <c r="G21182" s="8">
        <v>564</v>
      </c>
      <c r="H21182" s="5">
        <v>15</v>
      </c>
      <c r="I21182" s="5" t="s">
        <v>69</v>
      </c>
      <c r="J21182" s="5" t="s">
        <v>27074</v>
      </c>
      <c r="K21182" s="2" t="s">
        <v>27075</v>
      </c>
      <c r="L21182" s="5" t="s">
        <v>27074</v>
      </c>
      <c r="M21182" s="2" t="s">
        <v>27075</v>
      </c>
      <c r="N21182" s="5" t="s">
        <v>24254</v>
      </c>
      <c r="O21182" s="5" t="s">
        <v>38</v>
      </c>
      <c r="P21182" s="5" t="s">
        <v>39</v>
      </c>
      <c r="Q21182" s="5" t="s">
        <v>40</v>
      </c>
      <c r="R21182" s="5" t="s">
        <v>24335</v>
      </c>
      <c r="S21182" s="5" t="s">
        <v>40</v>
      </c>
      <c r="T21182" s="5" t="s">
        <v>42</v>
      </c>
      <c r="U21182" s="2">
        <v>16.658000000000001</v>
      </c>
      <c r="V21182" s="2">
        <v>14.013999999999999</v>
      </c>
      <c r="W21182" s="2">
        <v>0.19500000000000001</v>
      </c>
      <c r="X21182" s="2">
        <v>12</v>
      </c>
      <c r="Y21182" s="2">
        <v>77</v>
      </c>
      <c r="Z21182" s="2">
        <v>210.9</v>
      </c>
      <c r="AA21182" s="5">
        <v>10</v>
      </c>
      <c r="AB21182" s="5" t="s">
        <v>43</v>
      </c>
      <c r="AC21182" s="5" t="s">
        <v>44</v>
      </c>
      <c r="AD21182" s="2" t="s">
        <v>68389</v>
      </c>
      <c r="AE21182" s="1"/>
    </row>
    <row r="21183" spans="1:31" ht="14.45">
      <c r="A21183" s="11"/>
      <c r="B21183" s="20"/>
      <c r="C21183" s="2" t="s">
        <v>68408</v>
      </c>
      <c r="D21183" s="14" t="s">
        <v>68409</v>
      </c>
      <c r="E21183" s="2" t="s">
        <v>68410</v>
      </c>
      <c r="F21183" s="2" t="s">
        <v>7204</v>
      </c>
      <c r="G21183" s="8">
        <v>104</v>
      </c>
      <c r="H21183" s="5">
        <v>15</v>
      </c>
      <c r="I21183" s="5" t="s">
        <v>1518</v>
      </c>
      <c r="J21183" s="5" t="s">
        <v>68411</v>
      </c>
      <c r="K21183" s="2" t="s">
        <v>68412</v>
      </c>
      <c r="L21183" s="5" t="s">
        <v>68411</v>
      </c>
      <c r="M21183" s="2" t="s">
        <v>68412</v>
      </c>
      <c r="N21183" s="5" t="s">
        <v>1521</v>
      </c>
      <c r="O21183" s="5" t="s">
        <v>38</v>
      </c>
      <c r="P21183" s="5" t="s">
        <v>39</v>
      </c>
      <c r="Q21183" s="5" t="s">
        <v>40</v>
      </c>
      <c r="R21183" s="5" t="s">
        <v>68413</v>
      </c>
      <c r="S21183" s="5" t="s">
        <v>40</v>
      </c>
      <c r="T21183" s="5" t="s">
        <v>42</v>
      </c>
      <c r="U21183" s="2">
        <v>1.278</v>
      </c>
      <c r="V21183" s="2">
        <v>0.83299999999999996</v>
      </c>
      <c r="W21183" s="2">
        <v>0.01</v>
      </c>
      <c r="X21183" s="2">
        <v>76.900000000000006</v>
      </c>
      <c r="Y21183" s="2">
        <v>7.6</v>
      </c>
      <c r="Z21183" s="2">
        <v>16.7</v>
      </c>
      <c r="AA21183" s="5"/>
      <c r="AB21183" s="5" t="s">
        <v>43</v>
      </c>
      <c r="AC21183" s="5" t="s">
        <v>44</v>
      </c>
      <c r="AD21183" s="2"/>
      <c r="AE21183" s="1"/>
    </row>
    <row r="21184" spans="1:31" ht="14.45">
      <c r="A21184" s="11"/>
      <c r="B21184" s="20"/>
      <c r="C21184" s="2" t="s">
        <v>68414</v>
      </c>
      <c r="D21184" s="14" t="s">
        <v>68415</v>
      </c>
      <c r="E21184" s="2" t="s">
        <v>68416</v>
      </c>
      <c r="F21184" s="2" t="s">
        <v>7514</v>
      </c>
      <c r="G21184" s="8">
        <v>104</v>
      </c>
      <c r="H21184" s="5">
        <v>15</v>
      </c>
      <c r="I21184" s="5" t="s">
        <v>1518</v>
      </c>
      <c r="J21184" s="5" t="s">
        <v>68411</v>
      </c>
      <c r="K21184" s="2" t="s">
        <v>68412</v>
      </c>
      <c r="L21184" s="5" t="s">
        <v>68411</v>
      </c>
      <c r="M21184" s="2" t="s">
        <v>68412</v>
      </c>
      <c r="N21184" s="5" t="s">
        <v>1521</v>
      </c>
      <c r="O21184" s="5" t="s">
        <v>38</v>
      </c>
      <c r="P21184" s="5" t="s">
        <v>39</v>
      </c>
      <c r="Q21184" s="5" t="s">
        <v>40</v>
      </c>
      <c r="R21184" s="5" t="s">
        <v>68413</v>
      </c>
      <c r="S21184" s="5" t="s">
        <v>40</v>
      </c>
      <c r="T21184" s="5" t="s">
        <v>42</v>
      </c>
      <c r="U21184" s="2">
        <v>1.29</v>
      </c>
      <c r="V21184" s="2">
        <v>0.84399999999999997</v>
      </c>
      <c r="W21184" s="2">
        <v>0.01</v>
      </c>
      <c r="X21184" s="2">
        <v>76.900000000000006</v>
      </c>
      <c r="Y21184" s="2">
        <v>7.6</v>
      </c>
      <c r="Z21184" s="2">
        <v>16.7</v>
      </c>
      <c r="AA21184" s="5"/>
      <c r="AB21184" s="5" t="s">
        <v>43</v>
      </c>
      <c r="AC21184" s="5" t="s">
        <v>44</v>
      </c>
      <c r="AD21184" s="2"/>
      <c r="AE21184" s="1"/>
    </row>
    <row r="21185" spans="1:31" ht="14.45">
      <c r="A21185" s="11"/>
      <c r="B21185" s="20"/>
      <c r="C21185" s="2" t="s">
        <v>68417</v>
      </c>
      <c r="D21185" s="14" t="s">
        <v>68418</v>
      </c>
      <c r="E21185" s="2" t="s">
        <v>68419</v>
      </c>
      <c r="F21185" s="2" t="s">
        <v>68420</v>
      </c>
      <c r="G21185" s="8">
        <v>104</v>
      </c>
      <c r="H21185" s="5">
        <v>15</v>
      </c>
      <c r="I21185" s="5" t="s">
        <v>1518</v>
      </c>
      <c r="J21185" s="5" t="s">
        <v>68411</v>
      </c>
      <c r="K21185" s="2" t="s">
        <v>68412</v>
      </c>
      <c r="L21185" s="5" t="s">
        <v>68411</v>
      </c>
      <c r="M21185" s="2" t="s">
        <v>68412</v>
      </c>
      <c r="N21185" s="5" t="s">
        <v>1521</v>
      </c>
      <c r="O21185" s="5" t="s">
        <v>38</v>
      </c>
      <c r="P21185" s="5" t="s">
        <v>39</v>
      </c>
      <c r="Q21185" s="5" t="s">
        <v>40</v>
      </c>
      <c r="R21185" s="5" t="s">
        <v>68413</v>
      </c>
      <c r="S21185" s="5" t="s">
        <v>40</v>
      </c>
      <c r="T21185" s="5" t="s">
        <v>42</v>
      </c>
      <c r="U21185" s="2">
        <v>1.278</v>
      </c>
      <c r="V21185" s="2">
        <v>0.83299999999999996</v>
      </c>
      <c r="W21185" s="2">
        <v>0.01</v>
      </c>
      <c r="X21185" s="2">
        <v>76.900000000000006</v>
      </c>
      <c r="Y21185" s="2">
        <v>7.6</v>
      </c>
      <c r="Z21185" s="2">
        <v>16.7</v>
      </c>
      <c r="AA21185" s="5"/>
      <c r="AB21185" s="5" t="s">
        <v>43</v>
      </c>
      <c r="AC21185" s="5" t="s">
        <v>44</v>
      </c>
      <c r="AD21185" s="2"/>
      <c r="AE21185" s="1"/>
    </row>
    <row r="21186" spans="1:31" ht="14.45">
      <c r="A21186" s="11"/>
      <c r="B21186" s="20"/>
      <c r="C21186" s="2" t="s">
        <v>68421</v>
      </c>
      <c r="D21186" s="14" t="s">
        <v>68422</v>
      </c>
      <c r="E21186" s="2" t="s">
        <v>68423</v>
      </c>
      <c r="F21186" s="2" t="s">
        <v>68424</v>
      </c>
      <c r="G21186" s="8">
        <v>104</v>
      </c>
      <c r="H21186" s="5">
        <v>15</v>
      </c>
      <c r="I21186" s="5" t="s">
        <v>1518</v>
      </c>
      <c r="J21186" s="5" t="s">
        <v>68411</v>
      </c>
      <c r="K21186" s="2" t="s">
        <v>68412</v>
      </c>
      <c r="L21186" s="5" t="s">
        <v>68411</v>
      </c>
      <c r="M21186" s="2" t="s">
        <v>68412</v>
      </c>
      <c r="N21186" s="5" t="s">
        <v>1521</v>
      </c>
      <c r="O21186" s="5" t="s">
        <v>38</v>
      </c>
      <c r="P21186" s="5" t="s">
        <v>39</v>
      </c>
      <c r="Q21186" s="5" t="s">
        <v>40</v>
      </c>
      <c r="R21186" s="5" t="s">
        <v>68413</v>
      </c>
      <c r="S21186" s="5" t="s">
        <v>40</v>
      </c>
      <c r="T21186" s="5" t="s">
        <v>42</v>
      </c>
      <c r="U21186" s="2">
        <v>1.29</v>
      </c>
      <c r="V21186" s="2">
        <v>0.84399999999999997</v>
      </c>
      <c r="W21186" s="2">
        <v>0.01</v>
      </c>
      <c r="X21186" s="2">
        <v>76.900000000000006</v>
      </c>
      <c r="Y21186" s="2">
        <v>7.6</v>
      </c>
      <c r="Z21186" s="2">
        <v>16.7</v>
      </c>
      <c r="AA21186" s="5"/>
      <c r="AB21186" s="5" t="s">
        <v>43</v>
      </c>
      <c r="AC21186" s="5" t="s">
        <v>44</v>
      </c>
      <c r="AD21186" s="2"/>
      <c r="AE21186" s="1"/>
    </row>
    <row r="21187" spans="1:31" ht="14.45">
      <c r="A21187" s="11"/>
      <c r="B21187" s="20"/>
      <c r="C21187" s="2" t="s">
        <v>68425</v>
      </c>
      <c r="D21187" s="14" t="s">
        <v>68426</v>
      </c>
      <c r="E21187" s="2" t="s">
        <v>68427</v>
      </c>
      <c r="F21187" s="2" t="s">
        <v>7204</v>
      </c>
      <c r="G21187" s="8">
        <v>119</v>
      </c>
      <c r="H21187" s="5">
        <v>15</v>
      </c>
      <c r="I21187" s="5" t="s">
        <v>1518</v>
      </c>
      <c r="J21187" s="5" t="s">
        <v>68411</v>
      </c>
      <c r="K21187" s="2" t="s">
        <v>68412</v>
      </c>
      <c r="L21187" s="5" t="s">
        <v>68411</v>
      </c>
      <c r="M21187" s="2" t="s">
        <v>68412</v>
      </c>
      <c r="N21187" s="5" t="s">
        <v>1521</v>
      </c>
      <c r="O21187" s="5" t="s">
        <v>38</v>
      </c>
      <c r="P21187" s="5" t="s">
        <v>39</v>
      </c>
      <c r="Q21187" s="5" t="s">
        <v>40</v>
      </c>
      <c r="R21187" s="5" t="s">
        <v>68413</v>
      </c>
      <c r="S21187" s="5" t="s">
        <v>40</v>
      </c>
      <c r="T21187" s="5" t="s">
        <v>42</v>
      </c>
      <c r="U21187" s="2">
        <v>1.4139999999999999</v>
      </c>
      <c r="V21187" s="2">
        <v>0.97799999999999998</v>
      </c>
      <c r="W21187" s="2">
        <v>0.01</v>
      </c>
      <c r="X21187" s="2">
        <v>76.900000000000006</v>
      </c>
      <c r="Y21187" s="2">
        <v>7.6</v>
      </c>
      <c r="Z21187" s="2">
        <v>16.7</v>
      </c>
      <c r="AA21187" s="5"/>
      <c r="AB21187" s="5" t="s">
        <v>43</v>
      </c>
      <c r="AC21187" s="5" t="s">
        <v>44</v>
      </c>
      <c r="AD21187" s="2"/>
      <c r="AE21187" s="1"/>
    </row>
    <row r="21188" spans="1:31" ht="14.45">
      <c r="A21188" s="11"/>
      <c r="B21188" s="20"/>
      <c r="C21188" s="2" t="s">
        <v>68428</v>
      </c>
      <c r="D21188" s="14" t="s">
        <v>68429</v>
      </c>
      <c r="E21188" s="2" t="s">
        <v>68430</v>
      </c>
      <c r="F21188" s="2" t="s">
        <v>7514</v>
      </c>
      <c r="G21188" s="8">
        <v>119</v>
      </c>
      <c r="H21188" s="5">
        <v>15</v>
      </c>
      <c r="I21188" s="5" t="s">
        <v>1518</v>
      </c>
      <c r="J21188" s="5" t="s">
        <v>68411</v>
      </c>
      <c r="K21188" s="2" t="s">
        <v>68412</v>
      </c>
      <c r="L21188" s="5" t="s">
        <v>68411</v>
      </c>
      <c r="M21188" s="2" t="s">
        <v>68412</v>
      </c>
      <c r="N21188" s="5" t="s">
        <v>1521</v>
      </c>
      <c r="O21188" s="5" t="s">
        <v>38</v>
      </c>
      <c r="P21188" s="5" t="s">
        <v>39</v>
      </c>
      <c r="Q21188" s="5" t="s">
        <v>40</v>
      </c>
      <c r="R21188" s="5" t="s">
        <v>68413</v>
      </c>
      <c r="S21188" s="5" t="s">
        <v>40</v>
      </c>
      <c r="T21188" s="5" t="s">
        <v>42</v>
      </c>
      <c r="U21188" s="2">
        <v>1.425</v>
      </c>
      <c r="V21188" s="2">
        <v>0.98799999999999999</v>
      </c>
      <c r="W21188" s="2">
        <v>0.01</v>
      </c>
      <c r="X21188" s="2">
        <v>76.900000000000006</v>
      </c>
      <c r="Y21188" s="2">
        <v>7.6</v>
      </c>
      <c r="Z21188" s="2">
        <v>16.7</v>
      </c>
      <c r="AA21188" s="5"/>
      <c r="AB21188" s="5" t="s">
        <v>43</v>
      </c>
      <c r="AC21188" s="5" t="s">
        <v>44</v>
      </c>
      <c r="AD21188" s="2"/>
      <c r="AE21188" s="1"/>
    </row>
    <row r="21189" spans="1:31" ht="14.45">
      <c r="A21189" s="11"/>
      <c r="B21189" s="20"/>
      <c r="C21189" s="2" t="s">
        <v>68431</v>
      </c>
      <c r="D21189" s="14" t="s">
        <v>68432</v>
      </c>
      <c r="E21189" s="2" t="s">
        <v>68433</v>
      </c>
      <c r="F21189" s="2" t="s">
        <v>68420</v>
      </c>
      <c r="G21189" s="8">
        <v>119</v>
      </c>
      <c r="H21189" s="5">
        <v>15</v>
      </c>
      <c r="I21189" s="5" t="s">
        <v>1518</v>
      </c>
      <c r="J21189" s="5" t="s">
        <v>68411</v>
      </c>
      <c r="K21189" s="2" t="s">
        <v>68412</v>
      </c>
      <c r="L21189" s="5" t="s">
        <v>68411</v>
      </c>
      <c r="M21189" s="2" t="s">
        <v>68412</v>
      </c>
      <c r="N21189" s="5" t="s">
        <v>1521</v>
      </c>
      <c r="O21189" s="5" t="s">
        <v>38</v>
      </c>
      <c r="P21189" s="5" t="s">
        <v>39</v>
      </c>
      <c r="Q21189" s="5" t="s">
        <v>40</v>
      </c>
      <c r="R21189" s="5" t="s">
        <v>68413</v>
      </c>
      <c r="S21189" s="5" t="s">
        <v>40</v>
      </c>
      <c r="T21189" s="5" t="s">
        <v>42</v>
      </c>
      <c r="U21189" s="2">
        <v>1.4139999999999999</v>
      </c>
      <c r="V21189" s="2">
        <v>0.97799999999999998</v>
      </c>
      <c r="W21189" s="2">
        <v>0.01</v>
      </c>
      <c r="X21189" s="2">
        <v>76.900000000000006</v>
      </c>
      <c r="Y21189" s="2">
        <v>7.6</v>
      </c>
      <c r="Z21189" s="2">
        <v>16.7</v>
      </c>
      <c r="AA21189" s="5"/>
      <c r="AB21189" s="5" t="s">
        <v>43</v>
      </c>
      <c r="AC21189" s="5" t="s">
        <v>44</v>
      </c>
      <c r="AD21189" s="2"/>
      <c r="AE21189" s="1"/>
    </row>
    <row r="21190" spans="1:31" ht="14.45">
      <c r="A21190" s="11"/>
      <c r="B21190" s="20"/>
      <c r="C21190" s="2" t="s">
        <v>68434</v>
      </c>
      <c r="D21190" s="14" t="s">
        <v>68435</v>
      </c>
      <c r="E21190" s="2" t="s">
        <v>68436</v>
      </c>
      <c r="F21190" s="2" t="s">
        <v>68424</v>
      </c>
      <c r="G21190" s="8">
        <v>119</v>
      </c>
      <c r="H21190" s="5">
        <v>15</v>
      </c>
      <c r="I21190" s="5" t="s">
        <v>1518</v>
      </c>
      <c r="J21190" s="5" t="s">
        <v>68411</v>
      </c>
      <c r="K21190" s="2" t="s">
        <v>68412</v>
      </c>
      <c r="L21190" s="5" t="s">
        <v>68411</v>
      </c>
      <c r="M21190" s="2" t="s">
        <v>68412</v>
      </c>
      <c r="N21190" s="5" t="s">
        <v>1521</v>
      </c>
      <c r="O21190" s="5" t="s">
        <v>38</v>
      </c>
      <c r="P21190" s="5" t="s">
        <v>39</v>
      </c>
      <c r="Q21190" s="5" t="s">
        <v>40</v>
      </c>
      <c r="R21190" s="5" t="s">
        <v>68413</v>
      </c>
      <c r="S21190" s="5" t="s">
        <v>40</v>
      </c>
      <c r="T21190" s="5" t="s">
        <v>42</v>
      </c>
      <c r="U21190" s="2">
        <v>1.425</v>
      </c>
      <c r="V21190" s="2">
        <v>0.98799999999999999</v>
      </c>
      <c r="W21190" s="2">
        <v>0.01</v>
      </c>
      <c r="X21190" s="2">
        <v>76.900000000000006</v>
      </c>
      <c r="Y21190" s="2">
        <v>7.6</v>
      </c>
      <c r="Z21190" s="2">
        <v>16.7</v>
      </c>
      <c r="AA21190" s="5"/>
      <c r="AB21190" s="5" t="s">
        <v>43</v>
      </c>
      <c r="AC21190" s="5" t="s">
        <v>44</v>
      </c>
      <c r="AD21190" s="2"/>
      <c r="AE21190" s="1"/>
    </row>
    <row r="21191" spans="1:31" ht="14.45">
      <c r="A21191" s="11"/>
      <c r="B21191" s="20"/>
      <c r="C21191" s="2" t="s">
        <v>68437</v>
      </c>
      <c r="D21191" s="14" t="s">
        <v>68438</v>
      </c>
      <c r="E21191" s="2" t="s">
        <v>68439</v>
      </c>
      <c r="F21191" s="2" t="s">
        <v>7204</v>
      </c>
      <c r="G21191" s="8">
        <v>132</v>
      </c>
      <c r="H21191" s="5">
        <v>15</v>
      </c>
      <c r="I21191" s="5" t="s">
        <v>1518</v>
      </c>
      <c r="J21191" s="5" t="s">
        <v>68411</v>
      </c>
      <c r="K21191" s="2" t="s">
        <v>68412</v>
      </c>
      <c r="L21191" s="5" t="s">
        <v>68411</v>
      </c>
      <c r="M21191" s="2" t="s">
        <v>68412</v>
      </c>
      <c r="N21191" s="5" t="s">
        <v>1521</v>
      </c>
      <c r="O21191" s="5" t="s">
        <v>38</v>
      </c>
      <c r="P21191" s="5" t="s">
        <v>39</v>
      </c>
      <c r="Q21191" s="5" t="s">
        <v>40</v>
      </c>
      <c r="R21191" s="5" t="s">
        <v>68413</v>
      </c>
      <c r="S21191" s="5" t="s">
        <v>40</v>
      </c>
      <c r="T21191" s="5" t="s">
        <v>42</v>
      </c>
      <c r="U21191" s="2">
        <v>1.6619999999999999</v>
      </c>
      <c r="V21191" s="2">
        <v>1.1200000000000001</v>
      </c>
      <c r="W21191" s="2">
        <v>1.2999999999999999E-2</v>
      </c>
      <c r="X21191" s="2">
        <v>99.1</v>
      </c>
      <c r="Y21191" s="2">
        <v>7.6</v>
      </c>
      <c r="Z21191" s="2">
        <v>16.7</v>
      </c>
      <c r="AA21191" s="5"/>
      <c r="AB21191" s="5" t="s">
        <v>43</v>
      </c>
      <c r="AC21191" s="5" t="s">
        <v>44</v>
      </c>
      <c r="AD21191" s="2"/>
      <c r="AE21191" s="1"/>
    </row>
    <row r="21192" spans="1:31" ht="14.45">
      <c r="A21192" s="11"/>
      <c r="B21192" s="20"/>
      <c r="C21192" s="2" t="s">
        <v>68440</v>
      </c>
      <c r="D21192" s="14" t="s">
        <v>68441</v>
      </c>
      <c r="E21192" s="2" t="s">
        <v>68442</v>
      </c>
      <c r="F21192" s="2" t="s">
        <v>7514</v>
      </c>
      <c r="G21192" s="8">
        <v>132</v>
      </c>
      <c r="H21192" s="5">
        <v>15</v>
      </c>
      <c r="I21192" s="5" t="s">
        <v>1518</v>
      </c>
      <c r="J21192" s="5" t="s">
        <v>68411</v>
      </c>
      <c r="K21192" s="2" t="s">
        <v>68412</v>
      </c>
      <c r="L21192" s="5" t="s">
        <v>68411</v>
      </c>
      <c r="M21192" s="2" t="s">
        <v>68412</v>
      </c>
      <c r="N21192" s="5" t="s">
        <v>1521</v>
      </c>
      <c r="O21192" s="5" t="s">
        <v>38</v>
      </c>
      <c r="P21192" s="5" t="s">
        <v>39</v>
      </c>
      <c r="Q21192" s="5" t="s">
        <v>40</v>
      </c>
      <c r="R21192" s="5" t="s">
        <v>68413</v>
      </c>
      <c r="S21192" s="5" t="s">
        <v>40</v>
      </c>
      <c r="T21192" s="5" t="s">
        <v>42</v>
      </c>
      <c r="U21192" s="2">
        <v>1.6719999999999999</v>
      </c>
      <c r="V21192" s="2">
        <v>1.129</v>
      </c>
      <c r="W21192" s="2">
        <v>1.2999999999999999E-2</v>
      </c>
      <c r="X21192" s="2">
        <v>99.1</v>
      </c>
      <c r="Y21192" s="2">
        <v>7.6</v>
      </c>
      <c r="Z21192" s="2">
        <v>16.7</v>
      </c>
      <c r="AA21192" s="5"/>
      <c r="AB21192" s="5" t="s">
        <v>43</v>
      </c>
      <c r="AC21192" s="5" t="s">
        <v>44</v>
      </c>
      <c r="AD21192" s="2"/>
      <c r="AE21192" s="1"/>
    </row>
    <row r="21193" spans="1:31" ht="14.45">
      <c r="A21193" s="11"/>
      <c r="B21193" s="20"/>
      <c r="C21193" s="2" t="s">
        <v>68443</v>
      </c>
      <c r="D21193" s="14" t="s">
        <v>68444</v>
      </c>
      <c r="E21193" s="2" t="s">
        <v>68445</v>
      </c>
      <c r="F21193" s="2" t="s">
        <v>68420</v>
      </c>
      <c r="G21193" s="8">
        <v>132</v>
      </c>
      <c r="H21193" s="5">
        <v>15</v>
      </c>
      <c r="I21193" s="5" t="s">
        <v>1518</v>
      </c>
      <c r="J21193" s="5" t="s">
        <v>68411</v>
      </c>
      <c r="K21193" s="2" t="s">
        <v>68412</v>
      </c>
      <c r="L21193" s="5" t="s">
        <v>68411</v>
      </c>
      <c r="M21193" s="2" t="s">
        <v>68412</v>
      </c>
      <c r="N21193" s="5" t="s">
        <v>1521</v>
      </c>
      <c r="O21193" s="5" t="s">
        <v>38</v>
      </c>
      <c r="P21193" s="5" t="s">
        <v>39</v>
      </c>
      <c r="Q21193" s="5" t="s">
        <v>40</v>
      </c>
      <c r="R21193" s="5" t="s">
        <v>68413</v>
      </c>
      <c r="S21193" s="5" t="s">
        <v>40</v>
      </c>
      <c r="T21193" s="5" t="s">
        <v>42</v>
      </c>
      <c r="U21193" s="2">
        <v>1.6619999999999999</v>
      </c>
      <c r="V21193" s="2">
        <v>1.1200000000000001</v>
      </c>
      <c r="W21193" s="2">
        <v>1.2999999999999999E-2</v>
      </c>
      <c r="X21193" s="2">
        <v>99.1</v>
      </c>
      <c r="Y21193" s="2">
        <v>7.6</v>
      </c>
      <c r="Z21193" s="2">
        <v>16.7</v>
      </c>
      <c r="AA21193" s="5"/>
      <c r="AB21193" s="5" t="s">
        <v>43</v>
      </c>
      <c r="AC21193" s="5" t="s">
        <v>44</v>
      </c>
      <c r="AD21193" s="2"/>
      <c r="AE21193" s="1"/>
    </row>
    <row r="21194" spans="1:31" ht="14.45">
      <c r="A21194" s="11"/>
      <c r="B21194" s="20"/>
      <c r="C21194" s="2" t="s">
        <v>68446</v>
      </c>
      <c r="D21194" s="14" t="s">
        <v>68447</v>
      </c>
      <c r="E21194" s="2" t="s">
        <v>68448</v>
      </c>
      <c r="F21194" s="2" t="s">
        <v>68424</v>
      </c>
      <c r="G21194" s="8">
        <v>132</v>
      </c>
      <c r="H21194" s="5">
        <v>15</v>
      </c>
      <c r="I21194" s="5" t="s">
        <v>1518</v>
      </c>
      <c r="J21194" s="5" t="s">
        <v>68411</v>
      </c>
      <c r="K21194" s="2" t="s">
        <v>68412</v>
      </c>
      <c r="L21194" s="5" t="s">
        <v>68411</v>
      </c>
      <c r="M21194" s="2" t="s">
        <v>68412</v>
      </c>
      <c r="N21194" s="5" t="s">
        <v>1521</v>
      </c>
      <c r="O21194" s="5" t="s">
        <v>38</v>
      </c>
      <c r="P21194" s="5" t="s">
        <v>39</v>
      </c>
      <c r="Q21194" s="5" t="s">
        <v>40</v>
      </c>
      <c r="R21194" s="5" t="s">
        <v>68413</v>
      </c>
      <c r="S21194" s="5" t="s">
        <v>40</v>
      </c>
      <c r="T21194" s="5" t="s">
        <v>42</v>
      </c>
      <c r="U21194" s="2">
        <v>1.6719999999999999</v>
      </c>
      <c r="V21194" s="2">
        <v>1.129</v>
      </c>
      <c r="W21194" s="2">
        <v>1.2999999999999999E-2</v>
      </c>
      <c r="X21194" s="2">
        <v>99.1</v>
      </c>
      <c r="Y21194" s="2">
        <v>7.6</v>
      </c>
      <c r="Z21194" s="2">
        <v>16.7</v>
      </c>
      <c r="AA21194" s="5"/>
      <c r="AB21194" s="5" t="s">
        <v>43</v>
      </c>
      <c r="AC21194" s="5" t="s">
        <v>44</v>
      </c>
      <c r="AD21194" s="2"/>
      <c r="AE21194" s="1"/>
    </row>
    <row r="21195" spans="1:31" ht="14.45">
      <c r="A21195" s="11"/>
      <c r="B21195" s="20"/>
      <c r="C21195" s="2" t="s">
        <v>68449</v>
      </c>
      <c r="D21195" s="14" t="s">
        <v>68450</v>
      </c>
      <c r="E21195" s="2" t="s">
        <v>68451</v>
      </c>
      <c r="F21195" s="2" t="s">
        <v>7204</v>
      </c>
      <c r="G21195" s="8">
        <v>104</v>
      </c>
      <c r="H21195" s="5">
        <v>5</v>
      </c>
      <c r="I21195" s="5" t="s">
        <v>1518</v>
      </c>
      <c r="J21195" s="5" t="s">
        <v>68411</v>
      </c>
      <c r="K21195" s="2" t="s">
        <v>68412</v>
      </c>
      <c r="L21195" s="5" t="s">
        <v>68411</v>
      </c>
      <c r="M21195" s="2" t="s">
        <v>68412</v>
      </c>
      <c r="N21195" s="5" t="s">
        <v>1521</v>
      </c>
      <c r="O21195" s="5" t="s">
        <v>38</v>
      </c>
      <c r="P21195" s="5" t="s">
        <v>39</v>
      </c>
      <c r="Q21195" s="5" t="s">
        <v>40</v>
      </c>
      <c r="R21195" s="5" t="s">
        <v>68413</v>
      </c>
      <c r="S21195" s="5" t="s">
        <v>40</v>
      </c>
      <c r="T21195" s="5" t="s">
        <v>42</v>
      </c>
      <c r="U21195" s="2">
        <v>1.3140000000000001</v>
      </c>
      <c r="V21195" s="2">
        <v>0.874</v>
      </c>
      <c r="W21195" s="2">
        <v>0.01</v>
      </c>
      <c r="X21195" s="2">
        <v>76.900000000000006</v>
      </c>
      <c r="Y21195" s="2">
        <v>7.6</v>
      </c>
      <c r="Z21195" s="2">
        <v>16.7</v>
      </c>
      <c r="AA21195" s="5"/>
      <c r="AB21195" s="5" t="s">
        <v>43</v>
      </c>
      <c r="AC21195" s="5" t="s">
        <v>44</v>
      </c>
      <c r="AD21195" s="2"/>
      <c r="AE21195" s="1"/>
    </row>
    <row r="21196" spans="1:31" ht="14.45">
      <c r="A21196" s="11"/>
      <c r="B21196" s="20"/>
      <c r="C21196" s="2" t="s">
        <v>68452</v>
      </c>
      <c r="D21196" s="14" t="s">
        <v>68453</v>
      </c>
      <c r="E21196" s="2" t="s">
        <v>68454</v>
      </c>
      <c r="F21196" s="2" t="s">
        <v>7514</v>
      </c>
      <c r="G21196" s="8">
        <v>104</v>
      </c>
      <c r="H21196" s="5">
        <v>5</v>
      </c>
      <c r="I21196" s="5" t="s">
        <v>1518</v>
      </c>
      <c r="J21196" s="5" t="s">
        <v>68411</v>
      </c>
      <c r="K21196" s="2" t="s">
        <v>68412</v>
      </c>
      <c r="L21196" s="5" t="s">
        <v>68411</v>
      </c>
      <c r="M21196" s="2" t="s">
        <v>68412</v>
      </c>
      <c r="N21196" s="5" t="s">
        <v>1521</v>
      </c>
      <c r="O21196" s="5" t="s">
        <v>38</v>
      </c>
      <c r="P21196" s="5" t="s">
        <v>39</v>
      </c>
      <c r="Q21196" s="5" t="s">
        <v>40</v>
      </c>
      <c r="R21196" s="5" t="s">
        <v>68413</v>
      </c>
      <c r="S21196" s="5" t="s">
        <v>40</v>
      </c>
      <c r="T21196" s="5" t="s">
        <v>42</v>
      </c>
      <c r="U21196" s="2">
        <v>1.3260000000000001</v>
      </c>
      <c r="V21196" s="2">
        <v>0.88500000000000001</v>
      </c>
      <c r="W21196" s="2">
        <v>0.01</v>
      </c>
      <c r="X21196" s="2">
        <v>76.900000000000006</v>
      </c>
      <c r="Y21196" s="2">
        <v>7.6</v>
      </c>
      <c r="Z21196" s="2">
        <v>16.7</v>
      </c>
      <c r="AA21196" s="5"/>
      <c r="AB21196" s="5" t="s">
        <v>43</v>
      </c>
      <c r="AC21196" s="5" t="s">
        <v>44</v>
      </c>
      <c r="AD21196" s="2"/>
      <c r="AE21196" s="1"/>
    </row>
    <row r="21197" spans="1:31" ht="14.45">
      <c r="A21197" s="11"/>
      <c r="B21197" s="20"/>
      <c r="C21197" s="2" t="s">
        <v>68455</v>
      </c>
      <c r="D21197" s="14" t="s">
        <v>68456</v>
      </c>
      <c r="E21197" s="2" t="s">
        <v>68457</v>
      </c>
      <c r="F21197" s="2" t="s">
        <v>68420</v>
      </c>
      <c r="G21197" s="8">
        <v>104</v>
      </c>
      <c r="H21197" s="5">
        <v>15</v>
      </c>
      <c r="I21197" s="5" t="s">
        <v>1518</v>
      </c>
      <c r="J21197" s="5" t="s">
        <v>68411</v>
      </c>
      <c r="K21197" s="2" t="s">
        <v>68412</v>
      </c>
      <c r="L21197" s="5" t="s">
        <v>68411</v>
      </c>
      <c r="M21197" s="2" t="s">
        <v>68412</v>
      </c>
      <c r="N21197" s="5" t="s">
        <v>1521</v>
      </c>
      <c r="O21197" s="5" t="s">
        <v>38</v>
      </c>
      <c r="P21197" s="5" t="s">
        <v>39</v>
      </c>
      <c r="Q21197" s="5" t="s">
        <v>40</v>
      </c>
      <c r="R21197" s="5" t="s">
        <v>68413</v>
      </c>
      <c r="S21197" s="5" t="s">
        <v>40</v>
      </c>
      <c r="T21197" s="5" t="s">
        <v>42</v>
      </c>
      <c r="U21197" s="2">
        <v>1.3140000000000001</v>
      </c>
      <c r="V21197" s="2">
        <v>0.874</v>
      </c>
      <c r="W21197" s="2">
        <v>0.01</v>
      </c>
      <c r="X21197" s="2">
        <v>76.900000000000006</v>
      </c>
      <c r="Y21197" s="2">
        <v>7.6</v>
      </c>
      <c r="Z21197" s="2">
        <v>16.7</v>
      </c>
      <c r="AA21197" s="5"/>
      <c r="AB21197" s="5" t="s">
        <v>43</v>
      </c>
      <c r="AC21197" s="5" t="s">
        <v>44</v>
      </c>
      <c r="AD21197" s="2"/>
      <c r="AE21197" s="1"/>
    </row>
    <row r="21198" spans="1:31" ht="14.45">
      <c r="A21198" s="11"/>
      <c r="B21198" s="20"/>
      <c r="C21198" s="2" t="s">
        <v>68458</v>
      </c>
      <c r="D21198" s="14" t="s">
        <v>68459</v>
      </c>
      <c r="E21198" s="2" t="s">
        <v>68460</v>
      </c>
      <c r="F21198" s="2" t="s">
        <v>68424</v>
      </c>
      <c r="G21198" s="8">
        <v>104</v>
      </c>
      <c r="H21198" s="5">
        <v>15</v>
      </c>
      <c r="I21198" s="5" t="s">
        <v>1518</v>
      </c>
      <c r="J21198" s="5" t="s">
        <v>68411</v>
      </c>
      <c r="K21198" s="2" t="s">
        <v>68412</v>
      </c>
      <c r="L21198" s="5" t="s">
        <v>68411</v>
      </c>
      <c r="M21198" s="2" t="s">
        <v>68412</v>
      </c>
      <c r="N21198" s="5" t="s">
        <v>1521</v>
      </c>
      <c r="O21198" s="5" t="s">
        <v>38</v>
      </c>
      <c r="P21198" s="5" t="s">
        <v>39</v>
      </c>
      <c r="Q21198" s="5" t="s">
        <v>40</v>
      </c>
      <c r="R21198" s="5" t="s">
        <v>68413</v>
      </c>
      <c r="S21198" s="5" t="s">
        <v>40</v>
      </c>
      <c r="T21198" s="5" t="s">
        <v>42</v>
      </c>
      <c r="U21198" s="2">
        <v>1.3260000000000001</v>
      </c>
      <c r="V21198" s="2">
        <v>0.88500000000000001</v>
      </c>
      <c r="W21198" s="2">
        <v>0.01</v>
      </c>
      <c r="X21198" s="2">
        <v>76.900000000000006</v>
      </c>
      <c r="Y21198" s="2">
        <v>7.6</v>
      </c>
      <c r="Z21198" s="2">
        <v>16.7</v>
      </c>
      <c r="AA21198" s="5"/>
      <c r="AB21198" s="5" t="s">
        <v>43</v>
      </c>
      <c r="AC21198" s="5" t="s">
        <v>44</v>
      </c>
      <c r="AD21198" s="2"/>
      <c r="AE21198" s="1"/>
    </row>
    <row r="21199" spans="1:31" ht="14.45">
      <c r="A21199" s="11"/>
      <c r="B21199" s="20"/>
      <c r="C21199" s="2" t="s">
        <v>68461</v>
      </c>
      <c r="D21199" s="14" t="s">
        <v>68462</v>
      </c>
      <c r="E21199" s="2" t="s">
        <v>68463</v>
      </c>
      <c r="F21199" s="2" t="s">
        <v>7204</v>
      </c>
      <c r="G21199" s="8">
        <v>119</v>
      </c>
      <c r="H21199" s="5">
        <v>5</v>
      </c>
      <c r="I21199" s="5" t="s">
        <v>1518</v>
      </c>
      <c r="J21199" s="5" t="s">
        <v>68411</v>
      </c>
      <c r="K21199" s="2" t="s">
        <v>68412</v>
      </c>
      <c r="L21199" s="5" t="s">
        <v>68411</v>
      </c>
      <c r="M21199" s="2" t="s">
        <v>68412</v>
      </c>
      <c r="N21199" s="5" t="s">
        <v>1521</v>
      </c>
      <c r="O21199" s="5" t="s">
        <v>38</v>
      </c>
      <c r="P21199" s="5" t="s">
        <v>39</v>
      </c>
      <c r="Q21199" s="5" t="s">
        <v>40</v>
      </c>
      <c r="R21199" s="5" t="s">
        <v>68413</v>
      </c>
      <c r="S21199" s="5" t="s">
        <v>40</v>
      </c>
      <c r="T21199" s="5" t="s">
        <v>42</v>
      </c>
      <c r="U21199" s="2">
        <v>1.48</v>
      </c>
      <c r="V21199" s="2">
        <v>1.018</v>
      </c>
      <c r="W21199" s="2">
        <v>1.0999999999999999E-2</v>
      </c>
      <c r="X21199" s="2">
        <v>82.9</v>
      </c>
      <c r="Y21199" s="2">
        <v>7.6</v>
      </c>
      <c r="Z21199" s="2">
        <v>16.7</v>
      </c>
      <c r="AA21199" s="5"/>
      <c r="AB21199" s="5" t="s">
        <v>43</v>
      </c>
      <c r="AC21199" s="5" t="s">
        <v>44</v>
      </c>
      <c r="AD21199" s="2"/>
      <c r="AE21199" s="1"/>
    </row>
    <row r="21200" spans="1:31" ht="14.45">
      <c r="A21200" s="11"/>
      <c r="B21200" s="20"/>
      <c r="C21200" s="2" t="s">
        <v>68464</v>
      </c>
      <c r="D21200" s="14" t="s">
        <v>68465</v>
      </c>
      <c r="E21200" s="2" t="s">
        <v>68466</v>
      </c>
      <c r="F21200" s="2" t="s">
        <v>7514</v>
      </c>
      <c r="G21200" s="8">
        <v>119</v>
      </c>
      <c r="H21200" s="5">
        <v>5</v>
      </c>
      <c r="I21200" s="5" t="s">
        <v>1518</v>
      </c>
      <c r="J21200" s="5" t="s">
        <v>68411</v>
      </c>
      <c r="K21200" s="2" t="s">
        <v>68412</v>
      </c>
      <c r="L21200" s="5" t="s">
        <v>68411</v>
      </c>
      <c r="M21200" s="2" t="s">
        <v>68412</v>
      </c>
      <c r="N21200" s="5" t="s">
        <v>1521</v>
      </c>
      <c r="O21200" s="5" t="s">
        <v>38</v>
      </c>
      <c r="P21200" s="5" t="s">
        <v>39</v>
      </c>
      <c r="Q21200" s="5" t="s">
        <v>40</v>
      </c>
      <c r="R21200" s="5" t="s">
        <v>68413</v>
      </c>
      <c r="S21200" s="5" t="s">
        <v>40</v>
      </c>
      <c r="T21200" s="5" t="s">
        <v>42</v>
      </c>
      <c r="U21200" s="2">
        <v>1.49</v>
      </c>
      <c r="V21200" s="2">
        <v>1.0269999999999999</v>
      </c>
      <c r="W21200" s="2">
        <v>1.0999999999999999E-2</v>
      </c>
      <c r="X21200" s="2">
        <v>82.9</v>
      </c>
      <c r="Y21200" s="2">
        <v>7.6</v>
      </c>
      <c r="Z21200" s="2">
        <v>16.7</v>
      </c>
      <c r="AA21200" s="5"/>
      <c r="AB21200" s="5" t="s">
        <v>43</v>
      </c>
      <c r="AC21200" s="5" t="s">
        <v>44</v>
      </c>
      <c r="AD21200" s="2"/>
      <c r="AE21200" s="1"/>
    </row>
    <row r="21201" spans="1:31" ht="14.45">
      <c r="A21201" s="11"/>
      <c r="B21201" s="20"/>
      <c r="C21201" s="2" t="s">
        <v>68467</v>
      </c>
      <c r="D21201" s="14" t="s">
        <v>68468</v>
      </c>
      <c r="E21201" s="2" t="s">
        <v>68469</v>
      </c>
      <c r="F21201" s="2" t="s">
        <v>68420</v>
      </c>
      <c r="G21201" s="8">
        <v>119</v>
      </c>
      <c r="H21201" s="5">
        <v>15</v>
      </c>
      <c r="I21201" s="5" t="s">
        <v>1518</v>
      </c>
      <c r="J21201" s="5" t="s">
        <v>68411</v>
      </c>
      <c r="K21201" s="2" t="s">
        <v>68412</v>
      </c>
      <c r="L21201" s="5" t="s">
        <v>68411</v>
      </c>
      <c r="M21201" s="2" t="s">
        <v>68412</v>
      </c>
      <c r="N21201" s="5" t="s">
        <v>1521</v>
      </c>
      <c r="O21201" s="5" t="s">
        <v>38</v>
      </c>
      <c r="P21201" s="5" t="s">
        <v>39</v>
      </c>
      <c r="Q21201" s="5" t="s">
        <v>40</v>
      </c>
      <c r="R21201" s="5" t="s">
        <v>68413</v>
      </c>
      <c r="S21201" s="5" t="s">
        <v>40</v>
      </c>
      <c r="T21201" s="5" t="s">
        <v>42</v>
      </c>
      <c r="U21201" s="2">
        <v>1.48</v>
      </c>
      <c r="V21201" s="2">
        <v>1.018</v>
      </c>
      <c r="W21201" s="2">
        <v>1.0999999999999999E-2</v>
      </c>
      <c r="X21201" s="2">
        <v>82.9</v>
      </c>
      <c r="Y21201" s="2">
        <v>7.6</v>
      </c>
      <c r="Z21201" s="2">
        <v>16.7</v>
      </c>
      <c r="AA21201" s="5"/>
      <c r="AB21201" s="5" t="s">
        <v>43</v>
      </c>
      <c r="AC21201" s="5" t="s">
        <v>44</v>
      </c>
      <c r="AD21201" s="2"/>
      <c r="AE21201" s="1"/>
    </row>
    <row r="21202" spans="1:31" ht="14.45">
      <c r="A21202" s="11"/>
      <c r="B21202" s="20"/>
      <c r="C21202" s="2" t="s">
        <v>68470</v>
      </c>
      <c r="D21202" s="14" t="s">
        <v>68471</v>
      </c>
      <c r="E21202" s="2" t="s">
        <v>68472</v>
      </c>
      <c r="F21202" s="2" t="s">
        <v>68424</v>
      </c>
      <c r="G21202" s="8">
        <v>119</v>
      </c>
      <c r="H21202" s="5">
        <v>15</v>
      </c>
      <c r="I21202" s="5" t="s">
        <v>1518</v>
      </c>
      <c r="J21202" s="5" t="s">
        <v>68411</v>
      </c>
      <c r="K21202" s="2" t="s">
        <v>68412</v>
      </c>
      <c r="L21202" s="5" t="s">
        <v>68411</v>
      </c>
      <c r="M21202" s="2" t="s">
        <v>68412</v>
      </c>
      <c r="N21202" s="5" t="s">
        <v>1521</v>
      </c>
      <c r="O21202" s="5" t="s">
        <v>38</v>
      </c>
      <c r="P21202" s="5" t="s">
        <v>39</v>
      </c>
      <c r="Q21202" s="5" t="s">
        <v>40</v>
      </c>
      <c r="R21202" s="5" t="s">
        <v>68413</v>
      </c>
      <c r="S21202" s="5" t="s">
        <v>40</v>
      </c>
      <c r="T21202" s="5" t="s">
        <v>42</v>
      </c>
      <c r="U21202" s="2">
        <v>1.49</v>
      </c>
      <c r="V21202" s="2">
        <v>1.0269999999999999</v>
      </c>
      <c r="W21202" s="2">
        <v>1.0999999999999999E-2</v>
      </c>
      <c r="X21202" s="2">
        <v>82.9</v>
      </c>
      <c r="Y21202" s="2">
        <v>7.6</v>
      </c>
      <c r="Z21202" s="2">
        <v>16.7</v>
      </c>
      <c r="AA21202" s="5"/>
      <c r="AB21202" s="5" t="s">
        <v>43</v>
      </c>
      <c r="AC21202" s="5" t="s">
        <v>44</v>
      </c>
      <c r="AD21202" s="2"/>
      <c r="AE21202" s="1"/>
    </row>
    <row r="21203" spans="1:31" ht="14.45">
      <c r="A21203" s="11"/>
      <c r="B21203" s="20"/>
      <c r="C21203" s="2" t="s">
        <v>68473</v>
      </c>
      <c r="D21203" s="14" t="s">
        <v>68474</v>
      </c>
      <c r="E21203" s="2" t="s">
        <v>68475</v>
      </c>
      <c r="F21203" s="2" t="s">
        <v>7204</v>
      </c>
      <c r="G21203" s="8">
        <v>132</v>
      </c>
      <c r="H21203" s="5">
        <v>15</v>
      </c>
      <c r="I21203" s="5" t="s">
        <v>1518</v>
      </c>
      <c r="J21203" s="5" t="s">
        <v>68411</v>
      </c>
      <c r="K21203" s="2" t="s">
        <v>68412</v>
      </c>
      <c r="L21203" s="5" t="s">
        <v>68411</v>
      </c>
      <c r="M21203" s="2" t="s">
        <v>68412</v>
      </c>
      <c r="N21203" s="5" t="s">
        <v>1521</v>
      </c>
      <c r="O21203" s="5" t="s">
        <v>38</v>
      </c>
      <c r="P21203" s="5" t="s">
        <v>39</v>
      </c>
      <c r="Q21203" s="5" t="s">
        <v>40</v>
      </c>
      <c r="R21203" s="5" t="s">
        <v>68413</v>
      </c>
      <c r="S21203" s="5" t="s">
        <v>40</v>
      </c>
      <c r="T21203" s="5" t="s">
        <v>42</v>
      </c>
      <c r="U21203" s="2">
        <v>1.7070000000000001</v>
      </c>
      <c r="V21203" s="2">
        <v>1.1599999999999999</v>
      </c>
      <c r="W21203" s="2">
        <v>1.4999999999999999E-2</v>
      </c>
      <c r="X21203" s="2">
        <v>118.9</v>
      </c>
      <c r="Y21203" s="2">
        <v>7.6</v>
      </c>
      <c r="Z21203" s="2">
        <v>16.7</v>
      </c>
      <c r="AA21203" s="5"/>
      <c r="AB21203" s="5" t="s">
        <v>43</v>
      </c>
      <c r="AC21203" s="5" t="s">
        <v>44</v>
      </c>
      <c r="AD21203" s="2"/>
      <c r="AE21203" s="1"/>
    </row>
    <row r="21204" spans="1:31" ht="14.45">
      <c r="A21204" s="11"/>
      <c r="B21204" s="20"/>
      <c r="C21204" s="2" t="s">
        <v>68476</v>
      </c>
      <c r="D21204" s="14" t="s">
        <v>68477</v>
      </c>
      <c r="E21204" s="2" t="s">
        <v>68478</v>
      </c>
      <c r="F21204" s="2" t="s">
        <v>7514</v>
      </c>
      <c r="G21204" s="8">
        <v>132</v>
      </c>
      <c r="H21204" s="5">
        <v>15</v>
      </c>
      <c r="I21204" s="5" t="s">
        <v>1518</v>
      </c>
      <c r="J21204" s="5" t="s">
        <v>68411</v>
      </c>
      <c r="K21204" s="2" t="s">
        <v>68412</v>
      </c>
      <c r="L21204" s="5" t="s">
        <v>68411</v>
      </c>
      <c r="M21204" s="2" t="s">
        <v>68412</v>
      </c>
      <c r="N21204" s="5" t="s">
        <v>1521</v>
      </c>
      <c r="O21204" s="5" t="s">
        <v>38</v>
      </c>
      <c r="P21204" s="5" t="s">
        <v>39</v>
      </c>
      <c r="Q21204" s="5" t="s">
        <v>40</v>
      </c>
      <c r="R21204" s="5" t="s">
        <v>68413</v>
      </c>
      <c r="S21204" s="5" t="s">
        <v>40</v>
      </c>
      <c r="T21204" s="5" t="s">
        <v>42</v>
      </c>
      <c r="U21204" s="2">
        <v>1.7170000000000001</v>
      </c>
      <c r="V21204" s="2">
        <v>1.169</v>
      </c>
      <c r="W21204" s="2">
        <v>1.4999999999999999E-2</v>
      </c>
      <c r="X21204" s="2">
        <v>118.9</v>
      </c>
      <c r="Y21204" s="2">
        <v>7.6</v>
      </c>
      <c r="Z21204" s="2">
        <v>16.7</v>
      </c>
      <c r="AA21204" s="5"/>
      <c r="AB21204" s="5" t="s">
        <v>43</v>
      </c>
      <c r="AC21204" s="5" t="s">
        <v>44</v>
      </c>
      <c r="AD21204" s="2"/>
      <c r="AE21204" s="1"/>
    </row>
    <row r="21205" spans="1:31" ht="14.45">
      <c r="A21205" s="11"/>
      <c r="B21205" s="20"/>
      <c r="C21205" s="2" t="s">
        <v>68479</v>
      </c>
      <c r="D21205" s="14" t="s">
        <v>68480</v>
      </c>
      <c r="E21205" s="2" t="s">
        <v>68481</v>
      </c>
      <c r="F21205" s="2" t="s">
        <v>68420</v>
      </c>
      <c r="G21205" s="8">
        <v>132</v>
      </c>
      <c r="H21205" s="5">
        <v>15</v>
      </c>
      <c r="I21205" s="5" t="s">
        <v>1518</v>
      </c>
      <c r="J21205" s="5" t="s">
        <v>68411</v>
      </c>
      <c r="K21205" s="2" t="s">
        <v>68412</v>
      </c>
      <c r="L21205" s="5" t="s">
        <v>68411</v>
      </c>
      <c r="M21205" s="2" t="s">
        <v>68412</v>
      </c>
      <c r="N21205" s="5" t="s">
        <v>1521</v>
      </c>
      <c r="O21205" s="5" t="s">
        <v>38</v>
      </c>
      <c r="P21205" s="5" t="s">
        <v>39</v>
      </c>
      <c r="Q21205" s="5" t="s">
        <v>40</v>
      </c>
      <c r="R21205" s="5" t="s">
        <v>68413</v>
      </c>
      <c r="S21205" s="5" t="s">
        <v>40</v>
      </c>
      <c r="T21205" s="5" t="s">
        <v>42</v>
      </c>
      <c r="U21205" s="2">
        <v>1.7070000000000001</v>
      </c>
      <c r="V21205" s="2">
        <v>1.1599999999999999</v>
      </c>
      <c r="W21205" s="2">
        <v>1.4999999999999999E-2</v>
      </c>
      <c r="X21205" s="2">
        <v>118.9</v>
      </c>
      <c r="Y21205" s="2">
        <v>7.6</v>
      </c>
      <c r="Z21205" s="2">
        <v>16.7</v>
      </c>
      <c r="AA21205" s="5"/>
      <c r="AB21205" s="5" t="s">
        <v>43</v>
      </c>
      <c r="AC21205" s="5" t="s">
        <v>44</v>
      </c>
      <c r="AD21205" s="2"/>
      <c r="AE21205" s="1"/>
    </row>
    <row r="21206" spans="1:31" ht="14.45">
      <c r="A21206" s="11"/>
      <c r="B21206" s="20"/>
      <c r="C21206" s="2" t="s">
        <v>68482</v>
      </c>
      <c r="D21206" s="14" t="s">
        <v>68483</v>
      </c>
      <c r="E21206" s="2" t="s">
        <v>68484</v>
      </c>
      <c r="F21206" s="2" t="s">
        <v>68424</v>
      </c>
      <c r="G21206" s="8">
        <v>132</v>
      </c>
      <c r="H21206" s="5">
        <v>15</v>
      </c>
      <c r="I21206" s="5" t="s">
        <v>1518</v>
      </c>
      <c r="J21206" s="5" t="s">
        <v>68411</v>
      </c>
      <c r="K21206" s="2" t="s">
        <v>68412</v>
      </c>
      <c r="L21206" s="5" t="s">
        <v>68411</v>
      </c>
      <c r="M21206" s="2" t="s">
        <v>68412</v>
      </c>
      <c r="N21206" s="5" t="s">
        <v>1521</v>
      </c>
      <c r="O21206" s="5" t="s">
        <v>38</v>
      </c>
      <c r="P21206" s="5" t="s">
        <v>39</v>
      </c>
      <c r="Q21206" s="5" t="s">
        <v>40</v>
      </c>
      <c r="R21206" s="5" t="s">
        <v>68413</v>
      </c>
      <c r="S21206" s="5" t="s">
        <v>40</v>
      </c>
      <c r="T21206" s="5" t="s">
        <v>42</v>
      </c>
      <c r="U21206" s="2">
        <v>1.7170000000000001</v>
      </c>
      <c r="V21206" s="2">
        <v>1.169</v>
      </c>
      <c r="W21206" s="2">
        <v>1.4999999999999999E-2</v>
      </c>
      <c r="X21206" s="2">
        <v>118.9</v>
      </c>
      <c r="Y21206" s="2">
        <v>7.6</v>
      </c>
      <c r="Z21206" s="2">
        <v>16.7</v>
      </c>
      <c r="AA21206" s="5"/>
      <c r="AB21206" s="5" t="s">
        <v>43</v>
      </c>
      <c r="AC21206" s="5" t="s">
        <v>44</v>
      </c>
      <c r="AD21206" s="2"/>
      <c r="AE21206" s="1"/>
    </row>
    <row r="21207" spans="1:31" ht="14.45">
      <c r="A21207" s="11"/>
      <c r="B21207" s="20"/>
      <c r="C21207" s="2" t="s">
        <v>68485</v>
      </c>
      <c r="D21207" s="14" t="s">
        <v>68486</v>
      </c>
      <c r="E21207" s="2" t="s">
        <v>68487</v>
      </c>
      <c r="F21207" s="2" t="s">
        <v>7204</v>
      </c>
      <c r="G21207" s="8">
        <v>130</v>
      </c>
      <c r="H21207" s="5">
        <v>15</v>
      </c>
      <c r="I21207" s="5" t="s">
        <v>1518</v>
      </c>
      <c r="J21207" s="5" t="s">
        <v>68411</v>
      </c>
      <c r="K21207" s="2" t="s">
        <v>68412</v>
      </c>
      <c r="L21207" s="5" t="s">
        <v>68411</v>
      </c>
      <c r="M21207" s="2" t="s">
        <v>68412</v>
      </c>
      <c r="N21207" s="5" t="s">
        <v>1521</v>
      </c>
      <c r="O21207" s="5" t="s">
        <v>38</v>
      </c>
      <c r="P21207" s="5" t="s">
        <v>39</v>
      </c>
      <c r="Q21207" s="5" t="s">
        <v>40</v>
      </c>
      <c r="R21207" s="5" t="s">
        <v>68413</v>
      </c>
      <c r="S21207" s="5" t="s">
        <v>40</v>
      </c>
      <c r="T21207" s="5" t="s">
        <v>42</v>
      </c>
      <c r="U21207" s="2">
        <v>1.536</v>
      </c>
      <c r="V21207" s="2">
        <v>1.1120000000000001</v>
      </c>
      <c r="W21207" s="2">
        <v>0.01</v>
      </c>
      <c r="X21207" s="2">
        <v>76.900000000000006</v>
      </c>
      <c r="Y21207" s="2">
        <v>7.6</v>
      </c>
      <c r="Z21207" s="2">
        <v>16.7</v>
      </c>
      <c r="AA21207" s="5"/>
      <c r="AB21207" s="5" t="s">
        <v>43</v>
      </c>
      <c r="AC21207" s="5" t="s">
        <v>44</v>
      </c>
      <c r="AD21207" s="2"/>
      <c r="AE21207" s="1"/>
    </row>
    <row r="21208" spans="1:31" ht="14.45">
      <c r="A21208" s="11"/>
      <c r="B21208" s="20"/>
      <c r="C21208" s="2" t="s">
        <v>68488</v>
      </c>
      <c r="D21208" s="14" t="s">
        <v>68489</v>
      </c>
      <c r="E21208" s="2" t="s">
        <v>68490</v>
      </c>
      <c r="F21208" s="2" t="s">
        <v>7514</v>
      </c>
      <c r="G21208" s="8">
        <v>130</v>
      </c>
      <c r="H21208" s="5">
        <v>15</v>
      </c>
      <c r="I21208" s="5" t="s">
        <v>1518</v>
      </c>
      <c r="J21208" s="5" t="s">
        <v>68411</v>
      </c>
      <c r="K21208" s="2" t="s">
        <v>68412</v>
      </c>
      <c r="L21208" s="5" t="s">
        <v>68411</v>
      </c>
      <c r="M21208" s="2" t="s">
        <v>68412</v>
      </c>
      <c r="N21208" s="5" t="s">
        <v>1521</v>
      </c>
      <c r="O21208" s="5" t="s">
        <v>38</v>
      </c>
      <c r="P21208" s="5" t="s">
        <v>39</v>
      </c>
      <c r="Q21208" s="5" t="s">
        <v>40</v>
      </c>
      <c r="R21208" s="5" t="s">
        <v>68413</v>
      </c>
      <c r="S21208" s="5" t="s">
        <v>40</v>
      </c>
      <c r="T21208" s="5" t="s">
        <v>42</v>
      </c>
      <c r="U21208" s="2">
        <v>1.552</v>
      </c>
      <c r="V21208" s="2">
        <v>1.127</v>
      </c>
      <c r="W21208" s="2">
        <v>0.01</v>
      </c>
      <c r="X21208" s="2">
        <v>76.900000000000006</v>
      </c>
      <c r="Y21208" s="2">
        <v>7.6</v>
      </c>
      <c r="Z21208" s="2">
        <v>16.7</v>
      </c>
      <c r="AA21208" s="5"/>
      <c r="AB21208" s="5" t="s">
        <v>43</v>
      </c>
      <c r="AC21208" s="5" t="s">
        <v>44</v>
      </c>
      <c r="AD21208" s="2"/>
      <c r="AE21208" s="1"/>
    </row>
    <row r="21209" spans="1:31" ht="14.45">
      <c r="A21209" s="11"/>
      <c r="B21209" s="20"/>
      <c r="C21209" s="2" t="s">
        <v>68491</v>
      </c>
      <c r="D21209" s="14" t="s">
        <v>68492</v>
      </c>
      <c r="E21209" s="2" t="s">
        <v>68493</v>
      </c>
      <c r="F21209" s="2" t="s">
        <v>68420</v>
      </c>
      <c r="G21209" s="8">
        <v>130</v>
      </c>
      <c r="H21209" s="5">
        <v>15</v>
      </c>
      <c r="I21209" s="5" t="s">
        <v>1518</v>
      </c>
      <c r="J21209" s="5" t="s">
        <v>68411</v>
      </c>
      <c r="K21209" s="2" t="s">
        <v>68412</v>
      </c>
      <c r="L21209" s="5" t="s">
        <v>68411</v>
      </c>
      <c r="M21209" s="2" t="s">
        <v>68412</v>
      </c>
      <c r="N21209" s="5" t="s">
        <v>1521</v>
      </c>
      <c r="O21209" s="5" t="s">
        <v>38</v>
      </c>
      <c r="P21209" s="5" t="s">
        <v>39</v>
      </c>
      <c r="Q21209" s="5" t="s">
        <v>40</v>
      </c>
      <c r="R21209" s="5" t="s">
        <v>68413</v>
      </c>
      <c r="S21209" s="5" t="s">
        <v>40</v>
      </c>
      <c r="T21209" s="5" t="s">
        <v>42</v>
      </c>
      <c r="U21209" s="2">
        <v>1.536</v>
      </c>
      <c r="V21209" s="2">
        <v>1.1120000000000001</v>
      </c>
      <c r="W21209" s="2">
        <v>0.01</v>
      </c>
      <c r="X21209" s="2">
        <v>76.900000000000006</v>
      </c>
      <c r="Y21209" s="2">
        <v>7.6</v>
      </c>
      <c r="Z21209" s="2">
        <v>16.7</v>
      </c>
      <c r="AA21209" s="5"/>
      <c r="AB21209" s="5" t="s">
        <v>43</v>
      </c>
      <c r="AC21209" s="5" t="s">
        <v>44</v>
      </c>
      <c r="AD21209" s="2"/>
      <c r="AE21209" s="1"/>
    </row>
    <row r="21210" spans="1:31" ht="14.45">
      <c r="A21210" s="11"/>
      <c r="B21210" s="20"/>
      <c r="C21210" s="2" t="s">
        <v>68494</v>
      </c>
      <c r="D21210" s="14" t="s">
        <v>68495</v>
      </c>
      <c r="E21210" s="2" t="s">
        <v>68496</v>
      </c>
      <c r="F21210" s="2" t="s">
        <v>68424</v>
      </c>
      <c r="G21210" s="8">
        <v>130</v>
      </c>
      <c r="H21210" s="5">
        <v>15</v>
      </c>
      <c r="I21210" s="5" t="s">
        <v>1518</v>
      </c>
      <c r="J21210" s="5" t="s">
        <v>68411</v>
      </c>
      <c r="K21210" s="2" t="s">
        <v>68412</v>
      </c>
      <c r="L21210" s="5" t="s">
        <v>68411</v>
      </c>
      <c r="M21210" s="2" t="s">
        <v>68412</v>
      </c>
      <c r="N21210" s="5" t="s">
        <v>1521</v>
      </c>
      <c r="O21210" s="5" t="s">
        <v>38</v>
      </c>
      <c r="P21210" s="5" t="s">
        <v>39</v>
      </c>
      <c r="Q21210" s="5" t="s">
        <v>40</v>
      </c>
      <c r="R21210" s="5" t="s">
        <v>68413</v>
      </c>
      <c r="S21210" s="5" t="s">
        <v>40</v>
      </c>
      <c r="T21210" s="5" t="s">
        <v>42</v>
      </c>
      <c r="U21210" s="2">
        <v>1.552</v>
      </c>
      <c r="V21210" s="2">
        <v>1.127</v>
      </c>
      <c r="W21210" s="2">
        <v>0.01</v>
      </c>
      <c r="X21210" s="2">
        <v>76.900000000000006</v>
      </c>
      <c r="Y21210" s="2">
        <v>7.6</v>
      </c>
      <c r="Z21210" s="2">
        <v>16.7</v>
      </c>
      <c r="AA21210" s="5"/>
      <c r="AB21210" s="5" t="s">
        <v>43</v>
      </c>
      <c r="AC21210" s="5" t="s">
        <v>44</v>
      </c>
      <c r="AD21210" s="2"/>
      <c r="AE21210" s="1"/>
    </row>
    <row r="21211" spans="1:31" ht="14.45">
      <c r="A21211" s="11"/>
      <c r="B21211" s="20"/>
      <c r="C21211" s="2" t="s">
        <v>68497</v>
      </c>
      <c r="D21211" s="14" t="s">
        <v>68498</v>
      </c>
      <c r="E21211" s="2" t="s">
        <v>68499</v>
      </c>
      <c r="F21211" s="2" t="s">
        <v>7204</v>
      </c>
      <c r="G21211" s="8">
        <v>144</v>
      </c>
      <c r="H21211" s="5">
        <v>15</v>
      </c>
      <c r="I21211" s="5" t="s">
        <v>1518</v>
      </c>
      <c r="J21211" s="5" t="s">
        <v>68411</v>
      </c>
      <c r="K21211" s="2" t="s">
        <v>68412</v>
      </c>
      <c r="L21211" s="5" t="s">
        <v>68411</v>
      </c>
      <c r="M21211" s="2" t="s">
        <v>68412</v>
      </c>
      <c r="N21211" s="5" t="s">
        <v>1521</v>
      </c>
      <c r="O21211" s="5" t="s">
        <v>38</v>
      </c>
      <c r="P21211" s="5" t="s">
        <v>39</v>
      </c>
      <c r="Q21211" s="5" t="s">
        <v>40</v>
      </c>
      <c r="R21211" s="5" t="s">
        <v>68413</v>
      </c>
      <c r="S21211" s="5" t="s">
        <v>40</v>
      </c>
      <c r="T21211" s="5" t="s">
        <v>42</v>
      </c>
      <c r="U21211" s="2">
        <v>1.7989999999999999</v>
      </c>
      <c r="V21211" s="2">
        <v>1.2689999999999999</v>
      </c>
      <c r="W21211" s="2">
        <v>1.2999999999999999E-2</v>
      </c>
      <c r="X21211" s="2">
        <v>99.1</v>
      </c>
      <c r="Y21211" s="2">
        <v>7.6</v>
      </c>
      <c r="Z21211" s="2">
        <v>16.7</v>
      </c>
      <c r="AA21211" s="5"/>
      <c r="AB21211" s="5" t="s">
        <v>43</v>
      </c>
      <c r="AC21211" s="5" t="s">
        <v>44</v>
      </c>
      <c r="AD21211" s="2"/>
      <c r="AE21211" s="1"/>
    </row>
    <row r="21212" spans="1:31" ht="14.45">
      <c r="A21212" s="11"/>
      <c r="B21212" s="20"/>
      <c r="C21212" s="2" t="s">
        <v>68500</v>
      </c>
      <c r="D21212" s="14" t="s">
        <v>68501</v>
      </c>
      <c r="E21212" s="2" t="s">
        <v>68502</v>
      </c>
      <c r="F21212" s="2" t="s">
        <v>7514</v>
      </c>
      <c r="G21212" s="8">
        <v>144</v>
      </c>
      <c r="H21212" s="5">
        <v>15</v>
      </c>
      <c r="I21212" s="5" t="s">
        <v>1518</v>
      </c>
      <c r="J21212" s="5" t="s">
        <v>68411</v>
      </c>
      <c r="K21212" s="2" t="s">
        <v>68412</v>
      </c>
      <c r="L21212" s="5" t="s">
        <v>68411</v>
      </c>
      <c r="M21212" s="2" t="s">
        <v>68412</v>
      </c>
      <c r="N21212" s="5" t="s">
        <v>1521</v>
      </c>
      <c r="O21212" s="5" t="s">
        <v>38</v>
      </c>
      <c r="P21212" s="5" t="s">
        <v>39</v>
      </c>
      <c r="Q21212" s="5" t="s">
        <v>40</v>
      </c>
      <c r="R21212" s="5" t="s">
        <v>68413</v>
      </c>
      <c r="S21212" s="5" t="s">
        <v>40</v>
      </c>
      <c r="T21212" s="5" t="s">
        <v>42</v>
      </c>
      <c r="U21212" s="2">
        <v>1.8140000000000001</v>
      </c>
      <c r="V21212" s="2">
        <v>1.2829999999999999</v>
      </c>
      <c r="W21212" s="2">
        <v>1.2999999999999999E-2</v>
      </c>
      <c r="X21212" s="2">
        <v>99.1</v>
      </c>
      <c r="Y21212" s="2">
        <v>7.6</v>
      </c>
      <c r="Z21212" s="2">
        <v>16.7</v>
      </c>
      <c r="AA21212" s="5"/>
      <c r="AB21212" s="5" t="s">
        <v>43</v>
      </c>
      <c r="AC21212" s="5" t="s">
        <v>44</v>
      </c>
      <c r="AD21212" s="2"/>
      <c r="AE21212" s="1"/>
    </row>
    <row r="21213" spans="1:31" ht="14.45">
      <c r="A21213" s="11"/>
      <c r="B21213" s="20"/>
      <c r="C21213" s="2" t="s">
        <v>68503</v>
      </c>
      <c r="D21213" s="14" t="s">
        <v>68504</v>
      </c>
      <c r="E21213" s="2" t="s">
        <v>68505</v>
      </c>
      <c r="F21213" s="2" t="s">
        <v>68420</v>
      </c>
      <c r="G21213" s="8">
        <v>144</v>
      </c>
      <c r="H21213" s="5">
        <v>15</v>
      </c>
      <c r="I21213" s="5" t="s">
        <v>1518</v>
      </c>
      <c r="J21213" s="5" t="s">
        <v>68411</v>
      </c>
      <c r="K21213" s="2" t="s">
        <v>68412</v>
      </c>
      <c r="L21213" s="5" t="s">
        <v>68411</v>
      </c>
      <c r="M21213" s="2" t="s">
        <v>68412</v>
      </c>
      <c r="N21213" s="5" t="s">
        <v>1521</v>
      </c>
      <c r="O21213" s="5" t="s">
        <v>38</v>
      </c>
      <c r="P21213" s="5" t="s">
        <v>39</v>
      </c>
      <c r="Q21213" s="5" t="s">
        <v>40</v>
      </c>
      <c r="R21213" s="5" t="s">
        <v>68413</v>
      </c>
      <c r="S21213" s="5" t="s">
        <v>40</v>
      </c>
      <c r="T21213" s="5" t="s">
        <v>42</v>
      </c>
      <c r="U21213" s="2">
        <v>1.7989999999999999</v>
      </c>
      <c r="V21213" s="2">
        <v>1.2689999999999999</v>
      </c>
      <c r="W21213" s="2">
        <v>1.2999999999999999E-2</v>
      </c>
      <c r="X21213" s="2">
        <v>99.1</v>
      </c>
      <c r="Y21213" s="2">
        <v>7.6</v>
      </c>
      <c r="Z21213" s="2">
        <v>16.7</v>
      </c>
      <c r="AA21213" s="5"/>
      <c r="AB21213" s="5" t="s">
        <v>43</v>
      </c>
      <c r="AC21213" s="5" t="s">
        <v>44</v>
      </c>
      <c r="AD21213" s="2"/>
      <c r="AE21213" s="1"/>
    </row>
    <row r="21214" spans="1:31" ht="14.45">
      <c r="A21214" s="11"/>
      <c r="B21214" s="20"/>
      <c r="C21214" s="2" t="s">
        <v>68506</v>
      </c>
      <c r="D21214" s="14" t="s">
        <v>68507</v>
      </c>
      <c r="E21214" s="2" t="s">
        <v>68508</v>
      </c>
      <c r="F21214" s="2" t="s">
        <v>68424</v>
      </c>
      <c r="G21214" s="8">
        <v>144</v>
      </c>
      <c r="H21214" s="5">
        <v>15</v>
      </c>
      <c r="I21214" s="5" t="s">
        <v>1518</v>
      </c>
      <c r="J21214" s="5" t="s">
        <v>68411</v>
      </c>
      <c r="K21214" s="2" t="s">
        <v>68412</v>
      </c>
      <c r="L21214" s="5" t="s">
        <v>68411</v>
      </c>
      <c r="M21214" s="2" t="s">
        <v>68412</v>
      </c>
      <c r="N21214" s="5" t="s">
        <v>1521</v>
      </c>
      <c r="O21214" s="5" t="s">
        <v>38</v>
      </c>
      <c r="P21214" s="5" t="s">
        <v>39</v>
      </c>
      <c r="Q21214" s="5" t="s">
        <v>40</v>
      </c>
      <c r="R21214" s="5" t="s">
        <v>68413</v>
      </c>
      <c r="S21214" s="5" t="s">
        <v>40</v>
      </c>
      <c r="T21214" s="5" t="s">
        <v>42</v>
      </c>
      <c r="U21214" s="2">
        <v>1.8140000000000001</v>
      </c>
      <c r="V21214" s="2">
        <v>1.2829999999999999</v>
      </c>
      <c r="W21214" s="2">
        <v>1.2999999999999999E-2</v>
      </c>
      <c r="X21214" s="2">
        <v>99.1</v>
      </c>
      <c r="Y21214" s="2">
        <v>7.6</v>
      </c>
      <c r="Z21214" s="2">
        <v>16.7</v>
      </c>
      <c r="AA21214" s="5"/>
      <c r="AB21214" s="5" t="s">
        <v>43</v>
      </c>
      <c r="AC21214" s="5" t="s">
        <v>44</v>
      </c>
      <c r="AD21214" s="2"/>
      <c r="AE21214" s="1"/>
    </row>
    <row r="21215" spans="1:31" ht="14.45">
      <c r="A21215" s="11"/>
      <c r="B21215" s="20"/>
      <c r="C21215" s="2" t="s">
        <v>68509</v>
      </c>
      <c r="D21215" s="14" t="s">
        <v>68510</v>
      </c>
      <c r="E21215" s="2" t="s">
        <v>68511</v>
      </c>
      <c r="F21215" s="2" t="s">
        <v>7204</v>
      </c>
      <c r="G21215" s="8">
        <v>148</v>
      </c>
      <c r="H21215" s="5">
        <v>15</v>
      </c>
      <c r="I21215" s="5" t="s">
        <v>1518</v>
      </c>
      <c r="J21215" s="5" t="s">
        <v>68411</v>
      </c>
      <c r="K21215" s="2" t="s">
        <v>68412</v>
      </c>
      <c r="L21215" s="5" t="s">
        <v>68411</v>
      </c>
      <c r="M21215" s="2" t="s">
        <v>68412</v>
      </c>
      <c r="N21215" s="5" t="s">
        <v>1521</v>
      </c>
      <c r="O21215" s="5" t="s">
        <v>38</v>
      </c>
      <c r="P21215" s="5" t="s">
        <v>39</v>
      </c>
      <c r="Q21215" s="5" t="s">
        <v>40</v>
      </c>
      <c r="R21215" s="5" t="s">
        <v>68413</v>
      </c>
      <c r="S21215" s="5" t="s">
        <v>40</v>
      </c>
      <c r="T21215" s="5" t="s">
        <v>42</v>
      </c>
      <c r="U21215" s="2">
        <v>1.9770000000000001</v>
      </c>
      <c r="V21215" s="2">
        <v>1.448</v>
      </c>
      <c r="W21215" s="2">
        <v>1.4999999999999999E-2</v>
      </c>
      <c r="X21215" s="2">
        <v>118.9</v>
      </c>
      <c r="Y21215" s="2">
        <v>7.6</v>
      </c>
      <c r="Z21215" s="2">
        <v>16.7</v>
      </c>
      <c r="AA21215" s="5"/>
      <c r="AB21215" s="5" t="s">
        <v>43</v>
      </c>
      <c r="AC21215" s="5" t="s">
        <v>44</v>
      </c>
      <c r="AD21215" s="2"/>
      <c r="AE21215" s="1"/>
    </row>
    <row r="21216" spans="1:31" ht="14.45">
      <c r="A21216" s="11"/>
      <c r="B21216" s="20"/>
      <c r="C21216" s="2" t="s">
        <v>68512</v>
      </c>
      <c r="D21216" s="14" t="s">
        <v>68513</v>
      </c>
      <c r="E21216" s="2" t="s">
        <v>68514</v>
      </c>
      <c r="F21216" s="2" t="s">
        <v>7514</v>
      </c>
      <c r="G21216" s="8">
        <v>148</v>
      </c>
      <c r="H21216" s="5">
        <v>15</v>
      </c>
      <c r="I21216" s="5" t="s">
        <v>1518</v>
      </c>
      <c r="J21216" s="5" t="s">
        <v>68411</v>
      </c>
      <c r="K21216" s="2" t="s">
        <v>68412</v>
      </c>
      <c r="L21216" s="5" t="s">
        <v>68411</v>
      </c>
      <c r="M21216" s="2" t="s">
        <v>68412</v>
      </c>
      <c r="N21216" s="5" t="s">
        <v>1521</v>
      </c>
      <c r="O21216" s="5" t="s">
        <v>38</v>
      </c>
      <c r="P21216" s="5" t="s">
        <v>39</v>
      </c>
      <c r="Q21216" s="5" t="s">
        <v>40</v>
      </c>
      <c r="R21216" s="5" t="s">
        <v>68413</v>
      </c>
      <c r="S21216" s="5" t="s">
        <v>40</v>
      </c>
      <c r="T21216" s="5" t="s">
        <v>42</v>
      </c>
      <c r="U21216" s="2">
        <v>1.9910000000000001</v>
      </c>
      <c r="V21216" s="2">
        <v>1.4610000000000001</v>
      </c>
      <c r="W21216" s="2">
        <v>1.4999999999999999E-2</v>
      </c>
      <c r="X21216" s="2">
        <v>118.9</v>
      </c>
      <c r="Y21216" s="2">
        <v>7.6</v>
      </c>
      <c r="Z21216" s="2">
        <v>16.7</v>
      </c>
      <c r="AA21216" s="5"/>
      <c r="AB21216" s="5" t="s">
        <v>43</v>
      </c>
      <c r="AC21216" s="5" t="s">
        <v>44</v>
      </c>
      <c r="AD21216" s="2"/>
      <c r="AE21216" s="1"/>
    </row>
    <row r="21217" spans="1:31" ht="14.45">
      <c r="A21217" s="11"/>
      <c r="B21217" s="20"/>
      <c r="C21217" s="2" t="s">
        <v>68515</v>
      </c>
      <c r="D21217" s="14" t="s">
        <v>68516</v>
      </c>
      <c r="E21217" s="2" t="s">
        <v>68517</v>
      </c>
      <c r="F21217" s="2" t="s">
        <v>68420</v>
      </c>
      <c r="G21217" s="8">
        <v>148</v>
      </c>
      <c r="H21217" s="5">
        <v>15</v>
      </c>
      <c r="I21217" s="5" t="s">
        <v>1518</v>
      </c>
      <c r="J21217" s="5" t="s">
        <v>68411</v>
      </c>
      <c r="K21217" s="2" t="s">
        <v>68412</v>
      </c>
      <c r="L21217" s="5" t="s">
        <v>68411</v>
      </c>
      <c r="M21217" s="2" t="s">
        <v>68412</v>
      </c>
      <c r="N21217" s="5" t="s">
        <v>1521</v>
      </c>
      <c r="O21217" s="5" t="s">
        <v>38</v>
      </c>
      <c r="P21217" s="5" t="s">
        <v>39</v>
      </c>
      <c r="Q21217" s="5" t="s">
        <v>40</v>
      </c>
      <c r="R21217" s="5" t="s">
        <v>68413</v>
      </c>
      <c r="S21217" s="5" t="s">
        <v>40</v>
      </c>
      <c r="T21217" s="5" t="s">
        <v>42</v>
      </c>
      <c r="U21217" s="2">
        <v>1.9770000000000001</v>
      </c>
      <c r="V21217" s="2">
        <v>1.448</v>
      </c>
      <c r="W21217" s="2">
        <v>1.4999999999999999E-2</v>
      </c>
      <c r="X21217" s="2">
        <v>118.9</v>
      </c>
      <c r="Y21217" s="2">
        <v>7.6</v>
      </c>
      <c r="Z21217" s="2">
        <v>16.7</v>
      </c>
      <c r="AA21217" s="5"/>
      <c r="AB21217" s="5" t="s">
        <v>43</v>
      </c>
      <c r="AC21217" s="5" t="s">
        <v>44</v>
      </c>
      <c r="AD21217" s="2"/>
      <c r="AE21217" s="1"/>
    </row>
    <row r="21218" spans="1:31" ht="14.45">
      <c r="A21218" s="11"/>
      <c r="B21218" s="20"/>
      <c r="C21218" s="2" t="s">
        <v>68518</v>
      </c>
      <c r="D21218" s="14" t="s">
        <v>68519</v>
      </c>
      <c r="E21218" s="2" t="s">
        <v>68520</v>
      </c>
      <c r="F21218" s="2" t="s">
        <v>68424</v>
      </c>
      <c r="G21218" s="8">
        <v>148</v>
      </c>
      <c r="H21218" s="5">
        <v>15</v>
      </c>
      <c r="I21218" s="5" t="s">
        <v>1518</v>
      </c>
      <c r="J21218" s="5" t="s">
        <v>68411</v>
      </c>
      <c r="K21218" s="2" t="s">
        <v>68412</v>
      </c>
      <c r="L21218" s="5" t="s">
        <v>68411</v>
      </c>
      <c r="M21218" s="2" t="s">
        <v>68412</v>
      </c>
      <c r="N21218" s="5" t="s">
        <v>1521</v>
      </c>
      <c r="O21218" s="5" t="s">
        <v>38</v>
      </c>
      <c r="P21218" s="5" t="s">
        <v>39</v>
      </c>
      <c r="Q21218" s="5" t="s">
        <v>40</v>
      </c>
      <c r="R21218" s="5" t="s">
        <v>68413</v>
      </c>
      <c r="S21218" s="5" t="s">
        <v>40</v>
      </c>
      <c r="T21218" s="5" t="s">
        <v>42</v>
      </c>
      <c r="U21218" s="2">
        <v>1.9910000000000001</v>
      </c>
      <c r="V21218" s="2">
        <v>1.4610000000000001</v>
      </c>
      <c r="W21218" s="2">
        <v>1.4999999999999999E-2</v>
      </c>
      <c r="X21218" s="2">
        <v>118.9</v>
      </c>
      <c r="Y21218" s="2">
        <v>7.6</v>
      </c>
      <c r="Z21218" s="2">
        <v>16.7</v>
      </c>
      <c r="AA21218" s="5"/>
      <c r="AB21218" s="5" t="s">
        <v>43</v>
      </c>
      <c r="AC21218" s="5" t="s">
        <v>44</v>
      </c>
      <c r="AD21218" s="2"/>
      <c r="AE21218" s="1"/>
    </row>
    <row r="21219" spans="1:31" ht="14.45">
      <c r="A21219" s="11"/>
      <c r="B21219" s="20"/>
      <c r="C21219" s="2" t="s">
        <v>68521</v>
      </c>
      <c r="D21219" s="14" t="s">
        <v>68522</v>
      </c>
      <c r="E21219" s="2" t="s">
        <v>68523</v>
      </c>
      <c r="F21219" s="2" t="s">
        <v>7204</v>
      </c>
      <c r="G21219" s="8">
        <v>130</v>
      </c>
      <c r="H21219" s="5">
        <v>15</v>
      </c>
      <c r="I21219" s="5" t="s">
        <v>1518</v>
      </c>
      <c r="J21219" s="5" t="s">
        <v>68411</v>
      </c>
      <c r="K21219" s="2" t="s">
        <v>68412</v>
      </c>
      <c r="L21219" s="5" t="s">
        <v>68411</v>
      </c>
      <c r="M21219" s="2" t="s">
        <v>68412</v>
      </c>
      <c r="N21219" s="5" t="s">
        <v>1521</v>
      </c>
      <c r="O21219" s="5" t="s">
        <v>38</v>
      </c>
      <c r="P21219" s="5" t="s">
        <v>39</v>
      </c>
      <c r="Q21219" s="5" t="s">
        <v>40</v>
      </c>
      <c r="R21219" s="5" t="s">
        <v>68413</v>
      </c>
      <c r="S21219" s="5" t="s">
        <v>40</v>
      </c>
      <c r="T21219" s="5" t="s">
        <v>42</v>
      </c>
      <c r="U21219" s="2">
        <v>1.6060000000000001</v>
      </c>
      <c r="V21219" s="2">
        <v>1.1559999999999999</v>
      </c>
      <c r="W21219" s="2">
        <v>1.0999999999999999E-2</v>
      </c>
      <c r="X21219" s="2">
        <v>82.9</v>
      </c>
      <c r="Y21219" s="2">
        <v>7.6</v>
      </c>
      <c r="Z21219" s="2">
        <v>16.7</v>
      </c>
      <c r="AA21219" s="5"/>
      <c r="AB21219" s="5" t="s">
        <v>43</v>
      </c>
      <c r="AC21219" s="5" t="s">
        <v>44</v>
      </c>
      <c r="AD21219" s="2"/>
      <c r="AE21219" s="1"/>
    </row>
    <row r="21220" spans="1:31" ht="14.45">
      <c r="A21220" s="11"/>
      <c r="B21220" s="20"/>
      <c r="C21220" s="2" t="s">
        <v>68524</v>
      </c>
      <c r="D21220" s="14" t="s">
        <v>68525</v>
      </c>
      <c r="E21220" s="2" t="s">
        <v>68526</v>
      </c>
      <c r="F21220" s="2" t="s">
        <v>7514</v>
      </c>
      <c r="G21220" s="8">
        <v>130</v>
      </c>
      <c r="H21220" s="5">
        <v>15</v>
      </c>
      <c r="I21220" s="5" t="s">
        <v>1518</v>
      </c>
      <c r="J21220" s="5" t="s">
        <v>68411</v>
      </c>
      <c r="K21220" s="2" t="s">
        <v>68412</v>
      </c>
      <c r="L21220" s="5" t="s">
        <v>68411</v>
      </c>
      <c r="M21220" s="2" t="s">
        <v>68412</v>
      </c>
      <c r="N21220" s="5" t="s">
        <v>1521</v>
      </c>
      <c r="O21220" s="5" t="s">
        <v>38</v>
      </c>
      <c r="P21220" s="5" t="s">
        <v>39</v>
      </c>
      <c r="Q21220" s="5" t="s">
        <v>40</v>
      </c>
      <c r="R21220" s="5" t="s">
        <v>68413</v>
      </c>
      <c r="S21220" s="5" t="s">
        <v>40</v>
      </c>
      <c r="T21220" s="5" t="s">
        <v>42</v>
      </c>
      <c r="U21220" s="2">
        <v>1.621</v>
      </c>
      <c r="V21220" s="2">
        <v>1.17</v>
      </c>
      <c r="W21220" s="2">
        <v>1.0999999999999999E-2</v>
      </c>
      <c r="X21220" s="2">
        <v>82.9</v>
      </c>
      <c r="Y21220" s="2">
        <v>7.6</v>
      </c>
      <c r="Z21220" s="2">
        <v>16.7</v>
      </c>
      <c r="AA21220" s="5"/>
      <c r="AB21220" s="5" t="s">
        <v>43</v>
      </c>
      <c r="AC21220" s="5" t="s">
        <v>44</v>
      </c>
      <c r="AD21220" s="2"/>
      <c r="AE21220" s="1"/>
    </row>
    <row r="21221" spans="1:31" ht="14.45">
      <c r="A21221" s="11"/>
      <c r="B21221" s="20"/>
      <c r="C21221" s="2" t="s">
        <v>68527</v>
      </c>
      <c r="D21221" s="14" t="s">
        <v>68528</v>
      </c>
      <c r="E21221" s="2" t="s">
        <v>68529</v>
      </c>
      <c r="F21221" s="2" t="s">
        <v>68420</v>
      </c>
      <c r="G21221" s="8">
        <v>130</v>
      </c>
      <c r="H21221" s="5">
        <v>15</v>
      </c>
      <c r="I21221" s="5" t="s">
        <v>1518</v>
      </c>
      <c r="J21221" s="5" t="s">
        <v>68411</v>
      </c>
      <c r="K21221" s="2" t="s">
        <v>68412</v>
      </c>
      <c r="L21221" s="5" t="s">
        <v>68411</v>
      </c>
      <c r="M21221" s="2" t="s">
        <v>68412</v>
      </c>
      <c r="N21221" s="5" t="s">
        <v>1521</v>
      </c>
      <c r="O21221" s="5" t="s">
        <v>38</v>
      </c>
      <c r="P21221" s="5" t="s">
        <v>39</v>
      </c>
      <c r="Q21221" s="5" t="s">
        <v>40</v>
      </c>
      <c r="R21221" s="5" t="s">
        <v>68413</v>
      </c>
      <c r="S21221" s="5" t="s">
        <v>40</v>
      </c>
      <c r="T21221" s="5" t="s">
        <v>42</v>
      </c>
      <c r="U21221" s="2">
        <v>1.6060000000000001</v>
      </c>
      <c r="V21221" s="2">
        <v>1.1559999999999999</v>
      </c>
      <c r="W21221" s="2">
        <v>1.0999999999999999E-2</v>
      </c>
      <c r="X21221" s="2">
        <v>82.9</v>
      </c>
      <c r="Y21221" s="2">
        <v>7.6</v>
      </c>
      <c r="Z21221" s="2">
        <v>16.7</v>
      </c>
      <c r="AA21221" s="5"/>
      <c r="AB21221" s="5" t="s">
        <v>43</v>
      </c>
      <c r="AC21221" s="5" t="s">
        <v>44</v>
      </c>
      <c r="AD21221" s="2"/>
      <c r="AE21221" s="1"/>
    </row>
    <row r="21222" spans="1:31" ht="14.45">
      <c r="A21222" s="11"/>
      <c r="B21222" s="20"/>
      <c r="C21222" s="2" t="s">
        <v>68530</v>
      </c>
      <c r="D21222" s="14" t="s">
        <v>68531</v>
      </c>
      <c r="E21222" s="2" t="s">
        <v>68532</v>
      </c>
      <c r="F21222" s="2" t="s">
        <v>68424</v>
      </c>
      <c r="G21222" s="8">
        <v>130</v>
      </c>
      <c r="H21222" s="5">
        <v>15</v>
      </c>
      <c r="I21222" s="5" t="s">
        <v>1518</v>
      </c>
      <c r="J21222" s="5" t="s">
        <v>68411</v>
      </c>
      <c r="K21222" s="2" t="s">
        <v>68412</v>
      </c>
      <c r="L21222" s="5" t="s">
        <v>68411</v>
      </c>
      <c r="M21222" s="2" t="s">
        <v>68412</v>
      </c>
      <c r="N21222" s="5" t="s">
        <v>1521</v>
      </c>
      <c r="O21222" s="5" t="s">
        <v>38</v>
      </c>
      <c r="P21222" s="5" t="s">
        <v>39</v>
      </c>
      <c r="Q21222" s="5" t="s">
        <v>40</v>
      </c>
      <c r="R21222" s="5" t="s">
        <v>68413</v>
      </c>
      <c r="S21222" s="5" t="s">
        <v>40</v>
      </c>
      <c r="T21222" s="5" t="s">
        <v>42</v>
      </c>
      <c r="U21222" s="2">
        <v>1.621</v>
      </c>
      <c r="V21222" s="2">
        <v>1.17</v>
      </c>
      <c r="W21222" s="2">
        <v>1.0999999999999999E-2</v>
      </c>
      <c r="X21222" s="2">
        <v>82.9</v>
      </c>
      <c r="Y21222" s="2">
        <v>7.6</v>
      </c>
      <c r="Z21222" s="2">
        <v>16.7</v>
      </c>
      <c r="AA21222" s="5"/>
      <c r="AB21222" s="5" t="s">
        <v>43</v>
      </c>
      <c r="AC21222" s="5" t="s">
        <v>44</v>
      </c>
      <c r="AD21222" s="2"/>
      <c r="AE21222" s="1"/>
    </row>
    <row r="21223" spans="1:31" ht="14.45">
      <c r="A21223" s="11"/>
      <c r="B21223" s="20"/>
      <c r="C21223" s="2" t="s">
        <v>68533</v>
      </c>
      <c r="D21223" s="14" t="s">
        <v>68534</v>
      </c>
      <c r="E21223" s="2" t="s">
        <v>68535</v>
      </c>
      <c r="F21223" s="2" t="s">
        <v>7204</v>
      </c>
      <c r="G21223" s="8">
        <v>144</v>
      </c>
      <c r="H21223" s="5">
        <v>5</v>
      </c>
      <c r="I21223" s="5" t="s">
        <v>1518</v>
      </c>
      <c r="J21223" s="5" t="s">
        <v>68411</v>
      </c>
      <c r="K21223" s="2" t="s">
        <v>68412</v>
      </c>
      <c r="L21223" s="5" t="s">
        <v>68411</v>
      </c>
      <c r="M21223" s="2" t="s">
        <v>68412</v>
      </c>
      <c r="N21223" s="5" t="s">
        <v>1521</v>
      </c>
      <c r="O21223" s="5" t="s">
        <v>38</v>
      </c>
      <c r="P21223" s="5" t="s">
        <v>39</v>
      </c>
      <c r="Q21223" s="5" t="s">
        <v>40</v>
      </c>
      <c r="R21223" s="5" t="s">
        <v>68413</v>
      </c>
      <c r="S21223" s="5" t="s">
        <v>40</v>
      </c>
      <c r="T21223" s="5" t="s">
        <v>42</v>
      </c>
      <c r="U21223" s="2">
        <v>1.85</v>
      </c>
      <c r="V21223" s="2">
        <v>1.3149999999999999</v>
      </c>
      <c r="W21223" s="2">
        <v>1.4999999999999999E-2</v>
      </c>
      <c r="X21223" s="2">
        <v>118.9</v>
      </c>
      <c r="Y21223" s="2">
        <v>7.6</v>
      </c>
      <c r="Z21223" s="2">
        <v>16.7</v>
      </c>
      <c r="AA21223" s="5"/>
      <c r="AB21223" s="5" t="s">
        <v>43</v>
      </c>
      <c r="AC21223" s="5" t="s">
        <v>44</v>
      </c>
      <c r="AD21223" s="2"/>
      <c r="AE21223" s="1"/>
    </row>
    <row r="21224" spans="1:31" ht="14.45">
      <c r="A21224" s="11"/>
      <c r="B21224" s="20"/>
      <c r="C21224" s="2" t="s">
        <v>68536</v>
      </c>
      <c r="D21224" s="14" t="s">
        <v>68537</v>
      </c>
      <c r="E21224" s="2" t="s">
        <v>68538</v>
      </c>
      <c r="F21224" s="2" t="s">
        <v>7514</v>
      </c>
      <c r="G21224" s="8">
        <v>144</v>
      </c>
      <c r="H21224" s="5">
        <v>5</v>
      </c>
      <c r="I21224" s="5" t="s">
        <v>1518</v>
      </c>
      <c r="J21224" s="5" t="s">
        <v>68411</v>
      </c>
      <c r="K21224" s="2" t="s">
        <v>68412</v>
      </c>
      <c r="L21224" s="5" t="s">
        <v>68411</v>
      </c>
      <c r="M21224" s="2" t="s">
        <v>68412</v>
      </c>
      <c r="N21224" s="5" t="s">
        <v>1521</v>
      </c>
      <c r="O21224" s="5" t="s">
        <v>38</v>
      </c>
      <c r="P21224" s="5" t="s">
        <v>39</v>
      </c>
      <c r="Q21224" s="5" t="s">
        <v>40</v>
      </c>
      <c r="R21224" s="5" t="s">
        <v>68413</v>
      </c>
      <c r="S21224" s="5" t="s">
        <v>40</v>
      </c>
      <c r="T21224" s="5" t="s">
        <v>42</v>
      </c>
      <c r="U21224" s="2">
        <v>1.865</v>
      </c>
      <c r="V21224" s="2">
        <v>1.329</v>
      </c>
      <c r="W21224" s="2">
        <v>1.4999999999999999E-2</v>
      </c>
      <c r="X21224" s="2">
        <v>118.9</v>
      </c>
      <c r="Y21224" s="2">
        <v>7.6</v>
      </c>
      <c r="Z21224" s="2">
        <v>16.7</v>
      </c>
      <c r="AA21224" s="5"/>
      <c r="AB21224" s="5" t="s">
        <v>43</v>
      </c>
      <c r="AC21224" s="5" t="s">
        <v>44</v>
      </c>
      <c r="AD21224" s="2"/>
      <c r="AE21224" s="1"/>
    </row>
    <row r="21225" spans="1:31" ht="14.45">
      <c r="A21225" s="11"/>
      <c r="B21225" s="20"/>
      <c r="C21225" s="2" t="s">
        <v>68539</v>
      </c>
      <c r="D21225" s="14" t="s">
        <v>68540</v>
      </c>
      <c r="E21225" s="2" t="s">
        <v>68541</v>
      </c>
      <c r="F21225" s="2" t="s">
        <v>68420</v>
      </c>
      <c r="G21225" s="8">
        <v>144</v>
      </c>
      <c r="H21225" s="5">
        <v>15</v>
      </c>
      <c r="I21225" s="5" t="s">
        <v>1518</v>
      </c>
      <c r="J21225" s="5" t="s">
        <v>68411</v>
      </c>
      <c r="K21225" s="2" t="s">
        <v>68412</v>
      </c>
      <c r="L21225" s="5" t="s">
        <v>68411</v>
      </c>
      <c r="M21225" s="2" t="s">
        <v>68412</v>
      </c>
      <c r="N21225" s="5" t="s">
        <v>1521</v>
      </c>
      <c r="O21225" s="5" t="s">
        <v>38</v>
      </c>
      <c r="P21225" s="5" t="s">
        <v>39</v>
      </c>
      <c r="Q21225" s="5" t="s">
        <v>40</v>
      </c>
      <c r="R21225" s="5" t="s">
        <v>68413</v>
      </c>
      <c r="S21225" s="5" t="s">
        <v>40</v>
      </c>
      <c r="T21225" s="5" t="s">
        <v>42</v>
      </c>
      <c r="U21225" s="2">
        <v>1.85</v>
      </c>
      <c r="V21225" s="2">
        <v>1.3149999999999999</v>
      </c>
      <c r="W21225" s="2">
        <v>1.4999999999999999E-2</v>
      </c>
      <c r="X21225" s="2">
        <v>118.9</v>
      </c>
      <c r="Y21225" s="2">
        <v>7.6</v>
      </c>
      <c r="Z21225" s="2">
        <v>16.7</v>
      </c>
      <c r="AA21225" s="5"/>
      <c r="AB21225" s="5" t="s">
        <v>43</v>
      </c>
      <c r="AC21225" s="5" t="s">
        <v>44</v>
      </c>
      <c r="AD21225" s="2"/>
      <c r="AE21225" s="1"/>
    </row>
    <row r="21226" spans="1:31" ht="14.45">
      <c r="A21226" s="11"/>
      <c r="B21226" s="20"/>
      <c r="C21226" s="2" t="s">
        <v>68542</v>
      </c>
      <c r="D21226" s="14" t="s">
        <v>68543</v>
      </c>
      <c r="E21226" s="2" t="s">
        <v>68544</v>
      </c>
      <c r="F21226" s="2" t="s">
        <v>68424</v>
      </c>
      <c r="G21226" s="8">
        <v>144</v>
      </c>
      <c r="H21226" s="5">
        <v>15</v>
      </c>
      <c r="I21226" s="5" t="s">
        <v>1518</v>
      </c>
      <c r="J21226" s="5" t="s">
        <v>68411</v>
      </c>
      <c r="K21226" s="2" t="s">
        <v>68412</v>
      </c>
      <c r="L21226" s="5" t="s">
        <v>68411</v>
      </c>
      <c r="M21226" s="2" t="s">
        <v>68412</v>
      </c>
      <c r="N21226" s="5" t="s">
        <v>1521</v>
      </c>
      <c r="O21226" s="5" t="s">
        <v>38</v>
      </c>
      <c r="P21226" s="5" t="s">
        <v>39</v>
      </c>
      <c r="Q21226" s="5" t="s">
        <v>40</v>
      </c>
      <c r="R21226" s="5" t="s">
        <v>68413</v>
      </c>
      <c r="S21226" s="5" t="s">
        <v>40</v>
      </c>
      <c r="T21226" s="5" t="s">
        <v>42</v>
      </c>
      <c r="U21226" s="2">
        <v>1.865</v>
      </c>
      <c r="V21226" s="2">
        <v>1.329</v>
      </c>
      <c r="W21226" s="2">
        <v>1.4999999999999999E-2</v>
      </c>
      <c r="X21226" s="2">
        <v>118.9</v>
      </c>
      <c r="Y21226" s="2">
        <v>7.6</v>
      </c>
      <c r="Z21226" s="2">
        <v>16.7</v>
      </c>
      <c r="AA21226" s="5"/>
      <c r="AB21226" s="5" t="s">
        <v>43</v>
      </c>
      <c r="AC21226" s="5" t="s">
        <v>44</v>
      </c>
      <c r="AD21226" s="2"/>
      <c r="AE21226" s="1"/>
    </row>
    <row r="21227" spans="1:31" ht="14.45">
      <c r="A21227" s="11"/>
      <c r="B21227" s="20"/>
      <c r="C21227" s="2" t="s">
        <v>68545</v>
      </c>
      <c r="D21227" s="14" t="s">
        <v>68546</v>
      </c>
      <c r="E21227" s="2" t="s">
        <v>68547</v>
      </c>
      <c r="F21227" s="2" t="s">
        <v>7204</v>
      </c>
      <c r="G21227" s="8">
        <v>148</v>
      </c>
      <c r="H21227" s="5">
        <v>15</v>
      </c>
      <c r="I21227" s="5" t="s">
        <v>1518</v>
      </c>
      <c r="J21227" s="5" t="s">
        <v>68411</v>
      </c>
      <c r="K21227" s="2" t="s">
        <v>68412</v>
      </c>
      <c r="L21227" s="5" t="s">
        <v>68411</v>
      </c>
      <c r="M21227" s="2" t="s">
        <v>68412</v>
      </c>
      <c r="N21227" s="5" t="s">
        <v>1521</v>
      </c>
      <c r="O21227" s="5" t="s">
        <v>38</v>
      </c>
      <c r="P21227" s="5" t="s">
        <v>39</v>
      </c>
      <c r="Q21227" s="5" t="s">
        <v>40</v>
      </c>
      <c r="R21227" s="5" t="s">
        <v>68413</v>
      </c>
      <c r="S21227" s="5" t="s">
        <v>40</v>
      </c>
      <c r="T21227" s="5" t="s">
        <v>42</v>
      </c>
      <c r="U21227" s="2">
        <v>2.1030000000000002</v>
      </c>
      <c r="V21227" s="2">
        <v>1.494</v>
      </c>
      <c r="W21227" s="2">
        <v>1.7999999999999999E-2</v>
      </c>
      <c r="X21227" s="2">
        <v>139.1</v>
      </c>
      <c r="Y21227" s="2">
        <v>7.6</v>
      </c>
      <c r="Z21227" s="2">
        <v>16.7</v>
      </c>
      <c r="AA21227" s="5"/>
      <c r="AB21227" s="5" t="s">
        <v>43</v>
      </c>
      <c r="AC21227" s="5" t="s">
        <v>44</v>
      </c>
      <c r="AD21227" s="2"/>
      <c r="AE21227" s="1"/>
    </row>
    <row r="21228" spans="1:31" ht="14.45">
      <c r="A21228" s="11"/>
      <c r="B21228" s="20"/>
      <c r="C21228" s="2" t="s">
        <v>68548</v>
      </c>
      <c r="D21228" s="14" t="s">
        <v>68549</v>
      </c>
      <c r="E21228" s="2" t="s">
        <v>68550</v>
      </c>
      <c r="F21228" s="2" t="s">
        <v>7514</v>
      </c>
      <c r="G21228" s="8">
        <v>148</v>
      </c>
      <c r="H21228" s="5">
        <v>15</v>
      </c>
      <c r="I21228" s="5" t="s">
        <v>1518</v>
      </c>
      <c r="J21228" s="5" t="s">
        <v>68411</v>
      </c>
      <c r="K21228" s="2" t="s">
        <v>68412</v>
      </c>
      <c r="L21228" s="5" t="s">
        <v>68411</v>
      </c>
      <c r="M21228" s="2" t="s">
        <v>68412</v>
      </c>
      <c r="N21228" s="5" t="s">
        <v>1521</v>
      </c>
      <c r="O21228" s="5" t="s">
        <v>38</v>
      </c>
      <c r="P21228" s="5" t="s">
        <v>39</v>
      </c>
      <c r="Q21228" s="5" t="s">
        <v>40</v>
      </c>
      <c r="R21228" s="5" t="s">
        <v>68413</v>
      </c>
      <c r="S21228" s="5" t="s">
        <v>40</v>
      </c>
      <c r="T21228" s="5" t="s">
        <v>42</v>
      </c>
      <c r="U21228" s="2">
        <v>2.117</v>
      </c>
      <c r="V21228" s="2">
        <v>1.5069999999999999</v>
      </c>
      <c r="W21228" s="2">
        <v>1.7999999999999999E-2</v>
      </c>
      <c r="X21228" s="2">
        <v>139.1</v>
      </c>
      <c r="Y21228" s="2">
        <v>7.6</v>
      </c>
      <c r="Z21228" s="2">
        <v>16.7</v>
      </c>
      <c r="AA21228" s="5"/>
      <c r="AB21228" s="5" t="s">
        <v>43</v>
      </c>
      <c r="AC21228" s="5" t="s">
        <v>44</v>
      </c>
      <c r="AD21228" s="2"/>
      <c r="AE21228" s="1"/>
    </row>
    <row r="21229" spans="1:31" ht="14.45">
      <c r="A21229" s="11"/>
      <c r="B21229" s="20"/>
      <c r="C21229" s="2" t="s">
        <v>68551</v>
      </c>
      <c r="D21229" s="14" t="s">
        <v>68552</v>
      </c>
      <c r="E21229" s="2" t="s">
        <v>68553</v>
      </c>
      <c r="F21229" s="2" t="s">
        <v>68420</v>
      </c>
      <c r="G21229" s="8">
        <v>148</v>
      </c>
      <c r="H21229" s="5">
        <v>15</v>
      </c>
      <c r="I21229" s="5" t="s">
        <v>1518</v>
      </c>
      <c r="J21229" s="5" t="s">
        <v>68411</v>
      </c>
      <c r="K21229" s="2" t="s">
        <v>68412</v>
      </c>
      <c r="L21229" s="5" t="s">
        <v>68411</v>
      </c>
      <c r="M21229" s="2" t="s">
        <v>68412</v>
      </c>
      <c r="N21229" s="5" t="s">
        <v>1521</v>
      </c>
      <c r="O21229" s="5" t="s">
        <v>38</v>
      </c>
      <c r="P21229" s="5" t="s">
        <v>39</v>
      </c>
      <c r="Q21229" s="5" t="s">
        <v>40</v>
      </c>
      <c r="R21229" s="5" t="s">
        <v>68413</v>
      </c>
      <c r="S21229" s="5" t="s">
        <v>40</v>
      </c>
      <c r="T21229" s="5" t="s">
        <v>42</v>
      </c>
      <c r="U21229" s="2">
        <v>2.1030000000000002</v>
      </c>
      <c r="V21229" s="2">
        <v>1.494</v>
      </c>
      <c r="W21229" s="2">
        <v>1.7999999999999999E-2</v>
      </c>
      <c r="X21229" s="2">
        <v>139.1</v>
      </c>
      <c r="Y21229" s="2">
        <v>7.6</v>
      </c>
      <c r="Z21229" s="2">
        <v>16.7</v>
      </c>
      <c r="AA21229" s="5"/>
      <c r="AB21229" s="5" t="s">
        <v>43</v>
      </c>
      <c r="AC21229" s="5" t="s">
        <v>44</v>
      </c>
      <c r="AD21229" s="2"/>
      <c r="AE21229" s="1"/>
    </row>
    <row r="21230" spans="1:31" ht="14.45">
      <c r="A21230" s="11"/>
      <c r="B21230" s="20"/>
      <c r="C21230" s="2" t="s">
        <v>68554</v>
      </c>
      <c r="D21230" s="14" t="s">
        <v>68555</v>
      </c>
      <c r="E21230" s="2" t="s">
        <v>68556</v>
      </c>
      <c r="F21230" s="2" t="s">
        <v>68424</v>
      </c>
      <c r="G21230" s="8">
        <v>148</v>
      </c>
      <c r="H21230" s="5">
        <v>15</v>
      </c>
      <c r="I21230" s="5" t="s">
        <v>1518</v>
      </c>
      <c r="J21230" s="5" t="s">
        <v>68411</v>
      </c>
      <c r="K21230" s="2" t="s">
        <v>68412</v>
      </c>
      <c r="L21230" s="5" t="s">
        <v>68411</v>
      </c>
      <c r="M21230" s="2" t="s">
        <v>68412</v>
      </c>
      <c r="N21230" s="5" t="s">
        <v>1521</v>
      </c>
      <c r="O21230" s="5" t="s">
        <v>38</v>
      </c>
      <c r="P21230" s="5" t="s">
        <v>39</v>
      </c>
      <c r="Q21230" s="5" t="s">
        <v>40</v>
      </c>
      <c r="R21230" s="5" t="s">
        <v>68413</v>
      </c>
      <c r="S21230" s="5" t="s">
        <v>40</v>
      </c>
      <c r="T21230" s="5" t="s">
        <v>42</v>
      </c>
      <c r="U21230" s="2">
        <v>2.117</v>
      </c>
      <c r="V21230" s="2">
        <v>1.5069999999999999</v>
      </c>
      <c r="W21230" s="2">
        <v>1.7999999999999999E-2</v>
      </c>
      <c r="X21230" s="2">
        <v>139.1</v>
      </c>
      <c r="Y21230" s="2">
        <v>7.6</v>
      </c>
      <c r="Z21230" s="2">
        <v>16.7</v>
      </c>
      <c r="AA21230" s="5"/>
      <c r="AB21230" s="5" t="s">
        <v>43</v>
      </c>
      <c r="AC21230" s="5" t="s">
        <v>44</v>
      </c>
      <c r="AD21230" s="2"/>
      <c r="AE21230" s="1"/>
    </row>
    <row r="21231" spans="1:31" ht="14.45">
      <c r="A21231" s="11"/>
      <c r="B21231" s="20"/>
      <c r="C21231" s="2" t="s">
        <v>68557</v>
      </c>
      <c r="D21231" s="14" t="s">
        <v>68558</v>
      </c>
      <c r="E21231" s="2" t="s">
        <v>68559</v>
      </c>
      <c r="F21231" s="2" t="s">
        <v>7204</v>
      </c>
      <c r="G21231" s="8">
        <v>136</v>
      </c>
      <c r="H21231" s="5">
        <v>5</v>
      </c>
      <c r="I21231" s="5" t="s">
        <v>1518</v>
      </c>
      <c r="J21231" s="5" t="s">
        <v>68411</v>
      </c>
      <c r="K21231" s="2" t="s">
        <v>68412</v>
      </c>
      <c r="L21231" s="5" t="s">
        <v>68411</v>
      </c>
      <c r="M21231" s="2" t="s">
        <v>68412</v>
      </c>
      <c r="N21231" s="5" t="s">
        <v>1521</v>
      </c>
      <c r="O21231" s="5" t="s">
        <v>38</v>
      </c>
      <c r="P21231" s="5" t="s">
        <v>39</v>
      </c>
      <c r="Q21231" s="5" t="s">
        <v>40</v>
      </c>
      <c r="R21231" s="5" t="s">
        <v>68413</v>
      </c>
      <c r="S21231" s="5" t="s">
        <v>40</v>
      </c>
      <c r="T21231" s="5" t="s">
        <v>42</v>
      </c>
      <c r="U21231" s="2">
        <v>1.6990000000000001</v>
      </c>
      <c r="V21231" s="2">
        <v>1.26</v>
      </c>
      <c r="W21231" s="2">
        <v>1.0999999999999999E-2</v>
      </c>
      <c r="X21231" s="2">
        <v>82.9</v>
      </c>
      <c r="Y21231" s="2">
        <v>7.6</v>
      </c>
      <c r="Z21231" s="2">
        <v>16.7</v>
      </c>
      <c r="AA21231" s="5"/>
      <c r="AB21231" s="5" t="s">
        <v>43</v>
      </c>
      <c r="AC21231" s="5" t="s">
        <v>44</v>
      </c>
      <c r="AD21231" s="2"/>
      <c r="AE21231" s="1"/>
    </row>
    <row r="21232" spans="1:31" ht="14.45">
      <c r="A21232" s="11"/>
      <c r="B21232" s="20"/>
      <c r="C21232" s="2" t="s">
        <v>68560</v>
      </c>
      <c r="D21232" s="14" t="s">
        <v>68561</v>
      </c>
      <c r="E21232" s="2" t="s">
        <v>68562</v>
      </c>
      <c r="F21232" s="2" t="s">
        <v>7514</v>
      </c>
      <c r="G21232" s="8">
        <v>136</v>
      </c>
      <c r="H21232" s="5">
        <v>5</v>
      </c>
      <c r="I21232" s="5" t="s">
        <v>1518</v>
      </c>
      <c r="J21232" s="5" t="s">
        <v>68411</v>
      </c>
      <c r="K21232" s="2" t="s">
        <v>68412</v>
      </c>
      <c r="L21232" s="5" t="s">
        <v>68411</v>
      </c>
      <c r="M21232" s="2" t="s">
        <v>68412</v>
      </c>
      <c r="N21232" s="5" t="s">
        <v>1521</v>
      </c>
      <c r="O21232" s="5" t="s">
        <v>38</v>
      </c>
      <c r="P21232" s="5" t="s">
        <v>39</v>
      </c>
      <c r="Q21232" s="5" t="s">
        <v>40</v>
      </c>
      <c r="R21232" s="5" t="s">
        <v>68413</v>
      </c>
      <c r="S21232" s="5" t="s">
        <v>40</v>
      </c>
      <c r="T21232" s="5" t="s">
        <v>42</v>
      </c>
      <c r="U21232" s="2">
        <v>1.7190000000000001</v>
      </c>
      <c r="V21232" s="2">
        <v>1.2789999999999999</v>
      </c>
      <c r="W21232" s="2">
        <v>1.0999999999999999E-2</v>
      </c>
      <c r="X21232" s="2">
        <v>82.9</v>
      </c>
      <c r="Y21232" s="2">
        <v>7.6</v>
      </c>
      <c r="Z21232" s="2">
        <v>16.7</v>
      </c>
      <c r="AA21232" s="5"/>
      <c r="AB21232" s="5" t="s">
        <v>43</v>
      </c>
      <c r="AC21232" s="5" t="s">
        <v>44</v>
      </c>
      <c r="AD21232" s="2"/>
      <c r="AE21232" s="1"/>
    </row>
    <row r="21233" spans="1:31" ht="14.45">
      <c r="A21233" s="11"/>
      <c r="B21233" s="20"/>
      <c r="C21233" s="2" t="s">
        <v>68563</v>
      </c>
      <c r="D21233" s="14" t="s">
        <v>68564</v>
      </c>
      <c r="E21233" s="2" t="s">
        <v>68565</v>
      </c>
      <c r="F21233" s="2" t="s">
        <v>68420</v>
      </c>
      <c r="G21233" s="8">
        <v>136</v>
      </c>
      <c r="H21233" s="5">
        <v>15</v>
      </c>
      <c r="I21233" s="5" t="s">
        <v>1518</v>
      </c>
      <c r="J21233" s="5" t="s">
        <v>68411</v>
      </c>
      <c r="K21233" s="2" t="s">
        <v>68412</v>
      </c>
      <c r="L21233" s="5" t="s">
        <v>68411</v>
      </c>
      <c r="M21233" s="2" t="s">
        <v>68412</v>
      </c>
      <c r="N21233" s="5" t="s">
        <v>1521</v>
      </c>
      <c r="O21233" s="5" t="s">
        <v>38</v>
      </c>
      <c r="P21233" s="5" t="s">
        <v>39</v>
      </c>
      <c r="Q21233" s="5" t="s">
        <v>40</v>
      </c>
      <c r="R21233" s="5" t="s">
        <v>68413</v>
      </c>
      <c r="S21233" s="5" t="s">
        <v>40</v>
      </c>
      <c r="T21233" s="5" t="s">
        <v>42</v>
      </c>
      <c r="U21233" s="2">
        <v>1.6990000000000001</v>
      </c>
      <c r="V21233" s="2">
        <v>1.26</v>
      </c>
      <c r="W21233" s="2">
        <v>1.0999999999999999E-2</v>
      </c>
      <c r="X21233" s="2">
        <v>82.9</v>
      </c>
      <c r="Y21233" s="2">
        <v>7.6</v>
      </c>
      <c r="Z21233" s="2">
        <v>16.7</v>
      </c>
      <c r="AA21233" s="5"/>
      <c r="AB21233" s="5" t="s">
        <v>43</v>
      </c>
      <c r="AC21233" s="5" t="s">
        <v>44</v>
      </c>
      <c r="AD21233" s="2"/>
      <c r="AE21233" s="1"/>
    </row>
    <row r="21234" spans="1:31" ht="14.45">
      <c r="A21234" s="11"/>
      <c r="B21234" s="20"/>
      <c r="C21234" s="2" t="s">
        <v>68566</v>
      </c>
      <c r="D21234" s="14" t="s">
        <v>68567</v>
      </c>
      <c r="E21234" s="2" t="s">
        <v>68568</v>
      </c>
      <c r="F21234" s="2" t="s">
        <v>68424</v>
      </c>
      <c r="G21234" s="8">
        <v>136</v>
      </c>
      <c r="H21234" s="5">
        <v>15</v>
      </c>
      <c r="I21234" s="5" t="s">
        <v>1518</v>
      </c>
      <c r="J21234" s="5" t="s">
        <v>68411</v>
      </c>
      <c r="K21234" s="2" t="s">
        <v>68412</v>
      </c>
      <c r="L21234" s="5" t="s">
        <v>68411</v>
      </c>
      <c r="M21234" s="2" t="s">
        <v>68412</v>
      </c>
      <c r="N21234" s="5" t="s">
        <v>1521</v>
      </c>
      <c r="O21234" s="5" t="s">
        <v>38</v>
      </c>
      <c r="P21234" s="5" t="s">
        <v>39</v>
      </c>
      <c r="Q21234" s="5" t="s">
        <v>40</v>
      </c>
      <c r="R21234" s="5" t="s">
        <v>68413</v>
      </c>
      <c r="S21234" s="5" t="s">
        <v>40</v>
      </c>
      <c r="T21234" s="5" t="s">
        <v>42</v>
      </c>
      <c r="U21234" s="2">
        <v>1.7190000000000001</v>
      </c>
      <c r="V21234" s="2">
        <v>1.2789999999999999</v>
      </c>
      <c r="W21234" s="2">
        <v>1.0999999999999999E-2</v>
      </c>
      <c r="X21234" s="2">
        <v>82.9</v>
      </c>
      <c r="Y21234" s="2">
        <v>7.6</v>
      </c>
      <c r="Z21234" s="2">
        <v>16.7</v>
      </c>
      <c r="AA21234" s="5"/>
      <c r="AB21234" s="5" t="s">
        <v>43</v>
      </c>
      <c r="AC21234" s="5" t="s">
        <v>44</v>
      </c>
      <c r="AD21234" s="2"/>
      <c r="AE21234" s="1"/>
    </row>
    <row r="21235" spans="1:31" ht="14.45">
      <c r="A21235" s="11"/>
      <c r="B21235" s="20"/>
      <c r="C21235" s="2" t="s">
        <v>68569</v>
      </c>
      <c r="D21235" s="14" t="s">
        <v>68570</v>
      </c>
      <c r="E21235" s="2" t="s">
        <v>68571</v>
      </c>
      <c r="F21235" s="2" t="s">
        <v>7204</v>
      </c>
      <c r="G21235" s="8">
        <v>148</v>
      </c>
      <c r="H21235" s="5">
        <v>5</v>
      </c>
      <c r="I21235" s="5" t="s">
        <v>1518</v>
      </c>
      <c r="J21235" s="5" t="s">
        <v>68411</v>
      </c>
      <c r="K21235" s="2" t="s">
        <v>68412</v>
      </c>
      <c r="L21235" s="5" t="s">
        <v>68411</v>
      </c>
      <c r="M21235" s="2" t="s">
        <v>68412</v>
      </c>
      <c r="N21235" s="5" t="s">
        <v>1521</v>
      </c>
      <c r="O21235" s="5" t="s">
        <v>38</v>
      </c>
      <c r="P21235" s="5" t="s">
        <v>39</v>
      </c>
      <c r="Q21235" s="5" t="s">
        <v>40</v>
      </c>
      <c r="R21235" s="5" t="s">
        <v>68413</v>
      </c>
      <c r="S21235" s="5" t="s">
        <v>40</v>
      </c>
      <c r="T21235" s="5" t="s">
        <v>42</v>
      </c>
      <c r="U21235" s="2">
        <v>1.95</v>
      </c>
      <c r="V21235" s="2">
        <v>1.4330000000000001</v>
      </c>
      <c r="W21235" s="2">
        <v>1.2999999999999999E-2</v>
      </c>
      <c r="X21235" s="2">
        <v>99.1</v>
      </c>
      <c r="Y21235" s="2">
        <v>7.6</v>
      </c>
      <c r="Z21235" s="2">
        <v>16.7</v>
      </c>
      <c r="AA21235" s="5"/>
      <c r="AB21235" s="5" t="s">
        <v>43</v>
      </c>
      <c r="AC21235" s="5" t="s">
        <v>44</v>
      </c>
      <c r="AD21235" s="2"/>
      <c r="AE21235" s="1"/>
    </row>
    <row r="21236" spans="1:31" ht="14.45">
      <c r="A21236" s="11"/>
      <c r="B21236" s="20"/>
      <c r="C21236" s="2" t="s">
        <v>68572</v>
      </c>
      <c r="D21236" s="14" t="s">
        <v>68573</v>
      </c>
      <c r="E21236" s="2" t="s">
        <v>68574</v>
      </c>
      <c r="F21236" s="2" t="s">
        <v>7514</v>
      </c>
      <c r="G21236" s="8">
        <v>148</v>
      </c>
      <c r="H21236" s="5">
        <v>15</v>
      </c>
      <c r="I21236" s="5" t="s">
        <v>1518</v>
      </c>
      <c r="J21236" s="5" t="s">
        <v>68411</v>
      </c>
      <c r="K21236" s="2" t="s">
        <v>68412</v>
      </c>
      <c r="L21236" s="5" t="s">
        <v>68411</v>
      </c>
      <c r="M21236" s="2" t="s">
        <v>68412</v>
      </c>
      <c r="N21236" s="5" t="s">
        <v>1521</v>
      </c>
      <c r="O21236" s="5" t="s">
        <v>38</v>
      </c>
      <c r="P21236" s="5" t="s">
        <v>39</v>
      </c>
      <c r="Q21236" s="5" t="s">
        <v>40</v>
      </c>
      <c r="R21236" s="5" t="s">
        <v>68413</v>
      </c>
      <c r="S21236" s="5" t="s">
        <v>40</v>
      </c>
      <c r="T21236" s="5" t="s">
        <v>42</v>
      </c>
      <c r="U21236" s="2">
        <v>1.9690000000000001</v>
      </c>
      <c r="V21236" s="2">
        <v>1.4510000000000001</v>
      </c>
      <c r="W21236" s="2">
        <v>1.2999999999999999E-2</v>
      </c>
      <c r="X21236" s="2">
        <v>99.1</v>
      </c>
      <c r="Y21236" s="2">
        <v>7.6</v>
      </c>
      <c r="Z21236" s="2">
        <v>16.7</v>
      </c>
      <c r="AA21236" s="5"/>
      <c r="AB21236" s="5" t="s">
        <v>43</v>
      </c>
      <c r="AC21236" s="5" t="s">
        <v>44</v>
      </c>
      <c r="AD21236" s="2"/>
      <c r="AE21236" s="1"/>
    </row>
    <row r="21237" spans="1:31" ht="14.45">
      <c r="A21237" s="11"/>
      <c r="B21237" s="20"/>
      <c r="C21237" s="2" t="s">
        <v>68575</v>
      </c>
      <c r="D21237" s="14" t="s">
        <v>68576</v>
      </c>
      <c r="E21237" s="2" t="s">
        <v>68577</v>
      </c>
      <c r="F21237" s="2" t="s">
        <v>68420</v>
      </c>
      <c r="G21237" s="8">
        <v>148</v>
      </c>
      <c r="H21237" s="5">
        <v>15</v>
      </c>
      <c r="I21237" s="5" t="s">
        <v>1518</v>
      </c>
      <c r="J21237" s="5" t="s">
        <v>68411</v>
      </c>
      <c r="K21237" s="2" t="s">
        <v>68412</v>
      </c>
      <c r="L21237" s="5" t="s">
        <v>68411</v>
      </c>
      <c r="M21237" s="2" t="s">
        <v>68412</v>
      </c>
      <c r="N21237" s="5" t="s">
        <v>1521</v>
      </c>
      <c r="O21237" s="5" t="s">
        <v>38</v>
      </c>
      <c r="P21237" s="5" t="s">
        <v>39</v>
      </c>
      <c r="Q21237" s="5" t="s">
        <v>40</v>
      </c>
      <c r="R21237" s="5" t="s">
        <v>68413</v>
      </c>
      <c r="S21237" s="5" t="s">
        <v>40</v>
      </c>
      <c r="T21237" s="5" t="s">
        <v>42</v>
      </c>
      <c r="U21237" s="2">
        <v>1.95</v>
      </c>
      <c r="V21237" s="2">
        <v>1.4330000000000001</v>
      </c>
      <c r="W21237" s="2">
        <v>1.2999999999999999E-2</v>
      </c>
      <c r="X21237" s="2">
        <v>99.1</v>
      </c>
      <c r="Y21237" s="2">
        <v>7.6</v>
      </c>
      <c r="Z21237" s="2">
        <v>16.7</v>
      </c>
      <c r="AA21237" s="5"/>
      <c r="AB21237" s="5" t="s">
        <v>43</v>
      </c>
      <c r="AC21237" s="5" t="s">
        <v>44</v>
      </c>
      <c r="AD21237" s="2"/>
      <c r="AE21237" s="1"/>
    </row>
    <row r="21238" spans="1:31" ht="14.45">
      <c r="A21238" s="11"/>
      <c r="B21238" s="20"/>
      <c r="C21238" s="2" t="s">
        <v>68578</v>
      </c>
      <c r="D21238" s="14" t="s">
        <v>68579</v>
      </c>
      <c r="E21238" s="2" t="s">
        <v>68580</v>
      </c>
      <c r="F21238" s="2" t="s">
        <v>68424</v>
      </c>
      <c r="G21238" s="8">
        <v>148</v>
      </c>
      <c r="H21238" s="5">
        <v>15</v>
      </c>
      <c r="I21238" s="5" t="s">
        <v>1518</v>
      </c>
      <c r="J21238" s="5" t="s">
        <v>68411</v>
      </c>
      <c r="K21238" s="2" t="s">
        <v>68412</v>
      </c>
      <c r="L21238" s="5" t="s">
        <v>68411</v>
      </c>
      <c r="M21238" s="2" t="s">
        <v>68412</v>
      </c>
      <c r="N21238" s="5" t="s">
        <v>1521</v>
      </c>
      <c r="O21238" s="5" t="s">
        <v>38</v>
      </c>
      <c r="P21238" s="5" t="s">
        <v>39</v>
      </c>
      <c r="Q21238" s="5" t="s">
        <v>40</v>
      </c>
      <c r="R21238" s="5" t="s">
        <v>68413</v>
      </c>
      <c r="S21238" s="5" t="s">
        <v>40</v>
      </c>
      <c r="T21238" s="5" t="s">
        <v>42</v>
      </c>
      <c r="U21238" s="2">
        <v>1.9690000000000001</v>
      </c>
      <c r="V21238" s="2">
        <v>1.4510000000000001</v>
      </c>
      <c r="W21238" s="2">
        <v>1.2999999999999999E-2</v>
      </c>
      <c r="X21238" s="2">
        <v>99.1</v>
      </c>
      <c r="Y21238" s="2">
        <v>7.6</v>
      </c>
      <c r="Z21238" s="2">
        <v>16.7</v>
      </c>
      <c r="AA21238" s="5"/>
      <c r="AB21238" s="5" t="s">
        <v>43</v>
      </c>
      <c r="AC21238" s="5" t="s">
        <v>44</v>
      </c>
      <c r="AD21238" s="2"/>
      <c r="AE21238" s="1"/>
    </row>
    <row r="21239" spans="1:31" ht="14.45">
      <c r="A21239" s="11"/>
      <c r="B21239" s="20"/>
      <c r="C21239" s="2" t="s">
        <v>68581</v>
      </c>
      <c r="D21239" s="14" t="s">
        <v>68582</v>
      </c>
      <c r="E21239" s="2" t="s">
        <v>68583</v>
      </c>
      <c r="F21239" s="2" t="s">
        <v>7204</v>
      </c>
      <c r="G21239" s="8">
        <v>153</v>
      </c>
      <c r="H21239" s="5">
        <v>5</v>
      </c>
      <c r="I21239" s="5" t="s">
        <v>1518</v>
      </c>
      <c r="J21239" s="5" t="s">
        <v>68411</v>
      </c>
      <c r="K21239" s="2" t="s">
        <v>68412</v>
      </c>
      <c r="L21239" s="5" t="s">
        <v>68411</v>
      </c>
      <c r="M21239" s="2" t="s">
        <v>68412</v>
      </c>
      <c r="N21239" s="5" t="s">
        <v>1521</v>
      </c>
      <c r="O21239" s="5" t="s">
        <v>38</v>
      </c>
      <c r="P21239" s="5" t="s">
        <v>39</v>
      </c>
      <c r="Q21239" s="5" t="s">
        <v>40</v>
      </c>
      <c r="R21239" s="5" t="s">
        <v>68413</v>
      </c>
      <c r="S21239" s="5" t="s">
        <v>40</v>
      </c>
      <c r="T21239" s="5" t="s">
        <v>42</v>
      </c>
      <c r="U21239" s="2">
        <v>2.145</v>
      </c>
      <c r="V21239" s="2">
        <v>1.629</v>
      </c>
      <c r="W21239" s="2">
        <v>1.4999999999999999E-2</v>
      </c>
      <c r="X21239" s="2">
        <v>118.9</v>
      </c>
      <c r="Y21239" s="2">
        <v>7.6</v>
      </c>
      <c r="Z21239" s="2">
        <v>16.7</v>
      </c>
      <c r="AA21239" s="5"/>
      <c r="AB21239" s="5" t="s">
        <v>43</v>
      </c>
      <c r="AC21239" s="5" t="s">
        <v>44</v>
      </c>
      <c r="AD21239" s="2"/>
      <c r="AE21239" s="1"/>
    </row>
    <row r="21240" spans="1:31" ht="14.45">
      <c r="A21240" s="11"/>
      <c r="B21240" s="20"/>
      <c r="C21240" s="2" t="s">
        <v>68584</v>
      </c>
      <c r="D21240" s="14" t="s">
        <v>68585</v>
      </c>
      <c r="E21240" s="2" t="s">
        <v>68586</v>
      </c>
      <c r="F21240" s="2" t="s">
        <v>7514</v>
      </c>
      <c r="G21240" s="8">
        <v>153</v>
      </c>
      <c r="H21240" s="5">
        <v>5</v>
      </c>
      <c r="I21240" s="5" t="s">
        <v>1518</v>
      </c>
      <c r="J21240" s="5" t="s">
        <v>68411</v>
      </c>
      <c r="K21240" s="2" t="s">
        <v>68412</v>
      </c>
      <c r="L21240" s="5" t="s">
        <v>68411</v>
      </c>
      <c r="M21240" s="2" t="s">
        <v>68412</v>
      </c>
      <c r="N21240" s="5" t="s">
        <v>1521</v>
      </c>
      <c r="O21240" s="5" t="s">
        <v>38</v>
      </c>
      <c r="P21240" s="5" t="s">
        <v>39</v>
      </c>
      <c r="Q21240" s="5" t="s">
        <v>40</v>
      </c>
      <c r="R21240" s="5" t="s">
        <v>68413</v>
      </c>
      <c r="S21240" s="5" t="s">
        <v>40</v>
      </c>
      <c r="T21240" s="5" t="s">
        <v>42</v>
      </c>
      <c r="U21240" s="2">
        <v>2.1629999999999998</v>
      </c>
      <c r="V21240" s="2">
        <v>1.6459999999999999</v>
      </c>
      <c r="W21240" s="2">
        <v>1.4999999999999999E-2</v>
      </c>
      <c r="X21240" s="2">
        <v>118.9</v>
      </c>
      <c r="Y21240" s="2">
        <v>7.6</v>
      </c>
      <c r="Z21240" s="2">
        <v>16.7</v>
      </c>
      <c r="AA21240" s="5"/>
      <c r="AB21240" s="5" t="s">
        <v>43</v>
      </c>
      <c r="AC21240" s="5" t="s">
        <v>44</v>
      </c>
      <c r="AD21240" s="2"/>
      <c r="AE21240" s="1"/>
    </row>
    <row r="21241" spans="1:31" ht="14.45">
      <c r="A21241" s="11"/>
      <c r="B21241" s="20"/>
      <c r="C21241" s="2" t="s">
        <v>68587</v>
      </c>
      <c r="D21241" s="14" t="s">
        <v>68588</v>
      </c>
      <c r="E21241" s="2" t="s">
        <v>68589</v>
      </c>
      <c r="F21241" s="2" t="s">
        <v>68420</v>
      </c>
      <c r="G21241" s="8">
        <v>153</v>
      </c>
      <c r="H21241" s="5">
        <v>15</v>
      </c>
      <c r="I21241" s="5" t="s">
        <v>1518</v>
      </c>
      <c r="J21241" s="5" t="s">
        <v>68411</v>
      </c>
      <c r="K21241" s="2" t="s">
        <v>68412</v>
      </c>
      <c r="L21241" s="5" t="s">
        <v>68411</v>
      </c>
      <c r="M21241" s="2" t="s">
        <v>68412</v>
      </c>
      <c r="N21241" s="5" t="s">
        <v>1521</v>
      </c>
      <c r="O21241" s="5" t="s">
        <v>38</v>
      </c>
      <c r="P21241" s="5" t="s">
        <v>39</v>
      </c>
      <c r="Q21241" s="5" t="s">
        <v>40</v>
      </c>
      <c r="R21241" s="5" t="s">
        <v>68413</v>
      </c>
      <c r="S21241" s="5" t="s">
        <v>40</v>
      </c>
      <c r="T21241" s="5" t="s">
        <v>42</v>
      </c>
      <c r="U21241" s="2">
        <v>2.145</v>
      </c>
      <c r="V21241" s="2">
        <v>1.629</v>
      </c>
      <c r="W21241" s="2">
        <v>1.4999999999999999E-2</v>
      </c>
      <c r="X21241" s="2">
        <v>118.9</v>
      </c>
      <c r="Y21241" s="2">
        <v>7.6</v>
      </c>
      <c r="Z21241" s="2">
        <v>16.7</v>
      </c>
      <c r="AA21241" s="5"/>
      <c r="AB21241" s="5" t="s">
        <v>43</v>
      </c>
      <c r="AC21241" s="5" t="s">
        <v>44</v>
      </c>
      <c r="AD21241" s="2"/>
      <c r="AE21241" s="1"/>
    </row>
    <row r="21242" spans="1:31" ht="14.45">
      <c r="A21242" s="11"/>
      <c r="B21242" s="20"/>
      <c r="C21242" s="2" t="s">
        <v>68590</v>
      </c>
      <c r="D21242" s="14" t="s">
        <v>68591</v>
      </c>
      <c r="E21242" s="2" t="s">
        <v>68592</v>
      </c>
      <c r="F21242" s="2" t="s">
        <v>68424</v>
      </c>
      <c r="G21242" s="8">
        <v>153</v>
      </c>
      <c r="H21242" s="5">
        <v>15</v>
      </c>
      <c r="I21242" s="5" t="s">
        <v>1518</v>
      </c>
      <c r="J21242" s="5" t="s">
        <v>68411</v>
      </c>
      <c r="K21242" s="2" t="s">
        <v>68412</v>
      </c>
      <c r="L21242" s="5" t="s">
        <v>68411</v>
      </c>
      <c r="M21242" s="2" t="s">
        <v>68412</v>
      </c>
      <c r="N21242" s="5" t="s">
        <v>1521</v>
      </c>
      <c r="O21242" s="5" t="s">
        <v>38</v>
      </c>
      <c r="P21242" s="5" t="s">
        <v>39</v>
      </c>
      <c r="Q21242" s="5" t="s">
        <v>40</v>
      </c>
      <c r="R21242" s="5" t="s">
        <v>68413</v>
      </c>
      <c r="S21242" s="5" t="s">
        <v>40</v>
      </c>
      <c r="T21242" s="5" t="s">
        <v>42</v>
      </c>
      <c r="U21242" s="2">
        <v>2.1629999999999998</v>
      </c>
      <c r="V21242" s="2">
        <v>1.6459999999999999</v>
      </c>
      <c r="W21242" s="2">
        <v>1.4999999999999999E-2</v>
      </c>
      <c r="X21242" s="2">
        <v>118.9</v>
      </c>
      <c r="Y21242" s="2">
        <v>7.6</v>
      </c>
      <c r="Z21242" s="2">
        <v>16.7</v>
      </c>
      <c r="AA21242" s="5"/>
      <c r="AB21242" s="5" t="s">
        <v>43</v>
      </c>
      <c r="AC21242" s="5" t="s">
        <v>44</v>
      </c>
      <c r="AD21242" s="2"/>
      <c r="AE21242" s="1"/>
    </row>
    <row r="21243" spans="1:31" ht="14.45">
      <c r="A21243" s="11"/>
      <c r="B21243" s="20"/>
      <c r="C21243" s="2" t="s">
        <v>68593</v>
      </c>
      <c r="D21243" s="14" t="s">
        <v>68594</v>
      </c>
      <c r="E21243" s="2" t="s">
        <v>68595</v>
      </c>
      <c r="F21243" s="2" t="s">
        <v>7204</v>
      </c>
      <c r="G21243" s="8">
        <v>162</v>
      </c>
      <c r="H21243" s="5">
        <v>15</v>
      </c>
      <c r="I21243" s="5" t="s">
        <v>1518</v>
      </c>
      <c r="J21243" s="5" t="s">
        <v>68411</v>
      </c>
      <c r="K21243" s="2" t="s">
        <v>68412</v>
      </c>
      <c r="L21243" s="5" t="s">
        <v>68411</v>
      </c>
      <c r="M21243" s="2" t="s">
        <v>68412</v>
      </c>
      <c r="N21243" s="5" t="s">
        <v>1521</v>
      </c>
      <c r="O21243" s="5" t="s">
        <v>38</v>
      </c>
      <c r="P21243" s="5" t="s">
        <v>39</v>
      </c>
      <c r="Q21243" s="5" t="s">
        <v>40</v>
      </c>
      <c r="R21243" s="5" t="s">
        <v>68413</v>
      </c>
      <c r="S21243" s="5" t="s">
        <v>40</v>
      </c>
      <c r="T21243" s="5" t="s">
        <v>42</v>
      </c>
      <c r="U21243" s="2">
        <v>2.3969999999999998</v>
      </c>
      <c r="V21243" s="2">
        <v>1.8069999999999999</v>
      </c>
      <c r="W21243" s="2">
        <v>1.7999999999999999E-2</v>
      </c>
      <c r="X21243" s="2">
        <v>139.1</v>
      </c>
      <c r="Y21243" s="2">
        <v>7.6</v>
      </c>
      <c r="Z21243" s="2">
        <v>16.7</v>
      </c>
      <c r="AA21243" s="5"/>
      <c r="AB21243" s="5" t="s">
        <v>43</v>
      </c>
      <c r="AC21243" s="5" t="s">
        <v>44</v>
      </c>
      <c r="AD21243" s="2"/>
      <c r="AE21243" s="1"/>
    </row>
    <row r="21244" spans="1:31" ht="14.45">
      <c r="A21244" s="11"/>
      <c r="B21244" s="20"/>
      <c r="C21244" s="2" t="s">
        <v>68596</v>
      </c>
      <c r="D21244" s="14" t="s">
        <v>68597</v>
      </c>
      <c r="E21244" s="2" t="s">
        <v>68598</v>
      </c>
      <c r="F21244" s="2" t="s">
        <v>7514</v>
      </c>
      <c r="G21244" s="8">
        <v>162</v>
      </c>
      <c r="H21244" s="5">
        <v>15</v>
      </c>
      <c r="I21244" s="5" t="s">
        <v>1518</v>
      </c>
      <c r="J21244" s="5" t="s">
        <v>68411</v>
      </c>
      <c r="K21244" s="2" t="s">
        <v>68412</v>
      </c>
      <c r="L21244" s="5" t="s">
        <v>68411</v>
      </c>
      <c r="M21244" s="2" t="s">
        <v>68412</v>
      </c>
      <c r="N21244" s="5" t="s">
        <v>1521</v>
      </c>
      <c r="O21244" s="5" t="s">
        <v>38</v>
      </c>
      <c r="P21244" s="5" t="s">
        <v>39</v>
      </c>
      <c r="Q21244" s="5" t="s">
        <v>40</v>
      </c>
      <c r="R21244" s="5" t="s">
        <v>68413</v>
      </c>
      <c r="S21244" s="5" t="s">
        <v>40</v>
      </c>
      <c r="T21244" s="5" t="s">
        <v>42</v>
      </c>
      <c r="U21244" s="2">
        <v>2.415</v>
      </c>
      <c r="V21244" s="2">
        <v>1.8240000000000001</v>
      </c>
      <c r="W21244" s="2">
        <v>1.7999999999999999E-2</v>
      </c>
      <c r="X21244" s="2">
        <v>139.1</v>
      </c>
      <c r="Y21244" s="2">
        <v>7.6</v>
      </c>
      <c r="Z21244" s="2">
        <v>16.7</v>
      </c>
      <c r="AA21244" s="5"/>
      <c r="AB21244" s="5" t="s">
        <v>43</v>
      </c>
      <c r="AC21244" s="5" t="s">
        <v>44</v>
      </c>
      <c r="AD21244" s="2"/>
      <c r="AE21244" s="1"/>
    </row>
    <row r="21245" spans="1:31" ht="14.45">
      <c r="A21245" s="11"/>
      <c r="B21245" s="20"/>
      <c r="C21245" s="2" t="s">
        <v>68599</v>
      </c>
      <c r="D21245" s="14" t="s">
        <v>68600</v>
      </c>
      <c r="E21245" s="2" t="s">
        <v>68601</v>
      </c>
      <c r="F21245" s="2" t="s">
        <v>68420</v>
      </c>
      <c r="G21245" s="8">
        <v>162</v>
      </c>
      <c r="H21245" s="5">
        <v>15</v>
      </c>
      <c r="I21245" s="5" t="s">
        <v>1518</v>
      </c>
      <c r="J21245" s="5" t="s">
        <v>68411</v>
      </c>
      <c r="K21245" s="2" t="s">
        <v>68412</v>
      </c>
      <c r="L21245" s="5" t="s">
        <v>68411</v>
      </c>
      <c r="M21245" s="2" t="s">
        <v>68412</v>
      </c>
      <c r="N21245" s="5" t="s">
        <v>1521</v>
      </c>
      <c r="O21245" s="5" t="s">
        <v>38</v>
      </c>
      <c r="P21245" s="5" t="s">
        <v>39</v>
      </c>
      <c r="Q21245" s="5" t="s">
        <v>40</v>
      </c>
      <c r="R21245" s="5" t="s">
        <v>68413</v>
      </c>
      <c r="S21245" s="5" t="s">
        <v>40</v>
      </c>
      <c r="T21245" s="5" t="s">
        <v>42</v>
      </c>
      <c r="U21245" s="2">
        <v>2.3969999999999998</v>
      </c>
      <c r="V21245" s="2">
        <v>1.8069999999999999</v>
      </c>
      <c r="W21245" s="2">
        <v>1.7999999999999999E-2</v>
      </c>
      <c r="X21245" s="2">
        <v>139.1</v>
      </c>
      <c r="Y21245" s="2">
        <v>7.6</v>
      </c>
      <c r="Z21245" s="2">
        <v>16.7</v>
      </c>
      <c r="AA21245" s="5"/>
      <c r="AB21245" s="5" t="s">
        <v>43</v>
      </c>
      <c r="AC21245" s="5" t="s">
        <v>44</v>
      </c>
      <c r="AD21245" s="2"/>
      <c r="AE21245" s="1"/>
    </row>
    <row r="21246" spans="1:31" ht="14.45">
      <c r="A21246" s="11"/>
      <c r="B21246" s="20"/>
      <c r="C21246" s="2" t="s">
        <v>68602</v>
      </c>
      <c r="D21246" s="14" t="s">
        <v>68603</v>
      </c>
      <c r="E21246" s="2" t="s">
        <v>68604</v>
      </c>
      <c r="F21246" s="2" t="s">
        <v>68424</v>
      </c>
      <c r="G21246" s="8">
        <v>162</v>
      </c>
      <c r="H21246" s="5">
        <v>15</v>
      </c>
      <c r="I21246" s="5" t="s">
        <v>1518</v>
      </c>
      <c r="J21246" s="5" t="s">
        <v>68411</v>
      </c>
      <c r="K21246" s="2" t="s">
        <v>68412</v>
      </c>
      <c r="L21246" s="5" t="s">
        <v>68411</v>
      </c>
      <c r="M21246" s="2" t="s">
        <v>68412</v>
      </c>
      <c r="N21246" s="5" t="s">
        <v>1521</v>
      </c>
      <c r="O21246" s="5" t="s">
        <v>38</v>
      </c>
      <c r="P21246" s="5" t="s">
        <v>39</v>
      </c>
      <c r="Q21246" s="5" t="s">
        <v>40</v>
      </c>
      <c r="R21246" s="5" t="s">
        <v>68413</v>
      </c>
      <c r="S21246" s="5" t="s">
        <v>40</v>
      </c>
      <c r="T21246" s="5" t="s">
        <v>42</v>
      </c>
      <c r="U21246" s="2">
        <v>2.415</v>
      </c>
      <c r="V21246" s="2">
        <v>1.8240000000000001</v>
      </c>
      <c r="W21246" s="2">
        <v>1.7999999999999999E-2</v>
      </c>
      <c r="X21246" s="2">
        <v>139.1</v>
      </c>
      <c r="Y21246" s="2">
        <v>7.6</v>
      </c>
      <c r="Z21246" s="2">
        <v>16.7</v>
      </c>
      <c r="AA21246" s="5"/>
      <c r="AB21246" s="5" t="s">
        <v>43</v>
      </c>
      <c r="AC21246" s="5" t="s">
        <v>44</v>
      </c>
      <c r="AD21246" s="2"/>
      <c r="AE21246" s="1"/>
    </row>
    <row r="21247" spans="1:31" ht="14.45">
      <c r="A21247" s="11"/>
      <c r="B21247" s="20"/>
      <c r="C21247" s="2" t="s">
        <v>68605</v>
      </c>
      <c r="D21247" s="14" t="s">
        <v>68606</v>
      </c>
      <c r="E21247" s="2" t="s">
        <v>68607</v>
      </c>
      <c r="F21247" s="2" t="s">
        <v>7204</v>
      </c>
      <c r="G21247" s="8">
        <v>136</v>
      </c>
      <c r="H21247" s="5">
        <v>15</v>
      </c>
      <c r="I21247" s="5" t="s">
        <v>1518</v>
      </c>
      <c r="J21247" s="5" t="s">
        <v>68411</v>
      </c>
      <c r="K21247" s="2" t="s">
        <v>68412</v>
      </c>
      <c r="L21247" s="5" t="s">
        <v>68411</v>
      </c>
      <c r="M21247" s="2" t="s">
        <v>68412</v>
      </c>
      <c r="N21247" s="5" t="s">
        <v>1521</v>
      </c>
      <c r="O21247" s="5" t="s">
        <v>38</v>
      </c>
      <c r="P21247" s="5" t="s">
        <v>39</v>
      </c>
      <c r="Q21247" s="5" t="s">
        <v>40</v>
      </c>
      <c r="R21247" s="5" t="s">
        <v>68413</v>
      </c>
      <c r="S21247" s="5" t="s">
        <v>40</v>
      </c>
      <c r="T21247" s="5" t="s">
        <v>42</v>
      </c>
      <c r="U21247" s="2">
        <v>1.3979999999999999</v>
      </c>
      <c r="V21247" s="2">
        <v>0.94399999999999995</v>
      </c>
      <c r="W21247" s="2">
        <v>1.0999999999999999E-2</v>
      </c>
      <c r="X21247" s="2">
        <v>82.9</v>
      </c>
      <c r="Y21247" s="2">
        <v>7.6</v>
      </c>
      <c r="Z21247" s="2">
        <v>16.7</v>
      </c>
      <c r="AA21247" s="5"/>
      <c r="AB21247" s="5" t="s">
        <v>43</v>
      </c>
      <c r="AC21247" s="5" t="s">
        <v>44</v>
      </c>
      <c r="AD21247" s="2"/>
      <c r="AE21247" s="1"/>
    </row>
    <row r="21248" spans="1:31" ht="14.45">
      <c r="A21248" s="11"/>
      <c r="B21248" s="20"/>
      <c r="C21248" s="2" t="s">
        <v>68608</v>
      </c>
      <c r="D21248" s="14" t="s">
        <v>68609</v>
      </c>
      <c r="E21248" s="2" t="s">
        <v>68610</v>
      </c>
      <c r="F21248" s="2" t="s">
        <v>7514</v>
      </c>
      <c r="G21248" s="8">
        <v>136</v>
      </c>
      <c r="H21248" s="5">
        <v>15</v>
      </c>
      <c r="I21248" s="5" t="s">
        <v>1518</v>
      </c>
      <c r="J21248" s="5" t="s">
        <v>68411</v>
      </c>
      <c r="K21248" s="2" t="s">
        <v>68412</v>
      </c>
      <c r="L21248" s="5" t="s">
        <v>68411</v>
      </c>
      <c r="M21248" s="2" t="s">
        <v>68412</v>
      </c>
      <c r="N21248" s="5" t="s">
        <v>1521</v>
      </c>
      <c r="O21248" s="5" t="s">
        <v>38</v>
      </c>
      <c r="P21248" s="5" t="s">
        <v>39</v>
      </c>
      <c r="Q21248" s="5" t="s">
        <v>40</v>
      </c>
      <c r="R21248" s="5" t="s">
        <v>68413</v>
      </c>
      <c r="S21248" s="5" t="s">
        <v>40</v>
      </c>
      <c r="T21248" s="5" t="s">
        <v>42</v>
      </c>
      <c r="U21248" s="2">
        <v>1.419</v>
      </c>
      <c r="V21248" s="2">
        <v>0.96399999999999997</v>
      </c>
      <c r="W21248" s="2">
        <v>1.0999999999999999E-2</v>
      </c>
      <c r="X21248" s="2">
        <v>82.9</v>
      </c>
      <c r="Y21248" s="2">
        <v>7.6</v>
      </c>
      <c r="Z21248" s="2">
        <v>16.7</v>
      </c>
      <c r="AA21248" s="5"/>
      <c r="AB21248" s="5" t="s">
        <v>43</v>
      </c>
      <c r="AC21248" s="5" t="s">
        <v>44</v>
      </c>
      <c r="AD21248" s="2"/>
      <c r="AE21248" s="1"/>
    </row>
    <row r="21249" spans="1:31" ht="14.45">
      <c r="A21249" s="11"/>
      <c r="B21249" s="20"/>
      <c r="C21249" s="2" t="s">
        <v>68611</v>
      </c>
      <c r="D21249" s="14" t="s">
        <v>68612</v>
      </c>
      <c r="E21249" s="2" t="s">
        <v>68613</v>
      </c>
      <c r="F21249" s="2" t="s">
        <v>68420</v>
      </c>
      <c r="G21249" s="8">
        <v>136</v>
      </c>
      <c r="H21249" s="5">
        <v>15</v>
      </c>
      <c r="I21249" s="5" t="s">
        <v>1518</v>
      </c>
      <c r="J21249" s="5" t="s">
        <v>68411</v>
      </c>
      <c r="K21249" s="2" t="s">
        <v>68412</v>
      </c>
      <c r="L21249" s="5" t="s">
        <v>68411</v>
      </c>
      <c r="M21249" s="2" t="s">
        <v>68412</v>
      </c>
      <c r="N21249" s="5" t="s">
        <v>1521</v>
      </c>
      <c r="O21249" s="5" t="s">
        <v>38</v>
      </c>
      <c r="P21249" s="5" t="s">
        <v>39</v>
      </c>
      <c r="Q21249" s="5" t="s">
        <v>40</v>
      </c>
      <c r="R21249" s="5" t="s">
        <v>68413</v>
      </c>
      <c r="S21249" s="5" t="s">
        <v>40</v>
      </c>
      <c r="T21249" s="5" t="s">
        <v>42</v>
      </c>
      <c r="U21249" s="2">
        <v>1.3979999999999999</v>
      </c>
      <c r="V21249" s="2">
        <v>0.94399999999999995</v>
      </c>
      <c r="W21249" s="2">
        <v>1.0999999999999999E-2</v>
      </c>
      <c r="X21249" s="2">
        <v>82.9</v>
      </c>
      <c r="Y21249" s="2">
        <v>7.6</v>
      </c>
      <c r="Z21249" s="2">
        <v>16.7</v>
      </c>
      <c r="AA21249" s="5"/>
      <c r="AB21249" s="5" t="s">
        <v>43</v>
      </c>
      <c r="AC21249" s="5" t="s">
        <v>44</v>
      </c>
      <c r="AD21249" s="2"/>
      <c r="AE21249" s="1"/>
    </row>
    <row r="21250" spans="1:31" ht="14.45">
      <c r="A21250" s="11"/>
      <c r="B21250" s="20"/>
      <c r="C21250" s="2" t="s">
        <v>68614</v>
      </c>
      <c r="D21250" s="14" t="s">
        <v>68615</v>
      </c>
      <c r="E21250" s="2" t="s">
        <v>68616</v>
      </c>
      <c r="F21250" s="2" t="s">
        <v>68424</v>
      </c>
      <c r="G21250" s="8">
        <v>136</v>
      </c>
      <c r="H21250" s="5">
        <v>15</v>
      </c>
      <c r="I21250" s="5" t="s">
        <v>1518</v>
      </c>
      <c r="J21250" s="5" t="s">
        <v>68411</v>
      </c>
      <c r="K21250" s="2" t="s">
        <v>68412</v>
      </c>
      <c r="L21250" s="5" t="s">
        <v>68411</v>
      </c>
      <c r="M21250" s="2" t="s">
        <v>68412</v>
      </c>
      <c r="N21250" s="5" t="s">
        <v>1521</v>
      </c>
      <c r="O21250" s="5" t="s">
        <v>38</v>
      </c>
      <c r="P21250" s="5" t="s">
        <v>39</v>
      </c>
      <c r="Q21250" s="5" t="s">
        <v>40</v>
      </c>
      <c r="R21250" s="5" t="s">
        <v>68413</v>
      </c>
      <c r="S21250" s="5" t="s">
        <v>40</v>
      </c>
      <c r="T21250" s="5" t="s">
        <v>42</v>
      </c>
      <c r="U21250" s="2">
        <v>1.419</v>
      </c>
      <c r="V21250" s="2">
        <v>0.96399999999999997</v>
      </c>
      <c r="W21250" s="2">
        <v>1.0999999999999999E-2</v>
      </c>
      <c r="X21250" s="2">
        <v>82.9</v>
      </c>
      <c r="Y21250" s="2">
        <v>7.6</v>
      </c>
      <c r="Z21250" s="2">
        <v>16.7</v>
      </c>
      <c r="AA21250" s="5"/>
      <c r="AB21250" s="5" t="s">
        <v>43</v>
      </c>
      <c r="AC21250" s="5" t="s">
        <v>44</v>
      </c>
      <c r="AD21250" s="2"/>
      <c r="AE21250" s="1"/>
    </row>
    <row r="21251" spans="1:31" ht="14.45">
      <c r="A21251" s="11"/>
      <c r="B21251" s="20"/>
      <c r="C21251" s="2" t="s">
        <v>68617</v>
      </c>
      <c r="D21251" s="14" t="s">
        <v>68618</v>
      </c>
      <c r="E21251" s="2" t="s">
        <v>68619</v>
      </c>
      <c r="F21251" s="2" t="s">
        <v>7204</v>
      </c>
      <c r="G21251" s="8">
        <v>136</v>
      </c>
      <c r="H21251" s="5">
        <v>5</v>
      </c>
      <c r="I21251" s="5" t="s">
        <v>1518</v>
      </c>
      <c r="J21251" s="5" t="s">
        <v>68411</v>
      </c>
      <c r="K21251" s="2" t="s">
        <v>68412</v>
      </c>
      <c r="L21251" s="5" t="s">
        <v>68411</v>
      </c>
      <c r="M21251" s="2" t="s">
        <v>68412</v>
      </c>
      <c r="N21251" s="5" t="s">
        <v>1521</v>
      </c>
      <c r="O21251" s="5" t="s">
        <v>38</v>
      </c>
      <c r="P21251" s="5" t="s">
        <v>39</v>
      </c>
      <c r="Q21251" s="5" t="s">
        <v>40</v>
      </c>
      <c r="R21251" s="5" t="s">
        <v>68413</v>
      </c>
      <c r="S21251" s="5" t="s">
        <v>40</v>
      </c>
      <c r="T21251" s="5" t="s">
        <v>42</v>
      </c>
      <c r="U21251" s="2">
        <v>1.746</v>
      </c>
      <c r="V21251" s="2">
        <v>1.3089999999999999</v>
      </c>
      <c r="W21251" s="2">
        <v>1.0999999999999999E-2</v>
      </c>
      <c r="X21251" s="2">
        <v>82.9</v>
      </c>
      <c r="Y21251" s="2">
        <v>7.6</v>
      </c>
      <c r="Z21251" s="2">
        <v>16.7</v>
      </c>
      <c r="AA21251" s="5"/>
      <c r="AB21251" s="5" t="s">
        <v>43</v>
      </c>
      <c r="AC21251" s="5" t="s">
        <v>44</v>
      </c>
      <c r="AD21251" s="2"/>
      <c r="AE21251" s="1"/>
    </row>
    <row r="21252" spans="1:31" ht="14.45">
      <c r="A21252" s="11"/>
      <c r="B21252" s="20"/>
      <c r="C21252" s="2" t="s">
        <v>68620</v>
      </c>
      <c r="D21252" s="14" t="s">
        <v>68621</v>
      </c>
      <c r="E21252" s="2" t="s">
        <v>68622</v>
      </c>
      <c r="F21252" s="2" t="s">
        <v>7514</v>
      </c>
      <c r="G21252" s="8">
        <v>136</v>
      </c>
      <c r="H21252" s="5">
        <v>5</v>
      </c>
      <c r="I21252" s="5" t="s">
        <v>1518</v>
      </c>
      <c r="J21252" s="5" t="s">
        <v>68411</v>
      </c>
      <c r="K21252" s="2" t="s">
        <v>68412</v>
      </c>
      <c r="L21252" s="5" t="s">
        <v>68411</v>
      </c>
      <c r="M21252" s="2" t="s">
        <v>68412</v>
      </c>
      <c r="N21252" s="5" t="s">
        <v>1521</v>
      </c>
      <c r="O21252" s="5" t="s">
        <v>38</v>
      </c>
      <c r="P21252" s="5" t="s">
        <v>39</v>
      </c>
      <c r="Q21252" s="5" t="s">
        <v>40</v>
      </c>
      <c r="R21252" s="5" t="s">
        <v>68413</v>
      </c>
      <c r="S21252" s="5" t="s">
        <v>40</v>
      </c>
      <c r="T21252" s="5" t="s">
        <v>42</v>
      </c>
      <c r="U21252" s="2">
        <v>1.7649999999999999</v>
      </c>
      <c r="V21252" s="2">
        <v>1.327</v>
      </c>
      <c r="W21252" s="2">
        <v>1.0999999999999999E-2</v>
      </c>
      <c r="X21252" s="2">
        <v>82.9</v>
      </c>
      <c r="Y21252" s="2">
        <v>7.6</v>
      </c>
      <c r="Z21252" s="2">
        <v>16.7</v>
      </c>
      <c r="AA21252" s="5"/>
      <c r="AB21252" s="5" t="s">
        <v>43</v>
      </c>
      <c r="AC21252" s="5" t="s">
        <v>44</v>
      </c>
      <c r="AD21252" s="2"/>
      <c r="AE21252" s="1"/>
    </row>
    <row r="21253" spans="1:31" ht="14.45">
      <c r="A21253" s="11"/>
      <c r="B21253" s="20"/>
      <c r="C21253" s="2" t="s">
        <v>68623</v>
      </c>
      <c r="D21253" s="14" t="s">
        <v>68624</v>
      </c>
      <c r="E21253" s="2" t="s">
        <v>68625</v>
      </c>
      <c r="F21253" s="2" t="s">
        <v>68420</v>
      </c>
      <c r="G21253" s="8">
        <v>136</v>
      </c>
      <c r="H21253" s="5">
        <v>15</v>
      </c>
      <c r="I21253" s="5" t="s">
        <v>1518</v>
      </c>
      <c r="J21253" s="5" t="s">
        <v>68411</v>
      </c>
      <c r="K21253" s="2" t="s">
        <v>68412</v>
      </c>
      <c r="L21253" s="5" t="s">
        <v>68411</v>
      </c>
      <c r="M21253" s="2" t="s">
        <v>68412</v>
      </c>
      <c r="N21253" s="5" t="s">
        <v>1521</v>
      </c>
      <c r="O21253" s="5" t="s">
        <v>38</v>
      </c>
      <c r="P21253" s="5" t="s">
        <v>39</v>
      </c>
      <c r="Q21253" s="5" t="s">
        <v>40</v>
      </c>
      <c r="R21253" s="5" t="s">
        <v>68413</v>
      </c>
      <c r="S21253" s="5" t="s">
        <v>40</v>
      </c>
      <c r="T21253" s="5" t="s">
        <v>42</v>
      </c>
      <c r="U21253" s="2">
        <v>1.746</v>
      </c>
      <c r="V21253" s="2">
        <v>1.3089999999999999</v>
      </c>
      <c r="W21253" s="2">
        <v>1.0999999999999999E-2</v>
      </c>
      <c r="X21253" s="2">
        <v>82.9</v>
      </c>
      <c r="Y21253" s="2">
        <v>7.6</v>
      </c>
      <c r="Z21253" s="2">
        <v>16.7</v>
      </c>
      <c r="AA21253" s="5"/>
      <c r="AB21253" s="5" t="s">
        <v>43</v>
      </c>
      <c r="AC21253" s="5" t="s">
        <v>44</v>
      </c>
      <c r="AD21253" s="2"/>
      <c r="AE21253" s="1"/>
    </row>
    <row r="21254" spans="1:31" ht="14.45">
      <c r="A21254" s="11"/>
      <c r="B21254" s="20"/>
      <c r="C21254" s="2" t="s">
        <v>68626</v>
      </c>
      <c r="D21254" s="14" t="s">
        <v>68627</v>
      </c>
      <c r="E21254" s="2" t="s">
        <v>68628</v>
      </c>
      <c r="F21254" s="2" t="s">
        <v>68424</v>
      </c>
      <c r="G21254" s="8">
        <v>136</v>
      </c>
      <c r="H21254" s="5">
        <v>15</v>
      </c>
      <c r="I21254" s="5" t="s">
        <v>1518</v>
      </c>
      <c r="J21254" s="5" t="s">
        <v>68411</v>
      </c>
      <c r="K21254" s="2" t="s">
        <v>68412</v>
      </c>
      <c r="L21254" s="5" t="s">
        <v>68411</v>
      </c>
      <c r="M21254" s="2" t="s">
        <v>68412</v>
      </c>
      <c r="N21254" s="5" t="s">
        <v>1521</v>
      </c>
      <c r="O21254" s="5" t="s">
        <v>38</v>
      </c>
      <c r="P21254" s="5" t="s">
        <v>39</v>
      </c>
      <c r="Q21254" s="5" t="s">
        <v>40</v>
      </c>
      <c r="R21254" s="5" t="s">
        <v>68413</v>
      </c>
      <c r="S21254" s="5" t="s">
        <v>40</v>
      </c>
      <c r="T21254" s="5" t="s">
        <v>42</v>
      </c>
      <c r="U21254" s="2">
        <v>1.7649999999999999</v>
      </c>
      <c r="V21254" s="2">
        <v>1.327</v>
      </c>
      <c r="W21254" s="2">
        <v>1.0999999999999999E-2</v>
      </c>
      <c r="X21254" s="2">
        <v>82.9</v>
      </c>
      <c r="Y21254" s="2">
        <v>7.6</v>
      </c>
      <c r="Z21254" s="2">
        <v>16.7</v>
      </c>
      <c r="AA21254" s="5"/>
      <c r="AB21254" s="5" t="s">
        <v>43</v>
      </c>
      <c r="AC21254" s="5" t="s">
        <v>44</v>
      </c>
      <c r="AD21254" s="2"/>
      <c r="AE21254" s="1"/>
    </row>
    <row r="21255" spans="1:31" ht="14.45">
      <c r="A21255" s="11"/>
      <c r="B21255" s="20"/>
      <c r="C21255" s="2" t="s">
        <v>68629</v>
      </c>
      <c r="D21255" s="14" t="s">
        <v>68630</v>
      </c>
      <c r="E21255" s="2" t="s">
        <v>68631</v>
      </c>
      <c r="F21255" s="2" t="s">
        <v>7204</v>
      </c>
      <c r="G21255" s="8">
        <v>148</v>
      </c>
      <c r="H21255" s="5">
        <v>5</v>
      </c>
      <c r="I21255" s="5" t="s">
        <v>1518</v>
      </c>
      <c r="J21255" s="5" t="s">
        <v>68411</v>
      </c>
      <c r="K21255" s="2" t="s">
        <v>68412</v>
      </c>
      <c r="L21255" s="5" t="s">
        <v>68411</v>
      </c>
      <c r="M21255" s="2" t="s">
        <v>68412</v>
      </c>
      <c r="N21255" s="5" t="s">
        <v>1521</v>
      </c>
      <c r="O21255" s="5" t="s">
        <v>38</v>
      </c>
      <c r="P21255" s="5" t="s">
        <v>39</v>
      </c>
      <c r="Q21255" s="5" t="s">
        <v>40</v>
      </c>
      <c r="R21255" s="5" t="s">
        <v>68413</v>
      </c>
      <c r="S21255" s="5" t="s">
        <v>40</v>
      </c>
      <c r="T21255" s="5" t="s">
        <v>42</v>
      </c>
      <c r="U21255" s="2">
        <v>2.0049999999999999</v>
      </c>
      <c r="V21255" s="2">
        <v>1.4830000000000001</v>
      </c>
      <c r="W21255" s="2">
        <v>1.4999999999999999E-2</v>
      </c>
      <c r="X21255" s="2">
        <v>118.9</v>
      </c>
      <c r="Y21255" s="2">
        <v>7.6</v>
      </c>
      <c r="Z21255" s="2">
        <v>16.7</v>
      </c>
      <c r="AA21255" s="5"/>
      <c r="AB21255" s="5" t="s">
        <v>43</v>
      </c>
      <c r="AC21255" s="5" t="s">
        <v>44</v>
      </c>
      <c r="AD21255" s="2"/>
      <c r="AE21255" s="1"/>
    </row>
    <row r="21256" spans="1:31" ht="14.45">
      <c r="A21256" s="11"/>
      <c r="B21256" s="20"/>
      <c r="C21256" s="2" t="s">
        <v>68632</v>
      </c>
      <c r="D21256" s="14" t="s">
        <v>68633</v>
      </c>
      <c r="E21256" s="2" t="s">
        <v>68634</v>
      </c>
      <c r="F21256" s="2" t="s">
        <v>7514</v>
      </c>
      <c r="G21256" s="8">
        <v>148</v>
      </c>
      <c r="H21256" s="5">
        <v>5</v>
      </c>
      <c r="I21256" s="5" t="s">
        <v>1518</v>
      </c>
      <c r="J21256" s="5" t="s">
        <v>68411</v>
      </c>
      <c r="K21256" s="2" t="s">
        <v>68412</v>
      </c>
      <c r="L21256" s="5" t="s">
        <v>68411</v>
      </c>
      <c r="M21256" s="2" t="s">
        <v>68412</v>
      </c>
      <c r="N21256" s="5" t="s">
        <v>1521</v>
      </c>
      <c r="O21256" s="5" t="s">
        <v>38</v>
      </c>
      <c r="P21256" s="5" t="s">
        <v>39</v>
      </c>
      <c r="Q21256" s="5" t="s">
        <v>40</v>
      </c>
      <c r="R21256" s="5" t="s">
        <v>68413</v>
      </c>
      <c r="S21256" s="5" t="s">
        <v>40</v>
      </c>
      <c r="T21256" s="5" t="s">
        <v>42</v>
      </c>
      <c r="U21256" s="2">
        <v>2.024</v>
      </c>
      <c r="V21256" s="2">
        <v>1.5009999999999999</v>
      </c>
      <c r="W21256" s="2">
        <v>1.4999999999999999E-2</v>
      </c>
      <c r="X21256" s="2">
        <v>118.9</v>
      </c>
      <c r="Y21256" s="2">
        <v>7.6</v>
      </c>
      <c r="Z21256" s="2">
        <v>16.7</v>
      </c>
      <c r="AA21256" s="5"/>
      <c r="AB21256" s="5" t="s">
        <v>43</v>
      </c>
      <c r="AC21256" s="5" t="s">
        <v>44</v>
      </c>
      <c r="AD21256" s="2"/>
      <c r="AE21256" s="1"/>
    </row>
    <row r="21257" spans="1:31" ht="14.45">
      <c r="A21257" s="11"/>
      <c r="B21257" s="20"/>
      <c r="C21257" s="2" t="s">
        <v>68635</v>
      </c>
      <c r="D21257" s="14" t="s">
        <v>68636</v>
      </c>
      <c r="E21257" s="2" t="s">
        <v>68637</v>
      </c>
      <c r="F21257" s="2" t="s">
        <v>68420</v>
      </c>
      <c r="G21257" s="8">
        <v>148</v>
      </c>
      <c r="H21257" s="5">
        <v>15</v>
      </c>
      <c r="I21257" s="5" t="s">
        <v>1518</v>
      </c>
      <c r="J21257" s="5" t="s">
        <v>68411</v>
      </c>
      <c r="K21257" s="2" t="s">
        <v>68412</v>
      </c>
      <c r="L21257" s="5" t="s">
        <v>68411</v>
      </c>
      <c r="M21257" s="2" t="s">
        <v>68412</v>
      </c>
      <c r="N21257" s="5" t="s">
        <v>1521</v>
      </c>
      <c r="O21257" s="5" t="s">
        <v>38</v>
      </c>
      <c r="P21257" s="5" t="s">
        <v>39</v>
      </c>
      <c r="Q21257" s="5" t="s">
        <v>40</v>
      </c>
      <c r="R21257" s="5" t="s">
        <v>68413</v>
      </c>
      <c r="S21257" s="5" t="s">
        <v>40</v>
      </c>
      <c r="T21257" s="5" t="s">
        <v>42</v>
      </c>
      <c r="U21257" s="2">
        <v>2.0049999999999999</v>
      </c>
      <c r="V21257" s="2">
        <v>1.4830000000000001</v>
      </c>
      <c r="W21257" s="2">
        <v>1.4999999999999999E-2</v>
      </c>
      <c r="X21257" s="2">
        <v>118.9</v>
      </c>
      <c r="Y21257" s="2">
        <v>7.6</v>
      </c>
      <c r="Z21257" s="2">
        <v>16.7</v>
      </c>
      <c r="AA21257" s="5"/>
      <c r="AB21257" s="5" t="s">
        <v>43</v>
      </c>
      <c r="AC21257" s="5" t="s">
        <v>44</v>
      </c>
      <c r="AD21257" s="2"/>
      <c r="AE21257" s="1"/>
    </row>
    <row r="21258" spans="1:31" ht="14.45">
      <c r="A21258" s="11"/>
      <c r="B21258" s="20"/>
      <c r="C21258" s="2" t="s">
        <v>68638</v>
      </c>
      <c r="D21258" s="14" t="s">
        <v>68639</v>
      </c>
      <c r="E21258" s="2" t="s">
        <v>68640</v>
      </c>
      <c r="F21258" s="2" t="s">
        <v>68424</v>
      </c>
      <c r="G21258" s="8">
        <v>148</v>
      </c>
      <c r="H21258" s="5">
        <v>15</v>
      </c>
      <c r="I21258" s="5" t="s">
        <v>1518</v>
      </c>
      <c r="J21258" s="5" t="s">
        <v>68411</v>
      </c>
      <c r="K21258" s="2" t="s">
        <v>68412</v>
      </c>
      <c r="L21258" s="5" t="s">
        <v>68411</v>
      </c>
      <c r="M21258" s="2" t="s">
        <v>68412</v>
      </c>
      <c r="N21258" s="5" t="s">
        <v>1521</v>
      </c>
      <c r="O21258" s="5" t="s">
        <v>38</v>
      </c>
      <c r="P21258" s="5" t="s">
        <v>39</v>
      </c>
      <c r="Q21258" s="5" t="s">
        <v>40</v>
      </c>
      <c r="R21258" s="5" t="s">
        <v>68413</v>
      </c>
      <c r="S21258" s="5" t="s">
        <v>40</v>
      </c>
      <c r="T21258" s="5" t="s">
        <v>42</v>
      </c>
      <c r="U21258" s="2">
        <v>2.024</v>
      </c>
      <c r="V21258" s="2">
        <v>1.5009999999999999</v>
      </c>
      <c r="W21258" s="2">
        <v>1.4999999999999999E-2</v>
      </c>
      <c r="X21258" s="2">
        <v>118.9</v>
      </c>
      <c r="Y21258" s="2">
        <v>7.6</v>
      </c>
      <c r="Z21258" s="2">
        <v>16.7</v>
      </c>
      <c r="AA21258" s="5"/>
      <c r="AB21258" s="5" t="s">
        <v>43</v>
      </c>
      <c r="AC21258" s="5" t="s">
        <v>44</v>
      </c>
      <c r="AD21258" s="2"/>
      <c r="AE21258" s="1"/>
    </row>
    <row r="21259" spans="1:31" ht="14.45">
      <c r="A21259" s="11"/>
      <c r="B21259" s="20"/>
      <c r="C21259" s="2" t="s">
        <v>68641</v>
      </c>
      <c r="D21259" s="14" t="s">
        <v>68642</v>
      </c>
      <c r="E21259" s="2" t="s">
        <v>68643</v>
      </c>
      <c r="F21259" s="2" t="s">
        <v>7204</v>
      </c>
      <c r="G21259" s="8">
        <v>153</v>
      </c>
      <c r="H21259" s="5">
        <v>5</v>
      </c>
      <c r="I21259" s="5" t="s">
        <v>1518</v>
      </c>
      <c r="J21259" s="5" t="s">
        <v>68411</v>
      </c>
      <c r="K21259" s="2" t="s">
        <v>68412</v>
      </c>
      <c r="L21259" s="5" t="s">
        <v>68411</v>
      </c>
      <c r="M21259" s="2" t="s">
        <v>68412</v>
      </c>
      <c r="N21259" s="5" t="s">
        <v>1521</v>
      </c>
      <c r="O21259" s="5" t="s">
        <v>38</v>
      </c>
      <c r="P21259" s="5" t="s">
        <v>39</v>
      </c>
      <c r="Q21259" s="5" t="s">
        <v>40</v>
      </c>
      <c r="R21259" s="5" t="s">
        <v>68413</v>
      </c>
      <c r="S21259" s="5" t="s">
        <v>40</v>
      </c>
      <c r="T21259" s="5" t="s">
        <v>42</v>
      </c>
      <c r="U21259" s="2">
        <v>2.2759999999999998</v>
      </c>
      <c r="V21259" s="2">
        <v>1.68</v>
      </c>
      <c r="W21259" s="2">
        <v>1.7999999999999999E-2</v>
      </c>
      <c r="X21259" s="2">
        <v>139.1</v>
      </c>
      <c r="Y21259" s="2">
        <v>7.6</v>
      </c>
      <c r="Z21259" s="2">
        <v>16.7</v>
      </c>
      <c r="AA21259" s="5"/>
      <c r="AB21259" s="5" t="s">
        <v>43</v>
      </c>
      <c r="AC21259" s="5" t="s">
        <v>44</v>
      </c>
      <c r="AD21259" s="2"/>
      <c r="AE21259" s="1"/>
    </row>
    <row r="21260" spans="1:31" ht="14.45">
      <c r="A21260" s="11"/>
      <c r="B21260" s="20"/>
      <c r="C21260" s="2" t="s">
        <v>68644</v>
      </c>
      <c r="D21260" s="14" t="s">
        <v>68645</v>
      </c>
      <c r="E21260" s="2" t="s">
        <v>68646</v>
      </c>
      <c r="F21260" s="2" t="s">
        <v>7514</v>
      </c>
      <c r="G21260" s="8">
        <v>153</v>
      </c>
      <c r="H21260" s="5">
        <v>5</v>
      </c>
      <c r="I21260" s="5" t="s">
        <v>1518</v>
      </c>
      <c r="J21260" s="5" t="s">
        <v>68411</v>
      </c>
      <c r="K21260" s="2" t="s">
        <v>68412</v>
      </c>
      <c r="L21260" s="5" t="s">
        <v>68411</v>
      </c>
      <c r="M21260" s="2" t="s">
        <v>68412</v>
      </c>
      <c r="N21260" s="5" t="s">
        <v>1521</v>
      </c>
      <c r="O21260" s="5" t="s">
        <v>38</v>
      </c>
      <c r="P21260" s="5" t="s">
        <v>39</v>
      </c>
      <c r="Q21260" s="5" t="s">
        <v>40</v>
      </c>
      <c r="R21260" s="5" t="s">
        <v>68413</v>
      </c>
      <c r="S21260" s="5" t="s">
        <v>40</v>
      </c>
      <c r="T21260" s="5" t="s">
        <v>42</v>
      </c>
      <c r="U21260" s="2">
        <v>2.294</v>
      </c>
      <c r="V21260" s="2">
        <v>1.6970000000000001</v>
      </c>
      <c r="W21260" s="2">
        <v>1.7999999999999999E-2</v>
      </c>
      <c r="X21260" s="2">
        <v>139.1</v>
      </c>
      <c r="Y21260" s="2">
        <v>7.6</v>
      </c>
      <c r="Z21260" s="2">
        <v>16.7</v>
      </c>
      <c r="AA21260" s="5"/>
      <c r="AB21260" s="5" t="s">
        <v>43</v>
      </c>
      <c r="AC21260" s="5" t="s">
        <v>44</v>
      </c>
      <c r="AD21260" s="2"/>
      <c r="AE21260" s="1"/>
    </row>
    <row r="21261" spans="1:31" ht="14.45">
      <c r="A21261" s="11"/>
      <c r="B21261" s="20"/>
      <c r="C21261" s="2" t="s">
        <v>68647</v>
      </c>
      <c r="D21261" s="14" t="s">
        <v>68648</v>
      </c>
      <c r="E21261" s="2" t="s">
        <v>68649</v>
      </c>
      <c r="F21261" s="2" t="s">
        <v>68420</v>
      </c>
      <c r="G21261" s="8">
        <v>153</v>
      </c>
      <c r="H21261" s="5">
        <v>15</v>
      </c>
      <c r="I21261" s="5" t="s">
        <v>1518</v>
      </c>
      <c r="J21261" s="5" t="s">
        <v>68411</v>
      </c>
      <c r="K21261" s="2" t="s">
        <v>68412</v>
      </c>
      <c r="L21261" s="5" t="s">
        <v>68411</v>
      </c>
      <c r="M21261" s="2" t="s">
        <v>68412</v>
      </c>
      <c r="N21261" s="5" t="s">
        <v>1521</v>
      </c>
      <c r="O21261" s="5" t="s">
        <v>38</v>
      </c>
      <c r="P21261" s="5" t="s">
        <v>39</v>
      </c>
      <c r="Q21261" s="5" t="s">
        <v>40</v>
      </c>
      <c r="R21261" s="5" t="s">
        <v>68413</v>
      </c>
      <c r="S21261" s="5" t="s">
        <v>40</v>
      </c>
      <c r="T21261" s="5" t="s">
        <v>42</v>
      </c>
      <c r="U21261" s="2">
        <v>2.2759999999999998</v>
      </c>
      <c r="V21261" s="2">
        <v>1.68</v>
      </c>
      <c r="W21261" s="2">
        <v>1.7999999999999999E-2</v>
      </c>
      <c r="X21261" s="2">
        <v>139.1</v>
      </c>
      <c r="Y21261" s="2">
        <v>7.6</v>
      </c>
      <c r="Z21261" s="2">
        <v>16.7</v>
      </c>
      <c r="AA21261" s="5"/>
      <c r="AB21261" s="5" t="s">
        <v>43</v>
      </c>
      <c r="AC21261" s="5" t="s">
        <v>44</v>
      </c>
      <c r="AD21261" s="2"/>
      <c r="AE21261" s="1"/>
    </row>
    <row r="21262" spans="1:31" ht="14.45">
      <c r="A21262" s="11"/>
      <c r="B21262" s="20"/>
      <c r="C21262" s="2" t="s">
        <v>68650</v>
      </c>
      <c r="D21262" s="14" t="s">
        <v>68651</v>
      </c>
      <c r="E21262" s="2" t="s">
        <v>68652</v>
      </c>
      <c r="F21262" s="2" t="s">
        <v>68424</v>
      </c>
      <c r="G21262" s="8">
        <v>153</v>
      </c>
      <c r="H21262" s="5">
        <v>15</v>
      </c>
      <c r="I21262" s="5" t="s">
        <v>1518</v>
      </c>
      <c r="J21262" s="5" t="s">
        <v>68411</v>
      </c>
      <c r="K21262" s="2" t="s">
        <v>68412</v>
      </c>
      <c r="L21262" s="5" t="s">
        <v>68411</v>
      </c>
      <c r="M21262" s="2" t="s">
        <v>68412</v>
      </c>
      <c r="N21262" s="5" t="s">
        <v>1521</v>
      </c>
      <c r="O21262" s="5" t="s">
        <v>38</v>
      </c>
      <c r="P21262" s="5" t="s">
        <v>39</v>
      </c>
      <c r="Q21262" s="5" t="s">
        <v>40</v>
      </c>
      <c r="R21262" s="5" t="s">
        <v>68413</v>
      </c>
      <c r="S21262" s="5" t="s">
        <v>40</v>
      </c>
      <c r="T21262" s="5" t="s">
        <v>42</v>
      </c>
      <c r="U21262" s="2">
        <v>2.294</v>
      </c>
      <c r="V21262" s="2">
        <v>1.6970000000000001</v>
      </c>
      <c r="W21262" s="2">
        <v>1.7999999999999999E-2</v>
      </c>
      <c r="X21262" s="2">
        <v>139.1</v>
      </c>
      <c r="Y21262" s="2">
        <v>7.6</v>
      </c>
      <c r="Z21262" s="2">
        <v>16.7</v>
      </c>
      <c r="AA21262" s="5"/>
      <c r="AB21262" s="5" t="s">
        <v>43</v>
      </c>
      <c r="AC21262" s="5" t="s">
        <v>44</v>
      </c>
      <c r="AD21262" s="2"/>
      <c r="AE21262" s="1"/>
    </row>
    <row r="21263" spans="1:31" ht="14.45">
      <c r="A21263" s="11"/>
      <c r="B21263" s="20"/>
      <c r="C21263" s="2" t="s">
        <v>68653</v>
      </c>
      <c r="D21263" s="14" t="s">
        <v>68654</v>
      </c>
      <c r="E21263" s="2" t="s">
        <v>68655</v>
      </c>
      <c r="F21263" s="2" t="s">
        <v>7204</v>
      </c>
      <c r="G21263" s="8">
        <v>162</v>
      </c>
      <c r="H21263" s="5">
        <v>15</v>
      </c>
      <c r="I21263" s="5" t="s">
        <v>1518</v>
      </c>
      <c r="J21263" s="5" t="s">
        <v>68411</v>
      </c>
      <c r="K21263" s="2" t="s">
        <v>68412</v>
      </c>
      <c r="L21263" s="5" t="s">
        <v>68411</v>
      </c>
      <c r="M21263" s="2" t="s">
        <v>68412</v>
      </c>
      <c r="N21263" s="5" t="s">
        <v>1521</v>
      </c>
      <c r="O21263" s="5" t="s">
        <v>38</v>
      </c>
      <c r="P21263" s="5" t="s">
        <v>39</v>
      </c>
      <c r="Q21263" s="5" t="s">
        <v>40</v>
      </c>
      <c r="R21263" s="5" t="s">
        <v>68413</v>
      </c>
      <c r="S21263" s="5" t="s">
        <v>40</v>
      </c>
      <c r="T21263" s="5" t="s">
        <v>42</v>
      </c>
      <c r="U21263" s="2">
        <v>2.5299999999999998</v>
      </c>
      <c r="V21263" s="2">
        <v>1.8540000000000001</v>
      </c>
      <c r="W21263" s="2">
        <v>0.02</v>
      </c>
      <c r="X21263" s="2">
        <v>159.1</v>
      </c>
      <c r="Y21263" s="2">
        <v>7.6</v>
      </c>
      <c r="Z21263" s="2">
        <v>16.7</v>
      </c>
      <c r="AA21263" s="5"/>
      <c r="AB21263" s="5" t="s">
        <v>43</v>
      </c>
      <c r="AC21263" s="5" t="s">
        <v>44</v>
      </c>
      <c r="AD21263" s="2"/>
      <c r="AE21263" s="1"/>
    </row>
    <row r="21264" spans="1:31" ht="14.45">
      <c r="A21264" s="11"/>
      <c r="B21264" s="20"/>
      <c r="C21264" s="2" t="s">
        <v>68656</v>
      </c>
      <c r="D21264" s="14" t="s">
        <v>68657</v>
      </c>
      <c r="E21264" s="2" t="s">
        <v>68658</v>
      </c>
      <c r="F21264" s="2" t="s">
        <v>7514</v>
      </c>
      <c r="G21264" s="8">
        <v>162</v>
      </c>
      <c r="H21264" s="5">
        <v>15</v>
      </c>
      <c r="I21264" s="5" t="s">
        <v>1518</v>
      </c>
      <c r="J21264" s="5" t="s">
        <v>68411</v>
      </c>
      <c r="K21264" s="2" t="s">
        <v>68412</v>
      </c>
      <c r="L21264" s="5" t="s">
        <v>68411</v>
      </c>
      <c r="M21264" s="2" t="s">
        <v>68412</v>
      </c>
      <c r="N21264" s="5" t="s">
        <v>1521</v>
      </c>
      <c r="O21264" s="5" t="s">
        <v>38</v>
      </c>
      <c r="P21264" s="5" t="s">
        <v>39</v>
      </c>
      <c r="Q21264" s="5" t="s">
        <v>40</v>
      </c>
      <c r="R21264" s="5" t="s">
        <v>68413</v>
      </c>
      <c r="S21264" s="5" t="s">
        <v>40</v>
      </c>
      <c r="T21264" s="5" t="s">
        <v>42</v>
      </c>
      <c r="U21264" s="2">
        <v>2.548</v>
      </c>
      <c r="V21264" s="2">
        <v>1.871</v>
      </c>
      <c r="W21264" s="2">
        <v>0.02</v>
      </c>
      <c r="X21264" s="2">
        <v>159.1</v>
      </c>
      <c r="Y21264" s="2">
        <v>7.6</v>
      </c>
      <c r="Z21264" s="2">
        <v>16.7</v>
      </c>
      <c r="AA21264" s="5"/>
      <c r="AB21264" s="5" t="s">
        <v>43</v>
      </c>
      <c r="AC21264" s="5" t="s">
        <v>44</v>
      </c>
      <c r="AD21264" s="2"/>
      <c r="AE21264" s="1"/>
    </row>
    <row r="21265" spans="1:31" ht="14.45">
      <c r="A21265" s="11"/>
      <c r="B21265" s="20"/>
      <c r="C21265" s="2" t="s">
        <v>68659</v>
      </c>
      <c r="D21265" s="14" t="s">
        <v>68660</v>
      </c>
      <c r="E21265" s="2" t="s">
        <v>68661</v>
      </c>
      <c r="F21265" s="2" t="s">
        <v>68420</v>
      </c>
      <c r="G21265" s="8">
        <v>162</v>
      </c>
      <c r="H21265" s="5">
        <v>15</v>
      </c>
      <c r="I21265" s="5" t="s">
        <v>1518</v>
      </c>
      <c r="J21265" s="5" t="s">
        <v>68411</v>
      </c>
      <c r="K21265" s="2" t="s">
        <v>68412</v>
      </c>
      <c r="L21265" s="5" t="s">
        <v>68411</v>
      </c>
      <c r="M21265" s="2" t="s">
        <v>68412</v>
      </c>
      <c r="N21265" s="5" t="s">
        <v>1521</v>
      </c>
      <c r="O21265" s="5" t="s">
        <v>38</v>
      </c>
      <c r="P21265" s="5" t="s">
        <v>39</v>
      </c>
      <c r="Q21265" s="5" t="s">
        <v>40</v>
      </c>
      <c r="R21265" s="5" t="s">
        <v>68413</v>
      </c>
      <c r="S21265" s="5" t="s">
        <v>40</v>
      </c>
      <c r="T21265" s="5" t="s">
        <v>42</v>
      </c>
      <c r="U21265" s="2">
        <v>2.5299999999999998</v>
      </c>
      <c r="V21265" s="2">
        <v>1.8540000000000001</v>
      </c>
      <c r="W21265" s="2">
        <v>0.02</v>
      </c>
      <c r="X21265" s="2">
        <v>159.1</v>
      </c>
      <c r="Y21265" s="2">
        <v>7.6</v>
      </c>
      <c r="Z21265" s="2">
        <v>16.7</v>
      </c>
      <c r="AA21265" s="5"/>
      <c r="AB21265" s="5" t="s">
        <v>43</v>
      </c>
      <c r="AC21265" s="5" t="s">
        <v>44</v>
      </c>
      <c r="AD21265" s="2"/>
      <c r="AE21265" s="1"/>
    </row>
    <row r="21266" spans="1:31" ht="14.45">
      <c r="A21266" s="11"/>
      <c r="B21266" s="20"/>
      <c r="C21266" s="2" t="s">
        <v>68662</v>
      </c>
      <c r="D21266" s="14" t="s">
        <v>68663</v>
      </c>
      <c r="E21266" s="2" t="s">
        <v>68664</v>
      </c>
      <c r="F21266" s="2" t="s">
        <v>68424</v>
      </c>
      <c r="G21266" s="8">
        <v>162</v>
      </c>
      <c r="H21266" s="5">
        <v>15</v>
      </c>
      <c r="I21266" s="5" t="s">
        <v>1518</v>
      </c>
      <c r="J21266" s="5" t="s">
        <v>68411</v>
      </c>
      <c r="K21266" s="2" t="s">
        <v>68412</v>
      </c>
      <c r="L21266" s="5" t="s">
        <v>68411</v>
      </c>
      <c r="M21266" s="2" t="s">
        <v>68412</v>
      </c>
      <c r="N21266" s="5" t="s">
        <v>1521</v>
      </c>
      <c r="O21266" s="5" t="s">
        <v>38</v>
      </c>
      <c r="P21266" s="5" t="s">
        <v>39</v>
      </c>
      <c r="Q21266" s="5" t="s">
        <v>40</v>
      </c>
      <c r="R21266" s="5" t="s">
        <v>68413</v>
      </c>
      <c r="S21266" s="5" t="s">
        <v>40</v>
      </c>
      <c r="T21266" s="5" t="s">
        <v>42</v>
      </c>
      <c r="U21266" s="2">
        <v>2.548</v>
      </c>
      <c r="V21266" s="2">
        <v>1.871</v>
      </c>
      <c r="W21266" s="2">
        <v>0.02</v>
      </c>
      <c r="X21266" s="2">
        <v>159.1</v>
      </c>
      <c r="Y21266" s="2">
        <v>7.6</v>
      </c>
      <c r="Z21266" s="2">
        <v>16.7</v>
      </c>
      <c r="AA21266" s="5"/>
      <c r="AB21266" s="5" t="s">
        <v>43</v>
      </c>
      <c r="AC21266" s="5" t="s">
        <v>44</v>
      </c>
      <c r="AD21266" s="2"/>
      <c r="AE21266" s="1"/>
    </row>
    <row r="21267" spans="1:31" ht="14.45">
      <c r="A21267" s="11"/>
      <c r="B21267" s="20"/>
      <c r="C21267" s="2" t="s">
        <v>68665</v>
      </c>
      <c r="D21267" s="14" t="s">
        <v>68666</v>
      </c>
      <c r="E21267" s="2" t="s">
        <v>68667</v>
      </c>
      <c r="F21267" s="2" t="s">
        <v>7204</v>
      </c>
      <c r="G21267" s="8">
        <v>175</v>
      </c>
      <c r="H21267" s="5">
        <v>15</v>
      </c>
      <c r="I21267" s="5" t="s">
        <v>1518</v>
      </c>
      <c r="J21267" s="5" t="s">
        <v>68411</v>
      </c>
      <c r="K21267" s="2" t="s">
        <v>68412</v>
      </c>
      <c r="L21267" s="5" t="s">
        <v>68411</v>
      </c>
      <c r="M21267" s="2" t="s">
        <v>68412</v>
      </c>
      <c r="N21267" s="5" t="s">
        <v>1521</v>
      </c>
      <c r="O21267" s="5" t="s">
        <v>38</v>
      </c>
      <c r="P21267" s="5" t="s">
        <v>39</v>
      </c>
      <c r="Q21267" s="5" t="s">
        <v>40</v>
      </c>
      <c r="R21267" s="5" t="s">
        <v>68413</v>
      </c>
      <c r="S21267" s="5" t="s">
        <v>40</v>
      </c>
      <c r="T21267" s="5" t="s">
        <v>42</v>
      </c>
      <c r="U21267" s="2">
        <v>2.7730000000000001</v>
      </c>
      <c r="V21267" s="2">
        <v>2.0299999999999998</v>
      </c>
      <c r="W21267" s="2">
        <v>2.1000000000000001E-2</v>
      </c>
      <c r="X21267" s="2">
        <v>165.1</v>
      </c>
      <c r="Y21267" s="2">
        <v>7.6</v>
      </c>
      <c r="Z21267" s="2">
        <v>16.7</v>
      </c>
      <c r="AA21267" s="5"/>
      <c r="AB21267" s="5" t="s">
        <v>43</v>
      </c>
      <c r="AC21267" s="5" t="s">
        <v>44</v>
      </c>
      <c r="AD21267" s="2"/>
      <c r="AE21267" s="1"/>
    </row>
    <row r="21268" spans="1:31" ht="14.45">
      <c r="A21268" s="11"/>
      <c r="B21268" s="20"/>
      <c r="C21268" s="2" t="s">
        <v>68668</v>
      </c>
      <c r="D21268" s="14" t="s">
        <v>68669</v>
      </c>
      <c r="E21268" s="2" t="s">
        <v>68670</v>
      </c>
      <c r="F21268" s="2" t="s">
        <v>7514</v>
      </c>
      <c r="G21268" s="8">
        <v>175</v>
      </c>
      <c r="H21268" s="5">
        <v>15</v>
      </c>
      <c r="I21268" s="5" t="s">
        <v>1518</v>
      </c>
      <c r="J21268" s="5" t="s">
        <v>68411</v>
      </c>
      <c r="K21268" s="2" t="s">
        <v>68412</v>
      </c>
      <c r="L21268" s="5" t="s">
        <v>68411</v>
      </c>
      <c r="M21268" s="2" t="s">
        <v>68412</v>
      </c>
      <c r="N21268" s="5" t="s">
        <v>1521</v>
      </c>
      <c r="O21268" s="5" t="s">
        <v>38</v>
      </c>
      <c r="P21268" s="5" t="s">
        <v>39</v>
      </c>
      <c r="Q21268" s="5" t="s">
        <v>40</v>
      </c>
      <c r="R21268" s="5" t="s">
        <v>68413</v>
      </c>
      <c r="S21268" s="5" t="s">
        <v>40</v>
      </c>
      <c r="T21268" s="5" t="s">
        <v>42</v>
      </c>
      <c r="U21268" s="2">
        <v>2.79</v>
      </c>
      <c r="V21268" s="2">
        <v>2.0459999999999998</v>
      </c>
      <c r="W21268" s="2">
        <v>2.1000000000000001E-2</v>
      </c>
      <c r="X21268" s="2">
        <v>165.1</v>
      </c>
      <c r="Y21268" s="2">
        <v>7.6</v>
      </c>
      <c r="Z21268" s="2">
        <v>16.7</v>
      </c>
      <c r="AA21268" s="5"/>
      <c r="AB21268" s="5" t="s">
        <v>43</v>
      </c>
      <c r="AC21268" s="5" t="s">
        <v>44</v>
      </c>
      <c r="AD21268" s="2"/>
      <c r="AE21268" s="1"/>
    </row>
    <row r="21269" spans="1:31" ht="14.45">
      <c r="A21269" s="11"/>
      <c r="B21269" s="20"/>
      <c r="C21269" s="2" t="s">
        <v>68671</v>
      </c>
      <c r="D21269" s="14" t="s">
        <v>68672</v>
      </c>
      <c r="E21269" s="2" t="s">
        <v>68673</v>
      </c>
      <c r="F21269" s="2" t="s">
        <v>68420</v>
      </c>
      <c r="G21269" s="8">
        <v>175</v>
      </c>
      <c r="H21269" s="5">
        <v>15</v>
      </c>
      <c r="I21269" s="5" t="s">
        <v>1518</v>
      </c>
      <c r="J21269" s="5" t="s">
        <v>68411</v>
      </c>
      <c r="K21269" s="2" t="s">
        <v>68412</v>
      </c>
      <c r="L21269" s="5" t="s">
        <v>68411</v>
      </c>
      <c r="M21269" s="2" t="s">
        <v>68412</v>
      </c>
      <c r="N21269" s="5" t="s">
        <v>1521</v>
      </c>
      <c r="O21269" s="5" t="s">
        <v>38</v>
      </c>
      <c r="P21269" s="5" t="s">
        <v>39</v>
      </c>
      <c r="Q21269" s="5" t="s">
        <v>40</v>
      </c>
      <c r="R21269" s="5" t="s">
        <v>68413</v>
      </c>
      <c r="S21269" s="5" t="s">
        <v>40</v>
      </c>
      <c r="T21269" s="5" t="s">
        <v>42</v>
      </c>
      <c r="U21269" s="2">
        <v>2.7730000000000001</v>
      </c>
      <c r="V21269" s="2">
        <v>2.0299999999999998</v>
      </c>
      <c r="W21269" s="2">
        <v>2.1000000000000001E-2</v>
      </c>
      <c r="X21269" s="2">
        <v>165.1</v>
      </c>
      <c r="Y21269" s="2">
        <v>7.6</v>
      </c>
      <c r="Z21269" s="2">
        <v>16.7</v>
      </c>
      <c r="AA21269" s="5"/>
      <c r="AB21269" s="5" t="s">
        <v>43</v>
      </c>
      <c r="AC21269" s="5" t="s">
        <v>44</v>
      </c>
      <c r="AD21269" s="2"/>
      <c r="AE21269" s="1"/>
    </row>
    <row r="21270" spans="1:31" ht="14.45">
      <c r="A21270" s="11"/>
      <c r="B21270" s="20"/>
      <c r="C21270" s="2" t="s">
        <v>68674</v>
      </c>
      <c r="D21270" s="14" t="s">
        <v>68675</v>
      </c>
      <c r="E21270" s="2" t="s">
        <v>68676</v>
      </c>
      <c r="F21270" s="2" t="s">
        <v>68424</v>
      </c>
      <c r="G21270" s="8">
        <v>175</v>
      </c>
      <c r="H21270" s="5">
        <v>15</v>
      </c>
      <c r="I21270" s="5" t="s">
        <v>1518</v>
      </c>
      <c r="J21270" s="5" t="s">
        <v>68411</v>
      </c>
      <c r="K21270" s="2" t="s">
        <v>68412</v>
      </c>
      <c r="L21270" s="5" t="s">
        <v>68411</v>
      </c>
      <c r="M21270" s="2" t="s">
        <v>68412</v>
      </c>
      <c r="N21270" s="5" t="s">
        <v>1521</v>
      </c>
      <c r="O21270" s="5" t="s">
        <v>38</v>
      </c>
      <c r="P21270" s="5" t="s">
        <v>39</v>
      </c>
      <c r="Q21270" s="5" t="s">
        <v>40</v>
      </c>
      <c r="R21270" s="5" t="s">
        <v>68413</v>
      </c>
      <c r="S21270" s="5" t="s">
        <v>40</v>
      </c>
      <c r="T21270" s="5" t="s">
        <v>42</v>
      </c>
      <c r="U21270" s="2">
        <v>2.79</v>
      </c>
      <c r="V21270" s="2">
        <v>2.0459999999999998</v>
      </c>
      <c r="W21270" s="2">
        <v>2.1000000000000001E-2</v>
      </c>
      <c r="X21270" s="2">
        <v>165.1</v>
      </c>
      <c r="Y21270" s="2">
        <v>7.6</v>
      </c>
      <c r="Z21270" s="2">
        <v>16.7</v>
      </c>
      <c r="AA21270" s="5"/>
      <c r="AB21270" s="5" t="s">
        <v>43</v>
      </c>
      <c r="AC21270" s="5" t="s">
        <v>44</v>
      </c>
      <c r="AD21270" s="2"/>
      <c r="AE21270" s="1"/>
    </row>
    <row r="21271" spans="1:31" ht="14.45">
      <c r="A21271" s="11"/>
      <c r="B21271" s="20"/>
      <c r="C21271" s="2" t="s">
        <v>68677</v>
      </c>
      <c r="D21271" s="14" t="s">
        <v>68678</v>
      </c>
      <c r="E21271" s="2" t="s">
        <v>68679</v>
      </c>
      <c r="F21271" s="2" t="s">
        <v>7204</v>
      </c>
      <c r="G21271" s="8">
        <v>159</v>
      </c>
      <c r="H21271" s="5">
        <v>15</v>
      </c>
      <c r="I21271" s="5" t="s">
        <v>1518</v>
      </c>
      <c r="J21271" s="5" t="s">
        <v>68411</v>
      </c>
      <c r="K21271" s="2" t="s">
        <v>68412</v>
      </c>
      <c r="L21271" s="5" t="s">
        <v>68411</v>
      </c>
      <c r="M21271" s="2" t="s">
        <v>68412</v>
      </c>
      <c r="N21271" s="5" t="s">
        <v>1521</v>
      </c>
      <c r="O21271" s="5" t="s">
        <v>38</v>
      </c>
      <c r="P21271" s="5" t="s">
        <v>39</v>
      </c>
      <c r="Q21271" s="5" t="s">
        <v>40</v>
      </c>
      <c r="R21271" s="5" t="s">
        <v>68413</v>
      </c>
      <c r="S21271" s="5" t="s">
        <v>40</v>
      </c>
      <c r="T21271" s="5" t="s">
        <v>42</v>
      </c>
      <c r="U21271" s="2">
        <v>1.978</v>
      </c>
      <c r="V21271" s="2">
        <v>1.4590000000000001</v>
      </c>
      <c r="W21271" s="2">
        <v>1.2999999999999999E-2</v>
      </c>
      <c r="X21271" s="2">
        <v>99.1</v>
      </c>
      <c r="Y21271" s="2">
        <v>7.6</v>
      </c>
      <c r="Z21271" s="2">
        <v>16.7</v>
      </c>
      <c r="AA21271" s="5"/>
      <c r="AB21271" s="5" t="s">
        <v>43</v>
      </c>
      <c r="AC21271" s="5" t="s">
        <v>44</v>
      </c>
      <c r="AD21271" s="2"/>
      <c r="AE21271" s="1"/>
    </row>
    <row r="21272" spans="1:31" ht="14.45">
      <c r="A21272" s="11"/>
      <c r="B21272" s="20"/>
      <c r="C21272" s="2" t="s">
        <v>68680</v>
      </c>
      <c r="D21272" s="14" t="s">
        <v>68681</v>
      </c>
      <c r="E21272" s="2" t="s">
        <v>68682</v>
      </c>
      <c r="F21272" s="2" t="s">
        <v>7514</v>
      </c>
      <c r="G21272" s="8">
        <v>159</v>
      </c>
      <c r="H21272" s="5">
        <v>15</v>
      </c>
      <c r="I21272" s="5" t="s">
        <v>1518</v>
      </c>
      <c r="J21272" s="5" t="s">
        <v>68411</v>
      </c>
      <c r="K21272" s="2" t="s">
        <v>68412</v>
      </c>
      <c r="L21272" s="5" t="s">
        <v>68411</v>
      </c>
      <c r="M21272" s="2" t="s">
        <v>68412</v>
      </c>
      <c r="N21272" s="5" t="s">
        <v>1521</v>
      </c>
      <c r="O21272" s="5" t="s">
        <v>38</v>
      </c>
      <c r="P21272" s="5" t="s">
        <v>39</v>
      </c>
      <c r="Q21272" s="5" t="s">
        <v>40</v>
      </c>
      <c r="R21272" s="5" t="s">
        <v>68413</v>
      </c>
      <c r="S21272" s="5" t="s">
        <v>40</v>
      </c>
      <c r="T21272" s="5" t="s">
        <v>42</v>
      </c>
      <c r="U21272" s="2">
        <v>2.004</v>
      </c>
      <c r="V21272" s="2">
        <v>1.484</v>
      </c>
      <c r="W21272" s="2">
        <v>1.2999999999999999E-2</v>
      </c>
      <c r="X21272" s="2">
        <v>99.1</v>
      </c>
      <c r="Y21272" s="2">
        <v>7.6</v>
      </c>
      <c r="Z21272" s="2">
        <v>16.7</v>
      </c>
      <c r="AA21272" s="5"/>
      <c r="AB21272" s="5" t="s">
        <v>43</v>
      </c>
      <c r="AC21272" s="5" t="s">
        <v>44</v>
      </c>
      <c r="AD21272" s="2"/>
      <c r="AE21272" s="1"/>
    </row>
    <row r="21273" spans="1:31" ht="14.45">
      <c r="A21273" s="11"/>
      <c r="B21273" s="20"/>
      <c r="C21273" s="2" t="s">
        <v>68683</v>
      </c>
      <c r="D21273" s="14" t="s">
        <v>68684</v>
      </c>
      <c r="E21273" s="2" t="s">
        <v>68685</v>
      </c>
      <c r="F21273" s="2" t="s">
        <v>68420</v>
      </c>
      <c r="G21273" s="8">
        <v>159</v>
      </c>
      <c r="H21273" s="5">
        <v>15</v>
      </c>
      <c r="I21273" s="5" t="s">
        <v>1518</v>
      </c>
      <c r="J21273" s="5" t="s">
        <v>68411</v>
      </c>
      <c r="K21273" s="2" t="s">
        <v>68412</v>
      </c>
      <c r="L21273" s="5" t="s">
        <v>68411</v>
      </c>
      <c r="M21273" s="2" t="s">
        <v>68412</v>
      </c>
      <c r="N21273" s="5" t="s">
        <v>1521</v>
      </c>
      <c r="O21273" s="5" t="s">
        <v>38</v>
      </c>
      <c r="P21273" s="5" t="s">
        <v>39</v>
      </c>
      <c r="Q21273" s="5" t="s">
        <v>40</v>
      </c>
      <c r="R21273" s="5" t="s">
        <v>68413</v>
      </c>
      <c r="S21273" s="5" t="s">
        <v>40</v>
      </c>
      <c r="T21273" s="5" t="s">
        <v>42</v>
      </c>
      <c r="U21273" s="2">
        <v>1.978</v>
      </c>
      <c r="V21273" s="2">
        <v>1.4590000000000001</v>
      </c>
      <c r="W21273" s="2">
        <v>1.2999999999999999E-2</v>
      </c>
      <c r="X21273" s="2">
        <v>99.1</v>
      </c>
      <c r="Y21273" s="2">
        <v>7.6</v>
      </c>
      <c r="Z21273" s="2">
        <v>16.7</v>
      </c>
      <c r="AA21273" s="5"/>
      <c r="AB21273" s="5" t="s">
        <v>43</v>
      </c>
      <c r="AC21273" s="5" t="s">
        <v>44</v>
      </c>
      <c r="AD21273" s="2"/>
      <c r="AE21273" s="1"/>
    </row>
    <row r="21274" spans="1:31" ht="14.45">
      <c r="A21274" s="11"/>
      <c r="B21274" s="20"/>
      <c r="C21274" s="2" t="s">
        <v>68686</v>
      </c>
      <c r="D21274" s="14" t="s">
        <v>68687</v>
      </c>
      <c r="E21274" s="2" t="s">
        <v>68688</v>
      </c>
      <c r="F21274" s="2" t="s">
        <v>68424</v>
      </c>
      <c r="G21274" s="8">
        <v>159</v>
      </c>
      <c r="H21274" s="5">
        <v>15</v>
      </c>
      <c r="I21274" s="5" t="s">
        <v>1518</v>
      </c>
      <c r="J21274" s="5" t="s">
        <v>68411</v>
      </c>
      <c r="K21274" s="2" t="s">
        <v>68412</v>
      </c>
      <c r="L21274" s="5" t="s">
        <v>68411</v>
      </c>
      <c r="M21274" s="2" t="s">
        <v>68412</v>
      </c>
      <c r="N21274" s="5" t="s">
        <v>1521</v>
      </c>
      <c r="O21274" s="5" t="s">
        <v>38</v>
      </c>
      <c r="P21274" s="5" t="s">
        <v>39</v>
      </c>
      <c r="Q21274" s="5" t="s">
        <v>40</v>
      </c>
      <c r="R21274" s="5" t="s">
        <v>68413</v>
      </c>
      <c r="S21274" s="5" t="s">
        <v>40</v>
      </c>
      <c r="T21274" s="5" t="s">
        <v>42</v>
      </c>
      <c r="U21274" s="2">
        <v>2.004</v>
      </c>
      <c r="V21274" s="2">
        <v>1.484</v>
      </c>
      <c r="W21274" s="2">
        <v>1.2999999999999999E-2</v>
      </c>
      <c r="X21274" s="2">
        <v>99.1</v>
      </c>
      <c r="Y21274" s="2">
        <v>7.6</v>
      </c>
      <c r="Z21274" s="2">
        <v>16.7</v>
      </c>
      <c r="AA21274" s="5"/>
      <c r="AB21274" s="5" t="s">
        <v>43</v>
      </c>
      <c r="AC21274" s="5" t="s">
        <v>44</v>
      </c>
      <c r="AD21274" s="2"/>
      <c r="AE21274" s="1"/>
    </row>
    <row r="21275" spans="1:31" ht="14.45">
      <c r="A21275" s="11"/>
      <c r="B21275" s="20"/>
      <c r="C21275" s="2" t="s">
        <v>68689</v>
      </c>
      <c r="D21275" s="14" t="s">
        <v>68690</v>
      </c>
      <c r="E21275" s="2" t="s">
        <v>68691</v>
      </c>
      <c r="F21275" s="2" t="s">
        <v>7204</v>
      </c>
      <c r="G21275" s="8">
        <v>159</v>
      </c>
      <c r="H21275" s="5">
        <v>15</v>
      </c>
      <c r="I21275" s="5" t="s">
        <v>1518</v>
      </c>
      <c r="J21275" s="5" t="s">
        <v>68411</v>
      </c>
      <c r="K21275" s="2" t="s">
        <v>68412</v>
      </c>
      <c r="L21275" s="5" t="s">
        <v>68411</v>
      </c>
      <c r="M21275" s="2" t="s">
        <v>68412</v>
      </c>
      <c r="N21275" s="5" t="s">
        <v>1521</v>
      </c>
      <c r="O21275" s="5" t="s">
        <v>38</v>
      </c>
      <c r="P21275" s="5" t="s">
        <v>39</v>
      </c>
      <c r="Q21275" s="5" t="s">
        <v>40</v>
      </c>
      <c r="R21275" s="5" t="s">
        <v>68413</v>
      </c>
      <c r="S21275" s="5" t="s">
        <v>40</v>
      </c>
      <c r="T21275" s="5" t="s">
        <v>42</v>
      </c>
      <c r="U21275" s="2">
        <v>2.165</v>
      </c>
      <c r="V21275" s="2">
        <v>1.655</v>
      </c>
      <c r="W21275" s="2">
        <v>1.2999999999999999E-2</v>
      </c>
      <c r="X21275" s="2">
        <v>99.1</v>
      </c>
      <c r="Y21275" s="2">
        <v>7.6</v>
      </c>
      <c r="Z21275" s="2">
        <v>16.7</v>
      </c>
      <c r="AA21275" s="5"/>
      <c r="AB21275" s="5" t="s">
        <v>43</v>
      </c>
      <c r="AC21275" s="5" t="s">
        <v>44</v>
      </c>
      <c r="AD21275" s="2"/>
      <c r="AE21275" s="1"/>
    </row>
    <row r="21276" spans="1:31" ht="14.45">
      <c r="A21276" s="11"/>
      <c r="B21276" s="20"/>
      <c r="C21276" s="2" t="s">
        <v>68692</v>
      </c>
      <c r="D21276" s="14" t="s">
        <v>68693</v>
      </c>
      <c r="E21276" s="2" t="s">
        <v>68694</v>
      </c>
      <c r="F21276" s="2" t="s">
        <v>7514</v>
      </c>
      <c r="G21276" s="8">
        <v>159</v>
      </c>
      <c r="H21276" s="5">
        <v>15</v>
      </c>
      <c r="I21276" s="5" t="s">
        <v>1518</v>
      </c>
      <c r="J21276" s="5" t="s">
        <v>68411</v>
      </c>
      <c r="K21276" s="2" t="s">
        <v>68412</v>
      </c>
      <c r="L21276" s="5" t="s">
        <v>68411</v>
      </c>
      <c r="M21276" s="2" t="s">
        <v>68412</v>
      </c>
      <c r="N21276" s="5" t="s">
        <v>1521</v>
      </c>
      <c r="O21276" s="5" t="s">
        <v>38</v>
      </c>
      <c r="P21276" s="5" t="s">
        <v>39</v>
      </c>
      <c r="Q21276" s="5" t="s">
        <v>40</v>
      </c>
      <c r="R21276" s="5" t="s">
        <v>68413</v>
      </c>
      <c r="S21276" s="5" t="s">
        <v>40</v>
      </c>
      <c r="T21276" s="5" t="s">
        <v>42</v>
      </c>
      <c r="U21276" s="2">
        <v>2.19</v>
      </c>
      <c r="V21276" s="2">
        <v>1.679</v>
      </c>
      <c r="W21276" s="2">
        <v>1.2999999999999999E-2</v>
      </c>
      <c r="X21276" s="2">
        <v>99.1</v>
      </c>
      <c r="Y21276" s="2">
        <v>7.6</v>
      </c>
      <c r="Z21276" s="2">
        <v>16.7</v>
      </c>
      <c r="AA21276" s="5"/>
      <c r="AB21276" s="5" t="s">
        <v>43</v>
      </c>
      <c r="AC21276" s="5" t="s">
        <v>44</v>
      </c>
      <c r="AD21276" s="2"/>
      <c r="AE21276" s="1"/>
    </row>
    <row r="21277" spans="1:31" ht="14.45">
      <c r="A21277" s="11"/>
      <c r="B21277" s="20"/>
      <c r="C21277" s="2" t="s">
        <v>68695</v>
      </c>
      <c r="D21277" s="14" t="s">
        <v>68696</v>
      </c>
      <c r="E21277" s="2" t="s">
        <v>68697</v>
      </c>
      <c r="F21277" s="2" t="s">
        <v>68420</v>
      </c>
      <c r="G21277" s="8">
        <v>159</v>
      </c>
      <c r="H21277" s="5">
        <v>15</v>
      </c>
      <c r="I21277" s="5" t="s">
        <v>1518</v>
      </c>
      <c r="J21277" s="5" t="s">
        <v>68411</v>
      </c>
      <c r="K21277" s="2" t="s">
        <v>68412</v>
      </c>
      <c r="L21277" s="5" t="s">
        <v>68411</v>
      </c>
      <c r="M21277" s="2" t="s">
        <v>68412</v>
      </c>
      <c r="N21277" s="5" t="s">
        <v>1521</v>
      </c>
      <c r="O21277" s="5" t="s">
        <v>38</v>
      </c>
      <c r="P21277" s="5" t="s">
        <v>39</v>
      </c>
      <c r="Q21277" s="5" t="s">
        <v>40</v>
      </c>
      <c r="R21277" s="5" t="s">
        <v>68413</v>
      </c>
      <c r="S21277" s="5" t="s">
        <v>40</v>
      </c>
      <c r="T21277" s="5" t="s">
        <v>42</v>
      </c>
      <c r="U21277" s="2">
        <v>2.165</v>
      </c>
      <c r="V21277" s="2">
        <v>1.655</v>
      </c>
      <c r="W21277" s="2">
        <v>1.2999999999999999E-2</v>
      </c>
      <c r="X21277" s="2">
        <v>99.1</v>
      </c>
      <c r="Y21277" s="2">
        <v>7.6</v>
      </c>
      <c r="Z21277" s="2">
        <v>16.7</v>
      </c>
      <c r="AA21277" s="5"/>
      <c r="AB21277" s="5" t="s">
        <v>43</v>
      </c>
      <c r="AC21277" s="5" t="s">
        <v>44</v>
      </c>
      <c r="AD21277" s="2"/>
      <c r="AE21277" s="1"/>
    </row>
    <row r="21278" spans="1:31" ht="14.45">
      <c r="A21278" s="11"/>
      <c r="B21278" s="20"/>
      <c r="C21278" s="2" t="s">
        <v>68698</v>
      </c>
      <c r="D21278" s="14" t="s">
        <v>68699</v>
      </c>
      <c r="E21278" s="2" t="s">
        <v>68700</v>
      </c>
      <c r="F21278" s="2" t="s">
        <v>68424</v>
      </c>
      <c r="G21278" s="8">
        <v>159</v>
      </c>
      <c r="H21278" s="5">
        <v>15</v>
      </c>
      <c r="I21278" s="5" t="s">
        <v>1518</v>
      </c>
      <c r="J21278" s="5" t="s">
        <v>68411</v>
      </c>
      <c r="K21278" s="2" t="s">
        <v>68412</v>
      </c>
      <c r="L21278" s="5" t="s">
        <v>68411</v>
      </c>
      <c r="M21278" s="2" t="s">
        <v>68412</v>
      </c>
      <c r="N21278" s="5" t="s">
        <v>1521</v>
      </c>
      <c r="O21278" s="5" t="s">
        <v>38</v>
      </c>
      <c r="P21278" s="5" t="s">
        <v>39</v>
      </c>
      <c r="Q21278" s="5" t="s">
        <v>40</v>
      </c>
      <c r="R21278" s="5" t="s">
        <v>68413</v>
      </c>
      <c r="S21278" s="5" t="s">
        <v>40</v>
      </c>
      <c r="T21278" s="5" t="s">
        <v>42</v>
      </c>
      <c r="U21278" s="2">
        <v>2.19</v>
      </c>
      <c r="V21278" s="2">
        <v>1.679</v>
      </c>
      <c r="W21278" s="2">
        <v>1.2999999999999999E-2</v>
      </c>
      <c r="X21278" s="2">
        <v>99.1</v>
      </c>
      <c r="Y21278" s="2">
        <v>7.6</v>
      </c>
      <c r="Z21278" s="2">
        <v>16.7</v>
      </c>
      <c r="AA21278" s="5"/>
      <c r="AB21278" s="5" t="s">
        <v>43</v>
      </c>
      <c r="AC21278" s="5" t="s">
        <v>44</v>
      </c>
      <c r="AD21278" s="2"/>
      <c r="AE21278" s="1"/>
    </row>
    <row r="21279" spans="1:31" ht="14.45">
      <c r="A21279" s="11"/>
      <c r="B21279" s="20"/>
      <c r="C21279" s="2" t="s">
        <v>68701</v>
      </c>
      <c r="D21279" s="14" t="s">
        <v>68702</v>
      </c>
      <c r="E21279" s="2" t="s">
        <v>68703</v>
      </c>
      <c r="F21279" s="2" t="s">
        <v>7204</v>
      </c>
      <c r="G21279" s="8">
        <v>170</v>
      </c>
      <c r="H21279" s="5">
        <v>15</v>
      </c>
      <c r="I21279" s="5" t="s">
        <v>1518</v>
      </c>
      <c r="J21279" s="5" t="s">
        <v>68411</v>
      </c>
      <c r="K21279" s="2" t="s">
        <v>68412</v>
      </c>
      <c r="L21279" s="5" t="s">
        <v>68411</v>
      </c>
      <c r="M21279" s="2" t="s">
        <v>68412</v>
      </c>
      <c r="N21279" s="5" t="s">
        <v>1521</v>
      </c>
      <c r="O21279" s="5" t="s">
        <v>38</v>
      </c>
      <c r="P21279" s="5" t="s">
        <v>39</v>
      </c>
      <c r="Q21279" s="5" t="s">
        <v>40</v>
      </c>
      <c r="R21279" s="5" t="s">
        <v>68413</v>
      </c>
      <c r="S21279" s="5" t="s">
        <v>40</v>
      </c>
      <c r="T21279" s="5" t="s">
        <v>42</v>
      </c>
      <c r="U21279" s="2">
        <v>2.383</v>
      </c>
      <c r="V21279" s="2">
        <v>1.875</v>
      </c>
      <c r="W21279" s="2">
        <v>1.4999999999999999E-2</v>
      </c>
      <c r="X21279" s="2">
        <v>118.9</v>
      </c>
      <c r="Y21279" s="2">
        <v>7.6</v>
      </c>
      <c r="Z21279" s="2">
        <v>16.7</v>
      </c>
      <c r="AA21279" s="5"/>
      <c r="AB21279" s="5" t="s">
        <v>43</v>
      </c>
      <c r="AC21279" s="5" t="s">
        <v>44</v>
      </c>
      <c r="AD21279" s="2"/>
      <c r="AE21279" s="1"/>
    </row>
    <row r="21280" spans="1:31" ht="14.45">
      <c r="A21280" s="11"/>
      <c r="B21280" s="20"/>
      <c r="C21280" s="2" t="s">
        <v>68704</v>
      </c>
      <c r="D21280" s="14" t="s">
        <v>68705</v>
      </c>
      <c r="E21280" s="2" t="s">
        <v>68706</v>
      </c>
      <c r="F21280" s="2" t="s">
        <v>7514</v>
      </c>
      <c r="G21280" s="8">
        <v>170</v>
      </c>
      <c r="H21280" s="5">
        <v>15</v>
      </c>
      <c r="I21280" s="5" t="s">
        <v>1518</v>
      </c>
      <c r="J21280" s="5" t="s">
        <v>68411</v>
      </c>
      <c r="K21280" s="2" t="s">
        <v>68412</v>
      </c>
      <c r="L21280" s="5" t="s">
        <v>68411</v>
      </c>
      <c r="M21280" s="2" t="s">
        <v>68412</v>
      </c>
      <c r="N21280" s="5" t="s">
        <v>1521</v>
      </c>
      <c r="O21280" s="5" t="s">
        <v>38</v>
      </c>
      <c r="P21280" s="5" t="s">
        <v>39</v>
      </c>
      <c r="Q21280" s="5" t="s">
        <v>40</v>
      </c>
      <c r="R21280" s="5" t="s">
        <v>68413</v>
      </c>
      <c r="S21280" s="5" t="s">
        <v>40</v>
      </c>
      <c r="T21280" s="5" t="s">
        <v>42</v>
      </c>
      <c r="U21280" s="2">
        <v>2.407</v>
      </c>
      <c r="V21280" s="2">
        <v>1.8979999999999999</v>
      </c>
      <c r="W21280" s="2">
        <v>1.4999999999999999E-2</v>
      </c>
      <c r="X21280" s="2">
        <v>118.9</v>
      </c>
      <c r="Y21280" s="2">
        <v>7.6</v>
      </c>
      <c r="Z21280" s="2">
        <v>16.7</v>
      </c>
      <c r="AA21280" s="5"/>
      <c r="AB21280" s="5" t="s">
        <v>43</v>
      </c>
      <c r="AC21280" s="5" t="s">
        <v>44</v>
      </c>
      <c r="AD21280" s="2"/>
      <c r="AE21280" s="1"/>
    </row>
    <row r="21281" spans="1:31" ht="14.45">
      <c r="A21281" s="11"/>
      <c r="B21281" s="20"/>
      <c r="C21281" s="2" t="s">
        <v>68707</v>
      </c>
      <c r="D21281" s="14" t="s">
        <v>68708</v>
      </c>
      <c r="E21281" s="2" t="s">
        <v>68709</v>
      </c>
      <c r="F21281" s="2" t="s">
        <v>68420</v>
      </c>
      <c r="G21281" s="8">
        <v>170</v>
      </c>
      <c r="H21281" s="5">
        <v>15</v>
      </c>
      <c r="I21281" s="5" t="s">
        <v>1518</v>
      </c>
      <c r="J21281" s="5" t="s">
        <v>68411</v>
      </c>
      <c r="K21281" s="2" t="s">
        <v>68412</v>
      </c>
      <c r="L21281" s="5" t="s">
        <v>68411</v>
      </c>
      <c r="M21281" s="2" t="s">
        <v>68412</v>
      </c>
      <c r="N21281" s="5" t="s">
        <v>1521</v>
      </c>
      <c r="O21281" s="5" t="s">
        <v>38</v>
      </c>
      <c r="P21281" s="5" t="s">
        <v>39</v>
      </c>
      <c r="Q21281" s="5" t="s">
        <v>40</v>
      </c>
      <c r="R21281" s="5" t="s">
        <v>68413</v>
      </c>
      <c r="S21281" s="5" t="s">
        <v>40</v>
      </c>
      <c r="T21281" s="5" t="s">
        <v>42</v>
      </c>
      <c r="U21281" s="2">
        <v>2.383</v>
      </c>
      <c r="V21281" s="2">
        <v>1.875</v>
      </c>
      <c r="W21281" s="2">
        <v>1.4999999999999999E-2</v>
      </c>
      <c r="X21281" s="2">
        <v>118.9</v>
      </c>
      <c r="Y21281" s="2">
        <v>7.6</v>
      </c>
      <c r="Z21281" s="2">
        <v>16.7</v>
      </c>
      <c r="AA21281" s="5"/>
      <c r="AB21281" s="5" t="s">
        <v>43</v>
      </c>
      <c r="AC21281" s="5" t="s">
        <v>44</v>
      </c>
      <c r="AD21281" s="2"/>
      <c r="AE21281" s="1"/>
    </row>
    <row r="21282" spans="1:31" ht="14.45">
      <c r="A21282" s="11"/>
      <c r="B21282" s="20"/>
      <c r="C21282" s="2" t="s">
        <v>68710</v>
      </c>
      <c r="D21282" s="14" t="s">
        <v>68711</v>
      </c>
      <c r="E21282" s="2" t="s">
        <v>68712</v>
      </c>
      <c r="F21282" s="2" t="s">
        <v>68424</v>
      </c>
      <c r="G21282" s="8">
        <v>170</v>
      </c>
      <c r="H21282" s="5">
        <v>15</v>
      </c>
      <c r="I21282" s="5" t="s">
        <v>1518</v>
      </c>
      <c r="J21282" s="5" t="s">
        <v>68411</v>
      </c>
      <c r="K21282" s="2" t="s">
        <v>68412</v>
      </c>
      <c r="L21282" s="5" t="s">
        <v>68411</v>
      </c>
      <c r="M21282" s="2" t="s">
        <v>68412</v>
      </c>
      <c r="N21282" s="5" t="s">
        <v>1521</v>
      </c>
      <c r="O21282" s="5" t="s">
        <v>38</v>
      </c>
      <c r="P21282" s="5" t="s">
        <v>39</v>
      </c>
      <c r="Q21282" s="5" t="s">
        <v>40</v>
      </c>
      <c r="R21282" s="5" t="s">
        <v>68413</v>
      </c>
      <c r="S21282" s="5" t="s">
        <v>40</v>
      </c>
      <c r="T21282" s="5" t="s">
        <v>42</v>
      </c>
      <c r="U21282" s="2">
        <v>2.407</v>
      </c>
      <c r="V21282" s="2">
        <v>1.8979999999999999</v>
      </c>
      <c r="W21282" s="2">
        <v>1.4999999999999999E-2</v>
      </c>
      <c r="X21282" s="2">
        <v>118.9</v>
      </c>
      <c r="Y21282" s="2">
        <v>7.6</v>
      </c>
      <c r="Z21282" s="2">
        <v>16.7</v>
      </c>
      <c r="AA21282" s="5"/>
      <c r="AB21282" s="5" t="s">
        <v>43</v>
      </c>
      <c r="AC21282" s="5" t="s">
        <v>44</v>
      </c>
      <c r="AD21282" s="2"/>
      <c r="AE21282" s="1"/>
    </row>
    <row r="21283" spans="1:31" ht="14.45">
      <c r="A21283" s="11"/>
      <c r="B21283" s="20"/>
      <c r="C21283" s="2" t="s">
        <v>68713</v>
      </c>
      <c r="D21283" s="14" t="s">
        <v>68714</v>
      </c>
      <c r="E21283" s="2" t="s">
        <v>68715</v>
      </c>
      <c r="F21283" s="2" t="s">
        <v>7204</v>
      </c>
      <c r="G21283" s="8">
        <v>185</v>
      </c>
      <c r="H21283" s="5">
        <v>15</v>
      </c>
      <c r="I21283" s="5" t="s">
        <v>1518</v>
      </c>
      <c r="J21283" s="5" t="s">
        <v>68411</v>
      </c>
      <c r="K21283" s="2" t="s">
        <v>68412</v>
      </c>
      <c r="L21283" s="5" t="s">
        <v>68411</v>
      </c>
      <c r="M21283" s="2" t="s">
        <v>68412</v>
      </c>
      <c r="N21283" s="5" t="s">
        <v>1521</v>
      </c>
      <c r="O21283" s="5" t="s">
        <v>38</v>
      </c>
      <c r="P21283" s="5" t="s">
        <v>39</v>
      </c>
      <c r="Q21283" s="5" t="s">
        <v>40</v>
      </c>
      <c r="R21283" s="5" t="s">
        <v>68413</v>
      </c>
      <c r="S21283" s="5" t="s">
        <v>40</v>
      </c>
      <c r="T21283" s="5" t="s">
        <v>42</v>
      </c>
      <c r="U21283" s="2">
        <v>2.657</v>
      </c>
      <c r="V21283" s="2">
        <v>2.0739999999999998</v>
      </c>
      <c r="W21283" s="2">
        <v>1.7999999999999999E-2</v>
      </c>
      <c r="X21283" s="2">
        <v>139.1</v>
      </c>
      <c r="Y21283" s="2">
        <v>7.6</v>
      </c>
      <c r="Z21283" s="2">
        <v>16.7</v>
      </c>
      <c r="AA21283" s="5"/>
      <c r="AB21283" s="5" t="s">
        <v>43</v>
      </c>
      <c r="AC21283" s="5" t="s">
        <v>44</v>
      </c>
      <c r="AD21283" s="2"/>
      <c r="AE21283" s="1"/>
    </row>
    <row r="21284" spans="1:31" ht="14.45">
      <c r="A21284" s="11"/>
      <c r="B21284" s="20"/>
      <c r="C21284" s="2" t="s">
        <v>68716</v>
      </c>
      <c r="D21284" s="14" t="s">
        <v>68717</v>
      </c>
      <c r="E21284" s="2" t="s">
        <v>68718</v>
      </c>
      <c r="F21284" s="2" t="s">
        <v>7514</v>
      </c>
      <c r="G21284" s="8">
        <v>185</v>
      </c>
      <c r="H21284" s="5">
        <v>15</v>
      </c>
      <c r="I21284" s="5" t="s">
        <v>1518</v>
      </c>
      <c r="J21284" s="5" t="s">
        <v>68411</v>
      </c>
      <c r="K21284" s="2" t="s">
        <v>68412</v>
      </c>
      <c r="L21284" s="5" t="s">
        <v>68411</v>
      </c>
      <c r="M21284" s="2" t="s">
        <v>68412</v>
      </c>
      <c r="N21284" s="5" t="s">
        <v>1521</v>
      </c>
      <c r="O21284" s="5" t="s">
        <v>38</v>
      </c>
      <c r="P21284" s="5" t="s">
        <v>39</v>
      </c>
      <c r="Q21284" s="5" t="s">
        <v>40</v>
      </c>
      <c r="R21284" s="5" t="s">
        <v>68413</v>
      </c>
      <c r="S21284" s="5" t="s">
        <v>40</v>
      </c>
      <c r="T21284" s="5" t="s">
        <v>42</v>
      </c>
      <c r="U21284" s="2">
        <v>2.681</v>
      </c>
      <c r="V21284" s="2">
        <v>2.097</v>
      </c>
      <c r="W21284" s="2">
        <v>1.7999999999999999E-2</v>
      </c>
      <c r="X21284" s="2">
        <v>139.1</v>
      </c>
      <c r="Y21284" s="2">
        <v>7.6</v>
      </c>
      <c r="Z21284" s="2">
        <v>16.7</v>
      </c>
      <c r="AA21284" s="5"/>
      <c r="AB21284" s="5" t="s">
        <v>43</v>
      </c>
      <c r="AC21284" s="5" t="s">
        <v>44</v>
      </c>
      <c r="AD21284" s="2"/>
      <c r="AE21284" s="1"/>
    </row>
    <row r="21285" spans="1:31" ht="14.45">
      <c r="A21285" s="11"/>
      <c r="B21285" s="20"/>
      <c r="C21285" s="2" t="s">
        <v>68719</v>
      </c>
      <c r="D21285" s="14" t="s">
        <v>68720</v>
      </c>
      <c r="E21285" s="2" t="s">
        <v>68721</v>
      </c>
      <c r="F21285" s="2" t="s">
        <v>68420</v>
      </c>
      <c r="G21285" s="8">
        <v>185</v>
      </c>
      <c r="H21285" s="5">
        <v>15</v>
      </c>
      <c r="I21285" s="5" t="s">
        <v>1518</v>
      </c>
      <c r="J21285" s="5" t="s">
        <v>68411</v>
      </c>
      <c r="K21285" s="2" t="s">
        <v>68412</v>
      </c>
      <c r="L21285" s="5" t="s">
        <v>68411</v>
      </c>
      <c r="M21285" s="2" t="s">
        <v>68412</v>
      </c>
      <c r="N21285" s="5" t="s">
        <v>1521</v>
      </c>
      <c r="O21285" s="5" t="s">
        <v>38</v>
      </c>
      <c r="P21285" s="5" t="s">
        <v>39</v>
      </c>
      <c r="Q21285" s="5" t="s">
        <v>40</v>
      </c>
      <c r="R21285" s="5" t="s">
        <v>68413</v>
      </c>
      <c r="S21285" s="5" t="s">
        <v>40</v>
      </c>
      <c r="T21285" s="5" t="s">
        <v>42</v>
      </c>
      <c r="U21285" s="2">
        <v>2.657</v>
      </c>
      <c r="V21285" s="2">
        <v>2.0739999999999998</v>
      </c>
      <c r="W21285" s="2">
        <v>1.7999999999999999E-2</v>
      </c>
      <c r="X21285" s="2">
        <v>139.1</v>
      </c>
      <c r="Y21285" s="2">
        <v>7.6</v>
      </c>
      <c r="Z21285" s="2">
        <v>16.7</v>
      </c>
      <c r="AA21285" s="5"/>
      <c r="AB21285" s="5" t="s">
        <v>43</v>
      </c>
      <c r="AC21285" s="5" t="s">
        <v>44</v>
      </c>
      <c r="AD21285" s="2"/>
      <c r="AE21285" s="1"/>
    </row>
    <row r="21286" spans="1:31" ht="14.45">
      <c r="A21286" s="11"/>
      <c r="B21286" s="20"/>
      <c r="C21286" s="2" t="s">
        <v>68722</v>
      </c>
      <c r="D21286" s="14" t="s">
        <v>68723</v>
      </c>
      <c r="E21286" s="2" t="s">
        <v>68724</v>
      </c>
      <c r="F21286" s="2" t="s">
        <v>68424</v>
      </c>
      <c r="G21286" s="8">
        <v>185</v>
      </c>
      <c r="H21286" s="5">
        <v>15</v>
      </c>
      <c r="I21286" s="5" t="s">
        <v>1518</v>
      </c>
      <c r="J21286" s="5" t="s">
        <v>68411</v>
      </c>
      <c r="K21286" s="2" t="s">
        <v>68412</v>
      </c>
      <c r="L21286" s="5" t="s">
        <v>68411</v>
      </c>
      <c r="M21286" s="2" t="s">
        <v>68412</v>
      </c>
      <c r="N21286" s="5" t="s">
        <v>1521</v>
      </c>
      <c r="O21286" s="5" t="s">
        <v>38</v>
      </c>
      <c r="P21286" s="5" t="s">
        <v>39</v>
      </c>
      <c r="Q21286" s="5" t="s">
        <v>40</v>
      </c>
      <c r="R21286" s="5" t="s">
        <v>68413</v>
      </c>
      <c r="S21286" s="5" t="s">
        <v>40</v>
      </c>
      <c r="T21286" s="5" t="s">
        <v>42</v>
      </c>
      <c r="U21286" s="2">
        <v>2.681</v>
      </c>
      <c r="V21286" s="2">
        <v>2.097</v>
      </c>
      <c r="W21286" s="2">
        <v>1.7999999999999999E-2</v>
      </c>
      <c r="X21286" s="2">
        <v>139.1</v>
      </c>
      <c r="Y21286" s="2">
        <v>7.6</v>
      </c>
      <c r="Z21286" s="2">
        <v>16.7</v>
      </c>
      <c r="AA21286" s="5"/>
      <c r="AB21286" s="5" t="s">
        <v>43</v>
      </c>
      <c r="AC21286" s="5" t="s">
        <v>44</v>
      </c>
      <c r="AD21286" s="2"/>
      <c r="AE21286" s="1"/>
    </row>
    <row r="21287" spans="1:31" ht="14.45">
      <c r="A21287" s="11"/>
      <c r="B21287" s="20"/>
      <c r="C21287" s="2" t="s">
        <v>68725</v>
      </c>
      <c r="D21287" s="14" t="s">
        <v>68726</v>
      </c>
      <c r="E21287" s="2" t="s">
        <v>68727</v>
      </c>
      <c r="F21287" s="2" t="s">
        <v>7204</v>
      </c>
      <c r="G21287" s="8">
        <v>159</v>
      </c>
      <c r="H21287" s="5">
        <v>15</v>
      </c>
      <c r="I21287" s="5" t="s">
        <v>1518</v>
      </c>
      <c r="J21287" s="5" t="s">
        <v>68411</v>
      </c>
      <c r="K21287" s="2" t="s">
        <v>68412</v>
      </c>
      <c r="L21287" s="5" t="s">
        <v>68411</v>
      </c>
      <c r="M21287" s="2" t="s">
        <v>68412</v>
      </c>
      <c r="N21287" s="5" t="s">
        <v>1521</v>
      </c>
      <c r="O21287" s="5" t="s">
        <v>38</v>
      </c>
      <c r="P21287" s="5" t="s">
        <v>39</v>
      </c>
      <c r="Q21287" s="5" t="s">
        <v>40</v>
      </c>
      <c r="R21287" s="5" t="s">
        <v>68413</v>
      </c>
      <c r="S21287" s="5" t="s">
        <v>40</v>
      </c>
      <c r="T21287" s="5" t="s">
        <v>42</v>
      </c>
      <c r="U21287" s="2">
        <v>1.637</v>
      </c>
      <c r="V21287" s="2">
        <v>1.1040000000000001</v>
      </c>
      <c r="W21287" s="2">
        <v>1.2999999999999999E-2</v>
      </c>
      <c r="X21287" s="2">
        <v>99.1</v>
      </c>
      <c r="Y21287" s="2">
        <v>7.6</v>
      </c>
      <c r="Z21287" s="2">
        <v>16.7</v>
      </c>
      <c r="AA21287" s="5"/>
      <c r="AB21287" s="5" t="s">
        <v>43</v>
      </c>
      <c r="AC21287" s="5" t="s">
        <v>44</v>
      </c>
      <c r="AD21287" s="2"/>
      <c r="AE21287" s="1"/>
    </row>
    <row r="21288" spans="1:31" ht="14.45">
      <c r="A21288" s="11"/>
      <c r="B21288" s="20"/>
      <c r="C21288" s="2" t="s">
        <v>68728</v>
      </c>
      <c r="D21288" s="14" t="s">
        <v>68729</v>
      </c>
      <c r="E21288" s="2" t="s">
        <v>68730</v>
      </c>
      <c r="F21288" s="2" t="s">
        <v>7514</v>
      </c>
      <c r="G21288" s="8">
        <v>159</v>
      </c>
      <c r="H21288" s="5">
        <v>15</v>
      </c>
      <c r="I21288" s="5" t="s">
        <v>1518</v>
      </c>
      <c r="J21288" s="5" t="s">
        <v>68411</v>
      </c>
      <c r="K21288" s="2" t="s">
        <v>68412</v>
      </c>
      <c r="L21288" s="5" t="s">
        <v>68411</v>
      </c>
      <c r="M21288" s="2" t="s">
        <v>68412</v>
      </c>
      <c r="N21288" s="5" t="s">
        <v>1521</v>
      </c>
      <c r="O21288" s="5" t="s">
        <v>38</v>
      </c>
      <c r="P21288" s="5" t="s">
        <v>39</v>
      </c>
      <c r="Q21288" s="5" t="s">
        <v>40</v>
      </c>
      <c r="R21288" s="5" t="s">
        <v>68413</v>
      </c>
      <c r="S21288" s="5" t="s">
        <v>40</v>
      </c>
      <c r="T21288" s="5" t="s">
        <v>42</v>
      </c>
      <c r="U21288" s="2">
        <v>1.6639999999999999</v>
      </c>
      <c r="V21288" s="2">
        <v>1.1299999999999999</v>
      </c>
      <c r="W21288" s="2">
        <v>1.2999999999999999E-2</v>
      </c>
      <c r="X21288" s="2">
        <v>99.1</v>
      </c>
      <c r="Y21288" s="2">
        <v>7.6</v>
      </c>
      <c r="Z21288" s="2">
        <v>16.7</v>
      </c>
      <c r="AA21288" s="5"/>
      <c r="AB21288" s="5" t="s">
        <v>43</v>
      </c>
      <c r="AC21288" s="5" t="s">
        <v>44</v>
      </c>
      <c r="AD21288" s="2"/>
      <c r="AE21288" s="1"/>
    </row>
    <row r="21289" spans="1:31" ht="14.45">
      <c r="A21289" s="11"/>
      <c r="B21289" s="20"/>
      <c r="C21289" s="2" t="s">
        <v>68731</v>
      </c>
      <c r="D21289" s="14" t="s">
        <v>68732</v>
      </c>
      <c r="E21289" s="2" t="s">
        <v>68733</v>
      </c>
      <c r="F21289" s="2" t="s">
        <v>68420</v>
      </c>
      <c r="G21289" s="8">
        <v>159</v>
      </c>
      <c r="H21289" s="5">
        <v>15</v>
      </c>
      <c r="I21289" s="5" t="s">
        <v>1518</v>
      </c>
      <c r="J21289" s="5" t="s">
        <v>68411</v>
      </c>
      <c r="K21289" s="2" t="s">
        <v>68412</v>
      </c>
      <c r="L21289" s="5" t="s">
        <v>68411</v>
      </c>
      <c r="M21289" s="2" t="s">
        <v>68412</v>
      </c>
      <c r="N21289" s="5" t="s">
        <v>1521</v>
      </c>
      <c r="O21289" s="5" t="s">
        <v>38</v>
      </c>
      <c r="P21289" s="5" t="s">
        <v>39</v>
      </c>
      <c r="Q21289" s="5" t="s">
        <v>40</v>
      </c>
      <c r="R21289" s="5" t="s">
        <v>68413</v>
      </c>
      <c r="S21289" s="5" t="s">
        <v>40</v>
      </c>
      <c r="T21289" s="5" t="s">
        <v>42</v>
      </c>
      <c r="U21289" s="2">
        <v>1.637</v>
      </c>
      <c r="V21289" s="2">
        <v>1.1040000000000001</v>
      </c>
      <c r="W21289" s="2">
        <v>1.2999999999999999E-2</v>
      </c>
      <c r="X21289" s="2">
        <v>99.1</v>
      </c>
      <c r="Y21289" s="2">
        <v>7.6</v>
      </c>
      <c r="Z21289" s="2">
        <v>16.7</v>
      </c>
      <c r="AA21289" s="5"/>
      <c r="AB21289" s="5" t="s">
        <v>43</v>
      </c>
      <c r="AC21289" s="5" t="s">
        <v>44</v>
      </c>
      <c r="AD21289" s="2"/>
      <c r="AE21289" s="1"/>
    </row>
    <row r="21290" spans="1:31" ht="14.45">
      <c r="A21290" s="11"/>
      <c r="B21290" s="20"/>
      <c r="C21290" s="2" t="s">
        <v>68734</v>
      </c>
      <c r="D21290" s="14" t="s">
        <v>68735</v>
      </c>
      <c r="E21290" s="2" t="s">
        <v>68736</v>
      </c>
      <c r="F21290" s="2" t="s">
        <v>68424</v>
      </c>
      <c r="G21290" s="8">
        <v>159</v>
      </c>
      <c r="H21290" s="5">
        <v>15</v>
      </c>
      <c r="I21290" s="5" t="s">
        <v>1518</v>
      </c>
      <c r="J21290" s="5" t="s">
        <v>68411</v>
      </c>
      <c r="K21290" s="2" t="s">
        <v>68412</v>
      </c>
      <c r="L21290" s="5" t="s">
        <v>68411</v>
      </c>
      <c r="M21290" s="2" t="s">
        <v>68412</v>
      </c>
      <c r="N21290" s="5" t="s">
        <v>1521</v>
      </c>
      <c r="O21290" s="5" t="s">
        <v>38</v>
      </c>
      <c r="P21290" s="5" t="s">
        <v>39</v>
      </c>
      <c r="Q21290" s="5" t="s">
        <v>40</v>
      </c>
      <c r="R21290" s="5" t="s">
        <v>68413</v>
      </c>
      <c r="S21290" s="5" t="s">
        <v>40</v>
      </c>
      <c r="T21290" s="5" t="s">
        <v>42</v>
      </c>
      <c r="U21290" s="2">
        <v>1.6639999999999999</v>
      </c>
      <c r="V21290" s="2">
        <v>1.1299999999999999</v>
      </c>
      <c r="W21290" s="2">
        <v>1.2999999999999999E-2</v>
      </c>
      <c r="X21290" s="2">
        <v>99.1</v>
      </c>
      <c r="Y21290" s="2">
        <v>7.6</v>
      </c>
      <c r="Z21290" s="2">
        <v>16.7</v>
      </c>
      <c r="AA21290" s="5"/>
      <c r="AB21290" s="5" t="s">
        <v>43</v>
      </c>
      <c r="AC21290" s="5" t="s">
        <v>44</v>
      </c>
      <c r="AD21290" s="2"/>
      <c r="AE21290" s="1"/>
    </row>
    <row r="21291" spans="1:31" ht="14.45">
      <c r="A21291" s="11"/>
      <c r="B21291" s="20"/>
      <c r="C21291" s="2" t="s">
        <v>68737</v>
      </c>
      <c r="D21291" s="14" t="s">
        <v>68738</v>
      </c>
      <c r="E21291" s="2" t="s">
        <v>68739</v>
      </c>
      <c r="F21291" s="2" t="s">
        <v>7204</v>
      </c>
      <c r="G21291" s="8">
        <v>159</v>
      </c>
      <c r="H21291" s="5">
        <v>15</v>
      </c>
      <c r="I21291" s="5" t="s">
        <v>1518</v>
      </c>
      <c r="J21291" s="5" t="s">
        <v>68411</v>
      </c>
      <c r="K21291" s="2" t="s">
        <v>68412</v>
      </c>
      <c r="L21291" s="5" t="s">
        <v>68411</v>
      </c>
      <c r="M21291" s="2" t="s">
        <v>68412</v>
      </c>
      <c r="N21291" s="5" t="s">
        <v>1521</v>
      </c>
      <c r="O21291" s="5" t="s">
        <v>38</v>
      </c>
      <c r="P21291" s="5" t="s">
        <v>39</v>
      </c>
      <c r="Q21291" s="5" t="s">
        <v>40</v>
      </c>
      <c r="R21291" s="5" t="s">
        <v>68413</v>
      </c>
      <c r="S21291" s="5" t="s">
        <v>40</v>
      </c>
      <c r="T21291" s="5" t="s">
        <v>42</v>
      </c>
      <c r="U21291" s="2">
        <v>2.2240000000000002</v>
      </c>
      <c r="V21291" s="2">
        <v>1.7090000000000001</v>
      </c>
      <c r="W21291" s="2">
        <v>1.4999999999999999E-2</v>
      </c>
      <c r="X21291" s="2">
        <v>118.9</v>
      </c>
      <c r="Y21291" s="2">
        <v>7.6</v>
      </c>
      <c r="Z21291" s="2">
        <v>16.7</v>
      </c>
      <c r="AA21291" s="5"/>
      <c r="AB21291" s="5" t="s">
        <v>43</v>
      </c>
      <c r="AC21291" s="5" t="s">
        <v>44</v>
      </c>
      <c r="AD21291" s="2"/>
      <c r="AE21291" s="1"/>
    </row>
    <row r="21292" spans="1:31" ht="14.45">
      <c r="A21292" s="11"/>
      <c r="B21292" s="20"/>
      <c r="C21292" s="2" t="s">
        <v>68740</v>
      </c>
      <c r="D21292" s="14" t="s">
        <v>68741</v>
      </c>
      <c r="E21292" s="2" t="s">
        <v>68742</v>
      </c>
      <c r="F21292" s="2" t="s">
        <v>7514</v>
      </c>
      <c r="G21292" s="8">
        <v>159</v>
      </c>
      <c r="H21292" s="5">
        <v>5</v>
      </c>
      <c r="I21292" s="5" t="s">
        <v>1518</v>
      </c>
      <c r="J21292" s="5" t="s">
        <v>68411</v>
      </c>
      <c r="K21292" s="2" t="s">
        <v>68412</v>
      </c>
      <c r="L21292" s="5" t="s">
        <v>68411</v>
      </c>
      <c r="M21292" s="2" t="s">
        <v>68412</v>
      </c>
      <c r="N21292" s="5" t="s">
        <v>1521</v>
      </c>
      <c r="O21292" s="5" t="s">
        <v>38</v>
      </c>
      <c r="P21292" s="5" t="s">
        <v>39</v>
      </c>
      <c r="Q21292" s="5" t="s">
        <v>40</v>
      </c>
      <c r="R21292" s="5" t="s">
        <v>68413</v>
      </c>
      <c r="S21292" s="5" t="s">
        <v>40</v>
      </c>
      <c r="T21292" s="5" t="s">
        <v>42</v>
      </c>
      <c r="U21292" s="2">
        <v>2.2490000000000001</v>
      </c>
      <c r="V21292" s="2">
        <v>1.7330000000000001</v>
      </c>
      <c r="W21292" s="2">
        <v>1.4999999999999999E-2</v>
      </c>
      <c r="X21292" s="2">
        <v>118.9</v>
      </c>
      <c r="Y21292" s="2">
        <v>7.6</v>
      </c>
      <c r="Z21292" s="2">
        <v>16.7</v>
      </c>
      <c r="AA21292" s="5"/>
      <c r="AB21292" s="5" t="s">
        <v>43</v>
      </c>
      <c r="AC21292" s="5" t="s">
        <v>44</v>
      </c>
      <c r="AD21292" s="2"/>
      <c r="AE21292" s="1"/>
    </row>
    <row r="21293" spans="1:31" ht="14.45">
      <c r="A21293" s="11"/>
      <c r="B21293" s="20"/>
      <c r="C21293" s="2" t="s">
        <v>68743</v>
      </c>
      <c r="D21293" s="14" t="s">
        <v>68744</v>
      </c>
      <c r="E21293" s="2" t="s">
        <v>68745</v>
      </c>
      <c r="F21293" s="2" t="s">
        <v>68420</v>
      </c>
      <c r="G21293" s="8">
        <v>159</v>
      </c>
      <c r="H21293" s="5">
        <v>15</v>
      </c>
      <c r="I21293" s="5" t="s">
        <v>1518</v>
      </c>
      <c r="J21293" s="5" t="s">
        <v>68411</v>
      </c>
      <c r="K21293" s="2" t="s">
        <v>68412</v>
      </c>
      <c r="L21293" s="5" t="s">
        <v>68411</v>
      </c>
      <c r="M21293" s="2" t="s">
        <v>68412</v>
      </c>
      <c r="N21293" s="5" t="s">
        <v>1521</v>
      </c>
      <c r="O21293" s="5" t="s">
        <v>38</v>
      </c>
      <c r="P21293" s="5" t="s">
        <v>39</v>
      </c>
      <c r="Q21293" s="5" t="s">
        <v>40</v>
      </c>
      <c r="R21293" s="5" t="s">
        <v>68413</v>
      </c>
      <c r="S21293" s="5" t="s">
        <v>40</v>
      </c>
      <c r="T21293" s="5" t="s">
        <v>42</v>
      </c>
      <c r="U21293" s="2">
        <v>2.2240000000000002</v>
      </c>
      <c r="V21293" s="2">
        <v>1.7090000000000001</v>
      </c>
      <c r="W21293" s="2">
        <v>1.4999999999999999E-2</v>
      </c>
      <c r="X21293" s="2">
        <v>118.9</v>
      </c>
      <c r="Y21293" s="2">
        <v>7.6</v>
      </c>
      <c r="Z21293" s="2">
        <v>16.7</v>
      </c>
      <c r="AA21293" s="5"/>
      <c r="AB21293" s="5" t="s">
        <v>43</v>
      </c>
      <c r="AC21293" s="5" t="s">
        <v>44</v>
      </c>
      <c r="AD21293" s="2"/>
      <c r="AE21293" s="1"/>
    </row>
    <row r="21294" spans="1:31" ht="14.45">
      <c r="A21294" s="11"/>
      <c r="B21294" s="20"/>
      <c r="C21294" s="2" t="s">
        <v>68746</v>
      </c>
      <c r="D21294" s="14" t="s">
        <v>68747</v>
      </c>
      <c r="E21294" s="2" t="s">
        <v>68748</v>
      </c>
      <c r="F21294" s="2" t="s">
        <v>68424</v>
      </c>
      <c r="G21294" s="8">
        <v>159</v>
      </c>
      <c r="H21294" s="5">
        <v>15</v>
      </c>
      <c r="I21294" s="5" t="s">
        <v>1518</v>
      </c>
      <c r="J21294" s="5" t="s">
        <v>68411</v>
      </c>
      <c r="K21294" s="2" t="s">
        <v>68412</v>
      </c>
      <c r="L21294" s="5" t="s">
        <v>68411</v>
      </c>
      <c r="M21294" s="2" t="s">
        <v>68412</v>
      </c>
      <c r="N21294" s="5" t="s">
        <v>1521</v>
      </c>
      <c r="O21294" s="5" t="s">
        <v>38</v>
      </c>
      <c r="P21294" s="5" t="s">
        <v>39</v>
      </c>
      <c r="Q21294" s="5" t="s">
        <v>40</v>
      </c>
      <c r="R21294" s="5" t="s">
        <v>68413</v>
      </c>
      <c r="S21294" s="5" t="s">
        <v>40</v>
      </c>
      <c r="T21294" s="5" t="s">
        <v>42</v>
      </c>
      <c r="U21294" s="2">
        <v>2.2490000000000001</v>
      </c>
      <c r="V21294" s="2">
        <v>1.7330000000000001</v>
      </c>
      <c r="W21294" s="2">
        <v>1.4999999999999999E-2</v>
      </c>
      <c r="X21294" s="2">
        <v>118.9</v>
      </c>
      <c r="Y21294" s="2">
        <v>7.6</v>
      </c>
      <c r="Z21294" s="2">
        <v>16.7</v>
      </c>
      <c r="AA21294" s="5"/>
      <c r="AB21294" s="5" t="s">
        <v>43</v>
      </c>
      <c r="AC21294" s="5" t="s">
        <v>44</v>
      </c>
      <c r="AD21294" s="2"/>
      <c r="AE21294" s="1"/>
    </row>
    <row r="21295" spans="1:31" ht="14.45">
      <c r="A21295" s="11"/>
      <c r="B21295" s="20"/>
      <c r="C21295" s="2" t="s">
        <v>68749</v>
      </c>
      <c r="D21295" s="14" t="s">
        <v>68750</v>
      </c>
      <c r="E21295" s="2" t="s">
        <v>68751</v>
      </c>
      <c r="F21295" s="2" t="s">
        <v>7204</v>
      </c>
      <c r="G21295" s="8">
        <v>170</v>
      </c>
      <c r="H21295" s="5">
        <v>15</v>
      </c>
      <c r="I21295" s="5" t="s">
        <v>1518</v>
      </c>
      <c r="J21295" s="5" t="s">
        <v>68411</v>
      </c>
      <c r="K21295" s="2" t="s">
        <v>68412</v>
      </c>
      <c r="L21295" s="5" t="s">
        <v>68411</v>
      </c>
      <c r="M21295" s="2" t="s">
        <v>68412</v>
      </c>
      <c r="N21295" s="5" t="s">
        <v>1521</v>
      </c>
      <c r="O21295" s="5" t="s">
        <v>38</v>
      </c>
      <c r="P21295" s="5" t="s">
        <v>39</v>
      </c>
      <c r="Q21295" s="5" t="s">
        <v>40</v>
      </c>
      <c r="R21295" s="5" t="s">
        <v>68413</v>
      </c>
      <c r="S21295" s="5" t="s">
        <v>40</v>
      </c>
      <c r="T21295" s="5" t="s">
        <v>42</v>
      </c>
      <c r="U21295" s="2">
        <v>2.5209999999999999</v>
      </c>
      <c r="V21295" s="2">
        <v>1.9319999999999999</v>
      </c>
      <c r="W21295" s="2">
        <v>1.7999999999999999E-2</v>
      </c>
      <c r="X21295" s="2">
        <v>139.1</v>
      </c>
      <c r="Y21295" s="2">
        <v>7.6</v>
      </c>
      <c r="Z21295" s="2">
        <v>16.7</v>
      </c>
      <c r="AA21295" s="5"/>
      <c r="AB21295" s="5" t="s">
        <v>43</v>
      </c>
      <c r="AC21295" s="5" t="s">
        <v>44</v>
      </c>
      <c r="AD21295" s="2"/>
      <c r="AE21295" s="1"/>
    </row>
    <row r="21296" spans="1:31" ht="14.45">
      <c r="A21296" s="11"/>
      <c r="B21296" s="20"/>
      <c r="C21296" s="2" t="s">
        <v>68752</v>
      </c>
      <c r="D21296" s="14" t="s">
        <v>68753</v>
      </c>
      <c r="E21296" s="2" t="s">
        <v>68754</v>
      </c>
      <c r="F21296" s="2" t="s">
        <v>7514</v>
      </c>
      <c r="G21296" s="8">
        <v>170</v>
      </c>
      <c r="H21296" s="5">
        <v>5</v>
      </c>
      <c r="I21296" s="5" t="s">
        <v>1518</v>
      </c>
      <c r="J21296" s="5" t="s">
        <v>68411</v>
      </c>
      <c r="K21296" s="2" t="s">
        <v>68412</v>
      </c>
      <c r="L21296" s="5" t="s">
        <v>68411</v>
      </c>
      <c r="M21296" s="2" t="s">
        <v>68412</v>
      </c>
      <c r="N21296" s="5" t="s">
        <v>1521</v>
      </c>
      <c r="O21296" s="5" t="s">
        <v>38</v>
      </c>
      <c r="P21296" s="5" t="s">
        <v>39</v>
      </c>
      <c r="Q21296" s="5" t="s">
        <v>40</v>
      </c>
      <c r="R21296" s="5" t="s">
        <v>68413</v>
      </c>
      <c r="S21296" s="5" t="s">
        <v>40</v>
      </c>
      <c r="T21296" s="5" t="s">
        <v>42</v>
      </c>
      <c r="U21296" s="2">
        <v>2.5449999999999999</v>
      </c>
      <c r="V21296" s="2">
        <v>1.9550000000000001</v>
      </c>
      <c r="W21296" s="2">
        <v>1.7999999999999999E-2</v>
      </c>
      <c r="X21296" s="2">
        <v>139.1</v>
      </c>
      <c r="Y21296" s="2">
        <v>7.6</v>
      </c>
      <c r="Z21296" s="2">
        <v>16.7</v>
      </c>
      <c r="AA21296" s="5"/>
      <c r="AB21296" s="5" t="s">
        <v>43</v>
      </c>
      <c r="AC21296" s="5" t="s">
        <v>44</v>
      </c>
      <c r="AD21296" s="2"/>
      <c r="AE21296" s="1"/>
    </row>
    <row r="21297" spans="1:31" ht="14.45">
      <c r="A21297" s="11"/>
      <c r="B21297" s="20"/>
      <c r="C21297" s="2" t="s">
        <v>68755</v>
      </c>
      <c r="D21297" s="14" t="s">
        <v>68756</v>
      </c>
      <c r="E21297" s="2" t="s">
        <v>68757</v>
      </c>
      <c r="F21297" s="2" t="s">
        <v>68420</v>
      </c>
      <c r="G21297" s="8">
        <v>170</v>
      </c>
      <c r="H21297" s="5">
        <v>15</v>
      </c>
      <c r="I21297" s="5" t="s">
        <v>1518</v>
      </c>
      <c r="J21297" s="5" t="s">
        <v>68411</v>
      </c>
      <c r="K21297" s="2" t="s">
        <v>68412</v>
      </c>
      <c r="L21297" s="5" t="s">
        <v>68411</v>
      </c>
      <c r="M21297" s="2" t="s">
        <v>68412</v>
      </c>
      <c r="N21297" s="5" t="s">
        <v>1521</v>
      </c>
      <c r="O21297" s="5" t="s">
        <v>38</v>
      </c>
      <c r="P21297" s="5" t="s">
        <v>39</v>
      </c>
      <c r="Q21297" s="5" t="s">
        <v>40</v>
      </c>
      <c r="R21297" s="5" t="s">
        <v>68413</v>
      </c>
      <c r="S21297" s="5" t="s">
        <v>40</v>
      </c>
      <c r="T21297" s="5" t="s">
        <v>42</v>
      </c>
      <c r="U21297" s="2">
        <v>2.5209999999999999</v>
      </c>
      <c r="V21297" s="2">
        <v>1.9319999999999999</v>
      </c>
      <c r="W21297" s="2">
        <v>1.7999999999999999E-2</v>
      </c>
      <c r="X21297" s="2">
        <v>139.1</v>
      </c>
      <c r="Y21297" s="2">
        <v>7.6</v>
      </c>
      <c r="Z21297" s="2">
        <v>16.7</v>
      </c>
      <c r="AA21297" s="5"/>
      <c r="AB21297" s="5" t="s">
        <v>43</v>
      </c>
      <c r="AC21297" s="5" t="s">
        <v>44</v>
      </c>
      <c r="AD21297" s="2"/>
      <c r="AE21297" s="1"/>
    </row>
    <row r="21298" spans="1:31" ht="14.45">
      <c r="A21298" s="11"/>
      <c r="B21298" s="20"/>
      <c r="C21298" s="2" t="s">
        <v>68758</v>
      </c>
      <c r="D21298" s="14" t="s">
        <v>68759</v>
      </c>
      <c r="E21298" s="2" t="s">
        <v>68760</v>
      </c>
      <c r="F21298" s="2" t="s">
        <v>68424</v>
      </c>
      <c r="G21298" s="8">
        <v>170</v>
      </c>
      <c r="H21298" s="5">
        <v>15</v>
      </c>
      <c r="I21298" s="5" t="s">
        <v>1518</v>
      </c>
      <c r="J21298" s="5" t="s">
        <v>68411</v>
      </c>
      <c r="K21298" s="2" t="s">
        <v>68412</v>
      </c>
      <c r="L21298" s="5" t="s">
        <v>68411</v>
      </c>
      <c r="M21298" s="2" t="s">
        <v>68412</v>
      </c>
      <c r="N21298" s="5" t="s">
        <v>1521</v>
      </c>
      <c r="O21298" s="5" t="s">
        <v>38</v>
      </c>
      <c r="P21298" s="5" t="s">
        <v>39</v>
      </c>
      <c r="Q21298" s="5" t="s">
        <v>40</v>
      </c>
      <c r="R21298" s="5" t="s">
        <v>68413</v>
      </c>
      <c r="S21298" s="5" t="s">
        <v>40</v>
      </c>
      <c r="T21298" s="5" t="s">
        <v>42</v>
      </c>
      <c r="U21298" s="2">
        <v>2.5449999999999999</v>
      </c>
      <c r="V21298" s="2">
        <v>1.9550000000000001</v>
      </c>
      <c r="W21298" s="2">
        <v>1.7999999999999999E-2</v>
      </c>
      <c r="X21298" s="2">
        <v>139.1</v>
      </c>
      <c r="Y21298" s="2">
        <v>7.6</v>
      </c>
      <c r="Z21298" s="2">
        <v>16.7</v>
      </c>
      <c r="AA21298" s="5"/>
      <c r="AB21298" s="5" t="s">
        <v>43</v>
      </c>
      <c r="AC21298" s="5" t="s">
        <v>44</v>
      </c>
      <c r="AD21298" s="2"/>
      <c r="AE21298" s="1"/>
    </row>
    <row r="21299" spans="1:31" ht="14.45">
      <c r="A21299" s="11"/>
      <c r="B21299" s="20"/>
      <c r="C21299" s="2" t="s">
        <v>68761</v>
      </c>
      <c r="D21299" s="14" t="s">
        <v>68762</v>
      </c>
      <c r="E21299" s="2" t="s">
        <v>68763</v>
      </c>
      <c r="F21299" s="2" t="s">
        <v>7204</v>
      </c>
      <c r="G21299" s="8">
        <v>185</v>
      </c>
      <c r="H21299" s="5">
        <v>15</v>
      </c>
      <c r="I21299" s="5" t="s">
        <v>1518</v>
      </c>
      <c r="J21299" s="5" t="s">
        <v>68411</v>
      </c>
      <c r="K21299" s="2" t="s">
        <v>68412</v>
      </c>
      <c r="L21299" s="5" t="s">
        <v>68411</v>
      </c>
      <c r="M21299" s="2" t="s">
        <v>68412</v>
      </c>
      <c r="N21299" s="5" t="s">
        <v>1521</v>
      </c>
      <c r="O21299" s="5" t="s">
        <v>38</v>
      </c>
      <c r="P21299" s="5" t="s">
        <v>39</v>
      </c>
      <c r="Q21299" s="5" t="s">
        <v>40</v>
      </c>
      <c r="R21299" s="5" t="s">
        <v>68413</v>
      </c>
      <c r="S21299" s="5" t="s">
        <v>40</v>
      </c>
      <c r="T21299" s="5" t="s">
        <v>42</v>
      </c>
      <c r="U21299" s="2">
        <v>2.7970000000000002</v>
      </c>
      <c r="V21299" s="2">
        <v>2.1280000000000001</v>
      </c>
      <c r="W21299" s="2">
        <v>0.02</v>
      </c>
      <c r="X21299" s="2">
        <v>159.1</v>
      </c>
      <c r="Y21299" s="2">
        <v>7.6</v>
      </c>
      <c r="Z21299" s="2">
        <v>16.7</v>
      </c>
      <c r="AA21299" s="5"/>
      <c r="AB21299" s="5" t="s">
        <v>43</v>
      </c>
      <c r="AC21299" s="5" t="s">
        <v>44</v>
      </c>
      <c r="AD21299" s="2"/>
      <c r="AE21299" s="1"/>
    </row>
    <row r="21300" spans="1:31" ht="14.45">
      <c r="A21300" s="11"/>
      <c r="B21300" s="20"/>
      <c r="C21300" s="2" t="s">
        <v>68764</v>
      </c>
      <c r="D21300" s="14" t="s">
        <v>68765</v>
      </c>
      <c r="E21300" s="2" t="s">
        <v>68766</v>
      </c>
      <c r="F21300" s="2" t="s">
        <v>7514</v>
      </c>
      <c r="G21300" s="8">
        <v>185</v>
      </c>
      <c r="H21300" s="5">
        <v>5</v>
      </c>
      <c r="I21300" s="5" t="s">
        <v>1518</v>
      </c>
      <c r="J21300" s="5" t="s">
        <v>68411</v>
      </c>
      <c r="K21300" s="2" t="s">
        <v>68412</v>
      </c>
      <c r="L21300" s="5" t="s">
        <v>68411</v>
      </c>
      <c r="M21300" s="2" t="s">
        <v>68412</v>
      </c>
      <c r="N21300" s="5" t="s">
        <v>1521</v>
      </c>
      <c r="O21300" s="5" t="s">
        <v>38</v>
      </c>
      <c r="P21300" s="5" t="s">
        <v>39</v>
      </c>
      <c r="Q21300" s="5" t="s">
        <v>40</v>
      </c>
      <c r="R21300" s="5" t="s">
        <v>68413</v>
      </c>
      <c r="S21300" s="5" t="s">
        <v>40</v>
      </c>
      <c r="T21300" s="5" t="s">
        <v>42</v>
      </c>
      <c r="U21300" s="2">
        <v>2.8210000000000002</v>
      </c>
      <c r="V21300" s="2">
        <v>2.1509999999999998</v>
      </c>
      <c r="W21300" s="2">
        <v>0.02</v>
      </c>
      <c r="X21300" s="2">
        <v>159.1</v>
      </c>
      <c r="Y21300" s="2">
        <v>7.6</v>
      </c>
      <c r="Z21300" s="2">
        <v>16.7</v>
      </c>
      <c r="AA21300" s="5"/>
      <c r="AB21300" s="5" t="s">
        <v>43</v>
      </c>
      <c r="AC21300" s="5" t="s">
        <v>44</v>
      </c>
      <c r="AD21300" s="2"/>
      <c r="AE21300" s="1"/>
    </row>
    <row r="21301" spans="1:31" ht="14.45">
      <c r="A21301" s="11"/>
      <c r="B21301" s="20"/>
      <c r="C21301" s="2" t="s">
        <v>68767</v>
      </c>
      <c r="D21301" s="14" t="s">
        <v>68768</v>
      </c>
      <c r="E21301" s="2" t="s">
        <v>68769</v>
      </c>
      <c r="F21301" s="2" t="s">
        <v>68420</v>
      </c>
      <c r="G21301" s="8">
        <v>185</v>
      </c>
      <c r="H21301" s="5">
        <v>15</v>
      </c>
      <c r="I21301" s="5" t="s">
        <v>1518</v>
      </c>
      <c r="J21301" s="5" t="s">
        <v>68411</v>
      </c>
      <c r="K21301" s="2" t="s">
        <v>68412</v>
      </c>
      <c r="L21301" s="5" t="s">
        <v>68411</v>
      </c>
      <c r="M21301" s="2" t="s">
        <v>68412</v>
      </c>
      <c r="N21301" s="5" t="s">
        <v>1521</v>
      </c>
      <c r="O21301" s="5" t="s">
        <v>38</v>
      </c>
      <c r="P21301" s="5" t="s">
        <v>39</v>
      </c>
      <c r="Q21301" s="5" t="s">
        <v>40</v>
      </c>
      <c r="R21301" s="5" t="s">
        <v>68413</v>
      </c>
      <c r="S21301" s="5" t="s">
        <v>40</v>
      </c>
      <c r="T21301" s="5" t="s">
        <v>42</v>
      </c>
      <c r="U21301" s="2">
        <v>2.7970000000000002</v>
      </c>
      <c r="V21301" s="2">
        <v>2.1280000000000001</v>
      </c>
      <c r="W21301" s="2">
        <v>0.02</v>
      </c>
      <c r="X21301" s="2">
        <v>159.1</v>
      </c>
      <c r="Y21301" s="2">
        <v>7.6</v>
      </c>
      <c r="Z21301" s="2">
        <v>16.7</v>
      </c>
      <c r="AA21301" s="5"/>
      <c r="AB21301" s="5" t="s">
        <v>43</v>
      </c>
      <c r="AC21301" s="5" t="s">
        <v>44</v>
      </c>
      <c r="AD21301" s="2"/>
      <c r="AE21301" s="1"/>
    </row>
    <row r="21302" spans="1:31" ht="14.45">
      <c r="A21302" s="11"/>
      <c r="B21302" s="20"/>
      <c r="C21302" s="2" t="s">
        <v>68770</v>
      </c>
      <c r="D21302" s="14" t="s">
        <v>68771</v>
      </c>
      <c r="E21302" s="2" t="s">
        <v>68772</v>
      </c>
      <c r="F21302" s="2" t="s">
        <v>68424</v>
      </c>
      <c r="G21302" s="8">
        <v>185</v>
      </c>
      <c r="H21302" s="5">
        <v>15</v>
      </c>
      <c r="I21302" s="5" t="s">
        <v>1518</v>
      </c>
      <c r="J21302" s="5" t="s">
        <v>68411</v>
      </c>
      <c r="K21302" s="2" t="s">
        <v>68412</v>
      </c>
      <c r="L21302" s="5" t="s">
        <v>68411</v>
      </c>
      <c r="M21302" s="2" t="s">
        <v>68412</v>
      </c>
      <c r="N21302" s="5" t="s">
        <v>1521</v>
      </c>
      <c r="O21302" s="5" t="s">
        <v>38</v>
      </c>
      <c r="P21302" s="5" t="s">
        <v>39</v>
      </c>
      <c r="Q21302" s="5" t="s">
        <v>40</v>
      </c>
      <c r="R21302" s="5" t="s">
        <v>68413</v>
      </c>
      <c r="S21302" s="5" t="s">
        <v>40</v>
      </c>
      <c r="T21302" s="5" t="s">
        <v>42</v>
      </c>
      <c r="U21302" s="2">
        <v>2.8210000000000002</v>
      </c>
      <c r="V21302" s="2">
        <v>2.1509999999999998</v>
      </c>
      <c r="W21302" s="2">
        <v>0.02</v>
      </c>
      <c r="X21302" s="2">
        <v>159.1</v>
      </c>
      <c r="Y21302" s="2">
        <v>7.6</v>
      </c>
      <c r="Z21302" s="2">
        <v>16.7</v>
      </c>
      <c r="AA21302" s="5"/>
      <c r="AB21302" s="5" t="s">
        <v>43</v>
      </c>
      <c r="AC21302" s="5" t="s">
        <v>44</v>
      </c>
      <c r="AD21302" s="2"/>
      <c r="AE21302" s="1"/>
    </row>
    <row r="21303" spans="1:31" ht="14.45">
      <c r="A21303" s="11"/>
      <c r="B21303" s="20"/>
      <c r="C21303" s="2" t="s">
        <v>68773</v>
      </c>
      <c r="D21303" s="14" t="s">
        <v>68774</v>
      </c>
      <c r="E21303" s="2" t="s">
        <v>68775</v>
      </c>
      <c r="F21303" s="2" t="s">
        <v>7204</v>
      </c>
      <c r="G21303" s="8">
        <v>179</v>
      </c>
      <c r="H21303" s="5">
        <v>15</v>
      </c>
      <c r="I21303" s="5" t="s">
        <v>1518</v>
      </c>
      <c r="J21303" s="5" t="s">
        <v>68411</v>
      </c>
      <c r="K21303" s="2" t="s">
        <v>68412</v>
      </c>
      <c r="L21303" s="5" t="s">
        <v>68411</v>
      </c>
      <c r="M21303" s="2" t="s">
        <v>68412</v>
      </c>
      <c r="N21303" s="5" t="s">
        <v>1521</v>
      </c>
      <c r="O21303" s="5" t="s">
        <v>38</v>
      </c>
      <c r="P21303" s="5" t="s">
        <v>39</v>
      </c>
      <c r="Q21303" s="5" t="s">
        <v>40</v>
      </c>
      <c r="R21303" s="5" t="s">
        <v>68413</v>
      </c>
      <c r="S21303" s="5" t="s">
        <v>40</v>
      </c>
      <c r="T21303" s="5" t="s">
        <v>42</v>
      </c>
      <c r="U21303" s="2">
        <v>2.2599999999999998</v>
      </c>
      <c r="V21303" s="2">
        <v>1.7370000000000001</v>
      </c>
      <c r="W21303" s="2">
        <v>1.4999999999999999E-2</v>
      </c>
      <c r="X21303" s="2">
        <v>118.9</v>
      </c>
      <c r="Y21303" s="2">
        <v>7.6</v>
      </c>
      <c r="Z21303" s="2">
        <v>16.7</v>
      </c>
      <c r="AA21303" s="5"/>
      <c r="AB21303" s="5" t="s">
        <v>43</v>
      </c>
      <c r="AC21303" s="5" t="s">
        <v>44</v>
      </c>
      <c r="AD21303" s="2"/>
      <c r="AE21303" s="1"/>
    </row>
    <row r="21304" spans="1:31" ht="14.45">
      <c r="A21304" s="11"/>
      <c r="B21304" s="20"/>
      <c r="C21304" s="2" t="s">
        <v>68776</v>
      </c>
      <c r="D21304" s="14" t="s">
        <v>68777</v>
      </c>
      <c r="E21304" s="2" t="s">
        <v>68778</v>
      </c>
      <c r="F21304" s="2" t="s">
        <v>7514</v>
      </c>
      <c r="G21304" s="8">
        <v>179</v>
      </c>
      <c r="H21304" s="5">
        <v>15</v>
      </c>
      <c r="I21304" s="5" t="s">
        <v>1518</v>
      </c>
      <c r="J21304" s="5" t="s">
        <v>68411</v>
      </c>
      <c r="K21304" s="2" t="s">
        <v>68412</v>
      </c>
      <c r="L21304" s="5" t="s">
        <v>68411</v>
      </c>
      <c r="M21304" s="2" t="s">
        <v>68412</v>
      </c>
      <c r="N21304" s="5" t="s">
        <v>1521</v>
      </c>
      <c r="O21304" s="5" t="s">
        <v>38</v>
      </c>
      <c r="P21304" s="5" t="s">
        <v>39</v>
      </c>
      <c r="Q21304" s="5" t="s">
        <v>40</v>
      </c>
      <c r="R21304" s="5" t="s">
        <v>68413</v>
      </c>
      <c r="S21304" s="5" t="s">
        <v>40</v>
      </c>
      <c r="T21304" s="5" t="s">
        <v>42</v>
      </c>
      <c r="U21304" s="2">
        <v>2.2930000000000001</v>
      </c>
      <c r="V21304" s="2">
        <v>1.7689999999999999</v>
      </c>
      <c r="W21304" s="2">
        <v>1.4999999999999999E-2</v>
      </c>
      <c r="X21304" s="2">
        <v>118.9</v>
      </c>
      <c r="Y21304" s="2">
        <v>7.6</v>
      </c>
      <c r="Z21304" s="2">
        <v>16.7</v>
      </c>
      <c r="AA21304" s="5"/>
      <c r="AB21304" s="5" t="s">
        <v>43</v>
      </c>
      <c r="AC21304" s="5" t="s">
        <v>44</v>
      </c>
      <c r="AD21304" s="2"/>
      <c r="AE21304" s="1"/>
    </row>
    <row r="21305" spans="1:31" ht="14.45">
      <c r="A21305" s="11"/>
      <c r="B21305" s="20"/>
      <c r="C21305" s="2" t="s">
        <v>68779</v>
      </c>
      <c r="D21305" s="14" t="s">
        <v>68780</v>
      </c>
      <c r="E21305" s="2" t="s">
        <v>68781</v>
      </c>
      <c r="F21305" s="2" t="s">
        <v>68420</v>
      </c>
      <c r="G21305" s="8">
        <v>179</v>
      </c>
      <c r="H21305" s="5">
        <v>15</v>
      </c>
      <c r="I21305" s="5" t="s">
        <v>1518</v>
      </c>
      <c r="J21305" s="5" t="s">
        <v>68411</v>
      </c>
      <c r="K21305" s="2" t="s">
        <v>68412</v>
      </c>
      <c r="L21305" s="5" t="s">
        <v>68411</v>
      </c>
      <c r="M21305" s="2" t="s">
        <v>68412</v>
      </c>
      <c r="N21305" s="5" t="s">
        <v>1521</v>
      </c>
      <c r="O21305" s="5" t="s">
        <v>38</v>
      </c>
      <c r="P21305" s="5" t="s">
        <v>39</v>
      </c>
      <c r="Q21305" s="5" t="s">
        <v>40</v>
      </c>
      <c r="R21305" s="5" t="s">
        <v>68413</v>
      </c>
      <c r="S21305" s="5" t="s">
        <v>40</v>
      </c>
      <c r="T21305" s="5" t="s">
        <v>42</v>
      </c>
      <c r="U21305" s="2">
        <v>2.2599999999999998</v>
      </c>
      <c r="V21305" s="2">
        <v>1.7370000000000001</v>
      </c>
      <c r="W21305" s="2">
        <v>1.4999999999999999E-2</v>
      </c>
      <c r="X21305" s="2">
        <v>118.9</v>
      </c>
      <c r="Y21305" s="2">
        <v>7.6</v>
      </c>
      <c r="Z21305" s="2">
        <v>16.7</v>
      </c>
      <c r="AA21305" s="5"/>
      <c r="AB21305" s="5" t="s">
        <v>43</v>
      </c>
      <c r="AC21305" s="5" t="s">
        <v>44</v>
      </c>
      <c r="AD21305" s="2"/>
      <c r="AE21305" s="1"/>
    </row>
    <row r="21306" spans="1:31" ht="14.45">
      <c r="A21306" s="11"/>
      <c r="B21306" s="20"/>
      <c r="C21306" s="2" t="s">
        <v>68782</v>
      </c>
      <c r="D21306" s="14" t="s">
        <v>68783</v>
      </c>
      <c r="E21306" s="2" t="s">
        <v>68784</v>
      </c>
      <c r="F21306" s="2" t="s">
        <v>68424</v>
      </c>
      <c r="G21306" s="8">
        <v>179</v>
      </c>
      <c r="H21306" s="5">
        <v>15</v>
      </c>
      <c r="I21306" s="5" t="s">
        <v>1518</v>
      </c>
      <c r="J21306" s="5" t="s">
        <v>68411</v>
      </c>
      <c r="K21306" s="2" t="s">
        <v>68412</v>
      </c>
      <c r="L21306" s="5" t="s">
        <v>68411</v>
      </c>
      <c r="M21306" s="2" t="s">
        <v>68412</v>
      </c>
      <c r="N21306" s="5" t="s">
        <v>1521</v>
      </c>
      <c r="O21306" s="5" t="s">
        <v>38</v>
      </c>
      <c r="P21306" s="5" t="s">
        <v>39</v>
      </c>
      <c r="Q21306" s="5" t="s">
        <v>40</v>
      </c>
      <c r="R21306" s="5" t="s">
        <v>68413</v>
      </c>
      <c r="S21306" s="5" t="s">
        <v>40</v>
      </c>
      <c r="T21306" s="5" t="s">
        <v>42</v>
      </c>
      <c r="U21306" s="2">
        <v>2.2930000000000001</v>
      </c>
      <c r="V21306" s="2">
        <v>1.7689999999999999</v>
      </c>
      <c r="W21306" s="2">
        <v>1.4999999999999999E-2</v>
      </c>
      <c r="X21306" s="2">
        <v>118.9</v>
      </c>
      <c r="Y21306" s="2">
        <v>7.6</v>
      </c>
      <c r="Z21306" s="2">
        <v>16.7</v>
      </c>
      <c r="AA21306" s="5"/>
      <c r="AB21306" s="5" t="s">
        <v>43</v>
      </c>
      <c r="AC21306" s="5" t="s">
        <v>44</v>
      </c>
      <c r="AD21306" s="2"/>
      <c r="AE21306" s="1"/>
    </row>
    <row r="21307" spans="1:31" ht="14.45">
      <c r="A21307" s="11"/>
      <c r="B21307" s="20"/>
      <c r="C21307" s="2" t="s">
        <v>68785</v>
      </c>
      <c r="D21307" s="14" t="s">
        <v>68786</v>
      </c>
      <c r="E21307" s="2" t="s">
        <v>68787</v>
      </c>
      <c r="F21307" s="2" t="s">
        <v>7204</v>
      </c>
      <c r="G21307" s="8">
        <v>179</v>
      </c>
      <c r="H21307" s="5">
        <v>5</v>
      </c>
      <c r="I21307" s="5" t="s">
        <v>1518</v>
      </c>
      <c r="J21307" s="5" t="s">
        <v>68411</v>
      </c>
      <c r="K21307" s="2" t="s">
        <v>68412</v>
      </c>
      <c r="L21307" s="5" t="s">
        <v>68411</v>
      </c>
      <c r="M21307" s="2" t="s">
        <v>68412</v>
      </c>
      <c r="N21307" s="5" t="s">
        <v>1521</v>
      </c>
      <c r="O21307" s="5" t="s">
        <v>38</v>
      </c>
      <c r="P21307" s="5" t="s">
        <v>39</v>
      </c>
      <c r="Q21307" s="5" t="s">
        <v>40</v>
      </c>
      <c r="R21307" s="5" t="s">
        <v>68413</v>
      </c>
      <c r="S21307" s="5" t="s">
        <v>40</v>
      </c>
      <c r="T21307" s="5" t="s">
        <v>42</v>
      </c>
      <c r="U21307" s="2">
        <v>2.4740000000000002</v>
      </c>
      <c r="V21307" s="2">
        <v>1.9590000000000001</v>
      </c>
      <c r="W21307" s="2">
        <v>1.4999999999999999E-2</v>
      </c>
      <c r="X21307" s="2">
        <v>118.9</v>
      </c>
      <c r="Y21307" s="2">
        <v>7.6</v>
      </c>
      <c r="Z21307" s="2">
        <v>16.7</v>
      </c>
      <c r="AA21307" s="5"/>
      <c r="AB21307" s="5" t="s">
        <v>43</v>
      </c>
      <c r="AC21307" s="5" t="s">
        <v>44</v>
      </c>
      <c r="AD21307" s="2"/>
      <c r="AE21307" s="1"/>
    </row>
    <row r="21308" spans="1:31" ht="14.45">
      <c r="A21308" s="11"/>
      <c r="B21308" s="20"/>
      <c r="C21308" s="2" t="s">
        <v>68788</v>
      </c>
      <c r="D21308" s="14" t="s">
        <v>68789</v>
      </c>
      <c r="E21308" s="2" t="s">
        <v>68790</v>
      </c>
      <c r="F21308" s="2" t="s">
        <v>7514</v>
      </c>
      <c r="G21308" s="8">
        <v>179</v>
      </c>
      <c r="H21308" s="5">
        <v>5</v>
      </c>
      <c r="I21308" s="5" t="s">
        <v>1518</v>
      </c>
      <c r="J21308" s="5" t="s">
        <v>68411</v>
      </c>
      <c r="K21308" s="2" t="s">
        <v>68412</v>
      </c>
      <c r="L21308" s="5" t="s">
        <v>68411</v>
      </c>
      <c r="M21308" s="2" t="s">
        <v>68412</v>
      </c>
      <c r="N21308" s="5" t="s">
        <v>1521</v>
      </c>
      <c r="O21308" s="5" t="s">
        <v>38</v>
      </c>
      <c r="P21308" s="5" t="s">
        <v>39</v>
      </c>
      <c r="Q21308" s="5" t="s">
        <v>40</v>
      </c>
      <c r="R21308" s="5" t="s">
        <v>68413</v>
      </c>
      <c r="S21308" s="5" t="s">
        <v>40</v>
      </c>
      <c r="T21308" s="5" t="s">
        <v>42</v>
      </c>
      <c r="U21308" s="2">
        <v>2.5059999999999998</v>
      </c>
      <c r="V21308" s="2">
        <v>1.99</v>
      </c>
      <c r="W21308" s="2">
        <v>1.4999999999999999E-2</v>
      </c>
      <c r="X21308" s="2">
        <v>118.9</v>
      </c>
      <c r="Y21308" s="2">
        <v>7.6</v>
      </c>
      <c r="Z21308" s="2">
        <v>16.7</v>
      </c>
      <c r="AA21308" s="5"/>
      <c r="AB21308" s="5" t="s">
        <v>43</v>
      </c>
      <c r="AC21308" s="5" t="s">
        <v>44</v>
      </c>
      <c r="AD21308" s="2"/>
      <c r="AE21308" s="1"/>
    </row>
    <row r="21309" spans="1:31" ht="14.45">
      <c r="A21309" s="11"/>
      <c r="B21309" s="20"/>
      <c r="C21309" s="2" t="s">
        <v>68791</v>
      </c>
      <c r="D21309" s="14" t="s">
        <v>68792</v>
      </c>
      <c r="E21309" s="2" t="s">
        <v>68793</v>
      </c>
      <c r="F21309" s="2" t="s">
        <v>68420</v>
      </c>
      <c r="G21309" s="8">
        <v>179</v>
      </c>
      <c r="H21309" s="5">
        <v>15</v>
      </c>
      <c r="I21309" s="5" t="s">
        <v>1518</v>
      </c>
      <c r="J21309" s="5" t="s">
        <v>68411</v>
      </c>
      <c r="K21309" s="2" t="s">
        <v>68412</v>
      </c>
      <c r="L21309" s="5" t="s">
        <v>68411</v>
      </c>
      <c r="M21309" s="2" t="s">
        <v>68412</v>
      </c>
      <c r="N21309" s="5" t="s">
        <v>1521</v>
      </c>
      <c r="O21309" s="5" t="s">
        <v>38</v>
      </c>
      <c r="P21309" s="5" t="s">
        <v>39</v>
      </c>
      <c r="Q21309" s="5" t="s">
        <v>40</v>
      </c>
      <c r="R21309" s="5" t="s">
        <v>68413</v>
      </c>
      <c r="S21309" s="5" t="s">
        <v>40</v>
      </c>
      <c r="T21309" s="5" t="s">
        <v>42</v>
      </c>
      <c r="U21309" s="2">
        <v>2.4740000000000002</v>
      </c>
      <c r="V21309" s="2">
        <v>1.9590000000000001</v>
      </c>
      <c r="W21309" s="2">
        <v>1.4999999999999999E-2</v>
      </c>
      <c r="X21309" s="2">
        <v>118.9</v>
      </c>
      <c r="Y21309" s="2">
        <v>7.6</v>
      </c>
      <c r="Z21309" s="2">
        <v>16.7</v>
      </c>
      <c r="AA21309" s="5"/>
      <c r="AB21309" s="5" t="s">
        <v>43</v>
      </c>
      <c r="AC21309" s="5" t="s">
        <v>44</v>
      </c>
      <c r="AD21309" s="2"/>
      <c r="AE21309" s="1"/>
    </row>
    <row r="21310" spans="1:31" ht="14.45">
      <c r="A21310" s="11"/>
      <c r="B21310" s="20"/>
      <c r="C21310" s="2" t="s">
        <v>68794</v>
      </c>
      <c r="D21310" s="14" t="s">
        <v>68795</v>
      </c>
      <c r="E21310" s="2" t="s">
        <v>68796</v>
      </c>
      <c r="F21310" s="2" t="s">
        <v>68424</v>
      </c>
      <c r="G21310" s="8">
        <v>179</v>
      </c>
      <c r="H21310" s="5">
        <v>15</v>
      </c>
      <c r="I21310" s="5" t="s">
        <v>1518</v>
      </c>
      <c r="J21310" s="5" t="s">
        <v>68411</v>
      </c>
      <c r="K21310" s="2" t="s">
        <v>68412</v>
      </c>
      <c r="L21310" s="5" t="s">
        <v>68411</v>
      </c>
      <c r="M21310" s="2" t="s">
        <v>68412</v>
      </c>
      <c r="N21310" s="5" t="s">
        <v>1521</v>
      </c>
      <c r="O21310" s="5" t="s">
        <v>38</v>
      </c>
      <c r="P21310" s="5" t="s">
        <v>39</v>
      </c>
      <c r="Q21310" s="5" t="s">
        <v>40</v>
      </c>
      <c r="R21310" s="5" t="s">
        <v>68413</v>
      </c>
      <c r="S21310" s="5" t="s">
        <v>40</v>
      </c>
      <c r="T21310" s="5" t="s">
        <v>42</v>
      </c>
      <c r="U21310" s="2">
        <v>2.5059999999999998</v>
      </c>
      <c r="V21310" s="2">
        <v>1.99</v>
      </c>
      <c r="W21310" s="2">
        <v>1.4999999999999999E-2</v>
      </c>
      <c r="X21310" s="2">
        <v>118.9</v>
      </c>
      <c r="Y21310" s="2">
        <v>7.6</v>
      </c>
      <c r="Z21310" s="2">
        <v>16.7</v>
      </c>
      <c r="AA21310" s="5"/>
      <c r="AB21310" s="5" t="s">
        <v>43</v>
      </c>
      <c r="AC21310" s="5" t="s">
        <v>44</v>
      </c>
      <c r="AD21310" s="2"/>
      <c r="AE21310" s="1"/>
    </row>
    <row r="21311" spans="1:31" ht="14.45">
      <c r="A21311" s="11"/>
      <c r="B21311" s="20"/>
      <c r="C21311" s="2" t="s">
        <v>68797</v>
      </c>
      <c r="D21311" s="14" t="s">
        <v>68798</v>
      </c>
      <c r="E21311" s="2" t="s">
        <v>68799</v>
      </c>
      <c r="F21311" s="2" t="s">
        <v>7204</v>
      </c>
      <c r="G21311" s="8">
        <v>190</v>
      </c>
      <c r="H21311" s="5">
        <v>15</v>
      </c>
      <c r="I21311" s="5" t="s">
        <v>1518</v>
      </c>
      <c r="J21311" s="5" t="s">
        <v>68411</v>
      </c>
      <c r="K21311" s="2" t="s">
        <v>68412</v>
      </c>
      <c r="L21311" s="5" t="s">
        <v>68411</v>
      </c>
      <c r="M21311" s="2" t="s">
        <v>68412</v>
      </c>
      <c r="N21311" s="5" t="s">
        <v>1521</v>
      </c>
      <c r="O21311" s="5" t="s">
        <v>38</v>
      </c>
      <c r="P21311" s="5" t="s">
        <v>39</v>
      </c>
      <c r="Q21311" s="5" t="s">
        <v>40</v>
      </c>
      <c r="R21311" s="5" t="s">
        <v>68413</v>
      </c>
      <c r="S21311" s="5" t="s">
        <v>40</v>
      </c>
      <c r="T21311" s="5" t="s">
        <v>42</v>
      </c>
      <c r="U21311" s="2">
        <v>2.7170000000000001</v>
      </c>
      <c r="V21311" s="2">
        <v>2.2109999999999999</v>
      </c>
      <c r="W21311" s="2">
        <v>1.4999999999999999E-2</v>
      </c>
      <c r="X21311" s="2">
        <v>118.9</v>
      </c>
      <c r="Y21311" s="2">
        <v>7.6</v>
      </c>
      <c r="Z21311" s="2">
        <v>16.7</v>
      </c>
      <c r="AA21311" s="5"/>
      <c r="AB21311" s="5" t="s">
        <v>43</v>
      </c>
      <c r="AC21311" s="5" t="s">
        <v>44</v>
      </c>
      <c r="AD21311" s="2"/>
      <c r="AE21311" s="1"/>
    </row>
    <row r="21312" spans="1:31" ht="14.45">
      <c r="A21312" s="11"/>
      <c r="B21312" s="20"/>
      <c r="C21312" s="2" t="s">
        <v>68800</v>
      </c>
      <c r="D21312" s="14" t="s">
        <v>68801</v>
      </c>
      <c r="E21312" s="2" t="s">
        <v>68802</v>
      </c>
      <c r="F21312" s="2" t="s">
        <v>7514</v>
      </c>
      <c r="G21312" s="8">
        <v>190</v>
      </c>
      <c r="H21312" s="5">
        <v>15</v>
      </c>
      <c r="I21312" s="5" t="s">
        <v>1518</v>
      </c>
      <c r="J21312" s="5" t="s">
        <v>68411</v>
      </c>
      <c r="K21312" s="2" t="s">
        <v>68412</v>
      </c>
      <c r="L21312" s="5" t="s">
        <v>68411</v>
      </c>
      <c r="M21312" s="2" t="s">
        <v>68412</v>
      </c>
      <c r="N21312" s="5" t="s">
        <v>1521</v>
      </c>
      <c r="O21312" s="5" t="s">
        <v>38</v>
      </c>
      <c r="P21312" s="5" t="s">
        <v>39</v>
      </c>
      <c r="Q21312" s="5" t="s">
        <v>40</v>
      </c>
      <c r="R21312" s="5" t="s">
        <v>68413</v>
      </c>
      <c r="S21312" s="5" t="s">
        <v>40</v>
      </c>
      <c r="T21312" s="5" t="s">
        <v>42</v>
      </c>
      <c r="U21312" s="2">
        <v>2.7480000000000002</v>
      </c>
      <c r="V21312" s="2">
        <v>2.2410000000000001</v>
      </c>
      <c r="W21312" s="2">
        <v>1.4999999999999999E-2</v>
      </c>
      <c r="X21312" s="2">
        <v>118.9</v>
      </c>
      <c r="Y21312" s="2">
        <v>7.6</v>
      </c>
      <c r="Z21312" s="2">
        <v>16.7</v>
      </c>
      <c r="AA21312" s="5"/>
      <c r="AB21312" s="5" t="s">
        <v>43</v>
      </c>
      <c r="AC21312" s="5" t="s">
        <v>44</v>
      </c>
      <c r="AD21312" s="2"/>
      <c r="AE21312" s="1"/>
    </row>
    <row r="21313" spans="1:31" ht="14.45">
      <c r="A21313" s="11"/>
      <c r="B21313" s="20"/>
      <c r="C21313" s="2" t="s">
        <v>68803</v>
      </c>
      <c r="D21313" s="14" t="s">
        <v>68804</v>
      </c>
      <c r="E21313" s="2" t="s">
        <v>68805</v>
      </c>
      <c r="F21313" s="2" t="s">
        <v>68420</v>
      </c>
      <c r="G21313" s="8">
        <v>190</v>
      </c>
      <c r="H21313" s="5">
        <v>15</v>
      </c>
      <c r="I21313" s="5" t="s">
        <v>1518</v>
      </c>
      <c r="J21313" s="5" t="s">
        <v>68411</v>
      </c>
      <c r="K21313" s="2" t="s">
        <v>68412</v>
      </c>
      <c r="L21313" s="5" t="s">
        <v>68411</v>
      </c>
      <c r="M21313" s="2" t="s">
        <v>68412</v>
      </c>
      <c r="N21313" s="5" t="s">
        <v>1521</v>
      </c>
      <c r="O21313" s="5" t="s">
        <v>38</v>
      </c>
      <c r="P21313" s="5" t="s">
        <v>39</v>
      </c>
      <c r="Q21313" s="5" t="s">
        <v>40</v>
      </c>
      <c r="R21313" s="5" t="s">
        <v>68413</v>
      </c>
      <c r="S21313" s="5" t="s">
        <v>40</v>
      </c>
      <c r="T21313" s="5" t="s">
        <v>42</v>
      </c>
      <c r="U21313" s="2">
        <v>2.7170000000000001</v>
      </c>
      <c r="V21313" s="2">
        <v>2.2109999999999999</v>
      </c>
      <c r="W21313" s="2">
        <v>1.4999999999999999E-2</v>
      </c>
      <c r="X21313" s="2">
        <v>118.9</v>
      </c>
      <c r="Y21313" s="2">
        <v>7.6</v>
      </c>
      <c r="Z21313" s="2">
        <v>16.7</v>
      </c>
      <c r="AA21313" s="5"/>
      <c r="AB21313" s="5" t="s">
        <v>43</v>
      </c>
      <c r="AC21313" s="5" t="s">
        <v>44</v>
      </c>
      <c r="AD21313" s="2"/>
      <c r="AE21313" s="1"/>
    </row>
    <row r="21314" spans="1:31" ht="14.45">
      <c r="A21314" s="11"/>
      <c r="B21314" s="20"/>
      <c r="C21314" s="2" t="s">
        <v>68806</v>
      </c>
      <c r="D21314" s="14" t="s">
        <v>68807</v>
      </c>
      <c r="E21314" s="2" t="s">
        <v>68808</v>
      </c>
      <c r="F21314" s="2" t="s">
        <v>68424</v>
      </c>
      <c r="G21314" s="8">
        <v>190</v>
      </c>
      <c r="H21314" s="5">
        <v>15</v>
      </c>
      <c r="I21314" s="5" t="s">
        <v>1518</v>
      </c>
      <c r="J21314" s="5" t="s">
        <v>68411</v>
      </c>
      <c r="K21314" s="2" t="s">
        <v>68412</v>
      </c>
      <c r="L21314" s="5" t="s">
        <v>68411</v>
      </c>
      <c r="M21314" s="2" t="s">
        <v>68412</v>
      </c>
      <c r="N21314" s="5" t="s">
        <v>1521</v>
      </c>
      <c r="O21314" s="5" t="s">
        <v>38</v>
      </c>
      <c r="P21314" s="5" t="s">
        <v>39</v>
      </c>
      <c r="Q21314" s="5" t="s">
        <v>40</v>
      </c>
      <c r="R21314" s="5" t="s">
        <v>68413</v>
      </c>
      <c r="S21314" s="5" t="s">
        <v>40</v>
      </c>
      <c r="T21314" s="5" t="s">
        <v>42</v>
      </c>
      <c r="U21314" s="2">
        <v>2.7480000000000002</v>
      </c>
      <c r="V21314" s="2">
        <v>2.2410000000000001</v>
      </c>
      <c r="W21314" s="2">
        <v>1.4999999999999999E-2</v>
      </c>
      <c r="X21314" s="2">
        <v>118.9</v>
      </c>
      <c r="Y21314" s="2">
        <v>7.6</v>
      </c>
      <c r="Z21314" s="2">
        <v>16.7</v>
      </c>
      <c r="AA21314" s="5"/>
      <c r="AB21314" s="5" t="s">
        <v>43</v>
      </c>
      <c r="AC21314" s="5" t="s">
        <v>44</v>
      </c>
      <c r="AD21314" s="2"/>
      <c r="AE21314" s="1"/>
    </row>
    <row r="21315" spans="1:31" ht="14.45">
      <c r="A21315" s="11"/>
      <c r="B21315" s="20"/>
      <c r="C21315" s="2" t="s">
        <v>68809</v>
      </c>
      <c r="D21315" s="14" t="s">
        <v>68810</v>
      </c>
      <c r="E21315" s="2" t="s">
        <v>68811</v>
      </c>
      <c r="F21315" s="2" t="s">
        <v>7204</v>
      </c>
      <c r="G21315" s="8">
        <v>213</v>
      </c>
      <c r="H21315" s="5">
        <v>15</v>
      </c>
      <c r="I21315" s="5" t="s">
        <v>1518</v>
      </c>
      <c r="J21315" s="5" t="s">
        <v>68411</v>
      </c>
      <c r="K21315" s="2" t="s">
        <v>68412</v>
      </c>
      <c r="L21315" s="5" t="s">
        <v>68411</v>
      </c>
      <c r="M21315" s="2" t="s">
        <v>68412</v>
      </c>
      <c r="N21315" s="5" t="s">
        <v>1521</v>
      </c>
      <c r="O21315" s="5" t="s">
        <v>38</v>
      </c>
      <c r="P21315" s="5" t="s">
        <v>39</v>
      </c>
      <c r="Q21315" s="5" t="s">
        <v>40</v>
      </c>
      <c r="R21315" s="5" t="s">
        <v>68413</v>
      </c>
      <c r="S21315" s="5" t="s">
        <v>40</v>
      </c>
      <c r="T21315" s="5" t="s">
        <v>42</v>
      </c>
      <c r="U21315" s="2">
        <v>3.0169999999999999</v>
      </c>
      <c r="V21315" s="2">
        <v>2.4359999999999999</v>
      </c>
      <c r="W21315" s="2">
        <v>1.7999999999999999E-2</v>
      </c>
      <c r="X21315" s="2">
        <v>139.1</v>
      </c>
      <c r="Y21315" s="2">
        <v>7.6</v>
      </c>
      <c r="Z21315" s="2">
        <v>16.7</v>
      </c>
      <c r="AA21315" s="5"/>
      <c r="AB21315" s="5" t="s">
        <v>43</v>
      </c>
      <c r="AC21315" s="5" t="s">
        <v>44</v>
      </c>
      <c r="AD21315" s="2"/>
      <c r="AE21315" s="1"/>
    </row>
    <row r="21316" spans="1:31" ht="14.45">
      <c r="A21316" s="11"/>
      <c r="B21316" s="20"/>
      <c r="C21316" s="2" t="s">
        <v>68812</v>
      </c>
      <c r="D21316" s="14" t="s">
        <v>68813</v>
      </c>
      <c r="E21316" s="2" t="s">
        <v>68814</v>
      </c>
      <c r="F21316" s="2" t="s">
        <v>7514</v>
      </c>
      <c r="G21316" s="8">
        <v>213</v>
      </c>
      <c r="H21316" s="5">
        <v>15</v>
      </c>
      <c r="I21316" s="5" t="s">
        <v>1518</v>
      </c>
      <c r="J21316" s="5" t="s">
        <v>68411</v>
      </c>
      <c r="K21316" s="2" t="s">
        <v>68412</v>
      </c>
      <c r="L21316" s="5" t="s">
        <v>68411</v>
      </c>
      <c r="M21316" s="2" t="s">
        <v>68412</v>
      </c>
      <c r="N21316" s="5" t="s">
        <v>1521</v>
      </c>
      <c r="O21316" s="5" t="s">
        <v>38</v>
      </c>
      <c r="P21316" s="5" t="s">
        <v>39</v>
      </c>
      <c r="Q21316" s="5" t="s">
        <v>40</v>
      </c>
      <c r="R21316" s="5" t="s">
        <v>68413</v>
      </c>
      <c r="S21316" s="5" t="s">
        <v>40</v>
      </c>
      <c r="T21316" s="5" t="s">
        <v>42</v>
      </c>
      <c r="U21316" s="2">
        <v>3.048</v>
      </c>
      <c r="V21316" s="2">
        <v>2.4660000000000002</v>
      </c>
      <c r="W21316" s="2">
        <v>1.7999999999999999E-2</v>
      </c>
      <c r="X21316" s="2">
        <v>139.1</v>
      </c>
      <c r="Y21316" s="2">
        <v>7.6</v>
      </c>
      <c r="Z21316" s="2">
        <v>16.7</v>
      </c>
      <c r="AA21316" s="5"/>
      <c r="AB21316" s="5" t="s">
        <v>43</v>
      </c>
      <c r="AC21316" s="5" t="s">
        <v>44</v>
      </c>
      <c r="AD21316" s="2"/>
      <c r="AE21316" s="1"/>
    </row>
    <row r="21317" spans="1:31" ht="14.45">
      <c r="A21317" s="11"/>
      <c r="B21317" s="20"/>
      <c r="C21317" s="2" t="s">
        <v>68815</v>
      </c>
      <c r="D21317" s="14" t="s">
        <v>68816</v>
      </c>
      <c r="E21317" s="2" t="s">
        <v>68817</v>
      </c>
      <c r="F21317" s="2" t="s">
        <v>68420</v>
      </c>
      <c r="G21317" s="8">
        <v>213</v>
      </c>
      <c r="H21317" s="5">
        <v>15</v>
      </c>
      <c r="I21317" s="5" t="s">
        <v>1518</v>
      </c>
      <c r="J21317" s="5" t="s">
        <v>68411</v>
      </c>
      <c r="K21317" s="2" t="s">
        <v>68412</v>
      </c>
      <c r="L21317" s="5" t="s">
        <v>68411</v>
      </c>
      <c r="M21317" s="2" t="s">
        <v>68412</v>
      </c>
      <c r="N21317" s="5" t="s">
        <v>1521</v>
      </c>
      <c r="O21317" s="5" t="s">
        <v>38</v>
      </c>
      <c r="P21317" s="5" t="s">
        <v>39</v>
      </c>
      <c r="Q21317" s="5" t="s">
        <v>40</v>
      </c>
      <c r="R21317" s="5" t="s">
        <v>68413</v>
      </c>
      <c r="S21317" s="5" t="s">
        <v>40</v>
      </c>
      <c r="T21317" s="5" t="s">
        <v>42</v>
      </c>
      <c r="U21317" s="2">
        <v>3.0169999999999999</v>
      </c>
      <c r="V21317" s="2">
        <v>2.4359999999999999</v>
      </c>
      <c r="W21317" s="2">
        <v>1.7999999999999999E-2</v>
      </c>
      <c r="X21317" s="2">
        <v>139.1</v>
      </c>
      <c r="Y21317" s="2">
        <v>7.6</v>
      </c>
      <c r="Z21317" s="2">
        <v>16.7</v>
      </c>
      <c r="AA21317" s="5"/>
      <c r="AB21317" s="5" t="s">
        <v>43</v>
      </c>
      <c r="AC21317" s="5" t="s">
        <v>44</v>
      </c>
      <c r="AD21317" s="2"/>
      <c r="AE21317" s="1"/>
    </row>
    <row r="21318" spans="1:31" ht="14.45">
      <c r="A21318" s="11"/>
      <c r="B21318" s="20"/>
      <c r="C21318" s="2" t="s">
        <v>68818</v>
      </c>
      <c r="D21318" s="14" t="s">
        <v>68819</v>
      </c>
      <c r="E21318" s="2" t="s">
        <v>68820</v>
      </c>
      <c r="F21318" s="2" t="s">
        <v>68424</v>
      </c>
      <c r="G21318" s="8">
        <v>213</v>
      </c>
      <c r="H21318" s="5">
        <v>15</v>
      </c>
      <c r="I21318" s="5" t="s">
        <v>1518</v>
      </c>
      <c r="J21318" s="5" t="s">
        <v>68411</v>
      </c>
      <c r="K21318" s="2" t="s">
        <v>68412</v>
      </c>
      <c r="L21318" s="5" t="s">
        <v>68411</v>
      </c>
      <c r="M21318" s="2" t="s">
        <v>68412</v>
      </c>
      <c r="N21318" s="5" t="s">
        <v>1521</v>
      </c>
      <c r="O21318" s="5" t="s">
        <v>38</v>
      </c>
      <c r="P21318" s="5" t="s">
        <v>39</v>
      </c>
      <c r="Q21318" s="5" t="s">
        <v>40</v>
      </c>
      <c r="R21318" s="5" t="s">
        <v>68413</v>
      </c>
      <c r="S21318" s="5" t="s">
        <v>40</v>
      </c>
      <c r="T21318" s="5" t="s">
        <v>42</v>
      </c>
      <c r="U21318" s="2">
        <v>3.048</v>
      </c>
      <c r="V21318" s="2">
        <v>2.4660000000000002</v>
      </c>
      <c r="W21318" s="2">
        <v>1.7999999999999999E-2</v>
      </c>
      <c r="X21318" s="2">
        <v>139.1</v>
      </c>
      <c r="Y21318" s="2">
        <v>7.6</v>
      </c>
      <c r="Z21318" s="2">
        <v>16.7</v>
      </c>
      <c r="AA21318" s="5"/>
      <c r="AB21318" s="5" t="s">
        <v>43</v>
      </c>
      <c r="AC21318" s="5" t="s">
        <v>44</v>
      </c>
      <c r="AD21318" s="2"/>
      <c r="AE21318" s="1"/>
    </row>
    <row r="21319" spans="1:31" ht="14.45">
      <c r="A21319" s="11"/>
      <c r="B21319" s="20"/>
      <c r="C21319" s="2" t="s">
        <v>68821</v>
      </c>
      <c r="D21319" s="14" t="s">
        <v>68822</v>
      </c>
      <c r="E21319" s="2" t="s">
        <v>68823</v>
      </c>
      <c r="F21319" s="2" t="s">
        <v>7204</v>
      </c>
      <c r="G21319" s="8">
        <v>179</v>
      </c>
      <c r="H21319" s="5">
        <v>15</v>
      </c>
      <c r="I21319" s="5" t="s">
        <v>1518</v>
      </c>
      <c r="J21319" s="5" t="s">
        <v>68411</v>
      </c>
      <c r="K21319" s="2" t="s">
        <v>68412</v>
      </c>
      <c r="L21319" s="5" t="s">
        <v>68411</v>
      </c>
      <c r="M21319" s="2" t="s">
        <v>68412</v>
      </c>
      <c r="N21319" s="5" t="s">
        <v>1521</v>
      </c>
      <c r="O21319" s="5" t="s">
        <v>38</v>
      </c>
      <c r="P21319" s="5" t="s">
        <v>39</v>
      </c>
      <c r="Q21319" s="5" t="s">
        <v>40</v>
      </c>
      <c r="R21319" s="5" t="s">
        <v>68413</v>
      </c>
      <c r="S21319" s="5" t="s">
        <v>40</v>
      </c>
      <c r="T21319" s="5" t="s">
        <v>42</v>
      </c>
      <c r="U21319" s="2">
        <v>1.87</v>
      </c>
      <c r="V21319" s="2">
        <v>1.3320000000000001</v>
      </c>
      <c r="W21319" s="2">
        <v>1.4999999999999999E-2</v>
      </c>
      <c r="X21319" s="2">
        <v>118.9</v>
      </c>
      <c r="Y21319" s="2">
        <v>7.6</v>
      </c>
      <c r="Z21319" s="2">
        <v>16.7</v>
      </c>
      <c r="AA21319" s="5"/>
      <c r="AB21319" s="5" t="s">
        <v>43</v>
      </c>
      <c r="AC21319" s="5" t="s">
        <v>44</v>
      </c>
      <c r="AD21319" s="2"/>
      <c r="AE21319" s="1"/>
    </row>
    <row r="21320" spans="1:31" ht="14.45">
      <c r="A21320" s="11"/>
      <c r="B21320" s="20"/>
      <c r="C21320" s="2" t="s">
        <v>68824</v>
      </c>
      <c r="D21320" s="14" t="s">
        <v>68825</v>
      </c>
      <c r="E21320" s="2" t="s">
        <v>68826</v>
      </c>
      <c r="F21320" s="2" t="s">
        <v>7514</v>
      </c>
      <c r="G21320" s="8">
        <v>179</v>
      </c>
      <c r="H21320" s="5">
        <v>15</v>
      </c>
      <c r="I21320" s="5" t="s">
        <v>1518</v>
      </c>
      <c r="J21320" s="5" t="s">
        <v>68411</v>
      </c>
      <c r="K21320" s="2" t="s">
        <v>68412</v>
      </c>
      <c r="L21320" s="5" t="s">
        <v>68411</v>
      </c>
      <c r="M21320" s="2" t="s">
        <v>68412</v>
      </c>
      <c r="N21320" s="5" t="s">
        <v>1521</v>
      </c>
      <c r="O21320" s="5" t="s">
        <v>38</v>
      </c>
      <c r="P21320" s="5" t="s">
        <v>39</v>
      </c>
      <c r="Q21320" s="5" t="s">
        <v>40</v>
      </c>
      <c r="R21320" s="5" t="s">
        <v>68413</v>
      </c>
      <c r="S21320" s="5" t="s">
        <v>40</v>
      </c>
      <c r="T21320" s="5" t="s">
        <v>42</v>
      </c>
      <c r="U21320" s="2">
        <v>1.9039999999999999</v>
      </c>
      <c r="V21320" s="2">
        <v>1.365</v>
      </c>
      <c r="W21320" s="2">
        <v>1.4999999999999999E-2</v>
      </c>
      <c r="X21320" s="2">
        <v>118.9</v>
      </c>
      <c r="Y21320" s="2">
        <v>7.6</v>
      </c>
      <c r="Z21320" s="2">
        <v>16.7</v>
      </c>
      <c r="AA21320" s="5"/>
      <c r="AB21320" s="5" t="s">
        <v>43</v>
      </c>
      <c r="AC21320" s="5" t="s">
        <v>44</v>
      </c>
      <c r="AD21320" s="2"/>
      <c r="AE21320" s="1"/>
    </row>
    <row r="21321" spans="1:31" ht="14.45">
      <c r="A21321" s="11"/>
      <c r="B21321" s="20"/>
      <c r="C21321" s="2" t="s">
        <v>68827</v>
      </c>
      <c r="D21321" s="14" t="s">
        <v>68828</v>
      </c>
      <c r="E21321" s="2" t="s">
        <v>68829</v>
      </c>
      <c r="F21321" s="2" t="s">
        <v>68420</v>
      </c>
      <c r="G21321" s="8">
        <v>179</v>
      </c>
      <c r="H21321" s="5">
        <v>15</v>
      </c>
      <c r="I21321" s="5" t="s">
        <v>1518</v>
      </c>
      <c r="J21321" s="5" t="s">
        <v>68411</v>
      </c>
      <c r="K21321" s="2" t="s">
        <v>68412</v>
      </c>
      <c r="L21321" s="5" t="s">
        <v>68411</v>
      </c>
      <c r="M21321" s="2" t="s">
        <v>68412</v>
      </c>
      <c r="N21321" s="5" t="s">
        <v>1521</v>
      </c>
      <c r="O21321" s="5" t="s">
        <v>38</v>
      </c>
      <c r="P21321" s="5" t="s">
        <v>39</v>
      </c>
      <c r="Q21321" s="5" t="s">
        <v>40</v>
      </c>
      <c r="R21321" s="5" t="s">
        <v>68413</v>
      </c>
      <c r="S21321" s="5" t="s">
        <v>40</v>
      </c>
      <c r="T21321" s="5" t="s">
        <v>42</v>
      </c>
      <c r="U21321" s="2">
        <v>1.87</v>
      </c>
      <c r="V21321" s="2">
        <v>1.3320000000000001</v>
      </c>
      <c r="W21321" s="2">
        <v>1.4999999999999999E-2</v>
      </c>
      <c r="X21321" s="2">
        <v>118.9</v>
      </c>
      <c r="Y21321" s="2">
        <v>7.6</v>
      </c>
      <c r="Z21321" s="2">
        <v>16.7</v>
      </c>
      <c r="AA21321" s="5"/>
      <c r="AB21321" s="5" t="s">
        <v>43</v>
      </c>
      <c r="AC21321" s="5" t="s">
        <v>44</v>
      </c>
      <c r="AD21321" s="2"/>
      <c r="AE21321" s="1"/>
    </row>
    <row r="21322" spans="1:31" ht="14.45">
      <c r="A21322" s="11"/>
      <c r="B21322" s="20"/>
      <c r="C21322" s="2" t="s">
        <v>68830</v>
      </c>
      <c r="D21322" s="14" t="s">
        <v>68831</v>
      </c>
      <c r="E21322" s="2" t="s">
        <v>68832</v>
      </c>
      <c r="F21322" s="2" t="s">
        <v>68424</v>
      </c>
      <c r="G21322" s="8">
        <v>179</v>
      </c>
      <c r="H21322" s="5">
        <v>15</v>
      </c>
      <c r="I21322" s="5" t="s">
        <v>1518</v>
      </c>
      <c r="J21322" s="5" t="s">
        <v>68411</v>
      </c>
      <c r="K21322" s="2" t="s">
        <v>68412</v>
      </c>
      <c r="L21322" s="5" t="s">
        <v>68411</v>
      </c>
      <c r="M21322" s="2" t="s">
        <v>68412</v>
      </c>
      <c r="N21322" s="5" t="s">
        <v>1521</v>
      </c>
      <c r="O21322" s="5" t="s">
        <v>38</v>
      </c>
      <c r="P21322" s="5" t="s">
        <v>39</v>
      </c>
      <c r="Q21322" s="5" t="s">
        <v>40</v>
      </c>
      <c r="R21322" s="5" t="s">
        <v>68413</v>
      </c>
      <c r="S21322" s="5" t="s">
        <v>40</v>
      </c>
      <c r="T21322" s="5" t="s">
        <v>42</v>
      </c>
      <c r="U21322" s="2">
        <v>1.9039999999999999</v>
      </c>
      <c r="V21322" s="2">
        <v>1.365</v>
      </c>
      <c r="W21322" s="2">
        <v>1.4999999999999999E-2</v>
      </c>
      <c r="X21322" s="2">
        <v>118.9</v>
      </c>
      <c r="Y21322" s="2">
        <v>7.6</v>
      </c>
      <c r="Z21322" s="2">
        <v>16.7</v>
      </c>
      <c r="AA21322" s="5"/>
      <c r="AB21322" s="5" t="s">
        <v>43</v>
      </c>
      <c r="AC21322" s="5" t="s">
        <v>44</v>
      </c>
      <c r="AD21322" s="2"/>
      <c r="AE21322" s="1"/>
    </row>
    <row r="21323" spans="1:31" ht="14.45">
      <c r="A21323" s="11"/>
      <c r="B21323" s="20"/>
      <c r="C21323" s="2" t="s">
        <v>68833</v>
      </c>
      <c r="D21323" s="14" t="s">
        <v>68834</v>
      </c>
      <c r="E21323" s="2" t="s">
        <v>68835</v>
      </c>
      <c r="F21323" s="2" t="s">
        <v>7204</v>
      </c>
      <c r="G21323" s="8">
        <v>179</v>
      </c>
      <c r="H21323" s="5">
        <v>5</v>
      </c>
      <c r="I21323" s="5" t="s">
        <v>1518</v>
      </c>
      <c r="J21323" s="5" t="s">
        <v>68411</v>
      </c>
      <c r="K21323" s="2" t="s">
        <v>68412</v>
      </c>
      <c r="L21323" s="5" t="s">
        <v>68411</v>
      </c>
      <c r="M21323" s="2" t="s">
        <v>68412</v>
      </c>
      <c r="N21323" s="5" t="s">
        <v>1521</v>
      </c>
      <c r="O21323" s="5" t="s">
        <v>38</v>
      </c>
      <c r="P21323" s="5" t="s">
        <v>39</v>
      </c>
      <c r="Q21323" s="5" t="s">
        <v>40</v>
      </c>
      <c r="R21323" s="5" t="s">
        <v>68413</v>
      </c>
      <c r="S21323" s="5" t="s">
        <v>40</v>
      </c>
      <c r="T21323" s="5" t="s">
        <v>42</v>
      </c>
      <c r="U21323" s="2">
        <v>2.5339999999999998</v>
      </c>
      <c r="V21323" s="2">
        <v>2.0219999999999998</v>
      </c>
      <c r="W21323" s="2">
        <v>1.4999999999999999E-2</v>
      </c>
      <c r="X21323" s="2">
        <v>118.9</v>
      </c>
      <c r="Y21323" s="2">
        <v>7.6</v>
      </c>
      <c r="Z21323" s="2">
        <v>16.7</v>
      </c>
      <c r="AA21323" s="5"/>
      <c r="AB21323" s="5" t="s">
        <v>43</v>
      </c>
      <c r="AC21323" s="5" t="s">
        <v>44</v>
      </c>
      <c r="AD21323" s="2"/>
      <c r="AE21323" s="1"/>
    </row>
    <row r="21324" spans="1:31" ht="14.45">
      <c r="A21324" s="11"/>
      <c r="B21324" s="20"/>
      <c r="C21324" s="2" t="s">
        <v>68836</v>
      </c>
      <c r="D21324" s="14" t="s">
        <v>68837</v>
      </c>
      <c r="E21324" s="2" t="s">
        <v>68838</v>
      </c>
      <c r="F21324" s="2" t="s">
        <v>7514</v>
      </c>
      <c r="G21324" s="8">
        <v>179</v>
      </c>
      <c r="H21324" s="5">
        <v>5</v>
      </c>
      <c r="I21324" s="5" t="s">
        <v>1518</v>
      </c>
      <c r="J21324" s="5" t="s">
        <v>68411</v>
      </c>
      <c r="K21324" s="2" t="s">
        <v>68412</v>
      </c>
      <c r="L21324" s="5" t="s">
        <v>68411</v>
      </c>
      <c r="M21324" s="2" t="s">
        <v>68412</v>
      </c>
      <c r="N21324" s="5" t="s">
        <v>1521</v>
      </c>
      <c r="O21324" s="5" t="s">
        <v>38</v>
      </c>
      <c r="P21324" s="5" t="s">
        <v>39</v>
      </c>
      <c r="Q21324" s="5" t="s">
        <v>40</v>
      </c>
      <c r="R21324" s="5" t="s">
        <v>68413</v>
      </c>
      <c r="S21324" s="5" t="s">
        <v>40</v>
      </c>
      <c r="T21324" s="5" t="s">
        <v>42</v>
      </c>
      <c r="U21324" s="2">
        <v>2.5659999999999998</v>
      </c>
      <c r="V21324" s="2">
        <v>2.0529999999999999</v>
      </c>
      <c r="W21324" s="2">
        <v>1.4999999999999999E-2</v>
      </c>
      <c r="X21324" s="2">
        <v>118.9</v>
      </c>
      <c r="Y21324" s="2">
        <v>7.6</v>
      </c>
      <c r="Z21324" s="2">
        <v>16.7</v>
      </c>
      <c r="AA21324" s="5"/>
      <c r="AB21324" s="5" t="s">
        <v>43</v>
      </c>
      <c r="AC21324" s="5" t="s">
        <v>44</v>
      </c>
      <c r="AD21324" s="2"/>
      <c r="AE21324" s="1"/>
    </row>
    <row r="21325" spans="1:31" ht="14.45">
      <c r="A21325" s="11"/>
      <c r="B21325" s="20"/>
      <c r="C21325" s="2" t="s">
        <v>68839</v>
      </c>
      <c r="D21325" s="14" t="s">
        <v>68840</v>
      </c>
      <c r="E21325" s="2" t="s">
        <v>68841</v>
      </c>
      <c r="F21325" s="2" t="s">
        <v>68420</v>
      </c>
      <c r="G21325" s="8">
        <v>179</v>
      </c>
      <c r="H21325" s="5">
        <v>15</v>
      </c>
      <c r="I21325" s="5" t="s">
        <v>1518</v>
      </c>
      <c r="J21325" s="5" t="s">
        <v>68411</v>
      </c>
      <c r="K21325" s="2" t="s">
        <v>68412</v>
      </c>
      <c r="L21325" s="5" t="s">
        <v>68411</v>
      </c>
      <c r="M21325" s="2" t="s">
        <v>68412</v>
      </c>
      <c r="N21325" s="5" t="s">
        <v>1521</v>
      </c>
      <c r="O21325" s="5" t="s">
        <v>38</v>
      </c>
      <c r="P21325" s="5" t="s">
        <v>39</v>
      </c>
      <c r="Q21325" s="5" t="s">
        <v>40</v>
      </c>
      <c r="R21325" s="5" t="s">
        <v>68413</v>
      </c>
      <c r="S21325" s="5" t="s">
        <v>40</v>
      </c>
      <c r="T21325" s="5" t="s">
        <v>42</v>
      </c>
      <c r="U21325" s="2">
        <v>2.5339999999999998</v>
      </c>
      <c r="V21325" s="2">
        <v>2.0219999999999998</v>
      </c>
      <c r="W21325" s="2">
        <v>1.4999999999999999E-2</v>
      </c>
      <c r="X21325" s="2">
        <v>118.9</v>
      </c>
      <c r="Y21325" s="2">
        <v>7.6</v>
      </c>
      <c r="Z21325" s="2">
        <v>16.7</v>
      </c>
      <c r="AA21325" s="5"/>
      <c r="AB21325" s="5" t="s">
        <v>43</v>
      </c>
      <c r="AC21325" s="5" t="s">
        <v>44</v>
      </c>
      <c r="AD21325" s="2"/>
      <c r="AE21325" s="1"/>
    </row>
    <row r="21326" spans="1:31" ht="14.45">
      <c r="A21326" s="11"/>
      <c r="B21326" s="20"/>
      <c r="C21326" s="2" t="s">
        <v>68842</v>
      </c>
      <c r="D21326" s="14" t="s">
        <v>68843</v>
      </c>
      <c r="E21326" s="2" t="s">
        <v>68844</v>
      </c>
      <c r="F21326" s="2" t="s">
        <v>68424</v>
      </c>
      <c r="G21326" s="8">
        <v>179</v>
      </c>
      <c r="H21326" s="5">
        <v>15</v>
      </c>
      <c r="I21326" s="5" t="s">
        <v>1518</v>
      </c>
      <c r="J21326" s="5" t="s">
        <v>68411</v>
      </c>
      <c r="K21326" s="2" t="s">
        <v>68412</v>
      </c>
      <c r="L21326" s="5" t="s">
        <v>68411</v>
      </c>
      <c r="M21326" s="2" t="s">
        <v>68412</v>
      </c>
      <c r="N21326" s="5" t="s">
        <v>1521</v>
      </c>
      <c r="O21326" s="5" t="s">
        <v>38</v>
      </c>
      <c r="P21326" s="5" t="s">
        <v>39</v>
      </c>
      <c r="Q21326" s="5" t="s">
        <v>40</v>
      </c>
      <c r="R21326" s="5" t="s">
        <v>68413</v>
      </c>
      <c r="S21326" s="5" t="s">
        <v>40</v>
      </c>
      <c r="T21326" s="5" t="s">
        <v>42</v>
      </c>
      <c r="U21326" s="2">
        <v>2.5659999999999998</v>
      </c>
      <c r="V21326" s="2">
        <v>2.0529999999999999</v>
      </c>
      <c r="W21326" s="2">
        <v>1.4999999999999999E-2</v>
      </c>
      <c r="X21326" s="2">
        <v>118.9</v>
      </c>
      <c r="Y21326" s="2">
        <v>7.6</v>
      </c>
      <c r="Z21326" s="2">
        <v>16.7</v>
      </c>
      <c r="AA21326" s="5"/>
      <c r="AB21326" s="5" t="s">
        <v>43</v>
      </c>
      <c r="AC21326" s="5" t="s">
        <v>44</v>
      </c>
      <c r="AD21326" s="2"/>
      <c r="AE21326" s="1"/>
    </row>
    <row r="21327" spans="1:31" ht="14.45">
      <c r="A21327" s="11"/>
      <c r="B21327" s="20"/>
      <c r="C21327" s="2" t="s">
        <v>68845</v>
      </c>
      <c r="D21327" s="14" t="s">
        <v>68846</v>
      </c>
      <c r="E21327" s="2" t="s">
        <v>68847</v>
      </c>
      <c r="F21327" s="2" t="s">
        <v>7204</v>
      </c>
      <c r="G21327" s="8">
        <v>190</v>
      </c>
      <c r="H21327" s="5">
        <v>5</v>
      </c>
      <c r="I21327" s="5" t="s">
        <v>1518</v>
      </c>
      <c r="J21327" s="5" t="s">
        <v>68411</v>
      </c>
      <c r="K21327" s="2" t="s">
        <v>68412</v>
      </c>
      <c r="L21327" s="5" t="s">
        <v>68411</v>
      </c>
      <c r="M21327" s="2" t="s">
        <v>68412</v>
      </c>
      <c r="N21327" s="5" t="s">
        <v>1521</v>
      </c>
      <c r="O21327" s="5" t="s">
        <v>38</v>
      </c>
      <c r="P21327" s="5" t="s">
        <v>39</v>
      </c>
      <c r="Q21327" s="5" t="s">
        <v>40</v>
      </c>
      <c r="R21327" s="5" t="s">
        <v>68413</v>
      </c>
      <c r="S21327" s="5" t="s">
        <v>40</v>
      </c>
      <c r="T21327" s="5" t="s">
        <v>42</v>
      </c>
      <c r="U21327" s="2">
        <v>2.86</v>
      </c>
      <c r="V21327" s="2">
        <v>2.2730000000000001</v>
      </c>
      <c r="W21327" s="2">
        <v>1.7999999999999999E-2</v>
      </c>
      <c r="X21327" s="2">
        <v>139.1</v>
      </c>
      <c r="Y21327" s="2">
        <v>7.6</v>
      </c>
      <c r="Z21327" s="2">
        <v>16.7</v>
      </c>
      <c r="AA21327" s="5"/>
      <c r="AB21327" s="5" t="s">
        <v>43</v>
      </c>
      <c r="AC21327" s="5" t="s">
        <v>44</v>
      </c>
      <c r="AD21327" s="2"/>
      <c r="AE21327" s="1"/>
    </row>
    <row r="21328" spans="1:31" ht="14.45">
      <c r="A21328" s="11"/>
      <c r="B21328" s="20"/>
      <c r="C21328" s="2" t="s">
        <v>68848</v>
      </c>
      <c r="D21328" s="14" t="s">
        <v>68849</v>
      </c>
      <c r="E21328" s="2" t="s">
        <v>68850</v>
      </c>
      <c r="F21328" s="2" t="s">
        <v>7514</v>
      </c>
      <c r="G21328" s="8">
        <v>190</v>
      </c>
      <c r="H21328" s="5">
        <v>5</v>
      </c>
      <c r="I21328" s="5" t="s">
        <v>1518</v>
      </c>
      <c r="J21328" s="5" t="s">
        <v>68411</v>
      </c>
      <c r="K21328" s="2" t="s">
        <v>68412</v>
      </c>
      <c r="L21328" s="5" t="s">
        <v>68411</v>
      </c>
      <c r="M21328" s="2" t="s">
        <v>68412</v>
      </c>
      <c r="N21328" s="5" t="s">
        <v>1521</v>
      </c>
      <c r="O21328" s="5" t="s">
        <v>38</v>
      </c>
      <c r="P21328" s="5" t="s">
        <v>39</v>
      </c>
      <c r="Q21328" s="5" t="s">
        <v>40</v>
      </c>
      <c r="R21328" s="5" t="s">
        <v>68413</v>
      </c>
      <c r="S21328" s="5" t="s">
        <v>40</v>
      </c>
      <c r="T21328" s="5" t="s">
        <v>42</v>
      </c>
      <c r="U21328" s="2">
        <v>2.891</v>
      </c>
      <c r="V21328" s="2">
        <v>2.3029999999999999</v>
      </c>
      <c r="W21328" s="2">
        <v>1.7999999999999999E-2</v>
      </c>
      <c r="X21328" s="2">
        <v>139.1</v>
      </c>
      <c r="Y21328" s="2">
        <v>7.6</v>
      </c>
      <c r="Z21328" s="2">
        <v>16.7</v>
      </c>
      <c r="AA21328" s="5"/>
      <c r="AB21328" s="5" t="s">
        <v>43</v>
      </c>
      <c r="AC21328" s="5" t="s">
        <v>44</v>
      </c>
      <c r="AD21328" s="2"/>
      <c r="AE21328" s="1"/>
    </row>
    <row r="21329" spans="1:31" ht="14.45">
      <c r="A21329" s="11"/>
      <c r="B21329" s="20"/>
      <c r="C21329" s="2" t="s">
        <v>68851</v>
      </c>
      <c r="D21329" s="14" t="s">
        <v>68852</v>
      </c>
      <c r="E21329" s="2" t="s">
        <v>68853</v>
      </c>
      <c r="F21329" s="2" t="s">
        <v>68420</v>
      </c>
      <c r="G21329" s="8">
        <v>190</v>
      </c>
      <c r="H21329" s="5">
        <v>15</v>
      </c>
      <c r="I21329" s="5" t="s">
        <v>1518</v>
      </c>
      <c r="J21329" s="5" t="s">
        <v>68411</v>
      </c>
      <c r="K21329" s="2" t="s">
        <v>68412</v>
      </c>
      <c r="L21329" s="5" t="s">
        <v>68411</v>
      </c>
      <c r="M21329" s="2" t="s">
        <v>68412</v>
      </c>
      <c r="N21329" s="5" t="s">
        <v>1521</v>
      </c>
      <c r="O21329" s="5" t="s">
        <v>38</v>
      </c>
      <c r="P21329" s="5" t="s">
        <v>39</v>
      </c>
      <c r="Q21329" s="5" t="s">
        <v>40</v>
      </c>
      <c r="R21329" s="5" t="s">
        <v>68413</v>
      </c>
      <c r="S21329" s="5" t="s">
        <v>40</v>
      </c>
      <c r="T21329" s="5" t="s">
        <v>42</v>
      </c>
      <c r="U21329" s="2">
        <v>2.86</v>
      </c>
      <c r="V21329" s="2">
        <v>2.2730000000000001</v>
      </c>
      <c r="W21329" s="2">
        <v>1.7999999999999999E-2</v>
      </c>
      <c r="X21329" s="2">
        <v>139.1</v>
      </c>
      <c r="Y21329" s="2">
        <v>7.6</v>
      </c>
      <c r="Z21329" s="2">
        <v>16.7</v>
      </c>
      <c r="AA21329" s="5"/>
      <c r="AB21329" s="5" t="s">
        <v>43</v>
      </c>
      <c r="AC21329" s="5" t="s">
        <v>44</v>
      </c>
      <c r="AD21329" s="2"/>
      <c r="AE21329" s="1"/>
    </row>
    <row r="21330" spans="1:31" ht="14.45">
      <c r="A21330" s="11"/>
      <c r="B21330" s="20"/>
      <c r="C21330" s="2" t="s">
        <v>68854</v>
      </c>
      <c r="D21330" s="14" t="s">
        <v>68855</v>
      </c>
      <c r="E21330" s="2" t="s">
        <v>68856</v>
      </c>
      <c r="F21330" s="2" t="s">
        <v>68424</v>
      </c>
      <c r="G21330" s="8">
        <v>190</v>
      </c>
      <c r="H21330" s="5">
        <v>15</v>
      </c>
      <c r="I21330" s="5" t="s">
        <v>1518</v>
      </c>
      <c r="J21330" s="5" t="s">
        <v>68411</v>
      </c>
      <c r="K21330" s="2" t="s">
        <v>68412</v>
      </c>
      <c r="L21330" s="5" t="s">
        <v>68411</v>
      </c>
      <c r="M21330" s="2" t="s">
        <v>68412</v>
      </c>
      <c r="N21330" s="5" t="s">
        <v>1521</v>
      </c>
      <c r="O21330" s="5" t="s">
        <v>38</v>
      </c>
      <c r="P21330" s="5" t="s">
        <v>39</v>
      </c>
      <c r="Q21330" s="5" t="s">
        <v>40</v>
      </c>
      <c r="R21330" s="5" t="s">
        <v>68413</v>
      </c>
      <c r="S21330" s="5" t="s">
        <v>40</v>
      </c>
      <c r="T21330" s="5" t="s">
        <v>42</v>
      </c>
      <c r="U21330" s="2">
        <v>2.891</v>
      </c>
      <c r="V21330" s="2">
        <v>2.3029999999999999</v>
      </c>
      <c r="W21330" s="2">
        <v>1.7999999999999999E-2</v>
      </c>
      <c r="X21330" s="2">
        <v>139.1</v>
      </c>
      <c r="Y21330" s="2">
        <v>7.6</v>
      </c>
      <c r="Z21330" s="2">
        <v>16.7</v>
      </c>
      <c r="AA21330" s="5"/>
      <c r="AB21330" s="5" t="s">
        <v>43</v>
      </c>
      <c r="AC21330" s="5" t="s">
        <v>44</v>
      </c>
      <c r="AD21330" s="2"/>
      <c r="AE21330" s="1"/>
    </row>
    <row r="21331" spans="1:31" ht="14.45">
      <c r="A21331" s="11"/>
      <c r="B21331" s="20"/>
      <c r="C21331" s="2" t="s">
        <v>68857</v>
      </c>
      <c r="D21331" s="14" t="s">
        <v>68858</v>
      </c>
      <c r="E21331" s="2" t="s">
        <v>68859</v>
      </c>
      <c r="F21331" s="2" t="s">
        <v>7204</v>
      </c>
      <c r="G21331" s="8">
        <v>213</v>
      </c>
      <c r="H21331" s="5">
        <v>15</v>
      </c>
      <c r="I21331" s="5" t="s">
        <v>1518</v>
      </c>
      <c r="J21331" s="5" t="s">
        <v>68411</v>
      </c>
      <c r="K21331" s="2" t="s">
        <v>68412</v>
      </c>
      <c r="L21331" s="5" t="s">
        <v>68411</v>
      </c>
      <c r="M21331" s="2" t="s">
        <v>68412</v>
      </c>
      <c r="N21331" s="5" t="s">
        <v>1521</v>
      </c>
      <c r="O21331" s="5" t="s">
        <v>38</v>
      </c>
      <c r="P21331" s="5" t="s">
        <v>39</v>
      </c>
      <c r="Q21331" s="5" t="s">
        <v>40</v>
      </c>
      <c r="R21331" s="5" t="s">
        <v>68413</v>
      </c>
      <c r="S21331" s="5" t="s">
        <v>40</v>
      </c>
      <c r="T21331" s="5" t="s">
        <v>42</v>
      </c>
      <c r="U21331" s="2">
        <v>3.1640000000000001</v>
      </c>
      <c r="V21331" s="2">
        <v>2.4980000000000002</v>
      </c>
      <c r="W21331" s="2">
        <v>0.02</v>
      </c>
      <c r="X21331" s="2">
        <v>159.1</v>
      </c>
      <c r="Y21331" s="2">
        <v>7.6</v>
      </c>
      <c r="Z21331" s="2">
        <v>16.7</v>
      </c>
      <c r="AA21331" s="5"/>
      <c r="AB21331" s="5" t="s">
        <v>43</v>
      </c>
      <c r="AC21331" s="5" t="s">
        <v>44</v>
      </c>
      <c r="AD21331" s="2"/>
      <c r="AE21331" s="1"/>
    </row>
    <row r="21332" spans="1:31" ht="14.45">
      <c r="A21332" s="11"/>
      <c r="B21332" s="20"/>
      <c r="C21332" s="2" t="s">
        <v>68860</v>
      </c>
      <c r="D21332" s="14" t="s">
        <v>68861</v>
      </c>
      <c r="E21332" s="2" t="s">
        <v>68862</v>
      </c>
      <c r="F21332" s="2" t="s">
        <v>7514</v>
      </c>
      <c r="G21332" s="8">
        <v>213</v>
      </c>
      <c r="H21332" s="5">
        <v>15</v>
      </c>
      <c r="I21332" s="5" t="s">
        <v>1518</v>
      </c>
      <c r="J21332" s="5" t="s">
        <v>68411</v>
      </c>
      <c r="K21332" s="2" t="s">
        <v>68412</v>
      </c>
      <c r="L21332" s="5" t="s">
        <v>68411</v>
      </c>
      <c r="M21332" s="2" t="s">
        <v>68412</v>
      </c>
      <c r="N21332" s="5" t="s">
        <v>1521</v>
      </c>
      <c r="O21332" s="5" t="s">
        <v>38</v>
      </c>
      <c r="P21332" s="5" t="s">
        <v>39</v>
      </c>
      <c r="Q21332" s="5" t="s">
        <v>40</v>
      </c>
      <c r="R21332" s="5" t="s">
        <v>68413</v>
      </c>
      <c r="S21332" s="5" t="s">
        <v>40</v>
      </c>
      <c r="T21332" s="5" t="s">
        <v>42</v>
      </c>
      <c r="U21332" s="2">
        <v>3.1949999999999998</v>
      </c>
      <c r="V21332" s="2">
        <v>2.528</v>
      </c>
      <c r="W21332" s="2">
        <v>0.02</v>
      </c>
      <c r="X21332" s="2">
        <v>159.1</v>
      </c>
      <c r="Y21332" s="2">
        <v>7.6</v>
      </c>
      <c r="Z21332" s="2">
        <v>16.7</v>
      </c>
      <c r="AA21332" s="5"/>
      <c r="AB21332" s="5" t="s">
        <v>43</v>
      </c>
      <c r="AC21332" s="5" t="s">
        <v>44</v>
      </c>
      <c r="AD21332" s="2"/>
      <c r="AE21332" s="1"/>
    </row>
    <row r="21333" spans="1:31" ht="14.45">
      <c r="A21333" s="11"/>
      <c r="B21333" s="20"/>
      <c r="C21333" s="2" t="s">
        <v>68863</v>
      </c>
      <c r="D21333" s="14" t="s">
        <v>68864</v>
      </c>
      <c r="E21333" s="2" t="s">
        <v>68865</v>
      </c>
      <c r="F21333" s="2" t="s">
        <v>68420</v>
      </c>
      <c r="G21333" s="8">
        <v>213</v>
      </c>
      <c r="H21333" s="5">
        <v>15</v>
      </c>
      <c r="I21333" s="5" t="s">
        <v>1518</v>
      </c>
      <c r="J21333" s="5" t="s">
        <v>68411</v>
      </c>
      <c r="K21333" s="2" t="s">
        <v>68412</v>
      </c>
      <c r="L21333" s="5" t="s">
        <v>68411</v>
      </c>
      <c r="M21333" s="2" t="s">
        <v>68412</v>
      </c>
      <c r="N21333" s="5" t="s">
        <v>1521</v>
      </c>
      <c r="O21333" s="5" t="s">
        <v>38</v>
      </c>
      <c r="P21333" s="5" t="s">
        <v>39</v>
      </c>
      <c r="Q21333" s="5" t="s">
        <v>40</v>
      </c>
      <c r="R21333" s="5" t="s">
        <v>68413</v>
      </c>
      <c r="S21333" s="5" t="s">
        <v>40</v>
      </c>
      <c r="T21333" s="5" t="s">
        <v>42</v>
      </c>
      <c r="U21333" s="2">
        <v>3.1640000000000001</v>
      </c>
      <c r="V21333" s="2">
        <v>2.4980000000000002</v>
      </c>
      <c r="W21333" s="2">
        <v>0.02</v>
      </c>
      <c r="X21333" s="2">
        <v>159.1</v>
      </c>
      <c r="Y21333" s="2">
        <v>7.6</v>
      </c>
      <c r="Z21333" s="2">
        <v>16.7</v>
      </c>
      <c r="AA21333" s="5"/>
      <c r="AB21333" s="5" t="s">
        <v>43</v>
      </c>
      <c r="AC21333" s="5" t="s">
        <v>44</v>
      </c>
      <c r="AD21333" s="2"/>
      <c r="AE21333" s="1"/>
    </row>
    <row r="21334" spans="1:31" ht="14.45">
      <c r="A21334" s="11"/>
      <c r="B21334" s="20"/>
      <c r="C21334" s="2" t="s">
        <v>68866</v>
      </c>
      <c r="D21334" s="14" t="s">
        <v>68867</v>
      </c>
      <c r="E21334" s="2" t="s">
        <v>68868</v>
      </c>
      <c r="F21334" s="2" t="s">
        <v>68424</v>
      </c>
      <c r="G21334" s="8">
        <v>213</v>
      </c>
      <c r="H21334" s="5">
        <v>15</v>
      </c>
      <c r="I21334" s="5" t="s">
        <v>1518</v>
      </c>
      <c r="J21334" s="5" t="s">
        <v>68411</v>
      </c>
      <c r="K21334" s="2" t="s">
        <v>68412</v>
      </c>
      <c r="L21334" s="5" t="s">
        <v>68411</v>
      </c>
      <c r="M21334" s="2" t="s">
        <v>68412</v>
      </c>
      <c r="N21334" s="5" t="s">
        <v>1521</v>
      </c>
      <c r="O21334" s="5" t="s">
        <v>38</v>
      </c>
      <c r="P21334" s="5" t="s">
        <v>39</v>
      </c>
      <c r="Q21334" s="5" t="s">
        <v>40</v>
      </c>
      <c r="R21334" s="5" t="s">
        <v>68413</v>
      </c>
      <c r="S21334" s="5" t="s">
        <v>40</v>
      </c>
      <c r="T21334" s="5" t="s">
        <v>42</v>
      </c>
      <c r="U21334" s="2">
        <v>3.1949999999999998</v>
      </c>
      <c r="V21334" s="2">
        <v>2.528</v>
      </c>
      <c r="W21334" s="2">
        <v>0.02</v>
      </c>
      <c r="X21334" s="2">
        <v>159.1</v>
      </c>
      <c r="Y21334" s="2">
        <v>7.6</v>
      </c>
      <c r="Z21334" s="2">
        <v>16.7</v>
      </c>
      <c r="AA21334" s="5"/>
      <c r="AB21334" s="5" t="s">
        <v>43</v>
      </c>
      <c r="AC21334" s="5" t="s">
        <v>44</v>
      </c>
      <c r="AD21334" s="2"/>
      <c r="AE21334" s="1"/>
    </row>
    <row r="21335" spans="1:31" ht="14.45">
      <c r="A21335" s="11"/>
      <c r="B21335" s="20"/>
      <c r="C21335" s="2" t="s">
        <v>68869</v>
      </c>
      <c r="D21335" s="14" t="s">
        <v>68870</v>
      </c>
      <c r="E21335" s="2" t="s">
        <v>68871</v>
      </c>
      <c r="F21335" s="2" t="s">
        <v>7204</v>
      </c>
      <c r="G21335" s="8">
        <v>190</v>
      </c>
      <c r="H21335" s="5">
        <v>15</v>
      </c>
      <c r="I21335" s="5" t="s">
        <v>1518</v>
      </c>
      <c r="J21335" s="5" t="s">
        <v>68411</v>
      </c>
      <c r="K21335" s="2" t="s">
        <v>68412</v>
      </c>
      <c r="L21335" s="5" t="s">
        <v>68411</v>
      </c>
      <c r="M21335" s="2" t="s">
        <v>68412</v>
      </c>
      <c r="N21335" s="5" t="s">
        <v>1521</v>
      </c>
      <c r="O21335" s="5" t="s">
        <v>38</v>
      </c>
      <c r="P21335" s="5" t="s">
        <v>39</v>
      </c>
      <c r="Q21335" s="5" t="s">
        <v>40</v>
      </c>
      <c r="R21335" s="5" t="s">
        <v>68413</v>
      </c>
      <c r="S21335" s="5" t="s">
        <v>40</v>
      </c>
      <c r="T21335" s="5" t="s">
        <v>42</v>
      </c>
      <c r="U21335" s="2">
        <v>2.621</v>
      </c>
      <c r="V21335" s="2">
        <v>2.016</v>
      </c>
      <c r="W21335" s="2">
        <v>1.7999999999999999E-2</v>
      </c>
      <c r="X21335" s="2">
        <v>139.1</v>
      </c>
      <c r="Y21335" s="2">
        <v>7.6</v>
      </c>
      <c r="Z21335" s="2">
        <v>16.7</v>
      </c>
      <c r="AA21335" s="5"/>
      <c r="AB21335" s="5" t="s">
        <v>43</v>
      </c>
      <c r="AC21335" s="5" t="s">
        <v>44</v>
      </c>
      <c r="AD21335" s="2"/>
      <c r="AE21335" s="1"/>
    </row>
    <row r="21336" spans="1:31" ht="14.45">
      <c r="A21336" s="11"/>
      <c r="B21336" s="20"/>
      <c r="C21336" s="2" t="s">
        <v>68872</v>
      </c>
      <c r="D21336" s="14" t="s">
        <v>68873</v>
      </c>
      <c r="E21336" s="2" t="s">
        <v>68874</v>
      </c>
      <c r="F21336" s="2" t="s">
        <v>7514</v>
      </c>
      <c r="G21336" s="8">
        <v>190</v>
      </c>
      <c r="H21336" s="5">
        <v>15</v>
      </c>
      <c r="I21336" s="5" t="s">
        <v>1518</v>
      </c>
      <c r="J21336" s="5" t="s">
        <v>68411</v>
      </c>
      <c r="K21336" s="2" t="s">
        <v>68412</v>
      </c>
      <c r="L21336" s="5" t="s">
        <v>68411</v>
      </c>
      <c r="M21336" s="2" t="s">
        <v>68412</v>
      </c>
      <c r="N21336" s="5" t="s">
        <v>1521</v>
      </c>
      <c r="O21336" s="5" t="s">
        <v>38</v>
      </c>
      <c r="P21336" s="5" t="s">
        <v>39</v>
      </c>
      <c r="Q21336" s="5" t="s">
        <v>40</v>
      </c>
      <c r="R21336" s="5" t="s">
        <v>68413</v>
      </c>
      <c r="S21336" s="5" t="s">
        <v>40</v>
      </c>
      <c r="T21336" s="5" t="s">
        <v>42</v>
      </c>
      <c r="U21336" s="2">
        <v>2.661</v>
      </c>
      <c r="V21336" s="2">
        <v>2.0550000000000002</v>
      </c>
      <c r="W21336" s="2">
        <v>1.7999999999999999E-2</v>
      </c>
      <c r="X21336" s="2">
        <v>139.1</v>
      </c>
      <c r="Y21336" s="2">
        <v>7.6</v>
      </c>
      <c r="Z21336" s="2">
        <v>16.7</v>
      </c>
      <c r="AA21336" s="5"/>
      <c r="AB21336" s="5" t="s">
        <v>43</v>
      </c>
      <c r="AC21336" s="5" t="s">
        <v>44</v>
      </c>
      <c r="AD21336" s="2"/>
      <c r="AE21336" s="1"/>
    </row>
    <row r="21337" spans="1:31" ht="14.45">
      <c r="A21337" s="11"/>
      <c r="B21337" s="20"/>
      <c r="C21337" s="2" t="s">
        <v>68875</v>
      </c>
      <c r="D21337" s="14" t="s">
        <v>68876</v>
      </c>
      <c r="E21337" s="2" t="s">
        <v>68877</v>
      </c>
      <c r="F21337" s="2" t="s">
        <v>68420</v>
      </c>
      <c r="G21337" s="8">
        <v>190</v>
      </c>
      <c r="H21337" s="5">
        <v>15</v>
      </c>
      <c r="I21337" s="5" t="s">
        <v>1518</v>
      </c>
      <c r="J21337" s="5" t="s">
        <v>68411</v>
      </c>
      <c r="K21337" s="2" t="s">
        <v>68412</v>
      </c>
      <c r="L21337" s="5" t="s">
        <v>68411</v>
      </c>
      <c r="M21337" s="2" t="s">
        <v>68412</v>
      </c>
      <c r="N21337" s="5" t="s">
        <v>1521</v>
      </c>
      <c r="O21337" s="5" t="s">
        <v>38</v>
      </c>
      <c r="P21337" s="5" t="s">
        <v>39</v>
      </c>
      <c r="Q21337" s="5" t="s">
        <v>40</v>
      </c>
      <c r="R21337" s="5" t="s">
        <v>68413</v>
      </c>
      <c r="S21337" s="5" t="s">
        <v>40</v>
      </c>
      <c r="T21337" s="5" t="s">
        <v>42</v>
      </c>
      <c r="U21337" s="2">
        <v>2.621</v>
      </c>
      <c r="V21337" s="2">
        <v>2.016</v>
      </c>
      <c r="W21337" s="2">
        <v>1.7999999999999999E-2</v>
      </c>
      <c r="X21337" s="2">
        <v>139.1</v>
      </c>
      <c r="Y21337" s="2">
        <v>7.6</v>
      </c>
      <c r="Z21337" s="2">
        <v>16.7</v>
      </c>
      <c r="AA21337" s="5"/>
      <c r="AB21337" s="5" t="s">
        <v>43</v>
      </c>
      <c r="AC21337" s="5" t="s">
        <v>44</v>
      </c>
      <c r="AD21337" s="2"/>
      <c r="AE21337" s="1"/>
    </row>
    <row r="21338" spans="1:31" ht="14.45">
      <c r="A21338" s="11"/>
      <c r="B21338" s="20"/>
      <c r="C21338" s="2" t="s">
        <v>68878</v>
      </c>
      <c r="D21338" s="14" t="s">
        <v>68879</v>
      </c>
      <c r="E21338" s="2" t="s">
        <v>68880</v>
      </c>
      <c r="F21338" s="2" t="s">
        <v>68424</v>
      </c>
      <c r="G21338" s="8">
        <v>190</v>
      </c>
      <c r="H21338" s="5">
        <v>15</v>
      </c>
      <c r="I21338" s="5" t="s">
        <v>1518</v>
      </c>
      <c r="J21338" s="5" t="s">
        <v>68411</v>
      </c>
      <c r="K21338" s="2" t="s">
        <v>68412</v>
      </c>
      <c r="L21338" s="5" t="s">
        <v>68411</v>
      </c>
      <c r="M21338" s="2" t="s">
        <v>68412</v>
      </c>
      <c r="N21338" s="5" t="s">
        <v>1521</v>
      </c>
      <c r="O21338" s="5" t="s">
        <v>38</v>
      </c>
      <c r="P21338" s="5" t="s">
        <v>39</v>
      </c>
      <c r="Q21338" s="5" t="s">
        <v>40</v>
      </c>
      <c r="R21338" s="5" t="s">
        <v>68413</v>
      </c>
      <c r="S21338" s="5" t="s">
        <v>40</v>
      </c>
      <c r="T21338" s="5" t="s">
        <v>42</v>
      </c>
      <c r="U21338" s="2">
        <v>2.661</v>
      </c>
      <c r="V21338" s="2">
        <v>2.0550000000000002</v>
      </c>
      <c r="W21338" s="2">
        <v>1.7999999999999999E-2</v>
      </c>
      <c r="X21338" s="2">
        <v>139.1</v>
      </c>
      <c r="Y21338" s="2">
        <v>7.6</v>
      </c>
      <c r="Z21338" s="2">
        <v>16.7</v>
      </c>
      <c r="AA21338" s="5"/>
      <c r="AB21338" s="5" t="s">
        <v>43</v>
      </c>
      <c r="AC21338" s="5" t="s">
        <v>44</v>
      </c>
      <c r="AD21338" s="2"/>
      <c r="AE21338" s="1"/>
    </row>
    <row r="21339" spans="1:31" ht="14.45">
      <c r="A21339" s="11"/>
      <c r="B21339" s="20"/>
      <c r="C21339" s="2" t="s">
        <v>68881</v>
      </c>
      <c r="D21339" s="14" t="s">
        <v>68882</v>
      </c>
      <c r="E21339" s="2" t="s">
        <v>68883</v>
      </c>
      <c r="F21339" s="2" t="s">
        <v>7204</v>
      </c>
      <c r="G21339" s="8">
        <v>206</v>
      </c>
      <c r="H21339" s="5">
        <v>15</v>
      </c>
      <c r="I21339" s="5" t="s">
        <v>1518</v>
      </c>
      <c r="J21339" s="5" t="s">
        <v>68411</v>
      </c>
      <c r="K21339" s="2" t="s">
        <v>68412</v>
      </c>
      <c r="L21339" s="5" t="s">
        <v>68411</v>
      </c>
      <c r="M21339" s="2" t="s">
        <v>68412</v>
      </c>
      <c r="N21339" s="5" t="s">
        <v>1521</v>
      </c>
      <c r="O21339" s="5" t="s">
        <v>38</v>
      </c>
      <c r="P21339" s="5" t="s">
        <v>39</v>
      </c>
      <c r="Q21339" s="5" t="s">
        <v>40</v>
      </c>
      <c r="R21339" s="5" t="s">
        <v>68413</v>
      </c>
      <c r="S21339" s="5" t="s">
        <v>40</v>
      </c>
      <c r="T21339" s="5" t="s">
        <v>42</v>
      </c>
      <c r="U21339" s="2">
        <v>3.137</v>
      </c>
      <c r="V21339" s="2">
        <v>2.5489999999999999</v>
      </c>
      <c r="W21339" s="2">
        <v>1.7999999999999999E-2</v>
      </c>
      <c r="X21339" s="2">
        <v>139.1</v>
      </c>
      <c r="Y21339" s="2">
        <v>7.6</v>
      </c>
      <c r="Z21339" s="2">
        <v>16.7</v>
      </c>
      <c r="AA21339" s="5"/>
      <c r="AB21339" s="5" t="s">
        <v>43</v>
      </c>
      <c r="AC21339" s="5" t="s">
        <v>44</v>
      </c>
      <c r="AD21339" s="2"/>
      <c r="AE21339" s="1"/>
    </row>
    <row r="21340" spans="1:31" ht="14.45">
      <c r="A21340" s="11"/>
      <c r="B21340" s="20"/>
      <c r="C21340" s="2" t="s">
        <v>68884</v>
      </c>
      <c r="D21340" s="14" t="s">
        <v>68885</v>
      </c>
      <c r="E21340" s="2" t="s">
        <v>68886</v>
      </c>
      <c r="F21340" s="2" t="s">
        <v>7514</v>
      </c>
      <c r="G21340" s="8">
        <v>206</v>
      </c>
      <c r="H21340" s="5">
        <v>15</v>
      </c>
      <c r="I21340" s="5" t="s">
        <v>1518</v>
      </c>
      <c r="J21340" s="5" t="s">
        <v>68411</v>
      </c>
      <c r="K21340" s="2" t="s">
        <v>68412</v>
      </c>
      <c r="L21340" s="5" t="s">
        <v>68411</v>
      </c>
      <c r="M21340" s="2" t="s">
        <v>68412</v>
      </c>
      <c r="N21340" s="5" t="s">
        <v>1521</v>
      </c>
      <c r="O21340" s="5" t="s">
        <v>38</v>
      </c>
      <c r="P21340" s="5" t="s">
        <v>39</v>
      </c>
      <c r="Q21340" s="5" t="s">
        <v>40</v>
      </c>
      <c r="R21340" s="5" t="s">
        <v>68413</v>
      </c>
      <c r="S21340" s="5" t="s">
        <v>40</v>
      </c>
      <c r="T21340" s="5" t="s">
        <v>42</v>
      </c>
      <c r="U21340" s="2">
        <v>3.1749999999999998</v>
      </c>
      <c r="V21340" s="2">
        <v>2.5859999999999999</v>
      </c>
      <c r="W21340" s="2">
        <v>1.7999999999999999E-2</v>
      </c>
      <c r="X21340" s="2">
        <v>139.1</v>
      </c>
      <c r="Y21340" s="2">
        <v>7.6</v>
      </c>
      <c r="Z21340" s="2">
        <v>16.7</v>
      </c>
      <c r="AA21340" s="5"/>
      <c r="AB21340" s="5" t="s">
        <v>43</v>
      </c>
      <c r="AC21340" s="5" t="s">
        <v>44</v>
      </c>
      <c r="AD21340" s="2"/>
      <c r="AE21340" s="1"/>
    </row>
    <row r="21341" spans="1:31" ht="14.45">
      <c r="A21341" s="11"/>
      <c r="B21341" s="20"/>
      <c r="C21341" s="2" t="s">
        <v>68887</v>
      </c>
      <c r="D21341" s="14" t="s">
        <v>68888</v>
      </c>
      <c r="E21341" s="2" t="s">
        <v>68889</v>
      </c>
      <c r="F21341" s="2" t="s">
        <v>68420</v>
      </c>
      <c r="G21341" s="8">
        <v>206</v>
      </c>
      <c r="H21341" s="5">
        <v>15</v>
      </c>
      <c r="I21341" s="5" t="s">
        <v>1518</v>
      </c>
      <c r="J21341" s="5" t="s">
        <v>68411</v>
      </c>
      <c r="K21341" s="2" t="s">
        <v>68412</v>
      </c>
      <c r="L21341" s="5" t="s">
        <v>68411</v>
      </c>
      <c r="M21341" s="2" t="s">
        <v>68412</v>
      </c>
      <c r="N21341" s="5" t="s">
        <v>1521</v>
      </c>
      <c r="O21341" s="5" t="s">
        <v>38</v>
      </c>
      <c r="P21341" s="5" t="s">
        <v>39</v>
      </c>
      <c r="Q21341" s="5" t="s">
        <v>40</v>
      </c>
      <c r="R21341" s="5" t="s">
        <v>68413</v>
      </c>
      <c r="S21341" s="5" t="s">
        <v>40</v>
      </c>
      <c r="T21341" s="5" t="s">
        <v>42</v>
      </c>
      <c r="U21341" s="2">
        <v>3.137</v>
      </c>
      <c r="V21341" s="2">
        <v>2.5489999999999999</v>
      </c>
      <c r="W21341" s="2">
        <v>1.7999999999999999E-2</v>
      </c>
      <c r="X21341" s="2">
        <v>139.1</v>
      </c>
      <c r="Y21341" s="2">
        <v>7.6</v>
      </c>
      <c r="Z21341" s="2">
        <v>16.7</v>
      </c>
      <c r="AA21341" s="5"/>
      <c r="AB21341" s="5" t="s">
        <v>43</v>
      </c>
      <c r="AC21341" s="5" t="s">
        <v>44</v>
      </c>
      <c r="AD21341" s="2"/>
      <c r="AE21341" s="1"/>
    </row>
    <row r="21342" spans="1:31" ht="14.45">
      <c r="A21342" s="11"/>
      <c r="B21342" s="20"/>
      <c r="C21342" s="2" t="s">
        <v>68890</v>
      </c>
      <c r="D21342" s="14" t="s">
        <v>68891</v>
      </c>
      <c r="E21342" s="2" t="s">
        <v>68892</v>
      </c>
      <c r="F21342" s="2" t="s">
        <v>68424</v>
      </c>
      <c r="G21342" s="8">
        <v>206</v>
      </c>
      <c r="H21342" s="5">
        <v>15</v>
      </c>
      <c r="I21342" s="5" t="s">
        <v>1518</v>
      </c>
      <c r="J21342" s="5" t="s">
        <v>68411</v>
      </c>
      <c r="K21342" s="2" t="s">
        <v>68412</v>
      </c>
      <c r="L21342" s="5" t="s">
        <v>68411</v>
      </c>
      <c r="M21342" s="2" t="s">
        <v>68412</v>
      </c>
      <c r="N21342" s="5" t="s">
        <v>1521</v>
      </c>
      <c r="O21342" s="5" t="s">
        <v>38</v>
      </c>
      <c r="P21342" s="5" t="s">
        <v>39</v>
      </c>
      <c r="Q21342" s="5" t="s">
        <v>40</v>
      </c>
      <c r="R21342" s="5" t="s">
        <v>68413</v>
      </c>
      <c r="S21342" s="5" t="s">
        <v>40</v>
      </c>
      <c r="T21342" s="5" t="s">
        <v>42</v>
      </c>
      <c r="U21342" s="2">
        <v>3.1749999999999998</v>
      </c>
      <c r="V21342" s="2">
        <v>2.5859999999999999</v>
      </c>
      <c r="W21342" s="2">
        <v>1.7999999999999999E-2</v>
      </c>
      <c r="X21342" s="2">
        <v>139.1</v>
      </c>
      <c r="Y21342" s="2">
        <v>7.6</v>
      </c>
      <c r="Z21342" s="2">
        <v>16.7</v>
      </c>
      <c r="AA21342" s="5"/>
      <c r="AB21342" s="5" t="s">
        <v>43</v>
      </c>
      <c r="AC21342" s="5" t="s">
        <v>44</v>
      </c>
      <c r="AD21342" s="2"/>
      <c r="AE21342" s="1"/>
    </row>
    <row r="21343" spans="1:31" ht="14.45">
      <c r="A21343" s="11"/>
      <c r="B21343" s="20"/>
      <c r="C21343" s="2" t="s">
        <v>68893</v>
      </c>
      <c r="D21343" s="14" t="s">
        <v>68894</v>
      </c>
      <c r="E21343" s="2" t="s">
        <v>68895</v>
      </c>
      <c r="F21343" s="2" t="s">
        <v>7204</v>
      </c>
      <c r="G21343" s="8">
        <v>228</v>
      </c>
      <c r="H21343" s="5">
        <v>15</v>
      </c>
      <c r="I21343" s="5" t="s">
        <v>1518</v>
      </c>
      <c r="J21343" s="5" t="s">
        <v>68411</v>
      </c>
      <c r="K21343" s="2" t="s">
        <v>68412</v>
      </c>
      <c r="L21343" s="5" t="s">
        <v>68411</v>
      </c>
      <c r="M21343" s="2" t="s">
        <v>68412</v>
      </c>
      <c r="N21343" s="5" t="s">
        <v>1521</v>
      </c>
      <c r="O21343" s="5" t="s">
        <v>38</v>
      </c>
      <c r="P21343" s="5" t="s">
        <v>39</v>
      </c>
      <c r="Q21343" s="5" t="s">
        <v>40</v>
      </c>
      <c r="R21343" s="5" t="s">
        <v>68413</v>
      </c>
      <c r="S21343" s="5" t="s">
        <v>40</v>
      </c>
      <c r="T21343" s="5" t="s">
        <v>42</v>
      </c>
      <c r="U21343" s="2">
        <v>3.3780000000000001</v>
      </c>
      <c r="V21343" s="2">
        <v>2.7989999999999999</v>
      </c>
      <c r="W21343" s="2">
        <v>1.7999999999999999E-2</v>
      </c>
      <c r="X21343" s="2">
        <v>139.1</v>
      </c>
      <c r="Y21343" s="2">
        <v>7.6</v>
      </c>
      <c r="Z21343" s="2">
        <v>16.7</v>
      </c>
      <c r="AA21343" s="5"/>
      <c r="AB21343" s="5" t="s">
        <v>43</v>
      </c>
      <c r="AC21343" s="5" t="s">
        <v>44</v>
      </c>
      <c r="AD21343" s="2"/>
      <c r="AE21343" s="1"/>
    </row>
    <row r="21344" spans="1:31" ht="14.45">
      <c r="A21344" s="11"/>
      <c r="B21344" s="20"/>
      <c r="C21344" s="2" t="s">
        <v>68896</v>
      </c>
      <c r="D21344" s="14" t="s">
        <v>68897</v>
      </c>
      <c r="E21344" s="2" t="s">
        <v>68898</v>
      </c>
      <c r="F21344" s="2" t="s">
        <v>7514</v>
      </c>
      <c r="G21344" s="8">
        <v>228</v>
      </c>
      <c r="H21344" s="5">
        <v>15</v>
      </c>
      <c r="I21344" s="5" t="s">
        <v>1518</v>
      </c>
      <c r="J21344" s="5" t="s">
        <v>68411</v>
      </c>
      <c r="K21344" s="2" t="s">
        <v>68412</v>
      </c>
      <c r="L21344" s="5" t="s">
        <v>68411</v>
      </c>
      <c r="M21344" s="2" t="s">
        <v>68412</v>
      </c>
      <c r="N21344" s="5" t="s">
        <v>1521</v>
      </c>
      <c r="O21344" s="5" t="s">
        <v>38</v>
      </c>
      <c r="P21344" s="5" t="s">
        <v>39</v>
      </c>
      <c r="Q21344" s="5" t="s">
        <v>40</v>
      </c>
      <c r="R21344" s="5" t="s">
        <v>68413</v>
      </c>
      <c r="S21344" s="5" t="s">
        <v>40</v>
      </c>
      <c r="T21344" s="5" t="s">
        <v>42</v>
      </c>
      <c r="U21344" s="2">
        <v>3.4159999999999999</v>
      </c>
      <c r="V21344" s="2">
        <v>2.8359999999999999</v>
      </c>
      <c r="W21344" s="2">
        <v>1.7999999999999999E-2</v>
      </c>
      <c r="X21344" s="2">
        <v>139.1</v>
      </c>
      <c r="Y21344" s="2">
        <v>7.6</v>
      </c>
      <c r="Z21344" s="2">
        <v>16.7</v>
      </c>
      <c r="AA21344" s="5"/>
      <c r="AB21344" s="5" t="s">
        <v>43</v>
      </c>
      <c r="AC21344" s="5" t="s">
        <v>44</v>
      </c>
      <c r="AD21344" s="2"/>
      <c r="AE21344" s="1"/>
    </row>
    <row r="21345" spans="1:31" ht="14.45">
      <c r="A21345" s="11"/>
      <c r="B21345" s="20"/>
      <c r="C21345" s="2" t="s">
        <v>68899</v>
      </c>
      <c r="D21345" s="14" t="s">
        <v>68900</v>
      </c>
      <c r="E21345" s="2" t="s">
        <v>68901</v>
      </c>
      <c r="F21345" s="2" t="s">
        <v>68420</v>
      </c>
      <c r="G21345" s="8">
        <v>228</v>
      </c>
      <c r="H21345" s="5">
        <v>15</v>
      </c>
      <c r="I21345" s="5" t="s">
        <v>1518</v>
      </c>
      <c r="J21345" s="5" t="s">
        <v>68411</v>
      </c>
      <c r="K21345" s="2" t="s">
        <v>68412</v>
      </c>
      <c r="L21345" s="5" t="s">
        <v>68411</v>
      </c>
      <c r="M21345" s="2" t="s">
        <v>68412</v>
      </c>
      <c r="N21345" s="5" t="s">
        <v>1521</v>
      </c>
      <c r="O21345" s="5" t="s">
        <v>38</v>
      </c>
      <c r="P21345" s="5" t="s">
        <v>39</v>
      </c>
      <c r="Q21345" s="5" t="s">
        <v>40</v>
      </c>
      <c r="R21345" s="5" t="s">
        <v>68413</v>
      </c>
      <c r="S21345" s="5" t="s">
        <v>40</v>
      </c>
      <c r="T21345" s="5" t="s">
        <v>42</v>
      </c>
      <c r="U21345" s="2">
        <v>3.3780000000000001</v>
      </c>
      <c r="V21345" s="2">
        <v>2.7989999999999999</v>
      </c>
      <c r="W21345" s="2">
        <v>1.7999999999999999E-2</v>
      </c>
      <c r="X21345" s="2">
        <v>139.1</v>
      </c>
      <c r="Y21345" s="2">
        <v>7.6</v>
      </c>
      <c r="Z21345" s="2">
        <v>16.7</v>
      </c>
      <c r="AA21345" s="5"/>
      <c r="AB21345" s="5" t="s">
        <v>43</v>
      </c>
      <c r="AC21345" s="5" t="s">
        <v>44</v>
      </c>
      <c r="AD21345" s="2"/>
      <c r="AE21345" s="1"/>
    </row>
    <row r="21346" spans="1:31" ht="14.45">
      <c r="A21346" s="11"/>
      <c r="B21346" s="20"/>
      <c r="C21346" s="2" t="s">
        <v>68902</v>
      </c>
      <c r="D21346" s="14" t="s">
        <v>68903</v>
      </c>
      <c r="E21346" s="2" t="s">
        <v>68904</v>
      </c>
      <c r="F21346" s="2" t="s">
        <v>7204</v>
      </c>
      <c r="G21346" s="8">
        <v>190</v>
      </c>
      <c r="H21346" s="5">
        <v>15</v>
      </c>
      <c r="I21346" s="5" t="s">
        <v>1518</v>
      </c>
      <c r="J21346" s="5" t="s">
        <v>68411</v>
      </c>
      <c r="K21346" s="2" t="s">
        <v>68412</v>
      </c>
      <c r="L21346" s="5" t="s">
        <v>68411</v>
      </c>
      <c r="M21346" s="2" t="s">
        <v>68412</v>
      </c>
      <c r="N21346" s="5" t="s">
        <v>1521</v>
      </c>
      <c r="O21346" s="5" t="s">
        <v>38</v>
      </c>
      <c r="P21346" s="5" t="s">
        <v>39</v>
      </c>
      <c r="Q21346" s="5" t="s">
        <v>40</v>
      </c>
      <c r="R21346" s="5" t="s">
        <v>68413</v>
      </c>
      <c r="S21346" s="5" t="s">
        <v>40</v>
      </c>
      <c r="T21346" s="5" t="s">
        <v>42</v>
      </c>
      <c r="U21346" s="2">
        <v>2.1789999999999998</v>
      </c>
      <c r="V21346" s="2">
        <v>1.56</v>
      </c>
      <c r="W21346" s="2">
        <v>1.7999999999999999E-2</v>
      </c>
      <c r="X21346" s="2">
        <v>139.1</v>
      </c>
      <c r="Y21346" s="2">
        <v>7.6</v>
      </c>
      <c r="Z21346" s="2">
        <v>16.7</v>
      </c>
      <c r="AA21346" s="5"/>
      <c r="AB21346" s="5" t="s">
        <v>43</v>
      </c>
      <c r="AC21346" s="5" t="s">
        <v>44</v>
      </c>
      <c r="AD21346" s="2"/>
      <c r="AE21346" s="1"/>
    </row>
    <row r="21347" spans="1:31" ht="14.45">
      <c r="A21347" s="11"/>
      <c r="B21347" s="20"/>
      <c r="C21347" s="2" t="s">
        <v>68905</v>
      </c>
      <c r="D21347" s="14" t="s">
        <v>68906</v>
      </c>
      <c r="E21347" s="2" t="s">
        <v>68907</v>
      </c>
      <c r="F21347" s="2" t="s">
        <v>7514</v>
      </c>
      <c r="G21347" s="8">
        <v>190</v>
      </c>
      <c r="H21347" s="5">
        <v>15</v>
      </c>
      <c r="I21347" s="5" t="s">
        <v>1518</v>
      </c>
      <c r="J21347" s="5" t="s">
        <v>68411</v>
      </c>
      <c r="K21347" s="2" t="s">
        <v>68412</v>
      </c>
      <c r="L21347" s="5" t="s">
        <v>68411</v>
      </c>
      <c r="M21347" s="2" t="s">
        <v>68412</v>
      </c>
      <c r="N21347" s="5" t="s">
        <v>1521</v>
      </c>
      <c r="O21347" s="5" t="s">
        <v>38</v>
      </c>
      <c r="P21347" s="5" t="s">
        <v>39</v>
      </c>
      <c r="Q21347" s="5" t="s">
        <v>40</v>
      </c>
      <c r="R21347" s="5" t="s">
        <v>68413</v>
      </c>
      <c r="S21347" s="5" t="s">
        <v>40</v>
      </c>
      <c r="T21347" s="5" t="s">
        <v>42</v>
      </c>
      <c r="U21347" s="2">
        <v>2.2200000000000002</v>
      </c>
      <c r="V21347" s="2">
        <v>1.6</v>
      </c>
      <c r="W21347" s="2">
        <v>1.7999999999999999E-2</v>
      </c>
      <c r="X21347" s="2">
        <v>139.1</v>
      </c>
      <c r="Y21347" s="2">
        <v>7.6</v>
      </c>
      <c r="Z21347" s="2">
        <v>16.7</v>
      </c>
      <c r="AA21347" s="5"/>
      <c r="AB21347" s="5" t="s">
        <v>43</v>
      </c>
      <c r="AC21347" s="5" t="s">
        <v>44</v>
      </c>
      <c r="AD21347" s="2"/>
      <c r="AE21347" s="1"/>
    </row>
    <row r="21348" spans="1:31" ht="14.45">
      <c r="A21348" s="11"/>
      <c r="B21348" s="20"/>
      <c r="C21348" s="2" t="s">
        <v>68908</v>
      </c>
      <c r="D21348" s="14" t="s">
        <v>68909</v>
      </c>
      <c r="E21348" s="2" t="s">
        <v>68910</v>
      </c>
      <c r="F21348" s="2" t="s">
        <v>68420</v>
      </c>
      <c r="G21348" s="8">
        <v>190</v>
      </c>
      <c r="H21348" s="5">
        <v>15</v>
      </c>
      <c r="I21348" s="5" t="s">
        <v>1518</v>
      </c>
      <c r="J21348" s="5" t="s">
        <v>68411</v>
      </c>
      <c r="K21348" s="2" t="s">
        <v>68412</v>
      </c>
      <c r="L21348" s="5" t="s">
        <v>68411</v>
      </c>
      <c r="M21348" s="2" t="s">
        <v>68412</v>
      </c>
      <c r="N21348" s="5" t="s">
        <v>1521</v>
      </c>
      <c r="O21348" s="5" t="s">
        <v>38</v>
      </c>
      <c r="P21348" s="5" t="s">
        <v>39</v>
      </c>
      <c r="Q21348" s="5" t="s">
        <v>40</v>
      </c>
      <c r="R21348" s="5" t="s">
        <v>68413</v>
      </c>
      <c r="S21348" s="5" t="s">
        <v>40</v>
      </c>
      <c r="T21348" s="5" t="s">
        <v>42</v>
      </c>
      <c r="U21348" s="2">
        <v>2.1789999999999998</v>
      </c>
      <c r="V21348" s="2">
        <v>1.56</v>
      </c>
      <c r="W21348" s="2">
        <v>1.7999999999999999E-2</v>
      </c>
      <c r="X21348" s="2">
        <v>139.1</v>
      </c>
      <c r="Y21348" s="2">
        <v>7.6</v>
      </c>
      <c r="Z21348" s="2">
        <v>16.7</v>
      </c>
      <c r="AA21348" s="5"/>
      <c r="AB21348" s="5" t="s">
        <v>43</v>
      </c>
      <c r="AC21348" s="5" t="s">
        <v>44</v>
      </c>
      <c r="AD21348" s="2"/>
      <c r="AE21348" s="1"/>
    </row>
    <row r="21349" spans="1:31" ht="14.45">
      <c r="A21349" s="11"/>
      <c r="B21349" s="20"/>
      <c r="C21349" s="2" t="s">
        <v>68911</v>
      </c>
      <c r="D21349" s="14" t="s">
        <v>68912</v>
      </c>
      <c r="E21349" s="2" t="s">
        <v>68913</v>
      </c>
      <c r="F21349" s="2" t="s">
        <v>68424</v>
      </c>
      <c r="G21349" s="8">
        <v>190</v>
      </c>
      <c r="H21349" s="5">
        <v>15</v>
      </c>
      <c r="I21349" s="5" t="s">
        <v>1518</v>
      </c>
      <c r="J21349" s="5" t="s">
        <v>68411</v>
      </c>
      <c r="K21349" s="2" t="s">
        <v>68412</v>
      </c>
      <c r="L21349" s="5" t="s">
        <v>68411</v>
      </c>
      <c r="M21349" s="2" t="s">
        <v>68412</v>
      </c>
      <c r="N21349" s="5" t="s">
        <v>1521</v>
      </c>
      <c r="O21349" s="5" t="s">
        <v>38</v>
      </c>
      <c r="P21349" s="5" t="s">
        <v>39</v>
      </c>
      <c r="Q21349" s="5" t="s">
        <v>40</v>
      </c>
      <c r="R21349" s="5" t="s">
        <v>68413</v>
      </c>
      <c r="S21349" s="5" t="s">
        <v>40</v>
      </c>
      <c r="T21349" s="5" t="s">
        <v>42</v>
      </c>
      <c r="U21349" s="2">
        <v>2.2200000000000002</v>
      </c>
      <c r="V21349" s="2">
        <v>1.6</v>
      </c>
      <c r="W21349" s="2">
        <v>1.7999999999999999E-2</v>
      </c>
      <c r="X21349" s="2">
        <v>139.1</v>
      </c>
      <c r="Y21349" s="2">
        <v>7.6</v>
      </c>
      <c r="Z21349" s="2">
        <v>16.7</v>
      </c>
      <c r="AA21349" s="5"/>
      <c r="AB21349" s="5" t="s">
        <v>43</v>
      </c>
      <c r="AC21349" s="5" t="s">
        <v>44</v>
      </c>
      <c r="AD21349" s="2"/>
      <c r="AE21349" s="1"/>
    </row>
    <row r="21350" spans="1:31" ht="14.45">
      <c r="A21350" s="11"/>
      <c r="B21350" s="20"/>
      <c r="C21350" s="2" t="s">
        <v>68914</v>
      </c>
      <c r="D21350" s="14" t="s">
        <v>68915</v>
      </c>
      <c r="E21350" s="2" t="s">
        <v>68916</v>
      </c>
      <c r="F21350" s="2" t="s">
        <v>7204</v>
      </c>
      <c r="G21350" s="8">
        <v>190</v>
      </c>
      <c r="H21350" s="5">
        <v>5</v>
      </c>
      <c r="I21350" s="5" t="s">
        <v>1518</v>
      </c>
      <c r="J21350" s="5" t="s">
        <v>68411</v>
      </c>
      <c r="K21350" s="2" t="s">
        <v>68412</v>
      </c>
      <c r="L21350" s="5" t="s">
        <v>68411</v>
      </c>
      <c r="M21350" s="2" t="s">
        <v>68412</v>
      </c>
      <c r="N21350" s="5" t="s">
        <v>1521</v>
      </c>
      <c r="O21350" s="5" t="s">
        <v>38</v>
      </c>
      <c r="P21350" s="5" t="s">
        <v>39</v>
      </c>
      <c r="Q21350" s="5" t="s">
        <v>40</v>
      </c>
      <c r="R21350" s="5" t="s">
        <v>68413</v>
      </c>
      <c r="S21350" s="5" t="s">
        <v>40</v>
      </c>
      <c r="T21350" s="5" t="s">
        <v>42</v>
      </c>
      <c r="U21350" s="2">
        <v>2.6880000000000002</v>
      </c>
      <c r="V21350" s="2">
        <v>2.0859999999999999</v>
      </c>
      <c r="W21350" s="2">
        <v>1.7999999999999999E-2</v>
      </c>
      <c r="X21350" s="2">
        <v>139.1</v>
      </c>
      <c r="Y21350" s="2">
        <v>7.6</v>
      </c>
      <c r="Z21350" s="2">
        <v>16.7</v>
      </c>
      <c r="AA21350" s="5"/>
      <c r="AB21350" s="5" t="s">
        <v>43</v>
      </c>
      <c r="AC21350" s="5" t="s">
        <v>44</v>
      </c>
      <c r="AD21350" s="2"/>
      <c r="AE21350" s="1"/>
    </row>
    <row r="21351" spans="1:31" ht="14.45">
      <c r="A21351" s="11"/>
      <c r="B21351" s="20"/>
      <c r="C21351" s="2" t="s">
        <v>68917</v>
      </c>
      <c r="D21351" s="14" t="s">
        <v>68918</v>
      </c>
      <c r="E21351" s="2" t="s">
        <v>68919</v>
      </c>
      <c r="F21351" s="2" t="s">
        <v>7514</v>
      </c>
      <c r="G21351" s="8">
        <v>190</v>
      </c>
      <c r="H21351" s="5">
        <v>5</v>
      </c>
      <c r="I21351" s="5" t="s">
        <v>1518</v>
      </c>
      <c r="J21351" s="5" t="s">
        <v>68411</v>
      </c>
      <c r="K21351" s="2" t="s">
        <v>68412</v>
      </c>
      <c r="L21351" s="5" t="s">
        <v>68411</v>
      </c>
      <c r="M21351" s="2" t="s">
        <v>68412</v>
      </c>
      <c r="N21351" s="5" t="s">
        <v>1521</v>
      </c>
      <c r="O21351" s="5" t="s">
        <v>38</v>
      </c>
      <c r="P21351" s="5" t="s">
        <v>39</v>
      </c>
      <c r="Q21351" s="5" t="s">
        <v>40</v>
      </c>
      <c r="R21351" s="5" t="s">
        <v>68413</v>
      </c>
      <c r="S21351" s="5" t="s">
        <v>40</v>
      </c>
      <c r="T21351" s="5" t="s">
        <v>42</v>
      </c>
      <c r="U21351" s="2">
        <v>2.7269999999999999</v>
      </c>
      <c r="V21351" s="2">
        <v>2.1240000000000001</v>
      </c>
      <c r="W21351" s="2">
        <v>1.7999999999999999E-2</v>
      </c>
      <c r="X21351" s="2">
        <v>139.1</v>
      </c>
      <c r="Y21351" s="2">
        <v>7.6</v>
      </c>
      <c r="Z21351" s="2">
        <v>16.7</v>
      </c>
      <c r="AA21351" s="5"/>
      <c r="AB21351" s="5" t="s">
        <v>43</v>
      </c>
      <c r="AC21351" s="5" t="s">
        <v>44</v>
      </c>
      <c r="AD21351" s="2"/>
      <c r="AE21351" s="1"/>
    </row>
    <row r="21352" spans="1:31" ht="14.45">
      <c r="A21352" s="11"/>
      <c r="B21352" s="20"/>
      <c r="C21352" s="2" t="s">
        <v>68920</v>
      </c>
      <c r="D21352" s="14" t="s">
        <v>68921</v>
      </c>
      <c r="E21352" s="2" t="s">
        <v>68922</v>
      </c>
      <c r="F21352" s="2" t="s">
        <v>68420</v>
      </c>
      <c r="G21352" s="8">
        <v>190</v>
      </c>
      <c r="H21352" s="5">
        <v>15</v>
      </c>
      <c r="I21352" s="5" t="s">
        <v>1518</v>
      </c>
      <c r="J21352" s="5" t="s">
        <v>68411</v>
      </c>
      <c r="K21352" s="2" t="s">
        <v>68412</v>
      </c>
      <c r="L21352" s="5" t="s">
        <v>68411</v>
      </c>
      <c r="M21352" s="2" t="s">
        <v>68412</v>
      </c>
      <c r="N21352" s="5" t="s">
        <v>1521</v>
      </c>
      <c r="O21352" s="5" t="s">
        <v>38</v>
      </c>
      <c r="P21352" s="5" t="s">
        <v>39</v>
      </c>
      <c r="Q21352" s="5" t="s">
        <v>40</v>
      </c>
      <c r="R21352" s="5" t="s">
        <v>68413</v>
      </c>
      <c r="S21352" s="5" t="s">
        <v>40</v>
      </c>
      <c r="T21352" s="5" t="s">
        <v>42</v>
      </c>
      <c r="U21352" s="2">
        <v>2.6880000000000002</v>
      </c>
      <c r="V21352" s="2">
        <v>2.0859999999999999</v>
      </c>
      <c r="W21352" s="2">
        <v>1.7999999999999999E-2</v>
      </c>
      <c r="X21352" s="2">
        <v>139.1</v>
      </c>
      <c r="Y21352" s="2">
        <v>7.6</v>
      </c>
      <c r="Z21352" s="2">
        <v>16.7</v>
      </c>
      <c r="AA21352" s="5"/>
      <c r="AB21352" s="5" t="s">
        <v>43</v>
      </c>
      <c r="AC21352" s="5" t="s">
        <v>44</v>
      </c>
      <c r="AD21352" s="2"/>
      <c r="AE21352" s="1"/>
    </row>
    <row r="21353" spans="1:31" ht="14.45">
      <c r="A21353" s="11"/>
      <c r="B21353" s="20"/>
      <c r="C21353" s="2" t="s">
        <v>68923</v>
      </c>
      <c r="D21353" s="14" t="s">
        <v>68924</v>
      </c>
      <c r="E21353" s="2" t="s">
        <v>68925</v>
      </c>
      <c r="F21353" s="2" t="s">
        <v>68424</v>
      </c>
      <c r="G21353" s="8">
        <v>190</v>
      </c>
      <c r="H21353" s="5">
        <v>15</v>
      </c>
      <c r="I21353" s="5" t="s">
        <v>1518</v>
      </c>
      <c r="J21353" s="5" t="s">
        <v>68411</v>
      </c>
      <c r="K21353" s="2" t="s">
        <v>68412</v>
      </c>
      <c r="L21353" s="5" t="s">
        <v>68411</v>
      </c>
      <c r="M21353" s="2" t="s">
        <v>68412</v>
      </c>
      <c r="N21353" s="5" t="s">
        <v>1521</v>
      </c>
      <c r="O21353" s="5" t="s">
        <v>38</v>
      </c>
      <c r="P21353" s="5" t="s">
        <v>39</v>
      </c>
      <c r="Q21353" s="5" t="s">
        <v>40</v>
      </c>
      <c r="R21353" s="5" t="s">
        <v>68413</v>
      </c>
      <c r="S21353" s="5" t="s">
        <v>40</v>
      </c>
      <c r="T21353" s="5" t="s">
        <v>42</v>
      </c>
      <c r="U21353" s="2">
        <v>2.7269999999999999</v>
      </c>
      <c r="V21353" s="2">
        <v>2.1240000000000001</v>
      </c>
      <c r="W21353" s="2">
        <v>1.7999999999999999E-2</v>
      </c>
      <c r="X21353" s="2">
        <v>139.1</v>
      </c>
      <c r="Y21353" s="2">
        <v>7.6</v>
      </c>
      <c r="Z21353" s="2">
        <v>16.7</v>
      </c>
      <c r="AA21353" s="5"/>
      <c r="AB21353" s="5" t="s">
        <v>43</v>
      </c>
      <c r="AC21353" s="5" t="s">
        <v>44</v>
      </c>
      <c r="AD21353" s="2"/>
      <c r="AE21353" s="1"/>
    </row>
    <row r="21354" spans="1:31" ht="14.45">
      <c r="A21354" s="11"/>
      <c r="B21354" s="20"/>
      <c r="C21354" s="2" t="s">
        <v>68926</v>
      </c>
      <c r="D21354" s="14" t="s">
        <v>68927</v>
      </c>
      <c r="E21354" s="2" t="s">
        <v>68928</v>
      </c>
      <c r="F21354" s="2" t="s">
        <v>7204</v>
      </c>
      <c r="G21354" s="8">
        <v>206</v>
      </c>
      <c r="H21354" s="5">
        <v>5</v>
      </c>
      <c r="I21354" s="5" t="s">
        <v>1518</v>
      </c>
      <c r="J21354" s="5" t="s">
        <v>68411</v>
      </c>
      <c r="K21354" s="2" t="s">
        <v>68412</v>
      </c>
      <c r="L21354" s="5" t="s">
        <v>68411</v>
      </c>
      <c r="M21354" s="2" t="s">
        <v>68412</v>
      </c>
      <c r="N21354" s="5" t="s">
        <v>1521</v>
      </c>
      <c r="O21354" s="5" t="s">
        <v>38</v>
      </c>
      <c r="P21354" s="5" t="s">
        <v>39</v>
      </c>
      <c r="Q21354" s="5" t="s">
        <v>40</v>
      </c>
      <c r="R21354" s="5" t="s">
        <v>68413</v>
      </c>
      <c r="S21354" s="5" t="s">
        <v>40</v>
      </c>
      <c r="T21354" s="5" t="s">
        <v>42</v>
      </c>
      <c r="U21354" s="2">
        <v>3.2040000000000002</v>
      </c>
      <c r="V21354" s="2">
        <v>2.6190000000000002</v>
      </c>
      <c r="W21354" s="2">
        <v>1.7999999999999999E-2</v>
      </c>
      <c r="X21354" s="2">
        <v>139.1</v>
      </c>
      <c r="Y21354" s="2">
        <v>7.6</v>
      </c>
      <c r="Z21354" s="2">
        <v>16.7</v>
      </c>
      <c r="AA21354" s="5"/>
      <c r="AB21354" s="5" t="s">
        <v>43</v>
      </c>
      <c r="AC21354" s="5" t="s">
        <v>44</v>
      </c>
      <c r="AD21354" s="2"/>
      <c r="AE21354" s="1"/>
    </row>
    <row r="21355" spans="1:31" ht="14.45">
      <c r="A21355" s="11"/>
      <c r="B21355" s="20"/>
      <c r="C21355" s="2" t="s">
        <v>68929</v>
      </c>
      <c r="D21355" s="14" t="s">
        <v>68930</v>
      </c>
      <c r="E21355" s="2" t="s">
        <v>68931</v>
      </c>
      <c r="F21355" s="2" t="s">
        <v>7514</v>
      </c>
      <c r="G21355" s="8">
        <v>206</v>
      </c>
      <c r="H21355" s="5">
        <v>5</v>
      </c>
      <c r="I21355" s="5" t="s">
        <v>1518</v>
      </c>
      <c r="J21355" s="5" t="s">
        <v>68411</v>
      </c>
      <c r="K21355" s="2" t="s">
        <v>68412</v>
      </c>
      <c r="L21355" s="5" t="s">
        <v>68411</v>
      </c>
      <c r="M21355" s="2" t="s">
        <v>68412</v>
      </c>
      <c r="N21355" s="5" t="s">
        <v>1521</v>
      </c>
      <c r="O21355" s="5" t="s">
        <v>38</v>
      </c>
      <c r="P21355" s="5" t="s">
        <v>39</v>
      </c>
      <c r="Q21355" s="5" t="s">
        <v>40</v>
      </c>
      <c r="R21355" s="5" t="s">
        <v>68413</v>
      </c>
      <c r="S21355" s="5" t="s">
        <v>40</v>
      </c>
      <c r="T21355" s="5" t="s">
        <v>42</v>
      </c>
      <c r="U21355" s="2">
        <v>3.242</v>
      </c>
      <c r="V21355" s="2">
        <v>2.6560000000000001</v>
      </c>
      <c r="W21355" s="2">
        <v>1.7999999999999999E-2</v>
      </c>
      <c r="X21355" s="2">
        <v>139.1</v>
      </c>
      <c r="Y21355" s="2">
        <v>7.6</v>
      </c>
      <c r="Z21355" s="2">
        <v>16.7</v>
      </c>
      <c r="AA21355" s="5"/>
      <c r="AB21355" s="5" t="s">
        <v>43</v>
      </c>
      <c r="AC21355" s="5" t="s">
        <v>44</v>
      </c>
      <c r="AD21355" s="2"/>
      <c r="AE21355" s="1"/>
    </row>
    <row r="21356" spans="1:31" ht="14.45">
      <c r="A21356" s="11"/>
      <c r="B21356" s="20"/>
      <c r="C21356" s="2" t="s">
        <v>68932</v>
      </c>
      <c r="D21356" s="14" t="s">
        <v>68933</v>
      </c>
      <c r="E21356" s="2" t="s">
        <v>68934</v>
      </c>
      <c r="F21356" s="2" t="s">
        <v>68420</v>
      </c>
      <c r="G21356" s="8">
        <v>206</v>
      </c>
      <c r="H21356" s="5">
        <v>15</v>
      </c>
      <c r="I21356" s="5" t="s">
        <v>1518</v>
      </c>
      <c r="J21356" s="5" t="s">
        <v>68411</v>
      </c>
      <c r="K21356" s="2" t="s">
        <v>68412</v>
      </c>
      <c r="L21356" s="5" t="s">
        <v>68411</v>
      </c>
      <c r="M21356" s="2" t="s">
        <v>68412</v>
      </c>
      <c r="N21356" s="5" t="s">
        <v>1521</v>
      </c>
      <c r="O21356" s="5" t="s">
        <v>38</v>
      </c>
      <c r="P21356" s="5" t="s">
        <v>39</v>
      </c>
      <c r="Q21356" s="5" t="s">
        <v>40</v>
      </c>
      <c r="R21356" s="5" t="s">
        <v>68413</v>
      </c>
      <c r="S21356" s="5" t="s">
        <v>40</v>
      </c>
      <c r="T21356" s="5" t="s">
        <v>42</v>
      </c>
      <c r="U21356" s="2">
        <v>3.2040000000000002</v>
      </c>
      <c r="V21356" s="2">
        <v>2.6190000000000002</v>
      </c>
      <c r="W21356" s="2">
        <v>1.7999999999999999E-2</v>
      </c>
      <c r="X21356" s="2">
        <v>139.1</v>
      </c>
      <c r="Y21356" s="2">
        <v>7.6</v>
      </c>
      <c r="Z21356" s="2">
        <v>16.7</v>
      </c>
      <c r="AA21356" s="5"/>
      <c r="AB21356" s="5" t="s">
        <v>43</v>
      </c>
      <c r="AC21356" s="5" t="s">
        <v>44</v>
      </c>
      <c r="AD21356" s="2"/>
      <c r="AE21356" s="1"/>
    </row>
    <row r="21357" spans="1:31" ht="14.45">
      <c r="A21357" s="11"/>
      <c r="B21357" s="20"/>
      <c r="C21357" s="2" t="s">
        <v>68935</v>
      </c>
      <c r="D21357" s="14" t="s">
        <v>68936</v>
      </c>
      <c r="E21357" s="2" t="s">
        <v>68937</v>
      </c>
      <c r="F21357" s="2" t="s">
        <v>68938</v>
      </c>
      <c r="G21357" s="8">
        <v>206</v>
      </c>
      <c r="H21357" s="5">
        <v>15</v>
      </c>
      <c r="I21357" s="5" t="s">
        <v>1518</v>
      </c>
      <c r="J21357" s="5" t="s">
        <v>68411</v>
      </c>
      <c r="K21357" s="2" t="s">
        <v>68412</v>
      </c>
      <c r="L21357" s="5" t="s">
        <v>68411</v>
      </c>
      <c r="M21357" s="2" t="s">
        <v>68412</v>
      </c>
      <c r="N21357" s="5" t="s">
        <v>1521</v>
      </c>
      <c r="O21357" s="5" t="s">
        <v>38</v>
      </c>
      <c r="P21357" s="5" t="s">
        <v>39</v>
      </c>
      <c r="Q21357" s="5" t="s">
        <v>40</v>
      </c>
      <c r="R21357" s="5" t="s">
        <v>68413</v>
      </c>
      <c r="S21357" s="5" t="s">
        <v>40</v>
      </c>
      <c r="T21357" s="5" t="s">
        <v>42</v>
      </c>
      <c r="U21357" s="2">
        <v>3.242</v>
      </c>
      <c r="V21357" s="2">
        <v>2.6560000000000001</v>
      </c>
      <c r="W21357" s="2">
        <v>1.7999999999999999E-2</v>
      </c>
      <c r="X21357" s="2">
        <v>139.1</v>
      </c>
      <c r="Y21357" s="2">
        <v>7.6</v>
      </c>
      <c r="Z21357" s="2">
        <v>16.7</v>
      </c>
      <c r="AA21357" s="5"/>
      <c r="AB21357" s="5" t="s">
        <v>43</v>
      </c>
      <c r="AC21357" s="5" t="s">
        <v>44</v>
      </c>
      <c r="AD21357" s="2"/>
      <c r="AE21357" s="1"/>
    </row>
    <row r="21358" spans="1:31" ht="14.45">
      <c r="A21358" s="11"/>
      <c r="B21358" s="20"/>
      <c r="C21358" s="2" t="s">
        <v>68939</v>
      </c>
      <c r="D21358" s="14" t="s">
        <v>68940</v>
      </c>
      <c r="E21358" s="2" t="s">
        <v>68941</v>
      </c>
      <c r="F21358" s="2" t="s">
        <v>7204</v>
      </c>
      <c r="G21358" s="8">
        <v>228</v>
      </c>
      <c r="H21358" s="5">
        <v>15</v>
      </c>
      <c r="I21358" s="5" t="s">
        <v>1518</v>
      </c>
      <c r="J21358" s="5" t="s">
        <v>68411</v>
      </c>
      <c r="K21358" s="2" t="s">
        <v>68412</v>
      </c>
      <c r="L21358" s="5" t="s">
        <v>68411</v>
      </c>
      <c r="M21358" s="2" t="s">
        <v>68412</v>
      </c>
      <c r="N21358" s="5" t="s">
        <v>1521</v>
      </c>
      <c r="O21358" s="5" t="s">
        <v>38</v>
      </c>
      <c r="P21358" s="5" t="s">
        <v>39</v>
      </c>
      <c r="Q21358" s="5" t="s">
        <v>40</v>
      </c>
      <c r="R21358" s="5" t="s">
        <v>68413</v>
      </c>
      <c r="S21358" s="5" t="s">
        <v>40</v>
      </c>
      <c r="T21358" s="5" t="s">
        <v>42</v>
      </c>
      <c r="U21358" s="2">
        <v>3.5350000000000001</v>
      </c>
      <c r="V21358" s="2">
        <v>2.87</v>
      </c>
      <c r="W21358" s="2">
        <v>0.02</v>
      </c>
      <c r="X21358" s="2">
        <v>159.1</v>
      </c>
      <c r="Y21358" s="2">
        <v>7.6</v>
      </c>
      <c r="Z21358" s="2">
        <v>16.7</v>
      </c>
      <c r="AA21358" s="5"/>
      <c r="AB21358" s="5" t="s">
        <v>43</v>
      </c>
      <c r="AC21358" s="5" t="s">
        <v>44</v>
      </c>
      <c r="AD21358" s="2"/>
      <c r="AE21358" s="1"/>
    </row>
    <row r="21359" spans="1:31" ht="14.45">
      <c r="A21359" s="11"/>
      <c r="B21359" s="20"/>
      <c r="C21359" s="2" t="s">
        <v>68942</v>
      </c>
      <c r="D21359" s="14" t="s">
        <v>68943</v>
      </c>
      <c r="E21359" s="2" t="s">
        <v>68944</v>
      </c>
      <c r="F21359" s="2" t="s">
        <v>7514</v>
      </c>
      <c r="G21359" s="8">
        <v>228</v>
      </c>
      <c r="H21359" s="5">
        <v>15</v>
      </c>
      <c r="I21359" s="5" t="s">
        <v>1518</v>
      </c>
      <c r="J21359" s="5" t="s">
        <v>68411</v>
      </c>
      <c r="K21359" s="2" t="s">
        <v>68412</v>
      </c>
      <c r="L21359" s="5" t="s">
        <v>68411</v>
      </c>
      <c r="M21359" s="2" t="s">
        <v>68412</v>
      </c>
      <c r="N21359" s="5" t="s">
        <v>1521</v>
      </c>
      <c r="O21359" s="5" t="s">
        <v>38</v>
      </c>
      <c r="P21359" s="5" t="s">
        <v>39</v>
      </c>
      <c r="Q21359" s="5" t="s">
        <v>40</v>
      </c>
      <c r="R21359" s="5" t="s">
        <v>68413</v>
      </c>
      <c r="S21359" s="5" t="s">
        <v>40</v>
      </c>
      <c r="T21359" s="5" t="s">
        <v>42</v>
      </c>
      <c r="U21359" s="2">
        <v>3.573</v>
      </c>
      <c r="V21359" s="2">
        <v>2.907</v>
      </c>
      <c r="W21359" s="2">
        <v>0.02</v>
      </c>
      <c r="X21359" s="2">
        <v>159.1</v>
      </c>
      <c r="Y21359" s="2">
        <v>7.6</v>
      </c>
      <c r="Z21359" s="2">
        <v>16.7</v>
      </c>
      <c r="AA21359" s="5"/>
      <c r="AB21359" s="5" t="s">
        <v>43</v>
      </c>
      <c r="AC21359" s="5" t="s">
        <v>44</v>
      </c>
      <c r="AD21359" s="2"/>
      <c r="AE21359" s="1"/>
    </row>
    <row r="21360" spans="1:31" ht="14.45">
      <c r="A21360" s="11"/>
      <c r="B21360" s="20"/>
      <c r="C21360" s="2" t="s">
        <v>68945</v>
      </c>
      <c r="D21360" s="14" t="s">
        <v>68946</v>
      </c>
      <c r="E21360" s="2" t="s">
        <v>68947</v>
      </c>
      <c r="F21360" s="2" t="s">
        <v>68420</v>
      </c>
      <c r="G21360" s="8">
        <v>228</v>
      </c>
      <c r="H21360" s="5">
        <v>15</v>
      </c>
      <c r="I21360" s="5" t="s">
        <v>1518</v>
      </c>
      <c r="J21360" s="5" t="s">
        <v>68411</v>
      </c>
      <c r="K21360" s="2" t="s">
        <v>68412</v>
      </c>
      <c r="L21360" s="5" t="s">
        <v>68411</v>
      </c>
      <c r="M21360" s="2" t="s">
        <v>68412</v>
      </c>
      <c r="N21360" s="5" t="s">
        <v>1521</v>
      </c>
      <c r="O21360" s="5" t="s">
        <v>38</v>
      </c>
      <c r="P21360" s="5" t="s">
        <v>39</v>
      </c>
      <c r="Q21360" s="5" t="s">
        <v>40</v>
      </c>
      <c r="R21360" s="5" t="s">
        <v>68413</v>
      </c>
      <c r="S21360" s="5" t="s">
        <v>40</v>
      </c>
      <c r="T21360" s="5" t="s">
        <v>42</v>
      </c>
      <c r="U21360" s="2">
        <v>3.5350000000000001</v>
      </c>
      <c r="V21360" s="2">
        <v>2.87</v>
      </c>
      <c r="W21360" s="2">
        <v>0.02</v>
      </c>
      <c r="X21360" s="2">
        <v>159.1</v>
      </c>
      <c r="Y21360" s="2">
        <v>7.6</v>
      </c>
      <c r="Z21360" s="2">
        <v>16.7</v>
      </c>
      <c r="AA21360" s="5"/>
      <c r="AB21360" s="5" t="s">
        <v>43</v>
      </c>
      <c r="AC21360" s="5" t="s">
        <v>44</v>
      </c>
      <c r="AD21360" s="2"/>
      <c r="AE21360" s="1"/>
    </row>
    <row r="21361" spans="1:31" ht="14.45">
      <c r="A21361" s="11"/>
      <c r="B21361" s="20"/>
      <c r="C21361" s="2" t="s">
        <v>68948</v>
      </c>
      <c r="D21361" s="14" t="s">
        <v>68949</v>
      </c>
      <c r="E21361" s="2" t="s">
        <v>68950</v>
      </c>
      <c r="F21361" s="2" t="s">
        <v>68424</v>
      </c>
      <c r="G21361" s="8">
        <v>228</v>
      </c>
      <c r="H21361" s="5">
        <v>15</v>
      </c>
      <c r="I21361" s="5" t="s">
        <v>1518</v>
      </c>
      <c r="J21361" s="5" t="s">
        <v>68411</v>
      </c>
      <c r="K21361" s="2" t="s">
        <v>68412</v>
      </c>
      <c r="L21361" s="5" t="s">
        <v>68411</v>
      </c>
      <c r="M21361" s="2" t="s">
        <v>68412</v>
      </c>
      <c r="N21361" s="5" t="s">
        <v>1521</v>
      </c>
      <c r="O21361" s="5" t="s">
        <v>38</v>
      </c>
      <c r="P21361" s="5" t="s">
        <v>39</v>
      </c>
      <c r="Q21361" s="5" t="s">
        <v>40</v>
      </c>
      <c r="R21361" s="5" t="s">
        <v>68413</v>
      </c>
      <c r="S21361" s="5" t="s">
        <v>40</v>
      </c>
      <c r="T21361" s="5" t="s">
        <v>42</v>
      </c>
      <c r="U21361" s="2">
        <v>3.573</v>
      </c>
      <c r="V21361" s="2">
        <v>2.907</v>
      </c>
      <c r="W21361" s="2">
        <v>0.02</v>
      </c>
      <c r="X21361" s="2">
        <v>159.1</v>
      </c>
      <c r="Y21361" s="2">
        <v>7.6</v>
      </c>
      <c r="Z21361" s="2">
        <v>16.7</v>
      </c>
      <c r="AA21361" s="5"/>
      <c r="AB21361" s="5" t="s">
        <v>43</v>
      </c>
      <c r="AC21361" s="5" t="s">
        <v>44</v>
      </c>
      <c r="AD21361" s="2"/>
      <c r="AE21361" s="1"/>
    </row>
    <row r="21362" spans="1:31" ht="14.45">
      <c r="A21362" s="11"/>
      <c r="B21362" s="20"/>
      <c r="C21362" s="2" t="s">
        <v>68951</v>
      </c>
      <c r="D21362" s="14" t="s">
        <v>68952</v>
      </c>
      <c r="E21362" s="2" t="s">
        <v>68953</v>
      </c>
      <c r="F21362" s="2" t="s">
        <v>7204</v>
      </c>
      <c r="G21362" s="8">
        <v>104</v>
      </c>
      <c r="H21362" s="5">
        <v>15</v>
      </c>
      <c r="I21362" s="5" t="s">
        <v>1518</v>
      </c>
      <c r="J21362" s="5" t="s">
        <v>68411</v>
      </c>
      <c r="K21362" s="2" t="s">
        <v>68412</v>
      </c>
      <c r="L21362" s="5" t="s">
        <v>68411</v>
      </c>
      <c r="M21362" s="2" t="s">
        <v>68412</v>
      </c>
      <c r="N21362" s="5" t="s">
        <v>1521</v>
      </c>
      <c r="O21362" s="5" t="s">
        <v>38</v>
      </c>
      <c r="P21362" s="5" t="s">
        <v>39</v>
      </c>
      <c r="Q21362" s="5" t="s">
        <v>40</v>
      </c>
      <c r="R21362" s="5" t="s">
        <v>68413</v>
      </c>
      <c r="S21362" s="5" t="s">
        <v>40</v>
      </c>
      <c r="T21362" s="5" t="s">
        <v>42</v>
      </c>
      <c r="U21362" s="2">
        <v>1.3160000000000001</v>
      </c>
      <c r="V21362" s="2">
        <v>0.876</v>
      </c>
      <c r="W21362" s="2">
        <v>0.01</v>
      </c>
      <c r="X21362" s="2">
        <v>76.900000000000006</v>
      </c>
      <c r="Y21362" s="2">
        <v>7.6</v>
      </c>
      <c r="Z21362" s="2">
        <v>16.7</v>
      </c>
      <c r="AA21362" s="5"/>
      <c r="AB21362" s="5" t="s">
        <v>43</v>
      </c>
      <c r="AC21362" s="5" t="s">
        <v>44</v>
      </c>
      <c r="AD21362" s="2"/>
      <c r="AE21362" s="1"/>
    </row>
    <row r="21363" spans="1:31" ht="14.45">
      <c r="A21363" s="11"/>
      <c r="B21363" s="20"/>
      <c r="C21363" s="2" t="s">
        <v>68954</v>
      </c>
      <c r="D21363" s="14" t="s">
        <v>68955</v>
      </c>
      <c r="E21363" s="2" t="s">
        <v>68956</v>
      </c>
      <c r="F21363" s="2" t="s">
        <v>68420</v>
      </c>
      <c r="G21363" s="8">
        <v>104</v>
      </c>
      <c r="H21363" s="5">
        <v>15</v>
      </c>
      <c r="I21363" s="5" t="s">
        <v>1518</v>
      </c>
      <c r="J21363" s="5" t="s">
        <v>68411</v>
      </c>
      <c r="K21363" s="2" t="s">
        <v>68412</v>
      </c>
      <c r="L21363" s="5" t="s">
        <v>68411</v>
      </c>
      <c r="M21363" s="2" t="s">
        <v>68412</v>
      </c>
      <c r="N21363" s="5" t="s">
        <v>1521</v>
      </c>
      <c r="O21363" s="5" t="s">
        <v>38</v>
      </c>
      <c r="P21363" s="5" t="s">
        <v>39</v>
      </c>
      <c r="Q21363" s="5" t="s">
        <v>40</v>
      </c>
      <c r="R21363" s="5" t="s">
        <v>68413</v>
      </c>
      <c r="S21363" s="5" t="s">
        <v>40</v>
      </c>
      <c r="T21363" s="5" t="s">
        <v>42</v>
      </c>
      <c r="U21363" s="2">
        <v>1.3160000000000001</v>
      </c>
      <c r="V21363" s="2">
        <v>0.876</v>
      </c>
      <c r="W21363" s="2">
        <v>0.01</v>
      </c>
      <c r="X21363" s="2">
        <v>76.900000000000006</v>
      </c>
      <c r="Y21363" s="2">
        <v>7.6</v>
      </c>
      <c r="Z21363" s="2">
        <v>16.7</v>
      </c>
      <c r="AA21363" s="5"/>
      <c r="AB21363" s="5" t="s">
        <v>43</v>
      </c>
      <c r="AC21363" s="5" t="s">
        <v>44</v>
      </c>
      <c r="AD21363" s="2"/>
      <c r="AE21363" s="1"/>
    </row>
    <row r="21364" spans="1:31" ht="14.45">
      <c r="A21364" s="11"/>
      <c r="B21364" s="20"/>
      <c r="C21364" s="2" t="s">
        <v>68957</v>
      </c>
      <c r="D21364" s="14" t="s">
        <v>68958</v>
      </c>
      <c r="E21364" s="2" t="s">
        <v>68959</v>
      </c>
      <c r="F21364" s="2" t="s">
        <v>7204</v>
      </c>
      <c r="G21364" s="8">
        <v>119</v>
      </c>
      <c r="H21364" s="5">
        <v>15</v>
      </c>
      <c r="I21364" s="5" t="s">
        <v>1518</v>
      </c>
      <c r="J21364" s="5" t="s">
        <v>68411</v>
      </c>
      <c r="K21364" s="2" t="s">
        <v>68412</v>
      </c>
      <c r="L21364" s="5" t="s">
        <v>68411</v>
      </c>
      <c r="M21364" s="2" t="s">
        <v>68412</v>
      </c>
      <c r="N21364" s="5" t="s">
        <v>1521</v>
      </c>
      <c r="O21364" s="5" t="s">
        <v>38</v>
      </c>
      <c r="P21364" s="5" t="s">
        <v>39</v>
      </c>
      <c r="Q21364" s="5" t="s">
        <v>40</v>
      </c>
      <c r="R21364" s="5" t="s">
        <v>68413</v>
      </c>
      <c r="S21364" s="5" t="s">
        <v>40</v>
      </c>
      <c r="T21364" s="5" t="s">
        <v>42</v>
      </c>
      <c r="U21364" s="2">
        <v>1.482</v>
      </c>
      <c r="V21364" s="2">
        <v>1.02</v>
      </c>
      <c r="W21364" s="2">
        <v>1.0999999999999999E-2</v>
      </c>
      <c r="X21364" s="2">
        <v>82.9</v>
      </c>
      <c r="Y21364" s="2">
        <v>7.6</v>
      </c>
      <c r="Z21364" s="2">
        <v>16.7</v>
      </c>
      <c r="AA21364" s="5"/>
      <c r="AB21364" s="5" t="s">
        <v>43</v>
      </c>
      <c r="AC21364" s="5" t="s">
        <v>44</v>
      </c>
      <c r="AD21364" s="2"/>
      <c r="AE21364" s="1"/>
    </row>
    <row r="21365" spans="1:31" ht="14.45">
      <c r="A21365" s="11"/>
      <c r="B21365" s="20"/>
      <c r="C21365" s="2" t="s">
        <v>68960</v>
      </c>
      <c r="D21365" s="14" t="s">
        <v>68961</v>
      </c>
      <c r="E21365" s="2" t="s">
        <v>68962</v>
      </c>
      <c r="F21365" s="2" t="s">
        <v>68420</v>
      </c>
      <c r="G21365" s="8">
        <v>119</v>
      </c>
      <c r="H21365" s="5">
        <v>15</v>
      </c>
      <c r="I21365" s="5" t="s">
        <v>1518</v>
      </c>
      <c r="J21365" s="5" t="s">
        <v>68411</v>
      </c>
      <c r="K21365" s="2" t="s">
        <v>68412</v>
      </c>
      <c r="L21365" s="5" t="s">
        <v>68411</v>
      </c>
      <c r="M21365" s="2" t="s">
        <v>68412</v>
      </c>
      <c r="N21365" s="5" t="s">
        <v>1521</v>
      </c>
      <c r="O21365" s="5" t="s">
        <v>38</v>
      </c>
      <c r="P21365" s="5" t="s">
        <v>39</v>
      </c>
      <c r="Q21365" s="5" t="s">
        <v>40</v>
      </c>
      <c r="R21365" s="5" t="s">
        <v>68413</v>
      </c>
      <c r="S21365" s="5" t="s">
        <v>40</v>
      </c>
      <c r="T21365" s="5" t="s">
        <v>42</v>
      </c>
      <c r="U21365" s="2">
        <v>1.482</v>
      </c>
      <c r="V21365" s="2">
        <v>1.02</v>
      </c>
      <c r="W21365" s="2">
        <v>1.0999999999999999E-2</v>
      </c>
      <c r="X21365" s="2">
        <v>82.9</v>
      </c>
      <c r="Y21365" s="2">
        <v>7.6</v>
      </c>
      <c r="Z21365" s="2">
        <v>16.7</v>
      </c>
      <c r="AA21365" s="5"/>
      <c r="AB21365" s="5" t="s">
        <v>43</v>
      </c>
      <c r="AC21365" s="5" t="s">
        <v>44</v>
      </c>
      <c r="AD21365" s="2"/>
      <c r="AE21365" s="1"/>
    </row>
    <row r="21366" spans="1:31" ht="14.45">
      <c r="A21366" s="11"/>
      <c r="B21366" s="20"/>
      <c r="C21366" s="2" t="s">
        <v>68963</v>
      </c>
      <c r="D21366" s="14" t="s">
        <v>68964</v>
      </c>
      <c r="E21366" s="2" t="s">
        <v>68965</v>
      </c>
      <c r="F21366" s="2" t="s">
        <v>7204</v>
      </c>
      <c r="G21366" s="8">
        <v>130</v>
      </c>
      <c r="H21366" s="5">
        <v>15</v>
      </c>
      <c r="I21366" s="5" t="s">
        <v>1518</v>
      </c>
      <c r="J21366" s="5" t="s">
        <v>68411</v>
      </c>
      <c r="K21366" s="2" t="s">
        <v>68412</v>
      </c>
      <c r="L21366" s="5" t="s">
        <v>68411</v>
      </c>
      <c r="M21366" s="2" t="s">
        <v>68412</v>
      </c>
      <c r="N21366" s="5" t="s">
        <v>1521</v>
      </c>
      <c r="O21366" s="5" t="s">
        <v>38</v>
      </c>
      <c r="P21366" s="5" t="s">
        <v>39</v>
      </c>
      <c r="Q21366" s="5" t="s">
        <v>40</v>
      </c>
      <c r="R21366" s="5" t="s">
        <v>68413</v>
      </c>
      <c r="S21366" s="5" t="s">
        <v>40</v>
      </c>
      <c r="T21366" s="5" t="s">
        <v>42</v>
      </c>
      <c r="U21366" s="2">
        <v>1.5940000000000001</v>
      </c>
      <c r="V21366" s="2">
        <v>1.1439999999999999</v>
      </c>
      <c r="W21366" s="2">
        <v>1.0999999999999999E-2</v>
      </c>
      <c r="X21366" s="2">
        <v>82.9</v>
      </c>
      <c r="Y21366" s="2">
        <v>7.6</v>
      </c>
      <c r="Z21366" s="2">
        <v>16.7</v>
      </c>
      <c r="AA21366" s="5"/>
      <c r="AB21366" s="5" t="s">
        <v>43</v>
      </c>
      <c r="AC21366" s="5" t="s">
        <v>44</v>
      </c>
      <c r="AD21366" s="2"/>
      <c r="AE21366" s="1"/>
    </row>
    <row r="21367" spans="1:31" ht="14.45">
      <c r="A21367" s="11"/>
      <c r="B21367" s="20"/>
      <c r="C21367" s="2" t="s">
        <v>68966</v>
      </c>
      <c r="D21367" s="14" t="s">
        <v>68967</v>
      </c>
      <c r="E21367" s="2" t="s">
        <v>68968</v>
      </c>
      <c r="F21367" s="2" t="s">
        <v>68420</v>
      </c>
      <c r="G21367" s="8">
        <v>130</v>
      </c>
      <c r="H21367" s="5">
        <v>15</v>
      </c>
      <c r="I21367" s="5" t="s">
        <v>1518</v>
      </c>
      <c r="J21367" s="5" t="s">
        <v>68411</v>
      </c>
      <c r="K21367" s="2" t="s">
        <v>68412</v>
      </c>
      <c r="L21367" s="5" t="s">
        <v>68411</v>
      </c>
      <c r="M21367" s="2" t="s">
        <v>68412</v>
      </c>
      <c r="N21367" s="5" t="s">
        <v>1521</v>
      </c>
      <c r="O21367" s="5" t="s">
        <v>38</v>
      </c>
      <c r="P21367" s="5" t="s">
        <v>39</v>
      </c>
      <c r="Q21367" s="5" t="s">
        <v>40</v>
      </c>
      <c r="R21367" s="5" t="s">
        <v>68413</v>
      </c>
      <c r="S21367" s="5" t="s">
        <v>40</v>
      </c>
      <c r="T21367" s="5" t="s">
        <v>42</v>
      </c>
      <c r="U21367" s="2">
        <v>1.5940000000000001</v>
      </c>
      <c r="V21367" s="2">
        <v>1.1439999999999999</v>
      </c>
      <c r="W21367" s="2">
        <v>1.0999999999999999E-2</v>
      </c>
      <c r="X21367" s="2">
        <v>82.9</v>
      </c>
      <c r="Y21367" s="2">
        <v>7.6</v>
      </c>
      <c r="Z21367" s="2">
        <v>16.7</v>
      </c>
      <c r="AA21367" s="5"/>
      <c r="AB21367" s="5" t="s">
        <v>43</v>
      </c>
      <c r="AC21367" s="5" t="s">
        <v>44</v>
      </c>
      <c r="AD21367" s="2"/>
      <c r="AE21367" s="1"/>
    </row>
    <row r="21368" spans="1:31" ht="14.45">
      <c r="A21368" s="11"/>
      <c r="B21368" s="20"/>
      <c r="C21368" s="2" t="s">
        <v>68969</v>
      </c>
      <c r="D21368" s="14" t="s">
        <v>68970</v>
      </c>
      <c r="E21368" s="2" t="s">
        <v>68971</v>
      </c>
      <c r="F21368" s="2" t="s">
        <v>7204</v>
      </c>
      <c r="G21368" s="8">
        <v>144</v>
      </c>
      <c r="H21368" s="5">
        <v>15</v>
      </c>
      <c r="I21368" s="5" t="s">
        <v>1518</v>
      </c>
      <c r="J21368" s="5" t="s">
        <v>68411</v>
      </c>
      <c r="K21368" s="2" t="s">
        <v>68412</v>
      </c>
      <c r="L21368" s="5" t="s">
        <v>68411</v>
      </c>
      <c r="M21368" s="2" t="s">
        <v>68412</v>
      </c>
      <c r="N21368" s="5" t="s">
        <v>1521</v>
      </c>
      <c r="O21368" s="5" t="s">
        <v>38</v>
      </c>
      <c r="P21368" s="5" t="s">
        <v>39</v>
      </c>
      <c r="Q21368" s="5" t="s">
        <v>40</v>
      </c>
      <c r="R21368" s="5" t="s">
        <v>68413</v>
      </c>
      <c r="S21368" s="5" t="s">
        <v>40</v>
      </c>
      <c r="T21368" s="5" t="s">
        <v>42</v>
      </c>
      <c r="U21368" s="2">
        <v>1.8380000000000001</v>
      </c>
      <c r="V21368" s="2">
        <v>1.302</v>
      </c>
      <c r="W21368" s="2">
        <v>1.4999999999999999E-2</v>
      </c>
      <c r="X21368" s="2">
        <v>118.9</v>
      </c>
      <c r="Y21368" s="2">
        <v>7.6</v>
      </c>
      <c r="Z21368" s="2">
        <v>16.7</v>
      </c>
      <c r="AA21368" s="5"/>
      <c r="AB21368" s="5" t="s">
        <v>43</v>
      </c>
      <c r="AC21368" s="5" t="s">
        <v>44</v>
      </c>
      <c r="AD21368" s="2"/>
      <c r="AE21368" s="1"/>
    </row>
    <row r="21369" spans="1:31" ht="14.45">
      <c r="A21369" s="11"/>
      <c r="B21369" s="20"/>
      <c r="C21369" s="2" t="s">
        <v>68972</v>
      </c>
      <c r="D21369" s="14" t="s">
        <v>68973</v>
      </c>
      <c r="E21369" s="2" t="s">
        <v>68974</v>
      </c>
      <c r="F21369" s="2" t="s">
        <v>68420</v>
      </c>
      <c r="G21369" s="8">
        <v>144</v>
      </c>
      <c r="H21369" s="5">
        <v>15</v>
      </c>
      <c r="I21369" s="5" t="s">
        <v>1518</v>
      </c>
      <c r="J21369" s="5" t="s">
        <v>68411</v>
      </c>
      <c r="K21369" s="2" t="s">
        <v>68412</v>
      </c>
      <c r="L21369" s="5" t="s">
        <v>68411</v>
      </c>
      <c r="M21369" s="2" t="s">
        <v>68412</v>
      </c>
      <c r="N21369" s="5" t="s">
        <v>1521</v>
      </c>
      <c r="O21369" s="5" t="s">
        <v>38</v>
      </c>
      <c r="P21369" s="5" t="s">
        <v>39</v>
      </c>
      <c r="Q21369" s="5" t="s">
        <v>40</v>
      </c>
      <c r="R21369" s="5" t="s">
        <v>68413</v>
      </c>
      <c r="S21369" s="5" t="s">
        <v>40</v>
      </c>
      <c r="T21369" s="5" t="s">
        <v>42</v>
      </c>
      <c r="U21369" s="2">
        <v>1.8380000000000001</v>
      </c>
      <c r="V21369" s="2">
        <v>1.302</v>
      </c>
      <c r="W21369" s="2">
        <v>1.4999999999999999E-2</v>
      </c>
      <c r="X21369" s="2">
        <v>118.9</v>
      </c>
      <c r="Y21369" s="2">
        <v>7.6</v>
      </c>
      <c r="Z21369" s="2">
        <v>16.7</v>
      </c>
      <c r="AA21369" s="5"/>
      <c r="AB21369" s="5" t="s">
        <v>43</v>
      </c>
      <c r="AC21369" s="5" t="s">
        <v>44</v>
      </c>
      <c r="AD21369" s="2"/>
      <c r="AE21369" s="1"/>
    </row>
    <row r="21370" spans="1:31" ht="14.45">
      <c r="A21370" s="11"/>
      <c r="B21370" s="20"/>
      <c r="C21370" s="2" t="s">
        <v>68975</v>
      </c>
      <c r="D21370" s="14" t="s">
        <v>68976</v>
      </c>
      <c r="E21370" s="2" t="s">
        <v>68977</v>
      </c>
      <c r="F21370" s="2" t="s">
        <v>7204</v>
      </c>
      <c r="G21370" s="8">
        <v>136</v>
      </c>
      <c r="H21370" s="5">
        <v>15</v>
      </c>
      <c r="I21370" s="5" t="s">
        <v>1518</v>
      </c>
      <c r="J21370" s="5" t="s">
        <v>68411</v>
      </c>
      <c r="K21370" s="2" t="s">
        <v>68412</v>
      </c>
      <c r="L21370" s="5" t="s">
        <v>68411</v>
      </c>
      <c r="M21370" s="2" t="s">
        <v>68412</v>
      </c>
      <c r="N21370" s="5" t="s">
        <v>1521</v>
      </c>
      <c r="O21370" s="5" t="s">
        <v>38</v>
      </c>
      <c r="P21370" s="5" t="s">
        <v>39</v>
      </c>
      <c r="Q21370" s="5" t="s">
        <v>40</v>
      </c>
      <c r="R21370" s="5" t="s">
        <v>68413</v>
      </c>
      <c r="S21370" s="5" t="s">
        <v>40</v>
      </c>
      <c r="T21370" s="5" t="s">
        <v>42</v>
      </c>
      <c r="U21370" s="2">
        <v>1.712</v>
      </c>
      <c r="V21370" s="2">
        <v>1.272</v>
      </c>
      <c r="W21370" s="2">
        <v>1.0999999999999999E-2</v>
      </c>
      <c r="X21370" s="2">
        <v>82.9</v>
      </c>
      <c r="Y21370" s="2">
        <v>7.6</v>
      </c>
      <c r="Z21370" s="2">
        <v>16.7</v>
      </c>
      <c r="AA21370" s="5"/>
      <c r="AB21370" s="5" t="s">
        <v>43</v>
      </c>
      <c r="AC21370" s="5" t="s">
        <v>44</v>
      </c>
      <c r="AD21370" s="2"/>
      <c r="AE21370" s="1"/>
    </row>
    <row r="21371" spans="1:31" ht="14.45">
      <c r="A21371" s="11"/>
      <c r="B21371" s="20"/>
      <c r="C21371" s="2" t="s">
        <v>68978</v>
      </c>
      <c r="D21371" s="14" t="s">
        <v>68979</v>
      </c>
      <c r="E21371" s="2" t="s">
        <v>68980</v>
      </c>
      <c r="F21371" s="2" t="s">
        <v>68420</v>
      </c>
      <c r="G21371" s="8">
        <v>136</v>
      </c>
      <c r="H21371" s="5">
        <v>15</v>
      </c>
      <c r="I21371" s="5" t="s">
        <v>1518</v>
      </c>
      <c r="J21371" s="5" t="s">
        <v>68411</v>
      </c>
      <c r="K21371" s="2" t="s">
        <v>68412</v>
      </c>
      <c r="L21371" s="5" t="s">
        <v>68411</v>
      </c>
      <c r="M21371" s="2" t="s">
        <v>68412</v>
      </c>
      <c r="N21371" s="5" t="s">
        <v>1521</v>
      </c>
      <c r="O21371" s="5" t="s">
        <v>38</v>
      </c>
      <c r="P21371" s="5" t="s">
        <v>39</v>
      </c>
      <c r="Q21371" s="5" t="s">
        <v>40</v>
      </c>
      <c r="R21371" s="5" t="s">
        <v>68413</v>
      </c>
      <c r="S21371" s="5" t="s">
        <v>40</v>
      </c>
      <c r="T21371" s="5" t="s">
        <v>42</v>
      </c>
      <c r="U21371" s="2">
        <v>1.712</v>
      </c>
      <c r="V21371" s="2">
        <v>1.272</v>
      </c>
      <c r="W21371" s="2">
        <v>1.0999999999999999E-2</v>
      </c>
      <c r="X21371" s="2">
        <v>82.9</v>
      </c>
      <c r="Y21371" s="2">
        <v>7.6</v>
      </c>
      <c r="Z21371" s="2">
        <v>16.7</v>
      </c>
      <c r="AA21371" s="5"/>
      <c r="AB21371" s="5" t="s">
        <v>43</v>
      </c>
      <c r="AC21371" s="5" t="s">
        <v>44</v>
      </c>
      <c r="AD21371" s="2"/>
      <c r="AE21371" s="1"/>
    </row>
    <row r="21372" spans="1:31" ht="14.45">
      <c r="A21372" s="11"/>
      <c r="B21372" s="20"/>
      <c r="C21372" s="2" t="s">
        <v>68981</v>
      </c>
      <c r="D21372" s="14" t="s">
        <v>68982</v>
      </c>
      <c r="E21372" s="2" t="s">
        <v>68983</v>
      </c>
      <c r="F21372" s="2" t="s">
        <v>7204</v>
      </c>
      <c r="G21372" s="8">
        <v>148</v>
      </c>
      <c r="H21372" s="5">
        <v>15</v>
      </c>
      <c r="I21372" s="5" t="s">
        <v>1518</v>
      </c>
      <c r="J21372" s="5" t="s">
        <v>68411</v>
      </c>
      <c r="K21372" s="2" t="s">
        <v>68412</v>
      </c>
      <c r="L21372" s="5" t="s">
        <v>68411</v>
      </c>
      <c r="M21372" s="2" t="s">
        <v>68412</v>
      </c>
      <c r="N21372" s="5" t="s">
        <v>1521</v>
      </c>
      <c r="O21372" s="5" t="s">
        <v>38</v>
      </c>
      <c r="P21372" s="5" t="s">
        <v>39</v>
      </c>
      <c r="Q21372" s="5" t="s">
        <v>40</v>
      </c>
      <c r="R21372" s="5" t="s">
        <v>68413</v>
      </c>
      <c r="S21372" s="5" t="s">
        <v>40</v>
      </c>
      <c r="T21372" s="5" t="s">
        <v>42</v>
      </c>
      <c r="U21372" s="2">
        <v>1.968</v>
      </c>
      <c r="V21372" s="2">
        <v>1.4430000000000001</v>
      </c>
      <c r="W21372" s="2">
        <v>1.4999999999999999E-2</v>
      </c>
      <c r="X21372" s="2">
        <v>118.9</v>
      </c>
      <c r="Y21372" s="2">
        <v>7.6</v>
      </c>
      <c r="Z21372" s="2">
        <v>16.7</v>
      </c>
      <c r="AA21372" s="5"/>
      <c r="AB21372" s="5" t="s">
        <v>43</v>
      </c>
      <c r="AC21372" s="5" t="s">
        <v>44</v>
      </c>
      <c r="AD21372" s="2"/>
      <c r="AE21372" s="1"/>
    </row>
    <row r="21373" spans="1:31" ht="14.45">
      <c r="A21373" s="11"/>
      <c r="B21373" s="20"/>
      <c r="C21373" s="2" t="s">
        <v>68984</v>
      </c>
      <c r="D21373" s="14" t="s">
        <v>68985</v>
      </c>
      <c r="E21373" s="2" t="s">
        <v>68986</v>
      </c>
      <c r="F21373" s="2" t="s">
        <v>68420</v>
      </c>
      <c r="G21373" s="8">
        <v>148</v>
      </c>
      <c r="H21373" s="5">
        <v>15</v>
      </c>
      <c r="I21373" s="5" t="s">
        <v>1518</v>
      </c>
      <c r="J21373" s="5" t="s">
        <v>68411</v>
      </c>
      <c r="K21373" s="2" t="s">
        <v>68412</v>
      </c>
      <c r="L21373" s="5" t="s">
        <v>68411</v>
      </c>
      <c r="M21373" s="2" t="s">
        <v>68412</v>
      </c>
      <c r="N21373" s="5" t="s">
        <v>1521</v>
      </c>
      <c r="O21373" s="5" t="s">
        <v>38</v>
      </c>
      <c r="P21373" s="5" t="s">
        <v>39</v>
      </c>
      <c r="Q21373" s="5" t="s">
        <v>40</v>
      </c>
      <c r="R21373" s="5" t="s">
        <v>68413</v>
      </c>
      <c r="S21373" s="5" t="s">
        <v>40</v>
      </c>
      <c r="T21373" s="5" t="s">
        <v>42</v>
      </c>
      <c r="U21373" s="2">
        <v>1.968</v>
      </c>
      <c r="V21373" s="2">
        <v>1.4430000000000001</v>
      </c>
      <c r="W21373" s="2">
        <v>1.4999999999999999E-2</v>
      </c>
      <c r="X21373" s="2">
        <v>118.9</v>
      </c>
      <c r="Y21373" s="2">
        <v>7.6</v>
      </c>
      <c r="Z21373" s="2">
        <v>16.7</v>
      </c>
      <c r="AA21373" s="5"/>
      <c r="AB21373" s="5" t="s">
        <v>43</v>
      </c>
      <c r="AC21373" s="5" t="s">
        <v>44</v>
      </c>
      <c r="AD21373" s="2"/>
      <c r="AE21373" s="1"/>
    </row>
    <row r="21374" spans="1:31" ht="14.45">
      <c r="A21374" s="11"/>
      <c r="B21374" s="20"/>
      <c r="C21374" s="2" t="s">
        <v>68987</v>
      </c>
      <c r="D21374" s="14" t="s">
        <v>68988</v>
      </c>
      <c r="E21374" s="2" t="s">
        <v>68989</v>
      </c>
      <c r="F21374" s="2" t="s">
        <v>7204</v>
      </c>
      <c r="G21374" s="8">
        <v>153</v>
      </c>
      <c r="H21374" s="5">
        <v>15</v>
      </c>
      <c r="I21374" s="5" t="s">
        <v>1518</v>
      </c>
      <c r="J21374" s="5" t="s">
        <v>68411</v>
      </c>
      <c r="K21374" s="2" t="s">
        <v>68412</v>
      </c>
      <c r="L21374" s="5" t="s">
        <v>68411</v>
      </c>
      <c r="M21374" s="2" t="s">
        <v>68412</v>
      </c>
      <c r="N21374" s="5" t="s">
        <v>1521</v>
      </c>
      <c r="O21374" s="5" t="s">
        <v>38</v>
      </c>
      <c r="P21374" s="5" t="s">
        <v>39</v>
      </c>
      <c r="Q21374" s="5" t="s">
        <v>40</v>
      </c>
      <c r="R21374" s="5" t="s">
        <v>68413</v>
      </c>
      <c r="S21374" s="5" t="s">
        <v>40</v>
      </c>
      <c r="T21374" s="5" t="s">
        <v>42</v>
      </c>
      <c r="U21374" s="2">
        <v>2.2130000000000001</v>
      </c>
      <c r="V21374" s="2">
        <v>1.613</v>
      </c>
      <c r="W21374" s="2">
        <v>1.7999999999999999E-2</v>
      </c>
      <c r="X21374" s="2">
        <v>139.1</v>
      </c>
      <c r="Y21374" s="2">
        <v>7.6</v>
      </c>
      <c r="Z21374" s="2">
        <v>16.7</v>
      </c>
      <c r="AA21374" s="5"/>
      <c r="AB21374" s="5" t="s">
        <v>43</v>
      </c>
      <c r="AC21374" s="5" t="s">
        <v>44</v>
      </c>
      <c r="AD21374" s="2"/>
      <c r="AE21374" s="1"/>
    </row>
    <row r="21375" spans="1:31" ht="14.45">
      <c r="A21375" s="11"/>
      <c r="B21375" s="20"/>
      <c r="C21375" s="2" t="s">
        <v>68990</v>
      </c>
      <c r="D21375" s="14" t="s">
        <v>68991</v>
      </c>
      <c r="E21375" s="2" t="s">
        <v>68992</v>
      </c>
      <c r="F21375" s="2" t="s">
        <v>68420</v>
      </c>
      <c r="G21375" s="8">
        <v>153</v>
      </c>
      <c r="H21375" s="5">
        <v>15</v>
      </c>
      <c r="I21375" s="5" t="s">
        <v>1518</v>
      </c>
      <c r="J21375" s="5" t="s">
        <v>68411</v>
      </c>
      <c r="K21375" s="2" t="s">
        <v>68412</v>
      </c>
      <c r="L21375" s="5" t="s">
        <v>68411</v>
      </c>
      <c r="M21375" s="2" t="s">
        <v>68412</v>
      </c>
      <c r="N21375" s="5" t="s">
        <v>1521</v>
      </c>
      <c r="O21375" s="5" t="s">
        <v>38</v>
      </c>
      <c r="P21375" s="5" t="s">
        <v>39</v>
      </c>
      <c r="Q21375" s="5" t="s">
        <v>40</v>
      </c>
      <c r="R21375" s="5" t="s">
        <v>68413</v>
      </c>
      <c r="S21375" s="5" t="s">
        <v>40</v>
      </c>
      <c r="T21375" s="5" t="s">
        <v>42</v>
      </c>
      <c r="U21375" s="2">
        <v>2.2130000000000001</v>
      </c>
      <c r="V21375" s="2">
        <v>1.613</v>
      </c>
      <c r="W21375" s="2">
        <v>1.7999999999999999E-2</v>
      </c>
      <c r="X21375" s="2">
        <v>139.1</v>
      </c>
      <c r="Y21375" s="2">
        <v>7.6</v>
      </c>
      <c r="Z21375" s="2">
        <v>16.7</v>
      </c>
      <c r="AA21375" s="5"/>
      <c r="AB21375" s="5" t="s">
        <v>43</v>
      </c>
      <c r="AC21375" s="5" t="s">
        <v>44</v>
      </c>
      <c r="AD21375" s="2"/>
      <c r="AE21375" s="1"/>
    </row>
    <row r="21376" spans="1:31" ht="14.45">
      <c r="A21376" s="11"/>
      <c r="B21376" s="20"/>
      <c r="C21376" s="2" t="s">
        <v>68993</v>
      </c>
      <c r="D21376" s="14" t="s">
        <v>68994</v>
      </c>
      <c r="E21376" s="2" t="s">
        <v>68995</v>
      </c>
      <c r="F21376" s="2" t="s">
        <v>7204</v>
      </c>
      <c r="G21376" s="8">
        <v>159</v>
      </c>
      <c r="H21376" s="5">
        <v>15</v>
      </c>
      <c r="I21376" s="5" t="s">
        <v>1518</v>
      </c>
      <c r="J21376" s="5" t="s">
        <v>68411</v>
      </c>
      <c r="K21376" s="2" t="s">
        <v>68412</v>
      </c>
      <c r="L21376" s="5" t="s">
        <v>68411</v>
      </c>
      <c r="M21376" s="2" t="s">
        <v>68412</v>
      </c>
      <c r="N21376" s="5" t="s">
        <v>1521</v>
      </c>
      <c r="O21376" s="5" t="s">
        <v>38</v>
      </c>
      <c r="P21376" s="5" t="s">
        <v>39</v>
      </c>
      <c r="Q21376" s="5" t="s">
        <v>40</v>
      </c>
      <c r="R21376" s="5" t="s">
        <v>68413</v>
      </c>
      <c r="S21376" s="5" t="s">
        <v>40</v>
      </c>
      <c r="T21376" s="5" t="s">
        <v>42</v>
      </c>
      <c r="U21376" s="2">
        <v>2.21</v>
      </c>
      <c r="V21376" s="2">
        <v>1.694</v>
      </c>
      <c r="W21376" s="2">
        <v>1.4999999999999999E-2</v>
      </c>
      <c r="X21376" s="2">
        <v>118.9</v>
      </c>
      <c r="Y21376" s="2">
        <v>7.6</v>
      </c>
      <c r="Z21376" s="2">
        <v>16.7</v>
      </c>
      <c r="AA21376" s="5"/>
      <c r="AB21376" s="5" t="s">
        <v>43</v>
      </c>
      <c r="AC21376" s="5" t="s">
        <v>44</v>
      </c>
      <c r="AD21376" s="2"/>
      <c r="AE21376" s="1"/>
    </row>
    <row r="21377" spans="1:31" ht="14.45">
      <c r="A21377" s="11"/>
      <c r="B21377" s="20"/>
      <c r="C21377" s="2" t="s">
        <v>68996</v>
      </c>
      <c r="D21377" s="14" t="s">
        <v>68997</v>
      </c>
      <c r="E21377" s="2" t="s">
        <v>68998</v>
      </c>
      <c r="F21377" s="2" t="s">
        <v>68420</v>
      </c>
      <c r="G21377" s="8">
        <v>159</v>
      </c>
      <c r="H21377" s="5">
        <v>15</v>
      </c>
      <c r="I21377" s="5" t="s">
        <v>1518</v>
      </c>
      <c r="J21377" s="5" t="s">
        <v>68411</v>
      </c>
      <c r="K21377" s="2" t="s">
        <v>68412</v>
      </c>
      <c r="L21377" s="5" t="s">
        <v>68411</v>
      </c>
      <c r="M21377" s="2" t="s">
        <v>68412</v>
      </c>
      <c r="N21377" s="5" t="s">
        <v>1521</v>
      </c>
      <c r="O21377" s="5" t="s">
        <v>38</v>
      </c>
      <c r="P21377" s="5" t="s">
        <v>39</v>
      </c>
      <c r="Q21377" s="5" t="s">
        <v>40</v>
      </c>
      <c r="R21377" s="5" t="s">
        <v>68413</v>
      </c>
      <c r="S21377" s="5" t="s">
        <v>40</v>
      </c>
      <c r="T21377" s="5" t="s">
        <v>42</v>
      </c>
      <c r="U21377" s="2">
        <v>2.21</v>
      </c>
      <c r="V21377" s="2">
        <v>1.694</v>
      </c>
      <c r="W21377" s="2">
        <v>1.4999999999999999E-2</v>
      </c>
      <c r="X21377" s="2">
        <v>118.9</v>
      </c>
      <c r="Y21377" s="2">
        <v>7.6</v>
      </c>
      <c r="Z21377" s="2">
        <v>16.7</v>
      </c>
      <c r="AA21377" s="5"/>
      <c r="AB21377" s="5" t="s">
        <v>43</v>
      </c>
      <c r="AC21377" s="5" t="s">
        <v>44</v>
      </c>
      <c r="AD21377" s="2"/>
      <c r="AE21377" s="1"/>
    </row>
    <row r="21378" spans="1:31" ht="14.45">
      <c r="A21378" s="11"/>
      <c r="B21378" s="20"/>
      <c r="C21378" s="2" t="s">
        <v>68999</v>
      </c>
      <c r="D21378" s="14" t="s">
        <v>69000</v>
      </c>
      <c r="E21378" s="2" t="s">
        <v>69001</v>
      </c>
      <c r="F21378" s="2" t="s">
        <v>7204</v>
      </c>
      <c r="G21378" s="8">
        <v>170</v>
      </c>
      <c r="H21378" s="5">
        <v>15</v>
      </c>
      <c r="I21378" s="5" t="s">
        <v>1518</v>
      </c>
      <c r="J21378" s="5" t="s">
        <v>68411</v>
      </c>
      <c r="K21378" s="2" t="s">
        <v>68412</v>
      </c>
      <c r="L21378" s="5" t="s">
        <v>68411</v>
      </c>
      <c r="M21378" s="2" t="s">
        <v>68412</v>
      </c>
      <c r="N21378" s="5" t="s">
        <v>1521</v>
      </c>
      <c r="O21378" s="5" t="s">
        <v>38</v>
      </c>
      <c r="P21378" s="5" t="s">
        <v>39</v>
      </c>
      <c r="Q21378" s="5" t="s">
        <v>40</v>
      </c>
      <c r="R21378" s="5" t="s">
        <v>68413</v>
      </c>
      <c r="S21378" s="5" t="s">
        <v>40</v>
      </c>
      <c r="T21378" s="5" t="s">
        <v>42</v>
      </c>
      <c r="U21378" s="2">
        <v>2.48</v>
      </c>
      <c r="V21378" s="2">
        <v>1.89</v>
      </c>
      <c r="W21378" s="2">
        <v>1.7999999999999999E-2</v>
      </c>
      <c r="X21378" s="2">
        <v>139.1</v>
      </c>
      <c r="Y21378" s="2">
        <v>7.6</v>
      </c>
      <c r="Z21378" s="2">
        <v>16.7</v>
      </c>
      <c r="AA21378" s="5"/>
      <c r="AB21378" s="5" t="s">
        <v>43</v>
      </c>
      <c r="AC21378" s="5" t="s">
        <v>44</v>
      </c>
      <c r="AD21378" s="2"/>
      <c r="AE21378" s="1"/>
    </row>
    <row r="21379" spans="1:31" ht="14.45">
      <c r="A21379" s="11"/>
      <c r="B21379" s="20"/>
      <c r="C21379" s="2" t="s">
        <v>69002</v>
      </c>
      <c r="D21379" s="14" t="s">
        <v>69003</v>
      </c>
      <c r="E21379" s="2" t="s">
        <v>69004</v>
      </c>
      <c r="F21379" s="2" t="s">
        <v>68420</v>
      </c>
      <c r="G21379" s="8">
        <v>170</v>
      </c>
      <c r="H21379" s="5">
        <v>15</v>
      </c>
      <c r="I21379" s="5" t="s">
        <v>1518</v>
      </c>
      <c r="J21379" s="5" t="s">
        <v>68411</v>
      </c>
      <c r="K21379" s="2" t="s">
        <v>68412</v>
      </c>
      <c r="L21379" s="5" t="s">
        <v>68411</v>
      </c>
      <c r="M21379" s="2" t="s">
        <v>68412</v>
      </c>
      <c r="N21379" s="5" t="s">
        <v>1521</v>
      </c>
      <c r="O21379" s="5" t="s">
        <v>38</v>
      </c>
      <c r="P21379" s="5" t="s">
        <v>39</v>
      </c>
      <c r="Q21379" s="5" t="s">
        <v>40</v>
      </c>
      <c r="R21379" s="5" t="s">
        <v>68413</v>
      </c>
      <c r="S21379" s="5" t="s">
        <v>40</v>
      </c>
      <c r="T21379" s="5" t="s">
        <v>42</v>
      </c>
      <c r="U21379" s="2">
        <v>2.48</v>
      </c>
      <c r="V21379" s="2">
        <v>1.89</v>
      </c>
      <c r="W21379" s="2">
        <v>1.7999999999999999E-2</v>
      </c>
      <c r="X21379" s="2">
        <v>139.1</v>
      </c>
      <c r="Y21379" s="2">
        <v>7.6</v>
      </c>
      <c r="Z21379" s="2">
        <v>16.7</v>
      </c>
      <c r="AA21379" s="5"/>
      <c r="AB21379" s="5" t="s">
        <v>43</v>
      </c>
      <c r="AC21379" s="5" t="s">
        <v>44</v>
      </c>
      <c r="AD21379" s="2"/>
      <c r="AE21379" s="1"/>
    </row>
    <row r="21380" spans="1:31" ht="14.45">
      <c r="A21380" s="11"/>
      <c r="B21380" s="20"/>
      <c r="C21380" s="2" t="s">
        <v>69005</v>
      </c>
      <c r="D21380" s="14" t="s">
        <v>69006</v>
      </c>
      <c r="E21380" s="2" t="s">
        <v>69007</v>
      </c>
      <c r="F21380" s="2" t="s">
        <v>7204</v>
      </c>
      <c r="G21380" s="8">
        <v>179</v>
      </c>
      <c r="H21380" s="5">
        <v>15</v>
      </c>
      <c r="I21380" s="5" t="s">
        <v>1518</v>
      </c>
      <c r="J21380" s="5" t="s">
        <v>68411</v>
      </c>
      <c r="K21380" s="2" t="s">
        <v>68412</v>
      </c>
      <c r="L21380" s="5" t="s">
        <v>68411</v>
      </c>
      <c r="M21380" s="2" t="s">
        <v>68412</v>
      </c>
      <c r="N21380" s="5" t="s">
        <v>1521</v>
      </c>
      <c r="O21380" s="5" t="s">
        <v>38</v>
      </c>
      <c r="P21380" s="5" t="s">
        <v>39</v>
      </c>
      <c r="Q21380" s="5" t="s">
        <v>40</v>
      </c>
      <c r="R21380" s="5" t="s">
        <v>68413</v>
      </c>
      <c r="S21380" s="5" t="s">
        <v>40</v>
      </c>
      <c r="T21380" s="5" t="s">
        <v>42</v>
      </c>
      <c r="U21380" s="2">
        <v>2.5219999999999998</v>
      </c>
      <c r="V21380" s="2">
        <v>2.0089999999999999</v>
      </c>
      <c r="W21380" s="2">
        <v>1.4999999999999999E-2</v>
      </c>
      <c r="X21380" s="2">
        <v>118.9</v>
      </c>
      <c r="Y21380" s="2">
        <v>7.6</v>
      </c>
      <c r="Z21380" s="2">
        <v>16.7</v>
      </c>
      <c r="AA21380" s="5"/>
      <c r="AB21380" s="5" t="s">
        <v>43</v>
      </c>
      <c r="AC21380" s="5" t="s">
        <v>44</v>
      </c>
      <c r="AD21380" s="2"/>
      <c r="AE21380" s="1"/>
    </row>
    <row r="21381" spans="1:31" ht="14.45">
      <c r="A21381" s="11"/>
      <c r="B21381" s="20"/>
      <c r="C21381" s="2" t="s">
        <v>69008</v>
      </c>
      <c r="D21381" s="14" t="s">
        <v>69009</v>
      </c>
      <c r="E21381" s="2" t="s">
        <v>69010</v>
      </c>
      <c r="F21381" s="2" t="s">
        <v>68420</v>
      </c>
      <c r="G21381" s="8">
        <v>179</v>
      </c>
      <c r="H21381" s="5">
        <v>15</v>
      </c>
      <c r="I21381" s="5" t="s">
        <v>1518</v>
      </c>
      <c r="J21381" s="5" t="s">
        <v>68411</v>
      </c>
      <c r="K21381" s="2" t="s">
        <v>68412</v>
      </c>
      <c r="L21381" s="5" t="s">
        <v>68411</v>
      </c>
      <c r="M21381" s="2" t="s">
        <v>68412</v>
      </c>
      <c r="N21381" s="5" t="s">
        <v>1521</v>
      </c>
      <c r="O21381" s="5" t="s">
        <v>38</v>
      </c>
      <c r="P21381" s="5" t="s">
        <v>39</v>
      </c>
      <c r="Q21381" s="5" t="s">
        <v>40</v>
      </c>
      <c r="R21381" s="5" t="s">
        <v>68413</v>
      </c>
      <c r="S21381" s="5" t="s">
        <v>40</v>
      </c>
      <c r="T21381" s="5" t="s">
        <v>42</v>
      </c>
      <c r="U21381" s="2">
        <v>2.5219999999999998</v>
      </c>
      <c r="V21381" s="2">
        <v>2.0089999999999999</v>
      </c>
      <c r="W21381" s="2">
        <v>1.4999999999999999E-2</v>
      </c>
      <c r="X21381" s="2">
        <v>118.9</v>
      </c>
      <c r="Y21381" s="2">
        <v>7.6</v>
      </c>
      <c r="Z21381" s="2">
        <v>16.7</v>
      </c>
      <c r="AA21381" s="5"/>
      <c r="AB21381" s="5" t="s">
        <v>43</v>
      </c>
      <c r="AC21381" s="5" t="s">
        <v>44</v>
      </c>
      <c r="AD21381" s="2"/>
      <c r="AE21381" s="1"/>
    </row>
    <row r="21382" spans="1:31" ht="14.45">
      <c r="A21382" s="11"/>
      <c r="B21382" s="20"/>
      <c r="C21382" s="2" t="s">
        <v>69011</v>
      </c>
      <c r="D21382" s="14" t="s">
        <v>69012</v>
      </c>
      <c r="E21382" s="2" t="s">
        <v>69013</v>
      </c>
      <c r="F21382" s="2" t="s">
        <v>7204</v>
      </c>
      <c r="G21382" s="8">
        <v>190</v>
      </c>
      <c r="H21382" s="5">
        <v>15</v>
      </c>
      <c r="I21382" s="5" t="s">
        <v>1518</v>
      </c>
      <c r="J21382" s="5" t="s">
        <v>68411</v>
      </c>
      <c r="K21382" s="2" t="s">
        <v>68412</v>
      </c>
      <c r="L21382" s="5" t="s">
        <v>68411</v>
      </c>
      <c r="M21382" s="2" t="s">
        <v>68412</v>
      </c>
      <c r="N21382" s="5" t="s">
        <v>1521</v>
      </c>
      <c r="O21382" s="5" t="s">
        <v>38</v>
      </c>
      <c r="P21382" s="5" t="s">
        <v>39</v>
      </c>
      <c r="Q21382" s="5" t="s">
        <v>40</v>
      </c>
      <c r="R21382" s="5" t="s">
        <v>68413</v>
      </c>
      <c r="S21382" s="5" t="s">
        <v>40</v>
      </c>
      <c r="T21382" s="5" t="s">
        <v>42</v>
      </c>
      <c r="U21382" s="2">
        <v>2.82</v>
      </c>
      <c r="V21382" s="2">
        <v>2.2320000000000002</v>
      </c>
      <c r="W21382" s="2">
        <v>1.7999999999999999E-2</v>
      </c>
      <c r="X21382" s="2">
        <v>139.1</v>
      </c>
      <c r="Y21382" s="2">
        <v>7.6</v>
      </c>
      <c r="Z21382" s="2">
        <v>16.7</v>
      </c>
      <c r="AA21382" s="5"/>
      <c r="AB21382" s="5" t="s">
        <v>43</v>
      </c>
      <c r="AC21382" s="5" t="s">
        <v>44</v>
      </c>
      <c r="AD21382" s="2"/>
      <c r="AE21382" s="1"/>
    </row>
    <row r="21383" spans="1:31" ht="14.45">
      <c r="A21383" s="11"/>
      <c r="B21383" s="20"/>
      <c r="C21383" s="2" t="s">
        <v>69014</v>
      </c>
      <c r="D21383" s="14" t="s">
        <v>69015</v>
      </c>
      <c r="E21383" s="2" t="s">
        <v>69016</v>
      </c>
      <c r="F21383" s="2" t="s">
        <v>68420</v>
      </c>
      <c r="G21383" s="8">
        <v>190</v>
      </c>
      <c r="H21383" s="5">
        <v>15</v>
      </c>
      <c r="I21383" s="5" t="s">
        <v>1518</v>
      </c>
      <c r="J21383" s="5" t="s">
        <v>68411</v>
      </c>
      <c r="K21383" s="2" t="s">
        <v>68412</v>
      </c>
      <c r="L21383" s="5" t="s">
        <v>68411</v>
      </c>
      <c r="M21383" s="2" t="s">
        <v>68412</v>
      </c>
      <c r="N21383" s="5" t="s">
        <v>1521</v>
      </c>
      <c r="O21383" s="5" t="s">
        <v>38</v>
      </c>
      <c r="P21383" s="5" t="s">
        <v>39</v>
      </c>
      <c r="Q21383" s="5" t="s">
        <v>40</v>
      </c>
      <c r="R21383" s="5" t="s">
        <v>68413</v>
      </c>
      <c r="S21383" s="5" t="s">
        <v>40</v>
      </c>
      <c r="T21383" s="5" t="s">
        <v>42</v>
      </c>
      <c r="U21383" s="2">
        <v>2.82</v>
      </c>
      <c r="V21383" s="2">
        <v>2.2320000000000002</v>
      </c>
      <c r="W21383" s="2">
        <v>1.7999999999999999E-2</v>
      </c>
      <c r="X21383" s="2">
        <v>139.1</v>
      </c>
      <c r="Y21383" s="2">
        <v>7.6</v>
      </c>
      <c r="Z21383" s="2">
        <v>16.7</v>
      </c>
      <c r="AA21383" s="5"/>
      <c r="AB21383" s="5" t="s">
        <v>43</v>
      </c>
      <c r="AC21383" s="5" t="s">
        <v>44</v>
      </c>
      <c r="AD21383" s="2"/>
      <c r="AE21383" s="1"/>
    </row>
    <row r="21384" spans="1:31" ht="14.45">
      <c r="A21384" s="11"/>
      <c r="B21384" s="20"/>
      <c r="C21384" s="2" t="s">
        <v>69017</v>
      </c>
      <c r="D21384" s="14" t="s">
        <v>69018</v>
      </c>
      <c r="E21384" s="2" t="s">
        <v>69019</v>
      </c>
      <c r="F21384" s="2" t="s">
        <v>7204</v>
      </c>
      <c r="G21384" s="8">
        <v>213</v>
      </c>
      <c r="H21384" s="5">
        <v>15</v>
      </c>
      <c r="I21384" s="5" t="s">
        <v>1518</v>
      </c>
      <c r="J21384" s="5" t="s">
        <v>68411</v>
      </c>
      <c r="K21384" s="2" t="s">
        <v>68412</v>
      </c>
      <c r="L21384" s="5" t="s">
        <v>68411</v>
      </c>
      <c r="M21384" s="2" t="s">
        <v>68412</v>
      </c>
      <c r="N21384" s="5" t="s">
        <v>1521</v>
      </c>
      <c r="O21384" s="5" t="s">
        <v>38</v>
      </c>
      <c r="P21384" s="5" t="s">
        <v>39</v>
      </c>
      <c r="Q21384" s="5" t="s">
        <v>40</v>
      </c>
      <c r="R21384" s="5" t="s">
        <v>68413</v>
      </c>
      <c r="S21384" s="5" t="s">
        <v>40</v>
      </c>
      <c r="T21384" s="5" t="s">
        <v>42</v>
      </c>
      <c r="U21384" s="2">
        <v>3.1230000000000002</v>
      </c>
      <c r="V21384" s="2">
        <v>2.4540000000000002</v>
      </c>
      <c r="W21384" s="2">
        <v>0.02</v>
      </c>
      <c r="X21384" s="2">
        <v>159.1</v>
      </c>
      <c r="Y21384" s="2">
        <v>7.6</v>
      </c>
      <c r="Z21384" s="2">
        <v>16.7</v>
      </c>
      <c r="AA21384" s="5"/>
      <c r="AB21384" s="5" t="s">
        <v>43</v>
      </c>
      <c r="AC21384" s="5" t="s">
        <v>44</v>
      </c>
      <c r="AD21384" s="2"/>
      <c r="AE21384" s="1"/>
    </row>
    <row r="21385" spans="1:31" ht="14.45">
      <c r="A21385" s="11"/>
      <c r="B21385" s="20"/>
      <c r="C21385" s="2" t="s">
        <v>69020</v>
      </c>
      <c r="D21385" s="14" t="s">
        <v>69021</v>
      </c>
      <c r="E21385" s="2" t="s">
        <v>69022</v>
      </c>
      <c r="F21385" s="2" t="s">
        <v>68420</v>
      </c>
      <c r="G21385" s="8">
        <v>213</v>
      </c>
      <c r="H21385" s="5">
        <v>15</v>
      </c>
      <c r="I21385" s="5" t="s">
        <v>1518</v>
      </c>
      <c r="J21385" s="5" t="s">
        <v>68411</v>
      </c>
      <c r="K21385" s="2" t="s">
        <v>68412</v>
      </c>
      <c r="L21385" s="5" t="s">
        <v>68411</v>
      </c>
      <c r="M21385" s="2" t="s">
        <v>68412</v>
      </c>
      <c r="N21385" s="5" t="s">
        <v>1521</v>
      </c>
      <c r="O21385" s="5" t="s">
        <v>38</v>
      </c>
      <c r="P21385" s="5" t="s">
        <v>39</v>
      </c>
      <c r="Q21385" s="5" t="s">
        <v>40</v>
      </c>
      <c r="R21385" s="5" t="s">
        <v>68413</v>
      </c>
      <c r="S21385" s="5" t="s">
        <v>40</v>
      </c>
      <c r="T21385" s="5" t="s">
        <v>42</v>
      </c>
      <c r="U21385" s="2">
        <v>3.1230000000000002</v>
      </c>
      <c r="V21385" s="2">
        <v>2.4540000000000002</v>
      </c>
      <c r="W21385" s="2">
        <v>0.02</v>
      </c>
      <c r="X21385" s="2">
        <v>159.1</v>
      </c>
      <c r="Y21385" s="2">
        <v>7.6</v>
      </c>
      <c r="Z21385" s="2">
        <v>16.7</v>
      </c>
      <c r="AA21385" s="5"/>
      <c r="AB21385" s="5" t="s">
        <v>43</v>
      </c>
      <c r="AC21385" s="5" t="s">
        <v>44</v>
      </c>
      <c r="AD21385" s="2"/>
      <c r="AE21385" s="1"/>
    </row>
    <row r="21386" spans="1:31" ht="14.45">
      <c r="A21386" s="11"/>
      <c r="B21386" s="20"/>
      <c r="C21386" s="2" t="s">
        <v>69023</v>
      </c>
      <c r="D21386" s="14" t="s">
        <v>69024</v>
      </c>
      <c r="E21386" s="2" t="s">
        <v>69025</v>
      </c>
      <c r="F21386" s="2" t="s">
        <v>7204</v>
      </c>
      <c r="G21386" s="8">
        <v>206</v>
      </c>
      <c r="H21386" s="5">
        <v>15</v>
      </c>
      <c r="I21386" s="5" t="s">
        <v>1518</v>
      </c>
      <c r="J21386" s="5" t="s">
        <v>68411</v>
      </c>
      <c r="K21386" s="2" t="s">
        <v>68412</v>
      </c>
      <c r="L21386" s="5" t="s">
        <v>68411</v>
      </c>
      <c r="M21386" s="2" t="s">
        <v>68412</v>
      </c>
      <c r="N21386" s="5" t="s">
        <v>1521</v>
      </c>
      <c r="O21386" s="5" t="s">
        <v>38</v>
      </c>
      <c r="P21386" s="5" t="s">
        <v>39</v>
      </c>
      <c r="Q21386" s="5" t="s">
        <v>40</v>
      </c>
      <c r="R21386" s="5" t="s">
        <v>68413</v>
      </c>
      <c r="S21386" s="5" t="s">
        <v>40</v>
      </c>
      <c r="T21386" s="5" t="s">
        <v>42</v>
      </c>
      <c r="U21386" s="2">
        <v>3.1589999999999998</v>
      </c>
      <c r="V21386" s="2">
        <v>2.573</v>
      </c>
      <c r="W21386" s="2">
        <v>1.7999999999999999E-2</v>
      </c>
      <c r="X21386" s="2">
        <v>139.1</v>
      </c>
      <c r="Y21386" s="2">
        <v>7.6</v>
      </c>
      <c r="Z21386" s="2">
        <v>16.7</v>
      </c>
      <c r="AA21386" s="5"/>
      <c r="AB21386" s="5" t="s">
        <v>43</v>
      </c>
      <c r="AC21386" s="5" t="s">
        <v>44</v>
      </c>
      <c r="AD21386" s="2"/>
      <c r="AE21386" s="1"/>
    </row>
    <row r="21387" spans="1:31" ht="14.45">
      <c r="A21387" s="11"/>
      <c r="B21387" s="20"/>
      <c r="C21387" s="2" t="s">
        <v>69026</v>
      </c>
      <c r="D21387" s="14" t="s">
        <v>69027</v>
      </c>
      <c r="E21387" s="2" t="s">
        <v>69028</v>
      </c>
      <c r="F21387" s="2" t="s">
        <v>68420</v>
      </c>
      <c r="G21387" s="8">
        <v>206</v>
      </c>
      <c r="H21387" s="5">
        <v>15</v>
      </c>
      <c r="I21387" s="5" t="s">
        <v>1518</v>
      </c>
      <c r="J21387" s="5" t="s">
        <v>68411</v>
      </c>
      <c r="K21387" s="2" t="s">
        <v>68412</v>
      </c>
      <c r="L21387" s="5" t="s">
        <v>68411</v>
      </c>
      <c r="M21387" s="2" t="s">
        <v>68412</v>
      </c>
      <c r="N21387" s="5" t="s">
        <v>1521</v>
      </c>
      <c r="O21387" s="5" t="s">
        <v>38</v>
      </c>
      <c r="P21387" s="5" t="s">
        <v>39</v>
      </c>
      <c r="Q21387" s="5" t="s">
        <v>40</v>
      </c>
      <c r="R21387" s="5" t="s">
        <v>68413</v>
      </c>
      <c r="S21387" s="5" t="s">
        <v>40</v>
      </c>
      <c r="T21387" s="5" t="s">
        <v>42</v>
      </c>
      <c r="U21387" s="2">
        <v>3.1589999999999998</v>
      </c>
      <c r="V21387" s="2">
        <v>2.573</v>
      </c>
      <c r="W21387" s="2">
        <v>1.7999999999999999E-2</v>
      </c>
      <c r="X21387" s="2">
        <v>139.1</v>
      </c>
      <c r="Y21387" s="2">
        <v>7.6</v>
      </c>
      <c r="Z21387" s="2">
        <v>16.7</v>
      </c>
      <c r="AA21387" s="5"/>
      <c r="AB21387" s="5" t="s">
        <v>43</v>
      </c>
      <c r="AC21387" s="5" t="s">
        <v>44</v>
      </c>
      <c r="AD21387" s="2"/>
      <c r="AE21387" s="1"/>
    </row>
    <row r="21388" spans="1:31" ht="14.45">
      <c r="A21388" s="11"/>
      <c r="B21388" s="20"/>
      <c r="C21388" s="2" t="s">
        <v>69029</v>
      </c>
      <c r="D21388" s="14" t="s">
        <v>69030</v>
      </c>
      <c r="E21388" s="2" t="s">
        <v>69031</v>
      </c>
      <c r="F21388" s="2" t="s">
        <v>7204</v>
      </c>
      <c r="G21388" s="8">
        <v>228</v>
      </c>
      <c r="H21388" s="5">
        <v>15</v>
      </c>
      <c r="I21388" s="5" t="s">
        <v>1518</v>
      </c>
      <c r="J21388" s="5" t="s">
        <v>68411</v>
      </c>
      <c r="K21388" s="2" t="s">
        <v>68412</v>
      </c>
      <c r="L21388" s="5" t="s">
        <v>68411</v>
      </c>
      <c r="M21388" s="2" t="s">
        <v>68412</v>
      </c>
      <c r="N21388" s="5" t="s">
        <v>1521</v>
      </c>
      <c r="O21388" s="5" t="s">
        <v>38</v>
      </c>
      <c r="P21388" s="5" t="s">
        <v>39</v>
      </c>
      <c r="Q21388" s="5" t="s">
        <v>40</v>
      </c>
      <c r="R21388" s="5" t="s">
        <v>68413</v>
      </c>
      <c r="S21388" s="5" t="s">
        <v>40</v>
      </c>
      <c r="T21388" s="5" t="s">
        <v>42</v>
      </c>
      <c r="U21388" s="2">
        <v>3.49</v>
      </c>
      <c r="V21388" s="2">
        <v>2.8220000000000001</v>
      </c>
      <c r="W21388" s="2">
        <v>0.02</v>
      </c>
      <c r="X21388" s="2">
        <v>159.1</v>
      </c>
      <c r="Y21388" s="2">
        <v>7.6</v>
      </c>
      <c r="Z21388" s="2">
        <v>16.7</v>
      </c>
      <c r="AA21388" s="5"/>
      <c r="AB21388" s="5" t="s">
        <v>43</v>
      </c>
      <c r="AC21388" s="5" t="s">
        <v>44</v>
      </c>
      <c r="AD21388" s="2"/>
      <c r="AE21388" s="1"/>
    </row>
    <row r="21389" spans="1:31" ht="14.45">
      <c r="A21389" s="11"/>
      <c r="B21389" s="20"/>
      <c r="C21389" s="2" t="s">
        <v>69032</v>
      </c>
      <c r="D21389" s="14" t="s">
        <v>69033</v>
      </c>
      <c r="E21389" s="2" t="s">
        <v>69034</v>
      </c>
      <c r="F21389" s="2" t="s">
        <v>68420</v>
      </c>
      <c r="G21389" s="8">
        <v>228</v>
      </c>
      <c r="H21389" s="5">
        <v>15</v>
      </c>
      <c r="I21389" s="5" t="s">
        <v>1518</v>
      </c>
      <c r="J21389" s="5" t="s">
        <v>68411</v>
      </c>
      <c r="K21389" s="2" t="s">
        <v>68412</v>
      </c>
      <c r="L21389" s="5" t="s">
        <v>68411</v>
      </c>
      <c r="M21389" s="2" t="s">
        <v>68412</v>
      </c>
      <c r="N21389" s="5" t="s">
        <v>1521</v>
      </c>
      <c r="O21389" s="5" t="s">
        <v>38</v>
      </c>
      <c r="P21389" s="5" t="s">
        <v>39</v>
      </c>
      <c r="Q21389" s="5" t="s">
        <v>40</v>
      </c>
      <c r="R21389" s="5" t="s">
        <v>68413</v>
      </c>
      <c r="S21389" s="5" t="s">
        <v>40</v>
      </c>
      <c r="T21389" s="5" t="s">
        <v>42</v>
      </c>
      <c r="U21389" s="2">
        <v>3.49</v>
      </c>
      <c r="V21389" s="2">
        <v>2.8220000000000001</v>
      </c>
      <c r="W21389" s="2">
        <v>0.02</v>
      </c>
      <c r="X21389" s="2">
        <v>159.1</v>
      </c>
      <c r="Y21389" s="2">
        <v>7.6</v>
      </c>
      <c r="Z21389" s="2">
        <v>16.7</v>
      </c>
      <c r="AA21389" s="5"/>
      <c r="AB21389" s="5" t="s">
        <v>43</v>
      </c>
      <c r="AC21389" s="5" t="s">
        <v>44</v>
      </c>
      <c r="AD21389" s="2"/>
      <c r="AE21389" s="1"/>
    </row>
    <row r="21390" spans="1:31" ht="14.45">
      <c r="A21390" s="11"/>
      <c r="B21390" s="20"/>
      <c r="C21390" s="2" t="s">
        <v>69035</v>
      </c>
      <c r="D21390" s="14" t="s">
        <v>69036</v>
      </c>
      <c r="E21390" s="2" t="s">
        <v>69037</v>
      </c>
      <c r="F21390" s="2" t="s">
        <v>7204</v>
      </c>
      <c r="G21390" s="8">
        <v>80</v>
      </c>
      <c r="H21390" s="5">
        <v>6</v>
      </c>
      <c r="I21390" s="5" t="s">
        <v>1518</v>
      </c>
      <c r="J21390" s="5" t="s">
        <v>69038</v>
      </c>
      <c r="K21390" s="2" t="s">
        <v>69039</v>
      </c>
      <c r="L21390" s="5" t="s">
        <v>69038</v>
      </c>
      <c r="M21390" s="2" t="s">
        <v>69039</v>
      </c>
      <c r="N21390" s="5" t="s">
        <v>1521</v>
      </c>
      <c r="O21390" s="5" t="s">
        <v>38</v>
      </c>
      <c r="P21390" s="5" t="s">
        <v>39</v>
      </c>
      <c r="Q21390" s="5" t="s">
        <v>40</v>
      </c>
      <c r="R21390" s="5" t="s">
        <v>1522</v>
      </c>
      <c r="S21390" s="5" t="s">
        <v>1523</v>
      </c>
      <c r="T21390" s="5" t="s">
        <v>42</v>
      </c>
      <c r="U21390" s="2">
        <v>0.93400000000000005</v>
      </c>
      <c r="V21390" s="2">
        <v>0.67900000000000005</v>
      </c>
      <c r="W21390" s="2">
        <v>6.0000000000000001E-3</v>
      </c>
      <c r="X21390" s="2">
        <v>76.900000000000006</v>
      </c>
      <c r="Y21390" s="2">
        <v>7.6</v>
      </c>
      <c r="Z21390" s="2">
        <v>10.6</v>
      </c>
      <c r="AA21390" s="5"/>
      <c r="AB21390" s="5" t="s">
        <v>43</v>
      </c>
      <c r="AC21390" s="5" t="s">
        <v>44</v>
      </c>
      <c r="AD21390" s="2"/>
      <c r="AE21390" s="1"/>
    </row>
    <row r="21391" spans="1:31" ht="14.45">
      <c r="A21391" s="11"/>
      <c r="B21391" s="20"/>
      <c r="C21391" s="2" t="s">
        <v>69040</v>
      </c>
      <c r="D21391" s="14" t="s">
        <v>69041</v>
      </c>
      <c r="E21391" s="2" t="s">
        <v>69042</v>
      </c>
      <c r="F21391" s="2" t="s">
        <v>7208</v>
      </c>
      <c r="G21391" s="8">
        <v>80</v>
      </c>
      <c r="H21391" s="5">
        <v>6</v>
      </c>
      <c r="I21391" s="5" t="s">
        <v>1518</v>
      </c>
      <c r="J21391" s="5" t="s">
        <v>69038</v>
      </c>
      <c r="K21391" s="2" t="s">
        <v>69039</v>
      </c>
      <c r="L21391" s="5" t="s">
        <v>69038</v>
      </c>
      <c r="M21391" s="2" t="s">
        <v>69039</v>
      </c>
      <c r="N21391" s="5" t="s">
        <v>1521</v>
      </c>
      <c r="O21391" s="5" t="s">
        <v>38</v>
      </c>
      <c r="P21391" s="5" t="s">
        <v>39</v>
      </c>
      <c r="Q21391" s="5" t="s">
        <v>40</v>
      </c>
      <c r="R21391" s="5" t="s">
        <v>1522</v>
      </c>
      <c r="S21391" s="5" t="s">
        <v>1523</v>
      </c>
      <c r="T21391" s="5" t="s">
        <v>42</v>
      </c>
      <c r="U21391" s="2">
        <v>0.93400000000000005</v>
      </c>
      <c r="V21391" s="2">
        <v>0.67900000000000005</v>
      </c>
      <c r="W21391" s="2">
        <v>6.0000000000000001E-3</v>
      </c>
      <c r="X21391" s="2">
        <v>76.900000000000006</v>
      </c>
      <c r="Y21391" s="2">
        <v>7.6</v>
      </c>
      <c r="Z21391" s="2">
        <v>10.6</v>
      </c>
      <c r="AA21391" s="5"/>
      <c r="AB21391" s="5" t="s">
        <v>43</v>
      </c>
      <c r="AC21391" s="5" t="s">
        <v>44</v>
      </c>
      <c r="AD21391" s="2"/>
      <c r="AE21391" s="1"/>
    </row>
    <row r="21392" spans="1:31" ht="14.45">
      <c r="A21392" s="11"/>
      <c r="B21392" s="20"/>
      <c r="C21392" s="2" t="s">
        <v>69043</v>
      </c>
      <c r="D21392" s="14" t="s">
        <v>69044</v>
      </c>
      <c r="E21392" s="2" t="s">
        <v>69045</v>
      </c>
      <c r="F21392" s="2" t="s">
        <v>7396</v>
      </c>
      <c r="G21392" s="8">
        <v>80</v>
      </c>
      <c r="H21392" s="5">
        <v>6</v>
      </c>
      <c r="I21392" s="5" t="s">
        <v>1518</v>
      </c>
      <c r="J21392" s="5" t="s">
        <v>69038</v>
      </c>
      <c r="K21392" s="2" t="s">
        <v>69039</v>
      </c>
      <c r="L21392" s="5" t="s">
        <v>69038</v>
      </c>
      <c r="M21392" s="2" t="s">
        <v>69039</v>
      </c>
      <c r="N21392" s="5" t="s">
        <v>1521</v>
      </c>
      <c r="O21392" s="5" t="s">
        <v>38</v>
      </c>
      <c r="P21392" s="5" t="s">
        <v>39</v>
      </c>
      <c r="Q21392" s="5" t="s">
        <v>40</v>
      </c>
      <c r="R21392" s="5" t="s">
        <v>1522</v>
      </c>
      <c r="S21392" s="5" t="s">
        <v>1523</v>
      </c>
      <c r="T21392" s="5" t="s">
        <v>42</v>
      </c>
      <c r="U21392" s="2">
        <v>0.93600000000000005</v>
      </c>
      <c r="V21392" s="2">
        <v>0.68100000000000005</v>
      </c>
      <c r="W21392" s="2">
        <v>6.0000000000000001E-3</v>
      </c>
      <c r="X21392" s="2">
        <v>76.900000000000006</v>
      </c>
      <c r="Y21392" s="2">
        <v>7.6</v>
      </c>
      <c r="Z21392" s="2">
        <v>10.6</v>
      </c>
      <c r="AA21392" s="5"/>
      <c r="AB21392" s="5" t="s">
        <v>43</v>
      </c>
      <c r="AC21392" s="5" t="s">
        <v>44</v>
      </c>
      <c r="AD21392" s="2"/>
      <c r="AE21392" s="1"/>
    </row>
    <row r="21393" spans="1:31" ht="14.45">
      <c r="A21393" s="11"/>
      <c r="B21393" s="20"/>
      <c r="C21393" s="2" t="s">
        <v>69046</v>
      </c>
      <c r="D21393" s="14" t="s">
        <v>69047</v>
      </c>
      <c r="E21393" s="2" t="s">
        <v>69048</v>
      </c>
      <c r="F21393" s="2" t="s">
        <v>7212</v>
      </c>
      <c r="G21393" s="8">
        <v>80</v>
      </c>
      <c r="H21393" s="5">
        <v>6</v>
      </c>
      <c r="I21393" s="5" t="s">
        <v>1518</v>
      </c>
      <c r="J21393" s="5" t="s">
        <v>69038</v>
      </c>
      <c r="K21393" s="2" t="s">
        <v>69039</v>
      </c>
      <c r="L21393" s="5" t="s">
        <v>69038</v>
      </c>
      <c r="M21393" s="2" t="s">
        <v>69039</v>
      </c>
      <c r="N21393" s="5" t="s">
        <v>1521</v>
      </c>
      <c r="O21393" s="5" t="s">
        <v>38</v>
      </c>
      <c r="P21393" s="5" t="s">
        <v>39</v>
      </c>
      <c r="Q21393" s="5" t="s">
        <v>40</v>
      </c>
      <c r="R21393" s="5" t="s">
        <v>1522</v>
      </c>
      <c r="S21393" s="5" t="s">
        <v>1523</v>
      </c>
      <c r="T21393" s="5" t="s">
        <v>42</v>
      </c>
      <c r="U21393" s="2">
        <v>0.93400000000000005</v>
      </c>
      <c r="V21393" s="2">
        <v>0.67900000000000005</v>
      </c>
      <c r="W21393" s="2">
        <v>6.0000000000000001E-3</v>
      </c>
      <c r="X21393" s="2">
        <v>76.900000000000006</v>
      </c>
      <c r="Y21393" s="2">
        <v>7.6</v>
      </c>
      <c r="Z21393" s="2">
        <v>10.6</v>
      </c>
      <c r="AA21393" s="5"/>
      <c r="AB21393" s="5" t="s">
        <v>43</v>
      </c>
      <c r="AC21393" s="5" t="s">
        <v>44</v>
      </c>
      <c r="AD21393" s="2"/>
      <c r="AE21393" s="1"/>
    </row>
    <row r="21394" spans="1:31" ht="14.45">
      <c r="A21394" s="11"/>
      <c r="B21394" s="20"/>
      <c r="C21394" s="2" t="s">
        <v>69049</v>
      </c>
      <c r="D21394" s="14" t="s">
        <v>69050</v>
      </c>
      <c r="E21394" s="2" t="s">
        <v>69051</v>
      </c>
      <c r="F21394" s="2" t="s">
        <v>7204</v>
      </c>
      <c r="G21394" s="8">
        <v>91</v>
      </c>
      <c r="H21394" s="5">
        <v>6</v>
      </c>
      <c r="I21394" s="5" t="s">
        <v>1518</v>
      </c>
      <c r="J21394" s="5" t="s">
        <v>69038</v>
      </c>
      <c r="K21394" s="2" t="s">
        <v>69039</v>
      </c>
      <c r="L21394" s="5" t="s">
        <v>69038</v>
      </c>
      <c r="M21394" s="2" t="s">
        <v>69039</v>
      </c>
      <c r="N21394" s="5" t="s">
        <v>1521</v>
      </c>
      <c r="O21394" s="5" t="s">
        <v>38</v>
      </c>
      <c r="P21394" s="5" t="s">
        <v>39</v>
      </c>
      <c r="Q21394" s="5" t="s">
        <v>40</v>
      </c>
      <c r="R21394" s="5" t="s">
        <v>1522</v>
      </c>
      <c r="S21394" s="5" t="s">
        <v>1523</v>
      </c>
      <c r="T21394" s="5" t="s">
        <v>42</v>
      </c>
      <c r="U21394" s="2">
        <v>1.087</v>
      </c>
      <c r="V21394" s="2">
        <v>0.77900000000000003</v>
      </c>
      <c r="W21394" s="2">
        <v>7.0000000000000001E-3</v>
      </c>
      <c r="X21394" s="2">
        <v>82.9</v>
      </c>
      <c r="Y21394" s="2">
        <v>7.6</v>
      </c>
      <c r="Z21394" s="2">
        <v>10.6</v>
      </c>
      <c r="AA21394" s="5"/>
      <c r="AB21394" s="5" t="s">
        <v>43</v>
      </c>
      <c r="AC21394" s="5" t="s">
        <v>44</v>
      </c>
      <c r="AD21394" s="2"/>
      <c r="AE21394" s="1"/>
    </row>
    <row r="21395" spans="1:31" ht="14.45">
      <c r="A21395" s="11"/>
      <c r="B21395" s="20"/>
      <c r="C21395" s="2" t="s">
        <v>69052</v>
      </c>
      <c r="D21395" s="14" t="s">
        <v>69053</v>
      </c>
      <c r="E21395" s="2" t="s">
        <v>69054</v>
      </c>
      <c r="F21395" s="2" t="s">
        <v>7208</v>
      </c>
      <c r="G21395" s="8">
        <v>91</v>
      </c>
      <c r="H21395" s="5">
        <v>6</v>
      </c>
      <c r="I21395" s="5" t="s">
        <v>1518</v>
      </c>
      <c r="J21395" s="5" t="s">
        <v>69038</v>
      </c>
      <c r="K21395" s="2" t="s">
        <v>69039</v>
      </c>
      <c r="L21395" s="5" t="s">
        <v>69038</v>
      </c>
      <c r="M21395" s="2" t="s">
        <v>69039</v>
      </c>
      <c r="N21395" s="5" t="s">
        <v>1521</v>
      </c>
      <c r="O21395" s="5" t="s">
        <v>38</v>
      </c>
      <c r="P21395" s="5" t="s">
        <v>39</v>
      </c>
      <c r="Q21395" s="5" t="s">
        <v>40</v>
      </c>
      <c r="R21395" s="5" t="s">
        <v>1522</v>
      </c>
      <c r="S21395" s="5" t="s">
        <v>1523</v>
      </c>
      <c r="T21395" s="5" t="s">
        <v>42</v>
      </c>
      <c r="U21395" s="2">
        <v>1.087</v>
      </c>
      <c r="V21395" s="2">
        <v>0.77900000000000003</v>
      </c>
      <c r="W21395" s="2">
        <v>7.0000000000000001E-3</v>
      </c>
      <c r="X21395" s="2">
        <v>82.9</v>
      </c>
      <c r="Y21395" s="2">
        <v>7.6</v>
      </c>
      <c r="Z21395" s="2">
        <v>10.6</v>
      </c>
      <c r="AA21395" s="5"/>
      <c r="AB21395" s="5" t="s">
        <v>43</v>
      </c>
      <c r="AC21395" s="5" t="s">
        <v>44</v>
      </c>
      <c r="AD21395" s="2"/>
      <c r="AE21395" s="1"/>
    </row>
    <row r="21396" spans="1:31" ht="14.45">
      <c r="A21396" s="11"/>
      <c r="B21396" s="20"/>
      <c r="C21396" s="2" t="s">
        <v>69055</v>
      </c>
      <c r="D21396" s="14" t="s">
        <v>69056</v>
      </c>
      <c r="E21396" s="2" t="s">
        <v>69057</v>
      </c>
      <c r="F21396" s="2" t="s">
        <v>7396</v>
      </c>
      <c r="G21396" s="8">
        <v>91</v>
      </c>
      <c r="H21396" s="5">
        <v>6</v>
      </c>
      <c r="I21396" s="5" t="s">
        <v>1518</v>
      </c>
      <c r="J21396" s="5" t="s">
        <v>69038</v>
      </c>
      <c r="K21396" s="2" t="s">
        <v>69039</v>
      </c>
      <c r="L21396" s="5" t="s">
        <v>69038</v>
      </c>
      <c r="M21396" s="2" t="s">
        <v>69039</v>
      </c>
      <c r="N21396" s="5" t="s">
        <v>1521</v>
      </c>
      <c r="O21396" s="5" t="s">
        <v>38</v>
      </c>
      <c r="P21396" s="5" t="s">
        <v>39</v>
      </c>
      <c r="Q21396" s="5" t="s">
        <v>40</v>
      </c>
      <c r="R21396" s="5" t="s">
        <v>1522</v>
      </c>
      <c r="S21396" s="5" t="s">
        <v>1523</v>
      </c>
      <c r="T21396" s="5" t="s">
        <v>42</v>
      </c>
      <c r="U21396" s="2">
        <v>1.0900000000000001</v>
      </c>
      <c r="V21396" s="2">
        <v>0.78200000000000003</v>
      </c>
      <c r="W21396" s="2">
        <v>7.0000000000000001E-3</v>
      </c>
      <c r="X21396" s="2">
        <v>82.9</v>
      </c>
      <c r="Y21396" s="2">
        <v>7.6</v>
      </c>
      <c r="Z21396" s="2">
        <v>10.6</v>
      </c>
      <c r="AA21396" s="5"/>
      <c r="AB21396" s="5" t="s">
        <v>43</v>
      </c>
      <c r="AC21396" s="5" t="s">
        <v>44</v>
      </c>
      <c r="AD21396" s="2"/>
      <c r="AE21396" s="1"/>
    </row>
    <row r="21397" spans="1:31" ht="14.45">
      <c r="A21397" s="11"/>
      <c r="B21397" s="20"/>
      <c r="C21397" s="2" t="s">
        <v>69058</v>
      </c>
      <c r="D21397" s="14" t="s">
        <v>69059</v>
      </c>
      <c r="E21397" s="2" t="s">
        <v>69060</v>
      </c>
      <c r="F21397" s="2" t="s">
        <v>7212</v>
      </c>
      <c r="G21397" s="8">
        <v>91</v>
      </c>
      <c r="H21397" s="5">
        <v>6</v>
      </c>
      <c r="I21397" s="5" t="s">
        <v>1518</v>
      </c>
      <c r="J21397" s="5" t="s">
        <v>69038</v>
      </c>
      <c r="K21397" s="2" t="s">
        <v>69039</v>
      </c>
      <c r="L21397" s="5" t="s">
        <v>69038</v>
      </c>
      <c r="M21397" s="2" t="s">
        <v>69039</v>
      </c>
      <c r="N21397" s="5" t="s">
        <v>1521</v>
      </c>
      <c r="O21397" s="5" t="s">
        <v>38</v>
      </c>
      <c r="P21397" s="5" t="s">
        <v>39</v>
      </c>
      <c r="Q21397" s="5" t="s">
        <v>40</v>
      </c>
      <c r="R21397" s="5" t="s">
        <v>1522</v>
      </c>
      <c r="S21397" s="5" t="s">
        <v>1523</v>
      </c>
      <c r="T21397" s="5" t="s">
        <v>42</v>
      </c>
      <c r="U21397" s="2">
        <v>1.087</v>
      </c>
      <c r="V21397" s="2">
        <v>0.77900000000000003</v>
      </c>
      <c r="W21397" s="2">
        <v>7.0000000000000001E-3</v>
      </c>
      <c r="X21397" s="2">
        <v>82.9</v>
      </c>
      <c r="Y21397" s="2">
        <v>7.6</v>
      </c>
      <c r="Z21397" s="2">
        <v>10.6</v>
      </c>
      <c r="AA21397" s="5"/>
      <c r="AB21397" s="5" t="s">
        <v>43</v>
      </c>
      <c r="AC21397" s="5" t="s">
        <v>44</v>
      </c>
      <c r="AD21397" s="2"/>
      <c r="AE21397" s="1"/>
    </row>
    <row r="21398" spans="1:31" ht="14.45">
      <c r="A21398" s="11"/>
      <c r="B21398" s="20"/>
      <c r="C21398" s="2" t="s">
        <v>69061</v>
      </c>
      <c r="D21398" s="14" t="s">
        <v>69062</v>
      </c>
      <c r="E21398" s="2" t="s">
        <v>69063</v>
      </c>
      <c r="F21398" s="2" t="s">
        <v>7204</v>
      </c>
      <c r="G21398" s="8">
        <v>100</v>
      </c>
      <c r="H21398" s="5">
        <v>6</v>
      </c>
      <c r="I21398" s="5" t="s">
        <v>1518</v>
      </c>
      <c r="J21398" s="5" t="s">
        <v>69038</v>
      </c>
      <c r="K21398" s="2" t="s">
        <v>69039</v>
      </c>
      <c r="L21398" s="5" t="s">
        <v>69038</v>
      </c>
      <c r="M21398" s="2" t="s">
        <v>69039</v>
      </c>
      <c r="N21398" s="5" t="s">
        <v>1521</v>
      </c>
      <c r="O21398" s="5" t="s">
        <v>38</v>
      </c>
      <c r="P21398" s="5" t="s">
        <v>39</v>
      </c>
      <c r="Q21398" s="5" t="s">
        <v>40</v>
      </c>
      <c r="R21398" s="5" t="s">
        <v>1522</v>
      </c>
      <c r="S21398" s="5" t="s">
        <v>1523</v>
      </c>
      <c r="T21398" s="5" t="s">
        <v>42</v>
      </c>
      <c r="U21398" s="2">
        <v>1.2030000000000001</v>
      </c>
      <c r="V21398" s="2">
        <v>0.90300000000000002</v>
      </c>
      <c r="W21398" s="2">
        <v>7.0000000000000001E-3</v>
      </c>
      <c r="X21398" s="2">
        <v>82.9</v>
      </c>
      <c r="Y21398" s="2">
        <v>7.6</v>
      </c>
      <c r="Z21398" s="2">
        <v>10.6</v>
      </c>
      <c r="AA21398" s="5"/>
      <c r="AB21398" s="5" t="s">
        <v>43</v>
      </c>
      <c r="AC21398" s="5" t="s">
        <v>44</v>
      </c>
      <c r="AD21398" s="2"/>
      <c r="AE21398" s="1"/>
    </row>
    <row r="21399" spans="1:31" ht="14.45">
      <c r="A21399" s="11"/>
      <c r="B21399" s="20"/>
      <c r="C21399" s="2" t="s">
        <v>69064</v>
      </c>
      <c r="D21399" s="14" t="s">
        <v>69065</v>
      </c>
      <c r="E21399" s="2" t="s">
        <v>69066</v>
      </c>
      <c r="F21399" s="2" t="s">
        <v>7208</v>
      </c>
      <c r="G21399" s="8">
        <v>100</v>
      </c>
      <c r="H21399" s="5">
        <v>6</v>
      </c>
      <c r="I21399" s="5" t="s">
        <v>1518</v>
      </c>
      <c r="J21399" s="5" t="s">
        <v>69038</v>
      </c>
      <c r="K21399" s="2" t="s">
        <v>69039</v>
      </c>
      <c r="L21399" s="5" t="s">
        <v>69038</v>
      </c>
      <c r="M21399" s="2" t="s">
        <v>69039</v>
      </c>
      <c r="N21399" s="5" t="s">
        <v>1521</v>
      </c>
      <c r="O21399" s="5" t="s">
        <v>38</v>
      </c>
      <c r="P21399" s="5" t="s">
        <v>39</v>
      </c>
      <c r="Q21399" s="5" t="s">
        <v>40</v>
      </c>
      <c r="R21399" s="5" t="s">
        <v>1522</v>
      </c>
      <c r="S21399" s="5" t="s">
        <v>1523</v>
      </c>
      <c r="T21399" s="5" t="s">
        <v>42</v>
      </c>
      <c r="U21399" s="2">
        <v>1.2030000000000001</v>
      </c>
      <c r="V21399" s="2">
        <v>0.90300000000000002</v>
      </c>
      <c r="W21399" s="2">
        <v>7.0000000000000001E-3</v>
      </c>
      <c r="X21399" s="2">
        <v>82.9</v>
      </c>
      <c r="Y21399" s="2">
        <v>7.6</v>
      </c>
      <c r="Z21399" s="2">
        <v>10.6</v>
      </c>
      <c r="AA21399" s="5"/>
      <c r="AB21399" s="5" t="s">
        <v>43</v>
      </c>
      <c r="AC21399" s="5" t="s">
        <v>44</v>
      </c>
      <c r="AD21399" s="2"/>
      <c r="AE21399" s="1"/>
    </row>
    <row r="21400" spans="1:31" ht="14.45">
      <c r="A21400" s="11"/>
      <c r="B21400" s="20"/>
      <c r="C21400" s="2" t="s">
        <v>69067</v>
      </c>
      <c r="D21400" s="14" t="s">
        <v>69068</v>
      </c>
      <c r="E21400" s="2" t="s">
        <v>69069</v>
      </c>
      <c r="F21400" s="2" t="s">
        <v>7396</v>
      </c>
      <c r="G21400" s="8">
        <v>100</v>
      </c>
      <c r="H21400" s="5">
        <v>6</v>
      </c>
      <c r="I21400" s="5" t="s">
        <v>1518</v>
      </c>
      <c r="J21400" s="5" t="s">
        <v>69038</v>
      </c>
      <c r="K21400" s="2" t="s">
        <v>69039</v>
      </c>
      <c r="L21400" s="5" t="s">
        <v>69038</v>
      </c>
      <c r="M21400" s="2" t="s">
        <v>69039</v>
      </c>
      <c r="N21400" s="5" t="s">
        <v>1521</v>
      </c>
      <c r="O21400" s="5" t="s">
        <v>38</v>
      </c>
      <c r="P21400" s="5" t="s">
        <v>39</v>
      </c>
      <c r="Q21400" s="5" t="s">
        <v>40</v>
      </c>
      <c r="R21400" s="5" t="s">
        <v>1522</v>
      </c>
      <c r="S21400" s="5" t="s">
        <v>1523</v>
      </c>
      <c r="T21400" s="5" t="s">
        <v>42</v>
      </c>
      <c r="U21400" s="2">
        <v>1.206</v>
      </c>
      <c r="V21400" s="2">
        <v>0.90600000000000003</v>
      </c>
      <c r="W21400" s="2">
        <v>7.0000000000000001E-3</v>
      </c>
      <c r="X21400" s="2">
        <v>82.9</v>
      </c>
      <c r="Y21400" s="2">
        <v>7.6</v>
      </c>
      <c r="Z21400" s="2">
        <v>10.6</v>
      </c>
      <c r="AA21400" s="5"/>
      <c r="AB21400" s="5" t="s">
        <v>43</v>
      </c>
      <c r="AC21400" s="5" t="s">
        <v>44</v>
      </c>
      <c r="AD21400" s="2"/>
      <c r="AE21400" s="1"/>
    </row>
    <row r="21401" spans="1:31" ht="14.45">
      <c r="A21401" s="11"/>
      <c r="B21401" s="20"/>
      <c r="C21401" s="2" t="s">
        <v>69070</v>
      </c>
      <c r="D21401" s="14" t="s">
        <v>69071</v>
      </c>
      <c r="E21401" s="2" t="s">
        <v>69072</v>
      </c>
      <c r="F21401" s="2" t="s">
        <v>7212</v>
      </c>
      <c r="G21401" s="8">
        <v>100</v>
      </c>
      <c r="H21401" s="5">
        <v>6</v>
      </c>
      <c r="I21401" s="5" t="s">
        <v>1518</v>
      </c>
      <c r="J21401" s="5" t="s">
        <v>69038</v>
      </c>
      <c r="K21401" s="2" t="s">
        <v>69039</v>
      </c>
      <c r="L21401" s="5" t="s">
        <v>69038</v>
      </c>
      <c r="M21401" s="2" t="s">
        <v>69039</v>
      </c>
      <c r="N21401" s="5" t="s">
        <v>1521</v>
      </c>
      <c r="O21401" s="5" t="s">
        <v>38</v>
      </c>
      <c r="P21401" s="5" t="s">
        <v>39</v>
      </c>
      <c r="Q21401" s="5" t="s">
        <v>40</v>
      </c>
      <c r="R21401" s="5" t="s">
        <v>1522</v>
      </c>
      <c r="S21401" s="5" t="s">
        <v>1523</v>
      </c>
      <c r="T21401" s="5" t="s">
        <v>42</v>
      </c>
      <c r="U21401" s="2">
        <v>1.2030000000000001</v>
      </c>
      <c r="V21401" s="2">
        <v>0.90300000000000002</v>
      </c>
      <c r="W21401" s="2">
        <v>7.0000000000000001E-3</v>
      </c>
      <c r="X21401" s="2">
        <v>82.9</v>
      </c>
      <c r="Y21401" s="2">
        <v>7.6</v>
      </c>
      <c r="Z21401" s="2">
        <v>10.6</v>
      </c>
      <c r="AA21401" s="5"/>
      <c r="AB21401" s="5" t="s">
        <v>43</v>
      </c>
      <c r="AC21401" s="5" t="s">
        <v>44</v>
      </c>
      <c r="AD21401" s="2"/>
      <c r="AE21401" s="1"/>
    </row>
    <row r="21402" spans="1:31" ht="14.45">
      <c r="A21402" s="11"/>
      <c r="B21402" s="20"/>
      <c r="C21402" s="2" t="s">
        <v>69073</v>
      </c>
      <c r="D21402" s="14" t="s">
        <v>69074</v>
      </c>
      <c r="E21402" s="2" t="s">
        <v>69075</v>
      </c>
      <c r="F21402" s="2" t="s">
        <v>7204</v>
      </c>
      <c r="G21402" s="8">
        <v>111</v>
      </c>
      <c r="H21402" s="5">
        <v>6</v>
      </c>
      <c r="I21402" s="5" t="s">
        <v>1518</v>
      </c>
      <c r="J21402" s="5" t="s">
        <v>69038</v>
      </c>
      <c r="K21402" s="2" t="s">
        <v>69039</v>
      </c>
      <c r="L21402" s="5" t="s">
        <v>69038</v>
      </c>
      <c r="M21402" s="2" t="s">
        <v>69039</v>
      </c>
      <c r="N21402" s="5" t="s">
        <v>1521</v>
      </c>
      <c r="O21402" s="5" t="s">
        <v>38</v>
      </c>
      <c r="P21402" s="5" t="s">
        <v>39</v>
      </c>
      <c r="Q21402" s="5" t="s">
        <v>40</v>
      </c>
      <c r="R21402" s="5" t="s">
        <v>1522</v>
      </c>
      <c r="S21402" s="5" t="s">
        <v>1523</v>
      </c>
      <c r="T21402" s="5" t="s">
        <v>42</v>
      </c>
      <c r="U21402" s="2">
        <v>1.3660000000000001</v>
      </c>
      <c r="V21402" s="2">
        <v>1.008</v>
      </c>
      <c r="W21402" s="2">
        <v>0.01</v>
      </c>
      <c r="X21402" s="2">
        <v>118.9</v>
      </c>
      <c r="Y21402" s="2">
        <v>7.6</v>
      </c>
      <c r="Z21402" s="2">
        <v>10.6</v>
      </c>
      <c r="AA21402" s="5"/>
      <c r="AB21402" s="5" t="s">
        <v>43</v>
      </c>
      <c r="AC21402" s="5" t="s">
        <v>44</v>
      </c>
      <c r="AD21402" s="2"/>
      <c r="AE21402" s="1"/>
    </row>
    <row r="21403" spans="1:31" ht="14.45">
      <c r="A21403" s="11"/>
      <c r="B21403" s="20"/>
      <c r="C21403" s="2" t="s">
        <v>69076</v>
      </c>
      <c r="D21403" s="14" t="s">
        <v>69077</v>
      </c>
      <c r="E21403" s="2" t="s">
        <v>69078</v>
      </c>
      <c r="F21403" s="2" t="s">
        <v>7208</v>
      </c>
      <c r="G21403" s="8">
        <v>111</v>
      </c>
      <c r="H21403" s="5">
        <v>6</v>
      </c>
      <c r="I21403" s="5" t="s">
        <v>1518</v>
      </c>
      <c r="J21403" s="5" t="s">
        <v>69038</v>
      </c>
      <c r="K21403" s="2" t="s">
        <v>69039</v>
      </c>
      <c r="L21403" s="5" t="s">
        <v>69038</v>
      </c>
      <c r="M21403" s="2" t="s">
        <v>69039</v>
      </c>
      <c r="N21403" s="5" t="s">
        <v>1521</v>
      </c>
      <c r="O21403" s="5" t="s">
        <v>38</v>
      </c>
      <c r="P21403" s="5" t="s">
        <v>39</v>
      </c>
      <c r="Q21403" s="5" t="s">
        <v>40</v>
      </c>
      <c r="R21403" s="5" t="s">
        <v>1522</v>
      </c>
      <c r="S21403" s="5" t="s">
        <v>1523</v>
      </c>
      <c r="T21403" s="5" t="s">
        <v>42</v>
      </c>
      <c r="U21403" s="2">
        <v>1.3660000000000001</v>
      </c>
      <c r="V21403" s="2">
        <v>1.008</v>
      </c>
      <c r="W21403" s="2">
        <v>0.01</v>
      </c>
      <c r="X21403" s="2">
        <v>118.9</v>
      </c>
      <c r="Y21403" s="2">
        <v>7.6</v>
      </c>
      <c r="Z21403" s="2">
        <v>10.6</v>
      </c>
      <c r="AA21403" s="5"/>
      <c r="AB21403" s="5" t="s">
        <v>43</v>
      </c>
      <c r="AC21403" s="5" t="s">
        <v>44</v>
      </c>
      <c r="AD21403" s="2"/>
      <c r="AE21403" s="1"/>
    </row>
    <row r="21404" spans="1:31" ht="14.45">
      <c r="A21404" s="11"/>
      <c r="B21404" s="20"/>
      <c r="C21404" s="2" t="s">
        <v>69079</v>
      </c>
      <c r="D21404" s="14" t="s">
        <v>69080</v>
      </c>
      <c r="E21404" s="2" t="s">
        <v>69081</v>
      </c>
      <c r="F21404" s="2" t="s">
        <v>7396</v>
      </c>
      <c r="G21404" s="8">
        <v>111</v>
      </c>
      <c r="H21404" s="5">
        <v>6</v>
      </c>
      <c r="I21404" s="5" t="s">
        <v>1518</v>
      </c>
      <c r="J21404" s="5" t="s">
        <v>69038</v>
      </c>
      <c r="K21404" s="2" t="s">
        <v>69039</v>
      </c>
      <c r="L21404" s="5" t="s">
        <v>69038</v>
      </c>
      <c r="M21404" s="2" t="s">
        <v>69039</v>
      </c>
      <c r="N21404" s="5" t="s">
        <v>1521</v>
      </c>
      <c r="O21404" s="5" t="s">
        <v>38</v>
      </c>
      <c r="P21404" s="5" t="s">
        <v>39</v>
      </c>
      <c r="Q21404" s="5" t="s">
        <v>40</v>
      </c>
      <c r="R21404" s="5" t="s">
        <v>1522</v>
      </c>
      <c r="S21404" s="5" t="s">
        <v>1523</v>
      </c>
      <c r="T21404" s="5" t="s">
        <v>42</v>
      </c>
      <c r="U21404" s="2">
        <v>1.37</v>
      </c>
      <c r="V21404" s="2">
        <v>1.012</v>
      </c>
      <c r="W21404" s="2">
        <v>0.01</v>
      </c>
      <c r="X21404" s="2">
        <v>118.9</v>
      </c>
      <c r="Y21404" s="2">
        <v>7.6</v>
      </c>
      <c r="Z21404" s="2">
        <v>10.6</v>
      </c>
      <c r="AA21404" s="5"/>
      <c r="AB21404" s="5" t="s">
        <v>43</v>
      </c>
      <c r="AC21404" s="5" t="s">
        <v>44</v>
      </c>
      <c r="AD21404" s="2"/>
      <c r="AE21404" s="1"/>
    </row>
    <row r="21405" spans="1:31" ht="14.45">
      <c r="A21405" s="11"/>
      <c r="B21405" s="20"/>
      <c r="C21405" s="2" t="s">
        <v>69082</v>
      </c>
      <c r="D21405" s="14" t="s">
        <v>69083</v>
      </c>
      <c r="E21405" s="2" t="s">
        <v>69084</v>
      </c>
      <c r="F21405" s="2" t="s">
        <v>7212</v>
      </c>
      <c r="G21405" s="8">
        <v>111</v>
      </c>
      <c r="H21405" s="5">
        <v>6</v>
      </c>
      <c r="I21405" s="5" t="s">
        <v>1518</v>
      </c>
      <c r="J21405" s="5" t="s">
        <v>69038</v>
      </c>
      <c r="K21405" s="2" t="s">
        <v>69039</v>
      </c>
      <c r="L21405" s="5" t="s">
        <v>69038</v>
      </c>
      <c r="M21405" s="2" t="s">
        <v>69039</v>
      </c>
      <c r="N21405" s="5" t="s">
        <v>1521</v>
      </c>
      <c r="O21405" s="5" t="s">
        <v>38</v>
      </c>
      <c r="P21405" s="5" t="s">
        <v>39</v>
      </c>
      <c r="Q21405" s="5" t="s">
        <v>40</v>
      </c>
      <c r="R21405" s="5" t="s">
        <v>1522</v>
      </c>
      <c r="S21405" s="5" t="s">
        <v>1523</v>
      </c>
      <c r="T21405" s="5" t="s">
        <v>42</v>
      </c>
      <c r="U21405" s="2">
        <v>1.3660000000000001</v>
      </c>
      <c r="V21405" s="2">
        <v>1.008</v>
      </c>
      <c r="W21405" s="2">
        <v>0.01</v>
      </c>
      <c r="X21405" s="2">
        <v>118.9</v>
      </c>
      <c r="Y21405" s="2">
        <v>7.6</v>
      </c>
      <c r="Z21405" s="2">
        <v>10.6</v>
      </c>
      <c r="AA21405" s="5"/>
      <c r="AB21405" s="5" t="s">
        <v>43</v>
      </c>
      <c r="AC21405" s="5" t="s">
        <v>44</v>
      </c>
      <c r="AD21405" s="2"/>
      <c r="AE21405" s="1"/>
    </row>
    <row r="21406" spans="1:31" ht="14.45">
      <c r="A21406" s="11"/>
      <c r="B21406" s="20"/>
      <c r="C21406" s="2" t="s">
        <v>69085</v>
      </c>
      <c r="D21406" s="14" t="s">
        <v>69086</v>
      </c>
      <c r="E21406" s="2" t="s">
        <v>69087</v>
      </c>
      <c r="F21406" s="2" t="s">
        <v>7204</v>
      </c>
      <c r="G21406" s="8">
        <v>80</v>
      </c>
      <c r="H21406" s="5">
        <v>6</v>
      </c>
      <c r="I21406" s="5" t="s">
        <v>1518</v>
      </c>
      <c r="J21406" s="5" t="s">
        <v>69038</v>
      </c>
      <c r="K21406" s="2" t="s">
        <v>69039</v>
      </c>
      <c r="L21406" s="5" t="s">
        <v>69038</v>
      </c>
      <c r="M21406" s="2" t="s">
        <v>69039</v>
      </c>
      <c r="N21406" s="5" t="s">
        <v>1521</v>
      </c>
      <c r="O21406" s="5" t="s">
        <v>38</v>
      </c>
      <c r="P21406" s="5" t="s">
        <v>39</v>
      </c>
      <c r="Q21406" s="5" t="s">
        <v>40</v>
      </c>
      <c r="R21406" s="5" t="s">
        <v>1522</v>
      </c>
      <c r="S21406" s="5" t="s">
        <v>1523</v>
      </c>
      <c r="T21406" s="5" t="s">
        <v>42</v>
      </c>
      <c r="U21406" s="2">
        <v>0.872</v>
      </c>
      <c r="V21406" s="2">
        <v>0.63900000000000001</v>
      </c>
      <c r="W21406" s="2">
        <v>5.0000000000000001E-3</v>
      </c>
      <c r="X21406" s="2">
        <v>59.9</v>
      </c>
      <c r="Y21406" s="2">
        <v>7.6</v>
      </c>
      <c r="Z21406" s="2">
        <v>10.6</v>
      </c>
      <c r="AA21406" s="5"/>
      <c r="AB21406" s="5" t="s">
        <v>43</v>
      </c>
      <c r="AC21406" s="5" t="s">
        <v>44</v>
      </c>
      <c r="AD21406" s="2"/>
      <c r="AE21406" s="1"/>
    </row>
    <row r="21407" spans="1:31" ht="14.45">
      <c r="A21407" s="11"/>
      <c r="B21407" s="20"/>
      <c r="C21407" s="2" t="s">
        <v>69088</v>
      </c>
      <c r="D21407" s="14" t="s">
        <v>69089</v>
      </c>
      <c r="E21407" s="2" t="s">
        <v>69090</v>
      </c>
      <c r="F21407" s="2" t="s">
        <v>7514</v>
      </c>
      <c r="G21407" s="8">
        <v>80</v>
      </c>
      <c r="H21407" s="5">
        <v>6</v>
      </c>
      <c r="I21407" s="5" t="s">
        <v>1518</v>
      </c>
      <c r="J21407" s="5" t="s">
        <v>69038</v>
      </c>
      <c r="K21407" s="2" t="s">
        <v>69039</v>
      </c>
      <c r="L21407" s="5" t="s">
        <v>69038</v>
      </c>
      <c r="M21407" s="2" t="s">
        <v>69039</v>
      </c>
      <c r="N21407" s="5" t="s">
        <v>1521</v>
      </c>
      <c r="O21407" s="5" t="s">
        <v>38</v>
      </c>
      <c r="P21407" s="5" t="s">
        <v>39</v>
      </c>
      <c r="Q21407" s="5" t="s">
        <v>40</v>
      </c>
      <c r="R21407" s="5" t="s">
        <v>1522</v>
      </c>
      <c r="S21407" s="5" t="s">
        <v>1523</v>
      </c>
      <c r="T21407" s="5" t="s">
        <v>42</v>
      </c>
      <c r="U21407" s="2">
        <v>0.90900000000000003</v>
      </c>
      <c r="V21407" s="2">
        <v>0.67600000000000005</v>
      </c>
      <c r="W21407" s="2">
        <v>5.0000000000000001E-3</v>
      </c>
      <c r="X21407" s="2">
        <v>59.9</v>
      </c>
      <c r="Y21407" s="2">
        <v>7.6</v>
      </c>
      <c r="Z21407" s="2">
        <v>10.6</v>
      </c>
      <c r="AA21407" s="5"/>
      <c r="AB21407" s="5" t="s">
        <v>43</v>
      </c>
      <c r="AC21407" s="5" t="s">
        <v>44</v>
      </c>
      <c r="AD21407" s="2"/>
      <c r="AE21407" s="1"/>
    </row>
    <row r="21408" spans="1:31" ht="14.45">
      <c r="A21408" s="11"/>
      <c r="B21408" s="20"/>
      <c r="C21408" s="2" t="s">
        <v>69091</v>
      </c>
      <c r="D21408" s="14" t="s">
        <v>69092</v>
      </c>
      <c r="E21408" s="2" t="s">
        <v>69093</v>
      </c>
      <c r="F21408" s="2" t="s">
        <v>7208</v>
      </c>
      <c r="G21408" s="8">
        <v>80</v>
      </c>
      <c r="H21408" s="5">
        <v>6</v>
      </c>
      <c r="I21408" s="5" t="s">
        <v>1518</v>
      </c>
      <c r="J21408" s="5" t="s">
        <v>69038</v>
      </c>
      <c r="K21408" s="2" t="s">
        <v>69039</v>
      </c>
      <c r="L21408" s="5" t="s">
        <v>69038</v>
      </c>
      <c r="M21408" s="2" t="s">
        <v>69039</v>
      </c>
      <c r="N21408" s="5" t="s">
        <v>1521</v>
      </c>
      <c r="O21408" s="5" t="s">
        <v>38</v>
      </c>
      <c r="P21408" s="5" t="s">
        <v>39</v>
      </c>
      <c r="Q21408" s="5" t="s">
        <v>40</v>
      </c>
      <c r="R21408" s="5" t="s">
        <v>1522</v>
      </c>
      <c r="S21408" s="5" t="s">
        <v>1523</v>
      </c>
      <c r="T21408" s="5" t="s">
        <v>42</v>
      </c>
      <c r="U21408" s="2">
        <v>0.872</v>
      </c>
      <c r="V21408" s="2">
        <v>0.63900000000000001</v>
      </c>
      <c r="W21408" s="2">
        <v>5.0000000000000001E-3</v>
      </c>
      <c r="X21408" s="2">
        <v>59.9</v>
      </c>
      <c r="Y21408" s="2">
        <v>7.6</v>
      </c>
      <c r="Z21408" s="2">
        <v>10.6</v>
      </c>
      <c r="AA21408" s="5"/>
      <c r="AB21408" s="5" t="s">
        <v>43</v>
      </c>
      <c r="AC21408" s="5" t="s">
        <v>44</v>
      </c>
      <c r="AD21408" s="2"/>
      <c r="AE21408" s="1"/>
    </row>
    <row r="21409" spans="1:31" ht="14.45">
      <c r="A21409" s="11"/>
      <c r="B21409" s="20"/>
      <c r="C21409" s="2" t="s">
        <v>69094</v>
      </c>
      <c r="D21409" s="14" t="s">
        <v>69095</v>
      </c>
      <c r="E21409" s="2" t="s">
        <v>69096</v>
      </c>
      <c r="F21409" s="2" t="s">
        <v>7521</v>
      </c>
      <c r="G21409" s="8">
        <v>80</v>
      </c>
      <c r="H21409" s="5">
        <v>6</v>
      </c>
      <c r="I21409" s="5" t="s">
        <v>1518</v>
      </c>
      <c r="J21409" s="5" t="s">
        <v>69038</v>
      </c>
      <c r="K21409" s="2" t="s">
        <v>69039</v>
      </c>
      <c r="L21409" s="5" t="s">
        <v>69038</v>
      </c>
      <c r="M21409" s="2" t="s">
        <v>69039</v>
      </c>
      <c r="N21409" s="5" t="s">
        <v>1521</v>
      </c>
      <c r="O21409" s="5" t="s">
        <v>38</v>
      </c>
      <c r="P21409" s="5" t="s">
        <v>39</v>
      </c>
      <c r="Q21409" s="5" t="s">
        <v>40</v>
      </c>
      <c r="R21409" s="5" t="s">
        <v>1522</v>
      </c>
      <c r="S21409" s="5" t="s">
        <v>1523</v>
      </c>
      <c r="T21409" s="5" t="s">
        <v>42</v>
      </c>
      <c r="U21409" s="2">
        <v>0.90900000000000003</v>
      </c>
      <c r="V21409" s="2">
        <v>0.67600000000000005</v>
      </c>
      <c r="W21409" s="2">
        <v>5.0000000000000001E-3</v>
      </c>
      <c r="X21409" s="2">
        <v>59.9</v>
      </c>
      <c r="Y21409" s="2">
        <v>7.6</v>
      </c>
      <c r="Z21409" s="2">
        <v>10.6</v>
      </c>
      <c r="AA21409" s="5"/>
      <c r="AB21409" s="5" t="s">
        <v>43</v>
      </c>
      <c r="AC21409" s="5" t="s">
        <v>44</v>
      </c>
      <c r="AD21409" s="2"/>
      <c r="AE21409" s="1"/>
    </row>
    <row r="21410" spans="1:31" ht="14.45">
      <c r="A21410" s="11"/>
      <c r="B21410" s="20"/>
      <c r="C21410" s="2" t="s">
        <v>69097</v>
      </c>
      <c r="D21410" s="14" t="s">
        <v>69098</v>
      </c>
      <c r="E21410" s="2" t="s">
        <v>69099</v>
      </c>
      <c r="F21410" s="2" t="s">
        <v>7406</v>
      </c>
      <c r="G21410" s="8">
        <v>92</v>
      </c>
      <c r="H21410" s="5">
        <v>6</v>
      </c>
      <c r="I21410" s="5" t="s">
        <v>1518</v>
      </c>
      <c r="J21410" s="5" t="s">
        <v>69038</v>
      </c>
      <c r="K21410" s="2" t="s">
        <v>69039</v>
      </c>
      <c r="L21410" s="5" t="s">
        <v>69038</v>
      </c>
      <c r="M21410" s="2" t="s">
        <v>69039</v>
      </c>
      <c r="N21410" s="5" t="s">
        <v>1521</v>
      </c>
      <c r="O21410" s="5" t="s">
        <v>38</v>
      </c>
      <c r="P21410" s="5" t="s">
        <v>39</v>
      </c>
      <c r="Q21410" s="5" t="s">
        <v>40</v>
      </c>
      <c r="R21410" s="5" t="s">
        <v>1522</v>
      </c>
      <c r="S21410" s="5" t="s">
        <v>1523</v>
      </c>
      <c r="T21410" s="5" t="s">
        <v>42</v>
      </c>
      <c r="U21410" s="2">
        <v>0.872</v>
      </c>
      <c r="V21410" s="2">
        <v>0.63900000000000001</v>
      </c>
      <c r="W21410" s="2">
        <v>5.0000000000000001E-3</v>
      </c>
      <c r="X21410" s="2">
        <v>59.9</v>
      </c>
      <c r="Y21410" s="2">
        <v>7.6</v>
      </c>
      <c r="Z21410" s="2">
        <v>10.6</v>
      </c>
      <c r="AA21410" s="5"/>
      <c r="AB21410" s="5" t="s">
        <v>43</v>
      </c>
      <c r="AC21410" s="5" t="s">
        <v>44</v>
      </c>
      <c r="AD21410" s="2"/>
      <c r="AE21410" s="1"/>
    </row>
    <row r="21411" spans="1:31" ht="14.45">
      <c r="A21411" s="11"/>
      <c r="B21411" s="20"/>
      <c r="C21411" s="2" t="s">
        <v>69100</v>
      </c>
      <c r="D21411" s="14" t="s">
        <v>69101</v>
      </c>
      <c r="E21411" s="2" t="s">
        <v>69102</v>
      </c>
      <c r="F21411" s="2" t="s">
        <v>7539</v>
      </c>
      <c r="G21411" s="8">
        <v>92</v>
      </c>
      <c r="H21411" s="5">
        <v>6</v>
      </c>
      <c r="I21411" s="5" t="s">
        <v>1518</v>
      </c>
      <c r="J21411" s="5" t="s">
        <v>69038</v>
      </c>
      <c r="K21411" s="2" t="s">
        <v>69039</v>
      </c>
      <c r="L21411" s="5" t="s">
        <v>69038</v>
      </c>
      <c r="M21411" s="2" t="s">
        <v>69039</v>
      </c>
      <c r="N21411" s="5" t="s">
        <v>1521</v>
      </c>
      <c r="O21411" s="5" t="s">
        <v>38</v>
      </c>
      <c r="P21411" s="5" t="s">
        <v>39</v>
      </c>
      <c r="Q21411" s="5" t="s">
        <v>40</v>
      </c>
      <c r="R21411" s="5" t="s">
        <v>1522</v>
      </c>
      <c r="S21411" s="5" t="s">
        <v>1523</v>
      </c>
      <c r="T21411" s="5" t="s">
        <v>42</v>
      </c>
      <c r="U21411" s="2">
        <v>0.872</v>
      </c>
      <c r="V21411" s="2">
        <v>0.63900000000000001</v>
      </c>
      <c r="W21411" s="2">
        <v>5.0000000000000001E-3</v>
      </c>
      <c r="X21411" s="2">
        <v>59.9</v>
      </c>
      <c r="Y21411" s="2">
        <v>7.6</v>
      </c>
      <c r="Z21411" s="2">
        <v>10.6</v>
      </c>
      <c r="AA21411" s="5"/>
      <c r="AB21411" s="5" t="s">
        <v>43</v>
      </c>
      <c r="AC21411" s="5" t="s">
        <v>44</v>
      </c>
      <c r="AD21411" s="2"/>
      <c r="AE21411" s="1"/>
    </row>
    <row r="21412" spans="1:31" ht="14.45">
      <c r="A21412" s="11"/>
      <c r="B21412" s="20"/>
      <c r="C21412" s="2" t="s">
        <v>69103</v>
      </c>
      <c r="D21412" s="14" t="s">
        <v>69104</v>
      </c>
      <c r="E21412" s="2" t="s">
        <v>69105</v>
      </c>
      <c r="F21412" s="2" t="s">
        <v>7543</v>
      </c>
      <c r="G21412" s="8">
        <v>92</v>
      </c>
      <c r="H21412" s="5">
        <v>6</v>
      </c>
      <c r="I21412" s="5" t="s">
        <v>1518</v>
      </c>
      <c r="J21412" s="5" t="s">
        <v>69038</v>
      </c>
      <c r="K21412" s="2" t="s">
        <v>69039</v>
      </c>
      <c r="L21412" s="5" t="s">
        <v>69038</v>
      </c>
      <c r="M21412" s="2" t="s">
        <v>69039</v>
      </c>
      <c r="N21412" s="5" t="s">
        <v>1521</v>
      </c>
      <c r="O21412" s="5" t="s">
        <v>38</v>
      </c>
      <c r="P21412" s="5" t="s">
        <v>39</v>
      </c>
      <c r="Q21412" s="5" t="s">
        <v>40</v>
      </c>
      <c r="R21412" s="5" t="s">
        <v>1522</v>
      </c>
      <c r="S21412" s="5" t="s">
        <v>1523</v>
      </c>
      <c r="T21412" s="5" t="s">
        <v>42</v>
      </c>
      <c r="U21412" s="2">
        <v>0.90900000000000003</v>
      </c>
      <c r="V21412" s="2">
        <v>0.67600000000000005</v>
      </c>
      <c r="W21412" s="2">
        <v>5.0000000000000001E-3</v>
      </c>
      <c r="X21412" s="2">
        <v>59.9</v>
      </c>
      <c r="Y21412" s="2">
        <v>7.6</v>
      </c>
      <c r="Z21412" s="2">
        <v>10.6</v>
      </c>
      <c r="AA21412" s="5"/>
      <c r="AB21412" s="5" t="s">
        <v>43</v>
      </c>
      <c r="AC21412" s="5" t="s">
        <v>44</v>
      </c>
      <c r="AD21412" s="2"/>
      <c r="AE21412" s="1"/>
    </row>
    <row r="21413" spans="1:31" ht="14.45">
      <c r="A21413" s="11"/>
      <c r="B21413" s="20"/>
      <c r="C21413" s="2" t="s">
        <v>69106</v>
      </c>
      <c r="D21413" s="14" t="s">
        <v>69107</v>
      </c>
      <c r="E21413" s="2" t="s">
        <v>69108</v>
      </c>
      <c r="F21413" s="2" t="s">
        <v>7396</v>
      </c>
      <c r="G21413" s="8">
        <v>80</v>
      </c>
      <c r="H21413" s="5">
        <v>6</v>
      </c>
      <c r="I21413" s="5" t="s">
        <v>1518</v>
      </c>
      <c r="J21413" s="5" t="s">
        <v>69038</v>
      </c>
      <c r="K21413" s="2" t="s">
        <v>69039</v>
      </c>
      <c r="L21413" s="5" t="s">
        <v>69038</v>
      </c>
      <c r="M21413" s="2" t="s">
        <v>69039</v>
      </c>
      <c r="N21413" s="5" t="s">
        <v>1521</v>
      </c>
      <c r="O21413" s="5" t="s">
        <v>38</v>
      </c>
      <c r="P21413" s="5" t="s">
        <v>39</v>
      </c>
      <c r="Q21413" s="5" t="s">
        <v>40</v>
      </c>
      <c r="R21413" s="5" t="s">
        <v>1522</v>
      </c>
      <c r="S21413" s="5" t="s">
        <v>1523</v>
      </c>
      <c r="T21413" s="5" t="s">
        <v>42</v>
      </c>
      <c r="U21413" s="2">
        <v>0.872</v>
      </c>
      <c r="V21413" s="2">
        <v>0.63900000000000001</v>
      </c>
      <c r="W21413" s="2">
        <v>5.0000000000000001E-3</v>
      </c>
      <c r="X21413" s="2">
        <v>59.9</v>
      </c>
      <c r="Y21413" s="2">
        <v>7.6</v>
      </c>
      <c r="Z21413" s="2">
        <v>10.6</v>
      </c>
      <c r="AA21413" s="5"/>
      <c r="AB21413" s="5" t="s">
        <v>43</v>
      </c>
      <c r="AC21413" s="5" t="s">
        <v>44</v>
      </c>
      <c r="AD21413" s="2"/>
      <c r="AE21413" s="1"/>
    </row>
    <row r="21414" spans="1:31" ht="14.45">
      <c r="A21414" s="11"/>
      <c r="B21414" s="20"/>
      <c r="C21414" s="2" t="s">
        <v>69109</v>
      </c>
      <c r="D21414" s="14" t="s">
        <v>69110</v>
      </c>
      <c r="E21414" s="2" t="s">
        <v>69111</v>
      </c>
      <c r="F21414" s="2" t="s">
        <v>69112</v>
      </c>
      <c r="G21414" s="8">
        <v>80</v>
      </c>
      <c r="H21414" s="5">
        <v>6</v>
      </c>
      <c r="I21414" s="5" t="s">
        <v>1518</v>
      </c>
      <c r="J21414" s="5" t="s">
        <v>69038</v>
      </c>
      <c r="K21414" s="2" t="s">
        <v>69039</v>
      </c>
      <c r="L21414" s="5" t="s">
        <v>69038</v>
      </c>
      <c r="M21414" s="2" t="s">
        <v>69039</v>
      </c>
      <c r="N21414" s="5" t="s">
        <v>1521</v>
      </c>
      <c r="O21414" s="5" t="s">
        <v>38</v>
      </c>
      <c r="P21414" s="5" t="s">
        <v>39</v>
      </c>
      <c r="Q21414" s="5" t="s">
        <v>40</v>
      </c>
      <c r="R21414" s="5" t="s">
        <v>1522</v>
      </c>
      <c r="S21414" s="5" t="s">
        <v>1523</v>
      </c>
      <c r="T21414" s="5" t="s">
        <v>42</v>
      </c>
      <c r="U21414" s="2">
        <v>0.90900000000000003</v>
      </c>
      <c r="V21414" s="2">
        <v>0.67600000000000005</v>
      </c>
      <c r="W21414" s="2">
        <v>5.0000000000000001E-3</v>
      </c>
      <c r="X21414" s="2">
        <v>59.9</v>
      </c>
      <c r="Y21414" s="2">
        <v>7.6</v>
      </c>
      <c r="Z21414" s="2">
        <v>10.6</v>
      </c>
      <c r="AA21414" s="5"/>
      <c r="AB21414" s="5" t="s">
        <v>43</v>
      </c>
      <c r="AC21414" s="5" t="s">
        <v>44</v>
      </c>
      <c r="AD21414" s="2"/>
      <c r="AE21414" s="1"/>
    </row>
    <row r="21415" spans="1:31" ht="14.45">
      <c r="A21415" s="11"/>
      <c r="B21415" s="20"/>
      <c r="C21415" s="2" t="s">
        <v>69113</v>
      </c>
      <c r="D21415" s="14" t="s">
        <v>69114</v>
      </c>
      <c r="E21415" s="2" t="s">
        <v>69115</v>
      </c>
      <c r="F21415" s="2" t="s">
        <v>7563</v>
      </c>
      <c r="G21415" s="8">
        <v>92</v>
      </c>
      <c r="H21415" s="5">
        <v>6</v>
      </c>
      <c r="I21415" s="5" t="s">
        <v>1518</v>
      </c>
      <c r="J21415" s="5" t="s">
        <v>69038</v>
      </c>
      <c r="K21415" s="2" t="s">
        <v>69039</v>
      </c>
      <c r="L21415" s="5" t="s">
        <v>69038</v>
      </c>
      <c r="M21415" s="2" t="s">
        <v>69039</v>
      </c>
      <c r="N21415" s="5" t="s">
        <v>1521</v>
      </c>
      <c r="O21415" s="5" t="s">
        <v>38</v>
      </c>
      <c r="P21415" s="5" t="s">
        <v>39</v>
      </c>
      <c r="Q21415" s="5" t="s">
        <v>40</v>
      </c>
      <c r="R21415" s="5" t="s">
        <v>1522</v>
      </c>
      <c r="S21415" s="5" t="s">
        <v>1523</v>
      </c>
      <c r="T21415" s="5" t="s">
        <v>42</v>
      </c>
      <c r="U21415" s="2">
        <v>0.872</v>
      </c>
      <c r="V21415" s="2">
        <v>0.63900000000000001</v>
      </c>
      <c r="W21415" s="2">
        <v>5.0000000000000001E-3</v>
      </c>
      <c r="X21415" s="2">
        <v>59.9</v>
      </c>
      <c r="Y21415" s="2">
        <v>7.6</v>
      </c>
      <c r="Z21415" s="2">
        <v>10.6</v>
      </c>
      <c r="AA21415" s="5"/>
      <c r="AB21415" s="5" t="s">
        <v>43</v>
      </c>
      <c r="AC21415" s="5" t="s">
        <v>44</v>
      </c>
      <c r="AD21415" s="2"/>
      <c r="AE21415" s="1"/>
    </row>
    <row r="21416" spans="1:31" ht="14.45">
      <c r="A21416" s="11"/>
      <c r="B21416" s="20"/>
      <c r="C21416" s="2" t="s">
        <v>69116</v>
      </c>
      <c r="D21416" s="14" t="s">
        <v>69117</v>
      </c>
      <c r="E21416" s="2" t="s">
        <v>69118</v>
      </c>
      <c r="F21416" s="2" t="s">
        <v>7555</v>
      </c>
      <c r="G21416" s="8">
        <v>92</v>
      </c>
      <c r="H21416" s="5">
        <v>6</v>
      </c>
      <c r="I21416" s="5" t="s">
        <v>1518</v>
      </c>
      <c r="J21416" s="5" t="s">
        <v>69038</v>
      </c>
      <c r="K21416" s="2" t="s">
        <v>69039</v>
      </c>
      <c r="L21416" s="5" t="s">
        <v>69038</v>
      </c>
      <c r="M21416" s="2" t="s">
        <v>69039</v>
      </c>
      <c r="N21416" s="5" t="s">
        <v>1521</v>
      </c>
      <c r="O21416" s="5" t="s">
        <v>38</v>
      </c>
      <c r="P21416" s="5" t="s">
        <v>39</v>
      </c>
      <c r="Q21416" s="5" t="s">
        <v>40</v>
      </c>
      <c r="R21416" s="5" t="s">
        <v>1522</v>
      </c>
      <c r="S21416" s="5" t="s">
        <v>1523</v>
      </c>
      <c r="T21416" s="5" t="s">
        <v>42</v>
      </c>
      <c r="U21416" s="2">
        <v>0.872</v>
      </c>
      <c r="V21416" s="2">
        <v>0.63900000000000001</v>
      </c>
      <c r="W21416" s="2">
        <v>5.0000000000000001E-3</v>
      </c>
      <c r="X21416" s="2">
        <v>59.9</v>
      </c>
      <c r="Y21416" s="2">
        <v>7.6</v>
      </c>
      <c r="Z21416" s="2">
        <v>10.6</v>
      </c>
      <c r="AA21416" s="5"/>
      <c r="AB21416" s="5" t="s">
        <v>43</v>
      </c>
      <c r="AC21416" s="5" t="s">
        <v>44</v>
      </c>
      <c r="AD21416" s="2"/>
      <c r="AE21416" s="1"/>
    </row>
    <row r="21417" spans="1:31" ht="14.45">
      <c r="A21417" s="11"/>
      <c r="B21417" s="20"/>
      <c r="C21417" s="2" t="s">
        <v>69119</v>
      </c>
      <c r="D21417" s="14" t="s">
        <v>69120</v>
      </c>
      <c r="E21417" s="2" t="s">
        <v>69121</v>
      </c>
      <c r="F21417" s="2" t="s">
        <v>7449</v>
      </c>
      <c r="G21417" s="8">
        <v>92</v>
      </c>
      <c r="H21417" s="5">
        <v>6</v>
      </c>
      <c r="I21417" s="5" t="s">
        <v>1518</v>
      </c>
      <c r="J21417" s="5" t="s">
        <v>69038</v>
      </c>
      <c r="K21417" s="2" t="s">
        <v>69039</v>
      </c>
      <c r="L21417" s="5" t="s">
        <v>69038</v>
      </c>
      <c r="M21417" s="2" t="s">
        <v>69039</v>
      </c>
      <c r="N21417" s="5" t="s">
        <v>1521</v>
      </c>
      <c r="O21417" s="5" t="s">
        <v>38</v>
      </c>
      <c r="P21417" s="5" t="s">
        <v>39</v>
      </c>
      <c r="Q21417" s="5" t="s">
        <v>40</v>
      </c>
      <c r="R21417" s="5" t="s">
        <v>1522</v>
      </c>
      <c r="S21417" s="5" t="s">
        <v>1523</v>
      </c>
      <c r="T21417" s="5" t="s">
        <v>42</v>
      </c>
      <c r="U21417" s="2">
        <v>0.872</v>
      </c>
      <c r="V21417" s="2">
        <v>0.63900000000000001</v>
      </c>
      <c r="W21417" s="2">
        <v>5.0000000000000001E-3</v>
      </c>
      <c r="X21417" s="2">
        <v>59.9</v>
      </c>
      <c r="Y21417" s="2">
        <v>7.6</v>
      </c>
      <c r="Z21417" s="2">
        <v>10.6</v>
      </c>
      <c r="AA21417" s="5"/>
      <c r="AB21417" s="5" t="s">
        <v>43</v>
      </c>
      <c r="AC21417" s="5" t="s">
        <v>44</v>
      </c>
      <c r="AD21417" s="2"/>
      <c r="AE21417" s="1"/>
    </row>
    <row r="21418" spans="1:31" ht="14.45">
      <c r="A21418" s="11"/>
      <c r="B21418" s="20"/>
      <c r="C21418" s="2" t="s">
        <v>69122</v>
      </c>
      <c r="D21418" s="14" t="s">
        <v>69123</v>
      </c>
      <c r="E21418" s="2" t="s">
        <v>69124</v>
      </c>
      <c r="F21418" s="2" t="s">
        <v>7433</v>
      </c>
      <c r="G21418" s="8">
        <v>92</v>
      </c>
      <c r="H21418" s="5">
        <v>6</v>
      </c>
      <c r="I21418" s="5" t="s">
        <v>1518</v>
      </c>
      <c r="J21418" s="5" t="s">
        <v>69038</v>
      </c>
      <c r="K21418" s="2" t="s">
        <v>69039</v>
      </c>
      <c r="L21418" s="5" t="s">
        <v>69038</v>
      </c>
      <c r="M21418" s="2" t="s">
        <v>69039</v>
      </c>
      <c r="N21418" s="5" t="s">
        <v>1521</v>
      </c>
      <c r="O21418" s="5" t="s">
        <v>38</v>
      </c>
      <c r="P21418" s="5" t="s">
        <v>39</v>
      </c>
      <c r="Q21418" s="5" t="s">
        <v>40</v>
      </c>
      <c r="R21418" s="5" t="s">
        <v>1522</v>
      </c>
      <c r="S21418" s="5" t="s">
        <v>1523</v>
      </c>
      <c r="T21418" s="5" t="s">
        <v>42</v>
      </c>
      <c r="U21418" s="2">
        <v>0.872</v>
      </c>
      <c r="V21418" s="2">
        <v>0.63900000000000001</v>
      </c>
      <c r="W21418" s="2">
        <v>5.0000000000000001E-3</v>
      </c>
      <c r="X21418" s="2">
        <v>59.9</v>
      </c>
      <c r="Y21418" s="2">
        <v>7.6</v>
      </c>
      <c r="Z21418" s="2">
        <v>10.6</v>
      </c>
      <c r="AA21418" s="5"/>
      <c r="AB21418" s="5" t="s">
        <v>43</v>
      </c>
      <c r="AC21418" s="5" t="s">
        <v>44</v>
      </c>
      <c r="AD21418" s="2"/>
      <c r="AE21418" s="1"/>
    </row>
    <row r="21419" spans="1:31" ht="14.45">
      <c r="A21419" s="11"/>
      <c r="B21419" s="20"/>
      <c r="C21419" s="2" t="s">
        <v>69125</v>
      </c>
      <c r="D21419" s="14" t="s">
        <v>69126</v>
      </c>
      <c r="E21419" s="2" t="s">
        <v>69127</v>
      </c>
      <c r="F21419" s="2" t="s">
        <v>7615</v>
      </c>
      <c r="G21419" s="8">
        <v>92</v>
      </c>
      <c r="H21419" s="5">
        <v>6</v>
      </c>
      <c r="I21419" s="5" t="s">
        <v>1518</v>
      </c>
      <c r="J21419" s="5" t="s">
        <v>69038</v>
      </c>
      <c r="K21419" s="2" t="s">
        <v>69039</v>
      </c>
      <c r="L21419" s="5" t="s">
        <v>69038</v>
      </c>
      <c r="M21419" s="2" t="s">
        <v>69039</v>
      </c>
      <c r="N21419" s="5" t="s">
        <v>1521</v>
      </c>
      <c r="O21419" s="5" t="s">
        <v>38</v>
      </c>
      <c r="P21419" s="5" t="s">
        <v>39</v>
      </c>
      <c r="Q21419" s="5" t="s">
        <v>40</v>
      </c>
      <c r="R21419" s="5" t="s">
        <v>1522</v>
      </c>
      <c r="S21419" s="5" t="s">
        <v>1523</v>
      </c>
      <c r="T21419" s="5" t="s">
        <v>42</v>
      </c>
      <c r="U21419" s="2">
        <v>0.872</v>
      </c>
      <c r="V21419" s="2">
        <v>0.63900000000000001</v>
      </c>
      <c r="W21419" s="2">
        <v>5.0000000000000001E-3</v>
      </c>
      <c r="X21419" s="2">
        <v>59.9</v>
      </c>
      <c r="Y21419" s="2">
        <v>7.6</v>
      </c>
      <c r="Z21419" s="2">
        <v>10.6</v>
      </c>
      <c r="AA21419" s="5"/>
      <c r="AB21419" s="5" t="s">
        <v>43</v>
      </c>
      <c r="AC21419" s="5" t="s">
        <v>44</v>
      </c>
      <c r="AD21419" s="2"/>
      <c r="AE21419" s="1"/>
    </row>
    <row r="21420" spans="1:31" ht="14.45">
      <c r="A21420" s="11"/>
      <c r="B21420" s="20"/>
      <c r="C21420" s="2" t="s">
        <v>69128</v>
      </c>
      <c r="D21420" s="14" t="s">
        <v>69129</v>
      </c>
      <c r="E21420" s="2" t="s">
        <v>69130</v>
      </c>
      <c r="F21420" s="2" t="s">
        <v>7212</v>
      </c>
      <c r="G21420" s="8">
        <v>80</v>
      </c>
      <c r="H21420" s="5">
        <v>6</v>
      </c>
      <c r="I21420" s="5" t="s">
        <v>1518</v>
      </c>
      <c r="J21420" s="5" t="s">
        <v>69038</v>
      </c>
      <c r="K21420" s="2" t="s">
        <v>69039</v>
      </c>
      <c r="L21420" s="5" t="s">
        <v>69038</v>
      </c>
      <c r="M21420" s="2" t="s">
        <v>69039</v>
      </c>
      <c r="N21420" s="5" t="s">
        <v>1521</v>
      </c>
      <c r="O21420" s="5" t="s">
        <v>38</v>
      </c>
      <c r="P21420" s="5" t="s">
        <v>39</v>
      </c>
      <c r="Q21420" s="5" t="s">
        <v>40</v>
      </c>
      <c r="R21420" s="5" t="s">
        <v>1522</v>
      </c>
      <c r="S21420" s="5" t="s">
        <v>1523</v>
      </c>
      <c r="T21420" s="5" t="s">
        <v>42</v>
      </c>
      <c r="U21420" s="2">
        <v>0.872</v>
      </c>
      <c r="V21420" s="2">
        <v>0.63900000000000001</v>
      </c>
      <c r="W21420" s="2">
        <v>5.0000000000000001E-3</v>
      </c>
      <c r="X21420" s="2">
        <v>59.9</v>
      </c>
      <c r="Y21420" s="2">
        <v>7.6</v>
      </c>
      <c r="Z21420" s="2">
        <v>10.6</v>
      </c>
      <c r="AA21420" s="5"/>
      <c r="AB21420" s="5" t="s">
        <v>43</v>
      </c>
      <c r="AC21420" s="5" t="s">
        <v>44</v>
      </c>
      <c r="AD21420" s="2"/>
      <c r="AE21420" s="1"/>
    </row>
    <row r="21421" spans="1:31" ht="14.45">
      <c r="A21421" s="11"/>
      <c r="B21421" s="20"/>
      <c r="C21421" s="2" t="s">
        <v>69131</v>
      </c>
      <c r="D21421" s="14" t="s">
        <v>69132</v>
      </c>
      <c r="E21421" s="2" t="s">
        <v>69133</v>
      </c>
      <c r="F21421" s="2" t="s">
        <v>1863</v>
      </c>
      <c r="G21421" s="8">
        <v>92</v>
      </c>
      <c r="H21421" s="5">
        <v>6</v>
      </c>
      <c r="I21421" s="5" t="s">
        <v>1518</v>
      </c>
      <c r="J21421" s="5" t="s">
        <v>69038</v>
      </c>
      <c r="K21421" s="2" t="s">
        <v>69039</v>
      </c>
      <c r="L21421" s="5" t="s">
        <v>69038</v>
      </c>
      <c r="M21421" s="2" t="s">
        <v>69039</v>
      </c>
      <c r="N21421" s="5" t="s">
        <v>1521</v>
      </c>
      <c r="O21421" s="5" t="s">
        <v>38</v>
      </c>
      <c r="P21421" s="5" t="s">
        <v>39</v>
      </c>
      <c r="Q21421" s="5" t="s">
        <v>40</v>
      </c>
      <c r="R21421" s="5" t="s">
        <v>1522</v>
      </c>
      <c r="S21421" s="5" t="s">
        <v>1523</v>
      </c>
      <c r="T21421" s="5" t="s">
        <v>42</v>
      </c>
      <c r="U21421" s="2">
        <v>0.872</v>
      </c>
      <c r="V21421" s="2">
        <v>0.63900000000000001</v>
      </c>
      <c r="W21421" s="2">
        <v>5.0000000000000001E-3</v>
      </c>
      <c r="X21421" s="2">
        <v>59.9</v>
      </c>
      <c r="Y21421" s="2">
        <v>7.6</v>
      </c>
      <c r="Z21421" s="2">
        <v>10.6</v>
      </c>
      <c r="AA21421" s="5"/>
      <c r="AB21421" s="5" t="s">
        <v>43</v>
      </c>
      <c r="AC21421" s="5" t="s">
        <v>44</v>
      </c>
      <c r="AD21421" s="2"/>
      <c r="AE21421" s="1"/>
    </row>
    <row r="21422" spans="1:31" ht="14.45">
      <c r="A21422" s="11"/>
      <c r="B21422" s="20"/>
      <c r="C21422" s="2" t="s">
        <v>69134</v>
      </c>
      <c r="D21422" s="14" t="s">
        <v>69135</v>
      </c>
      <c r="E21422" s="2" t="s">
        <v>69136</v>
      </c>
      <c r="F21422" s="2" t="s">
        <v>1867</v>
      </c>
      <c r="G21422" s="8">
        <v>92</v>
      </c>
      <c r="H21422" s="5">
        <v>6</v>
      </c>
      <c r="I21422" s="5" t="s">
        <v>1518</v>
      </c>
      <c r="J21422" s="5" t="s">
        <v>69038</v>
      </c>
      <c r="K21422" s="2" t="s">
        <v>69039</v>
      </c>
      <c r="L21422" s="5" t="s">
        <v>69038</v>
      </c>
      <c r="M21422" s="2" t="s">
        <v>69039</v>
      </c>
      <c r="N21422" s="5" t="s">
        <v>1521</v>
      </c>
      <c r="O21422" s="5" t="s">
        <v>38</v>
      </c>
      <c r="P21422" s="5" t="s">
        <v>39</v>
      </c>
      <c r="Q21422" s="5" t="s">
        <v>40</v>
      </c>
      <c r="R21422" s="5" t="s">
        <v>1522</v>
      </c>
      <c r="S21422" s="5" t="s">
        <v>1523</v>
      </c>
      <c r="T21422" s="5" t="s">
        <v>42</v>
      </c>
      <c r="U21422" s="2">
        <v>0.90900000000000003</v>
      </c>
      <c r="V21422" s="2">
        <v>0.67600000000000005</v>
      </c>
      <c r="W21422" s="2">
        <v>5.0000000000000001E-3</v>
      </c>
      <c r="X21422" s="2">
        <v>59.9</v>
      </c>
      <c r="Y21422" s="2">
        <v>7.6</v>
      </c>
      <c r="Z21422" s="2">
        <v>10.6</v>
      </c>
      <c r="AA21422" s="5"/>
      <c r="AB21422" s="5" t="s">
        <v>43</v>
      </c>
      <c r="AC21422" s="5" t="s">
        <v>44</v>
      </c>
      <c r="AD21422" s="2"/>
      <c r="AE21422" s="1"/>
    </row>
    <row r="21423" spans="1:31" ht="14.45">
      <c r="A21423" s="11"/>
      <c r="B21423" s="20"/>
      <c r="C21423" s="2" t="s">
        <v>69137</v>
      </c>
      <c r="D21423" s="14" t="s">
        <v>69138</v>
      </c>
      <c r="E21423" s="2" t="s">
        <v>69139</v>
      </c>
      <c r="F21423" s="2" t="s">
        <v>7204</v>
      </c>
      <c r="G21423" s="8">
        <v>91</v>
      </c>
      <c r="H21423" s="5">
        <v>6</v>
      </c>
      <c r="I21423" s="5" t="s">
        <v>1518</v>
      </c>
      <c r="J21423" s="5" t="s">
        <v>69038</v>
      </c>
      <c r="K21423" s="2" t="s">
        <v>69039</v>
      </c>
      <c r="L21423" s="5" t="s">
        <v>69038</v>
      </c>
      <c r="M21423" s="2" t="s">
        <v>69039</v>
      </c>
      <c r="N21423" s="5" t="s">
        <v>1521</v>
      </c>
      <c r="O21423" s="5" t="s">
        <v>38</v>
      </c>
      <c r="P21423" s="5" t="s">
        <v>39</v>
      </c>
      <c r="Q21423" s="5" t="s">
        <v>40</v>
      </c>
      <c r="R21423" s="5" t="s">
        <v>1522</v>
      </c>
      <c r="S21423" s="5" t="s">
        <v>1523</v>
      </c>
      <c r="T21423" s="5" t="s">
        <v>42</v>
      </c>
      <c r="U21423" s="2">
        <v>0.99099999999999999</v>
      </c>
      <c r="V21423" s="2">
        <v>0.73399999999999999</v>
      </c>
      <c r="W21423" s="2">
        <v>6.0000000000000001E-3</v>
      </c>
      <c r="X21423" s="2">
        <v>76.900000000000006</v>
      </c>
      <c r="Y21423" s="2">
        <v>7.6</v>
      </c>
      <c r="Z21423" s="2">
        <v>10.6</v>
      </c>
      <c r="AA21423" s="5"/>
      <c r="AB21423" s="5" t="s">
        <v>43</v>
      </c>
      <c r="AC21423" s="5" t="s">
        <v>44</v>
      </c>
      <c r="AD21423" s="2"/>
      <c r="AE21423" s="1"/>
    </row>
    <row r="21424" spans="1:31" ht="14.45">
      <c r="A21424" s="11"/>
      <c r="B21424" s="20"/>
      <c r="C21424" s="2" t="s">
        <v>69140</v>
      </c>
      <c r="D21424" s="14" t="s">
        <v>69141</v>
      </c>
      <c r="E21424" s="2" t="s">
        <v>69142</v>
      </c>
      <c r="F21424" s="2" t="s">
        <v>7514</v>
      </c>
      <c r="G21424" s="8">
        <v>91</v>
      </c>
      <c r="H21424" s="5">
        <v>6</v>
      </c>
      <c r="I21424" s="5" t="s">
        <v>1518</v>
      </c>
      <c r="J21424" s="5" t="s">
        <v>69038</v>
      </c>
      <c r="K21424" s="2" t="s">
        <v>69039</v>
      </c>
      <c r="L21424" s="5" t="s">
        <v>69038</v>
      </c>
      <c r="M21424" s="2" t="s">
        <v>69039</v>
      </c>
      <c r="N21424" s="5" t="s">
        <v>1521</v>
      </c>
      <c r="O21424" s="5" t="s">
        <v>38</v>
      </c>
      <c r="P21424" s="5" t="s">
        <v>39</v>
      </c>
      <c r="Q21424" s="5" t="s">
        <v>40</v>
      </c>
      <c r="R21424" s="5" t="s">
        <v>1522</v>
      </c>
      <c r="S21424" s="5" t="s">
        <v>1523</v>
      </c>
      <c r="T21424" s="5" t="s">
        <v>42</v>
      </c>
      <c r="U21424" s="2">
        <v>1.038</v>
      </c>
      <c r="V21424" s="2">
        <v>0.78100000000000003</v>
      </c>
      <c r="W21424" s="2">
        <v>6.0000000000000001E-3</v>
      </c>
      <c r="X21424" s="2">
        <v>76.900000000000006</v>
      </c>
      <c r="Y21424" s="2">
        <v>7.6</v>
      </c>
      <c r="Z21424" s="2">
        <v>10.6</v>
      </c>
      <c r="AA21424" s="5"/>
      <c r="AB21424" s="5" t="s">
        <v>43</v>
      </c>
      <c r="AC21424" s="5" t="s">
        <v>44</v>
      </c>
      <c r="AD21424" s="2"/>
      <c r="AE21424" s="1"/>
    </row>
    <row r="21425" spans="1:31" ht="14.45">
      <c r="A21425" s="11"/>
      <c r="B21425" s="20"/>
      <c r="C21425" s="2" t="s">
        <v>69143</v>
      </c>
      <c r="D21425" s="14" t="s">
        <v>69144</v>
      </c>
      <c r="E21425" s="2" t="s">
        <v>69145</v>
      </c>
      <c r="F21425" s="2" t="s">
        <v>7208</v>
      </c>
      <c r="G21425" s="8">
        <v>91</v>
      </c>
      <c r="H21425" s="5">
        <v>6</v>
      </c>
      <c r="I21425" s="5" t="s">
        <v>1518</v>
      </c>
      <c r="J21425" s="5" t="s">
        <v>69038</v>
      </c>
      <c r="K21425" s="2" t="s">
        <v>69039</v>
      </c>
      <c r="L21425" s="5" t="s">
        <v>69038</v>
      </c>
      <c r="M21425" s="2" t="s">
        <v>69039</v>
      </c>
      <c r="N21425" s="5" t="s">
        <v>1521</v>
      </c>
      <c r="O21425" s="5" t="s">
        <v>38</v>
      </c>
      <c r="P21425" s="5" t="s">
        <v>39</v>
      </c>
      <c r="Q21425" s="5" t="s">
        <v>40</v>
      </c>
      <c r="R21425" s="5" t="s">
        <v>1522</v>
      </c>
      <c r="S21425" s="5" t="s">
        <v>1523</v>
      </c>
      <c r="T21425" s="5" t="s">
        <v>42</v>
      </c>
      <c r="U21425" s="2">
        <v>0.99099999999999999</v>
      </c>
      <c r="V21425" s="2">
        <v>0.73399999999999999</v>
      </c>
      <c r="W21425" s="2">
        <v>6.0000000000000001E-3</v>
      </c>
      <c r="X21425" s="2">
        <v>76.900000000000006</v>
      </c>
      <c r="Y21425" s="2">
        <v>7.6</v>
      </c>
      <c r="Z21425" s="2">
        <v>10.6</v>
      </c>
      <c r="AA21425" s="5"/>
      <c r="AB21425" s="5" t="s">
        <v>43</v>
      </c>
      <c r="AC21425" s="5" t="s">
        <v>44</v>
      </c>
      <c r="AD21425" s="2"/>
      <c r="AE21425" s="1"/>
    </row>
    <row r="21426" spans="1:31" ht="14.45">
      <c r="A21426" s="11"/>
      <c r="B21426" s="20"/>
      <c r="C21426" s="2" t="s">
        <v>69146</v>
      </c>
      <c r="D21426" s="14" t="s">
        <v>69147</v>
      </c>
      <c r="E21426" s="2" t="s">
        <v>69148</v>
      </c>
      <c r="F21426" s="2" t="s">
        <v>7521</v>
      </c>
      <c r="G21426" s="8">
        <v>91</v>
      </c>
      <c r="H21426" s="5">
        <v>6</v>
      </c>
      <c r="I21426" s="5" t="s">
        <v>1518</v>
      </c>
      <c r="J21426" s="5" t="s">
        <v>69038</v>
      </c>
      <c r="K21426" s="2" t="s">
        <v>69039</v>
      </c>
      <c r="L21426" s="5" t="s">
        <v>69038</v>
      </c>
      <c r="M21426" s="2" t="s">
        <v>69039</v>
      </c>
      <c r="N21426" s="5" t="s">
        <v>1521</v>
      </c>
      <c r="O21426" s="5" t="s">
        <v>38</v>
      </c>
      <c r="P21426" s="5" t="s">
        <v>39</v>
      </c>
      <c r="Q21426" s="5" t="s">
        <v>40</v>
      </c>
      <c r="R21426" s="5" t="s">
        <v>1522</v>
      </c>
      <c r="S21426" s="5" t="s">
        <v>1523</v>
      </c>
      <c r="T21426" s="5" t="s">
        <v>42</v>
      </c>
      <c r="U21426" s="2">
        <v>1.038</v>
      </c>
      <c r="V21426" s="2">
        <v>0.78100000000000003</v>
      </c>
      <c r="W21426" s="2">
        <v>6.0000000000000001E-3</v>
      </c>
      <c r="X21426" s="2">
        <v>76.900000000000006</v>
      </c>
      <c r="Y21426" s="2">
        <v>7.6</v>
      </c>
      <c r="Z21426" s="2">
        <v>10.6</v>
      </c>
      <c r="AA21426" s="5"/>
      <c r="AB21426" s="5" t="s">
        <v>43</v>
      </c>
      <c r="AC21426" s="5" t="s">
        <v>44</v>
      </c>
      <c r="AD21426" s="2"/>
      <c r="AE21426" s="1"/>
    </row>
    <row r="21427" spans="1:31" ht="14.45">
      <c r="A21427" s="11"/>
      <c r="B21427" s="20"/>
      <c r="C21427" s="2" t="s">
        <v>69149</v>
      </c>
      <c r="D21427" s="14" t="s">
        <v>69150</v>
      </c>
      <c r="E21427" s="2" t="s">
        <v>69151</v>
      </c>
      <c r="F21427" s="2" t="s">
        <v>7406</v>
      </c>
      <c r="G21427" s="8">
        <v>105</v>
      </c>
      <c r="H21427" s="5">
        <v>6</v>
      </c>
      <c r="I21427" s="5" t="s">
        <v>1518</v>
      </c>
      <c r="J21427" s="5" t="s">
        <v>69038</v>
      </c>
      <c r="K21427" s="2" t="s">
        <v>69039</v>
      </c>
      <c r="L21427" s="5" t="s">
        <v>69038</v>
      </c>
      <c r="M21427" s="2" t="s">
        <v>69039</v>
      </c>
      <c r="N21427" s="5" t="s">
        <v>1521</v>
      </c>
      <c r="O21427" s="5" t="s">
        <v>38</v>
      </c>
      <c r="P21427" s="5" t="s">
        <v>39</v>
      </c>
      <c r="Q21427" s="5" t="s">
        <v>40</v>
      </c>
      <c r="R21427" s="5" t="s">
        <v>1522</v>
      </c>
      <c r="S21427" s="5" t="s">
        <v>1523</v>
      </c>
      <c r="T21427" s="5" t="s">
        <v>42</v>
      </c>
      <c r="U21427" s="2">
        <v>0.99099999999999999</v>
      </c>
      <c r="V21427" s="2">
        <v>0.73399999999999999</v>
      </c>
      <c r="W21427" s="2">
        <v>6.0000000000000001E-3</v>
      </c>
      <c r="X21427" s="2">
        <v>76.900000000000006</v>
      </c>
      <c r="Y21427" s="2">
        <v>7.6</v>
      </c>
      <c r="Z21427" s="2">
        <v>10.6</v>
      </c>
      <c r="AA21427" s="5"/>
      <c r="AB21427" s="5" t="s">
        <v>43</v>
      </c>
      <c r="AC21427" s="5" t="s">
        <v>44</v>
      </c>
      <c r="AD21427" s="2"/>
      <c r="AE21427" s="1"/>
    </row>
    <row r="21428" spans="1:31" ht="14.45">
      <c r="A21428" s="11"/>
      <c r="B21428" s="20"/>
      <c r="C21428" s="2" t="s">
        <v>69152</v>
      </c>
      <c r="D21428" s="14" t="s">
        <v>69153</v>
      </c>
      <c r="E21428" s="2" t="s">
        <v>69154</v>
      </c>
      <c r="F21428" s="2" t="s">
        <v>7535</v>
      </c>
      <c r="G21428" s="8">
        <v>105</v>
      </c>
      <c r="H21428" s="5">
        <v>6</v>
      </c>
      <c r="I21428" s="5" t="s">
        <v>1518</v>
      </c>
      <c r="J21428" s="5" t="s">
        <v>69038</v>
      </c>
      <c r="K21428" s="2" t="s">
        <v>69039</v>
      </c>
      <c r="L21428" s="5" t="s">
        <v>69038</v>
      </c>
      <c r="M21428" s="2" t="s">
        <v>69039</v>
      </c>
      <c r="N21428" s="5" t="s">
        <v>1521</v>
      </c>
      <c r="O21428" s="5" t="s">
        <v>38</v>
      </c>
      <c r="P21428" s="5" t="s">
        <v>39</v>
      </c>
      <c r="Q21428" s="5" t="s">
        <v>40</v>
      </c>
      <c r="R21428" s="5" t="s">
        <v>1522</v>
      </c>
      <c r="S21428" s="5" t="s">
        <v>1523</v>
      </c>
      <c r="T21428" s="5" t="s">
        <v>42</v>
      </c>
      <c r="U21428" s="2">
        <v>1.038</v>
      </c>
      <c r="V21428" s="2">
        <v>0.78100000000000003</v>
      </c>
      <c r="W21428" s="2">
        <v>6.0000000000000001E-3</v>
      </c>
      <c r="X21428" s="2">
        <v>76.900000000000006</v>
      </c>
      <c r="Y21428" s="2">
        <v>7.6</v>
      </c>
      <c r="Z21428" s="2">
        <v>10.6</v>
      </c>
      <c r="AA21428" s="5"/>
      <c r="AB21428" s="5" t="s">
        <v>43</v>
      </c>
      <c r="AC21428" s="5" t="s">
        <v>44</v>
      </c>
      <c r="AD21428" s="2"/>
      <c r="AE21428" s="1"/>
    </row>
    <row r="21429" spans="1:31" ht="14.45">
      <c r="A21429" s="11"/>
      <c r="B21429" s="20"/>
      <c r="C21429" s="2" t="s">
        <v>69155</v>
      </c>
      <c r="D21429" s="14" t="s">
        <v>69156</v>
      </c>
      <c r="E21429" s="2" t="s">
        <v>69157</v>
      </c>
      <c r="F21429" s="2" t="s">
        <v>7539</v>
      </c>
      <c r="G21429" s="8">
        <v>105</v>
      </c>
      <c r="H21429" s="5">
        <v>6</v>
      </c>
      <c r="I21429" s="5" t="s">
        <v>1518</v>
      </c>
      <c r="J21429" s="5" t="s">
        <v>69038</v>
      </c>
      <c r="K21429" s="2" t="s">
        <v>69039</v>
      </c>
      <c r="L21429" s="5" t="s">
        <v>69038</v>
      </c>
      <c r="M21429" s="2" t="s">
        <v>69039</v>
      </c>
      <c r="N21429" s="5" t="s">
        <v>1521</v>
      </c>
      <c r="O21429" s="5" t="s">
        <v>38</v>
      </c>
      <c r="P21429" s="5" t="s">
        <v>39</v>
      </c>
      <c r="Q21429" s="5" t="s">
        <v>40</v>
      </c>
      <c r="R21429" s="5" t="s">
        <v>1522</v>
      </c>
      <c r="S21429" s="5" t="s">
        <v>1523</v>
      </c>
      <c r="T21429" s="5" t="s">
        <v>42</v>
      </c>
      <c r="U21429" s="2">
        <v>0.99099999999999999</v>
      </c>
      <c r="V21429" s="2">
        <v>0.73399999999999999</v>
      </c>
      <c r="W21429" s="2">
        <v>6.0000000000000001E-3</v>
      </c>
      <c r="X21429" s="2">
        <v>76.900000000000006</v>
      </c>
      <c r="Y21429" s="2">
        <v>7.6</v>
      </c>
      <c r="Z21429" s="2">
        <v>10.6</v>
      </c>
      <c r="AA21429" s="5"/>
      <c r="AB21429" s="5" t="s">
        <v>43</v>
      </c>
      <c r="AC21429" s="5" t="s">
        <v>44</v>
      </c>
      <c r="AD21429" s="2"/>
      <c r="AE21429" s="1"/>
    </row>
    <row r="21430" spans="1:31" ht="14.45">
      <c r="A21430" s="11"/>
      <c r="B21430" s="20"/>
      <c r="C21430" s="2" t="s">
        <v>69158</v>
      </c>
      <c r="D21430" s="14" t="s">
        <v>69159</v>
      </c>
      <c r="E21430" s="2" t="s">
        <v>69160</v>
      </c>
      <c r="F21430" s="2" t="s">
        <v>7543</v>
      </c>
      <c r="G21430" s="8">
        <v>105</v>
      </c>
      <c r="H21430" s="5">
        <v>6</v>
      </c>
      <c r="I21430" s="5" t="s">
        <v>1518</v>
      </c>
      <c r="J21430" s="5" t="s">
        <v>69038</v>
      </c>
      <c r="K21430" s="2" t="s">
        <v>69039</v>
      </c>
      <c r="L21430" s="5" t="s">
        <v>69038</v>
      </c>
      <c r="M21430" s="2" t="s">
        <v>69039</v>
      </c>
      <c r="N21430" s="5" t="s">
        <v>1521</v>
      </c>
      <c r="O21430" s="5" t="s">
        <v>38</v>
      </c>
      <c r="P21430" s="5" t="s">
        <v>39</v>
      </c>
      <c r="Q21430" s="5" t="s">
        <v>40</v>
      </c>
      <c r="R21430" s="5" t="s">
        <v>1522</v>
      </c>
      <c r="S21430" s="5" t="s">
        <v>1523</v>
      </c>
      <c r="T21430" s="5" t="s">
        <v>42</v>
      </c>
      <c r="U21430" s="2">
        <v>1.038</v>
      </c>
      <c r="V21430" s="2">
        <v>0.78100000000000003</v>
      </c>
      <c r="W21430" s="2">
        <v>6.0000000000000001E-3</v>
      </c>
      <c r="X21430" s="2">
        <v>76.900000000000006</v>
      </c>
      <c r="Y21430" s="2">
        <v>7.6</v>
      </c>
      <c r="Z21430" s="2">
        <v>10.6</v>
      </c>
      <c r="AA21430" s="5"/>
      <c r="AB21430" s="5" t="s">
        <v>43</v>
      </c>
      <c r="AC21430" s="5" t="s">
        <v>44</v>
      </c>
      <c r="AD21430" s="2"/>
      <c r="AE21430" s="1"/>
    </row>
    <row r="21431" spans="1:31" ht="14.45">
      <c r="A21431" s="11"/>
      <c r="B21431" s="20"/>
      <c r="C21431" s="2" t="s">
        <v>69161</v>
      </c>
      <c r="D21431" s="14" t="s">
        <v>69162</v>
      </c>
      <c r="E21431" s="2" t="s">
        <v>69163</v>
      </c>
      <c r="F21431" s="2" t="s">
        <v>7396</v>
      </c>
      <c r="G21431" s="8">
        <v>91</v>
      </c>
      <c r="H21431" s="5">
        <v>6</v>
      </c>
      <c r="I21431" s="5" t="s">
        <v>1518</v>
      </c>
      <c r="J21431" s="5" t="s">
        <v>69038</v>
      </c>
      <c r="K21431" s="2" t="s">
        <v>69039</v>
      </c>
      <c r="L21431" s="5" t="s">
        <v>69038</v>
      </c>
      <c r="M21431" s="2" t="s">
        <v>69039</v>
      </c>
      <c r="N21431" s="5" t="s">
        <v>1521</v>
      </c>
      <c r="O21431" s="5" t="s">
        <v>38</v>
      </c>
      <c r="P21431" s="5" t="s">
        <v>39</v>
      </c>
      <c r="Q21431" s="5" t="s">
        <v>40</v>
      </c>
      <c r="R21431" s="5" t="s">
        <v>1522</v>
      </c>
      <c r="S21431" s="5" t="s">
        <v>1523</v>
      </c>
      <c r="T21431" s="5" t="s">
        <v>42</v>
      </c>
      <c r="U21431" s="2">
        <v>0.99099999999999999</v>
      </c>
      <c r="V21431" s="2">
        <v>0.73399999999999999</v>
      </c>
      <c r="W21431" s="2">
        <v>6.0000000000000001E-3</v>
      </c>
      <c r="X21431" s="2">
        <v>76.900000000000006</v>
      </c>
      <c r="Y21431" s="2">
        <v>7.6</v>
      </c>
      <c r="Z21431" s="2">
        <v>10.6</v>
      </c>
      <c r="AA21431" s="5"/>
      <c r="AB21431" s="5" t="s">
        <v>43</v>
      </c>
      <c r="AC21431" s="5" t="s">
        <v>44</v>
      </c>
      <c r="AD21431" s="2"/>
      <c r="AE21431" s="1"/>
    </row>
    <row r="21432" spans="1:31" ht="14.45">
      <c r="A21432" s="11"/>
      <c r="B21432" s="20"/>
      <c r="C21432" s="2" t="s">
        <v>69164</v>
      </c>
      <c r="D21432" s="14" t="s">
        <v>69165</v>
      </c>
      <c r="E21432" s="2" t="s">
        <v>69166</v>
      </c>
      <c r="F21432" s="2" t="s">
        <v>69112</v>
      </c>
      <c r="G21432" s="8">
        <v>91</v>
      </c>
      <c r="H21432" s="5">
        <v>6</v>
      </c>
      <c r="I21432" s="5" t="s">
        <v>1518</v>
      </c>
      <c r="J21432" s="5" t="s">
        <v>69038</v>
      </c>
      <c r="K21432" s="2" t="s">
        <v>69039</v>
      </c>
      <c r="L21432" s="5" t="s">
        <v>69038</v>
      </c>
      <c r="M21432" s="2" t="s">
        <v>69039</v>
      </c>
      <c r="N21432" s="5" t="s">
        <v>1521</v>
      </c>
      <c r="O21432" s="5" t="s">
        <v>38</v>
      </c>
      <c r="P21432" s="5" t="s">
        <v>39</v>
      </c>
      <c r="Q21432" s="5" t="s">
        <v>40</v>
      </c>
      <c r="R21432" s="5" t="s">
        <v>1522</v>
      </c>
      <c r="S21432" s="5" t="s">
        <v>1523</v>
      </c>
      <c r="T21432" s="5" t="s">
        <v>42</v>
      </c>
      <c r="U21432" s="2">
        <v>1.038</v>
      </c>
      <c r="V21432" s="2">
        <v>0.78100000000000003</v>
      </c>
      <c r="W21432" s="2">
        <v>6.0000000000000001E-3</v>
      </c>
      <c r="X21432" s="2">
        <v>76.900000000000006</v>
      </c>
      <c r="Y21432" s="2">
        <v>7.6</v>
      </c>
      <c r="Z21432" s="2">
        <v>10.6</v>
      </c>
      <c r="AA21432" s="5"/>
      <c r="AB21432" s="5" t="s">
        <v>43</v>
      </c>
      <c r="AC21432" s="5" t="s">
        <v>44</v>
      </c>
      <c r="AD21432" s="2"/>
      <c r="AE21432" s="1"/>
    </row>
    <row r="21433" spans="1:31" ht="14.45">
      <c r="A21433" s="11"/>
      <c r="B21433" s="20"/>
      <c r="C21433" s="2" t="s">
        <v>69167</v>
      </c>
      <c r="D21433" s="14" t="s">
        <v>69168</v>
      </c>
      <c r="E21433" s="2" t="s">
        <v>69169</v>
      </c>
      <c r="F21433" s="2" t="s">
        <v>7547</v>
      </c>
      <c r="G21433" s="8">
        <v>105</v>
      </c>
      <c r="H21433" s="5">
        <v>6</v>
      </c>
      <c r="I21433" s="5" t="s">
        <v>1518</v>
      </c>
      <c r="J21433" s="5" t="s">
        <v>69038</v>
      </c>
      <c r="K21433" s="2" t="s">
        <v>69039</v>
      </c>
      <c r="L21433" s="5" t="s">
        <v>69038</v>
      </c>
      <c r="M21433" s="2" t="s">
        <v>69039</v>
      </c>
      <c r="N21433" s="5" t="s">
        <v>1521</v>
      </c>
      <c r="O21433" s="5" t="s">
        <v>38</v>
      </c>
      <c r="P21433" s="5" t="s">
        <v>39</v>
      </c>
      <c r="Q21433" s="5" t="s">
        <v>40</v>
      </c>
      <c r="R21433" s="5" t="s">
        <v>1522</v>
      </c>
      <c r="S21433" s="5" t="s">
        <v>1523</v>
      </c>
      <c r="T21433" s="5" t="s">
        <v>42</v>
      </c>
      <c r="U21433" s="2">
        <v>0.99099999999999999</v>
      </c>
      <c r="V21433" s="2">
        <v>0.73399999999999999</v>
      </c>
      <c r="W21433" s="2">
        <v>6.0000000000000001E-3</v>
      </c>
      <c r="X21433" s="2">
        <v>76.900000000000006</v>
      </c>
      <c r="Y21433" s="2">
        <v>7.6</v>
      </c>
      <c r="Z21433" s="2">
        <v>10.6</v>
      </c>
      <c r="AA21433" s="5"/>
      <c r="AB21433" s="5" t="s">
        <v>43</v>
      </c>
      <c r="AC21433" s="5" t="s">
        <v>44</v>
      </c>
      <c r="AD21433" s="2"/>
      <c r="AE21433" s="1"/>
    </row>
    <row r="21434" spans="1:31" ht="14.45">
      <c r="A21434" s="11"/>
      <c r="B21434" s="20"/>
      <c r="C21434" s="2" t="s">
        <v>69170</v>
      </c>
      <c r="D21434" s="14" t="s">
        <v>69171</v>
      </c>
      <c r="E21434" s="2" t="s">
        <v>69172</v>
      </c>
      <c r="F21434" s="2" t="s">
        <v>7563</v>
      </c>
      <c r="G21434" s="8">
        <v>105</v>
      </c>
      <c r="H21434" s="5">
        <v>6</v>
      </c>
      <c r="I21434" s="5" t="s">
        <v>1518</v>
      </c>
      <c r="J21434" s="5" t="s">
        <v>69038</v>
      </c>
      <c r="K21434" s="2" t="s">
        <v>69039</v>
      </c>
      <c r="L21434" s="5" t="s">
        <v>69038</v>
      </c>
      <c r="M21434" s="2" t="s">
        <v>69039</v>
      </c>
      <c r="N21434" s="5" t="s">
        <v>1521</v>
      </c>
      <c r="O21434" s="5" t="s">
        <v>38</v>
      </c>
      <c r="P21434" s="5" t="s">
        <v>39</v>
      </c>
      <c r="Q21434" s="5" t="s">
        <v>40</v>
      </c>
      <c r="R21434" s="5" t="s">
        <v>1522</v>
      </c>
      <c r="S21434" s="5" t="s">
        <v>1523</v>
      </c>
      <c r="T21434" s="5" t="s">
        <v>42</v>
      </c>
      <c r="U21434" s="2">
        <v>0.99099999999999999</v>
      </c>
      <c r="V21434" s="2">
        <v>0.73399999999999999</v>
      </c>
      <c r="W21434" s="2">
        <v>6.0000000000000001E-3</v>
      </c>
      <c r="X21434" s="2">
        <v>76.900000000000006</v>
      </c>
      <c r="Y21434" s="2">
        <v>7.6</v>
      </c>
      <c r="Z21434" s="2">
        <v>10.6</v>
      </c>
      <c r="AA21434" s="5"/>
      <c r="AB21434" s="5" t="s">
        <v>43</v>
      </c>
      <c r="AC21434" s="5" t="s">
        <v>44</v>
      </c>
      <c r="AD21434" s="2"/>
      <c r="AE21434" s="1"/>
    </row>
    <row r="21435" spans="1:31" ht="14.45">
      <c r="A21435" s="11"/>
      <c r="B21435" s="20"/>
      <c r="C21435" s="2" t="s">
        <v>69173</v>
      </c>
      <c r="D21435" s="14" t="s">
        <v>69174</v>
      </c>
      <c r="E21435" s="2" t="s">
        <v>69175</v>
      </c>
      <c r="F21435" s="2" t="s">
        <v>7555</v>
      </c>
      <c r="G21435" s="8">
        <v>105</v>
      </c>
      <c r="H21435" s="5">
        <v>6</v>
      </c>
      <c r="I21435" s="5" t="s">
        <v>1518</v>
      </c>
      <c r="J21435" s="5" t="s">
        <v>69038</v>
      </c>
      <c r="K21435" s="2" t="s">
        <v>69039</v>
      </c>
      <c r="L21435" s="5" t="s">
        <v>69038</v>
      </c>
      <c r="M21435" s="2" t="s">
        <v>69039</v>
      </c>
      <c r="N21435" s="5" t="s">
        <v>1521</v>
      </c>
      <c r="O21435" s="5" t="s">
        <v>38</v>
      </c>
      <c r="P21435" s="5" t="s">
        <v>39</v>
      </c>
      <c r="Q21435" s="5" t="s">
        <v>40</v>
      </c>
      <c r="R21435" s="5" t="s">
        <v>1522</v>
      </c>
      <c r="S21435" s="5" t="s">
        <v>1523</v>
      </c>
      <c r="T21435" s="5" t="s">
        <v>42</v>
      </c>
      <c r="U21435" s="2">
        <v>0.99099999999999999</v>
      </c>
      <c r="V21435" s="2">
        <v>0.73399999999999999</v>
      </c>
      <c r="W21435" s="2">
        <v>6.0000000000000001E-3</v>
      </c>
      <c r="X21435" s="2">
        <v>76.900000000000006</v>
      </c>
      <c r="Y21435" s="2">
        <v>7.6</v>
      </c>
      <c r="Z21435" s="2">
        <v>10.6</v>
      </c>
      <c r="AA21435" s="5"/>
      <c r="AB21435" s="5" t="s">
        <v>43</v>
      </c>
      <c r="AC21435" s="5" t="s">
        <v>44</v>
      </c>
      <c r="AD21435" s="2"/>
      <c r="AE21435" s="1"/>
    </row>
    <row r="21436" spans="1:31" ht="14.45">
      <c r="A21436" s="11"/>
      <c r="B21436" s="20"/>
      <c r="C21436" s="2" t="s">
        <v>69176</v>
      </c>
      <c r="D21436" s="14" t="s">
        <v>69177</v>
      </c>
      <c r="E21436" s="2" t="s">
        <v>69178</v>
      </c>
      <c r="F21436" s="2" t="s">
        <v>7449</v>
      </c>
      <c r="G21436" s="8">
        <v>105</v>
      </c>
      <c r="H21436" s="5">
        <v>6</v>
      </c>
      <c r="I21436" s="5" t="s">
        <v>1518</v>
      </c>
      <c r="J21436" s="5" t="s">
        <v>69038</v>
      </c>
      <c r="K21436" s="2" t="s">
        <v>69039</v>
      </c>
      <c r="L21436" s="5" t="s">
        <v>69038</v>
      </c>
      <c r="M21436" s="2" t="s">
        <v>69039</v>
      </c>
      <c r="N21436" s="5" t="s">
        <v>1521</v>
      </c>
      <c r="O21436" s="5" t="s">
        <v>38</v>
      </c>
      <c r="P21436" s="5" t="s">
        <v>39</v>
      </c>
      <c r="Q21436" s="5" t="s">
        <v>40</v>
      </c>
      <c r="R21436" s="5" t="s">
        <v>1522</v>
      </c>
      <c r="S21436" s="5" t="s">
        <v>1523</v>
      </c>
      <c r="T21436" s="5" t="s">
        <v>42</v>
      </c>
      <c r="U21436" s="2">
        <v>0.99099999999999999</v>
      </c>
      <c r="V21436" s="2">
        <v>0.73399999999999999</v>
      </c>
      <c r="W21436" s="2">
        <v>6.0000000000000001E-3</v>
      </c>
      <c r="X21436" s="2">
        <v>76.900000000000006</v>
      </c>
      <c r="Y21436" s="2">
        <v>7.6</v>
      </c>
      <c r="Z21436" s="2">
        <v>10.6</v>
      </c>
      <c r="AA21436" s="5"/>
      <c r="AB21436" s="5" t="s">
        <v>43</v>
      </c>
      <c r="AC21436" s="5" t="s">
        <v>44</v>
      </c>
      <c r="AD21436" s="2"/>
      <c r="AE21436" s="1"/>
    </row>
    <row r="21437" spans="1:31" ht="14.45">
      <c r="A21437" s="11"/>
      <c r="B21437" s="20"/>
      <c r="C21437" s="2" t="s">
        <v>69179</v>
      </c>
      <c r="D21437" s="14" t="s">
        <v>69180</v>
      </c>
      <c r="E21437" s="2" t="s">
        <v>69181</v>
      </c>
      <c r="F21437" s="2" t="s">
        <v>7581</v>
      </c>
      <c r="G21437" s="8">
        <v>105</v>
      </c>
      <c r="H21437" s="5">
        <v>6</v>
      </c>
      <c r="I21437" s="5" t="s">
        <v>1518</v>
      </c>
      <c r="J21437" s="5" t="s">
        <v>69038</v>
      </c>
      <c r="K21437" s="2" t="s">
        <v>69039</v>
      </c>
      <c r="L21437" s="5" t="s">
        <v>69038</v>
      </c>
      <c r="M21437" s="2" t="s">
        <v>69039</v>
      </c>
      <c r="N21437" s="5" t="s">
        <v>1521</v>
      </c>
      <c r="O21437" s="5" t="s">
        <v>38</v>
      </c>
      <c r="P21437" s="5" t="s">
        <v>39</v>
      </c>
      <c r="Q21437" s="5" t="s">
        <v>40</v>
      </c>
      <c r="R21437" s="5" t="s">
        <v>1522</v>
      </c>
      <c r="S21437" s="5" t="s">
        <v>1523</v>
      </c>
      <c r="T21437" s="5" t="s">
        <v>42</v>
      </c>
      <c r="U21437" s="2">
        <v>1.038</v>
      </c>
      <c r="V21437" s="2">
        <v>0.78100000000000003</v>
      </c>
      <c r="W21437" s="2">
        <v>6.0000000000000001E-3</v>
      </c>
      <c r="X21437" s="2">
        <v>76.900000000000006</v>
      </c>
      <c r="Y21437" s="2">
        <v>7.6</v>
      </c>
      <c r="Z21437" s="2">
        <v>10.6</v>
      </c>
      <c r="AA21437" s="5"/>
      <c r="AB21437" s="5" t="s">
        <v>43</v>
      </c>
      <c r="AC21437" s="5" t="s">
        <v>44</v>
      </c>
      <c r="AD21437" s="2"/>
      <c r="AE21437" s="1"/>
    </row>
    <row r="21438" spans="1:31" ht="14.45">
      <c r="A21438" s="11"/>
      <c r="B21438" s="20"/>
      <c r="C21438" s="2" t="s">
        <v>69182</v>
      </c>
      <c r="D21438" s="14" t="s">
        <v>69183</v>
      </c>
      <c r="E21438" s="2" t="s">
        <v>69184</v>
      </c>
      <c r="F21438" s="2" t="s">
        <v>7593</v>
      </c>
      <c r="G21438" s="8">
        <v>105</v>
      </c>
      <c r="H21438" s="5">
        <v>6</v>
      </c>
      <c r="I21438" s="5" t="s">
        <v>1518</v>
      </c>
      <c r="J21438" s="5" t="s">
        <v>69038</v>
      </c>
      <c r="K21438" s="2" t="s">
        <v>69039</v>
      </c>
      <c r="L21438" s="5" t="s">
        <v>69038</v>
      </c>
      <c r="M21438" s="2" t="s">
        <v>69039</v>
      </c>
      <c r="N21438" s="5" t="s">
        <v>1521</v>
      </c>
      <c r="O21438" s="5" t="s">
        <v>38</v>
      </c>
      <c r="P21438" s="5" t="s">
        <v>39</v>
      </c>
      <c r="Q21438" s="5" t="s">
        <v>40</v>
      </c>
      <c r="R21438" s="5" t="s">
        <v>1522</v>
      </c>
      <c r="S21438" s="5" t="s">
        <v>1523</v>
      </c>
      <c r="T21438" s="5" t="s">
        <v>42</v>
      </c>
      <c r="U21438" s="2">
        <v>0.99099999999999999</v>
      </c>
      <c r="V21438" s="2">
        <v>0.73399999999999999</v>
      </c>
      <c r="W21438" s="2">
        <v>6.0000000000000001E-3</v>
      </c>
      <c r="X21438" s="2">
        <v>76.900000000000006</v>
      </c>
      <c r="Y21438" s="2">
        <v>7.6</v>
      </c>
      <c r="Z21438" s="2">
        <v>10.6</v>
      </c>
      <c r="AA21438" s="5"/>
      <c r="AB21438" s="5" t="s">
        <v>43</v>
      </c>
      <c r="AC21438" s="5" t="s">
        <v>44</v>
      </c>
      <c r="AD21438" s="2"/>
      <c r="AE21438" s="1"/>
    </row>
    <row r="21439" spans="1:31" ht="14.45">
      <c r="A21439" s="11"/>
      <c r="B21439" s="20"/>
      <c r="C21439" s="2" t="s">
        <v>69185</v>
      </c>
      <c r="D21439" s="14" t="s">
        <v>69186</v>
      </c>
      <c r="E21439" s="2" t="s">
        <v>69187</v>
      </c>
      <c r="F21439" s="2" t="s">
        <v>7433</v>
      </c>
      <c r="G21439" s="8">
        <v>105</v>
      </c>
      <c r="H21439" s="5">
        <v>6</v>
      </c>
      <c r="I21439" s="5" t="s">
        <v>1518</v>
      </c>
      <c r="J21439" s="5" t="s">
        <v>69038</v>
      </c>
      <c r="K21439" s="2" t="s">
        <v>69039</v>
      </c>
      <c r="L21439" s="5" t="s">
        <v>69038</v>
      </c>
      <c r="M21439" s="2" t="s">
        <v>69039</v>
      </c>
      <c r="N21439" s="5" t="s">
        <v>1521</v>
      </c>
      <c r="O21439" s="5" t="s">
        <v>38</v>
      </c>
      <c r="P21439" s="5" t="s">
        <v>39</v>
      </c>
      <c r="Q21439" s="5" t="s">
        <v>40</v>
      </c>
      <c r="R21439" s="5" t="s">
        <v>1522</v>
      </c>
      <c r="S21439" s="5" t="s">
        <v>1523</v>
      </c>
      <c r="T21439" s="5" t="s">
        <v>42</v>
      </c>
      <c r="U21439" s="2">
        <v>0.99099999999999999</v>
      </c>
      <c r="V21439" s="2">
        <v>0.73399999999999999</v>
      </c>
      <c r="W21439" s="2">
        <v>6.0000000000000001E-3</v>
      </c>
      <c r="X21439" s="2">
        <v>76.900000000000006</v>
      </c>
      <c r="Y21439" s="2">
        <v>7.6</v>
      </c>
      <c r="Z21439" s="2">
        <v>10.6</v>
      </c>
      <c r="AA21439" s="5"/>
      <c r="AB21439" s="5" t="s">
        <v>43</v>
      </c>
      <c r="AC21439" s="5" t="s">
        <v>44</v>
      </c>
      <c r="AD21439" s="2"/>
      <c r="AE21439" s="1"/>
    </row>
    <row r="21440" spans="1:31" ht="14.45">
      <c r="A21440" s="11"/>
      <c r="B21440" s="20"/>
      <c r="C21440" s="2" t="s">
        <v>69188</v>
      </c>
      <c r="D21440" s="14" t="s">
        <v>69189</v>
      </c>
      <c r="E21440" s="2" t="s">
        <v>69190</v>
      </c>
      <c r="F21440" s="2" t="s">
        <v>7611</v>
      </c>
      <c r="G21440" s="8">
        <v>105</v>
      </c>
      <c r="H21440" s="5">
        <v>6</v>
      </c>
      <c r="I21440" s="5" t="s">
        <v>1518</v>
      </c>
      <c r="J21440" s="5" t="s">
        <v>69038</v>
      </c>
      <c r="K21440" s="2" t="s">
        <v>69039</v>
      </c>
      <c r="L21440" s="5" t="s">
        <v>69038</v>
      </c>
      <c r="M21440" s="2" t="s">
        <v>69039</v>
      </c>
      <c r="N21440" s="5" t="s">
        <v>1521</v>
      </c>
      <c r="O21440" s="5" t="s">
        <v>38</v>
      </c>
      <c r="P21440" s="5" t="s">
        <v>39</v>
      </c>
      <c r="Q21440" s="5" t="s">
        <v>40</v>
      </c>
      <c r="R21440" s="5" t="s">
        <v>1522</v>
      </c>
      <c r="S21440" s="5" t="s">
        <v>1523</v>
      </c>
      <c r="T21440" s="5" t="s">
        <v>42</v>
      </c>
      <c r="U21440" s="2">
        <v>1.038</v>
      </c>
      <c r="V21440" s="2">
        <v>0.78100000000000003</v>
      </c>
      <c r="W21440" s="2">
        <v>6.0000000000000001E-3</v>
      </c>
      <c r="X21440" s="2">
        <v>76.900000000000006</v>
      </c>
      <c r="Y21440" s="2">
        <v>7.6</v>
      </c>
      <c r="Z21440" s="2">
        <v>10.6</v>
      </c>
      <c r="AA21440" s="5"/>
      <c r="AB21440" s="5" t="s">
        <v>43</v>
      </c>
      <c r="AC21440" s="5" t="s">
        <v>44</v>
      </c>
      <c r="AD21440" s="2"/>
      <c r="AE21440" s="1"/>
    </row>
    <row r="21441" spans="1:31" ht="14.45">
      <c r="A21441" s="11"/>
      <c r="B21441" s="20"/>
      <c r="C21441" s="2" t="s">
        <v>69191</v>
      </c>
      <c r="D21441" s="14" t="s">
        <v>69192</v>
      </c>
      <c r="E21441" s="2" t="s">
        <v>69193</v>
      </c>
      <c r="F21441" s="2" t="s">
        <v>7615</v>
      </c>
      <c r="G21441" s="8">
        <v>105</v>
      </c>
      <c r="H21441" s="5">
        <v>6</v>
      </c>
      <c r="I21441" s="5" t="s">
        <v>1518</v>
      </c>
      <c r="J21441" s="5" t="s">
        <v>69038</v>
      </c>
      <c r="K21441" s="2" t="s">
        <v>69039</v>
      </c>
      <c r="L21441" s="5" t="s">
        <v>69038</v>
      </c>
      <c r="M21441" s="2" t="s">
        <v>69039</v>
      </c>
      <c r="N21441" s="5" t="s">
        <v>1521</v>
      </c>
      <c r="O21441" s="5" t="s">
        <v>38</v>
      </c>
      <c r="P21441" s="5" t="s">
        <v>39</v>
      </c>
      <c r="Q21441" s="5" t="s">
        <v>40</v>
      </c>
      <c r="R21441" s="5" t="s">
        <v>1522</v>
      </c>
      <c r="S21441" s="5" t="s">
        <v>1523</v>
      </c>
      <c r="T21441" s="5" t="s">
        <v>42</v>
      </c>
      <c r="U21441" s="2">
        <v>0.99099999999999999</v>
      </c>
      <c r="V21441" s="2">
        <v>0.73399999999999999</v>
      </c>
      <c r="W21441" s="2">
        <v>6.0000000000000001E-3</v>
      </c>
      <c r="X21441" s="2">
        <v>76.900000000000006</v>
      </c>
      <c r="Y21441" s="2">
        <v>7.6</v>
      </c>
      <c r="Z21441" s="2">
        <v>10.6</v>
      </c>
      <c r="AA21441" s="5"/>
      <c r="AB21441" s="5" t="s">
        <v>43</v>
      </c>
      <c r="AC21441" s="5" t="s">
        <v>44</v>
      </c>
      <c r="AD21441" s="2"/>
      <c r="AE21441" s="1"/>
    </row>
    <row r="21442" spans="1:31" ht="14.45">
      <c r="A21442" s="11"/>
      <c r="B21442" s="20"/>
      <c r="C21442" s="2" t="s">
        <v>69194</v>
      </c>
      <c r="D21442" s="14" t="s">
        <v>69195</v>
      </c>
      <c r="E21442" s="2" t="s">
        <v>69196</v>
      </c>
      <c r="F21442" s="2" t="s">
        <v>7619</v>
      </c>
      <c r="G21442" s="8">
        <v>105</v>
      </c>
      <c r="H21442" s="5">
        <v>6</v>
      </c>
      <c r="I21442" s="5" t="s">
        <v>1518</v>
      </c>
      <c r="J21442" s="5" t="s">
        <v>69038</v>
      </c>
      <c r="K21442" s="2" t="s">
        <v>69039</v>
      </c>
      <c r="L21442" s="5" t="s">
        <v>69038</v>
      </c>
      <c r="M21442" s="2" t="s">
        <v>69039</v>
      </c>
      <c r="N21442" s="5" t="s">
        <v>1521</v>
      </c>
      <c r="O21442" s="5" t="s">
        <v>38</v>
      </c>
      <c r="P21442" s="5" t="s">
        <v>39</v>
      </c>
      <c r="Q21442" s="5" t="s">
        <v>40</v>
      </c>
      <c r="R21442" s="5" t="s">
        <v>1522</v>
      </c>
      <c r="S21442" s="5" t="s">
        <v>1523</v>
      </c>
      <c r="T21442" s="5" t="s">
        <v>42</v>
      </c>
      <c r="U21442" s="2">
        <v>1.038</v>
      </c>
      <c r="V21442" s="2">
        <v>0.78100000000000003</v>
      </c>
      <c r="W21442" s="2">
        <v>6.0000000000000001E-3</v>
      </c>
      <c r="X21442" s="2">
        <v>76.900000000000006</v>
      </c>
      <c r="Y21442" s="2">
        <v>7.6</v>
      </c>
      <c r="Z21442" s="2">
        <v>10.6</v>
      </c>
      <c r="AA21442" s="5"/>
      <c r="AB21442" s="5" t="s">
        <v>43</v>
      </c>
      <c r="AC21442" s="5" t="s">
        <v>44</v>
      </c>
      <c r="AD21442" s="2"/>
      <c r="AE21442" s="1"/>
    </row>
    <row r="21443" spans="1:31" ht="14.45">
      <c r="A21443" s="11"/>
      <c r="B21443" s="20"/>
      <c r="C21443" s="2" t="s">
        <v>69197</v>
      </c>
      <c r="D21443" s="14" t="s">
        <v>69198</v>
      </c>
      <c r="E21443" s="2" t="s">
        <v>69199</v>
      </c>
      <c r="F21443" s="2" t="s">
        <v>7410</v>
      </c>
      <c r="G21443" s="8">
        <v>105</v>
      </c>
      <c r="H21443" s="5">
        <v>6</v>
      </c>
      <c r="I21443" s="5" t="s">
        <v>1518</v>
      </c>
      <c r="J21443" s="5" t="s">
        <v>69038</v>
      </c>
      <c r="K21443" s="2" t="s">
        <v>69039</v>
      </c>
      <c r="L21443" s="5" t="s">
        <v>69038</v>
      </c>
      <c r="M21443" s="2" t="s">
        <v>69039</v>
      </c>
      <c r="N21443" s="5" t="s">
        <v>1521</v>
      </c>
      <c r="O21443" s="5" t="s">
        <v>38</v>
      </c>
      <c r="P21443" s="5" t="s">
        <v>39</v>
      </c>
      <c r="Q21443" s="5" t="s">
        <v>40</v>
      </c>
      <c r="R21443" s="5" t="s">
        <v>1522</v>
      </c>
      <c r="S21443" s="5" t="s">
        <v>1523</v>
      </c>
      <c r="T21443" s="5" t="s">
        <v>42</v>
      </c>
      <c r="U21443" s="2">
        <v>0.99099999999999999</v>
      </c>
      <c r="V21443" s="2">
        <v>0.73399999999999999</v>
      </c>
      <c r="W21443" s="2">
        <v>6.0000000000000001E-3</v>
      </c>
      <c r="X21443" s="2">
        <v>76.900000000000006</v>
      </c>
      <c r="Y21443" s="2">
        <v>7.6</v>
      </c>
      <c r="Z21443" s="2">
        <v>10.6</v>
      </c>
      <c r="AA21443" s="5"/>
      <c r="AB21443" s="5" t="s">
        <v>43</v>
      </c>
      <c r="AC21443" s="5" t="s">
        <v>44</v>
      </c>
      <c r="AD21443" s="2"/>
      <c r="AE21443" s="1"/>
    </row>
    <row r="21444" spans="1:31" ht="14.45">
      <c r="A21444" s="11"/>
      <c r="B21444" s="20"/>
      <c r="C21444" s="2" t="s">
        <v>69200</v>
      </c>
      <c r="D21444" s="14" t="s">
        <v>69201</v>
      </c>
      <c r="E21444" s="2" t="s">
        <v>69202</v>
      </c>
      <c r="F21444" s="2" t="s">
        <v>7212</v>
      </c>
      <c r="G21444" s="8">
        <v>91</v>
      </c>
      <c r="H21444" s="5">
        <v>6</v>
      </c>
      <c r="I21444" s="5" t="s">
        <v>1518</v>
      </c>
      <c r="J21444" s="5" t="s">
        <v>69038</v>
      </c>
      <c r="K21444" s="2" t="s">
        <v>69039</v>
      </c>
      <c r="L21444" s="5" t="s">
        <v>69038</v>
      </c>
      <c r="M21444" s="2" t="s">
        <v>69039</v>
      </c>
      <c r="N21444" s="5" t="s">
        <v>1521</v>
      </c>
      <c r="O21444" s="5" t="s">
        <v>38</v>
      </c>
      <c r="P21444" s="5" t="s">
        <v>39</v>
      </c>
      <c r="Q21444" s="5" t="s">
        <v>40</v>
      </c>
      <c r="R21444" s="5" t="s">
        <v>1522</v>
      </c>
      <c r="S21444" s="5" t="s">
        <v>1523</v>
      </c>
      <c r="T21444" s="5" t="s">
        <v>42</v>
      </c>
      <c r="U21444" s="2">
        <v>0.99099999999999999</v>
      </c>
      <c r="V21444" s="2">
        <v>0.73399999999999999</v>
      </c>
      <c r="W21444" s="2">
        <v>6.0000000000000001E-3</v>
      </c>
      <c r="X21444" s="2">
        <v>76.900000000000006</v>
      </c>
      <c r="Y21444" s="2">
        <v>7.6</v>
      </c>
      <c r="Z21444" s="2">
        <v>10.6</v>
      </c>
      <c r="AA21444" s="5"/>
      <c r="AB21444" s="5" t="s">
        <v>43</v>
      </c>
      <c r="AC21444" s="5" t="s">
        <v>44</v>
      </c>
      <c r="AD21444" s="2"/>
      <c r="AE21444" s="1"/>
    </row>
    <row r="21445" spans="1:31" ht="14.45">
      <c r="A21445" s="11"/>
      <c r="B21445" s="20"/>
      <c r="C21445" s="2" t="s">
        <v>69203</v>
      </c>
      <c r="D21445" s="14" t="s">
        <v>69204</v>
      </c>
      <c r="E21445" s="2" t="s">
        <v>69205</v>
      </c>
      <c r="F21445" s="2" t="s">
        <v>7528</v>
      </c>
      <c r="G21445" s="8">
        <v>91</v>
      </c>
      <c r="H21445" s="5">
        <v>6</v>
      </c>
      <c r="I21445" s="5" t="s">
        <v>1518</v>
      </c>
      <c r="J21445" s="5" t="s">
        <v>69038</v>
      </c>
      <c r="K21445" s="2" t="s">
        <v>69039</v>
      </c>
      <c r="L21445" s="5" t="s">
        <v>69038</v>
      </c>
      <c r="M21445" s="2" t="s">
        <v>69039</v>
      </c>
      <c r="N21445" s="5" t="s">
        <v>1521</v>
      </c>
      <c r="O21445" s="5" t="s">
        <v>38</v>
      </c>
      <c r="P21445" s="5" t="s">
        <v>39</v>
      </c>
      <c r="Q21445" s="5" t="s">
        <v>40</v>
      </c>
      <c r="R21445" s="5" t="s">
        <v>1522</v>
      </c>
      <c r="S21445" s="5" t="s">
        <v>1523</v>
      </c>
      <c r="T21445" s="5" t="s">
        <v>42</v>
      </c>
      <c r="U21445" s="2">
        <v>1.038</v>
      </c>
      <c r="V21445" s="2">
        <v>0.78100000000000003</v>
      </c>
      <c r="W21445" s="2">
        <v>6.0000000000000001E-3</v>
      </c>
      <c r="X21445" s="2">
        <v>76.900000000000006</v>
      </c>
      <c r="Y21445" s="2">
        <v>7.6</v>
      </c>
      <c r="Z21445" s="2">
        <v>10.6</v>
      </c>
      <c r="AA21445" s="5"/>
      <c r="AB21445" s="5" t="s">
        <v>43</v>
      </c>
      <c r="AC21445" s="5" t="s">
        <v>44</v>
      </c>
      <c r="AD21445" s="2"/>
      <c r="AE21445" s="1"/>
    </row>
    <row r="21446" spans="1:31" ht="14.45">
      <c r="A21446" s="11"/>
      <c r="B21446" s="20"/>
      <c r="C21446" s="2" t="s">
        <v>69206</v>
      </c>
      <c r="D21446" s="14" t="s">
        <v>69207</v>
      </c>
      <c r="E21446" s="2" t="s">
        <v>69208</v>
      </c>
      <c r="F21446" s="2" t="s">
        <v>1863</v>
      </c>
      <c r="G21446" s="8">
        <v>105</v>
      </c>
      <c r="H21446" s="5">
        <v>6</v>
      </c>
      <c r="I21446" s="5" t="s">
        <v>1518</v>
      </c>
      <c r="J21446" s="5" t="s">
        <v>69038</v>
      </c>
      <c r="K21446" s="2" t="s">
        <v>69039</v>
      </c>
      <c r="L21446" s="5" t="s">
        <v>69038</v>
      </c>
      <c r="M21446" s="2" t="s">
        <v>69039</v>
      </c>
      <c r="N21446" s="5" t="s">
        <v>1521</v>
      </c>
      <c r="O21446" s="5" t="s">
        <v>38</v>
      </c>
      <c r="P21446" s="5" t="s">
        <v>39</v>
      </c>
      <c r="Q21446" s="5" t="s">
        <v>40</v>
      </c>
      <c r="R21446" s="5" t="s">
        <v>1522</v>
      </c>
      <c r="S21446" s="5" t="s">
        <v>1523</v>
      </c>
      <c r="T21446" s="5" t="s">
        <v>42</v>
      </c>
      <c r="U21446" s="2">
        <v>0.99099999999999999</v>
      </c>
      <c r="V21446" s="2">
        <v>0.73399999999999999</v>
      </c>
      <c r="W21446" s="2">
        <v>6.0000000000000001E-3</v>
      </c>
      <c r="X21446" s="2">
        <v>76.900000000000006</v>
      </c>
      <c r="Y21446" s="2">
        <v>7.6</v>
      </c>
      <c r="Z21446" s="2">
        <v>10.6</v>
      </c>
      <c r="AA21446" s="5"/>
      <c r="AB21446" s="5" t="s">
        <v>43</v>
      </c>
      <c r="AC21446" s="5" t="s">
        <v>44</v>
      </c>
      <c r="AD21446" s="2"/>
      <c r="AE21446" s="1"/>
    </row>
    <row r="21447" spans="1:31" ht="14.45">
      <c r="A21447" s="11"/>
      <c r="B21447" s="20"/>
      <c r="C21447" s="2" t="s">
        <v>69209</v>
      </c>
      <c r="D21447" s="14" t="s">
        <v>69210</v>
      </c>
      <c r="E21447" s="2" t="s">
        <v>69211</v>
      </c>
      <c r="F21447" s="2" t="s">
        <v>1867</v>
      </c>
      <c r="G21447" s="8">
        <v>105</v>
      </c>
      <c r="H21447" s="5">
        <v>6</v>
      </c>
      <c r="I21447" s="5" t="s">
        <v>1518</v>
      </c>
      <c r="J21447" s="5" t="s">
        <v>69038</v>
      </c>
      <c r="K21447" s="2" t="s">
        <v>69039</v>
      </c>
      <c r="L21447" s="5" t="s">
        <v>69038</v>
      </c>
      <c r="M21447" s="2" t="s">
        <v>69039</v>
      </c>
      <c r="N21447" s="5" t="s">
        <v>1521</v>
      </c>
      <c r="O21447" s="5" t="s">
        <v>38</v>
      </c>
      <c r="P21447" s="5" t="s">
        <v>39</v>
      </c>
      <c r="Q21447" s="5" t="s">
        <v>40</v>
      </c>
      <c r="R21447" s="5" t="s">
        <v>1522</v>
      </c>
      <c r="S21447" s="5" t="s">
        <v>1523</v>
      </c>
      <c r="T21447" s="5" t="s">
        <v>42</v>
      </c>
      <c r="U21447" s="2">
        <v>1.038</v>
      </c>
      <c r="V21447" s="2">
        <v>0.78100000000000003</v>
      </c>
      <c r="W21447" s="2">
        <v>6.0000000000000001E-3</v>
      </c>
      <c r="X21447" s="2">
        <v>76.900000000000006</v>
      </c>
      <c r="Y21447" s="2">
        <v>7.6</v>
      </c>
      <c r="Z21447" s="2">
        <v>10.6</v>
      </c>
      <c r="AA21447" s="5"/>
      <c r="AB21447" s="5" t="s">
        <v>43</v>
      </c>
      <c r="AC21447" s="5" t="s">
        <v>44</v>
      </c>
      <c r="AD21447" s="2"/>
      <c r="AE21447" s="1"/>
    </row>
    <row r="21448" spans="1:31" ht="14.45">
      <c r="A21448" s="11"/>
      <c r="B21448" s="20"/>
      <c r="C21448" s="2" t="s">
        <v>69212</v>
      </c>
      <c r="D21448" s="14" t="s">
        <v>69213</v>
      </c>
      <c r="E21448" s="2" t="s">
        <v>69214</v>
      </c>
      <c r="F21448" s="2" t="s">
        <v>7204</v>
      </c>
      <c r="G21448" s="8">
        <v>101</v>
      </c>
      <c r="H21448" s="5">
        <v>6</v>
      </c>
      <c r="I21448" s="5" t="s">
        <v>1518</v>
      </c>
      <c r="J21448" s="5" t="s">
        <v>69038</v>
      </c>
      <c r="K21448" s="2" t="s">
        <v>69039</v>
      </c>
      <c r="L21448" s="5" t="s">
        <v>69038</v>
      </c>
      <c r="M21448" s="2" t="s">
        <v>69039</v>
      </c>
      <c r="N21448" s="5" t="s">
        <v>1521</v>
      </c>
      <c r="O21448" s="5" t="s">
        <v>38</v>
      </c>
      <c r="P21448" s="5" t="s">
        <v>39</v>
      </c>
      <c r="Q21448" s="5" t="s">
        <v>40</v>
      </c>
      <c r="R21448" s="5" t="s">
        <v>1522</v>
      </c>
      <c r="S21448" s="5" t="s">
        <v>1523</v>
      </c>
      <c r="T21448" s="5" t="s">
        <v>42</v>
      </c>
      <c r="U21448" s="2">
        <v>1.1910000000000001</v>
      </c>
      <c r="V21448" s="2">
        <v>0.83</v>
      </c>
      <c r="W21448" s="2">
        <v>8.0000000000000002E-3</v>
      </c>
      <c r="X21448" s="2">
        <v>99.1</v>
      </c>
      <c r="Y21448" s="2">
        <v>7.6</v>
      </c>
      <c r="Z21448" s="2">
        <v>10.6</v>
      </c>
      <c r="AA21448" s="5"/>
      <c r="AB21448" s="5" t="s">
        <v>43</v>
      </c>
      <c r="AC21448" s="5" t="s">
        <v>44</v>
      </c>
      <c r="AD21448" s="2"/>
      <c r="AE21448" s="1"/>
    </row>
    <row r="21449" spans="1:31" ht="14.45">
      <c r="A21449" s="11"/>
      <c r="B21449" s="20"/>
      <c r="C21449" s="2" t="s">
        <v>69215</v>
      </c>
      <c r="D21449" s="14" t="s">
        <v>69216</v>
      </c>
      <c r="E21449" s="2" t="s">
        <v>69217</v>
      </c>
      <c r="F21449" s="2" t="s">
        <v>7514</v>
      </c>
      <c r="G21449" s="8">
        <v>101</v>
      </c>
      <c r="H21449" s="5">
        <v>6</v>
      </c>
      <c r="I21449" s="5" t="s">
        <v>1518</v>
      </c>
      <c r="J21449" s="5" t="s">
        <v>69038</v>
      </c>
      <c r="K21449" s="2" t="s">
        <v>69039</v>
      </c>
      <c r="L21449" s="5" t="s">
        <v>69038</v>
      </c>
      <c r="M21449" s="2" t="s">
        <v>69039</v>
      </c>
      <c r="N21449" s="5" t="s">
        <v>1521</v>
      </c>
      <c r="O21449" s="5" t="s">
        <v>38</v>
      </c>
      <c r="P21449" s="5" t="s">
        <v>39</v>
      </c>
      <c r="Q21449" s="5" t="s">
        <v>40</v>
      </c>
      <c r="R21449" s="5" t="s">
        <v>1522</v>
      </c>
      <c r="S21449" s="5" t="s">
        <v>1523</v>
      </c>
      <c r="T21449" s="5" t="s">
        <v>42</v>
      </c>
      <c r="U21449" s="2">
        <v>1.248</v>
      </c>
      <c r="V21449" s="2">
        <v>0.88700000000000001</v>
      </c>
      <c r="W21449" s="2">
        <v>8.0000000000000002E-3</v>
      </c>
      <c r="X21449" s="2">
        <v>99.1</v>
      </c>
      <c r="Y21449" s="2">
        <v>7.6</v>
      </c>
      <c r="Z21449" s="2">
        <v>10.6</v>
      </c>
      <c r="AA21449" s="5"/>
      <c r="AB21449" s="5" t="s">
        <v>43</v>
      </c>
      <c r="AC21449" s="5" t="s">
        <v>44</v>
      </c>
      <c r="AD21449" s="2"/>
      <c r="AE21449" s="1"/>
    </row>
    <row r="21450" spans="1:31" ht="14.45">
      <c r="A21450" s="11"/>
      <c r="B21450" s="20"/>
      <c r="C21450" s="2" t="s">
        <v>69218</v>
      </c>
      <c r="D21450" s="14" t="s">
        <v>69219</v>
      </c>
      <c r="E21450" s="2" t="s">
        <v>69220</v>
      </c>
      <c r="F21450" s="2" t="s">
        <v>1863</v>
      </c>
      <c r="G21450" s="8">
        <v>117</v>
      </c>
      <c r="H21450" s="5">
        <v>6</v>
      </c>
      <c r="I21450" s="5" t="s">
        <v>1518</v>
      </c>
      <c r="J21450" s="5" t="s">
        <v>69038</v>
      </c>
      <c r="K21450" s="2" t="s">
        <v>69039</v>
      </c>
      <c r="L21450" s="5" t="s">
        <v>69038</v>
      </c>
      <c r="M21450" s="2" t="s">
        <v>69039</v>
      </c>
      <c r="N21450" s="5" t="s">
        <v>1521</v>
      </c>
      <c r="O21450" s="5" t="s">
        <v>38</v>
      </c>
      <c r="P21450" s="5" t="s">
        <v>39</v>
      </c>
      <c r="Q21450" s="5" t="s">
        <v>40</v>
      </c>
      <c r="R21450" s="5" t="s">
        <v>1522</v>
      </c>
      <c r="S21450" s="5" t="s">
        <v>1523</v>
      </c>
      <c r="T21450" s="5" t="s">
        <v>42</v>
      </c>
      <c r="U21450" s="2">
        <v>1.1910000000000001</v>
      </c>
      <c r="V21450" s="2">
        <v>0.83</v>
      </c>
      <c r="W21450" s="2">
        <v>8.0000000000000002E-3</v>
      </c>
      <c r="X21450" s="2">
        <v>99.1</v>
      </c>
      <c r="Y21450" s="2">
        <v>7.6</v>
      </c>
      <c r="Z21450" s="2">
        <v>10.6</v>
      </c>
      <c r="AA21450" s="5"/>
      <c r="AB21450" s="5" t="s">
        <v>43</v>
      </c>
      <c r="AC21450" s="5" t="s">
        <v>44</v>
      </c>
      <c r="AD21450" s="2"/>
      <c r="AE21450" s="1"/>
    </row>
    <row r="21451" spans="1:31" ht="14.45">
      <c r="A21451" s="11"/>
      <c r="B21451" s="20"/>
      <c r="C21451" s="2" t="s">
        <v>69221</v>
      </c>
      <c r="D21451" s="14" t="s">
        <v>69222</v>
      </c>
      <c r="E21451" s="2" t="s">
        <v>69223</v>
      </c>
      <c r="F21451" s="2" t="s">
        <v>1867</v>
      </c>
      <c r="G21451" s="8">
        <v>117</v>
      </c>
      <c r="H21451" s="5">
        <v>6</v>
      </c>
      <c r="I21451" s="5" t="s">
        <v>1518</v>
      </c>
      <c r="J21451" s="5" t="s">
        <v>69038</v>
      </c>
      <c r="K21451" s="2" t="s">
        <v>69039</v>
      </c>
      <c r="L21451" s="5" t="s">
        <v>69038</v>
      </c>
      <c r="M21451" s="2" t="s">
        <v>69039</v>
      </c>
      <c r="N21451" s="5" t="s">
        <v>1521</v>
      </c>
      <c r="O21451" s="5" t="s">
        <v>38</v>
      </c>
      <c r="P21451" s="5" t="s">
        <v>39</v>
      </c>
      <c r="Q21451" s="5" t="s">
        <v>40</v>
      </c>
      <c r="R21451" s="5" t="s">
        <v>1522</v>
      </c>
      <c r="S21451" s="5" t="s">
        <v>1523</v>
      </c>
      <c r="T21451" s="5" t="s">
        <v>42</v>
      </c>
      <c r="U21451" s="2">
        <v>1.248</v>
      </c>
      <c r="V21451" s="2">
        <v>0.88700000000000001</v>
      </c>
      <c r="W21451" s="2">
        <v>8.0000000000000002E-3</v>
      </c>
      <c r="X21451" s="2">
        <v>99.1</v>
      </c>
      <c r="Y21451" s="2">
        <v>7.6</v>
      </c>
      <c r="Z21451" s="2">
        <v>10.6</v>
      </c>
      <c r="AA21451" s="5"/>
      <c r="AB21451" s="5" t="s">
        <v>43</v>
      </c>
      <c r="AC21451" s="5" t="s">
        <v>44</v>
      </c>
      <c r="AD21451" s="2"/>
      <c r="AE21451" s="1"/>
    </row>
    <row r="21452" spans="1:31" ht="14.45">
      <c r="A21452" s="11"/>
      <c r="B21452" s="20"/>
      <c r="C21452" s="2" t="s">
        <v>69224</v>
      </c>
      <c r="D21452" s="14" t="s">
        <v>69225</v>
      </c>
      <c r="E21452" s="2" t="s">
        <v>69226</v>
      </c>
      <c r="F21452" s="2" t="s">
        <v>7204</v>
      </c>
      <c r="G21452" s="8">
        <v>80</v>
      </c>
      <c r="H21452" s="5">
        <v>6</v>
      </c>
      <c r="I21452" s="5" t="s">
        <v>1518</v>
      </c>
      <c r="J21452" s="5" t="s">
        <v>69038</v>
      </c>
      <c r="K21452" s="2" t="s">
        <v>69039</v>
      </c>
      <c r="L21452" s="5" t="s">
        <v>69038</v>
      </c>
      <c r="M21452" s="2" t="s">
        <v>69039</v>
      </c>
      <c r="N21452" s="5" t="s">
        <v>1521</v>
      </c>
      <c r="O21452" s="5" t="s">
        <v>38</v>
      </c>
      <c r="P21452" s="5" t="s">
        <v>39</v>
      </c>
      <c r="Q21452" s="5" t="s">
        <v>40</v>
      </c>
      <c r="R21452" s="5" t="s">
        <v>1522</v>
      </c>
      <c r="S21452" s="5" t="s">
        <v>1523</v>
      </c>
      <c r="T21452" s="5" t="s">
        <v>42</v>
      </c>
      <c r="U21452" s="2">
        <v>0.92</v>
      </c>
      <c r="V21452" s="2">
        <v>0.66300000000000003</v>
      </c>
      <c r="W21452" s="2">
        <v>6.0000000000000001E-3</v>
      </c>
      <c r="X21452" s="2">
        <v>76.900000000000006</v>
      </c>
      <c r="Y21452" s="2">
        <v>7.6</v>
      </c>
      <c r="Z21452" s="2">
        <v>10.6</v>
      </c>
      <c r="AA21452" s="5"/>
      <c r="AB21452" s="5" t="s">
        <v>43</v>
      </c>
      <c r="AC21452" s="5" t="s">
        <v>44</v>
      </c>
      <c r="AD21452" s="2"/>
      <c r="AE21452" s="1"/>
    </row>
    <row r="21453" spans="1:31" ht="14.45">
      <c r="A21453" s="11"/>
      <c r="B21453" s="20"/>
      <c r="C21453" s="2" t="s">
        <v>69227</v>
      </c>
      <c r="D21453" s="14" t="s">
        <v>69228</v>
      </c>
      <c r="E21453" s="2" t="s">
        <v>69229</v>
      </c>
      <c r="F21453" s="2" t="s">
        <v>7514</v>
      </c>
      <c r="G21453" s="8">
        <v>80</v>
      </c>
      <c r="H21453" s="5">
        <v>6</v>
      </c>
      <c r="I21453" s="5" t="s">
        <v>1518</v>
      </c>
      <c r="J21453" s="5" t="s">
        <v>69038</v>
      </c>
      <c r="K21453" s="2" t="s">
        <v>69039</v>
      </c>
      <c r="L21453" s="5" t="s">
        <v>69038</v>
      </c>
      <c r="M21453" s="2" t="s">
        <v>69039</v>
      </c>
      <c r="N21453" s="5" t="s">
        <v>1521</v>
      </c>
      <c r="O21453" s="5" t="s">
        <v>38</v>
      </c>
      <c r="P21453" s="5" t="s">
        <v>39</v>
      </c>
      <c r="Q21453" s="5" t="s">
        <v>40</v>
      </c>
      <c r="R21453" s="5" t="s">
        <v>1522</v>
      </c>
      <c r="S21453" s="5" t="s">
        <v>1523</v>
      </c>
      <c r="T21453" s="5" t="s">
        <v>42</v>
      </c>
      <c r="U21453" s="2">
        <v>0.96</v>
      </c>
      <c r="V21453" s="2">
        <v>0.70299999999999996</v>
      </c>
      <c r="W21453" s="2">
        <v>6.0000000000000001E-3</v>
      </c>
      <c r="X21453" s="2">
        <v>76.900000000000006</v>
      </c>
      <c r="Y21453" s="2">
        <v>7.6</v>
      </c>
      <c r="Z21453" s="2">
        <v>10.6</v>
      </c>
      <c r="AA21453" s="5"/>
      <c r="AB21453" s="5" t="s">
        <v>43</v>
      </c>
      <c r="AC21453" s="5" t="s">
        <v>44</v>
      </c>
      <c r="AD21453" s="2"/>
      <c r="AE21453" s="1"/>
    </row>
    <row r="21454" spans="1:31" ht="14.45">
      <c r="A21454" s="11"/>
      <c r="B21454" s="20"/>
      <c r="C21454" s="2" t="s">
        <v>69230</v>
      </c>
      <c r="D21454" s="14" t="s">
        <v>69231</v>
      </c>
      <c r="E21454" s="2" t="s">
        <v>69232</v>
      </c>
      <c r="F21454" s="2" t="s">
        <v>7208</v>
      </c>
      <c r="G21454" s="8">
        <v>80</v>
      </c>
      <c r="H21454" s="5">
        <v>6</v>
      </c>
      <c r="I21454" s="5" t="s">
        <v>1518</v>
      </c>
      <c r="J21454" s="5" t="s">
        <v>69038</v>
      </c>
      <c r="K21454" s="2" t="s">
        <v>69039</v>
      </c>
      <c r="L21454" s="5" t="s">
        <v>69038</v>
      </c>
      <c r="M21454" s="2" t="s">
        <v>69039</v>
      </c>
      <c r="N21454" s="5" t="s">
        <v>1521</v>
      </c>
      <c r="O21454" s="5" t="s">
        <v>38</v>
      </c>
      <c r="P21454" s="5" t="s">
        <v>39</v>
      </c>
      <c r="Q21454" s="5" t="s">
        <v>40</v>
      </c>
      <c r="R21454" s="5" t="s">
        <v>1522</v>
      </c>
      <c r="S21454" s="5" t="s">
        <v>1523</v>
      </c>
      <c r="T21454" s="5" t="s">
        <v>42</v>
      </c>
      <c r="U21454" s="2">
        <v>0.92</v>
      </c>
      <c r="V21454" s="2">
        <v>0.66300000000000003</v>
      </c>
      <c r="W21454" s="2">
        <v>6.0000000000000001E-3</v>
      </c>
      <c r="X21454" s="2">
        <v>76.900000000000006</v>
      </c>
      <c r="Y21454" s="2">
        <v>7.6</v>
      </c>
      <c r="Z21454" s="2">
        <v>10.6</v>
      </c>
      <c r="AA21454" s="5"/>
      <c r="AB21454" s="5" t="s">
        <v>43</v>
      </c>
      <c r="AC21454" s="5" t="s">
        <v>44</v>
      </c>
      <c r="AD21454" s="2"/>
      <c r="AE21454" s="1"/>
    </row>
    <row r="21455" spans="1:31" ht="14.45">
      <c r="A21455" s="11"/>
      <c r="B21455" s="20"/>
      <c r="C21455" s="2" t="s">
        <v>69233</v>
      </c>
      <c r="D21455" s="14" t="s">
        <v>69234</v>
      </c>
      <c r="E21455" s="2" t="s">
        <v>69235</v>
      </c>
      <c r="F21455" s="2" t="s">
        <v>7521</v>
      </c>
      <c r="G21455" s="8">
        <v>80</v>
      </c>
      <c r="H21455" s="5">
        <v>6</v>
      </c>
      <c r="I21455" s="5" t="s">
        <v>1518</v>
      </c>
      <c r="J21455" s="5" t="s">
        <v>69038</v>
      </c>
      <c r="K21455" s="2" t="s">
        <v>69039</v>
      </c>
      <c r="L21455" s="5" t="s">
        <v>69038</v>
      </c>
      <c r="M21455" s="2" t="s">
        <v>69039</v>
      </c>
      <c r="N21455" s="5" t="s">
        <v>1521</v>
      </c>
      <c r="O21455" s="5" t="s">
        <v>38</v>
      </c>
      <c r="P21455" s="5" t="s">
        <v>39</v>
      </c>
      <c r="Q21455" s="5" t="s">
        <v>40</v>
      </c>
      <c r="R21455" s="5" t="s">
        <v>1522</v>
      </c>
      <c r="S21455" s="5" t="s">
        <v>1523</v>
      </c>
      <c r="T21455" s="5" t="s">
        <v>42</v>
      </c>
      <c r="U21455" s="2">
        <v>0.96</v>
      </c>
      <c r="V21455" s="2">
        <v>0.70299999999999996</v>
      </c>
      <c r="W21455" s="2">
        <v>6.0000000000000001E-3</v>
      </c>
      <c r="X21455" s="2">
        <v>76.900000000000006</v>
      </c>
      <c r="Y21455" s="2">
        <v>7.6</v>
      </c>
      <c r="Z21455" s="2">
        <v>10.6</v>
      </c>
      <c r="AA21455" s="5"/>
      <c r="AB21455" s="5" t="s">
        <v>43</v>
      </c>
      <c r="AC21455" s="5" t="s">
        <v>44</v>
      </c>
      <c r="AD21455" s="2"/>
      <c r="AE21455" s="1"/>
    </row>
    <row r="21456" spans="1:31" ht="14.45">
      <c r="A21456" s="11"/>
      <c r="B21456" s="20"/>
      <c r="C21456" s="2" t="s">
        <v>69236</v>
      </c>
      <c r="D21456" s="14" t="s">
        <v>69237</v>
      </c>
      <c r="E21456" s="2" t="s">
        <v>69238</v>
      </c>
      <c r="F21456" s="2" t="s">
        <v>7406</v>
      </c>
      <c r="G21456" s="8">
        <v>92</v>
      </c>
      <c r="H21456" s="5">
        <v>6</v>
      </c>
      <c r="I21456" s="5" t="s">
        <v>1518</v>
      </c>
      <c r="J21456" s="5" t="s">
        <v>69038</v>
      </c>
      <c r="K21456" s="2" t="s">
        <v>69039</v>
      </c>
      <c r="L21456" s="5" t="s">
        <v>69038</v>
      </c>
      <c r="M21456" s="2" t="s">
        <v>69039</v>
      </c>
      <c r="N21456" s="5" t="s">
        <v>1521</v>
      </c>
      <c r="O21456" s="5" t="s">
        <v>38</v>
      </c>
      <c r="P21456" s="5" t="s">
        <v>39</v>
      </c>
      <c r="Q21456" s="5" t="s">
        <v>40</v>
      </c>
      <c r="R21456" s="5" t="s">
        <v>1522</v>
      </c>
      <c r="S21456" s="5" t="s">
        <v>1523</v>
      </c>
      <c r="T21456" s="5" t="s">
        <v>42</v>
      </c>
      <c r="U21456" s="2">
        <v>0.92</v>
      </c>
      <c r="V21456" s="2">
        <v>0.66300000000000003</v>
      </c>
      <c r="W21456" s="2">
        <v>6.0000000000000001E-3</v>
      </c>
      <c r="X21456" s="2">
        <v>76.900000000000006</v>
      </c>
      <c r="Y21456" s="2">
        <v>7.6</v>
      </c>
      <c r="Z21456" s="2">
        <v>10.6</v>
      </c>
      <c r="AA21456" s="5"/>
      <c r="AB21456" s="5" t="s">
        <v>43</v>
      </c>
      <c r="AC21456" s="5" t="s">
        <v>44</v>
      </c>
      <c r="AD21456" s="2"/>
      <c r="AE21456" s="1"/>
    </row>
    <row r="21457" spans="1:31" ht="14.45">
      <c r="A21457" s="11"/>
      <c r="B21457" s="20"/>
      <c r="C21457" s="2" t="s">
        <v>69239</v>
      </c>
      <c r="D21457" s="14" t="s">
        <v>69240</v>
      </c>
      <c r="E21457" s="2" t="s">
        <v>69241</v>
      </c>
      <c r="F21457" s="2" t="s">
        <v>7535</v>
      </c>
      <c r="G21457" s="8">
        <v>92</v>
      </c>
      <c r="H21457" s="5">
        <v>6</v>
      </c>
      <c r="I21457" s="5" t="s">
        <v>1518</v>
      </c>
      <c r="J21457" s="5" t="s">
        <v>69038</v>
      </c>
      <c r="K21457" s="2" t="s">
        <v>69039</v>
      </c>
      <c r="L21457" s="5" t="s">
        <v>69038</v>
      </c>
      <c r="M21457" s="2" t="s">
        <v>69039</v>
      </c>
      <c r="N21457" s="5" t="s">
        <v>1521</v>
      </c>
      <c r="O21457" s="5" t="s">
        <v>38</v>
      </c>
      <c r="P21457" s="5" t="s">
        <v>39</v>
      </c>
      <c r="Q21457" s="5" t="s">
        <v>40</v>
      </c>
      <c r="R21457" s="5" t="s">
        <v>1522</v>
      </c>
      <c r="S21457" s="5" t="s">
        <v>1523</v>
      </c>
      <c r="T21457" s="5" t="s">
        <v>42</v>
      </c>
      <c r="U21457" s="2">
        <v>0.96</v>
      </c>
      <c r="V21457" s="2">
        <v>0.70299999999999996</v>
      </c>
      <c r="W21457" s="2">
        <v>6.0000000000000001E-3</v>
      </c>
      <c r="X21457" s="2">
        <v>76.900000000000006</v>
      </c>
      <c r="Y21457" s="2">
        <v>7.6</v>
      </c>
      <c r="Z21457" s="2">
        <v>10.6</v>
      </c>
      <c r="AA21457" s="5"/>
      <c r="AB21457" s="5" t="s">
        <v>43</v>
      </c>
      <c r="AC21457" s="5" t="s">
        <v>44</v>
      </c>
      <c r="AD21457" s="2"/>
      <c r="AE21457" s="1"/>
    </row>
    <row r="21458" spans="1:31" ht="14.45">
      <c r="A21458" s="11"/>
      <c r="B21458" s="20"/>
      <c r="C21458" s="2" t="s">
        <v>69242</v>
      </c>
      <c r="D21458" s="14" t="s">
        <v>69243</v>
      </c>
      <c r="E21458" s="2" t="s">
        <v>69244</v>
      </c>
      <c r="F21458" s="2" t="s">
        <v>7539</v>
      </c>
      <c r="G21458" s="8">
        <v>92</v>
      </c>
      <c r="H21458" s="5">
        <v>6</v>
      </c>
      <c r="I21458" s="5" t="s">
        <v>1518</v>
      </c>
      <c r="J21458" s="5" t="s">
        <v>69038</v>
      </c>
      <c r="K21458" s="2" t="s">
        <v>69039</v>
      </c>
      <c r="L21458" s="5" t="s">
        <v>69038</v>
      </c>
      <c r="M21458" s="2" t="s">
        <v>69039</v>
      </c>
      <c r="N21458" s="5" t="s">
        <v>1521</v>
      </c>
      <c r="O21458" s="5" t="s">
        <v>38</v>
      </c>
      <c r="P21458" s="5" t="s">
        <v>39</v>
      </c>
      <c r="Q21458" s="5" t="s">
        <v>40</v>
      </c>
      <c r="R21458" s="5" t="s">
        <v>1522</v>
      </c>
      <c r="S21458" s="5" t="s">
        <v>1523</v>
      </c>
      <c r="T21458" s="5" t="s">
        <v>42</v>
      </c>
      <c r="U21458" s="2">
        <v>0.92</v>
      </c>
      <c r="V21458" s="2">
        <v>0.66300000000000003</v>
      </c>
      <c r="W21458" s="2">
        <v>6.0000000000000001E-3</v>
      </c>
      <c r="X21458" s="2">
        <v>76.900000000000006</v>
      </c>
      <c r="Y21458" s="2">
        <v>7.6</v>
      </c>
      <c r="Z21458" s="2">
        <v>10.6</v>
      </c>
      <c r="AA21458" s="5"/>
      <c r="AB21458" s="5" t="s">
        <v>43</v>
      </c>
      <c r="AC21458" s="5" t="s">
        <v>44</v>
      </c>
      <c r="AD21458" s="2"/>
      <c r="AE21458" s="1"/>
    </row>
    <row r="21459" spans="1:31" ht="14.45">
      <c r="A21459" s="11"/>
      <c r="B21459" s="20"/>
      <c r="C21459" s="2" t="s">
        <v>69245</v>
      </c>
      <c r="D21459" s="14" t="s">
        <v>69246</v>
      </c>
      <c r="E21459" s="2" t="s">
        <v>69247</v>
      </c>
      <c r="F21459" s="2" t="s">
        <v>7543</v>
      </c>
      <c r="G21459" s="8">
        <v>92</v>
      </c>
      <c r="H21459" s="5">
        <v>6</v>
      </c>
      <c r="I21459" s="5" t="s">
        <v>1518</v>
      </c>
      <c r="J21459" s="5" t="s">
        <v>69038</v>
      </c>
      <c r="K21459" s="2" t="s">
        <v>69039</v>
      </c>
      <c r="L21459" s="5" t="s">
        <v>69038</v>
      </c>
      <c r="M21459" s="2" t="s">
        <v>69039</v>
      </c>
      <c r="N21459" s="5" t="s">
        <v>1521</v>
      </c>
      <c r="O21459" s="5" t="s">
        <v>38</v>
      </c>
      <c r="P21459" s="5" t="s">
        <v>39</v>
      </c>
      <c r="Q21459" s="5" t="s">
        <v>40</v>
      </c>
      <c r="R21459" s="5" t="s">
        <v>1522</v>
      </c>
      <c r="S21459" s="5" t="s">
        <v>1523</v>
      </c>
      <c r="T21459" s="5" t="s">
        <v>42</v>
      </c>
      <c r="U21459" s="2">
        <v>0.96</v>
      </c>
      <c r="V21459" s="2">
        <v>0.70299999999999996</v>
      </c>
      <c r="W21459" s="2">
        <v>6.0000000000000001E-3</v>
      </c>
      <c r="X21459" s="2">
        <v>76.900000000000006</v>
      </c>
      <c r="Y21459" s="2">
        <v>7.6</v>
      </c>
      <c r="Z21459" s="2">
        <v>10.6</v>
      </c>
      <c r="AA21459" s="5"/>
      <c r="AB21459" s="5" t="s">
        <v>43</v>
      </c>
      <c r="AC21459" s="5" t="s">
        <v>44</v>
      </c>
      <c r="AD21459" s="2"/>
      <c r="AE21459" s="1"/>
    </row>
    <row r="21460" spans="1:31" ht="14.45">
      <c r="A21460" s="11"/>
      <c r="B21460" s="20"/>
      <c r="C21460" s="2" t="s">
        <v>69248</v>
      </c>
      <c r="D21460" s="14" t="s">
        <v>69249</v>
      </c>
      <c r="E21460" s="2" t="s">
        <v>69250</v>
      </c>
      <c r="F21460" s="2" t="s">
        <v>7396</v>
      </c>
      <c r="G21460" s="8">
        <v>80</v>
      </c>
      <c r="H21460" s="5">
        <v>6</v>
      </c>
      <c r="I21460" s="5" t="s">
        <v>1518</v>
      </c>
      <c r="J21460" s="5" t="s">
        <v>69038</v>
      </c>
      <c r="K21460" s="2" t="s">
        <v>69039</v>
      </c>
      <c r="L21460" s="5" t="s">
        <v>69038</v>
      </c>
      <c r="M21460" s="2" t="s">
        <v>69039</v>
      </c>
      <c r="N21460" s="5" t="s">
        <v>1521</v>
      </c>
      <c r="O21460" s="5" t="s">
        <v>38</v>
      </c>
      <c r="P21460" s="5" t="s">
        <v>39</v>
      </c>
      <c r="Q21460" s="5" t="s">
        <v>40</v>
      </c>
      <c r="R21460" s="5" t="s">
        <v>1522</v>
      </c>
      <c r="S21460" s="5" t="s">
        <v>1523</v>
      </c>
      <c r="T21460" s="5" t="s">
        <v>42</v>
      </c>
      <c r="U21460" s="2">
        <v>0.92</v>
      </c>
      <c r="V21460" s="2">
        <v>0.66300000000000003</v>
      </c>
      <c r="W21460" s="2">
        <v>6.0000000000000001E-3</v>
      </c>
      <c r="X21460" s="2">
        <v>76.900000000000006</v>
      </c>
      <c r="Y21460" s="2">
        <v>7.6</v>
      </c>
      <c r="Z21460" s="2">
        <v>10.6</v>
      </c>
      <c r="AA21460" s="5"/>
      <c r="AB21460" s="5" t="s">
        <v>43</v>
      </c>
      <c r="AC21460" s="5" t="s">
        <v>44</v>
      </c>
      <c r="AD21460" s="2"/>
      <c r="AE21460" s="1"/>
    </row>
    <row r="21461" spans="1:31" ht="14.45">
      <c r="A21461" s="11"/>
      <c r="B21461" s="20"/>
      <c r="C21461" s="2" t="s">
        <v>69251</v>
      </c>
      <c r="D21461" s="14" t="s">
        <v>69252</v>
      </c>
      <c r="E21461" s="2" t="s">
        <v>69253</v>
      </c>
      <c r="F21461" s="2" t="s">
        <v>69112</v>
      </c>
      <c r="G21461" s="8">
        <v>80</v>
      </c>
      <c r="H21461" s="5">
        <v>6</v>
      </c>
      <c r="I21461" s="5" t="s">
        <v>1518</v>
      </c>
      <c r="J21461" s="5" t="s">
        <v>69038</v>
      </c>
      <c r="K21461" s="2" t="s">
        <v>69039</v>
      </c>
      <c r="L21461" s="5" t="s">
        <v>69038</v>
      </c>
      <c r="M21461" s="2" t="s">
        <v>69039</v>
      </c>
      <c r="N21461" s="5" t="s">
        <v>1521</v>
      </c>
      <c r="O21461" s="5" t="s">
        <v>38</v>
      </c>
      <c r="P21461" s="5" t="s">
        <v>39</v>
      </c>
      <c r="Q21461" s="5" t="s">
        <v>40</v>
      </c>
      <c r="R21461" s="5" t="s">
        <v>1522</v>
      </c>
      <c r="S21461" s="5" t="s">
        <v>1523</v>
      </c>
      <c r="T21461" s="5" t="s">
        <v>42</v>
      </c>
      <c r="U21461" s="2">
        <v>0.96</v>
      </c>
      <c r="V21461" s="2">
        <v>0.70299999999999996</v>
      </c>
      <c r="W21461" s="2">
        <v>6.0000000000000001E-3</v>
      </c>
      <c r="X21461" s="2">
        <v>76.900000000000006</v>
      </c>
      <c r="Y21461" s="2">
        <v>7.6</v>
      </c>
      <c r="Z21461" s="2">
        <v>10.6</v>
      </c>
      <c r="AA21461" s="5"/>
      <c r="AB21461" s="5" t="s">
        <v>43</v>
      </c>
      <c r="AC21461" s="5" t="s">
        <v>44</v>
      </c>
      <c r="AD21461" s="2"/>
      <c r="AE21461" s="1"/>
    </row>
    <row r="21462" spans="1:31" ht="14.45">
      <c r="A21462" s="11"/>
      <c r="B21462" s="20"/>
      <c r="C21462" s="2" t="s">
        <v>69254</v>
      </c>
      <c r="D21462" s="14" t="s">
        <v>69255</v>
      </c>
      <c r="E21462" s="2" t="s">
        <v>69256</v>
      </c>
      <c r="F21462" s="2" t="s">
        <v>7563</v>
      </c>
      <c r="G21462" s="8">
        <v>92</v>
      </c>
      <c r="H21462" s="5">
        <v>6</v>
      </c>
      <c r="I21462" s="5" t="s">
        <v>1518</v>
      </c>
      <c r="J21462" s="5" t="s">
        <v>69038</v>
      </c>
      <c r="K21462" s="2" t="s">
        <v>69039</v>
      </c>
      <c r="L21462" s="5" t="s">
        <v>69038</v>
      </c>
      <c r="M21462" s="2" t="s">
        <v>69039</v>
      </c>
      <c r="N21462" s="5" t="s">
        <v>1521</v>
      </c>
      <c r="O21462" s="5" t="s">
        <v>38</v>
      </c>
      <c r="P21462" s="5" t="s">
        <v>39</v>
      </c>
      <c r="Q21462" s="5" t="s">
        <v>40</v>
      </c>
      <c r="R21462" s="5" t="s">
        <v>1522</v>
      </c>
      <c r="S21462" s="5" t="s">
        <v>1523</v>
      </c>
      <c r="T21462" s="5" t="s">
        <v>42</v>
      </c>
      <c r="U21462" s="2">
        <v>0.92</v>
      </c>
      <c r="V21462" s="2">
        <v>0.66300000000000003</v>
      </c>
      <c r="W21462" s="2">
        <v>6.0000000000000001E-3</v>
      </c>
      <c r="X21462" s="2">
        <v>76.900000000000006</v>
      </c>
      <c r="Y21462" s="2">
        <v>7.6</v>
      </c>
      <c r="Z21462" s="2">
        <v>10.6</v>
      </c>
      <c r="AA21462" s="5"/>
      <c r="AB21462" s="5" t="s">
        <v>43</v>
      </c>
      <c r="AC21462" s="5" t="s">
        <v>44</v>
      </c>
      <c r="AD21462" s="2"/>
      <c r="AE21462" s="1"/>
    </row>
    <row r="21463" spans="1:31" ht="14.45">
      <c r="A21463" s="11"/>
      <c r="B21463" s="20"/>
      <c r="C21463" s="2" t="s">
        <v>69257</v>
      </c>
      <c r="D21463" s="14" t="s">
        <v>69258</v>
      </c>
      <c r="E21463" s="2" t="s">
        <v>69259</v>
      </c>
      <c r="F21463" s="2" t="s">
        <v>7567</v>
      </c>
      <c r="G21463" s="8">
        <v>92</v>
      </c>
      <c r="H21463" s="5">
        <v>6</v>
      </c>
      <c r="I21463" s="5" t="s">
        <v>1518</v>
      </c>
      <c r="J21463" s="5" t="s">
        <v>69038</v>
      </c>
      <c r="K21463" s="2" t="s">
        <v>69039</v>
      </c>
      <c r="L21463" s="5" t="s">
        <v>69038</v>
      </c>
      <c r="M21463" s="2" t="s">
        <v>69039</v>
      </c>
      <c r="N21463" s="5" t="s">
        <v>1521</v>
      </c>
      <c r="O21463" s="5" t="s">
        <v>38</v>
      </c>
      <c r="P21463" s="5" t="s">
        <v>39</v>
      </c>
      <c r="Q21463" s="5" t="s">
        <v>40</v>
      </c>
      <c r="R21463" s="5" t="s">
        <v>1522</v>
      </c>
      <c r="S21463" s="5" t="s">
        <v>1523</v>
      </c>
      <c r="T21463" s="5" t="s">
        <v>42</v>
      </c>
      <c r="U21463" s="2">
        <v>0.96</v>
      </c>
      <c r="V21463" s="2">
        <v>0.70299999999999996</v>
      </c>
      <c r="W21463" s="2">
        <v>6.0000000000000001E-3</v>
      </c>
      <c r="X21463" s="2">
        <v>76.900000000000006</v>
      </c>
      <c r="Y21463" s="2">
        <v>7.6</v>
      </c>
      <c r="Z21463" s="2">
        <v>10.6</v>
      </c>
      <c r="AA21463" s="5"/>
      <c r="AB21463" s="5" t="s">
        <v>43</v>
      </c>
      <c r="AC21463" s="5" t="s">
        <v>44</v>
      </c>
      <c r="AD21463" s="2"/>
      <c r="AE21463" s="1"/>
    </row>
    <row r="21464" spans="1:31" ht="14.45">
      <c r="A21464" s="11"/>
      <c r="B21464" s="20"/>
      <c r="C21464" s="2" t="s">
        <v>69260</v>
      </c>
      <c r="D21464" s="14" t="s">
        <v>69261</v>
      </c>
      <c r="E21464" s="2" t="s">
        <v>69262</v>
      </c>
      <c r="F21464" s="2" t="s">
        <v>7555</v>
      </c>
      <c r="G21464" s="8">
        <v>92</v>
      </c>
      <c r="H21464" s="5">
        <v>6</v>
      </c>
      <c r="I21464" s="5" t="s">
        <v>1518</v>
      </c>
      <c r="J21464" s="5" t="s">
        <v>69038</v>
      </c>
      <c r="K21464" s="2" t="s">
        <v>69039</v>
      </c>
      <c r="L21464" s="5" t="s">
        <v>69038</v>
      </c>
      <c r="M21464" s="2" t="s">
        <v>69039</v>
      </c>
      <c r="N21464" s="5" t="s">
        <v>1521</v>
      </c>
      <c r="O21464" s="5" t="s">
        <v>38</v>
      </c>
      <c r="P21464" s="5" t="s">
        <v>39</v>
      </c>
      <c r="Q21464" s="5" t="s">
        <v>40</v>
      </c>
      <c r="R21464" s="5" t="s">
        <v>1522</v>
      </c>
      <c r="S21464" s="5" t="s">
        <v>1523</v>
      </c>
      <c r="T21464" s="5" t="s">
        <v>42</v>
      </c>
      <c r="U21464" s="2">
        <v>0.92</v>
      </c>
      <c r="V21464" s="2">
        <v>0.66300000000000003</v>
      </c>
      <c r="W21464" s="2">
        <v>6.0000000000000001E-3</v>
      </c>
      <c r="X21464" s="2">
        <v>76.900000000000006</v>
      </c>
      <c r="Y21464" s="2">
        <v>7.6</v>
      </c>
      <c r="Z21464" s="2">
        <v>10.6</v>
      </c>
      <c r="AA21464" s="5"/>
      <c r="AB21464" s="5" t="s">
        <v>43</v>
      </c>
      <c r="AC21464" s="5" t="s">
        <v>44</v>
      </c>
      <c r="AD21464" s="2"/>
      <c r="AE21464" s="1"/>
    </row>
    <row r="21465" spans="1:31" ht="14.45">
      <c r="A21465" s="11"/>
      <c r="B21465" s="20"/>
      <c r="C21465" s="2" t="s">
        <v>69263</v>
      </c>
      <c r="D21465" s="14" t="s">
        <v>69264</v>
      </c>
      <c r="E21465" s="2" t="s">
        <v>69265</v>
      </c>
      <c r="F21465" s="2" t="s">
        <v>7574</v>
      </c>
      <c r="G21465" s="8">
        <v>92</v>
      </c>
      <c r="H21465" s="5">
        <v>6</v>
      </c>
      <c r="I21465" s="5" t="s">
        <v>1518</v>
      </c>
      <c r="J21465" s="5" t="s">
        <v>69038</v>
      </c>
      <c r="K21465" s="2" t="s">
        <v>69039</v>
      </c>
      <c r="L21465" s="5" t="s">
        <v>69038</v>
      </c>
      <c r="M21465" s="2" t="s">
        <v>69039</v>
      </c>
      <c r="N21465" s="5" t="s">
        <v>1521</v>
      </c>
      <c r="O21465" s="5" t="s">
        <v>38</v>
      </c>
      <c r="P21465" s="5" t="s">
        <v>39</v>
      </c>
      <c r="Q21465" s="5" t="s">
        <v>40</v>
      </c>
      <c r="R21465" s="5" t="s">
        <v>1522</v>
      </c>
      <c r="S21465" s="5" t="s">
        <v>1523</v>
      </c>
      <c r="T21465" s="5" t="s">
        <v>42</v>
      </c>
      <c r="U21465" s="2">
        <v>0.96</v>
      </c>
      <c r="V21465" s="2">
        <v>0.70299999999999996</v>
      </c>
      <c r="W21465" s="2">
        <v>6.0000000000000001E-3</v>
      </c>
      <c r="X21465" s="2">
        <v>76.900000000000006</v>
      </c>
      <c r="Y21465" s="2">
        <v>7.6</v>
      </c>
      <c r="Z21465" s="2">
        <v>10.6</v>
      </c>
      <c r="AA21465" s="5"/>
      <c r="AB21465" s="5" t="s">
        <v>43</v>
      </c>
      <c r="AC21465" s="5" t="s">
        <v>44</v>
      </c>
      <c r="AD21465" s="2"/>
      <c r="AE21465" s="1"/>
    </row>
    <row r="21466" spans="1:31" ht="14.45">
      <c r="A21466" s="11"/>
      <c r="B21466" s="20"/>
      <c r="C21466" s="2" t="s">
        <v>69266</v>
      </c>
      <c r="D21466" s="14" t="s">
        <v>69267</v>
      </c>
      <c r="E21466" s="2" t="s">
        <v>69268</v>
      </c>
      <c r="F21466" s="2" t="s">
        <v>7449</v>
      </c>
      <c r="G21466" s="8">
        <v>92</v>
      </c>
      <c r="H21466" s="5">
        <v>6</v>
      </c>
      <c r="I21466" s="5" t="s">
        <v>1518</v>
      </c>
      <c r="J21466" s="5" t="s">
        <v>69038</v>
      </c>
      <c r="K21466" s="2" t="s">
        <v>69039</v>
      </c>
      <c r="L21466" s="5" t="s">
        <v>69038</v>
      </c>
      <c r="M21466" s="2" t="s">
        <v>69039</v>
      </c>
      <c r="N21466" s="5" t="s">
        <v>1521</v>
      </c>
      <c r="O21466" s="5" t="s">
        <v>38</v>
      </c>
      <c r="P21466" s="5" t="s">
        <v>39</v>
      </c>
      <c r="Q21466" s="5" t="s">
        <v>40</v>
      </c>
      <c r="R21466" s="5" t="s">
        <v>1522</v>
      </c>
      <c r="S21466" s="5" t="s">
        <v>1523</v>
      </c>
      <c r="T21466" s="5" t="s">
        <v>42</v>
      </c>
      <c r="U21466" s="2">
        <v>0.92</v>
      </c>
      <c r="V21466" s="2">
        <v>0.66300000000000003</v>
      </c>
      <c r="W21466" s="2">
        <v>6.0000000000000001E-3</v>
      </c>
      <c r="X21466" s="2">
        <v>76.900000000000006</v>
      </c>
      <c r="Y21466" s="2">
        <v>7.6</v>
      </c>
      <c r="Z21466" s="2">
        <v>10.6</v>
      </c>
      <c r="AA21466" s="5"/>
      <c r="AB21466" s="5" t="s">
        <v>43</v>
      </c>
      <c r="AC21466" s="5" t="s">
        <v>44</v>
      </c>
      <c r="AD21466" s="2"/>
      <c r="AE21466" s="1"/>
    </row>
    <row r="21467" spans="1:31" ht="14.45">
      <c r="A21467" s="11"/>
      <c r="B21467" s="20"/>
      <c r="C21467" s="2" t="s">
        <v>69269</v>
      </c>
      <c r="D21467" s="14" t="s">
        <v>69270</v>
      </c>
      <c r="E21467" s="2" t="s">
        <v>69271</v>
      </c>
      <c r="F21467" s="2" t="s">
        <v>7581</v>
      </c>
      <c r="G21467" s="8">
        <v>92</v>
      </c>
      <c r="H21467" s="5">
        <v>6</v>
      </c>
      <c r="I21467" s="5" t="s">
        <v>1518</v>
      </c>
      <c r="J21467" s="5" t="s">
        <v>69038</v>
      </c>
      <c r="K21467" s="2" t="s">
        <v>69039</v>
      </c>
      <c r="L21467" s="5" t="s">
        <v>69038</v>
      </c>
      <c r="M21467" s="2" t="s">
        <v>69039</v>
      </c>
      <c r="N21467" s="5" t="s">
        <v>1521</v>
      </c>
      <c r="O21467" s="5" t="s">
        <v>38</v>
      </c>
      <c r="P21467" s="5" t="s">
        <v>39</v>
      </c>
      <c r="Q21467" s="5" t="s">
        <v>40</v>
      </c>
      <c r="R21467" s="5" t="s">
        <v>1522</v>
      </c>
      <c r="S21467" s="5" t="s">
        <v>1523</v>
      </c>
      <c r="T21467" s="5" t="s">
        <v>42</v>
      </c>
      <c r="U21467" s="2">
        <v>0.96</v>
      </c>
      <c r="V21467" s="2">
        <v>0.70299999999999996</v>
      </c>
      <c r="W21467" s="2">
        <v>6.0000000000000001E-3</v>
      </c>
      <c r="X21467" s="2">
        <v>76.900000000000006</v>
      </c>
      <c r="Y21467" s="2">
        <v>7.6</v>
      </c>
      <c r="Z21467" s="2">
        <v>10.6</v>
      </c>
      <c r="AA21467" s="5"/>
      <c r="AB21467" s="5" t="s">
        <v>43</v>
      </c>
      <c r="AC21467" s="5" t="s">
        <v>44</v>
      </c>
      <c r="AD21467" s="2"/>
      <c r="AE21467" s="1"/>
    </row>
    <row r="21468" spans="1:31" ht="14.45">
      <c r="A21468" s="11"/>
      <c r="B21468" s="20"/>
      <c r="C21468" s="2" t="s">
        <v>69272</v>
      </c>
      <c r="D21468" s="14" t="s">
        <v>69273</v>
      </c>
      <c r="E21468" s="2" t="s">
        <v>69274</v>
      </c>
      <c r="F21468" s="2" t="s">
        <v>7597</v>
      </c>
      <c r="G21468" s="8">
        <v>92</v>
      </c>
      <c r="H21468" s="5">
        <v>6</v>
      </c>
      <c r="I21468" s="5" t="s">
        <v>1518</v>
      </c>
      <c r="J21468" s="5" t="s">
        <v>69038</v>
      </c>
      <c r="K21468" s="2" t="s">
        <v>69039</v>
      </c>
      <c r="L21468" s="5" t="s">
        <v>69038</v>
      </c>
      <c r="M21468" s="2" t="s">
        <v>69039</v>
      </c>
      <c r="N21468" s="5" t="s">
        <v>1521</v>
      </c>
      <c r="O21468" s="5" t="s">
        <v>38</v>
      </c>
      <c r="P21468" s="5" t="s">
        <v>39</v>
      </c>
      <c r="Q21468" s="5" t="s">
        <v>40</v>
      </c>
      <c r="R21468" s="5" t="s">
        <v>1522</v>
      </c>
      <c r="S21468" s="5" t="s">
        <v>1523</v>
      </c>
      <c r="T21468" s="5" t="s">
        <v>42</v>
      </c>
      <c r="U21468" s="2">
        <v>0.96</v>
      </c>
      <c r="V21468" s="2">
        <v>0.70299999999999996</v>
      </c>
      <c r="W21468" s="2">
        <v>6.0000000000000001E-3</v>
      </c>
      <c r="X21468" s="2">
        <v>76.900000000000006</v>
      </c>
      <c r="Y21468" s="2">
        <v>7.6</v>
      </c>
      <c r="Z21468" s="2">
        <v>10.6</v>
      </c>
      <c r="AA21468" s="5"/>
      <c r="AB21468" s="5" t="s">
        <v>43</v>
      </c>
      <c r="AC21468" s="5" t="s">
        <v>44</v>
      </c>
      <c r="AD21468" s="2"/>
      <c r="AE21468" s="1"/>
    </row>
    <row r="21469" spans="1:31" ht="14.45">
      <c r="A21469" s="11"/>
      <c r="B21469" s="20"/>
      <c r="C21469" s="2" t="s">
        <v>69275</v>
      </c>
      <c r="D21469" s="14" t="s">
        <v>69276</v>
      </c>
      <c r="E21469" s="2" t="s">
        <v>69277</v>
      </c>
      <c r="F21469" s="2" t="s">
        <v>7433</v>
      </c>
      <c r="G21469" s="8">
        <v>92</v>
      </c>
      <c r="H21469" s="5">
        <v>6</v>
      </c>
      <c r="I21469" s="5" t="s">
        <v>1518</v>
      </c>
      <c r="J21469" s="5" t="s">
        <v>69038</v>
      </c>
      <c r="K21469" s="2" t="s">
        <v>69039</v>
      </c>
      <c r="L21469" s="5" t="s">
        <v>69038</v>
      </c>
      <c r="M21469" s="2" t="s">
        <v>69039</v>
      </c>
      <c r="N21469" s="5" t="s">
        <v>1521</v>
      </c>
      <c r="O21469" s="5" t="s">
        <v>38</v>
      </c>
      <c r="P21469" s="5" t="s">
        <v>39</v>
      </c>
      <c r="Q21469" s="5" t="s">
        <v>40</v>
      </c>
      <c r="R21469" s="5" t="s">
        <v>1522</v>
      </c>
      <c r="S21469" s="5" t="s">
        <v>1523</v>
      </c>
      <c r="T21469" s="5" t="s">
        <v>42</v>
      </c>
      <c r="U21469" s="2">
        <v>0.92</v>
      </c>
      <c r="V21469" s="2">
        <v>0.66300000000000003</v>
      </c>
      <c r="W21469" s="2">
        <v>6.0000000000000001E-3</v>
      </c>
      <c r="X21469" s="2">
        <v>76.900000000000006</v>
      </c>
      <c r="Y21469" s="2">
        <v>7.6</v>
      </c>
      <c r="Z21469" s="2">
        <v>10.6</v>
      </c>
      <c r="AA21469" s="5"/>
      <c r="AB21469" s="5" t="s">
        <v>43</v>
      </c>
      <c r="AC21469" s="5" t="s">
        <v>44</v>
      </c>
      <c r="AD21469" s="2"/>
      <c r="AE21469" s="1"/>
    </row>
    <row r="21470" spans="1:31" ht="14.45">
      <c r="A21470" s="11"/>
      <c r="B21470" s="20"/>
      <c r="C21470" s="2" t="s">
        <v>69278</v>
      </c>
      <c r="D21470" s="14" t="s">
        <v>69279</v>
      </c>
      <c r="E21470" s="2" t="s">
        <v>69280</v>
      </c>
      <c r="F21470" s="2" t="s">
        <v>7611</v>
      </c>
      <c r="G21470" s="8">
        <v>92</v>
      </c>
      <c r="H21470" s="5">
        <v>6</v>
      </c>
      <c r="I21470" s="5" t="s">
        <v>1518</v>
      </c>
      <c r="J21470" s="5" t="s">
        <v>69038</v>
      </c>
      <c r="K21470" s="2" t="s">
        <v>69039</v>
      </c>
      <c r="L21470" s="5" t="s">
        <v>69038</v>
      </c>
      <c r="M21470" s="2" t="s">
        <v>69039</v>
      </c>
      <c r="N21470" s="5" t="s">
        <v>1521</v>
      </c>
      <c r="O21470" s="5" t="s">
        <v>38</v>
      </c>
      <c r="P21470" s="5" t="s">
        <v>39</v>
      </c>
      <c r="Q21470" s="5" t="s">
        <v>40</v>
      </c>
      <c r="R21470" s="5" t="s">
        <v>1522</v>
      </c>
      <c r="S21470" s="5" t="s">
        <v>1523</v>
      </c>
      <c r="T21470" s="5" t="s">
        <v>42</v>
      </c>
      <c r="U21470" s="2">
        <v>0.96</v>
      </c>
      <c r="V21470" s="2">
        <v>0.70299999999999996</v>
      </c>
      <c r="W21470" s="2">
        <v>6.0000000000000001E-3</v>
      </c>
      <c r="X21470" s="2">
        <v>76.900000000000006</v>
      </c>
      <c r="Y21470" s="2">
        <v>7.6</v>
      </c>
      <c r="Z21470" s="2">
        <v>10.6</v>
      </c>
      <c r="AA21470" s="5"/>
      <c r="AB21470" s="5" t="s">
        <v>43</v>
      </c>
      <c r="AC21470" s="5" t="s">
        <v>44</v>
      </c>
      <c r="AD21470" s="2"/>
      <c r="AE21470" s="1"/>
    </row>
    <row r="21471" spans="1:31" ht="14.45">
      <c r="A21471" s="11"/>
      <c r="B21471" s="20"/>
      <c r="C21471" s="2" t="s">
        <v>69281</v>
      </c>
      <c r="D21471" s="14" t="s">
        <v>69282</v>
      </c>
      <c r="E21471" s="2" t="s">
        <v>69283</v>
      </c>
      <c r="F21471" s="2" t="s">
        <v>7619</v>
      </c>
      <c r="G21471" s="8">
        <v>92</v>
      </c>
      <c r="H21471" s="5">
        <v>6</v>
      </c>
      <c r="I21471" s="5" t="s">
        <v>1518</v>
      </c>
      <c r="J21471" s="5" t="s">
        <v>69038</v>
      </c>
      <c r="K21471" s="2" t="s">
        <v>69039</v>
      </c>
      <c r="L21471" s="5" t="s">
        <v>69038</v>
      </c>
      <c r="M21471" s="2" t="s">
        <v>69039</v>
      </c>
      <c r="N21471" s="5" t="s">
        <v>1521</v>
      </c>
      <c r="O21471" s="5" t="s">
        <v>38</v>
      </c>
      <c r="P21471" s="5" t="s">
        <v>39</v>
      </c>
      <c r="Q21471" s="5" t="s">
        <v>40</v>
      </c>
      <c r="R21471" s="5" t="s">
        <v>1522</v>
      </c>
      <c r="S21471" s="5" t="s">
        <v>1523</v>
      </c>
      <c r="T21471" s="5" t="s">
        <v>42</v>
      </c>
      <c r="U21471" s="2">
        <v>0.96</v>
      </c>
      <c r="V21471" s="2">
        <v>0.70299999999999996</v>
      </c>
      <c r="W21471" s="2">
        <v>6.0000000000000001E-3</v>
      </c>
      <c r="X21471" s="2">
        <v>76.900000000000006</v>
      </c>
      <c r="Y21471" s="2">
        <v>7.6</v>
      </c>
      <c r="Z21471" s="2">
        <v>10.6</v>
      </c>
      <c r="AA21471" s="5"/>
      <c r="AB21471" s="5" t="s">
        <v>43</v>
      </c>
      <c r="AC21471" s="5" t="s">
        <v>44</v>
      </c>
      <c r="AD21471" s="2"/>
      <c r="AE21471" s="1"/>
    </row>
    <row r="21472" spans="1:31" ht="14.45">
      <c r="A21472" s="11"/>
      <c r="B21472" s="20"/>
      <c r="C21472" s="2" t="s">
        <v>69284</v>
      </c>
      <c r="D21472" s="14" t="s">
        <v>69285</v>
      </c>
      <c r="E21472" s="2" t="s">
        <v>69286</v>
      </c>
      <c r="F21472" s="2" t="s">
        <v>7410</v>
      </c>
      <c r="G21472" s="8">
        <v>92</v>
      </c>
      <c r="H21472" s="5">
        <v>6</v>
      </c>
      <c r="I21472" s="5" t="s">
        <v>1518</v>
      </c>
      <c r="J21472" s="5" t="s">
        <v>69038</v>
      </c>
      <c r="K21472" s="2" t="s">
        <v>69039</v>
      </c>
      <c r="L21472" s="5" t="s">
        <v>69038</v>
      </c>
      <c r="M21472" s="2" t="s">
        <v>69039</v>
      </c>
      <c r="N21472" s="5" t="s">
        <v>1521</v>
      </c>
      <c r="O21472" s="5" t="s">
        <v>38</v>
      </c>
      <c r="P21472" s="5" t="s">
        <v>39</v>
      </c>
      <c r="Q21472" s="5" t="s">
        <v>40</v>
      </c>
      <c r="R21472" s="5" t="s">
        <v>1522</v>
      </c>
      <c r="S21472" s="5" t="s">
        <v>1523</v>
      </c>
      <c r="T21472" s="5" t="s">
        <v>42</v>
      </c>
      <c r="U21472" s="2">
        <v>0.92</v>
      </c>
      <c r="V21472" s="2">
        <v>0.66300000000000003</v>
      </c>
      <c r="W21472" s="2">
        <v>6.0000000000000001E-3</v>
      </c>
      <c r="X21472" s="2">
        <v>76.900000000000006</v>
      </c>
      <c r="Y21472" s="2">
        <v>7.6</v>
      </c>
      <c r="Z21472" s="2">
        <v>10.6</v>
      </c>
      <c r="AA21472" s="5"/>
      <c r="AB21472" s="5" t="s">
        <v>43</v>
      </c>
      <c r="AC21472" s="5" t="s">
        <v>44</v>
      </c>
      <c r="AD21472" s="2"/>
      <c r="AE21472" s="1"/>
    </row>
    <row r="21473" spans="1:31" ht="14.45">
      <c r="A21473" s="11"/>
      <c r="B21473" s="20"/>
      <c r="C21473" s="2" t="s">
        <v>69287</v>
      </c>
      <c r="D21473" s="14" t="s">
        <v>69288</v>
      </c>
      <c r="E21473" s="2" t="s">
        <v>69289</v>
      </c>
      <c r="F21473" s="2" t="s">
        <v>7604</v>
      </c>
      <c r="G21473" s="8">
        <v>92</v>
      </c>
      <c r="H21473" s="5">
        <v>6</v>
      </c>
      <c r="I21473" s="5" t="s">
        <v>1518</v>
      </c>
      <c r="J21473" s="5" t="s">
        <v>69038</v>
      </c>
      <c r="K21473" s="2" t="s">
        <v>69039</v>
      </c>
      <c r="L21473" s="5" t="s">
        <v>69038</v>
      </c>
      <c r="M21473" s="2" t="s">
        <v>69039</v>
      </c>
      <c r="N21473" s="5" t="s">
        <v>1521</v>
      </c>
      <c r="O21473" s="5" t="s">
        <v>38</v>
      </c>
      <c r="P21473" s="5" t="s">
        <v>39</v>
      </c>
      <c r="Q21473" s="5" t="s">
        <v>40</v>
      </c>
      <c r="R21473" s="5" t="s">
        <v>1522</v>
      </c>
      <c r="S21473" s="5" t="s">
        <v>1523</v>
      </c>
      <c r="T21473" s="5" t="s">
        <v>42</v>
      </c>
      <c r="U21473" s="2">
        <v>0.96</v>
      </c>
      <c r="V21473" s="2">
        <v>0.70299999999999996</v>
      </c>
      <c r="W21473" s="2">
        <v>6.0000000000000001E-3</v>
      </c>
      <c r="X21473" s="2">
        <v>76.900000000000006</v>
      </c>
      <c r="Y21473" s="2">
        <v>7.6</v>
      </c>
      <c r="Z21473" s="2">
        <v>10.6</v>
      </c>
      <c r="AA21473" s="5"/>
      <c r="AB21473" s="5" t="s">
        <v>43</v>
      </c>
      <c r="AC21473" s="5" t="s">
        <v>44</v>
      </c>
      <c r="AD21473" s="2"/>
      <c r="AE21473" s="1"/>
    </row>
    <row r="21474" spans="1:31" ht="14.45">
      <c r="A21474" s="11"/>
      <c r="B21474" s="20"/>
      <c r="C21474" s="2" t="s">
        <v>69290</v>
      </c>
      <c r="D21474" s="14" t="s">
        <v>69291</v>
      </c>
      <c r="E21474" s="2" t="s">
        <v>69292</v>
      </c>
      <c r="F21474" s="2" t="s">
        <v>7212</v>
      </c>
      <c r="G21474" s="8">
        <v>80</v>
      </c>
      <c r="H21474" s="5">
        <v>6</v>
      </c>
      <c r="I21474" s="5" t="s">
        <v>1518</v>
      </c>
      <c r="J21474" s="5" t="s">
        <v>69038</v>
      </c>
      <c r="K21474" s="2" t="s">
        <v>69039</v>
      </c>
      <c r="L21474" s="5" t="s">
        <v>69038</v>
      </c>
      <c r="M21474" s="2" t="s">
        <v>69039</v>
      </c>
      <c r="N21474" s="5" t="s">
        <v>1521</v>
      </c>
      <c r="O21474" s="5" t="s">
        <v>38</v>
      </c>
      <c r="P21474" s="5" t="s">
        <v>39</v>
      </c>
      <c r="Q21474" s="5" t="s">
        <v>40</v>
      </c>
      <c r="R21474" s="5" t="s">
        <v>1522</v>
      </c>
      <c r="S21474" s="5" t="s">
        <v>1523</v>
      </c>
      <c r="T21474" s="5" t="s">
        <v>42</v>
      </c>
      <c r="U21474" s="2">
        <v>0.92</v>
      </c>
      <c r="V21474" s="2">
        <v>0.66300000000000003</v>
      </c>
      <c r="W21474" s="2">
        <v>6.0000000000000001E-3</v>
      </c>
      <c r="X21474" s="2">
        <v>76.900000000000006</v>
      </c>
      <c r="Y21474" s="2">
        <v>7.6</v>
      </c>
      <c r="Z21474" s="2">
        <v>10.6</v>
      </c>
      <c r="AA21474" s="5"/>
      <c r="AB21474" s="5" t="s">
        <v>43</v>
      </c>
      <c r="AC21474" s="5" t="s">
        <v>44</v>
      </c>
      <c r="AD21474" s="2"/>
      <c r="AE21474" s="1"/>
    </row>
    <row r="21475" spans="1:31" ht="14.45">
      <c r="A21475" s="11"/>
      <c r="B21475" s="20"/>
      <c r="C21475" s="2" t="s">
        <v>69293</v>
      </c>
      <c r="D21475" s="14" t="s">
        <v>69294</v>
      </c>
      <c r="E21475" s="2" t="s">
        <v>69295</v>
      </c>
      <c r="F21475" s="2" t="s">
        <v>7528</v>
      </c>
      <c r="G21475" s="8">
        <v>80</v>
      </c>
      <c r="H21475" s="5">
        <v>6</v>
      </c>
      <c r="I21475" s="5" t="s">
        <v>1518</v>
      </c>
      <c r="J21475" s="5" t="s">
        <v>69038</v>
      </c>
      <c r="K21475" s="2" t="s">
        <v>69039</v>
      </c>
      <c r="L21475" s="5" t="s">
        <v>69038</v>
      </c>
      <c r="M21475" s="2" t="s">
        <v>69039</v>
      </c>
      <c r="N21475" s="5" t="s">
        <v>1521</v>
      </c>
      <c r="O21475" s="5" t="s">
        <v>38</v>
      </c>
      <c r="P21475" s="5" t="s">
        <v>39</v>
      </c>
      <c r="Q21475" s="5" t="s">
        <v>40</v>
      </c>
      <c r="R21475" s="5" t="s">
        <v>1522</v>
      </c>
      <c r="S21475" s="5" t="s">
        <v>1523</v>
      </c>
      <c r="T21475" s="5" t="s">
        <v>42</v>
      </c>
      <c r="U21475" s="2">
        <v>0.96</v>
      </c>
      <c r="V21475" s="2">
        <v>0.70299999999999996</v>
      </c>
      <c r="W21475" s="2">
        <v>6.0000000000000001E-3</v>
      </c>
      <c r="X21475" s="2">
        <v>76.900000000000006</v>
      </c>
      <c r="Y21475" s="2">
        <v>7.6</v>
      </c>
      <c r="Z21475" s="2">
        <v>10.6</v>
      </c>
      <c r="AA21475" s="5"/>
      <c r="AB21475" s="5" t="s">
        <v>43</v>
      </c>
      <c r="AC21475" s="5" t="s">
        <v>44</v>
      </c>
      <c r="AD21475" s="2"/>
      <c r="AE21475" s="1"/>
    </row>
    <row r="21476" spans="1:31" ht="14.45">
      <c r="A21476" s="11"/>
      <c r="B21476" s="20"/>
      <c r="C21476" s="2" t="s">
        <v>69296</v>
      </c>
      <c r="D21476" s="14" t="s">
        <v>69297</v>
      </c>
      <c r="E21476" s="2" t="s">
        <v>69298</v>
      </c>
      <c r="F21476" s="2" t="s">
        <v>1863</v>
      </c>
      <c r="G21476" s="8">
        <v>92</v>
      </c>
      <c r="H21476" s="5">
        <v>6</v>
      </c>
      <c r="I21476" s="5" t="s">
        <v>1518</v>
      </c>
      <c r="J21476" s="5" t="s">
        <v>69038</v>
      </c>
      <c r="K21476" s="2" t="s">
        <v>69039</v>
      </c>
      <c r="L21476" s="5" t="s">
        <v>69038</v>
      </c>
      <c r="M21476" s="2" t="s">
        <v>69039</v>
      </c>
      <c r="N21476" s="5" t="s">
        <v>1521</v>
      </c>
      <c r="O21476" s="5" t="s">
        <v>38</v>
      </c>
      <c r="P21476" s="5" t="s">
        <v>39</v>
      </c>
      <c r="Q21476" s="5" t="s">
        <v>40</v>
      </c>
      <c r="R21476" s="5" t="s">
        <v>1522</v>
      </c>
      <c r="S21476" s="5" t="s">
        <v>1523</v>
      </c>
      <c r="T21476" s="5" t="s">
        <v>42</v>
      </c>
      <c r="U21476" s="2">
        <v>0.92</v>
      </c>
      <c r="V21476" s="2">
        <v>0.66300000000000003</v>
      </c>
      <c r="W21476" s="2">
        <v>6.0000000000000001E-3</v>
      </c>
      <c r="X21476" s="2">
        <v>76.900000000000006</v>
      </c>
      <c r="Y21476" s="2">
        <v>7.6</v>
      </c>
      <c r="Z21476" s="2">
        <v>10.6</v>
      </c>
      <c r="AA21476" s="5"/>
      <c r="AB21476" s="5" t="s">
        <v>43</v>
      </c>
      <c r="AC21476" s="5" t="s">
        <v>44</v>
      </c>
      <c r="AD21476" s="2"/>
      <c r="AE21476" s="1"/>
    </row>
    <row r="21477" spans="1:31" ht="14.45">
      <c r="A21477" s="11"/>
      <c r="B21477" s="20"/>
      <c r="C21477" s="2" t="s">
        <v>69299</v>
      </c>
      <c r="D21477" s="14" t="s">
        <v>69300</v>
      </c>
      <c r="E21477" s="2" t="s">
        <v>69301</v>
      </c>
      <c r="F21477" s="2" t="s">
        <v>1867</v>
      </c>
      <c r="G21477" s="8">
        <v>92</v>
      </c>
      <c r="H21477" s="5">
        <v>6</v>
      </c>
      <c r="I21477" s="5" t="s">
        <v>1518</v>
      </c>
      <c r="J21477" s="5" t="s">
        <v>69038</v>
      </c>
      <c r="K21477" s="2" t="s">
        <v>69039</v>
      </c>
      <c r="L21477" s="5" t="s">
        <v>69038</v>
      </c>
      <c r="M21477" s="2" t="s">
        <v>69039</v>
      </c>
      <c r="N21477" s="5" t="s">
        <v>1521</v>
      </c>
      <c r="O21477" s="5" t="s">
        <v>38</v>
      </c>
      <c r="P21477" s="5" t="s">
        <v>39</v>
      </c>
      <c r="Q21477" s="5" t="s">
        <v>40</v>
      </c>
      <c r="R21477" s="5" t="s">
        <v>1522</v>
      </c>
      <c r="S21477" s="5" t="s">
        <v>1523</v>
      </c>
      <c r="T21477" s="5" t="s">
        <v>42</v>
      </c>
      <c r="U21477" s="2">
        <v>0.96</v>
      </c>
      <c r="V21477" s="2">
        <v>0.70299999999999996</v>
      </c>
      <c r="W21477" s="2">
        <v>6.0000000000000001E-3</v>
      </c>
      <c r="X21477" s="2">
        <v>76.900000000000006</v>
      </c>
      <c r="Y21477" s="2">
        <v>7.6</v>
      </c>
      <c r="Z21477" s="2">
        <v>10.6</v>
      </c>
      <c r="AA21477" s="5"/>
      <c r="AB21477" s="5" t="s">
        <v>43</v>
      </c>
      <c r="AC21477" s="5" t="s">
        <v>44</v>
      </c>
      <c r="AD21477" s="2"/>
      <c r="AE21477" s="1"/>
    </row>
    <row r="21478" spans="1:31" ht="14.45">
      <c r="A21478" s="11"/>
      <c r="B21478" s="20"/>
      <c r="C21478" s="2" t="s">
        <v>69302</v>
      </c>
      <c r="D21478" s="14" t="s">
        <v>69303</v>
      </c>
      <c r="E21478" s="2" t="s">
        <v>69304</v>
      </c>
      <c r="F21478" s="2" t="s">
        <v>7204</v>
      </c>
      <c r="G21478" s="8">
        <v>91</v>
      </c>
      <c r="H21478" s="5">
        <v>6</v>
      </c>
      <c r="I21478" s="5" t="s">
        <v>1518</v>
      </c>
      <c r="J21478" s="5" t="s">
        <v>69038</v>
      </c>
      <c r="K21478" s="2" t="s">
        <v>69039</v>
      </c>
      <c r="L21478" s="5" t="s">
        <v>69038</v>
      </c>
      <c r="M21478" s="2" t="s">
        <v>69039</v>
      </c>
      <c r="N21478" s="5" t="s">
        <v>1521</v>
      </c>
      <c r="O21478" s="5" t="s">
        <v>38</v>
      </c>
      <c r="P21478" s="5" t="s">
        <v>39</v>
      </c>
      <c r="Q21478" s="5" t="s">
        <v>40</v>
      </c>
      <c r="R21478" s="5" t="s">
        <v>1522</v>
      </c>
      <c r="S21478" s="5" t="s">
        <v>1523</v>
      </c>
      <c r="T21478" s="5" t="s">
        <v>42</v>
      </c>
      <c r="U21478" s="2">
        <v>1.069</v>
      </c>
      <c r="V21478" s="2">
        <v>0.76</v>
      </c>
      <c r="W21478" s="2">
        <v>7.0000000000000001E-3</v>
      </c>
      <c r="X21478" s="2">
        <v>82.9</v>
      </c>
      <c r="Y21478" s="2">
        <v>7.6</v>
      </c>
      <c r="Z21478" s="2">
        <v>10.6</v>
      </c>
      <c r="AA21478" s="5"/>
      <c r="AB21478" s="5" t="s">
        <v>43</v>
      </c>
      <c r="AC21478" s="5" t="s">
        <v>44</v>
      </c>
      <c r="AD21478" s="2"/>
      <c r="AE21478" s="1"/>
    </row>
    <row r="21479" spans="1:31" ht="14.45">
      <c r="A21479" s="11"/>
      <c r="B21479" s="20"/>
      <c r="C21479" s="2" t="s">
        <v>69305</v>
      </c>
      <c r="D21479" s="14" t="s">
        <v>69306</v>
      </c>
      <c r="E21479" s="2" t="s">
        <v>69307</v>
      </c>
      <c r="F21479" s="2" t="s">
        <v>7514</v>
      </c>
      <c r="G21479" s="8">
        <v>91</v>
      </c>
      <c r="H21479" s="5">
        <v>6</v>
      </c>
      <c r="I21479" s="5" t="s">
        <v>1518</v>
      </c>
      <c r="J21479" s="5" t="s">
        <v>69038</v>
      </c>
      <c r="K21479" s="2" t="s">
        <v>69039</v>
      </c>
      <c r="L21479" s="5" t="s">
        <v>69038</v>
      </c>
      <c r="M21479" s="2" t="s">
        <v>69039</v>
      </c>
      <c r="N21479" s="5" t="s">
        <v>1521</v>
      </c>
      <c r="O21479" s="5" t="s">
        <v>38</v>
      </c>
      <c r="P21479" s="5" t="s">
        <v>39</v>
      </c>
      <c r="Q21479" s="5" t="s">
        <v>40</v>
      </c>
      <c r="R21479" s="5" t="s">
        <v>1522</v>
      </c>
      <c r="S21479" s="5" t="s">
        <v>1523</v>
      </c>
      <c r="T21479" s="5" t="s">
        <v>42</v>
      </c>
      <c r="U21479" s="2">
        <v>1.119</v>
      </c>
      <c r="V21479" s="2">
        <v>0.81</v>
      </c>
      <c r="W21479" s="2">
        <v>7.0000000000000001E-3</v>
      </c>
      <c r="X21479" s="2">
        <v>82.9</v>
      </c>
      <c r="Y21479" s="2">
        <v>7.6</v>
      </c>
      <c r="Z21479" s="2">
        <v>10.6</v>
      </c>
      <c r="AA21479" s="5"/>
      <c r="AB21479" s="5" t="s">
        <v>43</v>
      </c>
      <c r="AC21479" s="5" t="s">
        <v>44</v>
      </c>
      <c r="AD21479" s="2"/>
      <c r="AE21479" s="1"/>
    </row>
    <row r="21480" spans="1:31" ht="14.45">
      <c r="A21480" s="11"/>
      <c r="B21480" s="20"/>
      <c r="C21480" s="2" t="s">
        <v>69308</v>
      </c>
      <c r="D21480" s="14" t="s">
        <v>69309</v>
      </c>
      <c r="E21480" s="2" t="s">
        <v>69310</v>
      </c>
      <c r="F21480" s="2" t="s">
        <v>7208</v>
      </c>
      <c r="G21480" s="8">
        <v>91</v>
      </c>
      <c r="H21480" s="5">
        <v>6</v>
      </c>
      <c r="I21480" s="5" t="s">
        <v>1518</v>
      </c>
      <c r="J21480" s="5" t="s">
        <v>69038</v>
      </c>
      <c r="K21480" s="2" t="s">
        <v>69039</v>
      </c>
      <c r="L21480" s="5" t="s">
        <v>69038</v>
      </c>
      <c r="M21480" s="2" t="s">
        <v>69039</v>
      </c>
      <c r="N21480" s="5" t="s">
        <v>1521</v>
      </c>
      <c r="O21480" s="5" t="s">
        <v>38</v>
      </c>
      <c r="P21480" s="5" t="s">
        <v>39</v>
      </c>
      <c r="Q21480" s="5" t="s">
        <v>40</v>
      </c>
      <c r="R21480" s="5" t="s">
        <v>1522</v>
      </c>
      <c r="S21480" s="5" t="s">
        <v>1523</v>
      </c>
      <c r="T21480" s="5" t="s">
        <v>42</v>
      </c>
      <c r="U21480" s="2">
        <v>1.069</v>
      </c>
      <c r="V21480" s="2">
        <v>0.76</v>
      </c>
      <c r="W21480" s="2">
        <v>7.0000000000000001E-3</v>
      </c>
      <c r="X21480" s="2">
        <v>82.9</v>
      </c>
      <c r="Y21480" s="2">
        <v>7.6</v>
      </c>
      <c r="Z21480" s="2">
        <v>10.6</v>
      </c>
      <c r="AA21480" s="5"/>
      <c r="AB21480" s="5" t="s">
        <v>43</v>
      </c>
      <c r="AC21480" s="5" t="s">
        <v>44</v>
      </c>
      <c r="AD21480" s="2"/>
      <c r="AE21480" s="1"/>
    </row>
    <row r="21481" spans="1:31" ht="14.45">
      <c r="A21481" s="11"/>
      <c r="B21481" s="20"/>
      <c r="C21481" s="2" t="s">
        <v>69311</v>
      </c>
      <c r="D21481" s="14" t="s">
        <v>69312</v>
      </c>
      <c r="E21481" s="2" t="s">
        <v>69313</v>
      </c>
      <c r="F21481" s="2" t="s">
        <v>7521</v>
      </c>
      <c r="G21481" s="8">
        <v>91</v>
      </c>
      <c r="H21481" s="5">
        <v>6</v>
      </c>
      <c r="I21481" s="5" t="s">
        <v>1518</v>
      </c>
      <c r="J21481" s="5" t="s">
        <v>69038</v>
      </c>
      <c r="K21481" s="2" t="s">
        <v>69039</v>
      </c>
      <c r="L21481" s="5" t="s">
        <v>69038</v>
      </c>
      <c r="M21481" s="2" t="s">
        <v>69039</v>
      </c>
      <c r="N21481" s="5" t="s">
        <v>1521</v>
      </c>
      <c r="O21481" s="5" t="s">
        <v>38</v>
      </c>
      <c r="P21481" s="5" t="s">
        <v>39</v>
      </c>
      <c r="Q21481" s="5" t="s">
        <v>40</v>
      </c>
      <c r="R21481" s="5" t="s">
        <v>1522</v>
      </c>
      <c r="S21481" s="5" t="s">
        <v>1523</v>
      </c>
      <c r="T21481" s="5" t="s">
        <v>42</v>
      </c>
      <c r="U21481" s="2">
        <v>1.119</v>
      </c>
      <c r="V21481" s="2">
        <v>0.81</v>
      </c>
      <c r="W21481" s="2">
        <v>7.0000000000000001E-3</v>
      </c>
      <c r="X21481" s="2">
        <v>82.9</v>
      </c>
      <c r="Y21481" s="2">
        <v>7.6</v>
      </c>
      <c r="Z21481" s="2">
        <v>10.6</v>
      </c>
      <c r="AA21481" s="5"/>
      <c r="AB21481" s="5" t="s">
        <v>43</v>
      </c>
      <c r="AC21481" s="5" t="s">
        <v>44</v>
      </c>
      <c r="AD21481" s="2"/>
      <c r="AE21481" s="1"/>
    </row>
    <row r="21482" spans="1:31" ht="14.45">
      <c r="A21482" s="11"/>
      <c r="B21482" s="20"/>
      <c r="C21482" s="2" t="s">
        <v>69314</v>
      </c>
      <c r="D21482" s="14" t="s">
        <v>69315</v>
      </c>
      <c r="E21482" s="2" t="s">
        <v>69316</v>
      </c>
      <c r="F21482" s="2" t="s">
        <v>7406</v>
      </c>
      <c r="G21482" s="8">
        <v>105</v>
      </c>
      <c r="H21482" s="5">
        <v>6</v>
      </c>
      <c r="I21482" s="5" t="s">
        <v>1518</v>
      </c>
      <c r="J21482" s="5" t="s">
        <v>69038</v>
      </c>
      <c r="K21482" s="2" t="s">
        <v>69039</v>
      </c>
      <c r="L21482" s="5" t="s">
        <v>69038</v>
      </c>
      <c r="M21482" s="2" t="s">
        <v>69039</v>
      </c>
      <c r="N21482" s="5" t="s">
        <v>1521</v>
      </c>
      <c r="O21482" s="5" t="s">
        <v>38</v>
      </c>
      <c r="P21482" s="5" t="s">
        <v>39</v>
      </c>
      <c r="Q21482" s="5" t="s">
        <v>40</v>
      </c>
      <c r="R21482" s="5" t="s">
        <v>1522</v>
      </c>
      <c r="S21482" s="5" t="s">
        <v>1523</v>
      </c>
      <c r="T21482" s="5" t="s">
        <v>42</v>
      </c>
      <c r="U21482" s="2">
        <v>1.069</v>
      </c>
      <c r="V21482" s="2">
        <v>0.76</v>
      </c>
      <c r="W21482" s="2">
        <v>7.0000000000000001E-3</v>
      </c>
      <c r="X21482" s="2">
        <v>82.9</v>
      </c>
      <c r="Y21482" s="2">
        <v>7.6</v>
      </c>
      <c r="Z21482" s="2">
        <v>10.6</v>
      </c>
      <c r="AA21482" s="5"/>
      <c r="AB21482" s="5" t="s">
        <v>43</v>
      </c>
      <c r="AC21482" s="5" t="s">
        <v>44</v>
      </c>
      <c r="AD21482" s="2"/>
      <c r="AE21482" s="1"/>
    </row>
    <row r="21483" spans="1:31" ht="14.45">
      <c r="A21483" s="11"/>
      <c r="B21483" s="20"/>
      <c r="C21483" s="2" t="s">
        <v>69317</v>
      </c>
      <c r="D21483" s="14" t="s">
        <v>69318</v>
      </c>
      <c r="E21483" s="2" t="s">
        <v>69319</v>
      </c>
      <c r="F21483" s="2" t="s">
        <v>7535</v>
      </c>
      <c r="G21483" s="8">
        <v>105</v>
      </c>
      <c r="H21483" s="5">
        <v>6</v>
      </c>
      <c r="I21483" s="5" t="s">
        <v>1518</v>
      </c>
      <c r="J21483" s="5" t="s">
        <v>69038</v>
      </c>
      <c r="K21483" s="2" t="s">
        <v>69039</v>
      </c>
      <c r="L21483" s="5" t="s">
        <v>69038</v>
      </c>
      <c r="M21483" s="2" t="s">
        <v>69039</v>
      </c>
      <c r="N21483" s="5" t="s">
        <v>1521</v>
      </c>
      <c r="O21483" s="5" t="s">
        <v>38</v>
      </c>
      <c r="P21483" s="5" t="s">
        <v>39</v>
      </c>
      <c r="Q21483" s="5" t="s">
        <v>40</v>
      </c>
      <c r="R21483" s="5" t="s">
        <v>1522</v>
      </c>
      <c r="S21483" s="5" t="s">
        <v>1523</v>
      </c>
      <c r="T21483" s="5" t="s">
        <v>42</v>
      </c>
      <c r="U21483" s="2">
        <v>1.119</v>
      </c>
      <c r="V21483" s="2">
        <v>0.81</v>
      </c>
      <c r="W21483" s="2">
        <v>7.0000000000000001E-3</v>
      </c>
      <c r="X21483" s="2">
        <v>82.9</v>
      </c>
      <c r="Y21483" s="2">
        <v>7.6</v>
      </c>
      <c r="Z21483" s="2">
        <v>10.6</v>
      </c>
      <c r="AA21483" s="5"/>
      <c r="AB21483" s="5" t="s">
        <v>43</v>
      </c>
      <c r="AC21483" s="5" t="s">
        <v>44</v>
      </c>
      <c r="AD21483" s="2"/>
      <c r="AE21483" s="1"/>
    </row>
    <row r="21484" spans="1:31" ht="14.45">
      <c r="A21484" s="11"/>
      <c r="B21484" s="20"/>
      <c r="C21484" s="2" t="s">
        <v>69320</v>
      </c>
      <c r="D21484" s="14" t="s">
        <v>69321</v>
      </c>
      <c r="E21484" s="2" t="s">
        <v>69322</v>
      </c>
      <c r="F21484" s="2" t="s">
        <v>7539</v>
      </c>
      <c r="G21484" s="8">
        <v>105</v>
      </c>
      <c r="H21484" s="5">
        <v>6</v>
      </c>
      <c r="I21484" s="5" t="s">
        <v>1518</v>
      </c>
      <c r="J21484" s="5" t="s">
        <v>69038</v>
      </c>
      <c r="K21484" s="2" t="s">
        <v>69039</v>
      </c>
      <c r="L21484" s="5" t="s">
        <v>69038</v>
      </c>
      <c r="M21484" s="2" t="s">
        <v>69039</v>
      </c>
      <c r="N21484" s="5" t="s">
        <v>1521</v>
      </c>
      <c r="O21484" s="5" t="s">
        <v>38</v>
      </c>
      <c r="P21484" s="5" t="s">
        <v>39</v>
      </c>
      <c r="Q21484" s="5" t="s">
        <v>40</v>
      </c>
      <c r="R21484" s="5" t="s">
        <v>1522</v>
      </c>
      <c r="S21484" s="5" t="s">
        <v>1523</v>
      </c>
      <c r="T21484" s="5" t="s">
        <v>42</v>
      </c>
      <c r="U21484" s="2">
        <v>1.069</v>
      </c>
      <c r="V21484" s="2">
        <v>0.76</v>
      </c>
      <c r="W21484" s="2">
        <v>7.0000000000000001E-3</v>
      </c>
      <c r="X21484" s="2">
        <v>82.9</v>
      </c>
      <c r="Y21484" s="2">
        <v>7.6</v>
      </c>
      <c r="Z21484" s="2">
        <v>10.6</v>
      </c>
      <c r="AA21484" s="5"/>
      <c r="AB21484" s="5" t="s">
        <v>43</v>
      </c>
      <c r="AC21484" s="5" t="s">
        <v>44</v>
      </c>
      <c r="AD21484" s="2"/>
      <c r="AE21484" s="1"/>
    </row>
    <row r="21485" spans="1:31" ht="14.45">
      <c r="A21485" s="11"/>
      <c r="B21485" s="20"/>
      <c r="C21485" s="2" t="s">
        <v>69323</v>
      </c>
      <c r="D21485" s="14" t="s">
        <v>69324</v>
      </c>
      <c r="E21485" s="2" t="s">
        <v>69325</v>
      </c>
      <c r="F21485" s="2" t="s">
        <v>7543</v>
      </c>
      <c r="G21485" s="8">
        <v>105</v>
      </c>
      <c r="H21485" s="5">
        <v>6</v>
      </c>
      <c r="I21485" s="5" t="s">
        <v>1518</v>
      </c>
      <c r="J21485" s="5" t="s">
        <v>69038</v>
      </c>
      <c r="K21485" s="2" t="s">
        <v>69039</v>
      </c>
      <c r="L21485" s="5" t="s">
        <v>69038</v>
      </c>
      <c r="M21485" s="2" t="s">
        <v>69039</v>
      </c>
      <c r="N21485" s="5" t="s">
        <v>1521</v>
      </c>
      <c r="O21485" s="5" t="s">
        <v>38</v>
      </c>
      <c r="P21485" s="5" t="s">
        <v>39</v>
      </c>
      <c r="Q21485" s="5" t="s">
        <v>40</v>
      </c>
      <c r="R21485" s="5" t="s">
        <v>1522</v>
      </c>
      <c r="S21485" s="5" t="s">
        <v>1523</v>
      </c>
      <c r="T21485" s="5" t="s">
        <v>42</v>
      </c>
      <c r="U21485" s="2">
        <v>1.119</v>
      </c>
      <c r="V21485" s="2">
        <v>0.81</v>
      </c>
      <c r="W21485" s="2">
        <v>7.0000000000000001E-3</v>
      </c>
      <c r="X21485" s="2">
        <v>82.9</v>
      </c>
      <c r="Y21485" s="2">
        <v>7.6</v>
      </c>
      <c r="Z21485" s="2">
        <v>10.6</v>
      </c>
      <c r="AA21485" s="5"/>
      <c r="AB21485" s="5" t="s">
        <v>43</v>
      </c>
      <c r="AC21485" s="5" t="s">
        <v>44</v>
      </c>
      <c r="AD21485" s="2"/>
      <c r="AE21485" s="1"/>
    </row>
    <row r="21486" spans="1:31" ht="14.45">
      <c r="A21486" s="11"/>
      <c r="B21486" s="20"/>
      <c r="C21486" s="2" t="s">
        <v>69326</v>
      </c>
      <c r="D21486" s="14" t="s">
        <v>69327</v>
      </c>
      <c r="E21486" s="2" t="s">
        <v>69328</v>
      </c>
      <c r="F21486" s="2" t="s">
        <v>7396</v>
      </c>
      <c r="G21486" s="8">
        <v>91</v>
      </c>
      <c r="H21486" s="5">
        <v>6</v>
      </c>
      <c r="I21486" s="5" t="s">
        <v>1518</v>
      </c>
      <c r="J21486" s="5" t="s">
        <v>69038</v>
      </c>
      <c r="K21486" s="2" t="s">
        <v>69039</v>
      </c>
      <c r="L21486" s="5" t="s">
        <v>69038</v>
      </c>
      <c r="M21486" s="2" t="s">
        <v>69039</v>
      </c>
      <c r="N21486" s="5" t="s">
        <v>1521</v>
      </c>
      <c r="O21486" s="5" t="s">
        <v>38</v>
      </c>
      <c r="P21486" s="5" t="s">
        <v>39</v>
      </c>
      <c r="Q21486" s="5" t="s">
        <v>40</v>
      </c>
      <c r="R21486" s="5" t="s">
        <v>1522</v>
      </c>
      <c r="S21486" s="5" t="s">
        <v>1523</v>
      </c>
      <c r="T21486" s="5" t="s">
        <v>42</v>
      </c>
      <c r="U21486" s="2">
        <v>1.069</v>
      </c>
      <c r="V21486" s="2">
        <v>0.76</v>
      </c>
      <c r="W21486" s="2">
        <v>7.0000000000000001E-3</v>
      </c>
      <c r="X21486" s="2">
        <v>82.9</v>
      </c>
      <c r="Y21486" s="2">
        <v>7.6</v>
      </c>
      <c r="Z21486" s="2">
        <v>10.6</v>
      </c>
      <c r="AA21486" s="5"/>
      <c r="AB21486" s="5" t="s">
        <v>43</v>
      </c>
      <c r="AC21486" s="5" t="s">
        <v>44</v>
      </c>
      <c r="AD21486" s="2"/>
      <c r="AE21486" s="1"/>
    </row>
    <row r="21487" spans="1:31" ht="14.45">
      <c r="A21487" s="11"/>
      <c r="B21487" s="20"/>
      <c r="C21487" s="2" t="s">
        <v>69329</v>
      </c>
      <c r="D21487" s="14" t="s">
        <v>69330</v>
      </c>
      <c r="E21487" s="2" t="s">
        <v>69331</v>
      </c>
      <c r="F21487" s="2" t="s">
        <v>69112</v>
      </c>
      <c r="G21487" s="8">
        <v>91</v>
      </c>
      <c r="H21487" s="5">
        <v>6</v>
      </c>
      <c r="I21487" s="5" t="s">
        <v>1518</v>
      </c>
      <c r="J21487" s="5" t="s">
        <v>69038</v>
      </c>
      <c r="K21487" s="2" t="s">
        <v>69039</v>
      </c>
      <c r="L21487" s="5" t="s">
        <v>69038</v>
      </c>
      <c r="M21487" s="2" t="s">
        <v>69039</v>
      </c>
      <c r="N21487" s="5" t="s">
        <v>1521</v>
      </c>
      <c r="O21487" s="5" t="s">
        <v>38</v>
      </c>
      <c r="P21487" s="5" t="s">
        <v>39</v>
      </c>
      <c r="Q21487" s="5" t="s">
        <v>40</v>
      </c>
      <c r="R21487" s="5" t="s">
        <v>1522</v>
      </c>
      <c r="S21487" s="5" t="s">
        <v>1523</v>
      </c>
      <c r="T21487" s="5" t="s">
        <v>42</v>
      </c>
      <c r="U21487" s="2">
        <v>1.119</v>
      </c>
      <c r="V21487" s="2">
        <v>0.81</v>
      </c>
      <c r="W21487" s="2">
        <v>7.0000000000000001E-3</v>
      </c>
      <c r="X21487" s="2">
        <v>82.9</v>
      </c>
      <c r="Y21487" s="2">
        <v>7.6</v>
      </c>
      <c r="Z21487" s="2">
        <v>10.6</v>
      </c>
      <c r="AA21487" s="5"/>
      <c r="AB21487" s="5" t="s">
        <v>43</v>
      </c>
      <c r="AC21487" s="5" t="s">
        <v>44</v>
      </c>
      <c r="AD21487" s="2"/>
      <c r="AE21487" s="1"/>
    </row>
    <row r="21488" spans="1:31" ht="14.45">
      <c r="A21488" s="11"/>
      <c r="B21488" s="20"/>
      <c r="C21488" s="2" t="s">
        <v>69332</v>
      </c>
      <c r="D21488" s="14" t="s">
        <v>69333</v>
      </c>
      <c r="E21488" s="2" t="s">
        <v>69334</v>
      </c>
      <c r="F21488" s="2" t="s">
        <v>7563</v>
      </c>
      <c r="G21488" s="8">
        <v>105</v>
      </c>
      <c r="H21488" s="5">
        <v>6</v>
      </c>
      <c r="I21488" s="5" t="s">
        <v>1518</v>
      </c>
      <c r="J21488" s="5" t="s">
        <v>69038</v>
      </c>
      <c r="K21488" s="2" t="s">
        <v>69039</v>
      </c>
      <c r="L21488" s="5" t="s">
        <v>69038</v>
      </c>
      <c r="M21488" s="2" t="s">
        <v>69039</v>
      </c>
      <c r="N21488" s="5" t="s">
        <v>1521</v>
      </c>
      <c r="O21488" s="5" t="s">
        <v>38</v>
      </c>
      <c r="P21488" s="5" t="s">
        <v>39</v>
      </c>
      <c r="Q21488" s="5" t="s">
        <v>40</v>
      </c>
      <c r="R21488" s="5" t="s">
        <v>1522</v>
      </c>
      <c r="S21488" s="5" t="s">
        <v>1523</v>
      </c>
      <c r="T21488" s="5" t="s">
        <v>42</v>
      </c>
      <c r="U21488" s="2">
        <v>1.069</v>
      </c>
      <c r="V21488" s="2">
        <v>0.76</v>
      </c>
      <c r="W21488" s="2">
        <v>7.0000000000000001E-3</v>
      </c>
      <c r="X21488" s="2">
        <v>82.9</v>
      </c>
      <c r="Y21488" s="2">
        <v>7.6</v>
      </c>
      <c r="Z21488" s="2">
        <v>10.6</v>
      </c>
      <c r="AA21488" s="5"/>
      <c r="AB21488" s="5" t="s">
        <v>43</v>
      </c>
      <c r="AC21488" s="5" t="s">
        <v>44</v>
      </c>
      <c r="AD21488" s="2"/>
      <c r="AE21488" s="1"/>
    </row>
    <row r="21489" spans="1:31" ht="14.45">
      <c r="A21489" s="11"/>
      <c r="B21489" s="20"/>
      <c r="C21489" s="2" t="s">
        <v>69335</v>
      </c>
      <c r="D21489" s="14" t="s">
        <v>69336</v>
      </c>
      <c r="E21489" s="2" t="s">
        <v>69337</v>
      </c>
      <c r="F21489" s="2" t="s">
        <v>7567</v>
      </c>
      <c r="G21489" s="8">
        <v>105</v>
      </c>
      <c r="H21489" s="5">
        <v>6</v>
      </c>
      <c r="I21489" s="5" t="s">
        <v>1518</v>
      </c>
      <c r="J21489" s="5" t="s">
        <v>69038</v>
      </c>
      <c r="K21489" s="2" t="s">
        <v>69039</v>
      </c>
      <c r="L21489" s="5" t="s">
        <v>69038</v>
      </c>
      <c r="M21489" s="2" t="s">
        <v>69039</v>
      </c>
      <c r="N21489" s="5" t="s">
        <v>1521</v>
      </c>
      <c r="O21489" s="5" t="s">
        <v>38</v>
      </c>
      <c r="P21489" s="5" t="s">
        <v>39</v>
      </c>
      <c r="Q21489" s="5" t="s">
        <v>40</v>
      </c>
      <c r="R21489" s="5" t="s">
        <v>1522</v>
      </c>
      <c r="S21489" s="5" t="s">
        <v>1523</v>
      </c>
      <c r="T21489" s="5" t="s">
        <v>42</v>
      </c>
      <c r="U21489" s="2">
        <v>1.119</v>
      </c>
      <c r="V21489" s="2">
        <v>0.81</v>
      </c>
      <c r="W21489" s="2">
        <v>7.0000000000000001E-3</v>
      </c>
      <c r="X21489" s="2">
        <v>82.9</v>
      </c>
      <c r="Y21489" s="2">
        <v>7.6</v>
      </c>
      <c r="Z21489" s="2">
        <v>10.6</v>
      </c>
      <c r="AA21489" s="5"/>
      <c r="AB21489" s="5" t="s">
        <v>43</v>
      </c>
      <c r="AC21489" s="5" t="s">
        <v>44</v>
      </c>
      <c r="AD21489" s="2"/>
      <c r="AE21489" s="1"/>
    </row>
    <row r="21490" spans="1:31" ht="14.45">
      <c r="A21490" s="11"/>
      <c r="B21490" s="20"/>
      <c r="C21490" s="2" t="s">
        <v>69338</v>
      </c>
      <c r="D21490" s="14" t="s">
        <v>69339</v>
      </c>
      <c r="E21490" s="2" t="s">
        <v>69340</v>
      </c>
      <c r="F21490" s="2" t="s">
        <v>7555</v>
      </c>
      <c r="G21490" s="8">
        <v>105</v>
      </c>
      <c r="H21490" s="5">
        <v>6</v>
      </c>
      <c r="I21490" s="5" t="s">
        <v>1518</v>
      </c>
      <c r="J21490" s="5" t="s">
        <v>69038</v>
      </c>
      <c r="K21490" s="2" t="s">
        <v>69039</v>
      </c>
      <c r="L21490" s="5" t="s">
        <v>69038</v>
      </c>
      <c r="M21490" s="2" t="s">
        <v>69039</v>
      </c>
      <c r="N21490" s="5" t="s">
        <v>1521</v>
      </c>
      <c r="O21490" s="5" t="s">
        <v>38</v>
      </c>
      <c r="P21490" s="5" t="s">
        <v>39</v>
      </c>
      <c r="Q21490" s="5" t="s">
        <v>40</v>
      </c>
      <c r="R21490" s="5" t="s">
        <v>1522</v>
      </c>
      <c r="S21490" s="5" t="s">
        <v>1523</v>
      </c>
      <c r="T21490" s="5" t="s">
        <v>42</v>
      </c>
      <c r="U21490" s="2">
        <v>1.069</v>
      </c>
      <c r="V21490" s="2">
        <v>0.76</v>
      </c>
      <c r="W21490" s="2">
        <v>7.0000000000000001E-3</v>
      </c>
      <c r="X21490" s="2">
        <v>82.9</v>
      </c>
      <c r="Y21490" s="2">
        <v>7.6</v>
      </c>
      <c r="Z21490" s="2">
        <v>10.6</v>
      </c>
      <c r="AA21490" s="5"/>
      <c r="AB21490" s="5" t="s">
        <v>43</v>
      </c>
      <c r="AC21490" s="5" t="s">
        <v>44</v>
      </c>
      <c r="AD21490" s="2"/>
      <c r="AE21490" s="1"/>
    </row>
    <row r="21491" spans="1:31" ht="14.45">
      <c r="A21491" s="11"/>
      <c r="B21491" s="20"/>
      <c r="C21491" s="2" t="s">
        <v>69341</v>
      </c>
      <c r="D21491" s="14" t="s">
        <v>69342</v>
      </c>
      <c r="E21491" s="2" t="s">
        <v>69343</v>
      </c>
      <c r="F21491" s="2" t="s">
        <v>7559</v>
      </c>
      <c r="G21491" s="8">
        <v>105</v>
      </c>
      <c r="H21491" s="5">
        <v>6</v>
      </c>
      <c r="I21491" s="5" t="s">
        <v>1518</v>
      </c>
      <c r="J21491" s="5" t="s">
        <v>69038</v>
      </c>
      <c r="K21491" s="2" t="s">
        <v>69039</v>
      </c>
      <c r="L21491" s="5" t="s">
        <v>69038</v>
      </c>
      <c r="M21491" s="2" t="s">
        <v>69039</v>
      </c>
      <c r="N21491" s="5" t="s">
        <v>1521</v>
      </c>
      <c r="O21491" s="5" t="s">
        <v>38</v>
      </c>
      <c r="P21491" s="5" t="s">
        <v>39</v>
      </c>
      <c r="Q21491" s="5" t="s">
        <v>40</v>
      </c>
      <c r="R21491" s="5" t="s">
        <v>1522</v>
      </c>
      <c r="S21491" s="5" t="s">
        <v>1523</v>
      </c>
      <c r="T21491" s="5" t="s">
        <v>42</v>
      </c>
      <c r="U21491" s="2">
        <v>1.119</v>
      </c>
      <c r="V21491" s="2">
        <v>0.81</v>
      </c>
      <c r="W21491" s="2">
        <v>7.0000000000000001E-3</v>
      </c>
      <c r="X21491" s="2">
        <v>82.9</v>
      </c>
      <c r="Y21491" s="2">
        <v>7.6</v>
      </c>
      <c r="Z21491" s="2">
        <v>10.6</v>
      </c>
      <c r="AA21491" s="5"/>
      <c r="AB21491" s="5" t="s">
        <v>43</v>
      </c>
      <c r="AC21491" s="5" t="s">
        <v>44</v>
      </c>
      <c r="AD21491" s="2"/>
      <c r="AE21491" s="1"/>
    </row>
    <row r="21492" spans="1:31" ht="14.45">
      <c r="A21492" s="11"/>
      <c r="B21492" s="20"/>
      <c r="C21492" s="2" t="s">
        <v>69344</v>
      </c>
      <c r="D21492" s="14" t="s">
        <v>69345</v>
      </c>
      <c r="E21492" s="2" t="s">
        <v>69346</v>
      </c>
      <c r="F21492" s="2" t="s">
        <v>7429</v>
      </c>
      <c r="G21492" s="8">
        <v>105</v>
      </c>
      <c r="H21492" s="5">
        <v>6</v>
      </c>
      <c r="I21492" s="5" t="s">
        <v>1518</v>
      </c>
      <c r="J21492" s="5" t="s">
        <v>69038</v>
      </c>
      <c r="K21492" s="2" t="s">
        <v>69039</v>
      </c>
      <c r="L21492" s="5" t="s">
        <v>69038</v>
      </c>
      <c r="M21492" s="2" t="s">
        <v>69039</v>
      </c>
      <c r="N21492" s="5" t="s">
        <v>1521</v>
      </c>
      <c r="O21492" s="5" t="s">
        <v>38</v>
      </c>
      <c r="P21492" s="5" t="s">
        <v>39</v>
      </c>
      <c r="Q21492" s="5" t="s">
        <v>40</v>
      </c>
      <c r="R21492" s="5" t="s">
        <v>1522</v>
      </c>
      <c r="S21492" s="5" t="s">
        <v>1523</v>
      </c>
      <c r="T21492" s="5" t="s">
        <v>42</v>
      </c>
      <c r="U21492" s="2">
        <v>1.069</v>
      </c>
      <c r="V21492" s="2">
        <v>0.76</v>
      </c>
      <c r="W21492" s="2">
        <v>7.0000000000000001E-3</v>
      </c>
      <c r="X21492" s="2">
        <v>82.9</v>
      </c>
      <c r="Y21492" s="2">
        <v>7.6</v>
      </c>
      <c r="Z21492" s="2">
        <v>10.6</v>
      </c>
      <c r="AA21492" s="5"/>
      <c r="AB21492" s="5" t="s">
        <v>43</v>
      </c>
      <c r="AC21492" s="5" t="s">
        <v>44</v>
      </c>
      <c r="AD21492" s="2"/>
      <c r="AE21492" s="1"/>
    </row>
    <row r="21493" spans="1:31" ht="14.45">
      <c r="A21493" s="11"/>
      <c r="B21493" s="20"/>
      <c r="C21493" s="2" t="s">
        <v>69347</v>
      </c>
      <c r="D21493" s="14" t="s">
        <v>69348</v>
      </c>
      <c r="E21493" s="2" t="s">
        <v>69349</v>
      </c>
      <c r="F21493" s="2" t="s">
        <v>7449</v>
      </c>
      <c r="G21493" s="8">
        <v>105</v>
      </c>
      <c r="H21493" s="5">
        <v>6</v>
      </c>
      <c r="I21493" s="5" t="s">
        <v>1518</v>
      </c>
      <c r="J21493" s="5" t="s">
        <v>69038</v>
      </c>
      <c r="K21493" s="2" t="s">
        <v>69039</v>
      </c>
      <c r="L21493" s="5" t="s">
        <v>69038</v>
      </c>
      <c r="M21493" s="2" t="s">
        <v>69039</v>
      </c>
      <c r="N21493" s="5" t="s">
        <v>1521</v>
      </c>
      <c r="O21493" s="5" t="s">
        <v>38</v>
      </c>
      <c r="P21493" s="5" t="s">
        <v>39</v>
      </c>
      <c r="Q21493" s="5" t="s">
        <v>40</v>
      </c>
      <c r="R21493" s="5" t="s">
        <v>1522</v>
      </c>
      <c r="S21493" s="5" t="s">
        <v>1523</v>
      </c>
      <c r="T21493" s="5" t="s">
        <v>42</v>
      </c>
      <c r="U21493" s="2">
        <v>1.069</v>
      </c>
      <c r="V21493" s="2">
        <v>0.76</v>
      </c>
      <c r="W21493" s="2">
        <v>7.0000000000000001E-3</v>
      </c>
      <c r="X21493" s="2">
        <v>82.9</v>
      </c>
      <c r="Y21493" s="2">
        <v>7.6</v>
      </c>
      <c r="Z21493" s="2">
        <v>10.6</v>
      </c>
      <c r="AA21493" s="5"/>
      <c r="AB21493" s="5" t="s">
        <v>43</v>
      </c>
      <c r="AC21493" s="5" t="s">
        <v>44</v>
      </c>
      <c r="AD21493" s="2"/>
      <c r="AE21493" s="1"/>
    </row>
    <row r="21494" spans="1:31" ht="14.45">
      <c r="A21494" s="11"/>
      <c r="B21494" s="20"/>
      <c r="C21494" s="2" t="s">
        <v>69350</v>
      </c>
      <c r="D21494" s="14" t="s">
        <v>69351</v>
      </c>
      <c r="E21494" s="2" t="s">
        <v>69352</v>
      </c>
      <c r="F21494" s="2" t="s">
        <v>7581</v>
      </c>
      <c r="G21494" s="8">
        <v>105</v>
      </c>
      <c r="H21494" s="5">
        <v>6</v>
      </c>
      <c r="I21494" s="5" t="s">
        <v>1518</v>
      </c>
      <c r="J21494" s="5" t="s">
        <v>69038</v>
      </c>
      <c r="K21494" s="2" t="s">
        <v>69039</v>
      </c>
      <c r="L21494" s="5" t="s">
        <v>69038</v>
      </c>
      <c r="M21494" s="2" t="s">
        <v>69039</v>
      </c>
      <c r="N21494" s="5" t="s">
        <v>1521</v>
      </c>
      <c r="O21494" s="5" t="s">
        <v>38</v>
      </c>
      <c r="P21494" s="5" t="s">
        <v>39</v>
      </c>
      <c r="Q21494" s="5" t="s">
        <v>40</v>
      </c>
      <c r="R21494" s="5" t="s">
        <v>1522</v>
      </c>
      <c r="S21494" s="5" t="s">
        <v>1523</v>
      </c>
      <c r="T21494" s="5" t="s">
        <v>42</v>
      </c>
      <c r="U21494" s="2">
        <v>1.119</v>
      </c>
      <c r="V21494" s="2">
        <v>0.81</v>
      </c>
      <c r="W21494" s="2">
        <v>7.0000000000000001E-3</v>
      </c>
      <c r="X21494" s="2">
        <v>82.9</v>
      </c>
      <c r="Y21494" s="2">
        <v>7.6</v>
      </c>
      <c r="Z21494" s="2">
        <v>10.6</v>
      </c>
      <c r="AA21494" s="5"/>
      <c r="AB21494" s="5" t="s">
        <v>43</v>
      </c>
      <c r="AC21494" s="5" t="s">
        <v>44</v>
      </c>
      <c r="AD21494" s="2"/>
      <c r="AE21494" s="1"/>
    </row>
    <row r="21495" spans="1:31" ht="14.45">
      <c r="A21495" s="11"/>
      <c r="B21495" s="20"/>
      <c r="C21495" s="2" t="s">
        <v>69353</v>
      </c>
      <c r="D21495" s="14" t="s">
        <v>69354</v>
      </c>
      <c r="E21495" s="2" t="s">
        <v>69355</v>
      </c>
      <c r="F21495" s="2" t="s">
        <v>7589</v>
      </c>
      <c r="G21495" s="8">
        <v>105</v>
      </c>
      <c r="H21495" s="5">
        <v>6</v>
      </c>
      <c r="I21495" s="5" t="s">
        <v>1518</v>
      </c>
      <c r="J21495" s="5" t="s">
        <v>69038</v>
      </c>
      <c r="K21495" s="2" t="s">
        <v>69039</v>
      </c>
      <c r="L21495" s="5" t="s">
        <v>69038</v>
      </c>
      <c r="M21495" s="2" t="s">
        <v>69039</v>
      </c>
      <c r="N21495" s="5" t="s">
        <v>1521</v>
      </c>
      <c r="O21495" s="5" t="s">
        <v>38</v>
      </c>
      <c r="P21495" s="5" t="s">
        <v>39</v>
      </c>
      <c r="Q21495" s="5" t="s">
        <v>40</v>
      </c>
      <c r="R21495" s="5" t="s">
        <v>1522</v>
      </c>
      <c r="S21495" s="5" t="s">
        <v>1523</v>
      </c>
      <c r="T21495" s="5" t="s">
        <v>42</v>
      </c>
      <c r="U21495" s="2">
        <v>1.119</v>
      </c>
      <c r="V21495" s="2">
        <v>0.81</v>
      </c>
      <c r="W21495" s="2">
        <v>7.0000000000000001E-3</v>
      </c>
      <c r="X21495" s="2">
        <v>82.9</v>
      </c>
      <c r="Y21495" s="2">
        <v>7.6</v>
      </c>
      <c r="Z21495" s="2">
        <v>10.6</v>
      </c>
      <c r="AA21495" s="5"/>
      <c r="AB21495" s="5" t="s">
        <v>43</v>
      </c>
      <c r="AC21495" s="5" t="s">
        <v>44</v>
      </c>
      <c r="AD21495" s="2"/>
      <c r="AE21495" s="1"/>
    </row>
    <row r="21496" spans="1:31" ht="14.45">
      <c r="A21496" s="11"/>
      <c r="B21496" s="20"/>
      <c r="C21496" s="2" t="s">
        <v>69356</v>
      </c>
      <c r="D21496" s="14" t="s">
        <v>69357</v>
      </c>
      <c r="E21496" s="2" t="s">
        <v>69358</v>
      </c>
      <c r="F21496" s="2" t="s">
        <v>7433</v>
      </c>
      <c r="G21496" s="8">
        <v>105</v>
      </c>
      <c r="H21496" s="5">
        <v>6</v>
      </c>
      <c r="I21496" s="5" t="s">
        <v>1518</v>
      </c>
      <c r="J21496" s="5" t="s">
        <v>69038</v>
      </c>
      <c r="K21496" s="2" t="s">
        <v>69039</v>
      </c>
      <c r="L21496" s="5" t="s">
        <v>69038</v>
      </c>
      <c r="M21496" s="2" t="s">
        <v>69039</v>
      </c>
      <c r="N21496" s="5" t="s">
        <v>1521</v>
      </c>
      <c r="O21496" s="5" t="s">
        <v>38</v>
      </c>
      <c r="P21496" s="5" t="s">
        <v>39</v>
      </c>
      <c r="Q21496" s="5" t="s">
        <v>40</v>
      </c>
      <c r="R21496" s="5" t="s">
        <v>1522</v>
      </c>
      <c r="S21496" s="5" t="s">
        <v>1523</v>
      </c>
      <c r="T21496" s="5" t="s">
        <v>42</v>
      </c>
      <c r="U21496" s="2">
        <v>1.069</v>
      </c>
      <c r="V21496" s="2">
        <v>0.76</v>
      </c>
      <c r="W21496" s="2">
        <v>7.0000000000000001E-3</v>
      </c>
      <c r="X21496" s="2">
        <v>82.9</v>
      </c>
      <c r="Y21496" s="2">
        <v>7.6</v>
      </c>
      <c r="Z21496" s="2">
        <v>10.6</v>
      </c>
      <c r="AA21496" s="5"/>
      <c r="AB21496" s="5" t="s">
        <v>43</v>
      </c>
      <c r="AC21496" s="5" t="s">
        <v>44</v>
      </c>
      <c r="AD21496" s="2"/>
      <c r="AE21496" s="1"/>
    </row>
    <row r="21497" spans="1:31" ht="14.45">
      <c r="A21497" s="11"/>
      <c r="B21497" s="20"/>
      <c r="C21497" s="2" t="s">
        <v>69359</v>
      </c>
      <c r="D21497" s="14" t="s">
        <v>69360</v>
      </c>
      <c r="E21497" s="2" t="s">
        <v>69361</v>
      </c>
      <c r="F21497" s="2" t="s">
        <v>7611</v>
      </c>
      <c r="G21497" s="8">
        <v>105</v>
      </c>
      <c r="H21497" s="5">
        <v>6</v>
      </c>
      <c r="I21497" s="5" t="s">
        <v>1518</v>
      </c>
      <c r="J21497" s="5" t="s">
        <v>69038</v>
      </c>
      <c r="K21497" s="2" t="s">
        <v>69039</v>
      </c>
      <c r="L21497" s="5" t="s">
        <v>69038</v>
      </c>
      <c r="M21497" s="2" t="s">
        <v>69039</v>
      </c>
      <c r="N21497" s="5" t="s">
        <v>1521</v>
      </c>
      <c r="O21497" s="5" t="s">
        <v>38</v>
      </c>
      <c r="P21497" s="5" t="s">
        <v>39</v>
      </c>
      <c r="Q21497" s="5" t="s">
        <v>40</v>
      </c>
      <c r="R21497" s="5" t="s">
        <v>1522</v>
      </c>
      <c r="S21497" s="5" t="s">
        <v>1523</v>
      </c>
      <c r="T21497" s="5" t="s">
        <v>42</v>
      </c>
      <c r="U21497" s="2">
        <v>1.119</v>
      </c>
      <c r="V21497" s="2">
        <v>0.81</v>
      </c>
      <c r="W21497" s="2">
        <v>7.0000000000000001E-3</v>
      </c>
      <c r="X21497" s="2">
        <v>82.9</v>
      </c>
      <c r="Y21497" s="2">
        <v>7.6</v>
      </c>
      <c r="Z21497" s="2">
        <v>10.6</v>
      </c>
      <c r="AA21497" s="5"/>
      <c r="AB21497" s="5" t="s">
        <v>43</v>
      </c>
      <c r="AC21497" s="5" t="s">
        <v>44</v>
      </c>
      <c r="AD21497" s="2"/>
      <c r="AE21497" s="1"/>
    </row>
    <row r="21498" spans="1:31" ht="14.45">
      <c r="A21498" s="11"/>
      <c r="B21498" s="20"/>
      <c r="C21498" s="2" t="s">
        <v>69362</v>
      </c>
      <c r="D21498" s="14" t="s">
        <v>69363</v>
      </c>
      <c r="E21498" s="2" t="s">
        <v>69364</v>
      </c>
      <c r="F21498" s="2" t="s">
        <v>7615</v>
      </c>
      <c r="G21498" s="8">
        <v>105</v>
      </c>
      <c r="H21498" s="5">
        <v>6</v>
      </c>
      <c r="I21498" s="5" t="s">
        <v>1518</v>
      </c>
      <c r="J21498" s="5" t="s">
        <v>69038</v>
      </c>
      <c r="K21498" s="2" t="s">
        <v>69039</v>
      </c>
      <c r="L21498" s="5" t="s">
        <v>69038</v>
      </c>
      <c r="M21498" s="2" t="s">
        <v>69039</v>
      </c>
      <c r="N21498" s="5" t="s">
        <v>1521</v>
      </c>
      <c r="O21498" s="5" t="s">
        <v>38</v>
      </c>
      <c r="P21498" s="5" t="s">
        <v>39</v>
      </c>
      <c r="Q21498" s="5" t="s">
        <v>40</v>
      </c>
      <c r="R21498" s="5" t="s">
        <v>1522</v>
      </c>
      <c r="S21498" s="5" t="s">
        <v>1523</v>
      </c>
      <c r="T21498" s="5" t="s">
        <v>42</v>
      </c>
      <c r="U21498" s="2">
        <v>1.069</v>
      </c>
      <c r="V21498" s="2">
        <v>0.76</v>
      </c>
      <c r="W21498" s="2">
        <v>7.0000000000000001E-3</v>
      </c>
      <c r="X21498" s="2">
        <v>82.9</v>
      </c>
      <c r="Y21498" s="2">
        <v>7.6</v>
      </c>
      <c r="Z21498" s="2">
        <v>10.6</v>
      </c>
      <c r="AA21498" s="5"/>
      <c r="AB21498" s="5" t="s">
        <v>43</v>
      </c>
      <c r="AC21498" s="5" t="s">
        <v>44</v>
      </c>
      <c r="AD21498" s="2"/>
      <c r="AE21498" s="1"/>
    </row>
    <row r="21499" spans="1:31" ht="14.45">
      <c r="A21499" s="11"/>
      <c r="B21499" s="20"/>
      <c r="C21499" s="2" t="s">
        <v>69365</v>
      </c>
      <c r="D21499" s="14" t="s">
        <v>69366</v>
      </c>
      <c r="E21499" s="2" t="s">
        <v>69367</v>
      </c>
      <c r="F21499" s="2" t="s">
        <v>7619</v>
      </c>
      <c r="G21499" s="8">
        <v>105</v>
      </c>
      <c r="H21499" s="5">
        <v>6</v>
      </c>
      <c r="I21499" s="5" t="s">
        <v>1518</v>
      </c>
      <c r="J21499" s="5" t="s">
        <v>69038</v>
      </c>
      <c r="K21499" s="2" t="s">
        <v>69039</v>
      </c>
      <c r="L21499" s="5" t="s">
        <v>69038</v>
      </c>
      <c r="M21499" s="2" t="s">
        <v>69039</v>
      </c>
      <c r="N21499" s="5" t="s">
        <v>1521</v>
      </c>
      <c r="O21499" s="5" t="s">
        <v>38</v>
      </c>
      <c r="P21499" s="5" t="s">
        <v>39</v>
      </c>
      <c r="Q21499" s="5" t="s">
        <v>40</v>
      </c>
      <c r="R21499" s="5" t="s">
        <v>1522</v>
      </c>
      <c r="S21499" s="5" t="s">
        <v>1523</v>
      </c>
      <c r="T21499" s="5" t="s">
        <v>42</v>
      </c>
      <c r="U21499" s="2">
        <v>1.119</v>
      </c>
      <c r="V21499" s="2">
        <v>0.81</v>
      </c>
      <c r="W21499" s="2">
        <v>7.0000000000000001E-3</v>
      </c>
      <c r="X21499" s="2">
        <v>82.9</v>
      </c>
      <c r="Y21499" s="2">
        <v>7.6</v>
      </c>
      <c r="Z21499" s="2">
        <v>10.6</v>
      </c>
      <c r="AA21499" s="5"/>
      <c r="AB21499" s="5" t="s">
        <v>43</v>
      </c>
      <c r="AC21499" s="5" t="s">
        <v>44</v>
      </c>
      <c r="AD21499" s="2"/>
      <c r="AE21499" s="1"/>
    </row>
    <row r="21500" spans="1:31" ht="14.45">
      <c r="A21500" s="11"/>
      <c r="B21500" s="20"/>
      <c r="C21500" s="2" t="s">
        <v>69368</v>
      </c>
      <c r="D21500" s="14" t="s">
        <v>69369</v>
      </c>
      <c r="E21500" s="2" t="s">
        <v>69370</v>
      </c>
      <c r="F21500" s="2" t="s">
        <v>7410</v>
      </c>
      <c r="G21500" s="8">
        <v>105</v>
      </c>
      <c r="H21500" s="5">
        <v>6</v>
      </c>
      <c r="I21500" s="5" t="s">
        <v>1518</v>
      </c>
      <c r="J21500" s="5" t="s">
        <v>69038</v>
      </c>
      <c r="K21500" s="2" t="s">
        <v>69039</v>
      </c>
      <c r="L21500" s="5" t="s">
        <v>69038</v>
      </c>
      <c r="M21500" s="2" t="s">
        <v>69039</v>
      </c>
      <c r="N21500" s="5" t="s">
        <v>1521</v>
      </c>
      <c r="O21500" s="5" t="s">
        <v>38</v>
      </c>
      <c r="P21500" s="5" t="s">
        <v>39</v>
      </c>
      <c r="Q21500" s="5" t="s">
        <v>40</v>
      </c>
      <c r="R21500" s="5" t="s">
        <v>1522</v>
      </c>
      <c r="S21500" s="5" t="s">
        <v>1523</v>
      </c>
      <c r="T21500" s="5" t="s">
        <v>42</v>
      </c>
      <c r="U21500" s="2">
        <v>1.069</v>
      </c>
      <c r="V21500" s="2">
        <v>0.76</v>
      </c>
      <c r="W21500" s="2">
        <v>7.0000000000000001E-3</v>
      </c>
      <c r="X21500" s="2">
        <v>82.9</v>
      </c>
      <c r="Y21500" s="2">
        <v>7.6</v>
      </c>
      <c r="Z21500" s="2">
        <v>10.6</v>
      </c>
      <c r="AA21500" s="5"/>
      <c r="AB21500" s="5" t="s">
        <v>43</v>
      </c>
      <c r="AC21500" s="5" t="s">
        <v>44</v>
      </c>
      <c r="AD21500" s="2"/>
      <c r="AE21500" s="1"/>
    </row>
    <row r="21501" spans="1:31" ht="14.45">
      <c r="A21501" s="11"/>
      <c r="B21501" s="20"/>
      <c r="C21501" s="2" t="s">
        <v>69371</v>
      </c>
      <c r="D21501" s="14" t="s">
        <v>69372</v>
      </c>
      <c r="E21501" s="2" t="s">
        <v>69373</v>
      </c>
      <c r="F21501" s="2" t="s">
        <v>7604</v>
      </c>
      <c r="G21501" s="8">
        <v>105</v>
      </c>
      <c r="H21501" s="5">
        <v>6</v>
      </c>
      <c r="I21501" s="5" t="s">
        <v>1518</v>
      </c>
      <c r="J21501" s="5" t="s">
        <v>69038</v>
      </c>
      <c r="K21501" s="2" t="s">
        <v>69039</v>
      </c>
      <c r="L21501" s="5" t="s">
        <v>69038</v>
      </c>
      <c r="M21501" s="2" t="s">
        <v>69039</v>
      </c>
      <c r="N21501" s="5" t="s">
        <v>1521</v>
      </c>
      <c r="O21501" s="5" t="s">
        <v>38</v>
      </c>
      <c r="P21501" s="5" t="s">
        <v>39</v>
      </c>
      <c r="Q21501" s="5" t="s">
        <v>40</v>
      </c>
      <c r="R21501" s="5" t="s">
        <v>1522</v>
      </c>
      <c r="S21501" s="5" t="s">
        <v>1523</v>
      </c>
      <c r="T21501" s="5" t="s">
        <v>42</v>
      </c>
      <c r="U21501" s="2">
        <v>1.119</v>
      </c>
      <c r="V21501" s="2">
        <v>0.81</v>
      </c>
      <c r="W21501" s="2">
        <v>7.0000000000000001E-3</v>
      </c>
      <c r="X21501" s="2">
        <v>82.9</v>
      </c>
      <c r="Y21501" s="2">
        <v>7.6</v>
      </c>
      <c r="Z21501" s="2">
        <v>10.6</v>
      </c>
      <c r="AA21501" s="5"/>
      <c r="AB21501" s="5" t="s">
        <v>43</v>
      </c>
      <c r="AC21501" s="5" t="s">
        <v>44</v>
      </c>
      <c r="AD21501" s="2"/>
      <c r="AE21501" s="1"/>
    </row>
    <row r="21502" spans="1:31" ht="14.45">
      <c r="A21502" s="11"/>
      <c r="B21502" s="20"/>
      <c r="C21502" s="2" t="s">
        <v>69374</v>
      </c>
      <c r="D21502" s="14" t="s">
        <v>69375</v>
      </c>
      <c r="E21502" s="2" t="s">
        <v>69376</v>
      </c>
      <c r="F21502" s="2" t="s">
        <v>7212</v>
      </c>
      <c r="G21502" s="8">
        <v>91</v>
      </c>
      <c r="H21502" s="5">
        <v>6</v>
      </c>
      <c r="I21502" s="5" t="s">
        <v>1518</v>
      </c>
      <c r="J21502" s="5" t="s">
        <v>69038</v>
      </c>
      <c r="K21502" s="2" t="s">
        <v>69039</v>
      </c>
      <c r="L21502" s="5" t="s">
        <v>69038</v>
      </c>
      <c r="M21502" s="2" t="s">
        <v>69039</v>
      </c>
      <c r="N21502" s="5" t="s">
        <v>1521</v>
      </c>
      <c r="O21502" s="5" t="s">
        <v>38</v>
      </c>
      <c r="P21502" s="5" t="s">
        <v>39</v>
      </c>
      <c r="Q21502" s="5" t="s">
        <v>40</v>
      </c>
      <c r="R21502" s="5" t="s">
        <v>1522</v>
      </c>
      <c r="S21502" s="5" t="s">
        <v>1523</v>
      </c>
      <c r="T21502" s="5" t="s">
        <v>42</v>
      </c>
      <c r="U21502" s="2">
        <v>1.069</v>
      </c>
      <c r="V21502" s="2">
        <v>0.76</v>
      </c>
      <c r="W21502" s="2">
        <v>7.0000000000000001E-3</v>
      </c>
      <c r="X21502" s="2">
        <v>82.9</v>
      </c>
      <c r="Y21502" s="2">
        <v>7.6</v>
      </c>
      <c r="Z21502" s="2">
        <v>10.6</v>
      </c>
      <c r="AA21502" s="5"/>
      <c r="AB21502" s="5" t="s">
        <v>43</v>
      </c>
      <c r="AC21502" s="5" t="s">
        <v>44</v>
      </c>
      <c r="AD21502" s="2"/>
      <c r="AE21502" s="1"/>
    </row>
    <row r="21503" spans="1:31" ht="14.45">
      <c r="A21503" s="11"/>
      <c r="B21503" s="20"/>
      <c r="C21503" s="2" t="s">
        <v>69377</v>
      </c>
      <c r="D21503" s="14" t="s">
        <v>69378</v>
      </c>
      <c r="E21503" s="2" t="s">
        <v>69379</v>
      </c>
      <c r="F21503" s="2" t="s">
        <v>7528</v>
      </c>
      <c r="G21503" s="8">
        <v>91</v>
      </c>
      <c r="H21503" s="5">
        <v>6</v>
      </c>
      <c r="I21503" s="5" t="s">
        <v>1518</v>
      </c>
      <c r="J21503" s="5" t="s">
        <v>69038</v>
      </c>
      <c r="K21503" s="2" t="s">
        <v>69039</v>
      </c>
      <c r="L21503" s="5" t="s">
        <v>69038</v>
      </c>
      <c r="M21503" s="2" t="s">
        <v>69039</v>
      </c>
      <c r="N21503" s="5" t="s">
        <v>1521</v>
      </c>
      <c r="O21503" s="5" t="s">
        <v>38</v>
      </c>
      <c r="P21503" s="5" t="s">
        <v>39</v>
      </c>
      <c r="Q21503" s="5" t="s">
        <v>40</v>
      </c>
      <c r="R21503" s="5" t="s">
        <v>1522</v>
      </c>
      <c r="S21503" s="5" t="s">
        <v>1523</v>
      </c>
      <c r="T21503" s="5" t="s">
        <v>42</v>
      </c>
      <c r="U21503" s="2">
        <v>1.119</v>
      </c>
      <c r="V21503" s="2">
        <v>0.81</v>
      </c>
      <c r="W21503" s="2">
        <v>7.0000000000000001E-3</v>
      </c>
      <c r="X21503" s="2">
        <v>82.9</v>
      </c>
      <c r="Y21503" s="2">
        <v>7.6</v>
      </c>
      <c r="Z21503" s="2">
        <v>10.6</v>
      </c>
      <c r="AA21503" s="5"/>
      <c r="AB21503" s="5" t="s">
        <v>43</v>
      </c>
      <c r="AC21503" s="5" t="s">
        <v>44</v>
      </c>
      <c r="AD21503" s="2"/>
      <c r="AE21503" s="1"/>
    </row>
    <row r="21504" spans="1:31" ht="14.45">
      <c r="A21504" s="11"/>
      <c r="B21504" s="20"/>
      <c r="C21504" s="2" t="s">
        <v>69380</v>
      </c>
      <c r="D21504" s="14" t="s">
        <v>69381</v>
      </c>
      <c r="E21504" s="2" t="s">
        <v>69382</v>
      </c>
      <c r="F21504" s="2" t="s">
        <v>1863</v>
      </c>
      <c r="G21504" s="8">
        <v>105</v>
      </c>
      <c r="H21504" s="5">
        <v>6</v>
      </c>
      <c r="I21504" s="5" t="s">
        <v>1518</v>
      </c>
      <c r="J21504" s="5" t="s">
        <v>69038</v>
      </c>
      <c r="K21504" s="2" t="s">
        <v>69039</v>
      </c>
      <c r="L21504" s="5" t="s">
        <v>69038</v>
      </c>
      <c r="M21504" s="2" t="s">
        <v>69039</v>
      </c>
      <c r="N21504" s="5" t="s">
        <v>1521</v>
      </c>
      <c r="O21504" s="5" t="s">
        <v>38</v>
      </c>
      <c r="P21504" s="5" t="s">
        <v>39</v>
      </c>
      <c r="Q21504" s="5" t="s">
        <v>40</v>
      </c>
      <c r="R21504" s="5" t="s">
        <v>1522</v>
      </c>
      <c r="S21504" s="5" t="s">
        <v>1523</v>
      </c>
      <c r="T21504" s="5" t="s">
        <v>42</v>
      </c>
      <c r="U21504" s="2">
        <v>1.069</v>
      </c>
      <c r="V21504" s="2">
        <v>0.76</v>
      </c>
      <c r="W21504" s="2">
        <v>7.0000000000000001E-3</v>
      </c>
      <c r="X21504" s="2">
        <v>82.9</v>
      </c>
      <c r="Y21504" s="2">
        <v>7.6</v>
      </c>
      <c r="Z21504" s="2">
        <v>10.6</v>
      </c>
      <c r="AA21504" s="5"/>
      <c r="AB21504" s="5" t="s">
        <v>43</v>
      </c>
      <c r="AC21504" s="5" t="s">
        <v>44</v>
      </c>
      <c r="AD21504" s="2"/>
      <c r="AE21504" s="1"/>
    </row>
    <row r="21505" spans="1:31" ht="14.45">
      <c r="A21505" s="11"/>
      <c r="B21505" s="20"/>
      <c r="C21505" s="2" t="s">
        <v>69383</v>
      </c>
      <c r="D21505" s="14" t="s">
        <v>69384</v>
      </c>
      <c r="E21505" s="2" t="s">
        <v>69385</v>
      </c>
      <c r="F21505" s="2" t="s">
        <v>1867</v>
      </c>
      <c r="G21505" s="8">
        <v>105</v>
      </c>
      <c r="H21505" s="5">
        <v>6</v>
      </c>
      <c r="I21505" s="5" t="s">
        <v>1518</v>
      </c>
      <c r="J21505" s="5" t="s">
        <v>69038</v>
      </c>
      <c r="K21505" s="2" t="s">
        <v>69039</v>
      </c>
      <c r="L21505" s="5" t="s">
        <v>69038</v>
      </c>
      <c r="M21505" s="2" t="s">
        <v>69039</v>
      </c>
      <c r="N21505" s="5" t="s">
        <v>1521</v>
      </c>
      <c r="O21505" s="5" t="s">
        <v>38</v>
      </c>
      <c r="P21505" s="5" t="s">
        <v>39</v>
      </c>
      <c r="Q21505" s="5" t="s">
        <v>40</v>
      </c>
      <c r="R21505" s="5" t="s">
        <v>1522</v>
      </c>
      <c r="S21505" s="5" t="s">
        <v>1523</v>
      </c>
      <c r="T21505" s="5" t="s">
        <v>42</v>
      </c>
      <c r="U21505" s="2">
        <v>1.119</v>
      </c>
      <c r="V21505" s="2">
        <v>0.81</v>
      </c>
      <c r="W21505" s="2">
        <v>7.0000000000000001E-3</v>
      </c>
      <c r="X21505" s="2">
        <v>82.9</v>
      </c>
      <c r="Y21505" s="2">
        <v>7.6</v>
      </c>
      <c r="Z21505" s="2">
        <v>10.6</v>
      </c>
      <c r="AA21505" s="5"/>
      <c r="AB21505" s="5" t="s">
        <v>43</v>
      </c>
      <c r="AC21505" s="5" t="s">
        <v>44</v>
      </c>
      <c r="AD21505" s="2"/>
      <c r="AE21505" s="1"/>
    </row>
    <row r="21506" spans="1:31" ht="14.45">
      <c r="A21506" s="11"/>
      <c r="B21506" s="20"/>
      <c r="C21506" s="2" t="s">
        <v>69386</v>
      </c>
      <c r="D21506" s="14" t="s">
        <v>69387</v>
      </c>
      <c r="E21506" s="2" t="s">
        <v>69388</v>
      </c>
      <c r="F21506" s="2" t="s">
        <v>7204</v>
      </c>
      <c r="G21506" s="8">
        <v>101</v>
      </c>
      <c r="H21506" s="5">
        <v>6</v>
      </c>
      <c r="I21506" s="5" t="s">
        <v>1518</v>
      </c>
      <c r="J21506" s="5" t="s">
        <v>69038</v>
      </c>
      <c r="K21506" s="2" t="s">
        <v>69039</v>
      </c>
      <c r="L21506" s="5" t="s">
        <v>69038</v>
      </c>
      <c r="M21506" s="2" t="s">
        <v>69039</v>
      </c>
      <c r="N21506" s="5" t="s">
        <v>1521</v>
      </c>
      <c r="O21506" s="5" t="s">
        <v>38</v>
      </c>
      <c r="P21506" s="5" t="s">
        <v>39</v>
      </c>
      <c r="Q21506" s="5" t="s">
        <v>40</v>
      </c>
      <c r="R21506" s="5" t="s">
        <v>1522</v>
      </c>
      <c r="S21506" s="5" t="s">
        <v>1523</v>
      </c>
      <c r="T21506" s="5" t="s">
        <v>42</v>
      </c>
      <c r="U21506" s="2">
        <v>1.222</v>
      </c>
      <c r="V21506" s="2">
        <v>0.85499999999999998</v>
      </c>
      <c r="W21506" s="2">
        <v>0.01</v>
      </c>
      <c r="X21506" s="2">
        <v>118.9</v>
      </c>
      <c r="Y21506" s="2">
        <v>7.6</v>
      </c>
      <c r="Z21506" s="2">
        <v>10.6</v>
      </c>
      <c r="AA21506" s="5"/>
      <c r="AB21506" s="5" t="s">
        <v>43</v>
      </c>
      <c r="AC21506" s="5" t="s">
        <v>44</v>
      </c>
      <c r="AD21506" s="2"/>
      <c r="AE21506" s="1"/>
    </row>
    <row r="21507" spans="1:31" ht="14.45">
      <c r="A21507" s="11"/>
      <c r="B21507" s="20"/>
      <c r="C21507" s="2" t="s">
        <v>69389</v>
      </c>
      <c r="D21507" s="14" t="s">
        <v>69390</v>
      </c>
      <c r="E21507" s="2" t="s">
        <v>69391</v>
      </c>
      <c r="F21507" s="2" t="s">
        <v>7514</v>
      </c>
      <c r="G21507" s="8">
        <v>101</v>
      </c>
      <c r="H21507" s="5">
        <v>6</v>
      </c>
      <c r="I21507" s="5" t="s">
        <v>1518</v>
      </c>
      <c r="J21507" s="5" t="s">
        <v>69038</v>
      </c>
      <c r="K21507" s="2" t="s">
        <v>69039</v>
      </c>
      <c r="L21507" s="5" t="s">
        <v>69038</v>
      </c>
      <c r="M21507" s="2" t="s">
        <v>69039</v>
      </c>
      <c r="N21507" s="5" t="s">
        <v>1521</v>
      </c>
      <c r="O21507" s="5" t="s">
        <v>38</v>
      </c>
      <c r="P21507" s="5" t="s">
        <v>39</v>
      </c>
      <c r="Q21507" s="5" t="s">
        <v>40</v>
      </c>
      <c r="R21507" s="5" t="s">
        <v>1522</v>
      </c>
      <c r="S21507" s="5" t="s">
        <v>1523</v>
      </c>
      <c r="T21507" s="5" t="s">
        <v>42</v>
      </c>
      <c r="U21507" s="2">
        <v>1.282</v>
      </c>
      <c r="V21507" s="2">
        <v>0.91500000000000004</v>
      </c>
      <c r="W21507" s="2">
        <v>0.01</v>
      </c>
      <c r="X21507" s="2">
        <v>118.9</v>
      </c>
      <c r="Y21507" s="2">
        <v>7.6</v>
      </c>
      <c r="Z21507" s="2">
        <v>10.6</v>
      </c>
      <c r="AA21507" s="5"/>
      <c r="AB21507" s="5" t="s">
        <v>43</v>
      </c>
      <c r="AC21507" s="5" t="s">
        <v>44</v>
      </c>
      <c r="AD21507" s="2"/>
      <c r="AE21507" s="1"/>
    </row>
    <row r="21508" spans="1:31" ht="14.45">
      <c r="A21508" s="11"/>
      <c r="B21508" s="20"/>
      <c r="C21508" s="2" t="s">
        <v>69392</v>
      </c>
      <c r="D21508" s="14" t="s">
        <v>69393</v>
      </c>
      <c r="E21508" s="2" t="s">
        <v>69394</v>
      </c>
      <c r="F21508" s="2" t="s">
        <v>7208</v>
      </c>
      <c r="G21508" s="8">
        <v>101</v>
      </c>
      <c r="H21508" s="5">
        <v>6</v>
      </c>
      <c r="I21508" s="5" t="s">
        <v>1518</v>
      </c>
      <c r="J21508" s="5" t="s">
        <v>69038</v>
      </c>
      <c r="K21508" s="2" t="s">
        <v>69039</v>
      </c>
      <c r="L21508" s="5" t="s">
        <v>69038</v>
      </c>
      <c r="M21508" s="2" t="s">
        <v>69039</v>
      </c>
      <c r="N21508" s="5" t="s">
        <v>1521</v>
      </c>
      <c r="O21508" s="5" t="s">
        <v>38</v>
      </c>
      <c r="P21508" s="5" t="s">
        <v>39</v>
      </c>
      <c r="Q21508" s="5" t="s">
        <v>40</v>
      </c>
      <c r="R21508" s="5" t="s">
        <v>1522</v>
      </c>
      <c r="S21508" s="5" t="s">
        <v>1523</v>
      </c>
      <c r="T21508" s="5" t="s">
        <v>42</v>
      </c>
      <c r="U21508" s="2">
        <v>1.222</v>
      </c>
      <c r="V21508" s="2">
        <v>0.85499999999999998</v>
      </c>
      <c r="W21508" s="2">
        <v>0.01</v>
      </c>
      <c r="X21508" s="2">
        <v>118.9</v>
      </c>
      <c r="Y21508" s="2">
        <v>7.6</v>
      </c>
      <c r="Z21508" s="2">
        <v>10.6</v>
      </c>
      <c r="AA21508" s="5"/>
      <c r="AB21508" s="5" t="s">
        <v>43</v>
      </c>
      <c r="AC21508" s="5" t="s">
        <v>44</v>
      </c>
      <c r="AD21508" s="2"/>
      <c r="AE21508" s="1"/>
    </row>
    <row r="21509" spans="1:31" ht="14.45">
      <c r="A21509" s="11"/>
      <c r="B21509" s="20"/>
      <c r="C21509" s="2" t="s">
        <v>69395</v>
      </c>
      <c r="D21509" s="14" t="s">
        <v>69396</v>
      </c>
      <c r="E21509" s="2" t="s">
        <v>69397</v>
      </c>
      <c r="F21509" s="2" t="s">
        <v>7521</v>
      </c>
      <c r="G21509" s="8">
        <v>101</v>
      </c>
      <c r="H21509" s="5">
        <v>6</v>
      </c>
      <c r="I21509" s="5" t="s">
        <v>1518</v>
      </c>
      <c r="J21509" s="5" t="s">
        <v>69038</v>
      </c>
      <c r="K21509" s="2" t="s">
        <v>69039</v>
      </c>
      <c r="L21509" s="5" t="s">
        <v>69038</v>
      </c>
      <c r="M21509" s="2" t="s">
        <v>69039</v>
      </c>
      <c r="N21509" s="5" t="s">
        <v>1521</v>
      </c>
      <c r="O21509" s="5" t="s">
        <v>38</v>
      </c>
      <c r="P21509" s="5" t="s">
        <v>39</v>
      </c>
      <c r="Q21509" s="5" t="s">
        <v>40</v>
      </c>
      <c r="R21509" s="5" t="s">
        <v>1522</v>
      </c>
      <c r="S21509" s="5" t="s">
        <v>1523</v>
      </c>
      <c r="T21509" s="5" t="s">
        <v>42</v>
      </c>
      <c r="U21509" s="2">
        <v>1.282</v>
      </c>
      <c r="V21509" s="2">
        <v>0.91500000000000004</v>
      </c>
      <c r="W21509" s="2">
        <v>0.01</v>
      </c>
      <c r="X21509" s="2">
        <v>118.9</v>
      </c>
      <c r="Y21509" s="2">
        <v>7.6</v>
      </c>
      <c r="Z21509" s="2">
        <v>10.6</v>
      </c>
      <c r="AA21509" s="5"/>
      <c r="AB21509" s="5" t="s">
        <v>43</v>
      </c>
      <c r="AC21509" s="5" t="s">
        <v>44</v>
      </c>
      <c r="AD21509" s="2"/>
      <c r="AE21509" s="1"/>
    </row>
    <row r="21510" spans="1:31" ht="14.45">
      <c r="A21510" s="11"/>
      <c r="B21510" s="20"/>
      <c r="C21510" s="2" t="s">
        <v>69398</v>
      </c>
      <c r="D21510" s="14" t="s">
        <v>69399</v>
      </c>
      <c r="E21510" s="2" t="s">
        <v>69400</v>
      </c>
      <c r="F21510" s="2" t="s">
        <v>7535</v>
      </c>
      <c r="G21510" s="8">
        <v>117</v>
      </c>
      <c r="H21510" s="5">
        <v>6</v>
      </c>
      <c r="I21510" s="5" t="s">
        <v>1518</v>
      </c>
      <c r="J21510" s="5" t="s">
        <v>69038</v>
      </c>
      <c r="K21510" s="2" t="s">
        <v>69039</v>
      </c>
      <c r="L21510" s="5" t="s">
        <v>69038</v>
      </c>
      <c r="M21510" s="2" t="s">
        <v>69039</v>
      </c>
      <c r="N21510" s="5" t="s">
        <v>1521</v>
      </c>
      <c r="O21510" s="5" t="s">
        <v>38</v>
      </c>
      <c r="P21510" s="5" t="s">
        <v>39</v>
      </c>
      <c r="Q21510" s="5" t="s">
        <v>40</v>
      </c>
      <c r="R21510" s="5" t="s">
        <v>1522</v>
      </c>
      <c r="S21510" s="5" t="s">
        <v>1523</v>
      </c>
      <c r="T21510" s="5" t="s">
        <v>42</v>
      </c>
      <c r="U21510" s="2">
        <v>1.282</v>
      </c>
      <c r="V21510" s="2">
        <v>0.91500000000000004</v>
      </c>
      <c r="W21510" s="2">
        <v>0.01</v>
      </c>
      <c r="X21510" s="2">
        <v>118.9</v>
      </c>
      <c r="Y21510" s="2">
        <v>7.6</v>
      </c>
      <c r="Z21510" s="2">
        <v>10.6</v>
      </c>
      <c r="AA21510" s="5"/>
      <c r="AB21510" s="5" t="s">
        <v>43</v>
      </c>
      <c r="AC21510" s="5" t="s">
        <v>44</v>
      </c>
      <c r="AD21510" s="2"/>
      <c r="AE21510" s="1"/>
    </row>
    <row r="21511" spans="1:31" ht="14.45">
      <c r="A21511" s="11"/>
      <c r="B21511" s="20"/>
      <c r="C21511" s="2" t="s">
        <v>69401</v>
      </c>
      <c r="D21511" s="14" t="s">
        <v>69402</v>
      </c>
      <c r="E21511" s="2" t="s">
        <v>69403</v>
      </c>
      <c r="F21511" s="2" t="s">
        <v>7539</v>
      </c>
      <c r="G21511" s="8">
        <v>117</v>
      </c>
      <c r="H21511" s="5">
        <v>6</v>
      </c>
      <c r="I21511" s="5" t="s">
        <v>1518</v>
      </c>
      <c r="J21511" s="5" t="s">
        <v>69038</v>
      </c>
      <c r="K21511" s="2" t="s">
        <v>69039</v>
      </c>
      <c r="L21511" s="5" t="s">
        <v>69038</v>
      </c>
      <c r="M21511" s="2" t="s">
        <v>69039</v>
      </c>
      <c r="N21511" s="5" t="s">
        <v>1521</v>
      </c>
      <c r="O21511" s="5" t="s">
        <v>38</v>
      </c>
      <c r="P21511" s="5" t="s">
        <v>39</v>
      </c>
      <c r="Q21511" s="5" t="s">
        <v>40</v>
      </c>
      <c r="R21511" s="5" t="s">
        <v>1522</v>
      </c>
      <c r="S21511" s="5" t="s">
        <v>1523</v>
      </c>
      <c r="T21511" s="5" t="s">
        <v>42</v>
      </c>
      <c r="U21511" s="2">
        <v>1.222</v>
      </c>
      <c r="V21511" s="2">
        <v>0.85499999999999998</v>
      </c>
      <c r="W21511" s="2">
        <v>0.01</v>
      </c>
      <c r="X21511" s="2">
        <v>118.9</v>
      </c>
      <c r="Y21511" s="2">
        <v>7.6</v>
      </c>
      <c r="Z21511" s="2">
        <v>10.6</v>
      </c>
      <c r="AA21511" s="5"/>
      <c r="AB21511" s="5" t="s">
        <v>43</v>
      </c>
      <c r="AC21511" s="5" t="s">
        <v>44</v>
      </c>
      <c r="AD21511" s="2"/>
      <c r="AE21511" s="1"/>
    </row>
    <row r="21512" spans="1:31" ht="14.45">
      <c r="A21512" s="11"/>
      <c r="B21512" s="20"/>
      <c r="C21512" s="2" t="s">
        <v>69404</v>
      </c>
      <c r="D21512" s="14" t="s">
        <v>69405</v>
      </c>
      <c r="E21512" s="2" t="s">
        <v>69406</v>
      </c>
      <c r="F21512" s="2" t="s">
        <v>7543</v>
      </c>
      <c r="G21512" s="8">
        <v>117</v>
      </c>
      <c r="H21512" s="5">
        <v>6</v>
      </c>
      <c r="I21512" s="5" t="s">
        <v>1518</v>
      </c>
      <c r="J21512" s="5" t="s">
        <v>69038</v>
      </c>
      <c r="K21512" s="2" t="s">
        <v>69039</v>
      </c>
      <c r="L21512" s="5" t="s">
        <v>69038</v>
      </c>
      <c r="M21512" s="2" t="s">
        <v>69039</v>
      </c>
      <c r="N21512" s="5" t="s">
        <v>1521</v>
      </c>
      <c r="O21512" s="5" t="s">
        <v>38</v>
      </c>
      <c r="P21512" s="5" t="s">
        <v>39</v>
      </c>
      <c r="Q21512" s="5" t="s">
        <v>40</v>
      </c>
      <c r="R21512" s="5" t="s">
        <v>1522</v>
      </c>
      <c r="S21512" s="5" t="s">
        <v>1523</v>
      </c>
      <c r="T21512" s="5" t="s">
        <v>42</v>
      </c>
      <c r="U21512" s="2">
        <v>1.282</v>
      </c>
      <c r="V21512" s="2">
        <v>0.91500000000000004</v>
      </c>
      <c r="W21512" s="2">
        <v>0.01</v>
      </c>
      <c r="X21512" s="2">
        <v>118.9</v>
      </c>
      <c r="Y21512" s="2">
        <v>7.6</v>
      </c>
      <c r="Z21512" s="2">
        <v>10.6</v>
      </c>
      <c r="AA21512" s="5"/>
      <c r="AB21512" s="5" t="s">
        <v>43</v>
      </c>
      <c r="AC21512" s="5" t="s">
        <v>44</v>
      </c>
      <c r="AD21512" s="2"/>
      <c r="AE21512" s="1"/>
    </row>
    <row r="21513" spans="1:31" ht="14.45">
      <c r="A21513" s="11"/>
      <c r="B21513" s="20"/>
      <c r="C21513" s="2" t="s">
        <v>69407</v>
      </c>
      <c r="D21513" s="14" t="s">
        <v>69408</v>
      </c>
      <c r="E21513" s="2" t="s">
        <v>69409</v>
      </c>
      <c r="F21513" s="2" t="s">
        <v>7396</v>
      </c>
      <c r="G21513" s="8">
        <v>101</v>
      </c>
      <c r="H21513" s="5">
        <v>6</v>
      </c>
      <c r="I21513" s="5" t="s">
        <v>1518</v>
      </c>
      <c r="J21513" s="5" t="s">
        <v>69038</v>
      </c>
      <c r="K21513" s="2" t="s">
        <v>69039</v>
      </c>
      <c r="L21513" s="5" t="s">
        <v>69038</v>
      </c>
      <c r="M21513" s="2" t="s">
        <v>69039</v>
      </c>
      <c r="N21513" s="5" t="s">
        <v>1521</v>
      </c>
      <c r="O21513" s="5" t="s">
        <v>38</v>
      </c>
      <c r="P21513" s="5" t="s">
        <v>39</v>
      </c>
      <c r="Q21513" s="5" t="s">
        <v>40</v>
      </c>
      <c r="R21513" s="5" t="s">
        <v>1522</v>
      </c>
      <c r="S21513" s="5" t="s">
        <v>1523</v>
      </c>
      <c r="T21513" s="5" t="s">
        <v>42</v>
      </c>
      <c r="U21513" s="2">
        <v>1.222</v>
      </c>
      <c r="V21513" s="2">
        <v>0.85499999999999998</v>
      </c>
      <c r="W21513" s="2">
        <v>0.01</v>
      </c>
      <c r="X21513" s="2">
        <v>118.9</v>
      </c>
      <c r="Y21513" s="2">
        <v>7.6</v>
      </c>
      <c r="Z21513" s="2">
        <v>10.6</v>
      </c>
      <c r="AA21513" s="5"/>
      <c r="AB21513" s="5" t="s">
        <v>43</v>
      </c>
      <c r="AC21513" s="5" t="s">
        <v>44</v>
      </c>
      <c r="AD21513" s="2"/>
      <c r="AE21513" s="1"/>
    </row>
    <row r="21514" spans="1:31" ht="14.45">
      <c r="A21514" s="11"/>
      <c r="B21514" s="20"/>
      <c r="C21514" s="2" t="s">
        <v>69410</v>
      </c>
      <c r="D21514" s="14" t="s">
        <v>69411</v>
      </c>
      <c r="E21514" s="2" t="s">
        <v>69412</v>
      </c>
      <c r="F21514" s="2" t="s">
        <v>69112</v>
      </c>
      <c r="G21514" s="8">
        <v>101</v>
      </c>
      <c r="H21514" s="5">
        <v>6</v>
      </c>
      <c r="I21514" s="5" t="s">
        <v>1518</v>
      </c>
      <c r="J21514" s="5" t="s">
        <v>69038</v>
      </c>
      <c r="K21514" s="2" t="s">
        <v>69039</v>
      </c>
      <c r="L21514" s="5" t="s">
        <v>69038</v>
      </c>
      <c r="M21514" s="2" t="s">
        <v>69039</v>
      </c>
      <c r="N21514" s="5" t="s">
        <v>1521</v>
      </c>
      <c r="O21514" s="5" t="s">
        <v>38</v>
      </c>
      <c r="P21514" s="5" t="s">
        <v>39</v>
      </c>
      <c r="Q21514" s="5" t="s">
        <v>40</v>
      </c>
      <c r="R21514" s="5" t="s">
        <v>1522</v>
      </c>
      <c r="S21514" s="5" t="s">
        <v>1523</v>
      </c>
      <c r="T21514" s="5" t="s">
        <v>42</v>
      </c>
      <c r="U21514" s="2">
        <v>1.282</v>
      </c>
      <c r="V21514" s="2">
        <v>0.91500000000000004</v>
      </c>
      <c r="W21514" s="2">
        <v>0.01</v>
      </c>
      <c r="X21514" s="2">
        <v>118.9</v>
      </c>
      <c r="Y21514" s="2">
        <v>7.6</v>
      </c>
      <c r="Z21514" s="2">
        <v>10.6</v>
      </c>
      <c r="AA21514" s="5"/>
      <c r="AB21514" s="5" t="s">
        <v>43</v>
      </c>
      <c r="AC21514" s="5" t="s">
        <v>44</v>
      </c>
      <c r="AD21514" s="2"/>
      <c r="AE21514" s="1"/>
    </row>
    <row r="21515" spans="1:31" ht="14.45">
      <c r="A21515" s="11"/>
      <c r="B21515" s="20"/>
      <c r="C21515" s="2" t="s">
        <v>69413</v>
      </c>
      <c r="D21515" s="14" t="s">
        <v>69414</v>
      </c>
      <c r="E21515" s="2" t="s">
        <v>69415</v>
      </c>
      <c r="F21515" s="2" t="s">
        <v>7581</v>
      </c>
      <c r="G21515" s="8">
        <v>117</v>
      </c>
      <c r="H21515" s="5">
        <v>6</v>
      </c>
      <c r="I21515" s="5" t="s">
        <v>1518</v>
      </c>
      <c r="J21515" s="5" t="s">
        <v>69038</v>
      </c>
      <c r="K21515" s="2" t="s">
        <v>69039</v>
      </c>
      <c r="L21515" s="5" t="s">
        <v>69038</v>
      </c>
      <c r="M21515" s="2" t="s">
        <v>69039</v>
      </c>
      <c r="N21515" s="5" t="s">
        <v>1521</v>
      </c>
      <c r="O21515" s="5" t="s">
        <v>38</v>
      </c>
      <c r="P21515" s="5" t="s">
        <v>39</v>
      </c>
      <c r="Q21515" s="5" t="s">
        <v>40</v>
      </c>
      <c r="R21515" s="5" t="s">
        <v>1522</v>
      </c>
      <c r="S21515" s="5" t="s">
        <v>1523</v>
      </c>
      <c r="T21515" s="5" t="s">
        <v>42</v>
      </c>
      <c r="U21515" s="2">
        <v>1.282</v>
      </c>
      <c r="V21515" s="2">
        <v>0.91500000000000004</v>
      </c>
      <c r="W21515" s="2">
        <v>0.01</v>
      </c>
      <c r="X21515" s="2">
        <v>118.9</v>
      </c>
      <c r="Y21515" s="2">
        <v>7.6</v>
      </c>
      <c r="Z21515" s="2">
        <v>10.6</v>
      </c>
      <c r="AA21515" s="5"/>
      <c r="AB21515" s="5" t="s">
        <v>43</v>
      </c>
      <c r="AC21515" s="5" t="s">
        <v>44</v>
      </c>
      <c r="AD21515" s="2"/>
      <c r="AE21515" s="1"/>
    </row>
    <row r="21516" spans="1:31" ht="14.45">
      <c r="A21516" s="11"/>
      <c r="B21516" s="20"/>
      <c r="C21516" s="2" t="s">
        <v>69416</v>
      </c>
      <c r="D21516" s="14" t="s">
        <v>69417</v>
      </c>
      <c r="E21516" s="2" t="s">
        <v>69418</v>
      </c>
      <c r="F21516" s="2" t="s">
        <v>7611</v>
      </c>
      <c r="G21516" s="8">
        <v>117</v>
      </c>
      <c r="H21516" s="5">
        <v>6</v>
      </c>
      <c r="I21516" s="5" t="s">
        <v>1518</v>
      </c>
      <c r="J21516" s="5" t="s">
        <v>69038</v>
      </c>
      <c r="K21516" s="2" t="s">
        <v>69039</v>
      </c>
      <c r="L21516" s="5" t="s">
        <v>69038</v>
      </c>
      <c r="M21516" s="2" t="s">
        <v>69039</v>
      </c>
      <c r="N21516" s="5" t="s">
        <v>1521</v>
      </c>
      <c r="O21516" s="5" t="s">
        <v>38</v>
      </c>
      <c r="P21516" s="5" t="s">
        <v>39</v>
      </c>
      <c r="Q21516" s="5" t="s">
        <v>40</v>
      </c>
      <c r="R21516" s="5" t="s">
        <v>1522</v>
      </c>
      <c r="S21516" s="5" t="s">
        <v>1523</v>
      </c>
      <c r="T21516" s="5" t="s">
        <v>42</v>
      </c>
      <c r="U21516" s="2">
        <v>1.282</v>
      </c>
      <c r="V21516" s="2">
        <v>0.91500000000000004</v>
      </c>
      <c r="W21516" s="2">
        <v>0.01</v>
      </c>
      <c r="X21516" s="2">
        <v>118.9</v>
      </c>
      <c r="Y21516" s="2">
        <v>7.6</v>
      </c>
      <c r="Z21516" s="2">
        <v>10.6</v>
      </c>
      <c r="AA21516" s="5"/>
      <c r="AB21516" s="5" t="s">
        <v>43</v>
      </c>
      <c r="AC21516" s="5" t="s">
        <v>44</v>
      </c>
      <c r="AD21516" s="2"/>
      <c r="AE21516" s="1"/>
    </row>
    <row r="21517" spans="1:31" ht="14.45">
      <c r="A21517" s="11"/>
      <c r="B21517" s="20"/>
      <c r="C21517" s="2" t="s">
        <v>69419</v>
      </c>
      <c r="D21517" s="14" t="s">
        <v>69420</v>
      </c>
      <c r="E21517" s="2" t="s">
        <v>69421</v>
      </c>
      <c r="F21517" s="2" t="s">
        <v>7619</v>
      </c>
      <c r="G21517" s="8">
        <v>117</v>
      </c>
      <c r="H21517" s="5">
        <v>6</v>
      </c>
      <c r="I21517" s="5" t="s">
        <v>1518</v>
      </c>
      <c r="J21517" s="5" t="s">
        <v>69038</v>
      </c>
      <c r="K21517" s="2" t="s">
        <v>69039</v>
      </c>
      <c r="L21517" s="5" t="s">
        <v>69038</v>
      </c>
      <c r="M21517" s="2" t="s">
        <v>69039</v>
      </c>
      <c r="N21517" s="5" t="s">
        <v>1521</v>
      </c>
      <c r="O21517" s="5" t="s">
        <v>38</v>
      </c>
      <c r="P21517" s="5" t="s">
        <v>39</v>
      </c>
      <c r="Q21517" s="5" t="s">
        <v>40</v>
      </c>
      <c r="R21517" s="5" t="s">
        <v>1522</v>
      </c>
      <c r="S21517" s="5" t="s">
        <v>1523</v>
      </c>
      <c r="T21517" s="5" t="s">
        <v>42</v>
      </c>
      <c r="U21517" s="2">
        <v>1.282</v>
      </c>
      <c r="V21517" s="2">
        <v>0.91500000000000004</v>
      </c>
      <c r="W21517" s="2">
        <v>0.01</v>
      </c>
      <c r="X21517" s="2">
        <v>118.9</v>
      </c>
      <c r="Y21517" s="2">
        <v>7.6</v>
      </c>
      <c r="Z21517" s="2">
        <v>10.6</v>
      </c>
      <c r="AA21517" s="5"/>
      <c r="AB21517" s="5" t="s">
        <v>43</v>
      </c>
      <c r="AC21517" s="5" t="s">
        <v>44</v>
      </c>
      <c r="AD21517" s="2"/>
      <c r="AE21517" s="1"/>
    </row>
    <row r="21518" spans="1:31" ht="14.45">
      <c r="A21518" s="11"/>
      <c r="B21518" s="20"/>
      <c r="C21518" s="2" t="s">
        <v>69422</v>
      </c>
      <c r="D21518" s="14" t="s">
        <v>69423</v>
      </c>
      <c r="E21518" s="2" t="s">
        <v>69424</v>
      </c>
      <c r="F21518" s="2" t="s">
        <v>7212</v>
      </c>
      <c r="G21518" s="8">
        <v>101</v>
      </c>
      <c r="H21518" s="5">
        <v>6</v>
      </c>
      <c r="I21518" s="5" t="s">
        <v>1518</v>
      </c>
      <c r="J21518" s="5" t="s">
        <v>69038</v>
      </c>
      <c r="K21518" s="2" t="s">
        <v>69039</v>
      </c>
      <c r="L21518" s="5" t="s">
        <v>69038</v>
      </c>
      <c r="M21518" s="2" t="s">
        <v>69039</v>
      </c>
      <c r="N21518" s="5" t="s">
        <v>1521</v>
      </c>
      <c r="O21518" s="5" t="s">
        <v>38</v>
      </c>
      <c r="P21518" s="5" t="s">
        <v>39</v>
      </c>
      <c r="Q21518" s="5" t="s">
        <v>40</v>
      </c>
      <c r="R21518" s="5" t="s">
        <v>1522</v>
      </c>
      <c r="S21518" s="5" t="s">
        <v>1523</v>
      </c>
      <c r="T21518" s="5" t="s">
        <v>42</v>
      </c>
      <c r="U21518" s="2">
        <v>1.222</v>
      </c>
      <c r="V21518" s="2">
        <v>0.85499999999999998</v>
      </c>
      <c r="W21518" s="2">
        <v>0.01</v>
      </c>
      <c r="X21518" s="2">
        <v>118.9</v>
      </c>
      <c r="Y21518" s="2">
        <v>7.6</v>
      </c>
      <c r="Z21518" s="2">
        <v>10.6</v>
      </c>
      <c r="AA21518" s="5"/>
      <c r="AB21518" s="5" t="s">
        <v>43</v>
      </c>
      <c r="AC21518" s="5" t="s">
        <v>44</v>
      </c>
      <c r="AD21518" s="2"/>
      <c r="AE21518" s="1"/>
    </row>
    <row r="21519" spans="1:31" ht="14.45">
      <c r="A21519" s="11"/>
      <c r="B21519" s="20"/>
      <c r="C21519" s="2" t="s">
        <v>69425</v>
      </c>
      <c r="D21519" s="14" t="s">
        <v>69426</v>
      </c>
      <c r="E21519" s="2" t="s">
        <v>69427</v>
      </c>
      <c r="F21519" s="2" t="s">
        <v>7528</v>
      </c>
      <c r="G21519" s="8">
        <v>101</v>
      </c>
      <c r="H21519" s="5">
        <v>6</v>
      </c>
      <c r="I21519" s="5" t="s">
        <v>1518</v>
      </c>
      <c r="J21519" s="5" t="s">
        <v>69038</v>
      </c>
      <c r="K21519" s="2" t="s">
        <v>69039</v>
      </c>
      <c r="L21519" s="5" t="s">
        <v>69038</v>
      </c>
      <c r="M21519" s="2" t="s">
        <v>69039</v>
      </c>
      <c r="N21519" s="5" t="s">
        <v>1521</v>
      </c>
      <c r="O21519" s="5" t="s">
        <v>38</v>
      </c>
      <c r="P21519" s="5" t="s">
        <v>39</v>
      </c>
      <c r="Q21519" s="5" t="s">
        <v>40</v>
      </c>
      <c r="R21519" s="5" t="s">
        <v>1522</v>
      </c>
      <c r="S21519" s="5" t="s">
        <v>1523</v>
      </c>
      <c r="T21519" s="5" t="s">
        <v>42</v>
      </c>
      <c r="U21519" s="2">
        <v>1.282</v>
      </c>
      <c r="V21519" s="2">
        <v>0.91500000000000004</v>
      </c>
      <c r="W21519" s="2">
        <v>0.01</v>
      </c>
      <c r="X21519" s="2">
        <v>118.9</v>
      </c>
      <c r="Y21519" s="2">
        <v>7.6</v>
      </c>
      <c r="Z21519" s="2">
        <v>10.6</v>
      </c>
      <c r="AA21519" s="5"/>
      <c r="AB21519" s="5" t="s">
        <v>43</v>
      </c>
      <c r="AC21519" s="5" t="s">
        <v>44</v>
      </c>
      <c r="AD21519" s="2"/>
      <c r="AE21519" s="1"/>
    </row>
    <row r="21520" spans="1:31" ht="14.45">
      <c r="A21520" s="11"/>
      <c r="B21520" s="20"/>
      <c r="C21520" s="2" t="s">
        <v>69428</v>
      </c>
      <c r="D21520" s="14" t="s">
        <v>69429</v>
      </c>
      <c r="E21520" s="2" t="s">
        <v>69430</v>
      </c>
      <c r="F21520" s="2" t="s">
        <v>1863</v>
      </c>
      <c r="G21520" s="8">
        <v>117</v>
      </c>
      <c r="H21520" s="5">
        <v>6</v>
      </c>
      <c r="I21520" s="5" t="s">
        <v>1518</v>
      </c>
      <c r="J21520" s="5" t="s">
        <v>69038</v>
      </c>
      <c r="K21520" s="2" t="s">
        <v>69039</v>
      </c>
      <c r="L21520" s="5" t="s">
        <v>69038</v>
      </c>
      <c r="M21520" s="2" t="s">
        <v>69039</v>
      </c>
      <c r="N21520" s="5" t="s">
        <v>1521</v>
      </c>
      <c r="O21520" s="5" t="s">
        <v>38</v>
      </c>
      <c r="P21520" s="5" t="s">
        <v>39</v>
      </c>
      <c r="Q21520" s="5" t="s">
        <v>40</v>
      </c>
      <c r="R21520" s="5" t="s">
        <v>1522</v>
      </c>
      <c r="S21520" s="5" t="s">
        <v>1523</v>
      </c>
      <c r="T21520" s="5" t="s">
        <v>42</v>
      </c>
      <c r="U21520" s="2">
        <v>1.222</v>
      </c>
      <c r="V21520" s="2">
        <v>0.85499999999999998</v>
      </c>
      <c r="W21520" s="2">
        <v>0.01</v>
      </c>
      <c r="X21520" s="2">
        <v>118.9</v>
      </c>
      <c r="Y21520" s="2">
        <v>7.6</v>
      </c>
      <c r="Z21520" s="2">
        <v>10.6</v>
      </c>
      <c r="AA21520" s="5"/>
      <c r="AB21520" s="5" t="s">
        <v>43</v>
      </c>
      <c r="AC21520" s="5" t="s">
        <v>44</v>
      </c>
      <c r="AD21520" s="2"/>
      <c r="AE21520" s="1"/>
    </row>
    <row r="21521" spans="1:31" ht="14.45">
      <c r="A21521" s="11"/>
      <c r="B21521" s="20"/>
      <c r="C21521" s="2" t="s">
        <v>69431</v>
      </c>
      <c r="D21521" s="14" t="s">
        <v>69432</v>
      </c>
      <c r="E21521" s="2" t="s">
        <v>69433</v>
      </c>
      <c r="F21521" s="2" t="s">
        <v>1867</v>
      </c>
      <c r="G21521" s="8">
        <v>117</v>
      </c>
      <c r="H21521" s="5">
        <v>6</v>
      </c>
      <c r="I21521" s="5" t="s">
        <v>1518</v>
      </c>
      <c r="J21521" s="5" t="s">
        <v>69038</v>
      </c>
      <c r="K21521" s="2" t="s">
        <v>69039</v>
      </c>
      <c r="L21521" s="5" t="s">
        <v>69038</v>
      </c>
      <c r="M21521" s="2" t="s">
        <v>69039</v>
      </c>
      <c r="N21521" s="5" t="s">
        <v>1521</v>
      </c>
      <c r="O21521" s="5" t="s">
        <v>38</v>
      </c>
      <c r="P21521" s="5" t="s">
        <v>39</v>
      </c>
      <c r="Q21521" s="5" t="s">
        <v>40</v>
      </c>
      <c r="R21521" s="5" t="s">
        <v>1522</v>
      </c>
      <c r="S21521" s="5" t="s">
        <v>1523</v>
      </c>
      <c r="T21521" s="5" t="s">
        <v>42</v>
      </c>
      <c r="U21521" s="2">
        <v>1.282</v>
      </c>
      <c r="V21521" s="2">
        <v>0.91500000000000004</v>
      </c>
      <c r="W21521" s="2">
        <v>0.01</v>
      </c>
      <c r="X21521" s="2">
        <v>118.9</v>
      </c>
      <c r="Y21521" s="2">
        <v>7.6</v>
      </c>
      <c r="Z21521" s="2">
        <v>10.6</v>
      </c>
      <c r="AA21521" s="5"/>
      <c r="AB21521" s="5" t="s">
        <v>43</v>
      </c>
      <c r="AC21521" s="5" t="s">
        <v>44</v>
      </c>
      <c r="AD21521" s="2"/>
      <c r="AE21521" s="1"/>
    </row>
    <row r="21522" spans="1:31" ht="14.45">
      <c r="A21522" s="11"/>
      <c r="B21522" s="20"/>
      <c r="C21522" s="2" t="s">
        <v>69434</v>
      </c>
      <c r="D21522" s="14" t="s">
        <v>69435</v>
      </c>
      <c r="E21522" s="2" t="s">
        <v>69436</v>
      </c>
      <c r="F21522" s="2" t="s">
        <v>7204</v>
      </c>
      <c r="G21522" s="8">
        <v>100</v>
      </c>
      <c r="H21522" s="5">
        <v>6</v>
      </c>
      <c r="I21522" s="5" t="s">
        <v>1518</v>
      </c>
      <c r="J21522" s="5" t="s">
        <v>69038</v>
      </c>
      <c r="K21522" s="2" t="s">
        <v>69039</v>
      </c>
      <c r="L21522" s="5" t="s">
        <v>69038</v>
      </c>
      <c r="M21522" s="2" t="s">
        <v>69039</v>
      </c>
      <c r="N21522" s="5" t="s">
        <v>1521</v>
      </c>
      <c r="O21522" s="5" t="s">
        <v>38</v>
      </c>
      <c r="P21522" s="5" t="s">
        <v>39</v>
      </c>
      <c r="Q21522" s="5" t="s">
        <v>40</v>
      </c>
      <c r="R21522" s="5" t="s">
        <v>1522</v>
      </c>
      <c r="S21522" s="5" t="s">
        <v>1523</v>
      </c>
      <c r="T21522" s="5" t="s">
        <v>42</v>
      </c>
      <c r="U21522" s="2">
        <v>1.0820000000000001</v>
      </c>
      <c r="V21522" s="2">
        <v>0.83299999999999996</v>
      </c>
      <c r="W21522" s="2">
        <v>6.0000000000000001E-3</v>
      </c>
      <c r="X21522" s="2">
        <v>76.900000000000006</v>
      </c>
      <c r="Y21522" s="2">
        <v>7.6</v>
      </c>
      <c r="Z21522" s="2">
        <v>10.6</v>
      </c>
      <c r="AA21522" s="5"/>
      <c r="AB21522" s="5" t="s">
        <v>43</v>
      </c>
      <c r="AC21522" s="5" t="s">
        <v>44</v>
      </c>
      <c r="AD21522" s="2"/>
      <c r="AE21522" s="1"/>
    </row>
    <row r="21523" spans="1:31" ht="14.45">
      <c r="A21523" s="11"/>
      <c r="B21523" s="20"/>
      <c r="C21523" s="2" t="s">
        <v>69437</v>
      </c>
      <c r="D21523" s="14" t="s">
        <v>69438</v>
      </c>
      <c r="E21523" s="2" t="s">
        <v>69439</v>
      </c>
      <c r="F21523" s="2" t="s">
        <v>7514</v>
      </c>
      <c r="G21523" s="8">
        <v>100</v>
      </c>
      <c r="H21523" s="5">
        <v>6</v>
      </c>
      <c r="I21523" s="5" t="s">
        <v>1518</v>
      </c>
      <c r="J21523" s="5" t="s">
        <v>69038</v>
      </c>
      <c r="K21523" s="2" t="s">
        <v>69039</v>
      </c>
      <c r="L21523" s="5" t="s">
        <v>69038</v>
      </c>
      <c r="M21523" s="2" t="s">
        <v>69039</v>
      </c>
      <c r="N21523" s="5" t="s">
        <v>1521</v>
      </c>
      <c r="O21523" s="5" t="s">
        <v>38</v>
      </c>
      <c r="P21523" s="5" t="s">
        <v>39</v>
      </c>
      <c r="Q21523" s="5" t="s">
        <v>40</v>
      </c>
      <c r="R21523" s="5" t="s">
        <v>1522</v>
      </c>
      <c r="S21523" s="5" t="s">
        <v>1523</v>
      </c>
      <c r="T21523" s="5" t="s">
        <v>42</v>
      </c>
      <c r="U21523" s="2">
        <v>1.131</v>
      </c>
      <c r="V21523" s="2">
        <v>0.88200000000000001</v>
      </c>
      <c r="W21523" s="2">
        <v>6.0000000000000001E-3</v>
      </c>
      <c r="X21523" s="2">
        <v>76.900000000000006</v>
      </c>
      <c r="Y21523" s="2">
        <v>7.6</v>
      </c>
      <c r="Z21523" s="2">
        <v>10.6</v>
      </c>
      <c r="AA21523" s="5"/>
      <c r="AB21523" s="5" t="s">
        <v>43</v>
      </c>
      <c r="AC21523" s="5" t="s">
        <v>44</v>
      </c>
      <c r="AD21523" s="2"/>
      <c r="AE21523" s="1"/>
    </row>
    <row r="21524" spans="1:31" ht="14.45">
      <c r="A21524" s="11"/>
      <c r="B21524" s="20"/>
      <c r="C21524" s="2" t="s">
        <v>69440</v>
      </c>
      <c r="D21524" s="14" t="s">
        <v>69441</v>
      </c>
      <c r="E21524" s="2" t="s">
        <v>69442</v>
      </c>
      <c r="F21524" s="2" t="s">
        <v>7208</v>
      </c>
      <c r="G21524" s="8">
        <v>100</v>
      </c>
      <c r="H21524" s="5">
        <v>6</v>
      </c>
      <c r="I21524" s="5" t="s">
        <v>1518</v>
      </c>
      <c r="J21524" s="5" t="s">
        <v>69038</v>
      </c>
      <c r="K21524" s="2" t="s">
        <v>69039</v>
      </c>
      <c r="L21524" s="5" t="s">
        <v>69038</v>
      </c>
      <c r="M21524" s="2" t="s">
        <v>69039</v>
      </c>
      <c r="N21524" s="5" t="s">
        <v>1521</v>
      </c>
      <c r="O21524" s="5" t="s">
        <v>38</v>
      </c>
      <c r="P21524" s="5" t="s">
        <v>39</v>
      </c>
      <c r="Q21524" s="5" t="s">
        <v>40</v>
      </c>
      <c r="R21524" s="5" t="s">
        <v>1522</v>
      </c>
      <c r="S21524" s="5" t="s">
        <v>1523</v>
      </c>
      <c r="T21524" s="5" t="s">
        <v>42</v>
      </c>
      <c r="U21524" s="2">
        <v>1.0820000000000001</v>
      </c>
      <c r="V21524" s="2">
        <v>0.83299999999999996</v>
      </c>
      <c r="W21524" s="2">
        <v>6.0000000000000001E-3</v>
      </c>
      <c r="X21524" s="2">
        <v>76.900000000000006</v>
      </c>
      <c r="Y21524" s="2">
        <v>7.6</v>
      </c>
      <c r="Z21524" s="2">
        <v>10.6</v>
      </c>
      <c r="AA21524" s="5"/>
      <c r="AB21524" s="5" t="s">
        <v>43</v>
      </c>
      <c r="AC21524" s="5" t="s">
        <v>44</v>
      </c>
      <c r="AD21524" s="2"/>
      <c r="AE21524" s="1"/>
    </row>
    <row r="21525" spans="1:31" ht="14.45">
      <c r="A21525" s="11"/>
      <c r="B21525" s="20"/>
      <c r="C21525" s="2" t="s">
        <v>69443</v>
      </c>
      <c r="D21525" s="14" t="s">
        <v>69444</v>
      </c>
      <c r="E21525" s="2" t="s">
        <v>69445</v>
      </c>
      <c r="F21525" s="2" t="s">
        <v>7521</v>
      </c>
      <c r="G21525" s="8">
        <v>100</v>
      </c>
      <c r="H21525" s="5">
        <v>6</v>
      </c>
      <c r="I21525" s="5" t="s">
        <v>1518</v>
      </c>
      <c r="J21525" s="5" t="s">
        <v>69038</v>
      </c>
      <c r="K21525" s="2" t="s">
        <v>69039</v>
      </c>
      <c r="L21525" s="5" t="s">
        <v>69038</v>
      </c>
      <c r="M21525" s="2" t="s">
        <v>69039</v>
      </c>
      <c r="N21525" s="5" t="s">
        <v>1521</v>
      </c>
      <c r="O21525" s="5" t="s">
        <v>38</v>
      </c>
      <c r="P21525" s="5" t="s">
        <v>39</v>
      </c>
      <c r="Q21525" s="5" t="s">
        <v>40</v>
      </c>
      <c r="R21525" s="5" t="s">
        <v>1522</v>
      </c>
      <c r="S21525" s="5" t="s">
        <v>1523</v>
      </c>
      <c r="T21525" s="5" t="s">
        <v>42</v>
      </c>
      <c r="U21525" s="2">
        <v>1.131</v>
      </c>
      <c r="V21525" s="2">
        <v>0.88200000000000001</v>
      </c>
      <c r="W21525" s="2">
        <v>6.0000000000000001E-3</v>
      </c>
      <c r="X21525" s="2">
        <v>76.900000000000006</v>
      </c>
      <c r="Y21525" s="2">
        <v>7.6</v>
      </c>
      <c r="Z21525" s="2">
        <v>10.6</v>
      </c>
      <c r="AA21525" s="5"/>
      <c r="AB21525" s="5" t="s">
        <v>43</v>
      </c>
      <c r="AC21525" s="5" t="s">
        <v>44</v>
      </c>
      <c r="AD21525" s="2"/>
      <c r="AE21525" s="1"/>
    </row>
    <row r="21526" spans="1:31" ht="14.45">
      <c r="A21526" s="11"/>
      <c r="B21526" s="20"/>
      <c r="C21526" s="2" t="s">
        <v>69446</v>
      </c>
      <c r="D21526" s="14" t="s">
        <v>69447</v>
      </c>
      <c r="E21526" s="2" t="s">
        <v>69448</v>
      </c>
      <c r="F21526" s="2" t="s">
        <v>7396</v>
      </c>
      <c r="G21526" s="8">
        <v>100</v>
      </c>
      <c r="H21526" s="5">
        <v>6</v>
      </c>
      <c r="I21526" s="5" t="s">
        <v>1518</v>
      </c>
      <c r="J21526" s="5" t="s">
        <v>69038</v>
      </c>
      <c r="K21526" s="2" t="s">
        <v>69039</v>
      </c>
      <c r="L21526" s="5" t="s">
        <v>69038</v>
      </c>
      <c r="M21526" s="2" t="s">
        <v>69039</v>
      </c>
      <c r="N21526" s="5" t="s">
        <v>1521</v>
      </c>
      <c r="O21526" s="5" t="s">
        <v>38</v>
      </c>
      <c r="P21526" s="5" t="s">
        <v>39</v>
      </c>
      <c r="Q21526" s="5" t="s">
        <v>40</v>
      </c>
      <c r="R21526" s="5" t="s">
        <v>1522</v>
      </c>
      <c r="S21526" s="5" t="s">
        <v>1523</v>
      </c>
      <c r="T21526" s="5" t="s">
        <v>42</v>
      </c>
      <c r="U21526" s="2">
        <v>1.0820000000000001</v>
      </c>
      <c r="V21526" s="2">
        <v>0.83299999999999996</v>
      </c>
      <c r="W21526" s="2">
        <v>6.0000000000000001E-3</v>
      </c>
      <c r="X21526" s="2">
        <v>76.900000000000006</v>
      </c>
      <c r="Y21526" s="2">
        <v>7.6</v>
      </c>
      <c r="Z21526" s="2">
        <v>10.6</v>
      </c>
      <c r="AA21526" s="5"/>
      <c r="AB21526" s="5" t="s">
        <v>43</v>
      </c>
      <c r="AC21526" s="5" t="s">
        <v>44</v>
      </c>
      <c r="AD21526" s="2"/>
      <c r="AE21526" s="1"/>
    </row>
    <row r="21527" spans="1:31" ht="14.45">
      <c r="A21527" s="11"/>
      <c r="B21527" s="20"/>
      <c r="C21527" s="2" t="s">
        <v>69449</v>
      </c>
      <c r="D21527" s="14" t="s">
        <v>69450</v>
      </c>
      <c r="E21527" s="2" t="s">
        <v>69451</v>
      </c>
      <c r="F21527" s="2" t="s">
        <v>69112</v>
      </c>
      <c r="G21527" s="8">
        <v>100</v>
      </c>
      <c r="H21527" s="5">
        <v>6</v>
      </c>
      <c r="I21527" s="5" t="s">
        <v>1518</v>
      </c>
      <c r="J21527" s="5" t="s">
        <v>69038</v>
      </c>
      <c r="K21527" s="2" t="s">
        <v>69039</v>
      </c>
      <c r="L21527" s="5" t="s">
        <v>69038</v>
      </c>
      <c r="M21527" s="2" t="s">
        <v>69039</v>
      </c>
      <c r="N21527" s="5" t="s">
        <v>1521</v>
      </c>
      <c r="O21527" s="5" t="s">
        <v>38</v>
      </c>
      <c r="P21527" s="5" t="s">
        <v>39</v>
      </c>
      <c r="Q21527" s="5" t="s">
        <v>40</v>
      </c>
      <c r="R21527" s="5" t="s">
        <v>1522</v>
      </c>
      <c r="S21527" s="5" t="s">
        <v>1523</v>
      </c>
      <c r="T21527" s="5" t="s">
        <v>42</v>
      </c>
      <c r="U21527" s="2">
        <v>1.131</v>
      </c>
      <c r="V21527" s="2">
        <v>0.88200000000000001</v>
      </c>
      <c r="W21527" s="2">
        <v>6.0000000000000001E-3</v>
      </c>
      <c r="X21527" s="2">
        <v>76.900000000000006</v>
      </c>
      <c r="Y21527" s="2">
        <v>7.6</v>
      </c>
      <c r="Z21527" s="2">
        <v>10.6</v>
      </c>
      <c r="AA21527" s="5"/>
      <c r="AB21527" s="5" t="s">
        <v>43</v>
      </c>
      <c r="AC21527" s="5" t="s">
        <v>44</v>
      </c>
      <c r="AD21527" s="2"/>
      <c r="AE21527" s="1"/>
    </row>
    <row r="21528" spans="1:31" ht="14.45">
      <c r="A21528" s="11"/>
      <c r="B21528" s="20"/>
      <c r="C21528" s="2" t="s">
        <v>69452</v>
      </c>
      <c r="D21528" s="14" t="s">
        <v>69453</v>
      </c>
      <c r="E21528" s="2" t="s">
        <v>69454</v>
      </c>
      <c r="F21528" s="2" t="s">
        <v>1863</v>
      </c>
      <c r="G21528" s="8">
        <v>115</v>
      </c>
      <c r="H21528" s="5">
        <v>6</v>
      </c>
      <c r="I21528" s="5" t="s">
        <v>1518</v>
      </c>
      <c r="J21528" s="5" t="s">
        <v>69038</v>
      </c>
      <c r="K21528" s="2" t="s">
        <v>69039</v>
      </c>
      <c r="L21528" s="5" t="s">
        <v>69038</v>
      </c>
      <c r="M21528" s="2" t="s">
        <v>69039</v>
      </c>
      <c r="N21528" s="5" t="s">
        <v>1521</v>
      </c>
      <c r="O21528" s="5" t="s">
        <v>38</v>
      </c>
      <c r="P21528" s="5" t="s">
        <v>39</v>
      </c>
      <c r="Q21528" s="5" t="s">
        <v>40</v>
      </c>
      <c r="R21528" s="5" t="s">
        <v>1522</v>
      </c>
      <c r="S21528" s="5" t="s">
        <v>1523</v>
      </c>
      <c r="T21528" s="5" t="s">
        <v>42</v>
      </c>
      <c r="U21528" s="2">
        <v>1.0820000000000001</v>
      </c>
      <c r="V21528" s="2">
        <v>0.83299999999999996</v>
      </c>
      <c r="W21528" s="2">
        <v>6.0000000000000001E-3</v>
      </c>
      <c r="X21528" s="2">
        <v>76.900000000000006</v>
      </c>
      <c r="Y21528" s="2">
        <v>7.6</v>
      </c>
      <c r="Z21528" s="2">
        <v>10.6</v>
      </c>
      <c r="AA21528" s="5"/>
      <c r="AB21528" s="5" t="s">
        <v>43</v>
      </c>
      <c r="AC21528" s="5" t="s">
        <v>44</v>
      </c>
      <c r="AD21528" s="2"/>
      <c r="AE21528" s="1"/>
    </row>
    <row r="21529" spans="1:31" ht="14.45">
      <c r="A21529" s="11"/>
      <c r="B21529" s="20"/>
      <c r="C21529" s="2" t="s">
        <v>69455</v>
      </c>
      <c r="D21529" s="14" t="s">
        <v>69456</v>
      </c>
      <c r="E21529" s="2" t="s">
        <v>69457</v>
      </c>
      <c r="F21529" s="2" t="s">
        <v>1867</v>
      </c>
      <c r="G21529" s="8">
        <v>115</v>
      </c>
      <c r="H21529" s="5">
        <v>6</v>
      </c>
      <c r="I21529" s="5" t="s">
        <v>1518</v>
      </c>
      <c r="J21529" s="5" t="s">
        <v>69038</v>
      </c>
      <c r="K21529" s="2" t="s">
        <v>69039</v>
      </c>
      <c r="L21529" s="5" t="s">
        <v>69038</v>
      </c>
      <c r="M21529" s="2" t="s">
        <v>69039</v>
      </c>
      <c r="N21529" s="5" t="s">
        <v>1521</v>
      </c>
      <c r="O21529" s="5" t="s">
        <v>38</v>
      </c>
      <c r="P21529" s="5" t="s">
        <v>39</v>
      </c>
      <c r="Q21529" s="5" t="s">
        <v>40</v>
      </c>
      <c r="R21529" s="5" t="s">
        <v>1522</v>
      </c>
      <c r="S21529" s="5" t="s">
        <v>1523</v>
      </c>
      <c r="T21529" s="5" t="s">
        <v>42</v>
      </c>
      <c r="U21529" s="2">
        <v>1.131</v>
      </c>
      <c r="V21529" s="2">
        <v>0.88200000000000001</v>
      </c>
      <c r="W21529" s="2">
        <v>6.0000000000000001E-3</v>
      </c>
      <c r="X21529" s="2">
        <v>76.900000000000006</v>
      </c>
      <c r="Y21529" s="2">
        <v>7.6</v>
      </c>
      <c r="Z21529" s="2">
        <v>10.6</v>
      </c>
      <c r="AA21529" s="5"/>
      <c r="AB21529" s="5" t="s">
        <v>43</v>
      </c>
      <c r="AC21529" s="5" t="s">
        <v>44</v>
      </c>
      <c r="AD21529" s="2"/>
      <c r="AE21529" s="1"/>
    </row>
    <row r="21530" spans="1:31" ht="14.45">
      <c r="A21530" s="11"/>
      <c r="B21530" s="20"/>
      <c r="C21530" s="2" t="s">
        <v>69458</v>
      </c>
      <c r="D21530" s="14" t="s">
        <v>69459</v>
      </c>
      <c r="E21530" s="2" t="s">
        <v>69460</v>
      </c>
      <c r="F21530" s="2" t="s">
        <v>7204</v>
      </c>
      <c r="G21530" s="8">
        <v>111</v>
      </c>
      <c r="H21530" s="5">
        <v>6</v>
      </c>
      <c r="I21530" s="5" t="s">
        <v>1518</v>
      </c>
      <c r="J21530" s="5" t="s">
        <v>69038</v>
      </c>
      <c r="K21530" s="2" t="s">
        <v>69039</v>
      </c>
      <c r="L21530" s="5" t="s">
        <v>69038</v>
      </c>
      <c r="M21530" s="2" t="s">
        <v>69039</v>
      </c>
      <c r="N21530" s="5" t="s">
        <v>1521</v>
      </c>
      <c r="O21530" s="5" t="s">
        <v>38</v>
      </c>
      <c r="P21530" s="5" t="s">
        <v>39</v>
      </c>
      <c r="Q21530" s="5" t="s">
        <v>40</v>
      </c>
      <c r="R21530" s="5" t="s">
        <v>1522</v>
      </c>
      <c r="S21530" s="5" t="s">
        <v>1523</v>
      </c>
      <c r="T21530" s="5" t="s">
        <v>42</v>
      </c>
      <c r="U21530" s="2">
        <v>1.2849999999999999</v>
      </c>
      <c r="V21530" s="2">
        <v>0.93200000000000005</v>
      </c>
      <c r="W21530" s="2">
        <v>8.0000000000000002E-3</v>
      </c>
      <c r="X21530" s="2">
        <v>99.1</v>
      </c>
      <c r="Y21530" s="2">
        <v>7.6</v>
      </c>
      <c r="Z21530" s="2">
        <v>10.6</v>
      </c>
      <c r="AA21530" s="5"/>
      <c r="AB21530" s="5" t="s">
        <v>43</v>
      </c>
      <c r="AC21530" s="5" t="s">
        <v>44</v>
      </c>
      <c r="AD21530" s="2"/>
      <c r="AE21530" s="1"/>
    </row>
    <row r="21531" spans="1:31" ht="14.45">
      <c r="A21531" s="11"/>
      <c r="B21531" s="20"/>
      <c r="C21531" s="2" t="s">
        <v>69461</v>
      </c>
      <c r="D21531" s="14" t="s">
        <v>69462</v>
      </c>
      <c r="E21531" s="2" t="s">
        <v>69463</v>
      </c>
      <c r="F21531" s="2" t="s">
        <v>7514</v>
      </c>
      <c r="G21531" s="8">
        <v>111</v>
      </c>
      <c r="H21531" s="5">
        <v>6</v>
      </c>
      <c r="I21531" s="5" t="s">
        <v>1518</v>
      </c>
      <c r="J21531" s="5" t="s">
        <v>69038</v>
      </c>
      <c r="K21531" s="2" t="s">
        <v>69039</v>
      </c>
      <c r="L21531" s="5" t="s">
        <v>69038</v>
      </c>
      <c r="M21531" s="2" t="s">
        <v>69039</v>
      </c>
      <c r="N21531" s="5" t="s">
        <v>1521</v>
      </c>
      <c r="O21531" s="5" t="s">
        <v>38</v>
      </c>
      <c r="P21531" s="5" t="s">
        <v>39</v>
      </c>
      <c r="Q21531" s="5" t="s">
        <v>40</v>
      </c>
      <c r="R21531" s="5" t="s">
        <v>1522</v>
      </c>
      <c r="S21531" s="5" t="s">
        <v>1523</v>
      </c>
      <c r="T21531" s="5" t="s">
        <v>42</v>
      </c>
      <c r="U21531" s="2">
        <v>1.3440000000000001</v>
      </c>
      <c r="V21531" s="2">
        <v>0.99099999999999999</v>
      </c>
      <c r="W21531" s="2">
        <v>8.0000000000000002E-3</v>
      </c>
      <c r="X21531" s="2">
        <v>99.1</v>
      </c>
      <c r="Y21531" s="2">
        <v>7.6</v>
      </c>
      <c r="Z21531" s="2">
        <v>10.6</v>
      </c>
      <c r="AA21531" s="5"/>
      <c r="AB21531" s="5" t="s">
        <v>43</v>
      </c>
      <c r="AC21531" s="5" t="s">
        <v>44</v>
      </c>
      <c r="AD21531" s="2"/>
      <c r="AE21531" s="1"/>
    </row>
    <row r="21532" spans="1:31" ht="14.45">
      <c r="A21532" s="11"/>
      <c r="B21532" s="20"/>
      <c r="C21532" s="2" t="s">
        <v>69464</v>
      </c>
      <c r="D21532" s="14" t="s">
        <v>69465</v>
      </c>
      <c r="E21532" s="2" t="s">
        <v>69466</v>
      </c>
      <c r="F21532" s="2" t="s">
        <v>7208</v>
      </c>
      <c r="G21532" s="8">
        <v>111</v>
      </c>
      <c r="H21532" s="5">
        <v>6</v>
      </c>
      <c r="I21532" s="5" t="s">
        <v>1518</v>
      </c>
      <c r="J21532" s="5" t="s">
        <v>69038</v>
      </c>
      <c r="K21532" s="2" t="s">
        <v>69039</v>
      </c>
      <c r="L21532" s="5" t="s">
        <v>69038</v>
      </c>
      <c r="M21532" s="2" t="s">
        <v>69039</v>
      </c>
      <c r="N21532" s="5" t="s">
        <v>1521</v>
      </c>
      <c r="O21532" s="5" t="s">
        <v>38</v>
      </c>
      <c r="P21532" s="5" t="s">
        <v>39</v>
      </c>
      <c r="Q21532" s="5" t="s">
        <v>40</v>
      </c>
      <c r="R21532" s="5" t="s">
        <v>1522</v>
      </c>
      <c r="S21532" s="5" t="s">
        <v>1523</v>
      </c>
      <c r="T21532" s="5" t="s">
        <v>42</v>
      </c>
      <c r="U21532" s="2">
        <v>1.2849999999999999</v>
      </c>
      <c r="V21532" s="2">
        <v>0.93200000000000005</v>
      </c>
      <c r="W21532" s="2">
        <v>8.0000000000000002E-3</v>
      </c>
      <c r="X21532" s="2">
        <v>99.1</v>
      </c>
      <c r="Y21532" s="2">
        <v>7.6</v>
      </c>
      <c r="Z21532" s="2">
        <v>10.6</v>
      </c>
      <c r="AA21532" s="5"/>
      <c r="AB21532" s="5" t="s">
        <v>43</v>
      </c>
      <c r="AC21532" s="5" t="s">
        <v>44</v>
      </c>
      <c r="AD21532" s="2"/>
      <c r="AE21532" s="1"/>
    </row>
    <row r="21533" spans="1:31" ht="14.45">
      <c r="A21533" s="11"/>
      <c r="B21533" s="20"/>
      <c r="C21533" s="2" t="s">
        <v>69467</v>
      </c>
      <c r="D21533" s="14" t="s">
        <v>69468</v>
      </c>
      <c r="E21533" s="2" t="s">
        <v>69469</v>
      </c>
      <c r="F21533" s="2" t="s">
        <v>7521</v>
      </c>
      <c r="G21533" s="8">
        <v>111</v>
      </c>
      <c r="H21533" s="5">
        <v>6</v>
      </c>
      <c r="I21533" s="5" t="s">
        <v>1518</v>
      </c>
      <c r="J21533" s="5" t="s">
        <v>69038</v>
      </c>
      <c r="K21533" s="2" t="s">
        <v>69039</v>
      </c>
      <c r="L21533" s="5" t="s">
        <v>69038</v>
      </c>
      <c r="M21533" s="2" t="s">
        <v>69039</v>
      </c>
      <c r="N21533" s="5" t="s">
        <v>1521</v>
      </c>
      <c r="O21533" s="5" t="s">
        <v>38</v>
      </c>
      <c r="P21533" s="5" t="s">
        <v>39</v>
      </c>
      <c r="Q21533" s="5" t="s">
        <v>40</v>
      </c>
      <c r="R21533" s="5" t="s">
        <v>1522</v>
      </c>
      <c r="S21533" s="5" t="s">
        <v>1523</v>
      </c>
      <c r="T21533" s="5" t="s">
        <v>42</v>
      </c>
      <c r="U21533" s="2">
        <v>1.3440000000000001</v>
      </c>
      <c r="V21533" s="2">
        <v>0.99099999999999999</v>
      </c>
      <c r="W21533" s="2">
        <v>8.0000000000000002E-3</v>
      </c>
      <c r="X21533" s="2">
        <v>99.1</v>
      </c>
      <c r="Y21533" s="2">
        <v>7.6</v>
      </c>
      <c r="Z21533" s="2">
        <v>10.6</v>
      </c>
      <c r="AA21533" s="5"/>
      <c r="AB21533" s="5" t="s">
        <v>43</v>
      </c>
      <c r="AC21533" s="5" t="s">
        <v>44</v>
      </c>
      <c r="AD21533" s="2"/>
      <c r="AE21533" s="1"/>
    </row>
    <row r="21534" spans="1:31" ht="14.45">
      <c r="A21534" s="11"/>
      <c r="B21534" s="20"/>
      <c r="C21534" s="2" t="s">
        <v>69470</v>
      </c>
      <c r="D21534" s="14" t="s">
        <v>69471</v>
      </c>
      <c r="E21534" s="2" t="s">
        <v>69472</v>
      </c>
      <c r="F21534" s="2" t="s">
        <v>7406</v>
      </c>
      <c r="G21534" s="8">
        <v>127</v>
      </c>
      <c r="H21534" s="5">
        <v>6</v>
      </c>
      <c r="I21534" s="5" t="s">
        <v>1518</v>
      </c>
      <c r="J21534" s="5" t="s">
        <v>69038</v>
      </c>
      <c r="K21534" s="2" t="s">
        <v>69039</v>
      </c>
      <c r="L21534" s="5" t="s">
        <v>69038</v>
      </c>
      <c r="M21534" s="2" t="s">
        <v>69039</v>
      </c>
      <c r="N21534" s="5" t="s">
        <v>1521</v>
      </c>
      <c r="O21534" s="5" t="s">
        <v>38</v>
      </c>
      <c r="P21534" s="5" t="s">
        <v>39</v>
      </c>
      <c r="Q21534" s="5" t="s">
        <v>40</v>
      </c>
      <c r="R21534" s="5" t="s">
        <v>1522</v>
      </c>
      <c r="S21534" s="5" t="s">
        <v>1523</v>
      </c>
      <c r="T21534" s="5" t="s">
        <v>42</v>
      </c>
      <c r="U21534" s="2">
        <v>1.2849999999999999</v>
      </c>
      <c r="V21534" s="2">
        <v>0.93200000000000005</v>
      </c>
      <c r="W21534" s="2">
        <v>8.0000000000000002E-3</v>
      </c>
      <c r="X21534" s="2">
        <v>99.1</v>
      </c>
      <c r="Y21534" s="2">
        <v>7.6</v>
      </c>
      <c r="Z21534" s="2">
        <v>10.6</v>
      </c>
      <c r="AA21534" s="5"/>
      <c r="AB21534" s="5" t="s">
        <v>43</v>
      </c>
      <c r="AC21534" s="5" t="s">
        <v>44</v>
      </c>
      <c r="AD21534" s="2"/>
      <c r="AE21534" s="1"/>
    </row>
    <row r="21535" spans="1:31" ht="14.45">
      <c r="A21535" s="11"/>
      <c r="B21535" s="20"/>
      <c r="C21535" s="2" t="s">
        <v>69473</v>
      </c>
      <c r="D21535" s="14" t="s">
        <v>69474</v>
      </c>
      <c r="E21535" s="2" t="s">
        <v>69475</v>
      </c>
      <c r="F21535" s="2" t="s">
        <v>7539</v>
      </c>
      <c r="G21535" s="8">
        <v>127</v>
      </c>
      <c r="H21535" s="5">
        <v>6</v>
      </c>
      <c r="I21535" s="5" t="s">
        <v>1518</v>
      </c>
      <c r="J21535" s="5" t="s">
        <v>69038</v>
      </c>
      <c r="K21535" s="2" t="s">
        <v>69039</v>
      </c>
      <c r="L21535" s="5" t="s">
        <v>69038</v>
      </c>
      <c r="M21535" s="2" t="s">
        <v>69039</v>
      </c>
      <c r="N21535" s="5" t="s">
        <v>1521</v>
      </c>
      <c r="O21535" s="5" t="s">
        <v>38</v>
      </c>
      <c r="P21535" s="5" t="s">
        <v>39</v>
      </c>
      <c r="Q21535" s="5" t="s">
        <v>40</v>
      </c>
      <c r="R21535" s="5" t="s">
        <v>1522</v>
      </c>
      <c r="S21535" s="5" t="s">
        <v>1523</v>
      </c>
      <c r="T21535" s="5" t="s">
        <v>42</v>
      </c>
      <c r="U21535" s="2">
        <v>1.2849999999999999</v>
      </c>
      <c r="V21535" s="2">
        <v>0.93200000000000005</v>
      </c>
      <c r="W21535" s="2">
        <v>8.0000000000000002E-3</v>
      </c>
      <c r="X21535" s="2">
        <v>99.1</v>
      </c>
      <c r="Y21535" s="2">
        <v>7.6</v>
      </c>
      <c r="Z21535" s="2">
        <v>10.6</v>
      </c>
      <c r="AA21535" s="5"/>
      <c r="AB21535" s="5" t="s">
        <v>43</v>
      </c>
      <c r="AC21535" s="5" t="s">
        <v>44</v>
      </c>
      <c r="AD21535" s="2"/>
      <c r="AE21535" s="1"/>
    </row>
    <row r="21536" spans="1:31" ht="14.45">
      <c r="A21536" s="11"/>
      <c r="B21536" s="20"/>
      <c r="C21536" s="2" t="s">
        <v>69476</v>
      </c>
      <c r="D21536" s="14" t="s">
        <v>69477</v>
      </c>
      <c r="E21536" s="2" t="s">
        <v>69478</v>
      </c>
      <c r="F21536" s="2" t="s">
        <v>7543</v>
      </c>
      <c r="G21536" s="8">
        <v>127</v>
      </c>
      <c r="H21536" s="5">
        <v>6</v>
      </c>
      <c r="I21536" s="5" t="s">
        <v>1518</v>
      </c>
      <c r="J21536" s="5" t="s">
        <v>69038</v>
      </c>
      <c r="K21536" s="2" t="s">
        <v>69039</v>
      </c>
      <c r="L21536" s="5" t="s">
        <v>69038</v>
      </c>
      <c r="M21536" s="2" t="s">
        <v>69039</v>
      </c>
      <c r="N21536" s="5" t="s">
        <v>1521</v>
      </c>
      <c r="O21536" s="5" t="s">
        <v>38</v>
      </c>
      <c r="P21536" s="5" t="s">
        <v>39</v>
      </c>
      <c r="Q21536" s="5" t="s">
        <v>40</v>
      </c>
      <c r="R21536" s="5" t="s">
        <v>1522</v>
      </c>
      <c r="S21536" s="5" t="s">
        <v>1523</v>
      </c>
      <c r="T21536" s="5" t="s">
        <v>42</v>
      </c>
      <c r="U21536" s="2">
        <v>1.3440000000000001</v>
      </c>
      <c r="V21536" s="2">
        <v>0.99099999999999999</v>
      </c>
      <c r="W21536" s="2">
        <v>8.0000000000000002E-3</v>
      </c>
      <c r="X21536" s="2">
        <v>99.1</v>
      </c>
      <c r="Y21536" s="2">
        <v>7.6</v>
      </c>
      <c r="Z21536" s="2">
        <v>10.6</v>
      </c>
      <c r="AA21536" s="5"/>
      <c r="AB21536" s="5" t="s">
        <v>43</v>
      </c>
      <c r="AC21536" s="5" t="s">
        <v>44</v>
      </c>
      <c r="AD21536" s="2"/>
      <c r="AE21536" s="1"/>
    </row>
    <row r="21537" spans="1:31" ht="14.45">
      <c r="A21537" s="11"/>
      <c r="B21537" s="20"/>
      <c r="C21537" s="2" t="s">
        <v>69479</v>
      </c>
      <c r="D21537" s="14" t="s">
        <v>69480</v>
      </c>
      <c r="E21537" s="2" t="s">
        <v>69481</v>
      </c>
      <c r="F21537" s="2" t="s">
        <v>7396</v>
      </c>
      <c r="G21537" s="8">
        <v>111</v>
      </c>
      <c r="H21537" s="5">
        <v>6</v>
      </c>
      <c r="I21537" s="5" t="s">
        <v>1518</v>
      </c>
      <c r="J21537" s="5" t="s">
        <v>69038</v>
      </c>
      <c r="K21537" s="2" t="s">
        <v>69039</v>
      </c>
      <c r="L21537" s="5" t="s">
        <v>69038</v>
      </c>
      <c r="M21537" s="2" t="s">
        <v>69039</v>
      </c>
      <c r="N21537" s="5" t="s">
        <v>1521</v>
      </c>
      <c r="O21537" s="5" t="s">
        <v>38</v>
      </c>
      <c r="P21537" s="5" t="s">
        <v>39</v>
      </c>
      <c r="Q21537" s="5" t="s">
        <v>40</v>
      </c>
      <c r="R21537" s="5" t="s">
        <v>1522</v>
      </c>
      <c r="S21537" s="5" t="s">
        <v>1523</v>
      </c>
      <c r="T21537" s="5" t="s">
        <v>42</v>
      </c>
      <c r="U21537" s="2">
        <v>1.2849999999999999</v>
      </c>
      <c r="V21537" s="2">
        <v>0.93200000000000005</v>
      </c>
      <c r="W21537" s="2">
        <v>8.0000000000000002E-3</v>
      </c>
      <c r="X21537" s="2">
        <v>99.1</v>
      </c>
      <c r="Y21537" s="2">
        <v>7.6</v>
      </c>
      <c r="Z21537" s="2">
        <v>10.6</v>
      </c>
      <c r="AA21537" s="5"/>
      <c r="AB21537" s="5" t="s">
        <v>43</v>
      </c>
      <c r="AC21537" s="5" t="s">
        <v>44</v>
      </c>
      <c r="AD21537" s="2"/>
      <c r="AE21537" s="1"/>
    </row>
    <row r="21538" spans="1:31" ht="14.45">
      <c r="A21538" s="11"/>
      <c r="B21538" s="20"/>
      <c r="C21538" s="2" t="s">
        <v>69482</v>
      </c>
      <c r="D21538" s="14" t="s">
        <v>69483</v>
      </c>
      <c r="E21538" s="2" t="s">
        <v>69484</v>
      </c>
      <c r="F21538" s="2" t="s">
        <v>69112</v>
      </c>
      <c r="G21538" s="8">
        <v>111</v>
      </c>
      <c r="H21538" s="5">
        <v>6</v>
      </c>
      <c r="I21538" s="5" t="s">
        <v>1518</v>
      </c>
      <c r="J21538" s="5" t="s">
        <v>69038</v>
      </c>
      <c r="K21538" s="2" t="s">
        <v>69039</v>
      </c>
      <c r="L21538" s="5" t="s">
        <v>69038</v>
      </c>
      <c r="M21538" s="2" t="s">
        <v>69039</v>
      </c>
      <c r="N21538" s="5" t="s">
        <v>1521</v>
      </c>
      <c r="O21538" s="5" t="s">
        <v>38</v>
      </c>
      <c r="P21538" s="5" t="s">
        <v>39</v>
      </c>
      <c r="Q21538" s="5" t="s">
        <v>40</v>
      </c>
      <c r="R21538" s="5" t="s">
        <v>1522</v>
      </c>
      <c r="S21538" s="5" t="s">
        <v>1523</v>
      </c>
      <c r="T21538" s="5" t="s">
        <v>42</v>
      </c>
      <c r="U21538" s="2">
        <v>1.3440000000000001</v>
      </c>
      <c r="V21538" s="2">
        <v>0.99099999999999999</v>
      </c>
      <c r="W21538" s="2">
        <v>8.0000000000000002E-3</v>
      </c>
      <c r="X21538" s="2">
        <v>99.1</v>
      </c>
      <c r="Y21538" s="2">
        <v>7.6</v>
      </c>
      <c r="Z21538" s="2">
        <v>10.6</v>
      </c>
      <c r="AA21538" s="5"/>
      <c r="AB21538" s="5" t="s">
        <v>43</v>
      </c>
      <c r="AC21538" s="5" t="s">
        <v>44</v>
      </c>
      <c r="AD21538" s="2"/>
      <c r="AE21538" s="1"/>
    </row>
    <row r="21539" spans="1:31" ht="14.45">
      <c r="A21539" s="11"/>
      <c r="B21539" s="20"/>
      <c r="C21539" s="2" t="s">
        <v>69485</v>
      </c>
      <c r="D21539" s="14" t="s">
        <v>69486</v>
      </c>
      <c r="E21539" s="2" t="s">
        <v>69487</v>
      </c>
      <c r="F21539" s="2" t="s">
        <v>7563</v>
      </c>
      <c r="G21539" s="8">
        <v>127</v>
      </c>
      <c r="H21539" s="5">
        <v>6</v>
      </c>
      <c r="I21539" s="5" t="s">
        <v>1518</v>
      </c>
      <c r="J21539" s="5" t="s">
        <v>69038</v>
      </c>
      <c r="K21539" s="2" t="s">
        <v>69039</v>
      </c>
      <c r="L21539" s="5" t="s">
        <v>69038</v>
      </c>
      <c r="M21539" s="2" t="s">
        <v>69039</v>
      </c>
      <c r="N21539" s="5" t="s">
        <v>1521</v>
      </c>
      <c r="O21539" s="5" t="s">
        <v>38</v>
      </c>
      <c r="P21539" s="5" t="s">
        <v>39</v>
      </c>
      <c r="Q21539" s="5" t="s">
        <v>40</v>
      </c>
      <c r="R21539" s="5" t="s">
        <v>1522</v>
      </c>
      <c r="S21539" s="5" t="s">
        <v>1523</v>
      </c>
      <c r="T21539" s="5" t="s">
        <v>42</v>
      </c>
      <c r="U21539" s="2">
        <v>1.2849999999999999</v>
      </c>
      <c r="V21539" s="2">
        <v>0.93200000000000005</v>
      </c>
      <c r="W21539" s="2">
        <v>8.0000000000000002E-3</v>
      </c>
      <c r="X21539" s="2">
        <v>99.1</v>
      </c>
      <c r="Y21539" s="2">
        <v>7.6</v>
      </c>
      <c r="Z21539" s="2">
        <v>10.6</v>
      </c>
      <c r="AA21539" s="5"/>
      <c r="AB21539" s="5" t="s">
        <v>43</v>
      </c>
      <c r="AC21539" s="5" t="s">
        <v>44</v>
      </c>
      <c r="AD21539" s="2"/>
      <c r="AE21539" s="1"/>
    </row>
    <row r="21540" spans="1:31" ht="14.45">
      <c r="A21540" s="11"/>
      <c r="B21540" s="20"/>
      <c r="C21540" s="2" t="s">
        <v>69488</v>
      </c>
      <c r="D21540" s="14" t="s">
        <v>69489</v>
      </c>
      <c r="E21540" s="2" t="s">
        <v>69490</v>
      </c>
      <c r="F21540" s="2" t="s">
        <v>7555</v>
      </c>
      <c r="G21540" s="8">
        <v>127</v>
      </c>
      <c r="H21540" s="5">
        <v>6</v>
      </c>
      <c r="I21540" s="5" t="s">
        <v>1518</v>
      </c>
      <c r="J21540" s="5" t="s">
        <v>69038</v>
      </c>
      <c r="K21540" s="2" t="s">
        <v>69039</v>
      </c>
      <c r="L21540" s="5" t="s">
        <v>69038</v>
      </c>
      <c r="M21540" s="2" t="s">
        <v>69039</v>
      </c>
      <c r="N21540" s="5" t="s">
        <v>1521</v>
      </c>
      <c r="O21540" s="5" t="s">
        <v>38</v>
      </c>
      <c r="P21540" s="5" t="s">
        <v>39</v>
      </c>
      <c r="Q21540" s="5" t="s">
        <v>40</v>
      </c>
      <c r="R21540" s="5" t="s">
        <v>1522</v>
      </c>
      <c r="S21540" s="5" t="s">
        <v>1523</v>
      </c>
      <c r="T21540" s="5" t="s">
        <v>42</v>
      </c>
      <c r="U21540" s="2">
        <v>1.2849999999999999</v>
      </c>
      <c r="V21540" s="2">
        <v>0.93200000000000005</v>
      </c>
      <c r="W21540" s="2">
        <v>8.0000000000000002E-3</v>
      </c>
      <c r="X21540" s="2">
        <v>99.1</v>
      </c>
      <c r="Y21540" s="2">
        <v>7.6</v>
      </c>
      <c r="Z21540" s="2">
        <v>10.6</v>
      </c>
      <c r="AA21540" s="5"/>
      <c r="AB21540" s="5" t="s">
        <v>43</v>
      </c>
      <c r="AC21540" s="5" t="s">
        <v>44</v>
      </c>
      <c r="AD21540" s="2"/>
      <c r="AE21540" s="1"/>
    </row>
    <row r="21541" spans="1:31" ht="14.45">
      <c r="A21541" s="11"/>
      <c r="B21541" s="20"/>
      <c r="C21541" s="2" t="s">
        <v>69491</v>
      </c>
      <c r="D21541" s="14" t="s">
        <v>69492</v>
      </c>
      <c r="E21541" s="2" t="s">
        <v>69493</v>
      </c>
      <c r="F21541" s="2" t="s">
        <v>7559</v>
      </c>
      <c r="G21541" s="8">
        <v>127</v>
      </c>
      <c r="H21541" s="5">
        <v>6</v>
      </c>
      <c r="I21541" s="5" t="s">
        <v>1518</v>
      </c>
      <c r="J21541" s="5" t="s">
        <v>69038</v>
      </c>
      <c r="K21541" s="2" t="s">
        <v>69039</v>
      </c>
      <c r="L21541" s="5" t="s">
        <v>69038</v>
      </c>
      <c r="M21541" s="2" t="s">
        <v>69039</v>
      </c>
      <c r="N21541" s="5" t="s">
        <v>1521</v>
      </c>
      <c r="O21541" s="5" t="s">
        <v>38</v>
      </c>
      <c r="P21541" s="5" t="s">
        <v>39</v>
      </c>
      <c r="Q21541" s="5" t="s">
        <v>40</v>
      </c>
      <c r="R21541" s="5" t="s">
        <v>1522</v>
      </c>
      <c r="S21541" s="5" t="s">
        <v>1523</v>
      </c>
      <c r="T21541" s="5" t="s">
        <v>42</v>
      </c>
      <c r="U21541" s="2">
        <v>1.3440000000000001</v>
      </c>
      <c r="V21541" s="2">
        <v>0.99099999999999999</v>
      </c>
      <c r="W21541" s="2">
        <v>8.0000000000000002E-3</v>
      </c>
      <c r="X21541" s="2">
        <v>99.1</v>
      </c>
      <c r="Y21541" s="2">
        <v>7.6</v>
      </c>
      <c r="Z21541" s="2">
        <v>10.6</v>
      </c>
      <c r="AA21541" s="5"/>
      <c r="AB21541" s="5" t="s">
        <v>43</v>
      </c>
      <c r="AC21541" s="5" t="s">
        <v>44</v>
      </c>
      <c r="AD21541" s="2"/>
      <c r="AE21541" s="1"/>
    </row>
    <row r="21542" spans="1:31" ht="14.45">
      <c r="A21542" s="11"/>
      <c r="B21542" s="20"/>
      <c r="C21542" s="2" t="s">
        <v>69494</v>
      </c>
      <c r="D21542" s="14" t="s">
        <v>69495</v>
      </c>
      <c r="E21542" s="2" t="s">
        <v>69496</v>
      </c>
      <c r="F21542" s="2" t="s">
        <v>7449</v>
      </c>
      <c r="G21542" s="8">
        <v>127</v>
      </c>
      <c r="H21542" s="5">
        <v>6</v>
      </c>
      <c r="I21542" s="5" t="s">
        <v>1518</v>
      </c>
      <c r="J21542" s="5" t="s">
        <v>69038</v>
      </c>
      <c r="K21542" s="2" t="s">
        <v>69039</v>
      </c>
      <c r="L21542" s="5" t="s">
        <v>69038</v>
      </c>
      <c r="M21542" s="2" t="s">
        <v>69039</v>
      </c>
      <c r="N21542" s="5" t="s">
        <v>1521</v>
      </c>
      <c r="O21542" s="5" t="s">
        <v>38</v>
      </c>
      <c r="P21542" s="5" t="s">
        <v>39</v>
      </c>
      <c r="Q21542" s="5" t="s">
        <v>40</v>
      </c>
      <c r="R21542" s="5" t="s">
        <v>1522</v>
      </c>
      <c r="S21542" s="5" t="s">
        <v>1523</v>
      </c>
      <c r="T21542" s="5" t="s">
        <v>42</v>
      </c>
      <c r="U21542" s="2">
        <v>1.2849999999999999</v>
      </c>
      <c r="V21542" s="2">
        <v>0.93200000000000005</v>
      </c>
      <c r="W21542" s="2">
        <v>8.0000000000000002E-3</v>
      </c>
      <c r="X21542" s="2">
        <v>99.1</v>
      </c>
      <c r="Y21542" s="2">
        <v>7.6</v>
      </c>
      <c r="Z21542" s="2">
        <v>10.6</v>
      </c>
      <c r="AA21542" s="5"/>
      <c r="AB21542" s="5" t="s">
        <v>43</v>
      </c>
      <c r="AC21542" s="5" t="s">
        <v>44</v>
      </c>
      <c r="AD21542" s="2"/>
      <c r="AE21542" s="1"/>
    </row>
    <row r="21543" spans="1:31" ht="14.45">
      <c r="A21543" s="11"/>
      <c r="B21543" s="20"/>
      <c r="C21543" s="2" t="s">
        <v>69497</v>
      </c>
      <c r="D21543" s="14" t="s">
        <v>69498</v>
      </c>
      <c r="E21543" s="2" t="s">
        <v>69499</v>
      </c>
      <c r="F21543" s="2" t="s">
        <v>7581</v>
      </c>
      <c r="G21543" s="8">
        <v>127</v>
      </c>
      <c r="H21543" s="5">
        <v>6</v>
      </c>
      <c r="I21543" s="5" t="s">
        <v>1518</v>
      </c>
      <c r="J21543" s="5" t="s">
        <v>69038</v>
      </c>
      <c r="K21543" s="2" t="s">
        <v>69039</v>
      </c>
      <c r="L21543" s="5" t="s">
        <v>69038</v>
      </c>
      <c r="M21543" s="2" t="s">
        <v>69039</v>
      </c>
      <c r="N21543" s="5" t="s">
        <v>1521</v>
      </c>
      <c r="O21543" s="5" t="s">
        <v>38</v>
      </c>
      <c r="P21543" s="5" t="s">
        <v>39</v>
      </c>
      <c r="Q21543" s="5" t="s">
        <v>40</v>
      </c>
      <c r="R21543" s="5" t="s">
        <v>1522</v>
      </c>
      <c r="S21543" s="5" t="s">
        <v>1523</v>
      </c>
      <c r="T21543" s="5" t="s">
        <v>42</v>
      </c>
      <c r="U21543" s="2">
        <v>1.3440000000000001</v>
      </c>
      <c r="V21543" s="2">
        <v>0.99099999999999999</v>
      </c>
      <c r="W21543" s="2">
        <v>8.0000000000000002E-3</v>
      </c>
      <c r="X21543" s="2">
        <v>99.1</v>
      </c>
      <c r="Y21543" s="2">
        <v>7.6</v>
      </c>
      <c r="Z21543" s="2">
        <v>10.6</v>
      </c>
      <c r="AA21543" s="5"/>
      <c r="AB21543" s="5" t="s">
        <v>43</v>
      </c>
      <c r="AC21543" s="5" t="s">
        <v>44</v>
      </c>
      <c r="AD21543" s="2"/>
      <c r="AE21543" s="1"/>
    </row>
    <row r="21544" spans="1:31" ht="14.45">
      <c r="A21544" s="11"/>
      <c r="B21544" s="20"/>
      <c r="C21544" s="2" t="s">
        <v>69500</v>
      </c>
      <c r="D21544" s="14" t="s">
        <v>69501</v>
      </c>
      <c r="E21544" s="2" t="s">
        <v>69502</v>
      </c>
      <c r="F21544" s="2" t="s">
        <v>7585</v>
      </c>
      <c r="G21544" s="8">
        <v>127</v>
      </c>
      <c r="H21544" s="5">
        <v>6</v>
      </c>
      <c r="I21544" s="5" t="s">
        <v>1518</v>
      </c>
      <c r="J21544" s="5" t="s">
        <v>69038</v>
      </c>
      <c r="K21544" s="2" t="s">
        <v>69039</v>
      </c>
      <c r="L21544" s="5" t="s">
        <v>69038</v>
      </c>
      <c r="M21544" s="2" t="s">
        <v>69039</v>
      </c>
      <c r="N21544" s="5" t="s">
        <v>1521</v>
      </c>
      <c r="O21544" s="5" t="s">
        <v>38</v>
      </c>
      <c r="P21544" s="5" t="s">
        <v>39</v>
      </c>
      <c r="Q21544" s="5" t="s">
        <v>40</v>
      </c>
      <c r="R21544" s="5" t="s">
        <v>1522</v>
      </c>
      <c r="S21544" s="5" t="s">
        <v>1523</v>
      </c>
      <c r="T21544" s="5" t="s">
        <v>42</v>
      </c>
      <c r="U21544" s="2">
        <v>1.2849999999999999</v>
      </c>
      <c r="V21544" s="2">
        <v>0.93200000000000005</v>
      </c>
      <c r="W21544" s="2">
        <v>8.0000000000000002E-3</v>
      </c>
      <c r="X21544" s="2">
        <v>99.1</v>
      </c>
      <c r="Y21544" s="2">
        <v>7.6</v>
      </c>
      <c r="Z21544" s="2">
        <v>10.6</v>
      </c>
      <c r="AA21544" s="5"/>
      <c r="AB21544" s="5" t="s">
        <v>43</v>
      </c>
      <c r="AC21544" s="5" t="s">
        <v>44</v>
      </c>
      <c r="AD21544" s="2"/>
      <c r="AE21544" s="1"/>
    </row>
    <row r="21545" spans="1:31" ht="14.45">
      <c r="A21545" s="11"/>
      <c r="B21545" s="20"/>
      <c r="C21545" s="2" t="s">
        <v>69503</v>
      </c>
      <c r="D21545" s="14" t="s">
        <v>69504</v>
      </c>
      <c r="E21545" s="2" t="s">
        <v>69505</v>
      </c>
      <c r="F21545" s="2" t="s">
        <v>7593</v>
      </c>
      <c r="G21545" s="8">
        <v>127</v>
      </c>
      <c r="H21545" s="5">
        <v>6</v>
      </c>
      <c r="I21545" s="5" t="s">
        <v>1518</v>
      </c>
      <c r="J21545" s="5" t="s">
        <v>69038</v>
      </c>
      <c r="K21545" s="2" t="s">
        <v>69039</v>
      </c>
      <c r="L21545" s="5" t="s">
        <v>69038</v>
      </c>
      <c r="M21545" s="2" t="s">
        <v>69039</v>
      </c>
      <c r="N21545" s="5" t="s">
        <v>1521</v>
      </c>
      <c r="O21545" s="5" t="s">
        <v>38</v>
      </c>
      <c r="P21545" s="5" t="s">
        <v>39</v>
      </c>
      <c r="Q21545" s="5" t="s">
        <v>40</v>
      </c>
      <c r="R21545" s="5" t="s">
        <v>1522</v>
      </c>
      <c r="S21545" s="5" t="s">
        <v>1523</v>
      </c>
      <c r="T21545" s="5" t="s">
        <v>42</v>
      </c>
      <c r="U21545" s="2">
        <v>1.2849999999999999</v>
      </c>
      <c r="V21545" s="2">
        <v>0.93200000000000005</v>
      </c>
      <c r="W21545" s="2">
        <v>8.0000000000000002E-3</v>
      </c>
      <c r="X21545" s="2">
        <v>99.1</v>
      </c>
      <c r="Y21545" s="2">
        <v>7.6</v>
      </c>
      <c r="Z21545" s="2">
        <v>10.6</v>
      </c>
      <c r="AA21545" s="5"/>
      <c r="AB21545" s="5" t="s">
        <v>43</v>
      </c>
      <c r="AC21545" s="5" t="s">
        <v>44</v>
      </c>
      <c r="AD21545" s="2"/>
      <c r="AE21545" s="1"/>
    </row>
    <row r="21546" spans="1:31" ht="14.45">
      <c r="A21546" s="11"/>
      <c r="B21546" s="20"/>
      <c r="C21546" s="2" t="s">
        <v>69506</v>
      </c>
      <c r="D21546" s="14" t="s">
        <v>69507</v>
      </c>
      <c r="E21546" s="2" t="s">
        <v>69508</v>
      </c>
      <c r="F21546" s="2" t="s">
        <v>7433</v>
      </c>
      <c r="G21546" s="8">
        <v>127</v>
      </c>
      <c r="H21546" s="5">
        <v>6</v>
      </c>
      <c r="I21546" s="5" t="s">
        <v>1518</v>
      </c>
      <c r="J21546" s="5" t="s">
        <v>69038</v>
      </c>
      <c r="K21546" s="2" t="s">
        <v>69039</v>
      </c>
      <c r="L21546" s="5" t="s">
        <v>69038</v>
      </c>
      <c r="M21546" s="2" t="s">
        <v>69039</v>
      </c>
      <c r="N21546" s="5" t="s">
        <v>1521</v>
      </c>
      <c r="O21546" s="5" t="s">
        <v>38</v>
      </c>
      <c r="P21546" s="5" t="s">
        <v>39</v>
      </c>
      <c r="Q21546" s="5" t="s">
        <v>40</v>
      </c>
      <c r="R21546" s="5" t="s">
        <v>1522</v>
      </c>
      <c r="S21546" s="5" t="s">
        <v>1523</v>
      </c>
      <c r="T21546" s="5" t="s">
        <v>42</v>
      </c>
      <c r="U21546" s="2">
        <v>1.2849999999999999</v>
      </c>
      <c r="V21546" s="2">
        <v>0.93200000000000005</v>
      </c>
      <c r="W21546" s="2">
        <v>8.0000000000000002E-3</v>
      </c>
      <c r="X21546" s="2">
        <v>99.1</v>
      </c>
      <c r="Y21546" s="2">
        <v>7.6</v>
      </c>
      <c r="Z21546" s="2">
        <v>10.6</v>
      </c>
      <c r="AA21546" s="5"/>
      <c r="AB21546" s="5" t="s">
        <v>43</v>
      </c>
      <c r="AC21546" s="5" t="s">
        <v>44</v>
      </c>
      <c r="AD21546" s="2"/>
      <c r="AE21546" s="1"/>
    </row>
    <row r="21547" spans="1:31" ht="14.45">
      <c r="A21547" s="11"/>
      <c r="B21547" s="20"/>
      <c r="C21547" s="2" t="s">
        <v>69509</v>
      </c>
      <c r="D21547" s="14" t="s">
        <v>69510</v>
      </c>
      <c r="E21547" s="2" t="s">
        <v>69511</v>
      </c>
      <c r="F21547" s="2" t="s">
        <v>7611</v>
      </c>
      <c r="G21547" s="8">
        <v>127</v>
      </c>
      <c r="H21547" s="5">
        <v>6</v>
      </c>
      <c r="I21547" s="5" t="s">
        <v>1518</v>
      </c>
      <c r="J21547" s="5" t="s">
        <v>69038</v>
      </c>
      <c r="K21547" s="2" t="s">
        <v>69039</v>
      </c>
      <c r="L21547" s="5" t="s">
        <v>69038</v>
      </c>
      <c r="M21547" s="2" t="s">
        <v>69039</v>
      </c>
      <c r="N21547" s="5" t="s">
        <v>1521</v>
      </c>
      <c r="O21547" s="5" t="s">
        <v>38</v>
      </c>
      <c r="P21547" s="5" t="s">
        <v>39</v>
      </c>
      <c r="Q21547" s="5" t="s">
        <v>40</v>
      </c>
      <c r="R21547" s="5" t="s">
        <v>1522</v>
      </c>
      <c r="S21547" s="5" t="s">
        <v>1523</v>
      </c>
      <c r="T21547" s="5" t="s">
        <v>42</v>
      </c>
      <c r="U21547" s="2">
        <v>1.3440000000000001</v>
      </c>
      <c r="V21547" s="2">
        <v>0.99099999999999999</v>
      </c>
      <c r="W21547" s="2">
        <v>8.0000000000000002E-3</v>
      </c>
      <c r="X21547" s="2">
        <v>99.1</v>
      </c>
      <c r="Y21547" s="2">
        <v>7.6</v>
      </c>
      <c r="Z21547" s="2">
        <v>10.6</v>
      </c>
      <c r="AA21547" s="5"/>
      <c r="AB21547" s="5" t="s">
        <v>43</v>
      </c>
      <c r="AC21547" s="5" t="s">
        <v>44</v>
      </c>
      <c r="AD21547" s="2"/>
      <c r="AE21547" s="1"/>
    </row>
    <row r="21548" spans="1:31" ht="14.45">
      <c r="A21548" s="11"/>
      <c r="B21548" s="20"/>
      <c r="C21548" s="2" t="s">
        <v>69512</v>
      </c>
      <c r="D21548" s="14" t="s">
        <v>69513</v>
      </c>
      <c r="E21548" s="2" t="s">
        <v>69514</v>
      </c>
      <c r="F21548" s="2" t="s">
        <v>7615</v>
      </c>
      <c r="G21548" s="8">
        <v>127</v>
      </c>
      <c r="H21548" s="5">
        <v>6</v>
      </c>
      <c r="I21548" s="5" t="s">
        <v>1518</v>
      </c>
      <c r="J21548" s="5" t="s">
        <v>69038</v>
      </c>
      <c r="K21548" s="2" t="s">
        <v>69039</v>
      </c>
      <c r="L21548" s="5" t="s">
        <v>69038</v>
      </c>
      <c r="M21548" s="2" t="s">
        <v>69039</v>
      </c>
      <c r="N21548" s="5" t="s">
        <v>1521</v>
      </c>
      <c r="O21548" s="5" t="s">
        <v>38</v>
      </c>
      <c r="P21548" s="5" t="s">
        <v>39</v>
      </c>
      <c r="Q21548" s="5" t="s">
        <v>40</v>
      </c>
      <c r="R21548" s="5" t="s">
        <v>1522</v>
      </c>
      <c r="S21548" s="5" t="s">
        <v>1523</v>
      </c>
      <c r="T21548" s="5" t="s">
        <v>42</v>
      </c>
      <c r="U21548" s="2">
        <v>1.2849999999999999</v>
      </c>
      <c r="V21548" s="2">
        <v>0.93200000000000005</v>
      </c>
      <c r="W21548" s="2">
        <v>8.0000000000000002E-3</v>
      </c>
      <c r="X21548" s="2">
        <v>99.1</v>
      </c>
      <c r="Y21548" s="2">
        <v>7.6</v>
      </c>
      <c r="Z21548" s="2">
        <v>10.6</v>
      </c>
      <c r="AA21548" s="5"/>
      <c r="AB21548" s="5" t="s">
        <v>43</v>
      </c>
      <c r="AC21548" s="5" t="s">
        <v>44</v>
      </c>
      <c r="AD21548" s="2"/>
      <c r="AE21548" s="1"/>
    </row>
    <row r="21549" spans="1:31" ht="14.45">
      <c r="A21549" s="11"/>
      <c r="B21549" s="20"/>
      <c r="C21549" s="2" t="s">
        <v>69515</v>
      </c>
      <c r="D21549" s="14" t="s">
        <v>69516</v>
      </c>
      <c r="E21549" s="2" t="s">
        <v>69517</v>
      </c>
      <c r="F21549" s="2" t="s">
        <v>7619</v>
      </c>
      <c r="G21549" s="8">
        <v>127</v>
      </c>
      <c r="H21549" s="5">
        <v>6</v>
      </c>
      <c r="I21549" s="5" t="s">
        <v>1518</v>
      </c>
      <c r="J21549" s="5" t="s">
        <v>69038</v>
      </c>
      <c r="K21549" s="2" t="s">
        <v>69039</v>
      </c>
      <c r="L21549" s="5" t="s">
        <v>69038</v>
      </c>
      <c r="M21549" s="2" t="s">
        <v>69039</v>
      </c>
      <c r="N21549" s="5" t="s">
        <v>1521</v>
      </c>
      <c r="O21549" s="5" t="s">
        <v>38</v>
      </c>
      <c r="P21549" s="5" t="s">
        <v>39</v>
      </c>
      <c r="Q21549" s="5" t="s">
        <v>40</v>
      </c>
      <c r="R21549" s="5" t="s">
        <v>1522</v>
      </c>
      <c r="S21549" s="5" t="s">
        <v>1523</v>
      </c>
      <c r="T21549" s="5" t="s">
        <v>42</v>
      </c>
      <c r="U21549" s="2">
        <v>1.3440000000000001</v>
      </c>
      <c r="V21549" s="2">
        <v>0.99099999999999999</v>
      </c>
      <c r="W21549" s="2">
        <v>8.0000000000000002E-3</v>
      </c>
      <c r="X21549" s="2">
        <v>99.1</v>
      </c>
      <c r="Y21549" s="2">
        <v>7.6</v>
      </c>
      <c r="Z21549" s="2">
        <v>10.6</v>
      </c>
      <c r="AA21549" s="5"/>
      <c r="AB21549" s="5" t="s">
        <v>43</v>
      </c>
      <c r="AC21549" s="5" t="s">
        <v>44</v>
      </c>
      <c r="AD21549" s="2"/>
      <c r="AE21549" s="1"/>
    </row>
    <row r="21550" spans="1:31" ht="14.45">
      <c r="A21550" s="11"/>
      <c r="B21550" s="20"/>
      <c r="C21550" s="2" t="s">
        <v>69518</v>
      </c>
      <c r="D21550" s="14" t="s">
        <v>69519</v>
      </c>
      <c r="E21550" s="2" t="s">
        <v>69520</v>
      </c>
      <c r="F21550" s="2" t="s">
        <v>7410</v>
      </c>
      <c r="G21550" s="8">
        <v>127</v>
      </c>
      <c r="H21550" s="5">
        <v>6</v>
      </c>
      <c r="I21550" s="5" t="s">
        <v>1518</v>
      </c>
      <c r="J21550" s="5" t="s">
        <v>69038</v>
      </c>
      <c r="K21550" s="2" t="s">
        <v>69039</v>
      </c>
      <c r="L21550" s="5" t="s">
        <v>69038</v>
      </c>
      <c r="M21550" s="2" t="s">
        <v>69039</v>
      </c>
      <c r="N21550" s="5" t="s">
        <v>1521</v>
      </c>
      <c r="O21550" s="5" t="s">
        <v>38</v>
      </c>
      <c r="P21550" s="5" t="s">
        <v>39</v>
      </c>
      <c r="Q21550" s="5" t="s">
        <v>40</v>
      </c>
      <c r="R21550" s="5" t="s">
        <v>1522</v>
      </c>
      <c r="S21550" s="5" t="s">
        <v>1523</v>
      </c>
      <c r="T21550" s="5" t="s">
        <v>42</v>
      </c>
      <c r="U21550" s="2">
        <v>1.2849999999999999</v>
      </c>
      <c r="V21550" s="2">
        <v>0.93200000000000005</v>
      </c>
      <c r="W21550" s="2">
        <v>8.0000000000000002E-3</v>
      </c>
      <c r="X21550" s="2">
        <v>99.1</v>
      </c>
      <c r="Y21550" s="2">
        <v>7.6</v>
      </c>
      <c r="Z21550" s="2">
        <v>10.6</v>
      </c>
      <c r="AA21550" s="5"/>
      <c r="AB21550" s="5" t="s">
        <v>43</v>
      </c>
      <c r="AC21550" s="5" t="s">
        <v>44</v>
      </c>
      <c r="AD21550" s="2"/>
      <c r="AE21550" s="1"/>
    </row>
    <row r="21551" spans="1:31" ht="14.45">
      <c r="A21551" s="11"/>
      <c r="B21551" s="20"/>
      <c r="C21551" s="2" t="s">
        <v>69521</v>
      </c>
      <c r="D21551" s="14" t="s">
        <v>69522</v>
      </c>
      <c r="E21551" s="2" t="s">
        <v>69523</v>
      </c>
      <c r="F21551" s="2" t="s">
        <v>7212</v>
      </c>
      <c r="G21551" s="8">
        <v>111</v>
      </c>
      <c r="H21551" s="5">
        <v>6</v>
      </c>
      <c r="I21551" s="5" t="s">
        <v>1518</v>
      </c>
      <c r="J21551" s="5" t="s">
        <v>69038</v>
      </c>
      <c r="K21551" s="2" t="s">
        <v>69039</v>
      </c>
      <c r="L21551" s="5" t="s">
        <v>69038</v>
      </c>
      <c r="M21551" s="2" t="s">
        <v>69039</v>
      </c>
      <c r="N21551" s="5" t="s">
        <v>1521</v>
      </c>
      <c r="O21551" s="5" t="s">
        <v>38</v>
      </c>
      <c r="P21551" s="5" t="s">
        <v>39</v>
      </c>
      <c r="Q21551" s="5" t="s">
        <v>40</v>
      </c>
      <c r="R21551" s="5" t="s">
        <v>1522</v>
      </c>
      <c r="S21551" s="5" t="s">
        <v>1523</v>
      </c>
      <c r="T21551" s="5" t="s">
        <v>42</v>
      </c>
      <c r="U21551" s="2">
        <v>1.2849999999999999</v>
      </c>
      <c r="V21551" s="2">
        <v>0.93200000000000005</v>
      </c>
      <c r="W21551" s="2">
        <v>8.0000000000000002E-3</v>
      </c>
      <c r="X21551" s="2">
        <v>99.1</v>
      </c>
      <c r="Y21551" s="2">
        <v>7.6</v>
      </c>
      <c r="Z21551" s="2">
        <v>10.6</v>
      </c>
      <c r="AA21551" s="5"/>
      <c r="AB21551" s="5" t="s">
        <v>43</v>
      </c>
      <c r="AC21551" s="5" t="s">
        <v>44</v>
      </c>
      <c r="AD21551" s="2"/>
      <c r="AE21551" s="1"/>
    </row>
    <row r="21552" spans="1:31" ht="14.45">
      <c r="A21552" s="11"/>
      <c r="B21552" s="20"/>
      <c r="C21552" s="2" t="s">
        <v>69524</v>
      </c>
      <c r="D21552" s="14" t="s">
        <v>69525</v>
      </c>
      <c r="E21552" s="2" t="s">
        <v>69526</v>
      </c>
      <c r="F21552" s="2" t="s">
        <v>7528</v>
      </c>
      <c r="G21552" s="8">
        <v>111</v>
      </c>
      <c r="H21552" s="5">
        <v>6</v>
      </c>
      <c r="I21552" s="5" t="s">
        <v>1518</v>
      </c>
      <c r="J21552" s="5" t="s">
        <v>69038</v>
      </c>
      <c r="K21552" s="2" t="s">
        <v>69039</v>
      </c>
      <c r="L21552" s="5" t="s">
        <v>69038</v>
      </c>
      <c r="M21552" s="2" t="s">
        <v>69039</v>
      </c>
      <c r="N21552" s="5" t="s">
        <v>1521</v>
      </c>
      <c r="O21552" s="5" t="s">
        <v>38</v>
      </c>
      <c r="P21552" s="5" t="s">
        <v>39</v>
      </c>
      <c r="Q21552" s="5" t="s">
        <v>40</v>
      </c>
      <c r="R21552" s="5" t="s">
        <v>1522</v>
      </c>
      <c r="S21552" s="5" t="s">
        <v>1523</v>
      </c>
      <c r="T21552" s="5" t="s">
        <v>42</v>
      </c>
      <c r="U21552" s="2">
        <v>1.3440000000000001</v>
      </c>
      <c r="V21552" s="2">
        <v>0.99099999999999999</v>
      </c>
      <c r="W21552" s="2">
        <v>8.0000000000000002E-3</v>
      </c>
      <c r="X21552" s="2">
        <v>99.1</v>
      </c>
      <c r="Y21552" s="2">
        <v>7.6</v>
      </c>
      <c r="Z21552" s="2">
        <v>10.6</v>
      </c>
      <c r="AA21552" s="5"/>
      <c r="AB21552" s="5" t="s">
        <v>43</v>
      </c>
      <c r="AC21552" s="5" t="s">
        <v>44</v>
      </c>
      <c r="AD21552" s="2"/>
      <c r="AE21552" s="1"/>
    </row>
    <row r="21553" spans="1:31" ht="14.45">
      <c r="A21553" s="11"/>
      <c r="B21553" s="20"/>
      <c r="C21553" s="2" t="s">
        <v>69527</v>
      </c>
      <c r="D21553" s="14" t="s">
        <v>69528</v>
      </c>
      <c r="E21553" s="2" t="s">
        <v>69529</v>
      </c>
      <c r="F21553" s="2" t="s">
        <v>1863</v>
      </c>
      <c r="G21553" s="8">
        <v>127</v>
      </c>
      <c r="H21553" s="5">
        <v>6</v>
      </c>
      <c r="I21553" s="5" t="s">
        <v>1518</v>
      </c>
      <c r="J21553" s="5" t="s">
        <v>69038</v>
      </c>
      <c r="K21553" s="2" t="s">
        <v>69039</v>
      </c>
      <c r="L21553" s="5" t="s">
        <v>69038</v>
      </c>
      <c r="M21553" s="2" t="s">
        <v>69039</v>
      </c>
      <c r="N21553" s="5" t="s">
        <v>1521</v>
      </c>
      <c r="O21553" s="5" t="s">
        <v>38</v>
      </c>
      <c r="P21553" s="5" t="s">
        <v>39</v>
      </c>
      <c r="Q21553" s="5" t="s">
        <v>40</v>
      </c>
      <c r="R21553" s="5" t="s">
        <v>1522</v>
      </c>
      <c r="S21553" s="5" t="s">
        <v>1523</v>
      </c>
      <c r="T21553" s="5" t="s">
        <v>42</v>
      </c>
      <c r="U21553" s="2">
        <v>1.2849999999999999</v>
      </c>
      <c r="V21553" s="2">
        <v>0.93200000000000005</v>
      </c>
      <c r="W21553" s="2">
        <v>8.0000000000000002E-3</v>
      </c>
      <c r="X21553" s="2">
        <v>99.1</v>
      </c>
      <c r="Y21553" s="2">
        <v>7.6</v>
      </c>
      <c r="Z21553" s="2">
        <v>10.6</v>
      </c>
      <c r="AA21553" s="5"/>
      <c r="AB21553" s="5" t="s">
        <v>43</v>
      </c>
      <c r="AC21553" s="5" t="s">
        <v>44</v>
      </c>
      <c r="AD21553" s="2"/>
      <c r="AE21553" s="1"/>
    </row>
    <row r="21554" spans="1:31" ht="14.45">
      <c r="A21554" s="11"/>
      <c r="B21554" s="20"/>
      <c r="C21554" s="2" t="s">
        <v>69530</v>
      </c>
      <c r="D21554" s="14" t="s">
        <v>69531</v>
      </c>
      <c r="E21554" s="2" t="s">
        <v>69532</v>
      </c>
      <c r="F21554" s="2" t="s">
        <v>1867</v>
      </c>
      <c r="G21554" s="8">
        <v>127</v>
      </c>
      <c r="H21554" s="5">
        <v>6</v>
      </c>
      <c r="I21554" s="5" t="s">
        <v>1518</v>
      </c>
      <c r="J21554" s="5" t="s">
        <v>69038</v>
      </c>
      <c r="K21554" s="2" t="s">
        <v>69039</v>
      </c>
      <c r="L21554" s="5" t="s">
        <v>69038</v>
      </c>
      <c r="M21554" s="2" t="s">
        <v>69039</v>
      </c>
      <c r="N21554" s="5" t="s">
        <v>1521</v>
      </c>
      <c r="O21554" s="5" t="s">
        <v>38</v>
      </c>
      <c r="P21554" s="5" t="s">
        <v>39</v>
      </c>
      <c r="Q21554" s="5" t="s">
        <v>40</v>
      </c>
      <c r="R21554" s="5" t="s">
        <v>1522</v>
      </c>
      <c r="S21554" s="5" t="s">
        <v>1523</v>
      </c>
      <c r="T21554" s="5" t="s">
        <v>42</v>
      </c>
      <c r="U21554" s="2">
        <v>1.3440000000000001</v>
      </c>
      <c r="V21554" s="2">
        <v>0.99099999999999999</v>
      </c>
      <c r="W21554" s="2">
        <v>8.0000000000000002E-3</v>
      </c>
      <c r="X21554" s="2">
        <v>99.1</v>
      </c>
      <c r="Y21554" s="2">
        <v>7.6</v>
      </c>
      <c r="Z21554" s="2">
        <v>10.6</v>
      </c>
      <c r="AA21554" s="5"/>
      <c r="AB21554" s="5" t="s">
        <v>43</v>
      </c>
      <c r="AC21554" s="5" t="s">
        <v>44</v>
      </c>
      <c r="AD21554" s="2"/>
      <c r="AE21554" s="1"/>
    </row>
    <row r="21555" spans="1:31" ht="14.45">
      <c r="A21555" s="11"/>
      <c r="B21555" s="20"/>
      <c r="C21555" s="2" t="s">
        <v>69533</v>
      </c>
      <c r="D21555" s="14" t="s">
        <v>69534</v>
      </c>
      <c r="E21555" s="2" t="s">
        <v>69535</v>
      </c>
      <c r="F21555" s="2" t="s">
        <v>7204</v>
      </c>
      <c r="G21555" s="8">
        <v>114</v>
      </c>
      <c r="H21555" s="5">
        <v>6</v>
      </c>
      <c r="I21555" s="5" t="s">
        <v>1518</v>
      </c>
      <c r="J21555" s="5" t="s">
        <v>69038</v>
      </c>
      <c r="K21555" s="2" t="s">
        <v>69039</v>
      </c>
      <c r="L21555" s="5" t="s">
        <v>69038</v>
      </c>
      <c r="M21555" s="2" t="s">
        <v>69039</v>
      </c>
      <c r="N21555" s="5" t="s">
        <v>1521</v>
      </c>
      <c r="O21555" s="5" t="s">
        <v>38</v>
      </c>
      <c r="P21555" s="5" t="s">
        <v>39</v>
      </c>
      <c r="Q21555" s="5" t="s">
        <v>40</v>
      </c>
      <c r="R21555" s="5" t="s">
        <v>1522</v>
      </c>
      <c r="S21555" s="5" t="s">
        <v>1523</v>
      </c>
      <c r="T21555" s="5" t="s">
        <v>42</v>
      </c>
      <c r="U21555" s="2">
        <v>1.401</v>
      </c>
      <c r="V21555" s="2">
        <v>1.042</v>
      </c>
      <c r="W21555" s="2">
        <v>0.01</v>
      </c>
      <c r="X21555" s="2">
        <v>118.9</v>
      </c>
      <c r="Y21555" s="2">
        <v>7.6</v>
      </c>
      <c r="Z21555" s="2">
        <v>10.6</v>
      </c>
      <c r="AA21555" s="5"/>
      <c r="AB21555" s="5" t="s">
        <v>43</v>
      </c>
      <c r="AC21555" s="5" t="s">
        <v>44</v>
      </c>
      <c r="AD21555" s="2"/>
      <c r="AE21555" s="1"/>
    </row>
    <row r="21556" spans="1:31" ht="14.45">
      <c r="A21556" s="11"/>
      <c r="B21556" s="20"/>
      <c r="C21556" s="2" t="s">
        <v>69536</v>
      </c>
      <c r="D21556" s="14" t="s">
        <v>69537</v>
      </c>
      <c r="E21556" s="2" t="s">
        <v>69538</v>
      </c>
      <c r="F21556" s="2" t="s">
        <v>7514</v>
      </c>
      <c r="G21556" s="8">
        <v>114</v>
      </c>
      <c r="H21556" s="5">
        <v>6</v>
      </c>
      <c r="I21556" s="5" t="s">
        <v>1518</v>
      </c>
      <c r="J21556" s="5" t="s">
        <v>69038</v>
      </c>
      <c r="K21556" s="2" t="s">
        <v>69039</v>
      </c>
      <c r="L21556" s="5" t="s">
        <v>69038</v>
      </c>
      <c r="M21556" s="2" t="s">
        <v>69039</v>
      </c>
      <c r="N21556" s="5" t="s">
        <v>1521</v>
      </c>
      <c r="O21556" s="5" t="s">
        <v>38</v>
      </c>
      <c r="P21556" s="5" t="s">
        <v>39</v>
      </c>
      <c r="Q21556" s="5" t="s">
        <v>40</v>
      </c>
      <c r="R21556" s="5" t="s">
        <v>1522</v>
      </c>
      <c r="S21556" s="5" t="s">
        <v>1523</v>
      </c>
      <c r="T21556" s="5" t="s">
        <v>42</v>
      </c>
      <c r="U21556" s="2">
        <v>1.4710000000000001</v>
      </c>
      <c r="V21556" s="2">
        <v>1.1120000000000001</v>
      </c>
      <c r="W21556" s="2">
        <v>0.01</v>
      </c>
      <c r="X21556" s="2">
        <v>118.9</v>
      </c>
      <c r="Y21556" s="2">
        <v>7.6</v>
      </c>
      <c r="Z21556" s="2">
        <v>10.6</v>
      </c>
      <c r="AA21556" s="5"/>
      <c r="AB21556" s="5" t="s">
        <v>43</v>
      </c>
      <c r="AC21556" s="5" t="s">
        <v>44</v>
      </c>
      <c r="AD21556" s="2"/>
      <c r="AE21556" s="1"/>
    </row>
    <row r="21557" spans="1:31" ht="14.45">
      <c r="A21557" s="11"/>
      <c r="B21557" s="20"/>
      <c r="C21557" s="2" t="s">
        <v>69539</v>
      </c>
      <c r="D21557" s="14" t="s">
        <v>69540</v>
      </c>
      <c r="E21557" s="2" t="s">
        <v>69541</v>
      </c>
      <c r="F21557" s="2" t="s">
        <v>7208</v>
      </c>
      <c r="G21557" s="8">
        <v>114</v>
      </c>
      <c r="H21557" s="5">
        <v>6</v>
      </c>
      <c r="I21557" s="5" t="s">
        <v>1518</v>
      </c>
      <c r="J21557" s="5" t="s">
        <v>69038</v>
      </c>
      <c r="K21557" s="2" t="s">
        <v>69039</v>
      </c>
      <c r="L21557" s="5" t="s">
        <v>69038</v>
      </c>
      <c r="M21557" s="2" t="s">
        <v>69039</v>
      </c>
      <c r="N21557" s="5" t="s">
        <v>1521</v>
      </c>
      <c r="O21557" s="5" t="s">
        <v>38</v>
      </c>
      <c r="P21557" s="5" t="s">
        <v>39</v>
      </c>
      <c r="Q21557" s="5" t="s">
        <v>40</v>
      </c>
      <c r="R21557" s="5" t="s">
        <v>1522</v>
      </c>
      <c r="S21557" s="5" t="s">
        <v>1523</v>
      </c>
      <c r="T21557" s="5" t="s">
        <v>42</v>
      </c>
      <c r="U21557" s="2">
        <v>1.401</v>
      </c>
      <c r="V21557" s="2">
        <v>1.042</v>
      </c>
      <c r="W21557" s="2">
        <v>0.01</v>
      </c>
      <c r="X21557" s="2">
        <v>118.9</v>
      </c>
      <c r="Y21557" s="2">
        <v>7.6</v>
      </c>
      <c r="Z21557" s="2">
        <v>10.6</v>
      </c>
      <c r="AA21557" s="5"/>
      <c r="AB21557" s="5" t="s">
        <v>43</v>
      </c>
      <c r="AC21557" s="5" t="s">
        <v>44</v>
      </c>
      <c r="AD21557" s="2"/>
      <c r="AE21557" s="1"/>
    </row>
    <row r="21558" spans="1:31" ht="14.45">
      <c r="A21558" s="11"/>
      <c r="B21558" s="20"/>
      <c r="C21558" s="2" t="s">
        <v>69542</v>
      </c>
      <c r="D21558" s="14" t="s">
        <v>69543</v>
      </c>
      <c r="E21558" s="2" t="s">
        <v>69544</v>
      </c>
      <c r="F21558" s="2" t="s">
        <v>1863</v>
      </c>
      <c r="G21558" s="8">
        <v>131</v>
      </c>
      <c r="H21558" s="5">
        <v>6</v>
      </c>
      <c r="I21558" s="5" t="s">
        <v>1518</v>
      </c>
      <c r="J21558" s="5" t="s">
        <v>69038</v>
      </c>
      <c r="K21558" s="2" t="s">
        <v>69039</v>
      </c>
      <c r="L21558" s="5" t="s">
        <v>69038</v>
      </c>
      <c r="M21558" s="2" t="s">
        <v>69039</v>
      </c>
      <c r="N21558" s="5" t="s">
        <v>1521</v>
      </c>
      <c r="O21558" s="5" t="s">
        <v>38</v>
      </c>
      <c r="P21558" s="5" t="s">
        <v>39</v>
      </c>
      <c r="Q21558" s="5" t="s">
        <v>40</v>
      </c>
      <c r="R21558" s="5" t="s">
        <v>1522</v>
      </c>
      <c r="S21558" s="5" t="s">
        <v>1523</v>
      </c>
      <c r="T21558" s="5" t="s">
        <v>42</v>
      </c>
      <c r="U21558" s="2">
        <v>1.401</v>
      </c>
      <c r="V21558" s="2">
        <v>1.042</v>
      </c>
      <c r="W21558" s="2">
        <v>0.01</v>
      </c>
      <c r="X21558" s="2">
        <v>118.9</v>
      </c>
      <c r="Y21558" s="2">
        <v>7.6</v>
      </c>
      <c r="Z21558" s="2">
        <v>10.6</v>
      </c>
      <c r="AA21558" s="5"/>
      <c r="AB21558" s="5" t="s">
        <v>43</v>
      </c>
      <c r="AC21558" s="5" t="s">
        <v>44</v>
      </c>
      <c r="AD21558" s="2"/>
      <c r="AE21558" s="1"/>
    </row>
    <row r="21559" spans="1:31" ht="14.45">
      <c r="A21559" s="11"/>
      <c r="B21559" s="20"/>
      <c r="C21559" s="2" t="s">
        <v>69545</v>
      </c>
      <c r="D21559" s="14" t="s">
        <v>69546</v>
      </c>
      <c r="E21559" s="2" t="s">
        <v>69547</v>
      </c>
      <c r="F21559" s="2" t="s">
        <v>1867</v>
      </c>
      <c r="G21559" s="8">
        <v>131</v>
      </c>
      <c r="H21559" s="5">
        <v>6</v>
      </c>
      <c r="I21559" s="5" t="s">
        <v>1518</v>
      </c>
      <c r="J21559" s="5" t="s">
        <v>69038</v>
      </c>
      <c r="K21559" s="2" t="s">
        <v>69039</v>
      </c>
      <c r="L21559" s="5" t="s">
        <v>69038</v>
      </c>
      <c r="M21559" s="2" t="s">
        <v>69039</v>
      </c>
      <c r="N21559" s="5" t="s">
        <v>1521</v>
      </c>
      <c r="O21559" s="5" t="s">
        <v>38</v>
      </c>
      <c r="P21559" s="5" t="s">
        <v>39</v>
      </c>
      <c r="Q21559" s="5" t="s">
        <v>40</v>
      </c>
      <c r="R21559" s="5" t="s">
        <v>1522</v>
      </c>
      <c r="S21559" s="5" t="s">
        <v>1523</v>
      </c>
      <c r="T21559" s="5" t="s">
        <v>42</v>
      </c>
      <c r="U21559" s="2">
        <v>1.4710000000000001</v>
      </c>
      <c r="V21559" s="2">
        <v>1.1120000000000001</v>
      </c>
      <c r="W21559" s="2">
        <v>0.01</v>
      </c>
      <c r="X21559" s="2">
        <v>118.9</v>
      </c>
      <c r="Y21559" s="2">
        <v>7.6</v>
      </c>
      <c r="Z21559" s="2">
        <v>10.6</v>
      </c>
      <c r="AA21559" s="5"/>
      <c r="AB21559" s="5" t="s">
        <v>43</v>
      </c>
      <c r="AC21559" s="5" t="s">
        <v>44</v>
      </c>
      <c r="AD21559" s="2"/>
      <c r="AE21559" s="1"/>
    </row>
    <row r="21560" spans="1:31" ht="14.45">
      <c r="A21560" s="11"/>
      <c r="B21560" s="20"/>
      <c r="C21560" s="2" t="s">
        <v>69548</v>
      </c>
      <c r="D21560" s="14" t="s">
        <v>69549</v>
      </c>
      <c r="E21560" s="2" t="s">
        <v>69550</v>
      </c>
      <c r="F21560" s="2" t="s">
        <v>7204</v>
      </c>
      <c r="G21560" s="8">
        <v>100</v>
      </c>
      <c r="H21560" s="5">
        <v>6</v>
      </c>
      <c r="I21560" s="5" t="s">
        <v>1518</v>
      </c>
      <c r="J21560" s="5" t="s">
        <v>69038</v>
      </c>
      <c r="K21560" s="2" t="s">
        <v>69039</v>
      </c>
      <c r="L21560" s="5" t="s">
        <v>69038</v>
      </c>
      <c r="M21560" s="2" t="s">
        <v>69039</v>
      </c>
      <c r="N21560" s="5" t="s">
        <v>1521</v>
      </c>
      <c r="O21560" s="5" t="s">
        <v>38</v>
      </c>
      <c r="P21560" s="5" t="s">
        <v>39</v>
      </c>
      <c r="Q21560" s="5" t="s">
        <v>40</v>
      </c>
      <c r="R21560" s="5" t="s">
        <v>1522</v>
      </c>
      <c r="S21560" s="5" t="s">
        <v>1523</v>
      </c>
      <c r="T21560" s="5" t="s">
        <v>42</v>
      </c>
      <c r="U21560" s="2">
        <v>1.1599999999999999</v>
      </c>
      <c r="V21560" s="2">
        <v>0.85899999999999999</v>
      </c>
      <c r="W21560" s="2">
        <v>7.0000000000000001E-3</v>
      </c>
      <c r="X21560" s="2">
        <v>82.9</v>
      </c>
      <c r="Y21560" s="2">
        <v>7.6</v>
      </c>
      <c r="Z21560" s="2">
        <v>10.6</v>
      </c>
      <c r="AA21560" s="5"/>
      <c r="AB21560" s="5" t="s">
        <v>43</v>
      </c>
      <c r="AC21560" s="5" t="s">
        <v>44</v>
      </c>
      <c r="AD21560" s="2"/>
      <c r="AE21560" s="1"/>
    </row>
    <row r="21561" spans="1:31" ht="14.45">
      <c r="A21561" s="11"/>
      <c r="B21561" s="20"/>
      <c r="C21561" s="2" t="s">
        <v>69551</v>
      </c>
      <c r="D21561" s="14" t="s">
        <v>69552</v>
      </c>
      <c r="E21561" s="2" t="s">
        <v>69553</v>
      </c>
      <c r="F21561" s="2" t="s">
        <v>7514</v>
      </c>
      <c r="G21561" s="8">
        <v>100</v>
      </c>
      <c r="H21561" s="5">
        <v>6</v>
      </c>
      <c r="I21561" s="5" t="s">
        <v>1518</v>
      </c>
      <c r="J21561" s="5" t="s">
        <v>69038</v>
      </c>
      <c r="K21561" s="2" t="s">
        <v>69039</v>
      </c>
      <c r="L21561" s="5" t="s">
        <v>69038</v>
      </c>
      <c r="M21561" s="2" t="s">
        <v>69039</v>
      </c>
      <c r="N21561" s="5" t="s">
        <v>1521</v>
      </c>
      <c r="O21561" s="5" t="s">
        <v>38</v>
      </c>
      <c r="P21561" s="5" t="s">
        <v>39</v>
      </c>
      <c r="Q21561" s="5" t="s">
        <v>40</v>
      </c>
      <c r="R21561" s="5" t="s">
        <v>1522</v>
      </c>
      <c r="S21561" s="5" t="s">
        <v>1523</v>
      </c>
      <c r="T21561" s="5" t="s">
        <v>42</v>
      </c>
      <c r="U21561" s="2">
        <v>1.212</v>
      </c>
      <c r="V21561" s="2">
        <v>0.91100000000000003</v>
      </c>
      <c r="W21561" s="2">
        <v>7.0000000000000001E-3</v>
      </c>
      <c r="X21561" s="2">
        <v>82.9</v>
      </c>
      <c r="Y21561" s="2">
        <v>7.6</v>
      </c>
      <c r="Z21561" s="2">
        <v>10.6</v>
      </c>
      <c r="AA21561" s="5"/>
      <c r="AB21561" s="5" t="s">
        <v>43</v>
      </c>
      <c r="AC21561" s="5" t="s">
        <v>44</v>
      </c>
      <c r="AD21561" s="2"/>
      <c r="AE21561" s="1"/>
    </row>
    <row r="21562" spans="1:31" ht="14.45">
      <c r="A21562" s="11"/>
      <c r="B21562" s="20"/>
      <c r="C21562" s="2" t="s">
        <v>69554</v>
      </c>
      <c r="D21562" s="14" t="s">
        <v>69555</v>
      </c>
      <c r="E21562" s="2" t="s">
        <v>69556</v>
      </c>
      <c r="F21562" s="2" t="s">
        <v>7208</v>
      </c>
      <c r="G21562" s="8">
        <v>100</v>
      </c>
      <c r="H21562" s="5">
        <v>6</v>
      </c>
      <c r="I21562" s="5" t="s">
        <v>1518</v>
      </c>
      <c r="J21562" s="5" t="s">
        <v>69038</v>
      </c>
      <c r="K21562" s="2" t="s">
        <v>69039</v>
      </c>
      <c r="L21562" s="5" t="s">
        <v>69038</v>
      </c>
      <c r="M21562" s="2" t="s">
        <v>69039</v>
      </c>
      <c r="N21562" s="5" t="s">
        <v>1521</v>
      </c>
      <c r="O21562" s="5" t="s">
        <v>38</v>
      </c>
      <c r="P21562" s="5" t="s">
        <v>39</v>
      </c>
      <c r="Q21562" s="5" t="s">
        <v>40</v>
      </c>
      <c r="R21562" s="5" t="s">
        <v>1522</v>
      </c>
      <c r="S21562" s="5" t="s">
        <v>1523</v>
      </c>
      <c r="T21562" s="5" t="s">
        <v>42</v>
      </c>
      <c r="U21562" s="2">
        <v>1.1599999999999999</v>
      </c>
      <c r="V21562" s="2">
        <v>0.85899999999999999</v>
      </c>
      <c r="W21562" s="2">
        <v>7.0000000000000001E-3</v>
      </c>
      <c r="X21562" s="2">
        <v>82.9</v>
      </c>
      <c r="Y21562" s="2">
        <v>7.6</v>
      </c>
      <c r="Z21562" s="2">
        <v>10.6</v>
      </c>
      <c r="AA21562" s="5"/>
      <c r="AB21562" s="5" t="s">
        <v>43</v>
      </c>
      <c r="AC21562" s="5" t="s">
        <v>44</v>
      </c>
      <c r="AD21562" s="2"/>
      <c r="AE21562" s="1"/>
    </row>
    <row r="21563" spans="1:31" ht="14.45">
      <c r="A21563" s="11"/>
      <c r="B21563" s="20"/>
      <c r="C21563" s="2" t="s">
        <v>69557</v>
      </c>
      <c r="D21563" s="14" t="s">
        <v>69558</v>
      </c>
      <c r="E21563" s="2" t="s">
        <v>69559</v>
      </c>
      <c r="F21563" s="2" t="s">
        <v>7521</v>
      </c>
      <c r="G21563" s="8">
        <v>100</v>
      </c>
      <c r="H21563" s="5">
        <v>6</v>
      </c>
      <c r="I21563" s="5" t="s">
        <v>1518</v>
      </c>
      <c r="J21563" s="5" t="s">
        <v>69038</v>
      </c>
      <c r="K21563" s="2" t="s">
        <v>69039</v>
      </c>
      <c r="L21563" s="5" t="s">
        <v>69038</v>
      </c>
      <c r="M21563" s="2" t="s">
        <v>69039</v>
      </c>
      <c r="N21563" s="5" t="s">
        <v>1521</v>
      </c>
      <c r="O21563" s="5" t="s">
        <v>38</v>
      </c>
      <c r="P21563" s="5" t="s">
        <v>39</v>
      </c>
      <c r="Q21563" s="5" t="s">
        <v>40</v>
      </c>
      <c r="R21563" s="5" t="s">
        <v>1522</v>
      </c>
      <c r="S21563" s="5" t="s">
        <v>1523</v>
      </c>
      <c r="T21563" s="5" t="s">
        <v>42</v>
      </c>
      <c r="U21563" s="2">
        <v>1.212</v>
      </c>
      <c r="V21563" s="2">
        <v>0.91100000000000003</v>
      </c>
      <c r="W21563" s="2">
        <v>7.0000000000000001E-3</v>
      </c>
      <c r="X21563" s="2">
        <v>82.9</v>
      </c>
      <c r="Y21563" s="2">
        <v>7.6</v>
      </c>
      <c r="Z21563" s="2">
        <v>10.6</v>
      </c>
      <c r="AA21563" s="5"/>
      <c r="AB21563" s="5" t="s">
        <v>43</v>
      </c>
      <c r="AC21563" s="5" t="s">
        <v>44</v>
      </c>
      <c r="AD21563" s="2"/>
      <c r="AE21563" s="1"/>
    </row>
    <row r="21564" spans="1:31" ht="14.45">
      <c r="A21564" s="11"/>
      <c r="B21564" s="20"/>
      <c r="C21564" s="2" t="s">
        <v>69560</v>
      </c>
      <c r="D21564" s="14" t="s">
        <v>69561</v>
      </c>
      <c r="E21564" s="2" t="s">
        <v>69562</v>
      </c>
      <c r="F21564" s="2" t="s">
        <v>7539</v>
      </c>
      <c r="G21564" s="8">
        <v>115</v>
      </c>
      <c r="H21564" s="5">
        <v>6</v>
      </c>
      <c r="I21564" s="5" t="s">
        <v>1518</v>
      </c>
      <c r="J21564" s="5" t="s">
        <v>69038</v>
      </c>
      <c r="K21564" s="2" t="s">
        <v>69039</v>
      </c>
      <c r="L21564" s="5" t="s">
        <v>69038</v>
      </c>
      <c r="M21564" s="2" t="s">
        <v>69039</v>
      </c>
      <c r="N21564" s="5" t="s">
        <v>1521</v>
      </c>
      <c r="O21564" s="5" t="s">
        <v>38</v>
      </c>
      <c r="P21564" s="5" t="s">
        <v>39</v>
      </c>
      <c r="Q21564" s="5" t="s">
        <v>40</v>
      </c>
      <c r="R21564" s="5" t="s">
        <v>1522</v>
      </c>
      <c r="S21564" s="5" t="s">
        <v>1523</v>
      </c>
      <c r="T21564" s="5" t="s">
        <v>42</v>
      </c>
      <c r="U21564" s="2">
        <v>1.1599999999999999</v>
      </c>
      <c r="V21564" s="2">
        <v>0.85899999999999999</v>
      </c>
      <c r="W21564" s="2">
        <v>7.0000000000000001E-3</v>
      </c>
      <c r="X21564" s="2">
        <v>82.9</v>
      </c>
      <c r="Y21564" s="2">
        <v>7.6</v>
      </c>
      <c r="Z21564" s="2">
        <v>10.6</v>
      </c>
      <c r="AA21564" s="5"/>
      <c r="AB21564" s="5" t="s">
        <v>43</v>
      </c>
      <c r="AC21564" s="5" t="s">
        <v>44</v>
      </c>
      <c r="AD21564" s="2"/>
      <c r="AE21564" s="1"/>
    </row>
    <row r="21565" spans="1:31" ht="14.45">
      <c r="A21565" s="11"/>
      <c r="B21565" s="20"/>
      <c r="C21565" s="2" t="s">
        <v>69563</v>
      </c>
      <c r="D21565" s="14" t="s">
        <v>69564</v>
      </c>
      <c r="E21565" s="2" t="s">
        <v>69565</v>
      </c>
      <c r="F21565" s="2" t="s">
        <v>7543</v>
      </c>
      <c r="G21565" s="8">
        <v>115</v>
      </c>
      <c r="H21565" s="5">
        <v>6</v>
      </c>
      <c r="I21565" s="5" t="s">
        <v>1518</v>
      </c>
      <c r="J21565" s="5" t="s">
        <v>69038</v>
      </c>
      <c r="K21565" s="2" t="s">
        <v>69039</v>
      </c>
      <c r="L21565" s="5" t="s">
        <v>69038</v>
      </c>
      <c r="M21565" s="2" t="s">
        <v>69039</v>
      </c>
      <c r="N21565" s="5" t="s">
        <v>1521</v>
      </c>
      <c r="O21565" s="5" t="s">
        <v>38</v>
      </c>
      <c r="P21565" s="5" t="s">
        <v>39</v>
      </c>
      <c r="Q21565" s="5" t="s">
        <v>40</v>
      </c>
      <c r="R21565" s="5" t="s">
        <v>1522</v>
      </c>
      <c r="S21565" s="5" t="s">
        <v>1523</v>
      </c>
      <c r="T21565" s="5" t="s">
        <v>42</v>
      </c>
      <c r="U21565" s="2">
        <v>1.212</v>
      </c>
      <c r="V21565" s="2">
        <v>0.91100000000000003</v>
      </c>
      <c r="W21565" s="2">
        <v>7.0000000000000001E-3</v>
      </c>
      <c r="X21565" s="2">
        <v>82.9</v>
      </c>
      <c r="Y21565" s="2">
        <v>7.6</v>
      </c>
      <c r="Z21565" s="2">
        <v>10.6</v>
      </c>
      <c r="AA21565" s="5"/>
      <c r="AB21565" s="5" t="s">
        <v>43</v>
      </c>
      <c r="AC21565" s="5" t="s">
        <v>44</v>
      </c>
      <c r="AD21565" s="2"/>
      <c r="AE21565" s="1"/>
    </row>
    <row r="21566" spans="1:31" ht="14.45">
      <c r="A21566" s="11"/>
      <c r="B21566" s="20"/>
      <c r="C21566" s="2" t="s">
        <v>69566</v>
      </c>
      <c r="D21566" s="14" t="s">
        <v>69567</v>
      </c>
      <c r="E21566" s="2" t="s">
        <v>69568</v>
      </c>
      <c r="F21566" s="2" t="s">
        <v>7396</v>
      </c>
      <c r="G21566" s="8">
        <v>100</v>
      </c>
      <c r="H21566" s="5">
        <v>6</v>
      </c>
      <c r="I21566" s="5" t="s">
        <v>1518</v>
      </c>
      <c r="J21566" s="5" t="s">
        <v>69038</v>
      </c>
      <c r="K21566" s="2" t="s">
        <v>69039</v>
      </c>
      <c r="L21566" s="5" t="s">
        <v>69038</v>
      </c>
      <c r="M21566" s="2" t="s">
        <v>69039</v>
      </c>
      <c r="N21566" s="5" t="s">
        <v>1521</v>
      </c>
      <c r="O21566" s="5" t="s">
        <v>38</v>
      </c>
      <c r="P21566" s="5" t="s">
        <v>39</v>
      </c>
      <c r="Q21566" s="5" t="s">
        <v>40</v>
      </c>
      <c r="R21566" s="5" t="s">
        <v>1522</v>
      </c>
      <c r="S21566" s="5" t="s">
        <v>1523</v>
      </c>
      <c r="T21566" s="5" t="s">
        <v>42</v>
      </c>
      <c r="U21566" s="2">
        <v>1.1599999999999999</v>
      </c>
      <c r="V21566" s="2">
        <v>0.85899999999999999</v>
      </c>
      <c r="W21566" s="2">
        <v>7.0000000000000001E-3</v>
      </c>
      <c r="X21566" s="2">
        <v>82.9</v>
      </c>
      <c r="Y21566" s="2">
        <v>7.6</v>
      </c>
      <c r="Z21566" s="2">
        <v>10.6</v>
      </c>
      <c r="AA21566" s="5"/>
      <c r="AB21566" s="5" t="s">
        <v>43</v>
      </c>
      <c r="AC21566" s="5" t="s">
        <v>44</v>
      </c>
      <c r="AD21566" s="2"/>
      <c r="AE21566" s="1"/>
    </row>
    <row r="21567" spans="1:31" ht="14.45">
      <c r="A21567" s="11"/>
      <c r="B21567" s="20"/>
      <c r="C21567" s="2" t="s">
        <v>69569</v>
      </c>
      <c r="D21567" s="14" t="s">
        <v>69570</v>
      </c>
      <c r="E21567" s="2" t="s">
        <v>69571</v>
      </c>
      <c r="F21567" s="2" t="s">
        <v>69112</v>
      </c>
      <c r="G21567" s="8">
        <v>100</v>
      </c>
      <c r="H21567" s="5">
        <v>6</v>
      </c>
      <c r="I21567" s="5" t="s">
        <v>1518</v>
      </c>
      <c r="J21567" s="5" t="s">
        <v>69038</v>
      </c>
      <c r="K21567" s="2" t="s">
        <v>69039</v>
      </c>
      <c r="L21567" s="5" t="s">
        <v>69038</v>
      </c>
      <c r="M21567" s="2" t="s">
        <v>69039</v>
      </c>
      <c r="N21567" s="5" t="s">
        <v>1521</v>
      </c>
      <c r="O21567" s="5" t="s">
        <v>38</v>
      </c>
      <c r="P21567" s="5" t="s">
        <v>39</v>
      </c>
      <c r="Q21567" s="5" t="s">
        <v>40</v>
      </c>
      <c r="R21567" s="5" t="s">
        <v>1522</v>
      </c>
      <c r="S21567" s="5" t="s">
        <v>1523</v>
      </c>
      <c r="T21567" s="5" t="s">
        <v>42</v>
      </c>
      <c r="U21567" s="2">
        <v>1.212</v>
      </c>
      <c r="V21567" s="2">
        <v>0.91100000000000003</v>
      </c>
      <c r="W21567" s="2">
        <v>7.0000000000000001E-3</v>
      </c>
      <c r="X21567" s="2">
        <v>82.9</v>
      </c>
      <c r="Y21567" s="2">
        <v>7.6</v>
      </c>
      <c r="Z21567" s="2">
        <v>10.6</v>
      </c>
      <c r="AA21567" s="5"/>
      <c r="AB21567" s="5" t="s">
        <v>43</v>
      </c>
      <c r="AC21567" s="5" t="s">
        <v>44</v>
      </c>
      <c r="AD21567" s="2"/>
      <c r="AE21567" s="1"/>
    </row>
    <row r="21568" spans="1:31" ht="14.45">
      <c r="A21568" s="11"/>
      <c r="B21568" s="20"/>
      <c r="C21568" s="2" t="s">
        <v>69572</v>
      </c>
      <c r="D21568" s="14" t="s">
        <v>69573</v>
      </c>
      <c r="E21568" s="2" t="s">
        <v>69574</v>
      </c>
      <c r="F21568" s="2" t="s">
        <v>7581</v>
      </c>
      <c r="G21568" s="8">
        <v>115</v>
      </c>
      <c r="H21568" s="5">
        <v>6</v>
      </c>
      <c r="I21568" s="5" t="s">
        <v>1518</v>
      </c>
      <c r="J21568" s="5" t="s">
        <v>69038</v>
      </c>
      <c r="K21568" s="2" t="s">
        <v>69039</v>
      </c>
      <c r="L21568" s="5" t="s">
        <v>69038</v>
      </c>
      <c r="M21568" s="2" t="s">
        <v>69039</v>
      </c>
      <c r="N21568" s="5" t="s">
        <v>1521</v>
      </c>
      <c r="O21568" s="5" t="s">
        <v>38</v>
      </c>
      <c r="P21568" s="5" t="s">
        <v>39</v>
      </c>
      <c r="Q21568" s="5" t="s">
        <v>40</v>
      </c>
      <c r="R21568" s="5" t="s">
        <v>1522</v>
      </c>
      <c r="S21568" s="5" t="s">
        <v>1523</v>
      </c>
      <c r="T21568" s="5" t="s">
        <v>42</v>
      </c>
      <c r="U21568" s="2">
        <v>1.212</v>
      </c>
      <c r="V21568" s="2">
        <v>0.91100000000000003</v>
      </c>
      <c r="W21568" s="2">
        <v>7.0000000000000001E-3</v>
      </c>
      <c r="X21568" s="2">
        <v>82.9</v>
      </c>
      <c r="Y21568" s="2">
        <v>7.6</v>
      </c>
      <c r="Z21568" s="2">
        <v>10.6</v>
      </c>
      <c r="AA21568" s="5"/>
      <c r="AB21568" s="5" t="s">
        <v>43</v>
      </c>
      <c r="AC21568" s="5" t="s">
        <v>44</v>
      </c>
      <c r="AD21568" s="2"/>
      <c r="AE21568" s="1"/>
    </row>
    <row r="21569" spans="1:31" ht="14.45">
      <c r="A21569" s="11"/>
      <c r="B21569" s="20"/>
      <c r="C21569" s="2" t="s">
        <v>69575</v>
      </c>
      <c r="D21569" s="14" t="s">
        <v>69576</v>
      </c>
      <c r="E21569" s="2" t="s">
        <v>69577</v>
      </c>
      <c r="F21569" s="2" t="s">
        <v>7611</v>
      </c>
      <c r="G21569" s="8">
        <v>115</v>
      </c>
      <c r="H21569" s="5">
        <v>6</v>
      </c>
      <c r="I21569" s="5" t="s">
        <v>1518</v>
      </c>
      <c r="J21569" s="5" t="s">
        <v>69038</v>
      </c>
      <c r="K21569" s="2" t="s">
        <v>69039</v>
      </c>
      <c r="L21569" s="5" t="s">
        <v>69038</v>
      </c>
      <c r="M21569" s="2" t="s">
        <v>69039</v>
      </c>
      <c r="N21569" s="5" t="s">
        <v>1521</v>
      </c>
      <c r="O21569" s="5" t="s">
        <v>38</v>
      </c>
      <c r="P21569" s="5" t="s">
        <v>39</v>
      </c>
      <c r="Q21569" s="5" t="s">
        <v>40</v>
      </c>
      <c r="R21569" s="5" t="s">
        <v>1522</v>
      </c>
      <c r="S21569" s="5" t="s">
        <v>1523</v>
      </c>
      <c r="T21569" s="5" t="s">
        <v>42</v>
      </c>
      <c r="U21569" s="2">
        <v>1.212</v>
      </c>
      <c r="V21569" s="2">
        <v>0.91100000000000003</v>
      </c>
      <c r="W21569" s="2">
        <v>7.0000000000000001E-3</v>
      </c>
      <c r="X21569" s="2">
        <v>82.9</v>
      </c>
      <c r="Y21569" s="2">
        <v>7.6</v>
      </c>
      <c r="Z21569" s="2">
        <v>10.6</v>
      </c>
      <c r="AA21569" s="5"/>
      <c r="AB21569" s="5" t="s">
        <v>43</v>
      </c>
      <c r="AC21569" s="5" t="s">
        <v>44</v>
      </c>
      <c r="AD21569" s="2"/>
      <c r="AE21569" s="1"/>
    </row>
    <row r="21570" spans="1:31" ht="14.45">
      <c r="A21570" s="11"/>
      <c r="B21570" s="20"/>
      <c r="C21570" s="2" t="s">
        <v>69578</v>
      </c>
      <c r="D21570" s="14" t="s">
        <v>69579</v>
      </c>
      <c r="E21570" s="2" t="s">
        <v>69580</v>
      </c>
      <c r="F21570" s="2" t="s">
        <v>7212</v>
      </c>
      <c r="G21570" s="8">
        <v>100</v>
      </c>
      <c r="H21570" s="5">
        <v>6</v>
      </c>
      <c r="I21570" s="5" t="s">
        <v>1518</v>
      </c>
      <c r="J21570" s="5" t="s">
        <v>69038</v>
      </c>
      <c r="K21570" s="2" t="s">
        <v>69039</v>
      </c>
      <c r="L21570" s="5" t="s">
        <v>69038</v>
      </c>
      <c r="M21570" s="2" t="s">
        <v>69039</v>
      </c>
      <c r="N21570" s="5" t="s">
        <v>1521</v>
      </c>
      <c r="O21570" s="5" t="s">
        <v>38</v>
      </c>
      <c r="P21570" s="5" t="s">
        <v>39</v>
      </c>
      <c r="Q21570" s="5" t="s">
        <v>40</v>
      </c>
      <c r="R21570" s="5" t="s">
        <v>1522</v>
      </c>
      <c r="S21570" s="5" t="s">
        <v>1523</v>
      </c>
      <c r="T21570" s="5" t="s">
        <v>42</v>
      </c>
      <c r="U21570" s="2">
        <v>1.1599999999999999</v>
      </c>
      <c r="V21570" s="2">
        <v>0.85899999999999999</v>
      </c>
      <c r="W21570" s="2">
        <v>7.0000000000000001E-3</v>
      </c>
      <c r="X21570" s="2">
        <v>82.9</v>
      </c>
      <c r="Y21570" s="2">
        <v>7.6</v>
      </c>
      <c r="Z21570" s="2">
        <v>10.6</v>
      </c>
      <c r="AA21570" s="5"/>
      <c r="AB21570" s="5" t="s">
        <v>43</v>
      </c>
      <c r="AC21570" s="5" t="s">
        <v>44</v>
      </c>
      <c r="AD21570" s="2"/>
      <c r="AE21570" s="1"/>
    </row>
    <row r="21571" spans="1:31" ht="14.45">
      <c r="A21571" s="11"/>
      <c r="B21571" s="20"/>
      <c r="C21571" s="2" t="s">
        <v>69581</v>
      </c>
      <c r="D21571" s="14" t="s">
        <v>69582</v>
      </c>
      <c r="E21571" s="2" t="s">
        <v>69583</v>
      </c>
      <c r="F21571" s="2" t="s">
        <v>7528</v>
      </c>
      <c r="G21571" s="8">
        <v>100</v>
      </c>
      <c r="H21571" s="5">
        <v>6</v>
      </c>
      <c r="I21571" s="5" t="s">
        <v>1518</v>
      </c>
      <c r="J21571" s="5" t="s">
        <v>69038</v>
      </c>
      <c r="K21571" s="2" t="s">
        <v>69039</v>
      </c>
      <c r="L21571" s="5" t="s">
        <v>69038</v>
      </c>
      <c r="M21571" s="2" t="s">
        <v>69039</v>
      </c>
      <c r="N21571" s="5" t="s">
        <v>1521</v>
      </c>
      <c r="O21571" s="5" t="s">
        <v>38</v>
      </c>
      <c r="P21571" s="5" t="s">
        <v>39</v>
      </c>
      <c r="Q21571" s="5" t="s">
        <v>40</v>
      </c>
      <c r="R21571" s="5" t="s">
        <v>1522</v>
      </c>
      <c r="S21571" s="5" t="s">
        <v>1523</v>
      </c>
      <c r="T21571" s="5" t="s">
        <v>42</v>
      </c>
      <c r="U21571" s="2">
        <v>1.212</v>
      </c>
      <c r="V21571" s="2">
        <v>0.91100000000000003</v>
      </c>
      <c r="W21571" s="2">
        <v>7.0000000000000001E-3</v>
      </c>
      <c r="X21571" s="2">
        <v>82.9</v>
      </c>
      <c r="Y21571" s="2">
        <v>7.6</v>
      </c>
      <c r="Z21571" s="2">
        <v>10.6</v>
      </c>
      <c r="AA21571" s="5"/>
      <c r="AB21571" s="5" t="s">
        <v>43</v>
      </c>
      <c r="AC21571" s="5" t="s">
        <v>44</v>
      </c>
      <c r="AD21571" s="2"/>
      <c r="AE21571" s="1"/>
    </row>
    <row r="21572" spans="1:31" ht="14.45">
      <c r="A21572" s="11"/>
      <c r="B21572" s="20"/>
      <c r="C21572" s="2" t="s">
        <v>69584</v>
      </c>
      <c r="D21572" s="14" t="s">
        <v>69585</v>
      </c>
      <c r="E21572" s="2" t="s">
        <v>69586</v>
      </c>
      <c r="F21572" s="2" t="s">
        <v>1863</v>
      </c>
      <c r="G21572" s="8">
        <v>115</v>
      </c>
      <c r="H21572" s="5">
        <v>6</v>
      </c>
      <c r="I21572" s="5" t="s">
        <v>1518</v>
      </c>
      <c r="J21572" s="5" t="s">
        <v>69038</v>
      </c>
      <c r="K21572" s="2" t="s">
        <v>69039</v>
      </c>
      <c r="L21572" s="5" t="s">
        <v>69038</v>
      </c>
      <c r="M21572" s="2" t="s">
        <v>69039</v>
      </c>
      <c r="N21572" s="5" t="s">
        <v>1521</v>
      </c>
      <c r="O21572" s="5" t="s">
        <v>38</v>
      </c>
      <c r="P21572" s="5" t="s">
        <v>39</v>
      </c>
      <c r="Q21572" s="5" t="s">
        <v>40</v>
      </c>
      <c r="R21572" s="5" t="s">
        <v>1522</v>
      </c>
      <c r="S21572" s="5" t="s">
        <v>1523</v>
      </c>
      <c r="T21572" s="5" t="s">
        <v>42</v>
      </c>
      <c r="U21572" s="2">
        <v>1.1599999999999999</v>
      </c>
      <c r="V21572" s="2">
        <v>0.85899999999999999</v>
      </c>
      <c r="W21572" s="2">
        <v>7.0000000000000001E-3</v>
      </c>
      <c r="X21572" s="2">
        <v>82.9</v>
      </c>
      <c r="Y21572" s="2">
        <v>7.6</v>
      </c>
      <c r="Z21572" s="2">
        <v>10.6</v>
      </c>
      <c r="AA21572" s="5"/>
      <c r="AB21572" s="5" t="s">
        <v>43</v>
      </c>
      <c r="AC21572" s="5" t="s">
        <v>44</v>
      </c>
      <c r="AD21572" s="2"/>
      <c r="AE21572" s="1"/>
    </row>
    <row r="21573" spans="1:31" ht="14.45">
      <c r="A21573" s="11"/>
      <c r="B21573" s="20"/>
      <c r="C21573" s="2" t="s">
        <v>69587</v>
      </c>
      <c r="D21573" s="14" t="s">
        <v>69588</v>
      </c>
      <c r="E21573" s="2" t="s">
        <v>69589</v>
      </c>
      <c r="F21573" s="2" t="s">
        <v>1867</v>
      </c>
      <c r="G21573" s="8">
        <v>115</v>
      </c>
      <c r="H21573" s="5">
        <v>6</v>
      </c>
      <c r="I21573" s="5" t="s">
        <v>1518</v>
      </c>
      <c r="J21573" s="5" t="s">
        <v>69038</v>
      </c>
      <c r="K21573" s="2" t="s">
        <v>69039</v>
      </c>
      <c r="L21573" s="5" t="s">
        <v>69038</v>
      </c>
      <c r="M21573" s="2" t="s">
        <v>69039</v>
      </c>
      <c r="N21573" s="5" t="s">
        <v>1521</v>
      </c>
      <c r="O21573" s="5" t="s">
        <v>38</v>
      </c>
      <c r="P21573" s="5" t="s">
        <v>39</v>
      </c>
      <c r="Q21573" s="5" t="s">
        <v>40</v>
      </c>
      <c r="R21573" s="5" t="s">
        <v>1522</v>
      </c>
      <c r="S21573" s="5" t="s">
        <v>1523</v>
      </c>
      <c r="T21573" s="5" t="s">
        <v>42</v>
      </c>
      <c r="U21573" s="2">
        <v>1.212</v>
      </c>
      <c r="V21573" s="2">
        <v>0.91100000000000003</v>
      </c>
      <c r="W21573" s="2">
        <v>7.0000000000000001E-3</v>
      </c>
      <c r="X21573" s="2">
        <v>82.9</v>
      </c>
      <c r="Y21573" s="2">
        <v>7.6</v>
      </c>
      <c r="Z21573" s="2">
        <v>10.6</v>
      </c>
      <c r="AA21573" s="5"/>
      <c r="AB21573" s="5" t="s">
        <v>43</v>
      </c>
      <c r="AC21573" s="5" t="s">
        <v>44</v>
      </c>
      <c r="AD21573" s="2"/>
      <c r="AE21573" s="1"/>
    </row>
    <row r="21574" spans="1:31" ht="14.45">
      <c r="A21574" s="11"/>
      <c r="B21574" s="20"/>
      <c r="C21574" s="2" t="s">
        <v>69590</v>
      </c>
      <c r="D21574" s="14" t="s">
        <v>69591</v>
      </c>
      <c r="E21574" s="2" t="s">
        <v>69592</v>
      </c>
      <c r="F21574" s="2" t="s">
        <v>7204</v>
      </c>
      <c r="G21574" s="8">
        <v>111</v>
      </c>
      <c r="H21574" s="5">
        <v>6</v>
      </c>
      <c r="I21574" s="5" t="s">
        <v>1518</v>
      </c>
      <c r="J21574" s="5" t="s">
        <v>69038</v>
      </c>
      <c r="K21574" s="2" t="s">
        <v>69039</v>
      </c>
      <c r="L21574" s="5" t="s">
        <v>69038</v>
      </c>
      <c r="M21574" s="2" t="s">
        <v>69039</v>
      </c>
      <c r="N21574" s="5" t="s">
        <v>1521</v>
      </c>
      <c r="O21574" s="5" t="s">
        <v>38</v>
      </c>
      <c r="P21574" s="5" t="s">
        <v>39</v>
      </c>
      <c r="Q21574" s="5" t="s">
        <v>40</v>
      </c>
      <c r="R21574" s="5" t="s">
        <v>1522</v>
      </c>
      <c r="S21574" s="5" t="s">
        <v>1523</v>
      </c>
      <c r="T21574" s="5" t="s">
        <v>42</v>
      </c>
      <c r="U21574" s="2">
        <v>1.319</v>
      </c>
      <c r="V21574" s="2">
        <v>0.96</v>
      </c>
      <c r="W21574" s="2">
        <v>0.01</v>
      </c>
      <c r="X21574" s="2">
        <v>118.9</v>
      </c>
      <c r="Y21574" s="2">
        <v>7.6</v>
      </c>
      <c r="Z21574" s="2">
        <v>10.6</v>
      </c>
      <c r="AA21574" s="5"/>
      <c r="AB21574" s="5" t="s">
        <v>43</v>
      </c>
      <c r="AC21574" s="5" t="s">
        <v>44</v>
      </c>
      <c r="AD21574" s="2"/>
      <c r="AE21574" s="1"/>
    </row>
    <row r="21575" spans="1:31" ht="14.45">
      <c r="A21575" s="11"/>
      <c r="B21575" s="20"/>
      <c r="C21575" s="2" t="s">
        <v>69593</v>
      </c>
      <c r="D21575" s="14" t="s">
        <v>69594</v>
      </c>
      <c r="E21575" s="2" t="s">
        <v>69595</v>
      </c>
      <c r="F21575" s="2" t="s">
        <v>7514</v>
      </c>
      <c r="G21575" s="8">
        <v>111</v>
      </c>
      <c r="H21575" s="5">
        <v>6</v>
      </c>
      <c r="I21575" s="5" t="s">
        <v>1518</v>
      </c>
      <c r="J21575" s="5" t="s">
        <v>69038</v>
      </c>
      <c r="K21575" s="2" t="s">
        <v>69039</v>
      </c>
      <c r="L21575" s="5" t="s">
        <v>69038</v>
      </c>
      <c r="M21575" s="2" t="s">
        <v>69039</v>
      </c>
      <c r="N21575" s="5" t="s">
        <v>1521</v>
      </c>
      <c r="O21575" s="5" t="s">
        <v>38</v>
      </c>
      <c r="P21575" s="5" t="s">
        <v>39</v>
      </c>
      <c r="Q21575" s="5" t="s">
        <v>40</v>
      </c>
      <c r="R21575" s="5" t="s">
        <v>1522</v>
      </c>
      <c r="S21575" s="5" t="s">
        <v>1523</v>
      </c>
      <c r="T21575" s="5" t="s">
        <v>42</v>
      </c>
      <c r="U21575" s="2">
        <v>1.381</v>
      </c>
      <c r="V21575" s="2">
        <v>1.022</v>
      </c>
      <c r="W21575" s="2">
        <v>0.01</v>
      </c>
      <c r="X21575" s="2">
        <v>118.9</v>
      </c>
      <c r="Y21575" s="2">
        <v>7.6</v>
      </c>
      <c r="Z21575" s="2">
        <v>10.6</v>
      </c>
      <c r="AA21575" s="5"/>
      <c r="AB21575" s="5" t="s">
        <v>43</v>
      </c>
      <c r="AC21575" s="5" t="s">
        <v>44</v>
      </c>
      <c r="AD21575" s="2"/>
      <c r="AE21575" s="1"/>
    </row>
    <row r="21576" spans="1:31" ht="14.45">
      <c r="A21576" s="11"/>
      <c r="B21576" s="20"/>
      <c r="C21576" s="2" t="s">
        <v>69596</v>
      </c>
      <c r="D21576" s="14" t="s">
        <v>69597</v>
      </c>
      <c r="E21576" s="2" t="s">
        <v>69598</v>
      </c>
      <c r="F21576" s="2" t="s">
        <v>7208</v>
      </c>
      <c r="G21576" s="8">
        <v>111</v>
      </c>
      <c r="H21576" s="5">
        <v>6</v>
      </c>
      <c r="I21576" s="5" t="s">
        <v>1518</v>
      </c>
      <c r="J21576" s="5" t="s">
        <v>69038</v>
      </c>
      <c r="K21576" s="2" t="s">
        <v>69039</v>
      </c>
      <c r="L21576" s="5" t="s">
        <v>69038</v>
      </c>
      <c r="M21576" s="2" t="s">
        <v>69039</v>
      </c>
      <c r="N21576" s="5" t="s">
        <v>1521</v>
      </c>
      <c r="O21576" s="5" t="s">
        <v>38</v>
      </c>
      <c r="P21576" s="5" t="s">
        <v>39</v>
      </c>
      <c r="Q21576" s="5" t="s">
        <v>40</v>
      </c>
      <c r="R21576" s="5" t="s">
        <v>1522</v>
      </c>
      <c r="S21576" s="5" t="s">
        <v>1523</v>
      </c>
      <c r="T21576" s="5" t="s">
        <v>42</v>
      </c>
      <c r="U21576" s="2">
        <v>1.319</v>
      </c>
      <c r="V21576" s="2">
        <v>0.96</v>
      </c>
      <c r="W21576" s="2">
        <v>0.01</v>
      </c>
      <c r="X21576" s="2">
        <v>118.9</v>
      </c>
      <c r="Y21576" s="2">
        <v>7.6</v>
      </c>
      <c r="Z21576" s="2">
        <v>10.6</v>
      </c>
      <c r="AA21576" s="5"/>
      <c r="AB21576" s="5" t="s">
        <v>43</v>
      </c>
      <c r="AC21576" s="5" t="s">
        <v>44</v>
      </c>
      <c r="AD21576" s="2"/>
      <c r="AE21576" s="1"/>
    </row>
    <row r="21577" spans="1:31" ht="14.45">
      <c r="A21577" s="11"/>
      <c r="B21577" s="20"/>
      <c r="C21577" s="2" t="s">
        <v>69599</v>
      </c>
      <c r="D21577" s="14" t="s">
        <v>69600</v>
      </c>
      <c r="E21577" s="2" t="s">
        <v>69601</v>
      </c>
      <c r="F21577" s="2" t="s">
        <v>7521</v>
      </c>
      <c r="G21577" s="8">
        <v>111</v>
      </c>
      <c r="H21577" s="5">
        <v>6</v>
      </c>
      <c r="I21577" s="5" t="s">
        <v>1518</v>
      </c>
      <c r="J21577" s="5" t="s">
        <v>69038</v>
      </c>
      <c r="K21577" s="2" t="s">
        <v>69039</v>
      </c>
      <c r="L21577" s="5" t="s">
        <v>69038</v>
      </c>
      <c r="M21577" s="2" t="s">
        <v>69039</v>
      </c>
      <c r="N21577" s="5" t="s">
        <v>1521</v>
      </c>
      <c r="O21577" s="5" t="s">
        <v>38</v>
      </c>
      <c r="P21577" s="5" t="s">
        <v>39</v>
      </c>
      <c r="Q21577" s="5" t="s">
        <v>40</v>
      </c>
      <c r="R21577" s="5" t="s">
        <v>1522</v>
      </c>
      <c r="S21577" s="5" t="s">
        <v>1523</v>
      </c>
      <c r="T21577" s="5" t="s">
        <v>42</v>
      </c>
      <c r="U21577" s="2">
        <v>1.381</v>
      </c>
      <c r="V21577" s="2">
        <v>1.022</v>
      </c>
      <c r="W21577" s="2">
        <v>0.01</v>
      </c>
      <c r="X21577" s="2">
        <v>118.9</v>
      </c>
      <c r="Y21577" s="2">
        <v>7.6</v>
      </c>
      <c r="Z21577" s="2">
        <v>10.6</v>
      </c>
      <c r="AA21577" s="5"/>
      <c r="AB21577" s="5" t="s">
        <v>43</v>
      </c>
      <c r="AC21577" s="5" t="s">
        <v>44</v>
      </c>
      <c r="AD21577" s="2"/>
      <c r="AE21577" s="1"/>
    </row>
    <row r="21578" spans="1:31" ht="14.45">
      <c r="A21578" s="11"/>
      <c r="B21578" s="20"/>
      <c r="C21578" s="2" t="s">
        <v>69602</v>
      </c>
      <c r="D21578" s="14" t="s">
        <v>69603</v>
      </c>
      <c r="E21578" s="2" t="s">
        <v>69604</v>
      </c>
      <c r="F21578" s="2" t="s">
        <v>7406</v>
      </c>
      <c r="G21578" s="8">
        <v>127</v>
      </c>
      <c r="H21578" s="5">
        <v>6</v>
      </c>
      <c r="I21578" s="5" t="s">
        <v>1518</v>
      </c>
      <c r="J21578" s="5" t="s">
        <v>69038</v>
      </c>
      <c r="K21578" s="2" t="s">
        <v>69039</v>
      </c>
      <c r="L21578" s="5" t="s">
        <v>69038</v>
      </c>
      <c r="M21578" s="2" t="s">
        <v>69039</v>
      </c>
      <c r="N21578" s="5" t="s">
        <v>1521</v>
      </c>
      <c r="O21578" s="5" t="s">
        <v>38</v>
      </c>
      <c r="P21578" s="5" t="s">
        <v>39</v>
      </c>
      <c r="Q21578" s="5" t="s">
        <v>40</v>
      </c>
      <c r="R21578" s="5" t="s">
        <v>1522</v>
      </c>
      <c r="S21578" s="5" t="s">
        <v>1523</v>
      </c>
      <c r="T21578" s="5" t="s">
        <v>42</v>
      </c>
      <c r="U21578" s="2">
        <v>1.319</v>
      </c>
      <c r="V21578" s="2">
        <v>0.96</v>
      </c>
      <c r="W21578" s="2">
        <v>0.01</v>
      </c>
      <c r="X21578" s="2">
        <v>118.9</v>
      </c>
      <c r="Y21578" s="2">
        <v>7.6</v>
      </c>
      <c r="Z21578" s="2">
        <v>10.6</v>
      </c>
      <c r="AA21578" s="5"/>
      <c r="AB21578" s="5" t="s">
        <v>43</v>
      </c>
      <c r="AC21578" s="5" t="s">
        <v>44</v>
      </c>
      <c r="AD21578" s="2"/>
      <c r="AE21578" s="1"/>
    </row>
    <row r="21579" spans="1:31" ht="14.45">
      <c r="A21579" s="11"/>
      <c r="B21579" s="20"/>
      <c r="C21579" s="2" t="s">
        <v>69605</v>
      </c>
      <c r="D21579" s="14" t="s">
        <v>69606</v>
      </c>
      <c r="E21579" s="2" t="s">
        <v>69607</v>
      </c>
      <c r="F21579" s="2" t="s">
        <v>7535</v>
      </c>
      <c r="G21579" s="8">
        <v>127</v>
      </c>
      <c r="H21579" s="5">
        <v>6</v>
      </c>
      <c r="I21579" s="5" t="s">
        <v>1518</v>
      </c>
      <c r="J21579" s="5" t="s">
        <v>69038</v>
      </c>
      <c r="K21579" s="2" t="s">
        <v>69039</v>
      </c>
      <c r="L21579" s="5" t="s">
        <v>69038</v>
      </c>
      <c r="M21579" s="2" t="s">
        <v>69039</v>
      </c>
      <c r="N21579" s="5" t="s">
        <v>1521</v>
      </c>
      <c r="O21579" s="5" t="s">
        <v>38</v>
      </c>
      <c r="P21579" s="5" t="s">
        <v>39</v>
      </c>
      <c r="Q21579" s="5" t="s">
        <v>40</v>
      </c>
      <c r="R21579" s="5" t="s">
        <v>1522</v>
      </c>
      <c r="S21579" s="5" t="s">
        <v>1523</v>
      </c>
      <c r="T21579" s="5" t="s">
        <v>42</v>
      </c>
      <c r="U21579" s="2">
        <v>1.381</v>
      </c>
      <c r="V21579" s="2">
        <v>1.022</v>
      </c>
      <c r="W21579" s="2">
        <v>0.01</v>
      </c>
      <c r="X21579" s="2">
        <v>118.9</v>
      </c>
      <c r="Y21579" s="2">
        <v>7.6</v>
      </c>
      <c r="Z21579" s="2">
        <v>10.6</v>
      </c>
      <c r="AA21579" s="5"/>
      <c r="AB21579" s="5" t="s">
        <v>43</v>
      </c>
      <c r="AC21579" s="5" t="s">
        <v>44</v>
      </c>
      <c r="AD21579" s="2"/>
      <c r="AE21579" s="1"/>
    </row>
    <row r="21580" spans="1:31" ht="14.45">
      <c r="A21580" s="11"/>
      <c r="B21580" s="20"/>
      <c r="C21580" s="2" t="s">
        <v>69608</v>
      </c>
      <c r="D21580" s="14" t="s">
        <v>69609</v>
      </c>
      <c r="E21580" s="2" t="s">
        <v>69610</v>
      </c>
      <c r="F21580" s="2" t="s">
        <v>7539</v>
      </c>
      <c r="G21580" s="8">
        <v>127</v>
      </c>
      <c r="H21580" s="5">
        <v>6</v>
      </c>
      <c r="I21580" s="5" t="s">
        <v>1518</v>
      </c>
      <c r="J21580" s="5" t="s">
        <v>69038</v>
      </c>
      <c r="K21580" s="2" t="s">
        <v>69039</v>
      </c>
      <c r="L21580" s="5" t="s">
        <v>69038</v>
      </c>
      <c r="M21580" s="2" t="s">
        <v>69039</v>
      </c>
      <c r="N21580" s="5" t="s">
        <v>1521</v>
      </c>
      <c r="O21580" s="5" t="s">
        <v>38</v>
      </c>
      <c r="P21580" s="5" t="s">
        <v>39</v>
      </c>
      <c r="Q21580" s="5" t="s">
        <v>40</v>
      </c>
      <c r="R21580" s="5" t="s">
        <v>1522</v>
      </c>
      <c r="S21580" s="5" t="s">
        <v>1523</v>
      </c>
      <c r="T21580" s="5" t="s">
        <v>42</v>
      </c>
      <c r="U21580" s="2">
        <v>1.319</v>
      </c>
      <c r="V21580" s="2">
        <v>0.96</v>
      </c>
      <c r="W21580" s="2">
        <v>0.01</v>
      </c>
      <c r="X21580" s="2">
        <v>118.9</v>
      </c>
      <c r="Y21580" s="2">
        <v>7.6</v>
      </c>
      <c r="Z21580" s="2">
        <v>10.6</v>
      </c>
      <c r="AA21580" s="5"/>
      <c r="AB21580" s="5" t="s">
        <v>43</v>
      </c>
      <c r="AC21580" s="5" t="s">
        <v>44</v>
      </c>
      <c r="AD21580" s="2"/>
      <c r="AE21580" s="1"/>
    </row>
    <row r="21581" spans="1:31" ht="14.45">
      <c r="A21581" s="11"/>
      <c r="B21581" s="20"/>
      <c r="C21581" s="2" t="s">
        <v>69611</v>
      </c>
      <c r="D21581" s="14" t="s">
        <v>69612</v>
      </c>
      <c r="E21581" s="2" t="s">
        <v>69613</v>
      </c>
      <c r="F21581" s="2" t="s">
        <v>7543</v>
      </c>
      <c r="G21581" s="8">
        <v>127</v>
      </c>
      <c r="H21581" s="5">
        <v>6</v>
      </c>
      <c r="I21581" s="5" t="s">
        <v>1518</v>
      </c>
      <c r="J21581" s="5" t="s">
        <v>69038</v>
      </c>
      <c r="K21581" s="2" t="s">
        <v>69039</v>
      </c>
      <c r="L21581" s="5" t="s">
        <v>69038</v>
      </c>
      <c r="M21581" s="2" t="s">
        <v>69039</v>
      </c>
      <c r="N21581" s="5" t="s">
        <v>1521</v>
      </c>
      <c r="O21581" s="5" t="s">
        <v>38</v>
      </c>
      <c r="P21581" s="5" t="s">
        <v>39</v>
      </c>
      <c r="Q21581" s="5" t="s">
        <v>40</v>
      </c>
      <c r="R21581" s="5" t="s">
        <v>1522</v>
      </c>
      <c r="S21581" s="5" t="s">
        <v>1523</v>
      </c>
      <c r="T21581" s="5" t="s">
        <v>42</v>
      </c>
      <c r="U21581" s="2">
        <v>1.381</v>
      </c>
      <c r="V21581" s="2">
        <v>1.022</v>
      </c>
      <c r="W21581" s="2">
        <v>0.01</v>
      </c>
      <c r="X21581" s="2">
        <v>118.9</v>
      </c>
      <c r="Y21581" s="2">
        <v>7.6</v>
      </c>
      <c r="Z21581" s="2">
        <v>10.6</v>
      </c>
      <c r="AA21581" s="5"/>
      <c r="AB21581" s="5" t="s">
        <v>43</v>
      </c>
      <c r="AC21581" s="5" t="s">
        <v>44</v>
      </c>
      <c r="AD21581" s="2"/>
      <c r="AE21581" s="1"/>
    </row>
    <row r="21582" spans="1:31" ht="14.45">
      <c r="A21582" s="11"/>
      <c r="B21582" s="20"/>
      <c r="C21582" s="2" t="s">
        <v>69614</v>
      </c>
      <c r="D21582" s="14" t="s">
        <v>69615</v>
      </c>
      <c r="E21582" s="2" t="s">
        <v>69616</v>
      </c>
      <c r="F21582" s="2" t="s">
        <v>7396</v>
      </c>
      <c r="G21582" s="8">
        <v>111</v>
      </c>
      <c r="H21582" s="5">
        <v>6</v>
      </c>
      <c r="I21582" s="5" t="s">
        <v>1518</v>
      </c>
      <c r="J21582" s="5" t="s">
        <v>69038</v>
      </c>
      <c r="K21582" s="2" t="s">
        <v>69039</v>
      </c>
      <c r="L21582" s="5" t="s">
        <v>69038</v>
      </c>
      <c r="M21582" s="2" t="s">
        <v>69039</v>
      </c>
      <c r="N21582" s="5" t="s">
        <v>1521</v>
      </c>
      <c r="O21582" s="5" t="s">
        <v>38</v>
      </c>
      <c r="P21582" s="5" t="s">
        <v>39</v>
      </c>
      <c r="Q21582" s="5" t="s">
        <v>40</v>
      </c>
      <c r="R21582" s="5" t="s">
        <v>1522</v>
      </c>
      <c r="S21582" s="5" t="s">
        <v>1523</v>
      </c>
      <c r="T21582" s="5" t="s">
        <v>42</v>
      </c>
      <c r="U21582" s="2">
        <v>1.319</v>
      </c>
      <c r="V21582" s="2">
        <v>0.96</v>
      </c>
      <c r="W21582" s="2">
        <v>0.01</v>
      </c>
      <c r="X21582" s="2">
        <v>118.9</v>
      </c>
      <c r="Y21582" s="2">
        <v>7.6</v>
      </c>
      <c r="Z21582" s="2">
        <v>10.6</v>
      </c>
      <c r="AA21582" s="5"/>
      <c r="AB21582" s="5" t="s">
        <v>43</v>
      </c>
      <c r="AC21582" s="5" t="s">
        <v>44</v>
      </c>
      <c r="AD21582" s="2"/>
      <c r="AE21582" s="1"/>
    </row>
    <row r="21583" spans="1:31" ht="14.45">
      <c r="A21583" s="11"/>
      <c r="B21583" s="20"/>
      <c r="C21583" s="2" t="s">
        <v>69617</v>
      </c>
      <c r="D21583" s="14" t="s">
        <v>69618</v>
      </c>
      <c r="E21583" s="2" t="s">
        <v>69619</v>
      </c>
      <c r="F21583" s="2" t="s">
        <v>69112</v>
      </c>
      <c r="G21583" s="8">
        <v>111</v>
      </c>
      <c r="H21583" s="5">
        <v>6</v>
      </c>
      <c r="I21583" s="5" t="s">
        <v>1518</v>
      </c>
      <c r="J21583" s="5" t="s">
        <v>69038</v>
      </c>
      <c r="K21583" s="2" t="s">
        <v>69039</v>
      </c>
      <c r="L21583" s="5" t="s">
        <v>69038</v>
      </c>
      <c r="M21583" s="2" t="s">
        <v>69039</v>
      </c>
      <c r="N21583" s="5" t="s">
        <v>1521</v>
      </c>
      <c r="O21583" s="5" t="s">
        <v>38</v>
      </c>
      <c r="P21583" s="5" t="s">
        <v>39</v>
      </c>
      <c r="Q21583" s="5" t="s">
        <v>40</v>
      </c>
      <c r="R21583" s="5" t="s">
        <v>1522</v>
      </c>
      <c r="S21583" s="5" t="s">
        <v>1523</v>
      </c>
      <c r="T21583" s="5" t="s">
        <v>42</v>
      </c>
      <c r="U21583" s="2">
        <v>1.381</v>
      </c>
      <c r="V21583" s="2">
        <v>1.022</v>
      </c>
      <c r="W21583" s="2">
        <v>0.01</v>
      </c>
      <c r="X21583" s="2">
        <v>118.9</v>
      </c>
      <c r="Y21583" s="2">
        <v>7.6</v>
      </c>
      <c r="Z21583" s="2">
        <v>10.6</v>
      </c>
      <c r="AA21583" s="5"/>
      <c r="AB21583" s="5" t="s">
        <v>43</v>
      </c>
      <c r="AC21583" s="5" t="s">
        <v>44</v>
      </c>
      <c r="AD21583" s="2"/>
      <c r="AE21583" s="1"/>
    </row>
    <row r="21584" spans="1:31" ht="14.45">
      <c r="A21584" s="11"/>
      <c r="B21584" s="20"/>
      <c r="C21584" s="2" t="s">
        <v>69620</v>
      </c>
      <c r="D21584" s="14" t="s">
        <v>69621</v>
      </c>
      <c r="E21584" s="2" t="s">
        <v>69622</v>
      </c>
      <c r="F21584" s="2" t="s">
        <v>7547</v>
      </c>
      <c r="G21584" s="8">
        <v>127</v>
      </c>
      <c r="H21584" s="5">
        <v>6</v>
      </c>
      <c r="I21584" s="5" t="s">
        <v>1518</v>
      </c>
      <c r="J21584" s="5" t="s">
        <v>69038</v>
      </c>
      <c r="K21584" s="2" t="s">
        <v>69039</v>
      </c>
      <c r="L21584" s="5" t="s">
        <v>69038</v>
      </c>
      <c r="M21584" s="2" t="s">
        <v>69039</v>
      </c>
      <c r="N21584" s="5" t="s">
        <v>1521</v>
      </c>
      <c r="O21584" s="5" t="s">
        <v>38</v>
      </c>
      <c r="P21584" s="5" t="s">
        <v>39</v>
      </c>
      <c r="Q21584" s="5" t="s">
        <v>40</v>
      </c>
      <c r="R21584" s="5" t="s">
        <v>1522</v>
      </c>
      <c r="S21584" s="5" t="s">
        <v>1523</v>
      </c>
      <c r="T21584" s="5" t="s">
        <v>42</v>
      </c>
      <c r="U21584" s="2">
        <v>1.319</v>
      </c>
      <c r="V21584" s="2">
        <v>0.96</v>
      </c>
      <c r="W21584" s="2">
        <v>0.01</v>
      </c>
      <c r="X21584" s="2">
        <v>118.9</v>
      </c>
      <c r="Y21584" s="2">
        <v>7.6</v>
      </c>
      <c r="Z21584" s="2">
        <v>10.6</v>
      </c>
      <c r="AA21584" s="5"/>
      <c r="AB21584" s="5" t="s">
        <v>43</v>
      </c>
      <c r="AC21584" s="5" t="s">
        <v>44</v>
      </c>
      <c r="AD21584" s="2"/>
      <c r="AE21584" s="1"/>
    </row>
    <row r="21585" spans="1:31" ht="14.45">
      <c r="A21585" s="11"/>
      <c r="B21585" s="20"/>
      <c r="C21585" s="2" t="s">
        <v>69623</v>
      </c>
      <c r="D21585" s="14" t="s">
        <v>69624</v>
      </c>
      <c r="E21585" s="2" t="s">
        <v>69625</v>
      </c>
      <c r="F21585" s="2" t="s">
        <v>7551</v>
      </c>
      <c r="G21585" s="8">
        <v>127</v>
      </c>
      <c r="H21585" s="5">
        <v>6</v>
      </c>
      <c r="I21585" s="5" t="s">
        <v>1518</v>
      </c>
      <c r="J21585" s="5" t="s">
        <v>69038</v>
      </c>
      <c r="K21585" s="2" t="s">
        <v>69039</v>
      </c>
      <c r="L21585" s="5" t="s">
        <v>69038</v>
      </c>
      <c r="M21585" s="2" t="s">
        <v>69039</v>
      </c>
      <c r="N21585" s="5" t="s">
        <v>1521</v>
      </c>
      <c r="O21585" s="5" t="s">
        <v>38</v>
      </c>
      <c r="P21585" s="5" t="s">
        <v>39</v>
      </c>
      <c r="Q21585" s="5" t="s">
        <v>40</v>
      </c>
      <c r="R21585" s="5" t="s">
        <v>1522</v>
      </c>
      <c r="S21585" s="5" t="s">
        <v>1523</v>
      </c>
      <c r="T21585" s="5" t="s">
        <v>42</v>
      </c>
      <c r="U21585" s="2">
        <v>1.381</v>
      </c>
      <c r="V21585" s="2">
        <v>1.022</v>
      </c>
      <c r="W21585" s="2">
        <v>0.01</v>
      </c>
      <c r="X21585" s="2">
        <v>118.9</v>
      </c>
      <c r="Y21585" s="2">
        <v>7.6</v>
      </c>
      <c r="Z21585" s="2">
        <v>10.6</v>
      </c>
      <c r="AA21585" s="5"/>
      <c r="AB21585" s="5" t="s">
        <v>43</v>
      </c>
      <c r="AC21585" s="5" t="s">
        <v>44</v>
      </c>
      <c r="AD21585" s="2"/>
      <c r="AE21585" s="1"/>
    </row>
    <row r="21586" spans="1:31" ht="14.45">
      <c r="A21586" s="11"/>
      <c r="B21586" s="20"/>
      <c r="C21586" s="2" t="s">
        <v>69626</v>
      </c>
      <c r="D21586" s="14" t="s">
        <v>69627</v>
      </c>
      <c r="E21586" s="2" t="s">
        <v>69628</v>
      </c>
      <c r="F21586" s="2" t="s">
        <v>7563</v>
      </c>
      <c r="G21586" s="8">
        <v>127</v>
      </c>
      <c r="H21586" s="5">
        <v>6</v>
      </c>
      <c r="I21586" s="5" t="s">
        <v>1518</v>
      </c>
      <c r="J21586" s="5" t="s">
        <v>69038</v>
      </c>
      <c r="K21586" s="2" t="s">
        <v>69039</v>
      </c>
      <c r="L21586" s="5" t="s">
        <v>69038</v>
      </c>
      <c r="M21586" s="2" t="s">
        <v>69039</v>
      </c>
      <c r="N21586" s="5" t="s">
        <v>1521</v>
      </c>
      <c r="O21586" s="5" t="s">
        <v>38</v>
      </c>
      <c r="P21586" s="5" t="s">
        <v>39</v>
      </c>
      <c r="Q21586" s="5" t="s">
        <v>40</v>
      </c>
      <c r="R21586" s="5" t="s">
        <v>1522</v>
      </c>
      <c r="S21586" s="5" t="s">
        <v>1523</v>
      </c>
      <c r="T21586" s="5" t="s">
        <v>42</v>
      </c>
      <c r="U21586" s="2">
        <v>1.319</v>
      </c>
      <c r="V21586" s="2">
        <v>0.96</v>
      </c>
      <c r="W21586" s="2">
        <v>0.01</v>
      </c>
      <c r="X21586" s="2">
        <v>118.9</v>
      </c>
      <c r="Y21586" s="2">
        <v>7.6</v>
      </c>
      <c r="Z21586" s="2">
        <v>10.6</v>
      </c>
      <c r="AA21586" s="5"/>
      <c r="AB21586" s="5" t="s">
        <v>43</v>
      </c>
      <c r="AC21586" s="5" t="s">
        <v>44</v>
      </c>
      <c r="AD21586" s="2"/>
      <c r="AE21586" s="1"/>
    </row>
    <row r="21587" spans="1:31" ht="14.45">
      <c r="A21587" s="11"/>
      <c r="B21587" s="20"/>
      <c r="C21587" s="2" t="s">
        <v>69629</v>
      </c>
      <c r="D21587" s="14" t="s">
        <v>69630</v>
      </c>
      <c r="E21587" s="2" t="s">
        <v>69631</v>
      </c>
      <c r="F21587" s="2" t="s">
        <v>7567</v>
      </c>
      <c r="G21587" s="8">
        <v>127</v>
      </c>
      <c r="H21587" s="5">
        <v>6</v>
      </c>
      <c r="I21587" s="5" t="s">
        <v>1518</v>
      </c>
      <c r="J21587" s="5" t="s">
        <v>69038</v>
      </c>
      <c r="K21587" s="2" t="s">
        <v>69039</v>
      </c>
      <c r="L21587" s="5" t="s">
        <v>69038</v>
      </c>
      <c r="M21587" s="2" t="s">
        <v>69039</v>
      </c>
      <c r="N21587" s="5" t="s">
        <v>1521</v>
      </c>
      <c r="O21587" s="5" t="s">
        <v>38</v>
      </c>
      <c r="P21587" s="5" t="s">
        <v>39</v>
      </c>
      <c r="Q21587" s="5" t="s">
        <v>40</v>
      </c>
      <c r="R21587" s="5" t="s">
        <v>1522</v>
      </c>
      <c r="S21587" s="5" t="s">
        <v>1523</v>
      </c>
      <c r="T21587" s="5" t="s">
        <v>42</v>
      </c>
      <c r="U21587" s="2">
        <v>1.381</v>
      </c>
      <c r="V21587" s="2">
        <v>1.022</v>
      </c>
      <c r="W21587" s="2">
        <v>0.01</v>
      </c>
      <c r="X21587" s="2">
        <v>118.9</v>
      </c>
      <c r="Y21587" s="2">
        <v>7.6</v>
      </c>
      <c r="Z21587" s="2">
        <v>10.6</v>
      </c>
      <c r="AA21587" s="5"/>
      <c r="AB21587" s="5" t="s">
        <v>43</v>
      </c>
      <c r="AC21587" s="5" t="s">
        <v>44</v>
      </c>
      <c r="AD21587" s="2"/>
      <c r="AE21587" s="1"/>
    </row>
    <row r="21588" spans="1:31" ht="14.45">
      <c r="A21588" s="11"/>
      <c r="B21588" s="20"/>
      <c r="C21588" s="2" t="s">
        <v>69632</v>
      </c>
      <c r="D21588" s="14" t="s">
        <v>69633</v>
      </c>
      <c r="E21588" s="2" t="s">
        <v>69634</v>
      </c>
      <c r="F21588" s="2" t="s">
        <v>7555</v>
      </c>
      <c r="G21588" s="8">
        <v>127</v>
      </c>
      <c r="H21588" s="5">
        <v>6</v>
      </c>
      <c r="I21588" s="5" t="s">
        <v>1518</v>
      </c>
      <c r="J21588" s="5" t="s">
        <v>69038</v>
      </c>
      <c r="K21588" s="2" t="s">
        <v>69039</v>
      </c>
      <c r="L21588" s="5" t="s">
        <v>69038</v>
      </c>
      <c r="M21588" s="2" t="s">
        <v>69039</v>
      </c>
      <c r="N21588" s="5" t="s">
        <v>1521</v>
      </c>
      <c r="O21588" s="5" t="s">
        <v>38</v>
      </c>
      <c r="P21588" s="5" t="s">
        <v>39</v>
      </c>
      <c r="Q21588" s="5" t="s">
        <v>40</v>
      </c>
      <c r="R21588" s="5" t="s">
        <v>1522</v>
      </c>
      <c r="S21588" s="5" t="s">
        <v>1523</v>
      </c>
      <c r="T21588" s="5" t="s">
        <v>42</v>
      </c>
      <c r="U21588" s="2">
        <v>1.319</v>
      </c>
      <c r="V21588" s="2">
        <v>0.96</v>
      </c>
      <c r="W21588" s="2">
        <v>0.01</v>
      </c>
      <c r="X21588" s="2">
        <v>118.9</v>
      </c>
      <c r="Y21588" s="2">
        <v>7.6</v>
      </c>
      <c r="Z21588" s="2">
        <v>10.6</v>
      </c>
      <c r="AA21588" s="5"/>
      <c r="AB21588" s="5" t="s">
        <v>43</v>
      </c>
      <c r="AC21588" s="5" t="s">
        <v>44</v>
      </c>
      <c r="AD21588" s="2"/>
      <c r="AE21588" s="1"/>
    </row>
    <row r="21589" spans="1:31" ht="14.45">
      <c r="A21589" s="11"/>
      <c r="B21589" s="20"/>
      <c r="C21589" s="2" t="s">
        <v>69635</v>
      </c>
      <c r="D21589" s="14" t="s">
        <v>69636</v>
      </c>
      <c r="E21589" s="2" t="s">
        <v>69637</v>
      </c>
      <c r="F21589" s="2" t="s">
        <v>7559</v>
      </c>
      <c r="G21589" s="8">
        <v>127</v>
      </c>
      <c r="H21589" s="5">
        <v>6</v>
      </c>
      <c r="I21589" s="5" t="s">
        <v>1518</v>
      </c>
      <c r="J21589" s="5" t="s">
        <v>69038</v>
      </c>
      <c r="K21589" s="2" t="s">
        <v>69039</v>
      </c>
      <c r="L21589" s="5" t="s">
        <v>69038</v>
      </c>
      <c r="M21589" s="2" t="s">
        <v>69039</v>
      </c>
      <c r="N21589" s="5" t="s">
        <v>1521</v>
      </c>
      <c r="O21589" s="5" t="s">
        <v>38</v>
      </c>
      <c r="P21589" s="5" t="s">
        <v>39</v>
      </c>
      <c r="Q21589" s="5" t="s">
        <v>40</v>
      </c>
      <c r="R21589" s="5" t="s">
        <v>1522</v>
      </c>
      <c r="S21589" s="5" t="s">
        <v>1523</v>
      </c>
      <c r="T21589" s="5" t="s">
        <v>42</v>
      </c>
      <c r="U21589" s="2">
        <v>1.381</v>
      </c>
      <c r="V21589" s="2">
        <v>1.022</v>
      </c>
      <c r="W21589" s="2">
        <v>0.01</v>
      </c>
      <c r="X21589" s="2">
        <v>118.9</v>
      </c>
      <c r="Y21589" s="2">
        <v>7.6</v>
      </c>
      <c r="Z21589" s="2">
        <v>10.6</v>
      </c>
      <c r="AA21589" s="5"/>
      <c r="AB21589" s="5" t="s">
        <v>43</v>
      </c>
      <c r="AC21589" s="5" t="s">
        <v>44</v>
      </c>
      <c r="AD21589" s="2"/>
      <c r="AE21589" s="1"/>
    </row>
    <row r="21590" spans="1:31" ht="14.45">
      <c r="A21590" s="11"/>
      <c r="B21590" s="20"/>
      <c r="C21590" s="2" t="s">
        <v>69638</v>
      </c>
      <c r="D21590" s="14" t="s">
        <v>69639</v>
      </c>
      <c r="E21590" s="2" t="s">
        <v>69640</v>
      </c>
      <c r="F21590" s="2" t="s">
        <v>7574</v>
      </c>
      <c r="G21590" s="8">
        <v>127</v>
      </c>
      <c r="H21590" s="5">
        <v>6</v>
      </c>
      <c r="I21590" s="5" t="s">
        <v>1518</v>
      </c>
      <c r="J21590" s="5" t="s">
        <v>69038</v>
      </c>
      <c r="K21590" s="2" t="s">
        <v>69039</v>
      </c>
      <c r="L21590" s="5" t="s">
        <v>69038</v>
      </c>
      <c r="M21590" s="2" t="s">
        <v>69039</v>
      </c>
      <c r="N21590" s="5" t="s">
        <v>1521</v>
      </c>
      <c r="O21590" s="5" t="s">
        <v>38</v>
      </c>
      <c r="P21590" s="5" t="s">
        <v>39</v>
      </c>
      <c r="Q21590" s="5" t="s">
        <v>40</v>
      </c>
      <c r="R21590" s="5" t="s">
        <v>1522</v>
      </c>
      <c r="S21590" s="5" t="s">
        <v>1523</v>
      </c>
      <c r="T21590" s="5" t="s">
        <v>42</v>
      </c>
      <c r="U21590" s="2">
        <v>1.381</v>
      </c>
      <c r="V21590" s="2">
        <v>1.022</v>
      </c>
      <c r="W21590" s="2">
        <v>0.01</v>
      </c>
      <c r="X21590" s="2">
        <v>118.9</v>
      </c>
      <c r="Y21590" s="2">
        <v>7.6</v>
      </c>
      <c r="Z21590" s="2">
        <v>10.6</v>
      </c>
      <c r="AA21590" s="5"/>
      <c r="AB21590" s="5" t="s">
        <v>43</v>
      </c>
      <c r="AC21590" s="5" t="s">
        <v>44</v>
      </c>
      <c r="AD21590" s="2"/>
      <c r="AE21590" s="1"/>
    </row>
    <row r="21591" spans="1:31" ht="14.45">
      <c r="A21591" s="11"/>
      <c r="B21591" s="20"/>
      <c r="C21591" s="2" t="s">
        <v>69641</v>
      </c>
      <c r="D21591" s="14" t="s">
        <v>69642</v>
      </c>
      <c r="E21591" s="2" t="s">
        <v>69643</v>
      </c>
      <c r="F21591" s="2" t="s">
        <v>7449</v>
      </c>
      <c r="G21591" s="8">
        <v>127</v>
      </c>
      <c r="H21591" s="5">
        <v>6</v>
      </c>
      <c r="I21591" s="5" t="s">
        <v>1518</v>
      </c>
      <c r="J21591" s="5" t="s">
        <v>69038</v>
      </c>
      <c r="K21591" s="2" t="s">
        <v>69039</v>
      </c>
      <c r="L21591" s="5" t="s">
        <v>69038</v>
      </c>
      <c r="M21591" s="2" t="s">
        <v>69039</v>
      </c>
      <c r="N21591" s="5" t="s">
        <v>1521</v>
      </c>
      <c r="O21591" s="5" t="s">
        <v>38</v>
      </c>
      <c r="P21591" s="5" t="s">
        <v>39</v>
      </c>
      <c r="Q21591" s="5" t="s">
        <v>40</v>
      </c>
      <c r="R21591" s="5" t="s">
        <v>1522</v>
      </c>
      <c r="S21591" s="5" t="s">
        <v>1523</v>
      </c>
      <c r="T21591" s="5" t="s">
        <v>42</v>
      </c>
      <c r="U21591" s="2">
        <v>1.319</v>
      </c>
      <c r="V21591" s="2">
        <v>0.96</v>
      </c>
      <c r="W21591" s="2">
        <v>0.01</v>
      </c>
      <c r="X21591" s="2">
        <v>118.9</v>
      </c>
      <c r="Y21591" s="2">
        <v>7.6</v>
      </c>
      <c r="Z21591" s="2">
        <v>10.6</v>
      </c>
      <c r="AA21591" s="5"/>
      <c r="AB21591" s="5" t="s">
        <v>43</v>
      </c>
      <c r="AC21591" s="5" t="s">
        <v>44</v>
      </c>
      <c r="AD21591" s="2"/>
      <c r="AE21591" s="1"/>
    </row>
    <row r="21592" spans="1:31" ht="14.45">
      <c r="A21592" s="11"/>
      <c r="B21592" s="20"/>
      <c r="C21592" s="2" t="s">
        <v>69644</v>
      </c>
      <c r="D21592" s="14" t="s">
        <v>69645</v>
      </c>
      <c r="E21592" s="2" t="s">
        <v>69646</v>
      </c>
      <c r="F21592" s="2" t="s">
        <v>7581</v>
      </c>
      <c r="G21592" s="8">
        <v>127</v>
      </c>
      <c r="H21592" s="5">
        <v>6</v>
      </c>
      <c r="I21592" s="5" t="s">
        <v>1518</v>
      </c>
      <c r="J21592" s="5" t="s">
        <v>69038</v>
      </c>
      <c r="K21592" s="2" t="s">
        <v>69039</v>
      </c>
      <c r="L21592" s="5" t="s">
        <v>69038</v>
      </c>
      <c r="M21592" s="2" t="s">
        <v>69039</v>
      </c>
      <c r="N21592" s="5" t="s">
        <v>1521</v>
      </c>
      <c r="O21592" s="5" t="s">
        <v>38</v>
      </c>
      <c r="P21592" s="5" t="s">
        <v>39</v>
      </c>
      <c r="Q21592" s="5" t="s">
        <v>40</v>
      </c>
      <c r="R21592" s="5" t="s">
        <v>1522</v>
      </c>
      <c r="S21592" s="5" t="s">
        <v>1523</v>
      </c>
      <c r="T21592" s="5" t="s">
        <v>42</v>
      </c>
      <c r="U21592" s="2">
        <v>1.381</v>
      </c>
      <c r="V21592" s="2">
        <v>1.022</v>
      </c>
      <c r="W21592" s="2">
        <v>0.01</v>
      </c>
      <c r="X21592" s="2">
        <v>118.9</v>
      </c>
      <c r="Y21592" s="2">
        <v>7.6</v>
      </c>
      <c r="Z21592" s="2">
        <v>10.6</v>
      </c>
      <c r="AA21592" s="5"/>
      <c r="AB21592" s="5" t="s">
        <v>43</v>
      </c>
      <c r="AC21592" s="5" t="s">
        <v>44</v>
      </c>
      <c r="AD21592" s="2"/>
      <c r="AE21592" s="1"/>
    </row>
    <row r="21593" spans="1:31" ht="14.45">
      <c r="A21593" s="11"/>
      <c r="B21593" s="20"/>
      <c r="C21593" s="2" t="s">
        <v>69647</v>
      </c>
      <c r="D21593" s="14" t="s">
        <v>69648</v>
      </c>
      <c r="E21593" s="2" t="s">
        <v>69649</v>
      </c>
      <c r="F21593" s="2" t="s">
        <v>7585</v>
      </c>
      <c r="G21593" s="8">
        <v>127</v>
      </c>
      <c r="H21593" s="5">
        <v>6</v>
      </c>
      <c r="I21593" s="5" t="s">
        <v>1518</v>
      </c>
      <c r="J21593" s="5" t="s">
        <v>69038</v>
      </c>
      <c r="K21593" s="2" t="s">
        <v>69039</v>
      </c>
      <c r="L21593" s="5" t="s">
        <v>69038</v>
      </c>
      <c r="M21593" s="2" t="s">
        <v>69039</v>
      </c>
      <c r="N21593" s="5" t="s">
        <v>1521</v>
      </c>
      <c r="O21593" s="5" t="s">
        <v>38</v>
      </c>
      <c r="P21593" s="5" t="s">
        <v>39</v>
      </c>
      <c r="Q21593" s="5" t="s">
        <v>40</v>
      </c>
      <c r="R21593" s="5" t="s">
        <v>1522</v>
      </c>
      <c r="S21593" s="5" t="s">
        <v>1523</v>
      </c>
      <c r="T21593" s="5" t="s">
        <v>42</v>
      </c>
      <c r="U21593" s="2">
        <v>1.319</v>
      </c>
      <c r="V21593" s="2">
        <v>0.96</v>
      </c>
      <c r="W21593" s="2">
        <v>0.01</v>
      </c>
      <c r="X21593" s="2">
        <v>118.9</v>
      </c>
      <c r="Y21593" s="2">
        <v>7.6</v>
      </c>
      <c r="Z21593" s="2">
        <v>10.6</v>
      </c>
      <c r="AA21593" s="5"/>
      <c r="AB21593" s="5" t="s">
        <v>43</v>
      </c>
      <c r="AC21593" s="5" t="s">
        <v>44</v>
      </c>
      <c r="AD21593" s="2"/>
      <c r="AE21593" s="1"/>
    </row>
    <row r="21594" spans="1:31" ht="14.45">
      <c r="A21594" s="11"/>
      <c r="B21594" s="20"/>
      <c r="C21594" s="2" t="s">
        <v>69650</v>
      </c>
      <c r="D21594" s="14" t="s">
        <v>69651</v>
      </c>
      <c r="E21594" s="2" t="s">
        <v>69652</v>
      </c>
      <c r="F21594" s="2" t="s">
        <v>7589</v>
      </c>
      <c r="G21594" s="8">
        <v>127</v>
      </c>
      <c r="H21594" s="5">
        <v>6</v>
      </c>
      <c r="I21594" s="5" t="s">
        <v>1518</v>
      </c>
      <c r="J21594" s="5" t="s">
        <v>69038</v>
      </c>
      <c r="K21594" s="2" t="s">
        <v>69039</v>
      </c>
      <c r="L21594" s="5" t="s">
        <v>69038</v>
      </c>
      <c r="M21594" s="2" t="s">
        <v>69039</v>
      </c>
      <c r="N21594" s="5" t="s">
        <v>1521</v>
      </c>
      <c r="O21594" s="5" t="s">
        <v>38</v>
      </c>
      <c r="P21594" s="5" t="s">
        <v>39</v>
      </c>
      <c r="Q21594" s="5" t="s">
        <v>40</v>
      </c>
      <c r="R21594" s="5" t="s">
        <v>1522</v>
      </c>
      <c r="S21594" s="5" t="s">
        <v>1523</v>
      </c>
      <c r="T21594" s="5" t="s">
        <v>42</v>
      </c>
      <c r="U21594" s="2">
        <v>1.381</v>
      </c>
      <c r="V21594" s="2">
        <v>1.022</v>
      </c>
      <c r="W21594" s="2">
        <v>0.01</v>
      </c>
      <c r="X21594" s="2">
        <v>118.9</v>
      </c>
      <c r="Y21594" s="2">
        <v>7.6</v>
      </c>
      <c r="Z21594" s="2">
        <v>10.6</v>
      </c>
      <c r="AA21594" s="5"/>
      <c r="AB21594" s="5" t="s">
        <v>43</v>
      </c>
      <c r="AC21594" s="5" t="s">
        <v>44</v>
      </c>
      <c r="AD21594" s="2"/>
      <c r="AE21594" s="1"/>
    </row>
    <row r="21595" spans="1:31" ht="14.45">
      <c r="A21595" s="11"/>
      <c r="B21595" s="20"/>
      <c r="C21595" s="2" t="s">
        <v>69653</v>
      </c>
      <c r="D21595" s="14" t="s">
        <v>69654</v>
      </c>
      <c r="E21595" s="2" t="s">
        <v>69655</v>
      </c>
      <c r="F21595" s="2" t="s">
        <v>7593</v>
      </c>
      <c r="G21595" s="8">
        <v>127</v>
      </c>
      <c r="H21595" s="5">
        <v>6</v>
      </c>
      <c r="I21595" s="5" t="s">
        <v>1518</v>
      </c>
      <c r="J21595" s="5" t="s">
        <v>69038</v>
      </c>
      <c r="K21595" s="2" t="s">
        <v>69039</v>
      </c>
      <c r="L21595" s="5" t="s">
        <v>69038</v>
      </c>
      <c r="M21595" s="2" t="s">
        <v>69039</v>
      </c>
      <c r="N21595" s="5" t="s">
        <v>1521</v>
      </c>
      <c r="O21595" s="5" t="s">
        <v>38</v>
      </c>
      <c r="P21595" s="5" t="s">
        <v>39</v>
      </c>
      <c r="Q21595" s="5" t="s">
        <v>40</v>
      </c>
      <c r="R21595" s="5" t="s">
        <v>1522</v>
      </c>
      <c r="S21595" s="5" t="s">
        <v>1523</v>
      </c>
      <c r="T21595" s="5" t="s">
        <v>42</v>
      </c>
      <c r="U21595" s="2">
        <v>1.319</v>
      </c>
      <c r="V21595" s="2">
        <v>0.96</v>
      </c>
      <c r="W21595" s="2">
        <v>0.01</v>
      </c>
      <c r="X21595" s="2">
        <v>118.9</v>
      </c>
      <c r="Y21595" s="2">
        <v>7.6</v>
      </c>
      <c r="Z21595" s="2">
        <v>10.6</v>
      </c>
      <c r="AA21595" s="5"/>
      <c r="AB21595" s="5" t="s">
        <v>43</v>
      </c>
      <c r="AC21595" s="5" t="s">
        <v>44</v>
      </c>
      <c r="AD21595" s="2"/>
      <c r="AE21595" s="1"/>
    </row>
    <row r="21596" spans="1:31" ht="14.45">
      <c r="A21596" s="11"/>
      <c r="B21596" s="20"/>
      <c r="C21596" s="2" t="s">
        <v>69656</v>
      </c>
      <c r="D21596" s="14" t="s">
        <v>69657</v>
      </c>
      <c r="E21596" s="2" t="s">
        <v>69658</v>
      </c>
      <c r="F21596" s="2" t="s">
        <v>7597</v>
      </c>
      <c r="G21596" s="8">
        <v>127</v>
      </c>
      <c r="H21596" s="5">
        <v>6</v>
      </c>
      <c r="I21596" s="5" t="s">
        <v>1518</v>
      </c>
      <c r="J21596" s="5" t="s">
        <v>69038</v>
      </c>
      <c r="K21596" s="2" t="s">
        <v>69039</v>
      </c>
      <c r="L21596" s="5" t="s">
        <v>69038</v>
      </c>
      <c r="M21596" s="2" t="s">
        <v>69039</v>
      </c>
      <c r="N21596" s="5" t="s">
        <v>1521</v>
      </c>
      <c r="O21596" s="5" t="s">
        <v>38</v>
      </c>
      <c r="P21596" s="5" t="s">
        <v>39</v>
      </c>
      <c r="Q21596" s="5" t="s">
        <v>40</v>
      </c>
      <c r="R21596" s="5" t="s">
        <v>1522</v>
      </c>
      <c r="S21596" s="5" t="s">
        <v>1523</v>
      </c>
      <c r="T21596" s="5" t="s">
        <v>42</v>
      </c>
      <c r="U21596" s="2">
        <v>1.381</v>
      </c>
      <c r="V21596" s="2">
        <v>1.022</v>
      </c>
      <c r="W21596" s="2">
        <v>0.01</v>
      </c>
      <c r="X21596" s="2">
        <v>118.9</v>
      </c>
      <c r="Y21596" s="2">
        <v>7.6</v>
      </c>
      <c r="Z21596" s="2">
        <v>10.6</v>
      </c>
      <c r="AA21596" s="5"/>
      <c r="AB21596" s="5" t="s">
        <v>43</v>
      </c>
      <c r="AC21596" s="5" t="s">
        <v>44</v>
      </c>
      <c r="AD21596" s="2"/>
      <c r="AE21596" s="1"/>
    </row>
    <row r="21597" spans="1:31" ht="14.45">
      <c r="A21597" s="11"/>
      <c r="B21597" s="20"/>
      <c r="C21597" s="2" t="s">
        <v>69659</v>
      </c>
      <c r="D21597" s="14" t="s">
        <v>69660</v>
      </c>
      <c r="E21597" s="2" t="s">
        <v>69661</v>
      </c>
      <c r="F21597" s="2" t="s">
        <v>7433</v>
      </c>
      <c r="G21597" s="8">
        <v>127</v>
      </c>
      <c r="H21597" s="5">
        <v>6</v>
      </c>
      <c r="I21597" s="5" t="s">
        <v>1518</v>
      </c>
      <c r="J21597" s="5" t="s">
        <v>69038</v>
      </c>
      <c r="K21597" s="2" t="s">
        <v>69039</v>
      </c>
      <c r="L21597" s="5" t="s">
        <v>69038</v>
      </c>
      <c r="M21597" s="2" t="s">
        <v>69039</v>
      </c>
      <c r="N21597" s="5" t="s">
        <v>1521</v>
      </c>
      <c r="O21597" s="5" t="s">
        <v>38</v>
      </c>
      <c r="P21597" s="5" t="s">
        <v>39</v>
      </c>
      <c r="Q21597" s="5" t="s">
        <v>40</v>
      </c>
      <c r="R21597" s="5" t="s">
        <v>1522</v>
      </c>
      <c r="S21597" s="5" t="s">
        <v>1523</v>
      </c>
      <c r="T21597" s="5" t="s">
        <v>42</v>
      </c>
      <c r="U21597" s="2">
        <v>1.319</v>
      </c>
      <c r="V21597" s="2">
        <v>0.96</v>
      </c>
      <c r="W21597" s="2">
        <v>0.01</v>
      </c>
      <c r="X21597" s="2">
        <v>118.9</v>
      </c>
      <c r="Y21597" s="2">
        <v>7.6</v>
      </c>
      <c r="Z21597" s="2">
        <v>10.6</v>
      </c>
      <c r="AA21597" s="5"/>
      <c r="AB21597" s="5" t="s">
        <v>43</v>
      </c>
      <c r="AC21597" s="5" t="s">
        <v>44</v>
      </c>
      <c r="AD21597" s="2"/>
      <c r="AE21597" s="1"/>
    </row>
    <row r="21598" spans="1:31" ht="14.45">
      <c r="A21598" s="11"/>
      <c r="B21598" s="20"/>
      <c r="C21598" s="2" t="s">
        <v>69662</v>
      </c>
      <c r="D21598" s="14" t="s">
        <v>69663</v>
      </c>
      <c r="E21598" s="2" t="s">
        <v>69664</v>
      </c>
      <c r="F21598" s="2" t="s">
        <v>7611</v>
      </c>
      <c r="G21598" s="8">
        <v>127</v>
      </c>
      <c r="H21598" s="5">
        <v>6</v>
      </c>
      <c r="I21598" s="5" t="s">
        <v>1518</v>
      </c>
      <c r="J21598" s="5" t="s">
        <v>69038</v>
      </c>
      <c r="K21598" s="2" t="s">
        <v>69039</v>
      </c>
      <c r="L21598" s="5" t="s">
        <v>69038</v>
      </c>
      <c r="M21598" s="2" t="s">
        <v>69039</v>
      </c>
      <c r="N21598" s="5" t="s">
        <v>1521</v>
      </c>
      <c r="O21598" s="5" t="s">
        <v>38</v>
      </c>
      <c r="P21598" s="5" t="s">
        <v>39</v>
      </c>
      <c r="Q21598" s="5" t="s">
        <v>40</v>
      </c>
      <c r="R21598" s="5" t="s">
        <v>1522</v>
      </c>
      <c r="S21598" s="5" t="s">
        <v>1523</v>
      </c>
      <c r="T21598" s="5" t="s">
        <v>42</v>
      </c>
      <c r="U21598" s="2">
        <v>1.381</v>
      </c>
      <c r="V21598" s="2">
        <v>1.022</v>
      </c>
      <c r="W21598" s="2">
        <v>0.01</v>
      </c>
      <c r="X21598" s="2">
        <v>118.9</v>
      </c>
      <c r="Y21598" s="2">
        <v>7.6</v>
      </c>
      <c r="Z21598" s="2">
        <v>10.6</v>
      </c>
      <c r="AA21598" s="5"/>
      <c r="AB21598" s="5" t="s">
        <v>43</v>
      </c>
      <c r="AC21598" s="5" t="s">
        <v>44</v>
      </c>
      <c r="AD21598" s="2"/>
      <c r="AE21598" s="1"/>
    </row>
    <row r="21599" spans="1:31" ht="14.45">
      <c r="A21599" s="11"/>
      <c r="B21599" s="20"/>
      <c r="C21599" s="2" t="s">
        <v>69665</v>
      </c>
      <c r="D21599" s="14" t="s">
        <v>69666</v>
      </c>
      <c r="E21599" s="2" t="s">
        <v>69667</v>
      </c>
      <c r="F21599" s="2" t="s">
        <v>7615</v>
      </c>
      <c r="G21599" s="8">
        <v>127</v>
      </c>
      <c r="H21599" s="5">
        <v>6</v>
      </c>
      <c r="I21599" s="5" t="s">
        <v>1518</v>
      </c>
      <c r="J21599" s="5" t="s">
        <v>69038</v>
      </c>
      <c r="K21599" s="2" t="s">
        <v>69039</v>
      </c>
      <c r="L21599" s="5" t="s">
        <v>69038</v>
      </c>
      <c r="M21599" s="2" t="s">
        <v>69039</v>
      </c>
      <c r="N21599" s="5" t="s">
        <v>1521</v>
      </c>
      <c r="O21599" s="5" t="s">
        <v>38</v>
      </c>
      <c r="P21599" s="5" t="s">
        <v>39</v>
      </c>
      <c r="Q21599" s="5" t="s">
        <v>40</v>
      </c>
      <c r="R21599" s="5" t="s">
        <v>1522</v>
      </c>
      <c r="S21599" s="5" t="s">
        <v>1523</v>
      </c>
      <c r="T21599" s="5" t="s">
        <v>42</v>
      </c>
      <c r="U21599" s="2">
        <v>1.319</v>
      </c>
      <c r="V21599" s="2">
        <v>0.96</v>
      </c>
      <c r="W21599" s="2">
        <v>0.01</v>
      </c>
      <c r="X21599" s="2">
        <v>118.9</v>
      </c>
      <c r="Y21599" s="2">
        <v>7.6</v>
      </c>
      <c r="Z21599" s="2">
        <v>10.6</v>
      </c>
      <c r="AA21599" s="5"/>
      <c r="AB21599" s="5" t="s">
        <v>43</v>
      </c>
      <c r="AC21599" s="5" t="s">
        <v>44</v>
      </c>
      <c r="AD21599" s="2"/>
      <c r="AE21599" s="1"/>
    </row>
    <row r="21600" spans="1:31" ht="14.45">
      <c r="A21600" s="11"/>
      <c r="B21600" s="20"/>
      <c r="C21600" s="2" t="s">
        <v>69668</v>
      </c>
      <c r="D21600" s="14" t="s">
        <v>69669</v>
      </c>
      <c r="E21600" s="2" t="s">
        <v>69670</v>
      </c>
      <c r="F21600" s="2" t="s">
        <v>7619</v>
      </c>
      <c r="G21600" s="8">
        <v>127</v>
      </c>
      <c r="H21600" s="5">
        <v>6</v>
      </c>
      <c r="I21600" s="5" t="s">
        <v>1518</v>
      </c>
      <c r="J21600" s="5" t="s">
        <v>69038</v>
      </c>
      <c r="K21600" s="2" t="s">
        <v>69039</v>
      </c>
      <c r="L21600" s="5" t="s">
        <v>69038</v>
      </c>
      <c r="M21600" s="2" t="s">
        <v>69039</v>
      </c>
      <c r="N21600" s="5" t="s">
        <v>1521</v>
      </c>
      <c r="O21600" s="5" t="s">
        <v>38</v>
      </c>
      <c r="P21600" s="5" t="s">
        <v>39</v>
      </c>
      <c r="Q21600" s="5" t="s">
        <v>40</v>
      </c>
      <c r="R21600" s="5" t="s">
        <v>1522</v>
      </c>
      <c r="S21600" s="5" t="s">
        <v>1523</v>
      </c>
      <c r="T21600" s="5" t="s">
        <v>42</v>
      </c>
      <c r="U21600" s="2">
        <v>1.381</v>
      </c>
      <c r="V21600" s="2">
        <v>1.022</v>
      </c>
      <c r="W21600" s="2">
        <v>0.01</v>
      </c>
      <c r="X21600" s="2">
        <v>118.9</v>
      </c>
      <c r="Y21600" s="2">
        <v>7.6</v>
      </c>
      <c r="Z21600" s="2">
        <v>10.6</v>
      </c>
      <c r="AA21600" s="5"/>
      <c r="AB21600" s="5" t="s">
        <v>43</v>
      </c>
      <c r="AC21600" s="5" t="s">
        <v>44</v>
      </c>
      <c r="AD21600" s="2"/>
      <c r="AE21600" s="1"/>
    </row>
    <row r="21601" spans="1:31" ht="14.45">
      <c r="A21601" s="11"/>
      <c r="B21601" s="20"/>
      <c r="C21601" s="2" t="s">
        <v>69671</v>
      </c>
      <c r="D21601" s="14" t="s">
        <v>69672</v>
      </c>
      <c r="E21601" s="2" t="s">
        <v>69673</v>
      </c>
      <c r="F21601" s="2" t="s">
        <v>7410</v>
      </c>
      <c r="G21601" s="8">
        <v>127</v>
      </c>
      <c r="H21601" s="5">
        <v>6</v>
      </c>
      <c r="I21601" s="5" t="s">
        <v>1518</v>
      </c>
      <c r="J21601" s="5" t="s">
        <v>69038</v>
      </c>
      <c r="K21601" s="2" t="s">
        <v>69039</v>
      </c>
      <c r="L21601" s="5" t="s">
        <v>69038</v>
      </c>
      <c r="M21601" s="2" t="s">
        <v>69039</v>
      </c>
      <c r="N21601" s="5" t="s">
        <v>1521</v>
      </c>
      <c r="O21601" s="5" t="s">
        <v>38</v>
      </c>
      <c r="P21601" s="5" t="s">
        <v>39</v>
      </c>
      <c r="Q21601" s="5" t="s">
        <v>40</v>
      </c>
      <c r="R21601" s="5" t="s">
        <v>1522</v>
      </c>
      <c r="S21601" s="5" t="s">
        <v>1523</v>
      </c>
      <c r="T21601" s="5" t="s">
        <v>42</v>
      </c>
      <c r="U21601" s="2">
        <v>1.319</v>
      </c>
      <c r="V21601" s="2">
        <v>0.96</v>
      </c>
      <c r="W21601" s="2">
        <v>0.01</v>
      </c>
      <c r="X21601" s="2">
        <v>118.9</v>
      </c>
      <c r="Y21601" s="2">
        <v>7.6</v>
      </c>
      <c r="Z21601" s="2">
        <v>10.6</v>
      </c>
      <c r="AA21601" s="5"/>
      <c r="AB21601" s="5" t="s">
        <v>43</v>
      </c>
      <c r="AC21601" s="5" t="s">
        <v>44</v>
      </c>
      <c r="AD21601" s="2"/>
      <c r="AE21601" s="1"/>
    </row>
    <row r="21602" spans="1:31" ht="14.45">
      <c r="A21602" s="11"/>
      <c r="B21602" s="20"/>
      <c r="C21602" s="2" t="s">
        <v>69674</v>
      </c>
      <c r="D21602" s="14" t="s">
        <v>69675</v>
      </c>
      <c r="E21602" s="2" t="s">
        <v>69676</v>
      </c>
      <c r="F21602" s="2" t="s">
        <v>7604</v>
      </c>
      <c r="G21602" s="8">
        <v>127</v>
      </c>
      <c r="H21602" s="5">
        <v>6</v>
      </c>
      <c r="I21602" s="5" t="s">
        <v>1518</v>
      </c>
      <c r="J21602" s="5" t="s">
        <v>69038</v>
      </c>
      <c r="K21602" s="2" t="s">
        <v>69039</v>
      </c>
      <c r="L21602" s="5" t="s">
        <v>69038</v>
      </c>
      <c r="M21602" s="2" t="s">
        <v>69039</v>
      </c>
      <c r="N21602" s="5" t="s">
        <v>1521</v>
      </c>
      <c r="O21602" s="5" t="s">
        <v>38</v>
      </c>
      <c r="P21602" s="5" t="s">
        <v>39</v>
      </c>
      <c r="Q21602" s="5" t="s">
        <v>40</v>
      </c>
      <c r="R21602" s="5" t="s">
        <v>1522</v>
      </c>
      <c r="S21602" s="5" t="s">
        <v>1523</v>
      </c>
      <c r="T21602" s="5" t="s">
        <v>42</v>
      </c>
      <c r="U21602" s="2">
        <v>1.381</v>
      </c>
      <c r="V21602" s="2">
        <v>1.022</v>
      </c>
      <c r="W21602" s="2">
        <v>0.01</v>
      </c>
      <c r="X21602" s="2">
        <v>118.9</v>
      </c>
      <c r="Y21602" s="2">
        <v>7.6</v>
      </c>
      <c r="Z21602" s="2">
        <v>10.6</v>
      </c>
      <c r="AA21602" s="5"/>
      <c r="AB21602" s="5" t="s">
        <v>43</v>
      </c>
      <c r="AC21602" s="5" t="s">
        <v>44</v>
      </c>
      <c r="AD21602" s="2"/>
      <c r="AE21602" s="1"/>
    </row>
    <row r="21603" spans="1:31" ht="14.45">
      <c r="A21603" s="11"/>
      <c r="B21603" s="20"/>
      <c r="C21603" s="2" t="s">
        <v>69677</v>
      </c>
      <c r="D21603" s="14" t="s">
        <v>69678</v>
      </c>
      <c r="E21603" s="2" t="s">
        <v>69679</v>
      </c>
      <c r="F21603" s="2" t="s">
        <v>7212</v>
      </c>
      <c r="G21603" s="8">
        <v>111</v>
      </c>
      <c r="H21603" s="5">
        <v>6</v>
      </c>
      <c r="I21603" s="5" t="s">
        <v>1518</v>
      </c>
      <c r="J21603" s="5" t="s">
        <v>69038</v>
      </c>
      <c r="K21603" s="2" t="s">
        <v>69039</v>
      </c>
      <c r="L21603" s="5" t="s">
        <v>69038</v>
      </c>
      <c r="M21603" s="2" t="s">
        <v>69039</v>
      </c>
      <c r="N21603" s="5" t="s">
        <v>1521</v>
      </c>
      <c r="O21603" s="5" t="s">
        <v>38</v>
      </c>
      <c r="P21603" s="5" t="s">
        <v>39</v>
      </c>
      <c r="Q21603" s="5" t="s">
        <v>40</v>
      </c>
      <c r="R21603" s="5" t="s">
        <v>1522</v>
      </c>
      <c r="S21603" s="5" t="s">
        <v>1523</v>
      </c>
      <c r="T21603" s="5" t="s">
        <v>42</v>
      </c>
      <c r="U21603" s="2">
        <v>1.319</v>
      </c>
      <c r="V21603" s="2">
        <v>0.96</v>
      </c>
      <c r="W21603" s="2">
        <v>0.01</v>
      </c>
      <c r="X21603" s="2">
        <v>118.9</v>
      </c>
      <c r="Y21603" s="2">
        <v>7.6</v>
      </c>
      <c r="Z21603" s="2">
        <v>10.6</v>
      </c>
      <c r="AA21603" s="5"/>
      <c r="AB21603" s="5" t="s">
        <v>43</v>
      </c>
      <c r="AC21603" s="5" t="s">
        <v>44</v>
      </c>
      <c r="AD21603" s="2"/>
      <c r="AE21603" s="1"/>
    </row>
    <row r="21604" spans="1:31" ht="14.45">
      <c r="A21604" s="11"/>
      <c r="B21604" s="20"/>
      <c r="C21604" s="2" t="s">
        <v>69680</v>
      </c>
      <c r="D21604" s="14" t="s">
        <v>69681</v>
      </c>
      <c r="E21604" s="2" t="s">
        <v>69682</v>
      </c>
      <c r="F21604" s="2" t="s">
        <v>7528</v>
      </c>
      <c r="G21604" s="8">
        <v>111</v>
      </c>
      <c r="H21604" s="5">
        <v>6</v>
      </c>
      <c r="I21604" s="5" t="s">
        <v>1518</v>
      </c>
      <c r="J21604" s="5" t="s">
        <v>69038</v>
      </c>
      <c r="K21604" s="2" t="s">
        <v>69039</v>
      </c>
      <c r="L21604" s="5" t="s">
        <v>69038</v>
      </c>
      <c r="M21604" s="2" t="s">
        <v>69039</v>
      </c>
      <c r="N21604" s="5" t="s">
        <v>1521</v>
      </c>
      <c r="O21604" s="5" t="s">
        <v>38</v>
      </c>
      <c r="P21604" s="5" t="s">
        <v>39</v>
      </c>
      <c r="Q21604" s="5" t="s">
        <v>40</v>
      </c>
      <c r="R21604" s="5" t="s">
        <v>1522</v>
      </c>
      <c r="S21604" s="5" t="s">
        <v>1523</v>
      </c>
      <c r="T21604" s="5" t="s">
        <v>42</v>
      </c>
      <c r="U21604" s="2">
        <v>1.381</v>
      </c>
      <c r="V21604" s="2">
        <v>1.022</v>
      </c>
      <c r="W21604" s="2">
        <v>0.01</v>
      </c>
      <c r="X21604" s="2">
        <v>118.9</v>
      </c>
      <c r="Y21604" s="2">
        <v>7.6</v>
      </c>
      <c r="Z21604" s="2">
        <v>10.6</v>
      </c>
      <c r="AA21604" s="5"/>
      <c r="AB21604" s="5" t="s">
        <v>43</v>
      </c>
      <c r="AC21604" s="5" t="s">
        <v>44</v>
      </c>
      <c r="AD21604" s="2"/>
      <c r="AE21604" s="1"/>
    </row>
    <row r="21605" spans="1:31" ht="14.45">
      <c r="A21605" s="11"/>
      <c r="B21605" s="20"/>
      <c r="C21605" s="2" t="s">
        <v>69683</v>
      </c>
      <c r="D21605" s="14" t="s">
        <v>69684</v>
      </c>
      <c r="E21605" s="2" t="s">
        <v>69685</v>
      </c>
      <c r="F21605" s="2" t="s">
        <v>1863</v>
      </c>
      <c r="G21605" s="8">
        <v>127</v>
      </c>
      <c r="H21605" s="5">
        <v>6</v>
      </c>
      <c r="I21605" s="5" t="s">
        <v>1518</v>
      </c>
      <c r="J21605" s="5" t="s">
        <v>69038</v>
      </c>
      <c r="K21605" s="2" t="s">
        <v>69039</v>
      </c>
      <c r="L21605" s="5" t="s">
        <v>69038</v>
      </c>
      <c r="M21605" s="2" t="s">
        <v>69039</v>
      </c>
      <c r="N21605" s="5" t="s">
        <v>1521</v>
      </c>
      <c r="O21605" s="5" t="s">
        <v>38</v>
      </c>
      <c r="P21605" s="5" t="s">
        <v>39</v>
      </c>
      <c r="Q21605" s="5" t="s">
        <v>40</v>
      </c>
      <c r="R21605" s="5" t="s">
        <v>1522</v>
      </c>
      <c r="S21605" s="5" t="s">
        <v>1523</v>
      </c>
      <c r="T21605" s="5" t="s">
        <v>42</v>
      </c>
      <c r="U21605" s="2">
        <v>1.319</v>
      </c>
      <c r="V21605" s="2">
        <v>0.96</v>
      </c>
      <c r="W21605" s="2">
        <v>0.01</v>
      </c>
      <c r="X21605" s="2">
        <v>118.9</v>
      </c>
      <c r="Y21605" s="2">
        <v>7.6</v>
      </c>
      <c r="Z21605" s="2">
        <v>10.6</v>
      </c>
      <c r="AA21605" s="5"/>
      <c r="AB21605" s="5" t="s">
        <v>43</v>
      </c>
      <c r="AC21605" s="5" t="s">
        <v>44</v>
      </c>
      <c r="AD21605" s="2"/>
      <c r="AE21605" s="1"/>
    </row>
    <row r="21606" spans="1:31" ht="14.45">
      <c r="A21606" s="11"/>
      <c r="B21606" s="20"/>
      <c r="C21606" s="2" t="s">
        <v>69686</v>
      </c>
      <c r="D21606" s="14" t="s">
        <v>69687</v>
      </c>
      <c r="E21606" s="2" t="s">
        <v>69688</v>
      </c>
      <c r="F21606" s="2" t="s">
        <v>1867</v>
      </c>
      <c r="G21606" s="8">
        <v>127</v>
      </c>
      <c r="H21606" s="5">
        <v>6</v>
      </c>
      <c r="I21606" s="5" t="s">
        <v>1518</v>
      </c>
      <c r="J21606" s="5" t="s">
        <v>69038</v>
      </c>
      <c r="K21606" s="2" t="s">
        <v>69039</v>
      </c>
      <c r="L21606" s="5" t="s">
        <v>69038</v>
      </c>
      <c r="M21606" s="2" t="s">
        <v>69039</v>
      </c>
      <c r="N21606" s="5" t="s">
        <v>1521</v>
      </c>
      <c r="O21606" s="5" t="s">
        <v>38</v>
      </c>
      <c r="P21606" s="5" t="s">
        <v>39</v>
      </c>
      <c r="Q21606" s="5" t="s">
        <v>40</v>
      </c>
      <c r="R21606" s="5" t="s">
        <v>1522</v>
      </c>
      <c r="S21606" s="5" t="s">
        <v>1523</v>
      </c>
      <c r="T21606" s="5" t="s">
        <v>42</v>
      </c>
      <c r="U21606" s="2">
        <v>1.381</v>
      </c>
      <c r="V21606" s="2">
        <v>1.022</v>
      </c>
      <c r="W21606" s="2">
        <v>0.01</v>
      </c>
      <c r="X21606" s="2">
        <v>118.9</v>
      </c>
      <c r="Y21606" s="2">
        <v>7.6</v>
      </c>
      <c r="Z21606" s="2">
        <v>10.6</v>
      </c>
      <c r="AA21606" s="5"/>
      <c r="AB21606" s="5" t="s">
        <v>43</v>
      </c>
      <c r="AC21606" s="5" t="s">
        <v>44</v>
      </c>
      <c r="AD21606" s="2"/>
      <c r="AE21606" s="1"/>
    </row>
    <row r="21607" spans="1:31" ht="14.45">
      <c r="A21607" s="11"/>
      <c r="B21607" s="20"/>
      <c r="C21607" s="2" t="s">
        <v>69689</v>
      </c>
      <c r="D21607" s="14" t="s">
        <v>69690</v>
      </c>
      <c r="E21607" s="2" t="s">
        <v>69691</v>
      </c>
      <c r="F21607" s="2" t="s">
        <v>7204</v>
      </c>
      <c r="G21607" s="8">
        <v>114</v>
      </c>
      <c r="H21607" s="5">
        <v>6</v>
      </c>
      <c r="I21607" s="5" t="s">
        <v>1518</v>
      </c>
      <c r="J21607" s="5" t="s">
        <v>69038</v>
      </c>
      <c r="K21607" s="2" t="s">
        <v>69039</v>
      </c>
      <c r="L21607" s="5" t="s">
        <v>69038</v>
      </c>
      <c r="M21607" s="2" t="s">
        <v>69039</v>
      </c>
      <c r="N21607" s="5" t="s">
        <v>1521</v>
      </c>
      <c r="O21607" s="5" t="s">
        <v>38</v>
      </c>
      <c r="P21607" s="5" t="s">
        <v>39</v>
      </c>
      <c r="Q21607" s="5" t="s">
        <v>40</v>
      </c>
      <c r="R21607" s="5" t="s">
        <v>1522</v>
      </c>
      <c r="S21607" s="5" t="s">
        <v>1523</v>
      </c>
      <c r="T21607" s="5" t="s">
        <v>42</v>
      </c>
      <c r="U21607" s="2">
        <v>1.48</v>
      </c>
      <c r="V21607" s="2">
        <v>1.069</v>
      </c>
      <c r="W21607" s="2">
        <v>1.0999999999999999E-2</v>
      </c>
      <c r="X21607" s="2">
        <v>139.1</v>
      </c>
      <c r="Y21607" s="2">
        <v>7.6</v>
      </c>
      <c r="Z21607" s="2">
        <v>10.6</v>
      </c>
      <c r="AA21607" s="5"/>
      <c r="AB21607" s="5" t="s">
        <v>43</v>
      </c>
      <c r="AC21607" s="5" t="s">
        <v>44</v>
      </c>
      <c r="AD21607" s="2"/>
      <c r="AE21607" s="1"/>
    </row>
    <row r="21608" spans="1:31" ht="14.45">
      <c r="A21608" s="11"/>
      <c r="B21608" s="20"/>
      <c r="C21608" s="2" t="s">
        <v>69692</v>
      </c>
      <c r="D21608" s="14" t="s">
        <v>69693</v>
      </c>
      <c r="E21608" s="2" t="s">
        <v>69694</v>
      </c>
      <c r="F21608" s="2" t="s">
        <v>7514</v>
      </c>
      <c r="G21608" s="8">
        <v>114</v>
      </c>
      <c r="H21608" s="5">
        <v>6</v>
      </c>
      <c r="I21608" s="5" t="s">
        <v>1518</v>
      </c>
      <c r="J21608" s="5" t="s">
        <v>69038</v>
      </c>
      <c r="K21608" s="2" t="s">
        <v>69039</v>
      </c>
      <c r="L21608" s="5" t="s">
        <v>69038</v>
      </c>
      <c r="M21608" s="2" t="s">
        <v>69039</v>
      </c>
      <c r="N21608" s="5" t="s">
        <v>1521</v>
      </c>
      <c r="O21608" s="5" t="s">
        <v>38</v>
      </c>
      <c r="P21608" s="5" t="s">
        <v>39</v>
      </c>
      <c r="Q21608" s="5" t="s">
        <v>40</v>
      </c>
      <c r="R21608" s="5" t="s">
        <v>1522</v>
      </c>
      <c r="S21608" s="5" t="s">
        <v>1523</v>
      </c>
      <c r="T21608" s="5" t="s">
        <v>42</v>
      </c>
      <c r="U21608" s="2">
        <v>1.5529999999999999</v>
      </c>
      <c r="V21608" s="2">
        <v>1.1419999999999999</v>
      </c>
      <c r="W21608" s="2">
        <v>1.0999999999999999E-2</v>
      </c>
      <c r="X21608" s="2">
        <v>139.1</v>
      </c>
      <c r="Y21608" s="2">
        <v>7.6</v>
      </c>
      <c r="Z21608" s="2">
        <v>10.6</v>
      </c>
      <c r="AA21608" s="5"/>
      <c r="AB21608" s="5" t="s">
        <v>43</v>
      </c>
      <c r="AC21608" s="5" t="s">
        <v>44</v>
      </c>
      <c r="AD21608" s="2"/>
      <c r="AE21608" s="1"/>
    </row>
    <row r="21609" spans="1:31" ht="14.45">
      <c r="A21609" s="11"/>
      <c r="B21609" s="20"/>
      <c r="C21609" s="2" t="s">
        <v>69695</v>
      </c>
      <c r="D21609" s="14" t="s">
        <v>69696</v>
      </c>
      <c r="E21609" s="2" t="s">
        <v>69697</v>
      </c>
      <c r="F21609" s="2" t="s">
        <v>7208</v>
      </c>
      <c r="G21609" s="8">
        <v>114</v>
      </c>
      <c r="H21609" s="5">
        <v>6</v>
      </c>
      <c r="I21609" s="5" t="s">
        <v>1518</v>
      </c>
      <c r="J21609" s="5" t="s">
        <v>69038</v>
      </c>
      <c r="K21609" s="2" t="s">
        <v>69039</v>
      </c>
      <c r="L21609" s="5" t="s">
        <v>69038</v>
      </c>
      <c r="M21609" s="2" t="s">
        <v>69039</v>
      </c>
      <c r="N21609" s="5" t="s">
        <v>1521</v>
      </c>
      <c r="O21609" s="5" t="s">
        <v>38</v>
      </c>
      <c r="P21609" s="5" t="s">
        <v>39</v>
      </c>
      <c r="Q21609" s="5" t="s">
        <v>40</v>
      </c>
      <c r="R21609" s="5" t="s">
        <v>1522</v>
      </c>
      <c r="S21609" s="5" t="s">
        <v>1523</v>
      </c>
      <c r="T21609" s="5" t="s">
        <v>42</v>
      </c>
      <c r="U21609" s="2">
        <v>1.48</v>
      </c>
      <c r="V21609" s="2">
        <v>1.069</v>
      </c>
      <c r="W21609" s="2">
        <v>1.0999999999999999E-2</v>
      </c>
      <c r="X21609" s="2">
        <v>139.1</v>
      </c>
      <c r="Y21609" s="2">
        <v>7.6</v>
      </c>
      <c r="Z21609" s="2">
        <v>10.6</v>
      </c>
      <c r="AA21609" s="5"/>
      <c r="AB21609" s="5" t="s">
        <v>43</v>
      </c>
      <c r="AC21609" s="5" t="s">
        <v>44</v>
      </c>
      <c r="AD21609" s="2"/>
      <c r="AE21609" s="1"/>
    </row>
    <row r="21610" spans="1:31" ht="14.45">
      <c r="A21610" s="11"/>
      <c r="B21610" s="20"/>
      <c r="C21610" s="2" t="s">
        <v>69698</v>
      </c>
      <c r="D21610" s="14" t="s">
        <v>69699</v>
      </c>
      <c r="E21610" s="2" t="s">
        <v>69700</v>
      </c>
      <c r="F21610" s="2" t="s">
        <v>7521</v>
      </c>
      <c r="G21610" s="8">
        <v>114</v>
      </c>
      <c r="H21610" s="5">
        <v>6</v>
      </c>
      <c r="I21610" s="5" t="s">
        <v>1518</v>
      </c>
      <c r="J21610" s="5" t="s">
        <v>69038</v>
      </c>
      <c r="K21610" s="2" t="s">
        <v>69039</v>
      </c>
      <c r="L21610" s="5" t="s">
        <v>69038</v>
      </c>
      <c r="M21610" s="2" t="s">
        <v>69039</v>
      </c>
      <c r="N21610" s="5" t="s">
        <v>1521</v>
      </c>
      <c r="O21610" s="5" t="s">
        <v>38</v>
      </c>
      <c r="P21610" s="5" t="s">
        <v>39</v>
      </c>
      <c r="Q21610" s="5" t="s">
        <v>40</v>
      </c>
      <c r="R21610" s="5" t="s">
        <v>1522</v>
      </c>
      <c r="S21610" s="5" t="s">
        <v>1523</v>
      </c>
      <c r="T21610" s="5" t="s">
        <v>42</v>
      </c>
      <c r="U21610" s="2">
        <v>1.5529999999999999</v>
      </c>
      <c r="V21610" s="2">
        <v>1.1419999999999999</v>
      </c>
      <c r="W21610" s="2">
        <v>1.0999999999999999E-2</v>
      </c>
      <c r="X21610" s="2">
        <v>139.1</v>
      </c>
      <c r="Y21610" s="2">
        <v>7.6</v>
      </c>
      <c r="Z21610" s="2">
        <v>10.6</v>
      </c>
      <c r="AA21610" s="5"/>
      <c r="AB21610" s="5" t="s">
        <v>43</v>
      </c>
      <c r="AC21610" s="5" t="s">
        <v>44</v>
      </c>
      <c r="AD21610" s="2"/>
      <c r="AE21610" s="1"/>
    </row>
    <row r="21611" spans="1:31" ht="14.45">
      <c r="A21611" s="11"/>
      <c r="B21611" s="20"/>
      <c r="C21611" s="2" t="s">
        <v>69701</v>
      </c>
      <c r="D21611" s="14" t="s">
        <v>69702</v>
      </c>
      <c r="E21611" s="2" t="s">
        <v>69703</v>
      </c>
      <c r="F21611" s="2" t="s">
        <v>7406</v>
      </c>
      <c r="G21611" s="8">
        <v>131</v>
      </c>
      <c r="H21611" s="5">
        <v>6</v>
      </c>
      <c r="I21611" s="5" t="s">
        <v>1518</v>
      </c>
      <c r="J21611" s="5" t="s">
        <v>69038</v>
      </c>
      <c r="K21611" s="2" t="s">
        <v>69039</v>
      </c>
      <c r="L21611" s="5" t="s">
        <v>69038</v>
      </c>
      <c r="M21611" s="2" t="s">
        <v>69039</v>
      </c>
      <c r="N21611" s="5" t="s">
        <v>1521</v>
      </c>
      <c r="O21611" s="5" t="s">
        <v>38</v>
      </c>
      <c r="P21611" s="5" t="s">
        <v>39</v>
      </c>
      <c r="Q21611" s="5" t="s">
        <v>40</v>
      </c>
      <c r="R21611" s="5" t="s">
        <v>1522</v>
      </c>
      <c r="S21611" s="5" t="s">
        <v>1523</v>
      </c>
      <c r="T21611" s="5" t="s">
        <v>42</v>
      </c>
      <c r="U21611" s="2">
        <v>1.48</v>
      </c>
      <c r="V21611" s="2">
        <v>1.069</v>
      </c>
      <c r="W21611" s="2">
        <v>1.0999999999999999E-2</v>
      </c>
      <c r="X21611" s="2">
        <v>139.1</v>
      </c>
      <c r="Y21611" s="2">
        <v>7.6</v>
      </c>
      <c r="Z21611" s="2">
        <v>10.6</v>
      </c>
      <c r="AA21611" s="5"/>
      <c r="AB21611" s="5" t="s">
        <v>43</v>
      </c>
      <c r="AC21611" s="5" t="s">
        <v>44</v>
      </c>
      <c r="AD21611" s="2"/>
      <c r="AE21611" s="1"/>
    </row>
    <row r="21612" spans="1:31" ht="14.45">
      <c r="A21612" s="11"/>
      <c r="B21612" s="20"/>
      <c r="C21612" s="2" t="s">
        <v>69704</v>
      </c>
      <c r="D21612" s="14" t="s">
        <v>69705</v>
      </c>
      <c r="E21612" s="2" t="s">
        <v>69706</v>
      </c>
      <c r="F21612" s="2" t="s">
        <v>7539</v>
      </c>
      <c r="G21612" s="8">
        <v>131</v>
      </c>
      <c r="H21612" s="5">
        <v>6</v>
      </c>
      <c r="I21612" s="5" t="s">
        <v>1518</v>
      </c>
      <c r="J21612" s="5" t="s">
        <v>69038</v>
      </c>
      <c r="K21612" s="2" t="s">
        <v>69039</v>
      </c>
      <c r="L21612" s="5" t="s">
        <v>69038</v>
      </c>
      <c r="M21612" s="2" t="s">
        <v>69039</v>
      </c>
      <c r="N21612" s="5" t="s">
        <v>1521</v>
      </c>
      <c r="O21612" s="5" t="s">
        <v>38</v>
      </c>
      <c r="P21612" s="5" t="s">
        <v>39</v>
      </c>
      <c r="Q21612" s="5" t="s">
        <v>40</v>
      </c>
      <c r="R21612" s="5" t="s">
        <v>1522</v>
      </c>
      <c r="S21612" s="5" t="s">
        <v>1523</v>
      </c>
      <c r="T21612" s="5" t="s">
        <v>42</v>
      </c>
      <c r="U21612" s="2">
        <v>1.48</v>
      </c>
      <c r="V21612" s="2">
        <v>1.069</v>
      </c>
      <c r="W21612" s="2">
        <v>1.0999999999999999E-2</v>
      </c>
      <c r="X21612" s="2">
        <v>139.1</v>
      </c>
      <c r="Y21612" s="2">
        <v>7.6</v>
      </c>
      <c r="Z21612" s="2">
        <v>10.6</v>
      </c>
      <c r="AA21612" s="5"/>
      <c r="AB21612" s="5" t="s">
        <v>43</v>
      </c>
      <c r="AC21612" s="5" t="s">
        <v>44</v>
      </c>
      <c r="AD21612" s="2"/>
      <c r="AE21612" s="1"/>
    </row>
    <row r="21613" spans="1:31" ht="14.45">
      <c r="A21613" s="11"/>
      <c r="B21613" s="20"/>
      <c r="C21613" s="2" t="s">
        <v>69707</v>
      </c>
      <c r="D21613" s="14" t="s">
        <v>69708</v>
      </c>
      <c r="E21613" s="2" t="s">
        <v>69709</v>
      </c>
      <c r="F21613" s="2" t="s">
        <v>7543</v>
      </c>
      <c r="G21613" s="8">
        <v>131</v>
      </c>
      <c r="H21613" s="5">
        <v>6</v>
      </c>
      <c r="I21613" s="5" t="s">
        <v>1518</v>
      </c>
      <c r="J21613" s="5" t="s">
        <v>69038</v>
      </c>
      <c r="K21613" s="2" t="s">
        <v>69039</v>
      </c>
      <c r="L21613" s="5" t="s">
        <v>69038</v>
      </c>
      <c r="M21613" s="2" t="s">
        <v>69039</v>
      </c>
      <c r="N21613" s="5" t="s">
        <v>1521</v>
      </c>
      <c r="O21613" s="5" t="s">
        <v>38</v>
      </c>
      <c r="P21613" s="5" t="s">
        <v>39</v>
      </c>
      <c r="Q21613" s="5" t="s">
        <v>40</v>
      </c>
      <c r="R21613" s="5" t="s">
        <v>1522</v>
      </c>
      <c r="S21613" s="5" t="s">
        <v>1523</v>
      </c>
      <c r="T21613" s="5" t="s">
        <v>42</v>
      </c>
      <c r="U21613" s="2">
        <v>1.5529999999999999</v>
      </c>
      <c r="V21613" s="2">
        <v>1.1419999999999999</v>
      </c>
      <c r="W21613" s="2">
        <v>1.0999999999999999E-2</v>
      </c>
      <c r="X21613" s="2">
        <v>139.1</v>
      </c>
      <c r="Y21613" s="2">
        <v>7.6</v>
      </c>
      <c r="Z21613" s="2">
        <v>10.6</v>
      </c>
      <c r="AA21613" s="5"/>
      <c r="AB21613" s="5" t="s">
        <v>43</v>
      </c>
      <c r="AC21613" s="5" t="s">
        <v>44</v>
      </c>
      <c r="AD21613" s="2"/>
      <c r="AE21613" s="1"/>
    </row>
    <row r="21614" spans="1:31" ht="14.45">
      <c r="A21614" s="11"/>
      <c r="B21614" s="20"/>
      <c r="C21614" s="2" t="s">
        <v>69710</v>
      </c>
      <c r="D21614" s="14" t="s">
        <v>69711</v>
      </c>
      <c r="E21614" s="2" t="s">
        <v>69712</v>
      </c>
      <c r="F21614" s="2" t="s">
        <v>7396</v>
      </c>
      <c r="G21614" s="8">
        <v>114</v>
      </c>
      <c r="H21614" s="5">
        <v>6</v>
      </c>
      <c r="I21614" s="5" t="s">
        <v>1518</v>
      </c>
      <c r="J21614" s="5" t="s">
        <v>69038</v>
      </c>
      <c r="K21614" s="2" t="s">
        <v>69039</v>
      </c>
      <c r="L21614" s="5" t="s">
        <v>69038</v>
      </c>
      <c r="M21614" s="2" t="s">
        <v>69039</v>
      </c>
      <c r="N21614" s="5" t="s">
        <v>1521</v>
      </c>
      <c r="O21614" s="5" t="s">
        <v>38</v>
      </c>
      <c r="P21614" s="5" t="s">
        <v>39</v>
      </c>
      <c r="Q21614" s="5" t="s">
        <v>40</v>
      </c>
      <c r="R21614" s="5" t="s">
        <v>1522</v>
      </c>
      <c r="S21614" s="5" t="s">
        <v>1523</v>
      </c>
      <c r="T21614" s="5" t="s">
        <v>42</v>
      </c>
      <c r="U21614" s="2">
        <v>1.48</v>
      </c>
      <c r="V21614" s="2">
        <v>1.069</v>
      </c>
      <c r="W21614" s="2">
        <v>1.0999999999999999E-2</v>
      </c>
      <c r="X21614" s="2">
        <v>139.1</v>
      </c>
      <c r="Y21614" s="2">
        <v>7.6</v>
      </c>
      <c r="Z21614" s="2">
        <v>10.6</v>
      </c>
      <c r="AA21614" s="5"/>
      <c r="AB21614" s="5" t="s">
        <v>43</v>
      </c>
      <c r="AC21614" s="5" t="s">
        <v>44</v>
      </c>
      <c r="AD21614" s="2"/>
      <c r="AE21614" s="1"/>
    </row>
    <row r="21615" spans="1:31" ht="14.45">
      <c r="A21615" s="11"/>
      <c r="B21615" s="20"/>
      <c r="C21615" s="2" t="s">
        <v>69713</v>
      </c>
      <c r="D21615" s="14" t="s">
        <v>69714</v>
      </c>
      <c r="E21615" s="2" t="s">
        <v>69715</v>
      </c>
      <c r="F21615" s="2" t="s">
        <v>69112</v>
      </c>
      <c r="G21615" s="8">
        <v>114</v>
      </c>
      <c r="H21615" s="5">
        <v>6</v>
      </c>
      <c r="I21615" s="5" t="s">
        <v>1518</v>
      </c>
      <c r="J21615" s="5" t="s">
        <v>69038</v>
      </c>
      <c r="K21615" s="2" t="s">
        <v>69039</v>
      </c>
      <c r="L21615" s="5" t="s">
        <v>69038</v>
      </c>
      <c r="M21615" s="2" t="s">
        <v>69039</v>
      </c>
      <c r="N21615" s="5" t="s">
        <v>1521</v>
      </c>
      <c r="O21615" s="5" t="s">
        <v>38</v>
      </c>
      <c r="P21615" s="5" t="s">
        <v>39</v>
      </c>
      <c r="Q21615" s="5" t="s">
        <v>40</v>
      </c>
      <c r="R21615" s="5" t="s">
        <v>1522</v>
      </c>
      <c r="S21615" s="5" t="s">
        <v>1523</v>
      </c>
      <c r="T21615" s="5" t="s">
        <v>42</v>
      </c>
      <c r="U21615" s="2">
        <v>1.5529999999999999</v>
      </c>
      <c r="V21615" s="2">
        <v>1.1419999999999999</v>
      </c>
      <c r="W21615" s="2">
        <v>1.0999999999999999E-2</v>
      </c>
      <c r="X21615" s="2">
        <v>139.1</v>
      </c>
      <c r="Y21615" s="2">
        <v>7.6</v>
      </c>
      <c r="Z21615" s="2">
        <v>10.6</v>
      </c>
      <c r="AA21615" s="5"/>
      <c r="AB21615" s="5" t="s">
        <v>43</v>
      </c>
      <c r="AC21615" s="5" t="s">
        <v>44</v>
      </c>
      <c r="AD21615" s="2"/>
      <c r="AE21615" s="1"/>
    </row>
    <row r="21616" spans="1:31" ht="14.45">
      <c r="A21616" s="11"/>
      <c r="B21616" s="20"/>
      <c r="C21616" s="2" t="s">
        <v>69716</v>
      </c>
      <c r="D21616" s="14" t="s">
        <v>69717</v>
      </c>
      <c r="E21616" s="2" t="s">
        <v>69718</v>
      </c>
      <c r="F21616" s="2" t="s">
        <v>7581</v>
      </c>
      <c r="G21616" s="8">
        <v>131</v>
      </c>
      <c r="H21616" s="5">
        <v>6</v>
      </c>
      <c r="I21616" s="5" t="s">
        <v>1518</v>
      </c>
      <c r="J21616" s="5" t="s">
        <v>69038</v>
      </c>
      <c r="K21616" s="2" t="s">
        <v>69039</v>
      </c>
      <c r="L21616" s="5" t="s">
        <v>69038</v>
      </c>
      <c r="M21616" s="2" t="s">
        <v>69039</v>
      </c>
      <c r="N21616" s="5" t="s">
        <v>1521</v>
      </c>
      <c r="O21616" s="5" t="s">
        <v>38</v>
      </c>
      <c r="P21616" s="5" t="s">
        <v>39</v>
      </c>
      <c r="Q21616" s="5" t="s">
        <v>40</v>
      </c>
      <c r="R21616" s="5" t="s">
        <v>1522</v>
      </c>
      <c r="S21616" s="5" t="s">
        <v>1523</v>
      </c>
      <c r="T21616" s="5" t="s">
        <v>42</v>
      </c>
      <c r="U21616" s="2">
        <v>1.5529999999999999</v>
      </c>
      <c r="V21616" s="2">
        <v>1.1419999999999999</v>
      </c>
      <c r="W21616" s="2">
        <v>1.0999999999999999E-2</v>
      </c>
      <c r="X21616" s="2">
        <v>139.1</v>
      </c>
      <c r="Y21616" s="2">
        <v>7.6</v>
      </c>
      <c r="Z21616" s="2">
        <v>10.6</v>
      </c>
      <c r="AA21616" s="5"/>
      <c r="AB21616" s="5" t="s">
        <v>43</v>
      </c>
      <c r="AC21616" s="5" t="s">
        <v>44</v>
      </c>
      <c r="AD21616" s="2"/>
      <c r="AE21616" s="1"/>
    </row>
    <row r="21617" spans="1:31" ht="14.45">
      <c r="A21617" s="11"/>
      <c r="B21617" s="20"/>
      <c r="C21617" s="2" t="s">
        <v>69719</v>
      </c>
      <c r="D21617" s="14" t="s">
        <v>69720</v>
      </c>
      <c r="E21617" s="2" t="s">
        <v>69721</v>
      </c>
      <c r="F21617" s="2" t="s">
        <v>7589</v>
      </c>
      <c r="G21617" s="8">
        <v>131</v>
      </c>
      <c r="H21617" s="5">
        <v>6</v>
      </c>
      <c r="I21617" s="5" t="s">
        <v>1518</v>
      </c>
      <c r="J21617" s="5" t="s">
        <v>69038</v>
      </c>
      <c r="K21617" s="2" t="s">
        <v>69039</v>
      </c>
      <c r="L21617" s="5" t="s">
        <v>69038</v>
      </c>
      <c r="M21617" s="2" t="s">
        <v>69039</v>
      </c>
      <c r="N21617" s="5" t="s">
        <v>1521</v>
      </c>
      <c r="O21617" s="5" t="s">
        <v>38</v>
      </c>
      <c r="P21617" s="5" t="s">
        <v>39</v>
      </c>
      <c r="Q21617" s="5" t="s">
        <v>40</v>
      </c>
      <c r="R21617" s="5" t="s">
        <v>1522</v>
      </c>
      <c r="S21617" s="5" t="s">
        <v>1523</v>
      </c>
      <c r="T21617" s="5" t="s">
        <v>42</v>
      </c>
      <c r="U21617" s="2">
        <v>1.5529999999999999</v>
      </c>
      <c r="V21617" s="2">
        <v>1.1419999999999999</v>
      </c>
      <c r="W21617" s="2">
        <v>1.0999999999999999E-2</v>
      </c>
      <c r="X21617" s="2">
        <v>139.1</v>
      </c>
      <c r="Y21617" s="2">
        <v>7.6</v>
      </c>
      <c r="Z21617" s="2">
        <v>10.6</v>
      </c>
      <c r="AA21617" s="5"/>
      <c r="AB21617" s="5" t="s">
        <v>43</v>
      </c>
      <c r="AC21617" s="5" t="s">
        <v>44</v>
      </c>
      <c r="AD21617" s="2"/>
      <c r="AE21617" s="1"/>
    </row>
    <row r="21618" spans="1:31" ht="14.45">
      <c r="A21618" s="11"/>
      <c r="B21618" s="20"/>
      <c r="C21618" s="2" t="s">
        <v>69722</v>
      </c>
      <c r="D21618" s="14" t="s">
        <v>69723</v>
      </c>
      <c r="E21618" s="2" t="s">
        <v>69724</v>
      </c>
      <c r="F21618" s="2" t="s">
        <v>7433</v>
      </c>
      <c r="G21618" s="8">
        <v>131</v>
      </c>
      <c r="H21618" s="5">
        <v>6</v>
      </c>
      <c r="I21618" s="5" t="s">
        <v>1518</v>
      </c>
      <c r="J21618" s="5" t="s">
        <v>69038</v>
      </c>
      <c r="K21618" s="2" t="s">
        <v>69039</v>
      </c>
      <c r="L21618" s="5" t="s">
        <v>69038</v>
      </c>
      <c r="M21618" s="2" t="s">
        <v>69039</v>
      </c>
      <c r="N21618" s="5" t="s">
        <v>1521</v>
      </c>
      <c r="O21618" s="5" t="s">
        <v>38</v>
      </c>
      <c r="P21618" s="5" t="s">
        <v>39</v>
      </c>
      <c r="Q21618" s="5" t="s">
        <v>40</v>
      </c>
      <c r="R21618" s="5" t="s">
        <v>1522</v>
      </c>
      <c r="S21618" s="5" t="s">
        <v>1523</v>
      </c>
      <c r="T21618" s="5" t="s">
        <v>42</v>
      </c>
      <c r="U21618" s="2">
        <v>1.48</v>
      </c>
      <c r="V21618" s="2">
        <v>1.069</v>
      </c>
      <c r="W21618" s="2">
        <v>1.0999999999999999E-2</v>
      </c>
      <c r="X21618" s="2">
        <v>139.1</v>
      </c>
      <c r="Y21618" s="2">
        <v>7.6</v>
      </c>
      <c r="Z21618" s="2">
        <v>10.6</v>
      </c>
      <c r="AA21618" s="5"/>
      <c r="AB21618" s="5" t="s">
        <v>43</v>
      </c>
      <c r="AC21618" s="5" t="s">
        <v>44</v>
      </c>
      <c r="AD21618" s="2"/>
      <c r="AE21618" s="1"/>
    </row>
    <row r="21619" spans="1:31" ht="14.45">
      <c r="A21619" s="11"/>
      <c r="B21619" s="20"/>
      <c r="C21619" s="2" t="s">
        <v>69725</v>
      </c>
      <c r="D21619" s="14" t="s">
        <v>69726</v>
      </c>
      <c r="E21619" s="2" t="s">
        <v>69727</v>
      </c>
      <c r="F21619" s="2" t="s">
        <v>7611</v>
      </c>
      <c r="G21619" s="8">
        <v>131</v>
      </c>
      <c r="H21619" s="5">
        <v>6</v>
      </c>
      <c r="I21619" s="5" t="s">
        <v>1518</v>
      </c>
      <c r="J21619" s="5" t="s">
        <v>69038</v>
      </c>
      <c r="K21619" s="2" t="s">
        <v>69039</v>
      </c>
      <c r="L21619" s="5" t="s">
        <v>69038</v>
      </c>
      <c r="M21619" s="2" t="s">
        <v>69039</v>
      </c>
      <c r="N21619" s="5" t="s">
        <v>1521</v>
      </c>
      <c r="O21619" s="5" t="s">
        <v>38</v>
      </c>
      <c r="P21619" s="5" t="s">
        <v>39</v>
      </c>
      <c r="Q21619" s="5" t="s">
        <v>40</v>
      </c>
      <c r="R21619" s="5" t="s">
        <v>1522</v>
      </c>
      <c r="S21619" s="5" t="s">
        <v>1523</v>
      </c>
      <c r="T21619" s="5" t="s">
        <v>42</v>
      </c>
      <c r="U21619" s="2">
        <v>1.5529999999999999</v>
      </c>
      <c r="V21619" s="2">
        <v>1.1419999999999999</v>
      </c>
      <c r="W21619" s="2">
        <v>1.0999999999999999E-2</v>
      </c>
      <c r="X21619" s="2">
        <v>139.1</v>
      </c>
      <c r="Y21619" s="2">
        <v>7.6</v>
      </c>
      <c r="Z21619" s="2">
        <v>10.6</v>
      </c>
      <c r="AA21619" s="5"/>
      <c r="AB21619" s="5" t="s">
        <v>43</v>
      </c>
      <c r="AC21619" s="5" t="s">
        <v>44</v>
      </c>
      <c r="AD21619" s="2"/>
      <c r="AE21619" s="1"/>
    </row>
    <row r="21620" spans="1:31" ht="14.45">
      <c r="A21620" s="11"/>
      <c r="B21620" s="20"/>
      <c r="C21620" s="2" t="s">
        <v>69728</v>
      </c>
      <c r="D21620" s="14" t="s">
        <v>69729</v>
      </c>
      <c r="E21620" s="2" t="s">
        <v>69730</v>
      </c>
      <c r="F21620" s="2" t="s">
        <v>7212</v>
      </c>
      <c r="G21620" s="8">
        <v>114</v>
      </c>
      <c r="H21620" s="5">
        <v>6</v>
      </c>
      <c r="I21620" s="5" t="s">
        <v>1518</v>
      </c>
      <c r="J21620" s="5" t="s">
        <v>69038</v>
      </c>
      <c r="K21620" s="2" t="s">
        <v>69039</v>
      </c>
      <c r="L21620" s="5" t="s">
        <v>69038</v>
      </c>
      <c r="M21620" s="2" t="s">
        <v>69039</v>
      </c>
      <c r="N21620" s="5" t="s">
        <v>1521</v>
      </c>
      <c r="O21620" s="5" t="s">
        <v>38</v>
      </c>
      <c r="P21620" s="5" t="s">
        <v>39</v>
      </c>
      <c r="Q21620" s="5" t="s">
        <v>40</v>
      </c>
      <c r="R21620" s="5" t="s">
        <v>1522</v>
      </c>
      <c r="S21620" s="5" t="s">
        <v>1523</v>
      </c>
      <c r="T21620" s="5" t="s">
        <v>42</v>
      </c>
      <c r="U21620" s="2">
        <v>1.48</v>
      </c>
      <c r="V21620" s="2">
        <v>1.069</v>
      </c>
      <c r="W21620" s="2">
        <v>1.0999999999999999E-2</v>
      </c>
      <c r="X21620" s="2">
        <v>139.1</v>
      </c>
      <c r="Y21620" s="2">
        <v>7.6</v>
      </c>
      <c r="Z21620" s="2">
        <v>10.6</v>
      </c>
      <c r="AA21620" s="5"/>
      <c r="AB21620" s="5" t="s">
        <v>43</v>
      </c>
      <c r="AC21620" s="5" t="s">
        <v>44</v>
      </c>
      <c r="AD21620" s="2"/>
      <c r="AE21620" s="1"/>
    </row>
    <row r="21621" spans="1:31" ht="14.45">
      <c r="A21621" s="11"/>
      <c r="B21621" s="20"/>
      <c r="C21621" s="2" t="s">
        <v>69731</v>
      </c>
      <c r="D21621" s="14" t="s">
        <v>69732</v>
      </c>
      <c r="E21621" s="2" t="s">
        <v>69733</v>
      </c>
      <c r="F21621" s="2" t="s">
        <v>7528</v>
      </c>
      <c r="G21621" s="8">
        <v>114</v>
      </c>
      <c r="H21621" s="5">
        <v>6</v>
      </c>
      <c r="I21621" s="5" t="s">
        <v>1518</v>
      </c>
      <c r="J21621" s="5" t="s">
        <v>69038</v>
      </c>
      <c r="K21621" s="2" t="s">
        <v>69039</v>
      </c>
      <c r="L21621" s="5" t="s">
        <v>69038</v>
      </c>
      <c r="M21621" s="2" t="s">
        <v>69039</v>
      </c>
      <c r="N21621" s="5" t="s">
        <v>1521</v>
      </c>
      <c r="O21621" s="5" t="s">
        <v>38</v>
      </c>
      <c r="P21621" s="5" t="s">
        <v>39</v>
      </c>
      <c r="Q21621" s="5" t="s">
        <v>40</v>
      </c>
      <c r="R21621" s="5" t="s">
        <v>1522</v>
      </c>
      <c r="S21621" s="5" t="s">
        <v>1523</v>
      </c>
      <c r="T21621" s="5" t="s">
        <v>42</v>
      </c>
      <c r="U21621" s="2">
        <v>1.5529999999999999</v>
      </c>
      <c r="V21621" s="2">
        <v>1.1419999999999999</v>
      </c>
      <c r="W21621" s="2">
        <v>1.0999999999999999E-2</v>
      </c>
      <c r="X21621" s="2">
        <v>139.1</v>
      </c>
      <c r="Y21621" s="2">
        <v>7.6</v>
      </c>
      <c r="Z21621" s="2">
        <v>10.6</v>
      </c>
      <c r="AA21621" s="5"/>
      <c r="AB21621" s="5" t="s">
        <v>43</v>
      </c>
      <c r="AC21621" s="5" t="s">
        <v>44</v>
      </c>
      <c r="AD21621" s="2"/>
      <c r="AE21621" s="1"/>
    </row>
    <row r="21622" spans="1:31" ht="14.45">
      <c r="A21622" s="11"/>
      <c r="B21622" s="20"/>
      <c r="C21622" s="2" t="s">
        <v>69734</v>
      </c>
      <c r="D21622" s="14" t="s">
        <v>69735</v>
      </c>
      <c r="E21622" s="2" t="s">
        <v>69736</v>
      </c>
      <c r="F21622" s="2" t="s">
        <v>1863</v>
      </c>
      <c r="G21622" s="8">
        <v>131</v>
      </c>
      <c r="H21622" s="5">
        <v>6</v>
      </c>
      <c r="I21622" s="5" t="s">
        <v>1518</v>
      </c>
      <c r="J21622" s="5" t="s">
        <v>69038</v>
      </c>
      <c r="K21622" s="2" t="s">
        <v>69039</v>
      </c>
      <c r="L21622" s="5" t="s">
        <v>69038</v>
      </c>
      <c r="M21622" s="2" t="s">
        <v>69039</v>
      </c>
      <c r="N21622" s="5" t="s">
        <v>1521</v>
      </c>
      <c r="O21622" s="5" t="s">
        <v>38</v>
      </c>
      <c r="P21622" s="5" t="s">
        <v>39</v>
      </c>
      <c r="Q21622" s="5" t="s">
        <v>40</v>
      </c>
      <c r="R21622" s="5" t="s">
        <v>1522</v>
      </c>
      <c r="S21622" s="5" t="s">
        <v>1523</v>
      </c>
      <c r="T21622" s="5" t="s">
        <v>42</v>
      </c>
      <c r="U21622" s="2">
        <v>1.48</v>
      </c>
      <c r="V21622" s="2">
        <v>1.069</v>
      </c>
      <c r="W21622" s="2">
        <v>1.0999999999999999E-2</v>
      </c>
      <c r="X21622" s="2">
        <v>139.1</v>
      </c>
      <c r="Y21622" s="2">
        <v>7.6</v>
      </c>
      <c r="Z21622" s="2">
        <v>10.6</v>
      </c>
      <c r="AA21622" s="5"/>
      <c r="AB21622" s="5" t="s">
        <v>43</v>
      </c>
      <c r="AC21622" s="5" t="s">
        <v>44</v>
      </c>
      <c r="AD21622" s="2"/>
      <c r="AE21622" s="1"/>
    </row>
    <row r="21623" spans="1:31" ht="14.45">
      <c r="A21623" s="11"/>
      <c r="B21623" s="20"/>
      <c r="C21623" s="2" t="s">
        <v>69737</v>
      </c>
      <c r="D21623" s="14" t="s">
        <v>69738</v>
      </c>
      <c r="E21623" s="2" t="s">
        <v>69739</v>
      </c>
      <c r="F21623" s="2" t="s">
        <v>1867</v>
      </c>
      <c r="G21623" s="8">
        <v>131</v>
      </c>
      <c r="H21623" s="5">
        <v>6</v>
      </c>
      <c r="I21623" s="5" t="s">
        <v>1518</v>
      </c>
      <c r="J21623" s="5" t="s">
        <v>69038</v>
      </c>
      <c r="K21623" s="2" t="s">
        <v>69039</v>
      </c>
      <c r="L21623" s="5" t="s">
        <v>69038</v>
      </c>
      <c r="M21623" s="2" t="s">
        <v>69039</v>
      </c>
      <c r="N21623" s="5" t="s">
        <v>1521</v>
      </c>
      <c r="O21623" s="5" t="s">
        <v>38</v>
      </c>
      <c r="P21623" s="5" t="s">
        <v>39</v>
      </c>
      <c r="Q21623" s="5" t="s">
        <v>40</v>
      </c>
      <c r="R21623" s="5" t="s">
        <v>1522</v>
      </c>
      <c r="S21623" s="5" t="s">
        <v>1523</v>
      </c>
      <c r="T21623" s="5" t="s">
        <v>42</v>
      </c>
      <c r="U21623" s="2">
        <v>1.5529999999999999</v>
      </c>
      <c r="V21623" s="2">
        <v>1.1419999999999999</v>
      </c>
      <c r="W21623" s="2">
        <v>1.0999999999999999E-2</v>
      </c>
      <c r="X21623" s="2">
        <v>139.1</v>
      </c>
      <c r="Y21623" s="2">
        <v>7.6</v>
      </c>
      <c r="Z21623" s="2">
        <v>10.6</v>
      </c>
      <c r="AA21623" s="5"/>
      <c r="AB21623" s="5" t="s">
        <v>43</v>
      </c>
      <c r="AC21623" s="5" t="s">
        <v>44</v>
      </c>
      <c r="AD21623" s="2"/>
      <c r="AE21623" s="1"/>
    </row>
    <row r="21624" spans="1:31" ht="14.45">
      <c r="A21624" s="11"/>
      <c r="B21624" s="20"/>
      <c r="C21624" s="2" t="s">
        <v>69740</v>
      </c>
      <c r="D21624" s="14" t="s">
        <v>69741</v>
      </c>
      <c r="E21624" s="2" t="s">
        <v>69742</v>
      </c>
      <c r="F21624" s="2" t="s">
        <v>7204</v>
      </c>
      <c r="G21624" s="8">
        <v>105</v>
      </c>
      <c r="H21624" s="5">
        <v>6</v>
      </c>
      <c r="I21624" s="5" t="s">
        <v>1518</v>
      </c>
      <c r="J21624" s="5" t="s">
        <v>69038</v>
      </c>
      <c r="K21624" s="2" t="s">
        <v>69039</v>
      </c>
      <c r="L21624" s="5" t="s">
        <v>69038</v>
      </c>
      <c r="M21624" s="2" t="s">
        <v>69039</v>
      </c>
      <c r="N21624" s="5" t="s">
        <v>1521</v>
      </c>
      <c r="O21624" s="5" t="s">
        <v>38</v>
      </c>
      <c r="P21624" s="5" t="s">
        <v>39</v>
      </c>
      <c r="Q21624" s="5" t="s">
        <v>40</v>
      </c>
      <c r="R21624" s="5" t="s">
        <v>1522</v>
      </c>
      <c r="S21624" s="5" t="s">
        <v>1523</v>
      </c>
      <c r="T21624" s="5" t="s">
        <v>42</v>
      </c>
      <c r="U21624" s="2">
        <v>1.256</v>
      </c>
      <c r="V21624" s="2">
        <v>0.96399999999999997</v>
      </c>
      <c r="W21624" s="2">
        <v>7.0000000000000001E-3</v>
      </c>
      <c r="X21624" s="2">
        <v>82.9</v>
      </c>
      <c r="Y21624" s="2">
        <v>7.6</v>
      </c>
      <c r="Z21624" s="2">
        <v>10.6</v>
      </c>
      <c r="AA21624" s="5"/>
      <c r="AB21624" s="5" t="s">
        <v>43</v>
      </c>
      <c r="AC21624" s="5" t="s">
        <v>44</v>
      </c>
      <c r="AD21624" s="2"/>
      <c r="AE21624" s="1"/>
    </row>
    <row r="21625" spans="1:31" ht="14.45">
      <c r="A21625" s="11"/>
      <c r="B21625" s="20"/>
      <c r="C21625" s="2" t="s">
        <v>69743</v>
      </c>
      <c r="D21625" s="14" t="s">
        <v>69744</v>
      </c>
      <c r="E21625" s="2" t="s">
        <v>69745</v>
      </c>
      <c r="F21625" s="2" t="s">
        <v>7514</v>
      </c>
      <c r="G21625" s="8">
        <v>105</v>
      </c>
      <c r="H21625" s="5">
        <v>6</v>
      </c>
      <c r="I21625" s="5" t="s">
        <v>1518</v>
      </c>
      <c r="J21625" s="5" t="s">
        <v>69038</v>
      </c>
      <c r="K21625" s="2" t="s">
        <v>69039</v>
      </c>
      <c r="L21625" s="5" t="s">
        <v>69038</v>
      </c>
      <c r="M21625" s="2" t="s">
        <v>69039</v>
      </c>
      <c r="N21625" s="5" t="s">
        <v>1521</v>
      </c>
      <c r="O21625" s="5" t="s">
        <v>38</v>
      </c>
      <c r="P21625" s="5" t="s">
        <v>39</v>
      </c>
      <c r="Q21625" s="5" t="s">
        <v>40</v>
      </c>
      <c r="R21625" s="5" t="s">
        <v>1522</v>
      </c>
      <c r="S21625" s="5" t="s">
        <v>1523</v>
      </c>
      <c r="T21625" s="5" t="s">
        <v>42</v>
      </c>
      <c r="U21625" s="2">
        <v>1.3080000000000001</v>
      </c>
      <c r="V21625" s="2">
        <v>1.016</v>
      </c>
      <c r="W21625" s="2">
        <v>7.0000000000000001E-3</v>
      </c>
      <c r="X21625" s="2">
        <v>82.9</v>
      </c>
      <c r="Y21625" s="2">
        <v>7.6</v>
      </c>
      <c r="Z21625" s="2">
        <v>10.6</v>
      </c>
      <c r="AA21625" s="5"/>
      <c r="AB21625" s="5" t="s">
        <v>43</v>
      </c>
      <c r="AC21625" s="5" t="s">
        <v>44</v>
      </c>
      <c r="AD21625" s="2"/>
      <c r="AE21625" s="1"/>
    </row>
    <row r="21626" spans="1:31" ht="14.45">
      <c r="A21626" s="11"/>
      <c r="B21626" s="20"/>
      <c r="C21626" s="2" t="s">
        <v>69746</v>
      </c>
      <c r="D21626" s="14" t="s">
        <v>69747</v>
      </c>
      <c r="E21626" s="2" t="s">
        <v>69748</v>
      </c>
      <c r="F21626" s="2" t="s">
        <v>7208</v>
      </c>
      <c r="G21626" s="8">
        <v>105</v>
      </c>
      <c r="H21626" s="5">
        <v>6</v>
      </c>
      <c r="I21626" s="5" t="s">
        <v>1518</v>
      </c>
      <c r="J21626" s="5" t="s">
        <v>69038</v>
      </c>
      <c r="K21626" s="2" t="s">
        <v>69039</v>
      </c>
      <c r="L21626" s="5" t="s">
        <v>69038</v>
      </c>
      <c r="M21626" s="2" t="s">
        <v>69039</v>
      </c>
      <c r="N21626" s="5" t="s">
        <v>1521</v>
      </c>
      <c r="O21626" s="5" t="s">
        <v>38</v>
      </c>
      <c r="P21626" s="5" t="s">
        <v>39</v>
      </c>
      <c r="Q21626" s="5" t="s">
        <v>40</v>
      </c>
      <c r="R21626" s="5" t="s">
        <v>1522</v>
      </c>
      <c r="S21626" s="5" t="s">
        <v>1523</v>
      </c>
      <c r="T21626" s="5" t="s">
        <v>42</v>
      </c>
      <c r="U21626" s="2">
        <v>1.256</v>
      </c>
      <c r="V21626" s="2">
        <v>0.96399999999999997</v>
      </c>
      <c r="W21626" s="2">
        <v>7.0000000000000001E-3</v>
      </c>
      <c r="X21626" s="2">
        <v>82.9</v>
      </c>
      <c r="Y21626" s="2">
        <v>7.6</v>
      </c>
      <c r="Z21626" s="2">
        <v>10.6</v>
      </c>
      <c r="AA21626" s="5"/>
      <c r="AB21626" s="5" t="s">
        <v>43</v>
      </c>
      <c r="AC21626" s="5" t="s">
        <v>44</v>
      </c>
      <c r="AD21626" s="2"/>
      <c r="AE21626" s="1"/>
    </row>
    <row r="21627" spans="1:31" ht="14.45">
      <c r="A21627" s="11"/>
      <c r="B21627" s="20"/>
      <c r="C21627" s="2" t="s">
        <v>69749</v>
      </c>
      <c r="D21627" s="14" t="s">
        <v>69750</v>
      </c>
      <c r="E21627" s="2" t="s">
        <v>69751</v>
      </c>
      <c r="F21627" s="2" t="s">
        <v>7521</v>
      </c>
      <c r="G21627" s="8">
        <v>105</v>
      </c>
      <c r="H21627" s="5">
        <v>6</v>
      </c>
      <c r="I21627" s="5" t="s">
        <v>1518</v>
      </c>
      <c r="J21627" s="5" t="s">
        <v>69038</v>
      </c>
      <c r="K21627" s="2" t="s">
        <v>69039</v>
      </c>
      <c r="L21627" s="5" t="s">
        <v>69038</v>
      </c>
      <c r="M21627" s="2" t="s">
        <v>69039</v>
      </c>
      <c r="N21627" s="5" t="s">
        <v>1521</v>
      </c>
      <c r="O21627" s="5" t="s">
        <v>38</v>
      </c>
      <c r="P21627" s="5" t="s">
        <v>39</v>
      </c>
      <c r="Q21627" s="5" t="s">
        <v>40</v>
      </c>
      <c r="R21627" s="5" t="s">
        <v>1522</v>
      </c>
      <c r="S21627" s="5" t="s">
        <v>1523</v>
      </c>
      <c r="T21627" s="5" t="s">
        <v>42</v>
      </c>
      <c r="U21627" s="2">
        <v>1.3080000000000001</v>
      </c>
      <c r="V21627" s="2">
        <v>1.016</v>
      </c>
      <c r="W21627" s="2">
        <v>7.0000000000000001E-3</v>
      </c>
      <c r="X21627" s="2">
        <v>82.9</v>
      </c>
      <c r="Y21627" s="2">
        <v>7.6</v>
      </c>
      <c r="Z21627" s="2">
        <v>10.6</v>
      </c>
      <c r="AA21627" s="5"/>
      <c r="AB21627" s="5" t="s">
        <v>43</v>
      </c>
      <c r="AC21627" s="5" t="s">
        <v>44</v>
      </c>
      <c r="AD21627" s="2"/>
      <c r="AE21627" s="1"/>
    </row>
    <row r="21628" spans="1:31" ht="14.45">
      <c r="A21628" s="11"/>
      <c r="B21628" s="20"/>
      <c r="C21628" s="2" t="s">
        <v>69752</v>
      </c>
      <c r="D21628" s="14" t="s">
        <v>69753</v>
      </c>
      <c r="E21628" s="2" t="s">
        <v>69754</v>
      </c>
      <c r="F21628" s="2" t="s">
        <v>7406</v>
      </c>
      <c r="G21628" s="8">
        <v>121</v>
      </c>
      <c r="H21628" s="5">
        <v>6</v>
      </c>
      <c r="I21628" s="5" t="s">
        <v>1518</v>
      </c>
      <c r="J21628" s="5" t="s">
        <v>69038</v>
      </c>
      <c r="K21628" s="2" t="s">
        <v>69039</v>
      </c>
      <c r="L21628" s="5" t="s">
        <v>69038</v>
      </c>
      <c r="M21628" s="2" t="s">
        <v>69039</v>
      </c>
      <c r="N21628" s="5" t="s">
        <v>1521</v>
      </c>
      <c r="O21628" s="5" t="s">
        <v>38</v>
      </c>
      <c r="P21628" s="5" t="s">
        <v>39</v>
      </c>
      <c r="Q21628" s="5" t="s">
        <v>40</v>
      </c>
      <c r="R21628" s="5" t="s">
        <v>1522</v>
      </c>
      <c r="S21628" s="5" t="s">
        <v>1523</v>
      </c>
      <c r="T21628" s="5" t="s">
        <v>42</v>
      </c>
      <c r="U21628" s="2">
        <v>1.256</v>
      </c>
      <c r="V21628" s="2">
        <v>0.96399999999999997</v>
      </c>
      <c r="W21628" s="2">
        <v>7.0000000000000001E-3</v>
      </c>
      <c r="X21628" s="2">
        <v>82.9</v>
      </c>
      <c r="Y21628" s="2">
        <v>7.6</v>
      </c>
      <c r="Z21628" s="2">
        <v>10.6</v>
      </c>
      <c r="AA21628" s="5"/>
      <c r="AB21628" s="5" t="s">
        <v>43</v>
      </c>
      <c r="AC21628" s="5" t="s">
        <v>44</v>
      </c>
      <c r="AD21628" s="2"/>
      <c r="AE21628" s="1"/>
    </row>
    <row r="21629" spans="1:31" ht="14.45">
      <c r="A21629" s="11"/>
      <c r="B21629" s="20"/>
      <c r="C21629" s="2" t="s">
        <v>69755</v>
      </c>
      <c r="D21629" s="14" t="s">
        <v>69756</v>
      </c>
      <c r="E21629" s="2" t="s">
        <v>69757</v>
      </c>
      <c r="F21629" s="2" t="s">
        <v>7535</v>
      </c>
      <c r="G21629" s="8">
        <v>121</v>
      </c>
      <c r="H21629" s="5">
        <v>6</v>
      </c>
      <c r="I21629" s="5" t="s">
        <v>1518</v>
      </c>
      <c r="J21629" s="5" t="s">
        <v>69038</v>
      </c>
      <c r="K21629" s="2" t="s">
        <v>69039</v>
      </c>
      <c r="L21629" s="5" t="s">
        <v>69038</v>
      </c>
      <c r="M21629" s="2" t="s">
        <v>69039</v>
      </c>
      <c r="N21629" s="5" t="s">
        <v>1521</v>
      </c>
      <c r="O21629" s="5" t="s">
        <v>38</v>
      </c>
      <c r="P21629" s="5" t="s">
        <v>39</v>
      </c>
      <c r="Q21629" s="5" t="s">
        <v>40</v>
      </c>
      <c r="R21629" s="5" t="s">
        <v>1522</v>
      </c>
      <c r="S21629" s="5" t="s">
        <v>1523</v>
      </c>
      <c r="T21629" s="5" t="s">
        <v>42</v>
      </c>
      <c r="U21629" s="2">
        <v>1.3080000000000001</v>
      </c>
      <c r="V21629" s="2">
        <v>1.016</v>
      </c>
      <c r="W21629" s="2">
        <v>7.0000000000000001E-3</v>
      </c>
      <c r="X21629" s="2">
        <v>82.9</v>
      </c>
      <c r="Y21629" s="2">
        <v>7.6</v>
      </c>
      <c r="Z21629" s="2">
        <v>10.6</v>
      </c>
      <c r="AA21629" s="5"/>
      <c r="AB21629" s="5" t="s">
        <v>43</v>
      </c>
      <c r="AC21629" s="5" t="s">
        <v>44</v>
      </c>
      <c r="AD21629" s="2"/>
      <c r="AE21629" s="1"/>
    </row>
    <row r="21630" spans="1:31" ht="14.45">
      <c r="A21630" s="11"/>
      <c r="B21630" s="20"/>
      <c r="C21630" s="2" t="s">
        <v>69758</v>
      </c>
      <c r="D21630" s="14" t="s">
        <v>69759</v>
      </c>
      <c r="E21630" s="2" t="s">
        <v>69760</v>
      </c>
      <c r="F21630" s="2" t="s">
        <v>7539</v>
      </c>
      <c r="G21630" s="8">
        <v>121</v>
      </c>
      <c r="H21630" s="5">
        <v>6</v>
      </c>
      <c r="I21630" s="5" t="s">
        <v>1518</v>
      </c>
      <c r="J21630" s="5" t="s">
        <v>69038</v>
      </c>
      <c r="K21630" s="2" t="s">
        <v>69039</v>
      </c>
      <c r="L21630" s="5" t="s">
        <v>69038</v>
      </c>
      <c r="M21630" s="2" t="s">
        <v>69039</v>
      </c>
      <c r="N21630" s="5" t="s">
        <v>1521</v>
      </c>
      <c r="O21630" s="5" t="s">
        <v>38</v>
      </c>
      <c r="P21630" s="5" t="s">
        <v>39</v>
      </c>
      <c r="Q21630" s="5" t="s">
        <v>40</v>
      </c>
      <c r="R21630" s="5" t="s">
        <v>1522</v>
      </c>
      <c r="S21630" s="5" t="s">
        <v>1523</v>
      </c>
      <c r="T21630" s="5" t="s">
        <v>42</v>
      </c>
      <c r="U21630" s="2">
        <v>1.256</v>
      </c>
      <c r="V21630" s="2">
        <v>0.96399999999999997</v>
      </c>
      <c r="W21630" s="2">
        <v>7.0000000000000001E-3</v>
      </c>
      <c r="X21630" s="2">
        <v>82.9</v>
      </c>
      <c r="Y21630" s="2">
        <v>7.6</v>
      </c>
      <c r="Z21630" s="2">
        <v>10.6</v>
      </c>
      <c r="AA21630" s="5"/>
      <c r="AB21630" s="5" t="s">
        <v>43</v>
      </c>
      <c r="AC21630" s="5" t="s">
        <v>44</v>
      </c>
      <c r="AD21630" s="2"/>
      <c r="AE21630" s="1"/>
    </row>
    <row r="21631" spans="1:31" ht="14.45">
      <c r="A21631" s="11"/>
      <c r="B21631" s="20"/>
      <c r="C21631" s="2" t="s">
        <v>69761</v>
      </c>
      <c r="D21631" s="14" t="s">
        <v>69762</v>
      </c>
      <c r="E21631" s="2" t="s">
        <v>69763</v>
      </c>
      <c r="F21631" s="2" t="s">
        <v>7543</v>
      </c>
      <c r="G21631" s="8">
        <v>121</v>
      </c>
      <c r="H21631" s="5">
        <v>6</v>
      </c>
      <c r="I21631" s="5" t="s">
        <v>1518</v>
      </c>
      <c r="J21631" s="5" t="s">
        <v>69038</v>
      </c>
      <c r="K21631" s="2" t="s">
        <v>69039</v>
      </c>
      <c r="L21631" s="5" t="s">
        <v>69038</v>
      </c>
      <c r="M21631" s="2" t="s">
        <v>69039</v>
      </c>
      <c r="N21631" s="5" t="s">
        <v>1521</v>
      </c>
      <c r="O21631" s="5" t="s">
        <v>38</v>
      </c>
      <c r="P21631" s="5" t="s">
        <v>39</v>
      </c>
      <c r="Q21631" s="5" t="s">
        <v>40</v>
      </c>
      <c r="R21631" s="5" t="s">
        <v>1522</v>
      </c>
      <c r="S21631" s="5" t="s">
        <v>1523</v>
      </c>
      <c r="T21631" s="5" t="s">
        <v>42</v>
      </c>
      <c r="U21631" s="2">
        <v>1.3080000000000001</v>
      </c>
      <c r="V21631" s="2">
        <v>1.016</v>
      </c>
      <c r="W21631" s="2">
        <v>7.0000000000000001E-3</v>
      </c>
      <c r="X21631" s="2">
        <v>82.9</v>
      </c>
      <c r="Y21631" s="2">
        <v>7.6</v>
      </c>
      <c r="Z21631" s="2">
        <v>10.6</v>
      </c>
      <c r="AA21631" s="5"/>
      <c r="AB21631" s="5" t="s">
        <v>43</v>
      </c>
      <c r="AC21631" s="5" t="s">
        <v>44</v>
      </c>
      <c r="AD21631" s="2"/>
      <c r="AE21631" s="1"/>
    </row>
    <row r="21632" spans="1:31" ht="14.45">
      <c r="A21632" s="11"/>
      <c r="B21632" s="20"/>
      <c r="C21632" s="2" t="s">
        <v>69764</v>
      </c>
      <c r="D21632" s="14" t="s">
        <v>69765</v>
      </c>
      <c r="E21632" s="2" t="s">
        <v>69766</v>
      </c>
      <c r="F21632" s="2" t="s">
        <v>7396</v>
      </c>
      <c r="G21632" s="8">
        <v>105</v>
      </c>
      <c r="H21632" s="5">
        <v>6</v>
      </c>
      <c r="I21632" s="5" t="s">
        <v>1518</v>
      </c>
      <c r="J21632" s="5" t="s">
        <v>69038</v>
      </c>
      <c r="K21632" s="2" t="s">
        <v>69039</v>
      </c>
      <c r="L21632" s="5" t="s">
        <v>69038</v>
      </c>
      <c r="M21632" s="2" t="s">
        <v>69039</v>
      </c>
      <c r="N21632" s="5" t="s">
        <v>1521</v>
      </c>
      <c r="O21632" s="5" t="s">
        <v>38</v>
      </c>
      <c r="P21632" s="5" t="s">
        <v>39</v>
      </c>
      <c r="Q21632" s="5" t="s">
        <v>40</v>
      </c>
      <c r="R21632" s="5" t="s">
        <v>1522</v>
      </c>
      <c r="S21632" s="5" t="s">
        <v>1523</v>
      </c>
      <c r="T21632" s="5" t="s">
        <v>42</v>
      </c>
      <c r="U21632" s="2">
        <v>1.256</v>
      </c>
      <c r="V21632" s="2">
        <v>0.96399999999999997</v>
      </c>
      <c r="W21632" s="2">
        <v>7.0000000000000001E-3</v>
      </c>
      <c r="X21632" s="2">
        <v>82.9</v>
      </c>
      <c r="Y21632" s="2">
        <v>7.6</v>
      </c>
      <c r="Z21632" s="2">
        <v>10.6</v>
      </c>
      <c r="AA21632" s="5"/>
      <c r="AB21632" s="5" t="s">
        <v>43</v>
      </c>
      <c r="AC21632" s="5" t="s">
        <v>44</v>
      </c>
      <c r="AD21632" s="2"/>
      <c r="AE21632" s="1"/>
    </row>
    <row r="21633" spans="1:31" ht="14.45">
      <c r="A21633" s="11"/>
      <c r="B21633" s="20"/>
      <c r="C21633" s="2" t="s">
        <v>69767</v>
      </c>
      <c r="D21633" s="14" t="s">
        <v>69768</v>
      </c>
      <c r="E21633" s="2" t="s">
        <v>69769</v>
      </c>
      <c r="F21633" s="2" t="s">
        <v>69112</v>
      </c>
      <c r="G21633" s="8">
        <v>105</v>
      </c>
      <c r="H21633" s="5">
        <v>6</v>
      </c>
      <c r="I21633" s="5" t="s">
        <v>1518</v>
      </c>
      <c r="J21633" s="5" t="s">
        <v>69038</v>
      </c>
      <c r="K21633" s="2" t="s">
        <v>69039</v>
      </c>
      <c r="L21633" s="5" t="s">
        <v>69038</v>
      </c>
      <c r="M21633" s="2" t="s">
        <v>69039</v>
      </c>
      <c r="N21633" s="5" t="s">
        <v>1521</v>
      </c>
      <c r="O21633" s="5" t="s">
        <v>38</v>
      </c>
      <c r="P21633" s="5" t="s">
        <v>39</v>
      </c>
      <c r="Q21633" s="5" t="s">
        <v>40</v>
      </c>
      <c r="R21633" s="5" t="s">
        <v>1522</v>
      </c>
      <c r="S21633" s="5" t="s">
        <v>1523</v>
      </c>
      <c r="T21633" s="5" t="s">
        <v>42</v>
      </c>
      <c r="U21633" s="2">
        <v>1.3080000000000001</v>
      </c>
      <c r="V21633" s="2">
        <v>1.016</v>
      </c>
      <c r="W21633" s="2">
        <v>7.0000000000000001E-3</v>
      </c>
      <c r="X21633" s="2">
        <v>82.9</v>
      </c>
      <c r="Y21633" s="2">
        <v>7.6</v>
      </c>
      <c r="Z21633" s="2">
        <v>10.6</v>
      </c>
      <c r="AA21633" s="5"/>
      <c r="AB21633" s="5" t="s">
        <v>43</v>
      </c>
      <c r="AC21633" s="5" t="s">
        <v>44</v>
      </c>
      <c r="AD21633" s="2"/>
      <c r="AE21633" s="1"/>
    </row>
    <row r="21634" spans="1:31" ht="14.45">
      <c r="A21634" s="11"/>
      <c r="B21634" s="20"/>
      <c r="C21634" s="2" t="s">
        <v>69770</v>
      </c>
      <c r="D21634" s="14" t="s">
        <v>69771</v>
      </c>
      <c r="E21634" s="2" t="s">
        <v>69772</v>
      </c>
      <c r="F21634" s="2" t="s">
        <v>7547</v>
      </c>
      <c r="G21634" s="8">
        <v>121</v>
      </c>
      <c r="H21634" s="5">
        <v>6</v>
      </c>
      <c r="I21634" s="5" t="s">
        <v>1518</v>
      </c>
      <c r="J21634" s="5" t="s">
        <v>69038</v>
      </c>
      <c r="K21634" s="2" t="s">
        <v>69039</v>
      </c>
      <c r="L21634" s="5" t="s">
        <v>69038</v>
      </c>
      <c r="M21634" s="2" t="s">
        <v>69039</v>
      </c>
      <c r="N21634" s="5" t="s">
        <v>1521</v>
      </c>
      <c r="O21634" s="5" t="s">
        <v>38</v>
      </c>
      <c r="P21634" s="5" t="s">
        <v>39</v>
      </c>
      <c r="Q21634" s="5" t="s">
        <v>40</v>
      </c>
      <c r="R21634" s="5" t="s">
        <v>1522</v>
      </c>
      <c r="S21634" s="5" t="s">
        <v>1523</v>
      </c>
      <c r="T21634" s="5" t="s">
        <v>42</v>
      </c>
      <c r="U21634" s="2">
        <v>1.256</v>
      </c>
      <c r="V21634" s="2">
        <v>0.96399999999999997</v>
      </c>
      <c r="W21634" s="2">
        <v>7.0000000000000001E-3</v>
      </c>
      <c r="X21634" s="2">
        <v>82.9</v>
      </c>
      <c r="Y21634" s="2">
        <v>7.6</v>
      </c>
      <c r="Z21634" s="2">
        <v>10.6</v>
      </c>
      <c r="AA21634" s="5"/>
      <c r="AB21634" s="5" t="s">
        <v>43</v>
      </c>
      <c r="AC21634" s="5" t="s">
        <v>44</v>
      </c>
      <c r="AD21634" s="2"/>
      <c r="AE21634" s="1"/>
    </row>
    <row r="21635" spans="1:31" ht="14.45">
      <c r="A21635" s="11"/>
      <c r="B21635" s="20"/>
      <c r="C21635" s="2" t="s">
        <v>69773</v>
      </c>
      <c r="D21635" s="14" t="s">
        <v>69774</v>
      </c>
      <c r="E21635" s="2" t="s">
        <v>69775</v>
      </c>
      <c r="F21635" s="2" t="s">
        <v>7563</v>
      </c>
      <c r="G21635" s="8">
        <v>121</v>
      </c>
      <c r="H21635" s="5">
        <v>6</v>
      </c>
      <c r="I21635" s="5" t="s">
        <v>1518</v>
      </c>
      <c r="J21635" s="5" t="s">
        <v>69038</v>
      </c>
      <c r="K21635" s="2" t="s">
        <v>69039</v>
      </c>
      <c r="L21635" s="5" t="s">
        <v>69038</v>
      </c>
      <c r="M21635" s="2" t="s">
        <v>69039</v>
      </c>
      <c r="N21635" s="5" t="s">
        <v>1521</v>
      </c>
      <c r="O21635" s="5" t="s">
        <v>38</v>
      </c>
      <c r="P21635" s="5" t="s">
        <v>39</v>
      </c>
      <c r="Q21635" s="5" t="s">
        <v>40</v>
      </c>
      <c r="R21635" s="5" t="s">
        <v>1522</v>
      </c>
      <c r="S21635" s="5" t="s">
        <v>1523</v>
      </c>
      <c r="T21635" s="5" t="s">
        <v>42</v>
      </c>
      <c r="U21635" s="2">
        <v>1.256</v>
      </c>
      <c r="V21635" s="2">
        <v>0.96399999999999997</v>
      </c>
      <c r="W21635" s="2">
        <v>7.0000000000000001E-3</v>
      </c>
      <c r="X21635" s="2">
        <v>82.9</v>
      </c>
      <c r="Y21635" s="2">
        <v>7.6</v>
      </c>
      <c r="Z21635" s="2">
        <v>10.6</v>
      </c>
      <c r="AA21635" s="5"/>
      <c r="AB21635" s="5" t="s">
        <v>43</v>
      </c>
      <c r="AC21635" s="5" t="s">
        <v>44</v>
      </c>
      <c r="AD21635" s="2"/>
      <c r="AE21635" s="1"/>
    </row>
    <row r="21636" spans="1:31" ht="14.45">
      <c r="A21636" s="11"/>
      <c r="B21636" s="20"/>
      <c r="C21636" s="2" t="s">
        <v>69776</v>
      </c>
      <c r="D21636" s="14" t="s">
        <v>69777</v>
      </c>
      <c r="E21636" s="2" t="s">
        <v>69778</v>
      </c>
      <c r="F21636" s="2" t="s">
        <v>7567</v>
      </c>
      <c r="G21636" s="8">
        <v>121</v>
      </c>
      <c r="H21636" s="5">
        <v>6</v>
      </c>
      <c r="I21636" s="5" t="s">
        <v>1518</v>
      </c>
      <c r="J21636" s="5" t="s">
        <v>69038</v>
      </c>
      <c r="K21636" s="2" t="s">
        <v>69039</v>
      </c>
      <c r="L21636" s="5" t="s">
        <v>69038</v>
      </c>
      <c r="M21636" s="2" t="s">
        <v>69039</v>
      </c>
      <c r="N21636" s="5" t="s">
        <v>1521</v>
      </c>
      <c r="O21636" s="5" t="s">
        <v>38</v>
      </c>
      <c r="P21636" s="5" t="s">
        <v>39</v>
      </c>
      <c r="Q21636" s="5" t="s">
        <v>40</v>
      </c>
      <c r="R21636" s="5" t="s">
        <v>1522</v>
      </c>
      <c r="S21636" s="5" t="s">
        <v>1523</v>
      </c>
      <c r="T21636" s="5" t="s">
        <v>42</v>
      </c>
      <c r="U21636" s="2">
        <v>1.3080000000000001</v>
      </c>
      <c r="V21636" s="2">
        <v>1.016</v>
      </c>
      <c r="W21636" s="2">
        <v>7.0000000000000001E-3</v>
      </c>
      <c r="X21636" s="2">
        <v>82.9</v>
      </c>
      <c r="Y21636" s="2">
        <v>7.6</v>
      </c>
      <c r="Z21636" s="2">
        <v>10.6</v>
      </c>
      <c r="AA21636" s="5"/>
      <c r="AB21636" s="5" t="s">
        <v>43</v>
      </c>
      <c r="AC21636" s="5" t="s">
        <v>44</v>
      </c>
      <c r="AD21636" s="2"/>
      <c r="AE21636" s="1"/>
    </row>
    <row r="21637" spans="1:31" ht="14.45">
      <c r="A21637" s="11"/>
      <c r="B21637" s="20"/>
      <c r="C21637" s="2" t="s">
        <v>69779</v>
      </c>
      <c r="D21637" s="14" t="s">
        <v>69780</v>
      </c>
      <c r="E21637" s="2" t="s">
        <v>69781</v>
      </c>
      <c r="F21637" s="2" t="s">
        <v>7555</v>
      </c>
      <c r="G21637" s="8">
        <v>121</v>
      </c>
      <c r="H21637" s="5">
        <v>6</v>
      </c>
      <c r="I21637" s="5" t="s">
        <v>1518</v>
      </c>
      <c r="J21637" s="5" t="s">
        <v>69038</v>
      </c>
      <c r="K21637" s="2" t="s">
        <v>69039</v>
      </c>
      <c r="L21637" s="5" t="s">
        <v>69038</v>
      </c>
      <c r="M21637" s="2" t="s">
        <v>69039</v>
      </c>
      <c r="N21637" s="5" t="s">
        <v>1521</v>
      </c>
      <c r="O21637" s="5" t="s">
        <v>38</v>
      </c>
      <c r="P21637" s="5" t="s">
        <v>39</v>
      </c>
      <c r="Q21637" s="5" t="s">
        <v>40</v>
      </c>
      <c r="R21637" s="5" t="s">
        <v>1522</v>
      </c>
      <c r="S21637" s="5" t="s">
        <v>1523</v>
      </c>
      <c r="T21637" s="5" t="s">
        <v>42</v>
      </c>
      <c r="U21637" s="2">
        <v>1.256</v>
      </c>
      <c r="V21637" s="2">
        <v>0.96399999999999997</v>
      </c>
      <c r="W21637" s="2">
        <v>7.0000000000000001E-3</v>
      </c>
      <c r="X21637" s="2">
        <v>82.9</v>
      </c>
      <c r="Y21637" s="2">
        <v>7.6</v>
      </c>
      <c r="Z21637" s="2">
        <v>10.6</v>
      </c>
      <c r="AA21637" s="5"/>
      <c r="AB21637" s="5" t="s">
        <v>43</v>
      </c>
      <c r="AC21637" s="5" t="s">
        <v>44</v>
      </c>
      <c r="AD21637" s="2"/>
      <c r="AE21637" s="1"/>
    </row>
    <row r="21638" spans="1:31" ht="14.45">
      <c r="A21638" s="11"/>
      <c r="B21638" s="20"/>
      <c r="C21638" s="2" t="s">
        <v>69782</v>
      </c>
      <c r="D21638" s="14" t="s">
        <v>69783</v>
      </c>
      <c r="E21638" s="2" t="s">
        <v>69784</v>
      </c>
      <c r="F21638" s="2" t="s">
        <v>7559</v>
      </c>
      <c r="G21638" s="8">
        <v>121</v>
      </c>
      <c r="H21638" s="5">
        <v>6</v>
      </c>
      <c r="I21638" s="5" t="s">
        <v>1518</v>
      </c>
      <c r="J21638" s="5" t="s">
        <v>69038</v>
      </c>
      <c r="K21638" s="2" t="s">
        <v>69039</v>
      </c>
      <c r="L21638" s="5" t="s">
        <v>69038</v>
      </c>
      <c r="M21638" s="2" t="s">
        <v>69039</v>
      </c>
      <c r="N21638" s="5" t="s">
        <v>1521</v>
      </c>
      <c r="O21638" s="5" t="s">
        <v>38</v>
      </c>
      <c r="P21638" s="5" t="s">
        <v>39</v>
      </c>
      <c r="Q21638" s="5" t="s">
        <v>40</v>
      </c>
      <c r="R21638" s="5" t="s">
        <v>1522</v>
      </c>
      <c r="S21638" s="5" t="s">
        <v>1523</v>
      </c>
      <c r="T21638" s="5" t="s">
        <v>42</v>
      </c>
      <c r="U21638" s="2">
        <v>1.3080000000000001</v>
      </c>
      <c r="V21638" s="2">
        <v>1.016</v>
      </c>
      <c r="W21638" s="2">
        <v>7.0000000000000001E-3</v>
      </c>
      <c r="X21638" s="2">
        <v>82.9</v>
      </c>
      <c r="Y21638" s="2">
        <v>7.6</v>
      </c>
      <c r="Z21638" s="2">
        <v>10.6</v>
      </c>
      <c r="AA21638" s="5"/>
      <c r="AB21638" s="5" t="s">
        <v>43</v>
      </c>
      <c r="AC21638" s="5" t="s">
        <v>44</v>
      </c>
      <c r="AD21638" s="2"/>
      <c r="AE21638" s="1"/>
    </row>
    <row r="21639" spans="1:31" ht="14.45">
      <c r="A21639" s="11"/>
      <c r="B21639" s="20"/>
      <c r="C21639" s="2" t="s">
        <v>69785</v>
      </c>
      <c r="D21639" s="14" t="s">
        <v>69786</v>
      </c>
      <c r="E21639" s="2" t="s">
        <v>69787</v>
      </c>
      <c r="F21639" s="2" t="s">
        <v>7429</v>
      </c>
      <c r="G21639" s="8">
        <v>121</v>
      </c>
      <c r="H21639" s="5">
        <v>6</v>
      </c>
      <c r="I21639" s="5" t="s">
        <v>1518</v>
      </c>
      <c r="J21639" s="5" t="s">
        <v>69038</v>
      </c>
      <c r="K21639" s="2" t="s">
        <v>69039</v>
      </c>
      <c r="L21639" s="5" t="s">
        <v>69038</v>
      </c>
      <c r="M21639" s="2" t="s">
        <v>69039</v>
      </c>
      <c r="N21639" s="5" t="s">
        <v>1521</v>
      </c>
      <c r="O21639" s="5" t="s">
        <v>38</v>
      </c>
      <c r="P21639" s="5" t="s">
        <v>39</v>
      </c>
      <c r="Q21639" s="5" t="s">
        <v>40</v>
      </c>
      <c r="R21639" s="5" t="s">
        <v>1522</v>
      </c>
      <c r="S21639" s="5" t="s">
        <v>1523</v>
      </c>
      <c r="T21639" s="5" t="s">
        <v>42</v>
      </c>
      <c r="U21639" s="2">
        <v>1.256</v>
      </c>
      <c r="V21639" s="2">
        <v>0.96399999999999997</v>
      </c>
      <c r="W21639" s="2">
        <v>7.0000000000000001E-3</v>
      </c>
      <c r="X21639" s="2">
        <v>82.9</v>
      </c>
      <c r="Y21639" s="2">
        <v>7.6</v>
      </c>
      <c r="Z21639" s="2">
        <v>10.6</v>
      </c>
      <c r="AA21639" s="5"/>
      <c r="AB21639" s="5" t="s">
        <v>43</v>
      </c>
      <c r="AC21639" s="5" t="s">
        <v>44</v>
      </c>
      <c r="AD21639" s="2"/>
      <c r="AE21639" s="1"/>
    </row>
    <row r="21640" spans="1:31" ht="14.45">
      <c r="A21640" s="11"/>
      <c r="B21640" s="20"/>
      <c r="C21640" s="2" t="s">
        <v>69788</v>
      </c>
      <c r="D21640" s="14" t="s">
        <v>69789</v>
      </c>
      <c r="E21640" s="2" t="s">
        <v>69790</v>
      </c>
      <c r="F21640" s="2" t="s">
        <v>7449</v>
      </c>
      <c r="G21640" s="8">
        <v>121</v>
      </c>
      <c r="H21640" s="5">
        <v>6</v>
      </c>
      <c r="I21640" s="5" t="s">
        <v>1518</v>
      </c>
      <c r="J21640" s="5" t="s">
        <v>69038</v>
      </c>
      <c r="K21640" s="2" t="s">
        <v>69039</v>
      </c>
      <c r="L21640" s="5" t="s">
        <v>69038</v>
      </c>
      <c r="M21640" s="2" t="s">
        <v>69039</v>
      </c>
      <c r="N21640" s="5" t="s">
        <v>1521</v>
      </c>
      <c r="O21640" s="5" t="s">
        <v>38</v>
      </c>
      <c r="P21640" s="5" t="s">
        <v>39</v>
      </c>
      <c r="Q21640" s="5" t="s">
        <v>40</v>
      </c>
      <c r="R21640" s="5" t="s">
        <v>1522</v>
      </c>
      <c r="S21640" s="5" t="s">
        <v>1523</v>
      </c>
      <c r="T21640" s="5" t="s">
        <v>42</v>
      </c>
      <c r="U21640" s="2">
        <v>1.256</v>
      </c>
      <c r="V21640" s="2">
        <v>0.96399999999999997</v>
      </c>
      <c r="W21640" s="2">
        <v>7.0000000000000001E-3</v>
      </c>
      <c r="X21640" s="2">
        <v>82.9</v>
      </c>
      <c r="Y21640" s="2">
        <v>7.6</v>
      </c>
      <c r="Z21640" s="2">
        <v>10.6</v>
      </c>
      <c r="AA21640" s="5"/>
      <c r="AB21640" s="5" t="s">
        <v>43</v>
      </c>
      <c r="AC21640" s="5" t="s">
        <v>44</v>
      </c>
      <c r="AD21640" s="2"/>
      <c r="AE21640" s="1"/>
    </row>
    <row r="21641" spans="1:31" ht="14.45">
      <c r="A21641" s="11"/>
      <c r="B21641" s="20"/>
      <c r="C21641" s="2" t="s">
        <v>69791</v>
      </c>
      <c r="D21641" s="14" t="s">
        <v>69792</v>
      </c>
      <c r="E21641" s="2" t="s">
        <v>69793</v>
      </c>
      <c r="F21641" s="2" t="s">
        <v>7581</v>
      </c>
      <c r="G21641" s="8">
        <v>121</v>
      </c>
      <c r="H21641" s="5">
        <v>6</v>
      </c>
      <c r="I21641" s="5" t="s">
        <v>1518</v>
      </c>
      <c r="J21641" s="5" t="s">
        <v>69038</v>
      </c>
      <c r="K21641" s="2" t="s">
        <v>69039</v>
      </c>
      <c r="L21641" s="5" t="s">
        <v>69038</v>
      </c>
      <c r="M21641" s="2" t="s">
        <v>69039</v>
      </c>
      <c r="N21641" s="5" t="s">
        <v>1521</v>
      </c>
      <c r="O21641" s="5" t="s">
        <v>38</v>
      </c>
      <c r="P21641" s="5" t="s">
        <v>39</v>
      </c>
      <c r="Q21641" s="5" t="s">
        <v>40</v>
      </c>
      <c r="R21641" s="5" t="s">
        <v>1522</v>
      </c>
      <c r="S21641" s="5" t="s">
        <v>1523</v>
      </c>
      <c r="T21641" s="5" t="s">
        <v>42</v>
      </c>
      <c r="U21641" s="2">
        <v>1.3080000000000001</v>
      </c>
      <c r="V21641" s="2">
        <v>1.016</v>
      </c>
      <c r="W21641" s="2">
        <v>7.0000000000000001E-3</v>
      </c>
      <c r="X21641" s="2">
        <v>82.9</v>
      </c>
      <c r="Y21641" s="2">
        <v>7.6</v>
      </c>
      <c r="Z21641" s="2">
        <v>10.6</v>
      </c>
      <c r="AA21641" s="5"/>
      <c r="AB21641" s="5" t="s">
        <v>43</v>
      </c>
      <c r="AC21641" s="5" t="s">
        <v>44</v>
      </c>
      <c r="AD21641" s="2"/>
      <c r="AE21641" s="1"/>
    </row>
    <row r="21642" spans="1:31" ht="14.45">
      <c r="A21642" s="11"/>
      <c r="B21642" s="20"/>
      <c r="C21642" s="2" t="s">
        <v>69794</v>
      </c>
      <c r="D21642" s="14" t="s">
        <v>69795</v>
      </c>
      <c r="E21642" s="2" t="s">
        <v>69796</v>
      </c>
      <c r="F21642" s="2" t="s">
        <v>7585</v>
      </c>
      <c r="G21642" s="8">
        <v>121</v>
      </c>
      <c r="H21642" s="5">
        <v>6</v>
      </c>
      <c r="I21642" s="5" t="s">
        <v>1518</v>
      </c>
      <c r="J21642" s="5" t="s">
        <v>69038</v>
      </c>
      <c r="K21642" s="2" t="s">
        <v>69039</v>
      </c>
      <c r="L21642" s="5" t="s">
        <v>69038</v>
      </c>
      <c r="M21642" s="2" t="s">
        <v>69039</v>
      </c>
      <c r="N21642" s="5" t="s">
        <v>1521</v>
      </c>
      <c r="O21642" s="5" t="s">
        <v>38</v>
      </c>
      <c r="P21642" s="5" t="s">
        <v>39</v>
      </c>
      <c r="Q21642" s="5" t="s">
        <v>40</v>
      </c>
      <c r="R21642" s="5" t="s">
        <v>1522</v>
      </c>
      <c r="S21642" s="5" t="s">
        <v>1523</v>
      </c>
      <c r="T21642" s="5" t="s">
        <v>42</v>
      </c>
      <c r="U21642" s="2">
        <v>1.256</v>
      </c>
      <c r="V21642" s="2">
        <v>0.96399999999999997</v>
      </c>
      <c r="W21642" s="2">
        <v>7.0000000000000001E-3</v>
      </c>
      <c r="X21642" s="2">
        <v>82.9</v>
      </c>
      <c r="Y21642" s="2">
        <v>7.6</v>
      </c>
      <c r="Z21642" s="2">
        <v>10.6</v>
      </c>
      <c r="AA21642" s="5"/>
      <c r="AB21642" s="5" t="s">
        <v>43</v>
      </c>
      <c r="AC21642" s="5" t="s">
        <v>44</v>
      </c>
      <c r="AD21642" s="2"/>
      <c r="AE21642" s="1"/>
    </row>
    <row r="21643" spans="1:31" ht="14.45">
      <c r="A21643" s="11"/>
      <c r="B21643" s="20"/>
      <c r="C21643" s="2" t="s">
        <v>69797</v>
      </c>
      <c r="D21643" s="14" t="s">
        <v>69798</v>
      </c>
      <c r="E21643" s="2" t="s">
        <v>69799</v>
      </c>
      <c r="F21643" s="2" t="s">
        <v>7589</v>
      </c>
      <c r="G21643" s="8">
        <v>121</v>
      </c>
      <c r="H21643" s="5">
        <v>6</v>
      </c>
      <c r="I21643" s="5" t="s">
        <v>1518</v>
      </c>
      <c r="J21643" s="5" t="s">
        <v>69038</v>
      </c>
      <c r="K21643" s="2" t="s">
        <v>69039</v>
      </c>
      <c r="L21643" s="5" t="s">
        <v>69038</v>
      </c>
      <c r="M21643" s="2" t="s">
        <v>69039</v>
      </c>
      <c r="N21643" s="5" t="s">
        <v>1521</v>
      </c>
      <c r="O21643" s="5" t="s">
        <v>38</v>
      </c>
      <c r="P21643" s="5" t="s">
        <v>39</v>
      </c>
      <c r="Q21643" s="5" t="s">
        <v>40</v>
      </c>
      <c r="R21643" s="5" t="s">
        <v>1522</v>
      </c>
      <c r="S21643" s="5" t="s">
        <v>1523</v>
      </c>
      <c r="T21643" s="5" t="s">
        <v>42</v>
      </c>
      <c r="U21643" s="2">
        <v>1.3080000000000001</v>
      </c>
      <c r="V21643" s="2">
        <v>1.016</v>
      </c>
      <c r="W21643" s="2">
        <v>7.0000000000000001E-3</v>
      </c>
      <c r="X21643" s="2">
        <v>82.9</v>
      </c>
      <c r="Y21643" s="2">
        <v>7.6</v>
      </c>
      <c r="Z21643" s="2">
        <v>10.6</v>
      </c>
      <c r="AA21643" s="5"/>
      <c r="AB21643" s="5" t="s">
        <v>43</v>
      </c>
      <c r="AC21643" s="5" t="s">
        <v>44</v>
      </c>
      <c r="AD21643" s="2"/>
      <c r="AE21643" s="1"/>
    </row>
    <row r="21644" spans="1:31" ht="14.45">
      <c r="A21644" s="11"/>
      <c r="B21644" s="20"/>
      <c r="C21644" s="2" t="s">
        <v>69800</v>
      </c>
      <c r="D21644" s="14" t="s">
        <v>69801</v>
      </c>
      <c r="E21644" s="2" t="s">
        <v>69802</v>
      </c>
      <c r="F21644" s="2" t="s">
        <v>7593</v>
      </c>
      <c r="G21644" s="8">
        <v>121</v>
      </c>
      <c r="H21644" s="5">
        <v>6</v>
      </c>
      <c r="I21644" s="5" t="s">
        <v>1518</v>
      </c>
      <c r="J21644" s="5" t="s">
        <v>69038</v>
      </c>
      <c r="K21644" s="2" t="s">
        <v>69039</v>
      </c>
      <c r="L21644" s="5" t="s">
        <v>69038</v>
      </c>
      <c r="M21644" s="2" t="s">
        <v>69039</v>
      </c>
      <c r="N21644" s="5" t="s">
        <v>1521</v>
      </c>
      <c r="O21644" s="5" t="s">
        <v>38</v>
      </c>
      <c r="P21644" s="5" t="s">
        <v>39</v>
      </c>
      <c r="Q21644" s="5" t="s">
        <v>40</v>
      </c>
      <c r="R21644" s="5" t="s">
        <v>1522</v>
      </c>
      <c r="S21644" s="5" t="s">
        <v>1523</v>
      </c>
      <c r="T21644" s="5" t="s">
        <v>42</v>
      </c>
      <c r="U21644" s="2">
        <v>1.256</v>
      </c>
      <c r="V21644" s="2">
        <v>0.96399999999999997</v>
      </c>
      <c r="W21644" s="2">
        <v>7.0000000000000001E-3</v>
      </c>
      <c r="X21644" s="2">
        <v>82.9</v>
      </c>
      <c r="Y21644" s="2">
        <v>7.6</v>
      </c>
      <c r="Z21644" s="2">
        <v>10.6</v>
      </c>
      <c r="AA21644" s="5"/>
      <c r="AB21644" s="5" t="s">
        <v>43</v>
      </c>
      <c r="AC21644" s="5" t="s">
        <v>44</v>
      </c>
      <c r="AD21644" s="2"/>
      <c r="AE21644" s="1"/>
    </row>
    <row r="21645" spans="1:31" ht="14.45">
      <c r="A21645" s="11"/>
      <c r="B21645" s="20"/>
      <c r="C21645" s="2" t="s">
        <v>69803</v>
      </c>
      <c r="D21645" s="14" t="s">
        <v>69804</v>
      </c>
      <c r="E21645" s="2" t="s">
        <v>69805</v>
      </c>
      <c r="F21645" s="2" t="s">
        <v>7597</v>
      </c>
      <c r="G21645" s="8">
        <v>121</v>
      </c>
      <c r="H21645" s="5">
        <v>6</v>
      </c>
      <c r="I21645" s="5" t="s">
        <v>1518</v>
      </c>
      <c r="J21645" s="5" t="s">
        <v>69038</v>
      </c>
      <c r="K21645" s="2" t="s">
        <v>69039</v>
      </c>
      <c r="L21645" s="5" t="s">
        <v>69038</v>
      </c>
      <c r="M21645" s="2" t="s">
        <v>69039</v>
      </c>
      <c r="N21645" s="5" t="s">
        <v>1521</v>
      </c>
      <c r="O21645" s="5" t="s">
        <v>38</v>
      </c>
      <c r="P21645" s="5" t="s">
        <v>39</v>
      </c>
      <c r="Q21645" s="5" t="s">
        <v>40</v>
      </c>
      <c r="R21645" s="5" t="s">
        <v>1522</v>
      </c>
      <c r="S21645" s="5" t="s">
        <v>1523</v>
      </c>
      <c r="T21645" s="5" t="s">
        <v>42</v>
      </c>
      <c r="U21645" s="2">
        <v>1.3080000000000001</v>
      </c>
      <c r="V21645" s="2">
        <v>1.016</v>
      </c>
      <c r="W21645" s="2">
        <v>7.0000000000000001E-3</v>
      </c>
      <c r="X21645" s="2">
        <v>82.9</v>
      </c>
      <c r="Y21645" s="2">
        <v>7.6</v>
      </c>
      <c r="Z21645" s="2">
        <v>10.6</v>
      </c>
      <c r="AA21645" s="5"/>
      <c r="AB21645" s="5" t="s">
        <v>43</v>
      </c>
      <c r="AC21645" s="5" t="s">
        <v>44</v>
      </c>
      <c r="AD21645" s="2"/>
      <c r="AE21645" s="1"/>
    </row>
    <row r="21646" spans="1:31" ht="14.45">
      <c r="A21646" s="11"/>
      <c r="B21646" s="20"/>
      <c r="C21646" s="2" t="s">
        <v>69806</v>
      </c>
      <c r="D21646" s="14" t="s">
        <v>69807</v>
      </c>
      <c r="E21646" s="2" t="s">
        <v>69808</v>
      </c>
      <c r="F21646" s="2" t="s">
        <v>7433</v>
      </c>
      <c r="G21646" s="8">
        <v>121</v>
      </c>
      <c r="H21646" s="5">
        <v>6</v>
      </c>
      <c r="I21646" s="5" t="s">
        <v>1518</v>
      </c>
      <c r="J21646" s="5" t="s">
        <v>69038</v>
      </c>
      <c r="K21646" s="2" t="s">
        <v>69039</v>
      </c>
      <c r="L21646" s="5" t="s">
        <v>69038</v>
      </c>
      <c r="M21646" s="2" t="s">
        <v>69039</v>
      </c>
      <c r="N21646" s="5" t="s">
        <v>1521</v>
      </c>
      <c r="O21646" s="5" t="s">
        <v>38</v>
      </c>
      <c r="P21646" s="5" t="s">
        <v>39</v>
      </c>
      <c r="Q21646" s="5" t="s">
        <v>40</v>
      </c>
      <c r="R21646" s="5" t="s">
        <v>1522</v>
      </c>
      <c r="S21646" s="5" t="s">
        <v>1523</v>
      </c>
      <c r="T21646" s="5" t="s">
        <v>42</v>
      </c>
      <c r="U21646" s="2">
        <v>1.256</v>
      </c>
      <c r="V21646" s="2">
        <v>0.96399999999999997</v>
      </c>
      <c r="W21646" s="2">
        <v>7.0000000000000001E-3</v>
      </c>
      <c r="X21646" s="2">
        <v>82.9</v>
      </c>
      <c r="Y21646" s="2">
        <v>7.6</v>
      </c>
      <c r="Z21646" s="2">
        <v>10.6</v>
      </c>
      <c r="AA21646" s="5"/>
      <c r="AB21646" s="5" t="s">
        <v>43</v>
      </c>
      <c r="AC21646" s="5" t="s">
        <v>44</v>
      </c>
      <c r="AD21646" s="2"/>
      <c r="AE21646" s="1"/>
    </row>
    <row r="21647" spans="1:31" ht="14.45">
      <c r="A21647" s="11"/>
      <c r="B21647" s="20"/>
      <c r="C21647" s="2" t="s">
        <v>69809</v>
      </c>
      <c r="D21647" s="14" t="s">
        <v>69810</v>
      </c>
      <c r="E21647" s="2" t="s">
        <v>69811</v>
      </c>
      <c r="F21647" s="2" t="s">
        <v>7611</v>
      </c>
      <c r="G21647" s="8">
        <v>121</v>
      </c>
      <c r="H21647" s="5">
        <v>6</v>
      </c>
      <c r="I21647" s="5" t="s">
        <v>1518</v>
      </c>
      <c r="J21647" s="5" t="s">
        <v>69038</v>
      </c>
      <c r="K21647" s="2" t="s">
        <v>69039</v>
      </c>
      <c r="L21647" s="5" t="s">
        <v>69038</v>
      </c>
      <c r="M21647" s="2" t="s">
        <v>69039</v>
      </c>
      <c r="N21647" s="5" t="s">
        <v>1521</v>
      </c>
      <c r="O21647" s="5" t="s">
        <v>38</v>
      </c>
      <c r="P21647" s="5" t="s">
        <v>39</v>
      </c>
      <c r="Q21647" s="5" t="s">
        <v>40</v>
      </c>
      <c r="R21647" s="5" t="s">
        <v>1522</v>
      </c>
      <c r="S21647" s="5" t="s">
        <v>1523</v>
      </c>
      <c r="T21647" s="5" t="s">
        <v>42</v>
      </c>
      <c r="U21647" s="2">
        <v>1.3080000000000001</v>
      </c>
      <c r="V21647" s="2">
        <v>1.016</v>
      </c>
      <c r="W21647" s="2">
        <v>7.0000000000000001E-3</v>
      </c>
      <c r="X21647" s="2">
        <v>82.9</v>
      </c>
      <c r="Y21647" s="2">
        <v>7.6</v>
      </c>
      <c r="Z21647" s="2">
        <v>10.6</v>
      </c>
      <c r="AA21647" s="5"/>
      <c r="AB21647" s="5" t="s">
        <v>43</v>
      </c>
      <c r="AC21647" s="5" t="s">
        <v>44</v>
      </c>
      <c r="AD21647" s="2"/>
      <c r="AE21647" s="1"/>
    </row>
    <row r="21648" spans="1:31" ht="14.45">
      <c r="A21648" s="11"/>
      <c r="B21648" s="20"/>
      <c r="C21648" s="2" t="s">
        <v>69812</v>
      </c>
      <c r="D21648" s="14" t="s">
        <v>69813</v>
      </c>
      <c r="E21648" s="2" t="s">
        <v>69814</v>
      </c>
      <c r="F21648" s="2" t="s">
        <v>7615</v>
      </c>
      <c r="G21648" s="8">
        <v>121</v>
      </c>
      <c r="H21648" s="5">
        <v>6</v>
      </c>
      <c r="I21648" s="5" t="s">
        <v>1518</v>
      </c>
      <c r="J21648" s="5" t="s">
        <v>69038</v>
      </c>
      <c r="K21648" s="2" t="s">
        <v>69039</v>
      </c>
      <c r="L21648" s="5" t="s">
        <v>69038</v>
      </c>
      <c r="M21648" s="2" t="s">
        <v>69039</v>
      </c>
      <c r="N21648" s="5" t="s">
        <v>1521</v>
      </c>
      <c r="O21648" s="5" t="s">
        <v>38</v>
      </c>
      <c r="P21648" s="5" t="s">
        <v>39</v>
      </c>
      <c r="Q21648" s="5" t="s">
        <v>40</v>
      </c>
      <c r="R21648" s="5" t="s">
        <v>1522</v>
      </c>
      <c r="S21648" s="5" t="s">
        <v>1523</v>
      </c>
      <c r="T21648" s="5" t="s">
        <v>42</v>
      </c>
      <c r="U21648" s="2">
        <v>1.256</v>
      </c>
      <c r="V21648" s="2">
        <v>0.96399999999999997</v>
      </c>
      <c r="W21648" s="2">
        <v>7.0000000000000001E-3</v>
      </c>
      <c r="X21648" s="2">
        <v>82.9</v>
      </c>
      <c r="Y21648" s="2">
        <v>7.6</v>
      </c>
      <c r="Z21648" s="2">
        <v>10.6</v>
      </c>
      <c r="AA21648" s="5"/>
      <c r="AB21648" s="5" t="s">
        <v>43</v>
      </c>
      <c r="AC21648" s="5" t="s">
        <v>44</v>
      </c>
      <c r="AD21648" s="2"/>
      <c r="AE21648" s="1"/>
    </row>
    <row r="21649" spans="1:31" ht="14.45">
      <c r="A21649" s="11"/>
      <c r="B21649" s="20"/>
      <c r="C21649" s="2" t="s">
        <v>69815</v>
      </c>
      <c r="D21649" s="14" t="s">
        <v>69816</v>
      </c>
      <c r="E21649" s="2" t="s">
        <v>69817</v>
      </c>
      <c r="F21649" s="2" t="s">
        <v>7619</v>
      </c>
      <c r="G21649" s="8">
        <v>121</v>
      </c>
      <c r="H21649" s="5">
        <v>6</v>
      </c>
      <c r="I21649" s="5" t="s">
        <v>1518</v>
      </c>
      <c r="J21649" s="5" t="s">
        <v>69038</v>
      </c>
      <c r="K21649" s="2" t="s">
        <v>69039</v>
      </c>
      <c r="L21649" s="5" t="s">
        <v>69038</v>
      </c>
      <c r="M21649" s="2" t="s">
        <v>69039</v>
      </c>
      <c r="N21649" s="5" t="s">
        <v>1521</v>
      </c>
      <c r="O21649" s="5" t="s">
        <v>38</v>
      </c>
      <c r="P21649" s="5" t="s">
        <v>39</v>
      </c>
      <c r="Q21649" s="5" t="s">
        <v>40</v>
      </c>
      <c r="R21649" s="5" t="s">
        <v>1522</v>
      </c>
      <c r="S21649" s="5" t="s">
        <v>1523</v>
      </c>
      <c r="T21649" s="5" t="s">
        <v>42</v>
      </c>
      <c r="U21649" s="2">
        <v>1.3080000000000001</v>
      </c>
      <c r="V21649" s="2">
        <v>1.016</v>
      </c>
      <c r="W21649" s="2">
        <v>7.0000000000000001E-3</v>
      </c>
      <c r="X21649" s="2">
        <v>82.9</v>
      </c>
      <c r="Y21649" s="2">
        <v>7.6</v>
      </c>
      <c r="Z21649" s="2">
        <v>10.6</v>
      </c>
      <c r="AA21649" s="5"/>
      <c r="AB21649" s="5" t="s">
        <v>43</v>
      </c>
      <c r="AC21649" s="5" t="s">
        <v>44</v>
      </c>
      <c r="AD21649" s="2"/>
      <c r="AE21649" s="1"/>
    </row>
    <row r="21650" spans="1:31" ht="14.45">
      <c r="A21650" s="11"/>
      <c r="B21650" s="20"/>
      <c r="C21650" s="2" t="s">
        <v>69818</v>
      </c>
      <c r="D21650" s="14" t="s">
        <v>69819</v>
      </c>
      <c r="E21650" s="2" t="s">
        <v>69820</v>
      </c>
      <c r="F21650" s="2" t="s">
        <v>7410</v>
      </c>
      <c r="G21650" s="8">
        <v>121</v>
      </c>
      <c r="H21650" s="5">
        <v>6</v>
      </c>
      <c r="I21650" s="5" t="s">
        <v>1518</v>
      </c>
      <c r="J21650" s="5" t="s">
        <v>69038</v>
      </c>
      <c r="K21650" s="2" t="s">
        <v>69039</v>
      </c>
      <c r="L21650" s="5" t="s">
        <v>69038</v>
      </c>
      <c r="M21650" s="2" t="s">
        <v>69039</v>
      </c>
      <c r="N21650" s="5" t="s">
        <v>1521</v>
      </c>
      <c r="O21650" s="5" t="s">
        <v>38</v>
      </c>
      <c r="P21650" s="5" t="s">
        <v>39</v>
      </c>
      <c r="Q21650" s="5" t="s">
        <v>40</v>
      </c>
      <c r="R21650" s="5" t="s">
        <v>1522</v>
      </c>
      <c r="S21650" s="5" t="s">
        <v>1523</v>
      </c>
      <c r="T21650" s="5" t="s">
        <v>42</v>
      </c>
      <c r="U21650" s="2">
        <v>1.256</v>
      </c>
      <c r="V21650" s="2">
        <v>0.96399999999999997</v>
      </c>
      <c r="W21650" s="2">
        <v>7.0000000000000001E-3</v>
      </c>
      <c r="X21650" s="2">
        <v>82.9</v>
      </c>
      <c r="Y21650" s="2">
        <v>7.6</v>
      </c>
      <c r="Z21650" s="2">
        <v>10.6</v>
      </c>
      <c r="AA21650" s="5"/>
      <c r="AB21650" s="5" t="s">
        <v>43</v>
      </c>
      <c r="AC21650" s="5" t="s">
        <v>44</v>
      </c>
      <c r="AD21650" s="2"/>
      <c r="AE21650" s="1"/>
    </row>
    <row r="21651" spans="1:31" ht="14.45">
      <c r="A21651" s="11"/>
      <c r="B21651" s="20"/>
      <c r="C21651" s="2" t="s">
        <v>69821</v>
      </c>
      <c r="D21651" s="14" t="s">
        <v>69822</v>
      </c>
      <c r="E21651" s="2" t="s">
        <v>69823</v>
      </c>
      <c r="F21651" s="2" t="s">
        <v>7604</v>
      </c>
      <c r="G21651" s="8">
        <v>121</v>
      </c>
      <c r="H21651" s="5">
        <v>6</v>
      </c>
      <c r="I21651" s="5" t="s">
        <v>1518</v>
      </c>
      <c r="J21651" s="5" t="s">
        <v>69038</v>
      </c>
      <c r="K21651" s="2" t="s">
        <v>69039</v>
      </c>
      <c r="L21651" s="5" t="s">
        <v>69038</v>
      </c>
      <c r="M21651" s="2" t="s">
        <v>69039</v>
      </c>
      <c r="N21651" s="5" t="s">
        <v>1521</v>
      </c>
      <c r="O21651" s="5" t="s">
        <v>38</v>
      </c>
      <c r="P21651" s="5" t="s">
        <v>39</v>
      </c>
      <c r="Q21651" s="5" t="s">
        <v>40</v>
      </c>
      <c r="R21651" s="5" t="s">
        <v>1522</v>
      </c>
      <c r="S21651" s="5" t="s">
        <v>1523</v>
      </c>
      <c r="T21651" s="5" t="s">
        <v>42</v>
      </c>
      <c r="U21651" s="2">
        <v>1.3080000000000001</v>
      </c>
      <c r="V21651" s="2">
        <v>1.016</v>
      </c>
      <c r="W21651" s="2">
        <v>7.0000000000000001E-3</v>
      </c>
      <c r="X21651" s="2">
        <v>82.9</v>
      </c>
      <c r="Y21651" s="2">
        <v>7.6</v>
      </c>
      <c r="Z21651" s="2">
        <v>10.6</v>
      </c>
      <c r="AA21651" s="5"/>
      <c r="AB21651" s="5" t="s">
        <v>43</v>
      </c>
      <c r="AC21651" s="5" t="s">
        <v>44</v>
      </c>
      <c r="AD21651" s="2"/>
      <c r="AE21651" s="1"/>
    </row>
    <row r="21652" spans="1:31" ht="14.45">
      <c r="A21652" s="11"/>
      <c r="B21652" s="20"/>
      <c r="C21652" s="2" t="s">
        <v>69824</v>
      </c>
      <c r="D21652" s="14" t="s">
        <v>69825</v>
      </c>
      <c r="E21652" s="2" t="s">
        <v>69826</v>
      </c>
      <c r="F21652" s="2" t="s">
        <v>7212</v>
      </c>
      <c r="G21652" s="8">
        <v>105</v>
      </c>
      <c r="H21652" s="5">
        <v>6</v>
      </c>
      <c r="I21652" s="5" t="s">
        <v>1518</v>
      </c>
      <c r="J21652" s="5" t="s">
        <v>69038</v>
      </c>
      <c r="K21652" s="2" t="s">
        <v>69039</v>
      </c>
      <c r="L21652" s="5" t="s">
        <v>69038</v>
      </c>
      <c r="M21652" s="2" t="s">
        <v>69039</v>
      </c>
      <c r="N21652" s="5" t="s">
        <v>1521</v>
      </c>
      <c r="O21652" s="5" t="s">
        <v>38</v>
      </c>
      <c r="P21652" s="5" t="s">
        <v>39</v>
      </c>
      <c r="Q21652" s="5" t="s">
        <v>40</v>
      </c>
      <c r="R21652" s="5" t="s">
        <v>1522</v>
      </c>
      <c r="S21652" s="5" t="s">
        <v>1523</v>
      </c>
      <c r="T21652" s="5" t="s">
        <v>42</v>
      </c>
      <c r="U21652" s="2">
        <v>1.256</v>
      </c>
      <c r="V21652" s="2">
        <v>0.96399999999999997</v>
      </c>
      <c r="W21652" s="2">
        <v>7.0000000000000001E-3</v>
      </c>
      <c r="X21652" s="2">
        <v>82.9</v>
      </c>
      <c r="Y21652" s="2">
        <v>7.6</v>
      </c>
      <c r="Z21652" s="2">
        <v>10.6</v>
      </c>
      <c r="AA21652" s="5"/>
      <c r="AB21652" s="5" t="s">
        <v>43</v>
      </c>
      <c r="AC21652" s="5" t="s">
        <v>44</v>
      </c>
      <c r="AD21652" s="2"/>
      <c r="AE21652" s="1"/>
    </row>
    <row r="21653" spans="1:31" ht="14.45">
      <c r="A21653" s="11"/>
      <c r="B21653" s="20"/>
      <c r="C21653" s="2" t="s">
        <v>69827</v>
      </c>
      <c r="D21653" s="14" t="s">
        <v>69828</v>
      </c>
      <c r="E21653" s="2" t="s">
        <v>69829</v>
      </c>
      <c r="F21653" s="2" t="s">
        <v>7528</v>
      </c>
      <c r="G21653" s="8">
        <v>105</v>
      </c>
      <c r="H21653" s="5">
        <v>6</v>
      </c>
      <c r="I21653" s="5" t="s">
        <v>1518</v>
      </c>
      <c r="J21653" s="5" t="s">
        <v>69038</v>
      </c>
      <c r="K21653" s="2" t="s">
        <v>69039</v>
      </c>
      <c r="L21653" s="5" t="s">
        <v>69038</v>
      </c>
      <c r="M21653" s="2" t="s">
        <v>69039</v>
      </c>
      <c r="N21653" s="5" t="s">
        <v>1521</v>
      </c>
      <c r="O21653" s="5" t="s">
        <v>38</v>
      </c>
      <c r="P21653" s="5" t="s">
        <v>39</v>
      </c>
      <c r="Q21653" s="5" t="s">
        <v>40</v>
      </c>
      <c r="R21653" s="5" t="s">
        <v>1522</v>
      </c>
      <c r="S21653" s="5" t="s">
        <v>1523</v>
      </c>
      <c r="T21653" s="5" t="s">
        <v>42</v>
      </c>
      <c r="U21653" s="2">
        <v>1.3080000000000001</v>
      </c>
      <c r="V21653" s="2">
        <v>1.016</v>
      </c>
      <c r="W21653" s="2">
        <v>7.0000000000000001E-3</v>
      </c>
      <c r="X21653" s="2">
        <v>82.9</v>
      </c>
      <c r="Y21653" s="2">
        <v>7.6</v>
      </c>
      <c r="Z21653" s="2">
        <v>10.6</v>
      </c>
      <c r="AA21653" s="5"/>
      <c r="AB21653" s="5" t="s">
        <v>43</v>
      </c>
      <c r="AC21653" s="5" t="s">
        <v>44</v>
      </c>
      <c r="AD21653" s="2"/>
      <c r="AE21653" s="1"/>
    </row>
    <row r="21654" spans="1:31" ht="14.45">
      <c r="A21654" s="11"/>
      <c r="B21654" s="20"/>
      <c r="C21654" s="2" t="s">
        <v>69830</v>
      </c>
      <c r="D21654" s="14" t="s">
        <v>69831</v>
      </c>
      <c r="E21654" s="2" t="s">
        <v>69832</v>
      </c>
      <c r="F21654" s="2" t="s">
        <v>1863</v>
      </c>
      <c r="G21654" s="8">
        <v>121</v>
      </c>
      <c r="H21654" s="5">
        <v>6</v>
      </c>
      <c r="I21654" s="5" t="s">
        <v>1518</v>
      </c>
      <c r="J21654" s="5" t="s">
        <v>69038</v>
      </c>
      <c r="K21654" s="2" t="s">
        <v>69039</v>
      </c>
      <c r="L21654" s="5" t="s">
        <v>69038</v>
      </c>
      <c r="M21654" s="2" t="s">
        <v>69039</v>
      </c>
      <c r="N21654" s="5" t="s">
        <v>1521</v>
      </c>
      <c r="O21654" s="5" t="s">
        <v>38</v>
      </c>
      <c r="P21654" s="5" t="s">
        <v>39</v>
      </c>
      <c r="Q21654" s="5" t="s">
        <v>40</v>
      </c>
      <c r="R21654" s="5" t="s">
        <v>1522</v>
      </c>
      <c r="S21654" s="5" t="s">
        <v>1523</v>
      </c>
      <c r="T21654" s="5" t="s">
        <v>42</v>
      </c>
      <c r="U21654" s="2">
        <v>1.256</v>
      </c>
      <c r="V21654" s="2">
        <v>0.96399999999999997</v>
      </c>
      <c r="W21654" s="2">
        <v>7.0000000000000001E-3</v>
      </c>
      <c r="X21654" s="2">
        <v>82.9</v>
      </c>
      <c r="Y21654" s="2">
        <v>7.6</v>
      </c>
      <c r="Z21654" s="2">
        <v>10.6</v>
      </c>
      <c r="AA21654" s="5"/>
      <c r="AB21654" s="5" t="s">
        <v>43</v>
      </c>
      <c r="AC21654" s="5" t="s">
        <v>44</v>
      </c>
      <c r="AD21654" s="2"/>
      <c r="AE21654" s="1"/>
    </row>
    <row r="21655" spans="1:31" ht="14.45">
      <c r="A21655" s="11"/>
      <c r="B21655" s="20"/>
      <c r="C21655" s="2" t="s">
        <v>69833</v>
      </c>
      <c r="D21655" s="14" t="s">
        <v>69834</v>
      </c>
      <c r="E21655" s="2" t="s">
        <v>69835</v>
      </c>
      <c r="F21655" s="2" t="s">
        <v>1867</v>
      </c>
      <c r="G21655" s="8">
        <v>121</v>
      </c>
      <c r="H21655" s="5">
        <v>6</v>
      </c>
      <c r="I21655" s="5" t="s">
        <v>1518</v>
      </c>
      <c r="J21655" s="5" t="s">
        <v>69038</v>
      </c>
      <c r="K21655" s="2" t="s">
        <v>69039</v>
      </c>
      <c r="L21655" s="5" t="s">
        <v>69038</v>
      </c>
      <c r="M21655" s="2" t="s">
        <v>69039</v>
      </c>
      <c r="N21655" s="5" t="s">
        <v>1521</v>
      </c>
      <c r="O21655" s="5" t="s">
        <v>38</v>
      </c>
      <c r="P21655" s="5" t="s">
        <v>39</v>
      </c>
      <c r="Q21655" s="5" t="s">
        <v>40</v>
      </c>
      <c r="R21655" s="5" t="s">
        <v>1522</v>
      </c>
      <c r="S21655" s="5" t="s">
        <v>1523</v>
      </c>
      <c r="T21655" s="5" t="s">
        <v>42</v>
      </c>
      <c r="U21655" s="2">
        <v>1.3080000000000001</v>
      </c>
      <c r="V21655" s="2">
        <v>1.016</v>
      </c>
      <c r="W21655" s="2">
        <v>7.0000000000000001E-3</v>
      </c>
      <c r="X21655" s="2">
        <v>82.9</v>
      </c>
      <c r="Y21655" s="2">
        <v>7.6</v>
      </c>
      <c r="Z21655" s="2">
        <v>10.6</v>
      </c>
      <c r="AA21655" s="5"/>
      <c r="AB21655" s="5" t="s">
        <v>43</v>
      </c>
      <c r="AC21655" s="5" t="s">
        <v>44</v>
      </c>
      <c r="AD21655" s="2"/>
      <c r="AE21655" s="1"/>
    </row>
    <row r="21656" spans="1:31" ht="14.45">
      <c r="A21656" s="11"/>
      <c r="B21656" s="20"/>
      <c r="C21656" s="2" t="s">
        <v>69836</v>
      </c>
      <c r="D21656" s="14" t="s">
        <v>69837</v>
      </c>
      <c r="E21656" s="2" t="s">
        <v>69838</v>
      </c>
      <c r="F21656" s="2" t="s">
        <v>7204</v>
      </c>
      <c r="G21656" s="8">
        <v>114</v>
      </c>
      <c r="H21656" s="5">
        <v>6</v>
      </c>
      <c r="I21656" s="5" t="s">
        <v>1518</v>
      </c>
      <c r="J21656" s="5" t="s">
        <v>69038</v>
      </c>
      <c r="K21656" s="2" t="s">
        <v>69039</v>
      </c>
      <c r="L21656" s="5" t="s">
        <v>69038</v>
      </c>
      <c r="M21656" s="2" t="s">
        <v>69039</v>
      </c>
      <c r="N21656" s="5" t="s">
        <v>1521</v>
      </c>
      <c r="O21656" s="5" t="s">
        <v>38</v>
      </c>
      <c r="P21656" s="5" t="s">
        <v>39</v>
      </c>
      <c r="Q21656" s="5" t="s">
        <v>40</v>
      </c>
      <c r="R21656" s="5" t="s">
        <v>1522</v>
      </c>
      <c r="S21656" s="5" t="s">
        <v>1523</v>
      </c>
      <c r="T21656" s="5" t="s">
        <v>42</v>
      </c>
      <c r="U21656" s="2">
        <v>1.413</v>
      </c>
      <c r="V21656" s="2">
        <v>1.069</v>
      </c>
      <c r="W21656" s="2">
        <v>8.0000000000000002E-3</v>
      </c>
      <c r="X21656" s="2">
        <v>99.1</v>
      </c>
      <c r="Y21656" s="2">
        <v>7.6</v>
      </c>
      <c r="Z21656" s="2">
        <v>10.6</v>
      </c>
      <c r="AA21656" s="5"/>
      <c r="AB21656" s="5" t="s">
        <v>43</v>
      </c>
      <c r="AC21656" s="5" t="s">
        <v>44</v>
      </c>
      <c r="AD21656" s="2"/>
      <c r="AE21656" s="1"/>
    </row>
    <row r="21657" spans="1:31" ht="14.45">
      <c r="A21657" s="11"/>
      <c r="B21657" s="20"/>
      <c r="C21657" s="2" t="s">
        <v>69839</v>
      </c>
      <c r="D21657" s="14" t="s">
        <v>69840</v>
      </c>
      <c r="E21657" s="2" t="s">
        <v>69841</v>
      </c>
      <c r="F21657" s="2" t="s">
        <v>7514</v>
      </c>
      <c r="G21657" s="8">
        <v>114</v>
      </c>
      <c r="H21657" s="5">
        <v>6</v>
      </c>
      <c r="I21657" s="5" t="s">
        <v>1518</v>
      </c>
      <c r="J21657" s="5" t="s">
        <v>69038</v>
      </c>
      <c r="K21657" s="2" t="s">
        <v>69039</v>
      </c>
      <c r="L21657" s="5" t="s">
        <v>69038</v>
      </c>
      <c r="M21657" s="2" t="s">
        <v>69039</v>
      </c>
      <c r="N21657" s="5" t="s">
        <v>1521</v>
      </c>
      <c r="O21657" s="5" t="s">
        <v>38</v>
      </c>
      <c r="P21657" s="5" t="s">
        <v>39</v>
      </c>
      <c r="Q21657" s="5" t="s">
        <v>40</v>
      </c>
      <c r="R21657" s="5" t="s">
        <v>1522</v>
      </c>
      <c r="S21657" s="5" t="s">
        <v>1523</v>
      </c>
      <c r="T21657" s="5" t="s">
        <v>42</v>
      </c>
      <c r="U21657" s="2">
        <v>1.4750000000000001</v>
      </c>
      <c r="V21657" s="2">
        <v>1.131</v>
      </c>
      <c r="W21657" s="2">
        <v>8.0000000000000002E-3</v>
      </c>
      <c r="X21657" s="2">
        <v>99.1</v>
      </c>
      <c r="Y21657" s="2">
        <v>7.6</v>
      </c>
      <c r="Z21657" s="2">
        <v>10.6</v>
      </c>
      <c r="AA21657" s="5"/>
      <c r="AB21657" s="5" t="s">
        <v>43</v>
      </c>
      <c r="AC21657" s="5" t="s">
        <v>44</v>
      </c>
      <c r="AD21657" s="2"/>
      <c r="AE21657" s="1"/>
    </row>
    <row r="21658" spans="1:31" ht="14.45">
      <c r="A21658" s="11"/>
      <c r="B21658" s="20"/>
      <c r="C21658" s="2" t="s">
        <v>69842</v>
      </c>
      <c r="D21658" s="14" t="s">
        <v>69843</v>
      </c>
      <c r="E21658" s="2" t="s">
        <v>69844</v>
      </c>
      <c r="F21658" s="2" t="s">
        <v>7208</v>
      </c>
      <c r="G21658" s="8">
        <v>114</v>
      </c>
      <c r="H21658" s="5">
        <v>6</v>
      </c>
      <c r="I21658" s="5" t="s">
        <v>1518</v>
      </c>
      <c r="J21658" s="5" t="s">
        <v>69038</v>
      </c>
      <c r="K21658" s="2" t="s">
        <v>69039</v>
      </c>
      <c r="L21658" s="5" t="s">
        <v>69038</v>
      </c>
      <c r="M21658" s="2" t="s">
        <v>69039</v>
      </c>
      <c r="N21658" s="5" t="s">
        <v>1521</v>
      </c>
      <c r="O21658" s="5" t="s">
        <v>38</v>
      </c>
      <c r="P21658" s="5" t="s">
        <v>39</v>
      </c>
      <c r="Q21658" s="5" t="s">
        <v>40</v>
      </c>
      <c r="R21658" s="5" t="s">
        <v>1522</v>
      </c>
      <c r="S21658" s="5" t="s">
        <v>1523</v>
      </c>
      <c r="T21658" s="5" t="s">
        <v>42</v>
      </c>
      <c r="U21658" s="2">
        <v>1.413</v>
      </c>
      <c r="V21658" s="2">
        <v>1.069</v>
      </c>
      <c r="W21658" s="2">
        <v>8.0000000000000002E-3</v>
      </c>
      <c r="X21658" s="2">
        <v>99.1</v>
      </c>
      <c r="Y21658" s="2">
        <v>7.6</v>
      </c>
      <c r="Z21658" s="2">
        <v>10.6</v>
      </c>
      <c r="AA21658" s="5"/>
      <c r="AB21658" s="5" t="s">
        <v>43</v>
      </c>
      <c r="AC21658" s="5" t="s">
        <v>44</v>
      </c>
      <c r="AD21658" s="2"/>
      <c r="AE21658" s="1"/>
    </row>
    <row r="21659" spans="1:31" ht="14.45">
      <c r="A21659" s="11"/>
      <c r="B21659" s="20"/>
      <c r="C21659" s="2" t="s">
        <v>69845</v>
      </c>
      <c r="D21659" s="14" t="s">
        <v>69846</v>
      </c>
      <c r="E21659" s="2" t="s">
        <v>69847</v>
      </c>
      <c r="F21659" s="2" t="s">
        <v>7521</v>
      </c>
      <c r="G21659" s="8">
        <v>114</v>
      </c>
      <c r="H21659" s="5">
        <v>6</v>
      </c>
      <c r="I21659" s="5" t="s">
        <v>1518</v>
      </c>
      <c r="J21659" s="5" t="s">
        <v>69038</v>
      </c>
      <c r="K21659" s="2" t="s">
        <v>69039</v>
      </c>
      <c r="L21659" s="5" t="s">
        <v>69038</v>
      </c>
      <c r="M21659" s="2" t="s">
        <v>69039</v>
      </c>
      <c r="N21659" s="5" t="s">
        <v>1521</v>
      </c>
      <c r="O21659" s="5" t="s">
        <v>38</v>
      </c>
      <c r="P21659" s="5" t="s">
        <v>39</v>
      </c>
      <c r="Q21659" s="5" t="s">
        <v>40</v>
      </c>
      <c r="R21659" s="5" t="s">
        <v>1522</v>
      </c>
      <c r="S21659" s="5" t="s">
        <v>1523</v>
      </c>
      <c r="T21659" s="5" t="s">
        <v>42</v>
      </c>
      <c r="U21659" s="2">
        <v>1.4750000000000001</v>
      </c>
      <c r="V21659" s="2">
        <v>1.131</v>
      </c>
      <c r="W21659" s="2">
        <v>8.0000000000000002E-3</v>
      </c>
      <c r="X21659" s="2">
        <v>99.1</v>
      </c>
      <c r="Y21659" s="2">
        <v>7.6</v>
      </c>
      <c r="Z21659" s="2">
        <v>10.6</v>
      </c>
      <c r="AA21659" s="5"/>
      <c r="AB21659" s="5" t="s">
        <v>43</v>
      </c>
      <c r="AC21659" s="5" t="s">
        <v>44</v>
      </c>
      <c r="AD21659" s="2"/>
      <c r="AE21659" s="1"/>
    </row>
    <row r="21660" spans="1:31" ht="14.45">
      <c r="A21660" s="11"/>
      <c r="B21660" s="20"/>
      <c r="C21660" s="2" t="s">
        <v>69848</v>
      </c>
      <c r="D21660" s="14" t="s">
        <v>69849</v>
      </c>
      <c r="E21660" s="2" t="s">
        <v>69850</v>
      </c>
      <c r="F21660" s="2" t="s">
        <v>7406</v>
      </c>
      <c r="G21660" s="8">
        <v>131</v>
      </c>
      <c r="H21660" s="5">
        <v>6</v>
      </c>
      <c r="I21660" s="5" t="s">
        <v>1518</v>
      </c>
      <c r="J21660" s="5" t="s">
        <v>69038</v>
      </c>
      <c r="K21660" s="2" t="s">
        <v>69039</v>
      </c>
      <c r="L21660" s="5" t="s">
        <v>69038</v>
      </c>
      <c r="M21660" s="2" t="s">
        <v>69039</v>
      </c>
      <c r="N21660" s="5" t="s">
        <v>1521</v>
      </c>
      <c r="O21660" s="5" t="s">
        <v>38</v>
      </c>
      <c r="P21660" s="5" t="s">
        <v>39</v>
      </c>
      <c r="Q21660" s="5" t="s">
        <v>40</v>
      </c>
      <c r="R21660" s="5" t="s">
        <v>1522</v>
      </c>
      <c r="S21660" s="5" t="s">
        <v>1523</v>
      </c>
      <c r="T21660" s="5" t="s">
        <v>42</v>
      </c>
      <c r="U21660" s="2">
        <v>1.413</v>
      </c>
      <c r="V21660" s="2">
        <v>1.069</v>
      </c>
      <c r="W21660" s="2">
        <v>8.0000000000000002E-3</v>
      </c>
      <c r="X21660" s="2">
        <v>99.1</v>
      </c>
      <c r="Y21660" s="2">
        <v>7.6</v>
      </c>
      <c r="Z21660" s="2">
        <v>10.6</v>
      </c>
      <c r="AA21660" s="5"/>
      <c r="AB21660" s="5" t="s">
        <v>43</v>
      </c>
      <c r="AC21660" s="5" t="s">
        <v>44</v>
      </c>
      <c r="AD21660" s="2"/>
      <c r="AE21660" s="1"/>
    </row>
    <row r="21661" spans="1:31" ht="14.45">
      <c r="A21661" s="11"/>
      <c r="B21661" s="20"/>
      <c r="C21661" s="2" t="s">
        <v>69851</v>
      </c>
      <c r="D21661" s="14" t="s">
        <v>69852</v>
      </c>
      <c r="E21661" s="2" t="s">
        <v>69853</v>
      </c>
      <c r="F21661" s="2" t="s">
        <v>7535</v>
      </c>
      <c r="G21661" s="8">
        <v>131</v>
      </c>
      <c r="H21661" s="5">
        <v>6</v>
      </c>
      <c r="I21661" s="5" t="s">
        <v>1518</v>
      </c>
      <c r="J21661" s="5" t="s">
        <v>69038</v>
      </c>
      <c r="K21661" s="2" t="s">
        <v>69039</v>
      </c>
      <c r="L21661" s="5" t="s">
        <v>69038</v>
      </c>
      <c r="M21661" s="2" t="s">
        <v>69039</v>
      </c>
      <c r="N21661" s="5" t="s">
        <v>1521</v>
      </c>
      <c r="O21661" s="5" t="s">
        <v>38</v>
      </c>
      <c r="P21661" s="5" t="s">
        <v>39</v>
      </c>
      <c r="Q21661" s="5" t="s">
        <v>40</v>
      </c>
      <c r="R21661" s="5" t="s">
        <v>1522</v>
      </c>
      <c r="S21661" s="5" t="s">
        <v>1523</v>
      </c>
      <c r="T21661" s="5" t="s">
        <v>42</v>
      </c>
      <c r="U21661" s="2">
        <v>1.4750000000000001</v>
      </c>
      <c r="V21661" s="2">
        <v>1.131</v>
      </c>
      <c r="W21661" s="2">
        <v>8.0000000000000002E-3</v>
      </c>
      <c r="X21661" s="2">
        <v>99.1</v>
      </c>
      <c r="Y21661" s="2">
        <v>7.6</v>
      </c>
      <c r="Z21661" s="2">
        <v>10.6</v>
      </c>
      <c r="AA21661" s="5"/>
      <c r="AB21661" s="5" t="s">
        <v>43</v>
      </c>
      <c r="AC21661" s="5" t="s">
        <v>44</v>
      </c>
      <c r="AD21661" s="2"/>
      <c r="AE21661" s="1"/>
    </row>
    <row r="21662" spans="1:31" ht="14.45">
      <c r="A21662" s="11"/>
      <c r="B21662" s="20"/>
      <c r="C21662" s="2" t="s">
        <v>69854</v>
      </c>
      <c r="D21662" s="14" t="s">
        <v>69855</v>
      </c>
      <c r="E21662" s="2" t="s">
        <v>69856</v>
      </c>
      <c r="F21662" s="2" t="s">
        <v>7539</v>
      </c>
      <c r="G21662" s="8">
        <v>131</v>
      </c>
      <c r="H21662" s="5">
        <v>6</v>
      </c>
      <c r="I21662" s="5" t="s">
        <v>1518</v>
      </c>
      <c r="J21662" s="5" t="s">
        <v>69038</v>
      </c>
      <c r="K21662" s="2" t="s">
        <v>69039</v>
      </c>
      <c r="L21662" s="5" t="s">
        <v>69038</v>
      </c>
      <c r="M21662" s="2" t="s">
        <v>69039</v>
      </c>
      <c r="N21662" s="5" t="s">
        <v>1521</v>
      </c>
      <c r="O21662" s="5" t="s">
        <v>38</v>
      </c>
      <c r="P21662" s="5" t="s">
        <v>39</v>
      </c>
      <c r="Q21662" s="5" t="s">
        <v>40</v>
      </c>
      <c r="R21662" s="5" t="s">
        <v>1522</v>
      </c>
      <c r="S21662" s="5" t="s">
        <v>1523</v>
      </c>
      <c r="T21662" s="5" t="s">
        <v>42</v>
      </c>
      <c r="U21662" s="2">
        <v>1.413</v>
      </c>
      <c r="V21662" s="2">
        <v>1.069</v>
      </c>
      <c r="W21662" s="2">
        <v>8.0000000000000002E-3</v>
      </c>
      <c r="X21662" s="2">
        <v>99.1</v>
      </c>
      <c r="Y21662" s="2">
        <v>7.6</v>
      </c>
      <c r="Z21662" s="2">
        <v>10.6</v>
      </c>
      <c r="AA21662" s="5"/>
      <c r="AB21662" s="5" t="s">
        <v>43</v>
      </c>
      <c r="AC21662" s="5" t="s">
        <v>44</v>
      </c>
      <c r="AD21662" s="2"/>
      <c r="AE21662" s="1"/>
    </row>
    <row r="21663" spans="1:31" ht="14.45">
      <c r="A21663" s="11"/>
      <c r="B21663" s="20"/>
      <c r="C21663" s="2" t="s">
        <v>69857</v>
      </c>
      <c r="D21663" s="14" t="s">
        <v>69858</v>
      </c>
      <c r="E21663" s="2" t="s">
        <v>69859</v>
      </c>
      <c r="F21663" s="2" t="s">
        <v>7543</v>
      </c>
      <c r="G21663" s="8">
        <v>131</v>
      </c>
      <c r="H21663" s="5">
        <v>6</v>
      </c>
      <c r="I21663" s="5" t="s">
        <v>1518</v>
      </c>
      <c r="J21663" s="5" t="s">
        <v>69038</v>
      </c>
      <c r="K21663" s="2" t="s">
        <v>69039</v>
      </c>
      <c r="L21663" s="5" t="s">
        <v>69038</v>
      </c>
      <c r="M21663" s="2" t="s">
        <v>69039</v>
      </c>
      <c r="N21663" s="5" t="s">
        <v>1521</v>
      </c>
      <c r="O21663" s="5" t="s">
        <v>38</v>
      </c>
      <c r="P21663" s="5" t="s">
        <v>39</v>
      </c>
      <c r="Q21663" s="5" t="s">
        <v>40</v>
      </c>
      <c r="R21663" s="5" t="s">
        <v>1522</v>
      </c>
      <c r="S21663" s="5" t="s">
        <v>1523</v>
      </c>
      <c r="T21663" s="5" t="s">
        <v>42</v>
      </c>
      <c r="U21663" s="2">
        <v>1.4750000000000001</v>
      </c>
      <c r="V21663" s="2">
        <v>1.131</v>
      </c>
      <c r="W21663" s="2">
        <v>8.0000000000000002E-3</v>
      </c>
      <c r="X21663" s="2">
        <v>99.1</v>
      </c>
      <c r="Y21663" s="2">
        <v>7.6</v>
      </c>
      <c r="Z21663" s="2">
        <v>10.6</v>
      </c>
      <c r="AA21663" s="5"/>
      <c r="AB21663" s="5" t="s">
        <v>43</v>
      </c>
      <c r="AC21663" s="5" t="s">
        <v>44</v>
      </c>
      <c r="AD21663" s="2"/>
      <c r="AE21663" s="1"/>
    </row>
    <row r="21664" spans="1:31" ht="14.45">
      <c r="A21664" s="11"/>
      <c r="B21664" s="20"/>
      <c r="C21664" s="2" t="s">
        <v>69860</v>
      </c>
      <c r="D21664" s="14" t="s">
        <v>69861</v>
      </c>
      <c r="E21664" s="2" t="s">
        <v>69862</v>
      </c>
      <c r="F21664" s="2" t="s">
        <v>7396</v>
      </c>
      <c r="G21664" s="8">
        <v>114</v>
      </c>
      <c r="H21664" s="5">
        <v>6</v>
      </c>
      <c r="I21664" s="5" t="s">
        <v>1518</v>
      </c>
      <c r="J21664" s="5" t="s">
        <v>69038</v>
      </c>
      <c r="K21664" s="2" t="s">
        <v>69039</v>
      </c>
      <c r="L21664" s="5" t="s">
        <v>69038</v>
      </c>
      <c r="M21664" s="2" t="s">
        <v>69039</v>
      </c>
      <c r="N21664" s="5" t="s">
        <v>1521</v>
      </c>
      <c r="O21664" s="5" t="s">
        <v>38</v>
      </c>
      <c r="P21664" s="5" t="s">
        <v>39</v>
      </c>
      <c r="Q21664" s="5" t="s">
        <v>40</v>
      </c>
      <c r="R21664" s="5" t="s">
        <v>1522</v>
      </c>
      <c r="S21664" s="5" t="s">
        <v>1523</v>
      </c>
      <c r="T21664" s="5" t="s">
        <v>42</v>
      </c>
      <c r="U21664" s="2">
        <v>1.413</v>
      </c>
      <c r="V21664" s="2">
        <v>1.069</v>
      </c>
      <c r="W21664" s="2">
        <v>8.0000000000000002E-3</v>
      </c>
      <c r="X21664" s="2">
        <v>99.1</v>
      </c>
      <c r="Y21664" s="2">
        <v>7.6</v>
      </c>
      <c r="Z21664" s="2">
        <v>10.6</v>
      </c>
      <c r="AA21664" s="5"/>
      <c r="AB21664" s="5" t="s">
        <v>43</v>
      </c>
      <c r="AC21664" s="5" t="s">
        <v>44</v>
      </c>
      <c r="AD21664" s="2"/>
      <c r="AE21664" s="1"/>
    </row>
    <row r="21665" spans="1:31" ht="14.45">
      <c r="A21665" s="11"/>
      <c r="B21665" s="20"/>
      <c r="C21665" s="2" t="s">
        <v>69863</v>
      </c>
      <c r="D21665" s="14" t="s">
        <v>69864</v>
      </c>
      <c r="E21665" s="2" t="s">
        <v>69865</v>
      </c>
      <c r="F21665" s="2" t="s">
        <v>69112</v>
      </c>
      <c r="G21665" s="8">
        <v>114</v>
      </c>
      <c r="H21665" s="5">
        <v>6</v>
      </c>
      <c r="I21665" s="5" t="s">
        <v>1518</v>
      </c>
      <c r="J21665" s="5" t="s">
        <v>69038</v>
      </c>
      <c r="K21665" s="2" t="s">
        <v>69039</v>
      </c>
      <c r="L21665" s="5" t="s">
        <v>69038</v>
      </c>
      <c r="M21665" s="2" t="s">
        <v>69039</v>
      </c>
      <c r="N21665" s="5" t="s">
        <v>1521</v>
      </c>
      <c r="O21665" s="5" t="s">
        <v>38</v>
      </c>
      <c r="P21665" s="5" t="s">
        <v>39</v>
      </c>
      <c r="Q21665" s="5" t="s">
        <v>40</v>
      </c>
      <c r="R21665" s="5" t="s">
        <v>1522</v>
      </c>
      <c r="S21665" s="5" t="s">
        <v>1523</v>
      </c>
      <c r="T21665" s="5" t="s">
        <v>42</v>
      </c>
      <c r="U21665" s="2">
        <v>1.4750000000000001</v>
      </c>
      <c r="V21665" s="2">
        <v>1.131</v>
      </c>
      <c r="W21665" s="2">
        <v>8.0000000000000002E-3</v>
      </c>
      <c r="X21665" s="2">
        <v>99.1</v>
      </c>
      <c r="Y21665" s="2">
        <v>7.6</v>
      </c>
      <c r="Z21665" s="2">
        <v>10.6</v>
      </c>
      <c r="AA21665" s="5"/>
      <c r="AB21665" s="5" t="s">
        <v>43</v>
      </c>
      <c r="AC21665" s="5" t="s">
        <v>44</v>
      </c>
      <c r="AD21665" s="2"/>
      <c r="AE21665" s="1"/>
    </row>
    <row r="21666" spans="1:31" ht="14.45">
      <c r="A21666" s="11"/>
      <c r="B21666" s="20"/>
      <c r="C21666" s="2" t="s">
        <v>69866</v>
      </c>
      <c r="D21666" s="14" t="s">
        <v>69867</v>
      </c>
      <c r="E21666" s="2" t="s">
        <v>69868</v>
      </c>
      <c r="F21666" s="2" t="s">
        <v>7547</v>
      </c>
      <c r="G21666" s="8">
        <v>131</v>
      </c>
      <c r="H21666" s="5">
        <v>6</v>
      </c>
      <c r="I21666" s="5" t="s">
        <v>1518</v>
      </c>
      <c r="J21666" s="5" t="s">
        <v>69038</v>
      </c>
      <c r="K21666" s="2" t="s">
        <v>69039</v>
      </c>
      <c r="L21666" s="5" t="s">
        <v>69038</v>
      </c>
      <c r="M21666" s="2" t="s">
        <v>69039</v>
      </c>
      <c r="N21666" s="5" t="s">
        <v>1521</v>
      </c>
      <c r="O21666" s="5" t="s">
        <v>38</v>
      </c>
      <c r="P21666" s="5" t="s">
        <v>39</v>
      </c>
      <c r="Q21666" s="5" t="s">
        <v>40</v>
      </c>
      <c r="R21666" s="5" t="s">
        <v>1522</v>
      </c>
      <c r="S21666" s="5" t="s">
        <v>1523</v>
      </c>
      <c r="T21666" s="5" t="s">
        <v>42</v>
      </c>
      <c r="U21666" s="2">
        <v>1.413</v>
      </c>
      <c r="V21666" s="2">
        <v>1.069</v>
      </c>
      <c r="W21666" s="2">
        <v>8.0000000000000002E-3</v>
      </c>
      <c r="X21666" s="2">
        <v>99.1</v>
      </c>
      <c r="Y21666" s="2">
        <v>7.6</v>
      </c>
      <c r="Z21666" s="2">
        <v>10.6</v>
      </c>
      <c r="AA21666" s="5"/>
      <c r="AB21666" s="5" t="s">
        <v>43</v>
      </c>
      <c r="AC21666" s="5" t="s">
        <v>44</v>
      </c>
      <c r="AD21666" s="2"/>
      <c r="AE21666" s="1"/>
    </row>
    <row r="21667" spans="1:31" ht="14.45">
      <c r="A21667" s="11"/>
      <c r="B21667" s="20"/>
      <c r="C21667" s="2" t="s">
        <v>69869</v>
      </c>
      <c r="D21667" s="14" t="s">
        <v>69870</v>
      </c>
      <c r="E21667" s="2" t="s">
        <v>69871</v>
      </c>
      <c r="F21667" s="2" t="s">
        <v>7563</v>
      </c>
      <c r="G21667" s="8">
        <v>131</v>
      </c>
      <c r="H21667" s="5">
        <v>6</v>
      </c>
      <c r="I21667" s="5" t="s">
        <v>1518</v>
      </c>
      <c r="J21667" s="5" t="s">
        <v>69038</v>
      </c>
      <c r="K21667" s="2" t="s">
        <v>69039</v>
      </c>
      <c r="L21667" s="5" t="s">
        <v>69038</v>
      </c>
      <c r="M21667" s="2" t="s">
        <v>69039</v>
      </c>
      <c r="N21667" s="5" t="s">
        <v>1521</v>
      </c>
      <c r="O21667" s="5" t="s">
        <v>38</v>
      </c>
      <c r="P21667" s="5" t="s">
        <v>39</v>
      </c>
      <c r="Q21667" s="5" t="s">
        <v>40</v>
      </c>
      <c r="R21667" s="5" t="s">
        <v>1522</v>
      </c>
      <c r="S21667" s="5" t="s">
        <v>1523</v>
      </c>
      <c r="T21667" s="5" t="s">
        <v>42</v>
      </c>
      <c r="U21667" s="2">
        <v>1.413</v>
      </c>
      <c r="V21667" s="2">
        <v>1.069</v>
      </c>
      <c r="W21667" s="2">
        <v>8.0000000000000002E-3</v>
      </c>
      <c r="X21667" s="2">
        <v>99.1</v>
      </c>
      <c r="Y21667" s="2">
        <v>7.6</v>
      </c>
      <c r="Z21667" s="2">
        <v>10.6</v>
      </c>
      <c r="AA21667" s="5"/>
      <c r="AB21667" s="5" t="s">
        <v>43</v>
      </c>
      <c r="AC21667" s="5" t="s">
        <v>44</v>
      </c>
      <c r="AD21667" s="2"/>
      <c r="AE21667" s="1"/>
    </row>
    <row r="21668" spans="1:31" ht="14.45">
      <c r="A21668" s="11"/>
      <c r="B21668" s="20"/>
      <c r="C21668" s="2" t="s">
        <v>69872</v>
      </c>
      <c r="D21668" s="14" t="s">
        <v>69873</v>
      </c>
      <c r="E21668" s="2" t="s">
        <v>69874</v>
      </c>
      <c r="F21668" s="2" t="s">
        <v>7567</v>
      </c>
      <c r="G21668" s="8">
        <v>131</v>
      </c>
      <c r="H21668" s="5">
        <v>6</v>
      </c>
      <c r="I21668" s="5" t="s">
        <v>1518</v>
      </c>
      <c r="J21668" s="5" t="s">
        <v>69038</v>
      </c>
      <c r="K21668" s="2" t="s">
        <v>69039</v>
      </c>
      <c r="L21668" s="5" t="s">
        <v>69038</v>
      </c>
      <c r="M21668" s="2" t="s">
        <v>69039</v>
      </c>
      <c r="N21668" s="5" t="s">
        <v>1521</v>
      </c>
      <c r="O21668" s="5" t="s">
        <v>38</v>
      </c>
      <c r="P21668" s="5" t="s">
        <v>39</v>
      </c>
      <c r="Q21668" s="5" t="s">
        <v>40</v>
      </c>
      <c r="R21668" s="5" t="s">
        <v>1522</v>
      </c>
      <c r="S21668" s="5" t="s">
        <v>1523</v>
      </c>
      <c r="T21668" s="5" t="s">
        <v>42</v>
      </c>
      <c r="U21668" s="2">
        <v>1.4750000000000001</v>
      </c>
      <c r="V21668" s="2">
        <v>1.131</v>
      </c>
      <c r="W21668" s="2">
        <v>8.0000000000000002E-3</v>
      </c>
      <c r="X21668" s="2">
        <v>99.1</v>
      </c>
      <c r="Y21668" s="2">
        <v>7.6</v>
      </c>
      <c r="Z21668" s="2">
        <v>10.6</v>
      </c>
      <c r="AA21668" s="5"/>
      <c r="AB21668" s="5" t="s">
        <v>43</v>
      </c>
      <c r="AC21668" s="5" t="s">
        <v>44</v>
      </c>
      <c r="AD21668" s="2"/>
      <c r="AE21668" s="1"/>
    </row>
    <row r="21669" spans="1:31" ht="14.45">
      <c r="A21669" s="11"/>
      <c r="B21669" s="20"/>
      <c r="C21669" s="2" t="s">
        <v>69875</v>
      </c>
      <c r="D21669" s="14" t="s">
        <v>69876</v>
      </c>
      <c r="E21669" s="2" t="s">
        <v>69877</v>
      </c>
      <c r="F21669" s="2" t="s">
        <v>7555</v>
      </c>
      <c r="G21669" s="8">
        <v>131</v>
      </c>
      <c r="H21669" s="5">
        <v>6</v>
      </c>
      <c r="I21669" s="5" t="s">
        <v>1518</v>
      </c>
      <c r="J21669" s="5" t="s">
        <v>69038</v>
      </c>
      <c r="K21669" s="2" t="s">
        <v>69039</v>
      </c>
      <c r="L21669" s="5" t="s">
        <v>69038</v>
      </c>
      <c r="M21669" s="2" t="s">
        <v>69039</v>
      </c>
      <c r="N21669" s="5" t="s">
        <v>1521</v>
      </c>
      <c r="O21669" s="5" t="s">
        <v>38</v>
      </c>
      <c r="P21669" s="5" t="s">
        <v>39</v>
      </c>
      <c r="Q21669" s="5" t="s">
        <v>40</v>
      </c>
      <c r="R21669" s="5" t="s">
        <v>1522</v>
      </c>
      <c r="S21669" s="5" t="s">
        <v>1523</v>
      </c>
      <c r="T21669" s="5" t="s">
        <v>42</v>
      </c>
      <c r="U21669" s="2">
        <v>1.413</v>
      </c>
      <c r="V21669" s="2">
        <v>1.069</v>
      </c>
      <c r="W21669" s="2">
        <v>8.0000000000000002E-3</v>
      </c>
      <c r="X21669" s="2">
        <v>99.1</v>
      </c>
      <c r="Y21669" s="2">
        <v>7.6</v>
      </c>
      <c r="Z21669" s="2">
        <v>10.6</v>
      </c>
      <c r="AA21669" s="5"/>
      <c r="AB21669" s="5" t="s">
        <v>43</v>
      </c>
      <c r="AC21669" s="5" t="s">
        <v>44</v>
      </c>
      <c r="AD21669" s="2"/>
      <c r="AE21669" s="1"/>
    </row>
    <row r="21670" spans="1:31" ht="14.45">
      <c r="A21670" s="11"/>
      <c r="B21670" s="20"/>
      <c r="C21670" s="2" t="s">
        <v>69878</v>
      </c>
      <c r="D21670" s="14" t="s">
        <v>69879</v>
      </c>
      <c r="E21670" s="2" t="s">
        <v>69880</v>
      </c>
      <c r="F21670" s="2" t="s">
        <v>7559</v>
      </c>
      <c r="G21670" s="8">
        <v>131</v>
      </c>
      <c r="H21670" s="5">
        <v>6</v>
      </c>
      <c r="I21670" s="5" t="s">
        <v>1518</v>
      </c>
      <c r="J21670" s="5" t="s">
        <v>69038</v>
      </c>
      <c r="K21670" s="2" t="s">
        <v>69039</v>
      </c>
      <c r="L21670" s="5" t="s">
        <v>69038</v>
      </c>
      <c r="M21670" s="2" t="s">
        <v>69039</v>
      </c>
      <c r="N21670" s="5" t="s">
        <v>1521</v>
      </c>
      <c r="O21670" s="5" t="s">
        <v>38</v>
      </c>
      <c r="P21670" s="5" t="s">
        <v>39</v>
      </c>
      <c r="Q21670" s="5" t="s">
        <v>40</v>
      </c>
      <c r="R21670" s="5" t="s">
        <v>1522</v>
      </c>
      <c r="S21670" s="5" t="s">
        <v>1523</v>
      </c>
      <c r="T21670" s="5" t="s">
        <v>42</v>
      </c>
      <c r="U21670" s="2">
        <v>1.4750000000000001</v>
      </c>
      <c r="V21670" s="2">
        <v>1.131</v>
      </c>
      <c r="W21670" s="2">
        <v>8.0000000000000002E-3</v>
      </c>
      <c r="X21670" s="2">
        <v>99.1</v>
      </c>
      <c r="Y21670" s="2">
        <v>7.6</v>
      </c>
      <c r="Z21670" s="2">
        <v>10.6</v>
      </c>
      <c r="AA21670" s="5"/>
      <c r="AB21670" s="5" t="s">
        <v>43</v>
      </c>
      <c r="AC21670" s="5" t="s">
        <v>44</v>
      </c>
      <c r="AD21670" s="2"/>
      <c r="AE21670" s="1"/>
    </row>
    <row r="21671" spans="1:31" ht="14.45">
      <c r="A21671" s="11"/>
      <c r="B21671" s="20"/>
      <c r="C21671" s="2" t="s">
        <v>69881</v>
      </c>
      <c r="D21671" s="14" t="s">
        <v>69882</v>
      </c>
      <c r="E21671" s="2" t="s">
        <v>69883</v>
      </c>
      <c r="F21671" s="2" t="s">
        <v>7429</v>
      </c>
      <c r="G21671" s="8">
        <v>131</v>
      </c>
      <c r="H21671" s="5">
        <v>6</v>
      </c>
      <c r="I21671" s="5" t="s">
        <v>1518</v>
      </c>
      <c r="J21671" s="5" t="s">
        <v>69038</v>
      </c>
      <c r="K21671" s="2" t="s">
        <v>69039</v>
      </c>
      <c r="L21671" s="5" t="s">
        <v>69038</v>
      </c>
      <c r="M21671" s="2" t="s">
        <v>69039</v>
      </c>
      <c r="N21671" s="5" t="s">
        <v>1521</v>
      </c>
      <c r="O21671" s="5" t="s">
        <v>38</v>
      </c>
      <c r="P21671" s="5" t="s">
        <v>39</v>
      </c>
      <c r="Q21671" s="5" t="s">
        <v>40</v>
      </c>
      <c r="R21671" s="5" t="s">
        <v>1522</v>
      </c>
      <c r="S21671" s="5" t="s">
        <v>1523</v>
      </c>
      <c r="T21671" s="5" t="s">
        <v>42</v>
      </c>
      <c r="U21671" s="2">
        <v>1.413</v>
      </c>
      <c r="V21671" s="2">
        <v>1.069</v>
      </c>
      <c r="W21671" s="2">
        <v>8.0000000000000002E-3</v>
      </c>
      <c r="X21671" s="2">
        <v>99.1</v>
      </c>
      <c r="Y21671" s="2">
        <v>7.6</v>
      </c>
      <c r="Z21671" s="2">
        <v>10.6</v>
      </c>
      <c r="AA21671" s="5"/>
      <c r="AB21671" s="5" t="s">
        <v>43</v>
      </c>
      <c r="AC21671" s="5" t="s">
        <v>44</v>
      </c>
      <c r="AD21671" s="2"/>
      <c r="AE21671" s="1"/>
    </row>
    <row r="21672" spans="1:31" ht="14.45">
      <c r="A21672" s="11"/>
      <c r="B21672" s="20"/>
      <c r="C21672" s="2" t="s">
        <v>69884</v>
      </c>
      <c r="D21672" s="14" t="s">
        <v>69885</v>
      </c>
      <c r="E21672" s="2" t="s">
        <v>69886</v>
      </c>
      <c r="F21672" s="2" t="s">
        <v>7449</v>
      </c>
      <c r="G21672" s="8">
        <v>131</v>
      </c>
      <c r="H21672" s="5">
        <v>6</v>
      </c>
      <c r="I21672" s="5" t="s">
        <v>1518</v>
      </c>
      <c r="J21672" s="5" t="s">
        <v>69038</v>
      </c>
      <c r="K21672" s="2" t="s">
        <v>69039</v>
      </c>
      <c r="L21672" s="5" t="s">
        <v>69038</v>
      </c>
      <c r="M21672" s="2" t="s">
        <v>69039</v>
      </c>
      <c r="N21672" s="5" t="s">
        <v>1521</v>
      </c>
      <c r="O21672" s="5" t="s">
        <v>38</v>
      </c>
      <c r="P21672" s="5" t="s">
        <v>39</v>
      </c>
      <c r="Q21672" s="5" t="s">
        <v>40</v>
      </c>
      <c r="R21672" s="5" t="s">
        <v>1522</v>
      </c>
      <c r="S21672" s="5" t="s">
        <v>1523</v>
      </c>
      <c r="T21672" s="5" t="s">
        <v>42</v>
      </c>
      <c r="U21672" s="2">
        <v>1.413</v>
      </c>
      <c r="V21672" s="2">
        <v>1.069</v>
      </c>
      <c r="W21672" s="2">
        <v>8.0000000000000002E-3</v>
      </c>
      <c r="X21672" s="2">
        <v>99.1</v>
      </c>
      <c r="Y21672" s="2">
        <v>7.6</v>
      </c>
      <c r="Z21672" s="2">
        <v>10.6</v>
      </c>
      <c r="AA21672" s="5"/>
      <c r="AB21672" s="5" t="s">
        <v>43</v>
      </c>
      <c r="AC21672" s="5" t="s">
        <v>44</v>
      </c>
      <c r="AD21672" s="2"/>
      <c r="AE21672" s="1"/>
    </row>
    <row r="21673" spans="1:31" ht="14.45">
      <c r="A21673" s="11"/>
      <c r="B21673" s="20"/>
      <c r="C21673" s="2" t="s">
        <v>69887</v>
      </c>
      <c r="D21673" s="14" t="s">
        <v>69888</v>
      </c>
      <c r="E21673" s="2" t="s">
        <v>69889</v>
      </c>
      <c r="F21673" s="2" t="s">
        <v>7581</v>
      </c>
      <c r="G21673" s="8">
        <v>131</v>
      </c>
      <c r="H21673" s="5">
        <v>6</v>
      </c>
      <c r="I21673" s="5" t="s">
        <v>1518</v>
      </c>
      <c r="J21673" s="5" t="s">
        <v>69038</v>
      </c>
      <c r="K21673" s="2" t="s">
        <v>69039</v>
      </c>
      <c r="L21673" s="5" t="s">
        <v>69038</v>
      </c>
      <c r="M21673" s="2" t="s">
        <v>69039</v>
      </c>
      <c r="N21673" s="5" t="s">
        <v>1521</v>
      </c>
      <c r="O21673" s="5" t="s">
        <v>38</v>
      </c>
      <c r="P21673" s="5" t="s">
        <v>39</v>
      </c>
      <c r="Q21673" s="5" t="s">
        <v>40</v>
      </c>
      <c r="R21673" s="5" t="s">
        <v>1522</v>
      </c>
      <c r="S21673" s="5" t="s">
        <v>1523</v>
      </c>
      <c r="T21673" s="5" t="s">
        <v>42</v>
      </c>
      <c r="U21673" s="2">
        <v>1.4750000000000001</v>
      </c>
      <c r="V21673" s="2">
        <v>1.131</v>
      </c>
      <c r="W21673" s="2">
        <v>8.0000000000000002E-3</v>
      </c>
      <c r="X21673" s="2">
        <v>99.1</v>
      </c>
      <c r="Y21673" s="2">
        <v>7.6</v>
      </c>
      <c r="Z21673" s="2">
        <v>10.6</v>
      </c>
      <c r="AA21673" s="5"/>
      <c r="AB21673" s="5" t="s">
        <v>43</v>
      </c>
      <c r="AC21673" s="5" t="s">
        <v>44</v>
      </c>
      <c r="AD21673" s="2"/>
      <c r="AE21673" s="1"/>
    </row>
    <row r="21674" spans="1:31" ht="14.45">
      <c r="A21674" s="11"/>
      <c r="B21674" s="20"/>
      <c r="C21674" s="2" t="s">
        <v>69890</v>
      </c>
      <c r="D21674" s="14" t="s">
        <v>69891</v>
      </c>
      <c r="E21674" s="2" t="s">
        <v>69892</v>
      </c>
      <c r="F21674" s="2" t="s">
        <v>7585</v>
      </c>
      <c r="G21674" s="8">
        <v>131</v>
      </c>
      <c r="H21674" s="5">
        <v>6</v>
      </c>
      <c r="I21674" s="5" t="s">
        <v>1518</v>
      </c>
      <c r="J21674" s="5" t="s">
        <v>69038</v>
      </c>
      <c r="K21674" s="2" t="s">
        <v>69039</v>
      </c>
      <c r="L21674" s="5" t="s">
        <v>69038</v>
      </c>
      <c r="M21674" s="2" t="s">
        <v>69039</v>
      </c>
      <c r="N21674" s="5" t="s">
        <v>1521</v>
      </c>
      <c r="O21674" s="5" t="s">
        <v>38</v>
      </c>
      <c r="P21674" s="5" t="s">
        <v>39</v>
      </c>
      <c r="Q21674" s="5" t="s">
        <v>40</v>
      </c>
      <c r="R21674" s="5" t="s">
        <v>1522</v>
      </c>
      <c r="S21674" s="5" t="s">
        <v>1523</v>
      </c>
      <c r="T21674" s="5" t="s">
        <v>42</v>
      </c>
      <c r="U21674" s="2">
        <v>1.413</v>
      </c>
      <c r="V21674" s="2">
        <v>1.069</v>
      </c>
      <c r="W21674" s="2">
        <v>8.0000000000000002E-3</v>
      </c>
      <c r="X21674" s="2">
        <v>99.1</v>
      </c>
      <c r="Y21674" s="2">
        <v>7.6</v>
      </c>
      <c r="Z21674" s="2">
        <v>10.6</v>
      </c>
      <c r="AA21674" s="5"/>
      <c r="AB21674" s="5" t="s">
        <v>43</v>
      </c>
      <c r="AC21674" s="5" t="s">
        <v>44</v>
      </c>
      <c r="AD21674" s="2"/>
      <c r="AE21674" s="1"/>
    </row>
    <row r="21675" spans="1:31" ht="14.45">
      <c r="A21675" s="11"/>
      <c r="B21675" s="20"/>
      <c r="C21675" s="2" t="s">
        <v>69893</v>
      </c>
      <c r="D21675" s="14" t="s">
        <v>69894</v>
      </c>
      <c r="E21675" s="2" t="s">
        <v>69895</v>
      </c>
      <c r="F21675" s="2" t="s">
        <v>7589</v>
      </c>
      <c r="G21675" s="8">
        <v>131</v>
      </c>
      <c r="H21675" s="5">
        <v>6</v>
      </c>
      <c r="I21675" s="5" t="s">
        <v>1518</v>
      </c>
      <c r="J21675" s="5" t="s">
        <v>69038</v>
      </c>
      <c r="K21675" s="2" t="s">
        <v>69039</v>
      </c>
      <c r="L21675" s="5" t="s">
        <v>69038</v>
      </c>
      <c r="M21675" s="2" t="s">
        <v>69039</v>
      </c>
      <c r="N21675" s="5" t="s">
        <v>1521</v>
      </c>
      <c r="O21675" s="5" t="s">
        <v>38</v>
      </c>
      <c r="P21675" s="5" t="s">
        <v>39</v>
      </c>
      <c r="Q21675" s="5" t="s">
        <v>40</v>
      </c>
      <c r="R21675" s="5" t="s">
        <v>1522</v>
      </c>
      <c r="S21675" s="5" t="s">
        <v>1523</v>
      </c>
      <c r="T21675" s="5" t="s">
        <v>42</v>
      </c>
      <c r="U21675" s="2">
        <v>1.4750000000000001</v>
      </c>
      <c r="V21675" s="2">
        <v>1.131</v>
      </c>
      <c r="W21675" s="2">
        <v>8.0000000000000002E-3</v>
      </c>
      <c r="X21675" s="2">
        <v>99.1</v>
      </c>
      <c r="Y21675" s="2">
        <v>7.6</v>
      </c>
      <c r="Z21675" s="2">
        <v>10.6</v>
      </c>
      <c r="AA21675" s="5"/>
      <c r="AB21675" s="5" t="s">
        <v>43</v>
      </c>
      <c r="AC21675" s="5" t="s">
        <v>44</v>
      </c>
      <c r="AD21675" s="2"/>
      <c r="AE21675" s="1"/>
    </row>
    <row r="21676" spans="1:31" ht="14.45">
      <c r="A21676" s="11"/>
      <c r="B21676" s="20"/>
      <c r="C21676" s="2" t="s">
        <v>69896</v>
      </c>
      <c r="D21676" s="14" t="s">
        <v>69897</v>
      </c>
      <c r="E21676" s="2" t="s">
        <v>69898</v>
      </c>
      <c r="F21676" s="2" t="s">
        <v>7593</v>
      </c>
      <c r="G21676" s="8">
        <v>131</v>
      </c>
      <c r="H21676" s="5">
        <v>6</v>
      </c>
      <c r="I21676" s="5" t="s">
        <v>1518</v>
      </c>
      <c r="J21676" s="5" t="s">
        <v>69038</v>
      </c>
      <c r="K21676" s="2" t="s">
        <v>69039</v>
      </c>
      <c r="L21676" s="5" t="s">
        <v>69038</v>
      </c>
      <c r="M21676" s="2" t="s">
        <v>69039</v>
      </c>
      <c r="N21676" s="5" t="s">
        <v>1521</v>
      </c>
      <c r="O21676" s="5" t="s">
        <v>38</v>
      </c>
      <c r="P21676" s="5" t="s">
        <v>39</v>
      </c>
      <c r="Q21676" s="5" t="s">
        <v>40</v>
      </c>
      <c r="R21676" s="5" t="s">
        <v>1522</v>
      </c>
      <c r="S21676" s="5" t="s">
        <v>1523</v>
      </c>
      <c r="T21676" s="5" t="s">
        <v>42</v>
      </c>
      <c r="U21676" s="2">
        <v>1.413</v>
      </c>
      <c r="V21676" s="2">
        <v>1.069</v>
      </c>
      <c r="W21676" s="2">
        <v>8.0000000000000002E-3</v>
      </c>
      <c r="X21676" s="2">
        <v>99.1</v>
      </c>
      <c r="Y21676" s="2">
        <v>7.6</v>
      </c>
      <c r="Z21676" s="2">
        <v>10.6</v>
      </c>
      <c r="AA21676" s="5"/>
      <c r="AB21676" s="5" t="s">
        <v>43</v>
      </c>
      <c r="AC21676" s="5" t="s">
        <v>44</v>
      </c>
      <c r="AD21676" s="2"/>
      <c r="AE21676" s="1"/>
    </row>
    <row r="21677" spans="1:31" ht="14.45">
      <c r="A21677" s="11"/>
      <c r="B21677" s="20"/>
      <c r="C21677" s="2" t="s">
        <v>69899</v>
      </c>
      <c r="D21677" s="14" t="s">
        <v>69900</v>
      </c>
      <c r="E21677" s="2" t="s">
        <v>69901</v>
      </c>
      <c r="F21677" s="2" t="s">
        <v>7433</v>
      </c>
      <c r="G21677" s="8">
        <v>131</v>
      </c>
      <c r="H21677" s="5">
        <v>6</v>
      </c>
      <c r="I21677" s="5" t="s">
        <v>1518</v>
      </c>
      <c r="J21677" s="5" t="s">
        <v>69038</v>
      </c>
      <c r="K21677" s="2" t="s">
        <v>69039</v>
      </c>
      <c r="L21677" s="5" t="s">
        <v>69038</v>
      </c>
      <c r="M21677" s="2" t="s">
        <v>69039</v>
      </c>
      <c r="N21677" s="5" t="s">
        <v>1521</v>
      </c>
      <c r="O21677" s="5" t="s">
        <v>38</v>
      </c>
      <c r="P21677" s="5" t="s">
        <v>39</v>
      </c>
      <c r="Q21677" s="5" t="s">
        <v>40</v>
      </c>
      <c r="R21677" s="5" t="s">
        <v>1522</v>
      </c>
      <c r="S21677" s="5" t="s">
        <v>1523</v>
      </c>
      <c r="T21677" s="5" t="s">
        <v>42</v>
      </c>
      <c r="U21677" s="2">
        <v>1.413</v>
      </c>
      <c r="V21677" s="2">
        <v>1.069</v>
      </c>
      <c r="W21677" s="2">
        <v>8.0000000000000002E-3</v>
      </c>
      <c r="X21677" s="2">
        <v>99.1</v>
      </c>
      <c r="Y21677" s="2">
        <v>7.6</v>
      </c>
      <c r="Z21677" s="2">
        <v>10.6</v>
      </c>
      <c r="AA21677" s="5"/>
      <c r="AB21677" s="5" t="s">
        <v>43</v>
      </c>
      <c r="AC21677" s="5" t="s">
        <v>44</v>
      </c>
      <c r="AD21677" s="2"/>
      <c r="AE21677" s="1"/>
    </row>
    <row r="21678" spans="1:31" ht="14.45">
      <c r="A21678" s="11"/>
      <c r="B21678" s="20"/>
      <c r="C21678" s="2" t="s">
        <v>69902</v>
      </c>
      <c r="D21678" s="14" t="s">
        <v>69903</v>
      </c>
      <c r="E21678" s="2" t="s">
        <v>69904</v>
      </c>
      <c r="F21678" s="2" t="s">
        <v>7611</v>
      </c>
      <c r="G21678" s="8">
        <v>131</v>
      </c>
      <c r="H21678" s="5">
        <v>6</v>
      </c>
      <c r="I21678" s="5" t="s">
        <v>1518</v>
      </c>
      <c r="J21678" s="5" t="s">
        <v>69038</v>
      </c>
      <c r="K21678" s="2" t="s">
        <v>69039</v>
      </c>
      <c r="L21678" s="5" t="s">
        <v>69038</v>
      </c>
      <c r="M21678" s="2" t="s">
        <v>69039</v>
      </c>
      <c r="N21678" s="5" t="s">
        <v>1521</v>
      </c>
      <c r="O21678" s="5" t="s">
        <v>38</v>
      </c>
      <c r="P21678" s="5" t="s">
        <v>39</v>
      </c>
      <c r="Q21678" s="5" t="s">
        <v>40</v>
      </c>
      <c r="R21678" s="5" t="s">
        <v>1522</v>
      </c>
      <c r="S21678" s="5" t="s">
        <v>1523</v>
      </c>
      <c r="T21678" s="5" t="s">
        <v>42</v>
      </c>
      <c r="U21678" s="2">
        <v>1.4750000000000001</v>
      </c>
      <c r="V21678" s="2">
        <v>1.131</v>
      </c>
      <c r="W21678" s="2">
        <v>8.0000000000000002E-3</v>
      </c>
      <c r="X21678" s="2">
        <v>99.1</v>
      </c>
      <c r="Y21678" s="2">
        <v>7.6</v>
      </c>
      <c r="Z21678" s="2">
        <v>10.6</v>
      </c>
      <c r="AA21678" s="5"/>
      <c r="AB21678" s="5" t="s">
        <v>43</v>
      </c>
      <c r="AC21678" s="5" t="s">
        <v>44</v>
      </c>
      <c r="AD21678" s="2"/>
      <c r="AE21678" s="1"/>
    </row>
    <row r="21679" spans="1:31" ht="14.45">
      <c r="A21679" s="11"/>
      <c r="B21679" s="20"/>
      <c r="C21679" s="2" t="s">
        <v>69905</v>
      </c>
      <c r="D21679" s="14" t="s">
        <v>69906</v>
      </c>
      <c r="E21679" s="2" t="s">
        <v>69907</v>
      </c>
      <c r="F21679" s="2" t="s">
        <v>7615</v>
      </c>
      <c r="G21679" s="8">
        <v>131</v>
      </c>
      <c r="H21679" s="5">
        <v>6</v>
      </c>
      <c r="I21679" s="5" t="s">
        <v>1518</v>
      </c>
      <c r="J21679" s="5" t="s">
        <v>69038</v>
      </c>
      <c r="K21679" s="2" t="s">
        <v>69039</v>
      </c>
      <c r="L21679" s="5" t="s">
        <v>69038</v>
      </c>
      <c r="M21679" s="2" t="s">
        <v>69039</v>
      </c>
      <c r="N21679" s="5" t="s">
        <v>1521</v>
      </c>
      <c r="O21679" s="5" t="s">
        <v>38</v>
      </c>
      <c r="P21679" s="5" t="s">
        <v>39</v>
      </c>
      <c r="Q21679" s="5" t="s">
        <v>40</v>
      </c>
      <c r="R21679" s="5" t="s">
        <v>1522</v>
      </c>
      <c r="S21679" s="5" t="s">
        <v>1523</v>
      </c>
      <c r="T21679" s="5" t="s">
        <v>42</v>
      </c>
      <c r="U21679" s="2">
        <v>1.413</v>
      </c>
      <c r="V21679" s="2">
        <v>1.069</v>
      </c>
      <c r="W21679" s="2">
        <v>8.0000000000000002E-3</v>
      </c>
      <c r="X21679" s="2">
        <v>99.1</v>
      </c>
      <c r="Y21679" s="2">
        <v>7.6</v>
      </c>
      <c r="Z21679" s="2">
        <v>10.6</v>
      </c>
      <c r="AA21679" s="5"/>
      <c r="AB21679" s="5" t="s">
        <v>43</v>
      </c>
      <c r="AC21679" s="5" t="s">
        <v>44</v>
      </c>
      <c r="AD21679" s="2"/>
      <c r="AE21679" s="1"/>
    </row>
    <row r="21680" spans="1:31" ht="14.45">
      <c r="A21680" s="11"/>
      <c r="B21680" s="20"/>
      <c r="C21680" s="2" t="s">
        <v>69908</v>
      </c>
      <c r="D21680" s="14" t="s">
        <v>69909</v>
      </c>
      <c r="E21680" s="2" t="s">
        <v>69910</v>
      </c>
      <c r="F21680" s="2" t="s">
        <v>7619</v>
      </c>
      <c r="G21680" s="8">
        <v>131</v>
      </c>
      <c r="H21680" s="5">
        <v>6</v>
      </c>
      <c r="I21680" s="5" t="s">
        <v>1518</v>
      </c>
      <c r="J21680" s="5" t="s">
        <v>69038</v>
      </c>
      <c r="K21680" s="2" t="s">
        <v>69039</v>
      </c>
      <c r="L21680" s="5" t="s">
        <v>69038</v>
      </c>
      <c r="M21680" s="2" t="s">
        <v>69039</v>
      </c>
      <c r="N21680" s="5" t="s">
        <v>1521</v>
      </c>
      <c r="O21680" s="5" t="s">
        <v>38</v>
      </c>
      <c r="P21680" s="5" t="s">
        <v>39</v>
      </c>
      <c r="Q21680" s="5" t="s">
        <v>40</v>
      </c>
      <c r="R21680" s="5" t="s">
        <v>1522</v>
      </c>
      <c r="S21680" s="5" t="s">
        <v>1523</v>
      </c>
      <c r="T21680" s="5" t="s">
        <v>42</v>
      </c>
      <c r="U21680" s="2">
        <v>1.4750000000000001</v>
      </c>
      <c r="V21680" s="2">
        <v>1.131</v>
      </c>
      <c r="W21680" s="2">
        <v>8.0000000000000002E-3</v>
      </c>
      <c r="X21680" s="2">
        <v>99.1</v>
      </c>
      <c r="Y21680" s="2">
        <v>7.6</v>
      </c>
      <c r="Z21680" s="2">
        <v>10.6</v>
      </c>
      <c r="AA21680" s="5"/>
      <c r="AB21680" s="5" t="s">
        <v>43</v>
      </c>
      <c r="AC21680" s="5" t="s">
        <v>44</v>
      </c>
      <c r="AD21680" s="2"/>
      <c r="AE21680" s="1"/>
    </row>
    <row r="21681" spans="1:31" ht="14.45">
      <c r="A21681" s="11"/>
      <c r="B21681" s="20"/>
      <c r="C21681" s="2" t="s">
        <v>69911</v>
      </c>
      <c r="D21681" s="14" t="s">
        <v>69912</v>
      </c>
      <c r="E21681" s="2" t="s">
        <v>69913</v>
      </c>
      <c r="F21681" s="2" t="s">
        <v>7410</v>
      </c>
      <c r="G21681" s="8">
        <v>131</v>
      </c>
      <c r="H21681" s="5">
        <v>6</v>
      </c>
      <c r="I21681" s="5" t="s">
        <v>1518</v>
      </c>
      <c r="J21681" s="5" t="s">
        <v>69038</v>
      </c>
      <c r="K21681" s="2" t="s">
        <v>69039</v>
      </c>
      <c r="L21681" s="5" t="s">
        <v>69038</v>
      </c>
      <c r="M21681" s="2" t="s">
        <v>69039</v>
      </c>
      <c r="N21681" s="5" t="s">
        <v>1521</v>
      </c>
      <c r="O21681" s="5" t="s">
        <v>38</v>
      </c>
      <c r="P21681" s="5" t="s">
        <v>39</v>
      </c>
      <c r="Q21681" s="5" t="s">
        <v>40</v>
      </c>
      <c r="R21681" s="5" t="s">
        <v>1522</v>
      </c>
      <c r="S21681" s="5" t="s">
        <v>1523</v>
      </c>
      <c r="T21681" s="5" t="s">
        <v>42</v>
      </c>
      <c r="U21681" s="2">
        <v>1.413</v>
      </c>
      <c r="V21681" s="2">
        <v>1.069</v>
      </c>
      <c r="W21681" s="2">
        <v>8.0000000000000002E-3</v>
      </c>
      <c r="X21681" s="2">
        <v>99.1</v>
      </c>
      <c r="Y21681" s="2">
        <v>7.6</v>
      </c>
      <c r="Z21681" s="2">
        <v>10.6</v>
      </c>
      <c r="AA21681" s="5"/>
      <c r="AB21681" s="5" t="s">
        <v>43</v>
      </c>
      <c r="AC21681" s="5" t="s">
        <v>44</v>
      </c>
      <c r="AD21681" s="2"/>
      <c r="AE21681" s="1"/>
    </row>
    <row r="21682" spans="1:31" ht="14.45">
      <c r="A21682" s="11"/>
      <c r="B21682" s="20"/>
      <c r="C21682" s="2" t="s">
        <v>69914</v>
      </c>
      <c r="D21682" s="14" t="s">
        <v>69915</v>
      </c>
      <c r="E21682" s="2" t="s">
        <v>69916</v>
      </c>
      <c r="F21682" s="2" t="s">
        <v>7604</v>
      </c>
      <c r="G21682" s="8">
        <v>131</v>
      </c>
      <c r="H21682" s="5">
        <v>6</v>
      </c>
      <c r="I21682" s="5" t="s">
        <v>1518</v>
      </c>
      <c r="J21682" s="5" t="s">
        <v>69038</v>
      </c>
      <c r="K21682" s="2" t="s">
        <v>69039</v>
      </c>
      <c r="L21682" s="5" t="s">
        <v>69038</v>
      </c>
      <c r="M21682" s="2" t="s">
        <v>69039</v>
      </c>
      <c r="N21682" s="5" t="s">
        <v>1521</v>
      </c>
      <c r="O21682" s="5" t="s">
        <v>38</v>
      </c>
      <c r="P21682" s="5" t="s">
        <v>39</v>
      </c>
      <c r="Q21682" s="5" t="s">
        <v>40</v>
      </c>
      <c r="R21682" s="5" t="s">
        <v>1522</v>
      </c>
      <c r="S21682" s="5" t="s">
        <v>1523</v>
      </c>
      <c r="T21682" s="5" t="s">
        <v>42</v>
      </c>
      <c r="U21682" s="2">
        <v>1.4750000000000001</v>
      </c>
      <c r="V21682" s="2">
        <v>1.131</v>
      </c>
      <c r="W21682" s="2">
        <v>8.0000000000000002E-3</v>
      </c>
      <c r="X21682" s="2">
        <v>99.1</v>
      </c>
      <c r="Y21682" s="2">
        <v>7.6</v>
      </c>
      <c r="Z21682" s="2">
        <v>10.6</v>
      </c>
      <c r="AA21682" s="5"/>
      <c r="AB21682" s="5" t="s">
        <v>43</v>
      </c>
      <c r="AC21682" s="5" t="s">
        <v>44</v>
      </c>
      <c r="AD21682" s="2"/>
      <c r="AE21682" s="1"/>
    </row>
    <row r="21683" spans="1:31" ht="14.45">
      <c r="A21683" s="11"/>
      <c r="B21683" s="20"/>
      <c r="C21683" s="2" t="s">
        <v>69917</v>
      </c>
      <c r="D21683" s="14" t="s">
        <v>69918</v>
      </c>
      <c r="E21683" s="2" t="s">
        <v>69919</v>
      </c>
      <c r="F21683" s="2" t="s">
        <v>7212</v>
      </c>
      <c r="G21683" s="8">
        <v>114</v>
      </c>
      <c r="H21683" s="5">
        <v>6</v>
      </c>
      <c r="I21683" s="5" t="s">
        <v>1518</v>
      </c>
      <c r="J21683" s="5" t="s">
        <v>69038</v>
      </c>
      <c r="K21683" s="2" t="s">
        <v>69039</v>
      </c>
      <c r="L21683" s="5" t="s">
        <v>69038</v>
      </c>
      <c r="M21683" s="2" t="s">
        <v>69039</v>
      </c>
      <c r="N21683" s="5" t="s">
        <v>1521</v>
      </c>
      <c r="O21683" s="5" t="s">
        <v>38</v>
      </c>
      <c r="P21683" s="5" t="s">
        <v>39</v>
      </c>
      <c r="Q21683" s="5" t="s">
        <v>40</v>
      </c>
      <c r="R21683" s="5" t="s">
        <v>1522</v>
      </c>
      <c r="S21683" s="5" t="s">
        <v>1523</v>
      </c>
      <c r="T21683" s="5" t="s">
        <v>42</v>
      </c>
      <c r="U21683" s="2">
        <v>1.413</v>
      </c>
      <c r="V21683" s="2">
        <v>1.069</v>
      </c>
      <c r="W21683" s="2">
        <v>8.0000000000000002E-3</v>
      </c>
      <c r="X21683" s="2">
        <v>99.1</v>
      </c>
      <c r="Y21683" s="2">
        <v>7.6</v>
      </c>
      <c r="Z21683" s="2">
        <v>10.6</v>
      </c>
      <c r="AA21683" s="5"/>
      <c r="AB21683" s="5" t="s">
        <v>43</v>
      </c>
      <c r="AC21683" s="5" t="s">
        <v>44</v>
      </c>
      <c r="AD21683" s="2"/>
      <c r="AE21683" s="1"/>
    </row>
    <row r="21684" spans="1:31" ht="14.45">
      <c r="A21684" s="11"/>
      <c r="B21684" s="20"/>
      <c r="C21684" s="2" t="s">
        <v>69920</v>
      </c>
      <c r="D21684" s="14" t="s">
        <v>69921</v>
      </c>
      <c r="E21684" s="2" t="s">
        <v>69922</v>
      </c>
      <c r="F21684" s="2" t="s">
        <v>7528</v>
      </c>
      <c r="G21684" s="8">
        <v>114</v>
      </c>
      <c r="H21684" s="5">
        <v>6</v>
      </c>
      <c r="I21684" s="5" t="s">
        <v>1518</v>
      </c>
      <c r="J21684" s="5" t="s">
        <v>69038</v>
      </c>
      <c r="K21684" s="2" t="s">
        <v>69039</v>
      </c>
      <c r="L21684" s="5" t="s">
        <v>69038</v>
      </c>
      <c r="M21684" s="2" t="s">
        <v>69039</v>
      </c>
      <c r="N21684" s="5" t="s">
        <v>1521</v>
      </c>
      <c r="O21684" s="5" t="s">
        <v>38</v>
      </c>
      <c r="P21684" s="5" t="s">
        <v>39</v>
      </c>
      <c r="Q21684" s="5" t="s">
        <v>40</v>
      </c>
      <c r="R21684" s="5" t="s">
        <v>1522</v>
      </c>
      <c r="S21684" s="5" t="s">
        <v>1523</v>
      </c>
      <c r="T21684" s="5" t="s">
        <v>42</v>
      </c>
      <c r="U21684" s="2">
        <v>1.4750000000000001</v>
      </c>
      <c r="V21684" s="2">
        <v>1.131</v>
      </c>
      <c r="W21684" s="2">
        <v>8.0000000000000002E-3</v>
      </c>
      <c r="X21684" s="2">
        <v>99.1</v>
      </c>
      <c r="Y21684" s="2">
        <v>7.6</v>
      </c>
      <c r="Z21684" s="2">
        <v>10.6</v>
      </c>
      <c r="AA21684" s="5"/>
      <c r="AB21684" s="5" t="s">
        <v>43</v>
      </c>
      <c r="AC21684" s="5" t="s">
        <v>44</v>
      </c>
      <c r="AD21684" s="2"/>
      <c r="AE21684" s="1"/>
    </row>
    <row r="21685" spans="1:31" ht="14.45">
      <c r="A21685" s="11"/>
      <c r="B21685" s="20"/>
      <c r="C21685" s="2" t="s">
        <v>69923</v>
      </c>
      <c r="D21685" s="14" t="s">
        <v>69924</v>
      </c>
      <c r="E21685" s="2" t="s">
        <v>69925</v>
      </c>
      <c r="F21685" s="2" t="s">
        <v>1863</v>
      </c>
      <c r="G21685" s="8">
        <v>131</v>
      </c>
      <c r="H21685" s="5">
        <v>6</v>
      </c>
      <c r="I21685" s="5" t="s">
        <v>1518</v>
      </c>
      <c r="J21685" s="5" t="s">
        <v>69038</v>
      </c>
      <c r="K21685" s="2" t="s">
        <v>69039</v>
      </c>
      <c r="L21685" s="5" t="s">
        <v>69038</v>
      </c>
      <c r="M21685" s="2" t="s">
        <v>69039</v>
      </c>
      <c r="N21685" s="5" t="s">
        <v>1521</v>
      </c>
      <c r="O21685" s="5" t="s">
        <v>38</v>
      </c>
      <c r="P21685" s="5" t="s">
        <v>39</v>
      </c>
      <c r="Q21685" s="5" t="s">
        <v>40</v>
      </c>
      <c r="R21685" s="5" t="s">
        <v>1522</v>
      </c>
      <c r="S21685" s="5" t="s">
        <v>1523</v>
      </c>
      <c r="T21685" s="5" t="s">
        <v>42</v>
      </c>
      <c r="U21685" s="2">
        <v>1.413</v>
      </c>
      <c r="V21685" s="2">
        <v>1.069</v>
      </c>
      <c r="W21685" s="2">
        <v>8.0000000000000002E-3</v>
      </c>
      <c r="X21685" s="2">
        <v>99.1</v>
      </c>
      <c r="Y21685" s="2">
        <v>7.6</v>
      </c>
      <c r="Z21685" s="2">
        <v>10.6</v>
      </c>
      <c r="AA21685" s="5"/>
      <c r="AB21685" s="5" t="s">
        <v>43</v>
      </c>
      <c r="AC21685" s="5" t="s">
        <v>44</v>
      </c>
      <c r="AD21685" s="2"/>
      <c r="AE21685" s="1"/>
    </row>
    <row r="21686" spans="1:31" ht="14.45">
      <c r="A21686" s="11"/>
      <c r="B21686" s="20"/>
      <c r="C21686" s="2" t="s">
        <v>69926</v>
      </c>
      <c r="D21686" s="14" t="s">
        <v>69927</v>
      </c>
      <c r="E21686" s="2" t="s">
        <v>69928</v>
      </c>
      <c r="F21686" s="2" t="s">
        <v>1867</v>
      </c>
      <c r="G21686" s="8">
        <v>131</v>
      </c>
      <c r="H21686" s="5">
        <v>6</v>
      </c>
      <c r="I21686" s="5" t="s">
        <v>1518</v>
      </c>
      <c r="J21686" s="5" t="s">
        <v>69038</v>
      </c>
      <c r="K21686" s="2" t="s">
        <v>69039</v>
      </c>
      <c r="L21686" s="5" t="s">
        <v>69038</v>
      </c>
      <c r="M21686" s="2" t="s">
        <v>69039</v>
      </c>
      <c r="N21686" s="5" t="s">
        <v>1521</v>
      </c>
      <c r="O21686" s="5" t="s">
        <v>38</v>
      </c>
      <c r="P21686" s="5" t="s">
        <v>39</v>
      </c>
      <c r="Q21686" s="5" t="s">
        <v>40</v>
      </c>
      <c r="R21686" s="5" t="s">
        <v>1522</v>
      </c>
      <c r="S21686" s="5" t="s">
        <v>1523</v>
      </c>
      <c r="T21686" s="5" t="s">
        <v>42</v>
      </c>
      <c r="U21686" s="2">
        <v>1.4750000000000001</v>
      </c>
      <c r="V21686" s="2">
        <v>1.131</v>
      </c>
      <c r="W21686" s="2">
        <v>8.0000000000000002E-3</v>
      </c>
      <c r="X21686" s="2">
        <v>99.1</v>
      </c>
      <c r="Y21686" s="2">
        <v>7.6</v>
      </c>
      <c r="Z21686" s="2">
        <v>10.6</v>
      </c>
      <c r="AA21686" s="5"/>
      <c r="AB21686" s="5" t="s">
        <v>43</v>
      </c>
      <c r="AC21686" s="5" t="s">
        <v>44</v>
      </c>
      <c r="AD21686" s="2"/>
      <c r="AE21686" s="1"/>
    </row>
    <row r="21687" spans="1:31" ht="14.45">
      <c r="A21687" s="11"/>
      <c r="B21687" s="20"/>
      <c r="C21687" s="2" t="s">
        <v>69929</v>
      </c>
      <c r="D21687" s="14" t="s">
        <v>69930</v>
      </c>
      <c r="E21687" s="2" t="s">
        <v>69931</v>
      </c>
      <c r="F21687" s="2" t="s">
        <v>7204</v>
      </c>
      <c r="G21687" s="8">
        <v>117</v>
      </c>
      <c r="H21687" s="5">
        <v>6</v>
      </c>
      <c r="I21687" s="5" t="s">
        <v>1518</v>
      </c>
      <c r="J21687" s="5" t="s">
        <v>69038</v>
      </c>
      <c r="K21687" s="2" t="s">
        <v>69039</v>
      </c>
      <c r="L21687" s="5" t="s">
        <v>69038</v>
      </c>
      <c r="M21687" s="2" t="s">
        <v>69039</v>
      </c>
      <c r="N21687" s="5" t="s">
        <v>1521</v>
      </c>
      <c r="O21687" s="5" t="s">
        <v>38</v>
      </c>
      <c r="P21687" s="5" t="s">
        <v>39</v>
      </c>
      <c r="Q21687" s="5" t="s">
        <v>40</v>
      </c>
      <c r="R21687" s="5" t="s">
        <v>1522</v>
      </c>
      <c r="S21687" s="5" t="s">
        <v>1523</v>
      </c>
      <c r="T21687" s="5" t="s">
        <v>42</v>
      </c>
      <c r="U21687" s="2">
        <v>1.532</v>
      </c>
      <c r="V21687" s="2">
        <v>1.1819999999999999</v>
      </c>
      <c r="W21687" s="2">
        <v>0.01</v>
      </c>
      <c r="X21687" s="2">
        <v>118.9</v>
      </c>
      <c r="Y21687" s="2">
        <v>7.6</v>
      </c>
      <c r="Z21687" s="2">
        <v>10.6</v>
      </c>
      <c r="AA21687" s="5"/>
      <c r="AB21687" s="5" t="s">
        <v>43</v>
      </c>
      <c r="AC21687" s="5" t="s">
        <v>44</v>
      </c>
      <c r="AD21687" s="2"/>
      <c r="AE21687" s="1"/>
    </row>
    <row r="21688" spans="1:31" ht="14.45">
      <c r="A21688" s="11"/>
      <c r="B21688" s="20"/>
      <c r="C21688" s="2" t="s">
        <v>69932</v>
      </c>
      <c r="D21688" s="14" t="s">
        <v>69933</v>
      </c>
      <c r="E21688" s="2" t="s">
        <v>69934</v>
      </c>
      <c r="F21688" s="2" t="s">
        <v>7514</v>
      </c>
      <c r="G21688" s="8">
        <v>117</v>
      </c>
      <c r="H21688" s="5">
        <v>6</v>
      </c>
      <c r="I21688" s="5" t="s">
        <v>1518</v>
      </c>
      <c r="J21688" s="5" t="s">
        <v>69038</v>
      </c>
      <c r="K21688" s="2" t="s">
        <v>69039</v>
      </c>
      <c r="L21688" s="5" t="s">
        <v>69038</v>
      </c>
      <c r="M21688" s="2" t="s">
        <v>69039</v>
      </c>
      <c r="N21688" s="5" t="s">
        <v>1521</v>
      </c>
      <c r="O21688" s="5" t="s">
        <v>38</v>
      </c>
      <c r="P21688" s="5" t="s">
        <v>39</v>
      </c>
      <c r="Q21688" s="5" t="s">
        <v>40</v>
      </c>
      <c r="R21688" s="5" t="s">
        <v>1522</v>
      </c>
      <c r="S21688" s="5" t="s">
        <v>1523</v>
      </c>
      <c r="T21688" s="5" t="s">
        <v>42</v>
      </c>
      <c r="U21688" s="2">
        <v>1.605</v>
      </c>
      <c r="V21688" s="2">
        <v>1.2549999999999999</v>
      </c>
      <c r="W21688" s="2">
        <v>0.01</v>
      </c>
      <c r="X21688" s="2">
        <v>118.9</v>
      </c>
      <c r="Y21688" s="2">
        <v>7.6</v>
      </c>
      <c r="Z21688" s="2">
        <v>10.6</v>
      </c>
      <c r="AA21688" s="5"/>
      <c r="AB21688" s="5" t="s">
        <v>43</v>
      </c>
      <c r="AC21688" s="5" t="s">
        <v>44</v>
      </c>
      <c r="AD21688" s="2"/>
      <c r="AE21688" s="1"/>
    </row>
    <row r="21689" spans="1:31" ht="14.45">
      <c r="A21689" s="11"/>
      <c r="B21689" s="20"/>
      <c r="C21689" s="2" t="s">
        <v>69935</v>
      </c>
      <c r="D21689" s="14" t="s">
        <v>69936</v>
      </c>
      <c r="E21689" s="2" t="s">
        <v>69937</v>
      </c>
      <c r="F21689" s="2" t="s">
        <v>7208</v>
      </c>
      <c r="G21689" s="8">
        <v>117</v>
      </c>
      <c r="H21689" s="5">
        <v>6</v>
      </c>
      <c r="I21689" s="5" t="s">
        <v>1518</v>
      </c>
      <c r="J21689" s="5" t="s">
        <v>69038</v>
      </c>
      <c r="K21689" s="2" t="s">
        <v>69039</v>
      </c>
      <c r="L21689" s="5" t="s">
        <v>69038</v>
      </c>
      <c r="M21689" s="2" t="s">
        <v>69039</v>
      </c>
      <c r="N21689" s="5" t="s">
        <v>1521</v>
      </c>
      <c r="O21689" s="5" t="s">
        <v>38</v>
      </c>
      <c r="P21689" s="5" t="s">
        <v>39</v>
      </c>
      <c r="Q21689" s="5" t="s">
        <v>40</v>
      </c>
      <c r="R21689" s="5" t="s">
        <v>1522</v>
      </c>
      <c r="S21689" s="5" t="s">
        <v>1523</v>
      </c>
      <c r="T21689" s="5" t="s">
        <v>42</v>
      </c>
      <c r="U21689" s="2">
        <v>1.532</v>
      </c>
      <c r="V21689" s="2">
        <v>1.1819999999999999</v>
      </c>
      <c r="W21689" s="2">
        <v>0.01</v>
      </c>
      <c r="X21689" s="2">
        <v>118.9</v>
      </c>
      <c r="Y21689" s="2">
        <v>7.6</v>
      </c>
      <c r="Z21689" s="2">
        <v>10.6</v>
      </c>
      <c r="AA21689" s="5"/>
      <c r="AB21689" s="5" t="s">
        <v>43</v>
      </c>
      <c r="AC21689" s="5" t="s">
        <v>44</v>
      </c>
      <c r="AD21689" s="2"/>
      <c r="AE21689" s="1"/>
    </row>
    <row r="21690" spans="1:31" ht="14.45">
      <c r="A21690" s="11"/>
      <c r="B21690" s="20"/>
      <c r="C21690" s="2" t="s">
        <v>69938</v>
      </c>
      <c r="D21690" s="14" t="s">
        <v>69939</v>
      </c>
      <c r="E21690" s="2" t="s">
        <v>69940</v>
      </c>
      <c r="F21690" s="2" t="s">
        <v>7521</v>
      </c>
      <c r="G21690" s="8">
        <v>117</v>
      </c>
      <c r="H21690" s="5">
        <v>6</v>
      </c>
      <c r="I21690" s="5" t="s">
        <v>1518</v>
      </c>
      <c r="J21690" s="5" t="s">
        <v>69038</v>
      </c>
      <c r="K21690" s="2" t="s">
        <v>69039</v>
      </c>
      <c r="L21690" s="5" t="s">
        <v>69038</v>
      </c>
      <c r="M21690" s="2" t="s">
        <v>69039</v>
      </c>
      <c r="N21690" s="5" t="s">
        <v>1521</v>
      </c>
      <c r="O21690" s="5" t="s">
        <v>38</v>
      </c>
      <c r="P21690" s="5" t="s">
        <v>39</v>
      </c>
      <c r="Q21690" s="5" t="s">
        <v>40</v>
      </c>
      <c r="R21690" s="5" t="s">
        <v>1522</v>
      </c>
      <c r="S21690" s="5" t="s">
        <v>1523</v>
      </c>
      <c r="T21690" s="5" t="s">
        <v>42</v>
      </c>
      <c r="U21690" s="2">
        <v>1.605</v>
      </c>
      <c r="V21690" s="2">
        <v>1.2549999999999999</v>
      </c>
      <c r="W21690" s="2">
        <v>0.01</v>
      </c>
      <c r="X21690" s="2">
        <v>118.9</v>
      </c>
      <c r="Y21690" s="2">
        <v>7.6</v>
      </c>
      <c r="Z21690" s="2">
        <v>10.6</v>
      </c>
      <c r="AA21690" s="5"/>
      <c r="AB21690" s="5" t="s">
        <v>43</v>
      </c>
      <c r="AC21690" s="5" t="s">
        <v>44</v>
      </c>
      <c r="AD21690" s="2"/>
      <c r="AE21690" s="1"/>
    </row>
    <row r="21691" spans="1:31" ht="14.45">
      <c r="A21691" s="11"/>
      <c r="B21691" s="20"/>
      <c r="C21691" s="2" t="s">
        <v>69941</v>
      </c>
      <c r="D21691" s="14" t="s">
        <v>69942</v>
      </c>
      <c r="E21691" s="2" t="s">
        <v>69943</v>
      </c>
      <c r="F21691" s="2" t="s">
        <v>7406</v>
      </c>
      <c r="G21691" s="8">
        <v>135</v>
      </c>
      <c r="H21691" s="5">
        <v>6</v>
      </c>
      <c r="I21691" s="5" t="s">
        <v>1518</v>
      </c>
      <c r="J21691" s="5" t="s">
        <v>69038</v>
      </c>
      <c r="K21691" s="2" t="s">
        <v>69039</v>
      </c>
      <c r="L21691" s="5" t="s">
        <v>69038</v>
      </c>
      <c r="M21691" s="2" t="s">
        <v>69039</v>
      </c>
      <c r="N21691" s="5" t="s">
        <v>1521</v>
      </c>
      <c r="O21691" s="5" t="s">
        <v>38</v>
      </c>
      <c r="P21691" s="5" t="s">
        <v>39</v>
      </c>
      <c r="Q21691" s="5" t="s">
        <v>40</v>
      </c>
      <c r="R21691" s="5" t="s">
        <v>1522</v>
      </c>
      <c r="S21691" s="5" t="s">
        <v>1523</v>
      </c>
      <c r="T21691" s="5" t="s">
        <v>42</v>
      </c>
      <c r="U21691" s="2">
        <v>1.532</v>
      </c>
      <c r="V21691" s="2">
        <v>1.1819999999999999</v>
      </c>
      <c r="W21691" s="2">
        <v>0.01</v>
      </c>
      <c r="X21691" s="2">
        <v>118.9</v>
      </c>
      <c r="Y21691" s="2">
        <v>7.6</v>
      </c>
      <c r="Z21691" s="2">
        <v>10.6</v>
      </c>
      <c r="AA21691" s="5"/>
      <c r="AB21691" s="5" t="s">
        <v>43</v>
      </c>
      <c r="AC21691" s="5" t="s">
        <v>44</v>
      </c>
      <c r="AD21691" s="2"/>
      <c r="AE21691" s="1"/>
    </row>
    <row r="21692" spans="1:31" ht="14.45">
      <c r="A21692" s="11"/>
      <c r="B21692" s="20"/>
      <c r="C21692" s="2" t="s">
        <v>69944</v>
      </c>
      <c r="D21692" s="14" t="s">
        <v>69945</v>
      </c>
      <c r="E21692" s="2" t="s">
        <v>69946</v>
      </c>
      <c r="F21692" s="2" t="s">
        <v>7535</v>
      </c>
      <c r="G21692" s="8">
        <v>135</v>
      </c>
      <c r="H21692" s="5">
        <v>6</v>
      </c>
      <c r="I21692" s="5" t="s">
        <v>1518</v>
      </c>
      <c r="J21692" s="5" t="s">
        <v>69038</v>
      </c>
      <c r="K21692" s="2" t="s">
        <v>69039</v>
      </c>
      <c r="L21692" s="5" t="s">
        <v>69038</v>
      </c>
      <c r="M21692" s="2" t="s">
        <v>69039</v>
      </c>
      <c r="N21692" s="5" t="s">
        <v>1521</v>
      </c>
      <c r="O21692" s="5" t="s">
        <v>38</v>
      </c>
      <c r="P21692" s="5" t="s">
        <v>39</v>
      </c>
      <c r="Q21692" s="5" t="s">
        <v>40</v>
      </c>
      <c r="R21692" s="5" t="s">
        <v>1522</v>
      </c>
      <c r="S21692" s="5" t="s">
        <v>1523</v>
      </c>
      <c r="T21692" s="5" t="s">
        <v>42</v>
      </c>
      <c r="U21692" s="2">
        <v>1.605</v>
      </c>
      <c r="V21692" s="2">
        <v>1.2549999999999999</v>
      </c>
      <c r="W21692" s="2">
        <v>0.01</v>
      </c>
      <c r="X21692" s="2">
        <v>118.9</v>
      </c>
      <c r="Y21692" s="2">
        <v>7.6</v>
      </c>
      <c r="Z21692" s="2">
        <v>10.6</v>
      </c>
      <c r="AA21692" s="5"/>
      <c r="AB21692" s="5" t="s">
        <v>43</v>
      </c>
      <c r="AC21692" s="5" t="s">
        <v>44</v>
      </c>
      <c r="AD21692" s="2"/>
      <c r="AE21692" s="1"/>
    </row>
    <row r="21693" spans="1:31" ht="14.45">
      <c r="A21693" s="11"/>
      <c r="B21693" s="20"/>
      <c r="C21693" s="2" t="s">
        <v>69947</v>
      </c>
      <c r="D21693" s="14" t="s">
        <v>69948</v>
      </c>
      <c r="E21693" s="2" t="s">
        <v>69949</v>
      </c>
      <c r="F21693" s="2" t="s">
        <v>7539</v>
      </c>
      <c r="G21693" s="8">
        <v>135</v>
      </c>
      <c r="H21693" s="5">
        <v>6</v>
      </c>
      <c r="I21693" s="5" t="s">
        <v>1518</v>
      </c>
      <c r="J21693" s="5" t="s">
        <v>69038</v>
      </c>
      <c r="K21693" s="2" t="s">
        <v>69039</v>
      </c>
      <c r="L21693" s="5" t="s">
        <v>69038</v>
      </c>
      <c r="M21693" s="2" t="s">
        <v>69039</v>
      </c>
      <c r="N21693" s="5" t="s">
        <v>1521</v>
      </c>
      <c r="O21693" s="5" t="s">
        <v>38</v>
      </c>
      <c r="P21693" s="5" t="s">
        <v>39</v>
      </c>
      <c r="Q21693" s="5" t="s">
        <v>40</v>
      </c>
      <c r="R21693" s="5" t="s">
        <v>1522</v>
      </c>
      <c r="S21693" s="5" t="s">
        <v>1523</v>
      </c>
      <c r="T21693" s="5" t="s">
        <v>42</v>
      </c>
      <c r="U21693" s="2">
        <v>1.532</v>
      </c>
      <c r="V21693" s="2">
        <v>1.1819999999999999</v>
      </c>
      <c r="W21693" s="2">
        <v>0.01</v>
      </c>
      <c r="X21693" s="2">
        <v>118.9</v>
      </c>
      <c r="Y21693" s="2">
        <v>7.6</v>
      </c>
      <c r="Z21693" s="2">
        <v>10.6</v>
      </c>
      <c r="AA21693" s="5"/>
      <c r="AB21693" s="5" t="s">
        <v>43</v>
      </c>
      <c r="AC21693" s="5" t="s">
        <v>44</v>
      </c>
      <c r="AD21693" s="2"/>
      <c r="AE21693" s="1"/>
    </row>
    <row r="21694" spans="1:31" ht="14.45">
      <c r="A21694" s="11"/>
      <c r="B21694" s="20"/>
      <c r="C21694" s="2" t="s">
        <v>69950</v>
      </c>
      <c r="D21694" s="14" t="s">
        <v>69951</v>
      </c>
      <c r="E21694" s="2" t="s">
        <v>69952</v>
      </c>
      <c r="F21694" s="2" t="s">
        <v>7543</v>
      </c>
      <c r="G21694" s="8">
        <v>135</v>
      </c>
      <c r="H21694" s="5">
        <v>6</v>
      </c>
      <c r="I21694" s="5" t="s">
        <v>1518</v>
      </c>
      <c r="J21694" s="5" t="s">
        <v>69038</v>
      </c>
      <c r="K21694" s="2" t="s">
        <v>69039</v>
      </c>
      <c r="L21694" s="5" t="s">
        <v>69038</v>
      </c>
      <c r="M21694" s="2" t="s">
        <v>69039</v>
      </c>
      <c r="N21694" s="5" t="s">
        <v>1521</v>
      </c>
      <c r="O21694" s="5" t="s">
        <v>38</v>
      </c>
      <c r="P21694" s="5" t="s">
        <v>39</v>
      </c>
      <c r="Q21694" s="5" t="s">
        <v>40</v>
      </c>
      <c r="R21694" s="5" t="s">
        <v>1522</v>
      </c>
      <c r="S21694" s="5" t="s">
        <v>1523</v>
      </c>
      <c r="T21694" s="5" t="s">
        <v>42</v>
      </c>
      <c r="U21694" s="2">
        <v>1.605</v>
      </c>
      <c r="V21694" s="2">
        <v>1.2549999999999999</v>
      </c>
      <c r="W21694" s="2">
        <v>0.01</v>
      </c>
      <c r="X21694" s="2">
        <v>118.9</v>
      </c>
      <c r="Y21694" s="2">
        <v>7.6</v>
      </c>
      <c r="Z21694" s="2">
        <v>10.6</v>
      </c>
      <c r="AA21694" s="5"/>
      <c r="AB21694" s="5" t="s">
        <v>43</v>
      </c>
      <c r="AC21694" s="5" t="s">
        <v>44</v>
      </c>
      <c r="AD21694" s="2"/>
      <c r="AE21694" s="1"/>
    </row>
    <row r="21695" spans="1:31" ht="14.45">
      <c r="A21695" s="11"/>
      <c r="B21695" s="20"/>
      <c r="C21695" s="2" t="s">
        <v>69953</v>
      </c>
      <c r="D21695" s="14" t="s">
        <v>69954</v>
      </c>
      <c r="E21695" s="2" t="s">
        <v>69955</v>
      </c>
      <c r="F21695" s="2" t="s">
        <v>7396</v>
      </c>
      <c r="G21695" s="8">
        <v>117</v>
      </c>
      <c r="H21695" s="5">
        <v>6</v>
      </c>
      <c r="I21695" s="5" t="s">
        <v>1518</v>
      </c>
      <c r="J21695" s="5" t="s">
        <v>69038</v>
      </c>
      <c r="K21695" s="2" t="s">
        <v>69039</v>
      </c>
      <c r="L21695" s="5" t="s">
        <v>69038</v>
      </c>
      <c r="M21695" s="2" t="s">
        <v>69039</v>
      </c>
      <c r="N21695" s="5" t="s">
        <v>1521</v>
      </c>
      <c r="O21695" s="5" t="s">
        <v>38</v>
      </c>
      <c r="P21695" s="5" t="s">
        <v>39</v>
      </c>
      <c r="Q21695" s="5" t="s">
        <v>40</v>
      </c>
      <c r="R21695" s="5" t="s">
        <v>1522</v>
      </c>
      <c r="S21695" s="5" t="s">
        <v>1523</v>
      </c>
      <c r="T21695" s="5" t="s">
        <v>42</v>
      </c>
      <c r="U21695" s="2">
        <v>1.532</v>
      </c>
      <c r="V21695" s="2">
        <v>1.1819999999999999</v>
      </c>
      <c r="W21695" s="2">
        <v>0.01</v>
      </c>
      <c r="X21695" s="2">
        <v>118.9</v>
      </c>
      <c r="Y21695" s="2">
        <v>7.6</v>
      </c>
      <c r="Z21695" s="2">
        <v>10.6</v>
      </c>
      <c r="AA21695" s="5"/>
      <c r="AB21695" s="5" t="s">
        <v>43</v>
      </c>
      <c r="AC21695" s="5" t="s">
        <v>44</v>
      </c>
      <c r="AD21695" s="2"/>
      <c r="AE21695" s="1"/>
    </row>
    <row r="21696" spans="1:31" ht="14.45">
      <c r="A21696" s="11"/>
      <c r="B21696" s="20"/>
      <c r="C21696" s="2" t="s">
        <v>69956</v>
      </c>
      <c r="D21696" s="14" t="s">
        <v>69957</v>
      </c>
      <c r="E21696" s="2" t="s">
        <v>69958</v>
      </c>
      <c r="F21696" s="2" t="s">
        <v>69112</v>
      </c>
      <c r="G21696" s="8">
        <v>117</v>
      </c>
      <c r="H21696" s="5">
        <v>6</v>
      </c>
      <c r="I21696" s="5" t="s">
        <v>1518</v>
      </c>
      <c r="J21696" s="5" t="s">
        <v>69038</v>
      </c>
      <c r="K21696" s="2" t="s">
        <v>69039</v>
      </c>
      <c r="L21696" s="5" t="s">
        <v>69038</v>
      </c>
      <c r="M21696" s="2" t="s">
        <v>69039</v>
      </c>
      <c r="N21696" s="5" t="s">
        <v>1521</v>
      </c>
      <c r="O21696" s="5" t="s">
        <v>38</v>
      </c>
      <c r="P21696" s="5" t="s">
        <v>39</v>
      </c>
      <c r="Q21696" s="5" t="s">
        <v>40</v>
      </c>
      <c r="R21696" s="5" t="s">
        <v>1522</v>
      </c>
      <c r="S21696" s="5" t="s">
        <v>1523</v>
      </c>
      <c r="T21696" s="5" t="s">
        <v>42</v>
      </c>
      <c r="U21696" s="2">
        <v>1.605</v>
      </c>
      <c r="V21696" s="2">
        <v>1.2549999999999999</v>
      </c>
      <c r="W21696" s="2">
        <v>0.01</v>
      </c>
      <c r="X21696" s="2">
        <v>118.9</v>
      </c>
      <c r="Y21696" s="2">
        <v>7.6</v>
      </c>
      <c r="Z21696" s="2">
        <v>10.6</v>
      </c>
      <c r="AA21696" s="5"/>
      <c r="AB21696" s="5" t="s">
        <v>43</v>
      </c>
      <c r="AC21696" s="5" t="s">
        <v>44</v>
      </c>
      <c r="AD21696" s="2"/>
      <c r="AE21696" s="1"/>
    </row>
    <row r="21697" spans="1:31" ht="14.45">
      <c r="A21697" s="11"/>
      <c r="B21697" s="20"/>
      <c r="C21697" s="2" t="s">
        <v>69959</v>
      </c>
      <c r="D21697" s="14" t="s">
        <v>69960</v>
      </c>
      <c r="E21697" s="2" t="s">
        <v>69961</v>
      </c>
      <c r="F21697" s="2" t="s">
        <v>7547</v>
      </c>
      <c r="G21697" s="8">
        <v>135</v>
      </c>
      <c r="H21697" s="5">
        <v>6</v>
      </c>
      <c r="I21697" s="5" t="s">
        <v>1518</v>
      </c>
      <c r="J21697" s="5" t="s">
        <v>69038</v>
      </c>
      <c r="K21697" s="2" t="s">
        <v>69039</v>
      </c>
      <c r="L21697" s="5" t="s">
        <v>69038</v>
      </c>
      <c r="M21697" s="2" t="s">
        <v>69039</v>
      </c>
      <c r="N21697" s="5" t="s">
        <v>1521</v>
      </c>
      <c r="O21697" s="5" t="s">
        <v>38</v>
      </c>
      <c r="P21697" s="5" t="s">
        <v>39</v>
      </c>
      <c r="Q21697" s="5" t="s">
        <v>40</v>
      </c>
      <c r="R21697" s="5" t="s">
        <v>1522</v>
      </c>
      <c r="S21697" s="5" t="s">
        <v>1523</v>
      </c>
      <c r="T21697" s="5" t="s">
        <v>42</v>
      </c>
      <c r="U21697" s="2">
        <v>1.532</v>
      </c>
      <c r="V21697" s="2">
        <v>1.1819999999999999</v>
      </c>
      <c r="W21697" s="2">
        <v>0.01</v>
      </c>
      <c r="X21697" s="2">
        <v>118.9</v>
      </c>
      <c r="Y21697" s="2">
        <v>7.6</v>
      </c>
      <c r="Z21697" s="2">
        <v>10.6</v>
      </c>
      <c r="AA21697" s="5"/>
      <c r="AB21697" s="5" t="s">
        <v>43</v>
      </c>
      <c r="AC21697" s="5" t="s">
        <v>44</v>
      </c>
      <c r="AD21697" s="2"/>
      <c r="AE21697" s="1"/>
    </row>
    <row r="21698" spans="1:31" ht="14.45">
      <c r="A21698" s="11"/>
      <c r="B21698" s="20"/>
      <c r="C21698" s="2" t="s">
        <v>69962</v>
      </c>
      <c r="D21698" s="14" t="s">
        <v>69963</v>
      </c>
      <c r="E21698" s="2" t="s">
        <v>69964</v>
      </c>
      <c r="F21698" s="2" t="s">
        <v>7551</v>
      </c>
      <c r="G21698" s="8">
        <v>135</v>
      </c>
      <c r="H21698" s="5">
        <v>6</v>
      </c>
      <c r="I21698" s="5" t="s">
        <v>1518</v>
      </c>
      <c r="J21698" s="5" t="s">
        <v>69038</v>
      </c>
      <c r="K21698" s="2" t="s">
        <v>69039</v>
      </c>
      <c r="L21698" s="5" t="s">
        <v>69038</v>
      </c>
      <c r="M21698" s="2" t="s">
        <v>69039</v>
      </c>
      <c r="N21698" s="5" t="s">
        <v>1521</v>
      </c>
      <c r="O21698" s="5" t="s">
        <v>38</v>
      </c>
      <c r="P21698" s="5" t="s">
        <v>39</v>
      </c>
      <c r="Q21698" s="5" t="s">
        <v>40</v>
      </c>
      <c r="R21698" s="5" t="s">
        <v>1522</v>
      </c>
      <c r="S21698" s="5" t="s">
        <v>1523</v>
      </c>
      <c r="T21698" s="5" t="s">
        <v>42</v>
      </c>
      <c r="U21698" s="2">
        <v>1.605</v>
      </c>
      <c r="V21698" s="2">
        <v>1.2549999999999999</v>
      </c>
      <c r="W21698" s="2">
        <v>0.01</v>
      </c>
      <c r="X21698" s="2">
        <v>118.9</v>
      </c>
      <c r="Y21698" s="2">
        <v>7.6</v>
      </c>
      <c r="Z21698" s="2">
        <v>10.6</v>
      </c>
      <c r="AA21698" s="5"/>
      <c r="AB21698" s="5" t="s">
        <v>43</v>
      </c>
      <c r="AC21698" s="5" t="s">
        <v>44</v>
      </c>
      <c r="AD21698" s="2"/>
      <c r="AE21698" s="1"/>
    </row>
    <row r="21699" spans="1:31" ht="14.45">
      <c r="A21699" s="11"/>
      <c r="B21699" s="20"/>
      <c r="C21699" s="2" t="s">
        <v>69965</v>
      </c>
      <c r="D21699" s="14" t="s">
        <v>69966</v>
      </c>
      <c r="E21699" s="2" t="s">
        <v>69967</v>
      </c>
      <c r="F21699" s="2" t="s">
        <v>7563</v>
      </c>
      <c r="G21699" s="8">
        <v>135</v>
      </c>
      <c r="H21699" s="5">
        <v>6</v>
      </c>
      <c r="I21699" s="5" t="s">
        <v>1518</v>
      </c>
      <c r="J21699" s="5" t="s">
        <v>69038</v>
      </c>
      <c r="K21699" s="2" t="s">
        <v>69039</v>
      </c>
      <c r="L21699" s="5" t="s">
        <v>69038</v>
      </c>
      <c r="M21699" s="2" t="s">
        <v>69039</v>
      </c>
      <c r="N21699" s="5" t="s">
        <v>1521</v>
      </c>
      <c r="O21699" s="5" t="s">
        <v>38</v>
      </c>
      <c r="P21699" s="5" t="s">
        <v>39</v>
      </c>
      <c r="Q21699" s="5" t="s">
        <v>40</v>
      </c>
      <c r="R21699" s="5" t="s">
        <v>1522</v>
      </c>
      <c r="S21699" s="5" t="s">
        <v>1523</v>
      </c>
      <c r="T21699" s="5" t="s">
        <v>42</v>
      </c>
      <c r="U21699" s="2">
        <v>1.532</v>
      </c>
      <c r="V21699" s="2">
        <v>1.1819999999999999</v>
      </c>
      <c r="W21699" s="2">
        <v>0.01</v>
      </c>
      <c r="X21699" s="2">
        <v>118.9</v>
      </c>
      <c r="Y21699" s="2">
        <v>7.6</v>
      </c>
      <c r="Z21699" s="2">
        <v>10.6</v>
      </c>
      <c r="AA21699" s="5"/>
      <c r="AB21699" s="5" t="s">
        <v>43</v>
      </c>
      <c r="AC21699" s="5" t="s">
        <v>44</v>
      </c>
      <c r="AD21699" s="2"/>
      <c r="AE21699" s="1"/>
    </row>
    <row r="21700" spans="1:31" ht="14.45">
      <c r="A21700" s="11"/>
      <c r="B21700" s="20"/>
      <c r="C21700" s="2" t="s">
        <v>69968</v>
      </c>
      <c r="D21700" s="14" t="s">
        <v>69969</v>
      </c>
      <c r="E21700" s="2" t="s">
        <v>69970</v>
      </c>
      <c r="F21700" s="2" t="s">
        <v>7567</v>
      </c>
      <c r="G21700" s="8">
        <v>135</v>
      </c>
      <c r="H21700" s="5">
        <v>6</v>
      </c>
      <c r="I21700" s="5" t="s">
        <v>1518</v>
      </c>
      <c r="J21700" s="5" t="s">
        <v>69038</v>
      </c>
      <c r="K21700" s="2" t="s">
        <v>69039</v>
      </c>
      <c r="L21700" s="5" t="s">
        <v>69038</v>
      </c>
      <c r="M21700" s="2" t="s">
        <v>69039</v>
      </c>
      <c r="N21700" s="5" t="s">
        <v>1521</v>
      </c>
      <c r="O21700" s="5" t="s">
        <v>38</v>
      </c>
      <c r="P21700" s="5" t="s">
        <v>39</v>
      </c>
      <c r="Q21700" s="5" t="s">
        <v>40</v>
      </c>
      <c r="R21700" s="5" t="s">
        <v>1522</v>
      </c>
      <c r="S21700" s="5" t="s">
        <v>1523</v>
      </c>
      <c r="T21700" s="5" t="s">
        <v>42</v>
      </c>
      <c r="U21700" s="2">
        <v>1.605</v>
      </c>
      <c r="V21700" s="2">
        <v>1.2549999999999999</v>
      </c>
      <c r="W21700" s="2">
        <v>0.01</v>
      </c>
      <c r="X21700" s="2">
        <v>118.9</v>
      </c>
      <c r="Y21700" s="2">
        <v>7.6</v>
      </c>
      <c r="Z21700" s="2">
        <v>10.6</v>
      </c>
      <c r="AA21700" s="5"/>
      <c r="AB21700" s="5" t="s">
        <v>43</v>
      </c>
      <c r="AC21700" s="5" t="s">
        <v>44</v>
      </c>
      <c r="AD21700" s="2"/>
      <c r="AE21700" s="1"/>
    </row>
    <row r="21701" spans="1:31" ht="14.45">
      <c r="A21701" s="11"/>
      <c r="B21701" s="20"/>
      <c r="C21701" s="2" t="s">
        <v>69971</v>
      </c>
      <c r="D21701" s="14" t="s">
        <v>69972</v>
      </c>
      <c r="E21701" s="2" t="s">
        <v>69973</v>
      </c>
      <c r="F21701" s="2" t="s">
        <v>7555</v>
      </c>
      <c r="G21701" s="8">
        <v>135</v>
      </c>
      <c r="H21701" s="5">
        <v>6</v>
      </c>
      <c r="I21701" s="5" t="s">
        <v>1518</v>
      </c>
      <c r="J21701" s="5" t="s">
        <v>69038</v>
      </c>
      <c r="K21701" s="2" t="s">
        <v>69039</v>
      </c>
      <c r="L21701" s="5" t="s">
        <v>69038</v>
      </c>
      <c r="M21701" s="2" t="s">
        <v>69039</v>
      </c>
      <c r="N21701" s="5" t="s">
        <v>1521</v>
      </c>
      <c r="O21701" s="5" t="s">
        <v>38</v>
      </c>
      <c r="P21701" s="5" t="s">
        <v>39</v>
      </c>
      <c r="Q21701" s="5" t="s">
        <v>40</v>
      </c>
      <c r="R21701" s="5" t="s">
        <v>1522</v>
      </c>
      <c r="S21701" s="5" t="s">
        <v>1523</v>
      </c>
      <c r="T21701" s="5" t="s">
        <v>42</v>
      </c>
      <c r="U21701" s="2">
        <v>1.532</v>
      </c>
      <c r="V21701" s="2">
        <v>1.1819999999999999</v>
      </c>
      <c r="W21701" s="2">
        <v>0.01</v>
      </c>
      <c r="X21701" s="2">
        <v>118.9</v>
      </c>
      <c r="Y21701" s="2">
        <v>7.6</v>
      </c>
      <c r="Z21701" s="2">
        <v>10.6</v>
      </c>
      <c r="AA21701" s="5"/>
      <c r="AB21701" s="5" t="s">
        <v>43</v>
      </c>
      <c r="AC21701" s="5" t="s">
        <v>44</v>
      </c>
      <c r="AD21701" s="2"/>
      <c r="AE21701" s="1"/>
    </row>
    <row r="21702" spans="1:31" ht="14.45">
      <c r="A21702" s="11"/>
      <c r="B21702" s="20"/>
      <c r="C21702" s="2" t="s">
        <v>69974</v>
      </c>
      <c r="D21702" s="14" t="s">
        <v>69975</v>
      </c>
      <c r="E21702" s="2" t="s">
        <v>69976</v>
      </c>
      <c r="F21702" s="2" t="s">
        <v>7559</v>
      </c>
      <c r="G21702" s="8">
        <v>135</v>
      </c>
      <c r="H21702" s="5">
        <v>6</v>
      </c>
      <c r="I21702" s="5" t="s">
        <v>1518</v>
      </c>
      <c r="J21702" s="5" t="s">
        <v>69038</v>
      </c>
      <c r="K21702" s="2" t="s">
        <v>69039</v>
      </c>
      <c r="L21702" s="5" t="s">
        <v>69038</v>
      </c>
      <c r="M21702" s="2" t="s">
        <v>69039</v>
      </c>
      <c r="N21702" s="5" t="s">
        <v>1521</v>
      </c>
      <c r="O21702" s="5" t="s">
        <v>38</v>
      </c>
      <c r="P21702" s="5" t="s">
        <v>39</v>
      </c>
      <c r="Q21702" s="5" t="s">
        <v>40</v>
      </c>
      <c r="R21702" s="5" t="s">
        <v>1522</v>
      </c>
      <c r="S21702" s="5" t="s">
        <v>1523</v>
      </c>
      <c r="T21702" s="5" t="s">
        <v>42</v>
      </c>
      <c r="U21702" s="2">
        <v>1.605</v>
      </c>
      <c r="V21702" s="2">
        <v>1.2549999999999999</v>
      </c>
      <c r="W21702" s="2">
        <v>0.01</v>
      </c>
      <c r="X21702" s="2">
        <v>118.9</v>
      </c>
      <c r="Y21702" s="2">
        <v>7.6</v>
      </c>
      <c r="Z21702" s="2">
        <v>10.6</v>
      </c>
      <c r="AA21702" s="5"/>
      <c r="AB21702" s="5" t="s">
        <v>43</v>
      </c>
      <c r="AC21702" s="5" t="s">
        <v>44</v>
      </c>
      <c r="AD21702" s="2"/>
      <c r="AE21702" s="1"/>
    </row>
    <row r="21703" spans="1:31" ht="14.45">
      <c r="A21703" s="11"/>
      <c r="B21703" s="20"/>
      <c r="C21703" s="2" t="s">
        <v>69977</v>
      </c>
      <c r="D21703" s="14" t="s">
        <v>69978</v>
      </c>
      <c r="E21703" s="2" t="s">
        <v>69979</v>
      </c>
      <c r="F21703" s="2" t="s">
        <v>7429</v>
      </c>
      <c r="G21703" s="8">
        <v>135</v>
      </c>
      <c r="H21703" s="5">
        <v>6</v>
      </c>
      <c r="I21703" s="5" t="s">
        <v>1518</v>
      </c>
      <c r="J21703" s="5" t="s">
        <v>69038</v>
      </c>
      <c r="K21703" s="2" t="s">
        <v>69039</v>
      </c>
      <c r="L21703" s="5" t="s">
        <v>69038</v>
      </c>
      <c r="M21703" s="2" t="s">
        <v>69039</v>
      </c>
      <c r="N21703" s="5" t="s">
        <v>1521</v>
      </c>
      <c r="O21703" s="5" t="s">
        <v>38</v>
      </c>
      <c r="P21703" s="5" t="s">
        <v>39</v>
      </c>
      <c r="Q21703" s="5" t="s">
        <v>40</v>
      </c>
      <c r="R21703" s="5" t="s">
        <v>1522</v>
      </c>
      <c r="S21703" s="5" t="s">
        <v>1523</v>
      </c>
      <c r="T21703" s="5" t="s">
        <v>42</v>
      </c>
      <c r="U21703" s="2">
        <v>1.532</v>
      </c>
      <c r="V21703" s="2">
        <v>1.1819999999999999</v>
      </c>
      <c r="W21703" s="2">
        <v>0.01</v>
      </c>
      <c r="X21703" s="2">
        <v>118.9</v>
      </c>
      <c r="Y21703" s="2">
        <v>7.6</v>
      </c>
      <c r="Z21703" s="2">
        <v>10.6</v>
      </c>
      <c r="AA21703" s="5"/>
      <c r="AB21703" s="5" t="s">
        <v>43</v>
      </c>
      <c r="AC21703" s="5" t="s">
        <v>44</v>
      </c>
      <c r="AD21703" s="2"/>
      <c r="AE21703" s="1"/>
    </row>
    <row r="21704" spans="1:31" ht="14.45">
      <c r="A21704" s="11"/>
      <c r="B21704" s="20"/>
      <c r="C21704" s="2" t="s">
        <v>69980</v>
      </c>
      <c r="D21704" s="14" t="s">
        <v>69981</v>
      </c>
      <c r="E21704" s="2" t="s">
        <v>69982</v>
      </c>
      <c r="F21704" s="2" t="s">
        <v>7574</v>
      </c>
      <c r="G21704" s="8">
        <v>135</v>
      </c>
      <c r="H21704" s="5">
        <v>6</v>
      </c>
      <c r="I21704" s="5" t="s">
        <v>1518</v>
      </c>
      <c r="J21704" s="5" t="s">
        <v>69038</v>
      </c>
      <c r="K21704" s="2" t="s">
        <v>69039</v>
      </c>
      <c r="L21704" s="5" t="s">
        <v>69038</v>
      </c>
      <c r="M21704" s="2" t="s">
        <v>69039</v>
      </c>
      <c r="N21704" s="5" t="s">
        <v>1521</v>
      </c>
      <c r="O21704" s="5" t="s">
        <v>38</v>
      </c>
      <c r="P21704" s="5" t="s">
        <v>39</v>
      </c>
      <c r="Q21704" s="5" t="s">
        <v>40</v>
      </c>
      <c r="R21704" s="5" t="s">
        <v>1522</v>
      </c>
      <c r="S21704" s="5" t="s">
        <v>1523</v>
      </c>
      <c r="T21704" s="5" t="s">
        <v>42</v>
      </c>
      <c r="U21704" s="2">
        <v>1.605</v>
      </c>
      <c r="V21704" s="2">
        <v>1.2549999999999999</v>
      </c>
      <c r="W21704" s="2">
        <v>0.01</v>
      </c>
      <c r="X21704" s="2">
        <v>118.9</v>
      </c>
      <c r="Y21704" s="2">
        <v>7.6</v>
      </c>
      <c r="Z21704" s="2">
        <v>10.6</v>
      </c>
      <c r="AA21704" s="5"/>
      <c r="AB21704" s="5" t="s">
        <v>43</v>
      </c>
      <c r="AC21704" s="5" t="s">
        <v>44</v>
      </c>
      <c r="AD21704" s="2"/>
      <c r="AE21704" s="1"/>
    </row>
    <row r="21705" spans="1:31" ht="14.45">
      <c r="A21705" s="11"/>
      <c r="B21705" s="20"/>
      <c r="C21705" s="2" t="s">
        <v>69983</v>
      </c>
      <c r="D21705" s="14" t="s">
        <v>69984</v>
      </c>
      <c r="E21705" s="2" t="s">
        <v>69985</v>
      </c>
      <c r="F21705" s="2" t="s">
        <v>7449</v>
      </c>
      <c r="G21705" s="8">
        <v>135</v>
      </c>
      <c r="H21705" s="5">
        <v>6</v>
      </c>
      <c r="I21705" s="5" t="s">
        <v>1518</v>
      </c>
      <c r="J21705" s="5" t="s">
        <v>69038</v>
      </c>
      <c r="K21705" s="2" t="s">
        <v>69039</v>
      </c>
      <c r="L21705" s="5" t="s">
        <v>69038</v>
      </c>
      <c r="M21705" s="2" t="s">
        <v>69039</v>
      </c>
      <c r="N21705" s="5" t="s">
        <v>1521</v>
      </c>
      <c r="O21705" s="5" t="s">
        <v>38</v>
      </c>
      <c r="P21705" s="5" t="s">
        <v>39</v>
      </c>
      <c r="Q21705" s="5" t="s">
        <v>40</v>
      </c>
      <c r="R21705" s="5" t="s">
        <v>1522</v>
      </c>
      <c r="S21705" s="5" t="s">
        <v>1523</v>
      </c>
      <c r="T21705" s="5" t="s">
        <v>42</v>
      </c>
      <c r="U21705" s="2">
        <v>1.532</v>
      </c>
      <c r="V21705" s="2">
        <v>1.1819999999999999</v>
      </c>
      <c r="W21705" s="2">
        <v>0.01</v>
      </c>
      <c r="X21705" s="2">
        <v>118.9</v>
      </c>
      <c r="Y21705" s="2">
        <v>7.6</v>
      </c>
      <c r="Z21705" s="2">
        <v>10.6</v>
      </c>
      <c r="AA21705" s="5"/>
      <c r="AB21705" s="5" t="s">
        <v>43</v>
      </c>
      <c r="AC21705" s="5" t="s">
        <v>44</v>
      </c>
      <c r="AD21705" s="2"/>
      <c r="AE21705" s="1"/>
    </row>
    <row r="21706" spans="1:31" ht="14.45">
      <c r="A21706" s="11"/>
      <c r="B21706" s="20"/>
      <c r="C21706" s="2" t="s">
        <v>69986</v>
      </c>
      <c r="D21706" s="14" t="s">
        <v>69987</v>
      </c>
      <c r="E21706" s="2" t="s">
        <v>69988</v>
      </c>
      <c r="F21706" s="2" t="s">
        <v>7581</v>
      </c>
      <c r="G21706" s="8">
        <v>135</v>
      </c>
      <c r="H21706" s="5">
        <v>6</v>
      </c>
      <c r="I21706" s="5" t="s">
        <v>1518</v>
      </c>
      <c r="J21706" s="5" t="s">
        <v>69038</v>
      </c>
      <c r="K21706" s="2" t="s">
        <v>69039</v>
      </c>
      <c r="L21706" s="5" t="s">
        <v>69038</v>
      </c>
      <c r="M21706" s="2" t="s">
        <v>69039</v>
      </c>
      <c r="N21706" s="5" t="s">
        <v>1521</v>
      </c>
      <c r="O21706" s="5" t="s">
        <v>38</v>
      </c>
      <c r="P21706" s="5" t="s">
        <v>39</v>
      </c>
      <c r="Q21706" s="5" t="s">
        <v>40</v>
      </c>
      <c r="R21706" s="5" t="s">
        <v>1522</v>
      </c>
      <c r="S21706" s="5" t="s">
        <v>1523</v>
      </c>
      <c r="T21706" s="5" t="s">
        <v>42</v>
      </c>
      <c r="U21706" s="2">
        <v>1.605</v>
      </c>
      <c r="V21706" s="2">
        <v>1.2549999999999999</v>
      </c>
      <c r="W21706" s="2">
        <v>0.01</v>
      </c>
      <c r="X21706" s="2">
        <v>118.9</v>
      </c>
      <c r="Y21706" s="2">
        <v>7.6</v>
      </c>
      <c r="Z21706" s="2">
        <v>10.6</v>
      </c>
      <c r="AA21706" s="5"/>
      <c r="AB21706" s="5" t="s">
        <v>43</v>
      </c>
      <c r="AC21706" s="5" t="s">
        <v>44</v>
      </c>
      <c r="AD21706" s="2"/>
      <c r="AE21706" s="1"/>
    </row>
    <row r="21707" spans="1:31" ht="14.45">
      <c r="A21707" s="11"/>
      <c r="B21707" s="20"/>
      <c r="C21707" s="2" t="s">
        <v>69989</v>
      </c>
      <c r="D21707" s="14" t="s">
        <v>69990</v>
      </c>
      <c r="E21707" s="2" t="s">
        <v>69991</v>
      </c>
      <c r="F21707" s="2" t="s">
        <v>7585</v>
      </c>
      <c r="G21707" s="8">
        <v>135</v>
      </c>
      <c r="H21707" s="5">
        <v>6</v>
      </c>
      <c r="I21707" s="5" t="s">
        <v>1518</v>
      </c>
      <c r="J21707" s="5" t="s">
        <v>69038</v>
      </c>
      <c r="K21707" s="2" t="s">
        <v>69039</v>
      </c>
      <c r="L21707" s="5" t="s">
        <v>69038</v>
      </c>
      <c r="M21707" s="2" t="s">
        <v>69039</v>
      </c>
      <c r="N21707" s="5" t="s">
        <v>1521</v>
      </c>
      <c r="O21707" s="5" t="s">
        <v>38</v>
      </c>
      <c r="P21707" s="5" t="s">
        <v>39</v>
      </c>
      <c r="Q21707" s="5" t="s">
        <v>40</v>
      </c>
      <c r="R21707" s="5" t="s">
        <v>1522</v>
      </c>
      <c r="S21707" s="5" t="s">
        <v>1523</v>
      </c>
      <c r="T21707" s="5" t="s">
        <v>42</v>
      </c>
      <c r="U21707" s="2">
        <v>1.532</v>
      </c>
      <c r="V21707" s="2">
        <v>1.1819999999999999</v>
      </c>
      <c r="W21707" s="2">
        <v>0.01</v>
      </c>
      <c r="X21707" s="2">
        <v>118.9</v>
      </c>
      <c r="Y21707" s="2">
        <v>7.6</v>
      </c>
      <c r="Z21707" s="2">
        <v>10.6</v>
      </c>
      <c r="AA21707" s="5"/>
      <c r="AB21707" s="5" t="s">
        <v>43</v>
      </c>
      <c r="AC21707" s="5" t="s">
        <v>44</v>
      </c>
      <c r="AD21707" s="2"/>
      <c r="AE21707" s="1"/>
    </row>
    <row r="21708" spans="1:31" ht="14.45">
      <c r="A21708" s="11"/>
      <c r="B21708" s="20"/>
      <c r="C21708" s="2" t="s">
        <v>69992</v>
      </c>
      <c r="D21708" s="14" t="s">
        <v>69993</v>
      </c>
      <c r="E21708" s="2" t="s">
        <v>69994</v>
      </c>
      <c r="F21708" s="2" t="s">
        <v>7589</v>
      </c>
      <c r="G21708" s="8">
        <v>135</v>
      </c>
      <c r="H21708" s="5">
        <v>6</v>
      </c>
      <c r="I21708" s="5" t="s">
        <v>1518</v>
      </c>
      <c r="J21708" s="5" t="s">
        <v>69038</v>
      </c>
      <c r="K21708" s="2" t="s">
        <v>69039</v>
      </c>
      <c r="L21708" s="5" t="s">
        <v>69038</v>
      </c>
      <c r="M21708" s="2" t="s">
        <v>69039</v>
      </c>
      <c r="N21708" s="5" t="s">
        <v>1521</v>
      </c>
      <c r="O21708" s="5" t="s">
        <v>38</v>
      </c>
      <c r="P21708" s="5" t="s">
        <v>39</v>
      </c>
      <c r="Q21708" s="5" t="s">
        <v>40</v>
      </c>
      <c r="R21708" s="5" t="s">
        <v>1522</v>
      </c>
      <c r="S21708" s="5" t="s">
        <v>1523</v>
      </c>
      <c r="T21708" s="5" t="s">
        <v>42</v>
      </c>
      <c r="U21708" s="2">
        <v>1.605</v>
      </c>
      <c r="V21708" s="2">
        <v>1.2549999999999999</v>
      </c>
      <c r="W21708" s="2">
        <v>0.01</v>
      </c>
      <c r="X21708" s="2">
        <v>118.9</v>
      </c>
      <c r="Y21708" s="2">
        <v>7.6</v>
      </c>
      <c r="Z21708" s="2">
        <v>10.6</v>
      </c>
      <c r="AA21708" s="5"/>
      <c r="AB21708" s="5" t="s">
        <v>43</v>
      </c>
      <c r="AC21708" s="5" t="s">
        <v>44</v>
      </c>
      <c r="AD21708" s="2"/>
      <c r="AE21708" s="1"/>
    </row>
    <row r="21709" spans="1:31" ht="14.45">
      <c r="A21709" s="11"/>
      <c r="B21709" s="20"/>
      <c r="C21709" s="2" t="s">
        <v>69995</v>
      </c>
      <c r="D21709" s="14" t="s">
        <v>69996</v>
      </c>
      <c r="E21709" s="2" t="s">
        <v>69997</v>
      </c>
      <c r="F21709" s="2" t="s">
        <v>7593</v>
      </c>
      <c r="G21709" s="8">
        <v>135</v>
      </c>
      <c r="H21709" s="5">
        <v>6</v>
      </c>
      <c r="I21709" s="5" t="s">
        <v>1518</v>
      </c>
      <c r="J21709" s="5" t="s">
        <v>69038</v>
      </c>
      <c r="K21709" s="2" t="s">
        <v>69039</v>
      </c>
      <c r="L21709" s="5" t="s">
        <v>69038</v>
      </c>
      <c r="M21709" s="2" t="s">
        <v>69039</v>
      </c>
      <c r="N21709" s="5" t="s">
        <v>1521</v>
      </c>
      <c r="O21709" s="5" t="s">
        <v>38</v>
      </c>
      <c r="P21709" s="5" t="s">
        <v>39</v>
      </c>
      <c r="Q21709" s="5" t="s">
        <v>40</v>
      </c>
      <c r="R21709" s="5" t="s">
        <v>1522</v>
      </c>
      <c r="S21709" s="5" t="s">
        <v>1523</v>
      </c>
      <c r="T21709" s="5" t="s">
        <v>42</v>
      </c>
      <c r="U21709" s="2">
        <v>1.532</v>
      </c>
      <c r="V21709" s="2">
        <v>1.1819999999999999</v>
      </c>
      <c r="W21709" s="2">
        <v>0.01</v>
      </c>
      <c r="X21709" s="2">
        <v>118.9</v>
      </c>
      <c r="Y21709" s="2">
        <v>7.6</v>
      </c>
      <c r="Z21709" s="2">
        <v>10.6</v>
      </c>
      <c r="AA21709" s="5"/>
      <c r="AB21709" s="5" t="s">
        <v>43</v>
      </c>
      <c r="AC21709" s="5" t="s">
        <v>44</v>
      </c>
      <c r="AD21709" s="2"/>
      <c r="AE21709" s="1"/>
    </row>
    <row r="21710" spans="1:31" ht="14.45">
      <c r="A21710" s="11"/>
      <c r="B21710" s="20"/>
      <c r="C21710" s="2" t="s">
        <v>69998</v>
      </c>
      <c r="D21710" s="14" t="s">
        <v>69999</v>
      </c>
      <c r="E21710" s="2" t="s">
        <v>70000</v>
      </c>
      <c r="F21710" s="2" t="s">
        <v>7597</v>
      </c>
      <c r="G21710" s="8">
        <v>135</v>
      </c>
      <c r="H21710" s="5">
        <v>6</v>
      </c>
      <c r="I21710" s="5" t="s">
        <v>1518</v>
      </c>
      <c r="J21710" s="5" t="s">
        <v>69038</v>
      </c>
      <c r="K21710" s="2" t="s">
        <v>69039</v>
      </c>
      <c r="L21710" s="5" t="s">
        <v>69038</v>
      </c>
      <c r="M21710" s="2" t="s">
        <v>69039</v>
      </c>
      <c r="N21710" s="5" t="s">
        <v>1521</v>
      </c>
      <c r="O21710" s="5" t="s">
        <v>38</v>
      </c>
      <c r="P21710" s="5" t="s">
        <v>39</v>
      </c>
      <c r="Q21710" s="5" t="s">
        <v>40</v>
      </c>
      <c r="R21710" s="5" t="s">
        <v>1522</v>
      </c>
      <c r="S21710" s="5" t="s">
        <v>1523</v>
      </c>
      <c r="T21710" s="5" t="s">
        <v>42</v>
      </c>
      <c r="U21710" s="2">
        <v>1.605</v>
      </c>
      <c r="V21710" s="2">
        <v>1.2549999999999999</v>
      </c>
      <c r="W21710" s="2">
        <v>0.01</v>
      </c>
      <c r="X21710" s="2">
        <v>118.9</v>
      </c>
      <c r="Y21710" s="2">
        <v>7.6</v>
      </c>
      <c r="Z21710" s="2">
        <v>10.6</v>
      </c>
      <c r="AA21710" s="5"/>
      <c r="AB21710" s="5" t="s">
        <v>43</v>
      </c>
      <c r="AC21710" s="5" t="s">
        <v>44</v>
      </c>
      <c r="AD21710" s="2"/>
      <c r="AE21710" s="1"/>
    </row>
    <row r="21711" spans="1:31" ht="14.45">
      <c r="A21711" s="11"/>
      <c r="B21711" s="20"/>
      <c r="C21711" s="2" t="s">
        <v>70001</v>
      </c>
      <c r="D21711" s="14" t="s">
        <v>70002</v>
      </c>
      <c r="E21711" s="2" t="s">
        <v>70003</v>
      </c>
      <c r="F21711" s="2" t="s">
        <v>7433</v>
      </c>
      <c r="G21711" s="8">
        <v>135</v>
      </c>
      <c r="H21711" s="5">
        <v>6</v>
      </c>
      <c r="I21711" s="5" t="s">
        <v>1518</v>
      </c>
      <c r="J21711" s="5" t="s">
        <v>69038</v>
      </c>
      <c r="K21711" s="2" t="s">
        <v>69039</v>
      </c>
      <c r="L21711" s="5" t="s">
        <v>69038</v>
      </c>
      <c r="M21711" s="2" t="s">
        <v>69039</v>
      </c>
      <c r="N21711" s="5" t="s">
        <v>1521</v>
      </c>
      <c r="O21711" s="5" t="s">
        <v>38</v>
      </c>
      <c r="P21711" s="5" t="s">
        <v>39</v>
      </c>
      <c r="Q21711" s="5" t="s">
        <v>40</v>
      </c>
      <c r="R21711" s="5" t="s">
        <v>1522</v>
      </c>
      <c r="S21711" s="5" t="s">
        <v>1523</v>
      </c>
      <c r="T21711" s="5" t="s">
        <v>42</v>
      </c>
      <c r="U21711" s="2">
        <v>1.532</v>
      </c>
      <c r="V21711" s="2">
        <v>1.1819999999999999</v>
      </c>
      <c r="W21711" s="2">
        <v>0.01</v>
      </c>
      <c r="X21711" s="2">
        <v>118.9</v>
      </c>
      <c r="Y21711" s="2">
        <v>7.6</v>
      </c>
      <c r="Z21711" s="2">
        <v>10.6</v>
      </c>
      <c r="AA21711" s="5"/>
      <c r="AB21711" s="5" t="s">
        <v>43</v>
      </c>
      <c r="AC21711" s="5" t="s">
        <v>44</v>
      </c>
      <c r="AD21711" s="2"/>
      <c r="AE21711" s="1"/>
    </row>
    <row r="21712" spans="1:31" ht="14.45">
      <c r="A21712" s="11"/>
      <c r="B21712" s="20"/>
      <c r="C21712" s="2" t="s">
        <v>70004</v>
      </c>
      <c r="D21712" s="14" t="s">
        <v>70005</v>
      </c>
      <c r="E21712" s="2" t="s">
        <v>70006</v>
      </c>
      <c r="F21712" s="2" t="s">
        <v>7611</v>
      </c>
      <c r="G21712" s="8">
        <v>135</v>
      </c>
      <c r="H21712" s="5">
        <v>6</v>
      </c>
      <c r="I21712" s="5" t="s">
        <v>1518</v>
      </c>
      <c r="J21712" s="5" t="s">
        <v>69038</v>
      </c>
      <c r="K21712" s="2" t="s">
        <v>69039</v>
      </c>
      <c r="L21712" s="5" t="s">
        <v>69038</v>
      </c>
      <c r="M21712" s="2" t="s">
        <v>69039</v>
      </c>
      <c r="N21712" s="5" t="s">
        <v>1521</v>
      </c>
      <c r="O21712" s="5" t="s">
        <v>38</v>
      </c>
      <c r="P21712" s="5" t="s">
        <v>39</v>
      </c>
      <c r="Q21712" s="5" t="s">
        <v>40</v>
      </c>
      <c r="R21712" s="5" t="s">
        <v>1522</v>
      </c>
      <c r="S21712" s="5" t="s">
        <v>1523</v>
      </c>
      <c r="T21712" s="5" t="s">
        <v>42</v>
      </c>
      <c r="U21712" s="2">
        <v>1.605</v>
      </c>
      <c r="V21712" s="2">
        <v>1.2549999999999999</v>
      </c>
      <c r="W21712" s="2">
        <v>0.01</v>
      </c>
      <c r="X21712" s="2">
        <v>118.9</v>
      </c>
      <c r="Y21712" s="2">
        <v>7.6</v>
      </c>
      <c r="Z21712" s="2">
        <v>10.6</v>
      </c>
      <c r="AA21712" s="5"/>
      <c r="AB21712" s="5" t="s">
        <v>43</v>
      </c>
      <c r="AC21712" s="5" t="s">
        <v>44</v>
      </c>
      <c r="AD21712" s="2"/>
      <c r="AE21712" s="1"/>
    </row>
    <row r="21713" spans="1:31" ht="14.45">
      <c r="A21713" s="11"/>
      <c r="B21713" s="20"/>
      <c r="C21713" s="2" t="s">
        <v>70007</v>
      </c>
      <c r="D21713" s="14" t="s">
        <v>70008</v>
      </c>
      <c r="E21713" s="2" t="s">
        <v>70009</v>
      </c>
      <c r="F21713" s="2" t="s">
        <v>7615</v>
      </c>
      <c r="G21713" s="8">
        <v>135</v>
      </c>
      <c r="H21713" s="5">
        <v>6</v>
      </c>
      <c r="I21713" s="5" t="s">
        <v>1518</v>
      </c>
      <c r="J21713" s="5" t="s">
        <v>69038</v>
      </c>
      <c r="K21713" s="2" t="s">
        <v>69039</v>
      </c>
      <c r="L21713" s="5" t="s">
        <v>69038</v>
      </c>
      <c r="M21713" s="2" t="s">
        <v>69039</v>
      </c>
      <c r="N21713" s="5" t="s">
        <v>1521</v>
      </c>
      <c r="O21713" s="5" t="s">
        <v>38</v>
      </c>
      <c r="P21713" s="5" t="s">
        <v>39</v>
      </c>
      <c r="Q21713" s="5" t="s">
        <v>40</v>
      </c>
      <c r="R21713" s="5" t="s">
        <v>1522</v>
      </c>
      <c r="S21713" s="5" t="s">
        <v>1523</v>
      </c>
      <c r="T21713" s="5" t="s">
        <v>42</v>
      </c>
      <c r="U21713" s="2">
        <v>1.532</v>
      </c>
      <c r="V21713" s="2">
        <v>1.1819999999999999</v>
      </c>
      <c r="W21713" s="2">
        <v>0.01</v>
      </c>
      <c r="X21713" s="2">
        <v>118.9</v>
      </c>
      <c r="Y21713" s="2">
        <v>7.6</v>
      </c>
      <c r="Z21713" s="2">
        <v>10.6</v>
      </c>
      <c r="AA21713" s="5"/>
      <c r="AB21713" s="5" t="s">
        <v>43</v>
      </c>
      <c r="AC21713" s="5" t="s">
        <v>44</v>
      </c>
      <c r="AD21713" s="2"/>
      <c r="AE21713" s="1"/>
    </row>
    <row r="21714" spans="1:31" ht="14.45">
      <c r="A21714" s="11"/>
      <c r="B21714" s="20"/>
      <c r="C21714" s="2" t="s">
        <v>70010</v>
      </c>
      <c r="D21714" s="14" t="s">
        <v>70011</v>
      </c>
      <c r="E21714" s="2" t="s">
        <v>70012</v>
      </c>
      <c r="F21714" s="2" t="s">
        <v>7619</v>
      </c>
      <c r="G21714" s="8">
        <v>135</v>
      </c>
      <c r="H21714" s="5">
        <v>6</v>
      </c>
      <c r="I21714" s="5" t="s">
        <v>1518</v>
      </c>
      <c r="J21714" s="5" t="s">
        <v>69038</v>
      </c>
      <c r="K21714" s="2" t="s">
        <v>69039</v>
      </c>
      <c r="L21714" s="5" t="s">
        <v>69038</v>
      </c>
      <c r="M21714" s="2" t="s">
        <v>69039</v>
      </c>
      <c r="N21714" s="5" t="s">
        <v>1521</v>
      </c>
      <c r="O21714" s="5" t="s">
        <v>38</v>
      </c>
      <c r="P21714" s="5" t="s">
        <v>39</v>
      </c>
      <c r="Q21714" s="5" t="s">
        <v>40</v>
      </c>
      <c r="R21714" s="5" t="s">
        <v>1522</v>
      </c>
      <c r="S21714" s="5" t="s">
        <v>1523</v>
      </c>
      <c r="T21714" s="5" t="s">
        <v>42</v>
      </c>
      <c r="U21714" s="2">
        <v>1.605</v>
      </c>
      <c r="V21714" s="2">
        <v>1.2549999999999999</v>
      </c>
      <c r="W21714" s="2">
        <v>0.01</v>
      </c>
      <c r="X21714" s="2">
        <v>118.9</v>
      </c>
      <c r="Y21714" s="2">
        <v>7.6</v>
      </c>
      <c r="Z21714" s="2">
        <v>10.6</v>
      </c>
      <c r="AA21714" s="5"/>
      <c r="AB21714" s="5" t="s">
        <v>43</v>
      </c>
      <c r="AC21714" s="5" t="s">
        <v>44</v>
      </c>
      <c r="AD21714" s="2"/>
      <c r="AE21714" s="1"/>
    </row>
    <row r="21715" spans="1:31" ht="14.45">
      <c r="A21715" s="11"/>
      <c r="B21715" s="20"/>
      <c r="C21715" s="2" t="s">
        <v>70013</v>
      </c>
      <c r="D21715" s="14" t="s">
        <v>70014</v>
      </c>
      <c r="E21715" s="2" t="s">
        <v>70015</v>
      </c>
      <c r="F21715" s="2" t="s">
        <v>7410</v>
      </c>
      <c r="G21715" s="8">
        <v>135</v>
      </c>
      <c r="H21715" s="5">
        <v>6</v>
      </c>
      <c r="I21715" s="5" t="s">
        <v>1518</v>
      </c>
      <c r="J21715" s="5" t="s">
        <v>69038</v>
      </c>
      <c r="K21715" s="2" t="s">
        <v>69039</v>
      </c>
      <c r="L21715" s="5" t="s">
        <v>69038</v>
      </c>
      <c r="M21715" s="2" t="s">
        <v>69039</v>
      </c>
      <c r="N21715" s="5" t="s">
        <v>1521</v>
      </c>
      <c r="O21715" s="5" t="s">
        <v>38</v>
      </c>
      <c r="P21715" s="5" t="s">
        <v>39</v>
      </c>
      <c r="Q21715" s="5" t="s">
        <v>40</v>
      </c>
      <c r="R21715" s="5" t="s">
        <v>1522</v>
      </c>
      <c r="S21715" s="5" t="s">
        <v>1523</v>
      </c>
      <c r="T21715" s="5" t="s">
        <v>42</v>
      </c>
      <c r="U21715" s="2">
        <v>1.532</v>
      </c>
      <c r="V21715" s="2">
        <v>1.1819999999999999</v>
      </c>
      <c r="W21715" s="2">
        <v>0.01</v>
      </c>
      <c r="X21715" s="2">
        <v>118.9</v>
      </c>
      <c r="Y21715" s="2">
        <v>7.6</v>
      </c>
      <c r="Z21715" s="2">
        <v>10.6</v>
      </c>
      <c r="AA21715" s="5"/>
      <c r="AB21715" s="5" t="s">
        <v>43</v>
      </c>
      <c r="AC21715" s="5" t="s">
        <v>44</v>
      </c>
      <c r="AD21715" s="2"/>
      <c r="AE21715" s="1"/>
    </row>
    <row r="21716" spans="1:31" ht="14.45">
      <c r="A21716" s="11"/>
      <c r="B21716" s="20"/>
      <c r="C21716" s="2" t="s">
        <v>70016</v>
      </c>
      <c r="D21716" s="14" t="s">
        <v>70017</v>
      </c>
      <c r="E21716" s="2" t="s">
        <v>70018</v>
      </c>
      <c r="F21716" s="2" t="s">
        <v>7604</v>
      </c>
      <c r="G21716" s="8">
        <v>135</v>
      </c>
      <c r="H21716" s="5">
        <v>6</v>
      </c>
      <c r="I21716" s="5" t="s">
        <v>1518</v>
      </c>
      <c r="J21716" s="5" t="s">
        <v>69038</v>
      </c>
      <c r="K21716" s="2" t="s">
        <v>69039</v>
      </c>
      <c r="L21716" s="5" t="s">
        <v>69038</v>
      </c>
      <c r="M21716" s="2" t="s">
        <v>69039</v>
      </c>
      <c r="N21716" s="5" t="s">
        <v>1521</v>
      </c>
      <c r="O21716" s="5" t="s">
        <v>38</v>
      </c>
      <c r="P21716" s="5" t="s">
        <v>39</v>
      </c>
      <c r="Q21716" s="5" t="s">
        <v>40</v>
      </c>
      <c r="R21716" s="5" t="s">
        <v>1522</v>
      </c>
      <c r="S21716" s="5" t="s">
        <v>1523</v>
      </c>
      <c r="T21716" s="5" t="s">
        <v>42</v>
      </c>
      <c r="U21716" s="2">
        <v>1.605</v>
      </c>
      <c r="V21716" s="2">
        <v>1.2549999999999999</v>
      </c>
      <c r="W21716" s="2">
        <v>0.01</v>
      </c>
      <c r="X21716" s="2">
        <v>118.9</v>
      </c>
      <c r="Y21716" s="2">
        <v>7.6</v>
      </c>
      <c r="Z21716" s="2">
        <v>10.6</v>
      </c>
      <c r="AA21716" s="5"/>
      <c r="AB21716" s="5" t="s">
        <v>43</v>
      </c>
      <c r="AC21716" s="5" t="s">
        <v>44</v>
      </c>
      <c r="AD21716" s="2"/>
      <c r="AE21716" s="1"/>
    </row>
    <row r="21717" spans="1:31" ht="14.45">
      <c r="A21717" s="11"/>
      <c r="B21717" s="20"/>
      <c r="C21717" s="2" t="s">
        <v>70019</v>
      </c>
      <c r="D21717" s="14" t="s">
        <v>70020</v>
      </c>
      <c r="E21717" s="2" t="s">
        <v>70021</v>
      </c>
      <c r="F21717" s="2" t="s">
        <v>7212</v>
      </c>
      <c r="G21717" s="8">
        <v>117</v>
      </c>
      <c r="H21717" s="5">
        <v>6</v>
      </c>
      <c r="I21717" s="5" t="s">
        <v>1518</v>
      </c>
      <c r="J21717" s="5" t="s">
        <v>69038</v>
      </c>
      <c r="K21717" s="2" t="s">
        <v>69039</v>
      </c>
      <c r="L21717" s="5" t="s">
        <v>69038</v>
      </c>
      <c r="M21717" s="2" t="s">
        <v>69039</v>
      </c>
      <c r="N21717" s="5" t="s">
        <v>1521</v>
      </c>
      <c r="O21717" s="5" t="s">
        <v>38</v>
      </c>
      <c r="P21717" s="5" t="s">
        <v>39</v>
      </c>
      <c r="Q21717" s="5" t="s">
        <v>40</v>
      </c>
      <c r="R21717" s="5" t="s">
        <v>1522</v>
      </c>
      <c r="S21717" s="5" t="s">
        <v>1523</v>
      </c>
      <c r="T21717" s="5" t="s">
        <v>42</v>
      </c>
      <c r="U21717" s="2">
        <v>1.532</v>
      </c>
      <c r="V21717" s="2">
        <v>1.1819999999999999</v>
      </c>
      <c r="W21717" s="2">
        <v>0.01</v>
      </c>
      <c r="X21717" s="2">
        <v>118.9</v>
      </c>
      <c r="Y21717" s="2">
        <v>7.6</v>
      </c>
      <c r="Z21717" s="2">
        <v>10.6</v>
      </c>
      <c r="AA21717" s="5"/>
      <c r="AB21717" s="5" t="s">
        <v>43</v>
      </c>
      <c r="AC21717" s="5" t="s">
        <v>44</v>
      </c>
      <c r="AD21717" s="2"/>
      <c r="AE21717" s="1"/>
    </row>
    <row r="21718" spans="1:31" ht="14.45">
      <c r="A21718" s="11"/>
      <c r="B21718" s="20"/>
      <c r="C21718" s="2" t="s">
        <v>70022</v>
      </c>
      <c r="D21718" s="14" t="s">
        <v>70023</v>
      </c>
      <c r="E21718" s="2" t="s">
        <v>70024</v>
      </c>
      <c r="F21718" s="2" t="s">
        <v>7528</v>
      </c>
      <c r="G21718" s="8">
        <v>117</v>
      </c>
      <c r="H21718" s="5">
        <v>6</v>
      </c>
      <c r="I21718" s="5" t="s">
        <v>1518</v>
      </c>
      <c r="J21718" s="5" t="s">
        <v>69038</v>
      </c>
      <c r="K21718" s="2" t="s">
        <v>69039</v>
      </c>
      <c r="L21718" s="5" t="s">
        <v>69038</v>
      </c>
      <c r="M21718" s="2" t="s">
        <v>69039</v>
      </c>
      <c r="N21718" s="5" t="s">
        <v>1521</v>
      </c>
      <c r="O21718" s="5" t="s">
        <v>38</v>
      </c>
      <c r="P21718" s="5" t="s">
        <v>39</v>
      </c>
      <c r="Q21718" s="5" t="s">
        <v>40</v>
      </c>
      <c r="R21718" s="5" t="s">
        <v>1522</v>
      </c>
      <c r="S21718" s="5" t="s">
        <v>1523</v>
      </c>
      <c r="T21718" s="5" t="s">
        <v>42</v>
      </c>
      <c r="U21718" s="2">
        <v>1.605</v>
      </c>
      <c r="V21718" s="2">
        <v>1.2549999999999999</v>
      </c>
      <c r="W21718" s="2">
        <v>0.01</v>
      </c>
      <c r="X21718" s="2">
        <v>118.9</v>
      </c>
      <c r="Y21718" s="2">
        <v>7.6</v>
      </c>
      <c r="Z21718" s="2">
        <v>10.6</v>
      </c>
      <c r="AA21718" s="5"/>
      <c r="AB21718" s="5" t="s">
        <v>43</v>
      </c>
      <c r="AC21718" s="5" t="s">
        <v>44</v>
      </c>
      <c r="AD21718" s="2"/>
      <c r="AE21718" s="1"/>
    </row>
    <row r="21719" spans="1:31" ht="14.45">
      <c r="A21719" s="11"/>
      <c r="B21719" s="20"/>
      <c r="C21719" s="2" t="s">
        <v>70025</v>
      </c>
      <c r="D21719" s="14" t="s">
        <v>70026</v>
      </c>
      <c r="E21719" s="2" t="s">
        <v>70027</v>
      </c>
      <c r="F21719" s="2" t="s">
        <v>1863</v>
      </c>
      <c r="G21719" s="8">
        <v>135</v>
      </c>
      <c r="H21719" s="5">
        <v>6</v>
      </c>
      <c r="I21719" s="5" t="s">
        <v>1518</v>
      </c>
      <c r="J21719" s="5" t="s">
        <v>69038</v>
      </c>
      <c r="K21719" s="2" t="s">
        <v>69039</v>
      </c>
      <c r="L21719" s="5" t="s">
        <v>69038</v>
      </c>
      <c r="M21719" s="2" t="s">
        <v>69039</v>
      </c>
      <c r="N21719" s="5" t="s">
        <v>1521</v>
      </c>
      <c r="O21719" s="5" t="s">
        <v>38</v>
      </c>
      <c r="P21719" s="5" t="s">
        <v>39</v>
      </c>
      <c r="Q21719" s="5" t="s">
        <v>40</v>
      </c>
      <c r="R21719" s="5" t="s">
        <v>1522</v>
      </c>
      <c r="S21719" s="5" t="s">
        <v>1523</v>
      </c>
      <c r="T21719" s="5" t="s">
        <v>42</v>
      </c>
      <c r="U21719" s="2">
        <v>1.532</v>
      </c>
      <c r="V21719" s="2">
        <v>1.1819999999999999</v>
      </c>
      <c r="W21719" s="2">
        <v>0.01</v>
      </c>
      <c r="X21719" s="2">
        <v>118.9</v>
      </c>
      <c r="Y21719" s="2">
        <v>7.6</v>
      </c>
      <c r="Z21719" s="2">
        <v>10.6</v>
      </c>
      <c r="AA21719" s="5"/>
      <c r="AB21719" s="5" t="s">
        <v>43</v>
      </c>
      <c r="AC21719" s="5" t="s">
        <v>44</v>
      </c>
      <c r="AD21719" s="2"/>
      <c r="AE21719" s="1"/>
    </row>
    <row r="21720" spans="1:31" ht="14.45">
      <c r="A21720" s="11"/>
      <c r="B21720" s="20"/>
      <c r="C21720" s="2" t="s">
        <v>70028</v>
      </c>
      <c r="D21720" s="14" t="s">
        <v>70029</v>
      </c>
      <c r="E21720" s="2" t="s">
        <v>70030</v>
      </c>
      <c r="F21720" s="2" t="s">
        <v>1867</v>
      </c>
      <c r="G21720" s="8">
        <v>135</v>
      </c>
      <c r="H21720" s="5">
        <v>6</v>
      </c>
      <c r="I21720" s="5" t="s">
        <v>1518</v>
      </c>
      <c r="J21720" s="5" t="s">
        <v>69038</v>
      </c>
      <c r="K21720" s="2" t="s">
        <v>69039</v>
      </c>
      <c r="L21720" s="5" t="s">
        <v>69038</v>
      </c>
      <c r="M21720" s="2" t="s">
        <v>69039</v>
      </c>
      <c r="N21720" s="5" t="s">
        <v>1521</v>
      </c>
      <c r="O21720" s="5" t="s">
        <v>38</v>
      </c>
      <c r="P21720" s="5" t="s">
        <v>39</v>
      </c>
      <c r="Q21720" s="5" t="s">
        <v>40</v>
      </c>
      <c r="R21720" s="5" t="s">
        <v>1522</v>
      </c>
      <c r="S21720" s="5" t="s">
        <v>1523</v>
      </c>
      <c r="T21720" s="5" t="s">
        <v>42</v>
      </c>
      <c r="U21720" s="2">
        <v>1.605</v>
      </c>
      <c r="V21720" s="2">
        <v>1.2549999999999999</v>
      </c>
      <c r="W21720" s="2">
        <v>0.01</v>
      </c>
      <c r="X21720" s="2">
        <v>118.9</v>
      </c>
      <c r="Y21720" s="2">
        <v>7.6</v>
      </c>
      <c r="Z21720" s="2">
        <v>10.6</v>
      </c>
      <c r="AA21720" s="5"/>
      <c r="AB21720" s="5" t="s">
        <v>43</v>
      </c>
      <c r="AC21720" s="5" t="s">
        <v>44</v>
      </c>
      <c r="AD21720" s="2"/>
      <c r="AE21720" s="1"/>
    </row>
    <row r="21721" spans="1:31" ht="14.45">
      <c r="A21721" s="11"/>
      <c r="B21721" s="20"/>
      <c r="C21721" s="2" t="s">
        <v>70031</v>
      </c>
      <c r="D21721" s="14" t="s">
        <v>70032</v>
      </c>
      <c r="E21721" s="2" t="s">
        <v>70033</v>
      </c>
      <c r="F21721" s="2" t="s">
        <v>7204</v>
      </c>
      <c r="G21721" s="8">
        <v>124</v>
      </c>
      <c r="H21721" s="5">
        <v>6</v>
      </c>
      <c r="I21721" s="5" t="s">
        <v>1518</v>
      </c>
      <c r="J21721" s="5" t="s">
        <v>69038</v>
      </c>
      <c r="K21721" s="2" t="s">
        <v>69039</v>
      </c>
      <c r="L21721" s="5" t="s">
        <v>69038</v>
      </c>
      <c r="M21721" s="2" t="s">
        <v>69039</v>
      </c>
      <c r="N21721" s="5" t="s">
        <v>1521</v>
      </c>
      <c r="O21721" s="5" t="s">
        <v>38</v>
      </c>
      <c r="P21721" s="5" t="s">
        <v>39</v>
      </c>
      <c r="Q21721" s="5" t="s">
        <v>40</v>
      </c>
      <c r="R21721" s="5" t="s">
        <v>1522</v>
      </c>
      <c r="S21721" s="5" t="s">
        <v>1523</v>
      </c>
      <c r="T21721" s="5" t="s">
        <v>42</v>
      </c>
      <c r="U21721" s="2">
        <v>1.6910000000000001</v>
      </c>
      <c r="V21721" s="2">
        <v>1.288</v>
      </c>
      <c r="W21721" s="2">
        <v>1.0999999999999999E-2</v>
      </c>
      <c r="X21721" s="2">
        <v>139.1</v>
      </c>
      <c r="Y21721" s="2">
        <v>7.6</v>
      </c>
      <c r="Z21721" s="2">
        <v>10.6</v>
      </c>
      <c r="AA21721" s="5"/>
      <c r="AB21721" s="5" t="s">
        <v>43</v>
      </c>
      <c r="AC21721" s="5" t="s">
        <v>44</v>
      </c>
      <c r="AD21721" s="2"/>
      <c r="AE21721" s="1"/>
    </row>
    <row r="21722" spans="1:31" ht="14.45">
      <c r="A21722" s="11"/>
      <c r="B21722" s="20"/>
      <c r="C21722" s="2" t="s">
        <v>70034</v>
      </c>
      <c r="D21722" s="14" t="s">
        <v>70035</v>
      </c>
      <c r="E21722" s="2" t="s">
        <v>70036</v>
      </c>
      <c r="F21722" s="2" t="s">
        <v>7514</v>
      </c>
      <c r="G21722" s="8">
        <v>124</v>
      </c>
      <c r="H21722" s="5">
        <v>6</v>
      </c>
      <c r="I21722" s="5" t="s">
        <v>1518</v>
      </c>
      <c r="J21722" s="5" t="s">
        <v>69038</v>
      </c>
      <c r="K21722" s="2" t="s">
        <v>69039</v>
      </c>
      <c r="L21722" s="5" t="s">
        <v>69038</v>
      </c>
      <c r="M21722" s="2" t="s">
        <v>69039</v>
      </c>
      <c r="N21722" s="5" t="s">
        <v>1521</v>
      </c>
      <c r="O21722" s="5" t="s">
        <v>38</v>
      </c>
      <c r="P21722" s="5" t="s">
        <v>39</v>
      </c>
      <c r="Q21722" s="5" t="s">
        <v>40</v>
      </c>
      <c r="R21722" s="5" t="s">
        <v>1522</v>
      </c>
      <c r="S21722" s="5" t="s">
        <v>1523</v>
      </c>
      <c r="T21722" s="5" t="s">
        <v>42</v>
      </c>
      <c r="U21722" s="2">
        <v>1.774</v>
      </c>
      <c r="V21722" s="2">
        <v>1.371</v>
      </c>
      <c r="W21722" s="2">
        <v>1.0999999999999999E-2</v>
      </c>
      <c r="X21722" s="2">
        <v>139.1</v>
      </c>
      <c r="Y21722" s="2">
        <v>7.6</v>
      </c>
      <c r="Z21722" s="2">
        <v>10.6</v>
      </c>
      <c r="AA21722" s="5"/>
      <c r="AB21722" s="5" t="s">
        <v>43</v>
      </c>
      <c r="AC21722" s="5" t="s">
        <v>44</v>
      </c>
      <c r="AD21722" s="2"/>
      <c r="AE21722" s="1"/>
    </row>
    <row r="21723" spans="1:31" ht="14.45">
      <c r="A21723" s="11"/>
      <c r="B21723" s="20"/>
      <c r="C21723" s="2" t="s">
        <v>70037</v>
      </c>
      <c r="D21723" s="14" t="s">
        <v>70038</v>
      </c>
      <c r="E21723" s="2" t="s">
        <v>70039</v>
      </c>
      <c r="F21723" s="2" t="s">
        <v>7208</v>
      </c>
      <c r="G21723" s="8">
        <v>124</v>
      </c>
      <c r="H21723" s="5">
        <v>6</v>
      </c>
      <c r="I21723" s="5" t="s">
        <v>1518</v>
      </c>
      <c r="J21723" s="5" t="s">
        <v>69038</v>
      </c>
      <c r="K21723" s="2" t="s">
        <v>69039</v>
      </c>
      <c r="L21723" s="5" t="s">
        <v>69038</v>
      </c>
      <c r="M21723" s="2" t="s">
        <v>69039</v>
      </c>
      <c r="N21723" s="5" t="s">
        <v>1521</v>
      </c>
      <c r="O21723" s="5" t="s">
        <v>38</v>
      </c>
      <c r="P21723" s="5" t="s">
        <v>39</v>
      </c>
      <c r="Q21723" s="5" t="s">
        <v>40</v>
      </c>
      <c r="R21723" s="5" t="s">
        <v>1522</v>
      </c>
      <c r="S21723" s="5" t="s">
        <v>1523</v>
      </c>
      <c r="T21723" s="5" t="s">
        <v>42</v>
      </c>
      <c r="U21723" s="2">
        <v>1.6910000000000001</v>
      </c>
      <c r="V21723" s="2">
        <v>1.288</v>
      </c>
      <c r="W21723" s="2">
        <v>1.0999999999999999E-2</v>
      </c>
      <c r="X21723" s="2">
        <v>139.1</v>
      </c>
      <c r="Y21723" s="2">
        <v>7.6</v>
      </c>
      <c r="Z21723" s="2">
        <v>10.6</v>
      </c>
      <c r="AA21723" s="5"/>
      <c r="AB21723" s="5" t="s">
        <v>43</v>
      </c>
      <c r="AC21723" s="5" t="s">
        <v>44</v>
      </c>
      <c r="AD21723" s="2"/>
      <c r="AE21723" s="1"/>
    </row>
    <row r="21724" spans="1:31" ht="14.45">
      <c r="A21724" s="11"/>
      <c r="B21724" s="20"/>
      <c r="C21724" s="2" t="s">
        <v>70040</v>
      </c>
      <c r="D21724" s="14" t="s">
        <v>70041</v>
      </c>
      <c r="E21724" s="2" t="s">
        <v>70042</v>
      </c>
      <c r="F21724" s="2" t="s">
        <v>7521</v>
      </c>
      <c r="G21724" s="8">
        <v>124</v>
      </c>
      <c r="H21724" s="5">
        <v>6</v>
      </c>
      <c r="I21724" s="5" t="s">
        <v>1518</v>
      </c>
      <c r="J21724" s="5" t="s">
        <v>69038</v>
      </c>
      <c r="K21724" s="2" t="s">
        <v>69039</v>
      </c>
      <c r="L21724" s="5" t="s">
        <v>69038</v>
      </c>
      <c r="M21724" s="2" t="s">
        <v>69039</v>
      </c>
      <c r="N21724" s="5" t="s">
        <v>1521</v>
      </c>
      <c r="O21724" s="5" t="s">
        <v>38</v>
      </c>
      <c r="P21724" s="5" t="s">
        <v>39</v>
      </c>
      <c r="Q21724" s="5" t="s">
        <v>40</v>
      </c>
      <c r="R21724" s="5" t="s">
        <v>1522</v>
      </c>
      <c r="S21724" s="5" t="s">
        <v>1523</v>
      </c>
      <c r="T21724" s="5" t="s">
        <v>42</v>
      </c>
      <c r="U21724" s="2">
        <v>1.774</v>
      </c>
      <c r="V21724" s="2">
        <v>1.371</v>
      </c>
      <c r="W21724" s="2">
        <v>1.0999999999999999E-2</v>
      </c>
      <c r="X21724" s="2">
        <v>139.1</v>
      </c>
      <c r="Y21724" s="2">
        <v>7.6</v>
      </c>
      <c r="Z21724" s="2">
        <v>10.6</v>
      </c>
      <c r="AA21724" s="5"/>
      <c r="AB21724" s="5" t="s">
        <v>43</v>
      </c>
      <c r="AC21724" s="5" t="s">
        <v>44</v>
      </c>
      <c r="AD21724" s="2"/>
      <c r="AE21724" s="1"/>
    </row>
    <row r="21725" spans="1:31" ht="14.45">
      <c r="A21725" s="11"/>
      <c r="B21725" s="20"/>
      <c r="C21725" s="2" t="s">
        <v>70043</v>
      </c>
      <c r="D21725" s="14" t="s">
        <v>70044</v>
      </c>
      <c r="E21725" s="2" t="s">
        <v>70045</v>
      </c>
      <c r="F21725" s="2" t="s">
        <v>7539</v>
      </c>
      <c r="G21725" s="8">
        <v>143</v>
      </c>
      <c r="H21725" s="5">
        <v>6</v>
      </c>
      <c r="I21725" s="5" t="s">
        <v>1518</v>
      </c>
      <c r="J21725" s="5" t="s">
        <v>69038</v>
      </c>
      <c r="K21725" s="2" t="s">
        <v>69039</v>
      </c>
      <c r="L21725" s="5" t="s">
        <v>69038</v>
      </c>
      <c r="M21725" s="2" t="s">
        <v>69039</v>
      </c>
      <c r="N21725" s="5" t="s">
        <v>1521</v>
      </c>
      <c r="O21725" s="5" t="s">
        <v>38</v>
      </c>
      <c r="P21725" s="5" t="s">
        <v>39</v>
      </c>
      <c r="Q21725" s="5" t="s">
        <v>40</v>
      </c>
      <c r="R21725" s="5" t="s">
        <v>1522</v>
      </c>
      <c r="S21725" s="5" t="s">
        <v>1523</v>
      </c>
      <c r="T21725" s="5" t="s">
        <v>42</v>
      </c>
      <c r="U21725" s="2">
        <v>1.6910000000000001</v>
      </c>
      <c r="V21725" s="2">
        <v>1.288</v>
      </c>
      <c r="W21725" s="2">
        <v>1.0999999999999999E-2</v>
      </c>
      <c r="X21725" s="2">
        <v>139.1</v>
      </c>
      <c r="Y21725" s="2">
        <v>7.6</v>
      </c>
      <c r="Z21725" s="2">
        <v>10.6</v>
      </c>
      <c r="AA21725" s="5"/>
      <c r="AB21725" s="5" t="s">
        <v>43</v>
      </c>
      <c r="AC21725" s="5" t="s">
        <v>44</v>
      </c>
      <c r="AD21725" s="2"/>
      <c r="AE21725" s="1"/>
    </row>
    <row r="21726" spans="1:31" ht="14.45">
      <c r="A21726" s="11"/>
      <c r="B21726" s="20"/>
      <c r="C21726" s="2" t="s">
        <v>70046</v>
      </c>
      <c r="D21726" s="14" t="s">
        <v>70047</v>
      </c>
      <c r="E21726" s="2" t="s">
        <v>70048</v>
      </c>
      <c r="F21726" s="2" t="s">
        <v>7396</v>
      </c>
      <c r="G21726" s="8">
        <v>124</v>
      </c>
      <c r="H21726" s="5">
        <v>6</v>
      </c>
      <c r="I21726" s="5" t="s">
        <v>1518</v>
      </c>
      <c r="J21726" s="5" t="s">
        <v>69038</v>
      </c>
      <c r="K21726" s="2" t="s">
        <v>69039</v>
      </c>
      <c r="L21726" s="5" t="s">
        <v>69038</v>
      </c>
      <c r="M21726" s="2" t="s">
        <v>69039</v>
      </c>
      <c r="N21726" s="5" t="s">
        <v>1521</v>
      </c>
      <c r="O21726" s="5" t="s">
        <v>38</v>
      </c>
      <c r="P21726" s="5" t="s">
        <v>39</v>
      </c>
      <c r="Q21726" s="5" t="s">
        <v>40</v>
      </c>
      <c r="R21726" s="5" t="s">
        <v>1522</v>
      </c>
      <c r="S21726" s="5" t="s">
        <v>1523</v>
      </c>
      <c r="T21726" s="5" t="s">
        <v>42</v>
      </c>
      <c r="U21726" s="2">
        <v>1.6910000000000001</v>
      </c>
      <c r="V21726" s="2">
        <v>1.288</v>
      </c>
      <c r="W21726" s="2">
        <v>1.0999999999999999E-2</v>
      </c>
      <c r="X21726" s="2">
        <v>139.1</v>
      </c>
      <c r="Y21726" s="2">
        <v>7.6</v>
      </c>
      <c r="Z21726" s="2">
        <v>10.6</v>
      </c>
      <c r="AA21726" s="5"/>
      <c r="AB21726" s="5" t="s">
        <v>43</v>
      </c>
      <c r="AC21726" s="5" t="s">
        <v>44</v>
      </c>
      <c r="AD21726" s="2"/>
      <c r="AE21726" s="1"/>
    </row>
    <row r="21727" spans="1:31" ht="14.45">
      <c r="A21727" s="11"/>
      <c r="B21727" s="20"/>
      <c r="C21727" s="2" t="s">
        <v>70049</v>
      </c>
      <c r="D21727" s="14" t="s">
        <v>70050</v>
      </c>
      <c r="E21727" s="2" t="s">
        <v>70051</v>
      </c>
      <c r="F21727" s="2" t="s">
        <v>69112</v>
      </c>
      <c r="G21727" s="8">
        <v>124</v>
      </c>
      <c r="H21727" s="5">
        <v>6</v>
      </c>
      <c r="I21727" s="5" t="s">
        <v>1518</v>
      </c>
      <c r="J21727" s="5" t="s">
        <v>69038</v>
      </c>
      <c r="K21727" s="2" t="s">
        <v>69039</v>
      </c>
      <c r="L21727" s="5" t="s">
        <v>69038</v>
      </c>
      <c r="M21727" s="2" t="s">
        <v>69039</v>
      </c>
      <c r="N21727" s="5" t="s">
        <v>1521</v>
      </c>
      <c r="O21727" s="5" t="s">
        <v>38</v>
      </c>
      <c r="P21727" s="5" t="s">
        <v>39</v>
      </c>
      <c r="Q21727" s="5" t="s">
        <v>40</v>
      </c>
      <c r="R21727" s="5" t="s">
        <v>1522</v>
      </c>
      <c r="S21727" s="5" t="s">
        <v>1523</v>
      </c>
      <c r="T21727" s="5" t="s">
        <v>42</v>
      </c>
      <c r="U21727" s="2">
        <v>1.774</v>
      </c>
      <c r="V21727" s="2">
        <v>1.371</v>
      </c>
      <c r="W21727" s="2">
        <v>1.0999999999999999E-2</v>
      </c>
      <c r="X21727" s="2">
        <v>139.1</v>
      </c>
      <c r="Y21727" s="2">
        <v>7.6</v>
      </c>
      <c r="Z21727" s="2">
        <v>10.6</v>
      </c>
      <c r="AA21727" s="5"/>
      <c r="AB21727" s="5" t="s">
        <v>43</v>
      </c>
      <c r="AC21727" s="5" t="s">
        <v>44</v>
      </c>
      <c r="AD21727" s="2"/>
      <c r="AE21727" s="1"/>
    </row>
    <row r="21728" spans="1:31" ht="14.45">
      <c r="A21728" s="11"/>
      <c r="B21728" s="20"/>
      <c r="C21728" s="2" t="s">
        <v>70052</v>
      </c>
      <c r="D21728" s="14" t="s">
        <v>70053</v>
      </c>
      <c r="E21728" s="2" t="s">
        <v>70054</v>
      </c>
      <c r="F21728" s="2" t="s">
        <v>7563</v>
      </c>
      <c r="G21728" s="8">
        <v>143</v>
      </c>
      <c r="H21728" s="5">
        <v>6</v>
      </c>
      <c r="I21728" s="5" t="s">
        <v>1518</v>
      </c>
      <c r="J21728" s="5" t="s">
        <v>69038</v>
      </c>
      <c r="K21728" s="2" t="s">
        <v>69039</v>
      </c>
      <c r="L21728" s="5" t="s">
        <v>69038</v>
      </c>
      <c r="M21728" s="2" t="s">
        <v>69039</v>
      </c>
      <c r="N21728" s="5" t="s">
        <v>1521</v>
      </c>
      <c r="O21728" s="5" t="s">
        <v>38</v>
      </c>
      <c r="P21728" s="5" t="s">
        <v>39</v>
      </c>
      <c r="Q21728" s="5" t="s">
        <v>40</v>
      </c>
      <c r="R21728" s="5" t="s">
        <v>1522</v>
      </c>
      <c r="S21728" s="5" t="s">
        <v>1523</v>
      </c>
      <c r="T21728" s="5" t="s">
        <v>42</v>
      </c>
      <c r="U21728" s="2">
        <v>1.6910000000000001</v>
      </c>
      <c r="V21728" s="2">
        <v>1.288</v>
      </c>
      <c r="W21728" s="2">
        <v>1.0999999999999999E-2</v>
      </c>
      <c r="X21728" s="2">
        <v>139.1</v>
      </c>
      <c r="Y21728" s="2">
        <v>7.6</v>
      </c>
      <c r="Z21728" s="2">
        <v>10.6</v>
      </c>
      <c r="AA21728" s="5"/>
      <c r="AB21728" s="5" t="s">
        <v>43</v>
      </c>
      <c r="AC21728" s="5" t="s">
        <v>44</v>
      </c>
      <c r="AD21728" s="2"/>
      <c r="AE21728" s="1"/>
    </row>
    <row r="21729" spans="1:31" ht="14.45">
      <c r="A21729" s="11"/>
      <c r="B21729" s="20"/>
      <c r="C21729" s="2" t="s">
        <v>70055</v>
      </c>
      <c r="D21729" s="14" t="s">
        <v>70056</v>
      </c>
      <c r="E21729" s="2" t="s">
        <v>70057</v>
      </c>
      <c r="F21729" s="2" t="s">
        <v>7449</v>
      </c>
      <c r="G21729" s="8">
        <v>143</v>
      </c>
      <c r="H21729" s="5">
        <v>6</v>
      </c>
      <c r="I21729" s="5" t="s">
        <v>1518</v>
      </c>
      <c r="J21729" s="5" t="s">
        <v>69038</v>
      </c>
      <c r="K21729" s="2" t="s">
        <v>69039</v>
      </c>
      <c r="L21729" s="5" t="s">
        <v>69038</v>
      </c>
      <c r="M21729" s="2" t="s">
        <v>69039</v>
      </c>
      <c r="N21729" s="5" t="s">
        <v>1521</v>
      </c>
      <c r="O21729" s="5" t="s">
        <v>38</v>
      </c>
      <c r="P21729" s="5" t="s">
        <v>39</v>
      </c>
      <c r="Q21729" s="5" t="s">
        <v>40</v>
      </c>
      <c r="R21729" s="5" t="s">
        <v>1522</v>
      </c>
      <c r="S21729" s="5" t="s">
        <v>1523</v>
      </c>
      <c r="T21729" s="5" t="s">
        <v>42</v>
      </c>
      <c r="U21729" s="2">
        <v>1.6910000000000001</v>
      </c>
      <c r="V21729" s="2">
        <v>1.288</v>
      </c>
      <c r="W21729" s="2">
        <v>1.0999999999999999E-2</v>
      </c>
      <c r="X21729" s="2">
        <v>139.1</v>
      </c>
      <c r="Y21729" s="2">
        <v>7.6</v>
      </c>
      <c r="Z21729" s="2">
        <v>10.6</v>
      </c>
      <c r="AA21729" s="5"/>
      <c r="AB21729" s="5" t="s">
        <v>43</v>
      </c>
      <c r="AC21729" s="5" t="s">
        <v>44</v>
      </c>
      <c r="AD21729" s="2"/>
      <c r="AE21729" s="1"/>
    </row>
    <row r="21730" spans="1:31" ht="14.45">
      <c r="A21730" s="11"/>
      <c r="B21730" s="20"/>
      <c r="C21730" s="2" t="s">
        <v>70058</v>
      </c>
      <c r="D21730" s="14" t="s">
        <v>70059</v>
      </c>
      <c r="E21730" s="2" t="s">
        <v>70060</v>
      </c>
      <c r="F21730" s="2" t="s">
        <v>7410</v>
      </c>
      <c r="G21730" s="8">
        <v>143</v>
      </c>
      <c r="H21730" s="5">
        <v>6</v>
      </c>
      <c r="I21730" s="5" t="s">
        <v>1518</v>
      </c>
      <c r="J21730" s="5" t="s">
        <v>69038</v>
      </c>
      <c r="K21730" s="2" t="s">
        <v>69039</v>
      </c>
      <c r="L21730" s="5" t="s">
        <v>69038</v>
      </c>
      <c r="M21730" s="2" t="s">
        <v>69039</v>
      </c>
      <c r="N21730" s="5" t="s">
        <v>1521</v>
      </c>
      <c r="O21730" s="5" t="s">
        <v>38</v>
      </c>
      <c r="P21730" s="5" t="s">
        <v>39</v>
      </c>
      <c r="Q21730" s="5" t="s">
        <v>40</v>
      </c>
      <c r="R21730" s="5" t="s">
        <v>1522</v>
      </c>
      <c r="S21730" s="5" t="s">
        <v>1523</v>
      </c>
      <c r="T21730" s="5" t="s">
        <v>42</v>
      </c>
      <c r="U21730" s="2">
        <v>1.6910000000000001</v>
      </c>
      <c r="V21730" s="2">
        <v>1.288</v>
      </c>
      <c r="W21730" s="2">
        <v>1.0999999999999999E-2</v>
      </c>
      <c r="X21730" s="2">
        <v>139.1</v>
      </c>
      <c r="Y21730" s="2">
        <v>7.6</v>
      </c>
      <c r="Z21730" s="2">
        <v>10.6</v>
      </c>
      <c r="AA21730" s="5"/>
      <c r="AB21730" s="5" t="s">
        <v>43</v>
      </c>
      <c r="AC21730" s="5" t="s">
        <v>44</v>
      </c>
      <c r="AD21730" s="2"/>
      <c r="AE21730" s="1"/>
    </row>
    <row r="21731" spans="1:31" ht="14.45">
      <c r="A21731" s="11"/>
      <c r="B21731" s="20"/>
      <c r="C21731" s="2" t="s">
        <v>70061</v>
      </c>
      <c r="D21731" s="14" t="s">
        <v>70062</v>
      </c>
      <c r="E21731" s="2" t="s">
        <v>70063</v>
      </c>
      <c r="F21731" s="2" t="s">
        <v>7212</v>
      </c>
      <c r="G21731" s="8">
        <v>124</v>
      </c>
      <c r="H21731" s="5">
        <v>6</v>
      </c>
      <c r="I21731" s="5" t="s">
        <v>1518</v>
      </c>
      <c r="J21731" s="5" t="s">
        <v>69038</v>
      </c>
      <c r="K21731" s="2" t="s">
        <v>69039</v>
      </c>
      <c r="L21731" s="5" t="s">
        <v>69038</v>
      </c>
      <c r="M21731" s="2" t="s">
        <v>69039</v>
      </c>
      <c r="N21731" s="5" t="s">
        <v>1521</v>
      </c>
      <c r="O21731" s="5" t="s">
        <v>38</v>
      </c>
      <c r="P21731" s="5" t="s">
        <v>39</v>
      </c>
      <c r="Q21731" s="5" t="s">
        <v>40</v>
      </c>
      <c r="R21731" s="5" t="s">
        <v>1522</v>
      </c>
      <c r="S21731" s="5" t="s">
        <v>1523</v>
      </c>
      <c r="T21731" s="5" t="s">
        <v>42</v>
      </c>
      <c r="U21731" s="2">
        <v>1.6910000000000001</v>
      </c>
      <c r="V21731" s="2">
        <v>1.288</v>
      </c>
      <c r="W21731" s="2">
        <v>1.0999999999999999E-2</v>
      </c>
      <c r="X21731" s="2">
        <v>139.1</v>
      </c>
      <c r="Y21731" s="2">
        <v>7.6</v>
      </c>
      <c r="Z21731" s="2">
        <v>10.6</v>
      </c>
      <c r="AA21731" s="5"/>
      <c r="AB21731" s="5" t="s">
        <v>43</v>
      </c>
      <c r="AC21731" s="5" t="s">
        <v>44</v>
      </c>
      <c r="AD21731" s="2"/>
      <c r="AE21731" s="1"/>
    </row>
    <row r="21732" spans="1:31" ht="14.45">
      <c r="A21732" s="11"/>
      <c r="B21732" s="20"/>
      <c r="C21732" s="2" t="s">
        <v>70064</v>
      </c>
      <c r="D21732" s="14" t="s">
        <v>70065</v>
      </c>
      <c r="E21732" s="2" t="s">
        <v>70066</v>
      </c>
      <c r="F21732" s="2" t="s">
        <v>1863</v>
      </c>
      <c r="G21732" s="8">
        <v>143</v>
      </c>
      <c r="H21732" s="5">
        <v>6</v>
      </c>
      <c r="I21732" s="5" t="s">
        <v>1518</v>
      </c>
      <c r="J21732" s="5" t="s">
        <v>69038</v>
      </c>
      <c r="K21732" s="2" t="s">
        <v>69039</v>
      </c>
      <c r="L21732" s="5" t="s">
        <v>69038</v>
      </c>
      <c r="M21732" s="2" t="s">
        <v>69039</v>
      </c>
      <c r="N21732" s="5" t="s">
        <v>1521</v>
      </c>
      <c r="O21732" s="5" t="s">
        <v>38</v>
      </c>
      <c r="P21732" s="5" t="s">
        <v>39</v>
      </c>
      <c r="Q21732" s="5" t="s">
        <v>40</v>
      </c>
      <c r="R21732" s="5" t="s">
        <v>1522</v>
      </c>
      <c r="S21732" s="5" t="s">
        <v>1523</v>
      </c>
      <c r="T21732" s="5" t="s">
        <v>42</v>
      </c>
      <c r="U21732" s="2">
        <v>1.6910000000000001</v>
      </c>
      <c r="V21732" s="2">
        <v>1.288</v>
      </c>
      <c r="W21732" s="2">
        <v>1.0999999999999999E-2</v>
      </c>
      <c r="X21732" s="2">
        <v>139.1</v>
      </c>
      <c r="Y21732" s="2">
        <v>7.6</v>
      </c>
      <c r="Z21732" s="2">
        <v>10.6</v>
      </c>
      <c r="AA21732" s="5"/>
      <c r="AB21732" s="5" t="s">
        <v>43</v>
      </c>
      <c r="AC21732" s="5" t="s">
        <v>44</v>
      </c>
      <c r="AD21732" s="2"/>
      <c r="AE21732" s="1"/>
    </row>
    <row r="21733" spans="1:31" ht="14.45">
      <c r="A21733" s="11"/>
      <c r="B21733" s="20"/>
      <c r="C21733" s="2" t="s">
        <v>70067</v>
      </c>
      <c r="D21733" s="14" t="s">
        <v>70068</v>
      </c>
      <c r="E21733" s="2" t="s">
        <v>70069</v>
      </c>
      <c r="F21733" s="2" t="s">
        <v>1867</v>
      </c>
      <c r="G21733" s="8">
        <v>143</v>
      </c>
      <c r="H21733" s="5">
        <v>6</v>
      </c>
      <c r="I21733" s="5" t="s">
        <v>1518</v>
      </c>
      <c r="J21733" s="5" t="s">
        <v>69038</v>
      </c>
      <c r="K21733" s="2" t="s">
        <v>69039</v>
      </c>
      <c r="L21733" s="5" t="s">
        <v>69038</v>
      </c>
      <c r="M21733" s="2" t="s">
        <v>69039</v>
      </c>
      <c r="N21733" s="5" t="s">
        <v>1521</v>
      </c>
      <c r="O21733" s="5" t="s">
        <v>38</v>
      </c>
      <c r="P21733" s="5" t="s">
        <v>39</v>
      </c>
      <c r="Q21733" s="5" t="s">
        <v>40</v>
      </c>
      <c r="R21733" s="5" t="s">
        <v>1522</v>
      </c>
      <c r="S21733" s="5" t="s">
        <v>1523</v>
      </c>
      <c r="T21733" s="5" t="s">
        <v>42</v>
      </c>
      <c r="U21733" s="2">
        <v>1.774</v>
      </c>
      <c r="V21733" s="2">
        <v>1.371</v>
      </c>
      <c r="W21733" s="2">
        <v>1.0999999999999999E-2</v>
      </c>
      <c r="X21733" s="2">
        <v>139.1</v>
      </c>
      <c r="Y21733" s="2">
        <v>7.6</v>
      </c>
      <c r="Z21733" s="2">
        <v>10.6</v>
      </c>
      <c r="AA21733" s="5"/>
      <c r="AB21733" s="5" t="s">
        <v>43</v>
      </c>
      <c r="AC21733" s="5" t="s">
        <v>44</v>
      </c>
      <c r="AD21733" s="2"/>
      <c r="AE21733" s="1"/>
    </row>
    <row r="21734" spans="1:31" ht="14.45">
      <c r="A21734" s="11"/>
      <c r="B21734" s="20"/>
      <c r="C21734" s="2" t="s">
        <v>70070</v>
      </c>
      <c r="D21734" s="14" t="s">
        <v>70071</v>
      </c>
      <c r="E21734" s="2" t="s">
        <v>70072</v>
      </c>
      <c r="F21734" s="2" t="s">
        <v>7204</v>
      </c>
      <c r="G21734" s="8">
        <v>105</v>
      </c>
      <c r="H21734" s="5">
        <v>6</v>
      </c>
      <c r="I21734" s="5" t="s">
        <v>1518</v>
      </c>
      <c r="J21734" s="5" t="s">
        <v>69038</v>
      </c>
      <c r="K21734" s="2" t="s">
        <v>69039</v>
      </c>
      <c r="L21734" s="5" t="s">
        <v>69038</v>
      </c>
      <c r="M21734" s="2" t="s">
        <v>69039</v>
      </c>
      <c r="N21734" s="5" t="s">
        <v>1521</v>
      </c>
      <c r="O21734" s="5" t="s">
        <v>38</v>
      </c>
      <c r="P21734" s="5" t="s">
        <v>39</v>
      </c>
      <c r="Q21734" s="5" t="s">
        <v>40</v>
      </c>
      <c r="R21734" s="5" t="s">
        <v>1522</v>
      </c>
      <c r="S21734" s="5" t="s">
        <v>1523</v>
      </c>
      <c r="T21734" s="5" t="s">
        <v>42</v>
      </c>
      <c r="U21734" s="2">
        <v>1.077</v>
      </c>
      <c r="V21734" s="2">
        <v>0.78500000000000003</v>
      </c>
      <c r="W21734" s="2">
        <v>7.0000000000000001E-3</v>
      </c>
      <c r="X21734" s="2">
        <v>82.9</v>
      </c>
      <c r="Y21734" s="2">
        <v>7.6</v>
      </c>
      <c r="Z21734" s="2">
        <v>10.6</v>
      </c>
      <c r="AA21734" s="5"/>
      <c r="AB21734" s="5" t="s">
        <v>43</v>
      </c>
      <c r="AC21734" s="5" t="s">
        <v>44</v>
      </c>
      <c r="AD21734" s="2"/>
      <c r="AE21734" s="1"/>
    </row>
    <row r="21735" spans="1:31" ht="14.45">
      <c r="A21735" s="11"/>
      <c r="B21735" s="20"/>
      <c r="C21735" s="2" t="s">
        <v>70073</v>
      </c>
      <c r="D21735" s="14" t="s">
        <v>70074</v>
      </c>
      <c r="E21735" s="2" t="s">
        <v>70075</v>
      </c>
      <c r="F21735" s="2" t="s">
        <v>7514</v>
      </c>
      <c r="G21735" s="8">
        <v>105</v>
      </c>
      <c r="H21735" s="5">
        <v>6</v>
      </c>
      <c r="I21735" s="5" t="s">
        <v>1518</v>
      </c>
      <c r="J21735" s="5" t="s">
        <v>69038</v>
      </c>
      <c r="K21735" s="2" t="s">
        <v>69039</v>
      </c>
      <c r="L21735" s="5" t="s">
        <v>69038</v>
      </c>
      <c r="M21735" s="2" t="s">
        <v>69039</v>
      </c>
      <c r="N21735" s="5" t="s">
        <v>1521</v>
      </c>
      <c r="O21735" s="5" t="s">
        <v>38</v>
      </c>
      <c r="P21735" s="5" t="s">
        <v>39</v>
      </c>
      <c r="Q21735" s="5" t="s">
        <v>40</v>
      </c>
      <c r="R21735" s="5" t="s">
        <v>1522</v>
      </c>
      <c r="S21735" s="5" t="s">
        <v>1523</v>
      </c>
      <c r="T21735" s="5" t="s">
        <v>42</v>
      </c>
      <c r="U21735" s="2">
        <v>1.111</v>
      </c>
      <c r="V21735" s="2">
        <v>0.81899999999999995</v>
      </c>
      <c r="W21735" s="2">
        <v>7.0000000000000001E-3</v>
      </c>
      <c r="X21735" s="2">
        <v>82.9</v>
      </c>
      <c r="Y21735" s="2">
        <v>7.6</v>
      </c>
      <c r="Z21735" s="2">
        <v>10.6</v>
      </c>
      <c r="AA21735" s="5"/>
      <c r="AB21735" s="5" t="s">
        <v>43</v>
      </c>
      <c r="AC21735" s="5" t="s">
        <v>44</v>
      </c>
      <c r="AD21735" s="2"/>
      <c r="AE21735" s="1"/>
    </row>
    <row r="21736" spans="1:31" ht="14.45">
      <c r="A21736" s="11"/>
      <c r="B21736" s="20"/>
      <c r="C21736" s="2" t="s">
        <v>70076</v>
      </c>
      <c r="D21736" s="14" t="s">
        <v>70077</v>
      </c>
      <c r="E21736" s="2" t="s">
        <v>70078</v>
      </c>
      <c r="F21736" s="2" t="s">
        <v>7208</v>
      </c>
      <c r="G21736" s="8">
        <v>105</v>
      </c>
      <c r="H21736" s="5">
        <v>6</v>
      </c>
      <c r="I21736" s="5" t="s">
        <v>1518</v>
      </c>
      <c r="J21736" s="5" t="s">
        <v>69038</v>
      </c>
      <c r="K21736" s="2" t="s">
        <v>69039</v>
      </c>
      <c r="L21736" s="5" t="s">
        <v>69038</v>
      </c>
      <c r="M21736" s="2" t="s">
        <v>69039</v>
      </c>
      <c r="N21736" s="5" t="s">
        <v>1521</v>
      </c>
      <c r="O21736" s="5" t="s">
        <v>38</v>
      </c>
      <c r="P21736" s="5" t="s">
        <v>39</v>
      </c>
      <c r="Q21736" s="5" t="s">
        <v>40</v>
      </c>
      <c r="R21736" s="5" t="s">
        <v>1522</v>
      </c>
      <c r="S21736" s="5" t="s">
        <v>1523</v>
      </c>
      <c r="T21736" s="5" t="s">
        <v>42</v>
      </c>
      <c r="U21736" s="2">
        <v>1.077</v>
      </c>
      <c r="V21736" s="2">
        <v>0.78500000000000003</v>
      </c>
      <c r="W21736" s="2">
        <v>7.0000000000000001E-3</v>
      </c>
      <c r="X21736" s="2">
        <v>82.9</v>
      </c>
      <c r="Y21736" s="2">
        <v>7.6</v>
      </c>
      <c r="Z21736" s="2">
        <v>10.6</v>
      </c>
      <c r="AA21736" s="5"/>
      <c r="AB21736" s="5" t="s">
        <v>43</v>
      </c>
      <c r="AC21736" s="5" t="s">
        <v>44</v>
      </c>
      <c r="AD21736" s="2"/>
      <c r="AE21736" s="1"/>
    </row>
    <row r="21737" spans="1:31" ht="14.45">
      <c r="A21737" s="11"/>
      <c r="B21737" s="20"/>
      <c r="C21737" s="2" t="s">
        <v>70079</v>
      </c>
      <c r="D21737" s="14" t="s">
        <v>70080</v>
      </c>
      <c r="E21737" s="2" t="s">
        <v>70081</v>
      </c>
      <c r="F21737" s="2" t="s">
        <v>1863</v>
      </c>
      <c r="G21737" s="8">
        <v>121</v>
      </c>
      <c r="H21737" s="5">
        <v>6</v>
      </c>
      <c r="I21737" s="5" t="s">
        <v>1518</v>
      </c>
      <c r="J21737" s="5" t="s">
        <v>69038</v>
      </c>
      <c r="K21737" s="2" t="s">
        <v>69039</v>
      </c>
      <c r="L21737" s="5" t="s">
        <v>69038</v>
      </c>
      <c r="M21737" s="2" t="s">
        <v>69039</v>
      </c>
      <c r="N21737" s="5" t="s">
        <v>1521</v>
      </c>
      <c r="O21737" s="5" t="s">
        <v>38</v>
      </c>
      <c r="P21737" s="5" t="s">
        <v>39</v>
      </c>
      <c r="Q21737" s="5" t="s">
        <v>40</v>
      </c>
      <c r="R21737" s="5" t="s">
        <v>1522</v>
      </c>
      <c r="S21737" s="5" t="s">
        <v>1523</v>
      </c>
      <c r="T21737" s="5" t="s">
        <v>42</v>
      </c>
      <c r="U21737" s="2">
        <v>1.077</v>
      </c>
      <c r="V21737" s="2">
        <v>0.78500000000000003</v>
      </c>
      <c r="W21737" s="2">
        <v>7.0000000000000001E-3</v>
      </c>
      <c r="X21737" s="2">
        <v>82.9</v>
      </c>
      <c r="Y21737" s="2">
        <v>7.6</v>
      </c>
      <c r="Z21737" s="2">
        <v>10.6</v>
      </c>
      <c r="AA21737" s="5"/>
      <c r="AB21737" s="5" t="s">
        <v>43</v>
      </c>
      <c r="AC21737" s="5" t="s">
        <v>44</v>
      </c>
      <c r="AD21737" s="2"/>
      <c r="AE21737" s="1"/>
    </row>
    <row r="21738" spans="1:31" ht="14.45">
      <c r="A21738" s="11"/>
      <c r="B21738" s="20"/>
      <c r="C21738" s="2" t="s">
        <v>70082</v>
      </c>
      <c r="D21738" s="14" t="s">
        <v>70083</v>
      </c>
      <c r="E21738" s="2" t="s">
        <v>70084</v>
      </c>
      <c r="F21738" s="2" t="s">
        <v>1867</v>
      </c>
      <c r="G21738" s="8">
        <v>121</v>
      </c>
      <c r="H21738" s="5">
        <v>6</v>
      </c>
      <c r="I21738" s="5" t="s">
        <v>1518</v>
      </c>
      <c r="J21738" s="5" t="s">
        <v>69038</v>
      </c>
      <c r="K21738" s="2" t="s">
        <v>69039</v>
      </c>
      <c r="L21738" s="5" t="s">
        <v>69038</v>
      </c>
      <c r="M21738" s="2" t="s">
        <v>69039</v>
      </c>
      <c r="N21738" s="5" t="s">
        <v>1521</v>
      </c>
      <c r="O21738" s="5" t="s">
        <v>38</v>
      </c>
      <c r="P21738" s="5" t="s">
        <v>39</v>
      </c>
      <c r="Q21738" s="5" t="s">
        <v>40</v>
      </c>
      <c r="R21738" s="5" t="s">
        <v>1522</v>
      </c>
      <c r="S21738" s="5" t="s">
        <v>1523</v>
      </c>
      <c r="T21738" s="5" t="s">
        <v>42</v>
      </c>
      <c r="U21738" s="2">
        <v>1.111</v>
      </c>
      <c r="V21738" s="2">
        <v>0.81899999999999995</v>
      </c>
      <c r="W21738" s="2">
        <v>7.0000000000000001E-3</v>
      </c>
      <c r="X21738" s="2">
        <v>82.9</v>
      </c>
      <c r="Y21738" s="2">
        <v>7.6</v>
      </c>
      <c r="Z21738" s="2">
        <v>10.6</v>
      </c>
      <c r="AA21738" s="5"/>
      <c r="AB21738" s="5" t="s">
        <v>43</v>
      </c>
      <c r="AC21738" s="5" t="s">
        <v>44</v>
      </c>
      <c r="AD21738" s="2"/>
      <c r="AE21738" s="1"/>
    </row>
    <row r="21739" spans="1:31" ht="14.45">
      <c r="A21739" s="11"/>
      <c r="B21739" s="20"/>
      <c r="C21739" s="2" t="s">
        <v>70085</v>
      </c>
      <c r="D21739" s="14" t="s">
        <v>70086</v>
      </c>
      <c r="E21739" s="2" t="s">
        <v>70087</v>
      </c>
      <c r="F21739" s="2" t="s">
        <v>7204</v>
      </c>
      <c r="G21739" s="8">
        <v>105</v>
      </c>
      <c r="H21739" s="5">
        <v>6</v>
      </c>
      <c r="I21739" s="5" t="s">
        <v>1518</v>
      </c>
      <c r="J21739" s="5" t="s">
        <v>69038</v>
      </c>
      <c r="K21739" s="2" t="s">
        <v>69039</v>
      </c>
      <c r="L21739" s="5" t="s">
        <v>69038</v>
      </c>
      <c r="M21739" s="2" t="s">
        <v>69039</v>
      </c>
      <c r="N21739" s="5" t="s">
        <v>1521</v>
      </c>
      <c r="O21739" s="5" t="s">
        <v>38</v>
      </c>
      <c r="P21739" s="5" t="s">
        <v>39</v>
      </c>
      <c r="Q21739" s="5" t="s">
        <v>40</v>
      </c>
      <c r="R21739" s="5" t="s">
        <v>1522</v>
      </c>
      <c r="S21739" s="5" t="s">
        <v>1523</v>
      </c>
      <c r="T21739" s="5" t="s">
        <v>42</v>
      </c>
      <c r="U21739" s="2">
        <v>1.2829999999999999</v>
      </c>
      <c r="V21739" s="2">
        <v>0.99099999999999999</v>
      </c>
      <c r="W21739" s="2">
        <v>7.0000000000000001E-3</v>
      </c>
      <c r="X21739" s="2">
        <v>82.9</v>
      </c>
      <c r="Y21739" s="2">
        <v>7.6</v>
      </c>
      <c r="Z21739" s="2">
        <v>10.6</v>
      </c>
      <c r="AA21739" s="5"/>
      <c r="AB21739" s="5" t="s">
        <v>43</v>
      </c>
      <c r="AC21739" s="5" t="s">
        <v>44</v>
      </c>
      <c r="AD21739" s="2"/>
      <c r="AE21739" s="1"/>
    </row>
    <row r="21740" spans="1:31" ht="14.45">
      <c r="A21740" s="11"/>
      <c r="B21740" s="20"/>
      <c r="C21740" s="2" t="s">
        <v>70088</v>
      </c>
      <c r="D21740" s="14" t="s">
        <v>70089</v>
      </c>
      <c r="E21740" s="2" t="s">
        <v>70090</v>
      </c>
      <c r="F21740" s="2" t="s">
        <v>7514</v>
      </c>
      <c r="G21740" s="8">
        <v>105</v>
      </c>
      <c r="H21740" s="5">
        <v>6</v>
      </c>
      <c r="I21740" s="5" t="s">
        <v>1518</v>
      </c>
      <c r="J21740" s="5" t="s">
        <v>69038</v>
      </c>
      <c r="K21740" s="2" t="s">
        <v>69039</v>
      </c>
      <c r="L21740" s="5" t="s">
        <v>69038</v>
      </c>
      <c r="M21740" s="2" t="s">
        <v>69039</v>
      </c>
      <c r="N21740" s="5" t="s">
        <v>1521</v>
      </c>
      <c r="O21740" s="5" t="s">
        <v>38</v>
      </c>
      <c r="P21740" s="5" t="s">
        <v>39</v>
      </c>
      <c r="Q21740" s="5" t="s">
        <v>40</v>
      </c>
      <c r="R21740" s="5" t="s">
        <v>1522</v>
      </c>
      <c r="S21740" s="5" t="s">
        <v>1523</v>
      </c>
      <c r="T21740" s="5" t="s">
        <v>42</v>
      </c>
      <c r="U21740" s="2">
        <v>1.3380000000000001</v>
      </c>
      <c r="V21740" s="2">
        <v>1.046</v>
      </c>
      <c r="W21740" s="2">
        <v>7.0000000000000001E-3</v>
      </c>
      <c r="X21740" s="2">
        <v>82.9</v>
      </c>
      <c r="Y21740" s="2">
        <v>7.6</v>
      </c>
      <c r="Z21740" s="2">
        <v>10.6</v>
      </c>
      <c r="AA21740" s="5"/>
      <c r="AB21740" s="5" t="s">
        <v>43</v>
      </c>
      <c r="AC21740" s="5" t="s">
        <v>44</v>
      </c>
      <c r="AD21740" s="2"/>
      <c r="AE21740" s="1"/>
    </row>
    <row r="21741" spans="1:31" ht="14.45">
      <c r="A21741" s="11"/>
      <c r="B21741" s="20"/>
      <c r="C21741" s="2" t="s">
        <v>70091</v>
      </c>
      <c r="D21741" s="14" t="s">
        <v>70092</v>
      </c>
      <c r="E21741" s="2" t="s">
        <v>70093</v>
      </c>
      <c r="F21741" s="2" t="s">
        <v>7208</v>
      </c>
      <c r="G21741" s="8">
        <v>105</v>
      </c>
      <c r="H21741" s="5">
        <v>6</v>
      </c>
      <c r="I21741" s="5" t="s">
        <v>1518</v>
      </c>
      <c r="J21741" s="5" t="s">
        <v>69038</v>
      </c>
      <c r="K21741" s="2" t="s">
        <v>69039</v>
      </c>
      <c r="L21741" s="5" t="s">
        <v>69038</v>
      </c>
      <c r="M21741" s="2" t="s">
        <v>69039</v>
      </c>
      <c r="N21741" s="5" t="s">
        <v>1521</v>
      </c>
      <c r="O21741" s="5" t="s">
        <v>38</v>
      </c>
      <c r="P21741" s="5" t="s">
        <v>39</v>
      </c>
      <c r="Q21741" s="5" t="s">
        <v>40</v>
      </c>
      <c r="R21741" s="5" t="s">
        <v>1522</v>
      </c>
      <c r="S21741" s="5" t="s">
        <v>1523</v>
      </c>
      <c r="T21741" s="5" t="s">
        <v>42</v>
      </c>
      <c r="U21741" s="2">
        <v>1.2829999999999999</v>
      </c>
      <c r="V21741" s="2">
        <v>0.99099999999999999</v>
      </c>
      <c r="W21741" s="2">
        <v>7.0000000000000001E-3</v>
      </c>
      <c r="X21741" s="2">
        <v>82.9</v>
      </c>
      <c r="Y21741" s="2">
        <v>7.6</v>
      </c>
      <c r="Z21741" s="2">
        <v>10.6</v>
      </c>
      <c r="AA21741" s="5"/>
      <c r="AB21741" s="5" t="s">
        <v>43</v>
      </c>
      <c r="AC21741" s="5" t="s">
        <v>44</v>
      </c>
      <c r="AD21741" s="2"/>
      <c r="AE21741" s="1"/>
    </row>
    <row r="21742" spans="1:31" ht="14.45">
      <c r="A21742" s="11"/>
      <c r="B21742" s="20"/>
      <c r="C21742" s="2" t="s">
        <v>70094</v>
      </c>
      <c r="D21742" s="14" t="s">
        <v>70095</v>
      </c>
      <c r="E21742" s="2" t="s">
        <v>70096</v>
      </c>
      <c r="F21742" s="2" t="s">
        <v>7521</v>
      </c>
      <c r="G21742" s="8">
        <v>105</v>
      </c>
      <c r="H21742" s="5">
        <v>6</v>
      </c>
      <c r="I21742" s="5" t="s">
        <v>1518</v>
      </c>
      <c r="J21742" s="5" t="s">
        <v>69038</v>
      </c>
      <c r="K21742" s="2" t="s">
        <v>69039</v>
      </c>
      <c r="L21742" s="5" t="s">
        <v>69038</v>
      </c>
      <c r="M21742" s="2" t="s">
        <v>69039</v>
      </c>
      <c r="N21742" s="5" t="s">
        <v>1521</v>
      </c>
      <c r="O21742" s="5" t="s">
        <v>38</v>
      </c>
      <c r="P21742" s="5" t="s">
        <v>39</v>
      </c>
      <c r="Q21742" s="5" t="s">
        <v>40</v>
      </c>
      <c r="R21742" s="5" t="s">
        <v>1522</v>
      </c>
      <c r="S21742" s="5" t="s">
        <v>1523</v>
      </c>
      <c r="T21742" s="5" t="s">
        <v>42</v>
      </c>
      <c r="U21742" s="2">
        <v>1.3380000000000001</v>
      </c>
      <c r="V21742" s="2">
        <v>1.046</v>
      </c>
      <c r="W21742" s="2">
        <v>7.0000000000000001E-3</v>
      </c>
      <c r="X21742" s="2">
        <v>82.9</v>
      </c>
      <c r="Y21742" s="2">
        <v>7.6</v>
      </c>
      <c r="Z21742" s="2">
        <v>10.6</v>
      </c>
      <c r="AA21742" s="5"/>
      <c r="AB21742" s="5" t="s">
        <v>43</v>
      </c>
      <c r="AC21742" s="5" t="s">
        <v>44</v>
      </c>
      <c r="AD21742" s="2"/>
      <c r="AE21742" s="1"/>
    </row>
    <row r="21743" spans="1:31" ht="14.45">
      <c r="A21743" s="11"/>
      <c r="B21743" s="20"/>
      <c r="C21743" s="2" t="s">
        <v>70097</v>
      </c>
      <c r="D21743" s="14" t="s">
        <v>70098</v>
      </c>
      <c r="E21743" s="2" t="s">
        <v>70099</v>
      </c>
      <c r="F21743" s="2" t="s">
        <v>7406</v>
      </c>
      <c r="G21743" s="8">
        <v>121</v>
      </c>
      <c r="H21743" s="5">
        <v>6</v>
      </c>
      <c r="I21743" s="5" t="s">
        <v>1518</v>
      </c>
      <c r="J21743" s="5" t="s">
        <v>69038</v>
      </c>
      <c r="K21743" s="2" t="s">
        <v>69039</v>
      </c>
      <c r="L21743" s="5" t="s">
        <v>69038</v>
      </c>
      <c r="M21743" s="2" t="s">
        <v>69039</v>
      </c>
      <c r="N21743" s="5" t="s">
        <v>1521</v>
      </c>
      <c r="O21743" s="5" t="s">
        <v>38</v>
      </c>
      <c r="P21743" s="5" t="s">
        <v>39</v>
      </c>
      <c r="Q21743" s="5" t="s">
        <v>40</v>
      </c>
      <c r="R21743" s="5" t="s">
        <v>1522</v>
      </c>
      <c r="S21743" s="5" t="s">
        <v>1523</v>
      </c>
      <c r="T21743" s="5" t="s">
        <v>42</v>
      </c>
      <c r="U21743" s="2">
        <v>1.2829999999999999</v>
      </c>
      <c r="V21743" s="2">
        <v>0.99099999999999999</v>
      </c>
      <c r="W21743" s="2">
        <v>7.0000000000000001E-3</v>
      </c>
      <c r="X21743" s="2">
        <v>82.9</v>
      </c>
      <c r="Y21743" s="2">
        <v>7.6</v>
      </c>
      <c r="Z21743" s="2">
        <v>10.6</v>
      </c>
      <c r="AA21743" s="5"/>
      <c r="AB21743" s="5" t="s">
        <v>43</v>
      </c>
      <c r="AC21743" s="5" t="s">
        <v>44</v>
      </c>
      <c r="AD21743" s="2"/>
      <c r="AE21743" s="1"/>
    </row>
    <row r="21744" spans="1:31" ht="14.45">
      <c r="A21744" s="11"/>
      <c r="B21744" s="20"/>
      <c r="C21744" s="2" t="s">
        <v>70100</v>
      </c>
      <c r="D21744" s="14" t="s">
        <v>70101</v>
      </c>
      <c r="E21744" s="2" t="s">
        <v>70102</v>
      </c>
      <c r="F21744" s="2" t="s">
        <v>7535</v>
      </c>
      <c r="G21744" s="8">
        <v>121</v>
      </c>
      <c r="H21744" s="5">
        <v>6</v>
      </c>
      <c r="I21744" s="5" t="s">
        <v>1518</v>
      </c>
      <c r="J21744" s="5" t="s">
        <v>69038</v>
      </c>
      <c r="K21744" s="2" t="s">
        <v>69039</v>
      </c>
      <c r="L21744" s="5" t="s">
        <v>69038</v>
      </c>
      <c r="M21744" s="2" t="s">
        <v>69039</v>
      </c>
      <c r="N21744" s="5" t="s">
        <v>1521</v>
      </c>
      <c r="O21744" s="5" t="s">
        <v>38</v>
      </c>
      <c r="P21744" s="5" t="s">
        <v>39</v>
      </c>
      <c r="Q21744" s="5" t="s">
        <v>40</v>
      </c>
      <c r="R21744" s="5" t="s">
        <v>1522</v>
      </c>
      <c r="S21744" s="5" t="s">
        <v>1523</v>
      </c>
      <c r="T21744" s="5" t="s">
        <v>42</v>
      </c>
      <c r="U21744" s="2">
        <v>1.3380000000000001</v>
      </c>
      <c r="V21744" s="2">
        <v>1.046</v>
      </c>
      <c r="W21744" s="2">
        <v>7.0000000000000001E-3</v>
      </c>
      <c r="X21744" s="2">
        <v>82.9</v>
      </c>
      <c r="Y21744" s="2">
        <v>7.6</v>
      </c>
      <c r="Z21744" s="2">
        <v>10.6</v>
      </c>
      <c r="AA21744" s="5"/>
      <c r="AB21744" s="5" t="s">
        <v>43</v>
      </c>
      <c r="AC21744" s="5" t="s">
        <v>44</v>
      </c>
      <c r="AD21744" s="2"/>
      <c r="AE21744" s="1"/>
    </row>
    <row r="21745" spans="1:31" ht="14.45">
      <c r="A21745" s="11"/>
      <c r="B21745" s="20"/>
      <c r="C21745" s="2" t="s">
        <v>70103</v>
      </c>
      <c r="D21745" s="14" t="s">
        <v>70104</v>
      </c>
      <c r="E21745" s="2" t="s">
        <v>70105</v>
      </c>
      <c r="F21745" s="2" t="s">
        <v>7539</v>
      </c>
      <c r="G21745" s="8">
        <v>121</v>
      </c>
      <c r="H21745" s="5">
        <v>6</v>
      </c>
      <c r="I21745" s="5" t="s">
        <v>1518</v>
      </c>
      <c r="J21745" s="5" t="s">
        <v>69038</v>
      </c>
      <c r="K21745" s="2" t="s">
        <v>69039</v>
      </c>
      <c r="L21745" s="5" t="s">
        <v>69038</v>
      </c>
      <c r="M21745" s="2" t="s">
        <v>69039</v>
      </c>
      <c r="N21745" s="5" t="s">
        <v>1521</v>
      </c>
      <c r="O21745" s="5" t="s">
        <v>38</v>
      </c>
      <c r="P21745" s="5" t="s">
        <v>39</v>
      </c>
      <c r="Q21745" s="5" t="s">
        <v>40</v>
      </c>
      <c r="R21745" s="5" t="s">
        <v>1522</v>
      </c>
      <c r="S21745" s="5" t="s">
        <v>1523</v>
      </c>
      <c r="T21745" s="5" t="s">
        <v>42</v>
      </c>
      <c r="U21745" s="2">
        <v>1.2829999999999999</v>
      </c>
      <c r="V21745" s="2">
        <v>0.99099999999999999</v>
      </c>
      <c r="W21745" s="2">
        <v>7.0000000000000001E-3</v>
      </c>
      <c r="X21745" s="2">
        <v>82.9</v>
      </c>
      <c r="Y21745" s="2">
        <v>7.6</v>
      </c>
      <c r="Z21745" s="2">
        <v>10.6</v>
      </c>
      <c r="AA21745" s="5"/>
      <c r="AB21745" s="5" t="s">
        <v>43</v>
      </c>
      <c r="AC21745" s="5" t="s">
        <v>44</v>
      </c>
      <c r="AD21745" s="2"/>
      <c r="AE21745" s="1"/>
    </row>
    <row r="21746" spans="1:31" ht="14.45">
      <c r="A21746" s="11"/>
      <c r="B21746" s="20"/>
      <c r="C21746" s="2" t="s">
        <v>70106</v>
      </c>
      <c r="D21746" s="14" t="s">
        <v>70107</v>
      </c>
      <c r="E21746" s="2" t="s">
        <v>70108</v>
      </c>
      <c r="F21746" s="2" t="s">
        <v>7543</v>
      </c>
      <c r="G21746" s="8">
        <v>121</v>
      </c>
      <c r="H21746" s="5">
        <v>6</v>
      </c>
      <c r="I21746" s="5" t="s">
        <v>1518</v>
      </c>
      <c r="J21746" s="5" t="s">
        <v>69038</v>
      </c>
      <c r="K21746" s="2" t="s">
        <v>69039</v>
      </c>
      <c r="L21746" s="5" t="s">
        <v>69038</v>
      </c>
      <c r="M21746" s="2" t="s">
        <v>69039</v>
      </c>
      <c r="N21746" s="5" t="s">
        <v>1521</v>
      </c>
      <c r="O21746" s="5" t="s">
        <v>38</v>
      </c>
      <c r="P21746" s="5" t="s">
        <v>39</v>
      </c>
      <c r="Q21746" s="5" t="s">
        <v>40</v>
      </c>
      <c r="R21746" s="5" t="s">
        <v>1522</v>
      </c>
      <c r="S21746" s="5" t="s">
        <v>1523</v>
      </c>
      <c r="T21746" s="5" t="s">
        <v>42</v>
      </c>
      <c r="U21746" s="2">
        <v>1.3380000000000001</v>
      </c>
      <c r="V21746" s="2">
        <v>1.046</v>
      </c>
      <c r="W21746" s="2">
        <v>7.0000000000000001E-3</v>
      </c>
      <c r="X21746" s="2">
        <v>82.9</v>
      </c>
      <c r="Y21746" s="2">
        <v>7.6</v>
      </c>
      <c r="Z21746" s="2">
        <v>10.6</v>
      </c>
      <c r="AA21746" s="5"/>
      <c r="AB21746" s="5" t="s">
        <v>43</v>
      </c>
      <c r="AC21746" s="5" t="s">
        <v>44</v>
      </c>
      <c r="AD21746" s="2"/>
      <c r="AE21746" s="1"/>
    </row>
    <row r="21747" spans="1:31" ht="14.45">
      <c r="A21747" s="11"/>
      <c r="B21747" s="20"/>
      <c r="C21747" s="2" t="s">
        <v>70109</v>
      </c>
      <c r="D21747" s="14" t="s">
        <v>70110</v>
      </c>
      <c r="E21747" s="2" t="s">
        <v>70111</v>
      </c>
      <c r="F21747" s="2" t="s">
        <v>7396</v>
      </c>
      <c r="G21747" s="8">
        <v>105</v>
      </c>
      <c r="H21747" s="5">
        <v>6</v>
      </c>
      <c r="I21747" s="5" t="s">
        <v>1518</v>
      </c>
      <c r="J21747" s="5" t="s">
        <v>69038</v>
      </c>
      <c r="K21747" s="2" t="s">
        <v>69039</v>
      </c>
      <c r="L21747" s="5" t="s">
        <v>69038</v>
      </c>
      <c r="M21747" s="2" t="s">
        <v>69039</v>
      </c>
      <c r="N21747" s="5" t="s">
        <v>1521</v>
      </c>
      <c r="O21747" s="5" t="s">
        <v>38</v>
      </c>
      <c r="P21747" s="5" t="s">
        <v>39</v>
      </c>
      <c r="Q21747" s="5" t="s">
        <v>40</v>
      </c>
      <c r="R21747" s="5" t="s">
        <v>1522</v>
      </c>
      <c r="S21747" s="5" t="s">
        <v>1523</v>
      </c>
      <c r="T21747" s="5" t="s">
        <v>42</v>
      </c>
      <c r="U21747" s="2">
        <v>1.2829999999999999</v>
      </c>
      <c r="V21747" s="2">
        <v>0.99099999999999999</v>
      </c>
      <c r="W21747" s="2">
        <v>7.0000000000000001E-3</v>
      </c>
      <c r="X21747" s="2">
        <v>82.9</v>
      </c>
      <c r="Y21747" s="2">
        <v>7.6</v>
      </c>
      <c r="Z21747" s="2">
        <v>10.6</v>
      </c>
      <c r="AA21747" s="5"/>
      <c r="AB21747" s="5" t="s">
        <v>43</v>
      </c>
      <c r="AC21747" s="5" t="s">
        <v>44</v>
      </c>
      <c r="AD21747" s="2"/>
      <c r="AE21747" s="1"/>
    </row>
    <row r="21748" spans="1:31" ht="14.45">
      <c r="A21748" s="11"/>
      <c r="B21748" s="20"/>
      <c r="C21748" s="2" t="s">
        <v>70112</v>
      </c>
      <c r="D21748" s="14" t="s">
        <v>70113</v>
      </c>
      <c r="E21748" s="2" t="s">
        <v>70114</v>
      </c>
      <c r="F21748" s="2" t="s">
        <v>69112</v>
      </c>
      <c r="G21748" s="8">
        <v>105</v>
      </c>
      <c r="H21748" s="5">
        <v>6</v>
      </c>
      <c r="I21748" s="5" t="s">
        <v>1518</v>
      </c>
      <c r="J21748" s="5" t="s">
        <v>69038</v>
      </c>
      <c r="K21748" s="2" t="s">
        <v>69039</v>
      </c>
      <c r="L21748" s="5" t="s">
        <v>69038</v>
      </c>
      <c r="M21748" s="2" t="s">
        <v>69039</v>
      </c>
      <c r="N21748" s="5" t="s">
        <v>1521</v>
      </c>
      <c r="O21748" s="5" t="s">
        <v>38</v>
      </c>
      <c r="P21748" s="5" t="s">
        <v>39</v>
      </c>
      <c r="Q21748" s="5" t="s">
        <v>40</v>
      </c>
      <c r="R21748" s="5" t="s">
        <v>1522</v>
      </c>
      <c r="S21748" s="5" t="s">
        <v>1523</v>
      </c>
      <c r="T21748" s="5" t="s">
        <v>42</v>
      </c>
      <c r="U21748" s="2">
        <v>1.3380000000000001</v>
      </c>
      <c r="V21748" s="2">
        <v>1.046</v>
      </c>
      <c r="W21748" s="2">
        <v>7.0000000000000001E-3</v>
      </c>
      <c r="X21748" s="2">
        <v>82.9</v>
      </c>
      <c r="Y21748" s="2">
        <v>7.6</v>
      </c>
      <c r="Z21748" s="2">
        <v>10.6</v>
      </c>
      <c r="AA21748" s="5"/>
      <c r="AB21748" s="5" t="s">
        <v>43</v>
      </c>
      <c r="AC21748" s="5" t="s">
        <v>44</v>
      </c>
      <c r="AD21748" s="2"/>
      <c r="AE21748" s="1"/>
    </row>
    <row r="21749" spans="1:31" ht="14.45">
      <c r="A21749" s="11"/>
      <c r="B21749" s="20"/>
      <c r="C21749" s="2" t="s">
        <v>70115</v>
      </c>
      <c r="D21749" s="14" t="s">
        <v>70116</v>
      </c>
      <c r="E21749" s="2" t="s">
        <v>70117</v>
      </c>
      <c r="F21749" s="2" t="s">
        <v>7547</v>
      </c>
      <c r="G21749" s="8">
        <v>121</v>
      </c>
      <c r="H21749" s="5">
        <v>6</v>
      </c>
      <c r="I21749" s="5" t="s">
        <v>1518</v>
      </c>
      <c r="J21749" s="5" t="s">
        <v>69038</v>
      </c>
      <c r="K21749" s="2" t="s">
        <v>69039</v>
      </c>
      <c r="L21749" s="5" t="s">
        <v>69038</v>
      </c>
      <c r="M21749" s="2" t="s">
        <v>69039</v>
      </c>
      <c r="N21749" s="5" t="s">
        <v>1521</v>
      </c>
      <c r="O21749" s="5" t="s">
        <v>38</v>
      </c>
      <c r="P21749" s="5" t="s">
        <v>39</v>
      </c>
      <c r="Q21749" s="5" t="s">
        <v>40</v>
      </c>
      <c r="R21749" s="5" t="s">
        <v>1522</v>
      </c>
      <c r="S21749" s="5" t="s">
        <v>1523</v>
      </c>
      <c r="T21749" s="5" t="s">
        <v>42</v>
      </c>
      <c r="U21749" s="2">
        <v>1.2829999999999999</v>
      </c>
      <c r="V21749" s="2">
        <v>0.99099999999999999</v>
      </c>
      <c r="W21749" s="2">
        <v>7.0000000000000001E-3</v>
      </c>
      <c r="X21749" s="2">
        <v>82.9</v>
      </c>
      <c r="Y21749" s="2">
        <v>7.6</v>
      </c>
      <c r="Z21749" s="2">
        <v>10.6</v>
      </c>
      <c r="AA21749" s="5"/>
      <c r="AB21749" s="5" t="s">
        <v>43</v>
      </c>
      <c r="AC21749" s="5" t="s">
        <v>44</v>
      </c>
      <c r="AD21749" s="2"/>
      <c r="AE21749" s="1"/>
    </row>
    <row r="21750" spans="1:31" ht="14.45">
      <c r="A21750" s="11"/>
      <c r="B21750" s="20"/>
      <c r="C21750" s="2" t="s">
        <v>70118</v>
      </c>
      <c r="D21750" s="14" t="s">
        <v>70119</v>
      </c>
      <c r="E21750" s="2" t="s">
        <v>70120</v>
      </c>
      <c r="F21750" s="2" t="s">
        <v>7551</v>
      </c>
      <c r="G21750" s="8">
        <v>121</v>
      </c>
      <c r="H21750" s="5">
        <v>6</v>
      </c>
      <c r="I21750" s="5" t="s">
        <v>1518</v>
      </c>
      <c r="J21750" s="5" t="s">
        <v>69038</v>
      </c>
      <c r="K21750" s="2" t="s">
        <v>69039</v>
      </c>
      <c r="L21750" s="5" t="s">
        <v>69038</v>
      </c>
      <c r="M21750" s="2" t="s">
        <v>69039</v>
      </c>
      <c r="N21750" s="5" t="s">
        <v>1521</v>
      </c>
      <c r="O21750" s="5" t="s">
        <v>38</v>
      </c>
      <c r="P21750" s="5" t="s">
        <v>39</v>
      </c>
      <c r="Q21750" s="5" t="s">
        <v>40</v>
      </c>
      <c r="R21750" s="5" t="s">
        <v>1522</v>
      </c>
      <c r="S21750" s="5" t="s">
        <v>1523</v>
      </c>
      <c r="T21750" s="5" t="s">
        <v>42</v>
      </c>
      <c r="U21750" s="2">
        <v>1.3380000000000001</v>
      </c>
      <c r="V21750" s="2">
        <v>1.046</v>
      </c>
      <c r="W21750" s="2">
        <v>7.0000000000000001E-3</v>
      </c>
      <c r="X21750" s="2">
        <v>82.9</v>
      </c>
      <c r="Y21750" s="2">
        <v>7.6</v>
      </c>
      <c r="Z21750" s="2">
        <v>10.6</v>
      </c>
      <c r="AA21750" s="5"/>
      <c r="AB21750" s="5" t="s">
        <v>43</v>
      </c>
      <c r="AC21750" s="5" t="s">
        <v>44</v>
      </c>
      <c r="AD21750" s="2"/>
      <c r="AE21750" s="1"/>
    </row>
    <row r="21751" spans="1:31" ht="14.45">
      <c r="A21751" s="11"/>
      <c r="B21751" s="20"/>
      <c r="C21751" s="2" t="s">
        <v>70121</v>
      </c>
      <c r="D21751" s="14" t="s">
        <v>70122</v>
      </c>
      <c r="E21751" s="2" t="s">
        <v>70123</v>
      </c>
      <c r="F21751" s="2" t="s">
        <v>7563</v>
      </c>
      <c r="G21751" s="8">
        <v>121</v>
      </c>
      <c r="H21751" s="5">
        <v>6</v>
      </c>
      <c r="I21751" s="5" t="s">
        <v>1518</v>
      </c>
      <c r="J21751" s="5" t="s">
        <v>69038</v>
      </c>
      <c r="K21751" s="2" t="s">
        <v>69039</v>
      </c>
      <c r="L21751" s="5" t="s">
        <v>69038</v>
      </c>
      <c r="M21751" s="2" t="s">
        <v>69039</v>
      </c>
      <c r="N21751" s="5" t="s">
        <v>1521</v>
      </c>
      <c r="O21751" s="5" t="s">
        <v>38</v>
      </c>
      <c r="P21751" s="5" t="s">
        <v>39</v>
      </c>
      <c r="Q21751" s="5" t="s">
        <v>40</v>
      </c>
      <c r="R21751" s="5" t="s">
        <v>1522</v>
      </c>
      <c r="S21751" s="5" t="s">
        <v>1523</v>
      </c>
      <c r="T21751" s="5" t="s">
        <v>42</v>
      </c>
      <c r="U21751" s="2">
        <v>1.2829999999999999</v>
      </c>
      <c r="V21751" s="2">
        <v>0.99099999999999999</v>
      </c>
      <c r="W21751" s="2">
        <v>7.0000000000000001E-3</v>
      </c>
      <c r="X21751" s="2">
        <v>82.9</v>
      </c>
      <c r="Y21751" s="2">
        <v>7.6</v>
      </c>
      <c r="Z21751" s="2">
        <v>10.6</v>
      </c>
      <c r="AA21751" s="5"/>
      <c r="AB21751" s="5" t="s">
        <v>43</v>
      </c>
      <c r="AC21751" s="5" t="s">
        <v>44</v>
      </c>
      <c r="AD21751" s="2"/>
      <c r="AE21751" s="1"/>
    </row>
    <row r="21752" spans="1:31" ht="14.45">
      <c r="A21752" s="11"/>
      <c r="B21752" s="20"/>
      <c r="C21752" s="2" t="s">
        <v>70124</v>
      </c>
      <c r="D21752" s="14" t="s">
        <v>70125</v>
      </c>
      <c r="E21752" s="2" t="s">
        <v>70126</v>
      </c>
      <c r="F21752" s="2" t="s">
        <v>7567</v>
      </c>
      <c r="G21752" s="8">
        <v>121</v>
      </c>
      <c r="H21752" s="5">
        <v>6</v>
      </c>
      <c r="I21752" s="5" t="s">
        <v>1518</v>
      </c>
      <c r="J21752" s="5" t="s">
        <v>69038</v>
      </c>
      <c r="K21752" s="2" t="s">
        <v>69039</v>
      </c>
      <c r="L21752" s="5" t="s">
        <v>69038</v>
      </c>
      <c r="M21752" s="2" t="s">
        <v>69039</v>
      </c>
      <c r="N21752" s="5" t="s">
        <v>1521</v>
      </c>
      <c r="O21752" s="5" t="s">
        <v>38</v>
      </c>
      <c r="P21752" s="5" t="s">
        <v>39</v>
      </c>
      <c r="Q21752" s="5" t="s">
        <v>40</v>
      </c>
      <c r="R21752" s="5" t="s">
        <v>1522</v>
      </c>
      <c r="S21752" s="5" t="s">
        <v>1523</v>
      </c>
      <c r="T21752" s="5" t="s">
        <v>42</v>
      </c>
      <c r="U21752" s="2">
        <v>1.3380000000000001</v>
      </c>
      <c r="V21752" s="2">
        <v>1.046</v>
      </c>
      <c r="W21752" s="2">
        <v>7.0000000000000001E-3</v>
      </c>
      <c r="X21752" s="2">
        <v>82.9</v>
      </c>
      <c r="Y21752" s="2">
        <v>7.6</v>
      </c>
      <c r="Z21752" s="2">
        <v>10.6</v>
      </c>
      <c r="AA21752" s="5"/>
      <c r="AB21752" s="5" t="s">
        <v>43</v>
      </c>
      <c r="AC21752" s="5" t="s">
        <v>44</v>
      </c>
      <c r="AD21752" s="2"/>
      <c r="AE21752" s="1"/>
    </row>
    <row r="21753" spans="1:31" ht="14.45">
      <c r="A21753" s="11"/>
      <c r="B21753" s="20"/>
      <c r="C21753" s="2" t="s">
        <v>70127</v>
      </c>
      <c r="D21753" s="14" t="s">
        <v>70128</v>
      </c>
      <c r="E21753" s="2" t="s">
        <v>70129</v>
      </c>
      <c r="F21753" s="2" t="s">
        <v>7555</v>
      </c>
      <c r="G21753" s="8">
        <v>121</v>
      </c>
      <c r="H21753" s="5">
        <v>6</v>
      </c>
      <c r="I21753" s="5" t="s">
        <v>1518</v>
      </c>
      <c r="J21753" s="5" t="s">
        <v>69038</v>
      </c>
      <c r="K21753" s="2" t="s">
        <v>69039</v>
      </c>
      <c r="L21753" s="5" t="s">
        <v>69038</v>
      </c>
      <c r="M21753" s="2" t="s">
        <v>69039</v>
      </c>
      <c r="N21753" s="5" t="s">
        <v>1521</v>
      </c>
      <c r="O21753" s="5" t="s">
        <v>38</v>
      </c>
      <c r="P21753" s="5" t="s">
        <v>39</v>
      </c>
      <c r="Q21753" s="5" t="s">
        <v>40</v>
      </c>
      <c r="R21753" s="5" t="s">
        <v>1522</v>
      </c>
      <c r="S21753" s="5" t="s">
        <v>1523</v>
      </c>
      <c r="T21753" s="5" t="s">
        <v>42</v>
      </c>
      <c r="U21753" s="2">
        <v>1.2829999999999999</v>
      </c>
      <c r="V21753" s="2">
        <v>0.99099999999999999</v>
      </c>
      <c r="W21753" s="2">
        <v>7.0000000000000001E-3</v>
      </c>
      <c r="X21753" s="2">
        <v>82.9</v>
      </c>
      <c r="Y21753" s="2">
        <v>7.6</v>
      </c>
      <c r="Z21753" s="2">
        <v>10.6</v>
      </c>
      <c r="AA21753" s="5"/>
      <c r="AB21753" s="5" t="s">
        <v>43</v>
      </c>
      <c r="AC21753" s="5" t="s">
        <v>44</v>
      </c>
      <c r="AD21753" s="2"/>
      <c r="AE21753" s="1"/>
    </row>
    <row r="21754" spans="1:31" ht="14.45">
      <c r="A21754" s="11"/>
      <c r="B21754" s="20"/>
      <c r="C21754" s="2" t="s">
        <v>70130</v>
      </c>
      <c r="D21754" s="14" t="s">
        <v>70131</v>
      </c>
      <c r="E21754" s="2" t="s">
        <v>70132</v>
      </c>
      <c r="F21754" s="2" t="s">
        <v>7559</v>
      </c>
      <c r="G21754" s="8">
        <v>121</v>
      </c>
      <c r="H21754" s="5">
        <v>6</v>
      </c>
      <c r="I21754" s="5" t="s">
        <v>1518</v>
      </c>
      <c r="J21754" s="5" t="s">
        <v>69038</v>
      </c>
      <c r="K21754" s="2" t="s">
        <v>69039</v>
      </c>
      <c r="L21754" s="5" t="s">
        <v>69038</v>
      </c>
      <c r="M21754" s="2" t="s">
        <v>69039</v>
      </c>
      <c r="N21754" s="5" t="s">
        <v>1521</v>
      </c>
      <c r="O21754" s="5" t="s">
        <v>38</v>
      </c>
      <c r="P21754" s="5" t="s">
        <v>39</v>
      </c>
      <c r="Q21754" s="5" t="s">
        <v>40</v>
      </c>
      <c r="R21754" s="5" t="s">
        <v>1522</v>
      </c>
      <c r="S21754" s="5" t="s">
        <v>1523</v>
      </c>
      <c r="T21754" s="5" t="s">
        <v>42</v>
      </c>
      <c r="U21754" s="2">
        <v>1.3380000000000001</v>
      </c>
      <c r="V21754" s="2">
        <v>1.046</v>
      </c>
      <c r="W21754" s="2">
        <v>7.0000000000000001E-3</v>
      </c>
      <c r="X21754" s="2">
        <v>82.9</v>
      </c>
      <c r="Y21754" s="2">
        <v>7.6</v>
      </c>
      <c r="Z21754" s="2">
        <v>10.6</v>
      </c>
      <c r="AA21754" s="5"/>
      <c r="AB21754" s="5" t="s">
        <v>43</v>
      </c>
      <c r="AC21754" s="5" t="s">
        <v>44</v>
      </c>
      <c r="AD21754" s="2"/>
      <c r="AE21754" s="1"/>
    </row>
    <row r="21755" spans="1:31" ht="14.45">
      <c r="A21755" s="11"/>
      <c r="B21755" s="20"/>
      <c r="C21755" s="2" t="s">
        <v>70133</v>
      </c>
      <c r="D21755" s="14" t="s">
        <v>70134</v>
      </c>
      <c r="E21755" s="2" t="s">
        <v>70135</v>
      </c>
      <c r="F21755" s="2" t="s">
        <v>7429</v>
      </c>
      <c r="G21755" s="8">
        <v>121</v>
      </c>
      <c r="H21755" s="5">
        <v>6</v>
      </c>
      <c r="I21755" s="5" t="s">
        <v>1518</v>
      </c>
      <c r="J21755" s="5" t="s">
        <v>69038</v>
      </c>
      <c r="K21755" s="2" t="s">
        <v>69039</v>
      </c>
      <c r="L21755" s="5" t="s">
        <v>69038</v>
      </c>
      <c r="M21755" s="2" t="s">
        <v>69039</v>
      </c>
      <c r="N21755" s="5" t="s">
        <v>1521</v>
      </c>
      <c r="O21755" s="5" t="s">
        <v>38</v>
      </c>
      <c r="P21755" s="5" t="s">
        <v>39</v>
      </c>
      <c r="Q21755" s="5" t="s">
        <v>40</v>
      </c>
      <c r="R21755" s="5" t="s">
        <v>1522</v>
      </c>
      <c r="S21755" s="5" t="s">
        <v>1523</v>
      </c>
      <c r="T21755" s="5" t="s">
        <v>42</v>
      </c>
      <c r="U21755" s="2">
        <v>1.2829999999999999</v>
      </c>
      <c r="V21755" s="2">
        <v>0.99099999999999999</v>
      </c>
      <c r="W21755" s="2">
        <v>7.0000000000000001E-3</v>
      </c>
      <c r="X21755" s="2">
        <v>82.9</v>
      </c>
      <c r="Y21755" s="2">
        <v>7.6</v>
      </c>
      <c r="Z21755" s="2">
        <v>10.6</v>
      </c>
      <c r="AA21755" s="5"/>
      <c r="AB21755" s="5" t="s">
        <v>43</v>
      </c>
      <c r="AC21755" s="5" t="s">
        <v>44</v>
      </c>
      <c r="AD21755" s="2"/>
      <c r="AE21755" s="1"/>
    </row>
    <row r="21756" spans="1:31" ht="14.45">
      <c r="A21756" s="11"/>
      <c r="B21756" s="20"/>
      <c r="C21756" s="2" t="s">
        <v>70136</v>
      </c>
      <c r="D21756" s="14" t="s">
        <v>70137</v>
      </c>
      <c r="E21756" s="2" t="s">
        <v>70138</v>
      </c>
      <c r="F21756" s="2" t="s">
        <v>7574</v>
      </c>
      <c r="G21756" s="8">
        <v>121</v>
      </c>
      <c r="H21756" s="5">
        <v>6</v>
      </c>
      <c r="I21756" s="5" t="s">
        <v>1518</v>
      </c>
      <c r="J21756" s="5" t="s">
        <v>69038</v>
      </c>
      <c r="K21756" s="2" t="s">
        <v>69039</v>
      </c>
      <c r="L21756" s="5" t="s">
        <v>69038</v>
      </c>
      <c r="M21756" s="2" t="s">
        <v>69039</v>
      </c>
      <c r="N21756" s="5" t="s">
        <v>1521</v>
      </c>
      <c r="O21756" s="5" t="s">
        <v>38</v>
      </c>
      <c r="P21756" s="5" t="s">
        <v>39</v>
      </c>
      <c r="Q21756" s="5" t="s">
        <v>40</v>
      </c>
      <c r="R21756" s="5" t="s">
        <v>1522</v>
      </c>
      <c r="S21756" s="5" t="s">
        <v>1523</v>
      </c>
      <c r="T21756" s="5" t="s">
        <v>42</v>
      </c>
      <c r="U21756" s="2">
        <v>1.3380000000000001</v>
      </c>
      <c r="V21756" s="2">
        <v>1.046</v>
      </c>
      <c r="W21756" s="2">
        <v>7.0000000000000001E-3</v>
      </c>
      <c r="X21756" s="2">
        <v>82.9</v>
      </c>
      <c r="Y21756" s="2">
        <v>7.6</v>
      </c>
      <c r="Z21756" s="2">
        <v>10.6</v>
      </c>
      <c r="AA21756" s="5"/>
      <c r="AB21756" s="5" t="s">
        <v>43</v>
      </c>
      <c r="AC21756" s="5" t="s">
        <v>44</v>
      </c>
      <c r="AD21756" s="2"/>
      <c r="AE21756" s="1"/>
    </row>
    <row r="21757" spans="1:31" ht="14.45">
      <c r="A21757" s="11"/>
      <c r="B21757" s="20"/>
      <c r="C21757" s="2" t="s">
        <v>70139</v>
      </c>
      <c r="D21757" s="14" t="s">
        <v>70140</v>
      </c>
      <c r="E21757" s="2" t="s">
        <v>70141</v>
      </c>
      <c r="F21757" s="2" t="s">
        <v>7449</v>
      </c>
      <c r="G21757" s="8">
        <v>121</v>
      </c>
      <c r="H21757" s="5">
        <v>6</v>
      </c>
      <c r="I21757" s="5" t="s">
        <v>1518</v>
      </c>
      <c r="J21757" s="5" t="s">
        <v>69038</v>
      </c>
      <c r="K21757" s="2" t="s">
        <v>69039</v>
      </c>
      <c r="L21757" s="5" t="s">
        <v>69038</v>
      </c>
      <c r="M21757" s="2" t="s">
        <v>69039</v>
      </c>
      <c r="N21757" s="5" t="s">
        <v>1521</v>
      </c>
      <c r="O21757" s="5" t="s">
        <v>38</v>
      </c>
      <c r="P21757" s="5" t="s">
        <v>39</v>
      </c>
      <c r="Q21757" s="5" t="s">
        <v>40</v>
      </c>
      <c r="R21757" s="5" t="s">
        <v>1522</v>
      </c>
      <c r="S21757" s="5" t="s">
        <v>1523</v>
      </c>
      <c r="T21757" s="5" t="s">
        <v>42</v>
      </c>
      <c r="U21757" s="2">
        <v>1.2829999999999999</v>
      </c>
      <c r="V21757" s="2">
        <v>0.99099999999999999</v>
      </c>
      <c r="W21757" s="2">
        <v>7.0000000000000001E-3</v>
      </c>
      <c r="X21757" s="2">
        <v>82.9</v>
      </c>
      <c r="Y21757" s="2">
        <v>7.6</v>
      </c>
      <c r="Z21757" s="2">
        <v>10.6</v>
      </c>
      <c r="AA21757" s="5"/>
      <c r="AB21757" s="5" t="s">
        <v>43</v>
      </c>
      <c r="AC21757" s="5" t="s">
        <v>44</v>
      </c>
      <c r="AD21757" s="2"/>
      <c r="AE21757" s="1"/>
    </row>
    <row r="21758" spans="1:31" ht="14.45">
      <c r="A21758" s="11"/>
      <c r="B21758" s="20"/>
      <c r="C21758" s="2" t="s">
        <v>70142</v>
      </c>
      <c r="D21758" s="14" t="s">
        <v>70143</v>
      </c>
      <c r="E21758" s="2" t="s">
        <v>70144</v>
      </c>
      <c r="F21758" s="2" t="s">
        <v>7581</v>
      </c>
      <c r="G21758" s="8">
        <v>121</v>
      </c>
      <c r="H21758" s="5">
        <v>6</v>
      </c>
      <c r="I21758" s="5" t="s">
        <v>1518</v>
      </c>
      <c r="J21758" s="5" t="s">
        <v>69038</v>
      </c>
      <c r="K21758" s="2" t="s">
        <v>69039</v>
      </c>
      <c r="L21758" s="5" t="s">
        <v>69038</v>
      </c>
      <c r="M21758" s="2" t="s">
        <v>69039</v>
      </c>
      <c r="N21758" s="5" t="s">
        <v>1521</v>
      </c>
      <c r="O21758" s="5" t="s">
        <v>38</v>
      </c>
      <c r="P21758" s="5" t="s">
        <v>39</v>
      </c>
      <c r="Q21758" s="5" t="s">
        <v>40</v>
      </c>
      <c r="R21758" s="5" t="s">
        <v>1522</v>
      </c>
      <c r="S21758" s="5" t="s">
        <v>1523</v>
      </c>
      <c r="T21758" s="5" t="s">
        <v>42</v>
      </c>
      <c r="U21758" s="2">
        <v>1.3380000000000001</v>
      </c>
      <c r="V21758" s="2">
        <v>1.046</v>
      </c>
      <c r="W21758" s="2">
        <v>7.0000000000000001E-3</v>
      </c>
      <c r="X21758" s="2">
        <v>82.9</v>
      </c>
      <c r="Y21758" s="2">
        <v>7.6</v>
      </c>
      <c r="Z21758" s="2">
        <v>10.6</v>
      </c>
      <c r="AA21758" s="5"/>
      <c r="AB21758" s="5" t="s">
        <v>43</v>
      </c>
      <c r="AC21758" s="5" t="s">
        <v>44</v>
      </c>
      <c r="AD21758" s="2"/>
      <c r="AE21758" s="1"/>
    </row>
    <row r="21759" spans="1:31" ht="14.45">
      <c r="A21759" s="11"/>
      <c r="B21759" s="20"/>
      <c r="C21759" s="2" t="s">
        <v>70145</v>
      </c>
      <c r="D21759" s="14" t="s">
        <v>70146</v>
      </c>
      <c r="E21759" s="2" t="s">
        <v>70147</v>
      </c>
      <c r="F21759" s="2" t="s">
        <v>7585</v>
      </c>
      <c r="G21759" s="8">
        <v>121</v>
      </c>
      <c r="H21759" s="5">
        <v>6</v>
      </c>
      <c r="I21759" s="5" t="s">
        <v>1518</v>
      </c>
      <c r="J21759" s="5" t="s">
        <v>69038</v>
      </c>
      <c r="K21759" s="2" t="s">
        <v>69039</v>
      </c>
      <c r="L21759" s="5" t="s">
        <v>69038</v>
      </c>
      <c r="M21759" s="2" t="s">
        <v>69039</v>
      </c>
      <c r="N21759" s="5" t="s">
        <v>1521</v>
      </c>
      <c r="O21759" s="5" t="s">
        <v>38</v>
      </c>
      <c r="P21759" s="5" t="s">
        <v>39</v>
      </c>
      <c r="Q21759" s="5" t="s">
        <v>40</v>
      </c>
      <c r="R21759" s="5" t="s">
        <v>1522</v>
      </c>
      <c r="S21759" s="5" t="s">
        <v>1523</v>
      </c>
      <c r="T21759" s="5" t="s">
        <v>42</v>
      </c>
      <c r="U21759" s="2">
        <v>1.2829999999999999</v>
      </c>
      <c r="V21759" s="2">
        <v>0.99099999999999999</v>
      </c>
      <c r="W21759" s="2">
        <v>7.0000000000000001E-3</v>
      </c>
      <c r="X21759" s="2">
        <v>82.9</v>
      </c>
      <c r="Y21759" s="2">
        <v>7.6</v>
      </c>
      <c r="Z21759" s="2">
        <v>10.6</v>
      </c>
      <c r="AA21759" s="5"/>
      <c r="AB21759" s="5" t="s">
        <v>43</v>
      </c>
      <c r="AC21759" s="5" t="s">
        <v>44</v>
      </c>
      <c r="AD21759" s="2"/>
      <c r="AE21759" s="1"/>
    </row>
    <row r="21760" spans="1:31" ht="14.45">
      <c r="A21760" s="11"/>
      <c r="B21760" s="20"/>
      <c r="C21760" s="2" t="s">
        <v>70148</v>
      </c>
      <c r="D21760" s="14" t="s">
        <v>70149</v>
      </c>
      <c r="E21760" s="2" t="s">
        <v>70150</v>
      </c>
      <c r="F21760" s="2" t="s">
        <v>7589</v>
      </c>
      <c r="G21760" s="8">
        <v>121</v>
      </c>
      <c r="H21760" s="5">
        <v>6</v>
      </c>
      <c r="I21760" s="5" t="s">
        <v>1518</v>
      </c>
      <c r="J21760" s="5" t="s">
        <v>69038</v>
      </c>
      <c r="K21760" s="2" t="s">
        <v>69039</v>
      </c>
      <c r="L21760" s="5" t="s">
        <v>69038</v>
      </c>
      <c r="M21760" s="2" t="s">
        <v>69039</v>
      </c>
      <c r="N21760" s="5" t="s">
        <v>1521</v>
      </c>
      <c r="O21760" s="5" t="s">
        <v>38</v>
      </c>
      <c r="P21760" s="5" t="s">
        <v>39</v>
      </c>
      <c r="Q21760" s="5" t="s">
        <v>40</v>
      </c>
      <c r="R21760" s="5" t="s">
        <v>1522</v>
      </c>
      <c r="S21760" s="5" t="s">
        <v>1523</v>
      </c>
      <c r="T21760" s="5" t="s">
        <v>42</v>
      </c>
      <c r="U21760" s="2">
        <v>1.3380000000000001</v>
      </c>
      <c r="V21760" s="2">
        <v>1.046</v>
      </c>
      <c r="W21760" s="2">
        <v>7.0000000000000001E-3</v>
      </c>
      <c r="X21760" s="2">
        <v>82.9</v>
      </c>
      <c r="Y21760" s="2">
        <v>7.6</v>
      </c>
      <c r="Z21760" s="2">
        <v>10.6</v>
      </c>
      <c r="AA21760" s="5"/>
      <c r="AB21760" s="5" t="s">
        <v>43</v>
      </c>
      <c r="AC21760" s="5" t="s">
        <v>44</v>
      </c>
      <c r="AD21760" s="2"/>
      <c r="AE21760" s="1"/>
    </row>
    <row r="21761" spans="1:31" ht="14.45">
      <c r="A21761" s="11"/>
      <c r="B21761" s="20"/>
      <c r="C21761" s="2" t="s">
        <v>70151</v>
      </c>
      <c r="D21761" s="14" t="s">
        <v>70152</v>
      </c>
      <c r="E21761" s="2" t="s">
        <v>70153</v>
      </c>
      <c r="F21761" s="2" t="s">
        <v>7593</v>
      </c>
      <c r="G21761" s="8">
        <v>121</v>
      </c>
      <c r="H21761" s="5">
        <v>6</v>
      </c>
      <c r="I21761" s="5" t="s">
        <v>1518</v>
      </c>
      <c r="J21761" s="5" t="s">
        <v>69038</v>
      </c>
      <c r="K21761" s="2" t="s">
        <v>69039</v>
      </c>
      <c r="L21761" s="5" t="s">
        <v>69038</v>
      </c>
      <c r="M21761" s="2" t="s">
        <v>69039</v>
      </c>
      <c r="N21761" s="5" t="s">
        <v>1521</v>
      </c>
      <c r="O21761" s="5" t="s">
        <v>38</v>
      </c>
      <c r="P21761" s="5" t="s">
        <v>39</v>
      </c>
      <c r="Q21761" s="5" t="s">
        <v>40</v>
      </c>
      <c r="R21761" s="5" t="s">
        <v>1522</v>
      </c>
      <c r="S21761" s="5" t="s">
        <v>1523</v>
      </c>
      <c r="T21761" s="5" t="s">
        <v>42</v>
      </c>
      <c r="U21761" s="2">
        <v>1.2829999999999999</v>
      </c>
      <c r="V21761" s="2">
        <v>0.99099999999999999</v>
      </c>
      <c r="W21761" s="2">
        <v>7.0000000000000001E-3</v>
      </c>
      <c r="X21761" s="2">
        <v>82.9</v>
      </c>
      <c r="Y21761" s="2">
        <v>7.6</v>
      </c>
      <c r="Z21761" s="2">
        <v>10.6</v>
      </c>
      <c r="AA21761" s="5"/>
      <c r="AB21761" s="5" t="s">
        <v>43</v>
      </c>
      <c r="AC21761" s="5" t="s">
        <v>44</v>
      </c>
      <c r="AD21761" s="2"/>
      <c r="AE21761" s="1"/>
    </row>
    <row r="21762" spans="1:31" ht="14.45">
      <c r="A21762" s="11"/>
      <c r="B21762" s="20"/>
      <c r="C21762" s="2" t="s">
        <v>70154</v>
      </c>
      <c r="D21762" s="14" t="s">
        <v>70155</v>
      </c>
      <c r="E21762" s="2" t="s">
        <v>70156</v>
      </c>
      <c r="F21762" s="2" t="s">
        <v>7597</v>
      </c>
      <c r="G21762" s="8">
        <v>121</v>
      </c>
      <c r="H21762" s="5">
        <v>6</v>
      </c>
      <c r="I21762" s="5" t="s">
        <v>1518</v>
      </c>
      <c r="J21762" s="5" t="s">
        <v>69038</v>
      </c>
      <c r="K21762" s="2" t="s">
        <v>69039</v>
      </c>
      <c r="L21762" s="5" t="s">
        <v>69038</v>
      </c>
      <c r="M21762" s="2" t="s">
        <v>69039</v>
      </c>
      <c r="N21762" s="5" t="s">
        <v>1521</v>
      </c>
      <c r="O21762" s="5" t="s">
        <v>38</v>
      </c>
      <c r="P21762" s="5" t="s">
        <v>39</v>
      </c>
      <c r="Q21762" s="5" t="s">
        <v>40</v>
      </c>
      <c r="R21762" s="5" t="s">
        <v>1522</v>
      </c>
      <c r="S21762" s="5" t="s">
        <v>1523</v>
      </c>
      <c r="T21762" s="5" t="s">
        <v>42</v>
      </c>
      <c r="U21762" s="2">
        <v>1.3380000000000001</v>
      </c>
      <c r="V21762" s="2">
        <v>1.046</v>
      </c>
      <c r="W21762" s="2">
        <v>7.0000000000000001E-3</v>
      </c>
      <c r="X21762" s="2">
        <v>82.9</v>
      </c>
      <c r="Y21762" s="2">
        <v>7.6</v>
      </c>
      <c r="Z21762" s="2">
        <v>10.6</v>
      </c>
      <c r="AA21762" s="5"/>
      <c r="AB21762" s="5" t="s">
        <v>43</v>
      </c>
      <c r="AC21762" s="5" t="s">
        <v>44</v>
      </c>
      <c r="AD21762" s="2"/>
      <c r="AE21762" s="1"/>
    </row>
    <row r="21763" spans="1:31" ht="14.45">
      <c r="A21763" s="11"/>
      <c r="B21763" s="20"/>
      <c r="C21763" s="2" t="s">
        <v>70157</v>
      </c>
      <c r="D21763" s="14" t="s">
        <v>70158</v>
      </c>
      <c r="E21763" s="2" t="s">
        <v>70159</v>
      </c>
      <c r="F21763" s="2" t="s">
        <v>7433</v>
      </c>
      <c r="G21763" s="8">
        <v>121</v>
      </c>
      <c r="H21763" s="5">
        <v>6</v>
      </c>
      <c r="I21763" s="5" t="s">
        <v>1518</v>
      </c>
      <c r="J21763" s="5" t="s">
        <v>69038</v>
      </c>
      <c r="K21763" s="2" t="s">
        <v>69039</v>
      </c>
      <c r="L21763" s="5" t="s">
        <v>69038</v>
      </c>
      <c r="M21763" s="2" t="s">
        <v>69039</v>
      </c>
      <c r="N21763" s="5" t="s">
        <v>1521</v>
      </c>
      <c r="O21763" s="5" t="s">
        <v>38</v>
      </c>
      <c r="P21763" s="5" t="s">
        <v>39</v>
      </c>
      <c r="Q21763" s="5" t="s">
        <v>40</v>
      </c>
      <c r="R21763" s="5" t="s">
        <v>1522</v>
      </c>
      <c r="S21763" s="5" t="s">
        <v>1523</v>
      </c>
      <c r="T21763" s="5" t="s">
        <v>42</v>
      </c>
      <c r="U21763" s="2">
        <v>1.2829999999999999</v>
      </c>
      <c r="V21763" s="2">
        <v>0.99099999999999999</v>
      </c>
      <c r="W21763" s="2">
        <v>7.0000000000000001E-3</v>
      </c>
      <c r="X21763" s="2">
        <v>82.9</v>
      </c>
      <c r="Y21763" s="2">
        <v>7.6</v>
      </c>
      <c r="Z21763" s="2">
        <v>10.6</v>
      </c>
      <c r="AA21763" s="5"/>
      <c r="AB21763" s="5" t="s">
        <v>43</v>
      </c>
      <c r="AC21763" s="5" t="s">
        <v>44</v>
      </c>
      <c r="AD21763" s="2"/>
      <c r="AE21763" s="1"/>
    </row>
    <row r="21764" spans="1:31" ht="14.45">
      <c r="A21764" s="11"/>
      <c r="B21764" s="20"/>
      <c r="C21764" s="2" t="s">
        <v>70160</v>
      </c>
      <c r="D21764" s="14" t="s">
        <v>70161</v>
      </c>
      <c r="E21764" s="2" t="s">
        <v>70162</v>
      </c>
      <c r="F21764" s="2" t="s">
        <v>7611</v>
      </c>
      <c r="G21764" s="8">
        <v>121</v>
      </c>
      <c r="H21764" s="5">
        <v>6</v>
      </c>
      <c r="I21764" s="5" t="s">
        <v>1518</v>
      </c>
      <c r="J21764" s="5" t="s">
        <v>69038</v>
      </c>
      <c r="K21764" s="2" t="s">
        <v>69039</v>
      </c>
      <c r="L21764" s="5" t="s">
        <v>69038</v>
      </c>
      <c r="M21764" s="2" t="s">
        <v>69039</v>
      </c>
      <c r="N21764" s="5" t="s">
        <v>1521</v>
      </c>
      <c r="O21764" s="5" t="s">
        <v>38</v>
      </c>
      <c r="P21764" s="5" t="s">
        <v>39</v>
      </c>
      <c r="Q21764" s="5" t="s">
        <v>40</v>
      </c>
      <c r="R21764" s="5" t="s">
        <v>1522</v>
      </c>
      <c r="S21764" s="5" t="s">
        <v>1523</v>
      </c>
      <c r="T21764" s="5" t="s">
        <v>42</v>
      </c>
      <c r="U21764" s="2">
        <v>1.3380000000000001</v>
      </c>
      <c r="V21764" s="2">
        <v>1.046</v>
      </c>
      <c r="W21764" s="2">
        <v>7.0000000000000001E-3</v>
      </c>
      <c r="X21764" s="2">
        <v>82.9</v>
      </c>
      <c r="Y21764" s="2">
        <v>7.6</v>
      </c>
      <c r="Z21764" s="2">
        <v>10.6</v>
      </c>
      <c r="AA21764" s="5"/>
      <c r="AB21764" s="5" t="s">
        <v>43</v>
      </c>
      <c r="AC21764" s="5" t="s">
        <v>44</v>
      </c>
      <c r="AD21764" s="2"/>
      <c r="AE21764" s="1"/>
    </row>
    <row r="21765" spans="1:31" ht="14.45">
      <c r="A21765" s="11"/>
      <c r="B21765" s="20"/>
      <c r="C21765" s="2" t="s">
        <v>70163</v>
      </c>
      <c r="D21765" s="14" t="s">
        <v>70164</v>
      </c>
      <c r="E21765" s="2" t="s">
        <v>70165</v>
      </c>
      <c r="F21765" s="2" t="s">
        <v>7615</v>
      </c>
      <c r="G21765" s="8">
        <v>121</v>
      </c>
      <c r="H21765" s="5">
        <v>6</v>
      </c>
      <c r="I21765" s="5" t="s">
        <v>1518</v>
      </c>
      <c r="J21765" s="5" t="s">
        <v>69038</v>
      </c>
      <c r="K21765" s="2" t="s">
        <v>69039</v>
      </c>
      <c r="L21765" s="5" t="s">
        <v>69038</v>
      </c>
      <c r="M21765" s="2" t="s">
        <v>69039</v>
      </c>
      <c r="N21765" s="5" t="s">
        <v>1521</v>
      </c>
      <c r="O21765" s="5" t="s">
        <v>38</v>
      </c>
      <c r="P21765" s="5" t="s">
        <v>39</v>
      </c>
      <c r="Q21765" s="5" t="s">
        <v>40</v>
      </c>
      <c r="R21765" s="5" t="s">
        <v>1522</v>
      </c>
      <c r="S21765" s="5" t="s">
        <v>1523</v>
      </c>
      <c r="T21765" s="5" t="s">
        <v>42</v>
      </c>
      <c r="U21765" s="2">
        <v>1.2829999999999999</v>
      </c>
      <c r="V21765" s="2">
        <v>0.99099999999999999</v>
      </c>
      <c r="W21765" s="2">
        <v>7.0000000000000001E-3</v>
      </c>
      <c r="X21765" s="2">
        <v>82.9</v>
      </c>
      <c r="Y21765" s="2">
        <v>7.6</v>
      </c>
      <c r="Z21765" s="2">
        <v>10.6</v>
      </c>
      <c r="AA21765" s="5"/>
      <c r="AB21765" s="5" t="s">
        <v>43</v>
      </c>
      <c r="AC21765" s="5" t="s">
        <v>44</v>
      </c>
      <c r="AD21765" s="2"/>
      <c r="AE21765" s="1"/>
    </row>
    <row r="21766" spans="1:31" ht="14.45">
      <c r="A21766" s="11"/>
      <c r="B21766" s="20"/>
      <c r="C21766" s="2" t="s">
        <v>70166</v>
      </c>
      <c r="D21766" s="14" t="s">
        <v>70167</v>
      </c>
      <c r="E21766" s="2" t="s">
        <v>70168</v>
      </c>
      <c r="F21766" s="2" t="s">
        <v>7619</v>
      </c>
      <c r="G21766" s="8">
        <v>121</v>
      </c>
      <c r="H21766" s="5">
        <v>6</v>
      </c>
      <c r="I21766" s="5" t="s">
        <v>1518</v>
      </c>
      <c r="J21766" s="5" t="s">
        <v>69038</v>
      </c>
      <c r="K21766" s="2" t="s">
        <v>69039</v>
      </c>
      <c r="L21766" s="5" t="s">
        <v>69038</v>
      </c>
      <c r="M21766" s="2" t="s">
        <v>69039</v>
      </c>
      <c r="N21766" s="5" t="s">
        <v>1521</v>
      </c>
      <c r="O21766" s="5" t="s">
        <v>38</v>
      </c>
      <c r="P21766" s="5" t="s">
        <v>39</v>
      </c>
      <c r="Q21766" s="5" t="s">
        <v>40</v>
      </c>
      <c r="R21766" s="5" t="s">
        <v>1522</v>
      </c>
      <c r="S21766" s="5" t="s">
        <v>1523</v>
      </c>
      <c r="T21766" s="5" t="s">
        <v>42</v>
      </c>
      <c r="U21766" s="2">
        <v>1.3380000000000001</v>
      </c>
      <c r="V21766" s="2">
        <v>1.046</v>
      </c>
      <c r="W21766" s="2">
        <v>7.0000000000000001E-3</v>
      </c>
      <c r="X21766" s="2">
        <v>82.9</v>
      </c>
      <c r="Y21766" s="2">
        <v>7.6</v>
      </c>
      <c r="Z21766" s="2">
        <v>10.6</v>
      </c>
      <c r="AA21766" s="5"/>
      <c r="AB21766" s="5" t="s">
        <v>43</v>
      </c>
      <c r="AC21766" s="5" t="s">
        <v>44</v>
      </c>
      <c r="AD21766" s="2"/>
      <c r="AE21766" s="1"/>
    </row>
    <row r="21767" spans="1:31" ht="14.45">
      <c r="A21767" s="11"/>
      <c r="B21767" s="20"/>
      <c r="C21767" s="2" t="s">
        <v>70169</v>
      </c>
      <c r="D21767" s="14" t="s">
        <v>70170</v>
      </c>
      <c r="E21767" s="2" t="s">
        <v>70171</v>
      </c>
      <c r="F21767" s="2" t="s">
        <v>7410</v>
      </c>
      <c r="G21767" s="8">
        <v>121</v>
      </c>
      <c r="H21767" s="5">
        <v>6</v>
      </c>
      <c r="I21767" s="5" t="s">
        <v>1518</v>
      </c>
      <c r="J21767" s="5" t="s">
        <v>69038</v>
      </c>
      <c r="K21767" s="2" t="s">
        <v>69039</v>
      </c>
      <c r="L21767" s="5" t="s">
        <v>69038</v>
      </c>
      <c r="M21767" s="2" t="s">
        <v>69039</v>
      </c>
      <c r="N21767" s="5" t="s">
        <v>1521</v>
      </c>
      <c r="O21767" s="5" t="s">
        <v>38</v>
      </c>
      <c r="P21767" s="5" t="s">
        <v>39</v>
      </c>
      <c r="Q21767" s="5" t="s">
        <v>40</v>
      </c>
      <c r="R21767" s="5" t="s">
        <v>1522</v>
      </c>
      <c r="S21767" s="5" t="s">
        <v>1523</v>
      </c>
      <c r="T21767" s="5" t="s">
        <v>42</v>
      </c>
      <c r="U21767" s="2">
        <v>1.2829999999999999</v>
      </c>
      <c r="V21767" s="2">
        <v>0.99099999999999999</v>
      </c>
      <c r="W21767" s="2">
        <v>7.0000000000000001E-3</v>
      </c>
      <c r="X21767" s="2">
        <v>82.9</v>
      </c>
      <c r="Y21767" s="2">
        <v>7.6</v>
      </c>
      <c r="Z21767" s="2">
        <v>10.6</v>
      </c>
      <c r="AA21767" s="5"/>
      <c r="AB21767" s="5" t="s">
        <v>43</v>
      </c>
      <c r="AC21767" s="5" t="s">
        <v>44</v>
      </c>
      <c r="AD21767" s="2"/>
      <c r="AE21767" s="1"/>
    </row>
    <row r="21768" spans="1:31" ht="14.45">
      <c r="A21768" s="11"/>
      <c r="B21768" s="20"/>
      <c r="C21768" s="2" t="s">
        <v>70172</v>
      </c>
      <c r="D21768" s="14" t="s">
        <v>70173</v>
      </c>
      <c r="E21768" s="2" t="s">
        <v>70174</v>
      </c>
      <c r="F21768" s="2" t="s">
        <v>7604</v>
      </c>
      <c r="G21768" s="8">
        <v>121</v>
      </c>
      <c r="H21768" s="5">
        <v>6</v>
      </c>
      <c r="I21768" s="5" t="s">
        <v>1518</v>
      </c>
      <c r="J21768" s="5" t="s">
        <v>69038</v>
      </c>
      <c r="K21768" s="2" t="s">
        <v>69039</v>
      </c>
      <c r="L21768" s="5" t="s">
        <v>69038</v>
      </c>
      <c r="M21768" s="2" t="s">
        <v>69039</v>
      </c>
      <c r="N21768" s="5" t="s">
        <v>1521</v>
      </c>
      <c r="O21768" s="5" t="s">
        <v>38</v>
      </c>
      <c r="P21768" s="5" t="s">
        <v>39</v>
      </c>
      <c r="Q21768" s="5" t="s">
        <v>40</v>
      </c>
      <c r="R21768" s="5" t="s">
        <v>1522</v>
      </c>
      <c r="S21768" s="5" t="s">
        <v>1523</v>
      </c>
      <c r="T21768" s="5" t="s">
        <v>42</v>
      </c>
      <c r="U21768" s="2">
        <v>1.3380000000000001</v>
      </c>
      <c r="V21768" s="2">
        <v>1.046</v>
      </c>
      <c r="W21768" s="2">
        <v>7.0000000000000001E-3</v>
      </c>
      <c r="X21768" s="2">
        <v>82.9</v>
      </c>
      <c r="Y21768" s="2">
        <v>7.6</v>
      </c>
      <c r="Z21768" s="2">
        <v>10.6</v>
      </c>
      <c r="AA21768" s="5"/>
      <c r="AB21768" s="5" t="s">
        <v>43</v>
      </c>
      <c r="AC21768" s="5" t="s">
        <v>44</v>
      </c>
      <c r="AD21768" s="2"/>
      <c r="AE21768" s="1"/>
    </row>
    <row r="21769" spans="1:31" ht="14.45">
      <c r="A21769" s="11"/>
      <c r="B21769" s="20"/>
      <c r="C21769" s="2" t="s">
        <v>70175</v>
      </c>
      <c r="D21769" s="14" t="s">
        <v>70176</v>
      </c>
      <c r="E21769" s="2" t="s">
        <v>70177</v>
      </c>
      <c r="F21769" s="2" t="s">
        <v>7212</v>
      </c>
      <c r="G21769" s="8">
        <v>105</v>
      </c>
      <c r="H21769" s="5">
        <v>6</v>
      </c>
      <c r="I21769" s="5" t="s">
        <v>1518</v>
      </c>
      <c r="J21769" s="5" t="s">
        <v>69038</v>
      </c>
      <c r="K21769" s="2" t="s">
        <v>69039</v>
      </c>
      <c r="L21769" s="5" t="s">
        <v>69038</v>
      </c>
      <c r="M21769" s="2" t="s">
        <v>69039</v>
      </c>
      <c r="N21769" s="5" t="s">
        <v>1521</v>
      </c>
      <c r="O21769" s="5" t="s">
        <v>38</v>
      </c>
      <c r="P21769" s="5" t="s">
        <v>39</v>
      </c>
      <c r="Q21769" s="5" t="s">
        <v>40</v>
      </c>
      <c r="R21769" s="5" t="s">
        <v>1522</v>
      </c>
      <c r="S21769" s="5" t="s">
        <v>1523</v>
      </c>
      <c r="T21769" s="5" t="s">
        <v>42</v>
      </c>
      <c r="U21769" s="2">
        <v>1.2829999999999999</v>
      </c>
      <c r="V21769" s="2">
        <v>0.99099999999999999</v>
      </c>
      <c r="W21769" s="2">
        <v>7.0000000000000001E-3</v>
      </c>
      <c r="X21769" s="2">
        <v>82.9</v>
      </c>
      <c r="Y21769" s="2">
        <v>7.6</v>
      </c>
      <c r="Z21769" s="2">
        <v>10.6</v>
      </c>
      <c r="AA21769" s="5"/>
      <c r="AB21769" s="5" t="s">
        <v>43</v>
      </c>
      <c r="AC21769" s="5" t="s">
        <v>44</v>
      </c>
      <c r="AD21769" s="2"/>
      <c r="AE21769" s="1"/>
    </row>
    <row r="21770" spans="1:31" ht="14.45">
      <c r="A21770" s="11"/>
      <c r="B21770" s="20"/>
      <c r="C21770" s="2" t="s">
        <v>70178</v>
      </c>
      <c r="D21770" s="14" t="s">
        <v>70179</v>
      </c>
      <c r="E21770" s="2" t="s">
        <v>70180</v>
      </c>
      <c r="F21770" s="2" t="s">
        <v>7528</v>
      </c>
      <c r="G21770" s="8">
        <v>105</v>
      </c>
      <c r="H21770" s="5">
        <v>6</v>
      </c>
      <c r="I21770" s="5" t="s">
        <v>1518</v>
      </c>
      <c r="J21770" s="5" t="s">
        <v>69038</v>
      </c>
      <c r="K21770" s="2" t="s">
        <v>69039</v>
      </c>
      <c r="L21770" s="5" t="s">
        <v>69038</v>
      </c>
      <c r="M21770" s="2" t="s">
        <v>69039</v>
      </c>
      <c r="N21770" s="5" t="s">
        <v>1521</v>
      </c>
      <c r="O21770" s="5" t="s">
        <v>38</v>
      </c>
      <c r="P21770" s="5" t="s">
        <v>39</v>
      </c>
      <c r="Q21770" s="5" t="s">
        <v>40</v>
      </c>
      <c r="R21770" s="5" t="s">
        <v>1522</v>
      </c>
      <c r="S21770" s="5" t="s">
        <v>1523</v>
      </c>
      <c r="T21770" s="5" t="s">
        <v>42</v>
      </c>
      <c r="U21770" s="2">
        <v>1.3380000000000001</v>
      </c>
      <c r="V21770" s="2">
        <v>1.046</v>
      </c>
      <c r="W21770" s="2">
        <v>7.0000000000000001E-3</v>
      </c>
      <c r="X21770" s="2">
        <v>82.9</v>
      </c>
      <c r="Y21770" s="2">
        <v>7.6</v>
      </c>
      <c r="Z21770" s="2">
        <v>10.6</v>
      </c>
      <c r="AA21770" s="5"/>
      <c r="AB21770" s="5" t="s">
        <v>43</v>
      </c>
      <c r="AC21770" s="5" t="s">
        <v>44</v>
      </c>
      <c r="AD21770" s="2"/>
      <c r="AE21770" s="1"/>
    </row>
    <row r="21771" spans="1:31" ht="14.45">
      <c r="A21771" s="11"/>
      <c r="B21771" s="20"/>
      <c r="C21771" s="2" t="s">
        <v>70181</v>
      </c>
      <c r="D21771" s="14" t="s">
        <v>70182</v>
      </c>
      <c r="E21771" s="2" t="s">
        <v>70183</v>
      </c>
      <c r="F21771" s="2" t="s">
        <v>1863</v>
      </c>
      <c r="G21771" s="8">
        <v>121</v>
      </c>
      <c r="H21771" s="5">
        <v>6</v>
      </c>
      <c r="I21771" s="5" t="s">
        <v>1518</v>
      </c>
      <c r="J21771" s="5" t="s">
        <v>69038</v>
      </c>
      <c r="K21771" s="2" t="s">
        <v>69039</v>
      </c>
      <c r="L21771" s="5" t="s">
        <v>69038</v>
      </c>
      <c r="M21771" s="2" t="s">
        <v>69039</v>
      </c>
      <c r="N21771" s="5" t="s">
        <v>1521</v>
      </c>
      <c r="O21771" s="5" t="s">
        <v>38</v>
      </c>
      <c r="P21771" s="5" t="s">
        <v>39</v>
      </c>
      <c r="Q21771" s="5" t="s">
        <v>40</v>
      </c>
      <c r="R21771" s="5" t="s">
        <v>1522</v>
      </c>
      <c r="S21771" s="5" t="s">
        <v>1523</v>
      </c>
      <c r="T21771" s="5" t="s">
        <v>42</v>
      </c>
      <c r="U21771" s="2">
        <v>1.2829999999999999</v>
      </c>
      <c r="V21771" s="2">
        <v>0.99099999999999999</v>
      </c>
      <c r="W21771" s="2">
        <v>7.0000000000000001E-3</v>
      </c>
      <c r="X21771" s="2">
        <v>82.9</v>
      </c>
      <c r="Y21771" s="2">
        <v>7.6</v>
      </c>
      <c r="Z21771" s="2">
        <v>10.6</v>
      </c>
      <c r="AA21771" s="5"/>
      <c r="AB21771" s="5" t="s">
        <v>43</v>
      </c>
      <c r="AC21771" s="5" t="s">
        <v>44</v>
      </c>
      <c r="AD21771" s="2"/>
      <c r="AE21771" s="1"/>
    </row>
    <row r="21772" spans="1:31" ht="14.45">
      <c r="A21772" s="11"/>
      <c r="B21772" s="20"/>
      <c r="C21772" s="2" t="s">
        <v>70184</v>
      </c>
      <c r="D21772" s="14" t="s">
        <v>70185</v>
      </c>
      <c r="E21772" s="2" t="s">
        <v>70186</v>
      </c>
      <c r="F21772" s="2" t="s">
        <v>1867</v>
      </c>
      <c r="G21772" s="8">
        <v>121</v>
      </c>
      <c r="H21772" s="5">
        <v>6</v>
      </c>
      <c r="I21772" s="5" t="s">
        <v>1518</v>
      </c>
      <c r="J21772" s="5" t="s">
        <v>69038</v>
      </c>
      <c r="K21772" s="2" t="s">
        <v>69039</v>
      </c>
      <c r="L21772" s="5" t="s">
        <v>69038</v>
      </c>
      <c r="M21772" s="2" t="s">
        <v>69039</v>
      </c>
      <c r="N21772" s="5" t="s">
        <v>1521</v>
      </c>
      <c r="O21772" s="5" t="s">
        <v>38</v>
      </c>
      <c r="P21772" s="5" t="s">
        <v>39</v>
      </c>
      <c r="Q21772" s="5" t="s">
        <v>40</v>
      </c>
      <c r="R21772" s="5" t="s">
        <v>1522</v>
      </c>
      <c r="S21772" s="5" t="s">
        <v>1523</v>
      </c>
      <c r="T21772" s="5" t="s">
        <v>42</v>
      </c>
      <c r="U21772" s="2">
        <v>1.3380000000000001</v>
      </c>
      <c r="V21772" s="2">
        <v>1.046</v>
      </c>
      <c r="W21772" s="2">
        <v>7.0000000000000001E-3</v>
      </c>
      <c r="X21772" s="2">
        <v>82.9</v>
      </c>
      <c r="Y21772" s="2">
        <v>7.6</v>
      </c>
      <c r="Z21772" s="2">
        <v>10.6</v>
      </c>
      <c r="AA21772" s="5"/>
      <c r="AB21772" s="5" t="s">
        <v>43</v>
      </c>
      <c r="AC21772" s="5" t="s">
        <v>44</v>
      </c>
      <c r="AD21772" s="2"/>
      <c r="AE21772" s="1"/>
    </row>
    <row r="21773" spans="1:31" ht="14.45">
      <c r="A21773" s="11"/>
      <c r="B21773" s="20"/>
      <c r="C21773" s="2" t="s">
        <v>70187</v>
      </c>
      <c r="D21773" s="14" t="s">
        <v>70188</v>
      </c>
      <c r="E21773" s="2" t="s">
        <v>70189</v>
      </c>
      <c r="F21773" s="2" t="s">
        <v>7204</v>
      </c>
      <c r="G21773" s="8">
        <v>114</v>
      </c>
      <c r="H21773" s="5">
        <v>6</v>
      </c>
      <c r="I21773" s="5" t="s">
        <v>1518</v>
      </c>
      <c r="J21773" s="5" t="s">
        <v>69038</v>
      </c>
      <c r="K21773" s="2" t="s">
        <v>69039</v>
      </c>
      <c r="L21773" s="5" t="s">
        <v>69038</v>
      </c>
      <c r="M21773" s="2" t="s">
        <v>69039</v>
      </c>
      <c r="N21773" s="5" t="s">
        <v>1521</v>
      </c>
      <c r="O21773" s="5" t="s">
        <v>38</v>
      </c>
      <c r="P21773" s="5" t="s">
        <v>39</v>
      </c>
      <c r="Q21773" s="5" t="s">
        <v>40</v>
      </c>
      <c r="R21773" s="5" t="s">
        <v>1522</v>
      </c>
      <c r="S21773" s="5" t="s">
        <v>1523</v>
      </c>
      <c r="T21773" s="5" t="s">
        <v>42</v>
      </c>
      <c r="U21773" s="2">
        <v>1.446</v>
      </c>
      <c r="V21773" s="2">
        <v>1.0960000000000001</v>
      </c>
      <c r="W21773" s="2">
        <v>0.01</v>
      </c>
      <c r="X21773" s="2">
        <v>118.9</v>
      </c>
      <c r="Y21773" s="2">
        <v>7.6</v>
      </c>
      <c r="Z21773" s="2">
        <v>10.6</v>
      </c>
      <c r="AA21773" s="5"/>
      <c r="AB21773" s="5" t="s">
        <v>43</v>
      </c>
      <c r="AC21773" s="5" t="s">
        <v>44</v>
      </c>
      <c r="AD21773" s="2"/>
      <c r="AE21773" s="1"/>
    </row>
    <row r="21774" spans="1:31" ht="14.45">
      <c r="A21774" s="11"/>
      <c r="B21774" s="20"/>
      <c r="C21774" s="2" t="s">
        <v>70190</v>
      </c>
      <c r="D21774" s="14" t="s">
        <v>70191</v>
      </c>
      <c r="E21774" s="2" t="s">
        <v>70192</v>
      </c>
      <c r="F21774" s="2" t="s">
        <v>7514</v>
      </c>
      <c r="G21774" s="8">
        <v>114</v>
      </c>
      <c r="H21774" s="5">
        <v>6</v>
      </c>
      <c r="I21774" s="5" t="s">
        <v>1518</v>
      </c>
      <c r="J21774" s="5" t="s">
        <v>69038</v>
      </c>
      <c r="K21774" s="2" t="s">
        <v>69039</v>
      </c>
      <c r="L21774" s="5" t="s">
        <v>69038</v>
      </c>
      <c r="M21774" s="2" t="s">
        <v>69039</v>
      </c>
      <c r="N21774" s="5" t="s">
        <v>1521</v>
      </c>
      <c r="O21774" s="5" t="s">
        <v>38</v>
      </c>
      <c r="P21774" s="5" t="s">
        <v>39</v>
      </c>
      <c r="Q21774" s="5" t="s">
        <v>40</v>
      </c>
      <c r="R21774" s="5" t="s">
        <v>1522</v>
      </c>
      <c r="S21774" s="5" t="s">
        <v>1523</v>
      </c>
      <c r="T21774" s="5" t="s">
        <v>42</v>
      </c>
      <c r="U21774" s="2">
        <v>1.5109999999999999</v>
      </c>
      <c r="V21774" s="2">
        <v>1.161</v>
      </c>
      <c r="W21774" s="2">
        <v>0.01</v>
      </c>
      <c r="X21774" s="2">
        <v>118.9</v>
      </c>
      <c r="Y21774" s="2">
        <v>7.6</v>
      </c>
      <c r="Z21774" s="2">
        <v>10.6</v>
      </c>
      <c r="AA21774" s="5"/>
      <c r="AB21774" s="5" t="s">
        <v>43</v>
      </c>
      <c r="AC21774" s="5" t="s">
        <v>44</v>
      </c>
      <c r="AD21774" s="2"/>
      <c r="AE21774" s="1"/>
    </row>
    <row r="21775" spans="1:31" ht="14.45">
      <c r="A21775" s="11"/>
      <c r="B21775" s="20"/>
      <c r="C21775" s="2" t="s">
        <v>70193</v>
      </c>
      <c r="D21775" s="14" t="s">
        <v>70194</v>
      </c>
      <c r="E21775" s="2" t="s">
        <v>70195</v>
      </c>
      <c r="F21775" s="2" t="s">
        <v>7208</v>
      </c>
      <c r="G21775" s="8">
        <v>114</v>
      </c>
      <c r="H21775" s="5">
        <v>6</v>
      </c>
      <c r="I21775" s="5" t="s">
        <v>1518</v>
      </c>
      <c r="J21775" s="5" t="s">
        <v>69038</v>
      </c>
      <c r="K21775" s="2" t="s">
        <v>69039</v>
      </c>
      <c r="L21775" s="5" t="s">
        <v>69038</v>
      </c>
      <c r="M21775" s="2" t="s">
        <v>69039</v>
      </c>
      <c r="N21775" s="5" t="s">
        <v>1521</v>
      </c>
      <c r="O21775" s="5" t="s">
        <v>38</v>
      </c>
      <c r="P21775" s="5" t="s">
        <v>39</v>
      </c>
      <c r="Q21775" s="5" t="s">
        <v>40</v>
      </c>
      <c r="R21775" s="5" t="s">
        <v>1522</v>
      </c>
      <c r="S21775" s="5" t="s">
        <v>1523</v>
      </c>
      <c r="T21775" s="5" t="s">
        <v>42</v>
      </c>
      <c r="U21775" s="2">
        <v>1.446</v>
      </c>
      <c r="V21775" s="2">
        <v>1.0960000000000001</v>
      </c>
      <c r="W21775" s="2">
        <v>0.01</v>
      </c>
      <c r="X21775" s="2">
        <v>118.9</v>
      </c>
      <c r="Y21775" s="2">
        <v>7.6</v>
      </c>
      <c r="Z21775" s="2">
        <v>10.6</v>
      </c>
      <c r="AA21775" s="5"/>
      <c r="AB21775" s="5" t="s">
        <v>43</v>
      </c>
      <c r="AC21775" s="5" t="s">
        <v>44</v>
      </c>
      <c r="AD21775" s="2"/>
      <c r="AE21775" s="1"/>
    </row>
    <row r="21776" spans="1:31" ht="14.45">
      <c r="A21776" s="11"/>
      <c r="B21776" s="20"/>
      <c r="C21776" s="2" t="s">
        <v>70196</v>
      </c>
      <c r="D21776" s="14" t="s">
        <v>70197</v>
      </c>
      <c r="E21776" s="2" t="s">
        <v>70198</v>
      </c>
      <c r="F21776" s="2" t="s">
        <v>7521</v>
      </c>
      <c r="G21776" s="8">
        <v>114</v>
      </c>
      <c r="H21776" s="5">
        <v>6</v>
      </c>
      <c r="I21776" s="5" t="s">
        <v>1518</v>
      </c>
      <c r="J21776" s="5" t="s">
        <v>69038</v>
      </c>
      <c r="K21776" s="2" t="s">
        <v>69039</v>
      </c>
      <c r="L21776" s="5" t="s">
        <v>69038</v>
      </c>
      <c r="M21776" s="2" t="s">
        <v>69039</v>
      </c>
      <c r="N21776" s="5" t="s">
        <v>1521</v>
      </c>
      <c r="O21776" s="5" t="s">
        <v>38</v>
      </c>
      <c r="P21776" s="5" t="s">
        <v>39</v>
      </c>
      <c r="Q21776" s="5" t="s">
        <v>40</v>
      </c>
      <c r="R21776" s="5" t="s">
        <v>1522</v>
      </c>
      <c r="S21776" s="5" t="s">
        <v>1523</v>
      </c>
      <c r="T21776" s="5" t="s">
        <v>42</v>
      </c>
      <c r="U21776" s="2">
        <v>1.5109999999999999</v>
      </c>
      <c r="V21776" s="2">
        <v>1.161</v>
      </c>
      <c r="W21776" s="2">
        <v>0.01</v>
      </c>
      <c r="X21776" s="2">
        <v>118.9</v>
      </c>
      <c r="Y21776" s="2">
        <v>7.6</v>
      </c>
      <c r="Z21776" s="2">
        <v>10.6</v>
      </c>
      <c r="AA21776" s="5"/>
      <c r="AB21776" s="5" t="s">
        <v>43</v>
      </c>
      <c r="AC21776" s="5" t="s">
        <v>44</v>
      </c>
      <c r="AD21776" s="2"/>
      <c r="AE21776" s="1"/>
    </row>
    <row r="21777" spans="1:31" ht="14.45">
      <c r="A21777" s="11"/>
      <c r="B21777" s="20"/>
      <c r="C21777" s="2" t="s">
        <v>70199</v>
      </c>
      <c r="D21777" s="14" t="s">
        <v>70200</v>
      </c>
      <c r="E21777" s="2" t="s">
        <v>70201</v>
      </c>
      <c r="F21777" s="2" t="s">
        <v>7406</v>
      </c>
      <c r="G21777" s="8">
        <v>131</v>
      </c>
      <c r="H21777" s="5">
        <v>6</v>
      </c>
      <c r="I21777" s="5" t="s">
        <v>1518</v>
      </c>
      <c r="J21777" s="5" t="s">
        <v>69038</v>
      </c>
      <c r="K21777" s="2" t="s">
        <v>69039</v>
      </c>
      <c r="L21777" s="5" t="s">
        <v>69038</v>
      </c>
      <c r="M21777" s="2" t="s">
        <v>69039</v>
      </c>
      <c r="N21777" s="5" t="s">
        <v>1521</v>
      </c>
      <c r="O21777" s="5" t="s">
        <v>38</v>
      </c>
      <c r="P21777" s="5" t="s">
        <v>39</v>
      </c>
      <c r="Q21777" s="5" t="s">
        <v>40</v>
      </c>
      <c r="R21777" s="5" t="s">
        <v>1522</v>
      </c>
      <c r="S21777" s="5" t="s">
        <v>1523</v>
      </c>
      <c r="T21777" s="5" t="s">
        <v>42</v>
      </c>
      <c r="U21777" s="2">
        <v>1.446</v>
      </c>
      <c r="V21777" s="2">
        <v>1.0960000000000001</v>
      </c>
      <c r="W21777" s="2">
        <v>0.01</v>
      </c>
      <c r="X21777" s="2">
        <v>118.9</v>
      </c>
      <c r="Y21777" s="2">
        <v>7.6</v>
      </c>
      <c r="Z21777" s="2">
        <v>10.6</v>
      </c>
      <c r="AA21777" s="5"/>
      <c r="AB21777" s="5" t="s">
        <v>43</v>
      </c>
      <c r="AC21777" s="5" t="s">
        <v>44</v>
      </c>
      <c r="AD21777" s="2"/>
      <c r="AE21777" s="1"/>
    </row>
    <row r="21778" spans="1:31" ht="14.45">
      <c r="A21778" s="11"/>
      <c r="B21778" s="20"/>
      <c r="C21778" s="2" t="s">
        <v>70202</v>
      </c>
      <c r="D21778" s="14" t="s">
        <v>70203</v>
      </c>
      <c r="E21778" s="2" t="s">
        <v>70204</v>
      </c>
      <c r="F21778" s="2" t="s">
        <v>7535</v>
      </c>
      <c r="G21778" s="8">
        <v>131</v>
      </c>
      <c r="H21778" s="5">
        <v>6</v>
      </c>
      <c r="I21778" s="5" t="s">
        <v>1518</v>
      </c>
      <c r="J21778" s="5" t="s">
        <v>69038</v>
      </c>
      <c r="K21778" s="2" t="s">
        <v>69039</v>
      </c>
      <c r="L21778" s="5" t="s">
        <v>69038</v>
      </c>
      <c r="M21778" s="2" t="s">
        <v>69039</v>
      </c>
      <c r="N21778" s="5" t="s">
        <v>1521</v>
      </c>
      <c r="O21778" s="5" t="s">
        <v>38</v>
      </c>
      <c r="P21778" s="5" t="s">
        <v>39</v>
      </c>
      <c r="Q21778" s="5" t="s">
        <v>40</v>
      </c>
      <c r="R21778" s="5" t="s">
        <v>1522</v>
      </c>
      <c r="S21778" s="5" t="s">
        <v>1523</v>
      </c>
      <c r="T21778" s="5" t="s">
        <v>42</v>
      </c>
      <c r="U21778" s="2">
        <v>1.5109999999999999</v>
      </c>
      <c r="V21778" s="2">
        <v>1.161</v>
      </c>
      <c r="W21778" s="2">
        <v>0.01</v>
      </c>
      <c r="X21778" s="2">
        <v>118.9</v>
      </c>
      <c r="Y21778" s="2">
        <v>7.6</v>
      </c>
      <c r="Z21778" s="2">
        <v>10.6</v>
      </c>
      <c r="AA21778" s="5"/>
      <c r="AB21778" s="5" t="s">
        <v>43</v>
      </c>
      <c r="AC21778" s="5" t="s">
        <v>44</v>
      </c>
      <c r="AD21778" s="2"/>
      <c r="AE21778" s="1"/>
    </row>
    <row r="21779" spans="1:31" ht="14.45">
      <c r="A21779" s="11"/>
      <c r="B21779" s="20"/>
      <c r="C21779" s="2" t="s">
        <v>70205</v>
      </c>
      <c r="D21779" s="14" t="s">
        <v>70206</v>
      </c>
      <c r="E21779" s="2" t="s">
        <v>70207</v>
      </c>
      <c r="F21779" s="2" t="s">
        <v>7539</v>
      </c>
      <c r="G21779" s="8">
        <v>131</v>
      </c>
      <c r="H21779" s="5">
        <v>6</v>
      </c>
      <c r="I21779" s="5" t="s">
        <v>1518</v>
      </c>
      <c r="J21779" s="5" t="s">
        <v>69038</v>
      </c>
      <c r="K21779" s="2" t="s">
        <v>69039</v>
      </c>
      <c r="L21779" s="5" t="s">
        <v>69038</v>
      </c>
      <c r="M21779" s="2" t="s">
        <v>69039</v>
      </c>
      <c r="N21779" s="5" t="s">
        <v>1521</v>
      </c>
      <c r="O21779" s="5" t="s">
        <v>38</v>
      </c>
      <c r="P21779" s="5" t="s">
        <v>39</v>
      </c>
      <c r="Q21779" s="5" t="s">
        <v>40</v>
      </c>
      <c r="R21779" s="5" t="s">
        <v>1522</v>
      </c>
      <c r="S21779" s="5" t="s">
        <v>1523</v>
      </c>
      <c r="T21779" s="5" t="s">
        <v>42</v>
      </c>
      <c r="U21779" s="2">
        <v>1.446</v>
      </c>
      <c r="V21779" s="2">
        <v>1.0960000000000001</v>
      </c>
      <c r="W21779" s="2">
        <v>0.01</v>
      </c>
      <c r="X21779" s="2">
        <v>118.9</v>
      </c>
      <c r="Y21779" s="2">
        <v>7.6</v>
      </c>
      <c r="Z21779" s="2">
        <v>10.6</v>
      </c>
      <c r="AA21779" s="5"/>
      <c r="AB21779" s="5" t="s">
        <v>43</v>
      </c>
      <c r="AC21779" s="5" t="s">
        <v>44</v>
      </c>
      <c r="AD21779" s="2"/>
      <c r="AE21779" s="1"/>
    </row>
    <row r="21780" spans="1:31" ht="14.45">
      <c r="A21780" s="11"/>
      <c r="B21780" s="20"/>
      <c r="C21780" s="2" t="s">
        <v>70208</v>
      </c>
      <c r="D21780" s="14" t="s">
        <v>70209</v>
      </c>
      <c r="E21780" s="2" t="s">
        <v>70210</v>
      </c>
      <c r="F21780" s="2" t="s">
        <v>7543</v>
      </c>
      <c r="G21780" s="8">
        <v>131</v>
      </c>
      <c r="H21780" s="5">
        <v>6</v>
      </c>
      <c r="I21780" s="5" t="s">
        <v>1518</v>
      </c>
      <c r="J21780" s="5" t="s">
        <v>69038</v>
      </c>
      <c r="K21780" s="2" t="s">
        <v>69039</v>
      </c>
      <c r="L21780" s="5" t="s">
        <v>69038</v>
      </c>
      <c r="M21780" s="2" t="s">
        <v>69039</v>
      </c>
      <c r="N21780" s="5" t="s">
        <v>1521</v>
      </c>
      <c r="O21780" s="5" t="s">
        <v>38</v>
      </c>
      <c r="P21780" s="5" t="s">
        <v>39</v>
      </c>
      <c r="Q21780" s="5" t="s">
        <v>40</v>
      </c>
      <c r="R21780" s="5" t="s">
        <v>1522</v>
      </c>
      <c r="S21780" s="5" t="s">
        <v>1523</v>
      </c>
      <c r="T21780" s="5" t="s">
        <v>42</v>
      </c>
      <c r="U21780" s="2">
        <v>1.5109999999999999</v>
      </c>
      <c r="V21780" s="2">
        <v>1.161</v>
      </c>
      <c r="W21780" s="2">
        <v>0.01</v>
      </c>
      <c r="X21780" s="2">
        <v>118.9</v>
      </c>
      <c r="Y21780" s="2">
        <v>7.6</v>
      </c>
      <c r="Z21780" s="2">
        <v>10.6</v>
      </c>
      <c r="AA21780" s="5"/>
      <c r="AB21780" s="5" t="s">
        <v>43</v>
      </c>
      <c r="AC21780" s="5" t="s">
        <v>44</v>
      </c>
      <c r="AD21780" s="2"/>
      <c r="AE21780" s="1"/>
    </row>
    <row r="21781" spans="1:31" ht="14.45">
      <c r="A21781" s="11"/>
      <c r="B21781" s="20"/>
      <c r="C21781" s="2" t="s">
        <v>70211</v>
      </c>
      <c r="D21781" s="14" t="s">
        <v>70212</v>
      </c>
      <c r="E21781" s="2" t="s">
        <v>70213</v>
      </c>
      <c r="F21781" s="2" t="s">
        <v>7396</v>
      </c>
      <c r="G21781" s="8">
        <v>114</v>
      </c>
      <c r="H21781" s="5">
        <v>6</v>
      </c>
      <c r="I21781" s="5" t="s">
        <v>1518</v>
      </c>
      <c r="J21781" s="5" t="s">
        <v>69038</v>
      </c>
      <c r="K21781" s="2" t="s">
        <v>69039</v>
      </c>
      <c r="L21781" s="5" t="s">
        <v>69038</v>
      </c>
      <c r="M21781" s="2" t="s">
        <v>69039</v>
      </c>
      <c r="N21781" s="5" t="s">
        <v>1521</v>
      </c>
      <c r="O21781" s="5" t="s">
        <v>38</v>
      </c>
      <c r="P21781" s="5" t="s">
        <v>39</v>
      </c>
      <c r="Q21781" s="5" t="s">
        <v>40</v>
      </c>
      <c r="R21781" s="5" t="s">
        <v>1522</v>
      </c>
      <c r="S21781" s="5" t="s">
        <v>1523</v>
      </c>
      <c r="T21781" s="5" t="s">
        <v>42</v>
      </c>
      <c r="U21781" s="2">
        <v>1.446</v>
      </c>
      <c r="V21781" s="2">
        <v>1.0960000000000001</v>
      </c>
      <c r="W21781" s="2">
        <v>0.01</v>
      </c>
      <c r="X21781" s="2">
        <v>118.9</v>
      </c>
      <c r="Y21781" s="2">
        <v>7.6</v>
      </c>
      <c r="Z21781" s="2">
        <v>10.6</v>
      </c>
      <c r="AA21781" s="5"/>
      <c r="AB21781" s="5" t="s">
        <v>43</v>
      </c>
      <c r="AC21781" s="5" t="s">
        <v>44</v>
      </c>
      <c r="AD21781" s="2"/>
      <c r="AE21781" s="1"/>
    </row>
    <row r="21782" spans="1:31" ht="14.45">
      <c r="A21782" s="11"/>
      <c r="B21782" s="20"/>
      <c r="C21782" s="2" t="s">
        <v>70214</v>
      </c>
      <c r="D21782" s="14" t="s">
        <v>70215</v>
      </c>
      <c r="E21782" s="2" t="s">
        <v>70216</v>
      </c>
      <c r="F21782" s="2" t="s">
        <v>69112</v>
      </c>
      <c r="G21782" s="8">
        <v>114</v>
      </c>
      <c r="H21782" s="5">
        <v>6</v>
      </c>
      <c r="I21782" s="5" t="s">
        <v>1518</v>
      </c>
      <c r="J21782" s="5" t="s">
        <v>69038</v>
      </c>
      <c r="K21782" s="2" t="s">
        <v>69039</v>
      </c>
      <c r="L21782" s="5" t="s">
        <v>69038</v>
      </c>
      <c r="M21782" s="2" t="s">
        <v>69039</v>
      </c>
      <c r="N21782" s="5" t="s">
        <v>1521</v>
      </c>
      <c r="O21782" s="5" t="s">
        <v>38</v>
      </c>
      <c r="P21782" s="5" t="s">
        <v>39</v>
      </c>
      <c r="Q21782" s="5" t="s">
        <v>40</v>
      </c>
      <c r="R21782" s="5" t="s">
        <v>1522</v>
      </c>
      <c r="S21782" s="5" t="s">
        <v>1523</v>
      </c>
      <c r="T21782" s="5" t="s">
        <v>42</v>
      </c>
      <c r="U21782" s="2">
        <v>1.5109999999999999</v>
      </c>
      <c r="V21782" s="2">
        <v>1.161</v>
      </c>
      <c r="W21782" s="2">
        <v>0.01</v>
      </c>
      <c r="X21782" s="2">
        <v>118.9</v>
      </c>
      <c r="Y21782" s="2">
        <v>7.6</v>
      </c>
      <c r="Z21782" s="2">
        <v>10.6</v>
      </c>
      <c r="AA21782" s="5"/>
      <c r="AB21782" s="5" t="s">
        <v>43</v>
      </c>
      <c r="AC21782" s="5" t="s">
        <v>44</v>
      </c>
      <c r="AD21782" s="2"/>
      <c r="AE21782" s="1"/>
    </row>
    <row r="21783" spans="1:31" ht="14.45">
      <c r="A21783" s="11"/>
      <c r="B21783" s="20"/>
      <c r="C21783" s="2" t="s">
        <v>70217</v>
      </c>
      <c r="D21783" s="14" t="s">
        <v>70218</v>
      </c>
      <c r="E21783" s="2" t="s">
        <v>70219</v>
      </c>
      <c r="F21783" s="2" t="s">
        <v>7547</v>
      </c>
      <c r="G21783" s="8">
        <v>131</v>
      </c>
      <c r="H21783" s="5">
        <v>6</v>
      </c>
      <c r="I21783" s="5" t="s">
        <v>1518</v>
      </c>
      <c r="J21783" s="5" t="s">
        <v>69038</v>
      </c>
      <c r="K21783" s="2" t="s">
        <v>69039</v>
      </c>
      <c r="L21783" s="5" t="s">
        <v>69038</v>
      </c>
      <c r="M21783" s="2" t="s">
        <v>69039</v>
      </c>
      <c r="N21783" s="5" t="s">
        <v>1521</v>
      </c>
      <c r="O21783" s="5" t="s">
        <v>38</v>
      </c>
      <c r="P21783" s="5" t="s">
        <v>39</v>
      </c>
      <c r="Q21783" s="5" t="s">
        <v>40</v>
      </c>
      <c r="R21783" s="5" t="s">
        <v>1522</v>
      </c>
      <c r="S21783" s="5" t="s">
        <v>1523</v>
      </c>
      <c r="T21783" s="5" t="s">
        <v>42</v>
      </c>
      <c r="U21783" s="2">
        <v>1.446</v>
      </c>
      <c r="V21783" s="2">
        <v>1.0960000000000001</v>
      </c>
      <c r="W21783" s="2">
        <v>0.01</v>
      </c>
      <c r="X21783" s="2">
        <v>118.9</v>
      </c>
      <c r="Y21783" s="2">
        <v>7.6</v>
      </c>
      <c r="Z21783" s="2">
        <v>10.6</v>
      </c>
      <c r="AA21783" s="5"/>
      <c r="AB21783" s="5" t="s">
        <v>43</v>
      </c>
      <c r="AC21783" s="5" t="s">
        <v>44</v>
      </c>
      <c r="AD21783" s="2"/>
      <c r="AE21783" s="1"/>
    </row>
    <row r="21784" spans="1:31" ht="14.45">
      <c r="A21784" s="11"/>
      <c r="B21784" s="20"/>
      <c r="C21784" s="2" t="s">
        <v>70220</v>
      </c>
      <c r="D21784" s="14" t="s">
        <v>70221</v>
      </c>
      <c r="E21784" s="2" t="s">
        <v>70222</v>
      </c>
      <c r="F21784" s="2" t="s">
        <v>7551</v>
      </c>
      <c r="G21784" s="8">
        <v>131</v>
      </c>
      <c r="H21784" s="5">
        <v>6</v>
      </c>
      <c r="I21784" s="5" t="s">
        <v>1518</v>
      </c>
      <c r="J21784" s="5" t="s">
        <v>69038</v>
      </c>
      <c r="K21784" s="2" t="s">
        <v>69039</v>
      </c>
      <c r="L21784" s="5" t="s">
        <v>69038</v>
      </c>
      <c r="M21784" s="2" t="s">
        <v>69039</v>
      </c>
      <c r="N21784" s="5" t="s">
        <v>1521</v>
      </c>
      <c r="O21784" s="5" t="s">
        <v>38</v>
      </c>
      <c r="P21784" s="5" t="s">
        <v>39</v>
      </c>
      <c r="Q21784" s="5" t="s">
        <v>40</v>
      </c>
      <c r="R21784" s="5" t="s">
        <v>1522</v>
      </c>
      <c r="S21784" s="5" t="s">
        <v>1523</v>
      </c>
      <c r="T21784" s="5" t="s">
        <v>42</v>
      </c>
      <c r="U21784" s="2">
        <v>1.5109999999999999</v>
      </c>
      <c r="V21784" s="2">
        <v>1.161</v>
      </c>
      <c r="W21784" s="2">
        <v>0.01</v>
      </c>
      <c r="X21784" s="2">
        <v>118.9</v>
      </c>
      <c r="Y21784" s="2">
        <v>7.6</v>
      </c>
      <c r="Z21784" s="2">
        <v>10.6</v>
      </c>
      <c r="AA21784" s="5"/>
      <c r="AB21784" s="5" t="s">
        <v>43</v>
      </c>
      <c r="AC21784" s="5" t="s">
        <v>44</v>
      </c>
      <c r="AD21784" s="2"/>
      <c r="AE21784" s="1"/>
    </row>
    <row r="21785" spans="1:31" ht="14.45">
      <c r="A21785" s="11"/>
      <c r="B21785" s="20"/>
      <c r="C21785" s="2" t="s">
        <v>70223</v>
      </c>
      <c r="D21785" s="14" t="s">
        <v>70224</v>
      </c>
      <c r="E21785" s="2" t="s">
        <v>70225</v>
      </c>
      <c r="F21785" s="2" t="s">
        <v>7563</v>
      </c>
      <c r="G21785" s="8">
        <v>131</v>
      </c>
      <c r="H21785" s="5">
        <v>6</v>
      </c>
      <c r="I21785" s="5" t="s">
        <v>1518</v>
      </c>
      <c r="J21785" s="5" t="s">
        <v>69038</v>
      </c>
      <c r="K21785" s="2" t="s">
        <v>69039</v>
      </c>
      <c r="L21785" s="5" t="s">
        <v>69038</v>
      </c>
      <c r="M21785" s="2" t="s">
        <v>69039</v>
      </c>
      <c r="N21785" s="5" t="s">
        <v>1521</v>
      </c>
      <c r="O21785" s="5" t="s">
        <v>38</v>
      </c>
      <c r="P21785" s="5" t="s">
        <v>39</v>
      </c>
      <c r="Q21785" s="5" t="s">
        <v>40</v>
      </c>
      <c r="R21785" s="5" t="s">
        <v>1522</v>
      </c>
      <c r="S21785" s="5" t="s">
        <v>1523</v>
      </c>
      <c r="T21785" s="5" t="s">
        <v>42</v>
      </c>
      <c r="U21785" s="2">
        <v>1.446</v>
      </c>
      <c r="V21785" s="2">
        <v>1.0960000000000001</v>
      </c>
      <c r="W21785" s="2">
        <v>0.01</v>
      </c>
      <c r="X21785" s="2">
        <v>118.9</v>
      </c>
      <c r="Y21785" s="2">
        <v>7.6</v>
      </c>
      <c r="Z21785" s="2">
        <v>10.6</v>
      </c>
      <c r="AA21785" s="5"/>
      <c r="AB21785" s="5" t="s">
        <v>43</v>
      </c>
      <c r="AC21785" s="5" t="s">
        <v>44</v>
      </c>
      <c r="AD21785" s="2"/>
      <c r="AE21785" s="1"/>
    </row>
    <row r="21786" spans="1:31" ht="14.45">
      <c r="A21786" s="11"/>
      <c r="B21786" s="20"/>
      <c r="C21786" s="2" t="s">
        <v>70226</v>
      </c>
      <c r="D21786" s="14" t="s">
        <v>70227</v>
      </c>
      <c r="E21786" s="2" t="s">
        <v>70228</v>
      </c>
      <c r="F21786" s="2" t="s">
        <v>7567</v>
      </c>
      <c r="G21786" s="8">
        <v>131</v>
      </c>
      <c r="H21786" s="5">
        <v>6</v>
      </c>
      <c r="I21786" s="5" t="s">
        <v>1518</v>
      </c>
      <c r="J21786" s="5" t="s">
        <v>69038</v>
      </c>
      <c r="K21786" s="2" t="s">
        <v>69039</v>
      </c>
      <c r="L21786" s="5" t="s">
        <v>69038</v>
      </c>
      <c r="M21786" s="2" t="s">
        <v>69039</v>
      </c>
      <c r="N21786" s="5" t="s">
        <v>1521</v>
      </c>
      <c r="O21786" s="5" t="s">
        <v>38</v>
      </c>
      <c r="P21786" s="5" t="s">
        <v>39</v>
      </c>
      <c r="Q21786" s="5" t="s">
        <v>40</v>
      </c>
      <c r="R21786" s="5" t="s">
        <v>1522</v>
      </c>
      <c r="S21786" s="5" t="s">
        <v>1523</v>
      </c>
      <c r="T21786" s="5" t="s">
        <v>42</v>
      </c>
      <c r="U21786" s="2">
        <v>1.5109999999999999</v>
      </c>
      <c r="V21786" s="2">
        <v>1.161</v>
      </c>
      <c r="W21786" s="2">
        <v>0.01</v>
      </c>
      <c r="X21786" s="2">
        <v>118.9</v>
      </c>
      <c r="Y21786" s="2">
        <v>7.6</v>
      </c>
      <c r="Z21786" s="2">
        <v>10.6</v>
      </c>
      <c r="AA21786" s="5"/>
      <c r="AB21786" s="5" t="s">
        <v>43</v>
      </c>
      <c r="AC21786" s="5" t="s">
        <v>44</v>
      </c>
      <c r="AD21786" s="2"/>
      <c r="AE21786" s="1"/>
    </row>
    <row r="21787" spans="1:31" ht="14.45">
      <c r="A21787" s="11"/>
      <c r="B21787" s="20"/>
      <c r="C21787" s="2" t="s">
        <v>70229</v>
      </c>
      <c r="D21787" s="14" t="s">
        <v>70230</v>
      </c>
      <c r="E21787" s="2" t="s">
        <v>70231</v>
      </c>
      <c r="F21787" s="2" t="s">
        <v>7555</v>
      </c>
      <c r="G21787" s="8">
        <v>131</v>
      </c>
      <c r="H21787" s="5">
        <v>6</v>
      </c>
      <c r="I21787" s="5" t="s">
        <v>1518</v>
      </c>
      <c r="J21787" s="5" t="s">
        <v>69038</v>
      </c>
      <c r="K21787" s="2" t="s">
        <v>69039</v>
      </c>
      <c r="L21787" s="5" t="s">
        <v>69038</v>
      </c>
      <c r="M21787" s="2" t="s">
        <v>69039</v>
      </c>
      <c r="N21787" s="5" t="s">
        <v>1521</v>
      </c>
      <c r="O21787" s="5" t="s">
        <v>38</v>
      </c>
      <c r="P21787" s="5" t="s">
        <v>39</v>
      </c>
      <c r="Q21787" s="5" t="s">
        <v>40</v>
      </c>
      <c r="R21787" s="5" t="s">
        <v>1522</v>
      </c>
      <c r="S21787" s="5" t="s">
        <v>1523</v>
      </c>
      <c r="T21787" s="5" t="s">
        <v>42</v>
      </c>
      <c r="U21787" s="2">
        <v>1.446</v>
      </c>
      <c r="V21787" s="2">
        <v>1.0960000000000001</v>
      </c>
      <c r="W21787" s="2">
        <v>0.01</v>
      </c>
      <c r="X21787" s="2">
        <v>118.9</v>
      </c>
      <c r="Y21787" s="2">
        <v>7.6</v>
      </c>
      <c r="Z21787" s="2">
        <v>10.6</v>
      </c>
      <c r="AA21787" s="5"/>
      <c r="AB21787" s="5" t="s">
        <v>43</v>
      </c>
      <c r="AC21787" s="5" t="s">
        <v>44</v>
      </c>
      <c r="AD21787" s="2"/>
      <c r="AE21787" s="1"/>
    </row>
    <row r="21788" spans="1:31" ht="14.45">
      <c r="A21788" s="11"/>
      <c r="B21788" s="20"/>
      <c r="C21788" s="2" t="s">
        <v>70232</v>
      </c>
      <c r="D21788" s="14" t="s">
        <v>70233</v>
      </c>
      <c r="E21788" s="2" t="s">
        <v>70234</v>
      </c>
      <c r="F21788" s="2" t="s">
        <v>7559</v>
      </c>
      <c r="G21788" s="8">
        <v>131</v>
      </c>
      <c r="H21788" s="5">
        <v>6</v>
      </c>
      <c r="I21788" s="5" t="s">
        <v>1518</v>
      </c>
      <c r="J21788" s="5" t="s">
        <v>69038</v>
      </c>
      <c r="K21788" s="2" t="s">
        <v>69039</v>
      </c>
      <c r="L21788" s="5" t="s">
        <v>69038</v>
      </c>
      <c r="M21788" s="2" t="s">
        <v>69039</v>
      </c>
      <c r="N21788" s="5" t="s">
        <v>1521</v>
      </c>
      <c r="O21788" s="5" t="s">
        <v>38</v>
      </c>
      <c r="P21788" s="5" t="s">
        <v>39</v>
      </c>
      <c r="Q21788" s="5" t="s">
        <v>40</v>
      </c>
      <c r="R21788" s="5" t="s">
        <v>1522</v>
      </c>
      <c r="S21788" s="5" t="s">
        <v>1523</v>
      </c>
      <c r="T21788" s="5" t="s">
        <v>42</v>
      </c>
      <c r="U21788" s="2">
        <v>1.5109999999999999</v>
      </c>
      <c r="V21788" s="2">
        <v>1.161</v>
      </c>
      <c r="W21788" s="2">
        <v>0.01</v>
      </c>
      <c r="X21788" s="2">
        <v>118.9</v>
      </c>
      <c r="Y21788" s="2">
        <v>7.6</v>
      </c>
      <c r="Z21788" s="2">
        <v>10.6</v>
      </c>
      <c r="AA21788" s="5"/>
      <c r="AB21788" s="5" t="s">
        <v>43</v>
      </c>
      <c r="AC21788" s="5" t="s">
        <v>44</v>
      </c>
      <c r="AD21788" s="2"/>
      <c r="AE21788" s="1"/>
    </row>
    <row r="21789" spans="1:31" ht="14.45">
      <c r="A21789" s="11"/>
      <c r="B21789" s="20"/>
      <c r="C21789" s="2" t="s">
        <v>70235</v>
      </c>
      <c r="D21789" s="14" t="s">
        <v>70236</v>
      </c>
      <c r="E21789" s="2" t="s">
        <v>70237</v>
      </c>
      <c r="F21789" s="2" t="s">
        <v>7429</v>
      </c>
      <c r="G21789" s="8">
        <v>131</v>
      </c>
      <c r="H21789" s="5">
        <v>6</v>
      </c>
      <c r="I21789" s="5" t="s">
        <v>1518</v>
      </c>
      <c r="J21789" s="5" t="s">
        <v>69038</v>
      </c>
      <c r="K21789" s="2" t="s">
        <v>69039</v>
      </c>
      <c r="L21789" s="5" t="s">
        <v>69038</v>
      </c>
      <c r="M21789" s="2" t="s">
        <v>69039</v>
      </c>
      <c r="N21789" s="5" t="s">
        <v>1521</v>
      </c>
      <c r="O21789" s="5" t="s">
        <v>38</v>
      </c>
      <c r="P21789" s="5" t="s">
        <v>39</v>
      </c>
      <c r="Q21789" s="5" t="s">
        <v>40</v>
      </c>
      <c r="R21789" s="5" t="s">
        <v>1522</v>
      </c>
      <c r="S21789" s="5" t="s">
        <v>1523</v>
      </c>
      <c r="T21789" s="5" t="s">
        <v>42</v>
      </c>
      <c r="U21789" s="2">
        <v>1.446</v>
      </c>
      <c r="V21789" s="2">
        <v>1.0960000000000001</v>
      </c>
      <c r="W21789" s="2">
        <v>0.01</v>
      </c>
      <c r="X21789" s="2">
        <v>118.9</v>
      </c>
      <c r="Y21789" s="2">
        <v>7.6</v>
      </c>
      <c r="Z21789" s="2">
        <v>10.6</v>
      </c>
      <c r="AA21789" s="5"/>
      <c r="AB21789" s="5" t="s">
        <v>43</v>
      </c>
      <c r="AC21789" s="5" t="s">
        <v>44</v>
      </c>
      <c r="AD21789" s="2"/>
      <c r="AE21789" s="1"/>
    </row>
    <row r="21790" spans="1:31" ht="14.45">
      <c r="A21790" s="11"/>
      <c r="B21790" s="20"/>
      <c r="C21790" s="2" t="s">
        <v>70238</v>
      </c>
      <c r="D21790" s="14" t="s">
        <v>70239</v>
      </c>
      <c r="E21790" s="2" t="s">
        <v>70240</v>
      </c>
      <c r="F21790" s="2" t="s">
        <v>7574</v>
      </c>
      <c r="G21790" s="8">
        <v>131</v>
      </c>
      <c r="H21790" s="5">
        <v>6</v>
      </c>
      <c r="I21790" s="5" t="s">
        <v>1518</v>
      </c>
      <c r="J21790" s="5" t="s">
        <v>69038</v>
      </c>
      <c r="K21790" s="2" t="s">
        <v>69039</v>
      </c>
      <c r="L21790" s="5" t="s">
        <v>69038</v>
      </c>
      <c r="M21790" s="2" t="s">
        <v>69039</v>
      </c>
      <c r="N21790" s="5" t="s">
        <v>1521</v>
      </c>
      <c r="O21790" s="5" t="s">
        <v>38</v>
      </c>
      <c r="P21790" s="5" t="s">
        <v>39</v>
      </c>
      <c r="Q21790" s="5" t="s">
        <v>40</v>
      </c>
      <c r="R21790" s="5" t="s">
        <v>1522</v>
      </c>
      <c r="S21790" s="5" t="s">
        <v>1523</v>
      </c>
      <c r="T21790" s="5" t="s">
        <v>42</v>
      </c>
      <c r="U21790" s="2">
        <v>1.5109999999999999</v>
      </c>
      <c r="V21790" s="2">
        <v>1.161</v>
      </c>
      <c r="W21790" s="2">
        <v>0.01</v>
      </c>
      <c r="X21790" s="2">
        <v>118.9</v>
      </c>
      <c r="Y21790" s="2">
        <v>7.6</v>
      </c>
      <c r="Z21790" s="2">
        <v>10.6</v>
      </c>
      <c r="AA21790" s="5"/>
      <c r="AB21790" s="5" t="s">
        <v>43</v>
      </c>
      <c r="AC21790" s="5" t="s">
        <v>44</v>
      </c>
      <c r="AD21790" s="2"/>
      <c r="AE21790" s="1"/>
    </row>
    <row r="21791" spans="1:31" ht="14.45">
      <c r="A21791" s="11"/>
      <c r="B21791" s="20"/>
      <c r="C21791" s="2" t="s">
        <v>70241</v>
      </c>
      <c r="D21791" s="14" t="s">
        <v>70242</v>
      </c>
      <c r="E21791" s="2" t="s">
        <v>70243</v>
      </c>
      <c r="F21791" s="2" t="s">
        <v>7449</v>
      </c>
      <c r="G21791" s="8">
        <v>131</v>
      </c>
      <c r="H21791" s="5">
        <v>6</v>
      </c>
      <c r="I21791" s="5" t="s">
        <v>1518</v>
      </c>
      <c r="J21791" s="5" t="s">
        <v>69038</v>
      </c>
      <c r="K21791" s="2" t="s">
        <v>69039</v>
      </c>
      <c r="L21791" s="5" t="s">
        <v>69038</v>
      </c>
      <c r="M21791" s="2" t="s">
        <v>69039</v>
      </c>
      <c r="N21791" s="5" t="s">
        <v>1521</v>
      </c>
      <c r="O21791" s="5" t="s">
        <v>38</v>
      </c>
      <c r="P21791" s="5" t="s">
        <v>39</v>
      </c>
      <c r="Q21791" s="5" t="s">
        <v>40</v>
      </c>
      <c r="R21791" s="5" t="s">
        <v>1522</v>
      </c>
      <c r="S21791" s="5" t="s">
        <v>1523</v>
      </c>
      <c r="T21791" s="5" t="s">
        <v>42</v>
      </c>
      <c r="U21791" s="2">
        <v>1.446</v>
      </c>
      <c r="V21791" s="2">
        <v>1.0960000000000001</v>
      </c>
      <c r="W21791" s="2">
        <v>0.01</v>
      </c>
      <c r="X21791" s="2">
        <v>118.9</v>
      </c>
      <c r="Y21791" s="2">
        <v>7.6</v>
      </c>
      <c r="Z21791" s="2">
        <v>10.6</v>
      </c>
      <c r="AA21791" s="5"/>
      <c r="AB21791" s="5" t="s">
        <v>43</v>
      </c>
      <c r="AC21791" s="5" t="s">
        <v>44</v>
      </c>
      <c r="AD21791" s="2"/>
      <c r="AE21791" s="1"/>
    </row>
    <row r="21792" spans="1:31" ht="14.45">
      <c r="A21792" s="11"/>
      <c r="B21792" s="20"/>
      <c r="C21792" s="2" t="s">
        <v>70244</v>
      </c>
      <c r="D21792" s="14" t="s">
        <v>70245</v>
      </c>
      <c r="E21792" s="2" t="s">
        <v>70246</v>
      </c>
      <c r="F21792" s="2" t="s">
        <v>7581</v>
      </c>
      <c r="G21792" s="8">
        <v>131</v>
      </c>
      <c r="H21792" s="5">
        <v>6</v>
      </c>
      <c r="I21792" s="5" t="s">
        <v>1518</v>
      </c>
      <c r="J21792" s="5" t="s">
        <v>69038</v>
      </c>
      <c r="K21792" s="2" t="s">
        <v>69039</v>
      </c>
      <c r="L21792" s="5" t="s">
        <v>69038</v>
      </c>
      <c r="M21792" s="2" t="s">
        <v>69039</v>
      </c>
      <c r="N21792" s="5" t="s">
        <v>1521</v>
      </c>
      <c r="O21792" s="5" t="s">
        <v>38</v>
      </c>
      <c r="P21792" s="5" t="s">
        <v>39</v>
      </c>
      <c r="Q21792" s="5" t="s">
        <v>40</v>
      </c>
      <c r="R21792" s="5" t="s">
        <v>1522</v>
      </c>
      <c r="S21792" s="5" t="s">
        <v>1523</v>
      </c>
      <c r="T21792" s="5" t="s">
        <v>42</v>
      </c>
      <c r="U21792" s="2">
        <v>1.5109999999999999</v>
      </c>
      <c r="V21792" s="2">
        <v>1.161</v>
      </c>
      <c r="W21792" s="2">
        <v>0.01</v>
      </c>
      <c r="X21792" s="2">
        <v>118.9</v>
      </c>
      <c r="Y21792" s="2">
        <v>7.6</v>
      </c>
      <c r="Z21792" s="2">
        <v>10.6</v>
      </c>
      <c r="AA21792" s="5"/>
      <c r="AB21792" s="5" t="s">
        <v>43</v>
      </c>
      <c r="AC21792" s="5" t="s">
        <v>44</v>
      </c>
      <c r="AD21792" s="2"/>
      <c r="AE21792" s="1"/>
    </row>
    <row r="21793" spans="1:31" ht="14.45">
      <c r="A21793" s="11"/>
      <c r="B21793" s="20"/>
      <c r="C21793" s="2" t="s">
        <v>70247</v>
      </c>
      <c r="D21793" s="14" t="s">
        <v>70248</v>
      </c>
      <c r="E21793" s="2" t="s">
        <v>70249</v>
      </c>
      <c r="F21793" s="2" t="s">
        <v>7585</v>
      </c>
      <c r="G21793" s="8">
        <v>131</v>
      </c>
      <c r="H21793" s="5">
        <v>6</v>
      </c>
      <c r="I21793" s="5" t="s">
        <v>1518</v>
      </c>
      <c r="J21793" s="5" t="s">
        <v>69038</v>
      </c>
      <c r="K21793" s="2" t="s">
        <v>69039</v>
      </c>
      <c r="L21793" s="5" t="s">
        <v>69038</v>
      </c>
      <c r="M21793" s="2" t="s">
        <v>69039</v>
      </c>
      <c r="N21793" s="5" t="s">
        <v>1521</v>
      </c>
      <c r="O21793" s="5" t="s">
        <v>38</v>
      </c>
      <c r="P21793" s="5" t="s">
        <v>39</v>
      </c>
      <c r="Q21793" s="5" t="s">
        <v>40</v>
      </c>
      <c r="R21793" s="5" t="s">
        <v>1522</v>
      </c>
      <c r="S21793" s="5" t="s">
        <v>1523</v>
      </c>
      <c r="T21793" s="5" t="s">
        <v>42</v>
      </c>
      <c r="U21793" s="2">
        <v>1.446</v>
      </c>
      <c r="V21793" s="2">
        <v>1.0960000000000001</v>
      </c>
      <c r="W21793" s="2">
        <v>0.01</v>
      </c>
      <c r="X21793" s="2">
        <v>118.9</v>
      </c>
      <c r="Y21793" s="2">
        <v>7.6</v>
      </c>
      <c r="Z21793" s="2">
        <v>10.6</v>
      </c>
      <c r="AA21793" s="5"/>
      <c r="AB21793" s="5" t="s">
        <v>43</v>
      </c>
      <c r="AC21793" s="5" t="s">
        <v>44</v>
      </c>
      <c r="AD21793" s="2"/>
      <c r="AE21793" s="1"/>
    </row>
    <row r="21794" spans="1:31" ht="14.45">
      <c r="A21794" s="11"/>
      <c r="B21794" s="20"/>
      <c r="C21794" s="2" t="s">
        <v>70250</v>
      </c>
      <c r="D21794" s="14" t="s">
        <v>70251</v>
      </c>
      <c r="E21794" s="2" t="s">
        <v>70252</v>
      </c>
      <c r="F21794" s="2" t="s">
        <v>7589</v>
      </c>
      <c r="G21794" s="8">
        <v>131</v>
      </c>
      <c r="H21794" s="5">
        <v>6</v>
      </c>
      <c r="I21794" s="5" t="s">
        <v>1518</v>
      </c>
      <c r="J21794" s="5" t="s">
        <v>69038</v>
      </c>
      <c r="K21794" s="2" t="s">
        <v>69039</v>
      </c>
      <c r="L21794" s="5" t="s">
        <v>69038</v>
      </c>
      <c r="M21794" s="2" t="s">
        <v>69039</v>
      </c>
      <c r="N21794" s="5" t="s">
        <v>1521</v>
      </c>
      <c r="O21794" s="5" t="s">
        <v>38</v>
      </c>
      <c r="P21794" s="5" t="s">
        <v>39</v>
      </c>
      <c r="Q21794" s="5" t="s">
        <v>40</v>
      </c>
      <c r="R21794" s="5" t="s">
        <v>1522</v>
      </c>
      <c r="S21794" s="5" t="s">
        <v>1523</v>
      </c>
      <c r="T21794" s="5" t="s">
        <v>42</v>
      </c>
      <c r="U21794" s="2">
        <v>1.5109999999999999</v>
      </c>
      <c r="V21794" s="2">
        <v>1.161</v>
      </c>
      <c r="W21794" s="2">
        <v>0.01</v>
      </c>
      <c r="X21794" s="2">
        <v>118.9</v>
      </c>
      <c r="Y21794" s="2">
        <v>7.6</v>
      </c>
      <c r="Z21794" s="2">
        <v>10.6</v>
      </c>
      <c r="AA21794" s="5"/>
      <c r="AB21794" s="5" t="s">
        <v>43</v>
      </c>
      <c r="AC21794" s="5" t="s">
        <v>44</v>
      </c>
      <c r="AD21794" s="2"/>
      <c r="AE21794" s="1"/>
    </row>
    <row r="21795" spans="1:31" ht="14.45">
      <c r="A21795" s="11"/>
      <c r="B21795" s="20"/>
      <c r="C21795" s="2" t="s">
        <v>70253</v>
      </c>
      <c r="D21795" s="14" t="s">
        <v>70254</v>
      </c>
      <c r="E21795" s="2" t="s">
        <v>70255</v>
      </c>
      <c r="F21795" s="2" t="s">
        <v>7593</v>
      </c>
      <c r="G21795" s="8">
        <v>131</v>
      </c>
      <c r="H21795" s="5">
        <v>6</v>
      </c>
      <c r="I21795" s="5" t="s">
        <v>1518</v>
      </c>
      <c r="J21795" s="5" t="s">
        <v>69038</v>
      </c>
      <c r="K21795" s="2" t="s">
        <v>69039</v>
      </c>
      <c r="L21795" s="5" t="s">
        <v>69038</v>
      </c>
      <c r="M21795" s="2" t="s">
        <v>69039</v>
      </c>
      <c r="N21795" s="5" t="s">
        <v>1521</v>
      </c>
      <c r="O21795" s="5" t="s">
        <v>38</v>
      </c>
      <c r="P21795" s="5" t="s">
        <v>39</v>
      </c>
      <c r="Q21795" s="5" t="s">
        <v>40</v>
      </c>
      <c r="R21795" s="5" t="s">
        <v>1522</v>
      </c>
      <c r="S21795" s="5" t="s">
        <v>1523</v>
      </c>
      <c r="T21795" s="5" t="s">
        <v>42</v>
      </c>
      <c r="U21795" s="2">
        <v>1.446</v>
      </c>
      <c r="V21795" s="2">
        <v>1.0960000000000001</v>
      </c>
      <c r="W21795" s="2">
        <v>0.01</v>
      </c>
      <c r="X21795" s="2">
        <v>118.9</v>
      </c>
      <c r="Y21795" s="2">
        <v>7.6</v>
      </c>
      <c r="Z21795" s="2">
        <v>10.6</v>
      </c>
      <c r="AA21795" s="5"/>
      <c r="AB21795" s="5" t="s">
        <v>43</v>
      </c>
      <c r="AC21795" s="5" t="s">
        <v>44</v>
      </c>
      <c r="AD21795" s="2"/>
      <c r="AE21795" s="1"/>
    </row>
    <row r="21796" spans="1:31" ht="14.45">
      <c r="A21796" s="11"/>
      <c r="B21796" s="20"/>
      <c r="C21796" s="2" t="s">
        <v>70256</v>
      </c>
      <c r="D21796" s="14" t="s">
        <v>70257</v>
      </c>
      <c r="E21796" s="2" t="s">
        <v>70258</v>
      </c>
      <c r="F21796" s="2" t="s">
        <v>7597</v>
      </c>
      <c r="G21796" s="8">
        <v>131</v>
      </c>
      <c r="H21796" s="5">
        <v>6</v>
      </c>
      <c r="I21796" s="5" t="s">
        <v>1518</v>
      </c>
      <c r="J21796" s="5" t="s">
        <v>69038</v>
      </c>
      <c r="K21796" s="2" t="s">
        <v>69039</v>
      </c>
      <c r="L21796" s="5" t="s">
        <v>69038</v>
      </c>
      <c r="M21796" s="2" t="s">
        <v>69039</v>
      </c>
      <c r="N21796" s="5" t="s">
        <v>1521</v>
      </c>
      <c r="O21796" s="5" t="s">
        <v>38</v>
      </c>
      <c r="P21796" s="5" t="s">
        <v>39</v>
      </c>
      <c r="Q21796" s="5" t="s">
        <v>40</v>
      </c>
      <c r="R21796" s="5" t="s">
        <v>1522</v>
      </c>
      <c r="S21796" s="5" t="s">
        <v>1523</v>
      </c>
      <c r="T21796" s="5" t="s">
        <v>42</v>
      </c>
      <c r="U21796" s="2">
        <v>1.5109999999999999</v>
      </c>
      <c r="V21796" s="2">
        <v>1.161</v>
      </c>
      <c r="W21796" s="2">
        <v>0.01</v>
      </c>
      <c r="X21796" s="2">
        <v>118.9</v>
      </c>
      <c r="Y21796" s="2">
        <v>7.6</v>
      </c>
      <c r="Z21796" s="2">
        <v>10.6</v>
      </c>
      <c r="AA21796" s="5"/>
      <c r="AB21796" s="5" t="s">
        <v>43</v>
      </c>
      <c r="AC21796" s="5" t="s">
        <v>44</v>
      </c>
      <c r="AD21796" s="2"/>
      <c r="AE21796" s="1"/>
    </row>
    <row r="21797" spans="1:31" ht="14.45">
      <c r="A21797" s="11"/>
      <c r="B21797" s="20"/>
      <c r="C21797" s="2" t="s">
        <v>70259</v>
      </c>
      <c r="D21797" s="14" t="s">
        <v>70260</v>
      </c>
      <c r="E21797" s="2" t="s">
        <v>70261</v>
      </c>
      <c r="F21797" s="2" t="s">
        <v>7433</v>
      </c>
      <c r="G21797" s="8">
        <v>131</v>
      </c>
      <c r="H21797" s="5">
        <v>6</v>
      </c>
      <c r="I21797" s="5" t="s">
        <v>1518</v>
      </c>
      <c r="J21797" s="5" t="s">
        <v>69038</v>
      </c>
      <c r="K21797" s="2" t="s">
        <v>69039</v>
      </c>
      <c r="L21797" s="5" t="s">
        <v>69038</v>
      </c>
      <c r="M21797" s="2" t="s">
        <v>69039</v>
      </c>
      <c r="N21797" s="5" t="s">
        <v>1521</v>
      </c>
      <c r="O21797" s="5" t="s">
        <v>38</v>
      </c>
      <c r="P21797" s="5" t="s">
        <v>39</v>
      </c>
      <c r="Q21797" s="5" t="s">
        <v>40</v>
      </c>
      <c r="R21797" s="5" t="s">
        <v>1522</v>
      </c>
      <c r="S21797" s="5" t="s">
        <v>1523</v>
      </c>
      <c r="T21797" s="5" t="s">
        <v>42</v>
      </c>
      <c r="U21797" s="2">
        <v>1.446</v>
      </c>
      <c r="V21797" s="2">
        <v>1.0960000000000001</v>
      </c>
      <c r="W21797" s="2">
        <v>0.01</v>
      </c>
      <c r="X21797" s="2">
        <v>118.9</v>
      </c>
      <c r="Y21797" s="2">
        <v>7.6</v>
      </c>
      <c r="Z21797" s="2">
        <v>10.6</v>
      </c>
      <c r="AA21797" s="5"/>
      <c r="AB21797" s="5" t="s">
        <v>43</v>
      </c>
      <c r="AC21797" s="5" t="s">
        <v>44</v>
      </c>
      <c r="AD21797" s="2"/>
      <c r="AE21797" s="1"/>
    </row>
    <row r="21798" spans="1:31" ht="14.45">
      <c r="A21798" s="11"/>
      <c r="B21798" s="20"/>
      <c r="C21798" s="2" t="s">
        <v>70262</v>
      </c>
      <c r="D21798" s="14" t="s">
        <v>70263</v>
      </c>
      <c r="E21798" s="2" t="s">
        <v>70264</v>
      </c>
      <c r="F21798" s="2" t="s">
        <v>7611</v>
      </c>
      <c r="G21798" s="8">
        <v>131</v>
      </c>
      <c r="H21798" s="5">
        <v>6</v>
      </c>
      <c r="I21798" s="5" t="s">
        <v>1518</v>
      </c>
      <c r="J21798" s="5" t="s">
        <v>69038</v>
      </c>
      <c r="K21798" s="2" t="s">
        <v>69039</v>
      </c>
      <c r="L21798" s="5" t="s">
        <v>69038</v>
      </c>
      <c r="M21798" s="2" t="s">
        <v>69039</v>
      </c>
      <c r="N21798" s="5" t="s">
        <v>1521</v>
      </c>
      <c r="O21798" s="5" t="s">
        <v>38</v>
      </c>
      <c r="P21798" s="5" t="s">
        <v>39</v>
      </c>
      <c r="Q21798" s="5" t="s">
        <v>40</v>
      </c>
      <c r="R21798" s="5" t="s">
        <v>1522</v>
      </c>
      <c r="S21798" s="5" t="s">
        <v>1523</v>
      </c>
      <c r="T21798" s="5" t="s">
        <v>42</v>
      </c>
      <c r="U21798" s="2">
        <v>1.5109999999999999</v>
      </c>
      <c r="V21798" s="2">
        <v>1.161</v>
      </c>
      <c r="W21798" s="2">
        <v>0.01</v>
      </c>
      <c r="X21798" s="2">
        <v>118.9</v>
      </c>
      <c r="Y21798" s="2">
        <v>7.6</v>
      </c>
      <c r="Z21798" s="2">
        <v>10.6</v>
      </c>
      <c r="AA21798" s="5"/>
      <c r="AB21798" s="5" t="s">
        <v>43</v>
      </c>
      <c r="AC21798" s="5" t="s">
        <v>44</v>
      </c>
      <c r="AD21798" s="2"/>
      <c r="AE21798" s="1"/>
    </row>
    <row r="21799" spans="1:31" ht="14.45">
      <c r="A21799" s="11"/>
      <c r="B21799" s="20"/>
      <c r="C21799" s="2" t="s">
        <v>70265</v>
      </c>
      <c r="D21799" s="14" t="s">
        <v>70266</v>
      </c>
      <c r="E21799" s="2" t="s">
        <v>70267</v>
      </c>
      <c r="F21799" s="2" t="s">
        <v>7615</v>
      </c>
      <c r="G21799" s="8">
        <v>131</v>
      </c>
      <c r="H21799" s="5">
        <v>6</v>
      </c>
      <c r="I21799" s="5" t="s">
        <v>1518</v>
      </c>
      <c r="J21799" s="5" t="s">
        <v>69038</v>
      </c>
      <c r="K21799" s="2" t="s">
        <v>69039</v>
      </c>
      <c r="L21799" s="5" t="s">
        <v>69038</v>
      </c>
      <c r="M21799" s="2" t="s">
        <v>69039</v>
      </c>
      <c r="N21799" s="5" t="s">
        <v>1521</v>
      </c>
      <c r="O21799" s="5" t="s">
        <v>38</v>
      </c>
      <c r="P21799" s="5" t="s">
        <v>39</v>
      </c>
      <c r="Q21799" s="5" t="s">
        <v>40</v>
      </c>
      <c r="R21799" s="5" t="s">
        <v>1522</v>
      </c>
      <c r="S21799" s="5" t="s">
        <v>1523</v>
      </c>
      <c r="T21799" s="5" t="s">
        <v>42</v>
      </c>
      <c r="U21799" s="2">
        <v>1.446</v>
      </c>
      <c r="V21799" s="2">
        <v>1.0960000000000001</v>
      </c>
      <c r="W21799" s="2">
        <v>0.01</v>
      </c>
      <c r="X21799" s="2">
        <v>118.9</v>
      </c>
      <c r="Y21799" s="2">
        <v>7.6</v>
      </c>
      <c r="Z21799" s="2">
        <v>10.6</v>
      </c>
      <c r="AA21799" s="5"/>
      <c r="AB21799" s="5" t="s">
        <v>43</v>
      </c>
      <c r="AC21799" s="5" t="s">
        <v>44</v>
      </c>
      <c r="AD21799" s="2"/>
      <c r="AE21799" s="1"/>
    </row>
    <row r="21800" spans="1:31" ht="14.45">
      <c r="A21800" s="11"/>
      <c r="B21800" s="20"/>
      <c r="C21800" s="2" t="s">
        <v>70268</v>
      </c>
      <c r="D21800" s="14" t="s">
        <v>70269</v>
      </c>
      <c r="E21800" s="2" t="s">
        <v>70270</v>
      </c>
      <c r="F21800" s="2" t="s">
        <v>7619</v>
      </c>
      <c r="G21800" s="8">
        <v>131</v>
      </c>
      <c r="H21800" s="5">
        <v>6</v>
      </c>
      <c r="I21800" s="5" t="s">
        <v>1518</v>
      </c>
      <c r="J21800" s="5" t="s">
        <v>69038</v>
      </c>
      <c r="K21800" s="2" t="s">
        <v>69039</v>
      </c>
      <c r="L21800" s="5" t="s">
        <v>69038</v>
      </c>
      <c r="M21800" s="2" t="s">
        <v>69039</v>
      </c>
      <c r="N21800" s="5" t="s">
        <v>1521</v>
      </c>
      <c r="O21800" s="5" t="s">
        <v>38</v>
      </c>
      <c r="P21800" s="5" t="s">
        <v>39</v>
      </c>
      <c r="Q21800" s="5" t="s">
        <v>40</v>
      </c>
      <c r="R21800" s="5" t="s">
        <v>1522</v>
      </c>
      <c r="S21800" s="5" t="s">
        <v>1523</v>
      </c>
      <c r="T21800" s="5" t="s">
        <v>42</v>
      </c>
      <c r="U21800" s="2">
        <v>1.5109999999999999</v>
      </c>
      <c r="V21800" s="2">
        <v>1.161</v>
      </c>
      <c r="W21800" s="2">
        <v>0.01</v>
      </c>
      <c r="X21800" s="2">
        <v>118.9</v>
      </c>
      <c r="Y21800" s="2">
        <v>7.6</v>
      </c>
      <c r="Z21800" s="2">
        <v>10.6</v>
      </c>
      <c r="AA21800" s="5"/>
      <c r="AB21800" s="5" t="s">
        <v>43</v>
      </c>
      <c r="AC21800" s="5" t="s">
        <v>44</v>
      </c>
      <c r="AD21800" s="2"/>
      <c r="AE21800" s="1"/>
    </row>
    <row r="21801" spans="1:31" ht="14.45">
      <c r="A21801" s="11"/>
      <c r="B21801" s="20"/>
      <c r="C21801" s="2" t="s">
        <v>70271</v>
      </c>
      <c r="D21801" s="14" t="s">
        <v>70272</v>
      </c>
      <c r="E21801" s="2" t="s">
        <v>70273</v>
      </c>
      <c r="F21801" s="2" t="s">
        <v>7410</v>
      </c>
      <c r="G21801" s="8">
        <v>131</v>
      </c>
      <c r="H21801" s="5">
        <v>6</v>
      </c>
      <c r="I21801" s="5" t="s">
        <v>1518</v>
      </c>
      <c r="J21801" s="5" t="s">
        <v>69038</v>
      </c>
      <c r="K21801" s="2" t="s">
        <v>69039</v>
      </c>
      <c r="L21801" s="5" t="s">
        <v>69038</v>
      </c>
      <c r="M21801" s="2" t="s">
        <v>69039</v>
      </c>
      <c r="N21801" s="5" t="s">
        <v>1521</v>
      </c>
      <c r="O21801" s="5" t="s">
        <v>38</v>
      </c>
      <c r="P21801" s="5" t="s">
        <v>39</v>
      </c>
      <c r="Q21801" s="5" t="s">
        <v>40</v>
      </c>
      <c r="R21801" s="5" t="s">
        <v>1522</v>
      </c>
      <c r="S21801" s="5" t="s">
        <v>1523</v>
      </c>
      <c r="T21801" s="5" t="s">
        <v>42</v>
      </c>
      <c r="U21801" s="2">
        <v>1.446</v>
      </c>
      <c r="V21801" s="2">
        <v>1.0960000000000001</v>
      </c>
      <c r="W21801" s="2">
        <v>0.01</v>
      </c>
      <c r="X21801" s="2">
        <v>118.9</v>
      </c>
      <c r="Y21801" s="2">
        <v>7.6</v>
      </c>
      <c r="Z21801" s="2">
        <v>10.6</v>
      </c>
      <c r="AA21801" s="5"/>
      <c r="AB21801" s="5" t="s">
        <v>43</v>
      </c>
      <c r="AC21801" s="5" t="s">
        <v>44</v>
      </c>
      <c r="AD21801" s="2"/>
      <c r="AE21801" s="1"/>
    </row>
    <row r="21802" spans="1:31" ht="14.45">
      <c r="A21802" s="11"/>
      <c r="B21802" s="20"/>
      <c r="C21802" s="2" t="s">
        <v>70274</v>
      </c>
      <c r="D21802" s="14" t="s">
        <v>70275</v>
      </c>
      <c r="E21802" s="2" t="s">
        <v>70276</v>
      </c>
      <c r="F21802" s="2" t="s">
        <v>7604</v>
      </c>
      <c r="G21802" s="8">
        <v>131</v>
      </c>
      <c r="H21802" s="5">
        <v>6</v>
      </c>
      <c r="I21802" s="5" t="s">
        <v>1518</v>
      </c>
      <c r="J21802" s="5" t="s">
        <v>69038</v>
      </c>
      <c r="K21802" s="2" t="s">
        <v>69039</v>
      </c>
      <c r="L21802" s="5" t="s">
        <v>69038</v>
      </c>
      <c r="M21802" s="2" t="s">
        <v>69039</v>
      </c>
      <c r="N21802" s="5" t="s">
        <v>1521</v>
      </c>
      <c r="O21802" s="5" t="s">
        <v>38</v>
      </c>
      <c r="P21802" s="5" t="s">
        <v>39</v>
      </c>
      <c r="Q21802" s="5" t="s">
        <v>40</v>
      </c>
      <c r="R21802" s="5" t="s">
        <v>1522</v>
      </c>
      <c r="S21802" s="5" t="s">
        <v>1523</v>
      </c>
      <c r="T21802" s="5" t="s">
        <v>42</v>
      </c>
      <c r="U21802" s="2">
        <v>1.5109999999999999</v>
      </c>
      <c r="V21802" s="2">
        <v>1.161</v>
      </c>
      <c r="W21802" s="2">
        <v>0.01</v>
      </c>
      <c r="X21802" s="2">
        <v>118.9</v>
      </c>
      <c r="Y21802" s="2">
        <v>7.6</v>
      </c>
      <c r="Z21802" s="2">
        <v>10.6</v>
      </c>
      <c r="AA21802" s="5"/>
      <c r="AB21802" s="5" t="s">
        <v>43</v>
      </c>
      <c r="AC21802" s="5" t="s">
        <v>44</v>
      </c>
      <c r="AD21802" s="2"/>
      <c r="AE21802" s="1"/>
    </row>
    <row r="21803" spans="1:31" ht="14.45">
      <c r="A21803" s="11"/>
      <c r="B21803" s="20"/>
      <c r="C21803" s="2" t="s">
        <v>70277</v>
      </c>
      <c r="D21803" s="14" t="s">
        <v>70278</v>
      </c>
      <c r="E21803" s="2" t="s">
        <v>70279</v>
      </c>
      <c r="F21803" s="2" t="s">
        <v>7212</v>
      </c>
      <c r="G21803" s="8">
        <v>114</v>
      </c>
      <c r="H21803" s="5">
        <v>6</v>
      </c>
      <c r="I21803" s="5" t="s">
        <v>1518</v>
      </c>
      <c r="J21803" s="5" t="s">
        <v>69038</v>
      </c>
      <c r="K21803" s="2" t="s">
        <v>69039</v>
      </c>
      <c r="L21803" s="5" t="s">
        <v>69038</v>
      </c>
      <c r="M21803" s="2" t="s">
        <v>69039</v>
      </c>
      <c r="N21803" s="5" t="s">
        <v>1521</v>
      </c>
      <c r="O21803" s="5" t="s">
        <v>38</v>
      </c>
      <c r="P21803" s="5" t="s">
        <v>39</v>
      </c>
      <c r="Q21803" s="5" t="s">
        <v>40</v>
      </c>
      <c r="R21803" s="5" t="s">
        <v>1522</v>
      </c>
      <c r="S21803" s="5" t="s">
        <v>1523</v>
      </c>
      <c r="T21803" s="5" t="s">
        <v>42</v>
      </c>
      <c r="U21803" s="2">
        <v>1.446</v>
      </c>
      <c r="V21803" s="2">
        <v>1.0960000000000001</v>
      </c>
      <c r="W21803" s="2">
        <v>0.01</v>
      </c>
      <c r="X21803" s="2">
        <v>118.9</v>
      </c>
      <c r="Y21803" s="2">
        <v>7.6</v>
      </c>
      <c r="Z21803" s="2">
        <v>10.6</v>
      </c>
      <c r="AA21803" s="5"/>
      <c r="AB21803" s="5" t="s">
        <v>43</v>
      </c>
      <c r="AC21803" s="5" t="s">
        <v>44</v>
      </c>
      <c r="AD21803" s="2"/>
      <c r="AE21803" s="1"/>
    </row>
    <row r="21804" spans="1:31" ht="14.45">
      <c r="A21804" s="11"/>
      <c r="B21804" s="20"/>
      <c r="C21804" s="2" t="s">
        <v>70280</v>
      </c>
      <c r="D21804" s="14" t="s">
        <v>70281</v>
      </c>
      <c r="E21804" s="2" t="s">
        <v>70282</v>
      </c>
      <c r="F21804" s="2" t="s">
        <v>7528</v>
      </c>
      <c r="G21804" s="8">
        <v>114</v>
      </c>
      <c r="H21804" s="5">
        <v>6</v>
      </c>
      <c r="I21804" s="5" t="s">
        <v>1518</v>
      </c>
      <c r="J21804" s="5" t="s">
        <v>69038</v>
      </c>
      <c r="K21804" s="2" t="s">
        <v>69039</v>
      </c>
      <c r="L21804" s="5" t="s">
        <v>69038</v>
      </c>
      <c r="M21804" s="2" t="s">
        <v>69039</v>
      </c>
      <c r="N21804" s="5" t="s">
        <v>1521</v>
      </c>
      <c r="O21804" s="5" t="s">
        <v>38</v>
      </c>
      <c r="P21804" s="5" t="s">
        <v>39</v>
      </c>
      <c r="Q21804" s="5" t="s">
        <v>40</v>
      </c>
      <c r="R21804" s="5" t="s">
        <v>1522</v>
      </c>
      <c r="S21804" s="5" t="s">
        <v>1523</v>
      </c>
      <c r="T21804" s="5" t="s">
        <v>42</v>
      </c>
      <c r="U21804" s="2">
        <v>1.5109999999999999</v>
      </c>
      <c r="V21804" s="2">
        <v>1.161</v>
      </c>
      <c r="W21804" s="2">
        <v>0.01</v>
      </c>
      <c r="X21804" s="2">
        <v>118.9</v>
      </c>
      <c r="Y21804" s="2">
        <v>7.6</v>
      </c>
      <c r="Z21804" s="2">
        <v>10.6</v>
      </c>
      <c r="AA21804" s="5"/>
      <c r="AB21804" s="5" t="s">
        <v>43</v>
      </c>
      <c r="AC21804" s="5" t="s">
        <v>44</v>
      </c>
      <c r="AD21804" s="2"/>
      <c r="AE21804" s="1"/>
    </row>
    <row r="21805" spans="1:31" ht="14.45">
      <c r="A21805" s="11"/>
      <c r="B21805" s="20"/>
      <c r="C21805" s="2" t="s">
        <v>70283</v>
      </c>
      <c r="D21805" s="14" t="s">
        <v>70284</v>
      </c>
      <c r="E21805" s="2" t="s">
        <v>70285</v>
      </c>
      <c r="F21805" s="2" t="s">
        <v>1863</v>
      </c>
      <c r="G21805" s="8">
        <v>131</v>
      </c>
      <c r="H21805" s="5">
        <v>6</v>
      </c>
      <c r="I21805" s="5" t="s">
        <v>1518</v>
      </c>
      <c r="J21805" s="5" t="s">
        <v>69038</v>
      </c>
      <c r="K21805" s="2" t="s">
        <v>69039</v>
      </c>
      <c r="L21805" s="5" t="s">
        <v>69038</v>
      </c>
      <c r="M21805" s="2" t="s">
        <v>69039</v>
      </c>
      <c r="N21805" s="5" t="s">
        <v>1521</v>
      </c>
      <c r="O21805" s="5" t="s">
        <v>38</v>
      </c>
      <c r="P21805" s="5" t="s">
        <v>39</v>
      </c>
      <c r="Q21805" s="5" t="s">
        <v>40</v>
      </c>
      <c r="R21805" s="5" t="s">
        <v>1522</v>
      </c>
      <c r="S21805" s="5" t="s">
        <v>1523</v>
      </c>
      <c r="T21805" s="5" t="s">
        <v>42</v>
      </c>
      <c r="U21805" s="2">
        <v>1.446</v>
      </c>
      <c r="V21805" s="2">
        <v>1.0960000000000001</v>
      </c>
      <c r="W21805" s="2">
        <v>0.01</v>
      </c>
      <c r="X21805" s="2">
        <v>118.9</v>
      </c>
      <c r="Y21805" s="2">
        <v>7.6</v>
      </c>
      <c r="Z21805" s="2">
        <v>10.6</v>
      </c>
      <c r="AA21805" s="5"/>
      <c r="AB21805" s="5" t="s">
        <v>43</v>
      </c>
      <c r="AC21805" s="5" t="s">
        <v>44</v>
      </c>
      <c r="AD21805" s="2"/>
      <c r="AE21805" s="1"/>
    </row>
    <row r="21806" spans="1:31" ht="14.45">
      <c r="A21806" s="11"/>
      <c r="B21806" s="20"/>
      <c r="C21806" s="2" t="s">
        <v>70286</v>
      </c>
      <c r="D21806" s="14" t="s">
        <v>70287</v>
      </c>
      <c r="E21806" s="2" t="s">
        <v>70288</v>
      </c>
      <c r="F21806" s="2" t="s">
        <v>1867</v>
      </c>
      <c r="G21806" s="8">
        <v>131</v>
      </c>
      <c r="H21806" s="5">
        <v>6</v>
      </c>
      <c r="I21806" s="5" t="s">
        <v>1518</v>
      </c>
      <c r="J21806" s="5" t="s">
        <v>69038</v>
      </c>
      <c r="K21806" s="2" t="s">
        <v>69039</v>
      </c>
      <c r="L21806" s="5" t="s">
        <v>69038</v>
      </c>
      <c r="M21806" s="2" t="s">
        <v>69039</v>
      </c>
      <c r="N21806" s="5" t="s">
        <v>1521</v>
      </c>
      <c r="O21806" s="5" t="s">
        <v>38</v>
      </c>
      <c r="P21806" s="5" t="s">
        <v>39</v>
      </c>
      <c r="Q21806" s="5" t="s">
        <v>40</v>
      </c>
      <c r="R21806" s="5" t="s">
        <v>1522</v>
      </c>
      <c r="S21806" s="5" t="s">
        <v>1523</v>
      </c>
      <c r="T21806" s="5" t="s">
        <v>42</v>
      </c>
      <c r="U21806" s="2">
        <v>1.5109999999999999</v>
      </c>
      <c r="V21806" s="2">
        <v>1.161</v>
      </c>
      <c r="W21806" s="2">
        <v>0.01</v>
      </c>
      <c r="X21806" s="2">
        <v>118.9</v>
      </c>
      <c r="Y21806" s="2">
        <v>7.6</v>
      </c>
      <c r="Z21806" s="2">
        <v>10.6</v>
      </c>
      <c r="AA21806" s="5"/>
      <c r="AB21806" s="5" t="s">
        <v>43</v>
      </c>
      <c r="AC21806" s="5" t="s">
        <v>44</v>
      </c>
      <c r="AD21806" s="2"/>
      <c r="AE21806" s="1"/>
    </row>
    <row r="21807" spans="1:31" ht="14.45">
      <c r="A21807" s="11"/>
      <c r="B21807" s="20"/>
      <c r="C21807" s="2" t="s">
        <v>70289</v>
      </c>
      <c r="D21807" s="14" t="s">
        <v>70290</v>
      </c>
      <c r="E21807" s="2" t="s">
        <v>70291</v>
      </c>
      <c r="F21807" s="2" t="s">
        <v>7204</v>
      </c>
      <c r="G21807" s="8">
        <v>117</v>
      </c>
      <c r="H21807" s="5">
        <v>6</v>
      </c>
      <c r="I21807" s="5" t="s">
        <v>1518</v>
      </c>
      <c r="J21807" s="5" t="s">
        <v>69038</v>
      </c>
      <c r="K21807" s="2" t="s">
        <v>69039</v>
      </c>
      <c r="L21807" s="5" t="s">
        <v>69038</v>
      </c>
      <c r="M21807" s="2" t="s">
        <v>69039</v>
      </c>
      <c r="N21807" s="5" t="s">
        <v>1521</v>
      </c>
      <c r="O21807" s="5" t="s">
        <v>38</v>
      </c>
      <c r="P21807" s="5" t="s">
        <v>39</v>
      </c>
      <c r="Q21807" s="5" t="s">
        <v>40</v>
      </c>
      <c r="R21807" s="5" t="s">
        <v>1522</v>
      </c>
      <c r="S21807" s="5" t="s">
        <v>1523</v>
      </c>
      <c r="T21807" s="5" t="s">
        <v>42</v>
      </c>
      <c r="U21807" s="2">
        <v>1.613</v>
      </c>
      <c r="V21807" s="2">
        <v>1.21</v>
      </c>
      <c r="W21807" s="2">
        <v>1.0999999999999999E-2</v>
      </c>
      <c r="X21807" s="2">
        <v>139.1</v>
      </c>
      <c r="Y21807" s="2">
        <v>7.6</v>
      </c>
      <c r="Z21807" s="2">
        <v>10.6</v>
      </c>
      <c r="AA21807" s="5"/>
      <c r="AB21807" s="5" t="s">
        <v>43</v>
      </c>
      <c r="AC21807" s="5" t="s">
        <v>44</v>
      </c>
      <c r="AD21807" s="2"/>
      <c r="AE21807" s="1"/>
    </row>
    <row r="21808" spans="1:31" ht="14.45">
      <c r="A21808" s="11"/>
      <c r="B21808" s="20"/>
      <c r="C21808" s="2" t="s">
        <v>70292</v>
      </c>
      <c r="D21808" s="14" t="s">
        <v>70293</v>
      </c>
      <c r="E21808" s="2" t="s">
        <v>70294</v>
      </c>
      <c r="F21808" s="2" t="s">
        <v>7514</v>
      </c>
      <c r="G21808" s="8">
        <v>117</v>
      </c>
      <c r="H21808" s="5">
        <v>6</v>
      </c>
      <c r="I21808" s="5" t="s">
        <v>1518</v>
      </c>
      <c r="J21808" s="5" t="s">
        <v>69038</v>
      </c>
      <c r="K21808" s="2" t="s">
        <v>69039</v>
      </c>
      <c r="L21808" s="5" t="s">
        <v>69038</v>
      </c>
      <c r="M21808" s="2" t="s">
        <v>69039</v>
      </c>
      <c r="N21808" s="5" t="s">
        <v>1521</v>
      </c>
      <c r="O21808" s="5" t="s">
        <v>38</v>
      </c>
      <c r="P21808" s="5" t="s">
        <v>39</v>
      </c>
      <c r="Q21808" s="5" t="s">
        <v>40</v>
      </c>
      <c r="R21808" s="5" t="s">
        <v>1522</v>
      </c>
      <c r="S21808" s="5" t="s">
        <v>1523</v>
      </c>
      <c r="T21808" s="5" t="s">
        <v>42</v>
      </c>
      <c r="U21808" s="2">
        <v>1.6890000000000001</v>
      </c>
      <c r="V21808" s="2">
        <v>1.286</v>
      </c>
      <c r="W21808" s="2">
        <v>1.0999999999999999E-2</v>
      </c>
      <c r="X21808" s="2">
        <v>139.1</v>
      </c>
      <c r="Y21808" s="2">
        <v>7.6</v>
      </c>
      <c r="Z21808" s="2">
        <v>10.6</v>
      </c>
      <c r="AA21808" s="5"/>
      <c r="AB21808" s="5" t="s">
        <v>43</v>
      </c>
      <c r="AC21808" s="5" t="s">
        <v>44</v>
      </c>
      <c r="AD21808" s="2"/>
      <c r="AE21808" s="1"/>
    </row>
    <row r="21809" spans="1:31" ht="14.45">
      <c r="A21809" s="11"/>
      <c r="B21809" s="20"/>
      <c r="C21809" s="2" t="s">
        <v>70295</v>
      </c>
      <c r="D21809" s="14" t="s">
        <v>70296</v>
      </c>
      <c r="E21809" s="2" t="s">
        <v>70297</v>
      </c>
      <c r="F21809" s="2" t="s">
        <v>7208</v>
      </c>
      <c r="G21809" s="8">
        <v>117</v>
      </c>
      <c r="H21809" s="5">
        <v>6</v>
      </c>
      <c r="I21809" s="5" t="s">
        <v>1518</v>
      </c>
      <c r="J21809" s="5" t="s">
        <v>69038</v>
      </c>
      <c r="K21809" s="2" t="s">
        <v>69039</v>
      </c>
      <c r="L21809" s="5" t="s">
        <v>69038</v>
      </c>
      <c r="M21809" s="2" t="s">
        <v>69039</v>
      </c>
      <c r="N21809" s="5" t="s">
        <v>1521</v>
      </c>
      <c r="O21809" s="5" t="s">
        <v>38</v>
      </c>
      <c r="P21809" s="5" t="s">
        <v>39</v>
      </c>
      <c r="Q21809" s="5" t="s">
        <v>40</v>
      </c>
      <c r="R21809" s="5" t="s">
        <v>1522</v>
      </c>
      <c r="S21809" s="5" t="s">
        <v>1523</v>
      </c>
      <c r="T21809" s="5" t="s">
        <v>42</v>
      </c>
      <c r="U21809" s="2">
        <v>1.613</v>
      </c>
      <c r="V21809" s="2">
        <v>1.21</v>
      </c>
      <c r="W21809" s="2">
        <v>1.0999999999999999E-2</v>
      </c>
      <c r="X21809" s="2">
        <v>139.1</v>
      </c>
      <c r="Y21809" s="2">
        <v>7.6</v>
      </c>
      <c r="Z21809" s="2">
        <v>10.6</v>
      </c>
      <c r="AA21809" s="5"/>
      <c r="AB21809" s="5" t="s">
        <v>43</v>
      </c>
      <c r="AC21809" s="5" t="s">
        <v>44</v>
      </c>
      <c r="AD21809" s="2"/>
      <c r="AE21809" s="1"/>
    </row>
    <row r="21810" spans="1:31" ht="14.45">
      <c r="A21810" s="11"/>
      <c r="B21810" s="20"/>
      <c r="C21810" s="2" t="s">
        <v>70298</v>
      </c>
      <c r="D21810" s="14" t="s">
        <v>70299</v>
      </c>
      <c r="E21810" s="2" t="s">
        <v>70300</v>
      </c>
      <c r="F21810" s="2" t="s">
        <v>7521</v>
      </c>
      <c r="G21810" s="8">
        <v>117</v>
      </c>
      <c r="H21810" s="5">
        <v>6</v>
      </c>
      <c r="I21810" s="5" t="s">
        <v>1518</v>
      </c>
      <c r="J21810" s="5" t="s">
        <v>69038</v>
      </c>
      <c r="K21810" s="2" t="s">
        <v>69039</v>
      </c>
      <c r="L21810" s="5" t="s">
        <v>69038</v>
      </c>
      <c r="M21810" s="2" t="s">
        <v>69039</v>
      </c>
      <c r="N21810" s="5" t="s">
        <v>1521</v>
      </c>
      <c r="O21810" s="5" t="s">
        <v>38</v>
      </c>
      <c r="P21810" s="5" t="s">
        <v>39</v>
      </c>
      <c r="Q21810" s="5" t="s">
        <v>40</v>
      </c>
      <c r="R21810" s="5" t="s">
        <v>1522</v>
      </c>
      <c r="S21810" s="5" t="s">
        <v>1523</v>
      </c>
      <c r="T21810" s="5" t="s">
        <v>42</v>
      </c>
      <c r="U21810" s="2">
        <v>1.6890000000000001</v>
      </c>
      <c r="V21810" s="2">
        <v>1.286</v>
      </c>
      <c r="W21810" s="2">
        <v>1.0999999999999999E-2</v>
      </c>
      <c r="X21810" s="2">
        <v>139.1</v>
      </c>
      <c r="Y21810" s="2">
        <v>7.6</v>
      </c>
      <c r="Z21810" s="2">
        <v>10.6</v>
      </c>
      <c r="AA21810" s="5"/>
      <c r="AB21810" s="5" t="s">
        <v>43</v>
      </c>
      <c r="AC21810" s="5" t="s">
        <v>44</v>
      </c>
      <c r="AD21810" s="2"/>
      <c r="AE21810" s="1"/>
    </row>
    <row r="21811" spans="1:31" ht="14.45">
      <c r="A21811" s="11"/>
      <c r="B21811" s="20"/>
      <c r="C21811" s="2" t="s">
        <v>70301</v>
      </c>
      <c r="D21811" s="14" t="s">
        <v>70302</v>
      </c>
      <c r="E21811" s="2" t="s">
        <v>70303</v>
      </c>
      <c r="F21811" s="2" t="s">
        <v>7406</v>
      </c>
      <c r="G21811" s="8">
        <v>135</v>
      </c>
      <c r="H21811" s="5">
        <v>6</v>
      </c>
      <c r="I21811" s="5" t="s">
        <v>1518</v>
      </c>
      <c r="J21811" s="5" t="s">
        <v>69038</v>
      </c>
      <c r="K21811" s="2" t="s">
        <v>69039</v>
      </c>
      <c r="L21811" s="5" t="s">
        <v>69038</v>
      </c>
      <c r="M21811" s="2" t="s">
        <v>69039</v>
      </c>
      <c r="N21811" s="5" t="s">
        <v>1521</v>
      </c>
      <c r="O21811" s="5" t="s">
        <v>38</v>
      </c>
      <c r="P21811" s="5" t="s">
        <v>39</v>
      </c>
      <c r="Q21811" s="5" t="s">
        <v>40</v>
      </c>
      <c r="R21811" s="5" t="s">
        <v>1522</v>
      </c>
      <c r="S21811" s="5" t="s">
        <v>1523</v>
      </c>
      <c r="T21811" s="5" t="s">
        <v>42</v>
      </c>
      <c r="U21811" s="2">
        <v>1.613</v>
      </c>
      <c r="V21811" s="2">
        <v>1.21</v>
      </c>
      <c r="W21811" s="2">
        <v>1.0999999999999999E-2</v>
      </c>
      <c r="X21811" s="2">
        <v>139.1</v>
      </c>
      <c r="Y21811" s="2">
        <v>7.6</v>
      </c>
      <c r="Z21811" s="2">
        <v>10.6</v>
      </c>
      <c r="AA21811" s="5"/>
      <c r="AB21811" s="5" t="s">
        <v>43</v>
      </c>
      <c r="AC21811" s="5" t="s">
        <v>44</v>
      </c>
      <c r="AD21811" s="2"/>
      <c r="AE21811" s="1"/>
    </row>
    <row r="21812" spans="1:31" ht="14.45">
      <c r="A21812" s="11"/>
      <c r="B21812" s="20"/>
      <c r="C21812" s="2" t="s">
        <v>70304</v>
      </c>
      <c r="D21812" s="14" t="s">
        <v>70305</v>
      </c>
      <c r="E21812" s="2" t="s">
        <v>70306</v>
      </c>
      <c r="F21812" s="2" t="s">
        <v>7535</v>
      </c>
      <c r="G21812" s="8">
        <v>135</v>
      </c>
      <c r="H21812" s="5">
        <v>6</v>
      </c>
      <c r="I21812" s="5" t="s">
        <v>1518</v>
      </c>
      <c r="J21812" s="5" t="s">
        <v>69038</v>
      </c>
      <c r="K21812" s="2" t="s">
        <v>69039</v>
      </c>
      <c r="L21812" s="5" t="s">
        <v>69038</v>
      </c>
      <c r="M21812" s="2" t="s">
        <v>69039</v>
      </c>
      <c r="N21812" s="5" t="s">
        <v>1521</v>
      </c>
      <c r="O21812" s="5" t="s">
        <v>38</v>
      </c>
      <c r="P21812" s="5" t="s">
        <v>39</v>
      </c>
      <c r="Q21812" s="5" t="s">
        <v>40</v>
      </c>
      <c r="R21812" s="5" t="s">
        <v>1522</v>
      </c>
      <c r="S21812" s="5" t="s">
        <v>1523</v>
      </c>
      <c r="T21812" s="5" t="s">
        <v>42</v>
      </c>
      <c r="U21812" s="2">
        <v>1.6890000000000001</v>
      </c>
      <c r="V21812" s="2">
        <v>1.286</v>
      </c>
      <c r="W21812" s="2">
        <v>1.0999999999999999E-2</v>
      </c>
      <c r="X21812" s="2">
        <v>139.1</v>
      </c>
      <c r="Y21812" s="2">
        <v>7.6</v>
      </c>
      <c r="Z21812" s="2">
        <v>10.6</v>
      </c>
      <c r="AA21812" s="5"/>
      <c r="AB21812" s="5" t="s">
        <v>43</v>
      </c>
      <c r="AC21812" s="5" t="s">
        <v>44</v>
      </c>
      <c r="AD21812" s="2"/>
      <c r="AE21812" s="1"/>
    </row>
    <row r="21813" spans="1:31" ht="14.45">
      <c r="A21813" s="11"/>
      <c r="B21813" s="20"/>
      <c r="C21813" s="2" t="s">
        <v>70307</v>
      </c>
      <c r="D21813" s="14" t="s">
        <v>70308</v>
      </c>
      <c r="E21813" s="2" t="s">
        <v>70309</v>
      </c>
      <c r="F21813" s="2" t="s">
        <v>7539</v>
      </c>
      <c r="G21813" s="8">
        <v>135</v>
      </c>
      <c r="H21813" s="5">
        <v>6</v>
      </c>
      <c r="I21813" s="5" t="s">
        <v>1518</v>
      </c>
      <c r="J21813" s="5" t="s">
        <v>69038</v>
      </c>
      <c r="K21813" s="2" t="s">
        <v>69039</v>
      </c>
      <c r="L21813" s="5" t="s">
        <v>69038</v>
      </c>
      <c r="M21813" s="2" t="s">
        <v>69039</v>
      </c>
      <c r="N21813" s="5" t="s">
        <v>1521</v>
      </c>
      <c r="O21813" s="5" t="s">
        <v>38</v>
      </c>
      <c r="P21813" s="5" t="s">
        <v>39</v>
      </c>
      <c r="Q21813" s="5" t="s">
        <v>40</v>
      </c>
      <c r="R21813" s="5" t="s">
        <v>1522</v>
      </c>
      <c r="S21813" s="5" t="s">
        <v>1523</v>
      </c>
      <c r="T21813" s="5" t="s">
        <v>42</v>
      </c>
      <c r="U21813" s="2">
        <v>1.613</v>
      </c>
      <c r="V21813" s="2">
        <v>1.21</v>
      </c>
      <c r="W21813" s="2">
        <v>1.0999999999999999E-2</v>
      </c>
      <c r="X21813" s="2">
        <v>139.1</v>
      </c>
      <c r="Y21813" s="2">
        <v>7.6</v>
      </c>
      <c r="Z21813" s="2">
        <v>10.6</v>
      </c>
      <c r="AA21813" s="5"/>
      <c r="AB21813" s="5" t="s">
        <v>43</v>
      </c>
      <c r="AC21813" s="5" t="s">
        <v>44</v>
      </c>
      <c r="AD21813" s="2"/>
      <c r="AE21813" s="1"/>
    </row>
    <row r="21814" spans="1:31" ht="14.45">
      <c r="A21814" s="11"/>
      <c r="B21814" s="20"/>
      <c r="C21814" s="2" t="s">
        <v>70310</v>
      </c>
      <c r="D21814" s="14" t="s">
        <v>70311</v>
      </c>
      <c r="E21814" s="2" t="s">
        <v>70312</v>
      </c>
      <c r="F21814" s="2" t="s">
        <v>7543</v>
      </c>
      <c r="G21814" s="8">
        <v>135</v>
      </c>
      <c r="H21814" s="5">
        <v>6</v>
      </c>
      <c r="I21814" s="5" t="s">
        <v>1518</v>
      </c>
      <c r="J21814" s="5" t="s">
        <v>69038</v>
      </c>
      <c r="K21814" s="2" t="s">
        <v>69039</v>
      </c>
      <c r="L21814" s="5" t="s">
        <v>69038</v>
      </c>
      <c r="M21814" s="2" t="s">
        <v>69039</v>
      </c>
      <c r="N21814" s="5" t="s">
        <v>1521</v>
      </c>
      <c r="O21814" s="5" t="s">
        <v>38</v>
      </c>
      <c r="P21814" s="5" t="s">
        <v>39</v>
      </c>
      <c r="Q21814" s="5" t="s">
        <v>40</v>
      </c>
      <c r="R21814" s="5" t="s">
        <v>1522</v>
      </c>
      <c r="S21814" s="5" t="s">
        <v>1523</v>
      </c>
      <c r="T21814" s="5" t="s">
        <v>42</v>
      </c>
      <c r="U21814" s="2">
        <v>1.6890000000000001</v>
      </c>
      <c r="V21814" s="2">
        <v>1.286</v>
      </c>
      <c r="W21814" s="2">
        <v>1.0999999999999999E-2</v>
      </c>
      <c r="X21814" s="2">
        <v>139.1</v>
      </c>
      <c r="Y21814" s="2">
        <v>7.6</v>
      </c>
      <c r="Z21814" s="2">
        <v>10.6</v>
      </c>
      <c r="AA21814" s="5"/>
      <c r="AB21814" s="5" t="s">
        <v>43</v>
      </c>
      <c r="AC21814" s="5" t="s">
        <v>44</v>
      </c>
      <c r="AD21814" s="2"/>
      <c r="AE21814" s="1"/>
    </row>
    <row r="21815" spans="1:31" ht="14.45">
      <c r="A21815" s="11"/>
      <c r="B21815" s="20"/>
      <c r="C21815" s="2" t="s">
        <v>70313</v>
      </c>
      <c r="D21815" s="14" t="s">
        <v>70314</v>
      </c>
      <c r="E21815" s="2" t="s">
        <v>70315</v>
      </c>
      <c r="F21815" s="2" t="s">
        <v>7396</v>
      </c>
      <c r="G21815" s="8">
        <v>117</v>
      </c>
      <c r="H21815" s="5">
        <v>6</v>
      </c>
      <c r="I21815" s="5" t="s">
        <v>1518</v>
      </c>
      <c r="J21815" s="5" t="s">
        <v>69038</v>
      </c>
      <c r="K21815" s="2" t="s">
        <v>69039</v>
      </c>
      <c r="L21815" s="5" t="s">
        <v>69038</v>
      </c>
      <c r="M21815" s="2" t="s">
        <v>69039</v>
      </c>
      <c r="N21815" s="5" t="s">
        <v>1521</v>
      </c>
      <c r="O21815" s="5" t="s">
        <v>38</v>
      </c>
      <c r="P21815" s="5" t="s">
        <v>39</v>
      </c>
      <c r="Q21815" s="5" t="s">
        <v>40</v>
      </c>
      <c r="R21815" s="5" t="s">
        <v>1522</v>
      </c>
      <c r="S21815" s="5" t="s">
        <v>1523</v>
      </c>
      <c r="T21815" s="5" t="s">
        <v>42</v>
      </c>
      <c r="U21815" s="2">
        <v>1.613</v>
      </c>
      <c r="V21815" s="2">
        <v>1.21</v>
      </c>
      <c r="W21815" s="2">
        <v>1.0999999999999999E-2</v>
      </c>
      <c r="X21815" s="2">
        <v>139.1</v>
      </c>
      <c r="Y21815" s="2">
        <v>7.6</v>
      </c>
      <c r="Z21815" s="2">
        <v>10.6</v>
      </c>
      <c r="AA21815" s="5"/>
      <c r="AB21815" s="5" t="s">
        <v>43</v>
      </c>
      <c r="AC21815" s="5" t="s">
        <v>44</v>
      </c>
      <c r="AD21815" s="2"/>
      <c r="AE21815" s="1"/>
    </row>
    <row r="21816" spans="1:31" ht="14.45">
      <c r="A21816" s="11"/>
      <c r="B21816" s="20"/>
      <c r="C21816" s="2" t="s">
        <v>70316</v>
      </c>
      <c r="D21816" s="14" t="s">
        <v>70317</v>
      </c>
      <c r="E21816" s="2" t="s">
        <v>70318</v>
      </c>
      <c r="F21816" s="2" t="s">
        <v>69112</v>
      </c>
      <c r="G21816" s="8">
        <v>117</v>
      </c>
      <c r="H21816" s="5">
        <v>6</v>
      </c>
      <c r="I21816" s="5" t="s">
        <v>1518</v>
      </c>
      <c r="J21816" s="5" t="s">
        <v>69038</v>
      </c>
      <c r="K21816" s="2" t="s">
        <v>69039</v>
      </c>
      <c r="L21816" s="5" t="s">
        <v>69038</v>
      </c>
      <c r="M21816" s="2" t="s">
        <v>69039</v>
      </c>
      <c r="N21816" s="5" t="s">
        <v>1521</v>
      </c>
      <c r="O21816" s="5" t="s">
        <v>38</v>
      </c>
      <c r="P21816" s="5" t="s">
        <v>39</v>
      </c>
      <c r="Q21816" s="5" t="s">
        <v>40</v>
      </c>
      <c r="R21816" s="5" t="s">
        <v>1522</v>
      </c>
      <c r="S21816" s="5" t="s">
        <v>1523</v>
      </c>
      <c r="T21816" s="5" t="s">
        <v>42</v>
      </c>
      <c r="U21816" s="2">
        <v>1.6890000000000001</v>
      </c>
      <c r="V21816" s="2">
        <v>1.286</v>
      </c>
      <c r="W21816" s="2">
        <v>1.0999999999999999E-2</v>
      </c>
      <c r="X21816" s="2">
        <v>139.1</v>
      </c>
      <c r="Y21816" s="2">
        <v>7.6</v>
      </c>
      <c r="Z21816" s="2">
        <v>10.6</v>
      </c>
      <c r="AA21816" s="5"/>
      <c r="AB21816" s="5" t="s">
        <v>43</v>
      </c>
      <c r="AC21816" s="5" t="s">
        <v>44</v>
      </c>
      <c r="AD21816" s="2"/>
      <c r="AE21816" s="1"/>
    </row>
    <row r="21817" spans="1:31" ht="14.45">
      <c r="A21817" s="11"/>
      <c r="B21817" s="20"/>
      <c r="C21817" s="2" t="s">
        <v>70319</v>
      </c>
      <c r="D21817" s="14" t="s">
        <v>70320</v>
      </c>
      <c r="E21817" s="2" t="s">
        <v>70321</v>
      </c>
      <c r="F21817" s="2" t="s">
        <v>7547</v>
      </c>
      <c r="G21817" s="8">
        <v>135</v>
      </c>
      <c r="H21817" s="5">
        <v>6</v>
      </c>
      <c r="I21817" s="5" t="s">
        <v>1518</v>
      </c>
      <c r="J21817" s="5" t="s">
        <v>69038</v>
      </c>
      <c r="K21817" s="2" t="s">
        <v>69039</v>
      </c>
      <c r="L21817" s="5" t="s">
        <v>69038</v>
      </c>
      <c r="M21817" s="2" t="s">
        <v>69039</v>
      </c>
      <c r="N21817" s="5" t="s">
        <v>1521</v>
      </c>
      <c r="O21817" s="5" t="s">
        <v>38</v>
      </c>
      <c r="P21817" s="5" t="s">
        <v>39</v>
      </c>
      <c r="Q21817" s="5" t="s">
        <v>40</v>
      </c>
      <c r="R21817" s="5" t="s">
        <v>1522</v>
      </c>
      <c r="S21817" s="5" t="s">
        <v>1523</v>
      </c>
      <c r="T21817" s="5" t="s">
        <v>42</v>
      </c>
      <c r="U21817" s="2">
        <v>1.613</v>
      </c>
      <c r="V21817" s="2">
        <v>1.21</v>
      </c>
      <c r="W21817" s="2">
        <v>1.0999999999999999E-2</v>
      </c>
      <c r="X21817" s="2">
        <v>139.1</v>
      </c>
      <c r="Y21817" s="2">
        <v>7.6</v>
      </c>
      <c r="Z21817" s="2">
        <v>10.6</v>
      </c>
      <c r="AA21817" s="5"/>
      <c r="AB21817" s="5" t="s">
        <v>43</v>
      </c>
      <c r="AC21817" s="5" t="s">
        <v>44</v>
      </c>
      <c r="AD21817" s="2"/>
      <c r="AE21817" s="1"/>
    </row>
    <row r="21818" spans="1:31" ht="14.45">
      <c r="A21818" s="11"/>
      <c r="B21818" s="20"/>
      <c r="C21818" s="2" t="s">
        <v>70322</v>
      </c>
      <c r="D21818" s="14" t="s">
        <v>70323</v>
      </c>
      <c r="E21818" s="2" t="s">
        <v>70324</v>
      </c>
      <c r="F21818" s="2" t="s">
        <v>7551</v>
      </c>
      <c r="G21818" s="8">
        <v>135</v>
      </c>
      <c r="H21818" s="5">
        <v>6</v>
      </c>
      <c r="I21818" s="5" t="s">
        <v>1518</v>
      </c>
      <c r="J21818" s="5" t="s">
        <v>69038</v>
      </c>
      <c r="K21818" s="2" t="s">
        <v>69039</v>
      </c>
      <c r="L21818" s="5" t="s">
        <v>69038</v>
      </c>
      <c r="M21818" s="2" t="s">
        <v>69039</v>
      </c>
      <c r="N21818" s="5" t="s">
        <v>1521</v>
      </c>
      <c r="O21818" s="5" t="s">
        <v>38</v>
      </c>
      <c r="P21818" s="5" t="s">
        <v>39</v>
      </c>
      <c r="Q21818" s="5" t="s">
        <v>40</v>
      </c>
      <c r="R21818" s="5" t="s">
        <v>1522</v>
      </c>
      <c r="S21818" s="5" t="s">
        <v>1523</v>
      </c>
      <c r="T21818" s="5" t="s">
        <v>42</v>
      </c>
      <c r="U21818" s="2">
        <v>1.6890000000000001</v>
      </c>
      <c r="V21818" s="2">
        <v>1.286</v>
      </c>
      <c r="W21818" s="2">
        <v>1.0999999999999999E-2</v>
      </c>
      <c r="X21818" s="2">
        <v>139.1</v>
      </c>
      <c r="Y21818" s="2">
        <v>7.6</v>
      </c>
      <c r="Z21818" s="2">
        <v>10.6</v>
      </c>
      <c r="AA21818" s="5"/>
      <c r="AB21818" s="5" t="s">
        <v>43</v>
      </c>
      <c r="AC21818" s="5" t="s">
        <v>44</v>
      </c>
      <c r="AD21818" s="2"/>
      <c r="AE21818" s="1"/>
    </row>
    <row r="21819" spans="1:31" ht="14.45">
      <c r="A21819" s="11"/>
      <c r="B21819" s="20"/>
      <c r="C21819" s="2" t="s">
        <v>70325</v>
      </c>
      <c r="D21819" s="14" t="s">
        <v>70326</v>
      </c>
      <c r="E21819" s="2" t="s">
        <v>70327</v>
      </c>
      <c r="F21819" s="2" t="s">
        <v>7563</v>
      </c>
      <c r="G21819" s="8">
        <v>135</v>
      </c>
      <c r="H21819" s="5">
        <v>6</v>
      </c>
      <c r="I21819" s="5" t="s">
        <v>1518</v>
      </c>
      <c r="J21819" s="5" t="s">
        <v>69038</v>
      </c>
      <c r="K21819" s="2" t="s">
        <v>69039</v>
      </c>
      <c r="L21819" s="5" t="s">
        <v>69038</v>
      </c>
      <c r="M21819" s="2" t="s">
        <v>69039</v>
      </c>
      <c r="N21819" s="5" t="s">
        <v>1521</v>
      </c>
      <c r="O21819" s="5" t="s">
        <v>38</v>
      </c>
      <c r="P21819" s="5" t="s">
        <v>39</v>
      </c>
      <c r="Q21819" s="5" t="s">
        <v>40</v>
      </c>
      <c r="R21819" s="5" t="s">
        <v>1522</v>
      </c>
      <c r="S21819" s="5" t="s">
        <v>1523</v>
      </c>
      <c r="T21819" s="5" t="s">
        <v>42</v>
      </c>
      <c r="U21819" s="2">
        <v>1.613</v>
      </c>
      <c r="V21819" s="2">
        <v>1.21</v>
      </c>
      <c r="W21819" s="2">
        <v>1.0999999999999999E-2</v>
      </c>
      <c r="X21819" s="2">
        <v>139.1</v>
      </c>
      <c r="Y21819" s="2">
        <v>7.6</v>
      </c>
      <c r="Z21819" s="2">
        <v>10.6</v>
      </c>
      <c r="AA21819" s="5"/>
      <c r="AB21819" s="5" t="s">
        <v>43</v>
      </c>
      <c r="AC21819" s="5" t="s">
        <v>44</v>
      </c>
      <c r="AD21819" s="2"/>
      <c r="AE21819" s="1"/>
    </row>
    <row r="21820" spans="1:31" ht="14.45">
      <c r="A21820" s="11"/>
      <c r="B21820" s="20"/>
      <c r="C21820" s="2" t="s">
        <v>70328</v>
      </c>
      <c r="D21820" s="14" t="s">
        <v>70329</v>
      </c>
      <c r="E21820" s="2" t="s">
        <v>70330</v>
      </c>
      <c r="F21820" s="2" t="s">
        <v>7567</v>
      </c>
      <c r="G21820" s="8">
        <v>135</v>
      </c>
      <c r="H21820" s="5">
        <v>6</v>
      </c>
      <c r="I21820" s="5" t="s">
        <v>1518</v>
      </c>
      <c r="J21820" s="5" t="s">
        <v>69038</v>
      </c>
      <c r="K21820" s="2" t="s">
        <v>69039</v>
      </c>
      <c r="L21820" s="5" t="s">
        <v>69038</v>
      </c>
      <c r="M21820" s="2" t="s">
        <v>69039</v>
      </c>
      <c r="N21820" s="5" t="s">
        <v>1521</v>
      </c>
      <c r="O21820" s="5" t="s">
        <v>38</v>
      </c>
      <c r="P21820" s="5" t="s">
        <v>39</v>
      </c>
      <c r="Q21820" s="5" t="s">
        <v>40</v>
      </c>
      <c r="R21820" s="5" t="s">
        <v>1522</v>
      </c>
      <c r="S21820" s="5" t="s">
        <v>1523</v>
      </c>
      <c r="T21820" s="5" t="s">
        <v>42</v>
      </c>
      <c r="U21820" s="2">
        <v>1.6890000000000001</v>
      </c>
      <c r="V21820" s="2">
        <v>1.286</v>
      </c>
      <c r="W21820" s="2">
        <v>1.0999999999999999E-2</v>
      </c>
      <c r="X21820" s="2">
        <v>139.1</v>
      </c>
      <c r="Y21820" s="2">
        <v>7.6</v>
      </c>
      <c r="Z21820" s="2">
        <v>10.6</v>
      </c>
      <c r="AA21820" s="5"/>
      <c r="AB21820" s="5" t="s">
        <v>43</v>
      </c>
      <c r="AC21820" s="5" t="s">
        <v>44</v>
      </c>
      <c r="AD21820" s="2"/>
      <c r="AE21820" s="1"/>
    </row>
    <row r="21821" spans="1:31" ht="14.45">
      <c r="A21821" s="11"/>
      <c r="B21821" s="20"/>
      <c r="C21821" s="2" t="s">
        <v>70331</v>
      </c>
      <c r="D21821" s="14" t="s">
        <v>70332</v>
      </c>
      <c r="E21821" s="2" t="s">
        <v>70333</v>
      </c>
      <c r="F21821" s="2" t="s">
        <v>7555</v>
      </c>
      <c r="G21821" s="8">
        <v>135</v>
      </c>
      <c r="H21821" s="5">
        <v>6</v>
      </c>
      <c r="I21821" s="5" t="s">
        <v>1518</v>
      </c>
      <c r="J21821" s="5" t="s">
        <v>69038</v>
      </c>
      <c r="K21821" s="2" t="s">
        <v>69039</v>
      </c>
      <c r="L21821" s="5" t="s">
        <v>69038</v>
      </c>
      <c r="M21821" s="2" t="s">
        <v>69039</v>
      </c>
      <c r="N21821" s="5" t="s">
        <v>1521</v>
      </c>
      <c r="O21821" s="5" t="s">
        <v>38</v>
      </c>
      <c r="P21821" s="5" t="s">
        <v>39</v>
      </c>
      <c r="Q21821" s="5" t="s">
        <v>40</v>
      </c>
      <c r="R21821" s="5" t="s">
        <v>1522</v>
      </c>
      <c r="S21821" s="5" t="s">
        <v>1523</v>
      </c>
      <c r="T21821" s="5" t="s">
        <v>42</v>
      </c>
      <c r="U21821" s="2">
        <v>1.613</v>
      </c>
      <c r="V21821" s="2">
        <v>1.21</v>
      </c>
      <c r="W21821" s="2">
        <v>1.0999999999999999E-2</v>
      </c>
      <c r="X21821" s="2">
        <v>139.1</v>
      </c>
      <c r="Y21821" s="2">
        <v>7.6</v>
      </c>
      <c r="Z21821" s="2">
        <v>10.6</v>
      </c>
      <c r="AA21821" s="5"/>
      <c r="AB21821" s="5" t="s">
        <v>43</v>
      </c>
      <c r="AC21821" s="5" t="s">
        <v>44</v>
      </c>
      <c r="AD21821" s="2"/>
      <c r="AE21821" s="1"/>
    </row>
    <row r="21822" spans="1:31" ht="14.45">
      <c r="A21822" s="11"/>
      <c r="B21822" s="20"/>
      <c r="C21822" s="2" t="s">
        <v>70334</v>
      </c>
      <c r="D21822" s="14" t="s">
        <v>70335</v>
      </c>
      <c r="E21822" s="2" t="s">
        <v>70336</v>
      </c>
      <c r="F21822" s="2" t="s">
        <v>7559</v>
      </c>
      <c r="G21822" s="8">
        <v>135</v>
      </c>
      <c r="H21822" s="5">
        <v>6</v>
      </c>
      <c r="I21822" s="5" t="s">
        <v>1518</v>
      </c>
      <c r="J21822" s="5" t="s">
        <v>69038</v>
      </c>
      <c r="K21822" s="2" t="s">
        <v>69039</v>
      </c>
      <c r="L21822" s="5" t="s">
        <v>69038</v>
      </c>
      <c r="M21822" s="2" t="s">
        <v>69039</v>
      </c>
      <c r="N21822" s="5" t="s">
        <v>1521</v>
      </c>
      <c r="O21822" s="5" t="s">
        <v>38</v>
      </c>
      <c r="P21822" s="5" t="s">
        <v>39</v>
      </c>
      <c r="Q21822" s="5" t="s">
        <v>40</v>
      </c>
      <c r="R21822" s="5" t="s">
        <v>1522</v>
      </c>
      <c r="S21822" s="5" t="s">
        <v>1523</v>
      </c>
      <c r="T21822" s="5" t="s">
        <v>42</v>
      </c>
      <c r="U21822" s="2">
        <v>1.6890000000000001</v>
      </c>
      <c r="V21822" s="2">
        <v>1.286</v>
      </c>
      <c r="W21822" s="2">
        <v>1.0999999999999999E-2</v>
      </c>
      <c r="X21822" s="2">
        <v>139.1</v>
      </c>
      <c r="Y21822" s="2">
        <v>7.6</v>
      </c>
      <c r="Z21822" s="2">
        <v>10.6</v>
      </c>
      <c r="AA21822" s="5"/>
      <c r="AB21822" s="5" t="s">
        <v>43</v>
      </c>
      <c r="AC21822" s="5" t="s">
        <v>44</v>
      </c>
      <c r="AD21822" s="2"/>
      <c r="AE21822" s="1"/>
    </row>
    <row r="21823" spans="1:31" ht="14.45">
      <c r="A21823" s="11"/>
      <c r="B21823" s="20"/>
      <c r="C21823" s="2" t="s">
        <v>70337</v>
      </c>
      <c r="D21823" s="14" t="s">
        <v>70338</v>
      </c>
      <c r="E21823" s="2" t="s">
        <v>70339</v>
      </c>
      <c r="F21823" s="2" t="s">
        <v>7429</v>
      </c>
      <c r="G21823" s="8">
        <v>135</v>
      </c>
      <c r="H21823" s="5">
        <v>6</v>
      </c>
      <c r="I21823" s="5" t="s">
        <v>1518</v>
      </c>
      <c r="J21823" s="5" t="s">
        <v>69038</v>
      </c>
      <c r="K21823" s="2" t="s">
        <v>69039</v>
      </c>
      <c r="L21823" s="5" t="s">
        <v>69038</v>
      </c>
      <c r="M21823" s="2" t="s">
        <v>69039</v>
      </c>
      <c r="N21823" s="5" t="s">
        <v>1521</v>
      </c>
      <c r="O21823" s="5" t="s">
        <v>38</v>
      </c>
      <c r="P21823" s="5" t="s">
        <v>39</v>
      </c>
      <c r="Q21823" s="5" t="s">
        <v>40</v>
      </c>
      <c r="R21823" s="5" t="s">
        <v>1522</v>
      </c>
      <c r="S21823" s="5" t="s">
        <v>1523</v>
      </c>
      <c r="T21823" s="5" t="s">
        <v>42</v>
      </c>
      <c r="U21823" s="2">
        <v>1.613</v>
      </c>
      <c r="V21823" s="2">
        <v>1.21</v>
      </c>
      <c r="W21823" s="2">
        <v>1.0999999999999999E-2</v>
      </c>
      <c r="X21823" s="2">
        <v>139.1</v>
      </c>
      <c r="Y21823" s="2">
        <v>7.6</v>
      </c>
      <c r="Z21823" s="2">
        <v>10.6</v>
      </c>
      <c r="AA21823" s="5"/>
      <c r="AB21823" s="5" t="s">
        <v>43</v>
      </c>
      <c r="AC21823" s="5" t="s">
        <v>44</v>
      </c>
      <c r="AD21823" s="2"/>
      <c r="AE21823" s="1"/>
    </row>
    <row r="21824" spans="1:31" ht="14.45">
      <c r="A21824" s="11"/>
      <c r="B21824" s="20"/>
      <c r="C21824" s="2" t="s">
        <v>70340</v>
      </c>
      <c r="D21824" s="14" t="s">
        <v>70341</v>
      </c>
      <c r="E21824" s="2" t="s">
        <v>70342</v>
      </c>
      <c r="F21824" s="2" t="s">
        <v>7574</v>
      </c>
      <c r="G21824" s="8">
        <v>135</v>
      </c>
      <c r="H21824" s="5">
        <v>6</v>
      </c>
      <c r="I21824" s="5" t="s">
        <v>1518</v>
      </c>
      <c r="J21824" s="5" t="s">
        <v>69038</v>
      </c>
      <c r="K21824" s="2" t="s">
        <v>69039</v>
      </c>
      <c r="L21824" s="5" t="s">
        <v>69038</v>
      </c>
      <c r="M21824" s="2" t="s">
        <v>69039</v>
      </c>
      <c r="N21824" s="5" t="s">
        <v>1521</v>
      </c>
      <c r="O21824" s="5" t="s">
        <v>38</v>
      </c>
      <c r="P21824" s="5" t="s">
        <v>39</v>
      </c>
      <c r="Q21824" s="5" t="s">
        <v>40</v>
      </c>
      <c r="R21824" s="5" t="s">
        <v>1522</v>
      </c>
      <c r="S21824" s="5" t="s">
        <v>1523</v>
      </c>
      <c r="T21824" s="5" t="s">
        <v>42</v>
      </c>
      <c r="U21824" s="2">
        <v>1.6890000000000001</v>
      </c>
      <c r="V21824" s="2">
        <v>1.286</v>
      </c>
      <c r="W21824" s="2">
        <v>1.0999999999999999E-2</v>
      </c>
      <c r="X21824" s="2">
        <v>139.1</v>
      </c>
      <c r="Y21824" s="2">
        <v>7.6</v>
      </c>
      <c r="Z21824" s="2">
        <v>10.6</v>
      </c>
      <c r="AA21824" s="5"/>
      <c r="AB21824" s="5" t="s">
        <v>43</v>
      </c>
      <c r="AC21824" s="5" t="s">
        <v>44</v>
      </c>
      <c r="AD21824" s="2"/>
      <c r="AE21824" s="1"/>
    </row>
    <row r="21825" spans="1:31" ht="14.45">
      <c r="A21825" s="11"/>
      <c r="B21825" s="20"/>
      <c r="C21825" s="2" t="s">
        <v>70343</v>
      </c>
      <c r="D21825" s="14" t="s">
        <v>70344</v>
      </c>
      <c r="E21825" s="2" t="s">
        <v>70345</v>
      </c>
      <c r="F21825" s="2" t="s">
        <v>7449</v>
      </c>
      <c r="G21825" s="8">
        <v>135</v>
      </c>
      <c r="H21825" s="5">
        <v>6</v>
      </c>
      <c r="I21825" s="5" t="s">
        <v>1518</v>
      </c>
      <c r="J21825" s="5" t="s">
        <v>69038</v>
      </c>
      <c r="K21825" s="2" t="s">
        <v>69039</v>
      </c>
      <c r="L21825" s="5" t="s">
        <v>69038</v>
      </c>
      <c r="M21825" s="2" t="s">
        <v>69039</v>
      </c>
      <c r="N21825" s="5" t="s">
        <v>1521</v>
      </c>
      <c r="O21825" s="5" t="s">
        <v>38</v>
      </c>
      <c r="P21825" s="5" t="s">
        <v>39</v>
      </c>
      <c r="Q21825" s="5" t="s">
        <v>40</v>
      </c>
      <c r="R21825" s="5" t="s">
        <v>1522</v>
      </c>
      <c r="S21825" s="5" t="s">
        <v>1523</v>
      </c>
      <c r="T21825" s="5" t="s">
        <v>42</v>
      </c>
      <c r="U21825" s="2">
        <v>1.613</v>
      </c>
      <c r="V21825" s="2">
        <v>1.21</v>
      </c>
      <c r="W21825" s="2">
        <v>1.0999999999999999E-2</v>
      </c>
      <c r="X21825" s="2">
        <v>139.1</v>
      </c>
      <c r="Y21825" s="2">
        <v>7.6</v>
      </c>
      <c r="Z21825" s="2">
        <v>10.6</v>
      </c>
      <c r="AA21825" s="5"/>
      <c r="AB21825" s="5" t="s">
        <v>43</v>
      </c>
      <c r="AC21825" s="5" t="s">
        <v>44</v>
      </c>
      <c r="AD21825" s="2"/>
      <c r="AE21825" s="1"/>
    </row>
    <row r="21826" spans="1:31" ht="14.45">
      <c r="A21826" s="11"/>
      <c r="B21826" s="20"/>
      <c r="C21826" s="2" t="s">
        <v>70346</v>
      </c>
      <c r="D21826" s="14" t="s">
        <v>70347</v>
      </c>
      <c r="E21826" s="2" t="s">
        <v>70348</v>
      </c>
      <c r="F21826" s="2" t="s">
        <v>7581</v>
      </c>
      <c r="G21826" s="8">
        <v>135</v>
      </c>
      <c r="H21826" s="5">
        <v>6</v>
      </c>
      <c r="I21826" s="5" t="s">
        <v>1518</v>
      </c>
      <c r="J21826" s="5" t="s">
        <v>69038</v>
      </c>
      <c r="K21826" s="2" t="s">
        <v>69039</v>
      </c>
      <c r="L21826" s="5" t="s">
        <v>69038</v>
      </c>
      <c r="M21826" s="2" t="s">
        <v>69039</v>
      </c>
      <c r="N21826" s="5" t="s">
        <v>1521</v>
      </c>
      <c r="O21826" s="5" t="s">
        <v>38</v>
      </c>
      <c r="P21826" s="5" t="s">
        <v>39</v>
      </c>
      <c r="Q21826" s="5" t="s">
        <v>40</v>
      </c>
      <c r="R21826" s="5" t="s">
        <v>1522</v>
      </c>
      <c r="S21826" s="5" t="s">
        <v>1523</v>
      </c>
      <c r="T21826" s="5" t="s">
        <v>42</v>
      </c>
      <c r="U21826" s="2">
        <v>1.6890000000000001</v>
      </c>
      <c r="V21826" s="2">
        <v>1.286</v>
      </c>
      <c r="W21826" s="2">
        <v>1.0999999999999999E-2</v>
      </c>
      <c r="X21826" s="2">
        <v>139.1</v>
      </c>
      <c r="Y21826" s="2">
        <v>7.6</v>
      </c>
      <c r="Z21826" s="2">
        <v>10.6</v>
      </c>
      <c r="AA21826" s="5"/>
      <c r="AB21826" s="5" t="s">
        <v>43</v>
      </c>
      <c r="AC21826" s="5" t="s">
        <v>44</v>
      </c>
      <c r="AD21826" s="2"/>
      <c r="AE21826" s="1"/>
    </row>
    <row r="21827" spans="1:31" ht="14.45">
      <c r="A21827" s="11"/>
      <c r="B21827" s="20"/>
      <c r="C21827" s="2" t="s">
        <v>70349</v>
      </c>
      <c r="D21827" s="14" t="s">
        <v>70350</v>
      </c>
      <c r="E21827" s="2" t="s">
        <v>70351</v>
      </c>
      <c r="F21827" s="2" t="s">
        <v>7585</v>
      </c>
      <c r="G21827" s="8">
        <v>135</v>
      </c>
      <c r="H21827" s="5">
        <v>6</v>
      </c>
      <c r="I21827" s="5" t="s">
        <v>1518</v>
      </c>
      <c r="J21827" s="5" t="s">
        <v>69038</v>
      </c>
      <c r="K21827" s="2" t="s">
        <v>69039</v>
      </c>
      <c r="L21827" s="5" t="s">
        <v>69038</v>
      </c>
      <c r="M21827" s="2" t="s">
        <v>69039</v>
      </c>
      <c r="N21827" s="5" t="s">
        <v>1521</v>
      </c>
      <c r="O21827" s="5" t="s">
        <v>38</v>
      </c>
      <c r="P21827" s="5" t="s">
        <v>39</v>
      </c>
      <c r="Q21827" s="5" t="s">
        <v>40</v>
      </c>
      <c r="R21827" s="5" t="s">
        <v>1522</v>
      </c>
      <c r="S21827" s="5" t="s">
        <v>1523</v>
      </c>
      <c r="T21827" s="5" t="s">
        <v>42</v>
      </c>
      <c r="U21827" s="2">
        <v>1.613</v>
      </c>
      <c r="V21827" s="2">
        <v>1.21</v>
      </c>
      <c r="W21827" s="2">
        <v>1.0999999999999999E-2</v>
      </c>
      <c r="X21827" s="2">
        <v>139.1</v>
      </c>
      <c r="Y21827" s="2">
        <v>7.6</v>
      </c>
      <c r="Z21827" s="2">
        <v>10.6</v>
      </c>
      <c r="AA21827" s="5"/>
      <c r="AB21827" s="5" t="s">
        <v>43</v>
      </c>
      <c r="AC21827" s="5" t="s">
        <v>44</v>
      </c>
      <c r="AD21827" s="2"/>
      <c r="AE21827" s="1"/>
    </row>
    <row r="21828" spans="1:31" ht="14.45">
      <c r="A21828" s="11"/>
      <c r="B21828" s="20"/>
      <c r="C21828" s="2" t="s">
        <v>70352</v>
      </c>
      <c r="D21828" s="14" t="s">
        <v>70353</v>
      </c>
      <c r="E21828" s="2" t="s">
        <v>70354</v>
      </c>
      <c r="F21828" s="2" t="s">
        <v>7589</v>
      </c>
      <c r="G21828" s="8">
        <v>135</v>
      </c>
      <c r="H21828" s="5">
        <v>6</v>
      </c>
      <c r="I21828" s="5" t="s">
        <v>1518</v>
      </c>
      <c r="J21828" s="5" t="s">
        <v>69038</v>
      </c>
      <c r="K21828" s="2" t="s">
        <v>69039</v>
      </c>
      <c r="L21828" s="5" t="s">
        <v>69038</v>
      </c>
      <c r="M21828" s="2" t="s">
        <v>69039</v>
      </c>
      <c r="N21828" s="5" t="s">
        <v>1521</v>
      </c>
      <c r="O21828" s="5" t="s">
        <v>38</v>
      </c>
      <c r="P21828" s="5" t="s">
        <v>39</v>
      </c>
      <c r="Q21828" s="5" t="s">
        <v>40</v>
      </c>
      <c r="R21828" s="5" t="s">
        <v>1522</v>
      </c>
      <c r="S21828" s="5" t="s">
        <v>1523</v>
      </c>
      <c r="T21828" s="5" t="s">
        <v>42</v>
      </c>
      <c r="U21828" s="2">
        <v>1.6890000000000001</v>
      </c>
      <c r="V21828" s="2">
        <v>1.286</v>
      </c>
      <c r="W21828" s="2">
        <v>1.0999999999999999E-2</v>
      </c>
      <c r="X21828" s="2">
        <v>139.1</v>
      </c>
      <c r="Y21828" s="2">
        <v>7.6</v>
      </c>
      <c r="Z21828" s="2">
        <v>10.6</v>
      </c>
      <c r="AA21828" s="5"/>
      <c r="AB21828" s="5" t="s">
        <v>43</v>
      </c>
      <c r="AC21828" s="5" t="s">
        <v>44</v>
      </c>
      <c r="AD21828" s="2"/>
      <c r="AE21828" s="1"/>
    </row>
    <row r="21829" spans="1:31" ht="14.45">
      <c r="A21829" s="11"/>
      <c r="B21829" s="20"/>
      <c r="C21829" s="2" t="s">
        <v>70355</v>
      </c>
      <c r="D21829" s="14" t="s">
        <v>70356</v>
      </c>
      <c r="E21829" s="2" t="s">
        <v>70357</v>
      </c>
      <c r="F21829" s="2" t="s">
        <v>7593</v>
      </c>
      <c r="G21829" s="8">
        <v>135</v>
      </c>
      <c r="H21829" s="5">
        <v>6</v>
      </c>
      <c r="I21829" s="5" t="s">
        <v>1518</v>
      </c>
      <c r="J21829" s="5" t="s">
        <v>69038</v>
      </c>
      <c r="K21829" s="2" t="s">
        <v>69039</v>
      </c>
      <c r="L21829" s="5" t="s">
        <v>69038</v>
      </c>
      <c r="M21829" s="2" t="s">
        <v>69039</v>
      </c>
      <c r="N21829" s="5" t="s">
        <v>1521</v>
      </c>
      <c r="O21829" s="5" t="s">
        <v>38</v>
      </c>
      <c r="P21829" s="5" t="s">
        <v>39</v>
      </c>
      <c r="Q21829" s="5" t="s">
        <v>40</v>
      </c>
      <c r="R21829" s="5" t="s">
        <v>1522</v>
      </c>
      <c r="S21829" s="5" t="s">
        <v>1523</v>
      </c>
      <c r="T21829" s="5" t="s">
        <v>42</v>
      </c>
      <c r="U21829" s="2">
        <v>1.613</v>
      </c>
      <c r="V21829" s="2">
        <v>1.21</v>
      </c>
      <c r="W21829" s="2">
        <v>1.0999999999999999E-2</v>
      </c>
      <c r="X21829" s="2">
        <v>139.1</v>
      </c>
      <c r="Y21829" s="2">
        <v>7.6</v>
      </c>
      <c r="Z21829" s="2">
        <v>10.6</v>
      </c>
      <c r="AA21829" s="5"/>
      <c r="AB21829" s="5" t="s">
        <v>43</v>
      </c>
      <c r="AC21829" s="5" t="s">
        <v>44</v>
      </c>
      <c r="AD21829" s="2"/>
      <c r="AE21829" s="1"/>
    </row>
    <row r="21830" spans="1:31" ht="14.45">
      <c r="A21830" s="11"/>
      <c r="B21830" s="20"/>
      <c r="C21830" s="2" t="s">
        <v>70358</v>
      </c>
      <c r="D21830" s="14" t="s">
        <v>70359</v>
      </c>
      <c r="E21830" s="2" t="s">
        <v>70360</v>
      </c>
      <c r="F21830" s="2" t="s">
        <v>7597</v>
      </c>
      <c r="G21830" s="8">
        <v>135</v>
      </c>
      <c r="H21830" s="5">
        <v>6</v>
      </c>
      <c r="I21830" s="5" t="s">
        <v>1518</v>
      </c>
      <c r="J21830" s="5" t="s">
        <v>69038</v>
      </c>
      <c r="K21830" s="2" t="s">
        <v>69039</v>
      </c>
      <c r="L21830" s="5" t="s">
        <v>69038</v>
      </c>
      <c r="M21830" s="2" t="s">
        <v>69039</v>
      </c>
      <c r="N21830" s="5" t="s">
        <v>1521</v>
      </c>
      <c r="O21830" s="5" t="s">
        <v>38</v>
      </c>
      <c r="P21830" s="5" t="s">
        <v>39</v>
      </c>
      <c r="Q21830" s="5" t="s">
        <v>40</v>
      </c>
      <c r="R21830" s="5" t="s">
        <v>1522</v>
      </c>
      <c r="S21830" s="5" t="s">
        <v>1523</v>
      </c>
      <c r="T21830" s="5" t="s">
        <v>42</v>
      </c>
      <c r="U21830" s="2">
        <v>1.6890000000000001</v>
      </c>
      <c r="V21830" s="2">
        <v>1.286</v>
      </c>
      <c r="W21830" s="2">
        <v>1.0999999999999999E-2</v>
      </c>
      <c r="X21830" s="2">
        <v>139.1</v>
      </c>
      <c r="Y21830" s="2">
        <v>7.6</v>
      </c>
      <c r="Z21830" s="2">
        <v>10.6</v>
      </c>
      <c r="AA21830" s="5"/>
      <c r="AB21830" s="5" t="s">
        <v>43</v>
      </c>
      <c r="AC21830" s="5" t="s">
        <v>44</v>
      </c>
      <c r="AD21830" s="2"/>
      <c r="AE21830" s="1"/>
    </row>
    <row r="21831" spans="1:31" ht="14.45">
      <c r="A21831" s="11"/>
      <c r="B21831" s="20"/>
      <c r="C21831" s="2" t="s">
        <v>70361</v>
      </c>
      <c r="D21831" s="14" t="s">
        <v>70362</v>
      </c>
      <c r="E21831" s="2" t="s">
        <v>70363</v>
      </c>
      <c r="F21831" s="2" t="s">
        <v>7433</v>
      </c>
      <c r="G21831" s="8">
        <v>135</v>
      </c>
      <c r="H21831" s="5">
        <v>6</v>
      </c>
      <c r="I21831" s="5" t="s">
        <v>1518</v>
      </c>
      <c r="J21831" s="5" t="s">
        <v>69038</v>
      </c>
      <c r="K21831" s="2" t="s">
        <v>69039</v>
      </c>
      <c r="L21831" s="5" t="s">
        <v>69038</v>
      </c>
      <c r="M21831" s="2" t="s">
        <v>69039</v>
      </c>
      <c r="N21831" s="5" t="s">
        <v>1521</v>
      </c>
      <c r="O21831" s="5" t="s">
        <v>38</v>
      </c>
      <c r="P21831" s="5" t="s">
        <v>39</v>
      </c>
      <c r="Q21831" s="5" t="s">
        <v>40</v>
      </c>
      <c r="R21831" s="5" t="s">
        <v>1522</v>
      </c>
      <c r="S21831" s="5" t="s">
        <v>1523</v>
      </c>
      <c r="T21831" s="5" t="s">
        <v>42</v>
      </c>
      <c r="U21831" s="2">
        <v>1.613</v>
      </c>
      <c r="V21831" s="2">
        <v>1.21</v>
      </c>
      <c r="W21831" s="2">
        <v>1.0999999999999999E-2</v>
      </c>
      <c r="X21831" s="2">
        <v>139.1</v>
      </c>
      <c r="Y21831" s="2">
        <v>7.6</v>
      </c>
      <c r="Z21831" s="2">
        <v>10.6</v>
      </c>
      <c r="AA21831" s="5"/>
      <c r="AB21831" s="5" t="s">
        <v>43</v>
      </c>
      <c r="AC21831" s="5" t="s">
        <v>44</v>
      </c>
      <c r="AD21831" s="2"/>
      <c r="AE21831" s="1"/>
    </row>
    <row r="21832" spans="1:31" ht="14.45">
      <c r="A21832" s="11"/>
      <c r="B21832" s="20"/>
      <c r="C21832" s="2" t="s">
        <v>70364</v>
      </c>
      <c r="D21832" s="14" t="s">
        <v>70365</v>
      </c>
      <c r="E21832" s="2" t="s">
        <v>70366</v>
      </c>
      <c r="F21832" s="2" t="s">
        <v>7611</v>
      </c>
      <c r="G21832" s="8">
        <v>135</v>
      </c>
      <c r="H21832" s="5">
        <v>6</v>
      </c>
      <c r="I21832" s="5" t="s">
        <v>1518</v>
      </c>
      <c r="J21832" s="5" t="s">
        <v>69038</v>
      </c>
      <c r="K21832" s="2" t="s">
        <v>69039</v>
      </c>
      <c r="L21832" s="5" t="s">
        <v>69038</v>
      </c>
      <c r="M21832" s="2" t="s">
        <v>69039</v>
      </c>
      <c r="N21832" s="5" t="s">
        <v>1521</v>
      </c>
      <c r="O21832" s="5" t="s">
        <v>38</v>
      </c>
      <c r="P21832" s="5" t="s">
        <v>39</v>
      </c>
      <c r="Q21832" s="5" t="s">
        <v>40</v>
      </c>
      <c r="R21832" s="5" t="s">
        <v>1522</v>
      </c>
      <c r="S21832" s="5" t="s">
        <v>1523</v>
      </c>
      <c r="T21832" s="5" t="s">
        <v>42</v>
      </c>
      <c r="U21832" s="2">
        <v>1.6890000000000001</v>
      </c>
      <c r="V21832" s="2">
        <v>1.286</v>
      </c>
      <c r="W21832" s="2">
        <v>1.0999999999999999E-2</v>
      </c>
      <c r="X21832" s="2">
        <v>139.1</v>
      </c>
      <c r="Y21832" s="2">
        <v>7.6</v>
      </c>
      <c r="Z21832" s="2">
        <v>10.6</v>
      </c>
      <c r="AA21832" s="5"/>
      <c r="AB21832" s="5" t="s">
        <v>43</v>
      </c>
      <c r="AC21832" s="5" t="s">
        <v>44</v>
      </c>
      <c r="AD21832" s="2"/>
      <c r="AE21832" s="1"/>
    </row>
    <row r="21833" spans="1:31" ht="14.45">
      <c r="A21833" s="11"/>
      <c r="B21833" s="20"/>
      <c r="C21833" s="2" t="s">
        <v>70367</v>
      </c>
      <c r="D21833" s="14" t="s">
        <v>70368</v>
      </c>
      <c r="E21833" s="2" t="s">
        <v>70369</v>
      </c>
      <c r="F21833" s="2" t="s">
        <v>7615</v>
      </c>
      <c r="G21833" s="8">
        <v>135</v>
      </c>
      <c r="H21833" s="5">
        <v>6</v>
      </c>
      <c r="I21833" s="5" t="s">
        <v>1518</v>
      </c>
      <c r="J21833" s="5" t="s">
        <v>69038</v>
      </c>
      <c r="K21833" s="2" t="s">
        <v>69039</v>
      </c>
      <c r="L21833" s="5" t="s">
        <v>69038</v>
      </c>
      <c r="M21833" s="2" t="s">
        <v>69039</v>
      </c>
      <c r="N21833" s="5" t="s">
        <v>1521</v>
      </c>
      <c r="O21833" s="5" t="s">
        <v>38</v>
      </c>
      <c r="P21833" s="5" t="s">
        <v>39</v>
      </c>
      <c r="Q21833" s="5" t="s">
        <v>40</v>
      </c>
      <c r="R21833" s="5" t="s">
        <v>1522</v>
      </c>
      <c r="S21833" s="5" t="s">
        <v>1523</v>
      </c>
      <c r="T21833" s="5" t="s">
        <v>42</v>
      </c>
      <c r="U21833" s="2">
        <v>1.613</v>
      </c>
      <c r="V21833" s="2">
        <v>1.21</v>
      </c>
      <c r="W21833" s="2">
        <v>1.0999999999999999E-2</v>
      </c>
      <c r="X21833" s="2">
        <v>139.1</v>
      </c>
      <c r="Y21833" s="2">
        <v>7.6</v>
      </c>
      <c r="Z21833" s="2">
        <v>10.6</v>
      </c>
      <c r="AA21833" s="5"/>
      <c r="AB21833" s="5" t="s">
        <v>43</v>
      </c>
      <c r="AC21833" s="5" t="s">
        <v>44</v>
      </c>
      <c r="AD21833" s="2"/>
      <c r="AE21833" s="1"/>
    </row>
    <row r="21834" spans="1:31" ht="14.45">
      <c r="A21834" s="11"/>
      <c r="B21834" s="20"/>
      <c r="C21834" s="2" t="s">
        <v>70370</v>
      </c>
      <c r="D21834" s="14" t="s">
        <v>70371</v>
      </c>
      <c r="E21834" s="2" t="s">
        <v>70372</v>
      </c>
      <c r="F21834" s="2" t="s">
        <v>7619</v>
      </c>
      <c r="G21834" s="8">
        <v>135</v>
      </c>
      <c r="H21834" s="5">
        <v>6</v>
      </c>
      <c r="I21834" s="5" t="s">
        <v>1518</v>
      </c>
      <c r="J21834" s="5" t="s">
        <v>69038</v>
      </c>
      <c r="K21834" s="2" t="s">
        <v>69039</v>
      </c>
      <c r="L21834" s="5" t="s">
        <v>69038</v>
      </c>
      <c r="M21834" s="2" t="s">
        <v>69039</v>
      </c>
      <c r="N21834" s="5" t="s">
        <v>1521</v>
      </c>
      <c r="O21834" s="5" t="s">
        <v>38</v>
      </c>
      <c r="P21834" s="5" t="s">
        <v>39</v>
      </c>
      <c r="Q21834" s="5" t="s">
        <v>40</v>
      </c>
      <c r="R21834" s="5" t="s">
        <v>1522</v>
      </c>
      <c r="S21834" s="5" t="s">
        <v>1523</v>
      </c>
      <c r="T21834" s="5" t="s">
        <v>42</v>
      </c>
      <c r="U21834" s="2">
        <v>1.6890000000000001</v>
      </c>
      <c r="V21834" s="2">
        <v>1.286</v>
      </c>
      <c r="W21834" s="2">
        <v>1.0999999999999999E-2</v>
      </c>
      <c r="X21834" s="2">
        <v>139.1</v>
      </c>
      <c r="Y21834" s="2">
        <v>7.6</v>
      </c>
      <c r="Z21834" s="2">
        <v>10.6</v>
      </c>
      <c r="AA21834" s="5"/>
      <c r="AB21834" s="5" t="s">
        <v>43</v>
      </c>
      <c r="AC21834" s="5" t="s">
        <v>44</v>
      </c>
      <c r="AD21834" s="2"/>
      <c r="AE21834" s="1"/>
    </row>
    <row r="21835" spans="1:31" ht="14.45">
      <c r="A21835" s="11"/>
      <c r="B21835" s="20"/>
      <c r="C21835" s="2" t="s">
        <v>70373</v>
      </c>
      <c r="D21835" s="14" t="s">
        <v>70374</v>
      </c>
      <c r="E21835" s="2" t="s">
        <v>70375</v>
      </c>
      <c r="F21835" s="2" t="s">
        <v>7410</v>
      </c>
      <c r="G21835" s="8">
        <v>135</v>
      </c>
      <c r="H21835" s="5">
        <v>6</v>
      </c>
      <c r="I21835" s="5" t="s">
        <v>1518</v>
      </c>
      <c r="J21835" s="5" t="s">
        <v>69038</v>
      </c>
      <c r="K21835" s="2" t="s">
        <v>69039</v>
      </c>
      <c r="L21835" s="5" t="s">
        <v>69038</v>
      </c>
      <c r="M21835" s="2" t="s">
        <v>69039</v>
      </c>
      <c r="N21835" s="5" t="s">
        <v>1521</v>
      </c>
      <c r="O21835" s="5" t="s">
        <v>38</v>
      </c>
      <c r="P21835" s="5" t="s">
        <v>39</v>
      </c>
      <c r="Q21835" s="5" t="s">
        <v>40</v>
      </c>
      <c r="R21835" s="5" t="s">
        <v>1522</v>
      </c>
      <c r="S21835" s="5" t="s">
        <v>1523</v>
      </c>
      <c r="T21835" s="5" t="s">
        <v>42</v>
      </c>
      <c r="U21835" s="2">
        <v>1.613</v>
      </c>
      <c r="V21835" s="2">
        <v>1.21</v>
      </c>
      <c r="W21835" s="2">
        <v>1.0999999999999999E-2</v>
      </c>
      <c r="X21835" s="2">
        <v>139.1</v>
      </c>
      <c r="Y21835" s="2">
        <v>7.6</v>
      </c>
      <c r="Z21835" s="2">
        <v>10.6</v>
      </c>
      <c r="AA21835" s="5"/>
      <c r="AB21835" s="5" t="s">
        <v>43</v>
      </c>
      <c r="AC21835" s="5" t="s">
        <v>44</v>
      </c>
      <c r="AD21835" s="2"/>
      <c r="AE21835" s="1"/>
    </row>
    <row r="21836" spans="1:31" ht="14.45">
      <c r="A21836" s="11"/>
      <c r="B21836" s="20"/>
      <c r="C21836" s="2" t="s">
        <v>70376</v>
      </c>
      <c r="D21836" s="14" t="s">
        <v>70377</v>
      </c>
      <c r="E21836" s="2" t="s">
        <v>70378</v>
      </c>
      <c r="F21836" s="2" t="s">
        <v>7604</v>
      </c>
      <c r="G21836" s="8">
        <v>135</v>
      </c>
      <c r="H21836" s="5">
        <v>6</v>
      </c>
      <c r="I21836" s="5" t="s">
        <v>1518</v>
      </c>
      <c r="J21836" s="5" t="s">
        <v>69038</v>
      </c>
      <c r="K21836" s="2" t="s">
        <v>69039</v>
      </c>
      <c r="L21836" s="5" t="s">
        <v>69038</v>
      </c>
      <c r="M21836" s="2" t="s">
        <v>69039</v>
      </c>
      <c r="N21836" s="5" t="s">
        <v>1521</v>
      </c>
      <c r="O21836" s="5" t="s">
        <v>38</v>
      </c>
      <c r="P21836" s="5" t="s">
        <v>39</v>
      </c>
      <c r="Q21836" s="5" t="s">
        <v>40</v>
      </c>
      <c r="R21836" s="5" t="s">
        <v>1522</v>
      </c>
      <c r="S21836" s="5" t="s">
        <v>1523</v>
      </c>
      <c r="T21836" s="5" t="s">
        <v>42</v>
      </c>
      <c r="U21836" s="2">
        <v>1.6890000000000001</v>
      </c>
      <c r="V21836" s="2">
        <v>1.286</v>
      </c>
      <c r="W21836" s="2">
        <v>1.0999999999999999E-2</v>
      </c>
      <c r="X21836" s="2">
        <v>139.1</v>
      </c>
      <c r="Y21836" s="2">
        <v>7.6</v>
      </c>
      <c r="Z21836" s="2">
        <v>10.6</v>
      </c>
      <c r="AA21836" s="5"/>
      <c r="AB21836" s="5" t="s">
        <v>43</v>
      </c>
      <c r="AC21836" s="5" t="s">
        <v>44</v>
      </c>
      <c r="AD21836" s="2"/>
      <c r="AE21836" s="1"/>
    </row>
    <row r="21837" spans="1:31" ht="14.45">
      <c r="A21837" s="11"/>
      <c r="B21837" s="20"/>
      <c r="C21837" s="2" t="s">
        <v>70379</v>
      </c>
      <c r="D21837" s="14" t="s">
        <v>70380</v>
      </c>
      <c r="E21837" s="2" t="s">
        <v>70381</v>
      </c>
      <c r="F21837" s="2" t="s">
        <v>7212</v>
      </c>
      <c r="G21837" s="8">
        <v>117</v>
      </c>
      <c r="H21837" s="5">
        <v>6</v>
      </c>
      <c r="I21837" s="5" t="s">
        <v>1518</v>
      </c>
      <c r="J21837" s="5" t="s">
        <v>69038</v>
      </c>
      <c r="K21837" s="2" t="s">
        <v>69039</v>
      </c>
      <c r="L21837" s="5" t="s">
        <v>69038</v>
      </c>
      <c r="M21837" s="2" t="s">
        <v>69039</v>
      </c>
      <c r="N21837" s="5" t="s">
        <v>1521</v>
      </c>
      <c r="O21837" s="5" t="s">
        <v>38</v>
      </c>
      <c r="P21837" s="5" t="s">
        <v>39</v>
      </c>
      <c r="Q21837" s="5" t="s">
        <v>40</v>
      </c>
      <c r="R21837" s="5" t="s">
        <v>1522</v>
      </c>
      <c r="S21837" s="5" t="s">
        <v>1523</v>
      </c>
      <c r="T21837" s="5" t="s">
        <v>42</v>
      </c>
      <c r="U21837" s="2">
        <v>1.613</v>
      </c>
      <c r="V21837" s="2">
        <v>1.21</v>
      </c>
      <c r="W21837" s="2">
        <v>1.0999999999999999E-2</v>
      </c>
      <c r="X21837" s="2">
        <v>139.1</v>
      </c>
      <c r="Y21837" s="2">
        <v>7.6</v>
      </c>
      <c r="Z21837" s="2">
        <v>10.6</v>
      </c>
      <c r="AA21837" s="5"/>
      <c r="AB21837" s="5" t="s">
        <v>43</v>
      </c>
      <c r="AC21837" s="5" t="s">
        <v>44</v>
      </c>
      <c r="AD21837" s="2"/>
      <c r="AE21837" s="1"/>
    </row>
    <row r="21838" spans="1:31" ht="14.45">
      <c r="A21838" s="11"/>
      <c r="B21838" s="20"/>
      <c r="C21838" s="2" t="s">
        <v>70382</v>
      </c>
      <c r="D21838" s="14" t="s">
        <v>70383</v>
      </c>
      <c r="E21838" s="2" t="s">
        <v>70384</v>
      </c>
      <c r="F21838" s="2" t="s">
        <v>7528</v>
      </c>
      <c r="G21838" s="8">
        <v>117</v>
      </c>
      <c r="H21838" s="5">
        <v>6</v>
      </c>
      <c r="I21838" s="5" t="s">
        <v>1518</v>
      </c>
      <c r="J21838" s="5" t="s">
        <v>69038</v>
      </c>
      <c r="K21838" s="2" t="s">
        <v>69039</v>
      </c>
      <c r="L21838" s="5" t="s">
        <v>69038</v>
      </c>
      <c r="M21838" s="2" t="s">
        <v>69039</v>
      </c>
      <c r="N21838" s="5" t="s">
        <v>1521</v>
      </c>
      <c r="O21838" s="5" t="s">
        <v>38</v>
      </c>
      <c r="P21838" s="5" t="s">
        <v>39</v>
      </c>
      <c r="Q21838" s="5" t="s">
        <v>40</v>
      </c>
      <c r="R21838" s="5" t="s">
        <v>1522</v>
      </c>
      <c r="S21838" s="5" t="s">
        <v>1523</v>
      </c>
      <c r="T21838" s="5" t="s">
        <v>42</v>
      </c>
      <c r="U21838" s="2">
        <v>1.6890000000000001</v>
      </c>
      <c r="V21838" s="2">
        <v>1.286</v>
      </c>
      <c r="W21838" s="2">
        <v>1.0999999999999999E-2</v>
      </c>
      <c r="X21838" s="2">
        <v>139.1</v>
      </c>
      <c r="Y21838" s="2">
        <v>7.6</v>
      </c>
      <c r="Z21838" s="2">
        <v>10.6</v>
      </c>
      <c r="AA21838" s="5"/>
      <c r="AB21838" s="5" t="s">
        <v>43</v>
      </c>
      <c r="AC21838" s="5" t="s">
        <v>44</v>
      </c>
      <c r="AD21838" s="2"/>
      <c r="AE21838" s="1"/>
    </row>
    <row r="21839" spans="1:31" ht="14.45">
      <c r="A21839" s="11"/>
      <c r="B21839" s="20"/>
      <c r="C21839" s="2" t="s">
        <v>70385</v>
      </c>
      <c r="D21839" s="14" t="s">
        <v>70386</v>
      </c>
      <c r="E21839" s="2" t="s">
        <v>70387</v>
      </c>
      <c r="F21839" s="2" t="s">
        <v>1863</v>
      </c>
      <c r="G21839" s="8">
        <v>135</v>
      </c>
      <c r="H21839" s="5">
        <v>6</v>
      </c>
      <c r="I21839" s="5" t="s">
        <v>1518</v>
      </c>
      <c r="J21839" s="5" t="s">
        <v>69038</v>
      </c>
      <c r="K21839" s="2" t="s">
        <v>69039</v>
      </c>
      <c r="L21839" s="5" t="s">
        <v>69038</v>
      </c>
      <c r="M21839" s="2" t="s">
        <v>69039</v>
      </c>
      <c r="N21839" s="5" t="s">
        <v>1521</v>
      </c>
      <c r="O21839" s="5" t="s">
        <v>38</v>
      </c>
      <c r="P21839" s="5" t="s">
        <v>39</v>
      </c>
      <c r="Q21839" s="5" t="s">
        <v>40</v>
      </c>
      <c r="R21839" s="5" t="s">
        <v>1522</v>
      </c>
      <c r="S21839" s="5" t="s">
        <v>1523</v>
      </c>
      <c r="T21839" s="5" t="s">
        <v>42</v>
      </c>
      <c r="U21839" s="2">
        <v>1.613</v>
      </c>
      <c r="V21839" s="2">
        <v>1.21</v>
      </c>
      <c r="W21839" s="2">
        <v>1.0999999999999999E-2</v>
      </c>
      <c r="X21839" s="2">
        <v>139.1</v>
      </c>
      <c r="Y21839" s="2">
        <v>7.6</v>
      </c>
      <c r="Z21839" s="2">
        <v>10.6</v>
      </c>
      <c r="AA21839" s="5"/>
      <c r="AB21839" s="5" t="s">
        <v>43</v>
      </c>
      <c r="AC21839" s="5" t="s">
        <v>44</v>
      </c>
      <c r="AD21839" s="2"/>
      <c r="AE21839" s="1"/>
    </row>
    <row r="21840" spans="1:31" ht="14.45">
      <c r="A21840" s="11"/>
      <c r="B21840" s="20"/>
      <c r="C21840" s="2" t="s">
        <v>70388</v>
      </c>
      <c r="D21840" s="14" t="s">
        <v>70389</v>
      </c>
      <c r="E21840" s="2" t="s">
        <v>70390</v>
      </c>
      <c r="F21840" s="2" t="s">
        <v>1867</v>
      </c>
      <c r="G21840" s="8">
        <v>135</v>
      </c>
      <c r="H21840" s="5">
        <v>6</v>
      </c>
      <c r="I21840" s="5" t="s">
        <v>1518</v>
      </c>
      <c r="J21840" s="5" t="s">
        <v>69038</v>
      </c>
      <c r="K21840" s="2" t="s">
        <v>69039</v>
      </c>
      <c r="L21840" s="5" t="s">
        <v>69038</v>
      </c>
      <c r="M21840" s="2" t="s">
        <v>69039</v>
      </c>
      <c r="N21840" s="5" t="s">
        <v>1521</v>
      </c>
      <c r="O21840" s="5" t="s">
        <v>38</v>
      </c>
      <c r="P21840" s="5" t="s">
        <v>39</v>
      </c>
      <c r="Q21840" s="5" t="s">
        <v>40</v>
      </c>
      <c r="R21840" s="5" t="s">
        <v>1522</v>
      </c>
      <c r="S21840" s="5" t="s">
        <v>1523</v>
      </c>
      <c r="T21840" s="5" t="s">
        <v>42</v>
      </c>
      <c r="U21840" s="2">
        <v>1.6890000000000001</v>
      </c>
      <c r="V21840" s="2">
        <v>1.286</v>
      </c>
      <c r="W21840" s="2">
        <v>1.0999999999999999E-2</v>
      </c>
      <c r="X21840" s="2">
        <v>139.1</v>
      </c>
      <c r="Y21840" s="2">
        <v>7.6</v>
      </c>
      <c r="Z21840" s="2">
        <v>10.6</v>
      </c>
      <c r="AA21840" s="5"/>
      <c r="AB21840" s="5" t="s">
        <v>43</v>
      </c>
      <c r="AC21840" s="5" t="s">
        <v>44</v>
      </c>
      <c r="AD21840" s="2"/>
      <c r="AE21840" s="1"/>
    </row>
    <row r="21841" spans="1:31" ht="14.45">
      <c r="A21841" s="11"/>
      <c r="B21841" s="20"/>
      <c r="C21841" s="2" t="s">
        <v>70391</v>
      </c>
      <c r="D21841" s="14" t="s">
        <v>70392</v>
      </c>
      <c r="E21841" s="2" t="s">
        <v>70393</v>
      </c>
      <c r="F21841" s="2" t="s">
        <v>7204</v>
      </c>
      <c r="G21841" s="8">
        <v>124</v>
      </c>
      <c r="H21841" s="5">
        <v>6</v>
      </c>
      <c r="I21841" s="5" t="s">
        <v>1518</v>
      </c>
      <c r="J21841" s="5" t="s">
        <v>69038</v>
      </c>
      <c r="K21841" s="2" t="s">
        <v>69039</v>
      </c>
      <c r="L21841" s="5" t="s">
        <v>69038</v>
      </c>
      <c r="M21841" s="2" t="s">
        <v>69039</v>
      </c>
      <c r="N21841" s="5" t="s">
        <v>1521</v>
      </c>
      <c r="O21841" s="5" t="s">
        <v>38</v>
      </c>
      <c r="P21841" s="5" t="s">
        <v>39</v>
      </c>
      <c r="Q21841" s="5" t="s">
        <v>40</v>
      </c>
      <c r="R21841" s="5" t="s">
        <v>1522</v>
      </c>
      <c r="S21841" s="5" t="s">
        <v>1523</v>
      </c>
      <c r="T21841" s="5" t="s">
        <v>42</v>
      </c>
      <c r="U21841" s="2">
        <v>1.762</v>
      </c>
      <c r="V21841" s="2">
        <v>1.3149999999999999</v>
      </c>
      <c r="W21841" s="2">
        <v>1.2999999999999999E-2</v>
      </c>
      <c r="X21841" s="2">
        <v>159.1</v>
      </c>
      <c r="Y21841" s="2">
        <v>7.6</v>
      </c>
      <c r="Z21841" s="2">
        <v>10.6</v>
      </c>
      <c r="AA21841" s="5"/>
      <c r="AB21841" s="5" t="s">
        <v>43</v>
      </c>
      <c r="AC21841" s="5" t="s">
        <v>44</v>
      </c>
      <c r="AD21841" s="2"/>
      <c r="AE21841" s="1"/>
    </row>
    <row r="21842" spans="1:31" ht="14.45">
      <c r="A21842" s="11"/>
      <c r="B21842" s="20"/>
      <c r="C21842" s="2" t="s">
        <v>70394</v>
      </c>
      <c r="D21842" s="14" t="s">
        <v>70395</v>
      </c>
      <c r="E21842" s="2" t="s">
        <v>70396</v>
      </c>
      <c r="F21842" s="2" t="s">
        <v>7514</v>
      </c>
      <c r="G21842" s="8">
        <v>124</v>
      </c>
      <c r="H21842" s="5">
        <v>6</v>
      </c>
      <c r="I21842" s="5" t="s">
        <v>1518</v>
      </c>
      <c r="J21842" s="5" t="s">
        <v>69038</v>
      </c>
      <c r="K21842" s="2" t="s">
        <v>69039</v>
      </c>
      <c r="L21842" s="5" t="s">
        <v>69038</v>
      </c>
      <c r="M21842" s="2" t="s">
        <v>69039</v>
      </c>
      <c r="N21842" s="5" t="s">
        <v>1521</v>
      </c>
      <c r="O21842" s="5" t="s">
        <v>38</v>
      </c>
      <c r="P21842" s="5" t="s">
        <v>39</v>
      </c>
      <c r="Q21842" s="5" t="s">
        <v>40</v>
      </c>
      <c r="R21842" s="5" t="s">
        <v>1522</v>
      </c>
      <c r="S21842" s="5" t="s">
        <v>1523</v>
      </c>
      <c r="T21842" s="5" t="s">
        <v>42</v>
      </c>
      <c r="U21842" s="2">
        <v>1.8480000000000001</v>
      </c>
      <c r="V21842" s="2">
        <v>1.401</v>
      </c>
      <c r="W21842" s="2">
        <v>1.2999999999999999E-2</v>
      </c>
      <c r="X21842" s="2">
        <v>159.1</v>
      </c>
      <c r="Y21842" s="2">
        <v>7.6</v>
      </c>
      <c r="Z21842" s="2">
        <v>10.6</v>
      </c>
      <c r="AA21842" s="5"/>
      <c r="AB21842" s="5" t="s">
        <v>43</v>
      </c>
      <c r="AC21842" s="5" t="s">
        <v>44</v>
      </c>
      <c r="AD21842" s="2"/>
      <c r="AE21842" s="1"/>
    </row>
    <row r="21843" spans="1:31" ht="14.45">
      <c r="A21843" s="11"/>
      <c r="B21843" s="20"/>
      <c r="C21843" s="2" t="s">
        <v>70397</v>
      </c>
      <c r="D21843" s="14" t="s">
        <v>70398</v>
      </c>
      <c r="E21843" s="2" t="s">
        <v>70399</v>
      </c>
      <c r="F21843" s="2" t="s">
        <v>7208</v>
      </c>
      <c r="G21843" s="8">
        <v>124</v>
      </c>
      <c r="H21843" s="5">
        <v>6</v>
      </c>
      <c r="I21843" s="5" t="s">
        <v>1518</v>
      </c>
      <c r="J21843" s="5" t="s">
        <v>69038</v>
      </c>
      <c r="K21843" s="2" t="s">
        <v>69039</v>
      </c>
      <c r="L21843" s="5" t="s">
        <v>69038</v>
      </c>
      <c r="M21843" s="2" t="s">
        <v>69039</v>
      </c>
      <c r="N21843" s="5" t="s">
        <v>1521</v>
      </c>
      <c r="O21843" s="5" t="s">
        <v>38</v>
      </c>
      <c r="P21843" s="5" t="s">
        <v>39</v>
      </c>
      <c r="Q21843" s="5" t="s">
        <v>40</v>
      </c>
      <c r="R21843" s="5" t="s">
        <v>1522</v>
      </c>
      <c r="S21843" s="5" t="s">
        <v>1523</v>
      </c>
      <c r="T21843" s="5" t="s">
        <v>42</v>
      </c>
      <c r="U21843" s="2">
        <v>1.762</v>
      </c>
      <c r="V21843" s="2">
        <v>1.3149999999999999</v>
      </c>
      <c r="W21843" s="2">
        <v>1.2999999999999999E-2</v>
      </c>
      <c r="X21843" s="2">
        <v>159.1</v>
      </c>
      <c r="Y21843" s="2">
        <v>7.6</v>
      </c>
      <c r="Z21843" s="2">
        <v>10.6</v>
      </c>
      <c r="AA21843" s="5"/>
      <c r="AB21843" s="5" t="s">
        <v>43</v>
      </c>
      <c r="AC21843" s="5" t="s">
        <v>44</v>
      </c>
      <c r="AD21843" s="2"/>
      <c r="AE21843" s="1"/>
    </row>
    <row r="21844" spans="1:31" ht="14.45">
      <c r="A21844" s="11"/>
      <c r="B21844" s="20"/>
      <c r="C21844" s="2" t="s">
        <v>70400</v>
      </c>
      <c r="D21844" s="14" t="s">
        <v>70401</v>
      </c>
      <c r="E21844" s="2" t="s">
        <v>70402</v>
      </c>
      <c r="F21844" s="2" t="s">
        <v>7521</v>
      </c>
      <c r="G21844" s="8">
        <v>124</v>
      </c>
      <c r="H21844" s="5">
        <v>6</v>
      </c>
      <c r="I21844" s="5" t="s">
        <v>1518</v>
      </c>
      <c r="J21844" s="5" t="s">
        <v>69038</v>
      </c>
      <c r="K21844" s="2" t="s">
        <v>69039</v>
      </c>
      <c r="L21844" s="5" t="s">
        <v>69038</v>
      </c>
      <c r="M21844" s="2" t="s">
        <v>69039</v>
      </c>
      <c r="N21844" s="5" t="s">
        <v>1521</v>
      </c>
      <c r="O21844" s="5" t="s">
        <v>38</v>
      </c>
      <c r="P21844" s="5" t="s">
        <v>39</v>
      </c>
      <c r="Q21844" s="5" t="s">
        <v>40</v>
      </c>
      <c r="R21844" s="5" t="s">
        <v>1522</v>
      </c>
      <c r="S21844" s="5" t="s">
        <v>1523</v>
      </c>
      <c r="T21844" s="5" t="s">
        <v>42</v>
      </c>
      <c r="U21844" s="2">
        <v>1.8480000000000001</v>
      </c>
      <c r="V21844" s="2">
        <v>1.401</v>
      </c>
      <c r="W21844" s="2">
        <v>1.2999999999999999E-2</v>
      </c>
      <c r="X21844" s="2">
        <v>159.1</v>
      </c>
      <c r="Y21844" s="2">
        <v>7.6</v>
      </c>
      <c r="Z21844" s="2">
        <v>10.6</v>
      </c>
      <c r="AA21844" s="5"/>
      <c r="AB21844" s="5" t="s">
        <v>43</v>
      </c>
      <c r="AC21844" s="5" t="s">
        <v>44</v>
      </c>
      <c r="AD21844" s="2"/>
      <c r="AE21844" s="1"/>
    </row>
    <row r="21845" spans="1:31" ht="14.45">
      <c r="A21845" s="11"/>
      <c r="B21845" s="20"/>
      <c r="C21845" s="2" t="s">
        <v>70403</v>
      </c>
      <c r="D21845" s="14" t="s">
        <v>70404</v>
      </c>
      <c r="E21845" s="2" t="s">
        <v>70405</v>
      </c>
      <c r="F21845" s="2" t="s">
        <v>7406</v>
      </c>
      <c r="G21845" s="8">
        <v>143</v>
      </c>
      <c r="H21845" s="5">
        <v>6</v>
      </c>
      <c r="I21845" s="5" t="s">
        <v>1518</v>
      </c>
      <c r="J21845" s="5" t="s">
        <v>69038</v>
      </c>
      <c r="K21845" s="2" t="s">
        <v>69039</v>
      </c>
      <c r="L21845" s="5" t="s">
        <v>69038</v>
      </c>
      <c r="M21845" s="2" t="s">
        <v>69039</v>
      </c>
      <c r="N21845" s="5" t="s">
        <v>1521</v>
      </c>
      <c r="O21845" s="5" t="s">
        <v>38</v>
      </c>
      <c r="P21845" s="5" t="s">
        <v>39</v>
      </c>
      <c r="Q21845" s="5" t="s">
        <v>40</v>
      </c>
      <c r="R21845" s="5" t="s">
        <v>1522</v>
      </c>
      <c r="S21845" s="5" t="s">
        <v>1523</v>
      </c>
      <c r="T21845" s="5" t="s">
        <v>42</v>
      </c>
      <c r="U21845" s="2">
        <v>1.762</v>
      </c>
      <c r="V21845" s="2">
        <v>1.3149999999999999</v>
      </c>
      <c r="W21845" s="2">
        <v>1.2999999999999999E-2</v>
      </c>
      <c r="X21845" s="2">
        <v>159.1</v>
      </c>
      <c r="Y21845" s="2">
        <v>7.6</v>
      </c>
      <c r="Z21845" s="2">
        <v>10.6</v>
      </c>
      <c r="AA21845" s="5"/>
      <c r="AB21845" s="5" t="s">
        <v>43</v>
      </c>
      <c r="AC21845" s="5" t="s">
        <v>44</v>
      </c>
      <c r="AD21845" s="2"/>
      <c r="AE21845" s="1"/>
    </row>
    <row r="21846" spans="1:31" ht="14.45">
      <c r="A21846" s="11"/>
      <c r="B21846" s="20"/>
      <c r="C21846" s="2" t="s">
        <v>70406</v>
      </c>
      <c r="D21846" s="14" t="s">
        <v>70407</v>
      </c>
      <c r="E21846" s="2" t="s">
        <v>70408</v>
      </c>
      <c r="F21846" s="2" t="s">
        <v>7535</v>
      </c>
      <c r="G21846" s="8">
        <v>143</v>
      </c>
      <c r="H21846" s="5">
        <v>6</v>
      </c>
      <c r="I21846" s="5" t="s">
        <v>1518</v>
      </c>
      <c r="J21846" s="5" t="s">
        <v>69038</v>
      </c>
      <c r="K21846" s="2" t="s">
        <v>69039</v>
      </c>
      <c r="L21846" s="5" t="s">
        <v>69038</v>
      </c>
      <c r="M21846" s="2" t="s">
        <v>69039</v>
      </c>
      <c r="N21846" s="5" t="s">
        <v>1521</v>
      </c>
      <c r="O21846" s="5" t="s">
        <v>38</v>
      </c>
      <c r="P21846" s="5" t="s">
        <v>39</v>
      </c>
      <c r="Q21846" s="5" t="s">
        <v>40</v>
      </c>
      <c r="R21846" s="5" t="s">
        <v>1522</v>
      </c>
      <c r="S21846" s="5" t="s">
        <v>1523</v>
      </c>
      <c r="T21846" s="5" t="s">
        <v>42</v>
      </c>
      <c r="U21846" s="2">
        <v>1.8480000000000001</v>
      </c>
      <c r="V21846" s="2">
        <v>1.401</v>
      </c>
      <c r="W21846" s="2">
        <v>1.2999999999999999E-2</v>
      </c>
      <c r="X21846" s="2">
        <v>159.1</v>
      </c>
      <c r="Y21846" s="2">
        <v>7.6</v>
      </c>
      <c r="Z21846" s="2">
        <v>10.6</v>
      </c>
      <c r="AA21846" s="5"/>
      <c r="AB21846" s="5" t="s">
        <v>43</v>
      </c>
      <c r="AC21846" s="5" t="s">
        <v>44</v>
      </c>
      <c r="AD21846" s="2"/>
      <c r="AE21846" s="1"/>
    </row>
    <row r="21847" spans="1:31" ht="14.45">
      <c r="A21847" s="11"/>
      <c r="B21847" s="20"/>
      <c r="C21847" s="2" t="s">
        <v>70409</v>
      </c>
      <c r="D21847" s="14" t="s">
        <v>70410</v>
      </c>
      <c r="E21847" s="2" t="s">
        <v>70411</v>
      </c>
      <c r="F21847" s="2" t="s">
        <v>7539</v>
      </c>
      <c r="G21847" s="8">
        <v>143</v>
      </c>
      <c r="H21847" s="5">
        <v>6</v>
      </c>
      <c r="I21847" s="5" t="s">
        <v>1518</v>
      </c>
      <c r="J21847" s="5" t="s">
        <v>69038</v>
      </c>
      <c r="K21847" s="2" t="s">
        <v>69039</v>
      </c>
      <c r="L21847" s="5" t="s">
        <v>69038</v>
      </c>
      <c r="M21847" s="2" t="s">
        <v>69039</v>
      </c>
      <c r="N21847" s="5" t="s">
        <v>1521</v>
      </c>
      <c r="O21847" s="5" t="s">
        <v>38</v>
      </c>
      <c r="P21847" s="5" t="s">
        <v>39</v>
      </c>
      <c r="Q21847" s="5" t="s">
        <v>40</v>
      </c>
      <c r="R21847" s="5" t="s">
        <v>1522</v>
      </c>
      <c r="S21847" s="5" t="s">
        <v>1523</v>
      </c>
      <c r="T21847" s="5" t="s">
        <v>42</v>
      </c>
      <c r="U21847" s="2">
        <v>1.762</v>
      </c>
      <c r="V21847" s="2">
        <v>1.3149999999999999</v>
      </c>
      <c r="W21847" s="2">
        <v>1.2999999999999999E-2</v>
      </c>
      <c r="X21847" s="2">
        <v>159.1</v>
      </c>
      <c r="Y21847" s="2">
        <v>7.6</v>
      </c>
      <c r="Z21847" s="2">
        <v>10.6</v>
      </c>
      <c r="AA21847" s="5"/>
      <c r="AB21847" s="5" t="s">
        <v>43</v>
      </c>
      <c r="AC21847" s="5" t="s">
        <v>44</v>
      </c>
      <c r="AD21847" s="2"/>
      <c r="AE21847" s="1"/>
    </row>
    <row r="21848" spans="1:31" ht="14.45">
      <c r="A21848" s="11"/>
      <c r="B21848" s="20"/>
      <c r="C21848" s="2" t="s">
        <v>70412</v>
      </c>
      <c r="D21848" s="14" t="s">
        <v>70413</v>
      </c>
      <c r="E21848" s="2" t="s">
        <v>70414</v>
      </c>
      <c r="F21848" s="2" t="s">
        <v>7543</v>
      </c>
      <c r="G21848" s="8">
        <v>143</v>
      </c>
      <c r="H21848" s="5">
        <v>6</v>
      </c>
      <c r="I21848" s="5" t="s">
        <v>1518</v>
      </c>
      <c r="J21848" s="5" t="s">
        <v>69038</v>
      </c>
      <c r="K21848" s="2" t="s">
        <v>69039</v>
      </c>
      <c r="L21848" s="5" t="s">
        <v>69038</v>
      </c>
      <c r="M21848" s="2" t="s">
        <v>69039</v>
      </c>
      <c r="N21848" s="5" t="s">
        <v>1521</v>
      </c>
      <c r="O21848" s="5" t="s">
        <v>38</v>
      </c>
      <c r="P21848" s="5" t="s">
        <v>39</v>
      </c>
      <c r="Q21848" s="5" t="s">
        <v>40</v>
      </c>
      <c r="R21848" s="5" t="s">
        <v>1522</v>
      </c>
      <c r="S21848" s="5" t="s">
        <v>1523</v>
      </c>
      <c r="T21848" s="5" t="s">
        <v>42</v>
      </c>
      <c r="U21848" s="2">
        <v>1.8480000000000001</v>
      </c>
      <c r="V21848" s="2">
        <v>1.401</v>
      </c>
      <c r="W21848" s="2">
        <v>1.2999999999999999E-2</v>
      </c>
      <c r="X21848" s="2">
        <v>159.1</v>
      </c>
      <c r="Y21848" s="2">
        <v>7.6</v>
      </c>
      <c r="Z21848" s="2">
        <v>10.6</v>
      </c>
      <c r="AA21848" s="5"/>
      <c r="AB21848" s="5" t="s">
        <v>43</v>
      </c>
      <c r="AC21848" s="5" t="s">
        <v>44</v>
      </c>
      <c r="AD21848" s="2"/>
      <c r="AE21848" s="1"/>
    </row>
    <row r="21849" spans="1:31" ht="14.45">
      <c r="A21849" s="11"/>
      <c r="B21849" s="20"/>
      <c r="C21849" s="2" t="s">
        <v>70415</v>
      </c>
      <c r="D21849" s="14" t="s">
        <v>70416</v>
      </c>
      <c r="E21849" s="2" t="s">
        <v>70417</v>
      </c>
      <c r="F21849" s="2" t="s">
        <v>7396</v>
      </c>
      <c r="G21849" s="8">
        <v>124</v>
      </c>
      <c r="H21849" s="5">
        <v>6</v>
      </c>
      <c r="I21849" s="5" t="s">
        <v>1518</v>
      </c>
      <c r="J21849" s="5" t="s">
        <v>69038</v>
      </c>
      <c r="K21849" s="2" t="s">
        <v>69039</v>
      </c>
      <c r="L21849" s="5" t="s">
        <v>69038</v>
      </c>
      <c r="M21849" s="2" t="s">
        <v>69039</v>
      </c>
      <c r="N21849" s="5" t="s">
        <v>1521</v>
      </c>
      <c r="O21849" s="5" t="s">
        <v>38</v>
      </c>
      <c r="P21849" s="5" t="s">
        <v>39</v>
      </c>
      <c r="Q21849" s="5" t="s">
        <v>40</v>
      </c>
      <c r="R21849" s="5" t="s">
        <v>1522</v>
      </c>
      <c r="S21849" s="5" t="s">
        <v>1523</v>
      </c>
      <c r="T21849" s="5" t="s">
        <v>42</v>
      </c>
      <c r="U21849" s="2">
        <v>1.762</v>
      </c>
      <c r="V21849" s="2">
        <v>1.3149999999999999</v>
      </c>
      <c r="W21849" s="2">
        <v>1.2999999999999999E-2</v>
      </c>
      <c r="X21849" s="2">
        <v>159.1</v>
      </c>
      <c r="Y21849" s="2">
        <v>7.6</v>
      </c>
      <c r="Z21849" s="2">
        <v>10.6</v>
      </c>
      <c r="AA21849" s="5"/>
      <c r="AB21849" s="5" t="s">
        <v>43</v>
      </c>
      <c r="AC21849" s="5" t="s">
        <v>44</v>
      </c>
      <c r="AD21849" s="2"/>
      <c r="AE21849" s="1"/>
    </row>
    <row r="21850" spans="1:31" ht="14.45">
      <c r="A21850" s="11"/>
      <c r="B21850" s="20"/>
      <c r="C21850" s="2" t="s">
        <v>70418</v>
      </c>
      <c r="D21850" s="14" t="s">
        <v>70419</v>
      </c>
      <c r="E21850" s="2" t="s">
        <v>70420</v>
      </c>
      <c r="F21850" s="2" t="s">
        <v>69112</v>
      </c>
      <c r="G21850" s="8">
        <v>124</v>
      </c>
      <c r="H21850" s="5">
        <v>6</v>
      </c>
      <c r="I21850" s="5" t="s">
        <v>1518</v>
      </c>
      <c r="J21850" s="5" t="s">
        <v>69038</v>
      </c>
      <c r="K21850" s="2" t="s">
        <v>69039</v>
      </c>
      <c r="L21850" s="5" t="s">
        <v>69038</v>
      </c>
      <c r="M21850" s="2" t="s">
        <v>69039</v>
      </c>
      <c r="N21850" s="5" t="s">
        <v>1521</v>
      </c>
      <c r="O21850" s="5" t="s">
        <v>38</v>
      </c>
      <c r="P21850" s="5" t="s">
        <v>39</v>
      </c>
      <c r="Q21850" s="5" t="s">
        <v>40</v>
      </c>
      <c r="R21850" s="5" t="s">
        <v>1522</v>
      </c>
      <c r="S21850" s="5" t="s">
        <v>1523</v>
      </c>
      <c r="T21850" s="5" t="s">
        <v>42</v>
      </c>
      <c r="U21850" s="2">
        <v>1.8480000000000001</v>
      </c>
      <c r="V21850" s="2">
        <v>1.401</v>
      </c>
      <c r="W21850" s="2">
        <v>1.2999999999999999E-2</v>
      </c>
      <c r="X21850" s="2">
        <v>159.1</v>
      </c>
      <c r="Y21850" s="2">
        <v>7.6</v>
      </c>
      <c r="Z21850" s="2">
        <v>10.6</v>
      </c>
      <c r="AA21850" s="5"/>
      <c r="AB21850" s="5" t="s">
        <v>43</v>
      </c>
      <c r="AC21850" s="5" t="s">
        <v>44</v>
      </c>
      <c r="AD21850" s="2"/>
      <c r="AE21850" s="1"/>
    </row>
    <row r="21851" spans="1:31" ht="14.45">
      <c r="A21851" s="11"/>
      <c r="B21851" s="20"/>
      <c r="C21851" s="2" t="s">
        <v>70421</v>
      </c>
      <c r="D21851" s="14" t="s">
        <v>70422</v>
      </c>
      <c r="E21851" s="2" t="s">
        <v>70423</v>
      </c>
      <c r="F21851" s="2" t="s">
        <v>7563</v>
      </c>
      <c r="G21851" s="8">
        <v>143</v>
      </c>
      <c r="H21851" s="5">
        <v>6</v>
      </c>
      <c r="I21851" s="5" t="s">
        <v>1518</v>
      </c>
      <c r="J21851" s="5" t="s">
        <v>69038</v>
      </c>
      <c r="K21851" s="2" t="s">
        <v>69039</v>
      </c>
      <c r="L21851" s="5" t="s">
        <v>69038</v>
      </c>
      <c r="M21851" s="2" t="s">
        <v>69039</v>
      </c>
      <c r="N21851" s="5" t="s">
        <v>1521</v>
      </c>
      <c r="O21851" s="5" t="s">
        <v>38</v>
      </c>
      <c r="P21851" s="5" t="s">
        <v>39</v>
      </c>
      <c r="Q21851" s="5" t="s">
        <v>40</v>
      </c>
      <c r="R21851" s="5" t="s">
        <v>1522</v>
      </c>
      <c r="S21851" s="5" t="s">
        <v>1523</v>
      </c>
      <c r="T21851" s="5" t="s">
        <v>42</v>
      </c>
      <c r="U21851" s="2">
        <v>1.762</v>
      </c>
      <c r="V21851" s="2">
        <v>1.3149999999999999</v>
      </c>
      <c r="W21851" s="2">
        <v>1.2999999999999999E-2</v>
      </c>
      <c r="X21851" s="2">
        <v>159.1</v>
      </c>
      <c r="Y21851" s="2">
        <v>7.6</v>
      </c>
      <c r="Z21851" s="2">
        <v>10.6</v>
      </c>
      <c r="AA21851" s="5"/>
      <c r="AB21851" s="5" t="s">
        <v>43</v>
      </c>
      <c r="AC21851" s="5" t="s">
        <v>44</v>
      </c>
      <c r="AD21851" s="2"/>
      <c r="AE21851" s="1"/>
    </row>
    <row r="21852" spans="1:31" ht="14.45">
      <c r="A21852" s="11"/>
      <c r="B21852" s="20"/>
      <c r="C21852" s="2" t="s">
        <v>70424</v>
      </c>
      <c r="D21852" s="14" t="s">
        <v>70425</v>
      </c>
      <c r="E21852" s="2" t="s">
        <v>70426</v>
      </c>
      <c r="F21852" s="2" t="s">
        <v>7567</v>
      </c>
      <c r="G21852" s="8">
        <v>143</v>
      </c>
      <c r="H21852" s="5">
        <v>6</v>
      </c>
      <c r="I21852" s="5" t="s">
        <v>1518</v>
      </c>
      <c r="J21852" s="5" t="s">
        <v>69038</v>
      </c>
      <c r="K21852" s="2" t="s">
        <v>69039</v>
      </c>
      <c r="L21852" s="5" t="s">
        <v>69038</v>
      </c>
      <c r="M21852" s="2" t="s">
        <v>69039</v>
      </c>
      <c r="N21852" s="5" t="s">
        <v>1521</v>
      </c>
      <c r="O21852" s="5" t="s">
        <v>38</v>
      </c>
      <c r="P21852" s="5" t="s">
        <v>39</v>
      </c>
      <c r="Q21852" s="5" t="s">
        <v>40</v>
      </c>
      <c r="R21852" s="5" t="s">
        <v>1522</v>
      </c>
      <c r="S21852" s="5" t="s">
        <v>1523</v>
      </c>
      <c r="T21852" s="5" t="s">
        <v>42</v>
      </c>
      <c r="U21852" s="2">
        <v>1.8480000000000001</v>
      </c>
      <c r="V21852" s="2">
        <v>1.401</v>
      </c>
      <c r="W21852" s="2">
        <v>1.2999999999999999E-2</v>
      </c>
      <c r="X21852" s="2">
        <v>159.1</v>
      </c>
      <c r="Y21852" s="2">
        <v>7.6</v>
      </c>
      <c r="Z21852" s="2">
        <v>10.6</v>
      </c>
      <c r="AA21852" s="5"/>
      <c r="AB21852" s="5" t="s">
        <v>43</v>
      </c>
      <c r="AC21852" s="5" t="s">
        <v>44</v>
      </c>
      <c r="AD21852" s="2"/>
      <c r="AE21852" s="1"/>
    </row>
    <row r="21853" spans="1:31" ht="14.45">
      <c r="A21853" s="11"/>
      <c r="B21853" s="20"/>
      <c r="C21853" s="2" t="s">
        <v>70427</v>
      </c>
      <c r="D21853" s="14" t="s">
        <v>70428</v>
      </c>
      <c r="E21853" s="2" t="s">
        <v>70429</v>
      </c>
      <c r="F21853" s="2" t="s">
        <v>7449</v>
      </c>
      <c r="G21853" s="8">
        <v>143</v>
      </c>
      <c r="H21853" s="5">
        <v>6</v>
      </c>
      <c r="I21853" s="5" t="s">
        <v>1518</v>
      </c>
      <c r="J21853" s="5" t="s">
        <v>69038</v>
      </c>
      <c r="K21853" s="2" t="s">
        <v>69039</v>
      </c>
      <c r="L21853" s="5" t="s">
        <v>69038</v>
      </c>
      <c r="M21853" s="2" t="s">
        <v>69039</v>
      </c>
      <c r="N21853" s="5" t="s">
        <v>1521</v>
      </c>
      <c r="O21853" s="5" t="s">
        <v>38</v>
      </c>
      <c r="P21853" s="5" t="s">
        <v>39</v>
      </c>
      <c r="Q21853" s="5" t="s">
        <v>40</v>
      </c>
      <c r="R21853" s="5" t="s">
        <v>1522</v>
      </c>
      <c r="S21853" s="5" t="s">
        <v>1523</v>
      </c>
      <c r="T21853" s="5" t="s">
        <v>42</v>
      </c>
      <c r="U21853" s="2">
        <v>1.762</v>
      </c>
      <c r="V21853" s="2">
        <v>1.3149999999999999</v>
      </c>
      <c r="W21853" s="2">
        <v>1.2999999999999999E-2</v>
      </c>
      <c r="X21853" s="2">
        <v>159.1</v>
      </c>
      <c r="Y21853" s="2">
        <v>7.6</v>
      </c>
      <c r="Z21853" s="2">
        <v>10.6</v>
      </c>
      <c r="AA21853" s="5"/>
      <c r="AB21853" s="5" t="s">
        <v>43</v>
      </c>
      <c r="AC21853" s="5" t="s">
        <v>44</v>
      </c>
      <c r="AD21853" s="2"/>
      <c r="AE21853" s="1"/>
    </row>
    <row r="21854" spans="1:31" ht="14.45">
      <c r="A21854" s="11"/>
      <c r="B21854" s="20"/>
      <c r="C21854" s="2" t="s">
        <v>70430</v>
      </c>
      <c r="D21854" s="14" t="s">
        <v>70431</v>
      </c>
      <c r="E21854" s="2" t="s">
        <v>70432</v>
      </c>
      <c r="F21854" s="2" t="s">
        <v>7581</v>
      </c>
      <c r="G21854" s="8">
        <v>143</v>
      </c>
      <c r="H21854" s="5">
        <v>6</v>
      </c>
      <c r="I21854" s="5" t="s">
        <v>1518</v>
      </c>
      <c r="J21854" s="5" t="s">
        <v>69038</v>
      </c>
      <c r="K21854" s="2" t="s">
        <v>69039</v>
      </c>
      <c r="L21854" s="5" t="s">
        <v>69038</v>
      </c>
      <c r="M21854" s="2" t="s">
        <v>69039</v>
      </c>
      <c r="N21854" s="5" t="s">
        <v>1521</v>
      </c>
      <c r="O21854" s="5" t="s">
        <v>38</v>
      </c>
      <c r="P21854" s="5" t="s">
        <v>39</v>
      </c>
      <c r="Q21854" s="5" t="s">
        <v>40</v>
      </c>
      <c r="R21854" s="5" t="s">
        <v>1522</v>
      </c>
      <c r="S21854" s="5" t="s">
        <v>1523</v>
      </c>
      <c r="T21854" s="5" t="s">
        <v>42</v>
      </c>
      <c r="U21854" s="2">
        <v>1.8480000000000001</v>
      </c>
      <c r="V21854" s="2">
        <v>1.401</v>
      </c>
      <c r="W21854" s="2">
        <v>1.2999999999999999E-2</v>
      </c>
      <c r="X21854" s="2">
        <v>159.1</v>
      </c>
      <c r="Y21854" s="2">
        <v>7.6</v>
      </c>
      <c r="Z21854" s="2">
        <v>10.6</v>
      </c>
      <c r="AA21854" s="5"/>
      <c r="AB21854" s="5" t="s">
        <v>43</v>
      </c>
      <c r="AC21854" s="5" t="s">
        <v>44</v>
      </c>
      <c r="AD21854" s="2"/>
      <c r="AE21854" s="1"/>
    </row>
    <row r="21855" spans="1:31" ht="14.45">
      <c r="A21855" s="11"/>
      <c r="B21855" s="20"/>
      <c r="C21855" s="2" t="s">
        <v>70433</v>
      </c>
      <c r="D21855" s="14" t="s">
        <v>70434</v>
      </c>
      <c r="E21855" s="2" t="s">
        <v>70435</v>
      </c>
      <c r="F21855" s="2" t="s">
        <v>7589</v>
      </c>
      <c r="G21855" s="8">
        <v>143</v>
      </c>
      <c r="H21855" s="5">
        <v>6</v>
      </c>
      <c r="I21855" s="5" t="s">
        <v>1518</v>
      </c>
      <c r="J21855" s="5" t="s">
        <v>69038</v>
      </c>
      <c r="K21855" s="2" t="s">
        <v>69039</v>
      </c>
      <c r="L21855" s="5" t="s">
        <v>69038</v>
      </c>
      <c r="M21855" s="2" t="s">
        <v>69039</v>
      </c>
      <c r="N21855" s="5" t="s">
        <v>1521</v>
      </c>
      <c r="O21855" s="5" t="s">
        <v>38</v>
      </c>
      <c r="P21855" s="5" t="s">
        <v>39</v>
      </c>
      <c r="Q21855" s="5" t="s">
        <v>40</v>
      </c>
      <c r="R21855" s="5" t="s">
        <v>1522</v>
      </c>
      <c r="S21855" s="5" t="s">
        <v>1523</v>
      </c>
      <c r="T21855" s="5" t="s">
        <v>42</v>
      </c>
      <c r="U21855" s="2">
        <v>1.8480000000000001</v>
      </c>
      <c r="V21855" s="2">
        <v>1.401</v>
      </c>
      <c r="W21855" s="2">
        <v>1.2999999999999999E-2</v>
      </c>
      <c r="X21855" s="2">
        <v>159.1</v>
      </c>
      <c r="Y21855" s="2">
        <v>7.6</v>
      </c>
      <c r="Z21855" s="2">
        <v>10.6</v>
      </c>
      <c r="AA21855" s="5"/>
      <c r="AB21855" s="5" t="s">
        <v>43</v>
      </c>
      <c r="AC21855" s="5" t="s">
        <v>44</v>
      </c>
      <c r="AD21855" s="2"/>
      <c r="AE21855" s="1"/>
    </row>
    <row r="21856" spans="1:31" ht="14.45">
      <c r="A21856" s="11"/>
      <c r="B21856" s="20"/>
      <c r="C21856" s="2" t="s">
        <v>70436</v>
      </c>
      <c r="D21856" s="14" t="s">
        <v>70437</v>
      </c>
      <c r="E21856" s="2" t="s">
        <v>70438</v>
      </c>
      <c r="F21856" s="2" t="s">
        <v>7433</v>
      </c>
      <c r="G21856" s="8">
        <v>143</v>
      </c>
      <c r="H21856" s="5">
        <v>6</v>
      </c>
      <c r="I21856" s="5" t="s">
        <v>1518</v>
      </c>
      <c r="J21856" s="5" t="s">
        <v>69038</v>
      </c>
      <c r="K21856" s="2" t="s">
        <v>69039</v>
      </c>
      <c r="L21856" s="5" t="s">
        <v>69038</v>
      </c>
      <c r="M21856" s="2" t="s">
        <v>69039</v>
      </c>
      <c r="N21856" s="5" t="s">
        <v>1521</v>
      </c>
      <c r="O21856" s="5" t="s">
        <v>38</v>
      </c>
      <c r="P21856" s="5" t="s">
        <v>39</v>
      </c>
      <c r="Q21856" s="5" t="s">
        <v>40</v>
      </c>
      <c r="R21856" s="5" t="s">
        <v>1522</v>
      </c>
      <c r="S21856" s="5" t="s">
        <v>1523</v>
      </c>
      <c r="T21856" s="5" t="s">
        <v>42</v>
      </c>
      <c r="U21856" s="2">
        <v>1.762</v>
      </c>
      <c r="V21856" s="2">
        <v>1.3149999999999999</v>
      </c>
      <c r="W21856" s="2">
        <v>1.2999999999999999E-2</v>
      </c>
      <c r="X21856" s="2">
        <v>159.1</v>
      </c>
      <c r="Y21856" s="2">
        <v>7.6</v>
      </c>
      <c r="Z21856" s="2">
        <v>10.6</v>
      </c>
      <c r="AA21856" s="5"/>
      <c r="AB21856" s="5" t="s">
        <v>43</v>
      </c>
      <c r="AC21856" s="5" t="s">
        <v>44</v>
      </c>
      <c r="AD21856" s="2"/>
      <c r="AE21856" s="1"/>
    </row>
    <row r="21857" spans="1:31" ht="14.45">
      <c r="A21857" s="11"/>
      <c r="B21857" s="20"/>
      <c r="C21857" s="2" t="s">
        <v>70439</v>
      </c>
      <c r="D21857" s="14" t="s">
        <v>70440</v>
      </c>
      <c r="E21857" s="2" t="s">
        <v>70441</v>
      </c>
      <c r="F21857" s="2" t="s">
        <v>7611</v>
      </c>
      <c r="G21857" s="8">
        <v>143</v>
      </c>
      <c r="H21857" s="5">
        <v>6</v>
      </c>
      <c r="I21857" s="5" t="s">
        <v>1518</v>
      </c>
      <c r="J21857" s="5" t="s">
        <v>69038</v>
      </c>
      <c r="K21857" s="2" t="s">
        <v>69039</v>
      </c>
      <c r="L21857" s="5" t="s">
        <v>69038</v>
      </c>
      <c r="M21857" s="2" t="s">
        <v>69039</v>
      </c>
      <c r="N21857" s="5" t="s">
        <v>1521</v>
      </c>
      <c r="O21857" s="5" t="s">
        <v>38</v>
      </c>
      <c r="P21857" s="5" t="s">
        <v>39</v>
      </c>
      <c r="Q21857" s="5" t="s">
        <v>40</v>
      </c>
      <c r="R21857" s="5" t="s">
        <v>1522</v>
      </c>
      <c r="S21857" s="5" t="s">
        <v>1523</v>
      </c>
      <c r="T21857" s="5" t="s">
        <v>42</v>
      </c>
      <c r="U21857" s="2">
        <v>1.8480000000000001</v>
      </c>
      <c r="V21857" s="2">
        <v>1.401</v>
      </c>
      <c r="W21857" s="2">
        <v>1.2999999999999999E-2</v>
      </c>
      <c r="X21857" s="2">
        <v>159.1</v>
      </c>
      <c r="Y21857" s="2">
        <v>7.6</v>
      </c>
      <c r="Z21857" s="2">
        <v>10.6</v>
      </c>
      <c r="AA21857" s="5"/>
      <c r="AB21857" s="5" t="s">
        <v>43</v>
      </c>
      <c r="AC21857" s="5" t="s">
        <v>44</v>
      </c>
      <c r="AD21857" s="2"/>
      <c r="AE21857" s="1"/>
    </row>
    <row r="21858" spans="1:31" ht="14.45">
      <c r="A21858" s="11"/>
      <c r="B21858" s="20"/>
      <c r="C21858" s="2" t="s">
        <v>70442</v>
      </c>
      <c r="D21858" s="14" t="s">
        <v>70443</v>
      </c>
      <c r="E21858" s="2" t="s">
        <v>70444</v>
      </c>
      <c r="F21858" s="2" t="s">
        <v>7619</v>
      </c>
      <c r="G21858" s="8">
        <v>143</v>
      </c>
      <c r="H21858" s="5">
        <v>6</v>
      </c>
      <c r="I21858" s="5" t="s">
        <v>1518</v>
      </c>
      <c r="J21858" s="5" t="s">
        <v>69038</v>
      </c>
      <c r="K21858" s="2" t="s">
        <v>69039</v>
      </c>
      <c r="L21858" s="5" t="s">
        <v>69038</v>
      </c>
      <c r="M21858" s="2" t="s">
        <v>69039</v>
      </c>
      <c r="N21858" s="5" t="s">
        <v>1521</v>
      </c>
      <c r="O21858" s="5" t="s">
        <v>38</v>
      </c>
      <c r="P21858" s="5" t="s">
        <v>39</v>
      </c>
      <c r="Q21858" s="5" t="s">
        <v>40</v>
      </c>
      <c r="R21858" s="5" t="s">
        <v>1522</v>
      </c>
      <c r="S21858" s="5" t="s">
        <v>1523</v>
      </c>
      <c r="T21858" s="5" t="s">
        <v>42</v>
      </c>
      <c r="U21858" s="2">
        <v>1.8480000000000001</v>
      </c>
      <c r="V21858" s="2">
        <v>1.401</v>
      </c>
      <c r="W21858" s="2">
        <v>1.2999999999999999E-2</v>
      </c>
      <c r="X21858" s="2">
        <v>159.1</v>
      </c>
      <c r="Y21858" s="2">
        <v>7.6</v>
      </c>
      <c r="Z21858" s="2">
        <v>10.6</v>
      </c>
      <c r="AA21858" s="5"/>
      <c r="AB21858" s="5" t="s">
        <v>43</v>
      </c>
      <c r="AC21858" s="5" t="s">
        <v>44</v>
      </c>
      <c r="AD21858" s="2"/>
      <c r="AE21858" s="1"/>
    </row>
    <row r="21859" spans="1:31" ht="14.45">
      <c r="A21859" s="11"/>
      <c r="B21859" s="20"/>
      <c r="C21859" s="2" t="s">
        <v>70445</v>
      </c>
      <c r="D21859" s="14" t="s">
        <v>70446</v>
      </c>
      <c r="E21859" s="2" t="s">
        <v>70447</v>
      </c>
      <c r="F21859" s="2" t="s">
        <v>7212</v>
      </c>
      <c r="G21859" s="8">
        <v>124</v>
      </c>
      <c r="H21859" s="5">
        <v>6</v>
      </c>
      <c r="I21859" s="5" t="s">
        <v>1518</v>
      </c>
      <c r="J21859" s="5" t="s">
        <v>69038</v>
      </c>
      <c r="K21859" s="2" t="s">
        <v>69039</v>
      </c>
      <c r="L21859" s="5" t="s">
        <v>69038</v>
      </c>
      <c r="M21859" s="2" t="s">
        <v>69039</v>
      </c>
      <c r="N21859" s="5" t="s">
        <v>1521</v>
      </c>
      <c r="O21859" s="5" t="s">
        <v>38</v>
      </c>
      <c r="P21859" s="5" t="s">
        <v>39</v>
      </c>
      <c r="Q21859" s="5" t="s">
        <v>40</v>
      </c>
      <c r="R21859" s="5" t="s">
        <v>1522</v>
      </c>
      <c r="S21859" s="5" t="s">
        <v>1523</v>
      </c>
      <c r="T21859" s="5" t="s">
        <v>42</v>
      </c>
      <c r="U21859" s="2">
        <v>1.762</v>
      </c>
      <c r="V21859" s="2">
        <v>1.3149999999999999</v>
      </c>
      <c r="W21859" s="2">
        <v>1.2999999999999999E-2</v>
      </c>
      <c r="X21859" s="2">
        <v>159.1</v>
      </c>
      <c r="Y21859" s="2">
        <v>7.6</v>
      </c>
      <c r="Z21859" s="2">
        <v>10.6</v>
      </c>
      <c r="AA21859" s="5"/>
      <c r="AB21859" s="5" t="s">
        <v>43</v>
      </c>
      <c r="AC21859" s="5" t="s">
        <v>44</v>
      </c>
      <c r="AD21859" s="2"/>
      <c r="AE21859" s="1"/>
    </row>
    <row r="21860" spans="1:31" ht="14.45">
      <c r="A21860" s="11"/>
      <c r="B21860" s="20"/>
      <c r="C21860" s="2" t="s">
        <v>70448</v>
      </c>
      <c r="D21860" s="14" t="s">
        <v>70449</v>
      </c>
      <c r="E21860" s="2" t="s">
        <v>70450</v>
      </c>
      <c r="F21860" s="2" t="s">
        <v>7528</v>
      </c>
      <c r="G21860" s="8">
        <v>124</v>
      </c>
      <c r="H21860" s="5">
        <v>6</v>
      </c>
      <c r="I21860" s="5" t="s">
        <v>1518</v>
      </c>
      <c r="J21860" s="5" t="s">
        <v>69038</v>
      </c>
      <c r="K21860" s="2" t="s">
        <v>69039</v>
      </c>
      <c r="L21860" s="5" t="s">
        <v>69038</v>
      </c>
      <c r="M21860" s="2" t="s">
        <v>69039</v>
      </c>
      <c r="N21860" s="5" t="s">
        <v>1521</v>
      </c>
      <c r="O21860" s="5" t="s">
        <v>38</v>
      </c>
      <c r="P21860" s="5" t="s">
        <v>39</v>
      </c>
      <c r="Q21860" s="5" t="s">
        <v>40</v>
      </c>
      <c r="R21860" s="5" t="s">
        <v>1522</v>
      </c>
      <c r="S21860" s="5" t="s">
        <v>1523</v>
      </c>
      <c r="T21860" s="5" t="s">
        <v>42</v>
      </c>
      <c r="U21860" s="2">
        <v>1.8480000000000001</v>
      </c>
      <c r="V21860" s="2">
        <v>1.401</v>
      </c>
      <c r="W21860" s="2">
        <v>1.2999999999999999E-2</v>
      </c>
      <c r="X21860" s="2">
        <v>159.1</v>
      </c>
      <c r="Y21860" s="2">
        <v>7.6</v>
      </c>
      <c r="Z21860" s="2">
        <v>10.6</v>
      </c>
      <c r="AA21860" s="5"/>
      <c r="AB21860" s="5" t="s">
        <v>43</v>
      </c>
      <c r="AC21860" s="5" t="s">
        <v>44</v>
      </c>
      <c r="AD21860" s="2"/>
      <c r="AE21860" s="1"/>
    </row>
    <row r="21861" spans="1:31" ht="14.45">
      <c r="A21861" s="11"/>
      <c r="B21861" s="20"/>
      <c r="C21861" s="2" t="s">
        <v>70451</v>
      </c>
      <c r="D21861" s="14" t="s">
        <v>70452</v>
      </c>
      <c r="E21861" s="2" t="s">
        <v>70453</v>
      </c>
      <c r="F21861" s="2" t="s">
        <v>1863</v>
      </c>
      <c r="G21861" s="8">
        <v>143</v>
      </c>
      <c r="H21861" s="5">
        <v>6</v>
      </c>
      <c r="I21861" s="5" t="s">
        <v>1518</v>
      </c>
      <c r="J21861" s="5" t="s">
        <v>69038</v>
      </c>
      <c r="K21861" s="2" t="s">
        <v>69039</v>
      </c>
      <c r="L21861" s="5" t="s">
        <v>69038</v>
      </c>
      <c r="M21861" s="2" t="s">
        <v>69039</v>
      </c>
      <c r="N21861" s="5" t="s">
        <v>1521</v>
      </c>
      <c r="O21861" s="5" t="s">
        <v>38</v>
      </c>
      <c r="P21861" s="5" t="s">
        <v>39</v>
      </c>
      <c r="Q21861" s="5" t="s">
        <v>40</v>
      </c>
      <c r="R21861" s="5" t="s">
        <v>1522</v>
      </c>
      <c r="S21861" s="5" t="s">
        <v>1523</v>
      </c>
      <c r="T21861" s="5" t="s">
        <v>42</v>
      </c>
      <c r="U21861" s="2">
        <v>1.762</v>
      </c>
      <c r="V21861" s="2">
        <v>1.3149999999999999</v>
      </c>
      <c r="W21861" s="2">
        <v>1.2999999999999999E-2</v>
      </c>
      <c r="X21861" s="2">
        <v>159.1</v>
      </c>
      <c r="Y21861" s="2">
        <v>7.6</v>
      </c>
      <c r="Z21861" s="2">
        <v>10.6</v>
      </c>
      <c r="AA21861" s="5"/>
      <c r="AB21861" s="5" t="s">
        <v>43</v>
      </c>
      <c r="AC21861" s="5" t="s">
        <v>44</v>
      </c>
      <c r="AD21861" s="2"/>
      <c r="AE21861" s="1"/>
    </row>
    <row r="21862" spans="1:31" ht="14.45">
      <c r="A21862" s="11"/>
      <c r="B21862" s="20"/>
      <c r="C21862" s="2" t="s">
        <v>70454</v>
      </c>
      <c r="D21862" s="14" t="s">
        <v>70455</v>
      </c>
      <c r="E21862" s="2" t="s">
        <v>70456</v>
      </c>
      <c r="F21862" s="2" t="s">
        <v>1867</v>
      </c>
      <c r="G21862" s="8">
        <v>143</v>
      </c>
      <c r="H21862" s="5">
        <v>6</v>
      </c>
      <c r="I21862" s="5" t="s">
        <v>1518</v>
      </c>
      <c r="J21862" s="5" t="s">
        <v>69038</v>
      </c>
      <c r="K21862" s="2" t="s">
        <v>69039</v>
      </c>
      <c r="L21862" s="5" t="s">
        <v>69038</v>
      </c>
      <c r="M21862" s="2" t="s">
        <v>69039</v>
      </c>
      <c r="N21862" s="5" t="s">
        <v>1521</v>
      </c>
      <c r="O21862" s="5" t="s">
        <v>38</v>
      </c>
      <c r="P21862" s="5" t="s">
        <v>39</v>
      </c>
      <c r="Q21862" s="5" t="s">
        <v>40</v>
      </c>
      <c r="R21862" s="5" t="s">
        <v>1522</v>
      </c>
      <c r="S21862" s="5" t="s">
        <v>1523</v>
      </c>
      <c r="T21862" s="5" t="s">
        <v>42</v>
      </c>
      <c r="U21862" s="2">
        <v>1.8480000000000001</v>
      </c>
      <c r="V21862" s="2">
        <v>1.401</v>
      </c>
      <c r="W21862" s="2">
        <v>1.2999999999999999E-2</v>
      </c>
      <c r="X21862" s="2">
        <v>159.1</v>
      </c>
      <c r="Y21862" s="2">
        <v>7.6</v>
      </c>
      <c r="Z21862" s="2">
        <v>10.6</v>
      </c>
      <c r="AA21862" s="5"/>
      <c r="AB21862" s="5" t="s">
        <v>43</v>
      </c>
      <c r="AC21862" s="5" t="s">
        <v>44</v>
      </c>
      <c r="AD21862" s="2"/>
      <c r="AE21862" s="1"/>
    </row>
    <row r="21863" spans="1:31" ht="14.45">
      <c r="A21863" s="11"/>
      <c r="B21863" s="20"/>
      <c r="C21863" s="2" t="s">
        <v>70457</v>
      </c>
      <c r="D21863" s="14" t="s">
        <v>70458</v>
      </c>
      <c r="E21863" s="2" t="s">
        <v>70459</v>
      </c>
      <c r="F21863" s="2" t="s">
        <v>7204</v>
      </c>
      <c r="G21863" s="8">
        <v>135</v>
      </c>
      <c r="H21863" s="5">
        <v>6</v>
      </c>
      <c r="I21863" s="5" t="s">
        <v>1518</v>
      </c>
      <c r="J21863" s="5" t="s">
        <v>69038</v>
      </c>
      <c r="K21863" s="2" t="s">
        <v>69039</v>
      </c>
      <c r="L21863" s="5" t="s">
        <v>69038</v>
      </c>
      <c r="M21863" s="2" t="s">
        <v>69039</v>
      </c>
      <c r="N21863" s="5" t="s">
        <v>1521</v>
      </c>
      <c r="O21863" s="5" t="s">
        <v>38</v>
      </c>
      <c r="P21863" s="5" t="s">
        <v>39</v>
      </c>
      <c r="Q21863" s="5" t="s">
        <v>40</v>
      </c>
      <c r="R21863" s="5" t="s">
        <v>1522</v>
      </c>
      <c r="S21863" s="5" t="s">
        <v>1523</v>
      </c>
      <c r="T21863" s="5" t="s">
        <v>42</v>
      </c>
      <c r="U21863" s="2">
        <v>1.9339999999999999</v>
      </c>
      <c r="V21863" s="2">
        <v>1.417</v>
      </c>
      <c r="W21863" s="2">
        <v>1.2999999999999999E-2</v>
      </c>
      <c r="X21863" s="2">
        <v>165.1</v>
      </c>
      <c r="Y21863" s="2">
        <v>7.6</v>
      </c>
      <c r="Z21863" s="2">
        <v>10.6</v>
      </c>
      <c r="AA21863" s="5"/>
      <c r="AB21863" s="5" t="s">
        <v>43</v>
      </c>
      <c r="AC21863" s="5" t="s">
        <v>44</v>
      </c>
      <c r="AD21863" s="2"/>
      <c r="AE21863" s="1"/>
    </row>
    <row r="21864" spans="1:31" ht="14.45">
      <c r="A21864" s="11"/>
      <c r="B21864" s="20"/>
      <c r="C21864" s="2" t="s">
        <v>70460</v>
      </c>
      <c r="D21864" s="14" t="s">
        <v>70461</v>
      </c>
      <c r="E21864" s="2" t="s">
        <v>70462</v>
      </c>
      <c r="F21864" s="2" t="s">
        <v>7514</v>
      </c>
      <c r="G21864" s="8">
        <v>135</v>
      </c>
      <c r="H21864" s="5">
        <v>6</v>
      </c>
      <c r="I21864" s="5" t="s">
        <v>1518</v>
      </c>
      <c r="J21864" s="5" t="s">
        <v>69038</v>
      </c>
      <c r="K21864" s="2" t="s">
        <v>69039</v>
      </c>
      <c r="L21864" s="5" t="s">
        <v>69038</v>
      </c>
      <c r="M21864" s="2" t="s">
        <v>69039</v>
      </c>
      <c r="N21864" s="5" t="s">
        <v>1521</v>
      </c>
      <c r="O21864" s="5" t="s">
        <v>38</v>
      </c>
      <c r="P21864" s="5" t="s">
        <v>39</v>
      </c>
      <c r="Q21864" s="5" t="s">
        <v>40</v>
      </c>
      <c r="R21864" s="5" t="s">
        <v>1522</v>
      </c>
      <c r="S21864" s="5" t="s">
        <v>1523</v>
      </c>
      <c r="T21864" s="5" t="s">
        <v>42</v>
      </c>
      <c r="U21864" s="2">
        <v>2.0299999999999998</v>
      </c>
      <c r="V21864" s="2">
        <v>1.5129999999999999</v>
      </c>
      <c r="W21864" s="2">
        <v>1.2999999999999999E-2</v>
      </c>
      <c r="X21864" s="2">
        <v>165.1</v>
      </c>
      <c r="Y21864" s="2">
        <v>7.6</v>
      </c>
      <c r="Z21864" s="2">
        <v>10.6</v>
      </c>
      <c r="AA21864" s="5"/>
      <c r="AB21864" s="5" t="s">
        <v>43</v>
      </c>
      <c r="AC21864" s="5" t="s">
        <v>44</v>
      </c>
      <c r="AD21864" s="2"/>
      <c r="AE21864" s="1"/>
    </row>
    <row r="21865" spans="1:31" ht="14.45">
      <c r="A21865" s="11"/>
      <c r="B21865" s="20"/>
      <c r="C21865" s="2" t="s">
        <v>70463</v>
      </c>
      <c r="D21865" s="14" t="s">
        <v>70464</v>
      </c>
      <c r="E21865" s="2" t="s">
        <v>70465</v>
      </c>
      <c r="F21865" s="2" t="s">
        <v>7208</v>
      </c>
      <c r="G21865" s="8">
        <v>135</v>
      </c>
      <c r="H21865" s="5">
        <v>6</v>
      </c>
      <c r="I21865" s="5" t="s">
        <v>1518</v>
      </c>
      <c r="J21865" s="5" t="s">
        <v>69038</v>
      </c>
      <c r="K21865" s="2" t="s">
        <v>69039</v>
      </c>
      <c r="L21865" s="5" t="s">
        <v>69038</v>
      </c>
      <c r="M21865" s="2" t="s">
        <v>69039</v>
      </c>
      <c r="N21865" s="5" t="s">
        <v>1521</v>
      </c>
      <c r="O21865" s="5" t="s">
        <v>38</v>
      </c>
      <c r="P21865" s="5" t="s">
        <v>39</v>
      </c>
      <c r="Q21865" s="5" t="s">
        <v>40</v>
      </c>
      <c r="R21865" s="5" t="s">
        <v>1522</v>
      </c>
      <c r="S21865" s="5" t="s">
        <v>1523</v>
      </c>
      <c r="T21865" s="5" t="s">
        <v>42</v>
      </c>
      <c r="U21865" s="2">
        <v>1.9339999999999999</v>
      </c>
      <c r="V21865" s="2">
        <v>1.417</v>
      </c>
      <c r="W21865" s="2">
        <v>1.2999999999999999E-2</v>
      </c>
      <c r="X21865" s="2">
        <v>165.1</v>
      </c>
      <c r="Y21865" s="2">
        <v>7.6</v>
      </c>
      <c r="Z21865" s="2">
        <v>10.6</v>
      </c>
      <c r="AA21865" s="5"/>
      <c r="AB21865" s="5" t="s">
        <v>43</v>
      </c>
      <c r="AC21865" s="5" t="s">
        <v>44</v>
      </c>
      <c r="AD21865" s="2"/>
      <c r="AE21865" s="1"/>
    </row>
    <row r="21866" spans="1:31" ht="14.45">
      <c r="A21866" s="11"/>
      <c r="B21866" s="20"/>
      <c r="C21866" s="2" t="s">
        <v>70466</v>
      </c>
      <c r="D21866" s="14" t="s">
        <v>70467</v>
      </c>
      <c r="E21866" s="2" t="s">
        <v>70468</v>
      </c>
      <c r="F21866" s="2" t="s">
        <v>69112</v>
      </c>
      <c r="G21866" s="8">
        <v>135</v>
      </c>
      <c r="H21866" s="5">
        <v>6</v>
      </c>
      <c r="I21866" s="5" t="s">
        <v>1518</v>
      </c>
      <c r="J21866" s="5" t="s">
        <v>69038</v>
      </c>
      <c r="K21866" s="2" t="s">
        <v>69039</v>
      </c>
      <c r="L21866" s="5" t="s">
        <v>69038</v>
      </c>
      <c r="M21866" s="2" t="s">
        <v>69039</v>
      </c>
      <c r="N21866" s="5" t="s">
        <v>1521</v>
      </c>
      <c r="O21866" s="5" t="s">
        <v>38</v>
      </c>
      <c r="P21866" s="5" t="s">
        <v>39</v>
      </c>
      <c r="Q21866" s="5" t="s">
        <v>40</v>
      </c>
      <c r="R21866" s="5" t="s">
        <v>1522</v>
      </c>
      <c r="S21866" s="5" t="s">
        <v>1523</v>
      </c>
      <c r="T21866" s="5" t="s">
        <v>42</v>
      </c>
      <c r="U21866" s="2">
        <v>2.0299999999999998</v>
      </c>
      <c r="V21866" s="2">
        <v>1.5129999999999999</v>
      </c>
      <c r="W21866" s="2">
        <v>1.2999999999999999E-2</v>
      </c>
      <c r="X21866" s="2">
        <v>165.1</v>
      </c>
      <c r="Y21866" s="2">
        <v>7.6</v>
      </c>
      <c r="Z21866" s="2">
        <v>10.6</v>
      </c>
      <c r="AA21866" s="5"/>
      <c r="AB21866" s="5" t="s">
        <v>43</v>
      </c>
      <c r="AC21866" s="5" t="s">
        <v>44</v>
      </c>
      <c r="AD21866" s="2"/>
      <c r="AE21866" s="1"/>
    </row>
    <row r="21867" spans="1:31" ht="14.45">
      <c r="A21867" s="11"/>
      <c r="B21867" s="20"/>
      <c r="C21867" s="2" t="s">
        <v>70469</v>
      </c>
      <c r="D21867" s="14" t="s">
        <v>70470</v>
      </c>
      <c r="E21867" s="2" t="s">
        <v>70471</v>
      </c>
      <c r="F21867" s="2" t="s">
        <v>7611</v>
      </c>
      <c r="G21867" s="8">
        <v>155</v>
      </c>
      <c r="H21867" s="5">
        <v>6</v>
      </c>
      <c r="I21867" s="5" t="s">
        <v>1518</v>
      </c>
      <c r="J21867" s="5" t="s">
        <v>69038</v>
      </c>
      <c r="K21867" s="2" t="s">
        <v>69039</v>
      </c>
      <c r="L21867" s="5" t="s">
        <v>69038</v>
      </c>
      <c r="M21867" s="2" t="s">
        <v>69039</v>
      </c>
      <c r="N21867" s="5" t="s">
        <v>1521</v>
      </c>
      <c r="O21867" s="5" t="s">
        <v>38</v>
      </c>
      <c r="P21867" s="5" t="s">
        <v>39</v>
      </c>
      <c r="Q21867" s="5" t="s">
        <v>40</v>
      </c>
      <c r="R21867" s="5" t="s">
        <v>1522</v>
      </c>
      <c r="S21867" s="5" t="s">
        <v>1523</v>
      </c>
      <c r="T21867" s="5" t="s">
        <v>42</v>
      </c>
      <c r="U21867" s="2">
        <v>2.0299999999999998</v>
      </c>
      <c r="V21867" s="2">
        <v>1.5129999999999999</v>
      </c>
      <c r="W21867" s="2">
        <v>1.2999999999999999E-2</v>
      </c>
      <c r="X21867" s="2">
        <v>165.1</v>
      </c>
      <c r="Y21867" s="2">
        <v>7.6</v>
      </c>
      <c r="Z21867" s="2">
        <v>10.6</v>
      </c>
      <c r="AA21867" s="5"/>
      <c r="AB21867" s="5" t="s">
        <v>43</v>
      </c>
      <c r="AC21867" s="5" t="s">
        <v>44</v>
      </c>
      <c r="AD21867" s="2"/>
      <c r="AE21867" s="1"/>
    </row>
    <row r="21868" spans="1:31" ht="14.45">
      <c r="A21868" s="11"/>
      <c r="B21868" s="20"/>
      <c r="C21868" s="2" t="s">
        <v>70472</v>
      </c>
      <c r="D21868" s="14" t="s">
        <v>70473</v>
      </c>
      <c r="E21868" s="2" t="s">
        <v>70474</v>
      </c>
      <c r="F21868" s="2" t="s">
        <v>1863</v>
      </c>
      <c r="G21868" s="8">
        <v>155</v>
      </c>
      <c r="H21868" s="5">
        <v>6</v>
      </c>
      <c r="I21868" s="5" t="s">
        <v>1518</v>
      </c>
      <c r="J21868" s="5" t="s">
        <v>69038</v>
      </c>
      <c r="K21868" s="2" t="s">
        <v>69039</v>
      </c>
      <c r="L21868" s="5" t="s">
        <v>69038</v>
      </c>
      <c r="M21868" s="2" t="s">
        <v>69039</v>
      </c>
      <c r="N21868" s="5" t="s">
        <v>1521</v>
      </c>
      <c r="O21868" s="5" t="s">
        <v>38</v>
      </c>
      <c r="P21868" s="5" t="s">
        <v>39</v>
      </c>
      <c r="Q21868" s="5" t="s">
        <v>40</v>
      </c>
      <c r="R21868" s="5" t="s">
        <v>1522</v>
      </c>
      <c r="S21868" s="5" t="s">
        <v>1523</v>
      </c>
      <c r="T21868" s="5" t="s">
        <v>42</v>
      </c>
      <c r="U21868" s="2">
        <v>1.9339999999999999</v>
      </c>
      <c r="V21868" s="2">
        <v>1.417</v>
      </c>
      <c r="W21868" s="2">
        <v>1.2999999999999999E-2</v>
      </c>
      <c r="X21868" s="2">
        <v>165.1</v>
      </c>
      <c r="Y21868" s="2">
        <v>7.6</v>
      </c>
      <c r="Z21868" s="2">
        <v>10.6</v>
      </c>
      <c r="AA21868" s="5"/>
      <c r="AB21868" s="5" t="s">
        <v>43</v>
      </c>
      <c r="AC21868" s="5" t="s">
        <v>44</v>
      </c>
      <c r="AD21868" s="2"/>
      <c r="AE21868" s="1"/>
    </row>
    <row r="21869" spans="1:31" ht="14.45">
      <c r="A21869" s="11"/>
      <c r="B21869" s="20"/>
      <c r="C21869" s="2" t="s">
        <v>70475</v>
      </c>
      <c r="D21869" s="14" t="s">
        <v>70476</v>
      </c>
      <c r="E21869" s="2" t="s">
        <v>70477</v>
      </c>
      <c r="F21869" s="2" t="s">
        <v>1867</v>
      </c>
      <c r="G21869" s="8">
        <v>155</v>
      </c>
      <c r="H21869" s="5">
        <v>6</v>
      </c>
      <c r="I21869" s="5" t="s">
        <v>1518</v>
      </c>
      <c r="J21869" s="5" t="s">
        <v>69038</v>
      </c>
      <c r="K21869" s="2" t="s">
        <v>69039</v>
      </c>
      <c r="L21869" s="5" t="s">
        <v>69038</v>
      </c>
      <c r="M21869" s="2" t="s">
        <v>69039</v>
      </c>
      <c r="N21869" s="5" t="s">
        <v>1521</v>
      </c>
      <c r="O21869" s="5" t="s">
        <v>38</v>
      </c>
      <c r="P21869" s="5" t="s">
        <v>39</v>
      </c>
      <c r="Q21869" s="5" t="s">
        <v>40</v>
      </c>
      <c r="R21869" s="5" t="s">
        <v>1522</v>
      </c>
      <c r="S21869" s="5" t="s">
        <v>1523</v>
      </c>
      <c r="T21869" s="5" t="s">
        <v>42</v>
      </c>
      <c r="U21869" s="2">
        <v>2.0299999999999998</v>
      </c>
      <c r="V21869" s="2">
        <v>1.5129999999999999</v>
      </c>
      <c r="W21869" s="2">
        <v>1.2999999999999999E-2</v>
      </c>
      <c r="X21869" s="2">
        <v>165.1</v>
      </c>
      <c r="Y21869" s="2">
        <v>7.6</v>
      </c>
      <c r="Z21869" s="2">
        <v>10.6</v>
      </c>
      <c r="AA21869" s="5"/>
      <c r="AB21869" s="5" t="s">
        <v>43</v>
      </c>
      <c r="AC21869" s="5" t="s">
        <v>44</v>
      </c>
      <c r="AD21869" s="2"/>
      <c r="AE21869" s="1"/>
    </row>
    <row r="21870" spans="1:31" ht="14.45">
      <c r="A21870" s="11"/>
      <c r="B21870" s="20"/>
      <c r="C21870" s="2" t="s">
        <v>70478</v>
      </c>
      <c r="D21870" s="14" t="s">
        <v>70479</v>
      </c>
      <c r="E21870" s="2" t="s">
        <v>70480</v>
      </c>
      <c r="F21870" s="2" t="s">
        <v>7204</v>
      </c>
      <c r="G21870" s="8">
        <v>122</v>
      </c>
      <c r="H21870" s="5">
        <v>6</v>
      </c>
      <c r="I21870" s="5" t="s">
        <v>1518</v>
      </c>
      <c r="J21870" s="5" t="s">
        <v>69038</v>
      </c>
      <c r="K21870" s="2" t="s">
        <v>69039</v>
      </c>
      <c r="L21870" s="5" t="s">
        <v>69038</v>
      </c>
      <c r="M21870" s="2" t="s">
        <v>69039</v>
      </c>
      <c r="N21870" s="5" t="s">
        <v>1521</v>
      </c>
      <c r="O21870" s="5" t="s">
        <v>38</v>
      </c>
      <c r="P21870" s="5" t="s">
        <v>39</v>
      </c>
      <c r="Q21870" s="5" t="s">
        <v>40</v>
      </c>
      <c r="R21870" s="5" t="s">
        <v>1522</v>
      </c>
      <c r="S21870" s="5" t="s">
        <v>1523</v>
      </c>
      <c r="T21870" s="5" t="s">
        <v>42</v>
      </c>
      <c r="U21870" s="2">
        <v>1.4379999999999999</v>
      </c>
      <c r="V21870" s="2">
        <v>1.1060000000000001</v>
      </c>
      <c r="W21870" s="2">
        <v>8.0000000000000002E-3</v>
      </c>
      <c r="X21870" s="2">
        <v>99.1</v>
      </c>
      <c r="Y21870" s="2">
        <v>7.6</v>
      </c>
      <c r="Z21870" s="2">
        <v>10.6</v>
      </c>
      <c r="AA21870" s="5"/>
      <c r="AB21870" s="5" t="s">
        <v>43</v>
      </c>
      <c r="AC21870" s="5" t="s">
        <v>44</v>
      </c>
      <c r="AD21870" s="2"/>
      <c r="AE21870" s="1"/>
    </row>
    <row r="21871" spans="1:31" ht="14.45">
      <c r="A21871" s="11"/>
      <c r="B21871" s="20"/>
      <c r="C21871" s="2" t="s">
        <v>70481</v>
      </c>
      <c r="D21871" s="14" t="s">
        <v>70482</v>
      </c>
      <c r="E21871" s="2" t="s">
        <v>70483</v>
      </c>
      <c r="F21871" s="2" t="s">
        <v>7514</v>
      </c>
      <c r="G21871" s="8">
        <v>122</v>
      </c>
      <c r="H21871" s="5">
        <v>6</v>
      </c>
      <c r="I21871" s="5" t="s">
        <v>1518</v>
      </c>
      <c r="J21871" s="5" t="s">
        <v>69038</v>
      </c>
      <c r="K21871" s="2" t="s">
        <v>69039</v>
      </c>
      <c r="L21871" s="5" t="s">
        <v>69038</v>
      </c>
      <c r="M21871" s="2" t="s">
        <v>69039</v>
      </c>
      <c r="N21871" s="5" t="s">
        <v>1521</v>
      </c>
      <c r="O21871" s="5" t="s">
        <v>38</v>
      </c>
      <c r="P21871" s="5" t="s">
        <v>39</v>
      </c>
      <c r="Q21871" s="5" t="s">
        <v>40</v>
      </c>
      <c r="R21871" s="5" t="s">
        <v>1522</v>
      </c>
      <c r="S21871" s="5" t="s">
        <v>1523</v>
      </c>
      <c r="T21871" s="5" t="s">
        <v>42</v>
      </c>
      <c r="U21871" s="2">
        <v>1.4950000000000001</v>
      </c>
      <c r="V21871" s="2">
        <v>1.163</v>
      </c>
      <c r="W21871" s="2">
        <v>8.0000000000000002E-3</v>
      </c>
      <c r="X21871" s="2">
        <v>99.1</v>
      </c>
      <c r="Y21871" s="2">
        <v>7.6</v>
      </c>
      <c r="Z21871" s="2">
        <v>10.6</v>
      </c>
      <c r="AA21871" s="5"/>
      <c r="AB21871" s="5" t="s">
        <v>43</v>
      </c>
      <c r="AC21871" s="5" t="s">
        <v>44</v>
      </c>
      <c r="AD21871" s="2"/>
      <c r="AE21871" s="1"/>
    </row>
    <row r="21872" spans="1:31" ht="14.45">
      <c r="A21872" s="11"/>
      <c r="B21872" s="20"/>
      <c r="C21872" s="2" t="s">
        <v>70484</v>
      </c>
      <c r="D21872" s="14" t="s">
        <v>70485</v>
      </c>
      <c r="E21872" s="2" t="s">
        <v>70486</v>
      </c>
      <c r="F21872" s="2" t="s">
        <v>7208</v>
      </c>
      <c r="G21872" s="8">
        <v>122</v>
      </c>
      <c r="H21872" s="5">
        <v>6</v>
      </c>
      <c r="I21872" s="5" t="s">
        <v>1518</v>
      </c>
      <c r="J21872" s="5" t="s">
        <v>69038</v>
      </c>
      <c r="K21872" s="2" t="s">
        <v>69039</v>
      </c>
      <c r="L21872" s="5" t="s">
        <v>69038</v>
      </c>
      <c r="M21872" s="2" t="s">
        <v>69039</v>
      </c>
      <c r="N21872" s="5" t="s">
        <v>1521</v>
      </c>
      <c r="O21872" s="5" t="s">
        <v>38</v>
      </c>
      <c r="P21872" s="5" t="s">
        <v>39</v>
      </c>
      <c r="Q21872" s="5" t="s">
        <v>40</v>
      </c>
      <c r="R21872" s="5" t="s">
        <v>1522</v>
      </c>
      <c r="S21872" s="5" t="s">
        <v>1523</v>
      </c>
      <c r="T21872" s="5" t="s">
        <v>42</v>
      </c>
      <c r="U21872" s="2">
        <v>1.4379999999999999</v>
      </c>
      <c r="V21872" s="2">
        <v>1.1060000000000001</v>
      </c>
      <c r="W21872" s="2">
        <v>8.0000000000000002E-3</v>
      </c>
      <c r="X21872" s="2">
        <v>99.1</v>
      </c>
      <c r="Y21872" s="2">
        <v>7.6</v>
      </c>
      <c r="Z21872" s="2">
        <v>10.6</v>
      </c>
      <c r="AA21872" s="5"/>
      <c r="AB21872" s="5" t="s">
        <v>43</v>
      </c>
      <c r="AC21872" s="5" t="s">
        <v>44</v>
      </c>
      <c r="AD21872" s="2"/>
      <c r="AE21872" s="1"/>
    </row>
    <row r="21873" spans="1:31" ht="14.45">
      <c r="A21873" s="11"/>
      <c r="B21873" s="20"/>
      <c r="C21873" s="2" t="s">
        <v>70487</v>
      </c>
      <c r="D21873" s="14" t="s">
        <v>70488</v>
      </c>
      <c r="E21873" s="2" t="s">
        <v>70489</v>
      </c>
      <c r="F21873" s="2" t="s">
        <v>7521</v>
      </c>
      <c r="G21873" s="8">
        <v>122</v>
      </c>
      <c r="H21873" s="5">
        <v>6</v>
      </c>
      <c r="I21873" s="5" t="s">
        <v>1518</v>
      </c>
      <c r="J21873" s="5" t="s">
        <v>69038</v>
      </c>
      <c r="K21873" s="2" t="s">
        <v>69039</v>
      </c>
      <c r="L21873" s="5" t="s">
        <v>69038</v>
      </c>
      <c r="M21873" s="2" t="s">
        <v>69039</v>
      </c>
      <c r="N21873" s="5" t="s">
        <v>1521</v>
      </c>
      <c r="O21873" s="5" t="s">
        <v>38</v>
      </c>
      <c r="P21873" s="5" t="s">
        <v>39</v>
      </c>
      <c r="Q21873" s="5" t="s">
        <v>40</v>
      </c>
      <c r="R21873" s="5" t="s">
        <v>1522</v>
      </c>
      <c r="S21873" s="5" t="s">
        <v>1523</v>
      </c>
      <c r="T21873" s="5" t="s">
        <v>42</v>
      </c>
      <c r="U21873" s="2">
        <v>1.4950000000000001</v>
      </c>
      <c r="V21873" s="2">
        <v>1.163</v>
      </c>
      <c r="W21873" s="2">
        <v>8.0000000000000002E-3</v>
      </c>
      <c r="X21873" s="2">
        <v>99.1</v>
      </c>
      <c r="Y21873" s="2">
        <v>7.6</v>
      </c>
      <c r="Z21873" s="2">
        <v>10.6</v>
      </c>
      <c r="AA21873" s="5"/>
      <c r="AB21873" s="5" t="s">
        <v>43</v>
      </c>
      <c r="AC21873" s="5" t="s">
        <v>44</v>
      </c>
      <c r="AD21873" s="2"/>
      <c r="AE21873" s="1"/>
    </row>
    <row r="21874" spans="1:31" ht="14.45">
      <c r="A21874" s="11"/>
      <c r="B21874" s="20"/>
      <c r="C21874" s="2" t="s">
        <v>70490</v>
      </c>
      <c r="D21874" s="14" t="s">
        <v>70491</v>
      </c>
      <c r="E21874" s="2" t="s">
        <v>70492</v>
      </c>
      <c r="F21874" s="2" t="s">
        <v>7539</v>
      </c>
      <c r="G21874" s="8">
        <v>140</v>
      </c>
      <c r="H21874" s="5">
        <v>6</v>
      </c>
      <c r="I21874" s="5" t="s">
        <v>1518</v>
      </c>
      <c r="J21874" s="5" t="s">
        <v>69038</v>
      </c>
      <c r="K21874" s="2" t="s">
        <v>69039</v>
      </c>
      <c r="L21874" s="5" t="s">
        <v>69038</v>
      </c>
      <c r="M21874" s="2" t="s">
        <v>69039</v>
      </c>
      <c r="N21874" s="5" t="s">
        <v>1521</v>
      </c>
      <c r="O21874" s="5" t="s">
        <v>38</v>
      </c>
      <c r="P21874" s="5" t="s">
        <v>39</v>
      </c>
      <c r="Q21874" s="5" t="s">
        <v>40</v>
      </c>
      <c r="R21874" s="5" t="s">
        <v>1522</v>
      </c>
      <c r="S21874" s="5" t="s">
        <v>1523</v>
      </c>
      <c r="T21874" s="5" t="s">
        <v>42</v>
      </c>
      <c r="U21874" s="2">
        <v>1.4379999999999999</v>
      </c>
      <c r="V21874" s="2">
        <v>1.1060000000000001</v>
      </c>
      <c r="W21874" s="2">
        <v>8.0000000000000002E-3</v>
      </c>
      <c r="X21874" s="2">
        <v>99.1</v>
      </c>
      <c r="Y21874" s="2">
        <v>7.6</v>
      </c>
      <c r="Z21874" s="2">
        <v>10.6</v>
      </c>
      <c r="AA21874" s="5"/>
      <c r="AB21874" s="5" t="s">
        <v>43</v>
      </c>
      <c r="AC21874" s="5" t="s">
        <v>44</v>
      </c>
      <c r="AD21874" s="2"/>
      <c r="AE21874" s="1"/>
    </row>
    <row r="21875" spans="1:31" ht="14.45">
      <c r="A21875" s="11"/>
      <c r="B21875" s="20"/>
      <c r="C21875" s="2" t="s">
        <v>70493</v>
      </c>
      <c r="D21875" s="14" t="s">
        <v>70494</v>
      </c>
      <c r="E21875" s="2" t="s">
        <v>70495</v>
      </c>
      <c r="F21875" s="2" t="s">
        <v>7543</v>
      </c>
      <c r="G21875" s="8">
        <v>140</v>
      </c>
      <c r="H21875" s="5">
        <v>6</v>
      </c>
      <c r="I21875" s="5" t="s">
        <v>1518</v>
      </c>
      <c r="J21875" s="5" t="s">
        <v>69038</v>
      </c>
      <c r="K21875" s="2" t="s">
        <v>69039</v>
      </c>
      <c r="L21875" s="5" t="s">
        <v>69038</v>
      </c>
      <c r="M21875" s="2" t="s">
        <v>69039</v>
      </c>
      <c r="N21875" s="5" t="s">
        <v>1521</v>
      </c>
      <c r="O21875" s="5" t="s">
        <v>38</v>
      </c>
      <c r="P21875" s="5" t="s">
        <v>39</v>
      </c>
      <c r="Q21875" s="5" t="s">
        <v>40</v>
      </c>
      <c r="R21875" s="5" t="s">
        <v>1522</v>
      </c>
      <c r="S21875" s="5" t="s">
        <v>1523</v>
      </c>
      <c r="T21875" s="5" t="s">
        <v>42</v>
      </c>
      <c r="U21875" s="2">
        <v>1.4950000000000001</v>
      </c>
      <c r="V21875" s="2">
        <v>1.163</v>
      </c>
      <c r="W21875" s="2">
        <v>8.0000000000000002E-3</v>
      </c>
      <c r="X21875" s="2">
        <v>99.1</v>
      </c>
      <c r="Y21875" s="2">
        <v>7.6</v>
      </c>
      <c r="Z21875" s="2">
        <v>10.6</v>
      </c>
      <c r="AA21875" s="5"/>
      <c r="AB21875" s="5" t="s">
        <v>43</v>
      </c>
      <c r="AC21875" s="5" t="s">
        <v>44</v>
      </c>
      <c r="AD21875" s="2"/>
      <c r="AE21875" s="1"/>
    </row>
    <row r="21876" spans="1:31" ht="14.45">
      <c r="A21876" s="11"/>
      <c r="B21876" s="20"/>
      <c r="C21876" s="2" t="s">
        <v>70496</v>
      </c>
      <c r="D21876" s="14" t="s">
        <v>70497</v>
      </c>
      <c r="E21876" s="2" t="s">
        <v>70498</v>
      </c>
      <c r="F21876" s="2" t="s">
        <v>7396</v>
      </c>
      <c r="G21876" s="8">
        <v>122</v>
      </c>
      <c r="H21876" s="5">
        <v>6</v>
      </c>
      <c r="I21876" s="5" t="s">
        <v>1518</v>
      </c>
      <c r="J21876" s="5" t="s">
        <v>69038</v>
      </c>
      <c r="K21876" s="2" t="s">
        <v>69039</v>
      </c>
      <c r="L21876" s="5" t="s">
        <v>69038</v>
      </c>
      <c r="M21876" s="2" t="s">
        <v>69039</v>
      </c>
      <c r="N21876" s="5" t="s">
        <v>1521</v>
      </c>
      <c r="O21876" s="5" t="s">
        <v>38</v>
      </c>
      <c r="P21876" s="5" t="s">
        <v>39</v>
      </c>
      <c r="Q21876" s="5" t="s">
        <v>40</v>
      </c>
      <c r="R21876" s="5" t="s">
        <v>1522</v>
      </c>
      <c r="S21876" s="5" t="s">
        <v>1523</v>
      </c>
      <c r="T21876" s="5" t="s">
        <v>42</v>
      </c>
      <c r="U21876" s="2">
        <v>1.4379999999999999</v>
      </c>
      <c r="V21876" s="2">
        <v>1.1060000000000001</v>
      </c>
      <c r="W21876" s="2">
        <v>8.0000000000000002E-3</v>
      </c>
      <c r="X21876" s="2">
        <v>99.1</v>
      </c>
      <c r="Y21876" s="2">
        <v>7.6</v>
      </c>
      <c r="Z21876" s="2">
        <v>10.6</v>
      </c>
      <c r="AA21876" s="5"/>
      <c r="AB21876" s="5" t="s">
        <v>43</v>
      </c>
      <c r="AC21876" s="5" t="s">
        <v>44</v>
      </c>
      <c r="AD21876" s="2"/>
      <c r="AE21876" s="1"/>
    </row>
    <row r="21877" spans="1:31" ht="14.45">
      <c r="A21877" s="11"/>
      <c r="B21877" s="20"/>
      <c r="C21877" s="2" t="s">
        <v>70499</v>
      </c>
      <c r="D21877" s="14" t="s">
        <v>70500</v>
      </c>
      <c r="E21877" s="2" t="s">
        <v>70501</v>
      </c>
      <c r="F21877" s="2" t="s">
        <v>69112</v>
      </c>
      <c r="G21877" s="8">
        <v>122</v>
      </c>
      <c r="H21877" s="5">
        <v>6</v>
      </c>
      <c r="I21877" s="5" t="s">
        <v>1518</v>
      </c>
      <c r="J21877" s="5" t="s">
        <v>69038</v>
      </c>
      <c r="K21877" s="2" t="s">
        <v>69039</v>
      </c>
      <c r="L21877" s="5" t="s">
        <v>69038</v>
      </c>
      <c r="M21877" s="2" t="s">
        <v>69039</v>
      </c>
      <c r="N21877" s="5" t="s">
        <v>1521</v>
      </c>
      <c r="O21877" s="5" t="s">
        <v>38</v>
      </c>
      <c r="P21877" s="5" t="s">
        <v>39</v>
      </c>
      <c r="Q21877" s="5" t="s">
        <v>40</v>
      </c>
      <c r="R21877" s="5" t="s">
        <v>1522</v>
      </c>
      <c r="S21877" s="5" t="s">
        <v>1523</v>
      </c>
      <c r="T21877" s="5" t="s">
        <v>42</v>
      </c>
      <c r="U21877" s="2">
        <v>1.4950000000000001</v>
      </c>
      <c r="V21877" s="2">
        <v>1.163</v>
      </c>
      <c r="W21877" s="2">
        <v>8.0000000000000002E-3</v>
      </c>
      <c r="X21877" s="2">
        <v>99.1</v>
      </c>
      <c r="Y21877" s="2">
        <v>7.6</v>
      </c>
      <c r="Z21877" s="2">
        <v>10.6</v>
      </c>
      <c r="AA21877" s="5"/>
      <c r="AB21877" s="5" t="s">
        <v>43</v>
      </c>
      <c r="AC21877" s="5" t="s">
        <v>44</v>
      </c>
      <c r="AD21877" s="2"/>
      <c r="AE21877" s="1"/>
    </row>
    <row r="21878" spans="1:31" ht="14.45">
      <c r="A21878" s="11"/>
      <c r="B21878" s="20"/>
      <c r="C21878" s="2" t="s">
        <v>70502</v>
      </c>
      <c r="D21878" s="14" t="s">
        <v>70503</v>
      </c>
      <c r="E21878" s="2" t="s">
        <v>70504</v>
      </c>
      <c r="F21878" s="2" t="s">
        <v>7433</v>
      </c>
      <c r="G21878" s="8">
        <v>140</v>
      </c>
      <c r="H21878" s="5">
        <v>6</v>
      </c>
      <c r="I21878" s="5" t="s">
        <v>1518</v>
      </c>
      <c r="J21878" s="5" t="s">
        <v>69038</v>
      </c>
      <c r="K21878" s="2" t="s">
        <v>69039</v>
      </c>
      <c r="L21878" s="5" t="s">
        <v>69038</v>
      </c>
      <c r="M21878" s="2" t="s">
        <v>69039</v>
      </c>
      <c r="N21878" s="5" t="s">
        <v>1521</v>
      </c>
      <c r="O21878" s="5" t="s">
        <v>38</v>
      </c>
      <c r="P21878" s="5" t="s">
        <v>39</v>
      </c>
      <c r="Q21878" s="5" t="s">
        <v>40</v>
      </c>
      <c r="R21878" s="5" t="s">
        <v>1522</v>
      </c>
      <c r="S21878" s="5" t="s">
        <v>1523</v>
      </c>
      <c r="T21878" s="5" t="s">
        <v>42</v>
      </c>
      <c r="U21878" s="2">
        <v>1.4379999999999999</v>
      </c>
      <c r="V21878" s="2">
        <v>1.1060000000000001</v>
      </c>
      <c r="W21878" s="2">
        <v>8.0000000000000002E-3</v>
      </c>
      <c r="X21878" s="2">
        <v>99.1</v>
      </c>
      <c r="Y21878" s="2">
        <v>7.6</v>
      </c>
      <c r="Z21878" s="2">
        <v>10.6</v>
      </c>
      <c r="AA21878" s="5"/>
      <c r="AB21878" s="5" t="s">
        <v>43</v>
      </c>
      <c r="AC21878" s="5" t="s">
        <v>44</v>
      </c>
      <c r="AD21878" s="2"/>
      <c r="AE21878" s="1"/>
    </row>
    <row r="21879" spans="1:31" ht="14.45">
      <c r="A21879" s="11"/>
      <c r="B21879" s="20"/>
      <c r="C21879" s="2" t="s">
        <v>70505</v>
      </c>
      <c r="D21879" s="14" t="s">
        <v>70506</v>
      </c>
      <c r="E21879" s="2" t="s">
        <v>70507</v>
      </c>
      <c r="F21879" s="2" t="s">
        <v>7615</v>
      </c>
      <c r="G21879" s="8">
        <v>140</v>
      </c>
      <c r="H21879" s="5">
        <v>6</v>
      </c>
      <c r="I21879" s="5" t="s">
        <v>1518</v>
      </c>
      <c r="J21879" s="5" t="s">
        <v>69038</v>
      </c>
      <c r="K21879" s="2" t="s">
        <v>69039</v>
      </c>
      <c r="L21879" s="5" t="s">
        <v>69038</v>
      </c>
      <c r="M21879" s="2" t="s">
        <v>69039</v>
      </c>
      <c r="N21879" s="5" t="s">
        <v>1521</v>
      </c>
      <c r="O21879" s="5" t="s">
        <v>38</v>
      </c>
      <c r="P21879" s="5" t="s">
        <v>39</v>
      </c>
      <c r="Q21879" s="5" t="s">
        <v>40</v>
      </c>
      <c r="R21879" s="5" t="s">
        <v>1522</v>
      </c>
      <c r="S21879" s="5" t="s">
        <v>1523</v>
      </c>
      <c r="T21879" s="5" t="s">
        <v>42</v>
      </c>
      <c r="U21879" s="2">
        <v>1.4379999999999999</v>
      </c>
      <c r="V21879" s="2">
        <v>1.1060000000000001</v>
      </c>
      <c r="W21879" s="2">
        <v>8.0000000000000002E-3</v>
      </c>
      <c r="X21879" s="2">
        <v>99.1</v>
      </c>
      <c r="Y21879" s="2">
        <v>7.6</v>
      </c>
      <c r="Z21879" s="2">
        <v>10.6</v>
      </c>
      <c r="AA21879" s="5"/>
      <c r="AB21879" s="5" t="s">
        <v>43</v>
      </c>
      <c r="AC21879" s="5" t="s">
        <v>44</v>
      </c>
      <c r="AD21879" s="2"/>
      <c r="AE21879" s="1"/>
    </row>
    <row r="21880" spans="1:31" ht="14.45">
      <c r="A21880" s="11"/>
      <c r="B21880" s="20"/>
      <c r="C21880" s="2" t="s">
        <v>70508</v>
      </c>
      <c r="D21880" s="14" t="s">
        <v>70509</v>
      </c>
      <c r="E21880" s="2" t="s">
        <v>70510</v>
      </c>
      <c r="F21880" s="2" t="s">
        <v>7212</v>
      </c>
      <c r="G21880" s="8">
        <v>122</v>
      </c>
      <c r="H21880" s="5">
        <v>6</v>
      </c>
      <c r="I21880" s="5" t="s">
        <v>1518</v>
      </c>
      <c r="J21880" s="5" t="s">
        <v>69038</v>
      </c>
      <c r="K21880" s="2" t="s">
        <v>69039</v>
      </c>
      <c r="L21880" s="5" t="s">
        <v>69038</v>
      </c>
      <c r="M21880" s="2" t="s">
        <v>69039</v>
      </c>
      <c r="N21880" s="5" t="s">
        <v>1521</v>
      </c>
      <c r="O21880" s="5" t="s">
        <v>38</v>
      </c>
      <c r="P21880" s="5" t="s">
        <v>39</v>
      </c>
      <c r="Q21880" s="5" t="s">
        <v>40</v>
      </c>
      <c r="R21880" s="5" t="s">
        <v>1522</v>
      </c>
      <c r="S21880" s="5" t="s">
        <v>1523</v>
      </c>
      <c r="T21880" s="5" t="s">
        <v>42</v>
      </c>
      <c r="U21880" s="2">
        <v>1.4379999999999999</v>
      </c>
      <c r="V21880" s="2">
        <v>1.1060000000000001</v>
      </c>
      <c r="W21880" s="2">
        <v>8.0000000000000002E-3</v>
      </c>
      <c r="X21880" s="2">
        <v>99.1</v>
      </c>
      <c r="Y21880" s="2">
        <v>7.6</v>
      </c>
      <c r="Z21880" s="2">
        <v>10.6</v>
      </c>
      <c r="AA21880" s="5"/>
      <c r="AB21880" s="5" t="s">
        <v>43</v>
      </c>
      <c r="AC21880" s="5" t="s">
        <v>44</v>
      </c>
      <c r="AD21880" s="2"/>
      <c r="AE21880" s="1"/>
    </row>
    <row r="21881" spans="1:31" ht="14.45">
      <c r="A21881" s="11"/>
      <c r="B21881" s="20"/>
      <c r="C21881" s="2" t="s">
        <v>70511</v>
      </c>
      <c r="D21881" s="14" t="s">
        <v>70512</v>
      </c>
      <c r="E21881" s="2" t="s">
        <v>70513</v>
      </c>
      <c r="F21881" s="2" t="s">
        <v>7528</v>
      </c>
      <c r="G21881" s="8">
        <v>122</v>
      </c>
      <c r="H21881" s="5">
        <v>6</v>
      </c>
      <c r="I21881" s="5" t="s">
        <v>1518</v>
      </c>
      <c r="J21881" s="5" t="s">
        <v>69038</v>
      </c>
      <c r="K21881" s="2" t="s">
        <v>69039</v>
      </c>
      <c r="L21881" s="5" t="s">
        <v>69038</v>
      </c>
      <c r="M21881" s="2" t="s">
        <v>69039</v>
      </c>
      <c r="N21881" s="5" t="s">
        <v>1521</v>
      </c>
      <c r="O21881" s="5" t="s">
        <v>38</v>
      </c>
      <c r="P21881" s="5" t="s">
        <v>39</v>
      </c>
      <c r="Q21881" s="5" t="s">
        <v>40</v>
      </c>
      <c r="R21881" s="5" t="s">
        <v>1522</v>
      </c>
      <c r="S21881" s="5" t="s">
        <v>1523</v>
      </c>
      <c r="T21881" s="5" t="s">
        <v>42</v>
      </c>
      <c r="U21881" s="2">
        <v>1.4950000000000001</v>
      </c>
      <c r="V21881" s="2">
        <v>1.163</v>
      </c>
      <c r="W21881" s="2">
        <v>8.0000000000000002E-3</v>
      </c>
      <c r="X21881" s="2">
        <v>99.1</v>
      </c>
      <c r="Y21881" s="2">
        <v>7.6</v>
      </c>
      <c r="Z21881" s="2">
        <v>10.6</v>
      </c>
      <c r="AA21881" s="5"/>
      <c r="AB21881" s="5" t="s">
        <v>43</v>
      </c>
      <c r="AC21881" s="5" t="s">
        <v>44</v>
      </c>
      <c r="AD21881" s="2"/>
      <c r="AE21881" s="1"/>
    </row>
    <row r="21882" spans="1:31" ht="14.45">
      <c r="A21882" s="11"/>
      <c r="B21882" s="20"/>
      <c r="C21882" s="2" t="s">
        <v>70514</v>
      </c>
      <c r="D21882" s="14" t="s">
        <v>70515</v>
      </c>
      <c r="E21882" s="2" t="s">
        <v>70516</v>
      </c>
      <c r="F21882" s="2" t="s">
        <v>1863</v>
      </c>
      <c r="G21882" s="8">
        <v>140</v>
      </c>
      <c r="H21882" s="5">
        <v>6</v>
      </c>
      <c r="I21882" s="5" t="s">
        <v>1518</v>
      </c>
      <c r="J21882" s="5" t="s">
        <v>69038</v>
      </c>
      <c r="K21882" s="2" t="s">
        <v>69039</v>
      </c>
      <c r="L21882" s="5" t="s">
        <v>69038</v>
      </c>
      <c r="M21882" s="2" t="s">
        <v>69039</v>
      </c>
      <c r="N21882" s="5" t="s">
        <v>1521</v>
      </c>
      <c r="O21882" s="5" t="s">
        <v>38</v>
      </c>
      <c r="P21882" s="5" t="s">
        <v>39</v>
      </c>
      <c r="Q21882" s="5" t="s">
        <v>40</v>
      </c>
      <c r="R21882" s="5" t="s">
        <v>1522</v>
      </c>
      <c r="S21882" s="5" t="s">
        <v>1523</v>
      </c>
      <c r="T21882" s="5" t="s">
        <v>42</v>
      </c>
      <c r="U21882" s="2">
        <v>1.4379999999999999</v>
      </c>
      <c r="V21882" s="2">
        <v>1.1060000000000001</v>
      </c>
      <c r="W21882" s="2">
        <v>8.0000000000000002E-3</v>
      </c>
      <c r="X21882" s="2">
        <v>99.1</v>
      </c>
      <c r="Y21882" s="2">
        <v>7.6</v>
      </c>
      <c r="Z21882" s="2">
        <v>10.6</v>
      </c>
      <c r="AA21882" s="5"/>
      <c r="AB21882" s="5" t="s">
        <v>43</v>
      </c>
      <c r="AC21882" s="5" t="s">
        <v>44</v>
      </c>
      <c r="AD21882" s="2"/>
      <c r="AE21882" s="1"/>
    </row>
    <row r="21883" spans="1:31" ht="14.45">
      <c r="A21883" s="11"/>
      <c r="B21883" s="20"/>
      <c r="C21883" s="2" t="s">
        <v>70517</v>
      </c>
      <c r="D21883" s="14" t="s">
        <v>70518</v>
      </c>
      <c r="E21883" s="2" t="s">
        <v>70519</v>
      </c>
      <c r="F21883" s="2" t="s">
        <v>1867</v>
      </c>
      <c r="G21883" s="8">
        <v>140</v>
      </c>
      <c r="H21883" s="5">
        <v>6</v>
      </c>
      <c r="I21883" s="5" t="s">
        <v>1518</v>
      </c>
      <c r="J21883" s="5" t="s">
        <v>69038</v>
      </c>
      <c r="K21883" s="2" t="s">
        <v>69039</v>
      </c>
      <c r="L21883" s="5" t="s">
        <v>69038</v>
      </c>
      <c r="M21883" s="2" t="s">
        <v>69039</v>
      </c>
      <c r="N21883" s="5" t="s">
        <v>1521</v>
      </c>
      <c r="O21883" s="5" t="s">
        <v>38</v>
      </c>
      <c r="P21883" s="5" t="s">
        <v>39</v>
      </c>
      <c r="Q21883" s="5" t="s">
        <v>40</v>
      </c>
      <c r="R21883" s="5" t="s">
        <v>1522</v>
      </c>
      <c r="S21883" s="5" t="s">
        <v>1523</v>
      </c>
      <c r="T21883" s="5" t="s">
        <v>42</v>
      </c>
      <c r="U21883" s="2">
        <v>1.4950000000000001</v>
      </c>
      <c r="V21883" s="2">
        <v>1.163</v>
      </c>
      <c r="W21883" s="2">
        <v>8.0000000000000002E-3</v>
      </c>
      <c r="X21883" s="2">
        <v>99.1</v>
      </c>
      <c r="Y21883" s="2">
        <v>7.6</v>
      </c>
      <c r="Z21883" s="2">
        <v>10.6</v>
      </c>
      <c r="AA21883" s="5"/>
      <c r="AB21883" s="5" t="s">
        <v>43</v>
      </c>
      <c r="AC21883" s="5" t="s">
        <v>44</v>
      </c>
      <c r="AD21883" s="2"/>
      <c r="AE21883" s="1"/>
    </row>
    <row r="21884" spans="1:31" ht="14.45">
      <c r="A21884" s="11"/>
      <c r="B21884" s="20"/>
      <c r="C21884" s="2" t="s">
        <v>70520</v>
      </c>
      <c r="D21884" s="14" t="s">
        <v>70521</v>
      </c>
      <c r="E21884" s="2" t="s">
        <v>70522</v>
      </c>
      <c r="F21884" s="2" t="s">
        <v>7204</v>
      </c>
      <c r="G21884" s="8">
        <v>122</v>
      </c>
      <c r="H21884" s="5">
        <v>6</v>
      </c>
      <c r="I21884" s="5" t="s">
        <v>1518</v>
      </c>
      <c r="J21884" s="5" t="s">
        <v>69038</v>
      </c>
      <c r="K21884" s="2" t="s">
        <v>69039</v>
      </c>
      <c r="L21884" s="5" t="s">
        <v>69038</v>
      </c>
      <c r="M21884" s="2" t="s">
        <v>69039</v>
      </c>
      <c r="N21884" s="5" t="s">
        <v>1521</v>
      </c>
      <c r="O21884" s="5" t="s">
        <v>38</v>
      </c>
      <c r="P21884" s="5" t="s">
        <v>39</v>
      </c>
      <c r="Q21884" s="5" t="s">
        <v>40</v>
      </c>
      <c r="R21884" s="5" t="s">
        <v>1522</v>
      </c>
      <c r="S21884" s="5" t="s">
        <v>1523</v>
      </c>
      <c r="T21884" s="5" t="s">
        <v>42</v>
      </c>
      <c r="U21884" s="2">
        <v>1.5469999999999999</v>
      </c>
      <c r="V21884" s="2">
        <v>1.2150000000000001</v>
      </c>
      <c r="W21884" s="2">
        <v>8.0000000000000002E-3</v>
      </c>
      <c r="X21884" s="2">
        <v>99.1</v>
      </c>
      <c r="Y21884" s="2">
        <v>7.6</v>
      </c>
      <c r="Z21884" s="2">
        <v>10.6</v>
      </c>
      <c r="AA21884" s="5"/>
      <c r="AB21884" s="5" t="s">
        <v>43</v>
      </c>
      <c r="AC21884" s="5" t="s">
        <v>44</v>
      </c>
      <c r="AD21884" s="2"/>
      <c r="AE21884" s="1"/>
    </row>
    <row r="21885" spans="1:31" ht="14.45">
      <c r="A21885" s="11"/>
      <c r="B21885" s="20"/>
      <c r="C21885" s="2" t="s">
        <v>70523</v>
      </c>
      <c r="D21885" s="14" t="s">
        <v>70524</v>
      </c>
      <c r="E21885" s="2" t="s">
        <v>70525</v>
      </c>
      <c r="F21885" s="2" t="s">
        <v>7514</v>
      </c>
      <c r="G21885" s="8">
        <v>122</v>
      </c>
      <c r="H21885" s="5">
        <v>6</v>
      </c>
      <c r="I21885" s="5" t="s">
        <v>1518</v>
      </c>
      <c r="J21885" s="5" t="s">
        <v>69038</v>
      </c>
      <c r="K21885" s="2" t="s">
        <v>69039</v>
      </c>
      <c r="L21885" s="5" t="s">
        <v>69038</v>
      </c>
      <c r="M21885" s="2" t="s">
        <v>69039</v>
      </c>
      <c r="N21885" s="5" t="s">
        <v>1521</v>
      </c>
      <c r="O21885" s="5" t="s">
        <v>38</v>
      </c>
      <c r="P21885" s="5" t="s">
        <v>39</v>
      </c>
      <c r="Q21885" s="5" t="s">
        <v>40</v>
      </c>
      <c r="R21885" s="5" t="s">
        <v>1522</v>
      </c>
      <c r="S21885" s="5" t="s">
        <v>1523</v>
      </c>
      <c r="T21885" s="5" t="s">
        <v>42</v>
      </c>
      <c r="U21885" s="2">
        <v>1.6140000000000001</v>
      </c>
      <c r="V21885" s="2">
        <v>1.282</v>
      </c>
      <c r="W21885" s="2">
        <v>8.0000000000000002E-3</v>
      </c>
      <c r="X21885" s="2">
        <v>99.1</v>
      </c>
      <c r="Y21885" s="2">
        <v>7.6</v>
      </c>
      <c r="Z21885" s="2">
        <v>10.6</v>
      </c>
      <c r="AA21885" s="5"/>
      <c r="AB21885" s="5" t="s">
        <v>43</v>
      </c>
      <c r="AC21885" s="5" t="s">
        <v>44</v>
      </c>
      <c r="AD21885" s="2"/>
      <c r="AE21885" s="1"/>
    </row>
    <row r="21886" spans="1:31" ht="14.45">
      <c r="A21886" s="11"/>
      <c r="B21886" s="20"/>
      <c r="C21886" s="2" t="s">
        <v>70526</v>
      </c>
      <c r="D21886" s="14" t="s">
        <v>70527</v>
      </c>
      <c r="E21886" s="2" t="s">
        <v>70528</v>
      </c>
      <c r="F21886" s="2" t="s">
        <v>7208</v>
      </c>
      <c r="G21886" s="8">
        <v>122</v>
      </c>
      <c r="H21886" s="5">
        <v>6</v>
      </c>
      <c r="I21886" s="5" t="s">
        <v>1518</v>
      </c>
      <c r="J21886" s="5" t="s">
        <v>69038</v>
      </c>
      <c r="K21886" s="2" t="s">
        <v>69039</v>
      </c>
      <c r="L21886" s="5" t="s">
        <v>69038</v>
      </c>
      <c r="M21886" s="2" t="s">
        <v>69039</v>
      </c>
      <c r="N21886" s="5" t="s">
        <v>1521</v>
      </c>
      <c r="O21886" s="5" t="s">
        <v>38</v>
      </c>
      <c r="P21886" s="5" t="s">
        <v>39</v>
      </c>
      <c r="Q21886" s="5" t="s">
        <v>40</v>
      </c>
      <c r="R21886" s="5" t="s">
        <v>1522</v>
      </c>
      <c r="S21886" s="5" t="s">
        <v>1523</v>
      </c>
      <c r="T21886" s="5" t="s">
        <v>42</v>
      </c>
      <c r="U21886" s="2">
        <v>1.5469999999999999</v>
      </c>
      <c r="V21886" s="2">
        <v>1.2150000000000001</v>
      </c>
      <c r="W21886" s="2">
        <v>8.0000000000000002E-3</v>
      </c>
      <c r="X21886" s="2">
        <v>99.1</v>
      </c>
      <c r="Y21886" s="2">
        <v>7.6</v>
      </c>
      <c r="Z21886" s="2">
        <v>10.6</v>
      </c>
      <c r="AA21886" s="5"/>
      <c r="AB21886" s="5" t="s">
        <v>43</v>
      </c>
      <c r="AC21886" s="5" t="s">
        <v>44</v>
      </c>
      <c r="AD21886" s="2"/>
      <c r="AE21886" s="1"/>
    </row>
    <row r="21887" spans="1:31" ht="14.45">
      <c r="A21887" s="11"/>
      <c r="B21887" s="20"/>
      <c r="C21887" s="2" t="s">
        <v>70529</v>
      </c>
      <c r="D21887" s="14" t="s">
        <v>70530</v>
      </c>
      <c r="E21887" s="2" t="s">
        <v>70531</v>
      </c>
      <c r="F21887" s="2" t="s">
        <v>7521</v>
      </c>
      <c r="G21887" s="8">
        <v>122</v>
      </c>
      <c r="H21887" s="5">
        <v>6</v>
      </c>
      <c r="I21887" s="5" t="s">
        <v>1518</v>
      </c>
      <c r="J21887" s="5" t="s">
        <v>69038</v>
      </c>
      <c r="K21887" s="2" t="s">
        <v>69039</v>
      </c>
      <c r="L21887" s="5" t="s">
        <v>69038</v>
      </c>
      <c r="M21887" s="2" t="s">
        <v>69039</v>
      </c>
      <c r="N21887" s="5" t="s">
        <v>1521</v>
      </c>
      <c r="O21887" s="5" t="s">
        <v>38</v>
      </c>
      <c r="P21887" s="5" t="s">
        <v>39</v>
      </c>
      <c r="Q21887" s="5" t="s">
        <v>40</v>
      </c>
      <c r="R21887" s="5" t="s">
        <v>1522</v>
      </c>
      <c r="S21887" s="5" t="s">
        <v>1523</v>
      </c>
      <c r="T21887" s="5" t="s">
        <v>42</v>
      </c>
      <c r="U21887" s="2">
        <v>1.6140000000000001</v>
      </c>
      <c r="V21887" s="2">
        <v>1.282</v>
      </c>
      <c r="W21887" s="2">
        <v>8.0000000000000002E-3</v>
      </c>
      <c r="X21887" s="2">
        <v>99.1</v>
      </c>
      <c r="Y21887" s="2">
        <v>7.6</v>
      </c>
      <c r="Z21887" s="2">
        <v>10.6</v>
      </c>
      <c r="AA21887" s="5"/>
      <c r="AB21887" s="5" t="s">
        <v>43</v>
      </c>
      <c r="AC21887" s="5" t="s">
        <v>44</v>
      </c>
      <c r="AD21887" s="2"/>
      <c r="AE21887" s="1"/>
    </row>
    <row r="21888" spans="1:31" ht="14.45">
      <c r="A21888" s="11"/>
      <c r="B21888" s="20"/>
      <c r="C21888" s="2" t="s">
        <v>70532</v>
      </c>
      <c r="D21888" s="14" t="s">
        <v>70533</v>
      </c>
      <c r="E21888" s="2" t="s">
        <v>70534</v>
      </c>
      <c r="F21888" s="2" t="s">
        <v>7406</v>
      </c>
      <c r="G21888" s="8">
        <v>140</v>
      </c>
      <c r="H21888" s="5">
        <v>6</v>
      </c>
      <c r="I21888" s="5" t="s">
        <v>1518</v>
      </c>
      <c r="J21888" s="5" t="s">
        <v>69038</v>
      </c>
      <c r="K21888" s="2" t="s">
        <v>69039</v>
      </c>
      <c r="L21888" s="5" t="s">
        <v>69038</v>
      </c>
      <c r="M21888" s="2" t="s">
        <v>69039</v>
      </c>
      <c r="N21888" s="5" t="s">
        <v>1521</v>
      </c>
      <c r="O21888" s="5" t="s">
        <v>38</v>
      </c>
      <c r="P21888" s="5" t="s">
        <v>39</v>
      </c>
      <c r="Q21888" s="5" t="s">
        <v>40</v>
      </c>
      <c r="R21888" s="5" t="s">
        <v>1522</v>
      </c>
      <c r="S21888" s="5" t="s">
        <v>1523</v>
      </c>
      <c r="T21888" s="5" t="s">
        <v>42</v>
      </c>
      <c r="U21888" s="2">
        <v>1.5469999999999999</v>
      </c>
      <c r="V21888" s="2">
        <v>1.2150000000000001</v>
      </c>
      <c r="W21888" s="2">
        <v>8.0000000000000002E-3</v>
      </c>
      <c r="X21888" s="2">
        <v>99.1</v>
      </c>
      <c r="Y21888" s="2">
        <v>7.6</v>
      </c>
      <c r="Z21888" s="2">
        <v>10.6</v>
      </c>
      <c r="AA21888" s="5"/>
      <c r="AB21888" s="5" t="s">
        <v>43</v>
      </c>
      <c r="AC21888" s="5" t="s">
        <v>44</v>
      </c>
      <c r="AD21888" s="2"/>
      <c r="AE21888" s="1"/>
    </row>
    <row r="21889" spans="1:31" ht="14.45">
      <c r="A21889" s="11"/>
      <c r="B21889" s="20"/>
      <c r="C21889" s="2" t="s">
        <v>70535</v>
      </c>
      <c r="D21889" s="14" t="s">
        <v>70536</v>
      </c>
      <c r="E21889" s="2" t="s">
        <v>70537</v>
      </c>
      <c r="F21889" s="2" t="s">
        <v>7539</v>
      </c>
      <c r="G21889" s="8">
        <v>140</v>
      </c>
      <c r="H21889" s="5">
        <v>6</v>
      </c>
      <c r="I21889" s="5" t="s">
        <v>1518</v>
      </c>
      <c r="J21889" s="5" t="s">
        <v>69038</v>
      </c>
      <c r="K21889" s="2" t="s">
        <v>69039</v>
      </c>
      <c r="L21889" s="5" t="s">
        <v>69038</v>
      </c>
      <c r="M21889" s="2" t="s">
        <v>69039</v>
      </c>
      <c r="N21889" s="5" t="s">
        <v>1521</v>
      </c>
      <c r="O21889" s="5" t="s">
        <v>38</v>
      </c>
      <c r="P21889" s="5" t="s">
        <v>39</v>
      </c>
      <c r="Q21889" s="5" t="s">
        <v>40</v>
      </c>
      <c r="R21889" s="5" t="s">
        <v>1522</v>
      </c>
      <c r="S21889" s="5" t="s">
        <v>1523</v>
      </c>
      <c r="T21889" s="5" t="s">
        <v>42</v>
      </c>
      <c r="U21889" s="2">
        <v>1.5469999999999999</v>
      </c>
      <c r="V21889" s="2">
        <v>1.2150000000000001</v>
      </c>
      <c r="W21889" s="2">
        <v>8.0000000000000002E-3</v>
      </c>
      <c r="X21889" s="2">
        <v>99.1</v>
      </c>
      <c r="Y21889" s="2">
        <v>7.6</v>
      </c>
      <c r="Z21889" s="2">
        <v>10.6</v>
      </c>
      <c r="AA21889" s="5"/>
      <c r="AB21889" s="5" t="s">
        <v>43</v>
      </c>
      <c r="AC21889" s="5" t="s">
        <v>44</v>
      </c>
      <c r="AD21889" s="2"/>
      <c r="AE21889" s="1"/>
    </row>
    <row r="21890" spans="1:31" ht="14.45">
      <c r="A21890" s="11"/>
      <c r="B21890" s="20"/>
      <c r="C21890" s="2" t="s">
        <v>70538</v>
      </c>
      <c r="D21890" s="14" t="s">
        <v>70539</v>
      </c>
      <c r="E21890" s="2" t="s">
        <v>70540</v>
      </c>
      <c r="F21890" s="2" t="s">
        <v>7543</v>
      </c>
      <c r="G21890" s="8">
        <v>140</v>
      </c>
      <c r="H21890" s="5">
        <v>6</v>
      </c>
      <c r="I21890" s="5" t="s">
        <v>1518</v>
      </c>
      <c r="J21890" s="5" t="s">
        <v>69038</v>
      </c>
      <c r="K21890" s="2" t="s">
        <v>69039</v>
      </c>
      <c r="L21890" s="5" t="s">
        <v>69038</v>
      </c>
      <c r="M21890" s="2" t="s">
        <v>69039</v>
      </c>
      <c r="N21890" s="5" t="s">
        <v>1521</v>
      </c>
      <c r="O21890" s="5" t="s">
        <v>38</v>
      </c>
      <c r="P21890" s="5" t="s">
        <v>39</v>
      </c>
      <c r="Q21890" s="5" t="s">
        <v>40</v>
      </c>
      <c r="R21890" s="5" t="s">
        <v>1522</v>
      </c>
      <c r="S21890" s="5" t="s">
        <v>1523</v>
      </c>
      <c r="T21890" s="5" t="s">
        <v>42</v>
      </c>
      <c r="U21890" s="2">
        <v>1.6140000000000001</v>
      </c>
      <c r="V21890" s="2">
        <v>1.282</v>
      </c>
      <c r="W21890" s="2">
        <v>8.0000000000000002E-3</v>
      </c>
      <c r="X21890" s="2">
        <v>99.1</v>
      </c>
      <c r="Y21890" s="2">
        <v>7.6</v>
      </c>
      <c r="Z21890" s="2">
        <v>10.6</v>
      </c>
      <c r="AA21890" s="5"/>
      <c r="AB21890" s="5" t="s">
        <v>43</v>
      </c>
      <c r="AC21890" s="5" t="s">
        <v>44</v>
      </c>
      <c r="AD21890" s="2"/>
      <c r="AE21890" s="1"/>
    </row>
    <row r="21891" spans="1:31" ht="14.45">
      <c r="A21891" s="11"/>
      <c r="B21891" s="20"/>
      <c r="C21891" s="2" t="s">
        <v>70541</v>
      </c>
      <c r="D21891" s="14" t="s">
        <v>70542</v>
      </c>
      <c r="E21891" s="2" t="s">
        <v>70543</v>
      </c>
      <c r="F21891" s="2" t="s">
        <v>7396</v>
      </c>
      <c r="G21891" s="8">
        <v>122</v>
      </c>
      <c r="H21891" s="5">
        <v>6</v>
      </c>
      <c r="I21891" s="5" t="s">
        <v>1518</v>
      </c>
      <c r="J21891" s="5" t="s">
        <v>69038</v>
      </c>
      <c r="K21891" s="2" t="s">
        <v>69039</v>
      </c>
      <c r="L21891" s="5" t="s">
        <v>69038</v>
      </c>
      <c r="M21891" s="2" t="s">
        <v>69039</v>
      </c>
      <c r="N21891" s="5" t="s">
        <v>1521</v>
      </c>
      <c r="O21891" s="5" t="s">
        <v>38</v>
      </c>
      <c r="P21891" s="5" t="s">
        <v>39</v>
      </c>
      <c r="Q21891" s="5" t="s">
        <v>40</v>
      </c>
      <c r="R21891" s="5" t="s">
        <v>1522</v>
      </c>
      <c r="S21891" s="5" t="s">
        <v>1523</v>
      </c>
      <c r="T21891" s="5" t="s">
        <v>42</v>
      </c>
      <c r="U21891" s="2">
        <v>1.5469999999999999</v>
      </c>
      <c r="V21891" s="2">
        <v>1.2150000000000001</v>
      </c>
      <c r="W21891" s="2">
        <v>8.0000000000000002E-3</v>
      </c>
      <c r="X21891" s="2">
        <v>99.1</v>
      </c>
      <c r="Y21891" s="2">
        <v>7.6</v>
      </c>
      <c r="Z21891" s="2">
        <v>10.6</v>
      </c>
      <c r="AA21891" s="5"/>
      <c r="AB21891" s="5" t="s">
        <v>43</v>
      </c>
      <c r="AC21891" s="5" t="s">
        <v>44</v>
      </c>
      <c r="AD21891" s="2"/>
      <c r="AE21891" s="1"/>
    </row>
    <row r="21892" spans="1:31" ht="14.45">
      <c r="A21892" s="11"/>
      <c r="B21892" s="20"/>
      <c r="C21892" s="2" t="s">
        <v>70544</v>
      </c>
      <c r="D21892" s="14" t="s">
        <v>70545</v>
      </c>
      <c r="E21892" s="2" t="s">
        <v>70546</v>
      </c>
      <c r="F21892" s="2" t="s">
        <v>69112</v>
      </c>
      <c r="G21892" s="8">
        <v>122</v>
      </c>
      <c r="H21892" s="5">
        <v>6</v>
      </c>
      <c r="I21892" s="5" t="s">
        <v>1518</v>
      </c>
      <c r="J21892" s="5" t="s">
        <v>69038</v>
      </c>
      <c r="K21892" s="2" t="s">
        <v>69039</v>
      </c>
      <c r="L21892" s="5" t="s">
        <v>69038</v>
      </c>
      <c r="M21892" s="2" t="s">
        <v>69039</v>
      </c>
      <c r="N21892" s="5" t="s">
        <v>1521</v>
      </c>
      <c r="O21892" s="5" t="s">
        <v>38</v>
      </c>
      <c r="P21892" s="5" t="s">
        <v>39</v>
      </c>
      <c r="Q21892" s="5" t="s">
        <v>40</v>
      </c>
      <c r="R21892" s="5" t="s">
        <v>1522</v>
      </c>
      <c r="S21892" s="5" t="s">
        <v>1523</v>
      </c>
      <c r="T21892" s="5" t="s">
        <v>42</v>
      </c>
      <c r="U21892" s="2">
        <v>1.6140000000000001</v>
      </c>
      <c r="V21892" s="2">
        <v>1.282</v>
      </c>
      <c r="W21892" s="2">
        <v>8.0000000000000002E-3</v>
      </c>
      <c r="X21892" s="2">
        <v>99.1</v>
      </c>
      <c r="Y21892" s="2">
        <v>7.6</v>
      </c>
      <c r="Z21892" s="2">
        <v>10.6</v>
      </c>
      <c r="AA21892" s="5"/>
      <c r="AB21892" s="5" t="s">
        <v>43</v>
      </c>
      <c r="AC21892" s="5" t="s">
        <v>44</v>
      </c>
      <c r="AD21892" s="2"/>
      <c r="AE21892" s="1"/>
    </row>
    <row r="21893" spans="1:31" ht="14.45">
      <c r="A21893" s="11"/>
      <c r="B21893" s="20"/>
      <c r="C21893" s="2" t="s">
        <v>70547</v>
      </c>
      <c r="D21893" s="14" t="s">
        <v>70548</v>
      </c>
      <c r="E21893" s="2" t="s">
        <v>70549</v>
      </c>
      <c r="F21893" s="2" t="s">
        <v>7581</v>
      </c>
      <c r="G21893" s="8">
        <v>140</v>
      </c>
      <c r="H21893" s="5">
        <v>6</v>
      </c>
      <c r="I21893" s="5" t="s">
        <v>1518</v>
      </c>
      <c r="J21893" s="5" t="s">
        <v>69038</v>
      </c>
      <c r="K21893" s="2" t="s">
        <v>69039</v>
      </c>
      <c r="L21893" s="5" t="s">
        <v>69038</v>
      </c>
      <c r="M21893" s="2" t="s">
        <v>69039</v>
      </c>
      <c r="N21893" s="5" t="s">
        <v>1521</v>
      </c>
      <c r="O21893" s="5" t="s">
        <v>38</v>
      </c>
      <c r="P21893" s="5" t="s">
        <v>39</v>
      </c>
      <c r="Q21893" s="5" t="s">
        <v>40</v>
      </c>
      <c r="R21893" s="5" t="s">
        <v>1522</v>
      </c>
      <c r="S21893" s="5" t="s">
        <v>1523</v>
      </c>
      <c r="T21893" s="5" t="s">
        <v>42</v>
      </c>
      <c r="U21893" s="2">
        <v>1.6140000000000001</v>
      </c>
      <c r="V21893" s="2">
        <v>1.282</v>
      </c>
      <c r="W21893" s="2">
        <v>8.0000000000000002E-3</v>
      </c>
      <c r="X21893" s="2">
        <v>99.1</v>
      </c>
      <c r="Y21893" s="2">
        <v>7.6</v>
      </c>
      <c r="Z21893" s="2">
        <v>10.6</v>
      </c>
      <c r="AA21893" s="5"/>
      <c r="AB21893" s="5" t="s">
        <v>43</v>
      </c>
      <c r="AC21893" s="5" t="s">
        <v>44</v>
      </c>
      <c r="AD21893" s="2"/>
      <c r="AE21893" s="1"/>
    </row>
    <row r="21894" spans="1:31" ht="14.45">
      <c r="A21894" s="11"/>
      <c r="B21894" s="20"/>
      <c r="C21894" s="2" t="s">
        <v>70550</v>
      </c>
      <c r="D21894" s="14" t="s">
        <v>70551</v>
      </c>
      <c r="E21894" s="2" t="s">
        <v>70552</v>
      </c>
      <c r="F21894" s="2" t="s">
        <v>7433</v>
      </c>
      <c r="G21894" s="8">
        <v>140</v>
      </c>
      <c r="H21894" s="5">
        <v>6</v>
      </c>
      <c r="I21894" s="5" t="s">
        <v>1518</v>
      </c>
      <c r="J21894" s="5" t="s">
        <v>69038</v>
      </c>
      <c r="K21894" s="2" t="s">
        <v>69039</v>
      </c>
      <c r="L21894" s="5" t="s">
        <v>69038</v>
      </c>
      <c r="M21894" s="2" t="s">
        <v>69039</v>
      </c>
      <c r="N21894" s="5" t="s">
        <v>1521</v>
      </c>
      <c r="O21894" s="5" t="s">
        <v>38</v>
      </c>
      <c r="P21894" s="5" t="s">
        <v>39</v>
      </c>
      <c r="Q21894" s="5" t="s">
        <v>40</v>
      </c>
      <c r="R21894" s="5" t="s">
        <v>1522</v>
      </c>
      <c r="S21894" s="5" t="s">
        <v>1523</v>
      </c>
      <c r="T21894" s="5" t="s">
        <v>42</v>
      </c>
      <c r="U21894" s="2">
        <v>1.5469999999999999</v>
      </c>
      <c r="V21894" s="2">
        <v>1.2150000000000001</v>
      </c>
      <c r="W21894" s="2">
        <v>8.0000000000000002E-3</v>
      </c>
      <c r="X21894" s="2">
        <v>99.1</v>
      </c>
      <c r="Y21894" s="2">
        <v>7.6</v>
      </c>
      <c r="Z21894" s="2">
        <v>10.6</v>
      </c>
      <c r="AA21894" s="5"/>
      <c r="AB21894" s="5" t="s">
        <v>43</v>
      </c>
      <c r="AC21894" s="5" t="s">
        <v>44</v>
      </c>
      <c r="AD21894" s="2"/>
      <c r="AE21894" s="1"/>
    </row>
    <row r="21895" spans="1:31" ht="14.45">
      <c r="A21895" s="11"/>
      <c r="B21895" s="20"/>
      <c r="C21895" s="2" t="s">
        <v>70553</v>
      </c>
      <c r="D21895" s="14" t="s">
        <v>70554</v>
      </c>
      <c r="E21895" s="2" t="s">
        <v>70555</v>
      </c>
      <c r="F21895" s="2" t="s">
        <v>7611</v>
      </c>
      <c r="G21895" s="8">
        <v>140</v>
      </c>
      <c r="H21895" s="5">
        <v>6</v>
      </c>
      <c r="I21895" s="5" t="s">
        <v>1518</v>
      </c>
      <c r="J21895" s="5" t="s">
        <v>69038</v>
      </c>
      <c r="K21895" s="2" t="s">
        <v>69039</v>
      </c>
      <c r="L21895" s="5" t="s">
        <v>69038</v>
      </c>
      <c r="M21895" s="2" t="s">
        <v>69039</v>
      </c>
      <c r="N21895" s="5" t="s">
        <v>1521</v>
      </c>
      <c r="O21895" s="5" t="s">
        <v>38</v>
      </c>
      <c r="P21895" s="5" t="s">
        <v>39</v>
      </c>
      <c r="Q21895" s="5" t="s">
        <v>40</v>
      </c>
      <c r="R21895" s="5" t="s">
        <v>1522</v>
      </c>
      <c r="S21895" s="5" t="s">
        <v>1523</v>
      </c>
      <c r="T21895" s="5" t="s">
        <v>42</v>
      </c>
      <c r="U21895" s="2">
        <v>1.6140000000000001</v>
      </c>
      <c r="V21895" s="2">
        <v>1.282</v>
      </c>
      <c r="W21895" s="2">
        <v>8.0000000000000002E-3</v>
      </c>
      <c r="X21895" s="2">
        <v>99.1</v>
      </c>
      <c r="Y21895" s="2">
        <v>7.6</v>
      </c>
      <c r="Z21895" s="2">
        <v>10.6</v>
      </c>
      <c r="AA21895" s="5"/>
      <c r="AB21895" s="5" t="s">
        <v>43</v>
      </c>
      <c r="AC21895" s="5" t="s">
        <v>44</v>
      </c>
      <c r="AD21895" s="2"/>
      <c r="AE21895" s="1"/>
    </row>
    <row r="21896" spans="1:31" ht="14.45">
      <c r="A21896" s="11"/>
      <c r="B21896" s="20"/>
      <c r="C21896" s="2" t="s">
        <v>70556</v>
      </c>
      <c r="D21896" s="14" t="s">
        <v>70557</v>
      </c>
      <c r="E21896" s="2" t="s">
        <v>70558</v>
      </c>
      <c r="F21896" s="2" t="s">
        <v>7615</v>
      </c>
      <c r="G21896" s="8">
        <v>140</v>
      </c>
      <c r="H21896" s="5">
        <v>6</v>
      </c>
      <c r="I21896" s="5" t="s">
        <v>1518</v>
      </c>
      <c r="J21896" s="5" t="s">
        <v>69038</v>
      </c>
      <c r="K21896" s="2" t="s">
        <v>69039</v>
      </c>
      <c r="L21896" s="5" t="s">
        <v>69038</v>
      </c>
      <c r="M21896" s="2" t="s">
        <v>69039</v>
      </c>
      <c r="N21896" s="5" t="s">
        <v>1521</v>
      </c>
      <c r="O21896" s="5" t="s">
        <v>38</v>
      </c>
      <c r="P21896" s="5" t="s">
        <v>39</v>
      </c>
      <c r="Q21896" s="5" t="s">
        <v>40</v>
      </c>
      <c r="R21896" s="5" t="s">
        <v>1522</v>
      </c>
      <c r="S21896" s="5" t="s">
        <v>1523</v>
      </c>
      <c r="T21896" s="5" t="s">
        <v>42</v>
      </c>
      <c r="U21896" s="2">
        <v>1.5469999999999999</v>
      </c>
      <c r="V21896" s="2">
        <v>1.2150000000000001</v>
      </c>
      <c r="W21896" s="2">
        <v>8.0000000000000002E-3</v>
      </c>
      <c r="X21896" s="2">
        <v>99.1</v>
      </c>
      <c r="Y21896" s="2">
        <v>7.6</v>
      </c>
      <c r="Z21896" s="2">
        <v>10.6</v>
      </c>
      <c r="AA21896" s="5"/>
      <c r="AB21896" s="5" t="s">
        <v>43</v>
      </c>
      <c r="AC21896" s="5" t="s">
        <v>44</v>
      </c>
      <c r="AD21896" s="2"/>
      <c r="AE21896" s="1"/>
    </row>
    <row r="21897" spans="1:31" ht="14.45">
      <c r="A21897" s="11"/>
      <c r="B21897" s="20"/>
      <c r="C21897" s="2" t="s">
        <v>70559</v>
      </c>
      <c r="D21897" s="14" t="s">
        <v>70560</v>
      </c>
      <c r="E21897" s="2" t="s">
        <v>70561</v>
      </c>
      <c r="F21897" s="2" t="s">
        <v>7619</v>
      </c>
      <c r="G21897" s="8">
        <v>140</v>
      </c>
      <c r="H21897" s="5">
        <v>6</v>
      </c>
      <c r="I21897" s="5" t="s">
        <v>1518</v>
      </c>
      <c r="J21897" s="5" t="s">
        <v>69038</v>
      </c>
      <c r="K21897" s="2" t="s">
        <v>69039</v>
      </c>
      <c r="L21897" s="5" t="s">
        <v>69038</v>
      </c>
      <c r="M21897" s="2" t="s">
        <v>69039</v>
      </c>
      <c r="N21897" s="5" t="s">
        <v>1521</v>
      </c>
      <c r="O21897" s="5" t="s">
        <v>38</v>
      </c>
      <c r="P21897" s="5" t="s">
        <v>39</v>
      </c>
      <c r="Q21897" s="5" t="s">
        <v>40</v>
      </c>
      <c r="R21897" s="5" t="s">
        <v>1522</v>
      </c>
      <c r="S21897" s="5" t="s">
        <v>1523</v>
      </c>
      <c r="T21897" s="5" t="s">
        <v>42</v>
      </c>
      <c r="U21897" s="2">
        <v>1.6140000000000001</v>
      </c>
      <c r="V21897" s="2">
        <v>1.282</v>
      </c>
      <c r="W21897" s="2">
        <v>8.0000000000000002E-3</v>
      </c>
      <c r="X21897" s="2">
        <v>99.1</v>
      </c>
      <c r="Y21897" s="2">
        <v>7.6</v>
      </c>
      <c r="Z21897" s="2">
        <v>10.6</v>
      </c>
      <c r="AA21897" s="5"/>
      <c r="AB21897" s="5" t="s">
        <v>43</v>
      </c>
      <c r="AC21897" s="5" t="s">
        <v>44</v>
      </c>
      <c r="AD21897" s="2"/>
      <c r="AE21897" s="1"/>
    </row>
    <row r="21898" spans="1:31" ht="14.45">
      <c r="A21898" s="11"/>
      <c r="B21898" s="20"/>
      <c r="C21898" s="2" t="s">
        <v>70562</v>
      </c>
      <c r="D21898" s="14" t="s">
        <v>70563</v>
      </c>
      <c r="E21898" s="2" t="s">
        <v>70564</v>
      </c>
      <c r="F21898" s="2" t="s">
        <v>7410</v>
      </c>
      <c r="G21898" s="8">
        <v>140</v>
      </c>
      <c r="H21898" s="5">
        <v>6</v>
      </c>
      <c r="I21898" s="5" t="s">
        <v>1518</v>
      </c>
      <c r="J21898" s="5" t="s">
        <v>69038</v>
      </c>
      <c r="K21898" s="2" t="s">
        <v>69039</v>
      </c>
      <c r="L21898" s="5" t="s">
        <v>69038</v>
      </c>
      <c r="M21898" s="2" t="s">
        <v>69039</v>
      </c>
      <c r="N21898" s="5" t="s">
        <v>1521</v>
      </c>
      <c r="O21898" s="5" t="s">
        <v>38</v>
      </c>
      <c r="P21898" s="5" t="s">
        <v>39</v>
      </c>
      <c r="Q21898" s="5" t="s">
        <v>40</v>
      </c>
      <c r="R21898" s="5" t="s">
        <v>1522</v>
      </c>
      <c r="S21898" s="5" t="s">
        <v>1523</v>
      </c>
      <c r="T21898" s="5" t="s">
        <v>42</v>
      </c>
      <c r="U21898" s="2">
        <v>1.5469999999999999</v>
      </c>
      <c r="V21898" s="2">
        <v>1.2150000000000001</v>
      </c>
      <c r="W21898" s="2">
        <v>8.0000000000000002E-3</v>
      </c>
      <c r="X21898" s="2">
        <v>99.1</v>
      </c>
      <c r="Y21898" s="2">
        <v>7.6</v>
      </c>
      <c r="Z21898" s="2">
        <v>10.6</v>
      </c>
      <c r="AA21898" s="5"/>
      <c r="AB21898" s="5" t="s">
        <v>43</v>
      </c>
      <c r="AC21898" s="5" t="s">
        <v>44</v>
      </c>
      <c r="AD21898" s="2"/>
      <c r="AE21898" s="1"/>
    </row>
    <row r="21899" spans="1:31" ht="14.45">
      <c r="A21899" s="11"/>
      <c r="B21899" s="20"/>
      <c r="C21899" s="2" t="s">
        <v>70565</v>
      </c>
      <c r="D21899" s="14" t="s">
        <v>70566</v>
      </c>
      <c r="E21899" s="2" t="s">
        <v>70567</v>
      </c>
      <c r="F21899" s="2" t="s">
        <v>7212</v>
      </c>
      <c r="G21899" s="8">
        <v>122</v>
      </c>
      <c r="H21899" s="5">
        <v>6</v>
      </c>
      <c r="I21899" s="5" t="s">
        <v>1518</v>
      </c>
      <c r="J21899" s="5" t="s">
        <v>69038</v>
      </c>
      <c r="K21899" s="2" t="s">
        <v>69039</v>
      </c>
      <c r="L21899" s="5" t="s">
        <v>69038</v>
      </c>
      <c r="M21899" s="2" t="s">
        <v>69039</v>
      </c>
      <c r="N21899" s="5" t="s">
        <v>1521</v>
      </c>
      <c r="O21899" s="5" t="s">
        <v>38</v>
      </c>
      <c r="P21899" s="5" t="s">
        <v>39</v>
      </c>
      <c r="Q21899" s="5" t="s">
        <v>40</v>
      </c>
      <c r="R21899" s="5" t="s">
        <v>1522</v>
      </c>
      <c r="S21899" s="5" t="s">
        <v>1523</v>
      </c>
      <c r="T21899" s="5" t="s">
        <v>42</v>
      </c>
      <c r="U21899" s="2">
        <v>1.5469999999999999</v>
      </c>
      <c r="V21899" s="2">
        <v>1.2150000000000001</v>
      </c>
      <c r="W21899" s="2">
        <v>8.0000000000000002E-3</v>
      </c>
      <c r="X21899" s="2">
        <v>99.1</v>
      </c>
      <c r="Y21899" s="2">
        <v>7.6</v>
      </c>
      <c r="Z21899" s="2">
        <v>10.6</v>
      </c>
      <c r="AA21899" s="5"/>
      <c r="AB21899" s="5" t="s">
        <v>43</v>
      </c>
      <c r="AC21899" s="5" t="s">
        <v>44</v>
      </c>
      <c r="AD21899" s="2"/>
      <c r="AE21899" s="1"/>
    </row>
    <row r="21900" spans="1:31" ht="14.45">
      <c r="A21900" s="11"/>
      <c r="B21900" s="20"/>
      <c r="C21900" s="2" t="s">
        <v>70568</v>
      </c>
      <c r="D21900" s="14" t="s">
        <v>70569</v>
      </c>
      <c r="E21900" s="2" t="s">
        <v>70570</v>
      </c>
      <c r="F21900" s="2" t="s">
        <v>7528</v>
      </c>
      <c r="G21900" s="8">
        <v>122</v>
      </c>
      <c r="H21900" s="5">
        <v>6</v>
      </c>
      <c r="I21900" s="5" t="s">
        <v>1518</v>
      </c>
      <c r="J21900" s="5" t="s">
        <v>69038</v>
      </c>
      <c r="K21900" s="2" t="s">
        <v>69039</v>
      </c>
      <c r="L21900" s="5" t="s">
        <v>69038</v>
      </c>
      <c r="M21900" s="2" t="s">
        <v>69039</v>
      </c>
      <c r="N21900" s="5" t="s">
        <v>1521</v>
      </c>
      <c r="O21900" s="5" t="s">
        <v>38</v>
      </c>
      <c r="P21900" s="5" t="s">
        <v>39</v>
      </c>
      <c r="Q21900" s="5" t="s">
        <v>40</v>
      </c>
      <c r="R21900" s="5" t="s">
        <v>1522</v>
      </c>
      <c r="S21900" s="5" t="s">
        <v>1523</v>
      </c>
      <c r="T21900" s="5" t="s">
        <v>42</v>
      </c>
      <c r="U21900" s="2">
        <v>1.6140000000000001</v>
      </c>
      <c r="V21900" s="2">
        <v>1.282</v>
      </c>
      <c r="W21900" s="2">
        <v>8.0000000000000002E-3</v>
      </c>
      <c r="X21900" s="2">
        <v>99.1</v>
      </c>
      <c r="Y21900" s="2">
        <v>7.6</v>
      </c>
      <c r="Z21900" s="2">
        <v>10.6</v>
      </c>
      <c r="AA21900" s="5"/>
      <c r="AB21900" s="5" t="s">
        <v>43</v>
      </c>
      <c r="AC21900" s="5" t="s">
        <v>44</v>
      </c>
      <c r="AD21900" s="2"/>
      <c r="AE21900" s="1"/>
    </row>
    <row r="21901" spans="1:31" ht="14.45">
      <c r="A21901" s="11"/>
      <c r="B21901" s="20"/>
      <c r="C21901" s="2" t="s">
        <v>70571</v>
      </c>
      <c r="D21901" s="14" t="s">
        <v>70572</v>
      </c>
      <c r="E21901" s="2" t="s">
        <v>70573</v>
      </c>
      <c r="F21901" s="2" t="s">
        <v>1863</v>
      </c>
      <c r="G21901" s="8">
        <v>140</v>
      </c>
      <c r="H21901" s="5">
        <v>6</v>
      </c>
      <c r="I21901" s="5" t="s">
        <v>1518</v>
      </c>
      <c r="J21901" s="5" t="s">
        <v>69038</v>
      </c>
      <c r="K21901" s="2" t="s">
        <v>69039</v>
      </c>
      <c r="L21901" s="5" t="s">
        <v>69038</v>
      </c>
      <c r="M21901" s="2" t="s">
        <v>69039</v>
      </c>
      <c r="N21901" s="5" t="s">
        <v>1521</v>
      </c>
      <c r="O21901" s="5" t="s">
        <v>38</v>
      </c>
      <c r="P21901" s="5" t="s">
        <v>39</v>
      </c>
      <c r="Q21901" s="5" t="s">
        <v>40</v>
      </c>
      <c r="R21901" s="5" t="s">
        <v>1522</v>
      </c>
      <c r="S21901" s="5" t="s">
        <v>1523</v>
      </c>
      <c r="T21901" s="5" t="s">
        <v>42</v>
      </c>
      <c r="U21901" s="2">
        <v>1.5469999999999999</v>
      </c>
      <c r="V21901" s="2">
        <v>1.2150000000000001</v>
      </c>
      <c r="W21901" s="2">
        <v>8.0000000000000002E-3</v>
      </c>
      <c r="X21901" s="2">
        <v>99.1</v>
      </c>
      <c r="Y21901" s="2">
        <v>7.6</v>
      </c>
      <c r="Z21901" s="2">
        <v>10.6</v>
      </c>
      <c r="AA21901" s="5"/>
      <c r="AB21901" s="5" t="s">
        <v>43</v>
      </c>
      <c r="AC21901" s="5" t="s">
        <v>44</v>
      </c>
      <c r="AD21901" s="2"/>
      <c r="AE21901" s="1"/>
    </row>
    <row r="21902" spans="1:31" ht="14.45">
      <c r="A21902" s="11"/>
      <c r="B21902" s="20"/>
      <c r="C21902" s="2" t="s">
        <v>70574</v>
      </c>
      <c r="D21902" s="14" t="s">
        <v>70575</v>
      </c>
      <c r="E21902" s="2" t="s">
        <v>70576</v>
      </c>
      <c r="F21902" s="2" t="s">
        <v>1867</v>
      </c>
      <c r="G21902" s="8">
        <v>140</v>
      </c>
      <c r="H21902" s="5">
        <v>6</v>
      </c>
      <c r="I21902" s="5" t="s">
        <v>1518</v>
      </c>
      <c r="J21902" s="5" t="s">
        <v>69038</v>
      </c>
      <c r="K21902" s="2" t="s">
        <v>69039</v>
      </c>
      <c r="L21902" s="5" t="s">
        <v>69038</v>
      </c>
      <c r="M21902" s="2" t="s">
        <v>69039</v>
      </c>
      <c r="N21902" s="5" t="s">
        <v>1521</v>
      </c>
      <c r="O21902" s="5" t="s">
        <v>38</v>
      </c>
      <c r="P21902" s="5" t="s">
        <v>39</v>
      </c>
      <c r="Q21902" s="5" t="s">
        <v>40</v>
      </c>
      <c r="R21902" s="5" t="s">
        <v>1522</v>
      </c>
      <c r="S21902" s="5" t="s">
        <v>1523</v>
      </c>
      <c r="T21902" s="5" t="s">
        <v>42</v>
      </c>
      <c r="U21902" s="2">
        <v>1.6140000000000001</v>
      </c>
      <c r="V21902" s="2">
        <v>1.282</v>
      </c>
      <c r="W21902" s="2">
        <v>8.0000000000000002E-3</v>
      </c>
      <c r="X21902" s="2">
        <v>99.1</v>
      </c>
      <c r="Y21902" s="2">
        <v>7.6</v>
      </c>
      <c r="Z21902" s="2">
        <v>10.6</v>
      </c>
      <c r="AA21902" s="5"/>
      <c r="AB21902" s="5" t="s">
        <v>43</v>
      </c>
      <c r="AC21902" s="5" t="s">
        <v>44</v>
      </c>
      <c r="AD21902" s="2"/>
      <c r="AE21902" s="1"/>
    </row>
    <row r="21903" spans="1:31" ht="14.45">
      <c r="A21903" s="11"/>
      <c r="B21903" s="20"/>
      <c r="C21903" s="2" t="s">
        <v>70577</v>
      </c>
      <c r="D21903" s="14" t="s">
        <v>70578</v>
      </c>
      <c r="E21903" s="2" t="s">
        <v>70579</v>
      </c>
      <c r="F21903" s="2" t="s">
        <v>7204</v>
      </c>
      <c r="G21903" s="8">
        <v>131</v>
      </c>
      <c r="H21903" s="5">
        <v>6</v>
      </c>
      <c r="I21903" s="5" t="s">
        <v>1518</v>
      </c>
      <c r="J21903" s="5" t="s">
        <v>69038</v>
      </c>
      <c r="K21903" s="2" t="s">
        <v>69039</v>
      </c>
      <c r="L21903" s="5" t="s">
        <v>69038</v>
      </c>
      <c r="M21903" s="2" t="s">
        <v>69039</v>
      </c>
      <c r="N21903" s="5" t="s">
        <v>1521</v>
      </c>
      <c r="O21903" s="5" t="s">
        <v>38</v>
      </c>
      <c r="P21903" s="5" t="s">
        <v>39</v>
      </c>
      <c r="Q21903" s="5" t="s">
        <v>40</v>
      </c>
      <c r="R21903" s="5" t="s">
        <v>1522</v>
      </c>
      <c r="S21903" s="5" t="s">
        <v>1523</v>
      </c>
      <c r="T21903" s="5" t="s">
        <v>42</v>
      </c>
      <c r="U21903" s="2">
        <v>1.6739999999999999</v>
      </c>
      <c r="V21903" s="2">
        <v>1.335</v>
      </c>
      <c r="W21903" s="2">
        <v>0.01</v>
      </c>
      <c r="X21903" s="2">
        <v>118.9</v>
      </c>
      <c r="Y21903" s="2">
        <v>7.6</v>
      </c>
      <c r="Z21903" s="2">
        <v>10.6</v>
      </c>
      <c r="AA21903" s="5"/>
      <c r="AB21903" s="5" t="s">
        <v>43</v>
      </c>
      <c r="AC21903" s="5" t="s">
        <v>44</v>
      </c>
      <c r="AD21903" s="2"/>
      <c r="AE21903" s="1"/>
    </row>
    <row r="21904" spans="1:31" ht="14.45">
      <c r="A21904" s="11"/>
      <c r="B21904" s="20"/>
      <c r="C21904" s="2" t="s">
        <v>70580</v>
      </c>
      <c r="D21904" s="14" t="s">
        <v>70581</v>
      </c>
      <c r="E21904" s="2" t="s">
        <v>70582</v>
      </c>
      <c r="F21904" s="2" t="s">
        <v>7514</v>
      </c>
      <c r="G21904" s="8">
        <v>131</v>
      </c>
      <c r="H21904" s="5">
        <v>6</v>
      </c>
      <c r="I21904" s="5" t="s">
        <v>1518</v>
      </c>
      <c r="J21904" s="5" t="s">
        <v>69038</v>
      </c>
      <c r="K21904" s="2" t="s">
        <v>69039</v>
      </c>
      <c r="L21904" s="5" t="s">
        <v>69038</v>
      </c>
      <c r="M21904" s="2" t="s">
        <v>69039</v>
      </c>
      <c r="N21904" s="5" t="s">
        <v>1521</v>
      </c>
      <c r="O21904" s="5" t="s">
        <v>38</v>
      </c>
      <c r="P21904" s="5" t="s">
        <v>39</v>
      </c>
      <c r="Q21904" s="5" t="s">
        <v>40</v>
      </c>
      <c r="R21904" s="5" t="s">
        <v>1522</v>
      </c>
      <c r="S21904" s="5" t="s">
        <v>1523</v>
      </c>
      <c r="T21904" s="5" t="s">
        <v>42</v>
      </c>
      <c r="U21904" s="2">
        <v>1.752</v>
      </c>
      <c r="V21904" s="2">
        <v>1.413</v>
      </c>
      <c r="W21904" s="2">
        <v>0.01</v>
      </c>
      <c r="X21904" s="2">
        <v>118.9</v>
      </c>
      <c r="Y21904" s="2">
        <v>7.6</v>
      </c>
      <c r="Z21904" s="2">
        <v>10.6</v>
      </c>
      <c r="AA21904" s="5"/>
      <c r="AB21904" s="5" t="s">
        <v>43</v>
      </c>
      <c r="AC21904" s="5" t="s">
        <v>44</v>
      </c>
      <c r="AD21904" s="2"/>
      <c r="AE21904" s="1"/>
    </row>
    <row r="21905" spans="1:31" ht="14.45">
      <c r="A21905" s="11"/>
      <c r="B21905" s="20"/>
      <c r="C21905" s="2" t="s">
        <v>70583</v>
      </c>
      <c r="D21905" s="14" t="s">
        <v>70584</v>
      </c>
      <c r="E21905" s="2" t="s">
        <v>70585</v>
      </c>
      <c r="F21905" s="2" t="s">
        <v>7208</v>
      </c>
      <c r="G21905" s="8">
        <v>131</v>
      </c>
      <c r="H21905" s="5">
        <v>6</v>
      </c>
      <c r="I21905" s="5" t="s">
        <v>1518</v>
      </c>
      <c r="J21905" s="5" t="s">
        <v>69038</v>
      </c>
      <c r="K21905" s="2" t="s">
        <v>69039</v>
      </c>
      <c r="L21905" s="5" t="s">
        <v>69038</v>
      </c>
      <c r="M21905" s="2" t="s">
        <v>69039</v>
      </c>
      <c r="N21905" s="5" t="s">
        <v>1521</v>
      </c>
      <c r="O21905" s="5" t="s">
        <v>38</v>
      </c>
      <c r="P21905" s="5" t="s">
        <v>39</v>
      </c>
      <c r="Q21905" s="5" t="s">
        <v>40</v>
      </c>
      <c r="R21905" s="5" t="s">
        <v>1522</v>
      </c>
      <c r="S21905" s="5" t="s">
        <v>1523</v>
      </c>
      <c r="T21905" s="5" t="s">
        <v>42</v>
      </c>
      <c r="U21905" s="2">
        <v>1.6739999999999999</v>
      </c>
      <c r="V21905" s="2">
        <v>1.335</v>
      </c>
      <c r="W21905" s="2">
        <v>0.01</v>
      </c>
      <c r="X21905" s="2">
        <v>118.9</v>
      </c>
      <c r="Y21905" s="2">
        <v>7.6</v>
      </c>
      <c r="Z21905" s="2">
        <v>10.6</v>
      </c>
      <c r="AA21905" s="5"/>
      <c r="AB21905" s="5" t="s">
        <v>43</v>
      </c>
      <c r="AC21905" s="5" t="s">
        <v>44</v>
      </c>
      <c r="AD21905" s="2"/>
      <c r="AE21905" s="1"/>
    </row>
    <row r="21906" spans="1:31" ht="14.45">
      <c r="A21906" s="11"/>
      <c r="B21906" s="20"/>
      <c r="C21906" s="2" t="s">
        <v>70586</v>
      </c>
      <c r="D21906" s="14" t="s">
        <v>70587</v>
      </c>
      <c r="E21906" s="2" t="s">
        <v>70588</v>
      </c>
      <c r="F21906" s="2" t="s">
        <v>7521</v>
      </c>
      <c r="G21906" s="8">
        <v>131</v>
      </c>
      <c r="H21906" s="5">
        <v>6</v>
      </c>
      <c r="I21906" s="5" t="s">
        <v>1518</v>
      </c>
      <c r="J21906" s="5" t="s">
        <v>69038</v>
      </c>
      <c r="K21906" s="2" t="s">
        <v>69039</v>
      </c>
      <c r="L21906" s="5" t="s">
        <v>69038</v>
      </c>
      <c r="M21906" s="2" t="s">
        <v>69039</v>
      </c>
      <c r="N21906" s="5" t="s">
        <v>1521</v>
      </c>
      <c r="O21906" s="5" t="s">
        <v>38</v>
      </c>
      <c r="P21906" s="5" t="s">
        <v>39</v>
      </c>
      <c r="Q21906" s="5" t="s">
        <v>40</v>
      </c>
      <c r="R21906" s="5" t="s">
        <v>1522</v>
      </c>
      <c r="S21906" s="5" t="s">
        <v>1523</v>
      </c>
      <c r="T21906" s="5" t="s">
        <v>42</v>
      </c>
      <c r="U21906" s="2">
        <v>1.752</v>
      </c>
      <c r="V21906" s="2">
        <v>1.413</v>
      </c>
      <c r="W21906" s="2">
        <v>0.01</v>
      </c>
      <c r="X21906" s="2">
        <v>118.9</v>
      </c>
      <c r="Y21906" s="2">
        <v>7.6</v>
      </c>
      <c r="Z21906" s="2">
        <v>10.6</v>
      </c>
      <c r="AA21906" s="5"/>
      <c r="AB21906" s="5" t="s">
        <v>43</v>
      </c>
      <c r="AC21906" s="5" t="s">
        <v>44</v>
      </c>
      <c r="AD21906" s="2"/>
      <c r="AE21906" s="1"/>
    </row>
    <row r="21907" spans="1:31" ht="14.45">
      <c r="A21907" s="11"/>
      <c r="B21907" s="20"/>
      <c r="C21907" s="2" t="s">
        <v>70589</v>
      </c>
      <c r="D21907" s="14" t="s">
        <v>70590</v>
      </c>
      <c r="E21907" s="2" t="s">
        <v>70591</v>
      </c>
      <c r="F21907" s="2" t="s">
        <v>7406</v>
      </c>
      <c r="G21907" s="8">
        <v>151</v>
      </c>
      <c r="H21907" s="5">
        <v>6</v>
      </c>
      <c r="I21907" s="5" t="s">
        <v>1518</v>
      </c>
      <c r="J21907" s="5" t="s">
        <v>69038</v>
      </c>
      <c r="K21907" s="2" t="s">
        <v>69039</v>
      </c>
      <c r="L21907" s="5" t="s">
        <v>69038</v>
      </c>
      <c r="M21907" s="2" t="s">
        <v>69039</v>
      </c>
      <c r="N21907" s="5" t="s">
        <v>1521</v>
      </c>
      <c r="O21907" s="5" t="s">
        <v>38</v>
      </c>
      <c r="P21907" s="5" t="s">
        <v>39</v>
      </c>
      <c r="Q21907" s="5" t="s">
        <v>40</v>
      </c>
      <c r="R21907" s="5" t="s">
        <v>1522</v>
      </c>
      <c r="S21907" s="5" t="s">
        <v>1523</v>
      </c>
      <c r="T21907" s="5" t="s">
        <v>42</v>
      </c>
      <c r="U21907" s="2">
        <v>1.6739999999999999</v>
      </c>
      <c r="V21907" s="2">
        <v>1.335</v>
      </c>
      <c r="W21907" s="2">
        <v>0.01</v>
      </c>
      <c r="X21907" s="2">
        <v>118.9</v>
      </c>
      <c r="Y21907" s="2">
        <v>7.6</v>
      </c>
      <c r="Z21907" s="2">
        <v>10.6</v>
      </c>
      <c r="AA21907" s="5"/>
      <c r="AB21907" s="5" t="s">
        <v>43</v>
      </c>
      <c r="AC21907" s="5" t="s">
        <v>44</v>
      </c>
      <c r="AD21907" s="2"/>
      <c r="AE21907" s="1"/>
    </row>
    <row r="21908" spans="1:31" ht="14.45">
      <c r="A21908" s="11"/>
      <c r="B21908" s="20"/>
      <c r="C21908" s="2" t="s">
        <v>70592</v>
      </c>
      <c r="D21908" s="14" t="s">
        <v>70593</v>
      </c>
      <c r="E21908" s="2" t="s">
        <v>70594</v>
      </c>
      <c r="F21908" s="2" t="s">
        <v>7539</v>
      </c>
      <c r="G21908" s="8">
        <v>151</v>
      </c>
      <c r="H21908" s="5">
        <v>6</v>
      </c>
      <c r="I21908" s="5" t="s">
        <v>1518</v>
      </c>
      <c r="J21908" s="5" t="s">
        <v>69038</v>
      </c>
      <c r="K21908" s="2" t="s">
        <v>69039</v>
      </c>
      <c r="L21908" s="5" t="s">
        <v>69038</v>
      </c>
      <c r="M21908" s="2" t="s">
        <v>69039</v>
      </c>
      <c r="N21908" s="5" t="s">
        <v>1521</v>
      </c>
      <c r="O21908" s="5" t="s">
        <v>38</v>
      </c>
      <c r="P21908" s="5" t="s">
        <v>39</v>
      </c>
      <c r="Q21908" s="5" t="s">
        <v>40</v>
      </c>
      <c r="R21908" s="5" t="s">
        <v>1522</v>
      </c>
      <c r="S21908" s="5" t="s">
        <v>1523</v>
      </c>
      <c r="T21908" s="5" t="s">
        <v>42</v>
      </c>
      <c r="U21908" s="2">
        <v>1.6739999999999999</v>
      </c>
      <c r="V21908" s="2">
        <v>1.335</v>
      </c>
      <c r="W21908" s="2">
        <v>0.01</v>
      </c>
      <c r="X21908" s="2">
        <v>118.9</v>
      </c>
      <c r="Y21908" s="2">
        <v>7.6</v>
      </c>
      <c r="Z21908" s="2">
        <v>10.6</v>
      </c>
      <c r="AA21908" s="5"/>
      <c r="AB21908" s="5" t="s">
        <v>43</v>
      </c>
      <c r="AC21908" s="5" t="s">
        <v>44</v>
      </c>
      <c r="AD21908" s="2"/>
      <c r="AE21908" s="1"/>
    </row>
    <row r="21909" spans="1:31" ht="14.45">
      <c r="A21909" s="11"/>
      <c r="B21909" s="20"/>
      <c r="C21909" s="2" t="s">
        <v>70595</v>
      </c>
      <c r="D21909" s="14" t="s">
        <v>70596</v>
      </c>
      <c r="E21909" s="2" t="s">
        <v>70597</v>
      </c>
      <c r="F21909" s="2" t="s">
        <v>7543</v>
      </c>
      <c r="G21909" s="8">
        <v>151</v>
      </c>
      <c r="H21909" s="5">
        <v>6</v>
      </c>
      <c r="I21909" s="5" t="s">
        <v>1518</v>
      </c>
      <c r="J21909" s="5" t="s">
        <v>69038</v>
      </c>
      <c r="K21909" s="2" t="s">
        <v>69039</v>
      </c>
      <c r="L21909" s="5" t="s">
        <v>69038</v>
      </c>
      <c r="M21909" s="2" t="s">
        <v>69039</v>
      </c>
      <c r="N21909" s="5" t="s">
        <v>1521</v>
      </c>
      <c r="O21909" s="5" t="s">
        <v>38</v>
      </c>
      <c r="P21909" s="5" t="s">
        <v>39</v>
      </c>
      <c r="Q21909" s="5" t="s">
        <v>40</v>
      </c>
      <c r="R21909" s="5" t="s">
        <v>1522</v>
      </c>
      <c r="S21909" s="5" t="s">
        <v>1523</v>
      </c>
      <c r="T21909" s="5" t="s">
        <v>42</v>
      </c>
      <c r="U21909" s="2">
        <v>1.752</v>
      </c>
      <c r="V21909" s="2">
        <v>1.413</v>
      </c>
      <c r="W21909" s="2">
        <v>0.01</v>
      </c>
      <c r="X21909" s="2">
        <v>118.9</v>
      </c>
      <c r="Y21909" s="2">
        <v>7.6</v>
      </c>
      <c r="Z21909" s="2">
        <v>10.6</v>
      </c>
      <c r="AA21909" s="5"/>
      <c r="AB21909" s="5" t="s">
        <v>43</v>
      </c>
      <c r="AC21909" s="5" t="s">
        <v>44</v>
      </c>
      <c r="AD21909" s="2"/>
      <c r="AE21909" s="1"/>
    </row>
    <row r="21910" spans="1:31" ht="14.45">
      <c r="A21910" s="11"/>
      <c r="B21910" s="20"/>
      <c r="C21910" s="2" t="s">
        <v>70598</v>
      </c>
      <c r="D21910" s="14" t="s">
        <v>70599</v>
      </c>
      <c r="E21910" s="2" t="s">
        <v>70600</v>
      </c>
      <c r="F21910" s="2" t="s">
        <v>7396</v>
      </c>
      <c r="G21910" s="8">
        <v>131</v>
      </c>
      <c r="H21910" s="5">
        <v>6</v>
      </c>
      <c r="I21910" s="5" t="s">
        <v>1518</v>
      </c>
      <c r="J21910" s="5" t="s">
        <v>69038</v>
      </c>
      <c r="K21910" s="2" t="s">
        <v>69039</v>
      </c>
      <c r="L21910" s="5" t="s">
        <v>69038</v>
      </c>
      <c r="M21910" s="2" t="s">
        <v>69039</v>
      </c>
      <c r="N21910" s="5" t="s">
        <v>1521</v>
      </c>
      <c r="O21910" s="5" t="s">
        <v>38</v>
      </c>
      <c r="P21910" s="5" t="s">
        <v>39</v>
      </c>
      <c r="Q21910" s="5" t="s">
        <v>40</v>
      </c>
      <c r="R21910" s="5" t="s">
        <v>1522</v>
      </c>
      <c r="S21910" s="5" t="s">
        <v>1523</v>
      </c>
      <c r="T21910" s="5" t="s">
        <v>42</v>
      </c>
      <c r="U21910" s="2">
        <v>1.6739999999999999</v>
      </c>
      <c r="V21910" s="2">
        <v>1.335</v>
      </c>
      <c r="W21910" s="2">
        <v>0.01</v>
      </c>
      <c r="X21910" s="2">
        <v>118.9</v>
      </c>
      <c r="Y21910" s="2">
        <v>7.6</v>
      </c>
      <c r="Z21910" s="2">
        <v>10.6</v>
      </c>
      <c r="AA21910" s="5"/>
      <c r="AB21910" s="5" t="s">
        <v>43</v>
      </c>
      <c r="AC21910" s="5" t="s">
        <v>44</v>
      </c>
      <c r="AD21910" s="2"/>
      <c r="AE21910" s="1"/>
    </row>
    <row r="21911" spans="1:31" ht="14.45">
      <c r="A21911" s="11"/>
      <c r="B21911" s="20"/>
      <c r="C21911" s="2" t="s">
        <v>70601</v>
      </c>
      <c r="D21911" s="14" t="s">
        <v>70602</v>
      </c>
      <c r="E21911" s="2" t="s">
        <v>70603</v>
      </c>
      <c r="F21911" s="2" t="s">
        <v>69112</v>
      </c>
      <c r="G21911" s="8">
        <v>131</v>
      </c>
      <c r="H21911" s="5">
        <v>6</v>
      </c>
      <c r="I21911" s="5" t="s">
        <v>1518</v>
      </c>
      <c r="J21911" s="5" t="s">
        <v>69038</v>
      </c>
      <c r="K21911" s="2" t="s">
        <v>69039</v>
      </c>
      <c r="L21911" s="5" t="s">
        <v>69038</v>
      </c>
      <c r="M21911" s="2" t="s">
        <v>69039</v>
      </c>
      <c r="N21911" s="5" t="s">
        <v>1521</v>
      </c>
      <c r="O21911" s="5" t="s">
        <v>38</v>
      </c>
      <c r="P21911" s="5" t="s">
        <v>39</v>
      </c>
      <c r="Q21911" s="5" t="s">
        <v>40</v>
      </c>
      <c r="R21911" s="5" t="s">
        <v>1522</v>
      </c>
      <c r="S21911" s="5" t="s">
        <v>1523</v>
      </c>
      <c r="T21911" s="5" t="s">
        <v>42</v>
      </c>
      <c r="U21911" s="2">
        <v>1.752</v>
      </c>
      <c r="V21911" s="2">
        <v>1.413</v>
      </c>
      <c r="W21911" s="2">
        <v>0.01</v>
      </c>
      <c r="X21911" s="2">
        <v>118.9</v>
      </c>
      <c r="Y21911" s="2">
        <v>7.6</v>
      </c>
      <c r="Z21911" s="2">
        <v>10.6</v>
      </c>
      <c r="AA21911" s="5"/>
      <c r="AB21911" s="5" t="s">
        <v>43</v>
      </c>
      <c r="AC21911" s="5" t="s">
        <v>44</v>
      </c>
      <c r="AD21911" s="2"/>
      <c r="AE21911" s="1"/>
    </row>
    <row r="21912" spans="1:31" ht="14.45">
      <c r="A21912" s="11"/>
      <c r="B21912" s="20"/>
      <c r="C21912" s="2" t="s">
        <v>70604</v>
      </c>
      <c r="D21912" s="14" t="s">
        <v>70605</v>
      </c>
      <c r="E21912" s="2" t="s">
        <v>70606</v>
      </c>
      <c r="F21912" s="2" t="s">
        <v>7563</v>
      </c>
      <c r="G21912" s="8">
        <v>151</v>
      </c>
      <c r="H21912" s="5">
        <v>6</v>
      </c>
      <c r="I21912" s="5" t="s">
        <v>1518</v>
      </c>
      <c r="J21912" s="5" t="s">
        <v>69038</v>
      </c>
      <c r="K21912" s="2" t="s">
        <v>69039</v>
      </c>
      <c r="L21912" s="5" t="s">
        <v>69038</v>
      </c>
      <c r="M21912" s="2" t="s">
        <v>69039</v>
      </c>
      <c r="N21912" s="5" t="s">
        <v>1521</v>
      </c>
      <c r="O21912" s="5" t="s">
        <v>38</v>
      </c>
      <c r="P21912" s="5" t="s">
        <v>39</v>
      </c>
      <c r="Q21912" s="5" t="s">
        <v>40</v>
      </c>
      <c r="R21912" s="5" t="s">
        <v>1522</v>
      </c>
      <c r="S21912" s="5" t="s">
        <v>1523</v>
      </c>
      <c r="T21912" s="5" t="s">
        <v>42</v>
      </c>
      <c r="U21912" s="2">
        <v>1.6739999999999999</v>
      </c>
      <c r="V21912" s="2">
        <v>1.335</v>
      </c>
      <c r="W21912" s="2">
        <v>0.01</v>
      </c>
      <c r="X21912" s="2">
        <v>118.9</v>
      </c>
      <c r="Y21912" s="2">
        <v>7.6</v>
      </c>
      <c r="Z21912" s="2">
        <v>10.6</v>
      </c>
      <c r="AA21912" s="5"/>
      <c r="AB21912" s="5" t="s">
        <v>43</v>
      </c>
      <c r="AC21912" s="5" t="s">
        <v>44</v>
      </c>
      <c r="AD21912" s="2"/>
      <c r="AE21912" s="1"/>
    </row>
    <row r="21913" spans="1:31" ht="14.45">
      <c r="A21913" s="11"/>
      <c r="B21913" s="20"/>
      <c r="C21913" s="2" t="s">
        <v>70607</v>
      </c>
      <c r="D21913" s="14" t="s">
        <v>70608</v>
      </c>
      <c r="E21913" s="2" t="s">
        <v>70609</v>
      </c>
      <c r="F21913" s="2" t="s">
        <v>7555</v>
      </c>
      <c r="G21913" s="8">
        <v>151</v>
      </c>
      <c r="H21913" s="5">
        <v>6</v>
      </c>
      <c r="I21913" s="5" t="s">
        <v>1518</v>
      </c>
      <c r="J21913" s="5" t="s">
        <v>69038</v>
      </c>
      <c r="K21913" s="2" t="s">
        <v>69039</v>
      </c>
      <c r="L21913" s="5" t="s">
        <v>69038</v>
      </c>
      <c r="M21913" s="2" t="s">
        <v>69039</v>
      </c>
      <c r="N21913" s="5" t="s">
        <v>1521</v>
      </c>
      <c r="O21913" s="5" t="s">
        <v>38</v>
      </c>
      <c r="P21913" s="5" t="s">
        <v>39</v>
      </c>
      <c r="Q21913" s="5" t="s">
        <v>40</v>
      </c>
      <c r="R21913" s="5" t="s">
        <v>1522</v>
      </c>
      <c r="S21913" s="5" t="s">
        <v>1523</v>
      </c>
      <c r="T21913" s="5" t="s">
        <v>42</v>
      </c>
      <c r="U21913" s="2">
        <v>1.6739999999999999</v>
      </c>
      <c r="V21913" s="2">
        <v>1.335</v>
      </c>
      <c r="W21913" s="2">
        <v>0.01</v>
      </c>
      <c r="X21913" s="2">
        <v>118.9</v>
      </c>
      <c r="Y21913" s="2">
        <v>7.6</v>
      </c>
      <c r="Z21913" s="2">
        <v>10.6</v>
      </c>
      <c r="AA21913" s="5"/>
      <c r="AB21913" s="5" t="s">
        <v>43</v>
      </c>
      <c r="AC21913" s="5" t="s">
        <v>44</v>
      </c>
      <c r="AD21913" s="2"/>
      <c r="AE21913" s="1"/>
    </row>
    <row r="21914" spans="1:31" ht="14.45">
      <c r="A21914" s="11"/>
      <c r="B21914" s="20"/>
      <c r="C21914" s="2" t="s">
        <v>70610</v>
      </c>
      <c r="D21914" s="14" t="s">
        <v>70611</v>
      </c>
      <c r="E21914" s="2" t="s">
        <v>70612</v>
      </c>
      <c r="F21914" s="2" t="s">
        <v>7449</v>
      </c>
      <c r="G21914" s="8">
        <v>151</v>
      </c>
      <c r="H21914" s="5">
        <v>6</v>
      </c>
      <c r="I21914" s="5" t="s">
        <v>1518</v>
      </c>
      <c r="J21914" s="5" t="s">
        <v>69038</v>
      </c>
      <c r="K21914" s="2" t="s">
        <v>69039</v>
      </c>
      <c r="L21914" s="5" t="s">
        <v>69038</v>
      </c>
      <c r="M21914" s="2" t="s">
        <v>69039</v>
      </c>
      <c r="N21914" s="5" t="s">
        <v>1521</v>
      </c>
      <c r="O21914" s="5" t="s">
        <v>38</v>
      </c>
      <c r="P21914" s="5" t="s">
        <v>39</v>
      </c>
      <c r="Q21914" s="5" t="s">
        <v>40</v>
      </c>
      <c r="R21914" s="5" t="s">
        <v>1522</v>
      </c>
      <c r="S21914" s="5" t="s">
        <v>1523</v>
      </c>
      <c r="T21914" s="5" t="s">
        <v>42</v>
      </c>
      <c r="U21914" s="2">
        <v>1.6739999999999999</v>
      </c>
      <c r="V21914" s="2">
        <v>1.335</v>
      </c>
      <c r="W21914" s="2">
        <v>0.01</v>
      </c>
      <c r="X21914" s="2">
        <v>118.9</v>
      </c>
      <c r="Y21914" s="2">
        <v>7.6</v>
      </c>
      <c r="Z21914" s="2">
        <v>10.6</v>
      </c>
      <c r="AA21914" s="5"/>
      <c r="AB21914" s="5" t="s">
        <v>43</v>
      </c>
      <c r="AC21914" s="5" t="s">
        <v>44</v>
      </c>
      <c r="AD21914" s="2"/>
      <c r="AE21914" s="1"/>
    </row>
    <row r="21915" spans="1:31" ht="14.45">
      <c r="A21915" s="11"/>
      <c r="B21915" s="20"/>
      <c r="C21915" s="2" t="s">
        <v>70613</v>
      </c>
      <c r="D21915" s="14" t="s">
        <v>70614</v>
      </c>
      <c r="E21915" s="2" t="s">
        <v>70615</v>
      </c>
      <c r="F21915" s="2" t="s">
        <v>7585</v>
      </c>
      <c r="G21915" s="8">
        <v>151</v>
      </c>
      <c r="H21915" s="5">
        <v>6</v>
      </c>
      <c r="I21915" s="5" t="s">
        <v>1518</v>
      </c>
      <c r="J21915" s="5" t="s">
        <v>69038</v>
      </c>
      <c r="K21915" s="2" t="s">
        <v>69039</v>
      </c>
      <c r="L21915" s="5" t="s">
        <v>69038</v>
      </c>
      <c r="M21915" s="2" t="s">
        <v>69039</v>
      </c>
      <c r="N21915" s="5" t="s">
        <v>1521</v>
      </c>
      <c r="O21915" s="5" t="s">
        <v>38</v>
      </c>
      <c r="P21915" s="5" t="s">
        <v>39</v>
      </c>
      <c r="Q21915" s="5" t="s">
        <v>40</v>
      </c>
      <c r="R21915" s="5" t="s">
        <v>1522</v>
      </c>
      <c r="S21915" s="5" t="s">
        <v>1523</v>
      </c>
      <c r="T21915" s="5" t="s">
        <v>42</v>
      </c>
      <c r="U21915" s="2">
        <v>1.6739999999999999</v>
      </c>
      <c r="V21915" s="2">
        <v>1.335</v>
      </c>
      <c r="W21915" s="2">
        <v>0.01</v>
      </c>
      <c r="X21915" s="2">
        <v>118.9</v>
      </c>
      <c r="Y21915" s="2">
        <v>7.6</v>
      </c>
      <c r="Z21915" s="2">
        <v>10.6</v>
      </c>
      <c r="AA21915" s="5"/>
      <c r="AB21915" s="5" t="s">
        <v>43</v>
      </c>
      <c r="AC21915" s="5" t="s">
        <v>44</v>
      </c>
      <c r="AD21915" s="2"/>
      <c r="AE21915" s="1"/>
    </row>
    <row r="21916" spans="1:31" ht="14.45">
      <c r="A21916" s="11"/>
      <c r="B21916" s="20"/>
      <c r="C21916" s="2" t="s">
        <v>70616</v>
      </c>
      <c r="D21916" s="14" t="s">
        <v>70617</v>
      </c>
      <c r="E21916" s="2" t="s">
        <v>70618</v>
      </c>
      <c r="F21916" s="2" t="s">
        <v>7433</v>
      </c>
      <c r="G21916" s="8">
        <v>151</v>
      </c>
      <c r="H21916" s="5">
        <v>6</v>
      </c>
      <c r="I21916" s="5" t="s">
        <v>1518</v>
      </c>
      <c r="J21916" s="5" t="s">
        <v>69038</v>
      </c>
      <c r="K21916" s="2" t="s">
        <v>69039</v>
      </c>
      <c r="L21916" s="5" t="s">
        <v>69038</v>
      </c>
      <c r="M21916" s="2" t="s">
        <v>69039</v>
      </c>
      <c r="N21916" s="5" t="s">
        <v>1521</v>
      </c>
      <c r="O21916" s="5" t="s">
        <v>38</v>
      </c>
      <c r="P21916" s="5" t="s">
        <v>39</v>
      </c>
      <c r="Q21916" s="5" t="s">
        <v>40</v>
      </c>
      <c r="R21916" s="5" t="s">
        <v>1522</v>
      </c>
      <c r="S21916" s="5" t="s">
        <v>1523</v>
      </c>
      <c r="T21916" s="5" t="s">
        <v>42</v>
      </c>
      <c r="U21916" s="2">
        <v>1.6739999999999999</v>
      </c>
      <c r="V21916" s="2">
        <v>1.335</v>
      </c>
      <c r="W21916" s="2">
        <v>0.01</v>
      </c>
      <c r="X21916" s="2">
        <v>118.9</v>
      </c>
      <c r="Y21916" s="2">
        <v>7.6</v>
      </c>
      <c r="Z21916" s="2">
        <v>10.6</v>
      </c>
      <c r="AA21916" s="5"/>
      <c r="AB21916" s="5" t="s">
        <v>43</v>
      </c>
      <c r="AC21916" s="5" t="s">
        <v>44</v>
      </c>
      <c r="AD21916" s="2"/>
      <c r="AE21916" s="1"/>
    </row>
    <row r="21917" spans="1:31" ht="14.45">
      <c r="A21917" s="11"/>
      <c r="B21917" s="20"/>
      <c r="C21917" s="2" t="s">
        <v>70619</v>
      </c>
      <c r="D21917" s="14" t="s">
        <v>70620</v>
      </c>
      <c r="E21917" s="2" t="s">
        <v>70621</v>
      </c>
      <c r="F21917" s="2" t="s">
        <v>7611</v>
      </c>
      <c r="G21917" s="8">
        <v>151</v>
      </c>
      <c r="H21917" s="5">
        <v>6</v>
      </c>
      <c r="I21917" s="5" t="s">
        <v>1518</v>
      </c>
      <c r="J21917" s="5" t="s">
        <v>69038</v>
      </c>
      <c r="K21917" s="2" t="s">
        <v>69039</v>
      </c>
      <c r="L21917" s="5" t="s">
        <v>69038</v>
      </c>
      <c r="M21917" s="2" t="s">
        <v>69039</v>
      </c>
      <c r="N21917" s="5" t="s">
        <v>1521</v>
      </c>
      <c r="O21917" s="5" t="s">
        <v>38</v>
      </c>
      <c r="P21917" s="5" t="s">
        <v>39</v>
      </c>
      <c r="Q21917" s="5" t="s">
        <v>40</v>
      </c>
      <c r="R21917" s="5" t="s">
        <v>1522</v>
      </c>
      <c r="S21917" s="5" t="s">
        <v>1523</v>
      </c>
      <c r="T21917" s="5" t="s">
        <v>42</v>
      </c>
      <c r="U21917" s="2">
        <v>1.752</v>
      </c>
      <c r="V21917" s="2">
        <v>1.413</v>
      </c>
      <c r="W21917" s="2">
        <v>0.01</v>
      </c>
      <c r="X21917" s="2">
        <v>118.9</v>
      </c>
      <c r="Y21917" s="2">
        <v>7.6</v>
      </c>
      <c r="Z21917" s="2">
        <v>10.6</v>
      </c>
      <c r="AA21917" s="5"/>
      <c r="AB21917" s="5" t="s">
        <v>43</v>
      </c>
      <c r="AC21917" s="5" t="s">
        <v>44</v>
      </c>
      <c r="AD21917" s="2"/>
      <c r="AE21917" s="1"/>
    </row>
    <row r="21918" spans="1:31" ht="14.45">
      <c r="A21918" s="11"/>
      <c r="B21918" s="20"/>
      <c r="C21918" s="2" t="s">
        <v>70622</v>
      </c>
      <c r="D21918" s="14" t="s">
        <v>70623</v>
      </c>
      <c r="E21918" s="2" t="s">
        <v>70624</v>
      </c>
      <c r="F21918" s="2" t="s">
        <v>7615</v>
      </c>
      <c r="G21918" s="8">
        <v>151</v>
      </c>
      <c r="H21918" s="5">
        <v>6</v>
      </c>
      <c r="I21918" s="5" t="s">
        <v>1518</v>
      </c>
      <c r="J21918" s="5" t="s">
        <v>69038</v>
      </c>
      <c r="K21918" s="2" t="s">
        <v>69039</v>
      </c>
      <c r="L21918" s="5" t="s">
        <v>69038</v>
      </c>
      <c r="M21918" s="2" t="s">
        <v>69039</v>
      </c>
      <c r="N21918" s="5" t="s">
        <v>1521</v>
      </c>
      <c r="O21918" s="5" t="s">
        <v>38</v>
      </c>
      <c r="P21918" s="5" t="s">
        <v>39</v>
      </c>
      <c r="Q21918" s="5" t="s">
        <v>40</v>
      </c>
      <c r="R21918" s="5" t="s">
        <v>1522</v>
      </c>
      <c r="S21918" s="5" t="s">
        <v>1523</v>
      </c>
      <c r="T21918" s="5" t="s">
        <v>42</v>
      </c>
      <c r="U21918" s="2">
        <v>1.6739999999999999</v>
      </c>
      <c r="V21918" s="2">
        <v>1.335</v>
      </c>
      <c r="W21918" s="2">
        <v>0.01</v>
      </c>
      <c r="X21918" s="2">
        <v>118.9</v>
      </c>
      <c r="Y21918" s="2">
        <v>7.6</v>
      </c>
      <c r="Z21918" s="2">
        <v>10.6</v>
      </c>
      <c r="AA21918" s="5"/>
      <c r="AB21918" s="5" t="s">
        <v>43</v>
      </c>
      <c r="AC21918" s="5" t="s">
        <v>44</v>
      </c>
      <c r="AD21918" s="2"/>
      <c r="AE21918" s="1"/>
    </row>
    <row r="21919" spans="1:31" ht="14.45">
      <c r="A21919" s="11"/>
      <c r="B21919" s="20"/>
      <c r="C21919" s="2" t="s">
        <v>70625</v>
      </c>
      <c r="D21919" s="14" t="s">
        <v>70626</v>
      </c>
      <c r="E21919" s="2" t="s">
        <v>70627</v>
      </c>
      <c r="F21919" s="2" t="s">
        <v>7410</v>
      </c>
      <c r="G21919" s="8">
        <v>151</v>
      </c>
      <c r="H21919" s="5">
        <v>6</v>
      </c>
      <c r="I21919" s="5" t="s">
        <v>1518</v>
      </c>
      <c r="J21919" s="5" t="s">
        <v>69038</v>
      </c>
      <c r="K21919" s="2" t="s">
        <v>69039</v>
      </c>
      <c r="L21919" s="5" t="s">
        <v>69038</v>
      </c>
      <c r="M21919" s="2" t="s">
        <v>69039</v>
      </c>
      <c r="N21919" s="5" t="s">
        <v>1521</v>
      </c>
      <c r="O21919" s="5" t="s">
        <v>38</v>
      </c>
      <c r="P21919" s="5" t="s">
        <v>39</v>
      </c>
      <c r="Q21919" s="5" t="s">
        <v>40</v>
      </c>
      <c r="R21919" s="5" t="s">
        <v>1522</v>
      </c>
      <c r="S21919" s="5" t="s">
        <v>1523</v>
      </c>
      <c r="T21919" s="5" t="s">
        <v>42</v>
      </c>
      <c r="U21919" s="2">
        <v>1.6739999999999999</v>
      </c>
      <c r="V21919" s="2">
        <v>1.335</v>
      </c>
      <c r="W21919" s="2">
        <v>0.01</v>
      </c>
      <c r="X21919" s="2">
        <v>118.9</v>
      </c>
      <c r="Y21919" s="2">
        <v>7.6</v>
      </c>
      <c r="Z21919" s="2">
        <v>10.6</v>
      </c>
      <c r="AA21919" s="5"/>
      <c r="AB21919" s="5" t="s">
        <v>43</v>
      </c>
      <c r="AC21919" s="5" t="s">
        <v>44</v>
      </c>
      <c r="AD21919" s="2"/>
      <c r="AE21919" s="1"/>
    </row>
    <row r="21920" spans="1:31" ht="14.45">
      <c r="A21920" s="11"/>
      <c r="B21920" s="20"/>
      <c r="C21920" s="2" t="s">
        <v>70628</v>
      </c>
      <c r="D21920" s="14" t="s">
        <v>70629</v>
      </c>
      <c r="E21920" s="2" t="s">
        <v>70630</v>
      </c>
      <c r="F21920" s="2" t="s">
        <v>7604</v>
      </c>
      <c r="G21920" s="8">
        <v>151</v>
      </c>
      <c r="H21920" s="5">
        <v>6</v>
      </c>
      <c r="I21920" s="5" t="s">
        <v>1518</v>
      </c>
      <c r="J21920" s="5" t="s">
        <v>69038</v>
      </c>
      <c r="K21920" s="2" t="s">
        <v>69039</v>
      </c>
      <c r="L21920" s="5" t="s">
        <v>69038</v>
      </c>
      <c r="M21920" s="2" t="s">
        <v>69039</v>
      </c>
      <c r="N21920" s="5" t="s">
        <v>1521</v>
      </c>
      <c r="O21920" s="5" t="s">
        <v>38</v>
      </c>
      <c r="P21920" s="5" t="s">
        <v>39</v>
      </c>
      <c r="Q21920" s="5" t="s">
        <v>40</v>
      </c>
      <c r="R21920" s="5" t="s">
        <v>1522</v>
      </c>
      <c r="S21920" s="5" t="s">
        <v>1523</v>
      </c>
      <c r="T21920" s="5" t="s">
        <v>42</v>
      </c>
      <c r="U21920" s="2">
        <v>1.752</v>
      </c>
      <c r="V21920" s="2">
        <v>1.413</v>
      </c>
      <c r="W21920" s="2">
        <v>0.01</v>
      </c>
      <c r="X21920" s="2">
        <v>118.9</v>
      </c>
      <c r="Y21920" s="2">
        <v>7.6</v>
      </c>
      <c r="Z21920" s="2">
        <v>10.6</v>
      </c>
      <c r="AA21920" s="5"/>
      <c r="AB21920" s="5" t="s">
        <v>43</v>
      </c>
      <c r="AC21920" s="5" t="s">
        <v>44</v>
      </c>
      <c r="AD21920" s="2"/>
      <c r="AE21920" s="1"/>
    </row>
    <row r="21921" spans="1:31" ht="14.45">
      <c r="A21921" s="11"/>
      <c r="B21921" s="20"/>
      <c r="C21921" s="2" t="s">
        <v>70631</v>
      </c>
      <c r="D21921" s="14" t="s">
        <v>70632</v>
      </c>
      <c r="E21921" s="2" t="s">
        <v>70633</v>
      </c>
      <c r="F21921" s="2" t="s">
        <v>7212</v>
      </c>
      <c r="G21921" s="8">
        <v>131</v>
      </c>
      <c r="H21921" s="5">
        <v>6</v>
      </c>
      <c r="I21921" s="5" t="s">
        <v>1518</v>
      </c>
      <c r="J21921" s="5" t="s">
        <v>69038</v>
      </c>
      <c r="K21921" s="2" t="s">
        <v>69039</v>
      </c>
      <c r="L21921" s="5" t="s">
        <v>69038</v>
      </c>
      <c r="M21921" s="2" t="s">
        <v>69039</v>
      </c>
      <c r="N21921" s="5" t="s">
        <v>1521</v>
      </c>
      <c r="O21921" s="5" t="s">
        <v>38</v>
      </c>
      <c r="P21921" s="5" t="s">
        <v>39</v>
      </c>
      <c r="Q21921" s="5" t="s">
        <v>40</v>
      </c>
      <c r="R21921" s="5" t="s">
        <v>1522</v>
      </c>
      <c r="S21921" s="5" t="s">
        <v>1523</v>
      </c>
      <c r="T21921" s="5" t="s">
        <v>42</v>
      </c>
      <c r="U21921" s="2">
        <v>1.6739999999999999</v>
      </c>
      <c r="V21921" s="2">
        <v>1.335</v>
      </c>
      <c r="W21921" s="2">
        <v>0.01</v>
      </c>
      <c r="X21921" s="2">
        <v>118.9</v>
      </c>
      <c r="Y21921" s="2">
        <v>7.6</v>
      </c>
      <c r="Z21921" s="2">
        <v>10.6</v>
      </c>
      <c r="AA21921" s="5"/>
      <c r="AB21921" s="5" t="s">
        <v>43</v>
      </c>
      <c r="AC21921" s="5" t="s">
        <v>44</v>
      </c>
      <c r="AD21921" s="2"/>
      <c r="AE21921" s="1"/>
    </row>
    <row r="21922" spans="1:31" ht="14.45">
      <c r="A21922" s="11"/>
      <c r="B21922" s="20"/>
      <c r="C21922" s="2" t="s">
        <v>70634</v>
      </c>
      <c r="D21922" s="14" t="s">
        <v>70635</v>
      </c>
      <c r="E21922" s="2" t="s">
        <v>70636</v>
      </c>
      <c r="F21922" s="2" t="s">
        <v>7528</v>
      </c>
      <c r="G21922" s="8">
        <v>131</v>
      </c>
      <c r="H21922" s="5">
        <v>6</v>
      </c>
      <c r="I21922" s="5" t="s">
        <v>1518</v>
      </c>
      <c r="J21922" s="5" t="s">
        <v>69038</v>
      </c>
      <c r="K21922" s="2" t="s">
        <v>69039</v>
      </c>
      <c r="L21922" s="5" t="s">
        <v>69038</v>
      </c>
      <c r="M21922" s="2" t="s">
        <v>69039</v>
      </c>
      <c r="N21922" s="5" t="s">
        <v>1521</v>
      </c>
      <c r="O21922" s="5" t="s">
        <v>38</v>
      </c>
      <c r="P21922" s="5" t="s">
        <v>39</v>
      </c>
      <c r="Q21922" s="5" t="s">
        <v>40</v>
      </c>
      <c r="R21922" s="5" t="s">
        <v>1522</v>
      </c>
      <c r="S21922" s="5" t="s">
        <v>1523</v>
      </c>
      <c r="T21922" s="5" t="s">
        <v>42</v>
      </c>
      <c r="U21922" s="2">
        <v>1.752</v>
      </c>
      <c r="V21922" s="2">
        <v>1.413</v>
      </c>
      <c r="W21922" s="2">
        <v>0.01</v>
      </c>
      <c r="X21922" s="2">
        <v>118.9</v>
      </c>
      <c r="Y21922" s="2">
        <v>7.6</v>
      </c>
      <c r="Z21922" s="2">
        <v>10.6</v>
      </c>
      <c r="AA21922" s="5"/>
      <c r="AB21922" s="5" t="s">
        <v>43</v>
      </c>
      <c r="AC21922" s="5" t="s">
        <v>44</v>
      </c>
      <c r="AD21922" s="2"/>
      <c r="AE21922" s="1"/>
    </row>
    <row r="21923" spans="1:31" ht="14.45">
      <c r="A21923" s="11"/>
      <c r="B21923" s="20"/>
      <c r="C21923" s="2" t="s">
        <v>70637</v>
      </c>
      <c r="D21923" s="14" t="s">
        <v>70638</v>
      </c>
      <c r="E21923" s="2" t="s">
        <v>70639</v>
      </c>
      <c r="F21923" s="2" t="s">
        <v>1863</v>
      </c>
      <c r="G21923" s="8">
        <v>151</v>
      </c>
      <c r="H21923" s="5">
        <v>6</v>
      </c>
      <c r="I21923" s="5" t="s">
        <v>1518</v>
      </c>
      <c r="J21923" s="5" t="s">
        <v>69038</v>
      </c>
      <c r="K21923" s="2" t="s">
        <v>69039</v>
      </c>
      <c r="L21923" s="5" t="s">
        <v>69038</v>
      </c>
      <c r="M21923" s="2" t="s">
        <v>69039</v>
      </c>
      <c r="N21923" s="5" t="s">
        <v>1521</v>
      </c>
      <c r="O21923" s="5" t="s">
        <v>38</v>
      </c>
      <c r="P21923" s="5" t="s">
        <v>39</v>
      </c>
      <c r="Q21923" s="5" t="s">
        <v>40</v>
      </c>
      <c r="R21923" s="5" t="s">
        <v>1522</v>
      </c>
      <c r="S21923" s="5" t="s">
        <v>1523</v>
      </c>
      <c r="T21923" s="5" t="s">
        <v>42</v>
      </c>
      <c r="U21923" s="2">
        <v>1.6739999999999999</v>
      </c>
      <c r="V21923" s="2">
        <v>1.335</v>
      </c>
      <c r="W21923" s="2">
        <v>0.01</v>
      </c>
      <c r="X21923" s="2">
        <v>118.9</v>
      </c>
      <c r="Y21923" s="2">
        <v>7.6</v>
      </c>
      <c r="Z21923" s="2">
        <v>10.6</v>
      </c>
      <c r="AA21923" s="5"/>
      <c r="AB21923" s="5" t="s">
        <v>43</v>
      </c>
      <c r="AC21923" s="5" t="s">
        <v>44</v>
      </c>
      <c r="AD21923" s="2"/>
      <c r="AE21923" s="1"/>
    </row>
    <row r="21924" spans="1:31" ht="14.45">
      <c r="A21924" s="11"/>
      <c r="B21924" s="20"/>
      <c r="C21924" s="2" t="s">
        <v>70640</v>
      </c>
      <c r="D21924" s="14" t="s">
        <v>70641</v>
      </c>
      <c r="E21924" s="2" t="s">
        <v>70642</v>
      </c>
      <c r="F21924" s="2" t="s">
        <v>1867</v>
      </c>
      <c r="G21924" s="8">
        <v>151</v>
      </c>
      <c r="H21924" s="5">
        <v>6</v>
      </c>
      <c r="I21924" s="5" t="s">
        <v>1518</v>
      </c>
      <c r="J21924" s="5" t="s">
        <v>69038</v>
      </c>
      <c r="K21924" s="2" t="s">
        <v>69039</v>
      </c>
      <c r="L21924" s="5" t="s">
        <v>69038</v>
      </c>
      <c r="M21924" s="2" t="s">
        <v>69039</v>
      </c>
      <c r="N21924" s="5" t="s">
        <v>1521</v>
      </c>
      <c r="O21924" s="5" t="s">
        <v>38</v>
      </c>
      <c r="P21924" s="5" t="s">
        <v>39</v>
      </c>
      <c r="Q21924" s="5" t="s">
        <v>40</v>
      </c>
      <c r="R21924" s="5" t="s">
        <v>1522</v>
      </c>
      <c r="S21924" s="5" t="s">
        <v>1523</v>
      </c>
      <c r="T21924" s="5" t="s">
        <v>42</v>
      </c>
      <c r="U21924" s="2">
        <v>1.752</v>
      </c>
      <c r="V21924" s="2">
        <v>1.413</v>
      </c>
      <c r="W21924" s="2">
        <v>0.01</v>
      </c>
      <c r="X21924" s="2">
        <v>118.9</v>
      </c>
      <c r="Y21924" s="2">
        <v>7.6</v>
      </c>
      <c r="Z21924" s="2">
        <v>10.6</v>
      </c>
      <c r="AA21924" s="5"/>
      <c r="AB21924" s="5" t="s">
        <v>43</v>
      </c>
      <c r="AC21924" s="5" t="s">
        <v>44</v>
      </c>
      <c r="AD21924" s="2"/>
      <c r="AE21924" s="1"/>
    </row>
    <row r="21925" spans="1:31" ht="14.45">
      <c r="A21925" s="11"/>
      <c r="B21925" s="20"/>
      <c r="C21925" s="2" t="s">
        <v>70643</v>
      </c>
      <c r="D21925" s="14" t="s">
        <v>70644</v>
      </c>
      <c r="E21925" s="2" t="s">
        <v>70645</v>
      </c>
      <c r="F21925" s="2" t="s">
        <v>7204</v>
      </c>
      <c r="G21925" s="8">
        <v>143</v>
      </c>
      <c r="H21925" s="5">
        <v>6</v>
      </c>
      <c r="I21925" s="5" t="s">
        <v>1518</v>
      </c>
      <c r="J21925" s="5" t="s">
        <v>69038</v>
      </c>
      <c r="K21925" s="2" t="s">
        <v>69039</v>
      </c>
      <c r="L21925" s="5" t="s">
        <v>69038</v>
      </c>
      <c r="M21925" s="2" t="s">
        <v>69039</v>
      </c>
      <c r="N21925" s="5" t="s">
        <v>1521</v>
      </c>
      <c r="O21925" s="5" t="s">
        <v>38</v>
      </c>
      <c r="P21925" s="5" t="s">
        <v>39</v>
      </c>
      <c r="Q21925" s="5" t="s">
        <v>40</v>
      </c>
      <c r="R21925" s="5" t="s">
        <v>1522</v>
      </c>
      <c r="S21925" s="5" t="s">
        <v>1523</v>
      </c>
      <c r="T21925" s="5" t="s">
        <v>42</v>
      </c>
      <c r="U21925" s="2">
        <v>1.837</v>
      </c>
      <c r="V21925" s="2">
        <v>1.446</v>
      </c>
      <c r="W21925" s="2">
        <v>1.0999999999999999E-2</v>
      </c>
      <c r="X21925" s="2">
        <v>139.1</v>
      </c>
      <c r="Y21925" s="2">
        <v>7.6</v>
      </c>
      <c r="Z21925" s="2">
        <v>10.6</v>
      </c>
      <c r="AA21925" s="5"/>
      <c r="AB21925" s="5" t="s">
        <v>43</v>
      </c>
      <c r="AC21925" s="5" t="s">
        <v>44</v>
      </c>
      <c r="AD21925" s="2"/>
      <c r="AE21925" s="1"/>
    </row>
    <row r="21926" spans="1:31" ht="14.45">
      <c r="A21926" s="11"/>
      <c r="B21926" s="20"/>
      <c r="C21926" s="2" t="s">
        <v>70646</v>
      </c>
      <c r="D21926" s="14" t="s">
        <v>70647</v>
      </c>
      <c r="E21926" s="2" t="s">
        <v>70648</v>
      </c>
      <c r="F21926" s="2" t="s">
        <v>7514</v>
      </c>
      <c r="G21926" s="8">
        <v>143</v>
      </c>
      <c r="H21926" s="5">
        <v>6</v>
      </c>
      <c r="I21926" s="5" t="s">
        <v>1518</v>
      </c>
      <c r="J21926" s="5" t="s">
        <v>69038</v>
      </c>
      <c r="K21926" s="2" t="s">
        <v>69039</v>
      </c>
      <c r="L21926" s="5" t="s">
        <v>69038</v>
      </c>
      <c r="M21926" s="2" t="s">
        <v>69039</v>
      </c>
      <c r="N21926" s="5" t="s">
        <v>1521</v>
      </c>
      <c r="O21926" s="5" t="s">
        <v>38</v>
      </c>
      <c r="P21926" s="5" t="s">
        <v>39</v>
      </c>
      <c r="Q21926" s="5" t="s">
        <v>40</v>
      </c>
      <c r="R21926" s="5" t="s">
        <v>1522</v>
      </c>
      <c r="S21926" s="5" t="s">
        <v>1523</v>
      </c>
      <c r="T21926" s="5" t="s">
        <v>42</v>
      </c>
      <c r="U21926" s="2">
        <v>1.925</v>
      </c>
      <c r="V21926" s="2">
        <v>1.534</v>
      </c>
      <c r="W21926" s="2">
        <v>1.0999999999999999E-2</v>
      </c>
      <c r="X21926" s="2">
        <v>139.1</v>
      </c>
      <c r="Y21926" s="2">
        <v>7.6</v>
      </c>
      <c r="Z21926" s="2">
        <v>10.6</v>
      </c>
      <c r="AA21926" s="5"/>
      <c r="AB21926" s="5" t="s">
        <v>43</v>
      </c>
      <c r="AC21926" s="5" t="s">
        <v>44</v>
      </c>
      <c r="AD21926" s="2"/>
      <c r="AE21926" s="1"/>
    </row>
    <row r="21927" spans="1:31" ht="14.45">
      <c r="A21927" s="11"/>
      <c r="B21927" s="20"/>
      <c r="C21927" s="2" t="s">
        <v>70649</v>
      </c>
      <c r="D21927" s="14" t="s">
        <v>70650</v>
      </c>
      <c r="E21927" s="2" t="s">
        <v>70651</v>
      </c>
      <c r="F21927" s="2" t="s">
        <v>7208</v>
      </c>
      <c r="G21927" s="8">
        <v>143</v>
      </c>
      <c r="H21927" s="5">
        <v>6</v>
      </c>
      <c r="I21927" s="5" t="s">
        <v>1518</v>
      </c>
      <c r="J21927" s="5" t="s">
        <v>69038</v>
      </c>
      <c r="K21927" s="2" t="s">
        <v>69039</v>
      </c>
      <c r="L21927" s="5" t="s">
        <v>69038</v>
      </c>
      <c r="M21927" s="2" t="s">
        <v>69039</v>
      </c>
      <c r="N21927" s="5" t="s">
        <v>1521</v>
      </c>
      <c r="O21927" s="5" t="s">
        <v>38</v>
      </c>
      <c r="P21927" s="5" t="s">
        <v>39</v>
      </c>
      <c r="Q21927" s="5" t="s">
        <v>40</v>
      </c>
      <c r="R21927" s="5" t="s">
        <v>1522</v>
      </c>
      <c r="S21927" s="5" t="s">
        <v>1523</v>
      </c>
      <c r="T21927" s="5" t="s">
        <v>42</v>
      </c>
      <c r="U21927" s="2">
        <v>1.837</v>
      </c>
      <c r="V21927" s="2">
        <v>1.446</v>
      </c>
      <c r="W21927" s="2">
        <v>1.0999999999999999E-2</v>
      </c>
      <c r="X21927" s="2">
        <v>139.1</v>
      </c>
      <c r="Y21927" s="2">
        <v>7.6</v>
      </c>
      <c r="Z21927" s="2">
        <v>10.6</v>
      </c>
      <c r="AA21927" s="5"/>
      <c r="AB21927" s="5" t="s">
        <v>43</v>
      </c>
      <c r="AC21927" s="5" t="s">
        <v>44</v>
      </c>
      <c r="AD21927" s="2"/>
      <c r="AE21927" s="1"/>
    </row>
    <row r="21928" spans="1:31" ht="14.45">
      <c r="A21928" s="11"/>
      <c r="B21928" s="20"/>
      <c r="C21928" s="2" t="s">
        <v>70652</v>
      </c>
      <c r="D21928" s="14" t="s">
        <v>70653</v>
      </c>
      <c r="E21928" s="2" t="s">
        <v>70654</v>
      </c>
      <c r="F21928" s="2" t="s">
        <v>7521</v>
      </c>
      <c r="G21928" s="8">
        <v>143</v>
      </c>
      <c r="H21928" s="5">
        <v>6</v>
      </c>
      <c r="I21928" s="5" t="s">
        <v>1518</v>
      </c>
      <c r="J21928" s="5" t="s">
        <v>69038</v>
      </c>
      <c r="K21928" s="2" t="s">
        <v>69039</v>
      </c>
      <c r="L21928" s="5" t="s">
        <v>69038</v>
      </c>
      <c r="M21928" s="2" t="s">
        <v>69039</v>
      </c>
      <c r="N21928" s="5" t="s">
        <v>1521</v>
      </c>
      <c r="O21928" s="5" t="s">
        <v>38</v>
      </c>
      <c r="P21928" s="5" t="s">
        <v>39</v>
      </c>
      <c r="Q21928" s="5" t="s">
        <v>40</v>
      </c>
      <c r="R21928" s="5" t="s">
        <v>1522</v>
      </c>
      <c r="S21928" s="5" t="s">
        <v>1523</v>
      </c>
      <c r="T21928" s="5" t="s">
        <v>42</v>
      </c>
      <c r="U21928" s="2">
        <v>1.925</v>
      </c>
      <c r="V21928" s="2">
        <v>1.534</v>
      </c>
      <c r="W21928" s="2">
        <v>1.0999999999999999E-2</v>
      </c>
      <c r="X21928" s="2">
        <v>139.1</v>
      </c>
      <c r="Y21928" s="2">
        <v>7.6</v>
      </c>
      <c r="Z21928" s="2">
        <v>10.6</v>
      </c>
      <c r="AA21928" s="5"/>
      <c r="AB21928" s="5" t="s">
        <v>43</v>
      </c>
      <c r="AC21928" s="5" t="s">
        <v>44</v>
      </c>
      <c r="AD21928" s="2"/>
      <c r="AE21928" s="1"/>
    </row>
    <row r="21929" spans="1:31" ht="14.45">
      <c r="A21929" s="11"/>
      <c r="B21929" s="20"/>
      <c r="C21929" s="2" t="s">
        <v>70655</v>
      </c>
      <c r="D21929" s="14" t="s">
        <v>70656</v>
      </c>
      <c r="E21929" s="2" t="s">
        <v>70657</v>
      </c>
      <c r="F21929" s="2" t="s">
        <v>7406</v>
      </c>
      <c r="G21929" s="8">
        <v>164</v>
      </c>
      <c r="H21929" s="5">
        <v>6</v>
      </c>
      <c r="I21929" s="5" t="s">
        <v>1518</v>
      </c>
      <c r="J21929" s="5" t="s">
        <v>69038</v>
      </c>
      <c r="K21929" s="2" t="s">
        <v>69039</v>
      </c>
      <c r="L21929" s="5" t="s">
        <v>69038</v>
      </c>
      <c r="M21929" s="2" t="s">
        <v>69039</v>
      </c>
      <c r="N21929" s="5" t="s">
        <v>1521</v>
      </c>
      <c r="O21929" s="5" t="s">
        <v>38</v>
      </c>
      <c r="P21929" s="5" t="s">
        <v>39</v>
      </c>
      <c r="Q21929" s="5" t="s">
        <v>40</v>
      </c>
      <c r="R21929" s="5" t="s">
        <v>1522</v>
      </c>
      <c r="S21929" s="5" t="s">
        <v>1523</v>
      </c>
      <c r="T21929" s="5" t="s">
        <v>42</v>
      </c>
      <c r="U21929" s="2">
        <v>1.837</v>
      </c>
      <c r="V21929" s="2">
        <v>1.446</v>
      </c>
      <c r="W21929" s="2">
        <v>1.0999999999999999E-2</v>
      </c>
      <c r="X21929" s="2">
        <v>139.1</v>
      </c>
      <c r="Y21929" s="2">
        <v>7.6</v>
      </c>
      <c r="Z21929" s="2">
        <v>10.6</v>
      </c>
      <c r="AA21929" s="5"/>
      <c r="AB21929" s="5" t="s">
        <v>43</v>
      </c>
      <c r="AC21929" s="5" t="s">
        <v>44</v>
      </c>
      <c r="AD21929" s="2"/>
      <c r="AE21929" s="1"/>
    </row>
    <row r="21930" spans="1:31" ht="14.45">
      <c r="A21930" s="11"/>
      <c r="B21930" s="20"/>
      <c r="C21930" s="2" t="s">
        <v>70658</v>
      </c>
      <c r="D21930" s="14" t="s">
        <v>70659</v>
      </c>
      <c r="E21930" s="2" t="s">
        <v>70660</v>
      </c>
      <c r="F21930" s="2" t="s">
        <v>7535</v>
      </c>
      <c r="G21930" s="8">
        <v>164</v>
      </c>
      <c r="H21930" s="5">
        <v>6</v>
      </c>
      <c r="I21930" s="5" t="s">
        <v>1518</v>
      </c>
      <c r="J21930" s="5" t="s">
        <v>69038</v>
      </c>
      <c r="K21930" s="2" t="s">
        <v>69039</v>
      </c>
      <c r="L21930" s="5" t="s">
        <v>69038</v>
      </c>
      <c r="M21930" s="2" t="s">
        <v>69039</v>
      </c>
      <c r="N21930" s="5" t="s">
        <v>1521</v>
      </c>
      <c r="O21930" s="5" t="s">
        <v>38</v>
      </c>
      <c r="P21930" s="5" t="s">
        <v>39</v>
      </c>
      <c r="Q21930" s="5" t="s">
        <v>40</v>
      </c>
      <c r="R21930" s="5" t="s">
        <v>1522</v>
      </c>
      <c r="S21930" s="5" t="s">
        <v>1523</v>
      </c>
      <c r="T21930" s="5" t="s">
        <v>42</v>
      </c>
      <c r="U21930" s="2">
        <v>1.925</v>
      </c>
      <c r="V21930" s="2">
        <v>1.534</v>
      </c>
      <c r="W21930" s="2">
        <v>1.0999999999999999E-2</v>
      </c>
      <c r="X21930" s="2">
        <v>139.1</v>
      </c>
      <c r="Y21930" s="2">
        <v>7.6</v>
      </c>
      <c r="Z21930" s="2">
        <v>10.6</v>
      </c>
      <c r="AA21930" s="5"/>
      <c r="AB21930" s="5" t="s">
        <v>43</v>
      </c>
      <c r="AC21930" s="5" t="s">
        <v>44</v>
      </c>
      <c r="AD21930" s="2"/>
      <c r="AE21930" s="1"/>
    </row>
    <row r="21931" spans="1:31" ht="14.45">
      <c r="A21931" s="11"/>
      <c r="B21931" s="20"/>
      <c r="C21931" s="2" t="s">
        <v>70661</v>
      </c>
      <c r="D21931" s="14" t="s">
        <v>70662</v>
      </c>
      <c r="E21931" s="2" t="s">
        <v>70663</v>
      </c>
      <c r="F21931" s="2" t="s">
        <v>7539</v>
      </c>
      <c r="G21931" s="8">
        <v>164</v>
      </c>
      <c r="H21931" s="5">
        <v>6</v>
      </c>
      <c r="I21931" s="5" t="s">
        <v>1518</v>
      </c>
      <c r="J21931" s="5" t="s">
        <v>69038</v>
      </c>
      <c r="K21931" s="2" t="s">
        <v>69039</v>
      </c>
      <c r="L21931" s="5" t="s">
        <v>69038</v>
      </c>
      <c r="M21931" s="2" t="s">
        <v>69039</v>
      </c>
      <c r="N21931" s="5" t="s">
        <v>1521</v>
      </c>
      <c r="O21931" s="5" t="s">
        <v>38</v>
      </c>
      <c r="P21931" s="5" t="s">
        <v>39</v>
      </c>
      <c r="Q21931" s="5" t="s">
        <v>40</v>
      </c>
      <c r="R21931" s="5" t="s">
        <v>1522</v>
      </c>
      <c r="S21931" s="5" t="s">
        <v>1523</v>
      </c>
      <c r="T21931" s="5" t="s">
        <v>42</v>
      </c>
      <c r="U21931" s="2">
        <v>1.837</v>
      </c>
      <c r="V21931" s="2">
        <v>1.446</v>
      </c>
      <c r="W21931" s="2">
        <v>1.0999999999999999E-2</v>
      </c>
      <c r="X21931" s="2">
        <v>139.1</v>
      </c>
      <c r="Y21931" s="2">
        <v>7.6</v>
      </c>
      <c r="Z21931" s="2">
        <v>10.6</v>
      </c>
      <c r="AA21931" s="5"/>
      <c r="AB21931" s="5" t="s">
        <v>43</v>
      </c>
      <c r="AC21931" s="5" t="s">
        <v>44</v>
      </c>
      <c r="AD21931" s="2"/>
      <c r="AE21931" s="1"/>
    </row>
    <row r="21932" spans="1:31" ht="14.45">
      <c r="A21932" s="11"/>
      <c r="B21932" s="20"/>
      <c r="C21932" s="2" t="s">
        <v>70664</v>
      </c>
      <c r="D21932" s="14" t="s">
        <v>70665</v>
      </c>
      <c r="E21932" s="2" t="s">
        <v>70666</v>
      </c>
      <c r="F21932" s="2" t="s">
        <v>7543</v>
      </c>
      <c r="G21932" s="8">
        <v>164</v>
      </c>
      <c r="H21932" s="5">
        <v>6</v>
      </c>
      <c r="I21932" s="5" t="s">
        <v>1518</v>
      </c>
      <c r="J21932" s="5" t="s">
        <v>69038</v>
      </c>
      <c r="K21932" s="2" t="s">
        <v>69039</v>
      </c>
      <c r="L21932" s="5" t="s">
        <v>69038</v>
      </c>
      <c r="M21932" s="2" t="s">
        <v>69039</v>
      </c>
      <c r="N21932" s="5" t="s">
        <v>1521</v>
      </c>
      <c r="O21932" s="5" t="s">
        <v>38</v>
      </c>
      <c r="P21932" s="5" t="s">
        <v>39</v>
      </c>
      <c r="Q21932" s="5" t="s">
        <v>40</v>
      </c>
      <c r="R21932" s="5" t="s">
        <v>1522</v>
      </c>
      <c r="S21932" s="5" t="s">
        <v>1523</v>
      </c>
      <c r="T21932" s="5" t="s">
        <v>42</v>
      </c>
      <c r="U21932" s="2">
        <v>1.925</v>
      </c>
      <c r="V21932" s="2">
        <v>1.534</v>
      </c>
      <c r="W21932" s="2">
        <v>1.0999999999999999E-2</v>
      </c>
      <c r="X21932" s="2">
        <v>139.1</v>
      </c>
      <c r="Y21932" s="2">
        <v>7.6</v>
      </c>
      <c r="Z21932" s="2">
        <v>10.6</v>
      </c>
      <c r="AA21932" s="5"/>
      <c r="AB21932" s="5" t="s">
        <v>43</v>
      </c>
      <c r="AC21932" s="5" t="s">
        <v>44</v>
      </c>
      <c r="AD21932" s="2"/>
      <c r="AE21932" s="1"/>
    </row>
    <row r="21933" spans="1:31" ht="14.45">
      <c r="A21933" s="11"/>
      <c r="B21933" s="20"/>
      <c r="C21933" s="2" t="s">
        <v>70667</v>
      </c>
      <c r="D21933" s="14" t="s">
        <v>70668</v>
      </c>
      <c r="E21933" s="2" t="s">
        <v>70669</v>
      </c>
      <c r="F21933" s="2" t="s">
        <v>7396</v>
      </c>
      <c r="G21933" s="8">
        <v>143</v>
      </c>
      <c r="H21933" s="5">
        <v>6</v>
      </c>
      <c r="I21933" s="5" t="s">
        <v>1518</v>
      </c>
      <c r="J21933" s="5" t="s">
        <v>69038</v>
      </c>
      <c r="K21933" s="2" t="s">
        <v>69039</v>
      </c>
      <c r="L21933" s="5" t="s">
        <v>69038</v>
      </c>
      <c r="M21933" s="2" t="s">
        <v>69039</v>
      </c>
      <c r="N21933" s="5" t="s">
        <v>1521</v>
      </c>
      <c r="O21933" s="5" t="s">
        <v>38</v>
      </c>
      <c r="P21933" s="5" t="s">
        <v>39</v>
      </c>
      <c r="Q21933" s="5" t="s">
        <v>40</v>
      </c>
      <c r="R21933" s="5" t="s">
        <v>1522</v>
      </c>
      <c r="S21933" s="5" t="s">
        <v>1523</v>
      </c>
      <c r="T21933" s="5" t="s">
        <v>42</v>
      </c>
      <c r="U21933" s="2">
        <v>1.837</v>
      </c>
      <c r="V21933" s="2">
        <v>1.446</v>
      </c>
      <c r="W21933" s="2">
        <v>1.0999999999999999E-2</v>
      </c>
      <c r="X21933" s="2">
        <v>139.1</v>
      </c>
      <c r="Y21933" s="2">
        <v>7.6</v>
      </c>
      <c r="Z21933" s="2">
        <v>10.6</v>
      </c>
      <c r="AA21933" s="5"/>
      <c r="AB21933" s="5" t="s">
        <v>43</v>
      </c>
      <c r="AC21933" s="5" t="s">
        <v>44</v>
      </c>
      <c r="AD21933" s="2"/>
      <c r="AE21933" s="1"/>
    </row>
    <row r="21934" spans="1:31" ht="14.45">
      <c r="A21934" s="11"/>
      <c r="B21934" s="20"/>
      <c r="C21934" s="2" t="s">
        <v>70670</v>
      </c>
      <c r="D21934" s="14" t="s">
        <v>70671</v>
      </c>
      <c r="E21934" s="2" t="s">
        <v>70672</v>
      </c>
      <c r="F21934" s="2" t="s">
        <v>69112</v>
      </c>
      <c r="G21934" s="8">
        <v>143</v>
      </c>
      <c r="H21934" s="5">
        <v>6</v>
      </c>
      <c r="I21934" s="5" t="s">
        <v>1518</v>
      </c>
      <c r="J21934" s="5" t="s">
        <v>69038</v>
      </c>
      <c r="K21934" s="2" t="s">
        <v>69039</v>
      </c>
      <c r="L21934" s="5" t="s">
        <v>69038</v>
      </c>
      <c r="M21934" s="2" t="s">
        <v>69039</v>
      </c>
      <c r="N21934" s="5" t="s">
        <v>1521</v>
      </c>
      <c r="O21934" s="5" t="s">
        <v>38</v>
      </c>
      <c r="P21934" s="5" t="s">
        <v>39</v>
      </c>
      <c r="Q21934" s="5" t="s">
        <v>40</v>
      </c>
      <c r="R21934" s="5" t="s">
        <v>1522</v>
      </c>
      <c r="S21934" s="5" t="s">
        <v>1523</v>
      </c>
      <c r="T21934" s="5" t="s">
        <v>42</v>
      </c>
      <c r="U21934" s="2">
        <v>1.925</v>
      </c>
      <c r="V21934" s="2">
        <v>1.534</v>
      </c>
      <c r="W21934" s="2">
        <v>1.0999999999999999E-2</v>
      </c>
      <c r="X21934" s="2">
        <v>139.1</v>
      </c>
      <c r="Y21934" s="2">
        <v>7.6</v>
      </c>
      <c r="Z21934" s="2">
        <v>10.6</v>
      </c>
      <c r="AA21934" s="5"/>
      <c r="AB21934" s="5" t="s">
        <v>43</v>
      </c>
      <c r="AC21934" s="5" t="s">
        <v>44</v>
      </c>
      <c r="AD21934" s="2"/>
      <c r="AE21934" s="1"/>
    </row>
    <row r="21935" spans="1:31" ht="14.45">
      <c r="A21935" s="11"/>
      <c r="B21935" s="20"/>
      <c r="C21935" s="2" t="s">
        <v>70673</v>
      </c>
      <c r="D21935" s="14" t="s">
        <v>70674</v>
      </c>
      <c r="E21935" s="2" t="s">
        <v>70675</v>
      </c>
      <c r="F21935" s="2" t="s">
        <v>7563</v>
      </c>
      <c r="G21935" s="8">
        <v>164</v>
      </c>
      <c r="H21935" s="5">
        <v>6</v>
      </c>
      <c r="I21935" s="5" t="s">
        <v>1518</v>
      </c>
      <c r="J21935" s="5" t="s">
        <v>69038</v>
      </c>
      <c r="K21935" s="2" t="s">
        <v>69039</v>
      </c>
      <c r="L21935" s="5" t="s">
        <v>69038</v>
      </c>
      <c r="M21935" s="2" t="s">
        <v>69039</v>
      </c>
      <c r="N21935" s="5" t="s">
        <v>1521</v>
      </c>
      <c r="O21935" s="5" t="s">
        <v>38</v>
      </c>
      <c r="P21935" s="5" t="s">
        <v>39</v>
      </c>
      <c r="Q21935" s="5" t="s">
        <v>40</v>
      </c>
      <c r="R21935" s="5" t="s">
        <v>1522</v>
      </c>
      <c r="S21935" s="5" t="s">
        <v>1523</v>
      </c>
      <c r="T21935" s="5" t="s">
        <v>42</v>
      </c>
      <c r="U21935" s="2">
        <v>1.837</v>
      </c>
      <c r="V21935" s="2">
        <v>1.446</v>
      </c>
      <c r="W21935" s="2">
        <v>1.0999999999999999E-2</v>
      </c>
      <c r="X21935" s="2">
        <v>139.1</v>
      </c>
      <c r="Y21935" s="2">
        <v>7.6</v>
      </c>
      <c r="Z21935" s="2">
        <v>10.6</v>
      </c>
      <c r="AA21935" s="5"/>
      <c r="AB21935" s="5" t="s">
        <v>43</v>
      </c>
      <c r="AC21935" s="5" t="s">
        <v>44</v>
      </c>
      <c r="AD21935" s="2"/>
      <c r="AE21935" s="1"/>
    </row>
    <row r="21936" spans="1:31" ht="14.45">
      <c r="A21936" s="11"/>
      <c r="B21936" s="20"/>
      <c r="C21936" s="2" t="s">
        <v>70676</v>
      </c>
      <c r="D21936" s="14" t="s">
        <v>70677</v>
      </c>
      <c r="E21936" s="2" t="s">
        <v>70678</v>
      </c>
      <c r="F21936" s="2" t="s">
        <v>7555</v>
      </c>
      <c r="G21936" s="8">
        <v>164</v>
      </c>
      <c r="H21936" s="5">
        <v>6</v>
      </c>
      <c r="I21936" s="5" t="s">
        <v>1518</v>
      </c>
      <c r="J21936" s="5" t="s">
        <v>69038</v>
      </c>
      <c r="K21936" s="2" t="s">
        <v>69039</v>
      </c>
      <c r="L21936" s="5" t="s">
        <v>69038</v>
      </c>
      <c r="M21936" s="2" t="s">
        <v>69039</v>
      </c>
      <c r="N21936" s="5" t="s">
        <v>1521</v>
      </c>
      <c r="O21936" s="5" t="s">
        <v>38</v>
      </c>
      <c r="P21936" s="5" t="s">
        <v>39</v>
      </c>
      <c r="Q21936" s="5" t="s">
        <v>40</v>
      </c>
      <c r="R21936" s="5" t="s">
        <v>1522</v>
      </c>
      <c r="S21936" s="5" t="s">
        <v>1523</v>
      </c>
      <c r="T21936" s="5" t="s">
        <v>42</v>
      </c>
      <c r="U21936" s="2">
        <v>1.837</v>
      </c>
      <c r="V21936" s="2">
        <v>1.446</v>
      </c>
      <c r="W21936" s="2">
        <v>1.0999999999999999E-2</v>
      </c>
      <c r="X21936" s="2">
        <v>139.1</v>
      </c>
      <c r="Y21936" s="2">
        <v>7.6</v>
      </c>
      <c r="Z21936" s="2">
        <v>10.6</v>
      </c>
      <c r="AA21936" s="5"/>
      <c r="AB21936" s="5" t="s">
        <v>43</v>
      </c>
      <c r="AC21936" s="5" t="s">
        <v>44</v>
      </c>
      <c r="AD21936" s="2"/>
      <c r="AE21936" s="1"/>
    </row>
    <row r="21937" spans="1:31" ht="14.45">
      <c r="A21937" s="11"/>
      <c r="B21937" s="20"/>
      <c r="C21937" s="2" t="s">
        <v>70679</v>
      </c>
      <c r="D21937" s="14" t="s">
        <v>70680</v>
      </c>
      <c r="E21937" s="2" t="s">
        <v>70681</v>
      </c>
      <c r="F21937" s="2" t="s">
        <v>7449</v>
      </c>
      <c r="G21937" s="8">
        <v>164</v>
      </c>
      <c r="H21937" s="5">
        <v>6</v>
      </c>
      <c r="I21937" s="5" t="s">
        <v>1518</v>
      </c>
      <c r="J21937" s="5" t="s">
        <v>69038</v>
      </c>
      <c r="K21937" s="2" t="s">
        <v>69039</v>
      </c>
      <c r="L21937" s="5" t="s">
        <v>69038</v>
      </c>
      <c r="M21937" s="2" t="s">
        <v>69039</v>
      </c>
      <c r="N21937" s="5" t="s">
        <v>1521</v>
      </c>
      <c r="O21937" s="5" t="s">
        <v>38</v>
      </c>
      <c r="P21937" s="5" t="s">
        <v>39</v>
      </c>
      <c r="Q21937" s="5" t="s">
        <v>40</v>
      </c>
      <c r="R21937" s="5" t="s">
        <v>1522</v>
      </c>
      <c r="S21937" s="5" t="s">
        <v>1523</v>
      </c>
      <c r="T21937" s="5" t="s">
        <v>42</v>
      </c>
      <c r="U21937" s="2">
        <v>1.837</v>
      </c>
      <c r="V21937" s="2">
        <v>1.446</v>
      </c>
      <c r="W21937" s="2">
        <v>1.0999999999999999E-2</v>
      </c>
      <c r="X21937" s="2">
        <v>139.1</v>
      </c>
      <c r="Y21937" s="2">
        <v>7.6</v>
      </c>
      <c r="Z21937" s="2">
        <v>10.6</v>
      </c>
      <c r="AA21937" s="5"/>
      <c r="AB21937" s="5" t="s">
        <v>43</v>
      </c>
      <c r="AC21937" s="5" t="s">
        <v>44</v>
      </c>
      <c r="AD21937" s="2"/>
      <c r="AE21937" s="1"/>
    </row>
    <row r="21938" spans="1:31" ht="14.45">
      <c r="A21938" s="11"/>
      <c r="B21938" s="20"/>
      <c r="C21938" s="2" t="s">
        <v>70682</v>
      </c>
      <c r="D21938" s="14" t="s">
        <v>70683</v>
      </c>
      <c r="E21938" s="2" t="s">
        <v>70684</v>
      </c>
      <c r="F21938" s="2" t="s">
        <v>7581</v>
      </c>
      <c r="G21938" s="8">
        <v>164</v>
      </c>
      <c r="H21938" s="5">
        <v>6</v>
      </c>
      <c r="I21938" s="5" t="s">
        <v>1518</v>
      </c>
      <c r="J21938" s="5" t="s">
        <v>69038</v>
      </c>
      <c r="K21938" s="2" t="s">
        <v>69039</v>
      </c>
      <c r="L21938" s="5" t="s">
        <v>69038</v>
      </c>
      <c r="M21938" s="2" t="s">
        <v>69039</v>
      </c>
      <c r="N21938" s="5" t="s">
        <v>1521</v>
      </c>
      <c r="O21938" s="5" t="s">
        <v>38</v>
      </c>
      <c r="P21938" s="5" t="s">
        <v>39</v>
      </c>
      <c r="Q21938" s="5" t="s">
        <v>40</v>
      </c>
      <c r="R21938" s="5" t="s">
        <v>1522</v>
      </c>
      <c r="S21938" s="5" t="s">
        <v>1523</v>
      </c>
      <c r="T21938" s="5" t="s">
        <v>42</v>
      </c>
      <c r="U21938" s="2">
        <v>1.925</v>
      </c>
      <c r="V21938" s="2">
        <v>1.534</v>
      </c>
      <c r="W21938" s="2">
        <v>1.0999999999999999E-2</v>
      </c>
      <c r="X21938" s="2">
        <v>139.1</v>
      </c>
      <c r="Y21938" s="2">
        <v>7.6</v>
      </c>
      <c r="Z21938" s="2">
        <v>10.6</v>
      </c>
      <c r="AA21938" s="5"/>
      <c r="AB21938" s="5" t="s">
        <v>43</v>
      </c>
      <c r="AC21938" s="5" t="s">
        <v>44</v>
      </c>
      <c r="AD21938" s="2"/>
      <c r="AE21938" s="1"/>
    </row>
    <row r="21939" spans="1:31" ht="14.45">
      <c r="A21939" s="11"/>
      <c r="B21939" s="20"/>
      <c r="C21939" s="2" t="s">
        <v>70685</v>
      </c>
      <c r="D21939" s="14" t="s">
        <v>70686</v>
      </c>
      <c r="E21939" s="2" t="s">
        <v>70687</v>
      </c>
      <c r="F21939" s="2" t="s">
        <v>7585</v>
      </c>
      <c r="G21939" s="8">
        <v>164</v>
      </c>
      <c r="H21939" s="5">
        <v>6</v>
      </c>
      <c r="I21939" s="5" t="s">
        <v>1518</v>
      </c>
      <c r="J21939" s="5" t="s">
        <v>69038</v>
      </c>
      <c r="K21939" s="2" t="s">
        <v>69039</v>
      </c>
      <c r="L21939" s="5" t="s">
        <v>69038</v>
      </c>
      <c r="M21939" s="2" t="s">
        <v>69039</v>
      </c>
      <c r="N21939" s="5" t="s">
        <v>1521</v>
      </c>
      <c r="O21939" s="5" t="s">
        <v>38</v>
      </c>
      <c r="P21939" s="5" t="s">
        <v>39</v>
      </c>
      <c r="Q21939" s="5" t="s">
        <v>40</v>
      </c>
      <c r="R21939" s="5" t="s">
        <v>1522</v>
      </c>
      <c r="S21939" s="5" t="s">
        <v>1523</v>
      </c>
      <c r="T21939" s="5" t="s">
        <v>42</v>
      </c>
      <c r="U21939" s="2">
        <v>1.837</v>
      </c>
      <c r="V21939" s="2">
        <v>1.446</v>
      </c>
      <c r="W21939" s="2">
        <v>1.0999999999999999E-2</v>
      </c>
      <c r="X21939" s="2">
        <v>139.1</v>
      </c>
      <c r="Y21939" s="2">
        <v>7.6</v>
      </c>
      <c r="Z21939" s="2">
        <v>10.6</v>
      </c>
      <c r="AA21939" s="5"/>
      <c r="AB21939" s="5" t="s">
        <v>43</v>
      </c>
      <c r="AC21939" s="5" t="s">
        <v>44</v>
      </c>
      <c r="AD21939" s="2"/>
      <c r="AE21939" s="1"/>
    </row>
    <row r="21940" spans="1:31" ht="14.45">
      <c r="A21940" s="11"/>
      <c r="B21940" s="20"/>
      <c r="C21940" s="2" t="s">
        <v>70688</v>
      </c>
      <c r="D21940" s="14" t="s">
        <v>70689</v>
      </c>
      <c r="E21940" s="2" t="s">
        <v>70690</v>
      </c>
      <c r="F21940" s="2" t="s">
        <v>7433</v>
      </c>
      <c r="G21940" s="8">
        <v>164</v>
      </c>
      <c r="H21940" s="5">
        <v>6</v>
      </c>
      <c r="I21940" s="5" t="s">
        <v>1518</v>
      </c>
      <c r="J21940" s="5" t="s">
        <v>69038</v>
      </c>
      <c r="K21940" s="2" t="s">
        <v>69039</v>
      </c>
      <c r="L21940" s="5" t="s">
        <v>69038</v>
      </c>
      <c r="M21940" s="2" t="s">
        <v>69039</v>
      </c>
      <c r="N21940" s="5" t="s">
        <v>1521</v>
      </c>
      <c r="O21940" s="5" t="s">
        <v>38</v>
      </c>
      <c r="P21940" s="5" t="s">
        <v>39</v>
      </c>
      <c r="Q21940" s="5" t="s">
        <v>40</v>
      </c>
      <c r="R21940" s="5" t="s">
        <v>1522</v>
      </c>
      <c r="S21940" s="5" t="s">
        <v>1523</v>
      </c>
      <c r="T21940" s="5" t="s">
        <v>42</v>
      </c>
      <c r="U21940" s="2">
        <v>1.837</v>
      </c>
      <c r="V21940" s="2">
        <v>1.446</v>
      </c>
      <c r="W21940" s="2">
        <v>1.0999999999999999E-2</v>
      </c>
      <c r="X21940" s="2">
        <v>139.1</v>
      </c>
      <c r="Y21940" s="2">
        <v>7.6</v>
      </c>
      <c r="Z21940" s="2">
        <v>10.6</v>
      </c>
      <c r="AA21940" s="5"/>
      <c r="AB21940" s="5" t="s">
        <v>43</v>
      </c>
      <c r="AC21940" s="5" t="s">
        <v>44</v>
      </c>
      <c r="AD21940" s="2"/>
      <c r="AE21940" s="1"/>
    </row>
    <row r="21941" spans="1:31" ht="14.45">
      <c r="A21941" s="11"/>
      <c r="B21941" s="20"/>
      <c r="C21941" s="2" t="s">
        <v>70691</v>
      </c>
      <c r="D21941" s="14" t="s">
        <v>70692</v>
      </c>
      <c r="E21941" s="2" t="s">
        <v>70693</v>
      </c>
      <c r="F21941" s="2" t="s">
        <v>7611</v>
      </c>
      <c r="G21941" s="8">
        <v>164</v>
      </c>
      <c r="H21941" s="5">
        <v>6</v>
      </c>
      <c r="I21941" s="5" t="s">
        <v>1518</v>
      </c>
      <c r="J21941" s="5" t="s">
        <v>69038</v>
      </c>
      <c r="K21941" s="2" t="s">
        <v>69039</v>
      </c>
      <c r="L21941" s="5" t="s">
        <v>69038</v>
      </c>
      <c r="M21941" s="2" t="s">
        <v>69039</v>
      </c>
      <c r="N21941" s="5" t="s">
        <v>1521</v>
      </c>
      <c r="O21941" s="5" t="s">
        <v>38</v>
      </c>
      <c r="P21941" s="5" t="s">
        <v>39</v>
      </c>
      <c r="Q21941" s="5" t="s">
        <v>40</v>
      </c>
      <c r="R21941" s="5" t="s">
        <v>1522</v>
      </c>
      <c r="S21941" s="5" t="s">
        <v>1523</v>
      </c>
      <c r="T21941" s="5" t="s">
        <v>42</v>
      </c>
      <c r="U21941" s="2">
        <v>1.925</v>
      </c>
      <c r="V21941" s="2">
        <v>1.534</v>
      </c>
      <c r="W21941" s="2">
        <v>1.0999999999999999E-2</v>
      </c>
      <c r="X21941" s="2">
        <v>139.1</v>
      </c>
      <c r="Y21941" s="2">
        <v>7.6</v>
      </c>
      <c r="Z21941" s="2">
        <v>10.6</v>
      </c>
      <c r="AA21941" s="5"/>
      <c r="AB21941" s="5" t="s">
        <v>43</v>
      </c>
      <c r="AC21941" s="5" t="s">
        <v>44</v>
      </c>
      <c r="AD21941" s="2"/>
      <c r="AE21941" s="1"/>
    </row>
    <row r="21942" spans="1:31" ht="14.45">
      <c r="A21942" s="11"/>
      <c r="B21942" s="20"/>
      <c r="C21942" s="2" t="s">
        <v>70694</v>
      </c>
      <c r="D21942" s="14" t="s">
        <v>70695</v>
      </c>
      <c r="E21942" s="2" t="s">
        <v>70696</v>
      </c>
      <c r="F21942" s="2" t="s">
        <v>7615</v>
      </c>
      <c r="G21942" s="8">
        <v>164</v>
      </c>
      <c r="H21942" s="5">
        <v>6</v>
      </c>
      <c r="I21942" s="5" t="s">
        <v>1518</v>
      </c>
      <c r="J21942" s="5" t="s">
        <v>69038</v>
      </c>
      <c r="K21942" s="2" t="s">
        <v>69039</v>
      </c>
      <c r="L21942" s="5" t="s">
        <v>69038</v>
      </c>
      <c r="M21942" s="2" t="s">
        <v>69039</v>
      </c>
      <c r="N21942" s="5" t="s">
        <v>1521</v>
      </c>
      <c r="O21942" s="5" t="s">
        <v>38</v>
      </c>
      <c r="P21942" s="5" t="s">
        <v>39</v>
      </c>
      <c r="Q21942" s="5" t="s">
        <v>40</v>
      </c>
      <c r="R21942" s="5" t="s">
        <v>1522</v>
      </c>
      <c r="S21942" s="5" t="s">
        <v>1523</v>
      </c>
      <c r="T21942" s="5" t="s">
        <v>42</v>
      </c>
      <c r="U21942" s="2">
        <v>1.837</v>
      </c>
      <c r="V21942" s="2">
        <v>1.446</v>
      </c>
      <c r="W21942" s="2">
        <v>1.0999999999999999E-2</v>
      </c>
      <c r="X21942" s="2">
        <v>139.1</v>
      </c>
      <c r="Y21942" s="2">
        <v>7.6</v>
      </c>
      <c r="Z21942" s="2">
        <v>10.6</v>
      </c>
      <c r="AA21942" s="5"/>
      <c r="AB21942" s="5" t="s">
        <v>43</v>
      </c>
      <c r="AC21942" s="5" t="s">
        <v>44</v>
      </c>
      <c r="AD21942" s="2"/>
      <c r="AE21942" s="1"/>
    </row>
    <row r="21943" spans="1:31" ht="14.45">
      <c r="A21943" s="11"/>
      <c r="B21943" s="20"/>
      <c r="C21943" s="2" t="s">
        <v>70697</v>
      </c>
      <c r="D21943" s="14" t="s">
        <v>70698</v>
      </c>
      <c r="E21943" s="2" t="s">
        <v>70699</v>
      </c>
      <c r="F21943" s="2" t="s">
        <v>7410</v>
      </c>
      <c r="G21943" s="8">
        <v>164</v>
      </c>
      <c r="H21943" s="5">
        <v>6</v>
      </c>
      <c r="I21943" s="5" t="s">
        <v>1518</v>
      </c>
      <c r="J21943" s="5" t="s">
        <v>69038</v>
      </c>
      <c r="K21943" s="2" t="s">
        <v>69039</v>
      </c>
      <c r="L21943" s="5" t="s">
        <v>69038</v>
      </c>
      <c r="M21943" s="2" t="s">
        <v>69039</v>
      </c>
      <c r="N21943" s="5" t="s">
        <v>1521</v>
      </c>
      <c r="O21943" s="5" t="s">
        <v>38</v>
      </c>
      <c r="P21943" s="5" t="s">
        <v>39</v>
      </c>
      <c r="Q21943" s="5" t="s">
        <v>40</v>
      </c>
      <c r="R21943" s="5" t="s">
        <v>1522</v>
      </c>
      <c r="S21943" s="5" t="s">
        <v>1523</v>
      </c>
      <c r="T21943" s="5" t="s">
        <v>42</v>
      </c>
      <c r="U21943" s="2">
        <v>1.837</v>
      </c>
      <c r="V21943" s="2">
        <v>1.446</v>
      </c>
      <c r="W21943" s="2">
        <v>1.0999999999999999E-2</v>
      </c>
      <c r="X21943" s="2">
        <v>139.1</v>
      </c>
      <c r="Y21943" s="2">
        <v>7.6</v>
      </c>
      <c r="Z21943" s="2">
        <v>10.6</v>
      </c>
      <c r="AA21943" s="5"/>
      <c r="AB21943" s="5" t="s">
        <v>43</v>
      </c>
      <c r="AC21943" s="5" t="s">
        <v>44</v>
      </c>
      <c r="AD21943" s="2"/>
      <c r="AE21943" s="1"/>
    </row>
    <row r="21944" spans="1:31" ht="14.45">
      <c r="A21944" s="11"/>
      <c r="B21944" s="20"/>
      <c r="C21944" s="2" t="s">
        <v>70700</v>
      </c>
      <c r="D21944" s="14" t="s">
        <v>70701</v>
      </c>
      <c r="E21944" s="2" t="s">
        <v>70702</v>
      </c>
      <c r="F21944" s="2" t="s">
        <v>7212</v>
      </c>
      <c r="G21944" s="8">
        <v>143</v>
      </c>
      <c r="H21944" s="5">
        <v>6</v>
      </c>
      <c r="I21944" s="5" t="s">
        <v>1518</v>
      </c>
      <c r="J21944" s="5" t="s">
        <v>69038</v>
      </c>
      <c r="K21944" s="2" t="s">
        <v>69039</v>
      </c>
      <c r="L21944" s="5" t="s">
        <v>69038</v>
      </c>
      <c r="M21944" s="2" t="s">
        <v>69039</v>
      </c>
      <c r="N21944" s="5" t="s">
        <v>1521</v>
      </c>
      <c r="O21944" s="5" t="s">
        <v>38</v>
      </c>
      <c r="P21944" s="5" t="s">
        <v>39</v>
      </c>
      <c r="Q21944" s="5" t="s">
        <v>40</v>
      </c>
      <c r="R21944" s="5" t="s">
        <v>1522</v>
      </c>
      <c r="S21944" s="5" t="s">
        <v>1523</v>
      </c>
      <c r="T21944" s="5" t="s">
        <v>42</v>
      </c>
      <c r="U21944" s="2">
        <v>1.837</v>
      </c>
      <c r="V21944" s="2">
        <v>1.446</v>
      </c>
      <c r="W21944" s="2">
        <v>1.0999999999999999E-2</v>
      </c>
      <c r="X21944" s="2">
        <v>139.1</v>
      </c>
      <c r="Y21944" s="2">
        <v>7.6</v>
      </c>
      <c r="Z21944" s="2">
        <v>10.6</v>
      </c>
      <c r="AA21944" s="5"/>
      <c r="AB21944" s="5" t="s">
        <v>43</v>
      </c>
      <c r="AC21944" s="5" t="s">
        <v>44</v>
      </c>
      <c r="AD21944" s="2"/>
      <c r="AE21944" s="1"/>
    </row>
    <row r="21945" spans="1:31" ht="14.45">
      <c r="A21945" s="11"/>
      <c r="B21945" s="20"/>
      <c r="C21945" s="2" t="s">
        <v>70703</v>
      </c>
      <c r="D21945" s="14" t="s">
        <v>70704</v>
      </c>
      <c r="E21945" s="2" t="s">
        <v>70705</v>
      </c>
      <c r="F21945" s="2" t="s">
        <v>7528</v>
      </c>
      <c r="G21945" s="8">
        <v>143</v>
      </c>
      <c r="H21945" s="5">
        <v>6</v>
      </c>
      <c r="I21945" s="5" t="s">
        <v>1518</v>
      </c>
      <c r="J21945" s="5" t="s">
        <v>69038</v>
      </c>
      <c r="K21945" s="2" t="s">
        <v>69039</v>
      </c>
      <c r="L21945" s="5" t="s">
        <v>69038</v>
      </c>
      <c r="M21945" s="2" t="s">
        <v>69039</v>
      </c>
      <c r="N21945" s="5" t="s">
        <v>1521</v>
      </c>
      <c r="O21945" s="5" t="s">
        <v>38</v>
      </c>
      <c r="P21945" s="5" t="s">
        <v>39</v>
      </c>
      <c r="Q21945" s="5" t="s">
        <v>40</v>
      </c>
      <c r="R21945" s="5" t="s">
        <v>1522</v>
      </c>
      <c r="S21945" s="5" t="s">
        <v>1523</v>
      </c>
      <c r="T21945" s="5" t="s">
        <v>42</v>
      </c>
      <c r="U21945" s="2">
        <v>1.925</v>
      </c>
      <c r="V21945" s="2">
        <v>1.534</v>
      </c>
      <c r="W21945" s="2">
        <v>1.0999999999999999E-2</v>
      </c>
      <c r="X21945" s="2">
        <v>139.1</v>
      </c>
      <c r="Y21945" s="2">
        <v>7.6</v>
      </c>
      <c r="Z21945" s="2">
        <v>10.6</v>
      </c>
      <c r="AA21945" s="5"/>
      <c r="AB21945" s="5" t="s">
        <v>43</v>
      </c>
      <c r="AC21945" s="5" t="s">
        <v>44</v>
      </c>
      <c r="AD21945" s="2"/>
      <c r="AE21945" s="1"/>
    </row>
    <row r="21946" spans="1:31" ht="14.45">
      <c r="A21946" s="11"/>
      <c r="B21946" s="20"/>
      <c r="C21946" s="2" t="s">
        <v>70706</v>
      </c>
      <c r="D21946" s="14" t="s">
        <v>70707</v>
      </c>
      <c r="E21946" s="2" t="s">
        <v>70708</v>
      </c>
      <c r="F21946" s="2" t="s">
        <v>1863</v>
      </c>
      <c r="G21946" s="8">
        <v>164</v>
      </c>
      <c r="H21946" s="5">
        <v>6</v>
      </c>
      <c r="I21946" s="5" t="s">
        <v>1518</v>
      </c>
      <c r="J21946" s="5" t="s">
        <v>69038</v>
      </c>
      <c r="K21946" s="2" t="s">
        <v>69039</v>
      </c>
      <c r="L21946" s="5" t="s">
        <v>69038</v>
      </c>
      <c r="M21946" s="2" t="s">
        <v>69039</v>
      </c>
      <c r="N21946" s="5" t="s">
        <v>1521</v>
      </c>
      <c r="O21946" s="5" t="s">
        <v>38</v>
      </c>
      <c r="P21946" s="5" t="s">
        <v>39</v>
      </c>
      <c r="Q21946" s="5" t="s">
        <v>40</v>
      </c>
      <c r="R21946" s="5" t="s">
        <v>1522</v>
      </c>
      <c r="S21946" s="5" t="s">
        <v>1523</v>
      </c>
      <c r="T21946" s="5" t="s">
        <v>42</v>
      </c>
      <c r="U21946" s="2">
        <v>1.837</v>
      </c>
      <c r="V21946" s="2">
        <v>1.446</v>
      </c>
      <c r="W21946" s="2">
        <v>1.0999999999999999E-2</v>
      </c>
      <c r="X21946" s="2">
        <v>139.1</v>
      </c>
      <c r="Y21946" s="2">
        <v>7.6</v>
      </c>
      <c r="Z21946" s="2">
        <v>10.6</v>
      </c>
      <c r="AA21946" s="5"/>
      <c r="AB21946" s="5" t="s">
        <v>43</v>
      </c>
      <c r="AC21946" s="5" t="s">
        <v>44</v>
      </c>
      <c r="AD21946" s="2"/>
      <c r="AE21946" s="1"/>
    </row>
    <row r="21947" spans="1:31" ht="14.45">
      <c r="A21947" s="11"/>
      <c r="B21947" s="20"/>
      <c r="C21947" s="2" t="s">
        <v>70709</v>
      </c>
      <c r="D21947" s="14" t="s">
        <v>70710</v>
      </c>
      <c r="E21947" s="2" t="s">
        <v>70711</v>
      </c>
      <c r="F21947" s="2" t="s">
        <v>1867</v>
      </c>
      <c r="G21947" s="8">
        <v>164</v>
      </c>
      <c r="H21947" s="5">
        <v>6</v>
      </c>
      <c r="I21947" s="5" t="s">
        <v>1518</v>
      </c>
      <c r="J21947" s="5" t="s">
        <v>69038</v>
      </c>
      <c r="K21947" s="2" t="s">
        <v>69039</v>
      </c>
      <c r="L21947" s="5" t="s">
        <v>69038</v>
      </c>
      <c r="M21947" s="2" t="s">
        <v>69039</v>
      </c>
      <c r="N21947" s="5" t="s">
        <v>1521</v>
      </c>
      <c r="O21947" s="5" t="s">
        <v>38</v>
      </c>
      <c r="P21947" s="5" t="s">
        <v>39</v>
      </c>
      <c r="Q21947" s="5" t="s">
        <v>40</v>
      </c>
      <c r="R21947" s="5" t="s">
        <v>1522</v>
      </c>
      <c r="S21947" s="5" t="s">
        <v>1523</v>
      </c>
      <c r="T21947" s="5" t="s">
        <v>42</v>
      </c>
      <c r="U21947" s="2">
        <v>1.925</v>
      </c>
      <c r="V21947" s="2">
        <v>1.534</v>
      </c>
      <c r="W21947" s="2">
        <v>1.0999999999999999E-2</v>
      </c>
      <c r="X21947" s="2">
        <v>139.1</v>
      </c>
      <c r="Y21947" s="2">
        <v>7.6</v>
      </c>
      <c r="Z21947" s="2">
        <v>10.6</v>
      </c>
      <c r="AA21947" s="5"/>
      <c r="AB21947" s="5" t="s">
        <v>43</v>
      </c>
      <c r="AC21947" s="5" t="s">
        <v>44</v>
      </c>
      <c r="AD21947" s="2"/>
      <c r="AE21947" s="1"/>
    </row>
    <row r="21948" spans="1:31" ht="14.45">
      <c r="A21948" s="11"/>
      <c r="B21948" s="20"/>
      <c r="C21948" s="2" t="s">
        <v>70712</v>
      </c>
      <c r="D21948" s="14" t="s">
        <v>70713</v>
      </c>
      <c r="E21948" s="2" t="s">
        <v>70714</v>
      </c>
      <c r="F21948" s="2" t="s">
        <v>7204</v>
      </c>
      <c r="G21948" s="8">
        <v>122</v>
      </c>
      <c r="H21948" s="5">
        <v>6</v>
      </c>
      <c r="I21948" s="5" t="s">
        <v>1518</v>
      </c>
      <c r="J21948" s="5" t="s">
        <v>69038</v>
      </c>
      <c r="K21948" s="2" t="s">
        <v>69039</v>
      </c>
      <c r="L21948" s="5" t="s">
        <v>69038</v>
      </c>
      <c r="M21948" s="2" t="s">
        <v>69039</v>
      </c>
      <c r="N21948" s="5" t="s">
        <v>1521</v>
      </c>
      <c r="O21948" s="5" t="s">
        <v>38</v>
      </c>
      <c r="P21948" s="5" t="s">
        <v>39</v>
      </c>
      <c r="Q21948" s="5" t="s">
        <v>40</v>
      </c>
      <c r="R21948" s="5" t="s">
        <v>1522</v>
      </c>
      <c r="S21948" s="5" t="s">
        <v>1523</v>
      </c>
      <c r="T21948" s="5" t="s">
        <v>42</v>
      </c>
      <c r="U21948" s="2">
        <v>1.2490000000000001</v>
      </c>
      <c r="V21948" s="2">
        <v>0.91700000000000004</v>
      </c>
      <c r="W21948" s="2">
        <v>8.0000000000000002E-3</v>
      </c>
      <c r="X21948" s="2">
        <v>99.1</v>
      </c>
      <c r="Y21948" s="2">
        <v>7.6</v>
      </c>
      <c r="Z21948" s="2">
        <v>10.6</v>
      </c>
      <c r="AA21948" s="5"/>
      <c r="AB21948" s="5" t="s">
        <v>43</v>
      </c>
      <c r="AC21948" s="5" t="s">
        <v>44</v>
      </c>
      <c r="AD21948" s="2"/>
      <c r="AE21948" s="1"/>
    </row>
    <row r="21949" spans="1:31" ht="14.45">
      <c r="A21949" s="11"/>
      <c r="B21949" s="20"/>
      <c r="C21949" s="2" t="s">
        <v>70715</v>
      </c>
      <c r="D21949" s="14" t="s">
        <v>70716</v>
      </c>
      <c r="E21949" s="2" t="s">
        <v>70717</v>
      </c>
      <c r="F21949" s="2" t="s">
        <v>7514</v>
      </c>
      <c r="G21949" s="8">
        <v>122</v>
      </c>
      <c r="H21949" s="5">
        <v>6</v>
      </c>
      <c r="I21949" s="5" t="s">
        <v>1518</v>
      </c>
      <c r="J21949" s="5" t="s">
        <v>69038</v>
      </c>
      <c r="K21949" s="2" t="s">
        <v>69039</v>
      </c>
      <c r="L21949" s="5" t="s">
        <v>69038</v>
      </c>
      <c r="M21949" s="2" t="s">
        <v>69039</v>
      </c>
      <c r="N21949" s="5" t="s">
        <v>1521</v>
      </c>
      <c r="O21949" s="5" t="s">
        <v>38</v>
      </c>
      <c r="P21949" s="5" t="s">
        <v>39</v>
      </c>
      <c r="Q21949" s="5" t="s">
        <v>40</v>
      </c>
      <c r="R21949" s="5" t="s">
        <v>1522</v>
      </c>
      <c r="S21949" s="5" t="s">
        <v>1523</v>
      </c>
      <c r="T21949" s="5" t="s">
        <v>42</v>
      </c>
      <c r="U21949" s="2">
        <v>1.288</v>
      </c>
      <c r="V21949" s="2">
        <v>0.95599999999999996</v>
      </c>
      <c r="W21949" s="2">
        <v>8.0000000000000002E-3</v>
      </c>
      <c r="X21949" s="2">
        <v>99.1</v>
      </c>
      <c r="Y21949" s="2">
        <v>7.6</v>
      </c>
      <c r="Z21949" s="2">
        <v>10.6</v>
      </c>
      <c r="AA21949" s="5"/>
      <c r="AB21949" s="5" t="s">
        <v>43</v>
      </c>
      <c r="AC21949" s="5" t="s">
        <v>44</v>
      </c>
      <c r="AD21949" s="2"/>
      <c r="AE21949" s="1"/>
    </row>
    <row r="21950" spans="1:31" ht="14.45">
      <c r="A21950" s="11"/>
      <c r="B21950" s="20"/>
      <c r="C21950" s="2" t="s">
        <v>70718</v>
      </c>
      <c r="D21950" s="14" t="s">
        <v>70719</v>
      </c>
      <c r="E21950" s="2" t="s">
        <v>70720</v>
      </c>
      <c r="F21950" s="2" t="s">
        <v>1863</v>
      </c>
      <c r="G21950" s="8">
        <v>140</v>
      </c>
      <c r="H21950" s="5">
        <v>6</v>
      </c>
      <c r="I21950" s="5" t="s">
        <v>1518</v>
      </c>
      <c r="J21950" s="5" t="s">
        <v>69038</v>
      </c>
      <c r="K21950" s="2" t="s">
        <v>69039</v>
      </c>
      <c r="L21950" s="5" t="s">
        <v>69038</v>
      </c>
      <c r="M21950" s="2" t="s">
        <v>69039</v>
      </c>
      <c r="N21950" s="5" t="s">
        <v>1521</v>
      </c>
      <c r="O21950" s="5" t="s">
        <v>38</v>
      </c>
      <c r="P21950" s="5" t="s">
        <v>39</v>
      </c>
      <c r="Q21950" s="5" t="s">
        <v>40</v>
      </c>
      <c r="R21950" s="5" t="s">
        <v>1522</v>
      </c>
      <c r="S21950" s="5" t="s">
        <v>1523</v>
      </c>
      <c r="T21950" s="5" t="s">
        <v>42</v>
      </c>
      <c r="U21950" s="2">
        <v>1.2490000000000001</v>
      </c>
      <c r="V21950" s="2">
        <v>0.91700000000000004</v>
      </c>
      <c r="W21950" s="2">
        <v>8.0000000000000002E-3</v>
      </c>
      <c r="X21950" s="2">
        <v>99.1</v>
      </c>
      <c r="Y21950" s="2">
        <v>7.6</v>
      </c>
      <c r="Z21950" s="2">
        <v>10.6</v>
      </c>
      <c r="AA21950" s="5"/>
      <c r="AB21950" s="5" t="s">
        <v>43</v>
      </c>
      <c r="AC21950" s="5" t="s">
        <v>44</v>
      </c>
      <c r="AD21950" s="2"/>
      <c r="AE21950" s="1"/>
    </row>
    <row r="21951" spans="1:31" ht="14.45">
      <c r="A21951" s="11"/>
      <c r="B21951" s="20"/>
      <c r="C21951" s="2" t="s">
        <v>70721</v>
      </c>
      <c r="D21951" s="14" t="s">
        <v>70722</v>
      </c>
      <c r="E21951" s="2" t="s">
        <v>70723</v>
      </c>
      <c r="F21951" s="2" t="s">
        <v>1867</v>
      </c>
      <c r="G21951" s="8">
        <v>140</v>
      </c>
      <c r="H21951" s="5">
        <v>6</v>
      </c>
      <c r="I21951" s="5" t="s">
        <v>1518</v>
      </c>
      <c r="J21951" s="5" t="s">
        <v>69038</v>
      </c>
      <c r="K21951" s="2" t="s">
        <v>69039</v>
      </c>
      <c r="L21951" s="5" t="s">
        <v>69038</v>
      </c>
      <c r="M21951" s="2" t="s">
        <v>69039</v>
      </c>
      <c r="N21951" s="5" t="s">
        <v>1521</v>
      </c>
      <c r="O21951" s="5" t="s">
        <v>38</v>
      </c>
      <c r="P21951" s="5" t="s">
        <v>39</v>
      </c>
      <c r="Q21951" s="5" t="s">
        <v>40</v>
      </c>
      <c r="R21951" s="5" t="s">
        <v>1522</v>
      </c>
      <c r="S21951" s="5" t="s">
        <v>1523</v>
      </c>
      <c r="T21951" s="5" t="s">
        <v>42</v>
      </c>
      <c r="U21951" s="2">
        <v>1.288</v>
      </c>
      <c r="V21951" s="2">
        <v>0.95599999999999996</v>
      </c>
      <c r="W21951" s="2">
        <v>8.0000000000000002E-3</v>
      </c>
      <c r="X21951" s="2">
        <v>99.1</v>
      </c>
      <c r="Y21951" s="2">
        <v>7.6</v>
      </c>
      <c r="Z21951" s="2">
        <v>10.6</v>
      </c>
      <c r="AA21951" s="5"/>
      <c r="AB21951" s="5" t="s">
        <v>43</v>
      </c>
      <c r="AC21951" s="5" t="s">
        <v>44</v>
      </c>
      <c r="AD21951" s="2"/>
      <c r="AE21951" s="1"/>
    </row>
    <row r="21952" spans="1:31" ht="14.45">
      <c r="A21952" s="11"/>
      <c r="B21952" s="20"/>
      <c r="C21952" s="2" t="s">
        <v>70724</v>
      </c>
      <c r="D21952" s="14" t="s">
        <v>70725</v>
      </c>
      <c r="E21952" s="2" t="s">
        <v>70726</v>
      </c>
      <c r="F21952" s="2" t="s">
        <v>7204</v>
      </c>
      <c r="G21952" s="8">
        <v>122</v>
      </c>
      <c r="H21952" s="5">
        <v>6</v>
      </c>
      <c r="I21952" s="5" t="s">
        <v>1518</v>
      </c>
      <c r="J21952" s="5" t="s">
        <v>69038</v>
      </c>
      <c r="K21952" s="2" t="s">
        <v>69039</v>
      </c>
      <c r="L21952" s="5" t="s">
        <v>69038</v>
      </c>
      <c r="M21952" s="2" t="s">
        <v>69039</v>
      </c>
      <c r="N21952" s="5" t="s">
        <v>1521</v>
      </c>
      <c r="O21952" s="5" t="s">
        <v>38</v>
      </c>
      <c r="P21952" s="5" t="s">
        <v>39</v>
      </c>
      <c r="Q21952" s="5" t="s">
        <v>40</v>
      </c>
      <c r="R21952" s="5" t="s">
        <v>1522</v>
      </c>
      <c r="S21952" s="5" t="s">
        <v>1523</v>
      </c>
      <c r="T21952" s="5" t="s">
        <v>42</v>
      </c>
      <c r="U21952" s="2">
        <v>1.583</v>
      </c>
      <c r="V21952" s="2">
        <v>1.244</v>
      </c>
      <c r="W21952" s="2">
        <v>0.01</v>
      </c>
      <c r="X21952" s="2">
        <v>118.9</v>
      </c>
      <c r="Y21952" s="2">
        <v>7.6</v>
      </c>
      <c r="Z21952" s="2">
        <v>10.6</v>
      </c>
      <c r="AA21952" s="5"/>
      <c r="AB21952" s="5" t="s">
        <v>43</v>
      </c>
      <c r="AC21952" s="5" t="s">
        <v>44</v>
      </c>
      <c r="AD21952" s="2"/>
      <c r="AE21952" s="1"/>
    </row>
    <row r="21953" spans="1:31" ht="14.45">
      <c r="A21953" s="11"/>
      <c r="B21953" s="20"/>
      <c r="C21953" s="2" t="s">
        <v>70727</v>
      </c>
      <c r="D21953" s="14" t="s">
        <v>70728</v>
      </c>
      <c r="E21953" s="2" t="s">
        <v>70729</v>
      </c>
      <c r="F21953" s="2" t="s">
        <v>7514</v>
      </c>
      <c r="G21953" s="8">
        <v>122</v>
      </c>
      <c r="H21953" s="5">
        <v>6</v>
      </c>
      <c r="I21953" s="5" t="s">
        <v>1518</v>
      </c>
      <c r="J21953" s="5" t="s">
        <v>69038</v>
      </c>
      <c r="K21953" s="2" t="s">
        <v>69039</v>
      </c>
      <c r="L21953" s="5" t="s">
        <v>69038</v>
      </c>
      <c r="M21953" s="2" t="s">
        <v>69039</v>
      </c>
      <c r="N21953" s="5" t="s">
        <v>1521</v>
      </c>
      <c r="O21953" s="5" t="s">
        <v>38</v>
      </c>
      <c r="P21953" s="5" t="s">
        <v>39</v>
      </c>
      <c r="Q21953" s="5" t="s">
        <v>40</v>
      </c>
      <c r="R21953" s="5" t="s">
        <v>1522</v>
      </c>
      <c r="S21953" s="5" t="s">
        <v>1523</v>
      </c>
      <c r="T21953" s="5" t="s">
        <v>42</v>
      </c>
      <c r="U21953" s="2">
        <v>1.653</v>
      </c>
      <c r="V21953" s="2">
        <v>1.3140000000000001</v>
      </c>
      <c r="W21953" s="2">
        <v>0.01</v>
      </c>
      <c r="X21953" s="2">
        <v>118.9</v>
      </c>
      <c r="Y21953" s="2">
        <v>7.6</v>
      </c>
      <c r="Z21953" s="2">
        <v>10.6</v>
      </c>
      <c r="AA21953" s="5"/>
      <c r="AB21953" s="5" t="s">
        <v>43</v>
      </c>
      <c r="AC21953" s="5" t="s">
        <v>44</v>
      </c>
      <c r="AD21953" s="2"/>
      <c r="AE21953" s="1"/>
    </row>
    <row r="21954" spans="1:31" ht="14.45">
      <c r="A21954" s="11"/>
      <c r="B21954" s="20"/>
      <c r="C21954" s="2" t="s">
        <v>70730</v>
      </c>
      <c r="D21954" s="14" t="s">
        <v>70731</v>
      </c>
      <c r="E21954" s="2" t="s">
        <v>70732</v>
      </c>
      <c r="F21954" s="2" t="s">
        <v>7208</v>
      </c>
      <c r="G21954" s="8">
        <v>122</v>
      </c>
      <c r="H21954" s="5">
        <v>6</v>
      </c>
      <c r="I21954" s="5" t="s">
        <v>1518</v>
      </c>
      <c r="J21954" s="5" t="s">
        <v>69038</v>
      </c>
      <c r="K21954" s="2" t="s">
        <v>69039</v>
      </c>
      <c r="L21954" s="5" t="s">
        <v>69038</v>
      </c>
      <c r="M21954" s="2" t="s">
        <v>69039</v>
      </c>
      <c r="N21954" s="5" t="s">
        <v>1521</v>
      </c>
      <c r="O21954" s="5" t="s">
        <v>38</v>
      </c>
      <c r="P21954" s="5" t="s">
        <v>39</v>
      </c>
      <c r="Q21954" s="5" t="s">
        <v>40</v>
      </c>
      <c r="R21954" s="5" t="s">
        <v>1522</v>
      </c>
      <c r="S21954" s="5" t="s">
        <v>1523</v>
      </c>
      <c r="T21954" s="5" t="s">
        <v>42</v>
      </c>
      <c r="U21954" s="2">
        <v>1.583</v>
      </c>
      <c r="V21954" s="2">
        <v>1.244</v>
      </c>
      <c r="W21954" s="2">
        <v>0.01</v>
      </c>
      <c r="X21954" s="2">
        <v>118.9</v>
      </c>
      <c r="Y21954" s="2">
        <v>7.6</v>
      </c>
      <c r="Z21954" s="2">
        <v>10.6</v>
      </c>
      <c r="AA21954" s="5"/>
      <c r="AB21954" s="5" t="s">
        <v>43</v>
      </c>
      <c r="AC21954" s="5" t="s">
        <v>44</v>
      </c>
      <c r="AD21954" s="2"/>
      <c r="AE21954" s="1"/>
    </row>
    <row r="21955" spans="1:31" ht="14.45">
      <c r="A21955" s="11"/>
      <c r="B21955" s="20"/>
      <c r="C21955" s="2" t="s">
        <v>70733</v>
      </c>
      <c r="D21955" s="14" t="s">
        <v>70734</v>
      </c>
      <c r="E21955" s="2" t="s">
        <v>70735</v>
      </c>
      <c r="F21955" s="2" t="s">
        <v>7521</v>
      </c>
      <c r="G21955" s="8">
        <v>122</v>
      </c>
      <c r="H21955" s="5">
        <v>6</v>
      </c>
      <c r="I21955" s="5" t="s">
        <v>1518</v>
      </c>
      <c r="J21955" s="5" t="s">
        <v>69038</v>
      </c>
      <c r="K21955" s="2" t="s">
        <v>69039</v>
      </c>
      <c r="L21955" s="5" t="s">
        <v>69038</v>
      </c>
      <c r="M21955" s="2" t="s">
        <v>69039</v>
      </c>
      <c r="N21955" s="5" t="s">
        <v>1521</v>
      </c>
      <c r="O21955" s="5" t="s">
        <v>38</v>
      </c>
      <c r="P21955" s="5" t="s">
        <v>39</v>
      </c>
      <c r="Q21955" s="5" t="s">
        <v>40</v>
      </c>
      <c r="R21955" s="5" t="s">
        <v>1522</v>
      </c>
      <c r="S21955" s="5" t="s">
        <v>1523</v>
      </c>
      <c r="T21955" s="5" t="s">
        <v>42</v>
      </c>
      <c r="U21955" s="2">
        <v>1.653</v>
      </c>
      <c r="V21955" s="2">
        <v>1.3140000000000001</v>
      </c>
      <c r="W21955" s="2">
        <v>0.01</v>
      </c>
      <c r="X21955" s="2">
        <v>118.9</v>
      </c>
      <c r="Y21955" s="2">
        <v>7.6</v>
      </c>
      <c r="Z21955" s="2">
        <v>10.6</v>
      </c>
      <c r="AA21955" s="5"/>
      <c r="AB21955" s="5" t="s">
        <v>43</v>
      </c>
      <c r="AC21955" s="5" t="s">
        <v>44</v>
      </c>
      <c r="AD21955" s="2"/>
      <c r="AE21955" s="1"/>
    </row>
    <row r="21956" spans="1:31" ht="14.45">
      <c r="A21956" s="11"/>
      <c r="B21956" s="20"/>
      <c r="C21956" s="2" t="s">
        <v>70736</v>
      </c>
      <c r="D21956" s="14" t="s">
        <v>70737</v>
      </c>
      <c r="E21956" s="2" t="s">
        <v>70738</v>
      </c>
      <c r="F21956" s="2" t="s">
        <v>7535</v>
      </c>
      <c r="G21956" s="8">
        <v>140</v>
      </c>
      <c r="H21956" s="5">
        <v>6</v>
      </c>
      <c r="I21956" s="5" t="s">
        <v>1518</v>
      </c>
      <c r="J21956" s="5" t="s">
        <v>69038</v>
      </c>
      <c r="K21956" s="2" t="s">
        <v>69039</v>
      </c>
      <c r="L21956" s="5" t="s">
        <v>69038</v>
      </c>
      <c r="M21956" s="2" t="s">
        <v>69039</v>
      </c>
      <c r="N21956" s="5" t="s">
        <v>1521</v>
      </c>
      <c r="O21956" s="5" t="s">
        <v>38</v>
      </c>
      <c r="P21956" s="5" t="s">
        <v>39</v>
      </c>
      <c r="Q21956" s="5" t="s">
        <v>40</v>
      </c>
      <c r="R21956" s="5" t="s">
        <v>1522</v>
      </c>
      <c r="S21956" s="5" t="s">
        <v>1523</v>
      </c>
      <c r="T21956" s="5" t="s">
        <v>42</v>
      </c>
      <c r="U21956" s="2">
        <v>1.653</v>
      </c>
      <c r="V21956" s="2">
        <v>1.3140000000000001</v>
      </c>
      <c r="W21956" s="2">
        <v>0.01</v>
      </c>
      <c r="X21956" s="2">
        <v>118.9</v>
      </c>
      <c r="Y21956" s="2">
        <v>7.6</v>
      </c>
      <c r="Z21956" s="2">
        <v>10.6</v>
      </c>
      <c r="AA21956" s="5"/>
      <c r="AB21956" s="5" t="s">
        <v>43</v>
      </c>
      <c r="AC21956" s="5" t="s">
        <v>44</v>
      </c>
      <c r="AD21956" s="2"/>
      <c r="AE21956" s="1"/>
    </row>
    <row r="21957" spans="1:31" ht="14.45">
      <c r="A21957" s="11"/>
      <c r="B21957" s="20"/>
      <c r="C21957" s="2" t="s">
        <v>70739</v>
      </c>
      <c r="D21957" s="14" t="s">
        <v>70740</v>
      </c>
      <c r="E21957" s="2" t="s">
        <v>70741</v>
      </c>
      <c r="F21957" s="2" t="s">
        <v>7539</v>
      </c>
      <c r="G21957" s="8">
        <v>140</v>
      </c>
      <c r="H21957" s="5">
        <v>6</v>
      </c>
      <c r="I21957" s="5" t="s">
        <v>1518</v>
      </c>
      <c r="J21957" s="5" t="s">
        <v>69038</v>
      </c>
      <c r="K21957" s="2" t="s">
        <v>69039</v>
      </c>
      <c r="L21957" s="5" t="s">
        <v>69038</v>
      </c>
      <c r="M21957" s="2" t="s">
        <v>69039</v>
      </c>
      <c r="N21957" s="5" t="s">
        <v>1521</v>
      </c>
      <c r="O21957" s="5" t="s">
        <v>38</v>
      </c>
      <c r="P21957" s="5" t="s">
        <v>39</v>
      </c>
      <c r="Q21957" s="5" t="s">
        <v>40</v>
      </c>
      <c r="R21957" s="5" t="s">
        <v>1522</v>
      </c>
      <c r="S21957" s="5" t="s">
        <v>1523</v>
      </c>
      <c r="T21957" s="5" t="s">
        <v>42</v>
      </c>
      <c r="U21957" s="2">
        <v>1.583</v>
      </c>
      <c r="V21957" s="2">
        <v>1.244</v>
      </c>
      <c r="W21957" s="2">
        <v>0.01</v>
      </c>
      <c r="X21957" s="2">
        <v>118.9</v>
      </c>
      <c r="Y21957" s="2">
        <v>7.6</v>
      </c>
      <c r="Z21957" s="2">
        <v>10.6</v>
      </c>
      <c r="AA21957" s="5"/>
      <c r="AB21957" s="5" t="s">
        <v>43</v>
      </c>
      <c r="AC21957" s="5" t="s">
        <v>44</v>
      </c>
      <c r="AD21957" s="2"/>
      <c r="AE21957" s="1"/>
    </row>
    <row r="21958" spans="1:31" ht="14.45">
      <c r="A21958" s="11"/>
      <c r="B21958" s="20"/>
      <c r="C21958" s="2" t="s">
        <v>70742</v>
      </c>
      <c r="D21958" s="14" t="s">
        <v>70743</v>
      </c>
      <c r="E21958" s="2" t="s">
        <v>70744</v>
      </c>
      <c r="F21958" s="2" t="s">
        <v>7543</v>
      </c>
      <c r="G21958" s="8">
        <v>140</v>
      </c>
      <c r="H21958" s="5">
        <v>6</v>
      </c>
      <c r="I21958" s="5" t="s">
        <v>1518</v>
      </c>
      <c r="J21958" s="5" t="s">
        <v>69038</v>
      </c>
      <c r="K21958" s="2" t="s">
        <v>69039</v>
      </c>
      <c r="L21958" s="5" t="s">
        <v>69038</v>
      </c>
      <c r="M21958" s="2" t="s">
        <v>69039</v>
      </c>
      <c r="N21958" s="5" t="s">
        <v>1521</v>
      </c>
      <c r="O21958" s="5" t="s">
        <v>38</v>
      </c>
      <c r="P21958" s="5" t="s">
        <v>39</v>
      </c>
      <c r="Q21958" s="5" t="s">
        <v>40</v>
      </c>
      <c r="R21958" s="5" t="s">
        <v>1522</v>
      </c>
      <c r="S21958" s="5" t="s">
        <v>1523</v>
      </c>
      <c r="T21958" s="5" t="s">
        <v>42</v>
      </c>
      <c r="U21958" s="2">
        <v>1.653</v>
      </c>
      <c r="V21958" s="2">
        <v>1.3140000000000001</v>
      </c>
      <c r="W21958" s="2">
        <v>0.01</v>
      </c>
      <c r="X21958" s="2">
        <v>118.9</v>
      </c>
      <c r="Y21958" s="2">
        <v>7.6</v>
      </c>
      <c r="Z21958" s="2">
        <v>10.6</v>
      </c>
      <c r="AA21958" s="5"/>
      <c r="AB21958" s="5" t="s">
        <v>43</v>
      </c>
      <c r="AC21958" s="5" t="s">
        <v>44</v>
      </c>
      <c r="AD21958" s="2"/>
      <c r="AE21958" s="1"/>
    </row>
    <row r="21959" spans="1:31" ht="14.45">
      <c r="A21959" s="11"/>
      <c r="B21959" s="20"/>
      <c r="C21959" s="2" t="s">
        <v>70745</v>
      </c>
      <c r="D21959" s="14" t="s">
        <v>70746</v>
      </c>
      <c r="E21959" s="2" t="s">
        <v>70747</v>
      </c>
      <c r="F21959" s="2" t="s">
        <v>7396</v>
      </c>
      <c r="G21959" s="8">
        <v>122</v>
      </c>
      <c r="H21959" s="5">
        <v>6</v>
      </c>
      <c r="I21959" s="5" t="s">
        <v>1518</v>
      </c>
      <c r="J21959" s="5" t="s">
        <v>69038</v>
      </c>
      <c r="K21959" s="2" t="s">
        <v>69039</v>
      </c>
      <c r="L21959" s="5" t="s">
        <v>69038</v>
      </c>
      <c r="M21959" s="2" t="s">
        <v>69039</v>
      </c>
      <c r="N21959" s="5" t="s">
        <v>1521</v>
      </c>
      <c r="O21959" s="5" t="s">
        <v>38</v>
      </c>
      <c r="P21959" s="5" t="s">
        <v>39</v>
      </c>
      <c r="Q21959" s="5" t="s">
        <v>40</v>
      </c>
      <c r="R21959" s="5" t="s">
        <v>1522</v>
      </c>
      <c r="S21959" s="5" t="s">
        <v>1523</v>
      </c>
      <c r="T21959" s="5" t="s">
        <v>42</v>
      </c>
      <c r="U21959" s="2">
        <v>1.583</v>
      </c>
      <c r="V21959" s="2">
        <v>1.244</v>
      </c>
      <c r="W21959" s="2">
        <v>0.01</v>
      </c>
      <c r="X21959" s="2">
        <v>118.9</v>
      </c>
      <c r="Y21959" s="2">
        <v>7.6</v>
      </c>
      <c r="Z21959" s="2">
        <v>10.6</v>
      </c>
      <c r="AA21959" s="5"/>
      <c r="AB21959" s="5" t="s">
        <v>43</v>
      </c>
      <c r="AC21959" s="5" t="s">
        <v>44</v>
      </c>
      <c r="AD21959" s="2"/>
      <c r="AE21959" s="1"/>
    </row>
    <row r="21960" spans="1:31" ht="14.45">
      <c r="A21960" s="11"/>
      <c r="B21960" s="20"/>
      <c r="C21960" s="2" t="s">
        <v>70748</v>
      </c>
      <c r="D21960" s="14" t="s">
        <v>70749</v>
      </c>
      <c r="E21960" s="2" t="s">
        <v>70750</v>
      </c>
      <c r="F21960" s="2" t="s">
        <v>69112</v>
      </c>
      <c r="G21960" s="8">
        <v>122</v>
      </c>
      <c r="H21960" s="5">
        <v>6</v>
      </c>
      <c r="I21960" s="5" t="s">
        <v>1518</v>
      </c>
      <c r="J21960" s="5" t="s">
        <v>69038</v>
      </c>
      <c r="K21960" s="2" t="s">
        <v>69039</v>
      </c>
      <c r="L21960" s="5" t="s">
        <v>69038</v>
      </c>
      <c r="M21960" s="2" t="s">
        <v>69039</v>
      </c>
      <c r="N21960" s="5" t="s">
        <v>1521</v>
      </c>
      <c r="O21960" s="5" t="s">
        <v>38</v>
      </c>
      <c r="P21960" s="5" t="s">
        <v>39</v>
      </c>
      <c r="Q21960" s="5" t="s">
        <v>40</v>
      </c>
      <c r="R21960" s="5" t="s">
        <v>1522</v>
      </c>
      <c r="S21960" s="5" t="s">
        <v>1523</v>
      </c>
      <c r="T21960" s="5" t="s">
        <v>42</v>
      </c>
      <c r="U21960" s="2">
        <v>1.653</v>
      </c>
      <c r="V21960" s="2">
        <v>1.3140000000000001</v>
      </c>
      <c r="W21960" s="2">
        <v>0.01</v>
      </c>
      <c r="X21960" s="2">
        <v>118.9</v>
      </c>
      <c r="Y21960" s="2">
        <v>7.6</v>
      </c>
      <c r="Z21960" s="2">
        <v>10.6</v>
      </c>
      <c r="AA21960" s="5"/>
      <c r="AB21960" s="5" t="s">
        <v>43</v>
      </c>
      <c r="AC21960" s="5" t="s">
        <v>44</v>
      </c>
      <c r="AD21960" s="2"/>
      <c r="AE21960" s="1"/>
    </row>
    <row r="21961" spans="1:31" ht="14.45">
      <c r="A21961" s="11"/>
      <c r="B21961" s="20"/>
      <c r="C21961" s="2" t="s">
        <v>70751</v>
      </c>
      <c r="D21961" s="14" t="s">
        <v>70752</v>
      </c>
      <c r="E21961" s="2" t="s">
        <v>70753</v>
      </c>
      <c r="F21961" s="2" t="s">
        <v>7567</v>
      </c>
      <c r="G21961" s="8">
        <v>140</v>
      </c>
      <c r="H21961" s="5">
        <v>6</v>
      </c>
      <c r="I21961" s="5" t="s">
        <v>1518</v>
      </c>
      <c r="J21961" s="5" t="s">
        <v>69038</v>
      </c>
      <c r="K21961" s="2" t="s">
        <v>69039</v>
      </c>
      <c r="L21961" s="5" t="s">
        <v>69038</v>
      </c>
      <c r="M21961" s="2" t="s">
        <v>69039</v>
      </c>
      <c r="N21961" s="5" t="s">
        <v>1521</v>
      </c>
      <c r="O21961" s="5" t="s">
        <v>38</v>
      </c>
      <c r="P21961" s="5" t="s">
        <v>39</v>
      </c>
      <c r="Q21961" s="5" t="s">
        <v>40</v>
      </c>
      <c r="R21961" s="5" t="s">
        <v>1522</v>
      </c>
      <c r="S21961" s="5" t="s">
        <v>1523</v>
      </c>
      <c r="T21961" s="5" t="s">
        <v>42</v>
      </c>
      <c r="U21961" s="2">
        <v>1.653</v>
      </c>
      <c r="V21961" s="2">
        <v>1.3140000000000001</v>
      </c>
      <c r="W21961" s="2">
        <v>0.01</v>
      </c>
      <c r="X21961" s="2">
        <v>118.9</v>
      </c>
      <c r="Y21961" s="2">
        <v>7.6</v>
      </c>
      <c r="Z21961" s="2">
        <v>10.6</v>
      </c>
      <c r="AA21961" s="5"/>
      <c r="AB21961" s="5" t="s">
        <v>43</v>
      </c>
      <c r="AC21961" s="5" t="s">
        <v>44</v>
      </c>
      <c r="AD21961" s="2"/>
      <c r="AE21961" s="1"/>
    </row>
    <row r="21962" spans="1:31" ht="14.45">
      <c r="A21962" s="11"/>
      <c r="B21962" s="20"/>
      <c r="C21962" s="2" t="s">
        <v>70754</v>
      </c>
      <c r="D21962" s="14" t="s">
        <v>70755</v>
      </c>
      <c r="E21962" s="2" t="s">
        <v>70756</v>
      </c>
      <c r="F21962" s="2" t="s">
        <v>7559</v>
      </c>
      <c r="G21962" s="8">
        <v>140</v>
      </c>
      <c r="H21962" s="5">
        <v>6</v>
      </c>
      <c r="I21962" s="5" t="s">
        <v>1518</v>
      </c>
      <c r="J21962" s="5" t="s">
        <v>69038</v>
      </c>
      <c r="K21962" s="2" t="s">
        <v>69039</v>
      </c>
      <c r="L21962" s="5" t="s">
        <v>69038</v>
      </c>
      <c r="M21962" s="2" t="s">
        <v>69039</v>
      </c>
      <c r="N21962" s="5" t="s">
        <v>1521</v>
      </c>
      <c r="O21962" s="5" t="s">
        <v>38</v>
      </c>
      <c r="P21962" s="5" t="s">
        <v>39</v>
      </c>
      <c r="Q21962" s="5" t="s">
        <v>40</v>
      </c>
      <c r="R21962" s="5" t="s">
        <v>1522</v>
      </c>
      <c r="S21962" s="5" t="s">
        <v>1523</v>
      </c>
      <c r="T21962" s="5" t="s">
        <v>42</v>
      </c>
      <c r="U21962" s="2">
        <v>1.653</v>
      </c>
      <c r="V21962" s="2">
        <v>1.3140000000000001</v>
      </c>
      <c r="W21962" s="2">
        <v>0.01</v>
      </c>
      <c r="X21962" s="2">
        <v>118.9</v>
      </c>
      <c r="Y21962" s="2">
        <v>7.6</v>
      </c>
      <c r="Z21962" s="2">
        <v>10.6</v>
      </c>
      <c r="AA21962" s="5"/>
      <c r="AB21962" s="5" t="s">
        <v>43</v>
      </c>
      <c r="AC21962" s="5" t="s">
        <v>44</v>
      </c>
      <c r="AD21962" s="2"/>
      <c r="AE21962" s="1"/>
    </row>
    <row r="21963" spans="1:31" ht="14.45">
      <c r="A21963" s="11"/>
      <c r="B21963" s="20"/>
      <c r="C21963" s="2" t="s">
        <v>70757</v>
      </c>
      <c r="D21963" s="14" t="s">
        <v>70758</v>
      </c>
      <c r="E21963" s="2" t="s">
        <v>70759</v>
      </c>
      <c r="F21963" s="2" t="s">
        <v>7574</v>
      </c>
      <c r="G21963" s="8">
        <v>140</v>
      </c>
      <c r="H21963" s="5">
        <v>6</v>
      </c>
      <c r="I21963" s="5" t="s">
        <v>1518</v>
      </c>
      <c r="J21963" s="5" t="s">
        <v>69038</v>
      </c>
      <c r="K21963" s="2" t="s">
        <v>69039</v>
      </c>
      <c r="L21963" s="5" t="s">
        <v>69038</v>
      </c>
      <c r="M21963" s="2" t="s">
        <v>69039</v>
      </c>
      <c r="N21963" s="5" t="s">
        <v>1521</v>
      </c>
      <c r="O21963" s="5" t="s">
        <v>38</v>
      </c>
      <c r="P21963" s="5" t="s">
        <v>39</v>
      </c>
      <c r="Q21963" s="5" t="s">
        <v>40</v>
      </c>
      <c r="R21963" s="5" t="s">
        <v>1522</v>
      </c>
      <c r="S21963" s="5" t="s">
        <v>1523</v>
      </c>
      <c r="T21963" s="5" t="s">
        <v>42</v>
      </c>
      <c r="U21963" s="2">
        <v>1.653</v>
      </c>
      <c r="V21963" s="2">
        <v>1.3140000000000001</v>
      </c>
      <c r="W21963" s="2">
        <v>0.01</v>
      </c>
      <c r="X21963" s="2">
        <v>118.9</v>
      </c>
      <c r="Y21963" s="2">
        <v>7.6</v>
      </c>
      <c r="Z21963" s="2">
        <v>10.6</v>
      </c>
      <c r="AA21963" s="5"/>
      <c r="AB21963" s="5" t="s">
        <v>43</v>
      </c>
      <c r="AC21963" s="5" t="s">
        <v>44</v>
      </c>
      <c r="AD21963" s="2"/>
      <c r="AE21963" s="1"/>
    </row>
    <row r="21964" spans="1:31" ht="14.45">
      <c r="A21964" s="11"/>
      <c r="B21964" s="20"/>
      <c r="C21964" s="2" t="s">
        <v>70760</v>
      </c>
      <c r="D21964" s="14" t="s">
        <v>70761</v>
      </c>
      <c r="E21964" s="2" t="s">
        <v>70762</v>
      </c>
      <c r="F21964" s="2" t="s">
        <v>7449</v>
      </c>
      <c r="G21964" s="8">
        <v>140</v>
      </c>
      <c r="H21964" s="5">
        <v>6</v>
      </c>
      <c r="I21964" s="5" t="s">
        <v>1518</v>
      </c>
      <c r="J21964" s="5" t="s">
        <v>69038</v>
      </c>
      <c r="K21964" s="2" t="s">
        <v>69039</v>
      </c>
      <c r="L21964" s="5" t="s">
        <v>69038</v>
      </c>
      <c r="M21964" s="2" t="s">
        <v>69039</v>
      </c>
      <c r="N21964" s="5" t="s">
        <v>1521</v>
      </c>
      <c r="O21964" s="5" t="s">
        <v>38</v>
      </c>
      <c r="P21964" s="5" t="s">
        <v>39</v>
      </c>
      <c r="Q21964" s="5" t="s">
        <v>40</v>
      </c>
      <c r="R21964" s="5" t="s">
        <v>1522</v>
      </c>
      <c r="S21964" s="5" t="s">
        <v>1523</v>
      </c>
      <c r="T21964" s="5" t="s">
        <v>42</v>
      </c>
      <c r="U21964" s="2">
        <v>1.583</v>
      </c>
      <c r="V21964" s="2">
        <v>1.244</v>
      </c>
      <c r="W21964" s="2">
        <v>0.01</v>
      </c>
      <c r="X21964" s="2">
        <v>118.9</v>
      </c>
      <c r="Y21964" s="2">
        <v>7.6</v>
      </c>
      <c r="Z21964" s="2">
        <v>10.6</v>
      </c>
      <c r="AA21964" s="5"/>
      <c r="AB21964" s="5" t="s">
        <v>43</v>
      </c>
      <c r="AC21964" s="5" t="s">
        <v>44</v>
      </c>
      <c r="AD21964" s="2"/>
      <c r="AE21964" s="1"/>
    </row>
    <row r="21965" spans="1:31" ht="14.45">
      <c r="A21965" s="11"/>
      <c r="B21965" s="20"/>
      <c r="C21965" s="2" t="s">
        <v>70763</v>
      </c>
      <c r="D21965" s="14" t="s">
        <v>70764</v>
      </c>
      <c r="E21965" s="2" t="s">
        <v>70765</v>
      </c>
      <c r="F21965" s="2" t="s">
        <v>7581</v>
      </c>
      <c r="G21965" s="8">
        <v>140</v>
      </c>
      <c r="H21965" s="5">
        <v>6</v>
      </c>
      <c r="I21965" s="5" t="s">
        <v>1518</v>
      </c>
      <c r="J21965" s="5" t="s">
        <v>69038</v>
      </c>
      <c r="K21965" s="2" t="s">
        <v>69039</v>
      </c>
      <c r="L21965" s="5" t="s">
        <v>69038</v>
      </c>
      <c r="M21965" s="2" t="s">
        <v>69039</v>
      </c>
      <c r="N21965" s="5" t="s">
        <v>1521</v>
      </c>
      <c r="O21965" s="5" t="s">
        <v>38</v>
      </c>
      <c r="P21965" s="5" t="s">
        <v>39</v>
      </c>
      <c r="Q21965" s="5" t="s">
        <v>40</v>
      </c>
      <c r="R21965" s="5" t="s">
        <v>1522</v>
      </c>
      <c r="S21965" s="5" t="s">
        <v>1523</v>
      </c>
      <c r="T21965" s="5" t="s">
        <v>42</v>
      </c>
      <c r="U21965" s="2">
        <v>1.653</v>
      </c>
      <c r="V21965" s="2">
        <v>1.3140000000000001</v>
      </c>
      <c r="W21965" s="2">
        <v>0.01</v>
      </c>
      <c r="X21965" s="2">
        <v>118.9</v>
      </c>
      <c r="Y21965" s="2">
        <v>7.6</v>
      </c>
      <c r="Z21965" s="2">
        <v>10.6</v>
      </c>
      <c r="AA21965" s="5"/>
      <c r="AB21965" s="5" t="s">
        <v>43</v>
      </c>
      <c r="AC21965" s="5" t="s">
        <v>44</v>
      </c>
      <c r="AD21965" s="2"/>
      <c r="AE21965" s="1"/>
    </row>
    <row r="21966" spans="1:31" ht="14.45">
      <c r="A21966" s="11"/>
      <c r="B21966" s="20"/>
      <c r="C21966" s="2" t="s">
        <v>70766</v>
      </c>
      <c r="D21966" s="14" t="s">
        <v>70767</v>
      </c>
      <c r="E21966" s="2" t="s">
        <v>70768</v>
      </c>
      <c r="F21966" s="2" t="s">
        <v>7589</v>
      </c>
      <c r="G21966" s="8">
        <v>140</v>
      </c>
      <c r="H21966" s="5">
        <v>6</v>
      </c>
      <c r="I21966" s="5" t="s">
        <v>1518</v>
      </c>
      <c r="J21966" s="5" t="s">
        <v>69038</v>
      </c>
      <c r="K21966" s="2" t="s">
        <v>69039</v>
      </c>
      <c r="L21966" s="5" t="s">
        <v>69038</v>
      </c>
      <c r="M21966" s="2" t="s">
        <v>69039</v>
      </c>
      <c r="N21966" s="5" t="s">
        <v>1521</v>
      </c>
      <c r="O21966" s="5" t="s">
        <v>38</v>
      </c>
      <c r="P21966" s="5" t="s">
        <v>39</v>
      </c>
      <c r="Q21966" s="5" t="s">
        <v>40</v>
      </c>
      <c r="R21966" s="5" t="s">
        <v>1522</v>
      </c>
      <c r="S21966" s="5" t="s">
        <v>1523</v>
      </c>
      <c r="T21966" s="5" t="s">
        <v>42</v>
      </c>
      <c r="U21966" s="2">
        <v>1.653</v>
      </c>
      <c r="V21966" s="2">
        <v>1.3140000000000001</v>
      </c>
      <c r="W21966" s="2">
        <v>0.01</v>
      </c>
      <c r="X21966" s="2">
        <v>118.9</v>
      </c>
      <c r="Y21966" s="2">
        <v>7.6</v>
      </c>
      <c r="Z21966" s="2">
        <v>10.6</v>
      </c>
      <c r="AA21966" s="5"/>
      <c r="AB21966" s="5" t="s">
        <v>43</v>
      </c>
      <c r="AC21966" s="5" t="s">
        <v>44</v>
      </c>
      <c r="AD21966" s="2"/>
      <c r="AE21966" s="1"/>
    </row>
    <row r="21967" spans="1:31" ht="14.45">
      <c r="A21967" s="11"/>
      <c r="B21967" s="20"/>
      <c r="C21967" s="2" t="s">
        <v>70769</v>
      </c>
      <c r="D21967" s="14" t="s">
        <v>70770</v>
      </c>
      <c r="E21967" s="2" t="s">
        <v>70771</v>
      </c>
      <c r="F21967" s="2" t="s">
        <v>7433</v>
      </c>
      <c r="G21967" s="8">
        <v>140</v>
      </c>
      <c r="H21967" s="5">
        <v>6</v>
      </c>
      <c r="I21967" s="5" t="s">
        <v>1518</v>
      </c>
      <c r="J21967" s="5" t="s">
        <v>69038</v>
      </c>
      <c r="K21967" s="2" t="s">
        <v>69039</v>
      </c>
      <c r="L21967" s="5" t="s">
        <v>69038</v>
      </c>
      <c r="M21967" s="2" t="s">
        <v>69039</v>
      </c>
      <c r="N21967" s="5" t="s">
        <v>1521</v>
      </c>
      <c r="O21967" s="5" t="s">
        <v>38</v>
      </c>
      <c r="P21967" s="5" t="s">
        <v>39</v>
      </c>
      <c r="Q21967" s="5" t="s">
        <v>40</v>
      </c>
      <c r="R21967" s="5" t="s">
        <v>1522</v>
      </c>
      <c r="S21967" s="5" t="s">
        <v>1523</v>
      </c>
      <c r="T21967" s="5" t="s">
        <v>42</v>
      </c>
      <c r="U21967" s="2">
        <v>1.583</v>
      </c>
      <c r="V21967" s="2">
        <v>1.244</v>
      </c>
      <c r="W21967" s="2">
        <v>0.01</v>
      </c>
      <c r="X21967" s="2">
        <v>118.9</v>
      </c>
      <c r="Y21967" s="2">
        <v>7.6</v>
      </c>
      <c r="Z21967" s="2">
        <v>10.6</v>
      </c>
      <c r="AA21967" s="5"/>
      <c r="AB21967" s="5" t="s">
        <v>43</v>
      </c>
      <c r="AC21967" s="5" t="s">
        <v>44</v>
      </c>
      <c r="AD21967" s="2"/>
      <c r="AE21967" s="1"/>
    </row>
    <row r="21968" spans="1:31" ht="14.45">
      <c r="A21968" s="11"/>
      <c r="B21968" s="20"/>
      <c r="C21968" s="2" t="s">
        <v>70772</v>
      </c>
      <c r="D21968" s="14" t="s">
        <v>70773</v>
      </c>
      <c r="E21968" s="2" t="s">
        <v>70774</v>
      </c>
      <c r="F21968" s="2" t="s">
        <v>7611</v>
      </c>
      <c r="G21968" s="8">
        <v>140</v>
      </c>
      <c r="H21968" s="5">
        <v>6</v>
      </c>
      <c r="I21968" s="5" t="s">
        <v>1518</v>
      </c>
      <c r="J21968" s="5" t="s">
        <v>69038</v>
      </c>
      <c r="K21968" s="2" t="s">
        <v>69039</v>
      </c>
      <c r="L21968" s="5" t="s">
        <v>69038</v>
      </c>
      <c r="M21968" s="2" t="s">
        <v>69039</v>
      </c>
      <c r="N21968" s="5" t="s">
        <v>1521</v>
      </c>
      <c r="O21968" s="5" t="s">
        <v>38</v>
      </c>
      <c r="P21968" s="5" t="s">
        <v>39</v>
      </c>
      <c r="Q21968" s="5" t="s">
        <v>40</v>
      </c>
      <c r="R21968" s="5" t="s">
        <v>1522</v>
      </c>
      <c r="S21968" s="5" t="s">
        <v>1523</v>
      </c>
      <c r="T21968" s="5" t="s">
        <v>42</v>
      </c>
      <c r="U21968" s="2">
        <v>1.653</v>
      </c>
      <c r="V21968" s="2">
        <v>1.3140000000000001</v>
      </c>
      <c r="W21968" s="2">
        <v>0.01</v>
      </c>
      <c r="X21968" s="2">
        <v>118.9</v>
      </c>
      <c r="Y21968" s="2">
        <v>7.6</v>
      </c>
      <c r="Z21968" s="2">
        <v>10.6</v>
      </c>
      <c r="AA21968" s="5"/>
      <c r="AB21968" s="5" t="s">
        <v>43</v>
      </c>
      <c r="AC21968" s="5" t="s">
        <v>44</v>
      </c>
      <c r="AD21968" s="2"/>
      <c r="AE21968" s="1"/>
    </row>
    <row r="21969" spans="1:31" ht="14.45">
      <c r="A21969" s="11"/>
      <c r="B21969" s="20"/>
      <c r="C21969" s="2" t="s">
        <v>70775</v>
      </c>
      <c r="D21969" s="14" t="s">
        <v>70776</v>
      </c>
      <c r="E21969" s="2" t="s">
        <v>70777</v>
      </c>
      <c r="F21969" s="2" t="s">
        <v>7615</v>
      </c>
      <c r="G21969" s="8">
        <v>140</v>
      </c>
      <c r="H21969" s="5">
        <v>6</v>
      </c>
      <c r="I21969" s="5" t="s">
        <v>1518</v>
      </c>
      <c r="J21969" s="5" t="s">
        <v>69038</v>
      </c>
      <c r="K21969" s="2" t="s">
        <v>69039</v>
      </c>
      <c r="L21969" s="5" t="s">
        <v>69038</v>
      </c>
      <c r="M21969" s="2" t="s">
        <v>69039</v>
      </c>
      <c r="N21969" s="5" t="s">
        <v>1521</v>
      </c>
      <c r="O21969" s="5" t="s">
        <v>38</v>
      </c>
      <c r="P21969" s="5" t="s">
        <v>39</v>
      </c>
      <c r="Q21969" s="5" t="s">
        <v>40</v>
      </c>
      <c r="R21969" s="5" t="s">
        <v>1522</v>
      </c>
      <c r="S21969" s="5" t="s">
        <v>1523</v>
      </c>
      <c r="T21969" s="5" t="s">
        <v>42</v>
      </c>
      <c r="U21969" s="2">
        <v>1.583</v>
      </c>
      <c r="V21969" s="2">
        <v>1.244</v>
      </c>
      <c r="W21969" s="2">
        <v>0.01</v>
      </c>
      <c r="X21969" s="2">
        <v>118.9</v>
      </c>
      <c r="Y21969" s="2">
        <v>7.6</v>
      </c>
      <c r="Z21969" s="2">
        <v>10.6</v>
      </c>
      <c r="AA21969" s="5"/>
      <c r="AB21969" s="5" t="s">
        <v>43</v>
      </c>
      <c r="AC21969" s="5" t="s">
        <v>44</v>
      </c>
      <c r="AD21969" s="2"/>
      <c r="AE21969" s="1"/>
    </row>
    <row r="21970" spans="1:31" ht="14.45">
      <c r="A21970" s="11"/>
      <c r="B21970" s="20"/>
      <c r="C21970" s="2" t="s">
        <v>70778</v>
      </c>
      <c r="D21970" s="14" t="s">
        <v>70779</v>
      </c>
      <c r="E21970" s="2" t="s">
        <v>70780</v>
      </c>
      <c r="F21970" s="2" t="s">
        <v>7619</v>
      </c>
      <c r="G21970" s="8">
        <v>140</v>
      </c>
      <c r="H21970" s="5">
        <v>6</v>
      </c>
      <c r="I21970" s="5" t="s">
        <v>1518</v>
      </c>
      <c r="J21970" s="5" t="s">
        <v>69038</v>
      </c>
      <c r="K21970" s="2" t="s">
        <v>69039</v>
      </c>
      <c r="L21970" s="5" t="s">
        <v>69038</v>
      </c>
      <c r="M21970" s="2" t="s">
        <v>69039</v>
      </c>
      <c r="N21970" s="5" t="s">
        <v>1521</v>
      </c>
      <c r="O21970" s="5" t="s">
        <v>38</v>
      </c>
      <c r="P21970" s="5" t="s">
        <v>39</v>
      </c>
      <c r="Q21970" s="5" t="s">
        <v>40</v>
      </c>
      <c r="R21970" s="5" t="s">
        <v>1522</v>
      </c>
      <c r="S21970" s="5" t="s">
        <v>1523</v>
      </c>
      <c r="T21970" s="5" t="s">
        <v>42</v>
      </c>
      <c r="U21970" s="2">
        <v>1.653</v>
      </c>
      <c r="V21970" s="2">
        <v>1.3140000000000001</v>
      </c>
      <c r="W21970" s="2">
        <v>0.01</v>
      </c>
      <c r="X21970" s="2">
        <v>118.9</v>
      </c>
      <c r="Y21970" s="2">
        <v>7.6</v>
      </c>
      <c r="Z21970" s="2">
        <v>10.6</v>
      </c>
      <c r="AA21970" s="5"/>
      <c r="AB21970" s="5" t="s">
        <v>43</v>
      </c>
      <c r="AC21970" s="5" t="s">
        <v>44</v>
      </c>
      <c r="AD21970" s="2"/>
      <c r="AE21970" s="1"/>
    </row>
    <row r="21971" spans="1:31" ht="14.45">
      <c r="A21971" s="11"/>
      <c r="B21971" s="20"/>
      <c r="C21971" s="2" t="s">
        <v>70781</v>
      </c>
      <c r="D21971" s="14" t="s">
        <v>70782</v>
      </c>
      <c r="E21971" s="2" t="s">
        <v>70783</v>
      </c>
      <c r="F21971" s="2" t="s">
        <v>7410</v>
      </c>
      <c r="G21971" s="8">
        <v>140</v>
      </c>
      <c r="H21971" s="5">
        <v>6</v>
      </c>
      <c r="I21971" s="5" t="s">
        <v>1518</v>
      </c>
      <c r="J21971" s="5" t="s">
        <v>69038</v>
      </c>
      <c r="K21971" s="2" t="s">
        <v>69039</v>
      </c>
      <c r="L21971" s="5" t="s">
        <v>69038</v>
      </c>
      <c r="M21971" s="2" t="s">
        <v>69039</v>
      </c>
      <c r="N21971" s="5" t="s">
        <v>1521</v>
      </c>
      <c r="O21971" s="5" t="s">
        <v>38</v>
      </c>
      <c r="P21971" s="5" t="s">
        <v>39</v>
      </c>
      <c r="Q21971" s="5" t="s">
        <v>40</v>
      </c>
      <c r="R21971" s="5" t="s">
        <v>1522</v>
      </c>
      <c r="S21971" s="5" t="s">
        <v>1523</v>
      </c>
      <c r="T21971" s="5" t="s">
        <v>42</v>
      </c>
      <c r="U21971" s="2">
        <v>1.583</v>
      </c>
      <c r="V21971" s="2">
        <v>1.244</v>
      </c>
      <c r="W21971" s="2">
        <v>0.01</v>
      </c>
      <c r="X21971" s="2">
        <v>118.9</v>
      </c>
      <c r="Y21971" s="2">
        <v>7.6</v>
      </c>
      <c r="Z21971" s="2">
        <v>10.6</v>
      </c>
      <c r="AA21971" s="5"/>
      <c r="AB21971" s="5" t="s">
        <v>43</v>
      </c>
      <c r="AC21971" s="5" t="s">
        <v>44</v>
      </c>
      <c r="AD21971" s="2"/>
      <c r="AE21971" s="1"/>
    </row>
    <row r="21972" spans="1:31" ht="14.45">
      <c r="A21972" s="11"/>
      <c r="B21972" s="20"/>
      <c r="C21972" s="2" t="s">
        <v>70784</v>
      </c>
      <c r="D21972" s="14" t="s">
        <v>70785</v>
      </c>
      <c r="E21972" s="2" t="s">
        <v>70786</v>
      </c>
      <c r="F21972" s="2" t="s">
        <v>7604</v>
      </c>
      <c r="G21972" s="8">
        <v>140</v>
      </c>
      <c r="H21972" s="5">
        <v>6</v>
      </c>
      <c r="I21972" s="5" t="s">
        <v>1518</v>
      </c>
      <c r="J21972" s="5" t="s">
        <v>69038</v>
      </c>
      <c r="K21972" s="2" t="s">
        <v>69039</v>
      </c>
      <c r="L21972" s="5" t="s">
        <v>69038</v>
      </c>
      <c r="M21972" s="2" t="s">
        <v>69039</v>
      </c>
      <c r="N21972" s="5" t="s">
        <v>1521</v>
      </c>
      <c r="O21972" s="5" t="s">
        <v>38</v>
      </c>
      <c r="P21972" s="5" t="s">
        <v>39</v>
      </c>
      <c r="Q21972" s="5" t="s">
        <v>40</v>
      </c>
      <c r="R21972" s="5" t="s">
        <v>1522</v>
      </c>
      <c r="S21972" s="5" t="s">
        <v>1523</v>
      </c>
      <c r="T21972" s="5" t="s">
        <v>42</v>
      </c>
      <c r="U21972" s="2">
        <v>1.653</v>
      </c>
      <c r="V21972" s="2">
        <v>1.3140000000000001</v>
      </c>
      <c r="W21972" s="2">
        <v>0.01</v>
      </c>
      <c r="X21972" s="2">
        <v>118.9</v>
      </c>
      <c r="Y21972" s="2">
        <v>7.6</v>
      </c>
      <c r="Z21972" s="2">
        <v>10.6</v>
      </c>
      <c r="AA21972" s="5"/>
      <c r="AB21972" s="5" t="s">
        <v>43</v>
      </c>
      <c r="AC21972" s="5" t="s">
        <v>44</v>
      </c>
      <c r="AD21972" s="2"/>
      <c r="AE21972" s="1"/>
    </row>
    <row r="21973" spans="1:31" ht="14.45">
      <c r="A21973" s="11"/>
      <c r="B21973" s="20"/>
      <c r="C21973" s="2" t="s">
        <v>70787</v>
      </c>
      <c r="D21973" s="14" t="s">
        <v>70788</v>
      </c>
      <c r="E21973" s="2" t="s">
        <v>70789</v>
      </c>
      <c r="F21973" s="2" t="s">
        <v>7212</v>
      </c>
      <c r="G21973" s="8">
        <v>122</v>
      </c>
      <c r="H21973" s="5">
        <v>6</v>
      </c>
      <c r="I21973" s="5" t="s">
        <v>1518</v>
      </c>
      <c r="J21973" s="5" t="s">
        <v>69038</v>
      </c>
      <c r="K21973" s="2" t="s">
        <v>69039</v>
      </c>
      <c r="L21973" s="5" t="s">
        <v>69038</v>
      </c>
      <c r="M21973" s="2" t="s">
        <v>69039</v>
      </c>
      <c r="N21973" s="5" t="s">
        <v>1521</v>
      </c>
      <c r="O21973" s="5" t="s">
        <v>38</v>
      </c>
      <c r="P21973" s="5" t="s">
        <v>39</v>
      </c>
      <c r="Q21973" s="5" t="s">
        <v>40</v>
      </c>
      <c r="R21973" s="5" t="s">
        <v>1522</v>
      </c>
      <c r="S21973" s="5" t="s">
        <v>1523</v>
      </c>
      <c r="T21973" s="5" t="s">
        <v>42</v>
      </c>
      <c r="U21973" s="2">
        <v>1.583</v>
      </c>
      <c r="V21973" s="2">
        <v>1.244</v>
      </c>
      <c r="W21973" s="2">
        <v>0.01</v>
      </c>
      <c r="X21973" s="2">
        <v>118.9</v>
      </c>
      <c r="Y21973" s="2">
        <v>7.6</v>
      </c>
      <c r="Z21973" s="2">
        <v>10.6</v>
      </c>
      <c r="AA21973" s="5"/>
      <c r="AB21973" s="5" t="s">
        <v>43</v>
      </c>
      <c r="AC21973" s="5" t="s">
        <v>44</v>
      </c>
      <c r="AD21973" s="2"/>
      <c r="AE21973" s="1"/>
    </row>
    <row r="21974" spans="1:31" ht="14.45">
      <c r="A21974" s="11"/>
      <c r="B21974" s="20"/>
      <c r="C21974" s="2" t="s">
        <v>70790</v>
      </c>
      <c r="D21974" s="14" t="s">
        <v>70791</v>
      </c>
      <c r="E21974" s="2" t="s">
        <v>70792</v>
      </c>
      <c r="F21974" s="2" t="s">
        <v>7528</v>
      </c>
      <c r="G21974" s="8">
        <v>122</v>
      </c>
      <c r="H21974" s="5">
        <v>6</v>
      </c>
      <c r="I21974" s="5" t="s">
        <v>1518</v>
      </c>
      <c r="J21974" s="5" t="s">
        <v>69038</v>
      </c>
      <c r="K21974" s="2" t="s">
        <v>69039</v>
      </c>
      <c r="L21974" s="5" t="s">
        <v>69038</v>
      </c>
      <c r="M21974" s="2" t="s">
        <v>69039</v>
      </c>
      <c r="N21974" s="5" t="s">
        <v>1521</v>
      </c>
      <c r="O21974" s="5" t="s">
        <v>38</v>
      </c>
      <c r="P21974" s="5" t="s">
        <v>39</v>
      </c>
      <c r="Q21974" s="5" t="s">
        <v>40</v>
      </c>
      <c r="R21974" s="5" t="s">
        <v>1522</v>
      </c>
      <c r="S21974" s="5" t="s">
        <v>1523</v>
      </c>
      <c r="T21974" s="5" t="s">
        <v>42</v>
      </c>
      <c r="U21974" s="2">
        <v>1.653</v>
      </c>
      <c r="V21974" s="2">
        <v>1.3140000000000001</v>
      </c>
      <c r="W21974" s="2">
        <v>0.01</v>
      </c>
      <c r="X21974" s="2">
        <v>118.9</v>
      </c>
      <c r="Y21974" s="2">
        <v>7.6</v>
      </c>
      <c r="Z21974" s="2">
        <v>10.6</v>
      </c>
      <c r="AA21974" s="5"/>
      <c r="AB21974" s="5" t="s">
        <v>43</v>
      </c>
      <c r="AC21974" s="5" t="s">
        <v>44</v>
      </c>
      <c r="AD21974" s="2"/>
      <c r="AE21974" s="1"/>
    </row>
    <row r="21975" spans="1:31" ht="14.45">
      <c r="A21975" s="11"/>
      <c r="B21975" s="20"/>
      <c r="C21975" s="2" t="s">
        <v>70793</v>
      </c>
      <c r="D21975" s="14" t="s">
        <v>70794</v>
      </c>
      <c r="E21975" s="2" t="s">
        <v>70795</v>
      </c>
      <c r="F21975" s="2" t="s">
        <v>1863</v>
      </c>
      <c r="G21975" s="8">
        <v>140</v>
      </c>
      <c r="H21975" s="5">
        <v>6</v>
      </c>
      <c r="I21975" s="5" t="s">
        <v>1518</v>
      </c>
      <c r="J21975" s="5" t="s">
        <v>69038</v>
      </c>
      <c r="K21975" s="2" t="s">
        <v>69039</v>
      </c>
      <c r="L21975" s="5" t="s">
        <v>69038</v>
      </c>
      <c r="M21975" s="2" t="s">
        <v>69039</v>
      </c>
      <c r="N21975" s="5" t="s">
        <v>1521</v>
      </c>
      <c r="O21975" s="5" t="s">
        <v>38</v>
      </c>
      <c r="P21975" s="5" t="s">
        <v>39</v>
      </c>
      <c r="Q21975" s="5" t="s">
        <v>40</v>
      </c>
      <c r="R21975" s="5" t="s">
        <v>1522</v>
      </c>
      <c r="S21975" s="5" t="s">
        <v>1523</v>
      </c>
      <c r="T21975" s="5" t="s">
        <v>42</v>
      </c>
      <c r="U21975" s="2">
        <v>1.583</v>
      </c>
      <c r="V21975" s="2">
        <v>1.244</v>
      </c>
      <c r="W21975" s="2">
        <v>0.01</v>
      </c>
      <c r="X21975" s="2">
        <v>118.9</v>
      </c>
      <c r="Y21975" s="2">
        <v>7.6</v>
      </c>
      <c r="Z21975" s="2">
        <v>10.6</v>
      </c>
      <c r="AA21975" s="5"/>
      <c r="AB21975" s="5" t="s">
        <v>43</v>
      </c>
      <c r="AC21975" s="5" t="s">
        <v>44</v>
      </c>
      <c r="AD21975" s="2"/>
      <c r="AE21975" s="1"/>
    </row>
    <row r="21976" spans="1:31" ht="14.45">
      <c r="A21976" s="11"/>
      <c r="B21976" s="20"/>
      <c r="C21976" s="2" t="s">
        <v>70796</v>
      </c>
      <c r="D21976" s="14" t="s">
        <v>70797</v>
      </c>
      <c r="E21976" s="2" t="s">
        <v>70798</v>
      </c>
      <c r="F21976" s="2" t="s">
        <v>1867</v>
      </c>
      <c r="G21976" s="8">
        <v>140</v>
      </c>
      <c r="H21976" s="5">
        <v>6</v>
      </c>
      <c r="I21976" s="5" t="s">
        <v>1518</v>
      </c>
      <c r="J21976" s="5" t="s">
        <v>69038</v>
      </c>
      <c r="K21976" s="2" t="s">
        <v>69039</v>
      </c>
      <c r="L21976" s="5" t="s">
        <v>69038</v>
      </c>
      <c r="M21976" s="2" t="s">
        <v>69039</v>
      </c>
      <c r="N21976" s="5" t="s">
        <v>1521</v>
      </c>
      <c r="O21976" s="5" t="s">
        <v>38</v>
      </c>
      <c r="P21976" s="5" t="s">
        <v>39</v>
      </c>
      <c r="Q21976" s="5" t="s">
        <v>40</v>
      </c>
      <c r="R21976" s="5" t="s">
        <v>1522</v>
      </c>
      <c r="S21976" s="5" t="s">
        <v>1523</v>
      </c>
      <c r="T21976" s="5" t="s">
        <v>42</v>
      </c>
      <c r="U21976" s="2">
        <v>1.653</v>
      </c>
      <c r="V21976" s="2">
        <v>1.3140000000000001</v>
      </c>
      <c r="W21976" s="2">
        <v>0.01</v>
      </c>
      <c r="X21976" s="2">
        <v>118.9</v>
      </c>
      <c r="Y21976" s="2">
        <v>7.6</v>
      </c>
      <c r="Z21976" s="2">
        <v>10.6</v>
      </c>
      <c r="AA21976" s="5"/>
      <c r="AB21976" s="5" t="s">
        <v>43</v>
      </c>
      <c r="AC21976" s="5" t="s">
        <v>44</v>
      </c>
      <c r="AD21976" s="2"/>
      <c r="AE21976" s="1"/>
    </row>
    <row r="21977" spans="1:31" ht="14.45">
      <c r="A21977" s="11"/>
      <c r="B21977" s="20"/>
      <c r="C21977" s="2" t="s">
        <v>70799</v>
      </c>
      <c r="D21977" s="14" t="s">
        <v>70800</v>
      </c>
      <c r="E21977" s="2" t="s">
        <v>70801</v>
      </c>
      <c r="F21977" s="2" t="s">
        <v>7204</v>
      </c>
      <c r="G21977" s="8">
        <v>131</v>
      </c>
      <c r="H21977" s="5">
        <v>6</v>
      </c>
      <c r="I21977" s="5" t="s">
        <v>1518</v>
      </c>
      <c r="J21977" s="5" t="s">
        <v>69038</v>
      </c>
      <c r="K21977" s="2" t="s">
        <v>69039</v>
      </c>
      <c r="L21977" s="5" t="s">
        <v>69038</v>
      </c>
      <c r="M21977" s="2" t="s">
        <v>69039</v>
      </c>
      <c r="N21977" s="5" t="s">
        <v>1521</v>
      </c>
      <c r="O21977" s="5" t="s">
        <v>38</v>
      </c>
      <c r="P21977" s="5" t="s">
        <v>39</v>
      </c>
      <c r="Q21977" s="5" t="s">
        <v>40</v>
      </c>
      <c r="R21977" s="5" t="s">
        <v>1522</v>
      </c>
      <c r="S21977" s="5" t="s">
        <v>1523</v>
      </c>
      <c r="T21977" s="5" t="s">
        <v>42</v>
      </c>
      <c r="U21977" s="2">
        <v>1.7549999999999999</v>
      </c>
      <c r="V21977" s="2">
        <v>1.3640000000000001</v>
      </c>
      <c r="W21977" s="2">
        <v>1.0999999999999999E-2</v>
      </c>
      <c r="X21977" s="2">
        <v>139.1</v>
      </c>
      <c r="Y21977" s="2">
        <v>7.6</v>
      </c>
      <c r="Z21977" s="2">
        <v>10.6</v>
      </c>
      <c r="AA21977" s="5"/>
      <c r="AB21977" s="5" t="s">
        <v>43</v>
      </c>
      <c r="AC21977" s="5" t="s">
        <v>44</v>
      </c>
      <c r="AD21977" s="2"/>
      <c r="AE21977" s="1"/>
    </row>
    <row r="21978" spans="1:31" ht="14.45">
      <c r="A21978" s="11"/>
      <c r="B21978" s="20"/>
      <c r="C21978" s="2" t="s">
        <v>70802</v>
      </c>
      <c r="D21978" s="14" t="s">
        <v>70803</v>
      </c>
      <c r="E21978" s="2" t="s">
        <v>70804</v>
      </c>
      <c r="F21978" s="2" t="s">
        <v>7514</v>
      </c>
      <c r="G21978" s="8">
        <v>131</v>
      </c>
      <c r="H21978" s="5">
        <v>6</v>
      </c>
      <c r="I21978" s="5" t="s">
        <v>1518</v>
      </c>
      <c r="J21978" s="5" t="s">
        <v>69038</v>
      </c>
      <c r="K21978" s="2" t="s">
        <v>69039</v>
      </c>
      <c r="L21978" s="5" t="s">
        <v>69038</v>
      </c>
      <c r="M21978" s="2" t="s">
        <v>69039</v>
      </c>
      <c r="N21978" s="5" t="s">
        <v>1521</v>
      </c>
      <c r="O21978" s="5" t="s">
        <v>38</v>
      </c>
      <c r="P21978" s="5" t="s">
        <v>39</v>
      </c>
      <c r="Q21978" s="5" t="s">
        <v>40</v>
      </c>
      <c r="R21978" s="5" t="s">
        <v>1522</v>
      </c>
      <c r="S21978" s="5" t="s">
        <v>1523</v>
      </c>
      <c r="T21978" s="5" t="s">
        <v>42</v>
      </c>
      <c r="U21978" s="2">
        <v>1.8360000000000001</v>
      </c>
      <c r="V21978" s="2">
        <v>1.4450000000000001</v>
      </c>
      <c r="W21978" s="2">
        <v>1.0999999999999999E-2</v>
      </c>
      <c r="X21978" s="2">
        <v>139.1</v>
      </c>
      <c r="Y21978" s="2">
        <v>7.6</v>
      </c>
      <c r="Z21978" s="2">
        <v>10.6</v>
      </c>
      <c r="AA21978" s="5"/>
      <c r="AB21978" s="5" t="s">
        <v>43</v>
      </c>
      <c r="AC21978" s="5" t="s">
        <v>44</v>
      </c>
      <c r="AD21978" s="2"/>
      <c r="AE21978" s="1"/>
    </row>
    <row r="21979" spans="1:31" ht="14.45">
      <c r="A21979" s="11"/>
      <c r="B21979" s="20"/>
      <c r="C21979" s="2" t="s">
        <v>70805</v>
      </c>
      <c r="D21979" s="14" t="s">
        <v>70806</v>
      </c>
      <c r="E21979" s="2" t="s">
        <v>70807</v>
      </c>
      <c r="F21979" s="2" t="s">
        <v>7208</v>
      </c>
      <c r="G21979" s="8">
        <v>131</v>
      </c>
      <c r="H21979" s="5">
        <v>6</v>
      </c>
      <c r="I21979" s="5" t="s">
        <v>1518</v>
      </c>
      <c r="J21979" s="5" t="s">
        <v>69038</v>
      </c>
      <c r="K21979" s="2" t="s">
        <v>69039</v>
      </c>
      <c r="L21979" s="5" t="s">
        <v>69038</v>
      </c>
      <c r="M21979" s="2" t="s">
        <v>69039</v>
      </c>
      <c r="N21979" s="5" t="s">
        <v>1521</v>
      </c>
      <c r="O21979" s="5" t="s">
        <v>38</v>
      </c>
      <c r="P21979" s="5" t="s">
        <v>39</v>
      </c>
      <c r="Q21979" s="5" t="s">
        <v>40</v>
      </c>
      <c r="R21979" s="5" t="s">
        <v>1522</v>
      </c>
      <c r="S21979" s="5" t="s">
        <v>1523</v>
      </c>
      <c r="T21979" s="5" t="s">
        <v>42</v>
      </c>
      <c r="U21979" s="2">
        <v>1.7549999999999999</v>
      </c>
      <c r="V21979" s="2">
        <v>1.3640000000000001</v>
      </c>
      <c r="W21979" s="2">
        <v>1.0999999999999999E-2</v>
      </c>
      <c r="X21979" s="2">
        <v>139.1</v>
      </c>
      <c r="Y21979" s="2">
        <v>7.6</v>
      </c>
      <c r="Z21979" s="2">
        <v>10.6</v>
      </c>
      <c r="AA21979" s="5"/>
      <c r="AB21979" s="5" t="s">
        <v>43</v>
      </c>
      <c r="AC21979" s="5" t="s">
        <v>44</v>
      </c>
      <c r="AD21979" s="2"/>
      <c r="AE21979" s="1"/>
    </row>
    <row r="21980" spans="1:31" ht="14.45">
      <c r="A21980" s="11"/>
      <c r="B21980" s="20"/>
      <c r="C21980" s="2" t="s">
        <v>70808</v>
      </c>
      <c r="D21980" s="14" t="s">
        <v>70809</v>
      </c>
      <c r="E21980" s="2" t="s">
        <v>70810</v>
      </c>
      <c r="F21980" s="2" t="s">
        <v>7521</v>
      </c>
      <c r="G21980" s="8">
        <v>131</v>
      </c>
      <c r="H21980" s="5">
        <v>6</v>
      </c>
      <c r="I21980" s="5" t="s">
        <v>1518</v>
      </c>
      <c r="J21980" s="5" t="s">
        <v>69038</v>
      </c>
      <c r="K21980" s="2" t="s">
        <v>69039</v>
      </c>
      <c r="L21980" s="5" t="s">
        <v>69038</v>
      </c>
      <c r="M21980" s="2" t="s">
        <v>69039</v>
      </c>
      <c r="N21980" s="5" t="s">
        <v>1521</v>
      </c>
      <c r="O21980" s="5" t="s">
        <v>38</v>
      </c>
      <c r="P21980" s="5" t="s">
        <v>39</v>
      </c>
      <c r="Q21980" s="5" t="s">
        <v>40</v>
      </c>
      <c r="R21980" s="5" t="s">
        <v>1522</v>
      </c>
      <c r="S21980" s="5" t="s">
        <v>1523</v>
      </c>
      <c r="T21980" s="5" t="s">
        <v>42</v>
      </c>
      <c r="U21980" s="2">
        <v>1.8360000000000001</v>
      </c>
      <c r="V21980" s="2">
        <v>1.4450000000000001</v>
      </c>
      <c r="W21980" s="2">
        <v>1.0999999999999999E-2</v>
      </c>
      <c r="X21980" s="2">
        <v>139.1</v>
      </c>
      <c r="Y21980" s="2">
        <v>7.6</v>
      </c>
      <c r="Z21980" s="2">
        <v>10.6</v>
      </c>
      <c r="AA21980" s="5"/>
      <c r="AB21980" s="5" t="s">
        <v>43</v>
      </c>
      <c r="AC21980" s="5" t="s">
        <v>44</v>
      </c>
      <c r="AD21980" s="2"/>
      <c r="AE21980" s="1"/>
    </row>
    <row r="21981" spans="1:31" ht="14.45">
      <c r="A21981" s="11"/>
      <c r="B21981" s="20"/>
      <c r="C21981" s="2" t="s">
        <v>70811</v>
      </c>
      <c r="D21981" s="14" t="s">
        <v>70812</v>
      </c>
      <c r="E21981" s="2" t="s">
        <v>70813</v>
      </c>
      <c r="F21981" s="2" t="s">
        <v>7406</v>
      </c>
      <c r="G21981" s="8">
        <v>151</v>
      </c>
      <c r="H21981" s="5">
        <v>6</v>
      </c>
      <c r="I21981" s="5" t="s">
        <v>1518</v>
      </c>
      <c r="J21981" s="5" t="s">
        <v>69038</v>
      </c>
      <c r="K21981" s="2" t="s">
        <v>69039</v>
      </c>
      <c r="L21981" s="5" t="s">
        <v>69038</v>
      </c>
      <c r="M21981" s="2" t="s">
        <v>69039</v>
      </c>
      <c r="N21981" s="5" t="s">
        <v>1521</v>
      </c>
      <c r="O21981" s="5" t="s">
        <v>38</v>
      </c>
      <c r="P21981" s="5" t="s">
        <v>39</v>
      </c>
      <c r="Q21981" s="5" t="s">
        <v>40</v>
      </c>
      <c r="R21981" s="5" t="s">
        <v>1522</v>
      </c>
      <c r="S21981" s="5" t="s">
        <v>1523</v>
      </c>
      <c r="T21981" s="5" t="s">
        <v>42</v>
      </c>
      <c r="U21981" s="2">
        <v>1.7549999999999999</v>
      </c>
      <c r="V21981" s="2">
        <v>1.3640000000000001</v>
      </c>
      <c r="W21981" s="2">
        <v>1.0999999999999999E-2</v>
      </c>
      <c r="X21981" s="2">
        <v>139.1</v>
      </c>
      <c r="Y21981" s="2">
        <v>7.6</v>
      </c>
      <c r="Z21981" s="2">
        <v>10.6</v>
      </c>
      <c r="AA21981" s="5"/>
      <c r="AB21981" s="5" t="s">
        <v>43</v>
      </c>
      <c r="AC21981" s="5" t="s">
        <v>44</v>
      </c>
      <c r="AD21981" s="2"/>
      <c r="AE21981" s="1"/>
    </row>
    <row r="21982" spans="1:31" ht="14.45">
      <c r="A21982" s="11"/>
      <c r="B21982" s="20"/>
      <c r="C21982" s="2" t="s">
        <v>70814</v>
      </c>
      <c r="D21982" s="14" t="s">
        <v>70815</v>
      </c>
      <c r="E21982" s="2" t="s">
        <v>70816</v>
      </c>
      <c r="F21982" s="2" t="s">
        <v>7535</v>
      </c>
      <c r="G21982" s="8">
        <v>151</v>
      </c>
      <c r="H21982" s="5">
        <v>6</v>
      </c>
      <c r="I21982" s="5" t="s">
        <v>1518</v>
      </c>
      <c r="J21982" s="5" t="s">
        <v>69038</v>
      </c>
      <c r="K21982" s="2" t="s">
        <v>69039</v>
      </c>
      <c r="L21982" s="5" t="s">
        <v>69038</v>
      </c>
      <c r="M21982" s="2" t="s">
        <v>69039</v>
      </c>
      <c r="N21982" s="5" t="s">
        <v>1521</v>
      </c>
      <c r="O21982" s="5" t="s">
        <v>38</v>
      </c>
      <c r="P21982" s="5" t="s">
        <v>39</v>
      </c>
      <c r="Q21982" s="5" t="s">
        <v>40</v>
      </c>
      <c r="R21982" s="5" t="s">
        <v>1522</v>
      </c>
      <c r="S21982" s="5" t="s">
        <v>1523</v>
      </c>
      <c r="T21982" s="5" t="s">
        <v>42</v>
      </c>
      <c r="U21982" s="2">
        <v>1.8360000000000001</v>
      </c>
      <c r="V21982" s="2">
        <v>1.4450000000000001</v>
      </c>
      <c r="W21982" s="2">
        <v>1.0999999999999999E-2</v>
      </c>
      <c r="X21982" s="2">
        <v>139.1</v>
      </c>
      <c r="Y21982" s="2">
        <v>7.6</v>
      </c>
      <c r="Z21982" s="2">
        <v>10.6</v>
      </c>
      <c r="AA21982" s="5"/>
      <c r="AB21982" s="5" t="s">
        <v>43</v>
      </c>
      <c r="AC21982" s="5" t="s">
        <v>44</v>
      </c>
      <c r="AD21982" s="2"/>
      <c r="AE21982" s="1"/>
    </row>
    <row r="21983" spans="1:31" ht="14.45">
      <c r="A21983" s="11"/>
      <c r="B21983" s="20"/>
      <c r="C21983" s="2" t="s">
        <v>70817</v>
      </c>
      <c r="D21983" s="14" t="s">
        <v>70818</v>
      </c>
      <c r="E21983" s="2" t="s">
        <v>70819</v>
      </c>
      <c r="F21983" s="2" t="s">
        <v>7539</v>
      </c>
      <c r="G21983" s="8">
        <v>151</v>
      </c>
      <c r="H21983" s="5">
        <v>6</v>
      </c>
      <c r="I21983" s="5" t="s">
        <v>1518</v>
      </c>
      <c r="J21983" s="5" t="s">
        <v>69038</v>
      </c>
      <c r="K21983" s="2" t="s">
        <v>69039</v>
      </c>
      <c r="L21983" s="5" t="s">
        <v>69038</v>
      </c>
      <c r="M21983" s="2" t="s">
        <v>69039</v>
      </c>
      <c r="N21983" s="5" t="s">
        <v>1521</v>
      </c>
      <c r="O21983" s="5" t="s">
        <v>38</v>
      </c>
      <c r="P21983" s="5" t="s">
        <v>39</v>
      </c>
      <c r="Q21983" s="5" t="s">
        <v>40</v>
      </c>
      <c r="R21983" s="5" t="s">
        <v>1522</v>
      </c>
      <c r="S21983" s="5" t="s">
        <v>1523</v>
      </c>
      <c r="T21983" s="5" t="s">
        <v>42</v>
      </c>
      <c r="U21983" s="2">
        <v>1.7549999999999999</v>
      </c>
      <c r="V21983" s="2">
        <v>1.3640000000000001</v>
      </c>
      <c r="W21983" s="2">
        <v>1.0999999999999999E-2</v>
      </c>
      <c r="X21983" s="2">
        <v>139.1</v>
      </c>
      <c r="Y21983" s="2">
        <v>7.6</v>
      </c>
      <c r="Z21983" s="2">
        <v>10.6</v>
      </c>
      <c r="AA21983" s="5"/>
      <c r="AB21983" s="5" t="s">
        <v>43</v>
      </c>
      <c r="AC21983" s="5" t="s">
        <v>44</v>
      </c>
      <c r="AD21983" s="2"/>
      <c r="AE21983" s="1"/>
    </row>
    <row r="21984" spans="1:31" ht="14.45">
      <c r="A21984" s="11"/>
      <c r="B21984" s="20"/>
      <c r="C21984" s="2" t="s">
        <v>70820</v>
      </c>
      <c r="D21984" s="14" t="s">
        <v>70821</v>
      </c>
      <c r="E21984" s="2" t="s">
        <v>70822</v>
      </c>
      <c r="F21984" s="2" t="s">
        <v>7543</v>
      </c>
      <c r="G21984" s="8">
        <v>151</v>
      </c>
      <c r="H21984" s="5">
        <v>6</v>
      </c>
      <c r="I21984" s="5" t="s">
        <v>1518</v>
      </c>
      <c r="J21984" s="5" t="s">
        <v>69038</v>
      </c>
      <c r="K21984" s="2" t="s">
        <v>69039</v>
      </c>
      <c r="L21984" s="5" t="s">
        <v>69038</v>
      </c>
      <c r="M21984" s="2" t="s">
        <v>69039</v>
      </c>
      <c r="N21984" s="5" t="s">
        <v>1521</v>
      </c>
      <c r="O21984" s="5" t="s">
        <v>38</v>
      </c>
      <c r="P21984" s="5" t="s">
        <v>39</v>
      </c>
      <c r="Q21984" s="5" t="s">
        <v>40</v>
      </c>
      <c r="R21984" s="5" t="s">
        <v>1522</v>
      </c>
      <c r="S21984" s="5" t="s">
        <v>1523</v>
      </c>
      <c r="T21984" s="5" t="s">
        <v>42</v>
      </c>
      <c r="U21984" s="2">
        <v>1.8360000000000001</v>
      </c>
      <c r="V21984" s="2">
        <v>1.4450000000000001</v>
      </c>
      <c r="W21984" s="2">
        <v>1.0999999999999999E-2</v>
      </c>
      <c r="X21984" s="2">
        <v>139.1</v>
      </c>
      <c r="Y21984" s="2">
        <v>7.6</v>
      </c>
      <c r="Z21984" s="2">
        <v>10.6</v>
      </c>
      <c r="AA21984" s="5"/>
      <c r="AB21984" s="5" t="s">
        <v>43</v>
      </c>
      <c r="AC21984" s="5" t="s">
        <v>44</v>
      </c>
      <c r="AD21984" s="2"/>
      <c r="AE21984" s="1"/>
    </row>
    <row r="21985" spans="1:31" ht="14.45">
      <c r="A21985" s="11"/>
      <c r="B21985" s="20"/>
      <c r="C21985" s="2" t="s">
        <v>70823</v>
      </c>
      <c r="D21985" s="14" t="s">
        <v>70824</v>
      </c>
      <c r="E21985" s="2" t="s">
        <v>70825</v>
      </c>
      <c r="F21985" s="2" t="s">
        <v>7396</v>
      </c>
      <c r="G21985" s="8">
        <v>131</v>
      </c>
      <c r="H21985" s="5">
        <v>6</v>
      </c>
      <c r="I21985" s="5" t="s">
        <v>1518</v>
      </c>
      <c r="J21985" s="5" t="s">
        <v>69038</v>
      </c>
      <c r="K21985" s="2" t="s">
        <v>69039</v>
      </c>
      <c r="L21985" s="5" t="s">
        <v>69038</v>
      </c>
      <c r="M21985" s="2" t="s">
        <v>69039</v>
      </c>
      <c r="N21985" s="5" t="s">
        <v>1521</v>
      </c>
      <c r="O21985" s="5" t="s">
        <v>38</v>
      </c>
      <c r="P21985" s="5" t="s">
        <v>39</v>
      </c>
      <c r="Q21985" s="5" t="s">
        <v>40</v>
      </c>
      <c r="R21985" s="5" t="s">
        <v>1522</v>
      </c>
      <c r="S21985" s="5" t="s">
        <v>1523</v>
      </c>
      <c r="T21985" s="5" t="s">
        <v>42</v>
      </c>
      <c r="U21985" s="2">
        <v>1.7549999999999999</v>
      </c>
      <c r="V21985" s="2">
        <v>1.3640000000000001</v>
      </c>
      <c r="W21985" s="2">
        <v>1.0999999999999999E-2</v>
      </c>
      <c r="X21985" s="2">
        <v>139.1</v>
      </c>
      <c r="Y21985" s="2">
        <v>7.6</v>
      </c>
      <c r="Z21985" s="2">
        <v>10.6</v>
      </c>
      <c r="AA21985" s="5"/>
      <c r="AB21985" s="5" t="s">
        <v>43</v>
      </c>
      <c r="AC21985" s="5" t="s">
        <v>44</v>
      </c>
      <c r="AD21985" s="2"/>
      <c r="AE21985" s="1"/>
    </row>
    <row r="21986" spans="1:31" ht="14.45">
      <c r="A21986" s="11"/>
      <c r="B21986" s="20"/>
      <c r="C21986" s="2" t="s">
        <v>70826</v>
      </c>
      <c r="D21986" s="14" t="s">
        <v>70827</v>
      </c>
      <c r="E21986" s="2" t="s">
        <v>70828</v>
      </c>
      <c r="F21986" s="2" t="s">
        <v>69112</v>
      </c>
      <c r="G21986" s="8">
        <v>131</v>
      </c>
      <c r="H21986" s="5">
        <v>6</v>
      </c>
      <c r="I21986" s="5" t="s">
        <v>1518</v>
      </c>
      <c r="J21986" s="5" t="s">
        <v>69038</v>
      </c>
      <c r="K21986" s="2" t="s">
        <v>69039</v>
      </c>
      <c r="L21986" s="5" t="s">
        <v>69038</v>
      </c>
      <c r="M21986" s="2" t="s">
        <v>69039</v>
      </c>
      <c r="N21986" s="5" t="s">
        <v>1521</v>
      </c>
      <c r="O21986" s="5" t="s">
        <v>38</v>
      </c>
      <c r="P21986" s="5" t="s">
        <v>39</v>
      </c>
      <c r="Q21986" s="5" t="s">
        <v>40</v>
      </c>
      <c r="R21986" s="5" t="s">
        <v>1522</v>
      </c>
      <c r="S21986" s="5" t="s">
        <v>1523</v>
      </c>
      <c r="T21986" s="5" t="s">
        <v>42</v>
      </c>
      <c r="U21986" s="2">
        <v>1.8360000000000001</v>
      </c>
      <c r="V21986" s="2">
        <v>1.4450000000000001</v>
      </c>
      <c r="W21986" s="2">
        <v>1.0999999999999999E-2</v>
      </c>
      <c r="X21986" s="2">
        <v>139.1</v>
      </c>
      <c r="Y21986" s="2">
        <v>7.6</v>
      </c>
      <c r="Z21986" s="2">
        <v>10.6</v>
      </c>
      <c r="AA21986" s="5"/>
      <c r="AB21986" s="5" t="s">
        <v>43</v>
      </c>
      <c r="AC21986" s="5" t="s">
        <v>44</v>
      </c>
      <c r="AD21986" s="2"/>
      <c r="AE21986" s="1"/>
    </row>
    <row r="21987" spans="1:31" ht="14.45">
      <c r="A21987" s="11"/>
      <c r="B21987" s="20"/>
      <c r="C21987" s="2" t="s">
        <v>70829</v>
      </c>
      <c r="D21987" s="14" t="s">
        <v>70830</v>
      </c>
      <c r="E21987" s="2" t="s">
        <v>70831</v>
      </c>
      <c r="F21987" s="2" t="s">
        <v>7563</v>
      </c>
      <c r="G21987" s="8">
        <v>151</v>
      </c>
      <c r="H21987" s="5">
        <v>6</v>
      </c>
      <c r="I21987" s="5" t="s">
        <v>1518</v>
      </c>
      <c r="J21987" s="5" t="s">
        <v>69038</v>
      </c>
      <c r="K21987" s="2" t="s">
        <v>69039</v>
      </c>
      <c r="L21987" s="5" t="s">
        <v>69038</v>
      </c>
      <c r="M21987" s="2" t="s">
        <v>69039</v>
      </c>
      <c r="N21987" s="5" t="s">
        <v>1521</v>
      </c>
      <c r="O21987" s="5" t="s">
        <v>38</v>
      </c>
      <c r="P21987" s="5" t="s">
        <v>39</v>
      </c>
      <c r="Q21987" s="5" t="s">
        <v>40</v>
      </c>
      <c r="R21987" s="5" t="s">
        <v>1522</v>
      </c>
      <c r="S21987" s="5" t="s">
        <v>1523</v>
      </c>
      <c r="T21987" s="5" t="s">
        <v>42</v>
      </c>
      <c r="U21987" s="2">
        <v>1.7549999999999999</v>
      </c>
      <c r="V21987" s="2">
        <v>1.3640000000000001</v>
      </c>
      <c r="W21987" s="2">
        <v>1.0999999999999999E-2</v>
      </c>
      <c r="X21987" s="2">
        <v>139.1</v>
      </c>
      <c r="Y21987" s="2">
        <v>7.6</v>
      </c>
      <c r="Z21987" s="2">
        <v>10.6</v>
      </c>
      <c r="AA21987" s="5"/>
      <c r="AB21987" s="5" t="s">
        <v>43</v>
      </c>
      <c r="AC21987" s="5" t="s">
        <v>44</v>
      </c>
      <c r="AD21987" s="2"/>
      <c r="AE21987" s="1"/>
    </row>
    <row r="21988" spans="1:31" ht="14.45">
      <c r="A21988" s="11"/>
      <c r="B21988" s="20"/>
      <c r="C21988" s="2" t="s">
        <v>70832</v>
      </c>
      <c r="D21988" s="14" t="s">
        <v>70833</v>
      </c>
      <c r="E21988" s="2" t="s">
        <v>70834</v>
      </c>
      <c r="F21988" s="2" t="s">
        <v>7567</v>
      </c>
      <c r="G21988" s="8">
        <v>151</v>
      </c>
      <c r="H21988" s="5">
        <v>6</v>
      </c>
      <c r="I21988" s="5" t="s">
        <v>1518</v>
      </c>
      <c r="J21988" s="5" t="s">
        <v>69038</v>
      </c>
      <c r="K21988" s="2" t="s">
        <v>69039</v>
      </c>
      <c r="L21988" s="5" t="s">
        <v>69038</v>
      </c>
      <c r="M21988" s="2" t="s">
        <v>69039</v>
      </c>
      <c r="N21988" s="5" t="s">
        <v>1521</v>
      </c>
      <c r="O21988" s="5" t="s">
        <v>38</v>
      </c>
      <c r="P21988" s="5" t="s">
        <v>39</v>
      </c>
      <c r="Q21988" s="5" t="s">
        <v>40</v>
      </c>
      <c r="R21988" s="5" t="s">
        <v>1522</v>
      </c>
      <c r="S21988" s="5" t="s">
        <v>1523</v>
      </c>
      <c r="T21988" s="5" t="s">
        <v>42</v>
      </c>
      <c r="U21988" s="2">
        <v>1.8360000000000001</v>
      </c>
      <c r="V21988" s="2">
        <v>1.4450000000000001</v>
      </c>
      <c r="W21988" s="2">
        <v>1.0999999999999999E-2</v>
      </c>
      <c r="X21988" s="2">
        <v>139.1</v>
      </c>
      <c r="Y21988" s="2">
        <v>7.6</v>
      </c>
      <c r="Z21988" s="2">
        <v>10.6</v>
      </c>
      <c r="AA21988" s="5"/>
      <c r="AB21988" s="5" t="s">
        <v>43</v>
      </c>
      <c r="AC21988" s="5" t="s">
        <v>44</v>
      </c>
      <c r="AD21988" s="2"/>
      <c r="AE21988" s="1"/>
    </row>
    <row r="21989" spans="1:31" ht="14.45">
      <c r="A21989" s="11"/>
      <c r="B21989" s="20"/>
      <c r="C21989" s="2" t="s">
        <v>70835</v>
      </c>
      <c r="D21989" s="14" t="s">
        <v>70836</v>
      </c>
      <c r="E21989" s="2" t="s">
        <v>70837</v>
      </c>
      <c r="F21989" s="2" t="s">
        <v>7559</v>
      </c>
      <c r="G21989" s="8">
        <v>151</v>
      </c>
      <c r="H21989" s="5">
        <v>6</v>
      </c>
      <c r="I21989" s="5" t="s">
        <v>1518</v>
      </c>
      <c r="J21989" s="5" t="s">
        <v>69038</v>
      </c>
      <c r="K21989" s="2" t="s">
        <v>69039</v>
      </c>
      <c r="L21989" s="5" t="s">
        <v>69038</v>
      </c>
      <c r="M21989" s="2" t="s">
        <v>69039</v>
      </c>
      <c r="N21989" s="5" t="s">
        <v>1521</v>
      </c>
      <c r="O21989" s="5" t="s">
        <v>38</v>
      </c>
      <c r="P21989" s="5" t="s">
        <v>39</v>
      </c>
      <c r="Q21989" s="5" t="s">
        <v>40</v>
      </c>
      <c r="R21989" s="5" t="s">
        <v>1522</v>
      </c>
      <c r="S21989" s="5" t="s">
        <v>1523</v>
      </c>
      <c r="T21989" s="5" t="s">
        <v>42</v>
      </c>
      <c r="U21989" s="2">
        <v>1.8360000000000001</v>
      </c>
      <c r="V21989" s="2">
        <v>1.4450000000000001</v>
      </c>
      <c r="W21989" s="2">
        <v>1.0999999999999999E-2</v>
      </c>
      <c r="X21989" s="2">
        <v>139.1</v>
      </c>
      <c r="Y21989" s="2">
        <v>7.6</v>
      </c>
      <c r="Z21989" s="2">
        <v>10.6</v>
      </c>
      <c r="AA21989" s="5"/>
      <c r="AB21989" s="5" t="s">
        <v>43</v>
      </c>
      <c r="AC21989" s="5" t="s">
        <v>44</v>
      </c>
      <c r="AD21989" s="2"/>
      <c r="AE21989" s="1"/>
    </row>
    <row r="21990" spans="1:31" ht="14.45">
      <c r="A21990" s="11"/>
      <c r="B21990" s="20"/>
      <c r="C21990" s="2" t="s">
        <v>70838</v>
      </c>
      <c r="D21990" s="14" t="s">
        <v>70839</v>
      </c>
      <c r="E21990" s="2" t="s">
        <v>70840</v>
      </c>
      <c r="F21990" s="2" t="s">
        <v>7574</v>
      </c>
      <c r="G21990" s="8">
        <v>151</v>
      </c>
      <c r="H21990" s="5">
        <v>6</v>
      </c>
      <c r="I21990" s="5" t="s">
        <v>1518</v>
      </c>
      <c r="J21990" s="5" t="s">
        <v>69038</v>
      </c>
      <c r="K21990" s="2" t="s">
        <v>69039</v>
      </c>
      <c r="L21990" s="5" t="s">
        <v>69038</v>
      </c>
      <c r="M21990" s="2" t="s">
        <v>69039</v>
      </c>
      <c r="N21990" s="5" t="s">
        <v>1521</v>
      </c>
      <c r="O21990" s="5" t="s">
        <v>38</v>
      </c>
      <c r="P21990" s="5" t="s">
        <v>39</v>
      </c>
      <c r="Q21990" s="5" t="s">
        <v>40</v>
      </c>
      <c r="R21990" s="5" t="s">
        <v>1522</v>
      </c>
      <c r="S21990" s="5" t="s">
        <v>1523</v>
      </c>
      <c r="T21990" s="5" t="s">
        <v>42</v>
      </c>
      <c r="U21990" s="2">
        <v>1.8360000000000001</v>
      </c>
      <c r="V21990" s="2">
        <v>1.4450000000000001</v>
      </c>
      <c r="W21990" s="2">
        <v>1.0999999999999999E-2</v>
      </c>
      <c r="X21990" s="2">
        <v>139.1</v>
      </c>
      <c r="Y21990" s="2">
        <v>7.6</v>
      </c>
      <c r="Z21990" s="2">
        <v>10.6</v>
      </c>
      <c r="AA21990" s="5"/>
      <c r="AB21990" s="5" t="s">
        <v>43</v>
      </c>
      <c r="AC21990" s="5" t="s">
        <v>44</v>
      </c>
      <c r="AD21990" s="2"/>
      <c r="AE21990" s="1"/>
    </row>
    <row r="21991" spans="1:31" ht="14.45">
      <c r="A21991" s="11"/>
      <c r="B21991" s="20"/>
      <c r="C21991" s="2" t="s">
        <v>70841</v>
      </c>
      <c r="D21991" s="14" t="s">
        <v>70842</v>
      </c>
      <c r="E21991" s="2" t="s">
        <v>70843</v>
      </c>
      <c r="F21991" s="2" t="s">
        <v>7449</v>
      </c>
      <c r="G21991" s="8">
        <v>151</v>
      </c>
      <c r="H21991" s="5">
        <v>6</v>
      </c>
      <c r="I21991" s="5" t="s">
        <v>1518</v>
      </c>
      <c r="J21991" s="5" t="s">
        <v>69038</v>
      </c>
      <c r="K21991" s="2" t="s">
        <v>69039</v>
      </c>
      <c r="L21991" s="5" t="s">
        <v>69038</v>
      </c>
      <c r="M21991" s="2" t="s">
        <v>69039</v>
      </c>
      <c r="N21991" s="5" t="s">
        <v>1521</v>
      </c>
      <c r="O21991" s="5" t="s">
        <v>38</v>
      </c>
      <c r="P21991" s="5" t="s">
        <v>39</v>
      </c>
      <c r="Q21991" s="5" t="s">
        <v>40</v>
      </c>
      <c r="R21991" s="5" t="s">
        <v>1522</v>
      </c>
      <c r="S21991" s="5" t="s">
        <v>1523</v>
      </c>
      <c r="T21991" s="5" t="s">
        <v>42</v>
      </c>
      <c r="U21991" s="2">
        <v>1.7549999999999999</v>
      </c>
      <c r="V21991" s="2">
        <v>1.3640000000000001</v>
      </c>
      <c r="W21991" s="2">
        <v>1.0999999999999999E-2</v>
      </c>
      <c r="X21991" s="2">
        <v>139.1</v>
      </c>
      <c r="Y21991" s="2">
        <v>7.6</v>
      </c>
      <c r="Z21991" s="2">
        <v>10.6</v>
      </c>
      <c r="AA21991" s="5"/>
      <c r="AB21991" s="5" t="s">
        <v>43</v>
      </c>
      <c r="AC21991" s="5" t="s">
        <v>44</v>
      </c>
      <c r="AD21991" s="2"/>
      <c r="AE21991" s="1"/>
    </row>
    <row r="21992" spans="1:31" ht="14.45">
      <c r="A21992" s="11"/>
      <c r="B21992" s="20"/>
      <c r="C21992" s="2" t="s">
        <v>70844</v>
      </c>
      <c r="D21992" s="14" t="s">
        <v>70845</v>
      </c>
      <c r="E21992" s="2" t="s">
        <v>70846</v>
      </c>
      <c r="F21992" s="2" t="s">
        <v>7581</v>
      </c>
      <c r="G21992" s="8">
        <v>151</v>
      </c>
      <c r="H21992" s="5">
        <v>6</v>
      </c>
      <c r="I21992" s="5" t="s">
        <v>1518</v>
      </c>
      <c r="J21992" s="5" t="s">
        <v>69038</v>
      </c>
      <c r="K21992" s="2" t="s">
        <v>69039</v>
      </c>
      <c r="L21992" s="5" t="s">
        <v>69038</v>
      </c>
      <c r="M21992" s="2" t="s">
        <v>69039</v>
      </c>
      <c r="N21992" s="5" t="s">
        <v>1521</v>
      </c>
      <c r="O21992" s="5" t="s">
        <v>38</v>
      </c>
      <c r="P21992" s="5" t="s">
        <v>39</v>
      </c>
      <c r="Q21992" s="5" t="s">
        <v>40</v>
      </c>
      <c r="R21992" s="5" t="s">
        <v>1522</v>
      </c>
      <c r="S21992" s="5" t="s">
        <v>1523</v>
      </c>
      <c r="T21992" s="5" t="s">
        <v>42</v>
      </c>
      <c r="U21992" s="2">
        <v>1.8360000000000001</v>
      </c>
      <c r="V21992" s="2">
        <v>1.4450000000000001</v>
      </c>
      <c r="W21992" s="2">
        <v>1.0999999999999999E-2</v>
      </c>
      <c r="X21992" s="2">
        <v>139.1</v>
      </c>
      <c r="Y21992" s="2">
        <v>7.6</v>
      </c>
      <c r="Z21992" s="2">
        <v>10.6</v>
      </c>
      <c r="AA21992" s="5"/>
      <c r="AB21992" s="5" t="s">
        <v>43</v>
      </c>
      <c r="AC21992" s="5" t="s">
        <v>44</v>
      </c>
      <c r="AD21992" s="2"/>
      <c r="AE21992" s="1"/>
    </row>
    <row r="21993" spans="1:31" ht="14.45">
      <c r="A21993" s="11"/>
      <c r="B21993" s="20"/>
      <c r="C21993" s="2" t="s">
        <v>70847</v>
      </c>
      <c r="D21993" s="14" t="s">
        <v>70848</v>
      </c>
      <c r="E21993" s="2" t="s">
        <v>70849</v>
      </c>
      <c r="F21993" s="2" t="s">
        <v>7585</v>
      </c>
      <c r="G21993" s="8">
        <v>151</v>
      </c>
      <c r="H21993" s="5">
        <v>6</v>
      </c>
      <c r="I21993" s="5" t="s">
        <v>1518</v>
      </c>
      <c r="J21993" s="5" t="s">
        <v>69038</v>
      </c>
      <c r="K21993" s="2" t="s">
        <v>69039</v>
      </c>
      <c r="L21993" s="5" t="s">
        <v>69038</v>
      </c>
      <c r="M21993" s="2" t="s">
        <v>69039</v>
      </c>
      <c r="N21993" s="5" t="s">
        <v>1521</v>
      </c>
      <c r="O21993" s="5" t="s">
        <v>38</v>
      </c>
      <c r="P21993" s="5" t="s">
        <v>39</v>
      </c>
      <c r="Q21993" s="5" t="s">
        <v>40</v>
      </c>
      <c r="R21993" s="5" t="s">
        <v>1522</v>
      </c>
      <c r="S21993" s="5" t="s">
        <v>1523</v>
      </c>
      <c r="T21993" s="5" t="s">
        <v>42</v>
      </c>
      <c r="U21993" s="2">
        <v>1.7549999999999999</v>
      </c>
      <c r="V21993" s="2">
        <v>1.3640000000000001</v>
      </c>
      <c r="W21993" s="2">
        <v>1.0999999999999999E-2</v>
      </c>
      <c r="X21993" s="2">
        <v>139.1</v>
      </c>
      <c r="Y21993" s="2">
        <v>7.6</v>
      </c>
      <c r="Z21993" s="2">
        <v>10.6</v>
      </c>
      <c r="AA21993" s="5"/>
      <c r="AB21993" s="5" t="s">
        <v>43</v>
      </c>
      <c r="AC21993" s="5" t="s">
        <v>44</v>
      </c>
      <c r="AD21993" s="2"/>
      <c r="AE21993" s="1"/>
    </row>
    <row r="21994" spans="1:31" ht="14.45">
      <c r="A21994" s="11"/>
      <c r="B21994" s="20"/>
      <c r="C21994" s="2" t="s">
        <v>70850</v>
      </c>
      <c r="D21994" s="14" t="s">
        <v>70851</v>
      </c>
      <c r="E21994" s="2" t="s">
        <v>70852</v>
      </c>
      <c r="F21994" s="2" t="s">
        <v>7589</v>
      </c>
      <c r="G21994" s="8">
        <v>151</v>
      </c>
      <c r="H21994" s="5">
        <v>6</v>
      </c>
      <c r="I21994" s="5" t="s">
        <v>1518</v>
      </c>
      <c r="J21994" s="5" t="s">
        <v>69038</v>
      </c>
      <c r="K21994" s="2" t="s">
        <v>69039</v>
      </c>
      <c r="L21994" s="5" t="s">
        <v>69038</v>
      </c>
      <c r="M21994" s="2" t="s">
        <v>69039</v>
      </c>
      <c r="N21994" s="5" t="s">
        <v>1521</v>
      </c>
      <c r="O21994" s="5" t="s">
        <v>38</v>
      </c>
      <c r="P21994" s="5" t="s">
        <v>39</v>
      </c>
      <c r="Q21994" s="5" t="s">
        <v>40</v>
      </c>
      <c r="R21994" s="5" t="s">
        <v>1522</v>
      </c>
      <c r="S21994" s="5" t="s">
        <v>1523</v>
      </c>
      <c r="T21994" s="5" t="s">
        <v>42</v>
      </c>
      <c r="U21994" s="2">
        <v>1.8360000000000001</v>
      </c>
      <c r="V21994" s="2">
        <v>1.4450000000000001</v>
      </c>
      <c r="W21994" s="2">
        <v>1.0999999999999999E-2</v>
      </c>
      <c r="X21994" s="2">
        <v>139.1</v>
      </c>
      <c r="Y21994" s="2">
        <v>7.6</v>
      </c>
      <c r="Z21994" s="2">
        <v>10.6</v>
      </c>
      <c r="AA21994" s="5"/>
      <c r="AB21994" s="5" t="s">
        <v>43</v>
      </c>
      <c r="AC21994" s="5" t="s">
        <v>44</v>
      </c>
      <c r="AD21994" s="2"/>
      <c r="AE21994" s="1"/>
    </row>
    <row r="21995" spans="1:31" ht="14.45">
      <c r="A21995" s="11"/>
      <c r="B21995" s="20"/>
      <c r="C21995" s="2" t="s">
        <v>70853</v>
      </c>
      <c r="D21995" s="14" t="s">
        <v>70854</v>
      </c>
      <c r="E21995" s="2" t="s">
        <v>70855</v>
      </c>
      <c r="F21995" s="2" t="s">
        <v>7433</v>
      </c>
      <c r="G21995" s="8">
        <v>151</v>
      </c>
      <c r="H21995" s="5">
        <v>6</v>
      </c>
      <c r="I21995" s="5" t="s">
        <v>1518</v>
      </c>
      <c r="J21995" s="5" t="s">
        <v>69038</v>
      </c>
      <c r="K21995" s="2" t="s">
        <v>69039</v>
      </c>
      <c r="L21995" s="5" t="s">
        <v>69038</v>
      </c>
      <c r="M21995" s="2" t="s">
        <v>69039</v>
      </c>
      <c r="N21995" s="5" t="s">
        <v>1521</v>
      </c>
      <c r="O21995" s="5" t="s">
        <v>38</v>
      </c>
      <c r="P21995" s="5" t="s">
        <v>39</v>
      </c>
      <c r="Q21995" s="5" t="s">
        <v>40</v>
      </c>
      <c r="R21995" s="5" t="s">
        <v>1522</v>
      </c>
      <c r="S21995" s="5" t="s">
        <v>1523</v>
      </c>
      <c r="T21995" s="5" t="s">
        <v>42</v>
      </c>
      <c r="U21995" s="2">
        <v>1.7549999999999999</v>
      </c>
      <c r="V21995" s="2">
        <v>1.3640000000000001</v>
      </c>
      <c r="W21995" s="2">
        <v>1.0999999999999999E-2</v>
      </c>
      <c r="X21995" s="2">
        <v>139.1</v>
      </c>
      <c r="Y21995" s="2">
        <v>7.6</v>
      </c>
      <c r="Z21995" s="2">
        <v>10.6</v>
      </c>
      <c r="AA21995" s="5"/>
      <c r="AB21995" s="5" t="s">
        <v>43</v>
      </c>
      <c r="AC21995" s="5" t="s">
        <v>44</v>
      </c>
      <c r="AD21995" s="2"/>
      <c r="AE21995" s="1"/>
    </row>
    <row r="21996" spans="1:31" ht="14.45">
      <c r="A21996" s="11"/>
      <c r="B21996" s="20"/>
      <c r="C21996" s="2" t="s">
        <v>70856</v>
      </c>
      <c r="D21996" s="14" t="s">
        <v>70857</v>
      </c>
      <c r="E21996" s="2" t="s">
        <v>70858</v>
      </c>
      <c r="F21996" s="2" t="s">
        <v>7611</v>
      </c>
      <c r="G21996" s="8">
        <v>151</v>
      </c>
      <c r="H21996" s="5">
        <v>6</v>
      </c>
      <c r="I21996" s="5" t="s">
        <v>1518</v>
      </c>
      <c r="J21996" s="5" t="s">
        <v>69038</v>
      </c>
      <c r="K21996" s="2" t="s">
        <v>69039</v>
      </c>
      <c r="L21996" s="5" t="s">
        <v>69038</v>
      </c>
      <c r="M21996" s="2" t="s">
        <v>69039</v>
      </c>
      <c r="N21996" s="5" t="s">
        <v>1521</v>
      </c>
      <c r="O21996" s="5" t="s">
        <v>38</v>
      </c>
      <c r="P21996" s="5" t="s">
        <v>39</v>
      </c>
      <c r="Q21996" s="5" t="s">
        <v>40</v>
      </c>
      <c r="R21996" s="5" t="s">
        <v>1522</v>
      </c>
      <c r="S21996" s="5" t="s">
        <v>1523</v>
      </c>
      <c r="T21996" s="5" t="s">
        <v>42</v>
      </c>
      <c r="U21996" s="2">
        <v>1.8360000000000001</v>
      </c>
      <c r="V21996" s="2">
        <v>1.4450000000000001</v>
      </c>
      <c r="W21996" s="2">
        <v>1.0999999999999999E-2</v>
      </c>
      <c r="X21996" s="2">
        <v>139.1</v>
      </c>
      <c r="Y21996" s="2">
        <v>7.6</v>
      </c>
      <c r="Z21996" s="2">
        <v>10.6</v>
      </c>
      <c r="AA21996" s="5"/>
      <c r="AB21996" s="5" t="s">
        <v>43</v>
      </c>
      <c r="AC21996" s="5" t="s">
        <v>44</v>
      </c>
      <c r="AD21996" s="2"/>
      <c r="AE21996" s="1"/>
    </row>
    <row r="21997" spans="1:31" ht="14.45">
      <c r="A21997" s="11"/>
      <c r="B21997" s="20"/>
      <c r="C21997" s="2" t="s">
        <v>70859</v>
      </c>
      <c r="D21997" s="14" t="s">
        <v>70860</v>
      </c>
      <c r="E21997" s="2" t="s">
        <v>70861</v>
      </c>
      <c r="F21997" s="2" t="s">
        <v>7615</v>
      </c>
      <c r="G21997" s="8">
        <v>151</v>
      </c>
      <c r="H21997" s="5">
        <v>6</v>
      </c>
      <c r="I21997" s="5" t="s">
        <v>1518</v>
      </c>
      <c r="J21997" s="5" t="s">
        <v>69038</v>
      </c>
      <c r="K21997" s="2" t="s">
        <v>69039</v>
      </c>
      <c r="L21997" s="5" t="s">
        <v>69038</v>
      </c>
      <c r="M21997" s="2" t="s">
        <v>69039</v>
      </c>
      <c r="N21997" s="5" t="s">
        <v>1521</v>
      </c>
      <c r="O21997" s="5" t="s">
        <v>38</v>
      </c>
      <c r="P21997" s="5" t="s">
        <v>39</v>
      </c>
      <c r="Q21997" s="5" t="s">
        <v>40</v>
      </c>
      <c r="R21997" s="5" t="s">
        <v>1522</v>
      </c>
      <c r="S21997" s="5" t="s">
        <v>1523</v>
      </c>
      <c r="T21997" s="5" t="s">
        <v>42</v>
      </c>
      <c r="U21997" s="2">
        <v>1.7549999999999999</v>
      </c>
      <c r="V21997" s="2">
        <v>1.3640000000000001</v>
      </c>
      <c r="W21997" s="2">
        <v>1.0999999999999999E-2</v>
      </c>
      <c r="X21997" s="2">
        <v>139.1</v>
      </c>
      <c r="Y21997" s="2">
        <v>7.6</v>
      </c>
      <c r="Z21997" s="2">
        <v>10.6</v>
      </c>
      <c r="AA21997" s="5"/>
      <c r="AB21997" s="5" t="s">
        <v>43</v>
      </c>
      <c r="AC21997" s="5" t="s">
        <v>44</v>
      </c>
      <c r="AD21997" s="2"/>
      <c r="AE21997" s="1"/>
    </row>
    <row r="21998" spans="1:31" ht="14.45">
      <c r="A21998" s="11"/>
      <c r="B21998" s="20"/>
      <c r="C21998" s="2" t="s">
        <v>70862</v>
      </c>
      <c r="D21998" s="14" t="s">
        <v>70863</v>
      </c>
      <c r="E21998" s="2" t="s">
        <v>70864</v>
      </c>
      <c r="F21998" s="2" t="s">
        <v>7619</v>
      </c>
      <c r="G21998" s="8">
        <v>151</v>
      </c>
      <c r="H21998" s="5">
        <v>6</v>
      </c>
      <c r="I21998" s="5" t="s">
        <v>1518</v>
      </c>
      <c r="J21998" s="5" t="s">
        <v>69038</v>
      </c>
      <c r="K21998" s="2" t="s">
        <v>69039</v>
      </c>
      <c r="L21998" s="5" t="s">
        <v>69038</v>
      </c>
      <c r="M21998" s="2" t="s">
        <v>69039</v>
      </c>
      <c r="N21998" s="5" t="s">
        <v>1521</v>
      </c>
      <c r="O21998" s="5" t="s">
        <v>38</v>
      </c>
      <c r="P21998" s="5" t="s">
        <v>39</v>
      </c>
      <c r="Q21998" s="5" t="s">
        <v>40</v>
      </c>
      <c r="R21998" s="5" t="s">
        <v>1522</v>
      </c>
      <c r="S21998" s="5" t="s">
        <v>1523</v>
      </c>
      <c r="T21998" s="5" t="s">
        <v>42</v>
      </c>
      <c r="U21998" s="2">
        <v>1.8360000000000001</v>
      </c>
      <c r="V21998" s="2">
        <v>1.4450000000000001</v>
      </c>
      <c r="W21998" s="2">
        <v>1.0999999999999999E-2</v>
      </c>
      <c r="X21998" s="2">
        <v>139.1</v>
      </c>
      <c r="Y21998" s="2">
        <v>7.6</v>
      </c>
      <c r="Z21998" s="2">
        <v>10.6</v>
      </c>
      <c r="AA21998" s="5"/>
      <c r="AB21998" s="5" t="s">
        <v>43</v>
      </c>
      <c r="AC21998" s="5" t="s">
        <v>44</v>
      </c>
      <c r="AD21998" s="2"/>
      <c r="AE21998" s="1"/>
    </row>
    <row r="21999" spans="1:31" ht="14.45">
      <c r="A21999" s="11"/>
      <c r="B21999" s="20"/>
      <c r="C21999" s="2" t="s">
        <v>70865</v>
      </c>
      <c r="D21999" s="14" t="s">
        <v>70866</v>
      </c>
      <c r="E21999" s="2" t="s">
        <v>70867</v>
      </c>
      <c r="F21999" s="2" t="s">
        <v>7604</v>
      </c>
      <c r="G21999" s="8">
        <v>151</v>
      </c>
      <c r="H21999" s="5">
        <v>6</v>
      </c>
      <c r="I21999" s="5" t="s">
        <v>1518</v>
      </c>
      <c r="J21999" s="5" t="s">
        <v>69038</v>
      </c>
      <c r="K21999" s="2" t="s">
        <v>69039</v>
      </c>
      <c r="L21999" s="5" t="s">
        <v>69038</v>
      </c>
      <c r="M21999" s="2" t="s">
        <v>69039</v>
      </c>
      <c r="N21999" s="5" t="s">
        <v>1521</v>
      </c>
      <c r="O21999" s="5" t="s">
        <v>38</v>
      </c>
      <c r="P21999" s="5" t="s">
        <v>39</v>
      </c>
      <c r="Q21999" s="5" t="s">
        <v>40</v>
      </c>
      <c r="R21999" s="5" t="s">
        <v>1522</v>
      </c>
      <c r="S21999" s="5" t="s">
        <v>1523</v>
      </c>
      <c r="T21999" s="5" t="s">
        <v>42</v>
      </c>
      <c r="U21999" s="2">
        <v>1.8360000000000001</v>
      </c>
      <c r="V21999" s="2">
        <v>1.4450000000000001</v>
      </c>
      <c r="W21999" s="2">
        <v>1.0999999999999999E-2</v>
      </c>
      <c r="X21999" s="2">
        <v>139.1</v>
      </c>
      <c r="Y21999" s="2">
        <v>7.6</v>
      </c>
      <c r="Z21999" s="2">
        <v>10.6</v>
      </c>
      <c r="AA21999" s="5"/>
      <c r="AB21999" s="5" t="s">
        <v>43</v>
      </c>
      <c r="AC21999" s="5" t="s">
        <v>44</v>
      </c>
      <c r="AD21999" s="2"/>
      <c r="AE21999" s="1"/>
    </row>
    <row r="22000" spans="1:31" ht="14.45">
      <c r="A22000" s="11"/>
      <c r="B22000" s="20"/>
      <c r="C22000" s="2" t="s">
        <v>70868</v>
      </c>
      <c r="D22000" s="14" t="s">
        <v>70869</v>
      </c>
      <c r="E22000" s="2" t="s">
        <v>70870</v>
      </c>
      <c r="F22000" s="2" t="s">
        <v>7212</v>
      </c>
      <c r="G22000" s="8">
        <v>131</v>
      </c>
      <c r="H22000" s="5">
        <v>6</v>
      </c>
      <c r="I22000" s="5" t="s">
        <v>1518</v>
      </c>
      <c r="J22000" s="5" t="s">
        <v>69038</v>
      </c>
      <c r="K22000" s="2" t="s">
        <v>69039</v>
      </c>
      <c r="L22000" s="5" t="s">
        <v>69038</v>
      </c>
      <c r="M22000" s="2" t="s">
        <v>69039</v>
      </c>
      <c r="N22000" s="5" t="s">
        <v>1521</v>
      </c>
      <c r="O22000" s="5" t="s">
        <v>38</v>
      </c>
      <c r="P22000" s="5" t="s">
        <v>39</v>
      </c>
      <c r="Q22000" s="5" t="s">
        <v>40</v>
      </c>
      <c r="R22000" s="5" t="s">
        <v>1522</v>
      </c>
      <c r="S22000" s="5" t="s">
        <v>1523</v>
      </c>
      <c r="T22000" s="5" t="s">
        <v>42</v>
      </c>
      <c r="U22000" s="2">
        <v>1.7549999999999999</v>
      </c>
      <c r="V22000" s="2">
        <v>1.3640000000000001</v>
      </c>
      <c r="W22000" s="2">
        <v>1.0999999999999999E-2</v>
      </c>
      <c r="X22000" s="2">
        <v>139.1</v>
      </c>
      <c r="Y22000" s="2">
        <v>7.6</v>
      </c>
      <c r="Z22000" s="2">
        <v>10.6</v>
      </c>
      <c r="AA22000" s="5"/>
      <c r="AB22000" s="5" t="s">
        <v>43</v>
      </c>
      <c r="AC22000" s="5" t="s">
        <v>44</v>
      </c>
      <c r="AD22000" s="2"/>
      <c r="AE22000" s="1"/>
    </row>
    <row r="22001" spans="1:31" ht="14.45">
      <c r="A22001" s="11"/>
      <c r="B22001" s="20"/>
      <c r="C22001" s="2" t="s">
        <v>70871</v>
      </c>
      <c r="D22001" s="14" t="s">
        <v>70872</v>
      </c>
      <c r="E22001" s="2" t="s">
        <v>70873</v>
      </c>
      <c r="F22001" s="2" t="s">
        <v>7528</v>
      </c>
      <c r="G22001" s="8">
        <v>131</v>
      </c>
      <c r="H22001" s="5">
        <v>6</v>
      </c>
      <c r="I22001" s="5" t="s">
        <v>1518</v>
      </c>
      <c r="J22001" s="5" t="s">
        <v>69038</v>
      </c>
      <c r="K22001" s="2" t="s">
        <v>69039</v>
      </c>
      <c r="L22001" s="5" t="s">
        <v>69038</v>
      </c>
      <c r="M22001" s="2" t="s">
        <v>69039</v>
      </c>
      <c r="N22001" s="5" t="s">
        <v>1521</v>
      </c>
      <c r="O22001" s="5" t="s">
        <v>38</v>
      </c>
      <c r="P22001" s="5" t="s">
        <v>39</v>
      </c>
      <c r="Q22001" s="5" t="s">
        <v>40</v>
      </c>
      <c r="R22001" s="5" t="s">
        <v>1522</v>
      </c>
      <c r="S22001" s="5" t="s">
        <v>1523</v>
      </c>
      <c r="T22001" s="5" t="s">
        <v>42</v>
      </c>
      <c r="U22001" s="2">
        <v>1.8360000000000001</v>
      </c>
      <c r="V22001" s="2">
        <v>1.4450000000000001</v>
      </c>
      <c r="W22001" s="2">
        <v>1.0999999999999999E-2</v>
      </c>
      <c r="X22001" s="2">
        <v>139.1</v>
      </c>
      <c r="Y22001" s="2">
        <v>7.6</v>
      </c>
      <c r="Z22001" s="2">
        <v>10.6</v>
      </c>
      <c r="AA22001" s="5"/>
      <c r="AB22001" s="5" t="s">
        <v>43</v>
      </c>
      <c r="AC22001" s="5" t="s">
        <v>44</v>
      </c>
      <c r="AD22001" s="2"/>
      <c r="AE22001" s="1"/>
    </row>
    <row r="22002" spans="1:31" ht="14.45">
      <c r="A22002" s="11"/>
      <c r="B22002" s="20"/>
      <c r="C22002" s="2" t="s">
        <v>70874</v>
      </c>
      <c r="D22002" s="14" t="s">
        <v>70875</v>
      </c>
      <c r="E22002" s="2" t="s">
        <v>70876</v>
      </c>
      <c r="F22002" s="2" t="s">
        <v>1863</v>
      </c>
      <c r="G22002" s="8">
        <v>151</v>
      </c>
      <c r="H22002" s="5">
        <v>6</v>
      </c>
      <c r="I22002" s="5" t="s">
        <v>1518</v>
      </c>
      <c r="J22002" s="5" t="s">
        <v>69038</v>
      </c>
      <c r="K22002" s="2" t="s">
        <v>69039</v>
      </c>
      <c r="L22002" s="5" t="s">
        <v>69038</v>
      </c>
      <c r="M22002" s="2" t="s">
        <v>69039</v>
      </c>
      <c r="N22002" s="5" t="s">
        <v>1521</v>
      </c>
      <c r="O22002" s="5" t="s">
        <v>38</v>
      </c>
      <c r="P22002" s="5" t="s">
        <v>39</v>
      </c>
      <c r="Q22002" s="5" t="s">
        <v>40</v>
      </c>
      <c r="R22002" s="5" t="s">
        <v>1522</v>
      </c>
      <c r="S22002" s="5" t="s">
        <v>1523</v>
      </c>
      <c r="T22002" s="5" t="s">
        <v>42</v>
      </c>
      <c r="U22002" s="2">
        <v>1.7549999999999999</v>
      </c>
      <c r="V22002" s="2">
        <v>1.3640000000000001</v>
      </c>
      <c r="W22002" s="2">
        <v>1.0999999999999999E-2</v>
      </c>
      <c r="X22002" s="2">
        <v>139.1</v>
      </c>
      <c r="Y22002" s="2">
        <v>7.6</v>
      </c>
      <c r="Z22002" s="2">
        <v>10.6</v>
      </c>
      <c r="AA22002" s="5"/>
      <c r="AB22002" s="5" t="s">
        <v>43</v>
      </c>
      <c r="AC22002" s="5" t="s">
        <v>44</v>
      </c>
      <c r="AD22002" s="2"/>
      <c r="AE22002" s="1"/>
    </row>
    <row r="22003" spans="1:31" ht="14.45">
      <c r="A22003" s="11"/>
      <c r="B22003" s="20"/>
      <c r="C22003" s="2" t="s">
        <v>70877</v>
      </c>
      <c r="D22003" s="14" t="s">
        <v>70878</v>
      </c>
      <c r="E22003" s="2" t="s">
        <v>70879</v>
      </c>
      <c r="F22003" s="2" t="s">
        <v>1867</v>
      </c>
      <c r="G22003" s="8">
        <v>151</v>
      </c>
      <c r="H22003" s="5">
        <v>6</v>
      </c>
      <c r="I22003" s="5" t="s">
        <v>1518</v>
      </c>
      <c r="J22003" s="5" t="s">
        <v>69038</v>
      </c>
      <c r="K22003" s="2" t="s">
        <v>69039</v>
      </c>
      <c r="L22003" s="5" t="s">
        <v>69038</v>
      </c>
      <c r="M22003" s="2" t="s">
        <v>69039</v>
      </c>
      <c r="N22003" s="5" t="s">
        <v>1521</v>
      </c>
      <c r="O22003" s="5" t="s">
        <v>38</v>
      </c>
      <c r="P22003" s="5" t="s">
        <v>39</v>
      </c>
      <c r="Q22003" s="5" t="s">
        <v>40</v>
      </c>
      <c r="R22003" s="5" t="s">
        <v>1522</v>
      </c>
      <c r="S22003" s="5" t="s">
        <v>1523</v>
      </c>
      <c r="T22003" s="5" t="s">
        <v>42</v>
      </c>
      <c r="U22003" s="2">
        <v>1.8360000000000001</v>
      </c>
      <c r="V22003" s="2">
        <v>1.4450000000000001</v>
      </c>
      <c r="W22003" s="2">
        <v>1.0999999999999999E-2</v>
      </c>
      <c r="X22003" s="2">
        <v>139.1</v>
      </c>
      <c r="Y22003" s="2">
        <v>7.6</v>
      </c>
      <c r="Z22003" s="2">
        <v>10.6</v>
      </c>
      <c r="AA22003" s="5"/>
      <c r="AB22003" s="5" t="s">
        <v>43</v>
      </c>
      <c r="AC22003" s="5" t="s">
        <v>44</v>
      </c>
      <c r="AD22003" s="2"/>
      <c r="AE22003" s="1"/>
    </row>
    <row r="22004" spans="1:31" ht="14.45">
      <c r="A22004" s="11"/>
      <c r="B22004" s="20"/>
      <c r="C22004" s="2" t="s">
        <v>70880</v>
      </c>
      <c r="D22004" s="14" t="s">
        <v>70881</v>
      </c>
      <c r="E22004" s="2" t="s">
        <v>70882</v>
      </c>
      <c r="F22004" s="2" t="s">
        <v>7204</v>
      </c>
      <c r="G22004" s="8">
        <v>143</v>
      </c>
      <c r="H22004" s="5">
        <v>6</v>
      </c>
      <c r="I22004" s="5" t="s">
        <v>1518</v>
      </c>
      <c r="J22004" s="5" t="s">
        <v>69038</v>
      </c>
      <c r="K22004" s="2" t="s">
        <v>69039</v>
      </c>
      <c r="L22004" s="5" t="s">
        <v>69038</v>
      </c>
      <c r="M22004" s="2" t="s">
        <v>69039</v>
      </c>
      <c r="N22004" s="5" t="s">
        <v>1521</v>
      </c>
      <c r="O22004" s="5" t="s">
        <v>38</v>
      </c>
      <c r="P22004" s="5" t="s">
        <v>39</v>
      </c>
      <c r="Q22004" s="5" t="s">
        <v>40</v>
      </c>
      <c r="R22004" s="5" t="s">
        <v>1522</v>
      </c>
      <c r="S22004" s="5" t="s">
        <v>1523</v>
      </c>
      <c r="T22004" s="5" t="s">
        <v>42</v>
      </c>
      <c r="U22004" s="2">
        <v>1.91</v>
      </c>
      <c r="V22004" s="2">
        <v>1.4750000000000001</v>
      </c>
      <c r="W22004" s="2">
        <v>1.2999999999999999E-2</v>
      </c>
      <c r="X22004" s="2">
        <v>159.1</v>
      </c>
      <c r="Y22004" s="2">
        <v>7.6</v>
      </c>
      <c r="Z22004" s="2">
        <v>10.6</v>
      </c>
      <c r="AA22004" s="5"/>
      <c r="AB22004" s="5" t="s">
        <v>43</v>
      </c>
      <c r="AC22004" s="5" t="s">
        <v>44</v>
      </c>
      <c r="AD22004" s="2"/>
      <c r="AE22004" s="1"/>
    </row>
    <row r="22005" spans="1:31" ht="14.45">
      <c r="A22005" s="11"/>
      <c r="B22005" s="20"/>
      <c r="C22005" s="2" t="s">
        <v>70883</v>
      </c>
      <c r="D22005" s="14" t="s">
        <v>70884</v>
      </c>
      <c r="E22005" s="2" t="s">
        <v>70885</v>
      </c>
      <c r="F22005" s="2" t="s">
        <v>7514</v>
      </c>
      <c r="G22005" s="8">
        <v>143</v>
      </c>
      <c r="H22005" s="5">
        <v>6</v>
      </c>
      <c r="I22005" s="5" t="s">
        <v>1518</v>
      </c>
      <c r="J22005" s="5" t="s">
        <v>69038</v>
      </c>
      <c r="K22005" s="2" t="s">
        <v>69039</v>
      </c>
      <c r="L22005" s="5" t="s">
        <v>69038</v>
      </c>
      <c r="M22005" s="2" t="s">
        <v>69039</v>
      </c>
      <c r="N22005" s="5" t="s">
        <v>1521</v>
      </c>
      <c r="O22005" s="5" t="s">
        <v>38</v>
      </c>
      <c r="P22005" s="5" t="s">
        <v>39</v>
      </c>
      <c r="Q22005" s="5" t="s">
        <v>40</v>
      </c>
      <c r="R22005" s="5" t="s">
        <v>1522</v>
      </c>
      <c r="S22005" s="5" t="s">
        <v>1523</v>
      </c>
      <c r="T22005" s="5" t="s">
        <v>42</v>
      </c>
      <c r="U22005" s="2">
        <v>2.0009999999999999</v>
      </c>
      <c r="V22005" s="2">
        <v>1.5660000000000001</v>
      </c>
      <c r="W22005" s="2">
        <v>1.2999999999999999E-2</v>
      </c>
      <c r="X22005" s="2">
        <v>159.1</v>
      </c>
      <c r="Y22005" s="2">
        <v>7.6</v>
      </c>
      <c r="Z22005" s="2">
        <v>10.6</v>
      </c>
      <c r="AA22005" s="5"/>
      <c r="AB22005" s="5" t="s">
        <v>43</v>
      </c>
      <c r="AC22005" s="5" t="s">
        <v>44</v>
      </c>
      <c r="AD22005" s="2"/>
      <c r="AE22005" s="1"/>
    </row>
    <row r="22006" spans="1:31" ht="14.45">
      <c r="A22006" s="11"/>
      <c r="B22006" s="20"/>
      <c r="C22006" s="2" t="s">
        <v>70886</v>
      </c>
      <c r="D22006" s="14" t="s">
        <v>70887</v>
      </c>
      <c r="E22006" s="2" t="s">
        <v>70888</v>
      </c>
      <c r="F22006" s="2" t="s">
        <v>7208</v>
      </c>
      <c r="G22006" s="8">
        <v>143</v>
      </c>
      <c r="H22006" s="5">
        <v>6</v>
      </c>
      <c r="I22006" s="5" t="s">
        <v>1518</v>
      </c>
      <c r="J22006" s="5" t="s">
        <v>69038</v>
      </c>
      <c r="K22006" s="2" t="s">
        <v>69039</v>
      </c>
      <c r="L22006" s="5" t="s">
        <v>69038</v>
      </c>
      <c r="M22006" s="2" t="s">
        <v>69039</v>
      </c>
      <c r="N22006" s="5" t="s">
        <v>1521</v>
      </c>
      <c r="O22006" s="5" t="s">
        <v>38</v>
      </c>
      <c r="P22006" s="5" t="s">
        <v>39</v>
      </c>
      <c r="Q22006" s="5" t="s">
        <v>40</v>
      </c>
      <c r="R22006" s="5" t="s">
        <v>1522</v>
      </c>
      <c r="S22006" s="5" t="s">
        <v>1523</v>
      </c>
      <c r="T22006" s="5" t="s">
        <v>42</v>
      </c>
      <c r="U22006" s="2">
        <v>1.91</v>
      </c>
      <c r="V22006" s="2">
        <v>1.4750000000000001</v>
      </c>
      <c r="W22006" s="2">
        <v>1.2999999999999999E-2</v>
      </c>
      <c r="X22006" s="2">
        <v>159.1</v>
      </c>
      <c r="Y22006" s="2">
        <v>7.6</v>
      </c>
      <c r="Z22006" s="2">
        <v>10.6</v>
      </c>
      <c r="AA22006" s="5"/>
      <c r="AB22006" s="5" t="s">
        <v>43</v>
      </c>
      <c r="AC22006" s="5" t="s">
        <v>44</v>
      </c>
      <c r="AD22006" s="2"/>
      <c r="AE22006" s="1"/>
    </row>
    <row r="22007" spans="1:31" ht="14.45">
      <c r="A22007" s="11"/>
      <c r="B22007" s="20"/>
      <c r="C22007" s="2" t="s">
        <v>70889</v>
      </c>
      <c r="D22007" s="14" t="s">
        <v>70890</v>
      </c>
      <c r="E22007" s="2" t="s">
        <v>70891</v>
      </c>
      <c r="F22007" s="2" t="s">
        <v>7521</v>
      </c>
      <c r="G22007" s="8">
        <v>143</v>
      </c>
      <c r="H22007" s="5">
        <v>6</v>
      </c>
      <c r="I22007" s="5" t="s">
        <v>1518</v>
      </c>
      <c r="J22007" s="5" t="s">
        <v>69038</v>
      </c>
      <c r="K22007" s="2" t="s">
        <v>69039</v>
      </c>
      <c r="L22007" s="5" t="s">
        <v>69038</v>
      </c>
      <c r="M22007" s="2" t="s">
        <v>69039</v>
      </c>
      <c r="N22007" s="5" t="s">
        <v>1521</v>
      </c>
      <c r="O22007" s="5" t="s">
        <v>38</v>
      </c>
      <c r="P22007" s="5" t="s">
        <v>39</v>
      </c>
      <c r="Q22007" s="5" t="s">
        <v>40</v>
      </c>
      <c r="R22007" s="5" t="s">
        <v>1522</v>
      </c>
      <c r="S22007" s="5" t="s">
        <v>1523</v>
      </c>
      <c r="T22007" s="5" t="s">
        <v>42</v>
      </c>
      <c r="U22007" s="2">
        <v>2.0009999999999999</v>
      </c>
      <c r="V22007" s="2">
        <v>1.5660000000000001</v>
      </c>
      <c r="W22007" s="2">
        <v>1.2999999999999999E-2</v>
      </c>
      <c r="X22007" s="2">
        <v>159.1</v>
      </c>
      <c r="Y22007" s="2">
        <v>7.6</v>
      </c>
      <c r="Z22007" s="2">
        <v>10.6</v>
      </c>
      <c r="AA22007" s="5"/>
      <c r="AB22007" s="5" t="s">
        <v>43</v>
      </c>
      <c r="AC22007" s="5" t="s">
        <v>44</v>
      </c>
      <c r="AD22007" s="2"/>
      <c r="AE22007" s="1"/>
    </row>
    <row r="22008" spans="1:31" ht="14.45">
      <c r="A22008" s="11"/>
      <c r="B22008" s="20"/>
      <c r="C22008" s="2" t="s">
        <v>70892</v>
      </c>
      <c r="D22008" s="14" t="s">
        <v>70893</v>
      </c>
      <c r="E22008" s="2" t="s">
        <v>70894</v>
      </c>
      <c r="F22008" s="2" t="s">
        <v>7535</v>
      </c>
      <c r="G22008" s="8">
        <v>164</v>
      </c>
      <c r="H22008" s="5">
        <v>6</v>
      </c>
      <c r="I22008" s="5" t="s">
        <v>1518</v>
      </c>
      <c r="J22008" s="5" t="s">
        <v>69038</v>
      </c>
      <c r="K22008" s="2" t="s">
        <v>69039</v>
      </c>
      <c r="L22008" s="5" t="s">
        <v>69038</v>
      </c>
      <c r="M22008" s="2" t="s">
        <v>69039</v>
      </c>
      <c r="N22008" s="5" t="s">
        <v>1521</v>
      </c>
      <c r="O22008" s="5" t="s">
        <v>38</v>
      </c>
      <c r="P22008" s="5" t="s">
        <v>39</v>
      </c>
      <c r="Q22008" s="5" t="s">
        <v>40</v>
      </c>
      <c r="R22008" s="5" t="s">
        <v>1522</v>
      </c>
      <c r="S22008" s="5" t="s">
        <v>1523</v>
      </c>
      <c r="T22008" s="5" t="s">
        <v>42</v>
      </c>
      <c r="U22008" s="2">
        <v>2.0009999999999999</v>
      </c>
      <c r="V22008" s="2">
        <v>1.5660000000000001</v>
      </c>
      <c r="W22008" s="2">
        <v>1.2999999999999999E-2</v>
      </c>
      <c r="X22008" s="2">
        <v>159.1</v>
      </c>
      <c r="Y22008" s="2">
        <v>7.6</v>
      </c>
      <c r="Z22008" s="2">
        <v>10.6</v>
      </c>
      <c r="AA22008" s="5"/>
      <c r="AB22008" s="5" t="s">
        <v>43</v>
      </c>
      <c r="AC22008" s="5" t="s">
        <v>44</v>
      </c>
      <c r="AD22008" s="2"/>
      <c r="AE22008" s="1"/>
    </row>
    <row r="22009" spans="1:31" ht="14.45">
      <c r="A22009" s="11"/>
      <c r="B22009" s="20"/>
      <c r="C22009" s="2" t="s">
        <v>70895</v>
      </c>
      <c r="D22009" s="14" t="s">
        <v>70896</v>
      </c>
      <c r="E22009" s="2" t="s">
        <v>70897</v>
      </c>
      <c r="F22009" s="2" t="s">
        <v>7539</v>
      </c>
      <c r="G22009" s="8">
        <v>164</v>
      </c>
      <c r="H22009" s="5">
        <v>6</v>
      </c>
      <c r="I22009" s="5" t="s">
        <v>1518</v>
      </c>
      <c r="J22009" s="5" t="s">
        <v>69038</v>
      </c>
      <c r="K22009" s="2" t="s">
        <v>69039</v>
      </c>
      <c r="L22009" s="5" t="s">
        <v>69038</v>
      </c>
      <c r="M22009" s="2" t="s">
        <v>69039</v>
      </c>
      <c r="N22009" s="5" t="s">
        <v>1521</v>
      </c>
      <c r="O22009" s="5" t="s">
        <v>38</v>
      </c>
      <c r="P22009" s="5" t="s">
        <v>39</v>
      </c>
      <c r="Q22009" s="5" t="s">
        <v>40</v>
      </c>
      <c r="R22009" s="5" t="s">
        <v>1522</v>
      </c>
      <c r="S22009" s="5" t="s">
        <v>1523</v>
      </c>
      <c r="T22009" s="5" t="s">
        <v>42</v>
      </c>
      <c r="U22009" s="2">
        <v>1.91</v>
      </c>
      <c r="V22009" s="2">
        <v>1.4750000000000001</v>
      </c>
      <c r="W22009" s="2">
        <v>1.2999999999999999E-2</v>
      </c>
      <c r="X22009" s="2">
        <v>159.1</v>
      </c>
      <c r="Y22009" s="2">
        <v>7.6</v>
      </c>
      <c r="Z22009" s="2">
        <v>10.6</v>
      </c>
      <c r="AA22009" s="5"/>
      <c r="AB22009" s="5" t="s">
        <v>43</v>
      </c>
      <c r="AC22009" s="5" t="s">
        <v>44</v>
      </c>
      <c r="AD22009" s="2"/>
      <c r="AE22009" s="1"/>
    </row>
    <row r="22010" spans="1:31" ht="14.45">
      <c r="A22010" s="11"/>
      <c r="B22010" s="20"/>
      <c r="C22010" s="2" t="s">
        <v>70898</v>
      </c>
      <c r="D22010" s="14" t="s">
        <v>70899</v>
      </c>
      <c r="E22010" s="2" t="s">
        <v>70900</v>
      </c>
      <c r="F22010" s="2" t="s">
        <v>7543</v>
      </c>
      <c r="G22010" s="8">
        <v>164</v>
      </c>
      <c r="H22010" s="5">
        <v>6</v>
      </c>
      <c r="I22010" s="5" t="s">
        <v>1518</v>
      </c>
      <c r="J22010" s="5" t="s">
        <v>69038</v>
      </c>
      <c r="K22010" s="2" t="s">
        <v>69039</v>
      </c>
      <c r="L22010" s="5" t="s">
        <v>69038</v>
      </c>
      <c r="M22010" s="2" t="s">
        <v>69039</v>
      </c>
      <c r="N22010" s="5" t="s">
        <v>1521</v>
      </c>
      <c r="O22010" s="5" t="s">
        <v>38</v>
      </c>
      <c r="P22010" s="5" t="s">
        <v>39</v>
      </c>
      <c r="Q22010" s="5" t="s">
        <v>40</v>
      </c>
      <c r="R22010" s="5" t="s">
        <v>1522</v>
      </c>
      <c r="S22010" s="5" t="s">
        <v>1523</v>
      </c>
      <c r="T22010" s="5" t="s">
        <v>42</v>
      </c>
      <c r="U22010" s="2">
        <v>2.0009999999999999</v>
      </c>
      <c r="V22010" s="2">
        <v>1.5660000000000001</v>
      </c>
      <c r="W22010" s="2">
        <v>1.2999999999999999E-2</v>
      </c>
      <c r="X22010" s="2">
        <v>159.1</v>
      </c>
      <c r="Y22010" s="2">
        <v>7.6</v>
      </c>
      <c r="Z22010" s="2">
        <v>10.6</v>
      </c>
      <c r="AA22010" s="5"/>
      <c r="AB22010" s="5" t="s">
        <v>43</v>
      </c>
      <c r="AC22010" s="5" t="s">
        <v>44</v>
      </c>
      <c r="AD22010" s="2"/>
      <c r="AE22010" s="1"/>
    </row>
    <row r="22011" spans="1:31" ht="14.45">
      <c r="A22011" s="11"/>
      <c r="B22011" s="20"/>
      <c r="C22011" s="2" t="s">
        <v>70901</v>
      </c>
      <c r="D22011" s="14" t="s">
        <v>70902</v>
      </c>
      <c r="E22011" s="2" t="s">
        <v>70903</v>
      </c>
      <c r="F22011" s="2" t="s">
        <v>7396</v>
      </c>
      <c r="G22011" s="8">
        <v>143</v>
      </c>
      <c r="H22011" s="5">
        <v>6</v>
      </c>
      <c r="I22011" s="5" t="s">
        <v>1518</v>
      </c>
      <c r="J22011" s="5" t="s">
        <v>69038</v>
      </c>
      <c r="K22011" s="2" t="s">
        <v>69039</v>
      </c>
      <c r="L22011" s="5" t="s">
        <v>69038</v>
      </c>
      <c r="M22011" s="2" t="s">
        <v>69039</v>
      </c>
      <c r="N22011" s="5" t="s">
        <v>1521</v>
      </c>
      <c r="O22011" s="5" t="s">
        <v>38</v>
      </c>
      <c r="P22011" s="5" t="s">
        <v>39</v>
      </c>
      <c r="Q22011" s="5" t="s">
        <v>40</v>
      </c>
      <c r="R22011" s="5" t="s">
        <v>1522</v>
      </c>
      <c r="S22011" s="5" t="s">
        <v>1523</v>
      </c>
      <c r="T22011" s="5" t="s">
        <v>42</v>
      </c>
      <c r="U22011" s="2">
        <v>1.91</v>
      </c>
      <c r="V22011" s="2">
        <v>1.4750000000000001</v>
      </c>
      <c r="W22011" s="2">
        <v>1.2999999999999999E-2</v>
      </c>
      <c r="X22011" s="2">
        <v>159.1</v>
      </c>
      <c r="Y22011" s="2">
        <v>7.6</v>
      </c>
      <c r="Z22011" s="2">
        <v>10.6</v>
      </c>
      <c r="AA22011" s="5"/>
      <c r="AB22011" s="5" t="s">
        <v>43</v>
      </c>
      <c r="AC22011" s="5" t="s">
        <v>44</v>
      </c>
      <c r="AD22011" s="2"/>
      <c r="AE22011" s="1"/>
    </row>
    <row r="22012" spans="1:31" ht="14.45">
      <c r="A22012" s="11"/>
      <c r="B22012" s="20"/>
      <c r="C22012" s="2" t="s">
        <v>70904</v>
      </c>
      <c r="D22012" s="14" t="s">
        <v>70905</v>
      </c>
      <c r="E22012" s="2" t="s">
        <v>70906</v>
      </c>
      <c r="F22012" s="2" t="s">
        <v>69112</v>
      </c>
      <c r="G22012" s="8">
        <v>143</v>
      </c>
      <c r="H22012" s="5">
        <v>6</v>
      </c>
      <c r="I22012" s="5" t="s">
        <v>1518</v>
      </c>
      <c r="J22012" s="5" t="s">
        <v>69038</v>
      </c>
      <c r="K22012" s="2" t="s">
        <v>69039</v>
      </c>
      <c r="L22012" s="5" t="s">
        <v>69038</v>
      </c>
      <c r="M22012" s="2" t="s">
        <v>69039</v>
      </c>
      <c r="N22012" s="5" t="s">
        <v>1521</v>
      </c>
      <c r="O22012" s="5" t="s">
        <v>38</v>
      </c>
      <c r="P22012" s="5" t="s">
        <v>39</v>
      </c>
      <c r="Q22012" s="5" t="s">
        <v>40</v>
      </c>
      <c r="R22012" s="5" t="s">
        <v>1522</v>
      </c>
      <c r="S22012" s="5" t="s">
        <v>1523</v>
      </c>
      <c r="T22012" s="5" t="s">
        <v>42</v>
      </c>
      <c r="U22012" s="2">
        <v>2.0009999999999999</v>
      </c>
      <c r="V22012" s="2">
        <v>1.5660000000000001</v>
      </c>
      <c r="W22012" s="2">
        <v>1.2999999999999999E-2</v>
      </c>
      <c r="X22012" s="2">
        <v>159.1</v>
      </c>
      <c r="Y22012" s="2">
        <v>7.6</v>
      </c>
      <c r="Z22012" s="2">
        <v>10.6</v>
      </c>
      <c r="AA22012" s="5"/>
      <c r="AB22012" s="5" t="s">
        <v>43</v>
      </c>
      <c r="AC22012" s="5" t="s">
        <v>44</v>
      </c>
      <c r="AD22012" s="2"/>
      <c r="AE22012" s="1"/>
    </row>
    <row r="22013" spans="1:31" ht="14.45">
      <c r="A22013" s="11"/>
      <c r="B22013" s="20"/>
      <c r="C22013" s="2" t="s">
        <v>70907</v>
      </c>
      <c r="D22013" s="14" t="s">
        <v>70908</v>
      </c>
      <c r="E22013" s="2" t="s">
        <v>70909</v>
      </c>
      <c r="F22013" s="2" t="s">
        <v>7563</v>
      </c>
      <c r="G22013" s="8">
        <v>164</v>
      </c>
      <c r="H22013" s="5">
        <v>6</v>
      </c>
      <c r="I22013" s="5" t="s">
        <v>1518</v>
      </c>
      <c r="J22013" s="5" t="s">
        <v>69038</v>
      </c>
      <c r="K22013" s="2" t="s">
        <v>69039</v>
      </c>
      <c r="L22013" s="5" t="s">
        <v>69038</v>
      </c>
      <c r="M22013" s="2" t="s">
        <v>69039</v>
      </c>
      <c r="N22013" s="5" t="s">
        <v>1521</v>
      </c>
      <c r="O22013" s="5" t="s">
        <v>38</v>
      </c>
      <c r="P22013" s="5" t="s">
        <v>39</v>
      </c>
      <c r="Q22013" s="5" t="s">
        <v>40</v>
      </c>
      <c r="R22013" s="5" t="s">
        <v>1522</v>
      </c>
      <c r="S22013" s="5" t="s">
        <v>1523</v>
      </c>
      <c r="T22013" s="5" t="s">
        <v>42</v>
      </c>
      <c r="U22013" s="2">
        <v>1.91</v>
      </c>
      <c r="V22013" s="2">
        <v>1.4750000000000001</v>
      </c>
      <c r="W22013" s="2">
        <v>1.2999999999999999E-2</v>
      </c>
      <c r="X22013" s="2">
        <v>159.1</v>
      </c>
      <c r="Y22013" s="2">
        <v>7.6</v>
      </c>
      <c r="Z22013" s="2">
        <v>10.6</v>
      </c>
      <c r="AA22013" s="5"/>
      <c r="AB22013" s="5" t="s">
        <v>43</v>
      </c>
      <c r="AC22013" s="5" t="s">
        <v>44</v>
      </c>
      <c r="AD22013" s="2"/>
      <c r="AE22013" s="1"/>
    </row>
    <row r="22014" spans="1:31" ht="14.45">
      <c r="A22014" s="11"/>
      <c r="B22014" s="20"/>
      <c r="C22014" s="2" t="s">
        <v>70910</v>
      </c>
      <c r="D22014" s="14" t="s">
        <v>70911</v>
      </c>
      <c r="E22014" s="2" t="s">
        <v>70912</v>
      </c>
      <c r="F22014" s="2" t="s">
        <v>7567</v>
      </c>
      <c r="G22014" s="8">
        <v>164</v>
      </c>
      <c r="H22014" s="5">
        <v>6</v>
      </c>
      <c r="I22014" s="5" t="s">
        <v>1518</v>
      </c>
      <c r="J22014" s="5" t="s">
        <v>69038</v>
      </c>
      <c r="K22014" s="2" t="s">
        <v>69039</v>
      </c>
      <c r="L22014" s="5" t="s">
        <v>69038</v>
      </c>
      <c r="M22014" s="2" t="s">
        <v>69039</v>
      </c>
      <c r="N22014" s="5" t="s">
        <v>1521</v>
      </c>
      <c r="O22014" s="5" t="s">
        <v>38</v>
      </c>
      <c r="P22014" s="5" t="s">
        <v>39</v>
      </c>
      <c r="Q22014" s="5" t="s">
        <v>40</v>
      </c>
      <c r="R22014" s="5" t="s">
        <v>1522</v>
      </c>
      <c r="S22014" s="5" t="s">
        <v>1523</v>
      </c>
      <c r="T22014" s="5" t="s">
        <v>42</v>
      </c>
      <c r="U22014" s="2">
        <v>2.0009999999999999</v>
      </c>
      <c r="V22014" s="2">
        <v>1.5660000000000001</v>
      </c>
      <c r="W22014" s="2">
        <v>1.2999999999999999E-2</v>
      </c>
      <c r="X22014" s="2">
        <v>159.1</v>
      </c>
      <c r="Y22014" s="2">
        <v>7.6</v>
      </c>
      <c r="Z22014" s="2">
        <v>10.6</v>
      </c>
      <c r="AA22014" s="5"/>
      <c r="AB22014" s="5" t="s">
        <v>43</v>
      </c>
      <c r="AC22014" s="5" t="s">
        <v>44</v>
      </c>
      <c r="AD22014" s="2"/>
      <c r="AE22014" s="1"/>
    </row>
    <row r="22015" spans="1:31" ht="14.45">
      <c r="A22015" s="11"/>
      <c r="B22015" s="20"/>
      <c r="C22015" s="2" t="s">
        <v>70913</v>
      </c>
      <c r="D22015" s="14" t="s">
        <v>70914</v>
      </c>
      <c r="E22015" s="2" t="s">
        <v>70915</v>
      </c>
      <c r="F22015" s="2" t="s">
        <v>7555</v>
      </c>
      <c r="G22015" s="8">
        <v>164</v>
      </c>
      <c r="H22015" s="5">
        <v>6</v>
      </c>
      <c r="I22015" s="5" t="s">
        <v>1518</v>
      </c>
      <c r="J22015" s="5" t="s">
        <v>69038</v>
      </c>
      <c r="K22015" s="2" t="s">
        <v>69039</v>
      </c>
      <c r="L22015" s="5" t="s">
        <v>69038</v>
      </c>
      <c r="M22015" s="2" t="s">
        <v>69039</v>
      </c>
      <c r="N22015" s="5" t="s">
        <v>1521</v>
      </c>
      <c r="O22015" s="5" t="s">
        <v>38</v>
      </c>
      <c r="P22015" s="5" t="s">
        <v>39</v>
      </c>
      <c r="Q22015" s="5" t="s">
        <v>40</v>
      </c>
      <c r="R22015" s="5" t="s">
        <v>1522</v>
      </c>
      <c r="S22015" s="5" t="s">
        <v>1523</v>
      </c>
      <c r="T22015" s="5" t="s">
        <v>42</v>
      </c>
      <c r="U22015" s="2">
        <v>1.91</v>
      </c>
      <c r="V22015" s="2">
        <v>1.4750000000000001</v>
      </c>
      <c r="W22015" s="2">
        <v>1.2999999999999999E-2</v>
      </c>
      <c r="X22015" s="2">
        <v>159.1</v>
      </c>
      <c r="Y22015" s="2">
        <v>7.6</v>
      </c>
      <c r="Z22015" s="2">
        <v>10.6</v>
      </c>
      <c r="AA22015" s="5"/>
      <c r="AB22015" s="5" t="s">
        <v>43</v>
      </c>
      <c r="AC22015" s="5" t="s">
        <v>44</v>
      </c>
      <c r="AD22015" s="2"/>
      <c r="AE22015" s="1"/>
    </row>
    <row r="22016" spans="1:31" ht="14.45">
      <c r="A22016" s="11"/>
      <c r="B22016" s="20"/>
      <c r="C22016" s="2" t="s">
        <v>70916</v>
      </c>
      <c r="D22016" s="14" t="s">
        <v>70917</v>
      </c>
      <c r="E22016" s="2" t="s">
        <v>70918</v>
      </c>
      <c r="F22016" s="2" t="s">
        <v>7559</v>
      </c>
      <c r="G22016" s="8">
        <v>164</v>
      </c>
      <c r="H22016" s="5">
        <v>6</v>
      </c>
      <c r="I22016" s="5" t="s">
        <v>1518</v>
      </c>
      <c r="J22016" s="5" t="s">
        <v>69038</v>
      </c>
      <c r="K22016" s="2" t="s">
        <v>69039</v>
      </c>
      <c r="L22016" s="5" t="s">
        <v>69038</v>
      </c>
      <c r="M22016" s="2" t="s">
        <v>69039</v>
      </c>
      <c r="N22016" s="5" t="s">
        <v>1521</v>
      </c>
      <c r="O22016" s="5" t="s">
        <v>38</v>
      </c>
      <c r="P22016" s="5" t="s">
        <v>39</v>
      </c>
      <c r="Q22016" s="5" t="s">
        <v>40</v>
      </c>
      <c r="R22016" s="5" t="s">
        <v>1522</v>
      </c>
      <c r="S22016" s="5" t="s">
        <v>1523</v>
      </c>
      <c r="T22016" s="5" t="s">
        <v>42</v>
      </c>
      <c r="U22016" s="2">
        <v>2.0009999999999999</v>
      </c>
      <c r="V22016" s="2">
        <v>1.5660000000000001</v>
      </c>
      <c r="W22016" s="2">
        <v>1.2999999999999999E-2</v>
      </c>
      <c r="X22016" s="2">
        <v>159.1</v>
      </c>
      <c r="Y22016" s="2">
        <v>7.6</v>
      </c>
      <c r="Z22016" s="2">
        <v>10.6</v>
      </c>
      <c r="AA22016" s="5"/>
      <c r="AB22016" s="5" t="s">
        <v>43</v>
      </c>
      <c r="AC22016" s="5" t="s">
        <v>44</v>
      </c>
      <c r="AD22016" s="2"/>
      <c r="AE22016" s="1"/>
    </row>
    <row r="22017" spans="1:31" ht="14.45">
      <c r="A22017" s="11"/>
      <c r="B22017" s="20"/>
      <c r="C22017" s="2" t="s">
        <v>70919</v>
      </c>
      <c r="D22017" s="14" t="s">
        <v>70920</v>
      </c>
      <c r="E22017" s="2" t="s">
        <v>70921</v>
      </c>
      <c r="F22017" s="2" t="s">
        <v>7574</v>
      </c>
      <c r="G22017" s="8">
        <v>164</v>
      </c>
      <c r="H22017" s="5">
        <v>6</v>
      </c>
      <c r="I22017" s="5" t="s">
        <v>1518</v>
      </c>
      <c r="J22017" s="5" t="s">
        <v>69038</v>
      </c>
      <c r="K22017" s="2" t="s">
        <v>69039</v>
      </c>
      <c r="L22017" s="5" t="s">
        <v>69038</v>
      </c>
      <c r="M22017" s="2" t="s">
        <v>69039</v>
      </c>
      <c r="N22017" s="5" t="s">
        <v>1521</v>
      </c>
      <c r="O22017" s="5" t="s">
        <v>38</v>
      </c>
      <c r="P22017" s="5" t="s">
        <v>39</v>
      </c>
      <c r="Q22017" s="5" t="s">
        <v>40</v>
      </c>
      <c r="R22017" s="5" t="s">
        <v>1522</v>
      </c>
      <c r="S22017" s="5" t="s">
        <v>1523</v>
      </c>
      <c r="T22017" s="5" t="s">
        <v>42</v>
      </c>
      <c r="U22017" s="2">
        <v>2.0009999999999999</v>
      </c>
      <c r="V22017" s="2">
        <v>1.5660000000000001</v>
      </c>
      <c r="W22017" s="2">
        <v>1.2999999999999999E-2</v>
      </c>
      <c r="X22017" s="2">
        <v>159.1</v>
      </c>
      <c r="Y22017" s="2">
        <v>7.6</v>
      </c>
      <c r="Z22017" s="2">
        <v>10.6</v>
      </c>
      <c r="AA22017" s="5"/>
      <c r="AB22017" s="5" t="s">
        <v>43</v>
      </c>
      <c r="AC22017" s="5" t="s">
        <v>44</v>
      </c>
      <c r="AD22017" s="2"/>
      <c r="AE22017" s="1"/>
    </row>
    <row r="22018" spans="1:31" ht="14.45">
      <c r="A22018" s="11"/>
      <c r="B22018" s="20"/>
      <c r="C22018" s="2" t="s">
        <v>70922</v>
      </c>
      <c r="D22018" s="14" t="s">
        <v>70923</v>
      </c>
      <c r="E22018" s="2" t="s">
        <v>70924</v>
      </c>
      <c r="F22018" s="2" t="s">
        <v>7449</v>
      </c>
      <c r="G22018" s="8">
        <v>164</v>
      </c>
      <c r="H22018" s="5">
        <v>6</v>
      </c>
      <c r="I22018" s="5" t="s">
        <v>1518</v>
      </c>
      <c r="J22018" s="5" t="s">
        <v>69038</v>
      </c>
      <c r="K22018" s="2" t="s">
        <v>69039</v>
      </c>
      <c r="L22018" s="5" t="s">
        <v>69038</v>
      </c>
      <c r="M22018" s="2" t="s">
        <v>69039</v>
      </c>
      <c r="N22018" s="5" t="s">
        <v>1521</v>
      </c>
      <c r="O22018" s="5" t="s">
        <v>38</v>
      </c>
      <c r="P22018" s="5" t="s">
        <v>39</v>
      </c>
      <c r="Q22018" s="5" t="s">
        <v>40</v>
      </c>
      <c r="R22018" s="5" t="s">
        <v>1522</v>
      </c>
      <c r="S22018" s="5" t="s">
        <v>1523</v>
      </c>
      <c r="T22018" s="5" t="s">
        <v>42</v>
      </c>
      <c r="U22018" s="2">
        <v>1.91</v>
      </c>
      <c r="V22018" s="2">
        <v>1.4750000000000001</v>
      </c>
      <c r="W22018" s="2">
        <v>1.2999999999999999E-2</v>
      </c>
      <c r="X22018" s="2">
        <v>159.1</v>
      </c>
      <c r="Y22018" s="2">
        <v>7.6</v>
      </c>
      <c r="Z22018" s="2">
        <v>10.6</v>
      </c>
      <c r="AA22018" s="5"/>
      <c r="AB22018" s="5" t="s">
        <v>43</v>
      </c>
      <c r="AC22018" s="5" t="s">
        <v>44</v>
      </c>
      <c r="AD22018" s="2"/>
      <c r="AE22018" s="1"/>
    </row>
    <row r="22019" spans="1:31" ht="14.45">
      <c r="A22019" s="11"/>
      <c r="B22019" s="20"/>
      <c r="C22019" s="2" t="s">
        <v>70925</v>
      </c>
      <c r="D22019" s="14" t="s">
        <v>70926</v>
      </c>
      <c r="E22019" s="2" t="s">
        <v>70927</v>
      </c>
      <c r="F22019" s="2" t="s">
        <v>7581</v>
      </c>
      <c r="G22019" s="8">
        <v>164</v>
      </c>
      <c r="H22019" s="5">
        <v>6</v>
      </c>
      <c r="I22019" s="5" t="s">
        <v>1518</v>
      </c>
      <c r="J22019" s="5" t="s">
        <v>69038</v>
      </c>
      <c r="K22019" s="2" t="s">
        <v>69039</v>
      </c>
      <c r="L22019" s="5" t="s">
        <v>69038</v>
      </c>
      <c r="M22019" s="2" t="s">
        <v>69039</v>
      </c>
      <c r="N22019" s="5" t="s">
        <v>1521</v>
      </c>
      <c r="O22019" s="5" t="s">
        <v>38</v>
      </c>
      <c r="P22019" s="5" t="s">
        <v>39</v>
      </c>
      <c r="Q22019" s="5" t="s">
        <v>40</v>
      </c>
      <c r="R22019" s="5" t="s">
        <v>1522</v>
      </c>
      <c r="S22019" s="5" t="s">
        <v>1523</v>
      </c>
      <c r="T22019" s="5" t="s">
        <v>42</v>
      </c>
      <c r="U22019" s="2">
        <v>2.0009999999999999</v>
      </c>
      <c r="V22019" s="2">
        <v>1.5660000000000001</v>
      </c>
      <c r="W22019" s="2">
        <v>1.2999999999999999E-2</v>
      </c>
      <c r="X22019" s="2">
        <v>159.1</v>
      </c>
      <c r="Y22019" s="2">
        <v>7.6</v>
      </c>
      <c r="Z22019" s="2">
        <v>10.6</v>
      </c>
      <c r="AA22019" s="5"/>
      <c r="AB22019" s="5" t="s">
        <v>43</v>
      </c>
      <c r="AC22019" s="5" t="s">
        <v>44</v>
      </c>
      <c r="AD22019" s="2"/>
      <c r="AE22019" s="1"/>
    </row>
    <row r="22020" spans="1:31" ht="14.45">
      <c r="A22020" s="11"/>
      <c r="B22020" s="20"/>
      <c r="C22020" s="2" t="s">
        <v>70928</v>
      </c>
      <c r="D22020" s="14" t="s">
        <v>70929</v>
      </c>
      <c r="E22020" s="2" t="s">
        <v>70930</v>
      </c>
      <c r="F22020" s="2" t="s">
        <v>7589</v>
      </c>
      <c r="G22020" s="8">
        <v>164</v>
      </c>
      <c r="H22020" s="5">
        <v>6</v>
      </c>
      <c r="I22020" s="5" t="s">
        <v>1518</v>
      </c>
      <c r="J22020" s="5" t="s">
        <v>69038</v>
      </c>
      <c r="K22020" s="2" t="s">
        <v>69039</v>
      </c>
      <c r="L22020" s="5" t="s">
        <v>69038</v>
      </c>
      <c r="M22020" s="2" t="s">
        <v>69039</v>
      </c>
      <c r="N22020" s="5" t="s">
        <v>1521</v>
      </c>
      <c r="O22020" s="5" t="s">
        <v>38</v>
      </c>
      <c r="P22020" s="5" t="s">
        <v>39</v>
      </c>
      <c r="Q22020" s="5" t="s">
        <v>40</v>
      </c>
      <c r="R22020" s="5" t="s">
        <v>1522</v>
      </c>
      <c r="S22020" s="5" t="s">
        <v>1523</v>
      </c>
      <c r="T22020" s="5" t="s">
        <v>42</v>
      </c>
      <c r="U22020" s="2">
        <v>2.0009999999999999</v>
      </c>
      <c r="V22020" s="2">
        <v>1.5660000000000001</v>
      </c>
      <c r="W22020" s="2">
        <v>1.2999999999999999E-2</v>
      </c>
      <c r="X22020" s="2">
        <v>159.1</v>
      </c>
      <c r="Y22020" s="2">
        <v>7.6</v>
      </c>
      <c r="Z22020" s="2">
        <v>10.6</v>
      </c>
      <c r="AA22020" s="5"/>
      <c r="AB22020" s="5" t="s">
        <v>43</v>
      </c>
      <c r="AC22020" s="5" t="s">
        <v>44</v>
      </c>
      <c r="AD22020" s="2"/>
      <c r="AE22020" s="1"/>
    </row>
    <row r="22021" spans="1:31" ht="14.45">
      <c r="A22021" s="11"/>
      <c r="B22021" s="20"/>
      <c r="C22021" s="2" t="s">
        <v>70931</v>
      </c>
      <c r="D22021" s="14" t="s">
        <v>70932</v>
      </c>
      <c r="E22021" s="2" t="s">
        <v>70933</v>
      </c>
      <c r="F22021" s="2" t="s">
        <v>7597</v>
      </c>
      <c r="G22021" s="8">
        <v>164</v>
      </c>
      <c r="H22021" s="5">
        <v>6</v>
      </c>
      <c r="I22021" s="5" t="s">
        <v>1518</v>
      </c>
      <c r="J22021" s="5" t="s">
        <v>69038</v>
      </c>
      <c r="K22021" s="2" t="s">
        <v>69039</v>
      </c>
      <c r="L22021" s="5" t="s">
        <v>69038</v>
      </c>
      <c r="M22021" s="2" t="s">
        <v>69039</v>
      </c>
      <c r="N22021" s="5" t="s">
        <v>1521</v>
      </c>
      <c r="O22021" s="5" t="s">
        <v>38</v>
      </c>
      <c r="P22021" s="5" t="s">
        <v>39</v>
      </c>
      <c r="Q22021" s="5" t="s">
        <v>40</v>
      </c>
      <c r="R22021" s="5" t="s">
        <v>1522</v>
      </c>
      <c r="S22021" s="5" t="s">
        <v>1523</v>
      </c>
      <c r="T22021" s="5" t="s">
        <v>42</v>
      </c>
      <c r="U22021" s="2">
        <v>2.0009999999999999</v>
      </c>
      <c r="V22021" s="2">
        <v>1.5660000000000001</v>
      </c>
      <c r="W22021" s="2">
        <v>1.2999999999999999E-2</v>
      </c>
      <c r="X22021" s="2">
        <v>159.1</v>
      </c>
      <c r="Y22021" s="2">
        <v>7.6</v>
      </c>
      <c r="Z22021" s="2">
        <v>10.6</v>
      </c>
      <c r="AA22021" s="5"/>
      <c r="AB22021" s="5" t="s">
        <v>43</v>
      </c>
      <c r="AC22021" s="5" t="s">
        <v>44</v>
      </c>
      <c r="AD22021" s="2"/>
      <c r="AE22021" s="1"/>
    </row>
    <row r="22022" spans="1:31" ht="14.45">
      <c r="A22022" s="11"/>
      <c r="B22022" s="20"/>
      <c r="C22022" s="2" t="s">
        <v>70934</v>
      </c>
      <c r="D22022" s="14" t="s">
        <v>70935</v>
      </c>
      <c r="E22022" s="2" t="s">
        <v>70936</v>
      </c>
      <c r="F22022" s="2" t="s">
        <v>7433</v>
      </c>
      <c r="G22022" s="8">
        <v>164</v>
      </c>
      <c r="H22022" s="5">
        <v>6</v>
      </c>
      <c r="I22022" s="5" t="s">
        <v>1518</v>
      </c>
      <c r="J22022" s="5" t="s">
        <v>69038</v>
      </c>
      <c r="K22022" s="2" t="s">
        <v>69039</v>
      </c>
      <c r="L22022" s="5" t="s">
        <v>69038</v>
      </c>
      <c r="M22022" s="2" t="s">
        <v>69039</v>
      </c>
      <c r="N22022" s="5" t="s">
        <v>1521</v>
      </c>
      <c r="O22022" s="5" t="s">
        <v>38</v>
      </c>
      <c r="P22022" s="5" t="s">
        <v>39</v>
      </c>
      <c r="Q22022" s="5" t="s">
        <v>40</v>
      </c>
      <c r="R22022" s="5" t="s">
        <v>1522</v>
      </c>
      <c r="S22022" s="5" t="s">
        <v>1523</v>
      </c>
      <c r="T22022" s="5" t="s">
        <v>42</v>
      </c>
      <c r="U22022" s="2">
        <v>1.91</v>
      </c>
      <c r="V22022" s="2">
        <v>1.4750000000000001</v>
      </c>
      <c r="W22022" s="2">
        <v>1.2999999999999999E-2</v>
      </c>
      <c r="X22022" s="2">
        <v>159.1</v>
      </c>
      <c r="Y22022" s="2">
        <v>7.6</v>
      </c>
      <c r="Z22022" s="2">
        <v>10.6</v>
      </c>
      <c r="AA22022" s="5"/>
      <c r="AB22022" s="5" t="s">
        <v>43</v>
      </c>
      <c r="AC22022" s="5" t="s">
        <v>44</v>
      </c>
      <c r="AD22022" s="2"/>
      <c r="AE22022" s="1"/>
    </row>
    <row r="22023" spans="1:31" ht="14.45">
      <c r="A22023" s="11"/>
      <c r="B22023" s="20"/>
      <c r="C22023" s="2" t="s">
        <v>70937</v>
      </c>
      <c r="D22023" s="14" t="s">
        <v>70938</v>
      </c>
      <c r="E22023" s="2" t="s">
        <v>70939</v>
      </c>
      <c r="F22023" s="2" t="s">
        <v>7611</v>
      </c>
      <c r="G22023" s="8">
        <v>164</v>
      </c>
      <c r="H22023" s="5">
        <v>6</v>
      </c>
      <c r="I22023" s="5" t="s">
        <v>1518</v>
      </c>
      <c r="J22023" s="5" t="s">
        <v>69038</v>
      </c>
      <c r="K22023" s="2" t="s">
        <v>69039</v>
      </c>
      <c r="L22023" s="5" t="s">
        <v>69038</v>
      </c>
      <c r="M22023" s="2" t="s">
        <v>69039</v>
      </c>
      <c r="N22023" s="5" t="s">
        <v>1521</v>
      </c>
      <c r="O22023" s="5" t="s">
        <v>38</v>
      </c>
      <c r="P22023" s="5" t="s">
        <v>39</v>
      </c>
      <c r="Q22023" s="5" t="s">
        <v>40</v>
      </c>
      <c r="R22023" s="5" t="s">
        <v>1522</v>
      </c>
      <c r="S22023" s="5" t="s">
        <v>1523</v>
      </c>
      <c r="T22023" s="5" t="s">
        <v>42</v>
      </c>
      <c r="U22023" s="2">
        <v>2.0009999999999999</v>
      </c>
      <c r="V22023" s="2">
        <v>1.5660000000000001</v>
      </c>
      <c r="W22023" s="2">
        <v>1.2999999999999999E-2</v>
      </c>
      <c r="X22023" s="2">
        <v>159.1</v>
      </c>
      <c r="Y22023" s="2">
        <v>7.6</v>
      </c>
      <c r="Z22023" s="2">
        <v>10.6</v>
      </c>
      <c r="AA22023" s="5"/>
      <c r="AB22023" s="5" t="s">
        <v>43</v>
      </c>
      <c r="AC22023" s="5" t="s">
        <v>44</v>
      </c>
      <c r="AD22023" s="2"/>
      <c r="AE22023" s="1"/>
    </row>
    <row r="22024" spans="1:31" ht="14.45">
      <c r="A22024" s="11"/>
      <c r="B22024" s="20"/>
      <c r="C22024" s="2" t="s">
        <v>70940</v>
      </c>
      <c r="D22024" s="14" t="s">
        <v>70941</v>
      </c>
      <c r="E22024" s="2" t="s">
        <v>70942</v>
      </c>
      <c r="F22024" s="2" t="s">
        <v>7615</v>
      </c>
      <c r="G22024" s="8">
        <v>164</v>
      </c>
      <c r="H22024" s="5">
        <v>6</v>
      </c>
      <c r="I22024" s="5" t="s">
        <v>1518</v>
      </c>
      <c r="J22024" s="5" t="s">
        <v>69038</v>
      </c>
      <c r="K22024" s="2" t="s">
        <v>69039</v>
      </c>
      <c r="L22024" s="5" t="s">
        <v>69038</v>
      </c>
      <c r="M22024" s="2" t="s">
        <v>69039</v>
      </c>
      <c r="N22024" s="5" t="s">
        <v>1521</v>
      </c>
      <c r="O22024" s="5" t="s">
        <v>38</v>
      </c>
      <c r="P22024" s="5" t="s">
        <v>39</v>
      </c>
      <c r="Q22024" s="5" t="s">
        <v>40</v>
      </c>
      <c r="R22024" s="5" t="s">
        <v>1522</v>
      </c>
      <c r="S22024" s="5" t="s">
        <v>1523</v>
      </c>
      <c r="T22024" s="5" t="s">
        <v>42</v>
      </c>
      <c r="U22024" s="2">
        <v>1.91</v>
      </c>
      <c r="V22024" s="2">
        <v>1.4750000000000001</v>
      </c>
      <c r="W22024" s="2">
        <v>1.2999999999999999E-2</v>
      </c>
      <c r="X22024" s="2">
        <v>159.1</v>
      </c>
      <c r="Y22024" s="2">
        <v>7.6</v>
      </c>
      <c r="Z22024" s="2">
        <v>10.6</v>
      </c>
      <c r="AA22024" s="5"/>
      <c r="AB22024" s="5" t="s">
        <v>43</v>
      </c>
      <c r="AC22024" s="5" t="s">
        <v>44</v>
      </c>
      <c r="AD22024" s="2"/>
      <c r="AE22024" s="1"/>
    </row>
    <row r="22025" spans="1:31" ht="14.45">
      <c r="A22025" s="11"/>
      <c r="B22025" s="20"/>
      <c r="C22025" s="2" t="s">
        <v>70943</v>
      </c>
      <c r="D22025" s="14" t="s">
        <v>70944</v>
      </c>
      <c r="E22025" s="2" t="s">
        <v>70945</v>
      </c>
      <c r="F22025" s="2" t="s">
        <v>7619</v>
      </c>
      <c r="G22025" s="8">
        <v>164</v>
      </c>
      <c r="H22025" s="5">
        <v>6</v>
      </c>
      <c r="I22025" s="5" t="s">
        <v>1518</v>
      </c>
      <c r="J22025" s="5" t="s">
        <v>69038</v>
      </c>
      <c r="K22025" s="2" t="s">
        <v>69039</v>
      </c>
      <c r="L22025" s="5" t="s">
        <v>69038</v>
      </c>
      <c r="M22025" s="2" t="s">
        <v>69039</v>
      </c>
      <c r="N22025" s="5" t="s">
        <v>1521</v>
      </c>
      <c r="O22025" s="5" t="s">
        <v>38</v>
      </c>
      <c r="P22025" s="5" t="s">
        <v>39</v>
      </c>
      <c r="Q22025" s="5" t="s">
        <v>40</v>
      </c>
      <c r="R22025" s="5" t="s">
        <v>1522</v>
      </c>
      <c r="S22025" s="5" t="s">
        <v>1523</v>
      </c>
      <c r="T22025" s="5" t="s">
        <v>42</v>
      </c>
      <c r="U22025" s="2">
        <v>2.0009999999999999</v>
      </c>
      <c r="V22025" s="2">
        <v>1.5660000000000001</v>
      </c>
      <c r="W22025" s="2">
        <v>1.2999999999999999E-2</v>
      </c>
      <c r="X22025" s="2">
        <v>159.1</v>
      </c>
      <c r="Y22025" s="2">
        <v>7.6</v>
      </c>
      <c r="Z22025" s="2">
        <v>10.6</v>
      </c>
      <c r="AA22025" s="5"/>
      <c r="AB22025" s="5" t="s">
        <v>43</v>
      </c>
      <c r="AC22025" s="5" t="s">
        <v>44</v>
      </c>
      <c r="AD22025" s="2"/>
      <c r="AE22025" s="1"/>
    </row>
    <row r="22026" spans="1:31" ht="14.45">
      <c r="A22026" s="11"/>
      <c r="B22026" s="20"/>
      <c r="C22026" s="2" t="s">
        <v>70946</v>
      </c>
      <c r="D22026" s="14" t="s">
        <v>70947</v>
      </c>
      <c r="E22026" s="2" t="s">
        <v>70948</v>
      </c>
      <c r="F22026" s="2" t="s">
        <v>7604</v>
      </c>
      <c r="G22026" s="8">
        <v>164</v>
      </c>
      <c r="H22026" s="5">
        <v>6</v>
      </c>
      <c r="I22026" s="5" t="s">
        <v>1518</v>
      </c>
      <c r="J22026" s="5" t="s">
        <v>69038</v>
      </c>
      <c r="K22026" s="2" t="s">
        <v>69039</v>
      </c>
      <c r="L22026" s="5" t="s">
        <v>69038</v>
      </c>
      <c r="M22026" s="2" t="s">
        <v>69039</v>
      </c>
      <c r="N22026" s="5" t="s">
        <v>1521</v>
      </c>
      <c r="O22026" s="5" t="s">
        <v>38</v>
      </c>
      <c r="P22026" s="5" t="s">
        <v>39</v>
      </c>
      <c r="Q22026" s="5" t="s">
        <v>40</v>
      </c>
      <c r="R22026" s="5" t="s">
        <v>1522</v>
      </c>
      <c r="S22026" s="5" t="s">
        <v>1523</v>
      </c>
      <c r="T22026" s="5" t="s">
        <v>42</v>
      </c>
      <c r="U22026" s="2">
        <v>2.0009999999999999</v>
      </c>
      <c r="V22026" s="2">
        <v>1.5660000000000001</v>
      </c>
      <c r="W22026" s="2">
        <v>1.2999999999999999E-2</v>
      </c>
      <c r="X22026" s="2">
        <v>159.1</v>
      </c>
      <c r="Y22026" s="2">
        <v>7.6</v>
      </c>
      <c r="Z22026" s="2">
        <v>10.6</v>
      </c>
      <c r="AA22026" s="5"/>
      <c r="AB22026" s="5" t="s">
        <v>43</v>
      </c>
      <c r="AC22026" s="5" t="s">
        <v>44</v>
      </c>
      <c r="AD22026" s="2"/>
      <c r="AE22026" s="1"/>
    </row>
    <row r="22027" spans="1:31" ht="14.45">
      <c r="A22027" s="11"/>
      <c r="B22027" s="20"/>
      <c r="C22027" s="2" t="s">
        <v>70949</v>
      </c>
      <c r="D22027" s="14" t="s">
        <v>70950</v>
      </c>
      <c r="E22027" s="2" t="s">
        <v>70951</v>
      </c>
      <c r="F22027" s="2" t="s">
        <v>7212</v>
      </c>
      <c r="G22027" s="8">
        <v>143</v>
      </c>
      <c r="H22027" s="5">
        <v>6</v>
      </c>
      <c r="I22027" s="5" t="s">
        <v>1518</v>
      </c>
      <c r="J22027" s="5" t="s">
        <v>69038</v>
      </c>
      <c r="K22027" s="2" t="s">
        <v>69039</v>
      </c>
      <c r="L22027" s="5" t="s">
        <v>69038</v>
      </c>
      <c r="M22027" s="2" t="s">
        <v>69039</v>
      </c>
      <c r="N22027" s="5" t="s">
        <v>1521</v>
      </c>
      <c r="O22027" s="5" t="s">
        <v>38</v>
      </c>
      <c r="P22027" s="5" t="s">
        <v>39</v>
      </c>
      <c r="Q22027" s="5" t="s">
        <v>40</v>
      </c>
      <c r="R22027" s="5" t="s">
        <v>1522</v>
      </c>
      <c r="S22027" s="5" t="s">
        <v>1523</v>
      </c>
      <c r="T22027" s="5" t="s">
        <v>42</v>
      </c>
      <c r="U22027" s="2">
        <v>1.91</v>
      </c>
      <c r="V22027" s="2">
        <v>1.4750000000000001</v>
      </c>
      <c r="W22027" s="2">
        <v>1.2999999999999999E-2</v>
      </c>
      <c r="X22027" s="2">
        <v>159.1</v>
      </c>
      <c r="Y22027" s="2">
        <v>7.6</v>
      </c>
      <c r="Z22027" s="2">
        <v>10.6</v>
      </c>
      <c r="AA22027" s="5"/>
      <c r="AB22027" s="5" t="s">
        <v>43</v>
      </c>
      <c r="AC22027" s="5" t="s">
        <v>44</v>
      </c>
      <c r="AD22027" s="2"/>
      <c r="AE22027" s="1"/>
    </row>
    <row r="22028" spans="1:31" ht="14.45">
      <c r="A22028" s="11"/>
      <c r="B22028" s="20"/>
      <c r="C22028" s="2" t="s">
        <v>70952</v>
      </c>
      <c r="D22028" s="14" t="s">
        <v>70953</v>
      </c>
      <c r="E22028" s="2" t="s">
        <v>70954</v>
      </c>
      <c r="F22028" s="2" t="s">
        <v>7528</v>
      </c>
      <c r="G22028" s="8">
        <v>143</v>
      </c>
      <c r="H22028" s="5">
        <v>6</v>
      </c>
      <c r="I22028" s="5" t="s">
        <v>1518</v>
      </c>
      <c r="J22028" s="5" t="s">
        <v>69038</v>
      </c>
      <c r="K22028" s="2" t="s">
        <v>69039</v>
      </c>
      <c r="L22028" s="5" t="s">
        <v>69038</v>
      </c>
      <c r="M22028" s="2" t="s">
        <v>69039</v>
      </c>
      <c r="N22028" s="5" t="s">
        <v>1521</v>
      </c>
      <c r="O22028" s="5" t="s">
        <v>38</v>
      </c>
      <c r="P22028" s="5" t="s">
        <v>39</v>
      </c>
      <c r="Q22028" s="5" t="s">
        <v>40</v>
      </c>
      <c r="R22028" s="5" t="s">
        <v>1522</v>
      </c>
      <c r="S22028" s="5" t="s">
        <v>1523</v>
      </c>
      <c r="T22028" s="5" t="s">
        <v>42</v>
      </c>
      <c r="U22028" s="2">
        <v>2.0009999999999999</v>
      </c>
      <c r="V22028" s="2">
        <v>1.5660000000000001</v>
      </c>
      <c r="W22028" s="2">
        <v>1.2999999999999999E-2</v>
      </c>
      <c r="X22028" s="2">
        <v>159.1</v>
      </c>
      <c r="Y22028" s="2">
        <v>7.6</v>
      </c>
      <c r="Z22028" s="2">
        <v>10.6</v>
      </c>
      <c r="AA22028" s="5"/>
      <c r="AB22028" s="5" t="s">
        <v>43</v>
      </c>
      <c r="AC22028" s="5" t="s">
        <v>44</v>
      </c>
      <c r="AD22028" s="2"/>
      <c r="AE22028" s="1"/>
    </row>
    <row r="22029" spans="1:31" ht="14.45">
      <c r="A22029" s="11"/>
      <c r="B22029" s="20"/>
      <c r="C22029" s="2" t="s">
        <v>70955</v>
      </c>
      <c r="D22029" s="14" t="s">
        <v>70956</v>
      </c>
      <c r="E22029" s="2" t="s">
        <v>70957</v>
      </c>
      <c r="F22029" s="2" t="s">
        <v>1863</v>
      </c>
      <c r="G22029" s="8">
        <v>164</v>
      </c>
      <c r="H22029" s="5">
        <v>6</v>
      </c>
      <c r="I22029" s="5" t="s">
        <v>1518</v>
      </c>
      <c r="J22029" s="5" t="s">
        <v>69038</v>
      </c>
      <c r="K22029" s="2" t="s">
        <v>69039</v>
      </c>
      <c r="L22029" s="5" t="s">
        <v>69038</v>
      </c>
      <c r="M22029" s="2" t="s">
        <v>69039</v>
      </c>
      <c r="N22029" s="5" t="s">
        <v>1521</v>
      </c>
      <c r="O22029" s="5" t="s">
        <v>38</v>
      </c>
      <c r="P22029" s="5" t="s">
        <v>39</v>
      </c>
      <c r="Q22029" s="5" t="s">
        <v>40</v>
      </c>
      <c r="R22029" s="5" t="s">
        <v>1522</v>
      </c>
      <c r="S22029" s="5" t="s">
        <v>1523</v>
      </c>
      <c r="T22029" s="5" t="s">
        <v>42</v>
      </c>
      <c r="U22029" s="2">
        <v>1.91</v>
      </c>
      <c r="V22029" s="2">
        <v>1.4750000000000001</v>
      </c>
      <c r="W22029" s="2">
        <v>1.2999999999999999E-2</v>
      </c>
      <c r="X22029" s="2">
        <v>159.1</v>
      </c>
      <c r="Y22029" s="2">
        <v>7.6</v>
      </c>
      <c r="Z22029" s="2">
        <v>10.6</v>
      </c>
      <c r="AA22029" s="5"/>
      <c r="AB22029" s="5" t="s">
        <v>43</v>
      </c>
      <c r="AC22029" s="5" t="s">
        <v>44</v>
      </c>
      <c r="AD22029" s="2"/>
      <c r="AE22029" s="1"/>
    </row>
    <row r="22030" spans="1:31" ht="14.45">
      <c r="A22030" s="11"/>
      <c r="B22030" s="20"/>
      <c r="C22030" s="2" t="s">
        <v>70958</v>
      </c>
      <c r="D22030" s="14" t="s">
        <v>70959</v>
      </c>
      <c r="E22030" s="2" t="s">
        <v>70960</v>
      </c>
      <c r="F22030" s="2" t="s">
        <v>1867</v>
      </c>
      <c r="G22030" s="8">
        <v>164</v>
      </c>
      <c r="H22030" s="5">
        <v>6</v>
      </c>
      <c r="I22030" s="5" t="s">
        <v>1518</v>
      </c>
      <c r="J22030" s="5" t="s">
        <v>69038</v>
      </c>
      <c r="K22030" s="2" t="s">
        <v>69039</v>
      </c>
      <c r="L22030" s="5" t="s">
        <v>69038</v>
      </c>
      <c r="M22030" s="2" t="s">
        <v>69039</v>
      </c>
      <c r="N22030" s="5" t="s">
        <v>1521</v>
      </c>
      <c r="O22030" s="5" t="s">
        <v>38</v>
      </c>
      <c r="P22030" s="5" t="s">
        <v>39</v>
      </c>
      <c r="Q22030" s="5" t="s">
        <v>40</v>
      </c>
      <c r="R22030" s="5" t="s">
        <v>1522</v>
      </c>
      <c r="S22030" s="5" t="s">
        <v>1523</v>
      </c>
      <c r="T22030" s="5" t="s">
        <v>42</v>
      </c>
      <c r="U22030" s="2">
        <v>2.0009999999999999</v>
      </c>
      <c r="V22030" s="2">
        <v>1.5660000000000001</v>
      </c>
      <c r="W22030" s="2">
        <v>1.2999999999999999E-2</v>
      </c>
      <c r="X22030" s="2">
        <v>159.1</v>
      </c>
      <c r="Y22030" s="2">
        <v>7.6</v>
      </c>
      <c r="Z22030" s="2">
        <v>10.6</v>
      </c>
      <c r="AA22030" s="5"/>
      <c r="AB22030" s="5" t="s">
        <v>43</v>
      </c>
      <c r="AC22030" s="5" t="s">
        <v>44</v>
      </c>
      <c r="AD22030" s="2"/>
      <c r="AE22030" s="1"/>
    </row>
    <row r="22031" spans="1:31" ht="14.45">
      <c r="A22031" s="11"/>
      <c r="B22031" s="20"/>
      <c r="C22031" s="2" t="s">
        <v>70961</v>
      </c>
      <c r="D22031" s="14" t="s">
        <v>70962</v>
      </c>
      <c r="E22031" s="2" t="s">
        <v>70963</v>
      </c>
      <c r="F22031" s="2" t="s">
        <v>7204</v>
      </c>
      <c r="G22031" s="8">
        <v>138</v>
      </c>
      <c r="H22031" s="5">
        <v>6</v>
      </c>
      <c r="I22031" s="5" t="s">
        <v>1518</v>
      </c>
      <c r="J22031" s="5" t="s">
        <v>69038</v>
      </c>
      <c r="K22031" s="2" t="s">
        <v>69039</v>
      </c>
      <c r="L22031" s="5" t="s">
        <v>69038</v>
      </c>
      <c r="M22031" s="2" t="s">
        <v>69039</v>
      </c>
      <c r="N22031" s="5" t="s">
        <v>1521</v>
      </c>
      <c r="O22031" s="5" t="s">
        <v>38</v>
      </c>
      <c r="P22031" s="5" t="s">
        <v>39</v>
      </c>
      <c r="Q22031" s="5" t="s">
        <v>40</v>
      </c>
      <c r="R22031" s="5" t="s">
        <v>1522</v>
      </c>
      <c r="S22031" s="5" t="s">
        <v>1523</v>
      </c>
      <c r="T22031" s="5" t="s">
        <v>42</v>
      </c>
      <c r="U22031" s="2">
        <v>1.607</v>
      </c>
      <c r="V22031" s="2">
        <v>1.2829999999999999</v>
      </c>
      <c r="W22031" s="2">
        <v>0.01</v>
      </c>
      <c r="X22031" s="2">
        <v>118.9</v>
      </c>
      <c r="Y22031" s="2">
        <v>7.6</v>
      </c>
      <c r="Z22031" s="2">
        <v>10.6</v>
      </c>
      <c r="AA22031" s="5"/>
      <c r="AB22031" s="5" t="s">
        <v>43</v>
      </c>
      <c r="AC22031" s="5" t="s">
        <v>44</v>
      </c>
      <c r="AD22031" s="2"/>
      <c r="AE22031" s="1"/>
    </row>
    <row r="22032" spans="1:31" ht="14.45">
      <c r="A22032" s="11"/>
      <c r="B22032" s="20"/>
      <c r="C22032" s="2" t="s">
        <v>70964</v>
      </c>
      <c r="D22032" s="14" t="s">
        <v>70965</v>
      </c>
      <c r="E22032" s="2" t="s">
        <v>70966</v>
      </c>
      <c r="F22032" s="2" t="s">
        <v>7514</v>
      </c>
      <c r="G22032" s="8">
        <v>138</v>
      </c>
      <c r="H22032" s="5">
        <v>6</v>
      </c>
      <c r="I22032" s="5" t="s">
        <v>1518</v>
      </c>
      <c r="J22032" s="5" t="s">
        <v>69038</v>
      </c>
      <c r="K22032" s="2" t="s">
        <v>69039</v>
      </c>
      <c r="L22032" s="5" t="s">
        <v>69038</v>
      </c>
      <c r="M22032" s="2" t="s">
        <v>69039</v>
      </c>
      <c r="N22032" s="5" t="s">
        <v>1521</v>
      </c>
      <c r="O22032" s="5" t="s">
        <v>38</v>
      </c>
      <c r="P22032" s="5" t="s">
        <v>39</v>
      </c>
      <c r="Q22032" s="5" t="s">
        <v>40</v>
      </c>
      <c r="R22032" s="5" t="s">
        <v>1522</v>
      </c>
      <c r="S22032" s="5" t="s">
        <v>1523</v>
      </c>
      <c r="T22032" s="5" t="s">
        <v>42</v>
      </c>
      <c r="U22032" s="2">
        <v>1.669</v>
      </c>
      <c r="V22032" s="2">
        <v>1.345</v>
      </c>
      <c r="W22032" s="2">
        <v>0.01</v>
      </c>
      <c r="X22032" s="2">
        <v>118.9</v>
      </c>
      <c r="Y22032" s="2">
        <v>7.6</v>
      </c>
      <c r="Z22032" s="2">
        <v>10.6</v>
      </c>
      <c r="AA22032" s="5"/>
      <c r="AB22032" s="5" t="s">
        <v>43</v>
      </c>
      <c r="AC22032" s="5" t="s">
        <v>44</v>
      </c>
      <c r="AD22032" s="2"/>
      <c r="AE22032" s="1"/>
    </row>
    <row r="22033" spans="1:31" ht="14.45">
      <c r="A22033" s="11"/>
      <c r="B22033" s="20"/>
      <c r="C22033" s="2" t="s">
        <v>70967</v>
      </c>
      <c r="D22033" s="14" t="s">
        <v>70968</v>
      </c>
      <c r="E22033" s="2" t="s">
        <v>70969</v>
      </c>
      <c r="F22033" s="2" t="s">
        <v>7208</v>
      </c>
      <c r="G22033" s="8">
        <v>138</v>
      </c>
      <c r="H22033" s="5">
        <v>6</v>
      </c>
      <c r="I22033" s="5" t="s">
        <v>1518</v>
      </c>
      <c r="J22033" s="5" t="s">
        <v>69038</v>
      </c>
      <c r="K22033" s="2" t="s">
        <v>69039</v>
      </c>
      <c r="L22033" s="5" t="s">
        <v>69038</v>
      </c>
      <c r="M22033" s="2" t="s">
        <v>69039</v>
      </c>
      <c r="N22033" s="5" t="s">
        <v>1521</v>
      </c>
      <c r="O22033" s="5" t="s">
        <v>38</v>
      </c>
      <c r="P22033" s="5" t="s">
        <v>39</v>
      </c>
      <c r="Q22033" s="5" t="s">
        <v>40</v>
      </c>
      <c r="R22033" s="5" t="s">
        <v>1522</v>
      </c>
      <c r="S22033" s="5" t="s">
        <v>1523</v>
      </c>
      <c r="T22033" s="5" t="s">
        <v>42</v>
      </c>
      <c r="U22033" s="2">
        <v>1.607</v>
      </c>
      <c r="V22033" s="2">
        <v>1.2829999999999999</v>
      </c>
      <c r="W22033" s="2">
        <v>0.01</v>
      </c>
      <c r="X22033" s="2">
        <v>118.9</v>
      </c>
      <c r="Y22033" s="2">
        <v>7.6</v>
      </c>
      <c r="Z22033" s="2">
        <v>10.6</v>
      </c>
      <c r="AA22033" s="5"/>
      <c r="AB22033" s="5" t="s">
        <v>43</v>
      </c>
      <c r="AC22033" s="5" t="s">
        <v>44</v>
      </c>
      <c r="AD22033" s="2"/>
      <c r="AE22033" s="1"/>
    </row>
    <row r="22034" spans="1:31" ht="14.45">
      <c r="A22034" s="11"/>
      <c r="B22034" s="20"/>
      <c r="C22034" s="2" t="s">
        <v>70970</v>
      </c>
      <c r="D22034" s="14" t="s">
        <v>70971</v>
      </c>
      <c r="E22034" s="2" t="s">
        <v>70972</v>
      </c>
      <c r="F22034" s="2" t="s">
        <v>7521</v>
      </c>
      <c r="G22034" s="8">
        <v>138</v>
      </c>
      <c r="H22034" s="5">
        <v>6</v>
      </c>
      <c r="I22034" s="5" t="s">
        <v>1518</v>
      </c>
      <c r="J22034" s="5" t="s">
        <v>69038</v>
      </c>
      <c r="K22034" s="2" t="s">
        <v>69039</v>
      </c>
      <c r="L22034" s="5" t="s">
        <v>69038</v>
      </c>
      <c r="M22034" s="2" t="s">
        <v>69039</v>
      </c>
      <c r="N22034" s="5" t="s">
        <v>1521</v>
      </c>
      <c r="O22034" s="5" t="s">
        <v>38</v>
      </c>
      <c r="P22034" s="5" t="s">
        <v>39</v>
      </c>
      <c r="Q22034" s="5" t="s">
        <v>40</v>
      </c>
      <c r="R22034" s="5" t="s">
        <v>1522</v>
      </c>
      <c r="S22034" s="5" t="s">
        <v>1523</v>
      </c>
      <c r="T22034" s="5" t="s">
        <v>42</v>
      </c>
      <c r="U22034" s="2">
        <v>1.669</v>
      </c>
      <c r="V22034" s="2">
        <v>1.345</v>
      </c>
      <c r="W22034" s="2">
        <v>0.01</v>
      </c>
      <c r="X22034" s="2">
        <v>118.9</v>
      </c>
      <c r="Y22034" s="2">
        <v>7.6</v>
      </c>
      <c r="Z22034" s="2">
        <v>10.6</v>
      </c>
      <c r="AA22034" s="5"/>
      <c r="AB22034" s="5" t="s">
        <v>43</v>
      </c>
      <c r="AC22034" s="5" t="s">
        <v>44</v>
      </c>
      <c r="AD22034" s="2"/>
      <c r="AE22034" s="1"/>
    </row>
    <row r="22035" spans="1:31" ht="14.45">
      <c r="A22035" s="11"/>
      <c r="B22035" s="20"/>
      <c r="C22035" s="2" t="s">
        <v>70973</v>
      </c>
      <c r="D22035" s="14" t="s">
        <v>70974</v>
      </c>
      <c r="E22035" s="2" t="s">
        <v>70975</v>
      </c>
      <c r="F22035" s="2" t="s">
        <v>7543</v>
      </c>
      <c r="G22035" s="8">
        <v>159</v>
      </c>
      <c r="H22035" s="5">
        <v>6</v>
      </c>
      <c r="I22035" s="5" t="s">
        <v>1518</v>
      </c>
      <c r="J22035" s="5" t="s">
        <v>69038</v>
      </c>
      <c r="K22035" s="2" t="s">
        <v>69039</v>
      </c>
      <c r="L22035" s="5" t="s">
        <v>69038</v>
      </c>
      <c r="M22035" s="2" t="s">
        <v>69039</v>
      </c>
      <c r="N22035" s="5" t="s">
        <v>1521</v>
      </c>
      <c r="O22035" s="5" t="s">
        <v>38</v>
      </c>
      <c r="P22035" s="5" t="s">
        <v>39</v>
      </c>
      <c r="Q22035" s="5" t="s">
        <v>40</v>
      </c>
      <c r="R22035" s="5" t="s">
        <v>1522</v>
      </c>
      <c r="S22035" s="5" t="s">
        <v>1523</v>
      </c>
      <c r="T22035" s="5" t="s">
        <v>42</v>
      </c>
      <c r="U22035" s="2">
        <v>1.669</v>
      </c>
      <c r="V22035" s="2">
        <v>1.345</v>
      </c>
      <c r="W22035" s="2">
        <v>0.01</v>
      </c>
      <c r="X22035" s="2">
        <v>118.9</v>
      </c>
      <c r="Y22035" s="2">
        <v>7.6</v>
      </c>
      <c r="Z22035" s="2">
        <v>10.6</v>
      </c>
      <c r="AA22035" s="5"/>
      <c r="AB22035" s="5" t="s">
        <v>43</v>
      </c>
      <c r="AC22035" s="5" t="s">
        <v>44</v>
      </c>
      <c r="AD22035" s="2"/>
      <c r="AE22035" s="1"/>
    </row>
    <row r="22036" spans="1:31" ht="14.45">
      <c r="A22036" s="11"/>
      <c r="B22036" s="20"/>
      <c r="C22036" s="2" t="s">
        <v>70976</v>
      </c>
      <c r="D22036" s="14" t="s">
        <v>70977</v>
      </c>
      <c r="E22036" s="2" t="s">
        <v>70978</v>
      </c>
      <c r="F22036" s="2" t="s">
        <v>7396</v>
      </c>
      <c r="G22036" s="8">
        <v>138</v>
      </c>
      <c r="H22036" s="5">
        <v>6</v>
      </c>
      <c r="I22036" s="5" t="s">
        <v>1518</v>
      </c>
      <c r="J22036" s="5" t="s">
        <v>69038</v>
      </c>
      <c r="K22036" s="2" t="s">
        <v>69039</v>
      </c>
      <c r="L22036" s="5" t="s">
        <v>69038</v>
      </c>
      <c r="M22036" s="2" t="s">
        <v>69039</v>
      </c>
      <c r="N22036" s="5" t="s">
        <v>1521</v>
      </c>
      <c r="O22036" s="5" t="s">
        <v>38</v>
      </c>
      <c r="P22036" s="5" t="s">
        <v>39</v>
      </c>
      <c r="Q22036" s="5" t="s">
        <v>40</v>
      </c>
      <c r="R22036" s="5" t="s">
        <v>1522</v>
      </c>
      <c r="S22036" s="5" t="s">
        <v>1523</v>
      </c>
      <c r="T22036" s="5" t="s">
        <v>42</v>
      </c>
      <c r="U22036" s="2">
        <v>1.607</v>
      </c>
      <c r="V22036" s="2">
        <v>1.2829999999999999</v>
      </c>
      <c r="W22036" s="2">
        <v>0.01</v>
      </c>
      <c r="X22036" s="2">
        <v>118.9</v>
      </c>
      <c r="Y22036" s="2">
        <v>7.6</v>
      </c>
      <c r="Z22036" s="2">
        <v>10.6</v>
      </c>
      <c r="AA22036" s="5"/>
      <c r="AB22036" s="5" t="s">
        <v>43</v>
      </c>
      <c r="AC22036" s="5" t="s">
        <v>44</v>
      </c>
      <c r="AD22036" s="2"/>
      <c r="AE22036" s="1"/>
    </row>
    <row r="22037" spans="1:31" ht="14.45">
      <c r="A22037" s="11"/>
      <c r="B22037" s="20"/>
      <c r="C22037" s="2" t="s">
        <v>70979</v>
      </c>
      <c r="D22037" s="14" t="s">
        <v>70980</v>
      </c>
      <c r="E22037" s="2" t="s">
        <v>70981</v>
      </c>
      <c r="F22037" s="2" t="s">
        <v>69112</v>
      </c>
      <c r="G22037" s="8">
        <v>138</v>
      </c>
      <c r="H22037" s="5">
        <v>6</v>
      </c>
      <c r="I22037" s="5" t="s">
        <v>1518</v>
      </c>
      <c r="J22037" s="5" t="s">
        <v>69038</v>
      </c>
      <c r="K22037" s="2" t="s">
        <v>69039</v>
      </c>
      <c r="L22037" s="5" t="s">
        <v>69038</v>
      </c>
      <c r="M22037" s="2" t="s">
        <v>69039</v>
      </c>
      <c r="N22037" s="5" t="s">
        <v>1521</v>
      </c>
      <c r="O22037" s="5" t="s">
        <v>38</v>
      </c>
      <c r="P22037" s="5" t="s">
        <v>39</v>
      </c>
      <c r="Q22037" s="5" t="s">
        <v>40</v>
      </c>
      <c r="R22037" s="5" t="s">
        <v>1522</v>
      </c>
      <c r="S22037" s="5" t="s">
        <v>1523</v>
      </c>
      <c r="T22037" s="5" t="s">
        <v>42</v>
      </c>
      <c r="U22037" s="2">
        <v>1.669</v>
      </c>
      <c r="V22037" s="2">
        <v>1.345</v>
      </c>
      <c r="W22037" s="2">
        <v>0.01</v>
      </c>
      <c r="X22037" s="2">
        <v>118.9</v>
      </c>
      <c r="Y22037" s="2">
        <v>7.6</v>
      </c>
      <c r="Z22037" s="2">
        <v>10.6</v>
      </c>
      <c r="AA22037" s="5"/>
      <c r="AB22037" s="5" t="s">
        <v>43</v>
      </c>
      <c r="AC22037" s="5" t="s">
        <v>44</v>
      </c>
      <c r="AD22037" s="2"/>
      <c r="AE22037" s="1"/>
    </row>
    <row r="22038" spans="1:31" ht="14.45">
      <c r="A22038" s="11"/>
      <c r="B22038" s="20"/>
      <c r="C22038" s="2" t="s">
        <v>70982</v>
      </c>
      <c r="D22038" s="14" t="s">
        <v>70983</v>
      </c>
      <c r="E22038" s="2" t="s">
        <v>70984</v>
      </c>
      <c r="F22038" s="2" t="s">
        <v>1863</v>
      </c>
      <c r="G22038" s="8">
        <v>159</v>
      </c>
      <c r="H22038" s="5">
        <v>6</v>
      </c>
      <c r="I22038" s="5" t="s">
        <v>1518</v>
      </c>
      <c r="J22038" s="5" t="s">
        <v>69038</v>
      </c>
      <c r="K22038" s="2" t="s">
        <v>69039</v>
      </c>
      <c r="L22038" s="5" t="s">
        <v>69038</v>
      </c>
      <c r="M22038" s="2" t="s">
        <v>69039</v>
      </c>
      <c r="N22038" s="5" t="s">
        <v>1521</v>
      </c>
      <c r="O22038" s="5" t="s">
        <v>38</v>
      </c>
      <c r="P22038" s="5" t="s">
        <v>39</v>
      </c>
      <c r="Q22038" s="5" t="s">
        <v>40</v>
      </c>
      <c r="R22038" s="5" t="s">
        <v>1522</v>
      </c>
      <c r="S22038" s="5" t="s">
        <v>1523</v>
      </c>
      <c r="T22038" s="5" t="s">
        <v>42</v>
      </c>
      <c r="U22038" s="2">
        <v>1.607</v>
      </c>
      <c r="V22038" s="2">
        <v>1.2829999999999999</v>
      </c>
      <c r="W22038" s="2">
        <v>0.01</v>
      </c>
      <c r="X22038" s="2">
        <v>118.9</v>
      </c>
      <c r="Y22038" s="2">
        <v>7.6</v>
      </c>
      <c r="Z22038" s="2">
        <v>10.6</v>
      </c>
      <c r="AA22038" s="5"/>
      <c r="AB22038" s="5" t="s">
        <v>43</v>
      </c>
      <c r="AC22038" s="5" t="s">
        <v>44</v>
      </c>
      <c r="AD22038" s="2"/>
      <c r="AE22038" s="1"/>
    </row>
    <row r="22039" spans="1:31" ht="14.45">
      <c r="A22039" s="11"/>
      <c r="B22039" s="20"/>
      <c r="C22039" s="2" t="s">
        <v>70985</v>
      </c>
      <c r="D22039" s="14" t="s">
        <v>70986</v>
      </c>
      <c r="E22039" s="2" t="s">
        <v>70987</v>
      </c>
      <c r="F22039" s="2" t="s">
        <v>1867</v>
      </c>
      <c r="G22039" s="8">
        <v>159</v>
      </c>
      <c r="H22039" s="5">
        <v>6</v>
      </c>
      <c r="I22039" s="5" t="s">
        <v>1518</v>
      </c>
      <c r="J22039" s="5" t="s">
        <v>69038</v>
      </c>
      <c r="K22039" s="2" t="s">
        <v>69039</v>
      </c>
      <c r="L22039" s="5" t="s">
        <v>69038</v>
      </c>
      <c r="M22039" s="2" t="s">
        <v>69039</v>
      </c>
      <c r="N22039" s="5" t="s">
        <v>1521</v>
      </c>
      <c r="O22039" s="5" t="s">
        <v>38</v>
      </c>
      <c r="P22039" s="5" t="s">
        <v>39</v>
      </c>
      <c r="Q22039" s="5" t="s">
        <v>40</v>
      </c>
      <c r="R22039" s="5" t="s">
        <v>1522</v>
      </c>
      <c r="S22039" s="5" t="s">
        <v>1523</v>
      </c>
      <c r="T22039" s="5" t="s">
        <v>42</v>
      </c>
      <c r="U22039" s="2">
        <v>1.669</v>
      </c>
      <c r="V22039" s="2">
        <v>1.345</v>
      </c>
      <c r="W22039" s="2">
        <v>0.01</v>
      </c>
      <c r="X22039" s="2">
        <v>118.9</v>
      </c>
      <c r="Y22039" s="2">
        <v>7.6</v>
      </c>
      <c r="Z22039" s="2">
        <v>10.6</v>
      </c>
      <c r="AA22039" s="5"/>
      <c r="AB22039" s="5" t="s">
        <v>43</v>
      </c>
      <c r="AC22039" s="5" t="s">
        <v>44</v>
      </c>
      <c r="AD22039" s="2"/>
      <c r="AE22039" s="1"/>
    </row>
    <row r="22040" spans="1:31" ht="14.45">
      <c r="A22040" s="11"/>
      <c r="B22040" s="20"/>
      <c r="C22040" s="2" t="s">
        <v>70988</v>
      </c>
      <c r="D22040" s="14" t="s">
        <v>70989</v>
      </c>
      <c r="E22040" s="2" t="s">
        <v>70990</v>
      </c>
      <c r="F22040" s="2" t="s">
        <v>7204</v>
      </c>
      <c r="G22040" s="8">
        <v>138</v>
      </c>
      <c r="H22040" s="5">
        <v>6</v>
      </c>
      <c r="I22040" s="5" t="s">
        <v>1518</v>
      </c>
      <c r="J22040" s="5" t="s">
        <v>69038</v>
      </c>
      <c r="K22040" s="2" t="s">
        <v>69039</v>
      </c>
      <c r="L22040" s="5" t="s">
        <v>69038</v>
      </c>
      <c r="M22040" s="2" t="s">
        <v>69039</v>
      </c>
      <c r="N22040" s="5" t="s">
        <v>1521</v>
      </c>
      <c r="O22040" s="5" t="s">
        <v>38</v>
      </c>
      <c r="P22040" s="5" t="s">
        <v>39</v>
      </c>
      <c r="Q22040" s="5" t="s">
        <v>40</v>
      </c>
      <c r="R22040" s="5" t="s">
        <v>1522</v>
      </c>
      <c r="S22040" s="5" t="s">
        <v>1523</v>
      </c>
      <c r="T22040" s="5" t="s">
        <v>42</v>
      </c>
      <c r="U22040" s="2">
        <v>1.7230000000000001</v>
      </c>
      <c r="V22040" s="2">
        <v>1.399</v>
      </c>
      <c r="W22040" s="2">
        <v>0.01</v>
      </c>
      <c r="X22040" s="2">
        <v>118.9</v>
      </c>
      <c r="Y22040" s="2">
        <v>7.6</v>
      </c>
      <c r="Z22040" s="2">
        <v>10.6</v>
      </c>
      <c r="AA22040" s="5"/>
      <c r="AB22040" s="5" t="s">
        <v>43</v>
      </c>
      <c r="AC22040" s="5" t="s">
        <v>44</v>
      </c>
      <c r="AD22040" s="2"/>
      <c r="AE22040" s="1"/>
    </row>
    <row r="22041" spans="1:31" ht="14.45">
      <c r="A22041" s="11"/>
      <c r="B22041" s="20"/>
      <c r="C22041" s="2" t="s">
        <v>70991</v>
      </c>
      <c r="D22041" s="14" t="s">
        <v>70992</v>
      </c>
      <c r="E22041" s="2" t="s">
        <v>70993</v>
      </c>
      <c r="F22041" s="2" t="s">
        <v>7514</v>
      </c>
      <c r="G22041" s="8">
        <v>138</v>
      </c>
      <c r="H22041" s="5">
        <v>6</v>
      </c>
      <c r="I22041" s="5" t="s">
        <v>1518</v>
      </c>
      <c r="J22041" s="5" t="s">
        <v>69038</v>
      </c>
      <c r="K22041" s="2" t="s">
        <v>69039</v>
      </c>
      <c r="L22041" s="5" t="s">
        <v>69038</v>
      </c>
      <c r="M22041" s="2" t="s">
        <v>69039</v>
      </c>
      <c r="N22041" s="5" t="s">
        <v>1521</v>
      </c>
      <c r="O22041" s="5" t="s">
        <v>38</v>
      </c>
      <c r="P22041" s="5" t="s">
        <v>39</v>
      </c>
      <c r="Q22041" s="5" t="s">
        <v>40</v>
      </c>
      <c r="R22041" s="5" t="s">
        <v>1522</v>
      </c>
      <c r="S22041" s="5" t="s">
        <v>1523</v>
      </c>
      <c r="T22041" s="5" t="s">
        <v>42</v>
      </c>
      <c r="U22041" s="2">
        <v>1.7949999999999999</v>
      </c>
      <c r="V22041" s="2">
        <v>1.4710000000000001</v>
      </c>
      <c r="W22041" s="2">
        <v>0.01</v>
      </c>
      <c r="X22041" s="2">
        <v>118.9</v>
      </c>
      <c r="Y22041" s="2">
        <v>7.6</v>
      </c>
      <c r="Z22041" s="2">
        <v>10.6</v>
      </c>
      <c r="AA22041" s="5"/>
      <c r="AB22041" s="5" t="s">
        <v>43</v>
      </c>
      <c r="AC22041" s="5" t="s">
        <v>44</v>
      </c>
      <c r="AD22041" s="2"/>
      <c r="AE22041" s="1"/>
    </row>
    <row r="22042" spans="1:31" ht="14.45">
      <c r="A22042" s="11"/>
      <c r="B22042" s="20"/>
      <c r="C22042" s="2" t="s">
        <v>70994</v>
      </c>
      <c r="D22042" s="14" t="s">
        <v>70995</v>
      </c>
      <c r="E22042" s="2" t="s">
        <v>70996</v>
      </c>
      <c r="F22042" s="2" t="s">
        <v>7208</v>
      </c>
      <c r="G22042" s="8">
        <v>138</v>
      </c>
      <c r="H22042" s="5">
        <v>6</v>
      </c>
      <c r="I22042" s="5" t="s">
        <v>1518</v>
      </c>
      <c r="J22042" s="5" t="s">
        <v>69038</v>
      </c>
      <c r="K22042" s="2" t="s">
        <v>69039</v>
      </c>
      <c r="L22042" s="5" t="s">
        <v>69038</v>
      </c>
      <c r="M22042" s="2" t="s">
        <v>69039</v>
      </c>
      <c r="N22042" s="5" t="s">
        <v>1521</v>
      </c>
      <c r="O22042" s="5" t="s">
        <v>38</v>
      </c>
      <c r="P22042" s="5" t="s">
        <v>39</v>
      </c>
      <c r="Q22042" s="5" t="s">
        <v>40</v>
      </c>
      <c r="R22042" s="5" t="s">
        <v>1522</v>
      </c>
      <c r="S22042" s="5" t="s">
        <v>1523</v>
      </c>
      <c r="T22042" s="5" t="s">
        <v>42</v>
      </c>
      <c r="U22042" s="2">
        <v>1.7230000000000001</v>
      </c>
      <c r="V22042" s="2">
        <v>1.399</v>
      </c>
      <c r="W22042" s="2">
        <v>0.01</v>
      </c>
      <c r="X22042" s="2">
        <v>118.9</v>
      </c>
      <c r="Y22042" s="2">
        <v>7.6</v>
      </c>
      <c r="Z22042" s="2">
        <v>10.6</v>
      </c>
      <c r="AA22042" s="5"/>
      <c r="AB22042" s="5" t="s">
        <v>43</v>
      </c>
      <c r="AC22042" s="5" t="s">
        <v>44</v>
      </c>
      <c r="AD22042" s="2"/>
      <c r="AE22042" s="1"/>
    </row>
    <row r="22043" spans="1:31" ht="14.45">
      <c r="A22043" s="11"/>
      <c r="B22043" s="20"/>
      <c r="C22043" s="2" t="s">
        <v>70997</v>
      </c>
      <c r="D22043" s="14" t="s">
        <v>70998</v>
      </c>
      <c r="E22043" s="2" t="s">
        <v>70999</v>
      </c>
      <c r="F22043" s="2" t="s">
        <v>7521</v>
      </c>
      <c r="G22043" s="8">
        <v>138</v>
      </c>
      <c r="H22043" s="5">
        <v>6</v>
      </c>
      <c r="I22043" s="5" t="s">
        <v>1518</v>
      </c>
      <c r="J22043" s="5" t="s">
        <v>69038</v>
      </c>
      <c r="K22043" s="2" t="s">
        <v>69039</v>
      </c>
      <c r="L22043" s="5" t="s">
        <v>69038</v>
      </c>
      <c r="M22043" s="2" t="s">
        <v>69039</v>
      </c>
      <c r="N22043" s="5" t="s">
        <v>1521</v>
      </c>
      <c r="O22043" s="5" t="s">
        <v>38</v>
      </c>
      <c r="P22043" s="5" t="s">
        <v>39</v>
      </c>
      <c r="Q22043" s="5" t="s">
        <v>40</v>
      </c>
      <c r="R22043" s="5" t="s">
        <v>1522</v>
      </c>
      <c r="S22043" s="5" t="s">
        <v>1523</v>
      </c>
      <c r="T22043" s="5" t="s">
        <v>42</v>
      </c>
      <c r="U22043" s="2">
        <v>1.7949999999999999</v>
      </c>
      <c r="V22043" s="2">
        <v>1.4710000000000001</v>
      </c>
      <c r="W22043" s="2">
        <v>0.01</v>
      </c>
      <c r="X22043" s="2">
        <v>118.9</v>
      </c>
      <c r="Y22043" s="2">
        <v>7.6</v>
      </c>
      <c r="Z22043" s="2">
        <v>10.6</v>
      </c>
      <c r="AA22043" s="5"/>
      <c r="AB22043" s="5" t="s">
        <v>43</v>
      </c>
      <c r="AC22043" s="5" t="s">
        <v>44</v>
      </c>
      <c r="AD22043" s="2"/>
      <c r="AE22043" s="1"/>
    </row>
    <row r="22044" spans="1:31" ht="14.45">
      <c r="A22044" s="11"/>
      <c r="B22044" s="20"/>
      <c r="C22044" s="2" t="s">
        <v>71000</v>
      </c>
      <c r="D22044" s="14" t="s">
        <v>71001</v>
      </c>
      <c r="E22044" s="2" t="s">
        <v>71002</v>
      </c>
      <c r="F22044" s="2" t="s">
        <v>7406</v>
      </c>
      <c r="G22044" s="8">
        <v>159</v>
      </c>
      <c r="H22044" s="5">
        <v>6</v>
      </c>
      <c r="I22044" s="5" t="s">
        <v>1518</v>
      </c>
      <c r="J22044" s="5" t="s">
        <v>69038</v>
      </c>
      <c r="K22044" s="2" t="s">
        <v>69039</v>
      </c>
      <c r="L22044" s="5" t="s">
        <v>69038</v>
      </c>
      <c r="M22044" s="2" t="s">
        <v>69039</v>
      </c>
      <c r="N22044" s="5" t="s">
        <v>1521</v>
      </c>
      <c r="O22044" s="5" t="s">
        <v>38</v>
      </c>
      <c r="P22044" s="5" t="s">
        <v>39</v>
      </c>
      <c r="Q22044" s="5" t="s">
        <v>40</v>
      </c>
      <c r="R22044" s="5" t="s">
        <v>1522</v>
      </c>
      <c r="S22044" s="5" t="s">
        <v>1523</v>
      </c>
      <c r="T22044" s="5" t="s">
        <v>42</v>
      </c>
      <c r="U22044" s="2">
        <v>1.7230000000000001</v>
      </c>
      <c r="V22044" s="2">
        <v>1.399</v>
      </c>
      <c r="W22044" s="2">
        <v>0.01</v>
      </c>
      <c r="X22044" s="2">
        <v>118.9</v>
      </c>
      <c r="Y22044" s="2">
        <v>7.6</v>
      </c>
      <c r="Z22044" s="2">
        <v>10.6</v>
      </c>
      <c r="AA22044" s="5"/>
      <c r="AB22044" s="5" t="s">
        <v>43</v>
      </c>
      <c r="AC22044" s="5" t="s">
        <v>44</v>
      </c>
      <c r="AD22044" s="2"/>
      <c r="AE22044" s="1"/>
    </row>
    <row r="22045" spans="1:31" ht="14.45">
      <c r="A22045" s="11"/>
      <c r="B22045" s="20"/>
      <c r="C22045" s="2" t="s">
        <v>71003</v>
      </c>
      <c r="D22045" s="14" t="s">
        <v>71004</v>
      </c>
      <c r="E22045" s="2" t="s">
        <v>71005</v>
      </c>
      <c r="F22045" s="2" t="s">
        <v>7535</v>
      </c>
      <c r="G22045" s="8">
        <v>159</v>
      </c>
      <c r="H22045" s="5">
        <v>6</v>
      </c>
      <c r="I22045" s="5" t="s">
        <v>1518</v>
      </c>
      <c r="J22045" s="5" t="s">
        <v>69038</v>
      </c>
      <c r="K22045" s="2" t="s">
        <v>69039</v>
      </c>
      <c r="L22045" s="5" t="s">
        <v>69038</v>
      </c>
      <c r="M22045" s="2" t="s">
        <v>69039</v>
      </c>
      <c r="N22045" s="5" t="s">
        <v>1521</v>
      </c>
      <c r="O22045" s="5" t="s">
        <v>38</v>
      </c>
      <c r="P22045" s="5" t="s">
        <v>39</v>
      </c>
      <c r="Q22045" s="5" t="s">
        <v>40</v>
      </c>
      <c r="R22045" s="5" t="s">
        <v>1522</v>
      </c>
      <c r="S22045" s="5" t="s">
        <v>1523</v>
      </c>
      <c r="T22045" s="5" t="s">
        <v>42</v>
      </c>
      <c r="U22045" s="2">
        <v>1.7949999999999999</v>
      </c>
      <c r="V22045" s="2">
        <v>1.4710000000000001</v>
      </c>
      <c r="W22045" s="2">
        <v>0.01</v>
      </c>
      <c r="X22045" s="2">
        <v>118.9</v>
      </c>
      <c r="Y22045" s="2">
        <v>7.6</v>
      </c>
      <c r="Z22045" s="2">
        <v>10.6</v>
      </c>
      <c r="AA22045" s="5"/>
      <c r="AB22045" s="5" t="s">
        <v>43</v>
      </c>
      <c r="AC22045" s="5" t="s">
        <v>44</v>
      </c>
      <c r="AD22045" s="2"/>
      <c r="AE22045" s="1"/>
    </row>
    <row r="22046" spans="1:31" ht="14.45">
      <c r="A22046" s="11"/>
      <c r="B22046" s="20"/>
      <c r="C22046" s="2" t="s">
        <v>71006</v>
      </c>
      <c r="D22046" s="14" t="s">
        <v>71007</v>
      </c>
      <c r="E22046" s="2" t="s">
        <v>71008</v>
      </c>
      <c r="F22046" s="2" t="s">
        <v>7539</v>
      </c>
      <c r="G22046" s="8">
        <v>159</v>
      </c>
      <c r="H22046" s="5">
        <v>6</v>
      </c>
      <c r="I22046" s="5" t="s">
        <v>1518</v>
      </c>
      <c r="J22046" s="5" t="s">
        <v>69038</v>
      </c>
      <c r="K22046" s="2" t="s">
        <v>69039</v>
      </c>
      <c r="L22046" s="5" t="s">
        <v>69038</v>
      </c>
      <c r="M22046" s="2" t="s">
        <v>69039</v>
      </c>
      <c r="N22046" s="5" t="s">
        <v>1521</v>
      </c>
      <c r="O22046" s="5" t="s">
        <v>38</v>
      </c>
      <c r="P22046" s="5" t="s">
        <v>39</v>
      </c>
      <c r="Q22046" s="5" t="s">
        <v>40</v>
      </c>
      <c r="R22046" s="5" t="s">
        <v>1522</v>
      </c>
      <c r="S22046" s="5" t="s">
        <v>1523</v>
      </c>
      <c r="T22046" s="5" t="s">
        <v>42</v>
      </c>
      <c r="U22046" s="2">
        <v>1.7230000000000001</v>
      </c>
      <c r="V22046" s="2">
        <v>1.399</v>
      </c>
      <c r="W22046" s="2">
        <v>0.01</v>
      </c>
      <c r="X22046" s="2">
        <v>118.9</v>
      </c>
      <c r="Y22046" s="2">
        <v>7.6</v>
      </c>
      <c r="Z22046" s="2">
        <v>10.6</v>
      </c>
      <c r="AA22046" s="5"/>
      <c r="AB22046" s="5" t="s">
        <v>43</v>
      </c>
      <c r="AC22046" s="5" t="s">
        <v>44</v>
      </c>
      <c r="AD22046" s="2"/>
      <c r="AE22046" s="1"/>
    </row>
    <row r="22047" spans="1:31" ht="14.45">
      <c r="A22047" s="11"/>
      <c r="B22047" s="20"/>
      <c r="C22047" s="2" t="s">
        <v>71009</v>
      </c>
      <c r="D22047" s="14" t="s">
        <v>71010</v>
      </c>
      <c r="E22047" s="2" t="s">
        <v>71011</v>
      </c>
      <c r="F22047" s="2" t="s">
        <v>7543</v>
      </c>
      <c r="G22047" s="8">
        <v>159</v>
      </c>
      <c r="H22047" s="5">
        <v>6</v>
      </c>
      <c r="I22047" s="5" t="s">
        <v>1518</v>
      </c>
      <c r="J22047" s="5" t="s">
        <v>69038</v>
      </c>
      <c r="K22047" s="2" t="s">
        <v>69039</v>
      </c>
      <c r="L22047" s="5" t="s">
        <v>69038</v>
      </c>
      <c r="M22047" s="2" t="s">
        <v>69039</v>
      </c>
      <c r="N22047" s="5" t="s">
        <v>1521</v>
      </c>
      <c r="O22047" s="5" t="s">
        <v>38</v>
      </c>
      <c r="P22047" s="5" t="s">
        <v>39</v>
      </c>
      <c r="Q22047" s="5" t="s">
        <v>40</v>
      </c>
      <c r="R22047" s="5" t="s">
        <v>1522</v>
      </c>
      <c r="S22047" s="5" t="s">
        <v>1523</v>
      </c>
      <c r="T22047" s="5" t="s">
        <v>42</v>
      </c>
      <c r="U22047" s="2">
        <v>1.7949999999999999</v>
      </c>
      <c r="V22047" s="2">
        <v>1.4710000000000001</v>
      </c>
      <c r="W22047" s="2">
        <v>0.01</v>
      </c>
      <c r="X22047" s="2">
        <v>118.9</v>
      </c>
      <c r="Y22047" s="2">
        <v>7.6</v>
      </c>
      <c r="Z22047" s="2">
        <v>10.6</v>
      </c>
      <c r="AA22047" s="5"/>
      <c r="AB22047" s="5" t="s">
        <v>43</v>
      </c>
      <c r="AC22047" s="5" t="s">
        <v>44</v>
      </c>
      <c r="AD22047" s="2"/>
      <c r="AE22047" s="1"/>
    </row>
    <row r="22048" spans="1:31" ht="14.45">
      <c r="A22048" s="11"/>
      <c r="B22048" s="20"/>
      <c r="C22048" s="2" t="s">
        <v>71012</v>
      </c>
      <c r="D22048" s="14" t="s">
        <v>71013</v>
      </c>
      <c r="E22048" s="2" t="s">
        <v>71014</v>
      </c>
      <c r="F22048" s="2" t="s">
        <v>7396</v>
      </c>
      <c r="G22048" s="8">
        <v>138</v>
      </c>
      <c r="H22048" s="5">
        <v>6</v>
      </c>
      <c r="I22048" s="5" t="s">
        <v>1518</v>
      </c>
      <c r="J22048" s="5" t="s">
        <v>69038</v>
      </c>
      <c r="K22048" s="2" t="s">
        <v>69039</v>
      </c>
      <c r="L22048" s="5" t="s">
        <v>69038</v>
      </c>
      <c r="M22048" s="2" t="s">
        <v>69039</v>
      </c>
      <c r="N22048" s="5" t="s">
        <v>1521</v>
      </c>
      <c r="O22048" s="5" t="s">
        <v>38</v>
      </c>
      <c r="P22048" s="5" t="s">
        <v>39</v>
      </c>
      <c r="Q22048" s="5" t="s">
        <v>40</v>
      </c>
      <c r="R22048" s="5" t="s">
        <v>1522</v>
      </c>
      <c r="S22048" s="5" t="s">
        <v>1523</v>
      </c>
      <c r="T22048" s="5" t="s">
        <v>42</v>
      </c>
      <c r="U22048" s="2">
        <v>1.7230000000000001</v>
      </c>
      <c r="V22048" s="2">
        <v>1.399</v>
      </c>
      <c r="W22048" s="2">
        <v>0.01</v>
      </c>
      <c r="X22048" s="2">
        <v>118.9</v>
      </c>
      <c r="Y22048" s="2">
        <v>7.6</v>
      </c>
      <c r="Z22048" s="2">
        <v>10.6</v>
      </c>
      <c r="AA22048" s="5"/>
      <c r="AB22048" s="5" t="s">
        <v>43</v>
      </c>
      <c r="AC22048" s="5" t="s">
        <v>44</v>
      </c>
      <c r="AD22048" s="2"/>
      <c r="AE22048" s="1"/>
    </row>
    <row r="22049" spans="1:31" ht="14.45">
      <c r="A22049" s="11"/>
      <c r="B22049" s="20"/>
      <c r="C22049" s="2" t="s">
        <v>71015</v>
      </c>
      <c r="D22049" s="14" t="s">
        <v>71016</v>
      </c>
      <c r="E22049" s="2" t="s">
        <v>71017</v>
      </c>
      <c r="F22049" s="2" t="s">
        <v>69112</v>
      </c>
      <c r="G22049" s="8">
        <v>138</v>
      </c>
      <c r="H22049" s="5">
        <v>6</v>
      </c>
      <c r="I22049" s="5" t="s">
        <v>1518</v>
      </c>
      <c r="J22049" s="5" t="s">
        <v>69038</v>
      </c>
      <c r="K22049" s="2" t="s">
        <v>69039</v>
      </c>
      <c r="L22049" s="5" t="s">
        <v>69038</v>
      </c>
      <c r="M22049" s="2" t="s">
        <v>69039</v>
      </c>
      <c r="N22049" s="5" t="s">
        <v>1521</v>
      </c>
      <c r="O22049" s="5" t="s">
        <v>38</v>
      </c>
      <c r="P22049" s="5" t="s">
        <v>39</v>
      </c>
      <c r="Q22049" s="5" t="s">
        <v>40</v>
      </c>
      <c r="R22049" s="5" t="s">
        <v>1522</v>
      </c>
      <c r="S22049" s="5" t="s">
        <v>1523</v>
      </c>
      <c r="T22049" s="5" t="s">
        <v>42</v>
      </c>
      <c r="U22049" s="2">
        <v>1.7949999999999999</v>
      </c>
      <c r="V22049" s="2">
        <v>1.4710000000000001</v>
      </c>
      <c r="W22049" s="2">
        <v>0.01</v>
      </c>
      <c r="X22049" s="2">
        <v>118.9</v>
      </c>
      <c r="Y22049" s="2">
        <v>7.6</v>
      </c>
      <c r="Z22049" s="2">
        <v>10.6</v>
      </c>
      <c r="AA22049" s="5"/>
      <c r="AB22049" s="5" t="s">
        <v>43</v>
      </c>
      <c r="AC22049" s="5" t="s">
        <v>44</v>
      </c>
      <c r="AD22049" s="2"/>
      <c r="AE22049" s="1"/>
    </row>
    <row r="22050" spans="1:31" ht="14.45">
      <c r="A22050" s="11"/>
      <c r="B22050" s="20"/>
      <c r="C22050" s="2" t="s">
        <v>71018</v>
      </c>
      <c r="D22050" s="14" t="s">
        <v>71019</v>
      </c>
      <c r="E22050" s="2" t="s">
        <v>71020</v>
      </c>
      <c r="F22050" s="2" t="s">
        <v>7547</v>
      </c>
      <c r="G22050" s="8">
        <v>159</v>
      </c>
      <c r="H22050" s="5">
        <v>6</v>
      </c>
      <c r="I22050" s="5" t="s">
        <v>1518</v>
      </c>
      <c r="J22050" s="5" t="s">
        <v>69038</v>
      </c>
      <c r="K22050" s="2" t="s">
        <v>69039</v>
      </c>
      <c r="L22050" s="5" t="s">
        <v>69038</v>
      </c>
      <c r="M22050" s="2" t="s">
        <v>69039</v>
      </c>
      <c r="N22050" s="5" t="s">
        <v>1521</v>
      </c>
      <c r="O22050" s="5" t="s">
        <v>38</v>
      </c>
      <c r="P22050" s="5" t="s">
        <v>39</v>
      </c>
      <c r="Q22050" s="5" t="s">
        <v>40</v>
      </c>
      <c r="R22050" s="5" t="s">
        <v>1522</v>
      </c>
      <c r="S22050" s="5" t="s">
        <v>1523</v>
      </c>
      <c r="T22050" s="5" t="s">
        <v>42</v>
      </c>
      <c r="U22050" s="2">
        <v>1.7230000000000001</v>
      </c>
      <c r="V22050" s="2">
        <v>1.399</v>
      </c>
      <c r="W22050" s="2">
        <v>0.01</v>
      </c>
      <c r="X22050" s="2">
        <v>118.9</v>
      </c>
      <c r="Y22050" s="2">
        <v>7.6</v>
      </c>
      <c r="Z22050" s="2">
        <v>10.6</v>
      </c>
      <c r="AA22050" s="5"/>
      <c r="AB22050" s="5" t="s">
        <v>43</v>
      </c>
      <c r="AC22050" s="5" t="s">
        <v>44</v>
      </c>
      <c r="AD22050" s="2"/>
      <c r="AE22050" s="1"/>
    </row>
    <row r="22051" spans="1:31" ht="14.45">
      <c r="A22051" s="11"/>
      <c r="B22051" s="20"/>
      <c r="C22051" s="2" t="s">
        <v>71021</v>
      </c>
      <c r="D22051" s="14" t="s">
        <v>71022</v>
      </c>
      <c r="E22051" s="2" t="s">
        <v>71023</v>
      </c>
      <c r="F22051" s="2" t="s">
        <v>7563</v>
      </c>
      <c r="G22051" s="8">
        <v>159</v>
      </c>
      <c r="H22051" s="5">
        <v>6</v>
      </c>
      <c r="I22051" s="5" t="s">
        <v>1518</v>
      </c>
      <c r="J22051" s="5" t="s">
        <v>69038</v>
      </c>
      <c r="K22051" s="2" t="s">
        <v>69039</v>
      </c>
      <c r="L22051" s="5" t="s">
        <v>69038</v>
      </c>
      <c r="M22051" s="2" t="s">
        <v>69039</v>
      </c>
      <c r="N22051" s="5" t="s">
        <v>1521</v>
      </c>
      <c r="O22051" s="5" t="s">
        <v>38</v>
      </c>
      <c r="P22051" s="5" t="s">
        <v>39</v>
      </c>
      <c r="Q22051" s="5" t="s">
        <v>40</v>
      </c>
      <c r="R22051" s="5" t="s">
        <v>1522</v>
      </c>
      <c r="S22051" s="5" t="s">
        <v>1523</v>
      </c>
      <c r="T22051" s="5" t="s">
        <v>42</v>
      </c>
      <c r="U22051" s="2">
        <v>1.7230000000000001</v>
      </c>
      <c r="V22051" s="2">
        <v>1.399</v>
      </c>
      <c r="W22051" s="2">
        <v>0.01</v>
      </c>
      <c r="X22051" s="2">
        <v>118.9</v>
      </c>
      <c r="Y22051" s="2">
        <v>7.6</v>
      </c>
      <c r="Z22051" s="2">
        <v>10.6</v>
      </c>
      <c r="AA22051" s="5"/>
      <c r="AB22051" s="5" t="s">
        <v>43</v>
      </c>
      <c r="AC22051" s="5" t="s">
        <v>44</v>
      </c>
      <c r="AD22051" s="2"/>
      <c r="AE22051" s="1"/>
    </row>
    <row r="22052" spans="1:31" ht="14.45">
      <c r="A22052" s="11"/>
      <c r="B22052" s="20"/>
      <c r="C22052" s="2" t="s">
        <v>71024</v>
      </c>
      <c r="D22052" s="14" t="s">
        <v>71025</v>
      </c>
      <c r="E22052" s="2" t="s">
        <v>71026</v>
      </c>
      <c r="F22052" s="2" t="s">
        <v>7567</v>
      </c>
      <c r="G22052" s="8">
        <v>159</v>
      </c>
      <c r="H22052" s="5">
        <v>6</v>
      </c>
      <c r="I22052" s="5" t="s">
        <v>1518</v>
      </c>
      <c r="J22052" s="5" t="s">
        <v>69038</v>
      </c>
      <c r="K22052" s="2" t="s">
        <v>69039</v>
      </c>
      <c r="L22052" s="5" t="s">
        <v>69038</v>
      </c>
      <c r="M22052" s="2" t="s">
        <v>69039</v>
      </c>
      <c r="N22052" s="5" t="s">
        <v>1521</v>
      </c>
      <c r="O22052" s="5" t="s">
        <v>38</v>
      </c>
      <c r="P22052" s="5" t="s">
        <v>39</v>
      </c>
      <c r="Q22052" s="5" t="s">
        <v>40</v>
      </c>
      <c r="R22052" s="5" t="s">
        <v>1522</v>
      </c>
      <c r="S22052" s="5" t="s">
        <v>1523</v>
      </c>
      <c r="T22052" s="5" t="s">
        <v>42</v>
      </c>
      <c r="U22052" s="2">
        <v>1.7949999999999999</v>
      </c>
      <c r="V22052" s="2">
        <v>1.4710000000000001</v>
      </c>
      <c r="W22052" s="2">
        <v>0.01</v>
      </c>
      <c r="X22052" s="2">
        <v>118.9</v>
      </c>
      <c r="Y22052" s="2">
        <v>7.6</v>
      </c>
      <c r="Z22052" s="2">
        <v>10.6</v>
      </c>
      <c r="AA22052" s="5"/>
      <c r="AB22052" s="5" t="s">
        <v>43</v>
      </c>
      <c r="AC22052" s="5" t="s">
        <v>44</v>
      </c>
      <c r="AD22052" s="2"/>
      <c r="AE22052" s="1"/>
    </row>
    <row r="22053" spans="1:31" ht="14.45">
      <c r="A22053" s="11"/>
      <c r="B22053" s="20"/>
      <c r="C22053" s="2" t="s">
        <v>71027</v>
      </c>
      <c r="D22053" s="14" t="s">
        <v>71028</v>
      </c>
      <c r="E22053" s="2" t="s">
        <v>71029</v>
      </c>
      <c r="F22053" s="2" t="s">
        <v>7555</v>
      </c>
      <c r="G22053" s="8">
        <v>159</v>
      </c>
      <c r="H22053" s="5">
        <v>6</v>
      </c>
      <c r="I22053" s="5" t="s">
        <v>1518</v>
      </c>
      <c r="J22053" s="5" t="s">
        <v>69038</v>
      </c>
      <c r="K22053" s="2" t="s">
        <v>69039</v>
      </c>
      <c r="L22053" s="5" t="s">
        <v>69038</v>
      </c>
      <c r="M22053" s="2" t="s">
        <v>69039</v>
      </c>
      <c r="N22053" s="5" t="s">
        <v>1521</v>
      </c>
      <c r="O22053" s="5" t="s">
        <v>38</v>
      </c>
      <c r="P22053" s="5" t="s">
        <v>39</v>
      </c>
      <c r="Q22053" s="5" t="s">
        <v>40</v>
      </c>
      <c r="R22053" s="5" t="s">
        <v>1522</v>
      </c>
      <c r="S22053" s="5" t="s">
        <v>1523</v>
      </c>
      <c r="T22053" s="5" t="s">
        <v>42</v>
      </c>
      <c r="U22053" s="2">
        <v>1.7230000000000001</v>
      </c>
      <c r="V22053" s="2">
        <v>1.399</v>
      </c>
      <c r="W22053" s="2">
        <v>0.01</v>
      </c>
      <c r="X22053" s="2">
        <v>118.9</v>
      </c>
      <c r="Y22053" s="2">
        <v>7.6</v>
      </c>
      <c r="Z22053" s="2">
        <v>10.6</v>
      </c>
      <c r="AA22053" s="5"/>
      <c r="AB22053" s="5" t="s">
        <v>43</v>
      </c>
      <c r="AC22053" s="5" t="s">
        <v>44</v>
      </c>
      <c r="AD22053" s="2"/>
      <c r="AE22053" s="1"/>
    </row>
    <row r="22054" spans="1:31" ht="14.45">
      <c r="A22054" s="11"/>
      <c r="B22054" s="20"/>
      <c r="C22054" s="2" t="s">
        <v>71030</v>
      </c>
      <c r="D22054" s="14" t="s">
        <v>71031</v>
      </c>
      <c r="E22054" s="2" t="s">
        <v>71032</v>
      </c>
      <c r="F22054" s="2" t="s">
        <v>7559</v>
      </c>
      <c r="G22054" s="8">
        <v>159</v>
      </c>
      <c r="H22054" s="5">
        <v>6</v>
      </c>
      <c r="I22054" s="5" t="s">
        <v>1518</v>
      </c>
      <c r="J22054" s="5" t="s">
        <v>69038</v>
      </c>
      <c r="K22054" s="2" t="s">
        <v>69039</v>
      </c>
      <c r="L22054" s="5" t="s">
        <v>69038</v>
      </c>
      <c r="M22054" s="2" t="s">
        <v>69039</v>
      </c>
      <c r="N22054" s="5" t="s">
        <v>1521</v>
      </c>
      <c r="O22054" s="5" t="s">
        <v>38</v>
      </c>
      <c r="P22054" s="5" t="s">
        <v>39</v>
      </c>
      <c r="Q22054" s="5" t="s">
        <v>40</v>
      </c>
      <c r="R22054" s="5" t="s">
        <v>1522</v>
      </c>
      <c r="S22054" s="5" t="s">
        <v>1523</v>
      </c>
      <c r="T22054" s="5" t="s">
        <v>42</v>
      </c>
      <c r="U22054" s="2">
        <v>1.7949999999999999</v>
      </c>
      <c r="V22054" s="2">
        <v>1.4710000000000001</v>
      </c>
      <c r="W22054" s="2">
        <v>0.01</v>
      </c>
      <c r="X22054" s="2">
        <v>118.9</v>
      </c>
      <c r="Y22054" s="2">
        <v>7.6</v>
      </c>
      <c r="Z22054" s="2">
        <v>10.6</v>
      </c>
      <c r="AA22054" s="5"/>
      <c r="AB22054" s="5" t="s">
        <v>43</v>
      </c>
      <c r="AC22054" s="5" t="s">
        <v>44</v>
      </c>
      <c r="AD22054" s="2"/>
      <c r="AE22054" s="1"/>
    </row>
    <row r="22055" spans="1:31" ht="14.45">
      <c r="A22055" s="11"/>
      <c r="B22055" s="20"/>
      <c r="C22055" s="2" t="s">
        <v>71033</v>
      </c>
      <c r="D22055" s="14" t="s">
        <v>71034</v>
      </c>
      <c r="E22055" s="2" t="s">
        <v>71035</v>
      </c>
      <c r="F22055" s="2" t="s">
        <v>7429</v>
      </c>
      <c r="G22055" s="8">
        <v>159</v>
      </c>
      <c r="H22055" s="5">
        <v>6</v>
      </c>
      <c r="I22055" s="5" t="s">
        <v>1518</v>
      </c>
      <c r="J22055" s="5" t="s">
        <v>69038</v>
      </c>
      <c r="K22055" s="2" t="s">
        <v>69039</v>
      </c>
      <c r="L22055" s="5" t="s">
        <v>69038</v>
      </c>
      <c r="M22055" s="2" t="s">
        <v>69039</v>
      </c>
      <c r="N22055" s="5" t="s">
        <v>1521</v>
      </c>
      <c r="O22055" s="5" t="s">
        <v>38</v>
      </c>
      <c r="P22055" s="5" t="s">
        <v>39</v>
      </c>
      <c r="Q22055" s="5" t="s">
        <v>40</v>
      </c>
      <c r="R22055" s="5" t="s">
        <v>1522</v>
      </c>
      <c r="S22055" s="5" t="s">
        <v>1523</v>
      </c>
      <c r="T22055" s="5" t="s">
        <v>42</v>
      </c>
      <c r="U22055" s="2">
        <v>1.7230000000000001</v>
      </c>
      <c r="V22055" s="2">
        <v>1.399</v>
      </c>
      <c r="W22055" s="2">
        <v>0.01</v>
      </c>
      <c r="X22055" s="2">
        <v>118.9</v>
      </c>
      <c r="Y22055" s="2">
        <v>7.6</v>
      </c>
      <c r="Z22055" s="2">
        <v>10.6</v>
      </c>
      <c r="AA22055" s="5"/>
      <c r="AB22055" s="5" t="s">
        <v>43</v>
      </c>
      <c r="AC22055" s="5" t="s">
        <v>44</v>
      </c>
      <c r="AD22055" s="2"/>
      <c r="AE22055" s="1"/>
    </row>
    <row r="22056" spans="1:31" ht="14.45">
      <c r="A22056" s="11"/>
      <c r="B22056" s="20"/>
      <c r="C22056" s="2" t="s">
        <v>71036</v>
      </c>
      <c r="D22056" s="14" t="s">
        <v>71037</v>
      </c>
      <c r="E22056" s="2" t="s">
        <v>71038</v>
      </c>
      <c r="F22056" s="2" t="s">
        <v>7449</v>
      </c>
      <c r="G22056" s="8">
        <v>159</v>
      </c>
      <c r="H22056" s="5">
        <v>6</v>
      </c>
      <c r="I22056" s="5" t="s">
        <v>1518</v>
      </c>
      <c r="J22056" s="5" t="s">
        <v>69038</v>
      </c>
      <c r="K22056" s="2" t="s">
        <v>69039</v>
      </c>
      <c r="L22056" s="5" t="s">
        <v>69038</v>
      </c>
      <c r="M22056" s="2" t="s">
        <v>69039</v>
      </c>
      <c r="N22056" s="5" t="s">
        <v>1521</v>
      </c>
      <c r="O22056" s="5" t="s">
        <v>38</v>
      </c>
      <c r="P22056" s="5" t="s">
        <v>39</v>
      </c>
      <c r="Q22056" s="5" t="s">
        <v>40</v>
      </c>
      <c r="R22056" s="5" t="s">
        <v>1522</v>
      </c>
      <c r="S22056" s="5" t="s">
        <v>1523</v>
      </c>
      <c r="T22056" s="5" t="s">
        <v>42</v>
      </c>
      <c r="U22056" s="2">
        <v>1.7230000000000001</v>
      </c>
      <c r="V22056" s="2">
        <v>1.399</v>
      </c>
      <c r="W22056" s="2">
        <v>0.01</v>
      </c>
      <c r="X22056" s="2">
        <v>118.9</v>
      </c>
      <c r="Y22056" s="2">
        <v>7.6</v>
      </c>
      <c r="Z22056" s="2">
        <v>10.6</v>
      </c>
      <c r="AA22056" s="5"/>
      <c r="AB22056" s="5" t="s">
        <v>43</v>
      </c>
      <c r="AC22056" s="5" t="s">
        <v>44</v>
      </c>
      <c r="AD22056" s="2"/>
      <c r="AE22056" s="1"/>
    </row>
    <row r="22057" spans="1:31" ht="14.45">
      <c r="A22057" s="11"/>
      <c r="B22057" s="20"/>
      <c r="C22057" s="2" t="s">
        <v>71039</v>
      </c>
      <c r="D22057" s="14" t="s">
        <v>71040</v>
      </c>
      <c r="E22057" s="2" t="s">
        <v>71041</v>
      </c>
      <c r="F22057" s="2" t="s">
        <v>7581</v>
      </c>
      <c r="G22057" s="8">
        <v>159</v>
      </c>
      <c r="H22057" s="5">
        <v>6</v>
      </c>
      <c r="I22057" s="5" t="s">
        <v>1518</v>
      </c>
      <c r="J22057" s="5" t="s">
        <v>69038</v>
      </c>
      <c r="K22057" s="2" t="s">
        <v>69039</v>
      </c>
      <c r="L22057" s="5" t="s">
        <v>69038</v>
      </c>
      <c r="M22057" s="2" t="s">
        <v>69039</v>
      </c>
      <c r="N22057" s="5" t="s">
        <v>1521</v>
      </c>
      <c r="O22057" s="5" t="s">
        <v>38</v>
      </c>
      <c r="P22057" s="5" t="s">
        <v>39</v>
      </c>
      <c r="Q22057" s="5" t="s">
        <v>40</v>
      </c>
      <c r="R22057" s="5" t="s">
        <v>1522</v>
      </c>
      <c r="S22057" s="5" t="s">
        <v>1523</v>
      </c>
      <c r="T22057" s="5" t="s">
        <v>42</v>
      </c>
      <c r="U22057" s="2">
        <v>1.7949999999999999</v>
      </c>
      <c r="V22057" s="2">
        <v>1.4710000000000001</v>
      </c>
      <c r="W22057" s="2">
        <v>0.01</v>
      </c>
      <c r="X22057" s="2">
        <v>118.9</v>
      </c>
      <c r="Y22057" s="2">
        <v>7.6</v>
      </c>
      <c r="Z22057" s="2">
        <v>10.6</v>
      </c>
      <c r="AA22057" s="5"/>
      <c r="AB22057" s="5" t="s">
        <v>43</v>
      </c>
      <c r="AC22057" s="5" t="s">
        <v>44</v>
      </c>
      <c r="AD22057" s="2"/>
      <c r="AE22057" s="1"/>
    </row>
    <row r="22058" spans="1:31" ht="14.45">
      <c r="A22058" s="11"/>
      <c r="B22058" s="20"/>
      <c r="C22058" s="2" t="s">
        <v>71042</v>
      </c>
      <c r="D22058" s="14" t="s">
        <v>71043</v>
      </c>
      <c r="E22058" s="2" t="s">
        <v>71044</v>
      </c>
      <c r="F22058" s="2" t="s">
        <v>7585</v>
      </c>
      <c r="G22058" s="8">
        <v>159</v>
      </c>
      <c r="H22058" s="5">
        <v>6</v>
      </c>
      <c r="I22058" s="5" t="s">
        <v>1518</v>
      </c>
      <c r="J22058" s="5" t="s">
        <v>69038</v>
      </c>
      <c r="K22058" s="2" t="s">
        <v>69039</v>
      </c>
      <c r="L22058" s="5" t="s">
        <v>69038</v>
      </c>
      <c r="M22058" s="2" t="s">
        <v>69039</v>
      </c>
      <c r="N22058" s="5" t="s">
        <v>1521</v>
      </c>
      <c r="O22058" s="5" t="s">
        <v>38</v>
      </c>
      <c r="P22058" s="5" t="s">
        <v>39</v>
      </c>
      <c r="Q22058" s="5" t="s">
        <v>40</v>
      </c>
      <c r="R22058" s="5" t="s">
        <v>1522</v>
      </c>
      <c r="S22058" s="5" t="s">
        <v>1523</v>
      </c>
      <c r="T22058" s="5" t="s">
        <v>42</v>
      </c>
      <c r="U22058" s="2">
        <v>1.7230000000000001</v>
      </c>
      <c r="V22058" s="2">
        <v>1.399</v>
      </c>
      <c r="W22058" s="2">
        <v>0.01</v>
      </c>
      <c r="X22058" s="2">
        <v>118.9</v>
      </c>
      <c r="Y22058" s="2">
        <v>7.6</v>
      </c>
      <c r="Z22058" s="2">
        <v>10.6</v>
      </c>
      <c r="AA22058" s="5"/>
      <c r="AB22058" s="5" t="s">
        <v>43</v>
      </c>
      <c r="AC22058" s="5" t="s">
        <v>44</v>
      </c>
      <c r="AD22058" s="2"/>
      <c r="AE22058" s="1"/>
    </row>
    <row r="22059" spans="1:31" ht="14.45">
      <c r="A22059" s="11"/>
      <c r="B22059" s="20"/>
      <c r="C22059" s="2" t="s">
        <v>71045</v>
      </c>
      <c r="D22059" s="14" t="s">
        <v>71046</v>
      </c>
      <c r="E22059" s="2" t="s">
        <v>71047</v>
      </c>
      <c r="F22059" s="2" t="s">
        <v>7589</v>
      </c>
      <c r="G22059" s="8">
        <v>159</v>
      </c>
      <c r="H22059" s="5">
        <v>6</v>
      </c>
      <c r="I22059" s="5" t="s">
        <v>1518</v>
      </c>
      <c r="J22059" s="5" t="s">
        <v>69038</v>
      </c>
      <c r="K22059" s="2" t="s">
        <v>69039</v>
      </c>
      <c r="L22059" s="5" t="s">
        <v>69038</v>
      </c>
      <c r="M22059" s="2" t="s">
        <v>69039</v>
      </c>
      <c r="N22059" s="5" t="s">
        <v>1521</v>
      </c>
      <c r="O22059" s="5" t="s">
        <v>38</v>
      </c>
      <c r="P22059" s="5" t="s">
        <v>39</v>
      </c>
      <c r="Q22059" s="5" t="s">
        <v>40</v>
      </c>
      <c r="R22059" s="5" t="s">
        <v>1522</v>
      </c>
      <c r="S22059" s="5" t="s">
        <v>1523</v>
      </c>
      <c r="T22059" s="5" t="s">
        <v>42</v>
      </c>
      <c r="U22059" s="2">
        <v>1.7949999999999999</v>
      </c>
      <c r="V22059" s="2">
        <v>1.4710000000000001</v>
      </c>
      <c r="W22059" s="2">
        <v>0.01</v>
      </c>
      <c r="X22059" s="2">
        <v>118.9</v>
      </c>
      <c r="Y22059" s="2">
        <v>7.6</v>
      </c>
      <c r="Z22059" s="2">
        <v>10.6</v>
      </c>
      <c r="AA22059" s="5"/>
      <c r="AB22059" s="5" t="s">
        <v>43</v>
      </c>
      <c r="AC22059" s="5" t="s">
        <v>44</v>
      </c>
      <c r="AD22059" s="2"/>
      <c r="AE22059" s="1"/>
    </row>
    <row r="22060" spans="1:31" ht="14.45">
      <c r="A22060" s="11"/>
      <c r="B22060" s="20"/>
      <c r="C22060" s="2" t="s">
        <v>71048</v>
      </c>
      <c r="D22060" s="14" t="s">
        <v>71049</v>
      </c>
      <c r="E22060" s="2" t="s">
        <v>71050</v>
      </c>
      <c r="F22060" s="2" t="s">
        <v>7593</v>
      </c>
      <c r="G22060" s="8">
        <v>159</v>
      </c>
      <c r="H22060" s="5">
        <v>6</v>
      </c>
      <c r="I22060" s="5" t="s">
        <v>1518</v>
      </c>
      <c r="J22060" s="5" t="s">
        <v>69038</v>
      </c>
      <c r="K22060" s="2" t="s">
        <v>69039</v>
      </c>
      <c r="L22060" s="5" t="s">
        <v>69038</v>
      </c>
      <c r="M22060" s="2" t="s">
        <v>69039</v>
      </c>
      <c r="N22060" s="5" t="s">
        <v>1521</v>
      </c>
      <c r="O22060" s="5" t="s">
        <v>38</v>
      </c>
      <c r="P22060" s="5" t="s">
        <v>39</v>
      </c>
      <c r="Q22060" s="5" t="s">
        <v>40</v>
      </c>
      <c r="R22060" s="5" t="s">
        <v>1522</v>
      </c>
      <c r="S22060" s="5" t="s">
        <v>1523</v>
      </c>
      <c r="T22060" s="5" t="s">
        <v>42</v>
      </c>
      <c r="U22060" s="2">
        <v>1.7230000000000001</v>
      </c>
      <c r="V22060" s="2">
        <v>1.399</v>
      </c>
      <c r="W22060" s="2">
        <v>0.01</v>
      </c>
      <c r="X22060" s="2">
        <v>118.9</v>
      </c>
      <c r="Y22060" s="2">
        <v>7.6</v>
      </c>
      <c r="Z22060" s="2">
        <v>10.6</v>
      </c>
      <c r="AA22060" s="5"/>
      <c r="AB22060" s="5" t="s">
        <v>43</v>
      </c>
      <c r="AC22060" s="5" t="s">
        <v>44</v>
      </c>
      <c r="AD22060" s="2"/>
      <c r="AE22060" s="1"/>
    </row>
    <row r="22061" spans="1:31" ht="14.45">
      <c r="A22061" s="11"/>
      <c r="B22061" s="20"/>
      <c r="C22061" s="2" t="s">
        <v>71051</v>
      </c>
      <c r="D22061" s="14" t="s">
        <v>71052</v>
      </c>
      <c r="E22061" s="2" t="s">
        <v>71053</v>
      </c>
      <c r="F22061" s="2" t="s">
        <v>7433</v>
      </c>
      <c r="G22061" s="8">
        <v>159</v>
      </c>
      <c r="H22061" s="5">
        <v>6</v>
      </c>
      <c r="I22061" s="5" t="s">
        <v>1518</v>
      </c>
      <c r="J22061" s="5" t="s">
        <v>69038</v>
      </c>
      <c r="K22061" s="2" t="s">
        <v>69039</v>
      </c>
      <c r="L22061" s="5" t="s">
        <v>69038</v>
      </c>
      <c r="M22061" s="2" t="s">
        <v>69039</v>
      </c>
      <c r="N22061" s="5" t="s">
        <v>1521</v>
      </c>
      <c r="O22061" s="5" t="s">
        <v>38</v>
      </c>
      <c r="P22061" s="5" t="s">
        <v>39</v>
      </c>
      <c r="Q22061" s="5" t="s">
        <v>40</v>
      </c>
      <c r="R22061" s="5" t="s">
        <v>1522</v>
      </c>
      <c r="S22061" s="5" t="s">
        <v>1523</v>
      </c>
      <c r="T22061" s="5" t="s">
        <v>42</v>
      </c>
      <c r="U22061" s="2">
        <v>1.7230000000000001</v>
      </c>
      <c r="V22061" s="2">
        <v>1.399</v>
      </c>
      <c r="W22061" s="2">
        <v>0.01</v>
      </c>
      <c r="X22061" s="2">
        <v>118.9</v>
      </c>
      <c r="Y22061" s="2">
        <v>7.6</v>
      </c>
      <c r="Z22061" s="2">
        <v>10.6</v>
      </c>
      <c r="AA22061" s="5"/>
      <c r="AB22061" s="5" t="s">
        <v>43</v>
      </c>
      <c r="AC22061" s="5" t="s">
        <v>44</v>
      </c>
      <c r="AD22061" s="2"/>
      <c r="AE22061" s="1"/>
    </row>
    <row r="22062" spans="1:31" ht="14.45">
      <c r="A22062" s="11"/>
      <c r="B22062" s="20"/>
      <c r="C22062" s="2" t="s">
        <v>71054</v>
      </c>
      <c r="D22062" s="14" t="s">
        <v>71055</v>
      </c>
      <c r="E22062" s="2" t="s">
        <v>71056</v>
      </c>
      <c r="F22062" s="2" t="s">
        <v>7611</v>
      </c>
      <c r="G22062" s="8">
        <v>159</v>
      </c>
      <c r="H22062" s="5">
        <v>6</v>
      </c>
      <c r="I22062" s="5" t="s">
        <v>1518</v>
      </c>
      <c r="J22062" s="5" t="s">
        <v>69038</v>
      </c>
      <c r="K22062" s="2" t="s">
        <v>69039</v>
      </c>
      <c r="L22062" s="5" t="s">
        <v>69038</v>
      </c>
      <c r="M22062" s="2" t="s">
        <v>69039</v>
      </c>
      <c r="N22062" s="5" t="s">
        <v>1521</v>
      </c>
      <c r="O22062" s="5" t="s">
        <v>38</v>
      </c>
      <c r="P22062" s="5" t="s">
        <v>39</v>
      </c>
      <c r="Q22062" s="5" t="s">
        <v>40</v>
      </c>
      <c r="R22062" s="5" t="s">
        <v>1522</v>
      </c>
      <c r="S22062" s="5" t="s">
        <v>1523</v>
      </c>
      <c r="T22062" s="5" t="s">
        <v>42</v>
      </c>
      <c r="U22062" s="2">
        <v>1.7949999999999999</v>
      </c>
      <c r="V22062" s="2">
        <v>1.4710000000000001</v>
      </c>
      <c r="W22062" s="2">
        <v>0.01</v>
      </c>
      <c r="X22062" s="2">
        <v>118.9</v>
      </c>
      <c r="Y22062" s="2">
        <v>7.6</v>
      </c>
      <c r="Z22062" s="2">
        <v>10.6</v>
      </c>
      <c r="AA22062" s="5"/>
      <c r="AB22062" s="5" t="s">
        <v>43</v>
      </c>
      <c r="AC22062" s="5" t="s">
        <v>44</v>
      </c>
      <c r="AD22062" s="2"/>
      <c r="AE22062" s="1"/>
    </row>
    <row r="22063" spans="1:31" ht="14.45">
      <c r="A22063" s="11"/>
      <c r="B22063" s="20"/>
      <c r="C22063" s="2" t="s">
        <v>71057</v>
      </c>
      <c r="D22063" s="14" t="s">
        <v>71058</v>
      </c>
      <c r="E22063" s="2" t="s">
        <v>71059</v>
      </c>
      <c r="F22063" s="2" t="s">
        <v>7615</v>
      </c>
      <c r="G22063" s="8">
        <v>159</v>
      </c>
      <c r="H22063" s="5">
        <v>6</v>
      </c>
      <c r="I22063" s="5" t="s">
        <v>1518</v>
      </c>
      <c r="J22063" s="5" t="s">
        <v>69038</v>
      </c>
      <c r="K22063" s="2" t="s">
        <v>69039</v>
      </c>
      <c r="L22063" s="5" t="s">
        <v>69038</v>
      </c>
      <c r="M22063" s="2" t="s">
        <v>69039</v>
      </c>
      <c r="N22063" s="5" t="s">
        <v>1521</v>
      </c>
      <c r="O22063" s="5" t="s">
        <v>38</v>
      </c>
      <c r="P22063" s="5" t="s">
        <v>39</v>
      </c>
      <c r="Q22063" s="5" t="s">
        <v>40</v>
      </c>
      <c r="R22063" s="5" t="s">
        <v>1522</v>
      </c>
      <c r="S22063" s="5" t="s">
        <v>1523</v>
      </c>
      <c r="T22063" s="5" t="s">
        <v>42</v>
      </c>
      <c r="U22063" s="2">
        <v>1.7230000000000001</v>
      </c>
      <c r="V22063" s="2">
        <v>1.399</v>
      </c>
      <c r="W22063" s="2">
        <v>0.01</v>
      </c>
      <c r="X22063" s="2">
        <v>118.9</v>
      </c>
      <c r="Y22063" s="2">
        <v>7.6</v>
      </c>
      <c r="Z22063" s="2">
        <v>10.6</v>
      </c>
      <c r="AA22063" s="5"/>
      <c r="AB22063" s="5" t="s">
        <v>43</v>
      </c>
      <c r="AC22063" s="5" t="s">
        <v>44</v>
      </c>
      <c r="AD22063" s="2"/>
      <c r="AE22063" s="1"/>
    </row>
    <row r="22064" spans="1:31" ht="14.45">
      <c r="A22064" s="11"/>
      <c r="B22064" s="20"/>
      <c r="C22064" s="2" t="s">
        <v>71060</v>
      </c>
      <c r="D22064" s="14" t="s">
        <v>71061</v>
      </c>
      <c r="E22064" s="2" t="s">
        <v>71062</v>
      </c>
      <c r="F22064" s="2" t="s">
        <v>7619</v>
      </c>
      <c r="G22064" s="8">
        <v>159</v>
      </c>
      <c r="H22064" s="5">
        <v>6</v>
      </c>
      <c r="I22064" s="5" t="s">
        <v>1518</v>
      </c>
      <c r="J22064" s="5" t="s">
        <v>69038</v>
      </c>
      <c r="K22064" s="2" t="s">
        <v>69039</v>
      </c>
      <c r="L22064" s="5" t="s">
        <v>69038</v>
      </c>
      <c r="M22064" s="2" t="s">
        <v>69039</v>
      </c>
      <c r="N22064" s="5" t="s">
        <v>1521</v>
      </c>
      <c r="O22064" s="5" t="s">
        <v>38</v>
      </c>
      <c r="P22064" s="5" t="s">
        <v>39</v>
      </c>
      <c r="Q22064" s="5" t="s">
        <v>40</v>
      </c>
      <c r="R22064" s="5" t="s">
        <v>1522</v>
      </c>
      <c r="S22064" s="5" t="s">
        <v>1523</v>
      </c>
      <c r="T22064" s="5" t="s">
        <v>42</v>
      </c>
      <c r="U22064" s="2">
        <v>1.7949999999999999</v>
      </c>
      <c r="V22064" s="2">
        <v>1.4710000000000001</v>
      </c>
      <c r="W22064" s="2">
        <v>0.01</v>
      </c>
      <c r="X22064" s="2">
        <v>118.9</v>
      </c>
      <c r="Y22064" s="2">
        <v>7.6</v>
      </c>
      <c r="Z22064" s="2">
        <v>10.6</v>
      </c>
      <c r="AA22064" s="5"/>
      <c r="AB22064" s="5" t="s">
        <v>43</v>
      </c>
      <c r="AC22064" s="5" t="s">
        <v>44</v>
      </c>
      <c r="AD22064" s="2"/>
      <c r="AE22064" s="1"/>
    </row>
    <row r="22065" spans="1:31" ht="14.45">
      <c r="A22065" s="11"/>
      <c r="B22065" s="20"/>
      <c r="C22065" s="2" t="s">
        <v>71063</v>
      </c>
      <c r="D22065" s="14" t="s">
        <v>71064</v>
      </c>
      <c r="E22065" s="2" t="s">
        <v>71065</v>
      </c>
      <c r="F22065" s="2" t="s">
        <v>7410</v>
      </c>
      <c r="G22065" s="8">
        <v>159</v>
      </c>
      <c r="H22065" s="5">
        <v>6</v>
      </c>
      <c r="I22065" s="5" t="s">
        <v>1518</v>
      </c>
      <c r="J22065" s="5" t="s">
        <v>69038</v>
      </c>
      <c r="K22065" s="2" t="s">
        <v>69039</v>
      </c>
      <c r="L22065" s="5" t="s">
        <v>69038</v>
      </c>
      <c r="M22065" s="2" t="s">
        <v>69039</v>
      </c>
      <c r="N22065" s="5" t="s">
        <v>1521</v>
      </c>
      <c r="O22065" s="5" t="s">
        <v>38</v>
      </c>
      <c r="P22065" s="5" t="s">
        <v>39</v>
      </c>
      <c r="Q22065" s="5" t="s">
        <v>40</v>
      </c>
      <c r="R22065" s="5" t="s">
        <v>1522</v>
      </c>
      <c r="S22065" s="5" t="s">
        <v>1523</v>
      </c>
      <c r="T22065" s="5" t="s">
        <v>42</v>
      </c>
      <c r="U22065" s="2">
        <v>1.7230000000000001</v>
      </c>
      <c r="V22065" s="2">
        <v>1.399</v>
      </c>
      <c r="W22065" s="2">
        <v>0.01</v>
      </c>
      <c r="X22065" s="2">
        <v>118.9</v>
      </c>
      <c r="Y22065" s="2">
        <v>7.6</v>
      </c>
      <c r="Z22065" s="2">
        <v>10.6</v>
      </c>
      <c r="AA22065" s="5"/>
      <c r="AB22065" s="5" t="s">
        <v>43</v>
      </c>
      <c r="AC22065" s="5" t="s">
        <v>44</v>
      </c>
      <c r="AD22065" s="2"/>
      <c r="AE22065" s="1"/>
    </row>
    <row r="22066" spans="1:31" ht="14.45">
      <c r="A22066" s="11"/>
      <c r="B22066" s="20"/>
      <c r="C22066" s="2" t="s">
        <v>71066</v>
      </c>
      <c r="D22066" s="14" t="s">
        <v>71067</v>
      </c>
      <c r="E22066" s="2" t="s">
        <v>71068</v>
      </c>
      <c r="F22066" s="2" t="s">
        <v>7604</v>
      </c>
      <c r="G22066" s="8">
        <v>159</v>
      </c>
      <c r="H22066" s="5">
        <v>6</v>
      </c>
      <c r="I22066" s="5" t="s">
        <v>1518</v>
      </c>
      <c r="J22066" s="5" t="s">
        <v>69038</v>
      </c>
      <c r="K22066" s="2" t="s">
        <v>69039</v>
      </c>
      <c r="L22066" s="5" t="s">
        <v>69038</v>
      </c>
      <c r="M22066" s="2" t="s">
        <v>69039</v>
      </c>
      <c r="N22066" s="5" t="s">
        <v>1521</v>
      </c>
      <c r="O22066" s="5" t="s">
        <v>38</v>
      </c>
      <c r="P22066" s="5" t="s">
        <v>39</v>
      </c>
      <c r="Q22066" s="5" t="s">
        <v>40</v>
      </c>
      <c r="R22066" s="5" t="s">
        <v>1522</v>
      </c>
      <c r="S22066" s="5" t="s">
        <v>1523</v>
      </c>
      <c r="T22066" s="5" t="s">
        <v>42</v>
      </c>
      <c r="U22066" s="2">
        <v>1.7949999999999999</v>
      </c>
      <c r="V22066" s="2">
        <v>1.4710000000000001</v>
      </c>
      <c r="W22066" s="2">
        <v>0.01</v>
      </c>
      <c r="X22066" s="2">
        <v>118.9</v>
      </c>
      <c r="Y22066" s="2">
        <v>7.6</v>
      </c>
      <c r="Z22066" s="2">
        <v>10.6</v>
      </c>
      <c r="AA22066" s="5"/>
      <c r="AB22066" s="5" t="s">
        <v>43</v>
      </c>
      <c r="AC22066" s="5" t="s">
        <v>44</v>
      </c>
      <c r="AD22066" s="2"/>
      <c r="AE22066" s="1"/>
    </row>
    <row r="22067" spans="1:31" ht="14.45">
      <c r="A22067" s="11"/>
      <c r="B22067" s="20"/>
      <c r="C22067" s="2" t="s">
        <v>71069</v>
      </c>
      <c r="D22067" s="14" t="s">
        <v>71070</v>
      </c>
      <c r="E22067" s="2" t="s">
        <v>71071</v>
      </c>
      <c r="F22067" s="2" t="s">
        <v>7212</v>
      </c>
      <c r="G22067" s="8">
        <v>138</v>
      </c>
      <c r="H22067" s="5">
        <v>6</v>
      </c>
      <c r="I22067" s="5" t="s">
        <v>1518</v>
      </c>
      <c r="J22067" s="5" t="s">
        <v>69038</v>
      </c>
      <c r="K22067" s="2" t="s">
        <v>69039</v>
      </c>
      <c r="L22067" s="5" t="s">
        <v>69038</v>
      </c>
      <c r="M22067" s="2" t="s">
        <v>69039</v>
      </c>
      <c r="N22067" s="5" t="s">
        <v>1521</v>
      </c>
      <c r="O22067" s="5" t="s">
        <v>38</v>
      </c>
      <c r="P22067" s="5" t="s">
        <v>39</v>
      </c>
      <c r="Q22067" s="5" t="s">
        <v>40</v>
      </c>
      <c r="R22067" s="5" t="s">
        <v>1522</v>
      </c>
      <c r="S22067" s="5" t="s">
        <v>1523</v>
      </c>
      <c r="T22067" s="5" t="s">
        <v>42</v>
      </c>
      <c r="U22067" s="2">
        <v>1.7230000000000001</v>
      </c>
      <c r="V22067" s="2">
        <v>1.399</v>
      </c>
      <c r="W22067" s="2">
        <v>0.01</v>
      </c>
      <c r="X22067" s="2">
        <v>118.9</v>
      </c>
      <c r="Y22067" s="2">
        <v>7.6</v>
      </c>
      <c r="Z22067" s="2">
        <v>10.6</v>
      </c>
      <c r="AA22067" s="5"/>
      <c r="AB22067" s="5" t="s">
        <v>43</v>
      </c>
      <c r="AC22067" s="5" t="s">
        <v>44</v>
      </c>
      <c r="AD22067" s="2"/>
      <c r="AE22067" s="1"/>
    </row>
    <row r="22068" spans="1:31" ht="14.45">
      <c r="A22068" s="11"/>
      <c r="B22068" s="20"/>
      <c r="C22068" s="2" t="s">
        <v>71072</v>
      </c>
      <c r="D22068" s="14" t="s">
        <v>71073</v>
      </c>
      <c r="E22068" s="2" t="s">
        <v>71074</v>
      </c>
      <c r="F22068" s="2" t="s">
        <v>7528</v>
      </c>
      <c r="G22068" s="8">
        <v>138</v>
      </c>
      <c r="H22068" s="5">
        <v>6</v>
      </c>
      <c r="I22068" s="5" t="s">
        <v>1518</v>
      </c>
      <c r="J22068" s="5" t="s">
        <v>69038</v>
      </c>
      <c r="K22068" s="2" t="s">
        <v>69039</v>
      </c>
      <c r="L22068" s="5" t="s">
        <v>69038</v>
      </c>
      <c r="M22068" s="2" t="s">
        <v>69039</v>
      </c>
      <c r="N22068" s="5" t="s">
        <v>1521</v>
      </c>
      <c r="O22068" s="5" t="s">
        <v>38</v>
      </c>
      <c r="P22068" s="5" t="s">
        <v>39</v>
      </c>
      <c r="Q22068" s="5" t="s">
        <v>40</v>
      </c>
      <c r="R22068" s="5" t="s">
        <v>1522</v>
      </c>
      <c r="S22068" s="5" t="s">
        <v>1523</v>
      </c>
      <c r="T22068" s="5" t="s">
        <v>42</v>
      </c>
      <c r="U22068" s="2">
        <v>1.7949999999999999</v>
      </c>
      <c r="V22068" s="2">
        <v>1.4710000000000001</v>
      </c>
      <c r="W22068" s="2">
        <v>0.01</v>
      </c>
      <c r="X22068" s="2">
        <v>118.9</v>
      </c>
      <c r="Y22068" s="2">
        <v>7.6</v>
      </c>
      <c r="Z22068" s="2">
        <v>10.6</v>
      </c>
      <c r="AA22068" s="5"/>
      <c r="AB22068" s="5" t="s">
        <v>43</v>
      </c>
      <c r="AC22068" s="5" t="s">
        <v>44</v>
      </c>
      <c r="AD22068" s="2"/>
      <c r="AE22068" s="1"/>
    </row>
    <row r="22069" spans="1:31" ht="14.45">
      <c r="A22069" s="11"/>
      <c r="B22069" s="20"/>
      <c r="C22069" s="2" t="s">
        <v>71075</v>
      </c>
      <c r="D22069" s="14" t="s">
        <v>71076</v>
      </c>
      <c r="E22069" s="2" t="s">
        <v>71077</v>
      </c>
      <c r="F22069" s="2" t="s">
        <v>1863</v>
      </c>
      <c r="G22069" s="8">
        <v>159</v>
      </c>
      <c r="H22069" s="5">
        <v>6</v>
      </c>
      <c r="I22069" s="5" t="s">
        <v>1518</v>
      </c>
      <c r="J22069" s="5" t="s">
        <v>69038</v>
      </c>
      <c r="K22069" s="2" t="s">
        <v>69039</v>
      </c>
      <c r="L22069" s="5" t="s">
        <v>69038</v>
      </c>
      <c r="M22069" s="2" t="s">
        <v>69039</v>
      </c>
      <c r="N22069" s="5" t="s">
        <v>1521</v>
      </c>
      <c r="O22069" s="5" t="s">
        <v>38</v>
      </c>
      <c r="P22069" s="5" t="s">
        <v>39</v>
      </c>
      <c r="Q22069" s="5" t="s">
        <v>40</v>
      </c>
      <c r="R22069" s="5" t="s">
        <v>1522</v>
      </c>
      <c r="S22069" s="5" t="s">
        <v>1523</v>
      </c>
      <c r="T22069" s="5" t="s">
        <v>42</v>
      </c>
      <c r="U22069" s="2">
        <v>1.7230000000000001</v>
      </c>
      <c r="V22069" s="2">
        <v>1.399</v>
      </c>
      <c r="W22069" s="2">
        <v>0.01</v>
      </c>
      <c r="X22069" s="2">
        <v>118.9</v>
      </c>
      <c r="Y22069" s="2">
        <v>7.6</v>
      </c>
      <c r="Z22069" s="2">
        <v>10.6</v>
      </c>
      <c r="AA22069" s="5"/>
      <c r="AB22069" s="5" t="s">
        <v>43</v>
      </c>
      <c r="AC22069" s="5" t="s">
        <v>44</v>
      </c>
      <c r="AD22069" s="2"/>
      <c r="AE22069" s="1"/>
    </row>
    <row r="22070" spans="1:31" ht="14.45">
      <c r="A22070" s="11"/>
      <c r="B22070" s="20"/>
      <c r="C22070" s="2" t="s">
        <v>71078</v>
      </c>
      <c r="D22070" s="14" t="s">
        <v>71079</v>
      </c>
      <c r="E22070" s="2" t="s">
        <v>71080</v>
      </c>
      <c r="F22070" s="2" t="s">
        <v>1867</v>
      </c>
      <c r="G22070" s="8">
        <v>159</v>
      </c>
      <c r="H22070" s="5">
        <v>6</v>
      </c>
      <c r="I22070" s="5" t="s">
        <v>1518</v>
      </c>
      <c r="J22070" s="5" t="s">
        <v>69038</v>
      </c>
      <c r="K22070" s="2" t="s">
        <v>69039</v>
      </c>
      <c r="L22070" s="5" t="s">
        <v>69038</v>
      </c>
      <c r="M22070" s="2" t="s">
        <v>69039</v>
      </c>
      <c r="N22070" s="5" t="s">
        <v>1521</v>
      </c>
      <c r="O22070" s="5" t="s">
        <v>38</v>
      </c>
      <c r="P22070" s="5" t="s">
        <v>39</v>
      </c>
      <c r="Q22070" s="5" t="s">
        <v>40</v>
      </c>
      <c r="R22070" s="5" t="s">
        <v>1522</v>
      </c>
      <c r="S22070" s="5" t="s">
        <v>1523</v>
      </c>
      <c r="T22070" s="5" t="s">
        <v>42</v>
      </c>
      <c r="U22070" s="2">
        <v>1.7949999999999999</v>
      </c>
      <c r="V22070" s="2">
        <v>1.4710000000000001</v>
      </c>
      <c r="W22070" s="2">
        <v>0.01</v>
      </c>
      <c r="X22070" s="2">
        <v>118.9</v>
      </c>
      <c r="Y22070" s="2">
        <v>7.6</v>
      </c>
      <c r="Z22070" s="2">
        <v>10.6</v>
      </c>
      <c r="AA22070" s="5"/>
      <c r="AB22070" s="5" t="s">
        <v>43</v>
      </c>
      <c r="AC22070" s="5" t="s">
        <v>44</v>
      </c>
      <c r="AD22070" s="2"/>
      <c r="AE22070" s="1"/>
    </row>
    <row r="22071" spans="1:31" ht="14.45">
      <c r="A22071" s="11"/>
      <c r="B22071" s="20"/>
      <c r="C22071" s="2" t="s">
        <v>71081</v>
      </c>
      <c r="D22071" s="14" t="s">
        <v>71082</v>
      </c>
      <c r="E22071" s="2" t="s">
        <v>71083</v>
      </c>
      <c r="F22071" s="2" t="s">
        <v>7204</v>
      </c>
      <c r="G22071" s="8">
        <v>146</v>
      </c>
      <c r="H22071" s="5">
        <v>6</v>
      </c>
      <c r="I22071" s="5" t="s">
        <v>1518</v>
      </c>
      <c r="J22071" s="5" t="s">
        <v>69038</v>
      </c>
      <c r="K22071" s="2" t="s">
        <v>69039</v>
      </c>
      <c r="L22071" s="5" t="s">
        <v>69038</v>
      </c>
      <c r="M22071" s="2" t="s">
        <v>69039</v>
      </c>
      <c r="N22071" s="5" t="s">
        <v>1521</v>
      </c>
      <c r="O22071" s="5" t="s">
        <v>38</v>
      </c>
      <c r="P22071" s="5" t="s">
        <v>39</v>
      </c>
      <c r="Q22071" s="5" t="s">
        <v>40</v>
      </c>
      <c r="R22071" s="5" t="s">
        <v>1522</v>
      </c>
      <c r="S22071" s="5" t="s">
        <v>1523</v>
      </c>
      <c r="T22071" s="5" t="s">
        <v>42</v>
      </c>
      <c r="U22071" s="2">
        <v>1.85</v>
      </c>
      <c r="V22071" s="2">
        <v>1.526</v>
      </c>
      <c r="W22071" s="2">
        <v>0.01</v>
      </c>
      <c r="X22071" s="2">
        <v>118.9</v>
      </c>
      <c r="Y22071" s="2">
        <v>7.6</v>
      </c>
      <c r="Z22071" s="2">
        <v>10.6</v>
      </c>
      <c r="AA22071" s="5"/>
      <c r="AB22071" s="5" t="s">
        <v>43</v>
      </c>
      <c r="AC22071" s="5" t="s">
        <v>44</v>
      </c>
      <c r="AD22071" s="2"/>
      <c r="AE22071" s="1"/>
    </row>
    <row r="22072" spans="1:31" ht="14.45">
      <c r="A22072" s="11"/>
      <c r="B22072" s="20"/>
      <c r="C22072" s="2" t="s">
        <v>71084</v>
      </c>
      <c r="D22072" s="14" t="s">
        <v>71085</v>
      </c>
      <c r="E22072" s="2" t="s">
        <v>71086</v>
      </c>
      <c r="F22072" s="2" t="s">
        <v>7514</v>
      </c>
      <c r="G22072" s="8">
        <v>146</v>
      </c>
      <c r="H22072" s="5">
        <v>6</v>
      </c>
      <c r="I22072" s="5" t="s">
        <v>1518</v>
      </c>
      <c r="J22072" s="5" t="s">
        <v>69038</v>
      </c>
      <c r="K22072" s="2" t="s">
        <v>69039</v>
      </c>
      <c r="L22072" s="5" t="s">
        <v>69038</v>
      </c>
      <c r="M22072" s="2" t="s">
        <v>69039</v>
      </c>
      <c r="N22072" s="5" t="s">
        <v>1521</v>
      </c>
      <c r="O22072" s="5" t="s">
        <v>38</v>
      </c>
      <c r="P22072" s="5" t="s">
        <v>39</v>
      </c>
      <c r="Q22072" s="5" t="s">
        <v>40</v>
      </c>
      <c r="R22072" s="5" t="s">
        <v>1522</v>
      </c>
      <c r="S22072" s="5" t="s">
        <v>1523</v>
      </c>
      <c r="T22072" s="5" t="s">
        <v>42</v>
      </c>
      <c r="U22072" s="2">
        <v>1.9330000000000001</v>
      </c>
      <c r="V22072" s="2">
        <v>1.609</v>
      </c>
      <c r="W22072" s="2">
        <v>0.01</v>
      </c>
      <c r="X22072" s="2">
        <v>118.9</v>
      </c>
      <c r="Y22072" s="2">
        <v>7.6</v>
      </c>
      <c r="Z22072" s="2">
        <v>10.6</v>
      </c>
      <c r="AA22072" s="5"/>
      <c r="AB22072" s="5" t="s">
        <v>43</v>
      </c>
      <c r="AC22072" s="5" t="s">
        <v>44</v>
      </c>
      <c r="AD22072" s="2"/>
      <c r="AE22072" s="1"/>
    </row>
    <row r="22073" spans="1:31" ht="14.45">
      <c r="A22073" s="11"/>
      <c r="B22073" s="20"/>
      <c r="C22073" s="2" t="s">
        <v>71087</v>
      </c>
      <c r="D22073" s="14" t="s">
        <v>71088</v>
      </c>
      <c r="E22073" s="2" t="s">
        <v>71089</v>
      </c>
      <c r="F22073" s="2" t="s">
        <v>7208</v>
      </c>
      <c r="G22073" s="8">
        <v>146</v>
      </c>
      <c r="H22073" s="5">
        <v>6</v>
      </c>
      <c r="I22073" s="5" t="s">
        <v>1518</v>
      </c>
      <c r="J22073" s="5" t="s">
        <v>69038</v>
      </c>
      <c r="K22073" s="2" t="s">
        <v>69039</v>
      </c>
      <c r="L22073" s="5" t="s">
        <v>69038</v>
      </c>
      <c r="M22073" s="2" t="s">
        <v>69039</v>
      </c>
      <c r="N22073" s="5" t="s">
        <v>1521</v>
      </c>
      <c r="O22073" s="5" t="s">
        <v>38</v>
      </c>
      <c r="P22073" s="5" t="s">
        <v>39</v>
      </c>
      <c r="Q22073" s="5" t="s">
        <v>40</v>
      </c>
      <c r="R22073" s="5" t="s">
        <v>1522</v>
      </c>
      <c r="S22073" s="5" t="s">
        <v>1523</v>
      </c>
      <c r="T22073" s="5" t="s">
        <v>42</v>
      </c>
      <c r="U22073" s="2">
        <v>1.85</v>
      </c>
      <c r="V22073" s="2">
        <v>1.526</v>
      </c>
      <c r="W22073" s="2">
        <v>0.01</v>
      </c>
      <c r="X22073" s="2">
        <v>118.9</v>
      </c>
      <c r="Y22073" s="2">
        <v>7.6</v>
      </c>
      <c r="Z22073" s="2">
        <v>10.6</v>
      </c>
      <c r="AA22073" s="5"/>
      <c r="AB22073" s="5" t="s">
        <v>43</v>
      </c>
      <c r="AC22073" s="5" t="s">
        <v>44</v>
      </c>
      <c r="AD22073" s="2"/>
      <c r="AE22073" s="1"/>
    </row>
    <row r="22074" spans="1:31" ht="14.45">
      <c r="A22074" s="11"/>
      <c r="B22074" s="20"/>
      <c r="C22074" s="2" t="s">
        <v>71090</v>
      </c>
      <c r="D22074" s="14" t="s">
        <v>71091</v>
      </c>
      <c r="E22074" s="2" t="s">
        <v>71092</v>
      </c>
      <c r="F22074" s="2" t="s">
        <v>7521</v>
      </c>
      <c r="G22074" s="8">
        <v>146</v>
      </c>
      <c r="H22074" s="5">
        <v>6</v>
      </c>
      <c r="I22074" s="5" t="s">
        <v>1518</v>
      </c>
      <c r="J22074" s="5" t="s">
        <v>69038</v>
      </c>
      <c r="K22074" s="2" t="s">
        <v>69039</v>
      </c>
      <c r="L22074" s="5" t="s">
        <v>69038</v>
      </c>
      <c r="M22074" s="2" t="s">
        <v>69039</v>
      </c>
      <c r="N22074" s="5" t="s">
        <v>1521</v>
      </c>
      <c r="O22074" s="5" t="s">
        <v>38</v>
      </c>
      <c r="P22074" s="5" t="s">
        <v>39</v>
      </c>
      <c r="Q22074" s="5" t="s">
        <v>40</v>
      </c>
      <c r="R22074" s="5" t="s">
        <v>1522</v>
      </c>
      <c r="S22074" s="5" t="s">
        <v>1523</v>
      </c>
      <c r="T22074" s="5" t="s">
        <v>42</v>
      </c>
      <c r="U22074" s="2">
        <v>1.9330000000000001</v>
      </c>
      <c r="V22074" s="2">
        <v>1.609</v>
      </c>
      <c r="W22074" s="2">
        <v>0.01</v>
      </c>
      <c r="X22074" s="2">
        <v>118.9</v>
      </c>
      <c r="Y22074" s="2">
        <v>7.6</v>
      </c>
      <c r="Z22074" s="2">
        <v>10.6</v>
      </c>
      <c r="AA22074" s="5"/>
      <c r="AB22074" s="5" t="s">
        <v>43</v>
      </c>
      <c r="AC22074" s="5" t="s">
        <v>44</v>
      </c>
      <c r="AD22074" s="2"/>
      <c r="AE22074" s="1"/>
    </row>
    <row r="22075" spans="1:31" ht="14.45">
      <c r="A22075" s="11"/>
      <c r="B22075" s="20"/>
      <c r="C22075" s="2" t="s">
        <v>71093</v>
      </c>
      <c r="D22075" s="14" t="s">
        <v>71094</v>
      </c>
      <c r="E22075" s="2" t="s">
        <v>71095</v>
      </c>
      <c r="F22075" s="2" t="s">
        <v>7406</v>
      </c>
      <c r="G22075" s="8">
        <v>168</v>
      </c>
      <c r="H22075" s="5">
        <v>6</v>
      </c>
      <c r="I22075" s="5" t="s">
        <v>1518</v>
      </c>
      <c r="J22075" s="5" t="s">
        <v>69038</v>
      </c>
      <c r="K22075" s="2" t="s">
        <v>69039</v>
      </c>
      <c r="L22075" s="5" t="s">
        <v>69038</v>
      </c>
      <c r="M22075" s="2" t="s">
        <v>69039</v>
      </c>
      <c r="N22075" s="5" t="s">
        <v>1521</v>
      </c>
      <c r="O22075" s="5" t="s">
        <v>38</v>
      </c>
      <c r="P22075" s="5" t="s">
        <v>39</v>
      </c>
      <c r="Q22075" s="5" t="s">
        <v>40</v>
      </c>
      <c r="R22075" s="5" t="s">
        <v>1522</v>
      </c>
      <c r="S22075" s="5" t="s">
        <v>1523</v>
      </c>
      <c r="T22075" s="5" t="s">
        <v>42</v>
      </c>
      <c r="U22075" s="2">
        <v>1.85</v>
      </c>
      <c r="V22075" s="2">
        <v>1.526</v>
      </c>
      <c r="W22075" s="2">
        <v>0.01</v>
      </c>
      <c r="X22075" s="2">
        <v>118.9</v>
      </c>
      <c r="Y22075" s="2">
        <v>7.6</v>
      </c>
      <c r="Z22075" s="2">
        <v>10.6</v>
      </c>
      <c r="AA22075" s="5"/>
      <c r="AB22075" s="5" t="s">
        <v>43</v>
      </c>
      <c r="AC22075" s="5" t="s">
        <v>44</v>
      </c>
      <c r="AD22075" s="2"/>
      <c r="AE22075" s="1"/>
    </row>
    <row r="22076" spans="1:31" ht="14.45">
      <c r="A22076" s="11"/>
      <c r="B22076" s="20"/>
      <c r="C22076" s="2" t="s">
        <v>71096</v>
      </c>
      <c r="D22076" s="14" t="s">
        <v>71097</v>
      </c>
      <c r="E22076" s="2" t="s">
        <v>71098</v>
      </c>
      <c r="F22076" s="2" t="s">
        <v>7535</v>
      </c>
      <c r="G22076" s="8">
        <v>168</v>
      </c>
      <c r="H22076" s="5">
        <v>6</v>
      </c>
      <c r="I22076" s="5" t="s">
        <v>1518</v>
      </c>
      <c r="J22076" s="5" t="s">
        <v>69038</v>
      </c>
      <c r="K22076" s="2" t="s">
        <v>69039</v>
      </c>
      <c r="L22076" s="5" t="s">
        <v>69038</v>
      </c>
      <c r="M22076" s="2" t="s">
        <v>69039</v>
      </c>
      <c r="N22076" s="5" t="s">
        <v>1521</v>
      </c>
      <c r="O22076" s="5" t="s">
        <v>38</v>
      </c>
      <c r="P22076" s="5" t="s">
        <v>39</v>
      </c>
      <c r="Q22076" s="5" t="s">
        <v>40</v>
      </c>
      <c r="R22076" s="5" t="s">
        <v>1522</v>
      </c>
      <c r="S22076" s="5" t="s">
        <v>1523</v>
      </c>
      <c r="T22076" s="5" t="s">
        <v>42</v>
      </c>
      <c r="U22076" s="2">
        <v>1.9330000000000001</v>
      </c>
      <c r="V22076" s="2">
        <v>1.609</v>
      </c>
      <c r="W22076" s="2">
        <v>0.01</v>
      </c>
      <c r="X22076" s="2">
        <v>118.9</v>
      </c>
      <c r="Y22076" s="2">
        <v>7.6</v>
      </c>
      <c r="Z22076" s="2">
        <v>10.6</v>
      </c>
      <c r="AA22076" s="5"/>
      <c r="AB22076" s="5" t="s">
        <v>43</v>
      </c>
      <c r="AC22076" s="5" t="s">
        <v>44</v>
      </c>
      <c r="AD22076" s="2"/>
      <c r="AE22076" s="1"/>
    </row>
    <row r="22077" spans="1:31" ht="14.45">
      <c r="A22077" s="11"/>
      <c r="B22077" s="20"/>
      <c r="C22077" s="2" t="s">
        <v>71099</v>
      </c>
      <c r="D22077" s="14" t="s">
        <v>71100</v>
      </c>
      <c r="E22077" s="2" t="s">
        <v>71101</v>
      </c>
      <c r="F22077" s="2" t="s">
        <v>7539</v>
      </c>
      <c r="G22077" s="8">
        <v>168</v>
      </c>
      <c r="H22077" s="5">
        <v>6</v>
      </c>
      <c r="I22077" s="5" t="s">
        <v>1518</v>
      </c>
      <c r="J22077" s="5" t="s">
        <v>69038</v>
      </c>
      <c r="K22077" s="2" t="s">
        <v>69039</v>
      </c>
      <c r="L22077" s="5" t="s">
        <v>69038</v>
      </c>
      <c r="M22077" s="2" t="s">
        <v>69039</v>
      </c>
      <c r="N22077" s="5" t="s">
        <v>1521</v>
      </c>
      <c r="O22077" s="5" t="s">
        <v>38</v>
      </c>
      <c r="P22077" s="5" t="s">
        <v>39</v>
      </c>
      <c r="Q22077" s="5" t="s">
        <v>40</v>
      </c>
      <c r="R22077" s="5" t="s">
        <v>1522</v>
      </c>
      <c r="S22077" s="5" t="s">
        <v>1523</v>
      </c>
      <c r="T22077" s="5" t="s">
        <v>42</v>
      </c>
      <c r="U22077" s="2">
        <v>1.85</v>
      </c>
      <c r="V22077" s="2">
        <v>1.526</v>
      </c>
      <c r="W22077" s="2">
        <v>0.01</v>
      </c>
      <c r="X22077" s="2">
        <v>118.9</v>
      </c>
      <c r="Y22077" s="2">
        <v>7.6</v>
      </c>
      <c r="Z22077" s="2">
        <v>10.6</v>
      </c>
      <c r="AA22077" s="5"/>
      <c r="AB22077" s="5" t="s">
        <v>43</v>
      </c>
      <c r="AC22077" s="5" t="s">
        <v>44</v>
      </c>
      <c r="AD22077" s="2"/>
      <c r="AE22077" s="1"/>
    </row>
    <row r="22078" spans="1:31" ht="14.45">
      <c r="A22078" s="11"/>
      <c r="B22078" s="20"/>
      <c r="C22078" s="2" t="s">
        <v>71102</v>
      </c>
      <c r="D22078" s="14" t="s">
        <v>71103</v>
      </c>
      <c r="E22078" s="2" t="s">
        <v>71104</v>
      </c>
      <c r="F22078" s="2" t="s">
        <v>7543</v>
      </c>
      <c r="G22078" s="8">
        <v>168</v>
      </c>
      <c r="H22078" s="5">
        <v>6</v>
      </c>
      <c r="I22078" s="5" t="s">
        <v>1518</v>
      </c>
      <c r="J22078" s="5" t="s">
        <v>69038</v>
      </c>
      <c r="K22078" s="2" t="s">
        <v>69039</v>
      </c>
      <c r="L22078" s="5" t="s">
        <v>69038</v>
      </c>
      <c r="M22078" s="2" t="s">
        <v>69039</v>
      </c>
      <c r="N22078" s="5" t="s">
        <v>1521</v>
      </c>
      <c r="O22078" s="5" t="s">
        <v>38</v>
      </c>
      <c r="P22078" s="5" t="s">
        <v>39</v>
      </c>
      <c r="Q22078" s="5" t="s">
        <v>40</v>
      </c>
      <c r="R22078" s="5" t="s">
        <v>1522</v>
      </c>
      <c r="S22078" s="5" t="s">
        <v>1523</v>
      </c>
      <c r="T22078" s="5" t="s">
        <v>42</v>
      </c>
      <c r="U22078" s="2">
        <v>1.9330000000000001</v>
      </c>
      <c r="V22078" s="2">
        <v>1.609</v>
      </c>
      <c r="W22078" s="2">
        <v>0.01</v>
      </c>
      <c r="X22078" s="2">
        <v>118.9</v>
      </c>
      <c r="Y22078" s="2">
        <v>7.6</v>
      </c>
      <c r="Z22078" s="2">
        <v>10.6</v>
      </c>
      <c r="AA22078" s="5"/>
      <c r="AB22078" s="5" t="s">
        <v>43</v>
      </c>
      <c r="AC22078" s="5" t="s">
        <v>44</v>
      </c>
      <c r="AD22078" s="2"/>
      <c r="AE22078" s="1"/>
    </row>
    <row r="22079" spans="1:31" ht="14.45">
      <c r="A22079" s="11"/>
      <c r="B22079" s="20"/>
      <c r="C22079" s="2" t="s">
        <v>71105</v>
      </c>
      <c r="D22079" s="14" t="s">
        <v>71106</v>
      </c>
      <c r="E22079" s="2" t="s">
        <v>71107</v>
      </c>
      <c r="F22079" s="2" t="s">
        <v>7396</v>
      </c>
      <c r="G22079" s="8">
        <v>146</v>
      </c>
      <c r="H22079" s="5">
        <v>6</v>
      </c>
      <c r="I22079" s="5" t="s">
        <v>1518</v>
      </c>
      <c r="J22079" s="5" t="s">
        <v>69038</v>
      </c>
      <c r="K22079" s="2" t="s">
        <v>69039</v>
      </c>
      <c r="L22079" s="5" t="s">
        <v>69038</v>
      </c>
      <c r="M22079" s="2" t="s">
        <v>69039</v>
      </c>
      <c r="N22079" s="5" t="s">
        <v>1521</v>
      </c>
      <c r="O22079" s="5" t="s">
        <v>38</v>
      </c>
      <c r="P22079" s="5" t="s">
        <v>39</v>
      </c>
      <c r="Q22079" s="5" t="s">
        <v>40</v>
      </c>
      <c r="R22079" s="5" t="s">
        <v>1522</v>
      </c>
      <c r="S22079" s="5" t="s">
        <v>1523</v>
      </c>
      <c r="T22079" s="5" t="s">
        <v>42</v>
      </c>
      <c r="U22079" s="2">
        <v>1.85</v>
      </c>
      <c r="V22079" s="2">
        <v>1.526</v>
      </c>
      <c r="W22079" s="2">
        <v>0.01</v>
      </c>
      <c r="X22079" s="2">
        <v>118.9</v>
      </c>
      <c r="Y22079" s="2">
        <v>7.6</v>
      </c>
      <c r="Z22079" s="2">
        <v>10.6</v>
      </c>
      <c r="AA22079" s="5"/>
      <c r="AB22079" s="5" t="s">
        <v>43</v>
      </c>
      <c r="AC22079" s="5" t="s">
        <v>44</v>
      </c>
      <c r="AD22079" s="2"/>
      <c r="AE22079" s="1"/>
    </row>
    <row r="22080" spans="1:31" ht="14.45">
      <c r="A22080" s="11"/>
      <c r="B22080" s="20"/>
      <c r="C22080" s="2" t="s">
        <v>71108</v>
      </c>
      <c r="D22080" s="14" t="s">
        <v>71109</v>
      </c>
      <c r="E22080" s="2" t="s">
        <v>71110</v>
      </c>
      <c r="F22080" s="2" t="s">
        <v>69112</v>
      </c>
      <c r="G22080" s="8">
        <v>146</v>
      </c>
      <c r="H22080" s="5">
        <v>6</v>
      </c>
      <c r="I22080" s="5" t="s">
        <v>1518</v>
      </c>
      <c r="J22080" s="5" t="s">
        <v>69038</v>
      </c>
      <c r="K22080" s="2" t="s">
        <v>69039</v>
      </c>
      <c r="L22080" s="5" t="s">
        <v>69038</v>
      </c>
      <c r="M22080" s="2" t="s">
        <v>69039</v>
      </c>
      <c r="N22080" s="5" t="s">
        <v>1521</v>
      </c>
      <c r="O22080" s="5" t="s">
        <v>38</v>
      </c>
      <c r="P22080" s="5" t="s">
        <v>39</v>
      </c>
      <c r="Q22080" s="5" t="s">
        <v>40</v>
      </c>
      <c r="R22080" s="5" t="s">
        <v>1522</v>
      </c>
      <c r="S22080" s="5" t="s">
        <v>1523</v>
      </c>
      <c r="T22080" s="5" t="s">
        <v>42</v>
      </c>
      <c r="U22080" s="2">
        <v>1.9330000000000001</v>
      </c>
      <c r="V22080" s="2">
        <v>1.609</v>
      </c>
      <c r="W22080" s="2">
        <v>0.01</v>
      </c>
      <c r="X22080" s="2">
        <v>118.9</v>
      </c>
      <c r="Y22080" s="2">
        <v>7.6</v>
      </c>
      <c r="Z22080" s="2">
        <v>10.6</v>
      </c>
      <c r="AA22080" s="5"/>
      <c r="AB22080" s="5" t="s">
        <v>43</v>
      </c>
      <c r="AC22080" s="5" t="s">
        <v>44</v>
      </c>
      <c r="AD22080" s="2"/>
      <c r="AE22080" s="1"/>
    </row>
    <row r="22081" spans="1:31" ht="14.45">
      <c r="A22081" s="11"/>
      <c r="B22081" s="20"/>
      <c r="C22081" s="2" t="s">
        <v>71111</v>
      </c>
      <c r="D22081" s="14" t="s">
        <v>71112</v>
      </c>
      <c r="E22081" s="2" t="s">
        <v>71113</v>
      </c>
      <c r="F22081" s="2" t="s">
        <v>7563</v>
      </c>
      <c r="G22081" s="8">
        <v>168</v>
      </c>
      <c r="H22081" s="5">
        <v>6</v>
      </c>
      <c r="I22081" s="5" t="s">
        <v>1518</v>
      </c>
      <c r="J22081" s="5" t="s">
        <v>69038</v>
      </c>
      <c r="K22081" s="2" t="s">
        <v>69039</v>
      </c>
      <c r="L22081" s="5" t="s">
        <v>69038</v>
      </c>
      <c r="M22081" s="2" t="s">
        <v>69039</v>
      </c>
      <c r="N22081" s="5" t="s">
        <v>1521</v>
      </c>
      <c r="O22081" s="5" t="s">
        <v>38</v>
      </c>
      <c r="P22081" s="5" t="s">
        <v>39</v>
      </c>
      <c r="Q22081" s="5" t="s">
        <v>40</v>
      </c>
      <c r="R22081" s="5" t="s">
        <v>1522</v>
      </c>
      <c r="S22081" s="5" t="s">
        <v>1523</v>
      </c>
      <c r="T22081" s="5" t="s">
        <v>42</v>
      </c>
      <c r="U22081" s="2">
        <v>1.85</v>
      </c>
      <c r="V22081" s="2">
        <v>1.526</v>
      </c>
      <c r="W22081" s="2">
        <v>0.01</v>
      </c>
      <c r="X22081" s="2">
        <v>118.9</v>
      </c>
      <c r="Y22081" s="2">
        <v>7.6</v>
      </c>
      <c r="Z22081" s="2">
        <v>10.6</v>
      </c>
      <c r="AA22081" s="5"/>
      <c r="AB22081" s="5" t="s">
        <v>43</v>
      </c>
      <c r="AC22081" s="5" t="s">
        <v>44</v>
      </c>
      <c r="AD22081" s="2"/>
      <c r="AE22081" s="1"/>
    </row>
    <row r="22082" spans="1:31" ht="14.45">
      <c r="A22082" s="11"/>
      <c r="B22082" s="20"/>
      <c r="C22082" s="2" t="s">
        <v>71114</v>
      </c>
      <c r="D22082" s="14" t="s">
        <v>71115</v>
      </c>
      <c r="E22082" s="2" t="s">
        <v>71116</v>
      </c>
      <c r="F22082" s="2" t="s">
        <v>7567</v>
      </c>
      <c r="G22082" s="8">
        <v>168</v>
      </c>
      <c r="H22082" s="5">
        <v>6</v>
      </c>
      <c r="I22082" s="5" t="s">
        <v>1518</v>
      </c>
      <c r="J22082" s="5" t="s">
        <v>69038</v>
      </c>
      <c r="K22082" s="2" t="s">
        <v>69039</v>
      </c>
      <c r="L22082" s="5" t="s">
        <v>69038</v>
      </c>
      <c r="M22082" s="2" t="s">
        <v>69039</v>
      </c>
      <c r="N22082" s="5" t="s">
        <v>1521</v>
      </c>
      <c r="O22082" s="5" t="s">
        <v>38</v>
      </c>
      <c r="P22082" s="5" t="s">
        <v>39</v>
      </c>
      <c r="Q22082" s="5" t="s">
        <v>40</v>
      </c>
      <c r="R22082" s="5" t="s">
        <v>1522</v>
      </c>
      <c r="S22082" s="5" t="s">
        <v>1523</v>
      </c>
      <c r="T22082" s="5" t="s">
        <v>42</v>
      </c>
      <c r="U22082" s="2">
        <v>1.9330000000000001</v>
      </c>
      <c r="V22082" s="2">
        <v>1.609</v>
      </c>
      <c r="W22082" s="2">
        <v>0.01</v>
      </c>
      <c r="X22082" s="2">
        <v>118.9</v>
      </c>
      <c r="Y22082" s="2">
        <v>7.6</v>
      </c>
      <c r="Z22082" s="2">
        <v>10.6</v>
      </c>
      <c r="AA22082" s="5"/>
      <c r="AB22082" s="5" t="s">
        <v>43</v>
      </c>
      <c r="AC22082" s="5" t="s">
        <v>44</v>
      </c>
      <c r="AD22082" s="2"/>
      <c r="AE22082" s="1"/>
    </row>
    <row r="22083" spans="1:31" ht="14.45">
      <c r="A22083" s="11"/>
      <c r="B22083" s="20"/>
      <c r="C22083" s="2" t="s">
        <v>71117</v>
      </c>
      <c r="D22083" s="14" t="s">
        <v>71118</v>
      </c>
      <c r="E22083" s="2" t="s">
        <v>71119</v>
      </c>
      <c r="F22083" s="2" t="s">
        <v>7555</v>
      </c>
      <c r="G22083" s="8">
        <v>168</v>
      </c>
      <c r="H22083" s="5">
        <v>6</v>
      </c>
      <c r="I22083" s="5" t="s">
        <v>1518</v>
      </c>
      <c r="J22083" s="5" t="s">
        <v>69038</v>
      </c>
      <c r="K22083" s="2" t="s">
        <v>69039</v>
      </c>
      <c r="L22083" s="5" t="s">
        <v>69038</v>
      </c>
      <c r="M22083" s="2" t="s">
        <v>69039</v>
      </c>
      <c r="N22083" s="5" t="s">
        <v>1521</v>
      </c>
      <c r="O22083" s="5" t="s">
        <v>38</v>
      </c>
      <c r="P22083" s="5" t="s">
        <v>39</v>
      </c>
      <c r="Q22083" s="5" t="s">
        <v>40</v>
      </c>
      <c r="R22083" s="5" t="s">
        <v>1522</v>
      </c>
      <c r="S22083" s="5" t="s">
        <v>1523</v>
      </c>
      <c r="T22083" s="5" t="s">
        <v>42</v>
      </c>
      <c r="U22083" s="2">
        <v>1.85</v>
      </c>
      <c r="V22083" s="2">
        <v>1.526</v>
      </c>
      <c r="W22083" s="2">
        <v>0.01</v>
      </c>
      <c r="X22083" s="2">
        <v>118.9</v>
      </c>
      <c r="Y22083" s="2">
        <v>7.6</v>
      </c>
      <c r="Z22083" s="2">
        <v>10.6</v>
      </c>
      <c r="AA22083" s="5"/>
      <c r="AB22083" s="5" t="s">
        <v>43</v>
      </c>
      <c r="AC22083" s="5" t="s">
        <v>44</v>
      </c>
      <c r="AD22083" s="2"/>
      <c r="AE22083" s="1"/>
    </row>
    <row r="22084" spans="1:31" ht="14.45">
      <c r="A22084" s="11"/>
      <c r="B22084" s="20"/>
      <c r="C22084" s="2" t="s">
        <v>71120</v>
      </c>
      <c r="D22084" s="14" t="s">
        <v>71121</v>
      </c>
      <c r="E22084" s="2" t="s">
        <v>71122</v>
      </c>
      <c r="F22084" s="2" t="s">
        <v>7449</v>
      </c>
      <c r="G22084" s="8">
        <v>168</v>
      </c>
      <c r="H22084" s="5">
        <v>6</v>
      </c>
      <c r="I22084" s="5" t="s">
        <v>1518</v>
      </c>
      <c r="J22084" s="5" t="s">
        <v>69038</v>
      </c>
      <c r="K22084" s="2" t="s">
        <v>69039</v>
      </c>
      <c r="L22084" s="5" t="s">
        <v>69038</v>
      </c>
      <c r="M22084" s="2" t="s">
        <v>69039</v>
      </c>
      <c r="N22084" s="5" t="s">
        <v>1521</v>
      </c>
      <c r="O22084" s="5" t="s">
        <v>38</v>
      </c>
      <c r="P22084" s="5" t="s">
        <v>39</v>
      </c>
      <c r="Q22084" s="5" t="s">
        <v>40</v>
      </c>
      <c r="R22084" s="5" t="s">
        <v>1522</v>
      </c>
      <c r="S22084" s="5" t="s">
        <v>1523</v>
      </c>
      <c r="T22084" s="5" t="s">
        <v>42</v>
      </c>
      <c r="U22084" s="2">
        <v>1.85</v>
      </c>
      <c r="V22084" s="2">
        <v>1.526</v>
      </c>
      <c r="W22084" s="2">
        <v>0.01</v>
      </c>
      <c r="X22084" s="2">
        <v>118.9</v>
      </c>
      <c r="Y22084" s="2">
        <v>7.6</v>
      </c>
      <c r="Z22084" s="2">
        <v>10.6</v>
      </c>
      <c r="AA22084" s="5"/>
      <c r="AB22084" s="5" t="s">
        <v>43</v>
      </c>
      <c r="AC22084" s="5" t="s">
        <v>44</v>
      </c>
      <c r="AD22084" s="2"/>
      <c r="AE22084" s="1"/>
    </row>
    <row r="22085" spans="1:31" ht="14.45">
      <c r="A22085" s="11"/>
      <c r="B22085" s="20"/>
      <c r="C22085" s="2" t="s">
        <v>71123</v>
      </c>
      <c r="D22085" s="14" t="s">
        <v>71124</v>
      </c>
      <c r="E22085" s="2" t="s">
        <v>71125</v>
      </c>
      <c r="F22085" s="2" t="s">
        <v>7581</v>
      </c>
      <c r="G22085" s="8">
        <v>168</v>
      </c>
      <c r="H22085" s="5">
        <v>6</v>
      </c>
      <c r="I22085" s="5" t="s">
        <v>1518</v>
      </c>
      <c r="J22085" s="5" t="s">
        <v>69038</v>
      </c>
      <c r="K22085" s="2" t="s">
        <v>69039</v>
      </c>
      <c r="L22085" s="5" t="s">
        <v>69038</v>
      </c>
      <c r="M22085" s="2" t="s">
        <v>69039</v>
      </c>
      <c r="N22085" s="5" t="s">
        <v>1521</v>
      </c>
      <c r="O22085" s="5" t="s">
        <v>38</v>
      </c>
      <c r="P22085" s="5" t="s">
        <v>39</v>
      </c>
      <c r="Q22085" s="5" t="s">
        <v>40</v>
      </c>
      <c r="R22085" s="5" t="s">
        <v>1522</v>
      </c>
      <c r="S22085" s="5" t="s">
        <v>1523</v>
      </c>
      <c r="T22085" s="5" t="s">
        <v>42</v>
      </c>
      <c r="U22085" s="2">
        <v>1.9330000000000001</v>
      </c>
      <c r="V22085" s="2">
        <v>1.609</v>
      </c>
      <c r="W22085" s="2">
        <v>0.01</v>
      </c>
      <c r="X22085" s="2">
        <v>118.9</v>
      </c>
      <c r="Y22085" s="2">
        <v>7.6</v>
      </c>
      <c r="Z22085" s="2">
        <v>10.6</v>
      </c>
      <c r="AA22085" s="5"/>
      <c r="AB22085" s="5" t="s">
        <v>43</v>
      </c>
      <c r="AC22085" s="5" t="s">
        <v>44</v>
      </c>
      <c r="AD22085" s="2"/>
      <c r="AE22085" s="1"/>
    </row>
    <row r="22086" spans="1:31" ht="14.45">
      <c r="A22086" s="11"/>
      <c r="B22086" s="20"/>
      <c r="C22086" s="2" t="s">
        <v>71126</v>
      </c>
      <c r="D22086" s="14" t="s">
        <v>71127</v>
      </c>
      <c r="E22086" s="2" t="s">
        <v>71128</v>
      </c>
      <c r="F22086" s="2" t="s">
        <v>7433</v>
      </c>
      <c r="G22086" s="8">
        <v>168</v>
      </c>
      <c r="H22086" s="5">
        <v>6</v>
      </c>
      <c r="I22086" s="5" t="s">
        <v>1518</v>
      </c>
      <c r="J22086" s="5" t="s">
        <v>69038</v>
      </c>
      <c r="K22086" s="2" t="s">
        <v>69039</v>
      </c>
      <c r="L22086" s="5" t="s">
        <v>69038</v>
      </c>
      <c r="M22086" s="2" t="s">
        <v>69039</v>
      </c>
      <c r="N22086" s="5" t="s">
        <v>1521</v>
      </c>
      <c r="O22086" s="5" t="s">
        <v>38</v>
      </c>
      <c r="P22086" s="5" t="s">
        <v>39</v>
      </c>
      <c r="Q22086" s="5" t="s">
        <v>40</v>
      </c>
      <c r="R22086" s="5" t="s">
        <v>1522</v>
      </c>
      <c r="S22086" s="5" t="s">
        <v>1523</v>
      </c>
      <c r="T22086" s="5" t="s">
        <v>42</v>
      </c>
      <c r="U22086" s="2">
        <v>1.85</v>
      </c>
      <c r="V22086" s="2">
        <v>1.526</v>
      </c>
      <c r="W22086" s="2">
        <v>0.01</v>
      </c>
      <c r="X22086" s="2">
        <v>118.9</v>
      </c>
      <c r="Y22086" s="2">
        <v>7.6</v>
      </c>
      <c r="Z22086" s="2">
        <v>10.6</v>
      </c>
      <c r="AA22086" s="5"/>
      <c r="AB22086" s="5" t="s">
        <v>43</v>
      </c>
      <c r="AC22086" s="5" t="s">
        <v>44</v>
      </c>
      <c r="AD22086" s="2"/>
      <c r="AE22086" s="1"/>
    </row>
    <row r="22087" spans="1:31" ht="14.45">
      <c r="A22087" s="11"/>
      <c r="B22087" s="20"/>
      <c r="C22087" s="2" t="s">
        <v>71129</v>
      </c>
      <c r="D22087" s="14" t="s">
        <v>71130</v>
      </c>
      <c r="E22087" s="2" t="s">
        <v>71131</v>
      </c>
      <c r="F22087" s="2" t="s">
        <v>7611</v>
      </c>
      <c r="G22087" s="8">
        <v>168</v>
      </c>
      <c r="H22087" s="5">
        <v>6</v>
      </c>
      <c r="I22087" s="5" t="s">
        <v>1518</v>
      </c>
      <c r="J22087" s="5" t="s">
        <v>69038</v>
      </c>
      <c r="K22087" s="2" t="s">
        <v>69039</v>
      </c>
      <c r="L22087" s="5" t="s">
        <v>69038</v>
      </c>
      <c r="M22087" s="2" t="s">
        <v>69039</v>
      </c>
      <c r="N22087" s="5" t="s">
        <v>1521</v>
      </c>
      <c r="O22087" s="5" t="s">
        <v>38</v>
      </c>
      <c r="P22087" s="5" t="s">
        <v>39</v>
      </c>
      <c r="Q22087" s="5" t="s">
        <v>40</v>
      </c>
      <c r="R22087" s="5" t="s">
        <v>1522</v>
      </c>
      <c r="S22087" s="5" t="s">
        <v>1523</v>
      </c>
      <c r="T22087" s="5" t="s">
        <v>42</v>
      </c>
      <c r="U22087" s="2">
        <v>1.9330000000000001</v>
      </c>
      <c r="V22087" s="2">
        <v>1.609</v>
      </c>
      <c r="W22087" s="2">
        <v>0.01</v>
      </c>
      <c r="X22087" s="2">
        <v>118.9</v>
      </c>
      <c r="Y22087" s="2">
        <v>7.6</v>
      </c>
      <c r="Z22087" s="2">
        <v>10.6</v>
      </c>
      <c r="AA22087" s="5"/>
      <c r="AB22087" s="5" t="s">
        <v>43</v>
      </c>
      <c r="AC22087" s="5" t="s">
        <v>44</v>
      </c>
      <c r="AD22087" s="2"/>
      <c r="AE22087" s="1"/>
    </row>
    <row r="22088" spans="1:31" ht="14.45">
      <c r="A22088" s="11"/>
      <c r="B22088" s="20"/>
      <c r="C22088" s="2" t="s">
        <v>71132</v>
      </c>
      <c r="D22088" s="14" t="s">
        <v>71133</v>
      </c>
      <c r="E22088" s="2" t="s">
        <v>71134</v>
      </c>
      <c r="F22088" s="2" t="s">
        <v>7615</v>
      </c>
      <c r="G22088" s="8">
        <v>168</v>
      </c>
      <c r="H22088" s="5">
        <v>6</v>
      </c>
      <c r="I22088" s="5" t="s">
        <v>1518</v>
      </c>
      <c r="J22088" s="5" t="s">
        <v>69038</v>
      </c>
      <c r="K22088" s="2" t="s">
        <v>69039</v>
      </c>
      <c r="L22088" s="5" t="s">
        <v>69038</v>
      </c>
      <c r="M22088" s="2" t="s">
        <v>69039</v>
      </c>
      <c r="N22088" s="5" t="s">
        <v>1521</v>
      </c>
      <c r="O22088" s="5" t="s">
        <v>38</v>
      </c>
      <c r="P22088" s="5" t="s">
        <v>39</v>
      </c>
      <c r="Q22088" s="5" t="s">
        <v>40</v>
      </c>
      <c r="R22088" s="5" t="s">
        <v>1522</v>
      </c>
      <c r="S22088" s="5" t="s">
        <v>1523</v>
      </c>
      <c r="T22088" s="5" t="s">
        <v>42</v>
      </c>
      <c r="U22088" s="2">
        <v>1.85</v>
      </c>
      <c r="V22088" s="2">
        <v>1.526</v>
      </c>
      <c r="W22088" s="2">
        <v>0.01</v>
      </c>
      <c r="X22088" s="2">
        <v>118.9</v>
      </c>
      <c r="Y22088" s="2">
        <v>7.6</v>
      </c>
      <c r="Z22088" s="2">
        <v>10.6</v>
      </c>
      <c r="AA22088" s="5"/>
      <c r="AB22088" s="5" t="s">
        <v>43</v>
      </c>
      <c r="AC22088" s="5" t="s">
        <v>44</v>
      </c>
      <c r="AD22088" s="2"/>
      <c r="AE22088" s="1"/>
    </row>
    <row r="22089" spans="1:31" ht="14.45">
      <c r="A22089" s="11"/>
      <c r="B22089" s="20"/>
      <c r="C22089" s="2" t="s">
        <v>71135</v>
      </c>
      <c r="D22089" s="14" t="s">
        <v>71136</v>
      </c>
      <c r="E22089" s="2" t="s">
        <v>71137</v>
      </c>
      <c r="F22089" s="2" t="s">
        <v>7619</v>
      </c>
      <c r="G22089" s="8">
        <v>168</v>
      </c>
      <c r="H22089" s="5">
        <v>6</v>
      </c>
      <c r="I22089" s="5" t="s">
        <v>1518</v>
      </c>
      <c r="J22089" s="5" t="s">
        <v>69038</v>
      </c>
      <c r="K22089" s="2" t="s">
        <v>69039</v>
      </c>
      <c r="L22089" s="5" t="s">
        <v>69038</v>
      </c>
      <c r="M22089" s="2" t="s">
        <v>69039</v>
      </c>
      <c r="N22089" s="5" t="s">
        <v>1521</v>
      </c>
      <c r="O22089" s="5" t="s">
        <v>38</v>
      </c>
      <c r="P22089" s="5" t="s">
        <v>39</v>
      </c>
      <c r="Q22089" s="5" t="s">
        <v>40</v>
      </c>
      <c r="R22089" s="5" t="s">
        <v>1522</v>
      </c>
      <c r="S22089" s="5" t="s">
        <v>1523</v>
      </c>
      <c r="T22089" s="5" t="s">
        <v>42</v>
      </c>
      <c r="U22089" s="2">
        <v>1.9330000000000001</v>
      </c>
      <c r="V22089" s="2">
        <v>1.609</v>
      </c>
      <c r="W22089" s="2">
        <v>0.01</v>
      </c>
      <c r="X22089" s="2">
        <v>118.9</v>
      </c>
      <c r="Y22089" s="2">
        <v>7.6</v>
      </c>
      <c r="Z22089" s="2">
        <v>10.6</v>
      </c>
      <c r="AA22089" s="5"/>
      <c r="AB22089" s="5" t="s">
        <v>43</v>
      </c>
      <c r="AC22089" s="5" t="s">
        <v>44</v>
      </c>
      <c r="AD22089" s="2"/>
      <c r="AE22089" s="1"/>
    </row>
    <row r="22090" spans="1:31" ht="14.45">
      <c r="A22090" s="11"/>
      <c r="B22090" s="20"/>
      <c r="C22090" s="2" t="s">
        <v>71138</v>
      </c>
      <c r="D22090" s="14" t="s">
        <v>71139</v>
      </c>
      <c r="E22090" s="2" t="s">
        <v>71140</v>
      </c>
      <c r="F22090" s="2" t="s">
        <v>7410</v>
      </c>
      <c r="G22090" s="8">
        <v>168</v>
      </c>
      <c r="H22090" s="5">
        <v>6</v>
      </c>
      <c r="I22090" s="5" t="s">
        <v>1518</v>
      </c>
      <c r="J22090" s="5" t="s">
        <v>69038</v>
      </c>
      <c r="K22090" s="2" t="s">
        <v>69039</v>
      </c>
      <c r="L22090" s="5" t="s">
        <v>69038</v>
      </c>
      <c r="M22090" s="2" t="s">
        <v>69039</v>
      </c>
      <c r="N22090" s="5" t="s">
        <v>1521</v>
      </c>
      <c r="O22090" s="5" t="s">
        <v>38</v>
      </c>
      <c r="P22090" s="5" t="s">
        <v>39</v>
      </c>
      <c r="Q22090" s="5" t="s">
        <v>40</v>
      </c>
      <c r="R22090" s="5" t="s">
        <v>1522</v>
      </c>
      <c r="S22090" s="5" t="s">
        <v>1523</v>
      </c>
      <c r="T22090" s="5" t="s">
        <v>42</v>
      </c>
      <c r="U22090" s="2">
        <v>1.85</v>
      </c>
      <c r="V22090" s="2">
        <v>1.526</v>
      </c>
      <c r="W22090" s="2">
        <v>0.01</v>
      </c>
      <c r="X22090" s="2">
        <v>118.9</v>
      </c>
      <c r="Y22090" s="2">
        <v>7.6</v>
      </c>
      <c r="Z22090" s="2">
        <v>10.6</v>
      </c>
      <c r="AA22090" s="5"/>
      <c r="AB22090" s="5" t="s">
        <v>43</v>
      </c>
      <c r="AC22090" s="5" t="s">
        <v>44</v>
      </c>
      <c r="AD22090" s="2"/>
      <c r="AE22090" s="1"/>
    </row>
    <row r="22091" spans="1:31" ht="14.45">
      <c r="A22091" s="11"/>
      <c r="B22091" s="20"/>
      <c r="C22091" s="2" t="s">
        <v>71141</v>
      </c>
      <c r="D22091" s="14" t="s">
        <v>71142</v>
      </c>
      <c r="E22091" s="2" t="s">
        <v>71143</v>
      </c>
      <c r="F22091" s="2" t="s">
        <v>7604</v>
      </c>
      <c r="G22091" s="8">
        <v>168</v>
      </c>
      <c r="H22091" s="5">
        <v>6</v>
      </c>
      <c r="I22091" s="5" t="s">
        <v>1518</v>
      </c>
      <c r="J22091" s="5" t="s">
        <v>69038</v>
      </c>
      <c r="K22091" s="2" t="s">
        <v>69039</v>
      </c>
      <c r="L22091" s="5" t="s">
        <v>69038</v>
      </c>
      <c r="M22091" s="2" t="s">
        <v>69039</v>
      </c>
      <c r="N22091" s="5" t="s">
        <v>1521</v>
      </c>
      <c r="O22091" s="5" t="s">
        <v>38</v>
      </c>
      <c r="P22091" s="5" t="s">
        <v>39</v>
      </c>
      <c r="Q22091" s="5" t="s">
        <v>40</v>
      </c>
      <c r="R22091" s="5" t="s">
        <v>1522</v>
      </c>
      <c r="S22091" s="5" t="s">
        <v>1523</v>
      </c>
      <c r="T22091" s="5" t="s">
        <v>42</v>
      </c>
      <c r="U22091" s="2">
        <v>1.9330000000000001</v>
      </c>
      <c r="V22091" s="2">
        <v>1.609</v>
      </c>
      <c r="W22091" s="2">
        <v>0.01</v>
      </c>
      <c r="X22091" s="2">
        <v>118.9</v>
      </c>
      <c r="Y22091" s="2">
        <v>7.6</v>
      </c>
      <c r="Z22091" s="2">
        <v>10.6</v>
      </c>
      <c r="AA22091" s="5"/>
      <c r="AB22091" s="5" t="s">
        <v>43</v>
      </c>
      <c r="AC22091" s="5" t="s">
        <v>44</v>
      </c>
      <c r="AD22091" s="2"/>
      <c r="AE22091" s="1"/>
    </row>
    <row r="22092" spans="1:31" ht="14.45">
      <c r="A22092" s="11"/>
      <c r="B22092" s="20"/>
      <c r="C22092" s="2" t="s">
        <v>71144</v>
      </c>
      <c r="D22092" s="14" t="s">
        <v>71145</v>
      </c>
      <c r="E22092" s="2" t="s">
        <v>71146</v>
      </c>
      <c r="F22092" s="2" t="s">
        <v>7212</v>
      </c>
      <c r="G22092" s="8">
        <v>146</v>
      </c>
      <c r="H22092" s="5">
        <v>6</v>
      </c>
      <c r="I22092" s="5" t="s">
        <v>1518</v>
      </c>
      <c r="J22092" s="5" t="s">
        <v>69038</v>
      </c>
      <c r="K22092" s="2" t="s">
        <v>69039</v>
      </c>
      <c r="L22092" s="5" t="s">
        <v>69038</v>
      </c>
      <c r="M22092" s="2" t="s">
        <v>69039</v>
      </c>
      <c r="N22092" s="5" t="s">
        <v>1521</v>
      </c>
      <c r="O22092" s="5" t="s">
        <v>38</v>
      </c>
      <c r="P22092" s="5" t="s">
        <v>39</v>
      </c>
      <c r="Q22092" s="5" t="s">
        <v>40</v>
      </c>
      <c r="R22092" s="5" t="s">
        <v>1522</v>
      </c>
      <c r="S22092" s="5" t="s">
        <v>1523</v>
      </c>
      <c r="T22092" s="5" t="s">
        <v>42</v>
      </c>
      <c r="U22092" s="2">
        <v>1.85</v>
      </c>
      <c r="V22092" s="2">
        <v>1.526</v>
      </c>
      <c r="W22092" s="2">
        <v>0.01</v>
      </c>
      <c r="X22092" s="2">
        <v>118.9</v>
      </c>
      <c r="Y22092" s="2">
        <v>7.6</v>
      </c>
      <c r="Z22092" s="2">
        <v>10.6</v>
      </c>
      <c r="AA22092" s="5"/>
      <c r="AB22092" s="5" t="s">
        <v>43</v>
      </c>
      <c r="AC22092" s="5" t="s">
        <v>44</v>
      </c>
      <c r="AD22092" s="2"/>
      <c r="AE22092" s="1"/>
    </row>
    <row r="22093" spans="1:31" ht="14.45">
      <c r="A22093" s="11"/>
      <c r="B22093" s="20"/>
      <c r="C22093" s="2" t="s">
        <v>71147</v>
      </c>
      <c r="D22093" s="14" t="s">
        <v>71148</v>
      </c>
      <c r="E22093" s="2" t="s">
        <v>71149</v>
      </c>
      <c r="F22093" s="2" t="s">
        <v>7528</v>
      </c>
      <c r="G22093" s="8">
        <v>146</v>
      </c>
      <c r="H22093" s="5">
        <v>6</v>
      </c>
      <c r="I22093" s="5" t="s">
        <v>1518</v>
      </c>
      <c r="J22093" s="5" t="s">
        <v>69038</v>
      </c>
      <c r="K22093" s="2" t="s">
        <v>69039</v>
      </c>
      <c r="L22093" s="5" t="s">
        <v>69038</v>
      </c>
      <c r="M22093" s="2" t="s">
        <v>69039</v>
      </c>
      <c r="N22093" s="5" t="s">
        <v>1521</v>
      </c>
      <c r="O22093" s="5" t="s">
        <v>38</v>
      </c>
      <c r="P22093" s="5" t="s">
        <v>39</v>
      </c>
      <c r="Q22093" s="5" t="s">
        <v>40</v>
      </c>
      <c r="R22093" s="5" t="s">
        <v>1522</v>
      </c>
      <c r="S22093" s="5" t="s">
        <v>1523</v>
      </c>
      <c r="T22093" s="5" t="s">
        <v>42</v>
      </c>
      <c r="U22093" s="2">
        <v>1.9330000000000001</v>
      </c>
      <c r="V22093" s="2">
        <v>1.609</v>
      </c>
      <c r="W22093" s="2">
        <v>0.01</v>
      </c>
      <c r="X22093" s="2">
        <v>118.9</v>
      </c>
      <c r="Y22093" s="2">
        <v>7.6</v>
      </c>
      <c r="Z22093" s="2">
        <v>10.6</v>
      </c>
      <c r="AA22093" s="5"/>
      <c r="AB22093" s="5" t="s">
        <v>43</v>
      </c>
      <c r="AC22093" s="5" t="s">
        <v>44</v>
      </c>
      <c r="AD22093" s="2"/>
      <c r="AE22093" s="1"/>
    </row>
    <row r="22094" spans="1:31" ht="14.45">
      <c r="A22094" s="11"/>
      <c r="B22094" s="20"/>
      <c r="C22094" s="2" t="s">
        <v>71150</v>
      </c>
      <c r="D22094" s="14" t="s">
        <v>71151</v>
      </c>
      <c r="E22094" s="2" t="s">
        <v>71152</v>
      </c>
      <c r="F22094" s="2" t="s">
        <v>1863</v>
      </c>
      <c r="G22094" s="8">
        <v>168</v>
      </c>
      <c r="H22094" s="5">
        <v>6</v>
      </c>
      <c r="I22094" s="5" t="s">
        <v>1518</v>
      </c>
      <c r="J22094" s="5" t="s">
        <v>69038</v>
      </c>
      <c r="K22094" s="2" t="s">
        <v>69039</v>
      </c>
      <c r="L22094" s="5" t="s">
        <v>69038</v>
      </c>
      <c r="M22094" s="2" t="s">
        <v>69039</v>
      </c>
      <c r="N22094" s="5" t="s">
        <v>1521</v>
      </c>
      <c r="O22094" s="5" t="s">
        <v>38</v>
      </c>
      <c r="P22094" s="5" t="s">
        <v>39</v>
      </c>
      <c r="Q22094" s="5" t="s">
        <v>40</v>
      </c>
      <c r="R22094" s="5" t="s">
        <v>1522</v>
      </c>
      <c r="S22094" s="5" t="s">
        <v>1523</v>
      </c>
      <c r="T22094" s="5" t="s">
        <v>42</v>
      </c>
      <c r="U22094" s="2">
        <v>1.85</v>
      </c>
      <c r="V22094" s="2">
        <v>1.526</v>
      </c>
      <c r="W22094" s="2">
        <v>0.01</v>
      </c>
      <c r="X22094" s="2">
        <v>118.9</v>
      </c>
      <c r="Y22094" s="2">
        <v>7.6</v>
      </c>
      <c r="Z22094" s="2">
        <v>10.6</v>
      </c>
      <c r="AA22094" s="5"/>
      <c r="AB22094" s="5" t="s">
        <v>43</v>
      </c>
      <c r="AC22094" s="5" t="s">
        <v>44</v>
      </c>
      <c r="AD22094" s="2"/>
      <c r="AE22094" s="1"/>
    </row>
    <row r="22095" spans="1:31" ht="14.45">
      <c r="A22095" s="11"/>
      <c r="B22095" s="20"/>
      <c r="C22095" s="2" t="s">
        <v>71153</v>
      </c>
      <c r="D22095" s="14" t="s">
        <v>71154</v>
      </c>
      <c r="E22095" s="2" t="s">
        <v>71155</v>
      </c>
      <c r="F22095" s="2" t="s">
        <v>1867</v>
      </c>
      <c r="G22095" s="8">
        <v>168</v>
      </c>
      <c r="H22095" s="5">
        <v>6</v>
      </c>
      <c r="I22095" s="5" t="s">
        <v>1518</v>
      </c>
      <c r="J22095" s="5" t="s">
        <v>69038</v>
      </c>
      <c r="K22095" s="2" t="s">
        <v>69039</v>
      </c>
      <c r="L22095" s="5" t="s">
        <v>69038</v>
      </c>
      <c r="M22095" s="2" t="s">
        <v>69039</v>
      </c>
      <c r="N22095" s="5" t="s">
        <v>1521</v>
      </c>
      <c r="O22095" s="5" t="s">
        <v>38</v>
      </c>
      <c r="P22095" s="5" t="s">
        <v>39</v>
      </c>
      <c r="Q22095" s="5" t="s">
        <v>40</v>
      </c>
      <c r="R22095" s="5" t="s">
        <v>1522</v>
      </c>
      <c r="S22095" s="5" t="s">
        <v>1523</v>
      </c>
      <c r="T22095" s="5" t="s">
        <v>42</v>
      </c>
      <c r="U22095" s="2">
        <v>1.9330000000000001</v>
      </c>
      <c r="V22095" s="2">
        <v>1.609</v>
      </c>
      <c r="W22095" s="2">
        <v>0.01</v>
      </c>
      <c r="X22095" s="2">
        <v>118.9</v>
      </c>
      <c r="Y22095" s="2">
        <v>7.6</v>
      </c>
      <c r="Z22095" s="2">
        <v>10.6</v>
      </c>
      <c r="AA22095" s="5"/>
      <c r="AB22095" s="5" t="s">
        <v>43</v>
      </c>
      <c r="AC22095" s="5" t="s">
        <v>44</v>
      </c>
      <c r="AD22095" s="2"/>
      <c r="AE22095" s="1"/>
    </row>
    <row r="22096" spans="1:31" ht="14.45">
      <c r="A22096" s="11"/>
      <c r="B22096" s="20"/>
      <c r="C22096" s="2" t="s">
        <v>71156</v>
      </c>
      <c r="D22096" s="14" t="s">
        <v>71157</v>
      </c>
      <c r="E22096" s="2" t="s">
        <v>71158</v>
      </c>
      <c r="F22096" s="2" t="s">
        <v>7204</v>
      </c>
      <c r="G22096" s="8">
        <v>164</v>
      </c>
      <c r="H22096" s="5">
        <v>6</v>
      </c>
      <c r="I22096" s="5" t="s">
        <v>1518</v>
      </c>
      <c r="J22096" s="5" t="s">
        <v>69038</v>
      </c>
      <c r="K22096" s="2" t="s">
        <v>69039</v>
      </c>
      <c r="L22096" s="5" t="s">
        <v>69038</v>
      </c>
      <c r="M22096" s="2" t="s">
        <v>69039</v>
      </c>
      <c r="N22096" s="5" t="s">
        <v>1521</v>
      </c>
      <c r="O22096" s="5" t="s">
        <v>38</v>
      </c>
      <c r="P22096" s="5" t="s">
        <v>39</v>
      </c>
      <c r="Q22096" s="5" t="s">
        <v>40</v>
      </c>
      <c r="R22096" s="5" t="s">
        <v>1522</v>
      </c>
      <c r="S22096" s="5" t="s">
        <v>1523</v>
      </c>
      <c r="T22096" s="5" t="s">
        <v>42</v>
      </c>
      <c r="U22096" s="2">
        <v>2.0219999999999998</v>
      </c>
      <c r="V22096" s="2">
        <v>1.645</v>
      </c>
      <c r="W22096" s="2">
        <v>1.0999999999999999E-2</v>
      </c>
      <c r="X22096" s="2">
        <v>139.1</v>
      </c>
      <c r="Y22096" s="2">
        <v>7.6</v>
      </c>
      <c r="Z22096" s="2">
        <v>10.6</v>
      </c>
      <c r="AA22096" s="5"/>
      <c r="AB22096" s="5" t="s">
        <v>43</v>
      </c>
      <c r="AC22096" s="5" t="s">
        <v>44</v>
      </c>
      <c r="AD22096" s="2"/>
      <c r="AE22096" s="1"/>
    </row>
    <row r="22097" spans="1:31" ht="14.45">
      <c r="A22097" s="11"/>
      <c r="B22097" s="20"/>
      <c r="C22097" s="2" t="s">
        <v>71159</v>
      </c>
      <c r="D22097" s="14" t="s">
        <v>71160</v>
      </c>
      <c r="E22097" s="2" t="s">
        <v>71161</v>
      </c>
      <c r="F22097" s="2" t="s">
        <v>7514</v>
      </c>
      <c r="G22097" s="8">
        <v>164</v>
      </c>
      <c r="H22097" s="5">
        <v>6</v>
      </c>
      <c r="I22097" s="5" t="s">
        <v>1518</v>
      </c>
      <c r="J22097" s="5" t="s">
        <v>69038</v>
      </c>
      <c r="K22097" s="2" t="s">
        <v>69039</v>
      </c>
      <c r="L22097" s="5" t="s">
        <v>69038</v>
      </c>
      <c r="M22097" s="2" t="s">
        <v>69039</v>
      </c>
      <c r="N22097" s="5" t="s">
        <v>1521</v>
      </c>
      <c r="O22097" s="5" t="s">
        <v>38</v>
      </c>
      <c r="P22097" s="5" t="s">
        <v>39</v>
      </c>
      <c r="Q22097" s="5" t="s">
        <v>40</v>
      </c>
      <c r="R22097" s="5" t="s">
        <v>1522</v>
      </c>
      <c r="S22097" s="5" t="s">
        <v>1523</v>
      </c>
      <c r="T22097" s="5" t="s">
        <v>42</v>
      </c>
      <c r="U22097" s="2">
        <v>2.1150000000000002</v>
      </c>
      <c r="V22097" s="2">
        <v>1.738</v>
      </c>
      <c r="W22097" s="2">
        <v>1.0999999999999999E-2</v>
      </c>
      <c r="X22097" s="2">
        <v>139.1</v>
      </c>
      <c r="Y22097" s="2">
        <v>7.6</v>
      </c>
      <c r="Z22097" s="2">
        <v>10.6</v>
      </c>
      <c r="AA22097" s="5"/>
      <c r="AB22097" s="5" t="s">
        <v>43</v>
      </c>
      <c r="AC22097" s="5" t="s">
        <v>44</v>
      </c>
      <c r="AD22097" s="2"/>
      <c r="AE22097" s="1"/>
    </row>
    <row r="22098" spans="1:31" ht="14.45">
      <c r="A22098" s="11"/>
      <c r="B22098" s="20"/>
      <c r="C22098" s="2" t="s">
        <v>71162</v>
      </c>
      <c r="D22098" s="14" t="s">
        <v>71163</v>
      </c>
      <c r="E22098" s="2" t="s">
        <v>71164</v>
      </c>
      <c r="F22098" s="2" t="s">
        <v>7208</v>
      </c>
      <c r="G22098" s="8">
        <v>164</v>
      </c>
      <c r="H22098" s="5">
        <v>6</v>
      </c>
      <c r="I22098" s="5" t="s">
        <v>1518</v>
      </c>
      <c r="J22098" s="5" t="s">
        <v>69038</v>
      </c>
      <c r="K22098" s="2" t="s">
        <v>69039</v>
      </c>
      <c r="L22098" s="5" t="s">
        <v>69038</v>
      </c>
      <c r="M22098" s="2" t="s">
        <v>69039</v>
      </c>
      <c r="N22098" s="5" t="s">
        <v>1521</v>
      </c>
      <c r="O22098" s="5" t="s">
        <v>38</v>
      </c>
      <c r="P22098" s="5" t="s">
        <v>39</v>
      </c>
      <c r="Q22098" s="5" t="s">
        <v>40</v>
      </c>
      <c r="R22098" s="5" t="s">
        <v>1522</v>
      </c>
      <c r="S22098" s="5" t="s">
        <v>1523</v>
      </c>
      <c r="T22098" s="5" t="s">
        <v>42</v>
      </c>
      <c r="U22098" s="2">
        <v>2.0219999999999998</v>
      </c>
      <c r="V22098" s="2">
        <v>1.645</v>
      </c>
      <c r="W22098" s="2">
        <v>1.0999999999999999E-2</v>
      </c>
      <c r="X22098" s="2">
        <v>139.1</v>
      </c>
      <c r="Y22098" s="2">
        <v>7.6</v>
      </c>
      <c r="Z22098" s="2">
        <v>10.6</v>
      </c>
      <c r="AA22098" s="5"/>
      <c r="AB22098" s="5" t="s">
        <v>43</v>
      </c>
      <c r="AC22098" s="5" t="s">
        <v>44</v>
      </c>
      <c r="AD22098" s="2"/>
      <c r="AE22098" s="1"/>
    </row>
    <row r="22099" spans="1:31" ht="14.45">
      <c r="A22099" s="11"/>
      <c r="B22099" s="20"/>
      <c r="C22099" s="2" t="s">
        <v>71165</v>
      </c>
      <c r="D22099" s="14" t="s">
        <v>71166</v>
      </c>
      <c r="E22099" s="2" t="s">
        <v>71167</v>
      </c>
      <c r="F22099" s="2" t="s">
        <v>7521</v>
      </c>
      <c r="G22099" s="8">
        <v>164</v>
      </c>
      <c r="H22099" s="5">
        <v>6</v>
      </c>
      <c r="I22099" s="5" t="s">
        <v>1518</v>
      </c>
      <c r="J22099" s="5" t="s">
        <v>69038</v>
      </c>
      <c r="K22099" s="2" t="s">
        <v>69039</v>
      </c>
      <c r="L22099" s="5" t="s">
        <v>69038</v>
      </c>
      <c r="M22099" s="2" t="s">
        <v>69039</v>
      </c>
      <c r="N22099" s="5" t="s">
        <v>1521</v>
      </c>
      <c r="O22099" s="5" t="s">
        <v>38</v>
      </c>
      <c r="P22099" s="5" t="s">
        <v>39</v>
      </c>
      <c r="Q22099" s="5" t="s">
        <v>40</v>
      </c>
      <c r="R22099" s="5" t="s">
        <v>1522</v>
      </c>
      <c r="S22099" s="5" t="s">
        <v>1523</v>
      </c>
      <c r="T22099" s="5" t="s">
        <v>42</v>
      </c>
      <c r="U22099" s="2">
        <v>2.1150000000000002</v>
      </c>
      <c r="V22099" s="2">
        <v>1.738</v>
      </c>
      <c r="W22099" s="2">
        <v>1.0999999999999999E-2</v>
      </c>
      <c r="X22099" s="2">
        <v>139.1</v>
      </c>
      <c r="Y22099" s="2">
        <v>7.6</v>
      </c>
      <c r="Z22099" s="2">
        <v>10.6</v>
      </c>
      <c r="AA22099" s="5"/>
      <c r="AB22099" s="5" t="s">
        <v>43</v>
      </c>
      <c r="AC22099" s="5" t="s">
        <v>44</v>
      </c>
      <c r="AD22099" s="2"/>
      <c r="AE22099" s="1"/>
    </row>
    <row r="22100" spans="1:31" ht="14.45">
      <c r="A22100" s="11"/>
      <c r="B22100" s="20"/>
      <c r="C22100" s="2" t="s">
        <v>71168</v>
      </c>
      <c r="D22100" s="14" t="s">
        <v>71169</v>
      </c>
      <c r="E22100" s="2" t="s">
        <v>71170</v>
      </c>
      <c r="F22100" s="2" t="s">
        <v>7396</v>
      </c>
      <c r="G22100" s="8">
        <v>164</v>
      </c>
      <c r="H22100" s="5">
        <v>6</v>
      </c>
      <c r="I22100" s="5" t="s">
        <v>1518</v>
      </c>
      <c r="J22100" s="5" t="s">
        <v>69038</v>
      </c>
      <c r="K22100" s="2" t="s">
        <v>69039</v>
      </c>
      <c r="L22100" s="5" t="s">
        <v>69038</v>
      </c>
      <c r="M22100" s="2" t="s">
        <v>69039</v>
      </c>
      <c r="N22100" s="5" t="s">
        <v>1521</v>
      </c>
      <c r="O22100" s="5" t="s">
        <v>38</v>
      </c>
      <c r="P22100" s="5" t="s">
        <v>39</v>
      </c>
      <c r="Q22100" s="5" t="s">
        <v>40</v>
      </c>
      <c r="R22100" s="5" t="s">
        <v>1522</v>
      </c>
      <c r="S22100" s="5" t="s">
        <v>1523</v>
      </c>
      <c r="T22100" s="5" t="s">
        <v>42</v>
      </c>
      <c r="U22100" s="2">
        <v>2.0219999999999998</v>
      </c>
      <c r="V22100" s="2">
        <v>1.645</v>
      </c>
      <c r="W22100" s="2">
        <v>1.0999999999999999E-2</v>
      </c>
      <c r="X22100" s="2">
        <v>139.1</v>
      </c>
      <c r="Y22100" s="2">
        <v>7.6</v>
      </c>
      <c r="Z22100" s="2">
        <v>10.6</v>
      </c>
      <c r="AA22100" s="5"/>
      <c r="AB22100" s="5" t="s">
        <v>43</v>
      </c>
      <c r="AC22100" s="5" t="s">
        <v>44</v>
      </c>
      <c r="AD22100" s="2"/>
      <c r="AE22100" s="1"/>
    </row>
    <row r="22101" spans="1:31" ht="14.45">
      <c r="A22101" s="11"/>
      <c r="B22101" s="20"/>
      <c r="C22101" s="2" t="s">
        <v>71171</v>
      </c>
      <c r="D22101" s="14" t="s">
        <v>71172</v>
      </c>
      <c r="E22101" s="2" t="s">
        <v>71173</v>
      </c>
      <c r="F22101" s="2" t="s">
        <v>69112</v>
      </c>
      <c r="G22101" s="8">
        <v>164</v>
      </c>
      <c r="H22101" s="5">
        <v>6</v>
      </c>
      <c r="I22101" s="5" t="s">
        <v>1518</v>
      </c>
      <c r="J22101" s="5" t="s">
        <v>69038</v>
      </c>
      <c r="K22101" s="2" t="s">
        <v>69039</v>
      </c>
      <c r="L22101" s="5" t="s">
        <v>69038</v>
      </c>
      <c r="M22101" s="2" t="s">
        <v>69039</v>
      </c>
      <c r="N22101" s="5" t="s">
        <v>1521</v>
      </c>
      <c r="O22101" s="5" t="s">
        <v>38</v>
      </c>
      <c r="P22101" s="5" t="s">
        <v>39</v>
      </c>
      <c r="Q22101" s="5" t="s">
        <v>40</v>
      </c>
      <c r="R22101" s="5" t="s">
        <v>1522</v>
      </c>
      <c r="S22101" s="5" t="s">
        <v>1523</v>
      </c>
      <c r="T22101" s="5" t="s">
        <v>42</v>
      </c>
      <c r="U22101" s="2">
        <v>2.1150000000000002</v>
      </c>
      <c r="V22101" s="2">
        <v>1.738</v>
      </c>
      <c r="W22101" s="2">
        <v>1.0999999999999999E-2</v>
      </c>
      <c r="X22101" s="2">
        <v>139.1</v>
      </c>
      <c r="Y22101" s="2">
        <v>7.6</v>
      </c>
      <c r="Z22101" s="2">
        <v>10.6</v>
      </c>
      <c r="AA22101" s="5"/>
      <c r="AB22101" s="5" t="s">
        <v>43</v>
      </c>
      <c r="AC22101" s="5" t="s">
        <v>44</v>
      </c>
      <c r="AD22101" s="2"/>
      <c r="AE22101" s="1"/>
    </row>
    <row r="22102" spans="1:31" ht="14.45">
      <c r="A22102" s="11"/>
      <c r="B22102" s="20"/>
      <c r="C22102" s="2" t="s">
        <v>71174</v>
      </c>
      <c r="D22102" s="14" t="s">
        <v>71175</v>
      </c>
      <c r="E22102" s="2" t="s">
        <v>71176</v>
      </c>
      <c r="F22102" s="2" t="s">
        <v>1863</v>
      </c>
      <c r="G22102" s="8">
        <v>189</v>
      </c>
      <c r="H22102" s="5">
        <v>6</v>
      </c>
      <c r="I22102" s="5" t="s">
        <v>1518</v>
      </c>
      <c r="J22102" s="5" t="s">
        <v>69038</v>
      </c>
      <c r="K22102" s="2" t="s">
        <v>69039</v>
      </c>
      <c r="L22102" s="5" t="s">
        <v>69038</v>
      </c>
      <c r="M22102" s="2" t="s">
        <v>69039</v>
      </c>
      <c r="N22102" s="5" t="s">
        <v>1521</v>
      </c>
      <c r="O22102" s="5" t="s">
        <v>38</v>
      </c>
      <c r="P22102" s="5" t="s">
        <v>39</v>
      </c>
      <c r="Q22102" s="5" t="s">
        <v>40</v>
      </c>
      <c r="R22102" s="5" t="s">
        <v>1522</v>
      </c>
      <c r="S22102" s="5" t="s">
        <v>1523</v>
      </c>
      <c r="T22102" s="5" t="s">
        <v>42</v>
      </c>
      <c r="U22102" s="2">
        <v>2.0219999999999998</v>
      </c>
      <c r="V22102" s="2">
        <v>1.645</v>
      </c>
      <c r="W22102" s="2">
        <v>1.0999999999999999E-2</v>
      </c>
      <c r="X22102" s="2">
        <v>139.1</v>
      </c>
      <c r="Y22102" s="2">
        <v>7.6</v>
      </c>
      <c r="Z22102" s="2">
        <v>10.6</v>
      </c>
      <c r="AA22102" s="5"/>
      <c r="AB22102" s="5" t="s">
        <v>43</v>
      </c>
      <c r="AC22102" s="5" t="s">
        <v>44</v>
      </c>
      <c r="AD22102" s="2"/>
      <c r="AE22102" s="1"/>
    </row>
    <row r="22103" spans="1:31" ht="14.45">
      <c r="A22103" s="11"/>
      <c r="B22103" s="20"/>
      <c r="C22103" s="2" t="s">
        <v>71177</v>
      </c>
      <c r="D22103" s="14" t="s">
        <v>71178</v>
      </c>
      <c r="E22103" s="2" t="s">
        <v>71179</v>
      </c>
      <c r="F22103" s="2" t="s">
        <v>1867</v>
      </c>
      <c r="G22103" s="8">
        <v>189</v>
      </c>
      <c r="H22103" s="5">
        <v>6</v>
      </c>
      <c r="I22103" s="5" t="s">
        <v>1518</v>
      </c>
      <c r="J22103" s="5" t="s">
        <v>69038</v>
      </c>
      <c r="K22103" s="2" t="s">
        <v>69039</v>
      </c>
      <c r="L22103" s="5" t="s">
        <v>69038</v>
      </c>
      <c r="M22103" s="2" t="s">
        <v>69039</v>
      </c>
      <c r="N22103" s="5" t="s">
        <v>1521</v>
      </c>
      <c r="O22103" s="5" t="s">
        <v>38</v>
      </c>
      <c r="P22103" s="5" t="s">
        <v>39</v>
      </c>
      <c r="Q22103" s="5" t="s">
        <v>40</v>
      </c>
      <c r="R22103" s="5" t="s">
        <v>1522</v>
      </c>
      <c r="S22103" s="5" t="s">
        <v>1523</v>
      </c>
      <c r="T22103" s="5" t="s">
        <v>42</v>
      </c>
      <c r="U22103" s="2">
        <v>2.1150000000000002</v>
      </c>
      <c r="V22103" s="2">
        <v>1.738</v>
      </c>
      <c r="W22103" s="2">
        <v>1.0999999999999999E-2</v>
      </c>
      <c r="X22103" s="2">
        <v>139.1</v>
      </c>
      <c r="Y22103" s="2">
        <v>7.6</v>
      </c>
      <c r="Z22103" s="2">
        <v>10.6</v>
      </c>
      <c r="AA22103" s="5"/>
      <c r="AB22103" s="5" t="s">
        <v>43</v>
      </c>
      <c r="AC22103" s="5" t="s">
        <v>44</v>
      </c>
      <c r="AD22103" s="2"/>
      <c r="AE22103" s="1"/>
    </row>
    <row r="22104" spans="1:31" ht="14.45">
      <c r="A22104" s="11"/>
      <c r="B22104" s="20"/>
      <c r="C22104" s="2" t="s">
        <v>71180</v>
      </c>
      <c r="D22104" s="14" t="s">
        <v>71181</v>
      </c>
      <c r="E22104" s="2" t="s">
        <v>71182</v>
      </c>
      <c r="F22104" s="2" t="s">
        <v>7514</v>
      </c>
      <c r="G22104" s="8">
        <v>138</v>
      </c>
      <c r="H22104" s="5">
        <v>6</v>
      </c>
      <c r="I22104" s="5" t="s">
        <v>1518</v>
      </c>
      <c r="J22104" s="5" t="s">
        <v>69038</v>
      </c>
      <c r="K22104" s="2" t="s">
        <v>69039</v>
      </c>
      <c r="L22104" s="5" t="s">
        <v>69038</v>
      </c>
      <c r="M22104" s="2" t="s">
        <v>69039</v>
      </c>
      <c r="N22104" s="5" t="s">
        <v>1521</v>
      </c>
      <c r="O22104" s="5" t="s">
        <v>38</v>
      </c>
      <c r="P22104" s="5" t="s">
        <v>39</v>
      </c>
      <c r="Q22104" s="5" t="s">
        <v>40</v>
      </c>
      <c r="R22104" s="5" t="s">
        <v>1522</v>
      </c>
      <c r="S22104" s="5" t="s">
        <v>1523</v>
      </c>
      <c r="T22104" s="5" t="s">
        <v>42</v>
      </c>
      <c r="U22104" s="2">
        <v>1.45</v>
      </c>
      <c r="V22104" s="2">
        <v>1.1259999999999999</v>
      </c>
      <c r="W22104" s="2">
        <v>0.01</v>
      </c>
      <c r="X22104" s="2">
        <v>118.9</v>
      </c>
      <c r="Y22104" s="2">
        <v>7.6</v>
      </c>
      <c r="Z22104" s="2">
        <v>10.6</v>
      </c>
      <c r="AA22104" s="5"/>
      <c r="AB22104" s="5" t="s">
        <v>43</v>
      </c>
      <c r="AC22104" s="5" t="s">
        <v>44</v>
      </c>
      <c r="AD22104" s="2"/>
      <c r="AE22104" s="1"/>
    </row>
    <row r="22105" spans="1:31" ht="14.45">
      <c r="A22105" s="11"/>
      <c r="B22105" s="20"/>
      <c r="C22105" s="2" t="s">
        <v>71183</v>
      </c>
      <c r="D22105" s="14" t="s">
        <v>71184</v>
      </c>
      <c r="E22105" s="2" t="s">
        <v>71185</v>
      </c>
      <c r="F22105" s="2" t="s">
        <v>1863</v>
      </c>
      <c r="G22105" s="8">
        <v>159</v>
      </c>
      <c r="H22105" s="5">
        <v>6</v>
      </c>
      <c r="I22105" s="5" t="s">
        <v>1518</v>
      </c>
      <c r="J22105" s="5" t="s">
        <v>69038</v>
      </c>
      <c r="K22105" s="2" t="s">
        <v>69039</v>
      </c>
      <c r="L22105" s="5" t="s">
        <v>69038</v>
      </c>
      <c r="M22105" s="2" t="s">
        <v>69039</v>
      </c>
      <c r="N22105" s="5" t="s">
        <v>1521</v>
      </c>
      <c r="O22105" s="5" t="s">
        <v>38</v>
      </c>
      <c r="P22105" s="5" t="s">
        <v>39</v>
      </c>
      <c r="Q22105" s="5" t="s">
        <v>40</v>
      </c>
      <c r="R22105" s="5" t="s">
        <v>1522</v>
      </c>
      <c r="S22105" s="5" t="s">
        <v>1523</v>
      </c>
      <c r="T22105" s="5" t="s">
        <v>42</v>
      </c>
      <c r="U22105" s="2">
        <v>1.4059999999999999</v>
      </c>
      <c r="V22105" s="2">
        <v>1.0820000000000001</v>
      </c>
      <c r="W22105" s="2">
        <v>0.01</v>
      </c>
      <c r="X22105" s="2">
        <v>118.9</v>
      </c>
      <c r="Y22105" s="2">
        <v>7.6</v>
      </c>
      <c r="Z22105" s="2">
        <v>10.6</v>
      </c>
      <c r="AA22105" s="5"/>
      <c r="AB22105" s="5" t="s">
        <v>43</v>
      </c>
      <c r="AC22105" s="5" t="s">
        <v>44</v>
      </c>
      <c r="AD22105" s="2"/>
      <c r="AE22105" s="1"/>
    </row>
    <row r="22106" spans="1:31" ht="14.45">
      <c r="A22106" s="11"/>
      <c r="B22106" s="20"/>
      <c r="C22106" s="2" t="s">
        <v>71186</v>
      </c>
      <c r="D22106" s="14" t="s">
        <v>71187</v>
      </c>
      <c r="E22106" s="2" t="s">
        <v>71188</v>
      </c>
      <c r="F22106" s="2" t="s">
        <v>1867</v>
      </c>
      <c r="G22106" s="8">
        <v>159</v>
      </c>
      <c r="H22106" s="5">
        <v>6</v>
      </c>
      <c r="I22106" s="5" t="s">
        <v>1518</v>
      </c>
      <c r="J22106" s="5" t="s">
        <v>69038</v>
      </c>
      <c r="K22106" s="2" t="s">
        <v>69039</v>
      </c>
      <c r="L22106" s="5" t="s">
        <v>69038</v>
      </c>
      <c r="M22106" s="2" t="s">
        <v>69039</v>
      </c>
      <c r="N22106" s="5" t="s">
        <v>1521</v>
      </c>
      <c r="O22106" s="5" t="s">
        <v>38</v>
      </c>
      <c r="P22106" s="5" t="s">
        <v>39</v>
      </c>
      <c r="Q22106" s="5" t="s">
        <v>40</v>
      </c>
      <c r="R22106" s="5" t="s">
        <v>1522</v>
      </c>
      <c r="S22106" s="5" t="s">
        <v>1523</v>
      </c>
      <c r="T22106" s="5" t="s">
        <v>42</v>
      </c>
      <c r="U22106" s="2">
        <v>1.45</v>
      </c>
      <c r="V22106" s="2">
        <v>1.1259999999999999</v>
      </c>
      <c r="W22106" s="2">
        <v>0.01</v>
      </c>
      <c r="X22106" s="2">
        <v>118.9</v>
      </c>
      <c r="Y22106" s="2">
        <v>7.6</v>
      </c>
      <c r="Z22106" s="2">
        <v>10.6</v>
      </c>
      <c r="AA22106" s="5"/>
      <c r="AB22106" s="5" t="s">
        <v>43</v>
      </c>
      <c r="AC22106" s="5" t="s">
        <v>44</v>
      </c>
      <c r="AD22106" s="2"/>
      <c r="AE22106" s="1"/>
    </row>
    <row r="22107" spans="1:31" ht="14.45">
      <c r="A22107" s="11"/>
      <c r="B22107" s="20"/>
      <c r="C22107" s="2" t="s">
        <v>71189</v>
      </c>
      <c r="D22107" s="14" t="s">
        <v>71190</v>
      </c>
      <c r="E22107" s="2" t="s">
        <v>71191</v>
      </c>
      <c r="F22107" s="2" t="s">
        <v>7204</v>
      </c>
      <c r="G22107" s="8">
        <v>138</v>
      </c>
      <c r="H22107" s="5">
        <v>6</v>
      </c>
      <c r="I22107" s="5" t="s">
        <v>1518</v>
      </c>
      <c r="J22107" s="5" t="s">
        <v>69038</v>
      </c>
      <c r="K22107" s="2" t="s">
        <v>69039</v>
      </c>
      <c r="L22107" s="5" t="s">
        <v>69038</v>
      </c>
      <c r="M22107" s="2" t="s">
        <v>69039</v>
      </c>
      <c r="N22107" s="5" t="s">
        <v>1521</v>
      </c>
      <c r="O22107" s="5" t="s">
        <v>38</v>
      </c>
      <c r="P22107" s="5" t="s">
        <v>39</v>
      </c>
      <c r="Q22107" s="5" t="s">
        <v>40</v>
      </c>
      <c r="R22107" s="5" t="s">
        <v>1522</v>
      </c>
      <c r="S22107" s="5" t="s">
        <v>1523</v>
      </c>
      <c r="T22107" s="5" t="s">
        <v>42</v>
      </c>
      <c r="U22107" s="2">
        <v>1.7529999999999999</v>
      </c>
      <c r="V22107" s="2">
        <v>1.429</v>
      </c>
      <c r="W22107" s="2">
        <v>0.01</v>
      </c>
      <c r="X22107" s="2">
        <v>118.9</v>
      </c>
      <c r="Y22107" s="2">
        <v>7.6</v>
      </c>
      <c r="Z22107" s="2">
        <v>10.6</v>
      </c>
      <c r="AA22107" s="5"/>
      <c r="AB22107" s="5" t="s">
        <v>43</v>
      </c>
      <c r="AC22107" s="5" t="s">
        <v>44</v>
      </c>
      <c r="AD22107" s="2"/>
      <c r="AE22107" s="1"/>
    </row>
    <row r="22108" spans="1:31" ht="14.45">
      <c r="A22108" s="11"/>
      <c r="B22108" s="20"/>
      <c r="C22108" s="2" t="s">
        <v>71192</v>
      </c>
      <c r="D22108" s="14" t="s">
        <v>71193</v>
      </c>
      <c r="E22108" s="2" t="s">
        <v>71194</v>
      </c>
      <c r="F22108" s="2" t="s">
        <v>7514</v>
      </c>
      <c r="G22108" s="8">
        <v>138</v>
      </c>
      <c r="H22108" s="5">
        <v>6</v>
      </c>
      <c r="I22108" s="5" t="s">
        <v>1518</v>
      </c>
      <c r="J22108" s="5" t="s">
        <v>69038</v>
      </c>
      <c r="K22108" s="2" t="s">
        <v>69039</v>
      </c>
      <c r="L22108" s="5" t="s">
        <v>69038</v>
      </c>
      <c r="M22108" s="2" t="s">
        <v>69039</v>
      </c>
      <c r="N22108" s="5" t="s">
        <v>1521</v>
      </c>
      <c r="O22108" s="5" t="s">
        <v>38</v>
      </c>
      <c r="P22108" s="5" t="s">
        <v>39</v>
      </c>
      <c r="Q22108" s="5" t="s">
        <v>40</v>
      </c>
      <c r="R22108" s="5" t="s">
        <v>1522</v>
      </c>
      <c r="S22108" s="5" t="s">
        <v>1523</v>
      </c>
      <c r="T22108" s="5" t="s">
        <v>42</v>
      </c>
      <c r="U22108" s="2">
        <v>1.8280000000000001</v>
      </c>
      <c r="V22108" s="2">
        <v>1.504</v>
      </c>
      <c r="W22108" s="2">
        <v>0.01</v>
      </c>
      <c r="X22108" s="2">
        <v>118.9</v>
      </c>
      <c r="Y22108" s="2">
        <v>7.6</v>
      </c>
      <c r="Z22108" s="2">
        <v>10.6</v>
      </c>
      <c r="AA22108" s="5"/>
      <c r="AB22108" s="5" t="s">
        <v>43</v>
      </c>
      <c r="AC22108" s="5" t="s">
        <v>44</v>
      </c>
      <c r="AD22108" s="2"/>
      <c r="AE22108" s="1"/>
    </row>
    <row r="22109" spans="1:31" ht="14.45">
      <c r="A22109" s="11"/>
      <c r="B22109" s="20"/>
      <c r="C22109" s="2" t="s">
        <v>71195</v>
      </c>
      <c r="D22109" s="14" t="s">
        <v>71196</v>
      </c>
      <c r="E22109" s="2" t="s">
        <v>71197</v>
      </c>
      <c r="F22109" s="2" t="s">
        <v>7208</v>
      </c>
      <c r="G22109" s="8">
        <v>138</v>
      </c>
      <c r="H22109" s="5">
        <v>6</v>
      </c>
      <c r="I22109" s="5" t="s">
        <v>1518</v>
      </c>
      <c r="J22109" s="5" t="s">
        <v>69038</v>
      </c>
      <c r="K22109" s="2" t="s">
        <v>69039</v>
      </c>
      <c r="L22109" s="5" t="s">
        <v>69038</v>
      </c>
      <c r="M22109" s="2" t="s">
        <v>69039</v>
      </c>
      <c r="N22109" s="5" t="s">
        <v>1521</v>
      </c>
      <c r="O22109" s="5" t="s">
        <v>38</v>
      </c>
      <c r="P22109" s="5" t="s">
        <v>39</v>
      </c>
      <c r="Q22109" s="5" t="s">
        <v>40</v>
      </c>
      <c r="R22109" s="5" t="s">
        <v>1522</v>
      </c>
      <c r="S22109" s="5" t="s">
        <v>1523</v>
      </c>
      <c r="T22109" s="5" t="s">
        <v>42</v>
      </c>
      <c r="U22109" s="2">
        <v>1.7529999999999999</v>
      </c>
      <c r="V22109" s="2">
        <v>1.429</v>
      </c>
      <c r="W22109" s="2">
        <v>0.01</v>
      </c>
      <c r="X22109" s="2">
        <v>118.9</v>
      </c>
      <c r="Y22109" s="2">
        <v>7.6</v>
      </c>
      <c r="Z22109" s="2">
        <v>10.6</v>
      </c>
      <c r="AA22109" s="5"/>
      <c r="AB22109" s="5" t="s">
        <v>43</v>
      </c>
      <c r="AC22109" s="5" t="s">
        <v>44</v>
      </c>
      <c r="AD22109" s="2"/>
      <c r="AE22109" s="1"/>
    </row>
    <row r="22110" spans="1:31" ht="14.45">
      <c r="A22110" s="11"/>
      <c r="B22110" s="20"/>
      <c r="C22110" s="2" t="s">
        <v>71198</v>
      </c>
      <c r="D22110" s="14" t="s">
        <v>71199</v>
      </c>
      <c r="E22110" s="2" t="s">
        <v>71200</v>
      </c>
      <c r="F22110" s="2" t="s">
        <v>7521</v>
      </c>
      <c r="G22110" s="8">
        <v>138</v>
      </c>
      <c r="H22110" s="5">
        <v>6</v>
      </c>
      <c r="I22110" s="5" t="s">
        <v>1518</v>
      </c>
      <c r="J22110" s="5" t="s">
        <v>69038</v>
      </c>
      <c r="K22110" s="2" t="s">
        <v>69039</v>
      </c>
      <c r="L22110" s="5" t="s">
        <v>69038</v>
      </c>
      <c r="M22110" s="2" t="s">
        <v>69039</v>
      </c>
      <c r="N22110" s="5" t="s">
        <v>1521</v>
      </c>
      <c r="O22110" s="5" t="s">
        <v>38</v>
      </c>
      <c r="P22110" s="5" t="s">
        <v>39</v>
      </c>
      <c r="Q22110" s="5" t="s">
        <v>40</v>
      </c>
      <c r="R22110" s="5" t="s">
        <v>1522</v>
      </c>
      <c r="S22110" s="5" t="s">
        <v>1523</v>
      </c>
      <c r="T22110" s="5" t="s">
        <v>42</v>
      </c>
      <c r="U22110" s="2">
        <v>1.8280000000000001</v>
      </c>
      <c r="V22110" s="2">
        <v>1.504</v>
      </c>
      <c r="W22110" s="2">
        <v>0.01</v>
      </c>
      <c r="X22110" s="2">
        <v>118.9</v>
      </c>
      <c r="Y22110" s="2">
        <v>7.6</v>
      </c>
      <c r="Z22110" s="2">
        <v>10.6</v>
      </c>
      <c r="AA22110" s="5"/>
      <c r="AB22110" s="5" t="s">
        <v>43</v>
      </c>
      <c r="AC22110" s="5" t="s">
        <v>44</v>
      </c>
      <c r="AD22110" s="2"/>
      <c r="AE22110" s="1"/>
    </row>
    <row r="22111" spans="1:31" ht="14.45">
      <c r="A22111" s="11"/>
      <c r="B22111" s="20"/>
      <c r="C22111" s="2" t="s">
        <v>71201</v>
      </c>
      <c r="D22111" s="14" t="s">
        <v>71202</v>
      </c>
      <c r="E22111" s="2" t="s">
        <v>71203</v>
      </c>
      <c r="F22111" s="2" t="s">
        <v>7406</v>
      </c>
      <c r="G22111" s="8">
        <v>159</v>
      </c>
      <c r="H22111" s="5">
        <v>6</v>
      </c>
      <c r="I22111" s="5" t="s">
        <v>1518</v>
      </c>
      <c r="J22111" s="5" t="s">
        <v>69038</v>
      </c>
      <c r="K22111" s="2" t="s">
        <v>69039</v>
      </c>
      <c r="L22111" s="5" t="s">
        <v>69038</v>
      </c>
      <c r="M22111" s="2" t="s">
        <v>69039</v>
      </c>
      <c r="N22111" s="5" t="s">
        <v>1521</v>
      </c>
      <c r="O22111" s="5" t="s">
        <v>38</v>
      </c>
      <c r="P22111" s="5" t="s">
        <v>39</v>
      </c>
      <c r="Q22111" s="5" t="s">
        <v>40</v>
      </c>
      <c r="R22111" s="5" t="s">
        <v>1522</v>
      </c>
      <c r="S22111" s="5" t="s">
        <v>1523</v>
      </c>
      <c r="T22111" s="5" t="s">
        <v>42</v>
      </c>
      <c r="U22111" s="2">
        <v>1.7529999999999999</v>
      </c>
      <c r="V22111" s="2">
        <v>1.429</v>
      </c>
      <c r="W22111" s="2">
        <v>0.01</v>
      </c>
      <c r="X22111" s="2">
        <v>118.9</v>
      </c>
      <c r="Y22111" s="2">
        <v>7.6</v>
      </c>
      <c r="Z22111" s="2">
        <v>10.6</v>
      </c>
      <c r="AA22111" s="5"/>
      <c r="AB22111" s="5" t="s">
        <v>43</v>
      </c>
      <c r="AC22111" s="5" t="s">
        <v>44</v>
      </c>
      <c r="AD22111" s="2"/>
      <c r="AE22111" s="1"/>
    </row>
    <row r="22112" spans="1:31" ht="14.45">
      <c r="A22112" s="11"/>
      <c r="B22112" s="20"/>
      <c r="C22112" s="2" t="s">
        <v>71204</v>
      </c>
      <c r="D22112" s="14" t="s">
        <v>71205</v>
      </c>
      <c r="E22112" s="2" t="s">
        <v>71206</v>
      </c>
      <c r="F22112" s="2" t="s">
        <v>7535</v>
      </c>
      <c r="G22112" s="8">
        <v>159</v>
      </c>
      <c r="H22112" s="5">
        <v>6</v>
      </c>
      <c r="I22112" s="5" t="s">
        <v>1518</v>
      </c>
      <c r="J22112" s="5" t="s">
        <v>69038</v>
      </c>
      <c r="K22112" s="2" t="s">
        <v>69039</v>
      </c>
      <c r="L22112" s="5" t="s">
        <v>69038</v>
      </c>
      <c r="M22112" s="2" t="s">
        <v>69039</v>
      </c>
      <c r="N22112" s="5" t="s">
        <v>1521</v>
      </c>
      <c r="O22112" s="5" t="s">
        <v>38</v>
      </c>
      <c r="P22112" s="5" t="s">
        <v>39</v>
      </c>
      <c r="Q22112" s="5" t="s">
        <v>40</v>
      </c>
      <c r="R22112" s="5" t="s">
        <v>1522</v>
      </c>
      <c r="S22112" s="5" t="s">
        <v>1523</v>
      </c>
      <c r="T22112" s="5" t="s">
        <v>42</v>
      </c>
      <c r="U22112" s="2">
        <v>1.8280000000000001</v>
      </c>
      <c r="V22112" s="2">
        <v>1.504</v>
      </c>
      <c r="W22112" s="2">
        <v>0.01</v>
      </c>
      <c r="X22112" s="2">
        <v>118.9</v>
      </c>
      <c r="Y22112" s="2">
        <v>7.6</v>
      </c>
      <c r="Z22112" s="2">
        <v>10.6</v>
      </c>
      <c r="AA22112" s="5"/>
      <c r="AB22112" s="5" t="s">
        <v>43</v>
      </c>
      <c r="AC22112" s="5" t="s">
        <v>44</v>
      </c>
      <c r="AD22112" s="2"/>
      <c r="AE22112" s="1"/>
    </row>
    <row r="22113" spans="1:31" ht="14.45">
      <c r="A22113" s="11"/>
      <c r="B22113" s="20"/>
      <c r="C22113" s="2" t="s">
        <v>71207</v>
      </c>
      <c r="D22113" s="14" t="s">
        <v>71208</v>
      </c>
      <c r="E22113" s="2" t="s">
        <v>71209</v>
      </c>
      <c r="F22113" s="2" t="s">
        <v>7539</v>
      </c>
      <c r="G22113" s="8">
        <v>159</v>
      </c>
      <c r="H22113" s="5">
        <v>6</v>
      </c>
      <c r="I22113" s="5" t="s">
        <v>1518</v>
      </c>
      <c r="J22113" s="5" t="s">
        <v>69038</v>
      </c>
      <c r="K22113" s="2" t="s">
        <v>69039</v>
      </c>
      <c r="L22113" s="5" t="s">
        <v>69038</v>
      </c>
      <c r="M22113" s="2" t="s">
        <v>69039</v>
      </c>
      <c r="N22113" s="5" t="s">
        <v>1521</v>
      </c>
      <c r="O22113" s="5" t="s">
        <v>38</v>
      </c>
      <c r="P22113" s="5" t="s">
        <v>39</v>
      </c>
      <c r="Q22113" s="5" t="s">
        <v>40</v>
      </c>
      <c r="R22113" s="5" t="s">
        <v>1522</v>
      </c>
      <c r="S22113" s="5" t="s">
        <v>1523</v>
      </c>
      <c r="T22113" s="5" t="s">
        <v>42</v>
      </c>
      <c r="U22113" s="2">
        <v>1.7529999999999999</v>
      </c>
      <c r="V22113" s="2">
        <v>1.429</v>
      </c>
      <c r="W22113" s="2">
        <v>0.01</v>
      </c>
      <c r="X22113" s="2">
        <v>118.9</v>
      </c>
      <c r="Y22113" s="2">
        <v>7.6</v>
      </c>
      <c r="Z22113" s="2">
        <v>10.6</v>
      </c>
      <c r="AA22113" s="5"/>
      <c r="AB22113" s="5" t="s">
        <v>43</v>
      </c>
      <c r="AC22113" s="5" t="s">
        <v>44</v>
      </c>
      <c r="AD22113" s="2"/>
      <c r="AE22113" s="1"/>
    </row>
    <row r="22114" spans="1:31" ht="14.45">
      <c r="A22114" s="11"/>
      <c r="B22114" s="20"/>
      <c r="C22114" s="2" t="s">
        <v>71210</v>
      </c>
      <c r="D22114" s="14" t="s">
        <v>71211</v>
      </c>
      <c r="E22114" s="2" t="s">
        <v>71212</v>
      </c>
      <c r="F22114" s="2" t="s">
        <v>7543</v>
      </c>
      <c r="G22114" s="8">
        <v>159</v>
      </c>
      <c r="H22114" s="5">
        <v>6</v>
      </c>
      <c r="I22114" s="5" t="s">
        <v>1518</v>
      </c>
      <c r="J22114" s="5" t="s">
        <v>69038</v>
      </c>
      <c r="K22114" s="2" t="s">
        <v>69039</v>
      </c>
      <c r="L22114" s="5" t="s">
        <v>69038</v>
      </c>
      <c r="M22114" s="2" t="s">
        <v>69039</v>
      </c>
      <c r="N22114" s="5" t="s">
        <v>1521</v>
      </c>
      <c r="O22114" s="5" t="s">
        <v>38</v>
      </c>
      <c r="P22114" s="5" t="s">
        <v>39</v>
      </c>
      <c r="Q22114" s="5" t="s">
        <v>40</v>
      </c>
      <c r="R22114" s="5" t="s">
        <v>1522</v>
      </c>
      <c r="S22114" s="5" t="s">
        <v>1523</v>
      </c>
      <c r="T22114" s="5" t="s">
        <v>42</v>
      </c>
      <c r="U22114" s="2">
        <v>1.8280000000000001</v>
      </c>
      <c r="V22114" s="2">
        <v>1.504</v>
      </c>
      <c r="W22114" s="2">
        <v>0.01</v>
      </c>
      <c r="X22114" s="2">
        <v>118.9</v>
      </c>
      <c r="Y22114" s="2">
        <v>7.6</v>
      </c>
      <c r="Z22114" s="2">
        <v>10.6</v>
      </c>
      <c r="AA22114" s="5"/>
      <c r="AB22114" s="5" t="s">
        <v>43</v>
      </c>
      <c r="AC22114" s="5" t="s">
        <v>44</v>
      </c>
      <c r="AD22114" s="2"/>
      <c r="AE22114" s="1"/>
    </row>
    <row r="22115" spans="1:31" ht="14.45">
      <c r="A22115" s="11"/>
      <c r="B22115" s="20"/>
      <c r="C22115" s="2" t="s">
        <v>71213</v>
      </c>
      <c r="D22115" s="14" t="s">
        <v>71214</v>
      </c>
      <c r="E22115" s="2" t="s">
        <v>71215</v>
      </c>
      <c r="F22115" s="2" t="s">
        <v>7396</v>
      </c>
      <c r="G22115" s="8">
        <v>138</v>
      </c>
      <c r="H22115" s="5">
        <v>6</v>
      </c>
      <c r="I22115" s="5" t="s">
        <v>1518</v>
      </c>
      <c r="J22115" s="5" t="s">
        <v>69038</v>
      </c>
      <c r="K22115" s="2" t="s">
        <v>69039</v>
      </c>
      <c r="L22115" s="5" t="s">
        <v>69038</v>
      </c>
      <c r="M22115" s="2" t="s">
        <v>69039</v>
      </c>
      <c r="N22115" s="5" t="s">
        <v>1521</v>
      </c>
      <c r="O22115" s="5" t="s">
        <v>38</v>
      </c>
      <c r="P22115" s="5" t="s">
        <v>39</v>
      </c>
      <c r="Q22115" s="5" t="s">
        <v>40</v>
      </c>
      <c r="R22115" s="5" t="s">
        <v>1522</v>
      </c>
      <c r="S22115" s="5" t="s">
        <v>1523</v>
      </c>
      <c r="T22115" s="5" t="s">
        <v>42</v>
      </c>
      <c r="U22115" s="2">
        <v>1.7529999999999999</v>
      </c>
      <c r="V22115" s="2">
        <v>1.429</v>
      </c>
      <c r="W22115" s="2">
        <v>0.01</v>
      </c>
      <c r="X22115" s="2">
        <v>118.9</v>
      </c>
      <c r="Y22115" s="2">
        <v>7.6</v>
      </c>
      <c r="Z22115" s="2">
        <v>10.6</v>
      </c>
      <c r="AA22115" s="5"/>
      <c r="AB22115" s="5" t="s">
        <v>43</v>
      </c>
      <c r="AC22115" s="5" t="s">
        <v>44</v>
      </c>
      <c r="AD22115" s="2"/>
      <c r="AE22115" s="1"/>
    </row>
    <row r="22116" spans="1:31" ht="14.45">
      <c r="A22116" s="11"/>
      <c r="B22116" s="20"/>
      <c r="C22116" s="2" t="s">
        <v>71216</v>
      </c>
      <c r="D22116" s="14" t="s">
        <v>71217</v>
      </c>
      <c r="E22116" s="2" t="s">
        <v>71218</v>
      </c>
      <c r="F22116" s="2" t="s">
        <v>69112</v>
      </c>
      <c r="G22116" s="8">
        <v>138</v>
      </c>
      <c r="H22116" s="5">
        <v>6</v>
      </c>
      <c r="I22116" s="5" t="s">
        <v>1518</v>
      </c>
      <c r="J22116" s="5" t="s">
        <v>69038</v>
      </c>
      <c r="K22116" s="2" t="s">
        <v>69039</v>
      </c>
      <c r="L22116" s="5" t="s">
        <v>69038</v>
      </c>
      <c r="M22116" s="2" t="s">
        <v>69039</v>
      </c>
      <c r="N22116" s="5" t="s">
        <v>1521</v>
      </c>
      <c r="O22116" s="5" t="s">
        <v>38</v>
      </c>
      <c r="P22116" s="5" t="s">
        <v>39</v>
      </c>
      <c r="Q22116" s="5" t="s">
        <v>40</v>
      </c>
      <c r="R22116" s="5" t="s">
        <v>1522</v>
      </c>
      <c r="S22116" s="5" t="s">
        <v>1523</v>
      </c>
      <c r="T22116" s="5" t="s">
        <v>42</v>
      </c>
      <c r="U22116" s="2">
        <v>1.8280000000000001</v>
      </c>
      <c r="V22116" s="2">
        <v>1.504</v>
      </c>
      <c r="W22116" s="2">
        <v>0.01</v>
      </c>
      <c r="X22116" s="2">
        <v>118.9</v>
      </c>
      <c r="Y22116" s="2">
        <v>7.6</v>
      </c>
      <c r="Z22116" s="2">
        <v>10.6</v>
      </c>
      <c r="AA22116" s="5"/>
      <c r="AB22116" s="5" t="s">
        <v>43</v>
      </c>
      <c r="AC22116" s="5" t="s">
        <v>44</v>
      </c>
      <c r="AD22116" s="2"/>
      <c r="AE22116" s="1"/>
    </row>
    <row r="22117" spans="1:31" ht="14.45">
      <c r="A22117" s="11"/>
      <c r="B22117" s="20"/>
      <c r="C22117" s="2" t="s">
        <v>71219</v>
      </c>
      <c r="D22117" s="14" t="s">
        <v>71220</v>
      </c>
      <c r="E22117" s="2" t="s">
        <v>71221</v>
      </c>
      <c r="F22117" s="2" t="s">
        <v>7563</v>
      </c>
      <c r="G22117" s="8">
        <v>159</v>
      </c>
      <c r="H22117" s="5">
        <v>6</v>
      </c>
      <c r="I22117" s="5" t="s">
        <v>1518</v>
      </c>
      <c r="J22117" s="5" t="s">
        <v>69038</v>
      </c>
      <c r="K22117" s="2" t="s">
        <v>69039</v>
      </c>
      <c r="L22117" s="5" t="s">
        <v>69038</v>
      </c>
      <c r="M22117" s="2" t="s">
        <v>69039</v>
      </c>
      <c r="N22117" s="5" t="s">
        <v>1521</v>
      </c>
      <c r="O22117" s="5" t="s">
        <v>38</v>
      </c>
      <c r="P22117" s="5" t="s">
        <v>39</v>
      </c>
      <c r="Q22117" s="5" t="s">
        <v>40</v>
      </c>
      <c r="R22117" s="5" t="s">
        <v>1522</v>
      </c>
      <c r="S22117" s="5" t="s">
        <v>1523</v>
      </c>
      <c r="T22117" s="5" t="s">
        <v>42</v>
      </c>
      <c r="U22117" s="2">
        <v>1.7529999999999999</v>
      </c>
      <c r="V22117" s="2">
        <v>1.429</v>
      </c>
      <c r="W22117" s="2">
        <v>0.01</v>
      </c>
      <c r="X22117" s="2">
        <v>118.9</v>
      </c>
      <c r="Y22117" s="2">
        <v>7.6</v>
      </c>
      <c r="Z22117" s="2">
        <v>10.6</v>
      </c>
      <c r="AA22117" s="5"/>
      <c r="AB22117" s="5" t="s">
        <v>43</v>
      </c>
      <c r="AC22117" s="5" t="s">
        <v>44</v>
      </c>
      <c r="AD22117" s="2"/>
      <c r="AE22117" s="1"/>
    </row>
    <row r="22118" spans="1:31" ht="14.45">
      <c r="A22118" s="11"/>
      <c r="B22118" s="20"/>
      <c r="C22118" s="2" t="s">
        <v>71222</v>
      </c>
      <c r="D22118" s="14" t="s">
        <v>71223</v>
      </c>
      <c r="E22118" s="2" t="s">
        <v>71224</v>
      </c>
      <c r="F22118" s="2" t="s">
        <v>7567</v>
      </c>
      <c r="G22118" s="8">
        <v>159</v>
      </c>
      <c r="H22118" s="5">
        <v>6</v>
      </c>
      <c r="I22118" s="5" t="s">
        <v>1518</v>
      </c>
      <c r="J22118" s="5" t="s">
        <v>69038</v>
      </c>
      <c r="K22118" s="2" t="s">
        <v>69039</v>
      </c>
      <c r="L22118" s="5" t="s">
        <v>69038</v>
      </c>
      <c r="M22118" s="2" t="s">
        <v>69039</v>
      </c>
      <c r="N22118" s="5" t="s">
        <v>1521</v>
      </c>
      <c r="O22118" s="5" t="s">
        <v>38</v>
      </c>
      <c r="P22118" s="5" t="s">
        <v>39</v>
      </c>
      <c r="Q22118" s="5" t="s">
        <v>40</v>
      </c>
      <c r="R22118" s="5" t="s">
        <v>1522</v>
      </c>
      <c r="S22118" s="5" t="s">
        <v>1523</v>
      </c>
      <c r="T22118" s="5" t="s">
        <v>42</v>
      </c>
      <c r="U22118" s="2">
        <v>1.8280000000000001</v>
      </c>
      <c r="V22118" s="2">
        <v>1.504</v>
      </c>
      <c r="W22118" s="2">
        <v>0.01</v>
      </c>
      <c r="X22118" s="2">
        <v>118.9</v>
      </c>
      <c r="Y22118" s="2">
        <v>7.6</v>
      </c>
      <c r="Z22118" s="2">
        <v>10.6</v>
      </c>
      <c r="AA22118" s="5"/>
      <c r="AB22118" s="5" t="s">
        <v>43</v>
      </c>
      <c r="AC22118" s="5" t="s">
        <v>44</v>
      </c>
      <c r="AD22118" s="2"/>
      <c r="AE22118" s="1"/>
    </row>
    <row r="22119" spans="1:31" ht="14.45">
      <c r="A22119" s="11"/>
      <c r="B22119" s="20"/>
      <c r="C22119" s="2" t="s">
        <v>71225</v>
      </c>
      <c r="D22119" s="14" t="s">
        <v>71226</v>
      </c>
      <c r="E22119" s="2" t="s">
        <v>71227</v>
      </c>
      <c r="F22119" s="2" t="s">
        <v>7555</v>
      </c>
      <c r="G22119" s="8">
        <v>159</v>
      </c>
      <c r="H22119" s="5">
        <v>6</v>
      </c>
      <c r="I22119" s="5" t="s">
        <v>1518</v>
      </c>
      <c r="J22119" s="5" t="s">
        <v>69038</v>
      </c>
      <c r="K22119" s="2" t="s">
        <v>69039</v>
      </c>
      <c r="L22119" s="5" t="s">
        <v>69038</v>
      </c>
      <c r="M22119" s="2" t="s">
        <v>69039</v>
      </c>
      <c r="N22119" s="5" t="s">
        <v>1521</v>
      </c>
      <c r="O22119" s="5" t="s">
        <v>38</v>
      </c>
      <c r="P22119" s="5" t="s">
        <v>39</v>
      </c>
      <c r="Q22119" s="5" t="s">
        <v>40</v>
      </c>
      <c r="R22119" s="5" t="s">
        <v>1522</v>
      </c>
      <c r="S22119" s="5" t="s">
        <v>1523</v>
      </c>
      <c r="T22119" s="5" t="s">
        <v>42</v>
      </c>
      <c r="U22119" s="2">
        <v>1.7529999999999999</v>
      </c>
      <c r="V22119" s="2">
        <v>1.429</v>
      </c>
      <c r="W22119" s="2">
        <v>0.01</v>
      </c>
      <c r="X22119" s="2">
        <v>118.9</v>
      </c>
      <c r="Y22119" s="2">
        <v>7.6</v>
      </c>
      <c r="Z22119" s="2">
        <v>10.6</v>
      </c>
      <c r="AA22119" s="5"/>
      <c r="AB22119" s="5" t="s">
        <v>43</v>
      </c>
      <c r="AC22119" s="5" t="s">
        <v>44</v>
      </c>
      <c r="AD22119" s="2"/>
      <c r="AE22119" s="1"/>
    </row>
    <row r="22120" spans="1:31" ht="14.45">
      <c r="A22120" s="11"/>
      <c r="B22120" s="20"/>
      <c r="C22120" s="2" t="s">
        <v>71228</v>
      </c>
      <c r="D22120" s="14" t="s">
        <v>71229</v>
      </c>
      <c r="E22120" s="2" t="s">
        <v>71230</v>
      </c>
      <c r="F22120" s="2" t="s">
        <v>7559</v>
      </c>
      <c r="G22120" s="8">
        <v>159</v>
      </c>
      <c r="H22120" s="5">
        <v>6</v>
      </c>
      <c r="I22120" s="5" t="s">
        <v>1518</v>
      </c>
      <c r="J22120" s="5" t="s">
        <v>69038</v>
      </c>
      <c r="K22120" s="2" t="s">
        <v>69039</v>
      </c>
      <c r="L22120" s="5" t="s">
        <v>69038</v>
      </c>
      <c r="M22120" s="2" t="s">
        <v>69039</v>
      </c>
      <c r="N22120" s="5" t="s">
        <v>1521</v>
      </c>
      <c r="O22120" s="5" t="s">
        <v>38</v>
      </c>
      <c r="P22120" s="5" t="s">
        <v>39</v>
      </c>
      <c r="Q22120" s="5" t="s">
        <v>40</v>
      </c>
      <c r="R22120" s="5" t="s">
        <v>1522</v>
      </c>
      <c r="S22120" s="5" t="s">
        <v>1523</v>
      </c>
      <c r="T22120" s="5" t="s">
        <v>42</v>
      </c>
      <c r="U22120" s="2">
        <v>1.8280000000000001</v>
      </c>
      <c r="V22120" s="2">
        <v>1.504</v>
      </c>
      <c r="W22120" s="2">
        <v>0.01</v>
      </c>
      <c r="X22120" s="2">
        <v>118.9</v>
      </c>
      <c r="Y22120" s="2">
        <v>7.6</v>
      </c>
      <c r="Z22120" s="2">
        <v>10.6</v>
      </c>
      <c r="AA22120" s="5"/>
      <c r="AB22120" s="5" t="s">
        <v>43</v>
      </c>
      <c r="AC22120" s="5" t="s">
        <v>44</v>
      </c>
      <c r="AD22120" s="2"/>
      <c r="AE22120" s="1"/>
    </row>
    <row r="22121" spans="1:31" ht="14.45">
      <c r="A22121" s="11"/>
      <c r="B22121" s="20"/>
      <c r="C22121" s="2" t="s">
        <v>71231</v>
      </c>
      <c r="D22121" s="14" t="s">
        <v>71232</v>
      </c>
      <c r="E22121" s="2" t="s">
        <v>71233</v>
      </c>
      <c r="F22121" s="2" t="s">
        <v>7429</v>
      </c>
      <c r="G22121" s="8">
        <v>159</v>
      </c>
      <c r="H22121" s="5">
        <v>6</v>
      </c>
      <c r="I22121" s="5" t="s">
        <v>1518</v>
      </c>
      <c r="J22121" s="5" t="s">
        <v>69038</v>
      </c>
      <c r="K22121" s="2" t="s">
        <v>69039</v>
      </c>
      <c r="L22121" s="5" t="s">
        <v>69038</v>
      </c>
      <c r="M22121" s="2" t="s">
        <v>69039</v>
      </c>
      <c r="N22121" s="5" t="s">
        <v>1521</v>
      </c>
      <c r="O22121" s="5" t="s">
        <v>38</v>
      </c>
      <c r="P22121" s="5" t="s">
        <v>39</v>
      </c>
      <c r="Q22121" s="5" t="s">
        <v>40</v>
      </c>
      <c r="R22121" s="5" t="s">
        <v>1522</v>
      </c>
      <c r="S22121" s="5" t="s">
        <v>1523</v>
      </c>
      <c r="T22121" s="5" t="s">
        <v>42</v>
      </c>
      <c r="U22121" s="2">
        <v>1.7529999999999999</v>
      </c>
      <c r="V22121" s="2">
        <v>1.429</v>
      </c>
      <c r="W22121" s="2">
        <v>0.01</v>
      </c>
      <c r="X22121" s="2">
        <v>118.9</v>
      </c>
      <c r="Y22121" s="2">
        <v>7.6</v>
      </c>
      <c r="Z22121" s="2">
        <v>10.6</v>
      </c>
      <c r="AA22121" s="5"/>
      <c r="AB22121" s="5" t="s">
        <v>43</v>
      </c>
      <c r="AC22121" s="5" t="s">
        <v>44</v>
      </c>
      <c r="AD22121" s="2"/>
      <c r="AE22121" s="1"/>
    </row>
    <row r="22122" spans="1:31" ht="14.45">
      <c r="A22122" s="11"/>
      <c r="B22122" s="20"/>
      <c r="C22122" s="2" t="s">
        <v>71234</v>
      </c>
      <c r="D22122" s="14" t="s">
        <v>71235</v>
      </c>
      <c r="E22122" s="2" t="s">
        <v>71236</v>
      </c>
      <c r="F22122" s="2" t="s">
        <v>7574</v>
      </c>
      <c r="G22122" s="8">
        <v>159</v>
      </c>
      <c r="H22122" s="5">
        <v>6</v>
      </c>
      <c r="I22122" s="5" t="s">
        <v>1518</v>
      </c>
      <c r="J22122" s="5" t="s">
        <v>69038</v>
      </c>
      <c r="K22122" s="2" t="s">
        <v>69039</v>
      </c>
      <c r="L22122" s="5" t="s">
        <v>69038</v>
      </c>
      <c r="M22122" s="2" t="s">
        <v>69039</v>
      </c>
      <c r="N22122" s="5" t="s">
        <v>1521</v>
      </c>
      <c r="O22122" s="5" t="s">
        <v>38</v>
      </c>
      <c r="P22122" s="5" t="s">
        <v>39</v>
      </c>
      <c r="Q22122" s="5" t="s">
        <v>40</v>
      </c>
      <c r="R22122" s="5" t="s">
        <v>1522</v>
      </c>
      <c r="S22122" s="5" t="s">
        <v>1523</v>
      </c>
      <c r="T22122" s="5" t="s">
        <v>42</v>
      </c>
      <c r="U22122" s="2">
        <v>1.8280000000000001</v>
      </c>
      <c r="V22122" s="2">
        <v>1.504</v>
      </c>
      <c r="W22122" s="2">
        <v>0.01</v>
      </c>
      <c r="X22122" s="2">
        <v>118.9</v>
      </c>
      <c r="Y22122" s="2">
        <v>7.6</v>
      </c>
      <c r="Z22122" s="2">
        <v>10.6</v>
      </c>
      <c r="AA22122" s="5"/>
      <c r="AB22122" s="5" t="s">
        <v>43</v>
      </c>
      <c r="AC22122" s="5" t="s">
        <v>44</v>
      </c>
      <c r="AD22122" s="2"/>
      <c r="AE22122" s="1"/>
    </row>
    <row r="22123" spans="1:31" ht="14.45">
      <c r="A22123" s="11"/>
      <c r="B22123" s="20"/>
      <c r="C22123" s="2" t="s">
        <v>71237</v>
      </c>
      <c r="D22123" s="14" t="s">
        <v>71238</v>
      </c>
      <c r="E22123" s="2" t="s">
        <v>71239</v>
      </c>
      <c r="F22123" s="2" t="s">
        <v>7449</v>
      </c>
      <c r="G22123" s="8">
        <v>159</v>
      </c>
      <c r="H22123" s="5">
        <v>6</v>
      </c>
      <c r="I22123" s="5" t="s">
        <v>1518</v>
      </c>
      <c r="J22123" s="5" t="s">
        <v>69038</v>
      </c>
      <c r="K22123" s="2" t="s">
        <v>69039</v>
      </c>
      <c r="L22123" s="5" t="s">
        <v>69038</v>
      </c>
      <c r="M22123" s="2" t="s">
        <v>69039</v>
      </c>
      <c r="N22123" s="5" t="s">
        <v>1521</v>
      </c>
      <c r="O22123" s="5" t="s">
        <v>38</v>
      </c>
      <c r="P22123" s="5" t="s">
        <v>39</v>
      </c>
      <c r="Q22123" s="5" t="s">
        <v>40</v>
      </c>
      <c r="R22123" s="5" t="s">
        <v>1522</v>
      </c>
      <c r="S22123" s="5" t="s">
        <v>1523</v>
      </c>
      <c r="T22123" s="5" t="s">
        <v>42</v>
      </c>
      <c r="U22123" s="2">
        <v>1.7529999999999999</v>
      </c>
      <c r="V22123" s="2">
        <v>1.429</v>
      </c>
      <c r="W22123" s="2">
        <v>0.01</v>
      </c>
      <c r="X22123" s="2">
        <v>118.9</v>
      </c>
      <c r="Y22123" s="2">
        <v>7.6</v>
      </c>
      <c r="Z22123" s="2">
        <v>10.6</v>
      </c>
      <c r="AA22123" s="5"/>
      <c r="AB22123" s="5" t="s">
        <v>43</v>
      </c>
      <c r="AC22123" s="5" t="s">
        <v>44</v>
      </c>
      <c r="AD22123" s="2"/>
      <c r="AE22123" s="1"/>
    </row>
    <row r="22124" spans="1:31" ht="14.45">
      <c r="A22124" s="11"/>
      <c r="B22124" s="20"/>
      <c r="C22124" s="2" t="s">
        <v>71240</v>
      </c>
      <c r="D22124" s="14" t="s">
        <v>71241</v>
      </c>
      <c r="E22124" s="2" t="s">
        <v>71242</v>
      </c>
      <c r="F22124" s="2" t="s">
        <v>7581</v>
      </c>
      <c r="G22124" s="8">
        <v>159</v>
      </c>
      <c r="H22124" s="5">
        <v>6</v>
      </c>
      <c r="I22124" s="5" t="s">
        <v>1518</v>
      </c>
      <c r="J22124" s="5" t="s">
        <v>69038</v>
      </c>
      <c r="K22124" s="2" t="s">
        <v>69039</v>
      </c>
      <c r="L22124" s="5" t="s">
        <v>69038</v>
      </c>
      <c r="M22124" s="2" t="s">
        <v>69039</v>
      </c>
      <c r="N22124" s="5" t="s">
        <v>1521</v>
      </c>
      <c r="O22124" s="5" t="s">
        <v>38</v>
      </c>
      <c r="P22124" s="5" t="s">
        <v>39</v>
      </c>
      <c r="Q22124" s="5" t="s">
        <v>40</v>
      </c>
      <c r="R22124" s="5" t="s">
        <v>1522</v>
      </c>
      <c r="S22124" s="5" t="s">
        <v>1523</v>
      </c>
      <c r="T22124" s="5" t="s">
        <v>42</v>
      </c>
      <c r="U22124" s="2">
        <v>1.8280000000000001</v>
      </c>
      <c r="V22124" s="2">
        <v>1.504</v>
      </c>
      <c r="W22124" s="2">
        <v>0.01</v>
      </c>
      <c r="X22124" s="2">
        <v>118.9</v>
      </c>
      <c r="Y22124" s="2">
        <v>7.6</v>
      </c>
      <c r="Z22124" s="2">
        <v>10.6</v>
      </c>
      <c r="AA22124" s="5"/>
      <c r="AB22124" s="5" t="s">
        <v>43</v>
      </c>
      <c r="AC22124" s="5" t="s">
        <v>44</v>
      </c>
      <c r="AD22124" s="2"/>
      <c r="AE22124" s="1"/>
    </row>
    <row r="22125" spans="1:31" ht="14.45">
      <c r="A22125" s="11"/>
      <c r="B22125" s="20"/>
      <c r="C22125" s="2" t="s">
        <v>71243</v>
      </c>
      <c r="D22125" s="14" t="s">
        <v>71244</v>
      </c>
      <c r="E22125" s="2" t="s">
        <v>71245</v>
      </c>
      <c r="F22125" s="2" t="s">
        <v>7585</v>
      </c>
      <c r="G22125" s="8">
        <v>159</v>
      </c>
      <c r="H22125" s="5">
        <v>6</v>
      </c>
      <c r="I22125" s="5" t="s">
        <v>1518</v>
      </c>
      <c r="J22125" s="5" t="s">
        <v>69038</v>
      </c>
      <c r="K22125" s="2" t="s">
        <v>69039</v>
      </c>
      <c r="L22125" s="5" t="s">
        <v>69038</v>
      </c>
      <c r="M22125" s="2" t="s">
        <v>69039</v>
      </c>
      <c r="N22125" s="5" t="s">
        <v>1521</v>
      </c>
      <c r="O22125" s="5" t="s">
        <v>38</v>
      </c>
      <c r="P22125" s="5" t="s">
        <v>39</v>
      </c>
      <c r="Q22125" s="5" t="s">
        <v>40</v>
      </c>
      <c r="R22125" s="5" t="s">
        <v>1522</v>
      </c>
      <c r="S22125" s="5" t="s">
        <v>1523</v>
      </c>
      <c r="T22125" s="5" t="s">
        <v>42</v>
      </c>
      <c r="U22125" s="2">
        <v>1.7529999999999999</v>
      </c>
      <c r="V22125" s="2">
        <v>1.429</v>
      </c>
      <c r="W22125" s="2">
        <v>0.01</v>
      </c>
      <c r="X22125" s="2">
        <v>118.9</v>
      </c>
      <c r="Y22125" s="2">
        <v>7.6</v>
      </c>
      <c r="Z22125" s="2">
        <v>10.6</v>
      </c>
      <c r="AA22125" s="5"/>
      <c r="AB22125" s="5" t="s">
        <v>43</v>
      </c>
      <c r="AC22125" s="5" t="s">
        <v>44</v>
      </c>
      <c r="AD22125" s="2"/>
      <c r="AE22125" s="1"/>
    </row>
    <row r="22126" spans="1:31" ht="14.45">
      <c r="A22126" s="11"/>
      <c r="B22126" s="20"/>
      <c r="C22126" s="2" t="s">
        <v>71246</v>
      </c>
      <c r="D22126" s="14" t="s">
        <v>71247</v>
      </c>
      <c r="E22126" s="2" t="s">
        <v>71248</v>
      </c>
      <c r="F22126" s="2" t="s">
        <v>7589</v>
      </c>
      <c r="G22126" s="8">
        <v>159</v>
      </c>
      <c r="H22126" s="5">
        <v>6</v>
      </c>
      <c r="I22126" s="5" t="s">
        <v>1518</v>
      </c>
      <c r="J22126" s="5" t="s">
        <v>69038</v>
      </c>
      <c r="K22126" s="2" t="s">
        <v>69039</v>
      </c>
      <c r="L22126" s="5" t="s">
        <v>69038</v>
      </c>
      <c r="M22126" s="2" t="s">
        <v>69039</v>
      </c>
      <c r="N22126" s="5" t="s">
        <v>1521</v>
      </c>
      <c r="O22126" s="5" t="s">
        <v>38</v>
      </c>
      <c r="P22126" s="5" t="s">
        <v>39</v>
      </c>
      <c r="Q22126" s="5" t="s">
        <v>40</v>
      </c>
      <c r="R22126" s="5" t="s">
        <v>1522</v>
      </c>
      <c r="S22126" s="5" t="s">
        <v>1523</v>
      </c>
      <c r="T22126" s="5" t="s">
        <v>42</v>
      </c>
      <c r="U22126" s="2">
        <v>1.8280000000000001</v>
      </c>
      <c r="V22126" s="2">
        <v>1.504</v>
      </c>
      <c r="W22126" s="2">
        <v>0.01</v>
      </c>
      <c r="X22126" s="2">
        <v>118.9</v>
      </c>
      <c r="Y22126" s="2">
        <v>7.6</v>
      </c>
      <c r="Z22126" s="2">
        <v>10.6</v>
      </c>
      <c r="AA22126" s="5"/>
      <c r="AB22126" s="5" t="s">
        <v>43</v>
      </c>
      <c r="AC22126" s="5" t="s">
        <v>44</v>
      </c>
      <c r="AD22126" s="2"/>
      <c r="AE22126" s="1"/>
    </row>
    <row r="22127" spans="1:31" ht="14.45">
      <c r="A22127" s="11"/>
      <c r="B22127" s="20"/>
      <c r="C22127" s="2" t="s">
        <v>71249</v>
      </c>
      <c r="D22127" s="14" t="s">
        <v>71250</v>
      </c>
      <c r="E22127" s="2" t="s">
        <v>71251</v>
      </c>
      <c r="F22127" s="2" t="s">
        <v>7593</v>
      </c>
      <c r="G22127" s="8">
        <v>159</v>
      </c>
      <c r="H22127" s="5">
        <v>6</v>
      </c>
      <c r="I22127" s="5" t="s">
        <v>1518</v>
      </c>
      <c r="J22127" s="5" t="s">
        <v>69038</v>
      </c>
      <c r="K22127" s="2" t="s">
        <v>69039</v>
      </c>
      <c r="L22127" s="5" t="s">
        <v>69038</v>
      </c>
      <c r="M22127" s="2" t="s">
        <v>69039</v>
      </c>
      <c r="N22127" s="5" t="s">
        <v>1521</v>
      </c>
      <c r="O22127" s="5" t="s">
        <v>38</v>
      </c>
      <c r="P22127" s="5" t="s">
        <v>39</v>
      </c>
      <c r="Q22127" s="5" t="s">
        <v>40</v>
      </c>
      <c r="R22127" s="5" t="s">
        <v>1522</v>
      </c>
      <c r="S22127" s="5" t="s">
        <v>1523</v>
      </c>
      <c r="T22127" s="5" t="s">
        <v>42</v>
      </c>
      <c r="U22127" s="2">
        <v>1.7529999999999999</v>
      </c>
      <c r="V22127" s="2">
        <v>1.429</v>
      </c>
      <c r="W22127" s="2">
        <v>0.01</v>
      </c>
      <c r="X22127" s="2">
        <v>118.9</v>
      </c>
      <c r="Y22127" s="2">
        <v>7.6</v>
      </c>
      <c r="Z22127" s="2">
        <v>10.6</v>
      </c>
      <c r="AA22127" s="5"/>
      <c r="AB22127" s="5" t="s">
        <v>43</v>
      </c>
      <c r="AC22127" s="5" t="s">
        <v>44</v>
      </c>
      <c r="AD22127" s="2"/>
      <c r="AE22127" s="1"/>
    </row>
    <row r="22128" spans="1:31" ht="14.45">
      <c r="A22128" s="11"/>
      <c r="B22128" s="20"/>
      <c r="C22128" s="2" t="s">
        <v>71252</v>
      </c>
      <c r="D22128" s="14" t="s">
        <v>71253</v>
      </c>
      <c r="E22128" s="2" t="s">
        <v>71254</v>
      </c>
      <c r="F22128" s="2" t="s">
        <v>7597</v>
      </c>
      <c r="G22128" s="8">
        <v>159</v>
      </c>
      <c r="H22128" s="5">
        <v>6</v>
      </c>
      <c r="I22128" s="5" t="s">
        <v>1518</v>
      </c>
      <c r="J22128" s="5" t="s">
        <v>69038</v>
      </c>
      <c r="K22128" s="2" t="s">
        <v>69039</v>
      </c>
      <c r="L22128" s="5" t="s">
        <v>69038</v>
      </c>
      <c r="M22128" s="2" t="s">
        <v>69039</v>
      </c>
      <c r="N22128" s="5" t="s">
        <v>1521</v>
      </c>
      <c r="O22128" s="5" t="s">
        <v>38</v>
      </c>
      <c r="P22128" s="5" t="s">
        <v>39</v>
      </c>
      <c r="Q22128" s="5" t="s">
        <v>40</v>
      </c>
      <c r="R22128" s="5" t="s">
        <v>1522</v>
      </c>
      <c r="S22128" s="5" t="s">
        <v>1523</v>
      </c>
      <c r="T22128" s="5" t="s">
        <v>42</v>
      </c>
      <c r="U22128" s="2">
        <v>1.8280000000000001</v>
      </c>
      <c r="V22128" s="2">
        <v>1.504</v>
      </c>
      <c r="W22128" s="2">
        <v>0.01</v>
      </c>
      <c r="X22128" s="2">
        <v>118.9</v>
      </c>
      <c r="Y22128" s="2">
        <v>7.6</v>
      </c>
      <c r="Z22128" s="2">
        <v>10.6</v>
      </c>
      <c r="AA22128" s="5"/>
      <c r="AB22128" s="5" t="s">
        <v>43</v>
      </c>
      <c r="AC22128" s="5" t="s">
        <v>44</v>
      </c>
      <c r="AD22128" s="2"/>
      <c r="AE22128" s="1"/>
    </row>
    <row r="22129" spans="1:31" ht="14.45">
      <c r="A22129" s="11"/>
      <c r="B22129" s="20"/>
      <c r="C22129" s="2" t="s">
        <v>71255</v>
      </c>
      <c r="D22129" s="14" t="s">
        <v>71256</v>
      </c>
      <c r="E22129" s="2" t="s">
        <v>71257</v>
      </c>
      <c r="F22129" s="2" t="s">
        <v>7433</v>
      </c>
      <c r="G22129" s="8">
        <v>159</v>
      </c>
      <c r="H22129" s="5">
        <v>6</v>
      </c>
      <c r="I22129" s="5" t="s">
        <v>1518</v>
      </c>
      <c r="J22129" s="5" t="s">
        <v>69038</v>
      </c>
      <c r="K22129" s="2" t="s">
        <v>69039</v>
      </c>
      <c r="L22129" s="5" t="s">
        <v>69038</v>
      </c>
      <c r="M22129" s="2" t="s">
        <v>69039</v>
      </c>
      <c r="N22129" s="5" t="s">
        <v>1521</v>
      </c>
      <c r="O22129" s="5" t="s">
        <v>38</v>
      </c>
      <c r="P22129" s="5" t="s">
        <v>39</v>
      </c>
      <c r="Q22129" s="5" t="s">
        <v>40</v>
      </c>
      <c r="R22129" s="5" t="s">
        <v>1522</v>
      </c>
      <c r="S22129" s="5" t="s">
        <v>1523</v>
      </c>
      <c r="T22129" s="5" t="s">
        <v>42</v>
      </c>
      <c r="U22129" s="2">
        <v>1.7529999999999999</v>
      </c>
      <c r="V22129" s="2">
        <v>1.429</v>
      </c>
      <c r="W22129" s="2">
        <v>0.01</v>
      </c>
      <c r="X22129" s="2">
        <v>118.9</v>
      </c>
      <c r="Y22129" s="2">
        <v>7.6</v>
      </c>
      <c r="Z22129" s="2">
        <v>10.6</v>
      </c>
      <c r="AA22129" s="5"/>
      <c r="AB22129" s="5" t="s">
        <v>43</v>
      </c>
      <c r="AC22129" s="5" t="s">
        <v>44</v>
      </c>
      <c r="AD22129" s="2"/>
      <c r="AE22129" s="1"/>
    </row>
    <row r="22130" spans="1:31" ht="14.45">
      <c r="A22130" s="11"/>
      <c r="B22130" s="20"/>
      <c r="C22130" s="2" t="s">
        <v>71258</v>
      </c>
      <c r="D22130" s="14" t="s">
        <v>71259</v>
      </c>
      <c r="E22130" s="2" t="s">
        <v>71260</v>
      </c>
      <c r="F22130" s="2" t="s">
        <v>7611</v>
      </c>
      <c r="G22130" s="8">
        <v>159</v>
      </c>
      <c r="H22130" s="5">
        <v>6</v>
      </c>
      <c r="I22130" s="5" t="s">
        <v>1518</v>
      </c>
      <c r="J22130" s="5" t="s">
        <v>69038</v>
      </c>
      <c r="K22130" s="2" t="s">
        <v>69039</v>
      </c>
      <c r="L22130" s="5" t="s">
        <v>69038</v>
      </c>
      <c r="M22130" s="2" t="s">
        <v>69039</v>
      </c>
      <c r="N22130" s="5" t="s">
        <v>1521</v>
      </c>
      <c r="O22130" s="5" t="s">
        <v>38</v>
      </c>
      <c r="P22130" s="5" t="s">
        <v>39</v>
      </c>
      <c r="Q22130" s="5" t="s">
        <v>40</v>
      </c>
      <c r="R22130" s="5" t="s">
        <v>1522</v>
      </c>
      <c r="S22130" s="5" t="s">
        <v>1523</v>
      </c>
      <c r="T22130" s="5" t="s">
        <v>42</v>
      </c>
      <c r="U22130" s="2">
        <v>1.8280000000000001</v>
      </c>
      <c r="V22130" s="2">
        <v>1.504</v>
      </c>
      <c r="W22130" s="2">
        <v>0.01</v>
      </c>
      <c r="X22130" s="2">
        <v>118.9</v>
      </c>
      <c r="Y22130" s="2">
        <v>7.6</v>
      </c>
      <c r="Z22130" s="2">
        <v>10.6</v>
      </c>
      <c r="AA22130" s="5"/>
      <c r="AB22130" s="5" t="s">
        <v>43</v>
      </c>
      <c r="AC22130" s="5" t="s">
        <v>44</v>
      </c>
      <c r="AD22130" s="2"/>
      <c r="AE22130" s="1"/>
    </row>
    <row r="22131" spans="1:31" ht="14.45">
      <c r="A22131" s="11"/>
      <c r="B22131" s="20"/>
      <c r="C22131" s="2" t="s">
        <v>71261</v>
      </c>
      <c r="D22131" s="14" t="s">
        <v>71262</v>
      </c>
      <c r="E22131" s="2" t="s">
        <v>71263</v>
      </c>
      <c r="F22131" s="2" t="s">
        <v>7615</v>
      </c>
      <c r="G22131" s="8">
        <v>159</v>
      </c>
      <c r="H22131" s="5">
        <v>6</v>
      </c>
      <c r="I22131" s="5" t="s">
        <v>1518</v>
      </c>
      <c r="J22131" s="5" t="s">
        <v>69038</v>
      </c>
      <c r="K22131" s="2" t="s">
        <v>69039</v>
      </c>
      <c r="L22131" s="5" t="s">
        <v>69038</v>
      </c>
      <c r="M22131" s="2" t="s">
        <v>69039</v>
      </c>
      <c r="N22131" s="5" t="s">
        <v>1521</v>
      </c>
      <c r="O22131" s="5" t="s">
        <v>38</v>
      </c>
      <c r="P22131" s="5" t="s">
        <v>39</v>
      </c>
      <c r="Q22131" s="5" t="s">
        <v>40</v>
      </c>
      <c r="R22131" s="5" t="s">
        <v>1522</v>
      </c>
      <c r="S22131" s="5" t="s">
        <v>1523</v>
      </c>
      <c r="T22131" s="5" t="s">
        <v>42</v>
      </c>
      <c r="U22131" s="2">
        <v>1.7529999999999999</v>
      </c>
      <c r="V22131" s="2">
        <v>1.429</v>
      </c>
      <c r="W22131" s="2">
        <v>0.01</v>
      </c>
      <c r="X22131" s="2">
        <v>118.9</v>
      </c>
      <c r="Y22131" s="2">
        <v>7.6</v>
      </c>
      <c r="Z22131" s="2">
        <v>10.6</v>
      </c>
      <c r="AA22131" s="5"/>
      <c r="AB22131" s="5" t="s">
        <v>43</v>
      </c>
      <c r="AC22131" s="5" t="s">
        <v>44</v>
      </c>
      <c r="AD22131" s="2"/>
      <c r="AE22131" s="1"/>
    </row>
    <row r="22132" spans="1:31" ht="14.45">
      <c r="A22132" s="11"/>
      <c r="B22132" s="20"/>
      <c r="C22132" s="2" t="s">
        <v>71264</v>
      </c>
      <c r="D22132" s="14" t="s">
        <v>71265</v>
      </c>
      <c r="E22132" s="2" t="s">
        <v>71266</v>
      </c>
      <c r="F22132" s="2" t="s">
        <v>7619</v>
      </c>
      <c r="G22132" s="8">
        <v>159</v>
      </c>
      <c r="H22132" s="5">
        <v>6</v>
      </c>
      <c r="I22132" s="5" t="s">
        <v>1518</v>
      </c>
      <c r="J22132" s="5" t="s">
        <v>69038</v>
      </c>
      <c r="K22132" s="2" t="s">
        <v>69039</v>
      </c>
      <c r="L22132" s="5" t="s">
        <v>69038</v>
      </c>
      <c r="M22132" s="2" t="s">
        <v>69039</v>
      </c>
      <c r="N22132" s="5" t="s">
        <v>1521</v>
      </c>
      <c r="O22132" s="5" t="s">
        <v>38</v>
      </c>
      <c r="P22132" s="5" t="s">
        <v>39</v>
      </c>
      <c r="Q22132" s="5" t="s">
        <v>40</v>
      </c>
      <c r="R22132" s="5" t="s">
        <v>1522</v>
      </c>
      <c r="S22132" s="5" t="s">
        <v>1523</v>
      </c>
      <c r="T22132" s="5" t="s">
        <v>42</v>
      </c>
      <c r="U22132" s="2">
        <v>1.8280000000000001</v>
      </c>
      <c r="V22132" s="2">
        <v>1.504</v>
      </c>
      <c r="W22132" s="2">
        <v>0.01</v>
      </c>
      <c r="X22132" s="2">
        <v>118.9</v>
      </c>
      <c r="Y22132" s="2">
        <v>7.6</v>
      </c>
      <c r="Z22132" s="2">
        <v>10.6</v>
      </c>
      <c r="AA22132" s="5"/>
      <c r="AB22132" s="5" t="s">
        <v>43</v>
      </c>
      <c r="AC22132" s="5" t="s">
        <v>44</v>
      </c>
      <c r="AD22132" s="2"/>
      <c r="AE22132" s="1"/>
    </row>
    <row r="22133" spans="1:31" ht="14.45">
      <c r="A22133" s="11"/>
      <c r="B22133" s="20"/>
      <c r="C22133" s="2" t="s">
        <v>71267</v>
      </c>
      <c r="D22133" s="14" t="s">
        <v>71268</v>
      </c>
      <c r="E22133" s="2" t="s">
        <v>71269</v>
      </c>
      <c r="F22133" s="2" t="s">
        <v>7410</v>
      </c>
      <c r="G22133" s="8">
        <v>159</v>
      </c>
      <c r="H22133" s="5">
        <v>6</v>
      </c>
      <c r="I22133" s="5" t="s">
        <v>1518</v>
      </c>
      <c r="J22133" s="5" t="s">
        <v>69038</v>
      </c>
      <c r="K22133" s="2" t="s">
        <v>69039</v>
      </c>
      <c r="L22133" s="5" t="s">
        <v>69038</v>
      </c>
      <c r="M22133" s="2" t="s">
        <v>69039</v>
      </c>
      <c r="N22133" s="5" t="s">
        <v>1521</v>
      </c>
      <c r="O22133" s="5" t="s">
        <v>38</v>
      </c>
      <c r="P22133" s="5" t="s">
        <v>39</v>
      </c>
      <c r="Q22133" s="5" t="s">
        <v>40</v>
      </c>
      <c r="R22133" s="5" t="s">
        <v>1522</v>
      </c>
      <c r="S22133" s="5" t="s">
        <v>1523</v>
      </c>
      <c r="T22133" s="5" t="s">
        <v>42</v>
      </c>
      <c r="U22133" s="2">
        <v>1.7529999999999999</v>
      </c>
      <c r="V22133" s="2">
        <v>1.429</v>
      </c>
      <c r="W22133" s="2">
        <v>0.01</v>
      </c>
      <c r="X22133" s="2">
        <v>118.9</v>
      </c>
      <c r="Y22133" s="2">
        <v>7.6</v>
      </c>
      <c r="Z22133" s="2">
        <v>10.6</v>
      </c>
      <c r="AA22133" s="5"/>
      <c r="AB22133" s="5" t="s">
        <v>43</v>
      </c>
      <c r="AC22133" s="5" t="s">
        <v>44</v>
      </c>
      <c r="AD22133" s="2"/>
      <c r="AE22133" s="1"/>
    </row>
    <row r="22134" spans="1:31" ht="14.45">
      <c r="A22134" s="11"/>
      <c r="B22134" s="20"/>
      <c r="C22134" s="2" t="s">
        <v>71270</v>
      </c>
      <c r="D22134" s="14" t="s">
        <v>71271</v>
      </c>
      <c r="E22134" s="2" t="s">
        <v>71272</v>
      </c>
      <c r="F22134" s="2" t="s">
        <v>7604</v>
      </c>
      <c r="G22134" s="8">
        <v>159</v>
      </c>
      <c r="H22134" s="5">
        <v>6</v>
      </c>
      <c r="I22134" s="5" t="s">
        <v>1518</v>
      </c>
      <c r="J22134" s="5" t="s">
        <v>69038</v>
      </c>
      <c r="K22134" s="2" t="s">
        <v>69039</v>
      </c>
      <c r="L22134" s="5" t="s">
        <v>69038</v>
      </c>
      <c r="M22134" s="2" t="s">
        <v>69039</v>
      </c>
      <c r="N22134" s="5" t="s">
        <v>1521</v>
      </c>
      <c r="O22134" s="5" t="s">
        <v>38</v>
      </c>
      <c r="P22134" s="5" t="s">
        <v>39</v>
      </c>
      <c r="Q22134" s="5" t="s">
        <v>40</v>
      </c>
      <c r="R22134" s="5" t="s">
        <v>1522</v>
      </c>
      <c r="S22134" s="5" t="s">
        <v>1523</v>
      </c>
      <c r="T22134" s="5" t="s">
        <v>42</v>
      </c>
      <c r="U22134" s="2">
        <v>1.8280000000000001</v>
      </c>
      <c r="V22134" s="2">
        <v>1.504</v>
      </c>
      <c r="W22134" s="2">
        <v>0.01</v>
      </c>
      <c r="X22134" s="2">
        <v>118.9</v>
      </c>
      <c r="Y22134" s="2">
        <v>7.6</v>
      </c>
      <c r="Z22134" s="2">
        <v>10.6</v>
      </c>
      <c r="AA22134" s="5"/>
      <c r="AB22134" s="5" t="s">
        <v>43</v>
      </c>
      <c r="AC22134" s="5" t="s">
        <v>44</v>
      </c>
      <c r="AD22134" s="2"/>
      <c r="AE22134" s="1"/>
    </row>
    <row r="22135" spans="1:31" ht="14.45">
      <c r="A22135" s="11"/>
      <c r="B22135" s="20"/>
      <c r="C22135" s="2" t="s">
        <v>71273</v>
      </c>
      <c r="D22135" s="14" t="s">
        <v>71274</v>
      </c>
      <c r="E22135" s="2" t="s">
        <v>71275</v>
      </c>
      <c r="F22135" s="2" t="s">
        <v>7212</v>
      </c>
      <c r="G22135" s="8">
        <v>138</v>
      </c>
      <c r="H22135" s="5">
        <v>6</v>
      </c>
      <c r="I22135" s="5" t="s">
        <v>1518</v>
      </c>
      <c r="J22135" s="5" t="s">
        <v>69038</v>
      </c>
      <c r="K22135" s="2" t="s">
        <v>69039</v>
      </c>
      <c r="L22135" s="5" t="s">
        <v>69038</v>
      </c>
      <c r="M22135" s="2" t="s">
        <v>69039</v>
      </c>
      <c r="N22135" s="5" t="s">
        <v>1521</v>
      </c>
      <c r="O22135" s="5" t="s">
        <v>38</v>
      </c>
      <c r="P22135" s="5" t="s">
        <v>39</v>
      </c>
      <c r="Q22135" s="5" t="s">
        <v>40</v>
      </c>
      <c r="R22135" s="5" t="s">
        <v>1522</v>
      </c>
      <c r="S22135" s="5" t="s">
        <v>1523</v>
      </c>
      <c r="T22135" s="5" t="s">
        <v>42</v>
      </c>
      <c r="U22135" s="2">
        <v>1.7529999999999999</v>
      </c>
      <c r="V22135" s="2">
        <v>1.429</v>
      </c>
      <c r="W22135" s="2">
        <v>0.01</v>
      </c>
      <c r="X22135" s="2">
        <v>118.9</v>
      </c>
      <c r="Y22135" s="2">
        <v>7.6</v>
      </c>
      <c r="Z22135" s="2">
        <v>10.6</v>
      </c>
      <c r="AA22135" s="5"/>
      <c r="AB22135" s="5" t="s">
        <v>43</v>
      </c>
      <c r="AC22135" s="5" t="s">
        <v>44</v>
      </c>
      <c r="AD22135" s="2"/>
      <c r="AE22135" s="1"/>
    </row>
    <row r="22136" spans="1:31" ht="14.45">
      <c r="A22136" s="11"/>
      <c r="B22136" s="20"/>
      <c r="C22136" s="2" t="s">
        <v>71276</v>
      </c>
      <c r="D22136" s="14" t="s">
        <v>71277</v>
      </c>
      <c r="E22136" s="2" t="s">
        <v>71278</v>
      </c>
      <c r="F22136" s="2" t="s">
        <v>7528</v>
      </c>
      <c r="G22136" s="8">
        <v>138</v>
      </c>
      <c r="H22136" s="5">
        <v>6</v>
      </c>
      <c r="I22136" s="5" t="s">
        <v>1518</v>
      </c>
      <c r="J22136" s="5" t="s">
        <v>69038</v>
      </c>
      <c r="K22136" s="2" t="s">
        <v>69039</v>
      </c>
      <c r="L22136" s="5" t="s">
        <v>69038</v>
      </c>
      <c r="M22136" s="2" t="s">
        <v>69039</v>
      </c>
      <c r="N22136" s="5" t="s">
        <v>1521</v>
      </c>
      <c r="O22136" s="5" t="s">
        <v>38</v>
      </c>
      <c r="P22136" s="5" t="s">
        <v>39</v>
      </c>
      <c r="Q22136" s="5" t="s">
        <v>40</v>
      </c>
      <c r="R22136" s="5" t="s">
        <v>1522</v>
      </c>
      <c r="S22136" s="5" t="s">
        <v>1523</v>
      </c>
      <c r="T22136" s="5" t="s">
        <v>42</v>
      </c>
      <c r="U22136" s="2">
        <v>1.8280000000000001</v>
      </c>
      <c r="V22136" s="2">
        <v>1.504</v>
      </c>
      <c r="W22136" s="2">
        <v>0.01</v>
      </c>
      <c r="X22136" s="2">
        <v>118.9</v>
      </c>
      <c r="Y22136" s="2">
        <v>7.6</v>
      </c>
      <c r="Z22136" s="2">
        <v>10.6</v>
      </c>
      <c r="AA22136" s="5"/>
      <c r="AB22136" s="5" t="s">
        <v>43</v>
      </c>
      <c r="AC22136" s="5" t="s">
        <v>44</v>
      </c>
      <c r="AD22136" s="2"/>
      <c r="AE22136" s="1"/>
    </row>
    <row r="22137" spans="1:31" ht="14.45">
      <c r="A22137" s="11"/>
      <c r="B22137" s="20"/>
      <c r="C22137" s="2" t="s">
        <v>71279</v>
      </c>
      <c r="D22137" s="14" t="s">
        <v>71280</v>
      </c>
      <c r="E22137" s="2" t="s">
        <v>71281</v>
      </c>
      <c r="F22137" s="2" t="s">
        <v>1863</v>
      </c>
      <c r="G22137" s="8">
        <v>159</v>
      </c>
      <c r="H22137" s="5">
        <v>6</v>
      </c>
      <c r="I22137" s="5" t="s">
        <v>1518</v>
      </c>
      <c r="J22137" s="5" t="s">
        <v>69038</v>
      </c>
      <c r="K22137" s="2" t="s">
        <v>69039</v>
      </c>
      <c r="L22137" s="5" t="s">
        <v>69038</v>
      </c>
      <c r="M22137" s="2" t="s">
        <v>69039</v>
      </c>
      <c r="N22137" s="5" t="s">
        <v>1521</v>
      </c>
      <c r="O22137" s="5" t="s">
        <v>38</v>
      </c>
      <c r="P22137" s="5" t="s">
        <v>39</v>
      </c>
      <c r="Q22137" s="5" t="s">
        <v>40</v>
      </c>
      <c r="R22137" s="5" t="s">
        <v>1522</v>
      </c>
      <c r="S22137" s="5" t="s">
        <v>1523</v>
      </c>
      <c r="T22137" s="5" t="s">
        <v>42</v>
      </c>
      <c r="U22137" s="2">
        <v>1.7529999999999999</v>
      </c>
      <c r="V22137" s="2">
        <v>1.429</v>
      </c>
      <c r="W22137" s="2">
        <v>0.01</v>
      </c>
      <c r="X22137" s="2">
        <v>118.9</v>
      </c>
      <c r="Y22137" s="2">
        <v>7.6</v>
      </c>
      <c r="Z22137" s="2">
        <v>10.6</v>
      </c>
      <c r="AA22137" s="5"/>
      <c r="AB22137" s="5" t="s">
        <v>43</v>
      </c>
      <c r="AC22137" s="5" t="s">
        <v>44</v>
      </c>
      <c r="AD22137" s="2"/>
      <c r="AE22137" s="1"/>
    </row>
    <row r="22138" spans="1:31" ht="14.45">
      <c r="A22138" s="11"/>
      <c r="B22138" s="20"/>
      <c r="C22138" s="2" t="s">
        <v>71282</v>
      </c>
      <c r="D22138" s="14" t="s">
        <v>71283</v>
      </c>
      <c r="E22138" s="2" t="s">
        <v>71284</v>
      </c>
      <c r="F22138" s="2" t="s">
        <v>1867</v>
      </c>
      <c r="G22138" s="8">
        <v>159</v>
      </c>
      <c r="H22138" s="5">
        <v>6</v>
      </c>
      <c r="I22138" s="5" t="s">
        <v>1518</v>
      </c>
      <c r="J22138" s="5" t="s">
        <v>69038</v>
      </c>
      <c r="K22138" s="2" t="s">
        <v>69039</v>
      </c>
      <c r="L22138" s="5" t="s">
        <v>69038</v>
      </c>
      <c r="M22138" s="2" t="s">
        <v>69039</v>
      </c>
      <c r="N22138" s="5" t="s">
        <v>1521</v>
      </c>
      <c r="O22138" s="5" t="s">
        <v>38</v>
      </c>
      <c r="P22138" s="5" t="s">
        <v>39</v>
      </c>
      <c r="Q22138" s="5" t="s">
        <v>40</v>
      </c>
      <c r="R22138" s="5" t="s">
        <v>1522</v>
      </c>
      <c r="S22138" s="5" t="s">
        <v>1523</v>
      </c>
      <c r="T22138" s="5" t="s">
        <v>42</v>
      </c>
      <c r="U22138" s="2">
        <v>1.8280000000000001</v>
      </c>
      <c r="V22138" s="2">
        <v>1.504</v>
      </c>
      <c r="W22138" s="2">
        <v>0.01</v>
      </c>
      <c r="X22138" s="2">
        <v>118.9</v>
      </c>
      <c r="Y22138" s="2">
        <v>7.6</v>
      </c>
      <c r="Z22138" s="2">
        <v>10.6</v>
      </c>
      <c r="AA22138" s="5"/>
      <c r="AB22138" s="5" t="s">
        <v>43</v>
      </c>
      <c r="AC22138" s="5" t="s">
        <v>44</v>
      </c>
      <c r="AD22138" s="2"/>
      <c r="AE22138" s="1"/>
    </row>
    <row r="22139" spans="1:31" ht="14.45">
      <c r="A22139" s="11"/>
      <c r="B22139" s="20"/>
      <c r="C22139" s="2" t="s">
        <v>71285</v>
      </c>
      <c r="D22139" s="14" t="s">
        <v>71286</v>
      </c>
      <c r="E22139" s="2" t="s">
        <v>71287</v>
      </c>
      <c r="F22139" s="2" t="s">
        <v>7204</v>
      </c>
      <c r="G22139" s="8">
        <v>146</v>
      </c>
      <c r="H22139" s="5">
        <v>6</v>
      </c>
      <c r="I22139" s="5" t="s">
        <v>1518</v>
      </c>
      <c r="J22139" s="5" t="s">
        <v>69038</v>
      </c>
      <c r="K22139" s="2" t="s">
        <v>69039</v>
      </c>
      <c r="L22139" s="5" t="s">
        <v>69038</v>
      </c>
      <c r="M22139" s="2" t="s">
        <v>69039</v>
      </c>
      <c r="N22139" s="5" t="s">
        <v>1521</v>
      </c>
      <c r="O22139" s="5" t="s">
        <v>38</v>
      </c>
      <c r="P22139" s="5" t="s">
        <v>39</v>
      </c>
      <c r="Q22139" s="5" t="s">
        <v>40</v>
      </c>
      <c r="R22139" s="5" t="s">
        <v>1522</v>
      </c>
      <c r="S22139" s="5" t="s">
        <v>1523</v>
      </c>
      <c r="T22139" s="5" t="s">
        <v>42</v>
      </c>
      <c r="U22139" s="2">
        <v>1.9339999999999999</v>
      </c>
      <c r="V22139" s="2">
        <v>1.5569999999999999</v>
      </c>
      <c r="W22139" s="2">
        <v>1.0999999999999999E-2</v>
      </c>
      <c r="X22139" s="2">
        <v>139.1</v>
      </c>
      <c r="Y22139" s="2">
        <v>7.6</v>
      </c>
      <c r="Z22139" s="2">
        <v>10.6</v>
      </c>
      <c r="AA22139" s="5"/>
      <c r="AB22139" s="5" t="s">
        <v>43</v>
      </c>
      <c r="AC22139" s="5" t="s">
        <v>44</v>
      </c>
      <c r="AD22139" s="2"/>
      <c r="AE22139" s="1"/>
    </row>
    <row r="22140" spans="1:31" ht="14.45">
      <c r="A22140" s="11"/>
      <c r="B22140" s="20"/>
      <c r="C22140" s="2" t="s">
        <v>71288</v>
      </c>
      <c r="D22140" s="14" t="s">
        <v>71289</v>
      </c>
      <c r="E22140" s="2" t="s">
        <v>71290</v>
      </c>
      <c r="F22140" s="2" t="s">
        <v>7514</v>
      </c>
      <c r="G22140" s="8">
        <v>146</v>
      </c>
      <c r="H22140" s="5">
        <v>6</v>
      </c>
      <c r="I22140" s="5" t="s">
        <v>1518</v>
      </c>
      <c r="J22140" s="5" t="s">
        <v>69038</v>
      </c>
      <c r="K22140" s="2" t="s">
        <v>69039</v>
      </c>
      <c r="L22140" s="5" t="s">
        <v>69038</v>
      </c>
      <c r="M22140" s="2" t="s">
        <v>69039</v>
      </c>
      <c r="N22140" s="5" t="s">
        <v>1521</v>
      </c>
      <c r="O22140" s="5" t="s">
        <v>38</v>
      </c>
      <c r="P22140" s="5" t="s">
        <v>39</v>
      </c>
      <c r="Q22140" s="5" t="s">
        <v>40</v>
      </c>
      <c r="R22140" s="5" t="s">
        <v>1522</v>
      </c>
      <c r="S22140" s="5" t="s">
        <v>1523</v>
      </c>
      <c r="T22140" s="5" t="s">
        <v>42</v>
      </c>
      <c r="U22140" s="2">
        <v>2.02</v>
      </c>
      <c r="V22140" s="2">
        <v>1.643</v>
      </c>
      <c r="W22140" s="2">
        <v>1.0999999999999999E-2</v>
      </c>
      <c r="X22140" s="2">
        <v>139.1</v>
      </c>
      <c r="Y22140" s="2">
        <v>7.6</v>
      </c>
      <c r="Z22140" s="2">
        <v>10.6</v>
      </c>
      <c r="AA22140" s="5"/>
      <c r="AB22140" s="5" t="s">
        <v>43</v>
      </c>
      <c r="AC22140" s="5" t="s">
        <v>44</v>
      </c>
      <c r="AD22140" s="2"/>
      <c r="AE22140" s="1"/>
    </row>
    <row r="22141" spans="1:31" ht="14.45">
      <c r="A22141" s="11"/>
      <c r="B22141" s="20"/>
      <c r="C22141" s="2" t="s">
        <v>71291</v>
      </c>
      <c r="D22141" s="14" t="s">
        <v>71292</v>
      </c>
      <c r="E22141" s="2" t="s">
        <v>71293</v>
      </c>
      <c r="F22141" s="2" t="s">
        <v>7208</v>
      </c>
      <c r="G22141" s="8">
        <v>146</v>
      </c>
      <c r="H22141" s="5">
        <v>6</v>
      </c>
      <c r="I22141" s="5" t="s">
        <v>1518</v>
      </c>
      <c r="J22141" s="5" t="s">
        <v>69038</v>
      </c>
      <c r="K22141" s="2" t="s">
        <v>69039</v>
      </c>
      <c r="L22141" s="5" t="s">
        <v>69038</v>
      </c>
      <c r="M22141" s="2" t="s">
        <v>69039</v>
      </c>
      <c r="N22141" s="5" t="s">
        <v>1521</v>
      </c>
      <c r="O22141" s="5" t="s">
        <v>38</v>
      </c>
      <c r="P22141" s="5" t="s">
        <v>39</v>
      </c>
      <c r="Q22141" s="5" t="s">
        <v>40</v>
      </c>
      <c r="R22141" s="5" t="s">
        <v>1522</v>
      </c>
      <c r="S22141" s="5" t="s">
        <v>1523</v>
      </c>
      <c r="T22141" s="5" t="s">
        <v>42</v>
      </c>
      <c r="U22141" s="2">
        <v>1.9339999999999999</v>
      </c>
      <c r="V22141" s="2">
        <v>1.5569999999999999</v>
      </c>
      <c r="W22141" s="2">
        <v>1.0999999999999999E-2</v>
      </c>
      <c r="X22141" s="2">
        <v>139.1</v>
      </c>
      <c r="Y22141" s="2">
        <v>7.6</v>
      </c>
      <c r="Z22141" s="2">
        <v>10.6</v>
      </c>
      <c r="AA22141" s="5"/>
      <c r="AB22141" s="5" t="s">
        <v>43</v>
      </c>
      <c r="AC22141" s="5" t="s">
        <v>44</v>
      </c>
      <c r="AD22141" s="2"/>
      <c r="AE22141" s="1"/>
    </row>
    <row r="22142" spans="1:31" ht="14.45">
      <c r="A22142" s="11"/>
      <c r="B22142" s="20"/>
      <c r="C22142" s="2" t="s">
        <v>71294</v>
      </c>
      <c r="D22142" s="14" t="s">
        <v>71295</v>
      </c>
      <c r="E22142" s="2" t="s">
        <v>71296</v>
      </c>
      <c r="F22142" s="2" t="s">
        <v>7521</v>
      </c>
      <c r="G22142" s="8">
        <v>146</v>
      </c>
      <c r="H22142" s="5">
        <v>6</v>
      </c>
      <c r="I22142" s="5" t="s">
        <v>1518</v>
      </c>
      <c r="J22142" s="5" t="s">
        <v>69038</v>
      </c>
      <c r="K22142" s="2" t="s">
        <v>69039</v>
      </c>
      <c r="L22142" s="5" t="s">
        <v>69038</v>
      </c>
      <c r="M22142" s="2" t="s">
        <v>69039</v>
      </c>
      <c r="N22142" s="5" t="s">
        <v>1521</v>
      </c>
      <c r="O22142" s="5" t="s">
        <v>38</v>
      </c>
      <c r="P22142" s="5" t="s">
        <v>39</v>
      </c>
      <c r="Q22142" s="5" t="s">
        <v>40</v>
      </c>
      <c r="R22142" s="5" t="s">
        <v>1522</v>
      </c>
      <c r="S22142" s="5" t="s">
        <v>1523</v>
      </c>
      <c r="T22142" s="5" t="s">
        <v>42</v>
      </c>
      <c r="U22142" s="2">
        <v>2.02</v>
      </c>
      <c r="V22142" s="2">
        <v>1.643</v>
      </c>
      <c r="W22142" s="2">
        <v>1.0999999999999999E-2</v>
      </c>
      <c r="X22142" s="2">
        <v>139.1</v>
      </c>
      <c r="Y22142" s="2">
        <v>7.6</v>
      </c>
      <c r="Z22142" s="2">
        <v>10.6</v>
      </c>
      <c r="AA22142" s="5"/>
      <c r="AB22142" s="5" t="s">
        <v>43</v>
      </c>
      <c r="AC22142" s="5" t="s">
        <v>44</v>
      </c>
      <c r="AD22142" s="2"/>
      <c r="AE22142" s="1"/>
    </row>
    <row r="22143" spans="1:31" ht="14.45">
      <c r="A22143" s="11"/>
      <c r="B22143" s="20"/>
      <c r="C22143" s="2" t="s">
        <v>71297</v>
      </c>
      <c r="D22143" s="14" t="s">
        <v>71298</v>
      </c>
      <c r="E22143" s="2" t="s">
        <v>71299</v>
      </c>
      <c r="F22143" s="2" t="s">
        <v>7406</v>
      </c>
      <c r="G22143" s="8">
        <v>168</v>
      </c>
      <c r="H22143" s="5">
        <v>6</v>
      </c>
      <c r="I22143" s="5" t="s">
        <v>1518</v>
      </c>
      <c r="J22143" s="5" t="s">
        <v>69038</v>
      </c>
      <c r="K22143" s="2" t="s">
        <v>69039</v>
      </c>
      <c r="L22143" s="5" t="s">
        <v>69038</v>
      </c>
      <c r="M22143" s="2" t="s">
        <v>69039</v>
      </c>
      <c r="N22143" s="5" t="s">
        <v>1521</v>
      </c>
      <c r="O22143" s="5" t="s">
        <v>38</v>
      </c>
      <c r="P22143" s="5" t="s">
        <v>39</v>
      </c>
      <c r="Q22143" s="5" t="s">
        <v>40</v>
      </c>
      <c r="R22143" s="5" t="s">
        <v>1522</v>
      </c>
      <c r="S22143" s="5" t="s">
        <v>1523</v>
      </c>
      <c r="T22143" s="5" t="s">
        <v>42</v>
      </c>
      <c r="U22143" s="2">
        <v>1.9339999999999999</v>
      </c>
      <c r="V22143" s="2">
        <v>1.5569999999999999</v>
      </c>
      <c r="W22143" s="2">
        <v>1.0999999999999999E-2</v>
      </c>
      <c r="X22143" s="2">
        <v>139.1</v>
      </c>
      <c r="Y22143" s="2">
        <v>7.6</v>
      </c>
      <c r="Z22143" s="2">
        <v>10.6</v>
      </c>
      <c r="AA22143" s="5"/>
      <c r="AB22143" s="5" t="s">
        <v>43</v>
      </c>
      <c r="AC22143" s="5" t="s">
        <v>44</v>
      </c>
      <c r="AD22143" s="2"/>
      <c r="AE22143" s="1"/>
    </row>
    <row r="22144" spans="1:31" ht="14.45">
      <c r="A22144" s="11"/>
      <c r="B22144" s="20"/>
      <c r="C22144" s="2" t="s">
        <v>71300</v>
      </c>
      <c r="D22144" s="14" t="s">
        <v>71301</v>
      </c>
      <c r="E22144" s="2" t="s">
        <v>71302</v>
      </c>
      <c r="F22144" s="2" t="s">
        <v>7535</v>
      </c>
      <c r="G22144" s="8">
        <v>168</v>
      </c>
      <c r="H22144" s="5">
        <v>6</v>
      </c>
      <c r="I22144" s="5" t="s">
        <v>1518</v>
      </c>
      <c r="J22144" s="5" t="s">
        <v>69038</v>
      </c>
      <c r="K22144" s="2" t="s">
        <v>69039</v>
      </c>
      <c r="L22144" s="5" t="s">
        <v>69038</v>
      </c>
      <c r="M22144" s="2" t="s">
        <v>69039</v>
      </c>
      <c r="N22144" s="5" t="s">
        <v>1521</v>
      </c>
      <c r="O22144" s="5" t="s">
        <v>38</v>
      </c>
      <c r="P22144" s="5" t="s">
        <v>39</v>
      </c>
      <c r="Q22144" s="5" t="s">
        <v>40</v>
      </c>
      <c r="R22144" s="5" t="s">
        <v>1522</v>
      </c>
      <c r="S22144" s="5" t="s">
        <v>1523</v>
      </c>
      <c r="T22144" s="5" t="s">
        <v>42</v>
      </c>
      <c r="U22144" s="2">
        <v>2.02</v>
      </c>
      <c r="V22144" s="2">
        <v>1.643</v>
      </c>
      <c r="W22144" s="2">
        <v>1.0999999999999999E-2</v>
      </c>
      <c r="X22144" s="2">
        <v>139.1</v>
      </c>
      <c r="Y22144" s="2">
        <v>7.6</v>
      </c>
      <c r="Z22144" s="2">
        <v>10.6</v>
      </c>
      <c r="AA22144" s="5"/>
      <c r="AB22144" s="5" t="s">
        <v>43</v>
      </c>
      <c r="AC22144" s="5" t="s">
        <v>44</v>
      </c>
      <c r="AD22144" s="2"/>
      <c r="AE22144" s="1"/>
    </row>
    <row r="22145" spans="1:31" ht="14.45">
      <c r="A22145" s="11"/>
      <c r="B22145" s="20"/>
      <c r="C22145" s="2" t="s">
        <v>71303</v>
      </c>
      <c r="D22145" s="14" t="s">
        <v>71304</v>
      </c>
      <c r="E22145" s="2" t="s">
        <v>71305</v>
      </c>
      <c r="F22145" s="2" t="s">
        <v>7539</v>
      </c>
      <c r="G22145" s="8">
        <v>168</v>
      </c>
      <c r="H22145" s="5">
        <v>6</v>
      </c>
      <c r="I22145" s="5" t="s">
        <v>1518</v>
      </c>
      <c r="J22145" s="5" t="s">
        <v>69038</v>
      </c>
      <c r="K22145" s="2" t="s">
        <v>69039</v>
      </c>
      <c r="L22145" s="5" t="s">
        <v>69038</v>
      </c>
      <c r="M22145" s="2" t="s">
        <v>69039</v>
      </c>
      <c r="N22145" s="5" t="s">
        <v>1521</v>
      </c>
      <c r="O22145" s="5" t="s">
        <v>38</v>
      </c>
      <c r="P22145" s="5" t="s">
        <v>39</v>
      </c>
      <c r="Q22145" s="5" t="s">
        <v>40</v>
      </c>
      <c r="R22145" s="5" t="s">
        <v>1522</v>
      </c>
      <c r="S22145" s="5" t="s">
        <v>1523</v>
      </c>
      <c r="T22145" s="5" t="s">
        <v>42</v>
      </c>
      <c r="U22145" s="2">
        <v>1.9339999999999999</v>
      </c>
      <c r="V22145" s="2">
        <v>1.5569999999999999</v>
      </c>
      <c r="W22145" s="2">
        <v>1.0999999999999999E-2</v>
      </c>
      <c r="X22145" s="2">
        <v>139.1</v>
      </c>
      <c r="Y22145" s="2">
        <v>7.6</v>
      </c>
      <c r="Z22145" s="2">
        <v>10.6</v>
      </c>
      <c r="AA22145" s="5"/>
      <c r="AB22145" s="5" t="s">
        <v>43</v>
      </c>
      <c r="AC22145" s="5" t="s">
        <v>44</v>
      </c>
      <c r="AD22145" s="2"/>
      <c r="AE22145" s="1"/>
    </row>
    <row r="22146" spans="1:31" ht="14.45">
      <c r="A22146" s="11"/>
      <c r="B22146" s="20"/>
      <c r="C22146" s="2" t="s">
        <v>71306</v>
      </c>
      <c r="D22146" s="14" t="s">
        <v>71307</v>
      </c>
      <c r="E22146" s="2" t="s">
        <v>71308</v>
      </c>
      <c r="F22146" s="2" t="s">
        <v>7543</v>
      </c>
      <c r="G22146" s="8">
        <v>168</v>
      </c>
      <c r="H22146" s="5">
        <v>6</v>
      </c>
      <c r="I22146" s="5" t="s">
        <v>1518</v>
      </c>
      <c r="J22146" s="5" t="s">
        <v>69038</v>
      </c>
      <c r="K22146" s="2" t="s">
        <v>69039</v>
      </c>
      <c r="L22146" s="5" t="s">
        <v>69038</v>
      </c>
      <c r="M22146" s="2" t="s">
        <v>69039</v>
      </c>
      <c r="N22146" s="5" t="s">
        <v>1521</v>
      </c>
      <c r="O22146" s="5" t="s">
        <v>38</v>
      </c>
      <c r="P22146" s="5" t="s">
        <v>39</v>
      </c>
      <c r="Q22146" s="5" t="s">
        <v>40</v>
      </c>
      <c r="R22146" s="5" t="s">
        <v>1522</v>
      </c>
      <c r="S22146" s="5" t="s">
        <v>1523</v>
      </c>
      <c r="T22146" s="5" t="s">
        <v>42</v>
      </c>
      <c r="U22146" s="2">
        <v>2.02</v>
      </c>
      <c r="V22146" s="2">
        <v>1.643</v>
      </c>
      <c r="W22146" s="2">
        <v>1.0999999999999999E-2</v>
      </c>
      <c r="X22146" s="2">
        <v>139.1</v>
      </c>
      <c r="Y22146" s="2">
        <v>7.6</v>
      </c>
      <c r="Z22146" s="2">
        <v>10.6</v>
      </c>
      <c r="AA22146" s="5"/>
      <c r="AB22146" s="5" t="s">
        <v>43</v>
      </c>
      <c r="AC22146" s="5" t="s">
        <v>44</v>
      </c>
      <c r="AD22146" s="2"/>
      <c r="AE22146" s="1"/>
    </row>
    <row r="22147" spans="1:31" ht="14.45">
      <c r="A22147" s="11"/>
      <c r="B22147" s="20"/>
      <c r="C22147" s="2" t="s">
        <v>71309</v>
      </c>
      <c r="D22147" s="14" t="s">
        <v>71310</v>
      </c>
      <c r="E22147" s="2" t="s">
        <v>71311</v>
      </c>
      <c r="F22147" s="2" t="s">
        <v>7396</v>
      </c>
      <c r="G22147" s="8">
        <v>146</v>
      </c>
      <c r="H22147" s="5">
        <v>6</v>
      </c>
      <c r="I22147" s="5" t="s">
        <v>1518</v>
      </c>
      <c r="J22147" s="5" t="s">
        <v>69038</v>
      </c>
      <c r="K22147" s="2" t="s">
        <v>69039</v>
      </c>
      <c r="L22147" s="5" t="s">
        <v>69038</v>
      </c>
      <c r="M22147" s="2" t="s">
        <v>69039</v>
      </c>
      <c r="N22147" s="5" t="s">
        <v>1521</v>
      </c>
      <c r="O22147" s="5" t="s">
        <v>38</v>
      </c>
      <c r="P22147" s="5" t="s">
        <v>39</v>
      </c>
      <c r="Q22147" s="5" t="s">
        <v>40</v>
      </c>
      <c r="R22147" s="5" t="s">
        <v>1522</v>
      </c>
      <c r="S22147" s="5" t="s">
        <v>1523</v>
      </c>
      <c r="T22147" s="5" t="s">
        <v>42</v>
      </c>
      <c r="U22147" s="2">
        <v>1.9339999999999999</v>
      </c>
      <c r="V22147" s="2">
        <v>1.5569999999999999</v>
      </c>
      <c r="W22147" s="2">
        <v>1.0999999999999999E-2</v>
      </c>
      <c r="X22147" s="2">
        <v>139.1</v>
      </c>
      <c r="Y22147" s="2">
        <v>7.6</v>
      </c>
      <c r="Z22147" s="2">
        <v>10.6</v>
      </c>
      <c r="AA22147" s="5"/>
      <c r="AB22147" s="5" t="s">
        <v>43</v>
      </c>
      <c r="AC22147" s="5" t="s">
        <v>44</v>
      </c>
      <c r="AD22147" s="2"/>
      <c r="AE22147" s="1"/>
    </row>
    <row r="22148" spans="1:31" ht="14.45">
      <c r="A22148" s="11"/>
      <c r="B22148" s="20"/>
      <c r="C22148" s="2" t="s">
        <v>71312</v>
      </c>
      <c r="D22148" s="14" t="s">
        <v>71313</v>
      </c>
      <c r="E22148" s="2" t="s">
        <v>71314</v>
      </c>
      <c r="F22148" s="2" t="s">
        <v>69112</v>
      </c>
      <c r="G22148" s="8">
        <v>146</v>
      </c>
      <c r="H22148" s="5">
        <v>6</v>
      </c>
      <c r="I22148" s="5" t="s">
        <v>1518</v>
      </c>
      <c r="J22148" s="5" t="s">
        <v>69038</v>
      </c>
      <c r="K22148" s="2" t="s">
        <v>69039</v>
      </c>
      <c r="L22148" s="5" t="s">
        <v>69038</v>
      </c>
      <c r="M22148" s="2" t="s">
        <v>69039</v>
      </c>
      <c r="N22148" s="5" t="s">
        <v>1521</v>
      </c>
      <c r="O22148" s="5" t="s">
        <v>38</v>
      </c>
      <c r="P22148" s="5" t="s">
        <v>39</v>
      </c>
      <c r="Q22148" s="5" t="s">
        <v>40</v>
      </c>
      <c r="R22148" s="5" t="s">
        <v>1522</v>
      </c>
      <c r="S22148" s="5" t="s">
        <v>1523</v>
      </c>
      <c r="T22148" s="5" t="s">
        <v>42</v>
      </c>
      <c r="U22148" s="2">
        <v>2.02</v>
      </c>
      <c r="V22148" s="2">
        <v>1.643</v>
      </c>
      <c r="W22148" s="2">
        <v>1.0999999999999999E-2</v>
      </c>
      <c r="X22148" s="2">
        <v>139.1</v>
      </c>
      <c r="Y22148" s="2">
        <v>7.6</v>
      </c>
      <c r="Z22148" s="2">
        <v>10.6</v>
      </c>
      <c r="AA22148" s="5"/>
      <c r="AB22148" s="5" t="s">
        <v>43</v>
      </c>
      <c r="AC22148" s="5" t="s">
        <v>44</v>
      </c>
      <c r="AD22148" s="2"/>
      <c r="AE22148" s="1"/>
    </row>
    <row r="22149" spans="1:31" ht="14.45">
      <c r="A22149" s="11"/>
      <c r="B22149" s="20"/>
      <c r="C22149" s="2" t="s">
        <v>71315</v>
      </c>
      <c r="D22149" s="14" t="s">
        <v>71316</v>
      </c>
      <c r="E22149" s="2" t="s">
        <v>71317</v>
      </c>
      <c r="F22149" s="2" t="s">
        <v>7563</v>
      </c>
      <c r="G22149" s="8">
        <v>168</v>
      </c>
      <c r="H22149" s="5">
        <v>6</v>
      </c>
      <c r="I22149" s="5" t="s">
        <v>1518</v>
      </c>
      <c r="J22149" s="5" t="s">
        <v>69038</v>
      </c>
      <c r="K22149" s="2" t="s">
        <v>69039</v>
      </c>
      <c r="L22149" s="5" t="s">
        <v>69038</v>
      </c>
      <c r="M22149" s="2" t="s">
        <v>69039</v>
      </c>
      <c r="N22149" s="5" t="s">
        <v>1521</v>
      </c>
      <c r="O22149" s="5" t="s">
        <v>38</v>
      </c>
      <c r="P22149" s="5" t="s">
        <v>39</v>
      </c>
      <c r="Q22149" s="5" t="s">
        <v>40</v>
      </c>
      <c r="R22149" s="5" t="s">
        <v>1522</v>
      </c>
      <c r="S22149" s="5" t="s">
        <v>1523</v>
      </c>
      <c r="T22149" s="5" t="s">
        <v>42</v>
      </c>
      <c r="U22149" s="2">
        <v>1.9339999999999999</v>
      </c>
      <c r="V22149" s="2">
        <v>1.5569999999999999</v>
      </c>
      <c r="W22149" s="2">
        <v>1.0999999999999999E-2</v>
      </c>
      <c r="X22149" s="2">
        <v>139.1</v>
      </c>
      <c r="Y22149" s="2">
        <v>7.6</v>
      </c>
      <c r="Z22149" s="2">
        <v>10.6</v>
      </c>
      <c r="AA22149" s="5"/>
      <c r="AB22149" s="5" t="s">
        <v>43</v>
      </c>
      <c r="AC22149" s="5" t="s">
        <v>44</v>
      </c>
      <c r="AD22149" s="2"/>
      <c r="AE22149" s="1"/>
    </row>
    <row r="22150" spans="1:31" ht="14.45">
      <c r="A22150" s="11"/>
      <c r="B22150" s="20"/>
      <c r="C22150" s="2" t="s">
        <v>71318</v>
      </c>
      <c r="D22150" s="14" t="s">
        <v>71319</v>
      </c>
      <c r="E22150" s="2" t="s">
        <v>71320</v>
      </c>
      <c r="F22150" s="2" t="s">
        <v>7567</v>
      </c>
      <c r="G22150" s="8">
        <v>168</v>
      </c>
      <c r="H22150" s="5">
        <v>6</v>
      </c>
      <c r="I22150" s="5" t="s">
        <v>1518</v>
      </c>
      <c r="J22150" s="5" t="s">
        <v>69038</v>
      </c>
      <c r="K22150" s="2" t="s">
        <v>69039</v>
      </c>
      <c r="L22150" s="5" t="s">
        <v>69038</v>
      </c>
      <c r="M22150" s="2" t="s">
        <v>69039</v>
      </c>
      <c r="N22150" s="5" t="s">
        <v>1521</v>
      </c>
      <c r="O22150" s="5" t="s">
        <v>38</v>
      </c>
      <c r="P22150" s="5" t="s">
        <v>39</v>
      </c>
      <c r="Q22150" s="5" t="s">
        <v>40</v>
      </c>
      <c r="R22150" s="5" t="s">
        <v>1522</v>
      </c>
      <c r="S22150" s="5" t="s">
        <v>1523</v>
      </c>
      <c r="T22150" s="5" t="s">
        <v>42</v>
      </c>
      <c r="U22150" s="2">
        <v>2.02</v>
      </c>
      <c r="V22150" s="2">
        <v>1.643</v>
      </c>
      <c r="W22150" s="2">
        <v>1.0999999999999999E-2</v>
      </c>
      <c r="X22150" s="2">
        <v>139.1</v>
      </c>
      <c r="Y22150" s="2">
        <v>7.6</v>
      </c>
      <c r="Z22150" s="2">
        <v>10.6</v>
      </c>
      <c r="AA22150" s="5"/>
      <c r="AB22150" s="5" t="s">
        <v>43</v>
      </c>
      <c r="AC22150" s="5" t="s">
        <v>44</v>
      </c>
      <c r="AD22150" s="2"/>
      <c r="AE22150" s="1"/>
    </row>
    <row r="22151" spans="1:31" ht="14.45">
      <c r="A22151" s="11"/>
      <c r="B22151" s="20"/>
      <c r="C22151" s="2" t="s">
        <v>71321</v>
      </c>
      <c r="D22151" s="14" t="s">
        <v>71322</v>
      </c>
      <c r="E22151" s="2" t="s">
        <v>71323</v>
      </c>
      <c r="F22151" s="2" t="s">
        <v>7555</v>
      </c>
      <c r="G22151" s="8">
        <v>168</v>
      </c>
      <c r="H22151" s="5">
        <v>6</v>
      </c>
      <c r="I22151" s="5" t="s">
        <v>1518</v>
      </c>
      <c r="J22151" s="5" t="s">
        <v>69038</v>
      </c>
      <c r="K22151" s="2" t="s">
        <v>69039</v>
      </c>
      <c r="L22151" s="5" t="s">
        <v>69038</v>
      </c>
      <c r="M22151" s="2" t="s">
        <v>69039</v>
      </c>
      <c r="N22151" s="5" t="s">
        <v>1521</v>
      </c>
      <c r="O22151" s="5" t="s">
        <v>38</v>
      </c>
      <c r="P22151" s="5" t="s">
        <v>39</v>
      </c>
      <c r="Q22151" s="5" t="s">
        <v>40</v>
      </c>
      <c r="R22151" s="5" t="s">
        <v>1522</v>
      </c>
      <c r="S22151" s="5" t="s">
        <v>1523</v>
      </c>
      <c r="T22151" s="5" t="s">
        <v>42</v>
      </c>
      <c r="U22151" s="2">
        <v>1.9339999999999999</v>
      </c>
      <c r="V22151" s="2">
        <v>1.5569999999999999</v>
      </c>
      <c r="W22151" s="2">
        <v>1.0999999999999999E-2</v>
      </c>
      <c r="X22151" s="2">
        <v>139.1</v>
      </c>
      <c r="Y22151" s="2">
        <v>7.6</v>
      </c>
      <c r="Z22151" s="2">
        <v>10.6</v>
      </c>
      <c r="AA22151" s="5"/>
      <c r="AB22151" s="5" t="s">
        <v>43</v>
      </c>
      <c r="AC22151" s="5" t="s">
        <v>44</v>
      </c>
      <c r="AD22151" s="2"/>
      <c r="AE22151" s="1"/>
    </row>
    <row r="22152" spans="1:31" ht="14.45">
      <c r="A22152" s="11"/>
      <c r="B22152" s="20"/>
      <c r="C22152" s="2" t="s">
        <v>71324</v>
      </c>
      <c r="D22152" s="14" t="s">
        <v>71325</v>
      </c>
      <c r="E22152" s="2" t="s">
        <v>71326</v>
      </c>
      <c r="F22152" s="2" t="s">
        <v>7559</v>
      </c>
      <c r="G22152" s="8">
        <v>168</v>
      </c>
      <c r="H22152" s="5">
        <v>6</v>
      </c>
      <c r="I22152" s="5" t="s">
        <v>1518</v>
      </c>
      <c r="J22152" s="5" t="s">
        <v>69038</v>
      </c>
      <c r="K22152" s="2" t="s">
        <v>69039</v>
      </c>
      <c r="L22152" s="5" t="s">
        <v>69038</v>
      </c>
      <c r="M22152" s="2" t="s">
        <v>69039</v>
      </c>
      <c r="N22152" s="5" t="s">
        <v>1521</v>
      </c>
      <c r="O22152" s="5" t="s">
        <v>38</v>
      </c>
      <c r="P22152" s="5" t="s">
        <v>39</v>
      </c>
      <c r="Q22152" s="5" t="s">
        <v>40</v>
      </c>
      <c r="R22152" s="5" t="s">
        <v>1522</v>
      </c>
      <c r="S22152" s="5" t="s">
        <v>1523</v>
      </c>
      <c r="T22152" s="5" t="s">
        <v>42</v>
      </c>
      <c r="U22152" s="2">
        <v>2.02</v>
      </c>
      <c r="V22152" s="2">
        <v>1.643</v>
      </c>
      <c r="W22152" s="2">
        <v>1.0999999999999999E-2</v>
      </c>
      <c r="X22152" s="2">
        <v>139.1</v>
      </c>
      <c r="Y22152" s="2">
        <v>7.6</v>
      </c>
      <c r="Z22152" s="2">
        <v>10.6</v>
      </c>
      <c r="AA22152" s="5"/>
      <c r="AB22152" s="5" t="s">
        <v>43</v>
      </c>
      <c r="AC22152" s="5" t="s">
        <v>44</v>
      </c>
      <c r="AD22152" s="2"/>
      <c r="AE22152" s="1"/>
    </row>
    <row r="22153" spans="1:31" ht="14.45">
      <c r="A22153" s="11"/>
      <c r="B22153" s="20"/>
      <c r="C22153" s="2" t="s">
        <v>71327</v>
      </c>
      <c r="D22153" s="14" t="s">
        <v>71328</v>
      </c>
      <c r="E22153" s="2" t="s">
        <v>71329</v>
      </c>
      <c r="F22153" s="2" t="s">
        <v>7449</v>
      </c>
      <c r="G22153" s="8">
        <v>168</v>
      </c>
      <c r="H22153" s="5">
        <v>6</v>
      </c>
      <c r="I22153" s="5" t="s">
        <v>1518</v>
      </c>
      <c r="J22153" s="5" t="s">
        <v>69038</v>
      </c>
      <c r="K22153" s="2" t="s">
        <v>69039</v>
      </c>
      <c r="L22153" s="5" t="s">
        <v>69038</v>
      </c>
      <c r="M22153" s="2" t="s">
        <v>69039</v>
      </c>
      <c r="N22153" s="5" t="s">
        <v>1521</v>
      </c>
      <c r="O22153" s="5" t="s">
        <v>38</v>
      </c>
      <c r="P22153" s="5" t="s">
        <v>39</v>
      </c>
      <c r="Q22153" s="5" t="s">
        <v>40</v>
      </c>
      <c r="R22153" s="5" t="s">
        <v>1522</v>
      </c>
      <c r="S22153" s="5" t="s">
        <v>1523</v>
      </c>
      <c r="T22153" s="5" t="s">
        <v>42</v>
      </c>
      <c r="U22153" s="2">
        <v>1.9339999999999999</v>
      </c>
      <c r="V22153" s="2">
        <v>1.5569999999999999</v>
      </c>
      <c r="W22153" s="2">
        <v>1.0999999999999999E-2</v>
      </c>
      <c r="X22153" s="2">
        <v>139.1</v>
      </c>
      <c r="Y22153" s="2">
        <v>7.6</v>
      </c>
      <c r="Z22153" s="2">
        <v>10.6</v>
      </c>
      <c r="AA22153" s="5"/>
      <c r="AB22153" s="5" t="s">
        <v>43</v>
      </c>
      <c r="AC22153" s="5" t="s">
        <v>44</v>
      </c>
      <c r="AD22153" s="2"/>
      <c r="AE22153" s="1"/>
    </row>
    <row r="22154" spans="1:31" ht="14.45">
      <c r="A22154" s="11"/>
      <c r="B22154" s="20"/>
      <c r="C22154" s="2" t="s">
        <v>71330</v>
      </c>
      <c r="D22154" s="14" t="s">
        <v>71331</v>
      </c>
      <c r="E22154" s="2" t="s">
        <v>71332</v>
      </c>
      <c r="F22154" s="2" t="s">
        <v>7581</v>
      </c>
      <c r="G22154" s="8">
        <v>168</v>
      </c>
      <c r="H22154" s="5">
        <v>6</v>
      </c>
      <c r="I22154" s="5" t="s">
        <v>1518</v>
      </c>
      <c r="J22154" s="5" t="s">
        <v>69038</v>
      </c>
      <c r="K22154" s="2" t="s">
        <v>69039</v>
      </c>
      <c r="L22154" s="5" t="s">
        <v>69038</v>
      </c>
      <c r="M22154" s="2" t="s">
        <v>69039</v>
      </c>
      <c r="N22154" s="5" t="s">
        <v>1521</v>
      </c>
      <c r="O22154" s="5" t="s">
        <v>38</v>
      </c>
      <c r="P22154" s="5" t="s">
        <v>39</v>
      </c>
      <c r="Q22154" s="5" t="s">
        <v>40</v>
      </c>
      <c r="R22154" s="5" t="s">
        <v>1522</v>
      </c>
      <c r="S22154" s="5" t="s">
        <v>1523</v>
      </c>
      <c r="T22154" s="5" t="s">
        <v>42</v>
      </c>
      <c r="U22154" s="2">
        <v>2.02</v>
      </c>
      <c r="V22154" s="2">
        <v>1.643</v>
      </c>
      <c r="W22154" s="2">
        <v>1.0999999999999999E-2</v>
      </c>
      <c r="X22154" s="2">
        <v>139.1</v>
      </c>
      <c r="Y22154" s="2">
        <v>7.6</v>
      </c>
      <c r="Z22154" s="2">
        <v>10.6</v>
      </c>
      <c r="AA22154" s="5"/>
      <c r="AB22154" s="5" t="s">
        <v>43</v>
      </c>
      <c r="AC22154" s="5" t="s">
        <v>44</v>
      </c>
      <c r="AD22154" s="2"/>
      <c r="AE22154" s="1"/>
    </row>
    <row r="22155" spans="1:31" ht="14.45">
      <c r="A22155" s="11"/>
      <c r="B22155" s="20"/>
      <c r="C22155" s="2" t="s">
        <v>71333</v>
      </c>
      <c r="D22155" s="14" t="s">
        <v>71334</v>
      </c>
      <c r="E22155" s="2" t="s">
        <v>71335</v>
      </c>
      <c r="F22155" s="2" t="s">
        <v>7589</v>
      </c>
      <c r="G22155" s="8">
        <v>168</v>
      </c>
      <c r="H22155" s="5">
        <v>6</v>
      </c>
      <c r="I22155" s="5" t="s">
        <v>1518</v>
      </c>
      <c r="J22155" s="5" t="s">
        <v>69038</v>
      </c>
      <c r="K22155" s="2" t="s">
        <v>69039</v>
      </c>
      <c r="L22155" s="5" t="s">
        <v>69038</v>
      </c>
      <c r="M22155" s="2" t="s">
        <v>69039</v>
      </c>
      <c r="N22155" s="5" t="s">
        <v>1521</v>
      </c>
      <c r="O22155" s="5" t="s">
        <v>38</v>
      </c>
      <c r="P22155" s="5" t="s">
        <v>39</v>
      </c>
      <c r="Q22155" s="5" t="s">
        <v>40</v>
      </c>
      <c r="R22155" s="5" t="s">
        <v>1522</v>
      </c>
      <c r="S22155" s="5" t="s">
        <v>1523</v>
      </c>
      <c r="T22155" s="5" t="s">
        <v>42</v>
      </c>
      <c r="U22155" s="2">
        <v>2.02</v>
      </c>
      <c r="V22155" s="2">
        <v>1.643</v>
      </c>
      <c r="W22155" s="2">
        <v>1.0999999999999999E-2</v>
      </c>
      <c r="X22155" s="2">
        <v>139.1</v>
      </c>
      <c r="Y22155" s="2">
        <v>7.6</v>
      </c>
      <c r="Z22155" s="2">
        <v>10.6</v>
      </c>
      <c r="AA22155" s="5"/>
      <c r="AB22155" s="5" t="s">
        <v>43</v>
      </c>
      <c r="AC22155" s="5" t="s">
        <v>44</v>
      </c>
      <c r="AD22155" s="2"/>
      <c r="AE22155" s="1"/>
    </row>
    <row r="22156" spans="1:31" ht="14.45">
      <c r="A22156" s="11"/>
      <c r="B22156" s="20"/>
      <c r="C22156" s="2" t="s">
        <v>71336</v>
      </c>
      <c r="D22156" s="14" t="s">
        <v>71337</v>
      </c>
      <c r="E22156" s="2" t="s">
        <v>71338</v>
      </c>
      <c r="F22156" s="2" t="s">
        <v>7597</v>
      </c>
      <c r="G22156" s="8">
        <v>168</v>
      </c>
      <c r="H22156" s="5">
        <v>6</v>
      </c>
      <c r="I22156" s="5" t="s">
        <v>1518</v>
      </c>
      <c r="J22156" s="5" t="s">
        <v>69038</v>
      </c>
      <c r="K22156" s="2" t="s">
        <v>69039</v>
      </c>
      <c r="L22156" s="5" t="s">
        <v>69038</v>
      </c>
      <c r="M22156" s="2" t="s">
        <v>69039</v>
      </c>
      <c r="N22156" s="5" t="s">
        <v>1521</v>
      </c>
      <c r="O22156" s="5" t="s">
        <v>38</v>
      </c>
      <c r="P22156" s="5" t="s">
        <v>39</v>
      </c>
      <c r="Q22156" s="5" t="s">
        <v>40</v>
      </c>
      <c r="R22156" s="5" t="s">
        <v>1522</v>
      </c>
      <c r="S22156" s="5" t="s">
        <v>1523</v>
      </c>
      <c r="T22156" s="5" t="s">
        <v>42</v>
      </c>
      <c r="U22156" s="2">
        <v>2.02</v>
      </c>
      <c r="V22156" s="2">
        <v>1.643</v>
      </c>
      <c r="W22156" s="2">
        <v>1.0999999999999999E-2</v>
      </c>
      <c r="X22156" s="2">
        <v>139.1</v>
      </c>
      <c r="Y22156" s="2">
        <v>7.6</v>
      </c>
      <c r="Z22156" s="2">
        <v>10.6</v>
      </c>
      <c r="AA22156" s="5"/>
      <c r="AB22156" s="5" t="s">
        <v>43</v>
      </c>
      <c r="AC22156" s="5" t="s">
        <v>44</v>
      </c>
      <c r="AD22156" s="2"/>
      <c r="AE22156" s="1"/>
    </row>
    <row r="22157" spans="1:31" ht="14.45">
      <c r="A22157" s="11"/>
      <c r="B22157" s="20"/>
      <c r="C22157" s="2" t="s">
        <v>71339</v>
      </c>
      <c r="D22157" s="14" t="s">
        <v>71340</v>
      </c>
      <c r="E22157" s="2" t="s">
        <v>71341</v>
      </c>
      <c r="F22157" s="2" t="s">
        <v>7433</v>
      </c>
      <c r="G22157" s="8">
        <v>168</v>
      </c>
      <c r="H22157" s="5">
        <v>6</v>
      </c>
      <c r="I22157" s="5" t="s">
        <v>1518</v>
      </c>
      <c r="J22157" s="5" t="s">
        <v>69038</v>
      </c>
      <c r="K22157" s="2" t="s">
        <v>69039</v>
      </c>
      <c r="L22157" s="5" t="s">
        <v>69038</v>
      </c>
      <c r="M22157" s="2" t="s">
        <v>69039</v>
      </c>
      <c r="N22157" s="5" t="s">
        <v>1521</v>
      </c>
      <c r="O22157" s="5" t="s">
        <v>38</v>
      </c>
      <c r="P22157" s="5" t="s">
        <v>39</v>
      </c>
      <c r="Q22157" s="5" t="s">
        <v>40</v>
      </c>
      <c r="R22157" s="5" t="s">
        <v>1522</v>
      </c>
      <c r="S22157" s="5" t="s">
        <v>1523</v>
      </c>
      <c r="T22157" s="5" t="s">
        <v>42</v>
      </c>
      <c r="U22157" s="2">
        <v>1.9339999999999999</v>
      </c>
      <c r="V22157" s="2">
        <v>1.5569999999999999</v>
      </c>
      <c r="W22157" s="2">
        <v>1.0999999999999999E-2</v>
      </c>
      <c r="X22157" s="2">
        <v>139.1</v>
      </c>
      <c r="Y22157" s="2">
        <v>7.6</v>
      </c>
      <c r="Z22157" s="2">
        <v>10.6</v>
      </c>
      <c r="AA22157" s="5"/>
      <c r="AB22157" s="5" t="s">
        <v>43</v>
      </c>
      <c r="AC22157" s="5" t="s">
        <v>44</v>
      </c>
      <c r="AD22157" s="2"/>
      <c r="AE22157" s="1"/>
    </row>
    <row r="22158" spans="1:31" ht="14.45">
      <c r="A22158" s="11"/>
      <c r="B22158" s="20"/>
      <c r="C22158" s="2" t="s">
        <v>71342</v>
      </c>
      <c r="D22158" s="14" t="s">
        <v>71343</v>
      </c>
      <c r="E22158" s="2" t="s">
        <v>71344</v>
      </c>
      <c r="F22158" s="2" t="s">
        <v>7611</v>
      </c>
      <c r="G22158" s="8">
        <v>168</v>
      </c>
      <c r="H22158" s="5">
        <v>6</v>
      </c>
      <c r="I22158" s="5" t="s">
        <v>1518</v>
      </c>
      <c r="J22158" s="5" t="s">
        <v>69038</v>
      </c>
      <c r="K22158" s="2" t="s">
        <v>69039</v>
      </c>
      <c r="L22158" s="5" t="s">
        <v>69038</v>
      </c>
      <c r="M22158" s="2" t="s">
        <v>69039</v>
      </c>
      <c r="N22158" s="5" t="s">
        <v>1521</v>
      </c>
      <c r="O22158" s="5" t="s">
        <v>38</v>
      </c>
      <c r="P22158" s="5" t="s">
        <v>39</v>
      </c>
      <c r="Q22158" s="5" t="s">
        <v>40</v>
      </c>
      <c r="R22158" s="5" t="s">
        <v>1522</v>
      </c>
      <c r="S22158" s="5" t="s">
        <v>1523</v>
      </c>
      <c r="T22158" s="5" t="s">
        <v>42</v>
      </c>
      <c r="U22158" s="2">
        <v>2.02</v>
      </c>
      <c r="V22158" s="2">
        <v>1.643</v>
      </c>
      <c r="W22158" s="2">
        <v>1.0999999999999999E-2</v>
      </c>
      <c r="X22158" s="2">
        <v>139.1</v>
      </c>
      <c r="Y22158" s="2">
        <v>7.6</v>
      </c>
      <c r="Z22158" s="2">
        <v>10.6</v>
      </c>
      <c r="AA22158" s="5"/>
      <c r="AB22158" s="5" t="s">
        <v>43</v>
      </c>
      <c r="AC22158" s="5" t="s">
        <v>44</v>
      </c>
      <c r="AD22158" s="2"/>
      <c r="AE22158" s="1"/>
    </row>
    <row r="22159" spans="1:31" ht="14.45">
      <c r="A22159" s="11"/>
      <c r="B22159" s="20"/>
      <c r="C22159" s="2" t="s">
        <v>71345</v>
      </c>
      <c r="D22159" s="14" t="s">
        <v>71346</v>
      </c>
      <c r="E22159" s="2" t="s">
        <v>71347</v>
      </c>
      <c r="F22159" s="2" t="s">
        <v>7615</v>
      </c>
      <c r="G22159" s="8">
        <v>168</v>
      </c>
      <c r="H22159" s="5">
        <v>6</v>
      </c>
      <c r="I22159" s="5" t="s">
        <v>1518</v>
      </c>
      <c r="J22159" s="5" t="s">
        <v>69038</v>
      </c>
      <c r="K22159" s="2" t="s">
        <v>69039</v>
      </c>
      <c r="L22159" s="5" t="s">
        <v>69038</v>
      </c>
      <c r="M22159" s="2" t="s">
        <v>69039</v>
      </c>
      <c r="N22159" s="5" t="s">
        <v>1521</v>
      </c>
      <c r="O22159" s="5" t="s">
        <v>38</v>
      </c>
      <c r="P22159" s="5" t="s">
        <v>39</v>
      </c>
      <c r="Q22159" s="5" t="s">
        <v>40</v>
      </c>
      <c r="R22159" s="5" t="s">
        <v>1522</v>
      </c>
      <c r="S22159" s="5" t="s">
        <v>1523</v>
      </c>
      <c r="T22159" s="5" t="s">
        <v>42</v>
      </c>
      <c r="U22159" s="2">
        <v>1.9339999999999999</v>
      </c>
      <c r="V22159" s="2">
        <v>1.5569999999999999</v>
      </c>
      <c r="W22159" s="2">
        <v>1.0999999999999999E-2</v>
      </c>
      <c r="X22159" s="2">
        <v>139.1</v>
      </c>
      <c r="Y22159" s="2">
        <v>7.6</v>
      </c>
      <c r="Z22159" s="2">
        <v>10.6</v>
      </c>
      <c r="AA22159" s="5"/>
      <c r="AB22159" s="5" t="s">
        <v>43</v>
      </c>
      <c r="AC22159" s="5" t="s">
        <v>44</v>
      </c>
      <c r="AD22159" s="2"/>
      <c r="AE22159" s="1"/>
    </row>
    <row r="22160" spans="1:31" ht="14.45">
      <c r="A22160" s="11"/>
      <c r="B22160" s="20"/>
      <c r="C22160" s="2" t="s">
        <v>71348</v>
      </c>
      <c r="D22160" s="14" t="s">
        <v>71349</v>
      </c>
      <c r="E22160" s="2" t="s">
        <v>71350</v>
      </c>
      <c r="F22160" s="2" t="s">
        <v>7619</v>
      </c>
      <c r="G22160" s="8">
        <v>168</v>
      </c>
      <c r="H22160" s="5">
        <v>6</v>
      </c>
      <c r="I22160" s="5" t="s">
        <v>1518</v>
      </c>
      <c r="J22160" s="5" t="s">
        <v>69038</v>
      </c>
      <c r="K22160" s="2" t="s">
        <v>69039</v>
      </c>
      <c r="L22160" s="5" t="s">
        <v>69038</v>
      </c>
      <c r="M22160" s="2" t="s">
        <v>69039</v>
      </c>
      <c r="N22160" s="5" t="s">
        <v>1521</v>
      </c>
      <c r="O22160" s="5" t="s">
        <v>38</v>
      </c>
      <c r="P22160" s="5" t="s">
        <v>39</v>
      </c>
      <c r="Q22160" s="5" t="s">
        <v>40</v>
      </c>
      <c r="R22160" s="5" t="s">
        <v>1522</v>
      </c>
      <c r="S22160" s="5" t="s">
        <v>1523</v>
      </c>
      <c r="T22160" s="5" t="s">
        <v>42</v>
      </c>
      <c r="U22160" s="2">
        <v>2.02</v>
      </c>
      <c r="V22160" s="2">
        <v>1.643</v>
      </c>
      <c r="W22160" s="2">
        <v>1.0999999999999999E-2</v>
      </c>
      <c r="X22160" s="2">
        <v>139.1</v>
      </c>
      <c r="Y22160" s="2">
        <v>7.6</v>
      </c>
      <c r="Z22160" s="2">
        <v>10.6</v>
      </c>
      <c r="AA22160" s="5"/>
      <c r="AB22160" s="5" t="s">
        <v>43</v>
      </c>
      <c r="AC22160" s="5" t="s">
        <v>44</v>
      </c>
      <c r="AD22160" s="2"/>
      <c r="AE22160" s="1"/>
    </row>
    <row r="22161" spans="1:31" ht="14.45">
      <c r="A22161" s="11"/>
      <c r="B22161" s="20"/>
      <c r="C22161" s="2" t="s">
        <v>71351</v>
      </c>
      <c r="D22161" s="14" t="s">
        <v>71352</v>
      </c>
      <c r="E22161" s="2" t="s">
        <v>71353</v>
      </c>
      <c r="F22161" s="2" t="s">
        <v>7604</v>
      </c>
      <c r="G22161" s="8">
        <v>168</v>
      </c>
      <c r="H22161" s="5">
        <v>6</v>
      </c>
      <c r="I22161" s="5" t="s">
        <v>1518</v>
      </c>
      <c r="J22161" s="5" t="s">
        <v>69038</v>
      </c>
      <c r="K22161" s="2" t="s">
        <v>69039</v>
      </c>
      <c r="L22161" s="5" t="s">
        <v>69038</v>
      </c>
      <c r="M22161" s="2" t="s">
        <v>69039</v>
      </c>
      <c r="N22161" s="5" t="s">
        <v>1521</v>
      </c>
      <c r="O22161" s="5" t="s">
        <v>38</v>
      </c>
      <c r="P22161" s="5" t="s">
        <v>39</v>
      </c>
      <c r="Q22161" s="5" t="s">
        <v>40</v>
      </c>
      <c r="R22161" s="5" t="s">
        <v>1522</v>
      </c>
      <c r="S22161" s="5" t="s">
        <v>1523</v>
      </c>
      <c r="T22161" s="5" t="s">
        <v>42</v>
      </c>
      <c r="U22161" s="2">
        <v>2.02</v>
      </c>
      <c r="V22161" s="2">
        <v>1.643</v>
      </c>
      <c r="W22161" s="2">
        <v>1.0999999999999999E-2</v>
      </c>
      <c r="X22161" s="2">
        <v>139.1</v>
      </c>
      <c r="Y22161" s="2">
        <v>7.6</v>
      </c>
      <c r="Z22161" s="2">
        <v>10.6</v>
      </c>
      <c r="AA22161" s="5"/>
      <c r="AB22161" s="5" t="s">
        <v>43</v>
      </c>
      <c r="AC22161" s="5" t="s">
        <v>44</v>
      </c>
      <c r="AD22161" s="2"/>
      <c r="AE22161" s="1"/>
    </row>
    <row r="22162" spans="1:31" ht="14.45">
      <c r="A22162" s="11"/>
      <c r="B22162" s="20"/>
      <c r="C22162" s="2" t="s">
        <v>71354</v>
      </c>
      <c r="D22162" s="14" t="s">
        <v>71355</v>
      </c>
      <c r="E22162" s="2" t="s">
        <v>71356</v>
      </c>
      <c r="F22162" s="2" t="s">
        <v>7212</v>
      </c>
      <c r="G22162" s="8">
        <v>146</v>
      </c>
      <c r="H22162" s="5">
        <v>6</v>
      </c>
      <c r="I22162" s="5" t="s">
        <v>1518</v>
      </c>
      <c r="J22162" s="5" t="s">
        <v>69038</v>
      </c>
      <c r="K22162" s="2" t="s">
        <v>69039</v>
      </c>
      <c r="L22162" s="5" t="s">
        <v>69038</v>
      </c>
      <c r="M22162" s="2" t="s">
        <v>69039</v>
      </c>
      <c r="N22162" s="5" t="s">
        <v>1521</v>
      </c>
      <c r="O22162" s="5" t="s">
        <v>38</v>
      </c>
      <c r="P22162" s="5" t="s">
        <v>39</v>
      </c>
      <c r="Q22162" s="5" t="s">
        <v>40</v>
      </c>
      <c r="R22162" s="5" t="s">
        <v>1522</v>
      </c>
      <c r="S22162" s="5" t="s">
        <v>1523</v>
      </c>
      <c r="T22162" s="5" t="s">
        <v>42</v>
      </c>
      <c r="U22162" s="2">
        <v>1.9339999999999999</v>
      </c>
      <c r="V22162" s="2">
        <v>1.5569999999999999</v>
      </c>
      <c r="W22162" s="2">
        <v>1.0999999999999999E-2</v>
      </c>
      <c r="X22162" s="2">
        <v>139.1</v>
      </c>
      <c r="Y22162" s="2">
        <v>7.6</v>
      </c>
      <c r="Z22162" s="2">
        <v>10.6</v>
      </c>
      <c r="AA22162" s="5"/>
      <c r="AB22162" s="5" t="s">
        <v>43</v>
      </c>
      <c r="AC22162" s="5" t="s">
        <v>44</v>
      </c>
      <c r="AD22162" s="2"/>
      <c r="AE22162" s="1"/>
    </row>
    <row r="22163" spans="1:31" ht="14.45">
      <c r="A22163" s="11"/>
      <c r="B22163" s="20"/>
      <c r="C22163" s="2" t="s">
        <v>71357</v>
      </c>
      <c r="D22163" s="14" t="s">
        <v>71358</v>
      </c>
      <c r="E22163" s="2" t="s">
        <v>71359</v>
      </c>
      <c r="F22163" s="2" t="s">
        <v>7528</v>
      </c>
      <c r="G22163" s="8">
        <v>146</v>
      </c>
      <c r="H22163" s="5">
        <v>6</v>
      </c>
      <c r="I22163" s="5" t="s">
        <v>1518</v>
      </c>
      <c r="J22163" s="5" t="s">
        <v>69038</v>
      </c>
      <c r="K22163" s="2" t="s">
        <v>69039</v>
      </c>
      <c r="L22163" s="5" t="s">
        <v>69038</v>
      </c>
      <c r="M22163" s="2" t="s">
        <v>69039</v>
      </c>
      <c r="N22163" s="5" t="s">
        <v>1521</v>
      </c>
      <c r="O22163" s="5" t="s">
        <v>38</v>
      </c>
      <c r="P22163" s="5" t="s">
        <v>39</v>
      </c>
      <c r="Q22163" s="5" t="s">
        <v>40</v>
      </c>
      <c r="R22163" s="5" t="s">
        <v>1522</v>
      </c>
      <c r="S22163" s="5" t="s">
        <v>1523</v>
      </c>
      <c r="T22163" s="5" t="s">
        <v>42</v>
      </c>
      <c r="U22163" s="2">
        <v>2.02</v>
      </c>
      <c r="V22163" s="2">
        <v>1.643</v>
      </c>
      <c r="W22163" s="2">
        <v>1.0999999999999999E-2</v>
      </c>
      <c r="X22163" s="2">
        <v>139.1</v>
      </c>
      <c r="Y22163" s="2">
        <v>7.6</v>
      </c>
      <c r="Z22163" s="2">
        <v>10.6</v>
      </c>
      <c r="AA22163" s="5"/>
      <c r="AB22163" s="5" t="s">
        <v>43</v>
      </c>
      <c r="AC22163" s="5" t="s">
        <v>44</v>
      </c>
      <c r="AD22163" s="2"/>
      <c r="AE22163" s="1"/>
    </row>
    <row r="22164" spans="1:31" ht="14.45">
      <c r="A22164" s="11"/>
      <c r="B22164" s="20"/>
      <c r="C22164" s="2" t="s">
        <v>71360</v>
      </c>
      <c r="D22164" s="14" t="s">
        <v>71361</v>
      </c>
      <c r="E22164" s="2" t="s">
        <v>71362</v>
      </c>
      <c r="F22164" s="2" t="s">
        <v>1863</v>
      </c>
      <c r="G22164" s="8">
        <v>168</v>
      </c>
      <c r="H22164" s="5">
        <v>6</v>
      </c>
      <c r="I22164" s="5" t="s">
        <v>1518</v>
      </c>
      <c r="J22164" s="5" t="s">
        <v>69038</v>
      </c>
      <c r="K22164" s="2" t="s">
        <v>69039</v>
      </c>
      <c r="L22164" s="5" t="s">
        <v>69038</v>
      </c>
      <c r="M22164" s="2" t="s">
        <v>69039</v>
      </c>
      <c r="N22164" s="5" t="s">
        <v>1521</v>
      </c>
      <c r="O22164" s="5" t="s">
        <v>38</v>
      </c>
      <c r="P22164" s="5" t="s">
        <v>39</v>
      </c>
      <c r="Q22164" s="5" t="s">
        <v>40</v>
      </c>
      <c r="R22164" s="5" t="s">
        <v>1522</v>
      </c>
      <c r="S22164" s="5" t="s">
        <v>1523</v>
      </c>
      <c r="T22164" s="5" t="s">
        <v>42</v>
      </c>
      <c r="U22164" s="2">
        <v>1.9339999999999999</v>
      </c>
      <c r="V22164" s="2">
        <v>1.5569999999999999</v>
      </c>
      <c r="W22164" s="2">
        <v>1.0999999999999999E-2</v>
      </c>
      <c r="X22164" s="2">
        <v>139.1</v>
      </c>
      <c r="Y22164" s="2">
        <v>7.6</v>
      </c>
      <c r="Z22164" s="2">
        <v>10.6</v>
      </c>
      <c r="AA22164" s="5"/>
      <c r="AB22164" s="5" t="s">
        <v>43</v>
      </c>
      <c r="AC22164" s="5" t="s">
        <v>44</v>
      </c>
      <c r="AD22164" s="2"/>
      <c r="AE22164" s="1"/>
    </row>
    <row r="22165" spans="1:31" ht="14.45">
      <c r="A22165" s="11"/>
      <c r="B22165" s="20"/>
      <c r="C22165" s="2" t="s">
        <v>71363</v>
      </c>
      <c r="D22165" s="14" t="s">
        <v>71364</v>
      </c>
      <c r="E22165" s="2" t="s">
        <v>71365</v>
      </c>
      <c r="F22165" s="2" t="s">
        <v>1867</v>
      </c>
      <c r="G22165" s="8">
        <v>168</v>
      </c>
      <c r="H22165" s="5">
        <v>6</v>
      </c>
      <c r="I22165" s="5" t="s">
        <v>1518</v>
      </c>
      <c r="J22165" s="5" t="s">
        <v>69038</v>
      </c>
      <c r="K22165" s="2" t="s">
        <v>69039</v>
      </c>
      <c r="L22165" s="5" t="s">
        <v>69038</v>
      </c>
      <c r="M22165" s="2" t="s">
        <v>69039</v>
      </c>
      <c r="N22165" s="5" t="s">
        <v>1521</v>
      </c>
      <c r="O22165" s="5" t="s">
        <v>38</v>
      </c>
      <c r="P22165" s="5" t="s">
        <v>39</v>
      </c>
      <c r="Q22165" s="5" t="s">
        <v>40</v>
      </c>
      <c r="R22165" s="5" t="s">
        <v>1522</v>
      </c>
      <c r="S22165" s="5" t="s">
        <v>1523</v>
      </c>
      <c r="T22165" s="5" t="s">
        <v>42</v>
      </c>
      <c r="U22165" s="2">
        <v>2.02</v>
      </c>
      <c r="V22165" s="2">
        <v>1.643</v>
      </c>
      <c r="W22165" s="2">
        <v>1.0999999999999999E-2</v>
      </c>
      <c r="X22165" s="2">
        <v>139.1</v>
      </c>
      <c r="Y22165" s="2">
        <v>7.6</v>
      </c>
      <c r="Z22165" s="2">
        <v>10.6</v>
      </c>
      <c r="AA22165" s="5"/>
      <c r="AB22165" s="5" t="s">
        <v>43</v>
      </c>
      <c r="AC22165" s="5" t="s">
        <v>44</v>
      </c>
      <c r="AD22165" s="2"/>
      <c r="AE22165" s="1"/>
    </row>
    <row r="22166" spans="1:31" ht="14.45">
      <c r="A22166" s="11"/>
      <c r="B22166" s="20"/>
      <c r="C22166" s="2" t="s">
        <v>71366</v>
      </c>
      <c r="D22166" s="14" t="s">
        <v>71367</v>
      </c>
      <c r="E22166" s="2" t="s">
        <v>71368</v>
      </c>
      <c r="F22166" s="2" t="s">
        <v>7204</v>
      </c>
      <c r="G22166" s="8">
        <v>164</v>
      </c>
      <c r="H22166" s="5">
        <v>6</v>
      </c>
      <c r="I22166" s="5" t="s">
        <v>1518</v>
      </c>
      <c r="J22166" s="5" t="s">
        <v>69038</v>
      </c>
      <c r="K22166" s="2" t="s">
        <v>69039</v>
      </c>
      <c r="L22166" s="5" t="s">
        <v>69038</v>
      </c>
      <c r="M22166" s="2" t="s">
        <v>69039</v>
      </c>
      <c r="N22166" s="5" t="s">
        <v>1521</v>
      </c>
      <c r="O22166" s="5" t="s">
        <v>38</v>
      </c>
      <c r="P22166" s="5" t="s">
        <v>39</v>
      </c>
      <c r="Q22166" s="5" t="s">
        <v>40</v>
      </c>
      <c r="R22166" s="5" t="s">
        <v>1522</v>
      </c>
      <c r="S22166" s="5" t="s">
        <v>1523</v>
      </c>
      <c r="T22166" s="5" t="s">
        <v>42</v>
      </c>
      <c r="U22166" s="2">
        <v>2.0960000000000001</v>
      </c>
      <c r="V22166" s="2">
        <v>1.675</v>
      </c>
      <c r="W22166" s="2">
        <v>1.2999999999999999E-2</v>
      </c>
      <c r="X22166" s="2">
        <v>159.1</v>
      </c>
      <c r="Y22166" s="2">
        <v>7.6</v>
      </c>
      <c r="Z22166" s="2">
        <v>10.6</v>
      </c>
      <c r="AA22166" s="5"/>
      <c r="AB22166" s="5" t="s">
        <v>43</v>
      </c>
      <c r="AC22166" s="5" t="s">
        <v>44</v>
      </c>
      <c r="AD22166" s="2"/>
      <c r="AE22166" s="1"/>
    </row>
    <row r="22167" spans="1:31" ht="14.45">
      <c r="A22167" s="11"/>
      <c r="B22167" s="20"/>
      <c r="C22167" s="2" t="s">
        <v>71369</v>
      </c>
      <c r="D22167" s="14" t="s">
        <v>71370</v>
      </c>
      <c r="E22167" s="2" t="s">
        <v>71371</v>
      </c>
      <c r="F22167" s="2" t="s">
        <v>7514</v>
      </c>
      <c r="G22167" s="8">
        <v>164</v>
      </c>
      <c r="H22167" s="5">
        <v>6</v>
      </c>
      <c r="I22167" s="5" t="s">
        <v>1518</v>
      </c>
      <c r="J22167" s="5" t="s">
        <v>69038</v>
      </c>
      <c r="K22167" s="2" t="s">
        <v>69039</v>
      </c>
      <c r="L22167" s="5" t="s">
        <v>69038</v>
      </c>
      <c r="M22167" s="2" t="s">
        <v>69039</v>
      </c>
      <c r="N22167" s="5" t="s">
        <v>1521</v>
      </c>
      <c r="O22167" s="5" t="s">
        <v>38</v>
      </c>
      <c r="P22167" s="5" t="s">
        <v>39</v>
      </c>
      <c r="Q22167" s="5" t="s">
        <v>40</v>
      </c>
      <c r="R22167" s="5" t="s">
        <v>1522</v>
      </c>
      <c r="S22167" s="5" t="s">
        <v>1523</v>
      </c>
      <c r="T22167" s="5" t="s">
        <v>42</v>
      </c>
      <c r="U22167" s="2">
        <v>2.1920000000000002</v>
      </c>
      <c r="V22167" s="2">
        <v>1.7709999999999999</v>
      </c>
      <c r="W22167" s="2">
        <v>1.2999999999999999E-2</v>
      </c>
      <c r="X22167" s="2">
        <v>159.1</v>
      </c>
      <c r="Y22167" s="2">
        <v>7.6</v>
      </c>
      <c r="Z22167" s="2">
        <v>10.6</v>
      </c>
      <c r="AA22167" s="5"/>
      <c r="AB22167" s="5" t="s">
        <v>43</v>
      </c>
      <c r="AC22167" s="5" t="s">
        <v>44</v>
      </c>
      <c r="AD22167" s="2"/>
      <c r="AE22167" s="1"/>
    </row>
    <row r="22168" spans="1:31" ht="14.45">
      <c r="A22168" s="11"/>
      <c r="B22168" s="20"/>
      <c r="C22168" s="2" t="s">
        <v>71372</v>
      </c>
      <c r="D22168" s="14" t="s">
        <v>71373</v>
      </c>
      <c r="E22168" s="2" t="s">
        <v>71374</v>
      </c>
      <c r="F22168" s="2" t="s">
        <v>7208</v>
      </c>
      <c r="G22168" s="8">
        <v>164</v>
      </c>
      <c r="H22168" s="5">
        <v>6</v>
      </c>
      <c r="I22168" s="5" t="s">
        <v>1518</v>
      </c>
      <c r="J22168" s="5" t="s">
        <v>69038</v>
      </c>
      <c r="K22168" s="2" t="s">
        <v>69039</v>
      </c>
      <c r="L22168" s="5" t="s">
        <v>69038</v>
      </c>
      <c r="M22168" s="2" t="s">
        <v>69039</v>
      </c>
      <c r="N22168" s="5" t="s">
        <v>1521</v>
      </c>
      <c r="O22168" s="5" t="s">
        <v>38</v>
      </c>
      <c r="P22168" s="5" t="s">
        <v>39</v>
      </c>
      <c r="Q22168" s="5" t="s">
        <v>40</v>
      </c>
      <c r="R22168" s="5" t="s">
        <v>1522</v>
      </c>
      <c r="S22168" s="5" t="s">
        <v>1523</v>
      </c>
      <c r="T22168" s="5" t="s">
        <v>42</v>
      </c>
      <c r="U22168" s="2">
        <v>2.0960000000000001</v>
      </c>
      <c r="V22168" s="2">
        <v>1.675</v>
      </c>
      <c r="W22168" s="2">
        <v>1.2999999999999999E-2</v>
      </c>
      <c r="X22168" s="2">
        <v>159.1</v>
      </c>
      <c r="Y22168" s="2">
        <v>7.6</v>
      </c>
      <c r="Z22168" s="2">
        <v>10.6</v>
      </c>
      <c r="AA22168" s="5"/>
      <c r="AB22168" s="5" t="s">
        <v>43</v>
      </c>
      <c r="AC22168" s="5" t="s">
        <v>44</v>
      </c>
      <c r="AD22168" s="2"/>
      <c r="AE22168" s="1"/>
    </row>
    <row r="22169" spans="1:31" ht="14.45">
      <c r="A22169" s="11"/>
      <c r="B22169" s="20"/>
      <c r="C22169" s="2" t="s">
        <v>71375</v>
      </c>
      <c r="D22169" s="14" t="s">
        <v>71376</v>
      </c>
      <c r="E22169" s="2" t="s">
        <v>71377</v>
      </c>
      <c r="F22169" s="2" t="s">
        <v>7521</v>
      </c>
      <c r="G22169" s="8">
        <v>164</v>
      </c>
      <c r="H22169" s="5">
        <v>6</v>
      </c>
      <c r="I22169" s="5" t="s">
        <v>1518</v>
      </c>
      <c r="J22169" s="5" t="s">
        <v>69038</v>
      </c>
      <c r="K22169" s="2" t="s">
        <v>69039</v>
      </c>
      <c r="L22169" s="5" t="s">
        <v>69038</v>
      </c>
      <c r="M22169" s="2" t="s">
        <v>69039</v>
      </c>
      <c r="N22169" s="5" t="s">
        <v>1521</v>
      </c>
      <c r="O22169" s="5" t="s">
        <v>38</v>
      </c>
      <c r="P22169" s="5" t="s">
        <v>39</v>
      </c>
      <c r="Q22169" s="5" t="s">
        <v>40</v>
      </c>
      <c r="R22169" s="5" t="s">
        <v>1522</v>
      </c>
      <c r="S22169" s="5" t="s">
        <v>1523</v>
      </c>
      <c r="T22169" s="5" t="s">
        <v>42</v>
      </c>
      <c r="U22169" s="2">
        <v>2.1920000000000002</v>
      </c>
      <c r="V22169" s="2">
        <v>1.7709999999999999</v>
      </c>
      <c r="W22169" s="2">
        <v>1.2999999999999999E-2</v>
      </c>
      <c r="X22169" s="2">
        <v>159.1</v>
      </c>
      <c r="Y22169" s="2">
        <v>7.6</v>
      </c>
      <c r="Z22169" s="2">
        <v>10.6</v>
      </c>
      <c r="AA22169" s="5"/>
      <c r="AB22169" s="5" t="s">
        <v>43</v>
      </c>
      <c r="AC22169" s="5" t="s">
        <v>44</v>
      </c>
      <c r="AD22169" s="2"/>
      <c r="AE22169" s="1"/>
    </row>
    <row r="22170" spans="1:31" ht="14.45">
      <c r="A22170" s="11"/>
      <c r="B22170" s="20"/>
      <c r="C22170" s="2" t="s">
        <v>71378</v>
      </c>
      <c r="D22170" s="14" t="s">
        <v>71379</v>
      </c>
      <c r="E22170" s="2" t="s">
        <v>71380</v>
      </c>
      <c r="F22170" s="2" t="s">
        <v>7543</v>
      </c>
      <c r="G22170" s="8">
        <v>189</v>
      </c>
      <c r="H22170" s="5">
        <v>6</v>
      </c>
      <c r="I22170" s="5" t="s">
        <v>1518</v>
      </c>
      <c r="J22170" s="5" t="s">
        <v>69038</v>
      </c>
      <c r="K22170" s="2" t="s">
        <v>69039</v>
      </c>
      <c r="L22170" s="5" t="s">
        <v>69038</v>
      </c>
      <c r="M22170" s="2" t="s">
        <v>69039</v>
      </c>
      <c r="N22170" s="5" t="s">
        <v>1521</v>
      </c>
      <c r="O22170" s="5" t="s">
        <v>38</v>
      </c>
      <c r="P22170" s="5" t="s">
        <v>39</v>
      </c>
      <c r="Q22170" s="5" t="s">
        <v>40</v>
      </c>
      <c r="R22170" s="5" t="s">
        <v>1522</v>
      </c>
      <c r="S22170" s="5" t="s">
        <v>1523</v>
      </c>
      <c r="T22170" s="5" t="s">
        <v>42</v>
      </c>
      <c r="U22170" s="2">
        <v>2.1920000000000002</v>
      </c>
      <c r="V22170" s="2">
        <v>1.7709999999999999</v>
      </c>
      <c r="W22170" s="2">
        <v>1.2999999999999999E-2</v>
      </c>
      <c r="X22170" s="2">
        <v>159.1</v>
      </c>
      <c r="Y22170" s="2">
        <v>7.6</v>
      </c>
      <c r="Z22170" s="2">
        <v>10.6</v>
      </c>
      <c r="AA22170" s="5"/>
      <c r="AB22170" s="5" t="s">
        <v>43</v>
      </c>
      <c r="AC22170" s="5" t="s">
        <v>44</v>
      </c>
      <c r="AD22170" s="2"/>
      <c r="AE22170" s="1"/>
    </row>
    <row r="22171" spans="1:31" ht="14.45">
      <c r="A22171" s="11"/>
      <c r="B22171" s="20"/>
      <c r="C22171" s="2" t="s">
        <v>71381</v>
      </c>
      <c r="D22171" s="14" t="s">
        <v>71382</v>
      </c>
      <c r="E22171" s="2" t="s">
        <v>71383</v>
      </c>
      <c r="F22171" s="2" t="s">
        <v>7396</v>
      </c>
      <c r="G22171" s="8">
        <v>164</v>
      </c>
      <c r="H22171" s="5">
        <v>6</v>
      </c>
      <c r="I22171" s="5" t="s">
        <v>1518</v>
      </c>
      <c r="J22171" s="5" t="s">
        <v>69038</v>
      </c>
      <c r="K22171" s="2" t="s">
        <v>69039</v>
      </c>
      <c r="L22171" s="5" t="s">
        <v>69038</v>
      </c>
      <c r="M22171" s="2" t="s">
        <v>69039</v>
      </c>
      <c r="N22171" s="5" t="s">
        <v>1521</v>
      </c>
      <c r="O22171" s="5" t="s">
        <v>38</v>
      </c>
      <c r="P22171" s="5" t="s">
        <v>39</v>
      </c>
      <c r="Q22171" s="5" t="s">
        <v>40</v>
      </c>
      <c r="R22171" s="5" t="s">
        <v>1522</v>
      </c>
      <c r="S22171" s="5" t="s">
        <v>1523</v>
      </c>
      <c r="T22171" s="5" t="s">
        <v>42</v>
      </c>
      <c r="U22171" s="2">
        <v>2.0960000000000001</v>
      </c>
      <c r="V22171" s="2">
        <v>1.675</v>
      </c>
      <c r="W22171" s="2">
        <v>1.2999999999999999E-2</v>
      </c>
      <c r="X22171" s="2">
        <v>159.1</v>
      </c>
      <c r="Y22171" s="2">
        <v>7.6</v>
      </c>
      <c r="Z22171" s="2">
        <v>10.6</v>
      </c>
      <c r="AA22171" s="5"/>
      <c r="AB22171" s="5" t="s">
        <v>43</v>
      </c>
      <c r="AC22171" s="5" t="s">
        <v>44</v>
      </c>
      <c r="AD22171" s="2"/>
      <c r="AE22171" s="1"/>
    </row>
    <row r="22172" spans="1:31" ht="14.45">
      <c r="A22172" s="11"/>
      <c r="B22172" s="20"/>
      <c r="C22172" s="2" t="s">
        <v>71384</v>
      </c>
      <c r="D22172" s="14" t="s">
        <v>71385</v>
      </c>
      <c r="E22172" s="2" t="s">
        <v>71386</v>
      </c>
      <c r="F22172" s="2" t="s">
        <v>69112</v>
      </c>
      <c r="G22172" s="8">
        <v>164</v>
      </c>
      <c r="H22172" s="5">
        <v>6</v>
      </c>
      <c r="I22172" s="5" t="s">
        <v>1518</v>
      </c>
      <c r="J22172" s="5" t="s">
        <v>69038</v>
      </c>
      <c r="K22172" s="2" t="s">
        <v>69039</v>
      </c>
      <c r="L22172" s="5" t="s">
        <v>69038</v>
      </c>
      <c r="M22172" s="2" t="s">
        <v>69039</v>
      </c>
      <c r="N22172" s="5" t="s">
        <v>1521</v>
      </c>
      <c r="O22172" s="5" t="s">
        <v>38</v>
      </c>
      <c r="P22172" s="5" t="s">
        <v>39</v>
      </c>
      <c r="Q22172" s="5" t="s">
        <v>40</v>
      </c>
      <c r="R22172" s="5" t="s">
        <v>1522</v>
      </c>
      <c r="S22172" s="5" t="s">
        <v>1523</v>
      </c>
      <c r="T22172" s="5" t="s">
        <v>42</v>
      </c>
      <c r="U22172" s="2">
        <v>2.1920000000000002</v>
      </c>
      <c r="V22172" s="2">
        <v>1.7709999999999999</v>
      </c>
      <c r="W22172" s="2">
        <v>1.2999999999999999E-2</v>
      </c>
      <c r="X22172" s="2">
        <v>159.1</v>
      </c>
      <c r="Y22172" s="2">
        <v>7.6</v>
      </c>
      <c r="Z22172" s="2">
        <v>10.6</v>
      </c>
      <c r="AA22172" s="5"/>
      <c r="AB22172" s="5" t="s">
        <v>43</v>
      </c>
      <c r="AC22172" s="5" t="s">
        <v>44</v>
      </c>
      <c r="AD22172" s="2"/>
      <c r="AE22172" s="1"/>
    </row>
    <row r="22173" spans="1:31" ht="14.45">
      <c r="A22173" s="11"/>
      <c r="B22173" s="20"/>
      <c r="C22173" s="2" t="s">
        <v>71387</v>
      </c>
      <c r="D22173" s="14" t="s">
        <v>71388</v>
      </c>
      <c r="E22173" s="2" t="s">
        <v>71389</v>
      </c>
      <c r="F22173" s="2" t="s">
        <v>7563</v>
      </c>
      <c r="G22173" s="8">
        <v>189</v>
      </c>
      <c r="H22173" s="5">
        <v>6</v>
      </c>
      <c r="I22173" s="5" t="s">
        <v>1518</v>
      </c>
      <c r="J22173" s="5" t="s">
        <v>69038</v>
      </c>
      <c r="K22173" s="2" t="s">
        <v>69039</v>
      </c>
      <c r="L22173" s="5" t="s">
        <v>69038</v>
      </c>
      <c r="M22173" s="2" t="s">
        <v>69039</v>
      </c>
      <c r="N22173" s="5" t="s">
        <v>1521</v>
      </c>
      <c r="O22173" s="5" t="s">
        <v>38</v>
      </c>
      <c r="P22173" s="5" t="s">
        <v>39</v>
      </c>
      <c r="Q22173" s="5" t="s">
        <v>40</v>
      </c>
      <c r="R22173" s="5" t="s">
        <v>1522</v>
      </c>
      <c r="S22173" s="5" t="s">
        <v>1523</v>
      </c>
      <c r="T22173" s="5" t="s">
        <v>42</v>
      </c>
      <c r="U22173" s="2">
        <v>2.0960000000000001</v>
      </c>
      <c r="V22173" s="2">
        <v>1.675</v>
      </c>
      <c r="W22173" s="2">
        <v>1.2999999999999999E-2</v>
      </c>
      <c r="X22173" s="2">
        <v>159.1</v>
      </c>
      <c r="Y22173" s="2">
        <v>7.6</v>
      </c>
      <c r="Z22173" s="2">
        <v>10.6</v>
      </c>
      <c r="AA22173" s="5"/>
      <c r="AB22173" s="5" t="s">
        <v>43</v>
      </c>
      <c r="AC22173" s="5" t="s">
        <v>44</v>
      </c>
      <c r="AD22173" s="2"/>
      <c r="AE22173" s="1"/>
    </row>
    <row r="22174" spans="1:31" ht="14.45">
      <c r="A22174" s="11"/>
      <c r="B22174" s="20"/>
      <c r="C22174" s="2" t="s">
        <v>71390</v>
      </c>
      <c r="D22174" s="14" t="s">
        <v>71391</v>
      </c>
      <c r="E22174" s="2" t="s">
        <v>71392</v>
      </c>
      <c r="F22174" s="2" t="s">
        <v>7581</v>
      </c>
      <c r="G22174" s="8">
        <v>189</v>
      </c>
      <c r="H22174" s="5">
        <v>6</v>
      </c>
      <c r="I22174" s="5" t="s">
        <v>1518</v>
      </c>
      <c r="J22174" s="5" t="s">
        <v>69038</v>
      </c>
      <c r="K22174" s="2" t="s">
        <v>69039</v>
      </c>
      <c r="L22174" s="5" t="s">
        <v>69038</v>
      </c>
      <c r="M22174" s="2" t="s">
        <v>69039</v>
      </c>
      <c r="N22174" s="5" t="s">
        <v>1521</v>
      </c>
      <c r="O22174" s="5" t="s">
        <v>38</v>
      </c>
      <c r="P22174" s="5" t="s">
        <v>39</v>
      </c>
      <c r="Q22174" s="5" t="s">
        <v>40</v>
      </c>
      <c r="R22174" s="5" t="s">
        <v>1522</v>
      </c>
      <c r="S22174" s="5" t="s">
        <v>1523</v>
      </c>
      <c r="T22174" s="5" t="s">
        <v>42</v>
      </c>
      <c r="U22174" s="2">
        <v>2.1920000000000002</v>
      </c>
      <c r="V22174" s="2">
        <v>1.7709999999999999</v>
      </c>
      <c r="W22174" s="2">
        <v>1.2999999999999999E-2</v>
      </c>
      <c r="X22174" s="2">
        <v>159.1</v>
      </c>
      <c r="Y22174" s="2">
        <v>7.6</v>
      </c>
      <c r="Z22174" s="2">
        <v>10.6</v>
      </c>
      <c r="AA22174" s="5"/>
      <c r="AB22174" s="5" t="s">
        <v>43</v>
      </c>
      <c r="AC22174" s="5" t="s">
        <v>44</v>
      </c>
      <c r="AD22174" s="2"/>
      <c r="AE22174" s="1"/>
    </row>
    <row r="22175" spans="1:31" ht="14.45">
      <c r="A22175" s="11"/>
      <c r="B22175" s="20"/>
      <c r="C22175" s="2" t="s">
        <v>71393</v>
      </c>
      <c r="D22175" s="14" t="s">
        <v>71394</v>
      </c>
      <c r="E22175" s="2" t="s">
        <v>71395</v>
      </c>
      <c r="F22175" s="2" t="s">
        <v>7611</v>
      </c>
      <c r="G22175" s="8">
        <v>189</v>
      </c>
      <c r="H22175" s="5">
        <v>6</v>
      </c>
      <c r="I22175" s="5" t="s">
        <v>1518</v>
      </c>
      <c r="J22175" s="5" t="s">
        <v>69038</v>
      </c>
      <c r="K22175" s="2" t="s">
        <v>69039</v>
      </c>
      <c r="L22175" s="5" t="s">
        <v>69038</v>
      </c>
      <c r="M22175" s="2" t="s">
        <v>69039</v>
      </c>
      <c r="N22175" s="5" t="s">
        <v>1521</v>
      </c>
      <c r="O22175" s="5" t="s">
        <v>38</v>
      </c>
      <c r="P22175" s="5" t="s">
        <v>39</v>
      </c>
      <c r="Q22175" s="5" t="s">
        <v>40</v>
      </c>
      <c r="R22175" s="5" t="s">
        <v>1522</v>
      </c>
      <c r="S22175" s="5" t="s">
        <v>1523</v>
      </c>
      <c r="T22175" s="5" t="s">
        <v>42</v>
      </c>
      <c r="U22175" s="2">
        <v>2.1920000000000002</v>
      </c>
      <c r="V22175" s="2">
        <v>1.7709999999999999</v>
      </c>
      <c r="W22175" s="2">
        <v>1.2999999999999999E-2</v>
      </c>
      <c r="X22175" s="2">
        <v>159.1</v>
      </c>
      <c r="Y22175" s="2">
        <v>7.6</v>
      </c>
      <c r="Z22175" s="2">
        <v>10.6</v>
      </c>
      <c r="AA22175" s="5"/>
      <c r="AB22175" s="5" t="s">
        <v>43</v>
      </c>
      <c r="AC22175" s="5" t="s">
        <v>44</v>
      </c>
      <c r="AD22175" s="2"/>
      <c r="AE22175" s="1"/>
    </row>
    <row r="22176" spans="1:31" ht="14.45">
      <c r="A22176" s="11"/>
      <c r="B22176" s="20"/>
      <c r="C22176" s="2" t="s">
        <v>71396</v>
      </c>
      <c r="D22176" s="14" t="s">
        <v>71397</v>
      </c>
      <c r="E22176" s="2" t="s">
        <v>71398</v>
      </c>
      <c r="F22176" s="2" t="s">
        <v>7619</v>
      </c>
      <c r="G22176" s="8">
        <v>189</v>
      </c>
      <c r="H22176" s="5">
        <v>6</v>
      </c>
      <c r="I22176" s="5" t="s">
        <v>1518</v>
      </c>
      <c r="J22176" s="5" t="s">
        <v>69038</v>
      </c>
      <c r="K22176" s="2" t="s">
        <v>69039</v>
      </c>
      <c r="L22176" s="5" t="s">
        <v>69038</v>
      </c>
      <c r="M22176" s="2" t="s">
        <v>69039</v>
      </c>
      <c r="N22176" s="5" t="s">
        <v>1521</v>
      </c>
      <c r="O22176" s="5" t="s">
        <v>38</v>
      </c>
      <c r="P22176" s="5" t="s">
        <v>39</v>
      </c>
      <c r="Q22176" s="5" t="s">
        <v>40</v>
      </c>
      <c r="R22176" s="5" t="s">
        <v>1522</v>
      </c>
      <c r="S22176" s="5" t="s">
        <v>1523</v>
      </c>
      <c r="T22176" s="5" t="s">
        <v>42</v>
      </c>
      <c r="U22176" s="2">
        <v>2.1920000000000002</v>
      </c>
      <c r="V22176" s="2">
        <v>1.7709999999999999</v>
      </c>
      <c r="W22176" s="2">
        <v>1.2999999999999999E-2</v>
      </c>
      <c r="X22176" s="2">
        <v>159.1</v>
      </c>
      <c r="Y22176" s="2">
        <v>7.6</v>
      </c>
      <c r="Z22176" s="2">
        <v>10.6</v>
      </c>
      <c r="AA22176" s="5"/>
      <c r="AB22176" s="5" t="s">
        <v>43</v>
      </c>
      <c r="AC22176" s="5" t="s">
        <v>44</v>
      </c>
      <c r="AD22176" s="2"/>
      <c r="AE22176" s="1"/>
    </row>
    <row r="22177" spans="1:31" ht="14.45">
      <c r="A22177" s="11"/>
      <c r="B22177" s="20"/>
      <c r="C22177" s="2" t="s">
        <v>71399</v>
      </c>
      <c r="D22177" s="14" t="s">
        <v>71400</v>
      </c>
      <c r="E22177" s="2" t="s">
        <v>71401</v>
      </c>
      <c r="F22177" s="2" t="s">
        <v>7528</v>
      </c>
      <c r="G22177" s="8">
        <v>164</v>
      </c>
      <c r="H22177" s="5">
        <v>6</v>
      </c>
      <c r="I22177" s="5" t="s">
        <v>1518</v>
      </c>
      <c r="J22177" s="5" t="s">
        <v>69038</v>
      </c>
      <c r="K22177" s="2" t="s">
        <v>69039</v>
      </c>
      <c r="L22177" s="5" t="s">
        <v>69038</v>
      </c>
      <c r="M22177" s="2" t="s">
        <v>69039</v>
      </c>
      <c r="N22177" s="5" t="s">
        <v>1521</v>
      </c>
      <c r="O22177" s="5" t="s">
        <v>38</v>
      </c>
      <c r="P22177" s="5" t="s">
        <v>39</v>
      </c>
      <c r="Q22177" s="5" t="s">
        <v>40</v>
      </c>
      <c r="R22177" s="5" t="s">
        <v>1522</v>
      </c>
      <c r="S22177" s="5" t="s">
        <v>1523</v>
      </c>
      <c r="T22177" s="5" t="s">
        <v>42</v>
      </c>
      <c r="U22177" s="2">
        <v>2.1920000000000002</v>
      </c>
      <c r="V22177" s="2">
        <v>1.7709999999999999</v>
      </c>
      <c r="W22177" s="2">
        <v>1.2999999999999999E-2</v>
      </c>
      <c r="X22177" s="2">
        <v>159.1</v>
      </c>
      <c r="Y22177" s="2">
        <v>7.6</v>
      </c>
      <c r="Z22177" s="2">
        <v>10.6</v>
      </c>
      <c r="AA22177" s="5"/>
      <c r="AB22177" s="5" t="s">
        <v>43</v>
      </c>
      <c r="AC22177" s="5" t="s">
        <v>44</v>
      </c>
      <c r="AD22177" s="2"/>
      <c r="AE22177" s="1"/>
    </row>
    <row r="22178" spans="1:31" ht="14.45">
      <c r="A22178" s="11"/>
      <c r="B22178" s="20"/>
      <c r="C22178" s="2" t="s">
        <v>71402</v>
      </c>
      <c r="D22178" s="14" t="s">
        <v>71403</v>
      </c>
      <c r="E22178" s="2" t="s">
        <v>71404</v>
      </c>
      <c r="F22178" s="2" t="s">
        <v>1863</v>
      </c>
      <c r="G22178" s="8">
        <v>189</v>
      </c>
      <c r="H22178" s="5">
        <v>6</v>
      </c>
      <c r="I22178" s="5" t="s">
        <v>1518</v>
      </c>
      <c r="J22178" s="5" t="s">
        <v>69038</v>
      </c>
      <c r="K22178" s="2" t="s">
        <v>69039</v>
      </c>
      <c r="L22178" s="5" t="s">
        <v>69038</v>
      </c>
      <c r="M22178" s="2" t="s">
        <v>69039</v>
      </c>
      <c r="N22178" s="5" t="s">
        <v>1521</v>
      </c>
      <c r="O22178" s="5" t="s">
        <v>38</v>
      </c>
      <c r="P22178" s="5" t="s">
        <v>39</v>
      </c>
      <c r="Q22178" s="5" t="s">
        <v>40</v>
      </c>
      <c r="R22178" s="5" t="s">
        <v>1522</v>
      </c>
      <c r="S22178" s="5" t="s">
        <v>1523</v>
      </c>
      <c r="T22178" s="5" t="s">
        <v>42</v>
      </c>
      <c r="U22178" s="2">
        <v>2.0960000000000001</v>
      </c>
      <c r="V22178" s="2">
        <v>1.675</v>
      </c>
      <c r="W22178" s="2">
        <v>1.2999999999999999E-2</v>
      </c>
      <c r="X22178" s="2">
        <v>159.1</v>
      </c>
      <c r="Y22178" s="2">
        <v>7.6</v>
      </c>
      <c r="Z22178" s="2">
        <v>10.6</v>
      </c>
      <c r="AA22178" s="5"/>
      <c r="AB22178" s="5" t="s">
        <v>43</v>
      </c>
      <c r="AC22178" s="5" t="s">
        <v>44</v>
      </c>
      <c r="AD22178" s="2"/>
      <c r="AE22178" s="1"/>
    </row>
    <row r="22179" spans="1:31" ht="14.45">
      <c r="A22179" s="11"/>
      <c r="B22179" s="20"/>
      <c r="C22179" s="2" t="s">
        <v>71405</v>
      </c>
      <c r="D22179" s="14" t="s">
        <v>71406</v>
      </c>
      <c r="E22179" s="2" t="s">
        <v>71407</v>
      </c>
      <c r="F22179" s="2" t="s">
        <v>1867</v>
      </c>
      <c r="G22179" s="8">
        <v>189</v>
      </c>
      <c r="H22179" s="5">
        <v>6</v>
      </c>
      <c r="I22179" s="5" t="s">
        <v>1518</v>
      </c>
      <c r="J22179" s="5" t="s">
        <v>69038</v>
      </c>
      <c r="K22179" s="2" t="s">
        <v>69039</v>
      </c>
      <c r="L22179" s="5" t="s">
        <v>69038</v>
      </c>
      <c r="M22179" s="2" t="s">
        <v>69039</v>
      </c>
      <c r="N22179" s="5" t="s">
        <v>1521</v>
      </c>
      <c r="O22179" s="5" t="s">
        <v>38</v>
      </c>
      <c r="P22179" s="5" t="s">
        <v>39</v>
      </c>
      <c r="Q22179" s="5" t="s">
        <v>40</v>
      </c>
      <c r="R22179" s="5" t="s">
        <v>1522</v>
      </c>
      <c r="S22179" s="5" t="s">
        <v>1523</v>
      </c>
      <c r="T22179" s="5" t="s">
        <v>42</v>
      </c>
      <c r="U22179" s="2">
        <v>2.1920000000000002</v>
      </c>
      <c r="V22179" s="2">
        <v>1.7709999999999999</v>
      </c>
      <c r="W22179" s="2">
        <v>1.2999999999999999E-2</v>
      </c>
      <c r="X22179" s="2">
        <v>159.1</v>
      </c>
      <c r="Y22179" s="2">
        <v>7.6</v>
      </c>
      <c r="Z22179" s="2">
        <v>10.6</v>
      </c>
      <c r="AA22179" s="5"/>
      <c r="AB22179" s="5" t="s">
        <v>43</v>
      </c>
      <c r="AC22179" s="5" t="s">
        <v>44</v>
      </c>
      <c r="AD22179" s="2"/>
      <c r="AE22179" s="1"/>
    </row>
    <row r="22180" spans="1:31" ht="14.45">
      <c r="A22180" s="11"/>
      <c r="B22180" s="20"/>
      <c r="C22180" s="2" t="s">
        <v>71408</v>
      </c>
      <c r="D22180" s="14" t="s">
        <v>71409</v>
      </c>
      <c r="E22180" s="2" t="s">
        <v>71410</v>
      </c>
      <c r="F22180" s="2" t="s">
        <v>7204</v>
      </c>
      <c r="G22180" s="8">
        <v>146</v>
      </c>
      <c r="H22180" s="5">
        <v>6</v>
      </c>
      <c r="I22180" s="5" t="s">
        <v>1518</v>
      </c>
      <c r="J22180" s="5" t="s">
        <v>69038</v>
      </c>
      <c r="K22180" s="2" t="s">
        <v>69039</v>
      </c>
      <c r="L22180" s="5" t="s">
        <v>69038</v>
      </c>
      <c r="M22180" s="2" t="s">
        <v>69039</v>
      </c>
      <c r="N22180" s="5" t="s">
        <v>1521</v>
      </c>
      <c r="O22180" s="5" t="s">
        <v>38</v>
      </c>
      <c r="P22180" s="5" t="s">
        <v>39</v>
      </c>
      <c r="Q22180" s="5" t="s">
        <v>40</v>
      </c>
      <c r="R22180" s="5" t="s">
        <v>1522</v>
      </c>
      <c r="S22180" s="5" t="s">
        <v>1523</v>
      </c>
      <c r="T22180" s="5" t="s">
        <v>42</v>
      </c>
      <c r="U22180" s="2">
        <v>1.821</v>
      </c>
      <c r="V22180" s="2">
        <v>1.458</v>
      </c>
      <c r="W22180" s="2">
        <v>1.0999999999999999E-2</v>
      </c>
      <c r="X22180" s="2">
        <v>139.1</v>
      </c>
      <c r="Y22180" s="2">
        <v>7.6</v>
      </c>
      <c r="Z22180" s="2">
        <v>10.6</v>
      </c>
      <c r="AA22180" s="5"/>
      <c r="AB22180" s="5" t="s">
        <v>43</v>
      </c>
      <c r="AC22180" s="5" t="s">
        <v>44</v>
      </c>
      <c r="AD22180" s="2"/>
      <c r="AE22180" s="1"/>
    </row>
    <row r="22181" spans="1:31" ht="14.45">
      <c r="A22181" s="11"/>
      <c r="B22181" s="20"/>
      <c r="C22181" s="2" t="s">
        <v>71411</v>
      </c>
      <c r="D22181" s="14" t="s">
        <v>71412</v>
      </c>
      <c r="E22181" s="2" t="s">
        <v>71413</v>
      </c>
      <c r="F22181" s="2" t="s">
        <v>7514</v>
      </c>
      <c r="G22181" s="8">
        <v>146</v>
      </c>
      <c r="H22181" s="5">
        <v>6</v>
      </c>
      <c r="I22181" s="5" t="s">
        <v>1518</v>
      </c>
      <c r="J22181" s="5" t="s">
        <v>69038</v>
      </c>
      <c r="K22181" s="2" t="s">
        <v>69039</v>
      </c>
      <c r="L22181" s="5" t="s">
        <v>69038</v>
      </c>
      <c r="M22181" s="2" t="s">
        <v>69039</v>
      </c>
      <c r="N22181" s="5" t="s">
        <v>1521</v>
      </c>
      <c r="O22181" s="5" t="s">
        <v>38</v>
      </c>
      <c r="P22181" s="5" t="s">
        <v>39</v>
      </c>
      <c r="Q22181" s="5" t="s">
        <v>40</v>
      </c>
      <c r="R22181" s="5" t="s">
        <v>1522</v>
      </c>
      <c r="S22181" s="5" t="s">
        <v>1523</v>
      </c>
      <c r="T22181" s="5" t="s">
        <v>42</v>
      </c>
      <c r="U22181" s="2">
        <v>1.887</v>
      </c>
      <c r="V22181" s="2">
        <v>1.524</v>
      </c>
      <c r="W22181" s="2">
        <v>1.0999999999999999E-2</v>
      </c>
      <c r="X22181" s="2">
        <v>139.1</v>
      </c>
      <c r="Y22181" s="2">
        <v>7.6</v>
      </c>
      <c r="Z22181" s="2">
        <v>10.6</v>
      </c>
      <c r="AA22181" s="5"/>
      <c r="AB22181" s="5" t="s">
        <v>43</v>
      </c>
      <c r="AC22181" s="5" t="s">
        <v>44</v>
      </c>
      <c r="AD22181" s="2"/>
      <c r="AE22181" s="1"/>
    </row>
    <row r="22182" spans="1:31" ht="14.45">
      <c r="A22182" s="11"/>
      <c r="B22182" s="20"/>
      <c r="C22182" s="2" t="s">
        <v>71414</v>
      </c>
      <c r="D22182" s="14" t="s">
        <v>71415</v>
      </c>
      <c r="E22182" s="2" t="s">
        <v>71416</v>
      </c>
      <c r="F22182" s="2" t="s">
        <v>7208</v>
      </c>
      <c r="G22182" s="8">
        <v>146</v>
      </c>
      <c r="H22182" s="5">
        <v>6</v>
      </c>
      <c r="I22182" s="5" t="s">
        <v>1518</v>
      </c>
      <c r="J22182" s="5" t="s">
        <v>69038</v>
      </c>
      <c r="K22182" s="2" t="s">
        <v>69039</v>
      </c>
      <c r="L22182" s="5" t="s">
        <v>69038</v>
      </c>
      <c r="M22182" s="2" t="s">
        <v>69039</v>
      </c>
      <c r="N22182" s="5" t="s">
        <v>1521</v>
      </c>
      <c r="O22182" s="5" t="s">
        <v>38</v>
      </c>
      <c r="P22182" s="5" t="s">
        <v>39</v>
      </c>
      <c r="Q22182" s="5" t="s">
        <v>40</v>
      </c>
      <c r="R22182" s="5" t="s">
        <v>1522</v>
      </c>
      <c r="S22182" s="5" t="s">
        <v>1523</v>
      </c>
      <c r="T22182" s="5" t="s">
        <v>42</v>
      </c>
      <c r="U22182" s="2">
        <v>1.821</v>
      </c>
      <c r="V22182" s="2">
        <v>1.458</v>
      </c>
      <c r="W22182" s="2">
        <v>1.0999999999999999E-2</v>
      </c>
      <c r="X22182" s="2">
        <v>139.1</v>
      </c>
      <c r="Y22182" s="2">
        <v>7.6</v>
      </c>
      <c r="Z22182" s="2">
        <v>10.6</v>
      </c>
      <c r="AA22182" s="5"/>
      <c r="AB22182" s="5" t="s">
        <v>43</v>
      </c>
      <c r="AC22182" s="5" t="s">
        <v>44</v>
      </c>
      <c r="AD22182" s="2"/>
      <c r="AE22182" s="1"/>
    </row>
    <row r="22183" spans="1:31" ht="14.45">
      <c r="A22183" s="11"/>
      <c r="B22183" s="20"/>
      <c r="C22183" s="2" t="s">
        <v>71417</v>
      </c>
      <c r="D22183" s="14" t="s">
        <v>71418</v>
      </c>
      <c r="E22183" s="2" t="s">
        <v>71419</v>
      </c>
      <c r="F22183" s="2" t="s">
        <v>7521</v>
      </c>
      <c r="G22183" s="8">
        <v>146</v>
      </c>
      <c r="H22183" s="5">
        <v>6</v>
      </c>
      <c r="I22183" s="5" t="s">
        <v>1518</v>
      </c>
      <c r="J22183" s="5" t="s">
        <v>69038</v>
      </c>
      <c r="K22183" s="2" t="s">
        <v>69039</v>
      </c>
      <c r="L22183" s="5" t="s">
        <v>69038</v>
      </c>
      <c r="M22183" s="2" t="s">
        <v>69039</v>
      </c>
      <c r="N22183" s="5" t="s">
        <v>1521</v>
      </c>
      <c r="O22183" s="5" t="s">
        <v>38</v>
      </c>
      <c r="P22183" s="5" t="s">
        <v>39</v>
      </c>
      <c r="Q22183" s="5" t="s">
        <v>40</v>
      </c>
      <c r="R22183" s="5" t="s">
        <v>1522</v>
      </c>
      <c r="S22183" s="5" t="s">
        <v>1523</v>
      </c>
      <c r="T22183" s="5" t="s">
        <v>42</v>
      </c>
      <c r="U22183" s="2">
        <v>1.887</v>
      </c>
      <c r="V22183" s="2">
        <v>1.524</v>
      </c>
      <c r="W22183" s="2">
        <v>1.0999999999999999E-2</v>
      </c>
      <c r="X22183" s="2">
        <v>139.1</v>
      </c>
      <c r="Y22183" s="2">
        <v>7.6</v>
      </c>
      <c r="Z22183" s="2">
        <v>10.6</v>
      </c>
      <c r="AA22183" s="5"/>
      <c r="AB22183" s="5" t="s">
        <v>43</v>
      </c>
      <c r="AC22183" s="5" t="s">
        <v>44</v>
      </c>
      <c r="AD22183" s="2"/>
      <c r="AE22183" s="1"/>
    </row>
    <row r="22184" spans="1:31" ht="14.45">
      <c r="A22184" s="11"/>
      <c r="B22184" s="20"/>
      <c r="C22184" s="2" t="s">
        <v>71420</v>
      </c>
      <c r="D22184" s="14" t="s">
        <v>71421</v>
      </c>
      <c r="E22184" s="2" t="s">
        <v>71422</v>
      </c>
      <c r="F22184" s="2" t="s">
        <v>7406</v>
      </c>
      <c r="G22184" s="8">
        <v>168</v>
      </c>
      <c r="H22184" s="5">
        <v>6</v>
      </c>
      <c r="I22184" s="5" t="s">
        <v>1518</v>
      </c>
      <c r="J22184" s="5" t="s">
        <v>69038</v>
      </c>
      <c r="K22184" s="2" t="s">
        <v>69039</v>
      </c>
      <c r="L22184" s="5" t="s">
        <v>69038</v>
      </c>
      <c r="M22184" s="2" t="s">
        <v>69039</v>
      </c>
      <c r="N22184" s="5" t="s">
        <v>1521</v>
      </c>
      <c r="O22184" s="5" t="s">
        <v>38</v>
      </c>
      <c r="P22184" s="5" t="s">
        <v>39</v>
      </c>
      <c r="Q22184" s="5" t="s">
        <v>40</v>
      </c>
      <c r="R22184" s="5" t="s">
        <v>1522</v>
      </c>
      <c r="S22184" s="5" t="s">
        <v>1523</v>
      </c>
      <c r="T22184" s="5" t="s">
        <v>42</v>
      </c>
      <c r="U22184" s="2">
        <v>1.821</v>
      </c>
      <c r="V22184" s="2">
        <v>1.458</v>
      </c>
      <c r="W22184" s="2">
        <v>1.0999999999999999E-2</v>
      </c>
      <c r="X22184" s="2">
        <v>139.1</v>
      </c>
      <c r="Y22184" s="2">
        <v>7.6</v>
      </c>
      <c r="Z22184" s="2">
        <v>10.6</v>
      </c>
      <c r="AA22184" s="5"/>
      <c r="AB22184" s="5" t="s">
        <v>43</v>
      </c>
      <c r="AC22184" s="5" t="s">
        <v>44</v>
      </c>
      <c r="AD22184" s="2"/>
      <c r="AE22184" s="1"/>
    </row>
    <row r="22185" spans="1:31" ht="14.45">
      <c r="A22185" s="11"/>
      <c r="B22185" s="20"/>
      <c r="C22185" s="2" t="s">
        <v>71423</v>
      </c>
      <c r="D22185" s="14" t="s">
        <v>71424</v>
      </c>
      <c r="E22185" s="2" t="s">
        <v>71425</v>
      </c>
      <c r="F22185" s="2" t="s">
        <v>7539</v>
      </c>
      <c r="G22185" s="8">
        <v>168</v>
      </c>
      <c r="H22185" s="5">
        <v>6</v>
      </c>
      <c r="I22185" s="5" t="s">
        <v>1518</v>
      </c>
      <c r="J22185" s="5" t="s">
        <v>69038</v>
      </c>
      <c r="K22185" s="2" t="s">
        <v>69039</v>
      </c>
      <c r="L22185" s="5" t="s">
        <v>69038</v>
      </c>
      <c r="M22185" s="2" t="s">
        <v>69039</v>
      </c>
      <c r="N22185" s="5" t="s">
        <v>1521</v>
      </c>
      <c r="O22185" s="5" t="s">
        <v>38</v>
      </c>
      <c r="P22185" s="5" t="s">
        <v>39</v>
      </c>
      <c r="Q22185" s="5" t="s">
        <v>40</v>
      </c>
      <c r="R22185" s="5" t="s">
        <v>1522</v>
      </c>
      <c r="S22185" s="5" t="s">
        <v>1523</v>
      </c>
      <c r="T22185" s="5" t="s">
        <v>42</v>
      </c>
      <c r="U22185" s="2">
        <v>1.821</v>
      </c>
      <c r="V22185" s="2">
        <v>1.458</v>
      </c>
      <c r="W22185" s="2">
        <v>1.0999999999999999E-2</v>
      </c>
      <c r="X22185" s="2">
        <v>139.1</v>
      </c>
      <c r="Y22185" s="2">
        <v>7.6</v>
      </c>
      <c r="Z22185" s="2">
        <v>10.6</v>
      </c>
      <c r="AA22185" s="5"/>
      <c r="AB22185" s="5" t="s">
        <v>43</v>
      </c>
      <c r="AC22185" s="5" t="s">
        <v>44</v>
      </c>
      <c r="AD22185" s="2"/>
      <c r="AE22185" s="1"/>
    </row>
    <row r="22186" spans="1:31" ht="14.45">
      <c r="A22186" s="11"/>
      <c r="B22186" s="20"/>
      <c r="C22186" s="2" t="s">
        <v>71426</v>
      </c>
      <c r="D22186" s="14" t="s">
        <v>71427</v>
      </c>
      <c r="E22186" s="2" t="s">
        <v>71428</v>
      </c>
      <c r="F22186" s="2" t="s">
        <v>7543</v>
      </c>
      <c r="G22186" s="8">
        <v>168</v>
      </c>
      <c r="H22186" s="5">
        <v>6</v>
      </c>
      <c r="I22186" s="5" t="s">
        <v>1518</v>
      </c>
      <c r="J22186" s="5" t="s">
        <v>69038</v>
      </c>
      <c r="K22186" s="2" t="s">
        <v>69039</v>
      </c>
      <c r="L22186" s="5" t="s">
        <v>69038</v>
      </c>
      <c r="M22186" s="2" t="s">
        <v>69039</v>
      </c>
      <c r="N22186" s="5" t="s">
        <v>1521</v>
      </c>
      <c r="O22186" s="5" t="s">
        <v>38</v>
      </c>
      <c r="P22186" s="5" t="s">
        <v>39</v>
      </c>
      <c r="Q22186" s="5" t="s">
        <v>40</v>
      </c>
      <c r="R22186" s="5" t="s">
        <v>1522</v>
      </c>
      <c r="S22186" s="5" t="s">
        <v>1523</v>
      </c>
      <c r="T22186" s="5" t="s">
        <v>42</v>
      </c>
      <c r="U22186" s="2">
        <v>1.887</v>
      </c>
      <c r="V22186" s="2">
        <v>1.524</v>
      </c>
      <c r="W22186" s="2">
        <v>1.0999999999999999E-2</v>
      </c>
      <c r="X22186" s="2">
        <v>139.1</v>
      </c>
      <c r="Y22186" s="2">
        <v>7.6</v>
      </c>
      <c r="Z22186" s="2">
        <v>10.6</v>
      </c>
      <c r="AA22186" s="5"/>
      <c r="AB22186" s="5" t="s">
        <v>43</v>
      </c>
      <c r="AC22186" s="5" t="s">
        <v>44</v>
      </c>
      <c r="AD22186" s="2"/>
      <c r="AE22186" s="1"/>
    </row>
    <row r="22187" spans="1:31" ht="14.45">
      <c r="A22187" s="11"/>
      <c r="B22187" s="20"/>
      <c r="C22187" s="2" t="s">
        <v>71429</v>
      </c>
      <c r="D22187" s="14" t="s">
        <v>71430</v>
      </c>
      <c r="E22187" s="2" t="s">
        <v>71431</v>
      </c>
      <c r="F22187" s="2" t="s">
        <v>7396</v>
      </c>
      <c r="G22187" s="8">
        <v>146</v>
      </c>
      <c r="H22187" s="5">
        <v>6</v>
      </c>
      <c r="I22187" s="5" t="s">
        <v>1518</v>
      </c>
      <c r="J22187" s="5" t="s">
        <v>69038</v>
      </c>
      <c r="K22187" s="2" t="s">
        <v>69039</v>
      </c>
      <c r="L22187" s="5" t="s">
        <v>69038</v>
      </c>
      <c r="M22187" s="2" t="s">
        <v>69039</v>
      </c>
      <c r="N22187" s="5" t="s">
        <v>1521</v>
      </c>
      <c r="O22187" s="5" t="s">
        <v>38</v>
      </c>
      <c r="P22187" s="5" t="s">
        <v>39</v>
      </c>
      <c r="Q22187" s="5" t="s">
        <v>40</v>
      </c>
      <c r="R22187" s="5" t="s">
        <v>1522</v>
      </c>
      <c r="S22187" s="5" t="s">
        <v>1523</v>
      </c>
      <c r="T22187" s="5" t="s">
        <v>42</v>
      </c>
      <c r="U22187" s="2">
        <v>1.821</v>
      </c>
      <c r="V22187" s="2">
        <v>1.458</v>
      </c>
      <c r="W22187" s="2">
        <v>1.0999999999999999E-2</v>
      </c>
      <c r="X22187" s="2">
        <v>139.1</v>
      </c>
      <c r="Y22187" s="2">
        <v>7.6</v>
      </c>
      <c r="Z22187" s="2">
        <v>10.6</v>
      </c>
      <c r="AA22187" s="5"/>
      <c r="AB22187" s="5" t="s">
        <v>43</v>
      </c>
      <c r="AC22187" s="5" t="s">
        <v>44</v>
      </c>
      <c r="AD22187" s="2"/>
      <c r="AE22187" s="1"/>
    </row>
    <row r="22188" spans="1:31" ht="14.45">
      <c r="A22188" s="11"/>
      <c r="B22188" s="20"/>
      <c r="C22188" s="2" t="s">
        <v>71432</v>
      </c>
      <c r="D22188" s="14" t="s">
        <v>71433</v>
      </c>
      <c r="E22188" s="2" t="s">
        <v>71434</v>
      </c>
      <c r="F22188" s="2" t="s">
        <v>69112</v>
      </c>
      <c r="G22188" s="8">
        <v>146</v>
      </c>
      <c r="H22188" s="5">
        <v>6</v>
      </c>
      <c r="I22188" s="5" t="s">
        <v>1518</v>
      </c>
      <c r="J22188" s="5" t="s">
        <v>69038</v>
      </c>
      <c r="K22188" s="2" t="s">
        <v>69039</v>
      </c>
      <c r="L22188" s="5" t="s">
        <v>69038</v>
      </c>
      <c r="M22188" s="2" t="s">
        <v>69039</v>
      </c>
      <c r="N22188" s="5" t="s">
        <v>1521</v>
      </c>
      <c r="O22188" s="5" t="s">
        <v>38</v>
      </c>
      <c r="P22188" s="5" t="s">
        <v>39</v>
      </c>
      <c r="Q22188" s="5" t="s">
        <v>40</v>
      </c>
      <c r="R22188" s="5" t="s">
        <v>1522</v>
      </c>
      <c r="S22188" s="5" t="s">
        <v>1523</v>
      </c>
      <c r="T22188" s="5" t="s">
        <v>42</v>
      </c>
      <c r="U22188" s="2">
        <v>1.887</v>
      </c>
      <c r="V22188" s="2">
        <v>1.524</v>
      </c>
      <c r="W22188" s="2">
        <v>1.0999999999999999E-2</v>
      </c>
      <c r="X22188" s="2">
        <v>139.1</v>
      </c>
      <c r="Y22188" s="2">
        <v>7.6</v>
      </c>
      <c r="Z22188" s="2">
        <v>10.6</v>
      </c>
      <c r="AA22188" s="5"/>
      <c r="AB22188" s="5" t="s">
        <v>43</v>
      </c>
      <c r="AC22188" s="5" t="s">
        <v>44</v>
      </c>
      <c r="AD22188" s="2"/>
      <c r="AE22188" s="1"/>
    </row>
    <row r="22189" spans="1:31" ht="14.45">
      <c r="A22189" s="11"/>
      <c r="B22189" s="20"/>
      <c r="C22189" s="2" t="s">
        <v>71435</v>
      </c>
      <c r="D22189" s="14" t="s">
        <v>71436</v>
      </c>
      <c r="E22189" s="2" t="s">
        <v>71437</v>
      </c>
      <c r="F22189" s="2" t="s">
        <v>7563</v>
      </c>
      <c r="G22189" s="8">
        <v>168</v>
      </c>
      <c r="H22189" s="5">
        <v>6</v>
      </c>
      <c r="I22189" s="5" t="s">
        <v>1518</v>
      </c>
      <c r="J22189" s="5" t="s">
        <v>69038</v>
      </c>
      <c r="K22189" s="2" t="s">
        <v>69039</v>
      </c>
      <c r="L22189" s="5" t="s">
        <v>69038</v>
      </c>
      <c r="M22189" s="2" t="s">
        <v>69039</v>
      </c>
      <c r="N22189" s="5" t="s">
        <v>1521</v>
      </c>
      <c r="O22189" s="5" t="s">
        <v>38</v>
      </c>
      <c r="P22189" s="5" t="s">
        <v>39</v>
      </c>
      <c r="Q22189" s="5" t="s">
        <v>40</v>
      </c>
      <c r="R22189" s="5" t="s">
        <v>1522</v>
      </c>
      <c r="S22189" s="5" t="s">
        <v>1523</v>
      </c>
      <c r="T22189" s="5" t="s">
        <v>42</v>
      </c>
      <c r="U22189" s="2">
        <v>1.821</v>
      </c>
      <c r="V22189" s="2">
        <v>1.458</v>
      </c>
      <c r="W22189" s="2">
        <v>1.0999999999999999E-2</v>
      </c>
      <c r="X22189" s="2">
        <v>139.1</v>
      </c>
      <c r="Y22189" s="2">
        <v>7.6</v>
      </c>
      <c r="Z22189" s="2">
        <v>10.6</v>
      </c>
      <c r="AA22189" s="5"/>
      <c r="AB22189" s="5" t="s">
        <v>43</v>
      </c>
      <c r="AC22189" s="5" t="s">
        <v>44</v>
      </c>
      <c r="AD22189" s="2"/>
      <c r="AE22189" s="1"/>
    </row>
    <row r="22190" spans="1:31" ht="14.45">
      <c r="A22190" s="11"/>
      <c r="B22190" s="20"/>
      <c r="C22190" s="2" t="s">
        <v>71438</v>
      </c>
      <c r="D22190" s="14" t="s">
        <v>71439</v>
      </c>
      <c r="E22190" s="2" t="s">
        <v>71440</v>
      </c>
      <c r="F22190" s="2" t="s">
        <v>7555</v>
      </c>
      <c r="G22190" s="8">
        <v>168</v>
      </c>
      <c r="H22190" s="5">
        <v>6</v>
      </c>
      <c r="I22190" s="5" t="s">
        <v>1518</v>
      </c>
      <c r="J22190" s="5" t="s">
        <v>69038</v>
      </c>
      <c r="K22190" s="2" t="s">
        <v>69039</v>
      </c>
      <c r="L22190" s="5" t="s">
        <v>69038</v>
      </c>
      <c r="M22190" s="2" t="s">
        <v>69039</v>
      </c>
      <c r="N22190" s="5" t="s">
        <v>1521</v>
      </c>
      <c r="O22190" s="5" t="s">
        <v>38</v>
      </c>
      <c r="P22190" s="5" t="s">
        <v>39</v>
      </c>
      <c r="Q22190" s="5" t="s">
        <v>40</v>
      </c>
      <c r="R22190" s="5" t="s">
        <v>1522</v>
      </c>
      <c r="S22190" s="5" t="s">
        <v>1523</v>
      </c>
      <c r="T22190" s="5" t="s">
        <v>42</v>
      </c>
      <c r="U22190" s="2">
        <v>1.821</v>
      </c>
      <c r="V22190" s="2">
        <v>1.458</v>
      </c>
      <c r="W22190" s="2">
        <v>1.0999999999999999E-2</v>
      </c>
      <c r="X22190" s="2">
        <v>139.1</v>
      </c>
      <c r="Y22190" s="2">
        <v>7.6</v>
      </c>
      <c r="Z22190" s="2">
        <v>10.6</v>
      </c>
      <c r="AA22190" s="5"/>
      <c r="AB22190" s="5" t="s">
        <v>43</v>
      </c>
      <c r="AC22190" s="5" t="s">
        <v>44</v>
      </c>
      <c r="AD22190" s="2"/>
      <c r="AE22190" s="1"/>
    </row>
    <row r="22191" spans="1:31" ht="14.45">
      <c r="A22191" s="11"/>
      <c r="B22191" s="20"/>
      <c r="C22191" s="2" t="s">
        <v>71441</v>
      </c>
      <c r="D22191" s="14" t="s">
        <v>71442</v>
      </c>
      <c r="E22191" s="2" t="s">
        <v>71443</v>
      </c>
      <c r="F22191" s="2" t="s">
        <v>7449</v>
      </c>
      <c r="G22191" s="8">
        <v>168</v>
      </c>
      <c r="H22191" s="5">
        <v>6</v>
      </c>
      <c r="I22191" s="5" t="s">
        <v>1518</v>
      </c>
      <c r="J22191" s="5" t="s">
        <v>69038</v>
      </c>
      <c r="K22191" s="2" t="s">
        <v>69039</v>
      </c>
      <c r="L22191" s="5" t="s">
        <v>69038</v>
      </c>
      <c r="M22191" s="2" t="s">
        <v>69039</v>
      </c>
      <c r="N22191" s="5" t="s">
        <v>1521</v>
      </c>
      <c r="O22191" s="5" t="s">
        <v>38</v>
      </c>
      <c r="P22191" s="5" t="s">
        <v>39</v>
      </c>
      <c r="Q22191" s="5" t="s">
        <v>40</v>
      </c>
      <c r="R22191" s="5" t="s">
        <v>1522</v>
      </c>
      <c r="S22191" s="5" t="s">
        <v>1523</v>
      </c>
      <c r="T22191" s="5" t="s">
        <v>42</v>
      </c>
      <c r="U22191" s="2">
        <v>1.821</v>
      </c>
      <c r="V22191" s="2">
        <v>1.458</v>
      </c>
      <c r="W22191" s="2">
        <v>1.0999999999999999E-2</v>
      </c>
      <c r="X22191" s="2">
        <v>139.1</v>
      </c>
      <c r="Y22191" s="2">
        <v>7.6</v>
      </c>
      <c r="Z22191" s="2">
        <v>10.6</v>
      </c>
      <c r="AA22191" s="5"/>
      <c r="AB22191" s="5" t="s">
        <v>43</v>
      </c>
      <c r="AC22191" s="5" t="s">
        <v>44</v>
      </c>
      <c r="AD22191" s="2"/>
      <c r="AE22191" s="1"/>
    </row>
    <row r="22192" spans="1:31" ht="14.45">
      <c r="A22192" s="11"/>
      <c r="B22192" s="20"/>
      <c r="C22192" s="2" t="s">
        <v>71444</v>
      </c>
      <c r="D22192" s="14" t="s">
        <v>71445</v>
      </c>
      <c r="E22192" s="2" t="s">
        <v>71446</v>
      </c>
      <c r="F22192" s="2" t="s">
        <v>7585</v>
      </c>
      <c r="G22192" s="8">
        <v>168</v>
      </c>
      <c r="H22192" s="5">
        <v>6</v>
      </c>
      <c r="I22192" s="5" t="s">
        <v>1518</v>
      </c>
      <c r="J22192" s="5" t="s">
        <v>69038</v>
      </c>
      <c r="K22192" s="2" t="s">
        <v>69039</v>
      </c>
      <c r="L22192" s="5" t="s">
        <v>69038</v>
      </c>
      <c r="M22192" s="2" t="s">
        <v>69039</v>
      </c>
      <c r="N22192" s="5" t="s">
        <v>1521</v>
      </c>
      <c r="O22192" s="5" t="s">
        <v>38</v>
      </c>
      <c r="P22192" s="5" t="s">
        <v>39</v>
      </c>
      <c r="Q22192" s="5" t="s">
        <v>40</v>
      </c>
      <c r="R22192" s="5" t="s">
        <v>1522</v>
      </c>
      <c r="S22192" s="5" t="s">
        <v>1523</v>
      </c>
      <c r="T22192" s="5" t="s">
        <v>42</v>
      </c>
      <c r="U22192" s="2">
        <v>1.821</v>
      </c>
      <c r="V22192" s="2">
        <v>1.458</v>
      </c>
      <c r="W22192" s="2">
        <v>1.0999999999999999E-2</v>
      </c>
      <c r="X22192" s="2">
        <v>139.1</v>
      </c>
      <c r="Y22192" s="2">
        <v>7.6</v>
      </c>
      <c r="Z22192" s="2">
        <v>10.6</v>
      </c>
      <c r="AA22192" s="5"/>
      <c r="AB22192" s="5" t="s">
        <v>43</v>
      </c>
      <c r="AC22192" s="5" t="s">
        <v>44</v>
      </c>
      <c r="AD22192" s="2"/>
      <c r="AE22192" s="1"/>
    </row>
    <row r="22193" spans="1:31" ht="14.45">
      <c r="A22193" s="11"/>
      <c r="B22193" s="20"/>
      <c r="C22193" s="2" t="s">
        <v>71447</v>
      </c>
      <c r="D22193" s="14" t="s">
        <v>71448</v>
      </c>
      <c r="E22193" s="2" t="s">
        <v>71449</v>
      </c>
      <c r="F22193" s="2" t="s">
        <v>7433</v>
      </c>
      <c r="G22193" s="8">
        <v>168</v>
      </c>
      <c r="H22193" s="5">
        <v>6</v>
      </c>
      <c r="I22193" s="5" t="s">
        <v>1518</v>
      </c>
      <c r="J22193" s="5" t="s">
        <v>69038</v>
      </c>
      <c r="K22193" s="2" t="s">
        <v>69039</v>
      </c>
      <c r="L22193" s="5" t="s">
        <v>69038</v>
      </c>
      <c r="M22193" s="2" t="s">
        <v>69039</v>
      </c>
      <c r="N22193" s="5" t="s">
        <v>1521</v>
      </c>
      <c r="O22193" s="5" t="s">
        <v>38</v>
      </c>
      <c r="P22193" s="5" t="s">
        <v>39</v>
      </c>
      <c r="Q22193" s="5" t="s">
        <v>40</v>
      </c>
      <c r="R22193" s="5" t="s">
        <v>1522</v>
      </c>
      <c r="S22193" s="5" t="s">
        <v>1523</v>
      </c>
      <c r="T22193" s="5" t="s">
        <v>42</v>
      </c>
      <c r="U22193" s="2">
        <v>1.821</v>
      </c>
      <c r="V22193" s="2">
        <v>1.458</v>
      </c>
      <c r="W22193" s="2">
        <v>1.0999999999999999E-2</v>
      </c>
      <c r="X22193" s="2">
        <v>139.1</v>
      </c>
      <c r="Y22193" s="2">
        <v>7.6</v>
      </c>
      <c r="Z22193" s="2">
        <v>10.6</v>
      </c>
      <c r="AA22193" s="5"/>
      <c r="AB22193" s="5" t="s">
        <v>43</v>
      </c>
      <c r="AC22193" s="5" t="s">
        <v>44</v>
      </c>
      <c r="AD22193" s="2"/>
      <c r="AE22193" s="1"/>
    </row>
    <row r="22194" spans="1:31" ht="14.45">
      <c r="A22194" s="11"/>
      <c r="B22194" s="20"/>
      <c r="C22194" s="2" t="s">
        <v>71450</v>
      </c>
      <c r="D22194" s="14" t="s">
        <v>71451</v>
      </c>
      <c r="E22194" s="2" t="s">
        <v>71452</v>
      </c>
      <c r="F22194" s="2" t="s">
        <v>7615</v>
      </c>
      <c r="G22194" s="8">
        <v>168</v>
      </c>
      <c r="H22194" s="5">
        <v>6</v>
      </c>
      <c r="I22194" s="5" t="s">
        <v>1518</v>
      </c>
      <c r="J22194" s="5" t="s">
        <v>69038</v>
      </c>
      <c r="K22194" s="2" t="s">
        <v>69039</v>
      </c>
      <c r="L22194" s="5" t="s">
        <v>69038</v>
      </c>
      <c r="M22194" s="2" t="s">
        <v>69039</v>
      </c>
      <c r="N22194" s="5" t="s">
        <v>1521</v>
      </c>
      <c r="O22194" s="5" t="s">
        <v>38</v>
      </c>
      <c r="P22194" s="5" t="s">
        <v>39</v>
      </c>
      <c r="Q22194" s="5" t="s">
        <v>40</v>
      </c>
      <c r="R22194" s="5" t="s">
        <v>1522</v>
      </c>
      <c r="S22194" s="5" t="s">
        <v>1523</v>
      </c>
      <c r="T22194" s="5" t="s">
        <v>42</v>
      </c>
      <c r="U22194" s="2">
        <v>1.821</v>
      </c>
      <c r="V22194" s="2">
        <v>1.458</v>
      </c>
      <c r="W22194" s="2">
        <v>1.0999999999999999E-2</v>
      </c>
      <c r="X22194" s="2">
        <v>139.1</v>
      </c>
      <c r="Y22194" s="2">
        <v>7.6</v>
      </c>
      <c r="Z22194" s="2">
        <v>10.6</v>
      </c>
      <c r="AA22194" s="5"/>
      <c r="AB22194" s="5" t="s">
        <v>43</v>
      </c>
      <c r="AC22194" s="5" t="s">
        <v>44</v>
      </c>
      <c r="AD22194" s="2"/>
      <c r="AE22194" s="1"/>
    </row>
    <row r="22195" spans="1:31" ht="14.45">
      <c r="A22195" s="11"/>
      <c r="B22195" s="20"/>
      <c r="C22195" s="2" t="s">
        <v>71453</v>
      </c>
      <c r="D22195" s="14" t="s">
        <v>71454</v>
      </c>
      <c r="E22195" s="2" t="s">
        <v>71455</v>
      </c>
      <c r="F22195" s="2" t="s">
        <v>7410</v>
      </c>
      <c r="G22195" s="8">
        <v>168</v>
      </c>
      <c r="H22195" s="5">
        <v>6</v>
      </c>
      <c r="I22195" s="5" t="s">
        <v>1518</v>
      </c>
      <c r="J22195" s="5" t="s">
        <v>69038</v>
      </c>
      <c r="K22195" s="2" t="s">
        <v>69039</v>
      </c>
      <c r="L22195" s="5" t="s">
        <v>69038</v>
      </c>
      <c r="M22195" s="2" t="s">
        <v>69039</v>
      </c>
      <c r="N22195" s="5" t="s">
        <v>1521</v>
      </c>
      <c r="O22195" s="5" t="s">
        <v>38</v>
      </c>
      <c r="P22195" s="5" t="s">
        <v>39</v>
      </c>
      <c r="Q22195" s="5" t="s">
        <v>40</v>
      </c>
      <c r="R22195" s="5" t="s">
        <v>1522</v>
      </c>
      <c r="S22195" s="5" t="s">
        <v>1523</v>
      </c>
      <c r="T22195" s="5" t="s">
        <v>42</v>
      </c>
      <c r="U22195" s="2">
        <v>1.821</v>
      </c>
      <c r="V22195" s="2">
        <v>1.458</v>
      </c>
      <c r="W22195" s="2">
        <v>1.0999999999999999E-2</v>
      </c>
      <c r="X22195" s="2">
        <v>139.1</v>
      </c>
      <c r="Y22195" s="2">
        <v>7.6</v>
      </c>
      <c r="Z22195" s="2">
        <v>10.6</v>
      </c>
      <c r="AA22195" s="5"/>
      <c r="AB22195" s="5" t="s">
        <v>43</v>
      </c>
      <c r="AC22195" s="5" t="s">
        <v>44</v>
      </c>
      <c r="AD22195" s="2"/>
      <c r="AE22195" s="1"/>
    </row>
    <row r="22196" spans="1:31" ht="14.45">
      <c r="A22196" s="11"/>
      <c r="B22196" s="20"/>
      <c r="C22196" s="2" t="s">
        <v>71456</v>
      </c>
      <c r="D22196" s="14" t="s">
        <v>71457</v>
      </c>
      <c r="E22196" s="2" t="s">
        <v>71458</v>
      </c>
      <c r="F22196" s="2" t="s">
        <v>7212</v>
      </c>
      <c r="G22196" s="8">
        <v>146</v>
      </c>
      <c r="H22196" s="5">
        <v>6</v>
      </c>
      <c r="I22196" s="5" t="s">
        <v>1518</v>
      </c>
      <c r="J22196" s="5" t="s">
        <v>69038</v>
      </c>
      <c r="K22196" s="2" t="s">
        <v>69039</v>
      </c>
      <c r="L22196" s="5" t="s">
        <v>69038</v>
      </c>
      <c r="M22196" s="2" t="s">
        <v>69039</v>
      </c>
      <c r="N22196" s="5" t="s">
        <v>1521</v>
      </c>
      <c r="O22196" s="5" t="s">
        <v>38</v>
      </c>
      <c r="P22196" s="5" t="s">
        <v>39</v>
      </c>
      <c r="Q22196" s="5" t="s">
        <v>40</v>
      </c>
      <c r="R22196" s="5" t="s">
        <v>1522</v>
      </c>
      <c r="S22196" s="5" t="s">
        <v>1523</v>
      </c>
      <c r="T22196" s="5" t="s">
        <v>42</v>
      </c>
      <c r="U22196" s="2">
        <v>1.821</v>
      </c>
      <c r="V22196" s="2">
        <v>1.458</v>
      </c>
      <c r="W22196" s="2">
        <v>1.0999999999999999E-2</v>
      </c>
      <c r="X22196" s="2">
        <v>139.1</v>
      </c>
      <c r="Y22196" s="2">
        <v>7.6</v>
      </c>
      <c r="Z22196" s="2">
        <v>10.6</v>
      </c>
      <c r="AA22196" s="5"/>
      <c r="AB22196" s="5" t="s">
        <v>43</v>
      </c>
      <c r="AC22196" s="5" t="s">
        <v>44</v>
      </c>
      <c r="AD22196" s="2"/>
      <c r="AE22196" s="1"/>
    </row>
    <row r="22197" spans="1:31" ht="14.45">
      <c r="A22197" s="11"/>
      <c r="B22197" s="20"/>
      <c r="C22197" s="2" t="s">
        <v>71459</v>
      </c>
      <c r="D22197" s="14" t="s">
        <v>71460</v>
      </c>
      <c r="E22197" s="2" t="s">
        <v>71461</v>
      </c>
      <c r="F22197" s="2" t="s">
        <v>7528</v>
      </c>
      <c r="G22197" s="8">
        <v>146</v>
      </c>
      <c r="H22197" s="5">
        <v>6</v>
      </c>
      <c r="I22197" s="5" t="s">
        <v>1518</v>
      </c>
      <c r="J22197" s="5" t="s">
        <v>69038</v>
      </c>
      <c r="K22197" s="2" t="s">
        <v>69039</v>
      </c>
      <c r="L22197" s="5" t="s">
        <v>69038</v>
      </c>
      <c r="M22197" s="2" t="s">
        <v>69039</v>
      </c>
      <c r="N22197" s="5" t="s">
        <v>1521</v>
      </c>
      <c r="O22197" s="5" t="s">
        <v>38</v>
      </c>
      <c r="P22197" s="5" t="s">
        <v>39</v>
      </c>
      <c r="Q22197" s="5" t="s">
        <v>40</v>
      </c>
      <c r="R22197" s="5" t="s">
        <v>1522</v>
      </c>
      <c r="S22197" s="5" t="s">
        <v>1523</v>
      </c>
      <c r="T22197" s="5" t="s">
        <v>42</v>
      </c>
      <c r="U22197" s="2">
        <v>1.887</v>
      </c>
      <c r="V22197" s="2">
        <v>1.524</v>
      </c>
      <c r="W22197" s="2">
        <v>1.0999999999999999E-2</v>
      </c>
      <c r="X22197" s="2">
        <v>139.1</v>
      </c>
      <c r="Y22197" s="2">
        <v>7.6</v>
      </c>
      <c r="Z22197" s="2">
        <v>10.6</v>
      </c>
      <c r="AA22197" s="5"/>
      <c r="AB22197" s="5" t="s">
        <v>43</v>
      </c>
      <c r="AC22197" s="5" t="s">
        <v>44</v>
      </c>
      <c r="AD22197" s="2"/>
      <c r="AE22197" s="1"/>
    </row>
    <row r="22198" spans="1:31" ht="14.45">
      <c r="A22198" s="11"/>
      <c r="B22198" s="20"/>
      <c r="C22198" s="2" t="s">
        <v>71462</v>
      </c>
      <c r="D22198" s="14" t="s">
        <v>71463</v>
      </c>
      <c r="E22198" s="2" t="s">
        <v>71464</v>
      </c>
      <c r="F22198" s="2" t="s">
        <v>1863</v>
      </c>
      <c r="G22198" s="8">
        <v>168</v>
      </c>
      <c r="H22198" s="5">
        <v>6</v>
      </c>
      <c r="I22198" s="5" t="s">
        <v>1518</v>
      </c>
      <c r="J22198" s="5" t="s">
        <v>69038</v>
      </c>
      <c r="K22198" s="2" t="s">
        <v>69039</v>
      </c>
      <c r="L22198" s="5" t="s">
        <v>69038</v>
      </c>
      <c r="M22198" s="2" t="s">
        <v>69039</v>
      </c>
      <c r="N22198" s="5" t="s">
        <v>1521</v>
      </c>
      <c r="O22198" s="5" t="s">
        <v>38</v>
      </c>
      <c r="P22198" s="5" t="s">
        <v>39</v>
      </c>
      <c r="Q22198" s="5" t="s">
        <v>40</v>
      </c>
      <c r="R22198" s="5" t="s">
        <v>1522</v>
      </c>
      <c r="S22198" s="5" t="s">
        <v>1523</v>
      </c>
      <c r="T22198" s="5" t="s">
        <v>42</v>
      </c>
      <c r="U22198" s="2">
        <v>1.821</v>
      </c>
      <c r="V22198" s="2">
        <v>1.458</v>
      </c>
      <c r="W22198" s="2">
        <v>1.0999999999999999E-2</v>
      </c>
      <c r="X22198" s="2">
        <v>139.1</v>
      </c>
      <c r="Y22198" s="2">
        <v>7.6</v>
      </c>
      <c r="Z22198" s="2">
        <v>10.6</v>
      </c>
      <c r="AA22198" s="5"/>
      <c r="AB22198" s="5" t="s">
        <v>43</v>
      </c>
      <c r="AC22198" s="5" t="s">
        <v>44</v>
      </c>
      <c r="AD22198" s="2"/>
      <c r="AE22198" s="1"/>
    </row>
    <row r="22199" spans="1:31" ht="14.45">
      <c r="A22199" s="11"/>
      <c r="B22199" s="20"/>
      <c r="C22199" s="2" t="s">
        <v>71465</v>
      </c>
      <c r="D22199" s="14" t="s">
        <v>71466</v>
      </c>
      <c r="E22199" s="2" t="s">
        <v>71467</v>
      </c>
      <c r="F22199" s="2" t="s">
        <v>1867</v>
      </c>
      <c r="G22199" s="8">
        <v>168</v>
      </c>
      <c r="H22199" s="5">
        <v>6</v>
      </c>
      <c r="I22199" s="5" t="s">
        <v>1518</v>
      </c>
      <c r="J22199" s="5" t="s">
        <v>69038</v>
      </c>
      <c r="K22199" s="2" t="s">
        <v>69039</v>
      </c>
      <c r="L22199" s="5" t="s">
        <v>69038</v>
      </c>
      <c r="M22199" s="2" t="s">
        <v>69039</v>
      </c>
      <c r="N22199" s="5" t="s">
        <v>1521</v>
      </c>
      <c r="O22199" s="5" t="s">
        <v>38</v>
      </c>
      <c r="P22199" s="5" t="s">
        <v>39</v>
      </c>
      <c r="Q22199" s="5" t="s">
        <v>40</v>
      </c>
      <c r="R22199" s="5" t="s">
        <v>1522</v>
      </c>
      <c r="S22199" s="5" t="s">
        <v>1523</v>
      </c>
      <c r="T22199" s="5" t="s">
        <v>42</v>
      </c>
      <c r="U22199" s="2">
        <v>1.887</v>
      </c>
      <c r="V22199" s="2">
        <v>1.524</v>
      </c>
      <c r="W22199" s="2">
        <v>1.0999999999999999E-2</v>
      </c>
      <c r="X22199" s="2">
        <v>139.1</v>
      </c>
      <c r="Y22199" s="2">
        <v>7.6</v>
      </c>
      <c r="Z22199" s="2">
        <v>10.6</v>
      </c>
      <c r="AA22199" s="5"/>
      <c r="AB22199" s="5" t="s">
        <v>43</v>
      </c>
      <c r="AC22199" s="5" t="s">
        <v>44</v>
      </c>
      <c r="AD22199" s="2"/>
      <c r="AE22199" s="1"/>
    </row>
    <row r="22200" spans="1:31" ht="14.45">
      <c r="A22200" s="11"/>
      <c r="B22200" s="20"/>
      <c r="C22200" s="2" t="s">
        <v>71468</v>
      </c>
      <c r="D22200" s="14" t="s">
        <v>71469</v>
      </c>
      <c r="E22200" s="2" t="s">
        <v>71470</v>
      </c>
      <c r="F22200" s="2" t="s">
        <v>7204</v>
      </c>
      <c r="G22200" s="8">
        <v>158</v>
      </c>
      <c r="H22200" s="5">
        <v>6</v>
      </c>
      <c r="I22200" s="5" t="s">
        <v>1518</v>
      </c>
      <c r="J22200" s="5" t="s">
        <v>69038</v>
      </c>
      <c r="K22200" s="2" t="s">
        <v>69039</v>
      </c>
      <c r="L22200" s="5" t="s">
        <v>69038</v>
      </c>
      <c r="M22200" s="2" t="s">
        <v>69039</v>
      </c>
      <c r="N22200" s="5" t="s">
        <v>1521</v>
      </c>
      <c r="O22200" s="5" t="s">
        <v>38</v>
      </c>
      <c r="P22200" s="5" t="s">
        <v>39</v>
      </c>
      <c r="Q22200" s="5" t="s">
        <v>40</v>
      </c>
      <c r="R22200" s="5" t="s">
        <v>1522</v>
      </c>
      <c r="S22200" s="5" t="s">
        <v>1523</v>
      </c>
      <c r="T22200" s="5" t="s">
        <v>42</v>
      </c>
      <c r="U22200" s="2">
        <v>2.08</v>
      </c>
      <c r="V22200" s="2">
        <v>1.7170000000000001</v>
      </c>
      <c r="W22200" s="2">
        <v>1.0999999999999999E-2</v>
      </c>
      <c r="X22200" s="2">
        <v>139.1</v>
      </c>
      <c r="Y22200" s="2">
        <v>7.6</v>
      </c>
      <c r="Z22200" s="2">
        <v>10.6</v>
      </c>
      <c r="AA22200" s="5"/>
      <c r="AB22200" s="5" t="s">
        <v>43</v>
      </c>
      <c r="AC22200" s="5" t="s">
        <v>44</v>
      </c>
      <c r="AD22200" s="2"/>
      <c r="AE22200" s="1"/>
    </row>
    <row r="22201" spans="1:31" ht="14.45">
      <c r="A22201" s="11"/>
      <c r="B22201" s="20"/>
      <c r="C22201" s="2" t="s">
        <v>71471</v>
      </c>
      <c r="D22201" s="14" t="s">
        <v>71472</v>
      </c>
      <c r="E22201" s="2" t="s">
        <v>71473</v>
      </c>
      <c r="F22201" s="2" t="s">
        <v>7514</v>
      </c>
      <c r="G22201" s="8">
        <v>158</v>
      </c>
      <c r="H22201" s="5">
        <v>6</v>
      </c>
      <c r="I22201" s="5" t="s">
        <v>1518</v>
      </c>
      <c r="J22201" s="5" t="s">
        <v>69038</v>
      </c>
      <c r="K22201" s="2" t="s">
        <v>69039</v>
      </c>
      <c r="L22201" s="5" t="s">
        <v>69038</v>
      </c>
      <c r="M22201" s="2" t="s">
        <v>69039</v>
      </c>
      <c r="N22201" s="5" t="s">
        <v>1521</v>
      </c>
      <c r="O22201" s="5" t="s">
        <v>38</v>
      </c>
      <c r="P22201" s="5" t="s">
        <v>39</v>
      </c>
      <c r="Q22201" s="5" t="s">
        <v>40</v>
      </c>
      <c r="R22201" s="5" t="s">
        <v>1522</v>
      </c>
      <c r="S22201" s="5" t="s">
        <v>1523</v>
      </c>
      <c r="T22201" s="5" t="s">
        <v>42</v>
      </c>
      <c r="U22201" s="2">
        <v>2.1669999999999998</v>
      </c>
      <c r="V22201" s="2">
        <v>1.804</v>
      </c>
      <c r="W22201" s="2">
        <v>1.0999999999999999E-2</v>
      </c>
      <c r="X22201" s="2">
        <v>139.1</v>
      </c>
      <c r="Y22201" s="2">
        <v>7.6</v>
      </c>
      <c r="Z22201" s="2">
        <v>10.6</v>
      </c>
      <c r="AA22201" s="5"/>
      <c r="AB22201" s="5" t="s">
        <v>43</v>
      </c>
      <c r="AC22201" s="5" t="s">
        <v>44</v>
      </c>
      <c r="AD22201" s="2"/>
      <c r="AE22201" s="1"/>
    </row>
    <row r="22202" spans="1:31" ht="14.45">
      <c r="A22202" s="11"/>
      <c r="B22202" s="20"/>
      <c r="C22202" s="2" t="s">
        <v>71474</v>
      </c>
      <c r="D22202" s="14" t="s">
        <v>71475</v>
      </c>
      <c r="E22202" s="2" t="s">
        <v>71476</v>
      </c>
      <c r="F22202" s="2" t="s">
        <v>7208</v>
      </c>
      <c r="G22202" s="8">
        <v>158</v>
      </c>
      <c r="H22202" s="5">
        <v>6</v>
      </c>
      <c r="I22202" s="5" t="s">
        <v>1518</v>
      </c>
      <c r="J22202" s="5" t="s">
        <v>69038</v>
      </c>
      <c r="K22202" s="2" t="s">
        <v>69039</v>
      </c>
      <c r="L22202" s="5" t="s">
        <v>69038</v>
      </c>
      <c r="M22202" s="2" t="s">
        <v>69039</v>
      </c>
      <c r="N22202" s="5" t="s">
        <v>1521</v>
      </c>
      <c r="O22202" s="5" t="s">
        <v>38</v>
      </c>
      <c r="P22202" s="5" t="s">
        <v>39</v>
      </c>
      <c r="Q22202" s="5" t="s">
        <v>40</v>
      </c>
      <c r="R22202" s="5" t="s">
        <v>1522</v>
      </c>
      <c r="S22202" s="5" t="s">
        <v>1523</v>
      </c>
      <c r="T22202" s="5" t="s">
        <v>42</v>
      </c>
      <c r="U22202" s="2">
        <v>2.08</v>
      </c>
      <c r="V22202" s="2">
        <v>1.7170000000000001</v>
      </c>
      <c r="W22202" s="2">
        <v>1.0999999999999999E-2</v>
      </c>
      <c r="X22202" s="2">
        <v>139.1</v>
      </c>
      <c r="Y22202" s="2">
        <v>7.6</v>
      </c>
      <c r="Z22202" s="2">
        <v>10.6</v>
      </c>
      <c r="AA22202" s="5"/>
      <c r="AB22202" s="5" t="s">
        <v>43</v>
      </c>
      <c r="AC22202" s="5" t="s">
        <v>44</v>
      </c>
      <c r="AD22202" s="2"/>
      <c r="AE22202" s="1"/>
    </row>
    <row r="22203" spans="1:31" ht="14.45">
      <c r="A22203" s="11"/>
      <c r="B22203" s="20"/>
      <c r="C22203" s="2" t="s">
        <v>71477</v>
      </c>
      <c r="D22203" s="14" t="s">
        <v>71478</v>
      </c>
      <c r="E22203" s="2" t="s">
        <v>71479</v>
      </c>
      <c r="F22203" s="2" t="s">
        <v>7521</v>
      </c>
      <c r="G22203" s="8">
        <v>158</v>
      </c>
      <c r="H22203" s="5">
        <v>6</v>
      </c>
      <c r="I22203" s="5" t="s">
        <v>1518</v>
      </c>
      <c r="J22203" s="5" t="s">
        <v>69038</v>
      </c>
      <c r="K22203" s="2" t="s">
        <v>69039</v>
      </c>
      <c r="L22203" s="5" t="s">
        <v>69038</v>
      </c>
      <c r="M22203" s="2" t="s">
        <v>69039</v>
      </c>
      <c r="N22203" s="5" t="s">
        <v>1521</v>
      </c>
      <c r="O22203" s="5" t="s">
        <v>38</v>
      </c>
      <c r="P22203" s="5" t="s">
        <v>39</v>
      </c>
      <c r="Q22203" s="5" t="s">
        <v>40</v>
      </c>
      <c r="R22203" s="5" t="s">
        <v>1522</v>
      </c>
      <c r="S22203" s="5" t="s">
        <v>1523</v>
      </c>
      <c r="T22203" s="5" t="s">
        <v>42</v>
      </c>
      <c r="U22203" s="2">
        <v>2.1669999999999998</v>
      </c>
      <c r="V22203" s="2">
        <v>1.804</v>
      </c>
      <c r="W22203" s="2">
        <v>1.0999999999999999E-2</v>
      </c>
      <c r="X22203" s="2">
        <v>139.1</v>
      </c>
      <c r="Y22203" s="2">
        <v>7.6</v>
      </c>
      <c r="Z22203" s="2">
        <v>10.6</v>
      </c>
      <c r="AA22203" s="5"/>
      <c r="AB22203" s="5" t="s">
        <v>43</v>
      </c>
      <c r="AC22203" s="5" t="s">
        <v>44</v>
      </c>
      <c r="AD22203" s="2"/>
      <c r="AE22203" s="1"/>
    </row>
    <row r="22204" spans="1:31" ht="14.45">
      <c r="A22204" s="11"/>
      <c r="B22204" s="20"/>
      <c r="C22204" s="2" t="s">
        <v>71480</v>
      </c>
      <c r="D22204" s="14" t="s">
        <v>71481</v>
      </c>
      <c r="E22204" s="2" t="s">
        <v>71482</v>
      </c>
      <c r="F22204" s="2" t="s">
        <v>7406</v>
      </c>
      <c r="G22204" s="8">
        <v>182</v>
      </c>
      <c r="H22204" s="5">
        <v>6</v>
      </c>
      <c r="I22204" s="5" t="s">
        <v>1518</v>
      </c>
      <c r="J22204" s="5" t="s">
        <v>69038</v>
      </c>
      <c r="K22204" s="2" t="s">
        <v>69039</v>
      </c>
      <c r="L22204" s="5" t="s">
        <v>69038</v>
      </c>
      <c r="M22204" s="2" t="s">
        <v>69039</v>
      </c>
      <c r="N22204" s="5" t="s">
        <v>1521</v>
      </c>
      <c r="O22204" s="5" t="s">
        <v>38</v>
      </c>
      <c r="P22204" s="5" t="s">
        <v>39</v>
      </c>
      <c r="Q22204" s="5" t="s">
        <v>40</v>
      </c>
      <c r="R22204" s="5" t="s">
        <v>1522</v>
      </c>
      <c r="S22204" s="5" t="s">
        <v>1523</v>
      </c>
      <c r="T22204" s="5" t="s">
        <v>42</v>
      </c>
      <c r="U22204" s="2">
        <v>2.08</v>
      </c>
      <c r="V22204" s="2">
        <v>1.7170000000000001</v>
      </c>
      <c r="W22204" s="2">
        <v>1.0999999999999999E-2</v>
      </c>
      <c r="X22204" s="2">
        <v>139.1</v>
      </c>
      <c r="Y22204" s="2">
        <v>7.6</v>
      </c>
      <c r="Z22204" s="2">
        <v>10.6</v>
      </c>
      <c r="AA22204" s="5"/>
      <c r="AB22204" s="5" t="s">
        <v>43</v>
      </c>
      <c r="AC22204" s="5" t="s">
        <v>44</v>
      </c>
      <c r="AD22204" s="2"/>
      <c r="AE22204" s="1"/>
    </row>
    <row r="22205" spans="1:31" ht="14.45">
      <c r="A22205" s="11"/>
      <c r="B22205" s="20"/>
      <c r="C22205" s="2" t="s">
        <v>71483</v>
      </c>
      <c r="D22205" s="14" t="s">
        <v>71484</v>
      </c>
      <c r="E22205" s="2" t="s">
        <v>71485</v>
      </c>
      <c r="F22205" s="2" t="s">
        <v>7539</v>
      </c>
      <c r="G22205" s="8">
        <v>182</v>
      </c>
      <c r="H22205" s="5">
        <v>6</v>
      </c>
      <c r="I22205" s="5" t="s">
        <v>1518</v>
      </c>
      <c r="J22205" s="5" t="s">
        <v>69038</v>
      </c>
      <c r="K22205" s="2" t="s">
        <v>69039</v>
      </c>
      <c r="L22205" s="5" t="s">
        <v>69038</v>
      </c>
      <c r="M22205" s="2" t="s">
        <v>69039</v>
      </c>
      <c r="N22205" s="5" t="s">
        <v>1521</v>
      </c>
      <c r="O22205" s="5" t="s">
        <v>38</v>
      </c>
      <c r="P22205" s="5" t="s">
        <v>39</v>
      </c>
      <c r="Q22205" s="5" t="s">
        <v>40</v>
      </c>
      <c r="R22205" s="5" t="s">
        <v>1522</v>
      </c>
      <c r="S22205" s="5" t="s">
        <v>1523</v>
      </c>
      <c r="T22205" s="5" t="s">
        <v>42</v>
      </c>
      <c r="U22205" s="2">
        <v>2.08</v>
      </c>
      <c r="V22205" s="2">
        <v>1.7170000000000001</v>
      </c>
      <c r="W22205" s="2">
        <v>1.0999999999999999E-2</v>
      </c>
      <c r="X22205" s="2">
        <v>139.1</v>
      </c>
      <c r="Y22205" s="2">
        <v>7.6</v>
      </c>
      <c r="Z22205" s="2">
        <v>10.6</v>
      </c>
      <c r="AA22205" s="5"/>
      <c r="AB22205" s="5" t="s">
        <v>43</v>
      </c>
      <c r="AC22205" s="5" t="s">
        <v>44</v>
      </c>
      <c r="AD22205" s="2"/>
      <c r="AE22205" s="1"/>
    </row>
    <row r="22206" spans="1:31" ht="14.45">
      <c r="A22206" s="11"/>
      <c r="B22206" s="20"/>
      <c r="C22206" s="2" t="s">
        <v>71486</v>
      </c>
      <c r="D22206" s="14" t="s">
        <v>71487</v>
      </c>
      <c r="E22206" s="2" t="s">
        <v>71488</v>
      </c>
      <c r="F22206" s="2" t="s">
        <v>7543</v>
      </c>
      <c r="G22206" s="8">
        <v>182</v>
      </c>
      <c r="H22206" s="5">
        <v>6</v>
      </c>
      <c r="I22206" s="5" t="s">
        <v>1518</v>
      </c>
      <c r="J22206" s="5" t="s">
        <v>69038</v>
      </c>
      <c r="K22206" s="2" t="s">
        <v>69039</v>
      </c>
      <c r="L22206" s="5" t="s">
        <v>69038</v>
      </c>
      <c r="M22206" s="2" t="s">
        <v>69039</v>
      </c>
      <c r="N22206" s="5" t="s">
        <v>1521</v>
      </c>
      <c r="O22206" s="5" t="s">
        <v>38</v>
      </c>
      <c r="P22206" s="5" t="s">
        <v>39</v>
      </c>
      <c r="Q22206" s="5" t="s">
        <v>40</v>
      </c>
      <c r="R22206" s="5" t="s">
        <v>1522</v>
      </c>
      <c r="S22206" s="5" t="s">
        <v>1523</v>
      </c>
      <c r="T22206" s="5" t="s">
        <v>42</v>
      </c>
      <c r="U22206" s="2">
        <v>2.1669999999999998</v>
      </c>
      <c r="V22206" s="2">
        <v>1.804</v>
      </c>
      <c r="W22206" s="2">
        <v>1.0999999999999999E-2</v>
      </c>
      <c r="X22206" s="2">
        <v>139.1</v>
      </c>
      <c r="Y22206" s="2">
        <v>7.6</v>
      </c>
      <c r="Z22206" s="2">
        <v>10.6</v>
      </c>
      <c r="AA22206" s="5"/>
      <c r="AB22206" s="5" t="s">
        <v>43</v>
      </c>
      <c r="AC22206" s="5" t="s">
        <v>44</v>
      </c>
      <c r="AD22206" s="2"/>
      <c r="AE22206" s="1"/>
    </row>
    <row r="22207" spans="1:31" ht="14.45">
      <c r="A22207" s="11"/>
      <c r="B22207" s="20"/>
      <c r="C22207" s="2" t="s">
        <v>71489</v>
      </c>
      <c r="D22207" s="14" t="s">
        <v>71490</v>
      </c>
      <c r="E22207" s="2" t="s">
        <v>71491</v>
      </c>
      <c r="F22207" s="2" t="s">
        <v>7396</v>
      </c>
      <c r="G22207" s="8">
        <v>158</v>
      </c>
      <c r="H22207" s="5">
        <v>6</v>
      </c>
      <c r="I22207" s="5" t="s">
        <v>1518</v>
      </c>
      <c r="J22207" s="5" t="s">
        <v>69038</v>
      </c>
      <c r="K22207" s="2" t="s">
        <v>69039</v>
      </c>
      <c r="L22207" s="5" t="s">
        <v>69038</v>
      </c>
      <c r="M22207" s="2" t="s">
        <v>69039</v>
      </c>
      <c r="N22207" s="5" t="s">
        <v>1521</v>
      </c>
      <c r="O22207" s="5" t="s">
        <v>38</v>
      </c>
      <c r="P22207" s="5" t="s">
        <v>39</v>
      </c>
      <c r="Q22207" s="5" t="s">
        <v>40</v>
      </c>
      <c r="R22207" s="5" t="s">
        <v>1522</v>
      </c>
      <c r="S22207" s="5" t="s">
        <v>1523</v>
      </c>
      <c r="T22207" s="5" t="s">
        <v>42</v>
      </c>
      <c r="U22207" s="2">
        <v>2.08</v>
      </c>
      <c r="V22207" s="2">
        <v>1.7170000000000001</v>
      </c>
      <c r="W22207" s="2">
        <v>1.0999999999999999E-2</v>
      </c>
      <c r="X22207" s="2">
        <v>139.1</v>
      </c>
      <c r="Y22207" s="2">
        <v>7.6</v>
      </c>
      <c r="Z22207" s="2">
        <v>10.6</v>
      </c>
      <c r="AA22207" s="5"/>
      <c r="AB22207" s="5" t="s">
        <v>43</v>
      </c>
      <c r="AC22207" s="5" t="s">
        <v>44</v>
      </c>
      <c r="AD22207" s="2"/>
      <c r="AE22207" s="1"/>
    </row>
    <row r="22208" spans="1:31" ht="14.45">
      <c r="A22208" s="11"/>
      <c r="B22208" s="20"/>
      <c r="C22208" s="2" t="s">
        <v>71492</v>
      </c>
      <c r="D22208" s="14" t="s">
        <v>71493</v>
      </c>
      <c r="E22208" s="2" t="s">
        <v>71494</v>
      </c>
      <c r="F22208" s="2" t="s">
        <v>69112</v>
      </c>
      <c r="G22208" s="8">
        <v>158</v>
      </c>
      <c r="H22208" s="5">
        <v>6</v>
      </c>
      <c r="I22208" s="5" t="s">
        <v>1518</v>
      </c>
      <c r="J22208" s="5" t="s">
        <v>69038</v>
      </c>
      <c r="K22208" s="2" t="s">
        <v>69039</v>
      </c>
      <c r="L22208" s="5" t="s">
        <v>69038</v>
      </c>
      <c r="M22208" s="2" t="s">
        <v>69039</v>
      </c>
      <c r="N22208" s="5" t="s">
        <v>1521</v>
      </c>
      <c r="O22208" s="5" t="s">
        <v>38</v>
      </c>
      <c r="P22208" s="5" t="s">
        <v>39</v>
      </c>
      <c r="Q22208" s="5" t="s">
        <v>40</v>
      </c>
      <c r="R22208" s="5" t="s">
        <v>1522</v>
      </c>
      <c r="S22208" s="5" t="s">
        <v>1523</v>
      </c>
      <c r="T22208" s="5" t="s">
        <v>42</v>
      </c>
      <c r="U22208" s="2">
        <v>2.1669999999999998</v>
      </c>
      <c r="V22208" s="2">
        <v>1.804</v>
      </c>
      <c r="W22208" s="2">
        <v>1.0999999999999999E-2</v>
      </c>
      <c r="X22208" s="2">
        <v>139.1</v>
      </c>
      <c r="Y22208" s="2">
        <v>7.6</v>
      </c>
      <c r="Z22208" s="2">
        <v>10.6</v>
      </c>
      <c r="AA22208" s="5"/>
      <c r="AB22208" s="5" t="s">
        <v>43</v>
      </c>
      <c r="AC22208" s="5" t="s">
        <v>44</v>
      </c>
      <c r="AD22208" s="2"/>
      <c r="AE22208" s="1"/>
    </row>
    <row r="22209" spans="1:31" ht="14.45">
      <c r="A22209" s="11"/>
      <c r="B22209" s="20"/>
      <c r="C22209" s="2" t="s">
        <v>71495</v>
      </c>
      <c r="D22209" s="14" t="s">
        <v>71496</v>
      </c>
      <c r="E22209" s="2" t="s">
        <v>71497</v>
      </c>
      <c r="F22209" s="2" t="s">
        <v>7563</v>
      </c>
      <c r="G22209" s="8">
        <v>182</v>
      </c>
      <c r="H22209" s="5">
        <v>6</v>
      </c>
      <c r="I22209" s="5" t="s">
        <v>1518</v>
      </c>
      <c r="J22209" s="5" t="s">
        <v>69038</v>
      </c>
      <c r="K22209" s="2" t="s">
        <v>69039</v>
      </c>
      <c r="L22209" s="5" t="s">
        <v>69038</v>
      </c>
      <c r="M22209" s="2" t="s">
        <v>69039</v>
      </c>
      <c r="N22209" s="5" t="s">
        <v>1521</v>
      </c>
      <c r="O22209" s="5" t="s">
        <v>38</v>
      </c>
      <c r="P22209" s="5" t="s">
        <v>39</v>
      </c>
      <c r="Q22209" s="5" t="s">
        <v>40</v>
      </c>
      <c r="R22209" s="5" t="s">
        <v>1522</v>
      </c>
      <c r="S22209" s="5" t="s">
        <v>1523</v>
      </c>
      <c r="T22209" s="5" t="s">
        <v>42</v>
      </c>
      <c r="U22209" s="2">
        <v>2.08</v>
      </c>
      <c r="V22209" s="2">
        <v>1.7170000000000001</v>
      </c>
      <c r="W22209" s="2">
        <v>1.0999999999999999E-2</v>
      </c>
      <c r="X22209" s="2">
        <v>139.1</v>
      </c>
      <c r="Y22209" s="2">
        <v>7.6</v>
      </c>
      <c r="Z22209" s="2">
        <v>10.6</v>
      </c>
      <c r="AA22209" s="5"/>
      <c r="AB22209" s="5" t="s">
        <v>43</v>
      </c>
      <c r="AC22209" s="5" t="s">
        <v>44</v>
      </c>
      <c r="AD22209" s="2"/>
      <c r="AE22209" s="1"/>
    </row>
    <row r="22210" spans="1:31" ht="14.45">
      <c r="A22210" s="11"/>
      <c r="B22210" s="20"/>
      <c r="C22210" s="2" t="s">
        <v>71498</v>
      </c>
      <c r="D22210" s="14" t="s">
        <v>71499</v>
      </c>
      <c r="E22210" s="2" t="s">
        <v>71500</v>
      </c>
      <c r="F22210" s="2" t="s">
        <v>7555</v>
      </c>
      <c r="G22210" s="8">
        <v>182</v>
      </c>
      <c r="H22210" s="5">
        <v>6</v>
      </c>
      <c r="I22210" s="5" t="s">
        <v>1518</v>
      </c>
      <c r="J22210" s="5" t="s">
        <v>69038</v>
      </c>
      <c r="K22210" s="2" t="s">
        <v>69039</v>
      </c>
      <c r="L22210" s="5" t="s">
        <v>69038</v>
      </c>
      <c r="M22210" s="2" t="s">
        <v>69039</v>
      </c>
      <c r="N22210" s="5" t="s">
        <v>1521</v>
      </c>
      <c r="O22210" s="5" t="s">
        <v>38</v>
      </c>
      <c r="P22210" s="5" t="s">
        <v>39</v>
      </c>
      <c r="Q22210" s="5" t="s">
        <v>40</v>
      </c>
      <c r="R22210" s="5" t="s">
        <v>1522</v>
      </c>
      <c r="S22210" s="5" t="s">
        <v>1523</v>
      </c>
      <c r="T22210" s="5" t="s">
        <v>42</v>
      </c>
      <c r="U22210" s="2">
        <v>2.08</v>
      </c>
      <c r="V22210" s="2">
        <v>1.7170000000000001</v>
      </c>
      <c r="W22210" s="2">
        <v>1.0999999999999999E-2</v>
      </c>
      <c r="X22210" s="2">
        <v>139.1</v>
      </c>
      <c r="Y22210" s="2">
        <v>7.6</v>
      </c>
      <c r="Z22210" s="2">
        <v>10.6</v>
      </c>
      <c r="AA22210" s="5"/>
      <c r="AB22210" s="5" t="s">
        <v>43</v>
      </c>
      <c r="AC22210" s="5" t="s">
        <v>44</v>
      </c>
      <c r="AD22210" s="2"/>
      <c r="AE22210" s="1"/>
    </row>
    <row r="22211" spans="1:31" ht="14.45">
      <c r="A22211" s="11"/>
      <c r="B22211" s="20"/>
      <c r="C22211" s="2" t="s">
        <v>71501</v>
      </c>
      <c r="D22211" s="14" t="s">
        <v>71502</v>
      </c>
      <c r="E22211" s="2" t="s">
        <v>71503</v>
      </c>
      <c r="F22211" s="2" t="s">
        <v>7449</v>
      </c>
      <c r="G22211" s="8">
        <v>182</v>
      </c>
      <c r="H22211" s="5">
        <v>6</v>
      </c>
      <c r="I22211" s="5" t="s">
        <v>1518</v>
      </c>
      <c r="J22211" s="5" t="s">
        <v>69038</v>
      </c>
      <c r="K22211" s="2" t="s">
        <v>69039</v>
      </c>
      <c r="L22211" s="5" t="s">
        <v>69038</v>
      </c>
      <c r="M22211" s="2" t="s">
        <v>69039</v>
      </c>
      <c r="N22211" s="5" t="s">
        <v>1521</v>
      </c>
      <c r="O22211" s="5" t="s">
        <v>38</v>
      </c>
      <c r="P22211" s="5" t="s">
        <v>39</v>
      </c>
      <c r="Q22211" s="5" t="s">
        <v>40</v>
      </c>
      <c r="R22211" s="5" t="s">
        <v>1522</v>
      </c>
      <c r="S22211" s="5" t="s">
        <v>1523</v>
      </c>
      <c r="T22211" s="5" t="s">
        <v>42</v>
      </c>
      <c r="U22211" s="2">
        <v>2.08</v>
      </c>
      <c r="V22211" s="2">
        <v>1.7170000000000001</v>
      </c>
      <c r="W22211" s="2">
        <v>1.0999999999999999E-2</v>
      </c>
      <c r="X22211" s="2">
        <v>139.1</v>
      </c>
      <c r="Y22211" s="2">
        <v>7.6</v>
      </c>
      <c r="Z22211" s="2">
        <v>10.6</v>
      </c>
      <c r="AA22211" s="5"/>
      <c r="AB22211" s="5" t="s">
        <v>43</v>
      </c>
      <c r="AC22211" s="5" t="s">
        <v>44</v>
      </c>
      <c r="AD22211" s="2"/>
      <c r="AE22211" s="1"/>
    </row>
    <row r="22212" spans="1:31" ht="14.45">
      <c r="A22212" s="11"/>
      <c r="B22212" s="20"/>
      <c r="C22212" s="2" t="s">
        <v>71504</v>
      </c>
      <c r="D22212" s="14" t="s">
        <v>71505</v>
      </c>
      <c r="E22212" s="2" t="s">
        <v>71506</v>
      </c>
      <c r="F22212" s="2" t="s">
        <v>7585</v>
      </c>
      <c r="G22212" s="8">
        <v>182</v>
      </c>
      <c r="H22212" s="5">
        <v>6</v>
      </c>
      <c r="I22212" s="5" t="s">
        <v>1518</v>
      </c>
      <c r="J22212" s="5" t="s">
        <v>69038</v>
      </c>
      <c r="K22212" s="2" t="s">
        <v>69039</v>
      </c>
      <c r="L22212" s="5" t="s">
        <v>69038</v>
      </c>
      <c r="M22212" s="2" t="s">
        <v>69039</v>
      </c>
      <c r="N22212" s="5" t="s">
        <v>1521</v>
      </c>
      <c r="O22212" s="5" t="s">
        <v>38</v>
      </c>
      <c r="P22212" s="5" t="s">
        <v>39</v>
      </c>
      <c r="Q22212" s="5" t="s">
        <v>40</v>
      </c>
      <c r="R22212" s="5" t="s">
        <v>1522</v>
      </c>
      <c r="S22212" s="5" t="s">
        <v>1523</v>
      </c>
      <c r="T22212" s="5" t="s">
        <v>42</v>
      </c>
      <c r="U22212" s="2">
        <v>2.08</v>
      </c>
      <c r="V22212" s="2">
        <v>1.7170000000000001</v>
      </c>
      <c r="W22212" s="2">
        <v>1.0999999999999999E-2</v>
      </c>
      <c r="X22212" s="2">
        <v>139.1</v>
      </c>
      <c r="Y22212" s="2">
        <v>7.6</v>
      </c>
      <c r="Z22212" s="2">
        <v>10.6</v>
      </c>
      <c r="AA22212" s="5"/>
      <c r="AB22212" s="5" t="s">
        <v>43</v>
      </c>
      <c r="AC22212" s="5" t="s">
        <v>44</v>
      </c>
      <c r="AD22212" s="2"/>
      <c r="AE22212" s="1"/>
    </row>
    <row r="22213" spans="1:31" ht="14.45">
      <c r="A22213" s="11"/>
      <c r="B22213" s="20"/>
      <c r="C22213" s="2" t="s">
        <v>71507</v>
      </c>
      <c r="D22213" s="14" t="s">
        <v>71508</v>
      </c>
      <c r="E22213" s="2" t="s">
        <v>71509</v>
      </c>
      <c r="F22213" s="2" t="s">
        <v>7593</v>
      </c>
      <c r="G22213" s="8">
        <v>182</v>
      </c>
      <c r="H22213" s="5">
        <v>6</v>
      </c>
      <c r="I22213" s="5" t="s">
        <v>1518</v>
      </c>
      <c r="J22213" s="5" t="s">
        <v>69038</v>
      </c>
      <c r="K22213" s="2" t="s">
        <v>69039</v>
      </c>
      <c r="L22213" s="5" t="s">
        <v>69038</v>
      </c>
      <c r="M22213" s="2" t="s">
        <v>69039</v>
      </c>
      <c r="N22213" s="5" t="s">
        <v>1521</v>
      </c>
      <c r="O22213" s="5" t="s">
        <v>38</v>
      </c>
      <c r="P22213" s="5" t="s">
        <v>39</v>
      </c>
      <c r="Q22213" s="5" t="s">
        <v>40</v>
      </c>
      <c r="R22213" s="5" t="s">
        <v>1522</v>
      </c>
      <c r="S22213" s="5" t="s">
        <v>1523</v>
      </c>
      <c r="T22213" s="5" t="s">
        <v>42</v>
      </c>
      <c r="U22213" s="2">
        <v>2.08</v>
      </c>
      <c r="V22213" s="2">
        <v>1.7170000000000001</v>
      </c>
      <c r="W22213" s="2">
        <v>1.0999999999999999E-2</v>
      </c>
      <c r="X22213" s="2">
        <v>139.1</v>
      </c>
      <c r="Y22213" s="2">
        <v>7.6</v>
      </c>
      <c r="Z22213" s="2">
        <v>10.6</v>
      </c>
      <c r="AA22213" s="5"/>
      <c r="AB22213" s="5" t="s">
        <v>43</v>
      </c>
      <c r="AC22213" s="5" t="s">
        <v>44</v>
      </c>
      <c r="AD22213" s="2"/>
      <c r="AE22213" s="1"/>
    </row>
    <row r="22214" spans="1:31" ht="14.45">
      <c r="A22214" s="11"/>
      <c r="B22214" s="20"/>
      <c r="C22214" s="2" t="s">
        <v>71510</v>
      </c>
      <c r="D22214" s="14" t="s">
        <v>71511</v>
      </c>
      <c r="E22214" s="2" t="s">
        <v>71512</v>
      </c>
      <c r="F22214" s="2" t="s">
        <v>7433</v>
      </c>
      <c r="G22214" s="8">
        <v>182</v>
      </c>
      <c r="H22214" s="5">
        <v>6</v>
      </c>
      <c r="I22214" s="5" t="s">
        <v>1518</v>
      </c>
      <c r="J22214" s="5" t="s">
        <v>69038</v>
      </c>
      <c r="K22214" s="2" t="s">
        <v>69039</v>
      </c>
      <c r="L22214" s="5" t="s">
        <v>69038</v>
      </c>
      <c r="M22214" s="2" t="s">
        <v>69039</v>
      </c>
      <c r="N22214" s="5" t="s">
        <v>1521</v>
      </c>
      <c r="O22214" s="5" t="s">
        <v>38</v>
      </c>
      <c r="P22214" s="5" t="s">
        <v>39</v>
      </c>
      <c r="Q22214" s="5" t="s">
        <v>40</v>
      </c>
      <c r="R22214" s="5" t="s">
        <v>1522</v>
      </c>
      <c r="S22214" s="5" t="s">
        <v>1523</v>
      </c>
      <c r="T22214" s="5" t="s">
        <v>42</v>
      </c>
      <c r="U22214" s="2">
        <v>2.08</v>
      </c>
      <c r="V22214" s="2">
        <v>1.7170000000000001</v>
      </c>
      <c r="W22214" s="2">
        <v>1.0999999999999999E-2</v>
      </c>
      <c r="X22214" s="2">
        <v>139.1</v>
      </c>
      <c r="Y22214" s="2">
        <v>7.6</v>
      </c>
      <c r="Z22214" s="2">
        <v>10.6</v>
      </c>
      <c r="AA22214" s="5"/>
      <c r="AB22214" s="5" t="s">
        <v>43</v>
      </c>
      <c r="AC22214" s="5" t="s">
        <v>44</v>
      </c>
      <c r="AD22214" s="2"/>
      <c r="AE22214" s="1"/>
    </row>
    <row r="22215" spans="1:31" ht="14.45">
      <c r="A22215" s="11"/>
      <c r="B22215" s="20"/>
      <c r="C22215" s="2" t="s">
        <v>71513</v>
      </c>
      <c r="D22215" s="14" t="s">
        <v>71514</v>
      </c>
      <c r="E22215" s="2" t="s">
        <v>71515</v>
      </c>
      <c r="F22215" s="2" t="s">
        <v>7611</v>
      </c>
      <c r="G22215" s="8">
        <v>182</v>
      </c>
      <c r="H22215" s="5">
        <v>6</v>
      </c>
      <c r="I22215" s="5" t="s">
        <v>1518</v>
      </c>
      <c r="J22215" s="5" t="s">
        <v>69038</v>
      </c>
      <c r="K22215" s="2" t="s">
        <v>69039</v>
      </c>
      <c r="L22215" s="5" t="s">
        <v>69038</v>
      </c>
      <c r="M22215" s="2" t="s">
        <v>69039</v>
      </c>
      <c r="N22215" s="5" t="s">
        <v>1521</v>
      </c>
      <c r="O22215" s="5" t="s">
        <v>38</v>
      </c>
      <c r="P22215" s="5" t="s">
        <v>39</v>
      </c>
      <c r="Q22215" s="5" t="s">
        <v>40</v>
      </c>
      <c r="R22215" s="5" t="s">
        <v>1522</v>
      </c>
      <c r="S22215" s="5" t="s">
        <v>1523</v>
      </c>
      <c r="T22215" s="5" t="s">
        <v>42</v>
      </c>
      <c r="U22215" s="2">
        <v>2.1669999999999998</v>
      </c>
      <c r="V22215" s="2">
        <v>1.804</v>
      </c>
      <c r="W22215" s="2">
        <v>1.0999999999999999E-2</v>
      </c>
      <c r="X22215" s="2">
        <v>139.1</v>
      </c>
      <c r="Y22215" s="2">
        <v>7.6</v>
      </c>
      <c r="Z22215" s="2">
        <v>10.6</v>
      </c>
      <c r="AA22215" s="5"/>
      <c r="AB22215" s="5" t="s">
        <v>43</v>
      </c>
      <c r="AC22215" s="5" t="s">
        <v>44</v>
      </c>
      <c r="AD22215" s="2"/>
      <c r="AE22215" s="1"/>
    </row>
    <row r="22216" spans="1:31" ht="14.45">
      <c r="A22216" s="11"/>
      <c r="B22216" s="20"/>
      <c r="C22216" s="2" t="s">
        <v>71516</v>
      </c>
      <c r="D22216" s="14" t="s">
        <v>71517</v>
      </c>
      <c r="E22216" s="2" t="s">
        <v>71518</v>
      </c>
      <c r="F22216" s="2" t="s">
        <v>7615</v>
      </c>
      <c r="G22216" s="8">
        <v>182</v>
      </c>
      <c r="H22216" s="5">
        <v>6</v>
      </c>
      <c r="I22216" s="5" t="s">
        <v>1518</v>
      </c>
      <c r="J22216" s="5" t="s">
        <v>69038</v>
      </c>
      <c r="K22216" s="2" t="s">
        <v>69039</v>
      </c>
      <c r="L22216" s="5" t="s">
        <v>69038</v>
      </c>
      <c r="M22216" s="2" t="s">
        <v>69039</v>
      </c>
      <c r="N22216" s="5" t="s">
        <v>1521</v>
      </c>
      <c r="O22216" s="5" t="s">
        <v>38</v>
      </c>
      <c r="P22216" s="5" t="s">
        <v>39</v>
      </c>
      <c r="Q22216" s="5" t="s">
        <v>40</v>
      </c>
      <c r="R22216" s="5" t="s">
        <v>1522</v>
      </c>
      <c r="S22216" s="5" t="s">
        <v>1523</v>
      </c>
      <c r="T22216" s="5" t="s">
        <v>42</v>
      </c>
      <c r="U22216" s="2">
        <v>2.08</v>
      </c>
      <c r="V22216" s="2">
        <v>1.7170000000000001</v>
      </c>
      <c r="W22216" s="2">
        <v>1.0999999999999999E-2</v>
      </c>
      <c r="X22216" s="2">
        <v>139.1</v>
      </c>
      <c r="Y22216" s="2">
        <v>7.6</v>
      </c>
      <c r="Z22216" s="2">
        <v>10.6</v>
      </c>
      <c r="AA22216" s="5"/>
      <c r="AB22216" s="5" t="s">
        <v>43</v>
      </c>
      <c r="AC22216" s="5" t="s">
        <v>44</v>
      </c>
      <c r="AD22216" s="2"/>
      <c r="AE22216" s="1"/>
    </row>
    <row r="22217" spans="1:31" ht="14.45">
      <c r="A22217" s="11"/>
      <c r="B22217" s="20"/>
      <c r="C22217" s="2" t="s">
        <v>71519</v>
      </c>
      <c r="D22217" s="14" t="s">
        <v>71520</v>
      </c>
      <c r="E22217" s="2" t="s">
        <v>71521</v>
      </c>
      <c r="F22217" s="2" t="s">
        <v>7410</v>
      </c>
      <c r="G22217" s="8">
        <v>182</v>
      </c>
      <c r="H22217" s="5">
        <v>6</v>
      </c>
      <c r="I22217" s="5" t="s">
        <v>1518</v>
      </c>
      <c r="J22217" s="5" t="s">
        <v>69038</v>
      </c>
      <c r="K22217" s="2" t="s">
        <v>69039</v>
      </c>
      <c r="L22217" s="5" t="s">
        <v>69038</v>
      </c>
      <c r="M22217" s="2" t="s">
        <v>69039</v>
      </c>
      <c r="N22217" s="5" t="s">
        <v>1521</v>
      </c>
      <c r="O22217" s="5" t="s">
        <v>38</v>
      </c>
      <c r="P22217" s="5" t="s">
        <v>39</v>
      </c>
      <c r="Q22217" s="5" t="s">
        <v>40</v>
      </c>
      <c r="R22217" s="5" t="s">
        <v>1522</v>
      </c>
      <c r="S22217" s="5" t="s">
        <v>1523</v>
      </c>
      <c r="T22217" s="5" t="s">
        <v>42</v>
      </c>
      <c r="U22217" s="2">
        <v>2.08</v>
      </c>
      <c r="V22217" s="2">
        <v>1.7170000000000001</v>
      </c>
      <c r="W22217" s="2">
        <v>1.0999999999999999E-2</v>
      </c>
      <c r="X22217" s="2">
        <v>139.1</v>
      </c>
      <c r="Y22217" s="2">
        <v>7.6</v>
      </c>
      <c r="Z22217" s="2">
        <v>10.6</v>
      </c>
      <c r="AA22217" s="5"/>
      <c r="AB22217" s="5" t="s">
        <v>43</v>
      </c>
      <c r="AC22217" s="5" t="s">
        <v>44</v>
      </c>
      <c r="AD22217" s="2"/>
      <c r="AE22217" s="1"/>
    </row>
    <row r="22218" spans="1:31" ht="14.45">
      <c r="A22218" s="11"/>
      <c r="B22218" s="20"/>
      <c r="C22218" s="2" t="s">
        <v>71522</v>
      </c>
      <c r="D22218" s="14" t="s">
        <v>71523</v>
      </c>
      <c r="E22218" s="2" t="s">
        <v>71524</v>
      </c>
      <c r="F22218" s="2" t="s">
        <v>7212</v>
      </c>
      <c r="G22218" s="8">
        <v>158</v>
      </c>
      <c r="H22218" s="5">
        <v>6</v>
      </c>
      <c r="I22218" s="5" t="s">
        <v>1518</v>
      </c>
      <c r="J22218" s="5" t="s">
        <v>69038</v>
      </c>
      <c r="K22218" s="2" t="s">
        <v>69039</v>
      </c>
      <c r="L22218" s="5" t="s">
        <v>69038</v>
      </c>
      <c r="M22218" s="2" t="s">
        <v>69039</v>
      </c>
      <c r="N22218" s="5" t="s">
        <v>1521</v>
      </c>
      <c r="O22218" s="5" t="s">
        <v>38</v>
      </c>
      <c r="P22218" s="5" t="s">
        <v>39</v>
      </c>
      <c r="Q22218" s="5" t="s">
        <v>40</v>
      </c>
      <c r="R22218" s="5" t="s">
        <v>1522</v>
      </c>
      <c r="S22218" s="5" t="s">
        <v>1523</v>
      </c>
      <c r="T22218" s="5" t="s">
        <v>42</v>
      </c>
      <c r="U22218" s="2">
        <v>2.08</v>
      </c>
      <c r="V22218" s="2">
        <v>1.7170000000000001</v>
      </c>
      <c r="W22218" s="2">
        <v>1.0999999999999999E-2</v>
      </c>
      <c r="X22218" s="2">
        <v>139.1</v>
      </c>
      <c r="Y22218" s="2">
        <v>7.6</v>
      </c>
      <c r="Z22218" s="2">
        <v>10.6</v>
      </c>
      <c r="AA22218" s="5"/>
      <c r="AB22218" s="5" t="s">
        <v>43</v>
      </c>
      <c r="AC22218" s="5" t="s">
        <v>44</v>
      </c>
      <c r="AD22218" s="2"/>
      <c r="AE22218" s="1"/>
    </row>
    <row r="22219" spans="1:31" ht="14.45">
      <c r="A22219" s="11"/>
      <c r="B22219" s="20"/>
      <c r="C22219" s="2" t="s">
        <v>71525</v>
      </c>
      <c r="D22219" s="14" t="s">
        <v>71526</v>
      </c>
      <c r="E22219" s="2" t="s">
        <v>71527</v>
      </c>
      <c r="F22219" s="2" t="s">
        <v>7528</v>
      </c>
      <c r="G22219" s="8">
        <v>158</v>
      </c>
      <c r="H22219" s="5">
        <v>6</v>
      </c>
      <c r="I22219" s="5" t="s">
        <v>1518</v>
      </c>
      <c r="J22219" s="5" t="s">
        <v>69038</v>
      </c>
      <c r="K22219" s="2" t="s">
        <v>69039</v>
      </c>
      <c r="L22219" s="5" t="s">
        <v>69038</v>
      </c>
      <c r="M22219" s="2" t="s">
        <v>69039</v>
      </c>
      <c r="N22219" s="5" t="s">
        <v>1521</v>
      </c>
      <c r="O22219" s="5" t="s">
        <v>38</v>
      </c>
      <c r="P22219" s="5" t="s">
        <v>39</v>
      </c>
      <c r="Q22219" s="5" t="s">
        <v>40</v>
      </c>
      <c r="R22219" s="5" t="s">
        <v>1522</v>
      </c>
      <c r="S22219" s="5" t="s">
        <v>1523</v>
      </c>
      <c r="T22219" s="5" t="s">
        <v>42</v>
      </c>
      <c r="U22219" s="2">
        <v>2.1669999999999998</v>
      </c>
      <c r="V22219" s="2">
        <v>1.804</v>
      </c>
      <c r="W22219" s="2">
        <v>1.0999999999999999E-2</v>
      </c>
      <c r="X22219" s="2">
        <v>139.1</v>
      </c>
      <c r="Y22219" s="2">
        <v>7.6</v>
      </c>
      <c r="Z22219" s="2">
        <v>10.6</v>
      </c>
      <c r="AA22219" s="5"/>
      <c r="AB22219" s="5" t="s">
        <v>43</v>
      </c>
      <c r="AC22219" s="5" t="s">
        <v>44</v>
      </c>
      <c r="AD22219" s="2"/>
      <c r="AE22219" s="1"/>
    </row>
    <row r="22220" spans="1:31" ht="14.45">
      <c r="A22220" s="11"/>
      <c r="B22220" s="20"/>
      <c r="C22220" s="2" t="s">
        <v>71528</v>
      </c>
      <c r="D22220" s="14" t="s">
        <v>71529</v>
      </c>
      <c r="E22220" s="2" t="s">
        <v>71530</v>
      </c>
      <c r="F22220" s="2" t="s">
        <v>1863</v>
      </c>
      <c r="G22220" s="8">
        <v>182</v>
      </c>
      <c r="H22220" s="5">
        <v>6</v>
      </c>
      <c r="I22220" s="5" t="s">
        <v>1518</v>
      </c>
      <c r="J22220" s="5" t="s">
        <v>69038</v>
      </c>
      <c r="K22220" s="2" t="s">
        <v>69039</v>
      </c>
      <c r="L22220" s="5" t="s">
        <v>69038</v>
      </c>
      <c r="M22220" s="2" t="s">
        <v>69039</v>
      </c>
      <c r="N22220" s="5" t="s">
        <v>1521</v>
      </c>
      <c r="O22220" s="5" t="s">
        <v>38</v>
      </c>
      <c r="P22220" s="5" t="s">
        <v>39</v>
      </c>
      <c r="Q22220" s="5" t="s">
        <v>40</v>
      </c>
      <c r="R22220" s="5" t="s">
        <v>1522</v>
      </c>
      <c r="S22220" s="5" t="s">
        <v>1523</v>
      </c>
      <c r="T22220" s="5" t="s">
        <v>42</v>
      </c>
      <c r="U22220" s="2">
        <v>2.08</v>
      </c>
      <c r="V22220" s="2">
        <v>1.7170000000000001</v>
      </c>
      <c r="W22220" s="2">
        <v>1.0999999999999999E-2</v>
      </c>
      <c r="X22220" s="2">
        <v>139.1</v>
      </c>
      <c r="Y22220" s="2">
        <v>7.6</v>
      </c>
      <c r="Z22220" s="2">
        <v>10.6</v>
      </c>
      <c r="AA22220" s="5"/>
      <c r="AB22220" s="5" t="s">
        <v>43</v>
      </c>
      <c r="AC22220" s="5" t="s">
        <v>44</v>
      </c>
      <c r="AD22220" s="2"/>
      <c r="AE22220" s="1"/>
    </row>
    <row r="22221" spans="1:31" ht="14.45">
      <c r="A22221" s="11"/>
      <c r="B22221" s="20"/>
      <c r="C22221" s="2" t="s">
        <v>71531</v>
      </c>
      <c r="D22221" s="14" t="s">
        <v>71532</v>
      </c>
      <c r="E22221" s="2" t="s">
        <v>71533</v>
      </c>
      <c r="F22221" s="2" t="s">
        <v>1867</v>
      </c>
      <c r="G22221" s="8">
        <v>182</v>
      </c>
      <c r="H22221" s="5">
        <v>6</v>
      </c>
      <c r="I22221" s="5" t="s">
        <v>1518</v>
      </c>
      <c r="J22221" s="5" t="s">
        <v>69038</v>
      </c>
      <c r="K22221" s="2" t="s">
        <v>69039</v>
      </c>
      <c r="L22221" s="5" t="s">
        <v>69038</v>
      </c>
      <c r="M22221" s="2" t="s">
        <v>69039</v>
      </c>
      <c r="N22221" s="5" t="s">
        <v>1521</v>
      </c>
      <c r="O22221" s="5" t="s">
        <v>38</v>
      </c>
      <c r="P22221" s="5" t="s">
        <v>39</v>
      </c>
      <c r="Q22221" s="5" t="s">
        <v>40</v>
      </c>
      <c r="R22221" s="5" t="s">
        <v>1522</v>
      </c>
      <c r="S22221" s="5" t="s">
        <v>1523</v>
      </c>
      <c r="T22221" s="5" t="s">
        <v>42</v>
      </c>
      <c r="U22221" s="2">
        <v>2.1669999999999998</v>
      </c>
      <c r="V22221" s="2">
        <v>1.804</v>
      </c>
      <c r="W22221" s="2">
        <v>1.0999999999999999E-2</v>
      </c>
      <c r="X22221" s="2">
        <v>139.1</v>
      </c>
      <c r="Y22221" s="2">
        <v>7.6</v>
      </c>
      <c r="Z22221" s="2">
        <v>10.6</v>
      </c>
      <c r="AA22221" s="5"/>
      <c r="AB22221" s="5" t="s">
        <v>43</v>
      </c>
      <c r="AC22221" s="5" t="s">
        <v>44</v>
      </c>
      <c r="AD22221" s="2"/>
      <c r="AE22221" s="1"/>
    </row>
    <row r="22222" spans="1:31" ht="14.45">
      <c r="A22222" s="11"/>
      <c r="B22222" s="20"/>
      <c r="C22222" s="2" t="s">
        <v>71534</v>
      </c>
      <c r="D22222" s="14" t="s">
        <v>71535</v>
      </c>
      <c r="E22222" s="2" t="s">
        <v>71536</v>
      </c>
      <c r="F22222" s="2" t="s">
        <v>7204</v>
      </c>
      <c r="G22222" s="8">
        <v>176</v>
      </c>
      <c r="H22222" s="5">
        <v>6</v>
      </c>
      <c r="I22222" s="5" t="s">
        <v>1518</v>
      </c>
      <c r="J22222" s="5" t="s">
        <v>69038</v>
      </c>
      <c r="K22222" s="2" t="s">
        <v>69039</v>
      </c>
      <c r="L22222" s="5" t="s">
        <v>69038</v>
      </c>
      <c r="M22222" s="2" t="s">
        <v>69039</v>
      </c>
      <c r="N22222" s="5" t="s">
        <v>1521</v>
      </c>
      <c r="O22222" s="5" t="s">
        <v>38</v>
      </c>
      <c r="P22222" s="5" t="s">
        <v>39</v>
      </c>
      <c r="Q22222" s="5" t="s">
        <v>40</v>
      </c>
      <c r="R22222" s="5" t="s">
        <v>1522</v>
      </c>
      <c r="S22222" s="5" t="s">
        <v>1523</v>
      </c>
      <c r="T22222" s="5" t="s">
        <v>42</v>
      </c>
      <c r="U22222" s="2">
        <v>2.2069999999999999</v>
      </c>
      <c r="V22222" s="2">
        <v>1.8440000000000001</v>
      </c>
      <c r="W22222" s="2">
        <v>1.0999999999999999E-2</v>
      </c>
      <c r="X22222" s="2">
        <v>139.1</v>
      </c>
      <c r="Y22222" s="2">
        <v>7.6</v>
      </c>
      <c r="Z22222" s="2">
        <v>10.6</v>
      </c>
      <c r="AA22222" s="5"/>
      <c r="AB22222" s="5" t="s">
        <v>43</v>
      </c>
      <c r="AC22222" s="5" t="s">
        <v>44</v>
      </c>
      <c r="AD22222" s="2"/>
      <c r="AE22222" s="1"/>
    </row>
    <row r="22223" spans="1:31" ht="14.45">
      <c r="A22223" s="11"/>
      <c r="B22223" s="20"/>
      <c r="C22223" s="2" t="s">
        <v>71537</v>
      </c>
      <c r="D22223" s="14" t="s">
        <v>71538</v>
      </c>
      <c r="E22223" s="2" t="s">
        <v>71539</v>
      </c>
      <c r="F22223" s="2" t="s">
        <v>1863</v>
      </c>
      <c r="G22223" s="8">
        <v>202</v>
      </c>
      <c r="H22223" s="5">
        <v>6</v>
      </c>
      <c r="I22223" s="5" t="s">
        <v>1518</v>
      </c>
      <c r="J22223" s="5" t="s">
        <v>69038</v>
      </c>
      <c r="K22223" s="2" t="s">
        <v>69039</v>
      </c>
      <c r="L22223" s="5" t="s">
        <v>69038</v>
      </c>
      <c r="M22223" s="2" t="s">
        <v>69039</v>
      </c>
      <c r="N22223" s="5" t="s">
        <v>1521</v>
      </c>
      <c r="O22223" s="5" t="s">
        <v>38</v>
      </c>
      <c r="P22223" s="5" t="s">
        <v>39</v>
      </c>
      <c r="Q22223" s="5" t="s">
        <v>40</v>
      </c>
      <c r="R22223" s="5" t="s">
        <v>1522</v>
      </c>
      <c r="S22223" s="5" t="s">
        <v>1523</v>
      </c>
      <c r="T22223" s="5" t="s">
        <v>42</v>
      </c>
      <c r="U22223" s="2">
        <v>2.2069999999999999</v>
      </c>
      <c r="V22223" s="2">
        <v>1.8440000000000001</v>
      </c>
      <c r="W22223" s="2">
        <v>1.0999999999999999E-2</v>
      </c>
      <c r="X22223" s="2">
        <v>139.1</v>
      </c>
      <c r="Y22223" s="2">
        <v>7.6</v>
      </c>
      <c r="Z22223" s="2">
        <v>10.6</v>
      </c>
      <c r="AA22223" s="5"/>
      <c r="AB22223" s="5" t="s">
        <v>43</v>
      </c>
      <c r="AC22223" s="5" t="s">
        <v>44</v>
      </c>
      <c r="AD22223" s="2"/>
      <c r="AE22223" s="1"/>
    </row>
    <row r="22224" spans="1:31" ht="14.45">
      <c r="A22224" s="11"/>
      <c r="B22224" s="20"/>
      <c r="C22224" s="2" t="s">
        <v>71540</v>
      </c>
      <c r="D22224" s="14" t="s">
        <v>71541</v>
      </c>
      <c r="E22224" s="2" t="s">
        <v>71542</v>
      </c>
      <c r="F22224" s="2" t="s">
        <v>1867</v>
      </c>
      <c r="G22224" s="8">
        <v>202</v>
      </c>
      <c r="H22224" s="5">
        <v>6</v>
      </c>
      <c r="I22224" s="5" t="s">
        <v>1518</v>
      </c>
      <c r="J22224" s="5" t="s">
        <v>69038</v>
      </c>
      <c r="K22224" s="2" t="s">
        <v>69039</v>
      </c>
      <c r="L22224" s="5" t="s">
        <v>69038</v>
      </c>
      <c r="M22224" s="2" t="s">
        <v>69039</v>
      </c>
      <c r="N22224" s="5" t="s">
        <v>1521</v>
      </c>
      <c r="O22224" s="5" t="s">
        <v>38</v>
      </c>
      <c r="P22224" s="5" t="s">
        <v>39</v>
      </c>
      <c r="Q22224" s="5" t="s">
        <v>40</v>
      </c>
      <c r="R22224" s="5" t="s">
        <v>1522</v>
      </c>
      <c r="S22224" s="5" t="s">
        <v>1523</v>
      </c>
      <c r="T22224" s="5" t="s">
        <v>42</v>
      </c>
      <c r="U22224" s="2">
        <v>2.3039999999999998</v>
      </c>
      <c r="V22224" s="2">
        <v>1.9410000000000001</v>
      </c>
      <c r="W22224" s="2">
        <v>1.0999999999999999E-2</v>
      </c>
      <c r="X22224" s="2">
        <v>139.1</v>
      </c>
      <c r="Y22224" s="2">
        <v>7.6</v>
      </c>
      <c r="Z22224" s="2">
        <v>10.6</v>
      </c>
      <c r="AA22224" s="5"/>
      <c r="AB22224" s="5" t="s">
        <v>43</v>
      </c>
      <c r="AC22224" s="5" t="s">
        <v>44</v>
      </c>
      <c r="AD22224" s="2"/>
      <c r="AE22224" s="1"/>
    </row>
    <row r="22225" spans="1:31" ht="14.45">
      <c r="A22225" s="11"/>
      <c r="B22225" s="20"/>
      <c r="C22225" s="2" t="s">
        <v>71543</v>
      </c>
      <c r="D22225" s="14" t="s">
        <v>71544</v>
      </c>
      <c r="E22225" s="2" t="s">
        <v>71545</v>
      </c>
      <c r="F22225" s="2" t="s">
        <v>1863</v>
      </c>
      <c r="G22225" s="8">
        <v>168</v>
      </c>
      <c r="H22225" s="5">
        <v>6</v>
      </c>
      <c r="I22225" s="5" t="s">
        <v>1518</v>
      </c>
      <c r="J22225" s="5" t="s">
        <v>69038</v>
      </c>
      <c r="K22225" s="2" t="s">
        <v>69039</v>
      </c>
      <c r="L22225" s="5" t="s">
        <v>69038</v>
      </c>
      <c r="M22225" s="2" t="s">
        <v>69039</v>
      </c>
      <c r="N22225" s="5" t="s">
        <v>1521</v>
      </c>
      <c r="O22225" s="5" t="s">
        <v>38</v>
      </c>
      <c r="P22225" s="5" t="s">
        <v>39</v>
      </c>
      <c r="Q22225" s="5" t="s">
        <v>40</v>
      </c>
      <c r="R22225" s="5" t="s">
        <v>1522</v>
      </c>
      <c r="S22225" s="5" t="s">
        <v>1523</v>
      </c>
      <c r="T22225" s="5" t="s">
        <v>42</v>
      </c>
      <c r="U22225" s="2">
        <v>1.611</v>
      </c>
      <c r="V22225" s="2">
        <v>1.248</v>
      </c>
      <c r="W22225" s="2">
        <v>1.0999999999999999E-2</v>
      </c>
      <c r="X22225" s="2">
        <v>139.1</v>
      </c>
      <c r="Y22225" s="2">
        <v>7.6</v>
      </c>
      <c r="Z22225" s="2">
        <v>10.6</v>
      </c>
      <c r="AA22225" s="5"/>
      <c r="AB22225" s="5" t="s">
        <v>43</v>
      </c>
      <c r="AC22225" s="5" t="s">
        <v>44</v>
      </c>
      <c r="AD22225" s="2"/>
      <c r="AE22225" s="1"/>
    </row>
    <row r="22226" spans="1:31" ht="14.45">
      <c r="A22226" s="11"/>
      <c r="B22226" s="20"/>
      <c r="C22226" s="2" t="s">
        <v>71546</v>
      </c>
      <c r="D22226" s="14" t="s">
        <v>71547</v>
      </c>
      <c r="E22226" s="2" t="s">
        <v>71548</v>
      </c>
      <c r="F22226" s="2" t="s">
        <v>1867</v>
      </c>
      <c r="G22226" s="8">
        <v>168</v>
      </c>
      <c r="H22226" s="5">
        <v>6</v>
      </c>
      <c r="I22226" s="5" t="s">
        <v>1518</v>
      </c>
      <c r="J22226" s="5" t="s">
        <v>69038</v>
      </c>
      <c r="K22226" s="2" t="s">
        <v>69039</v>
      </c>
      <c r="L22226" s="5" t="s">
        <v>69038</v>
      </c>
      <c r="M22226" s="2" t="s">
        <v>69039</v>
      </c>
      <c r="N22226" s="5" t="s">
        <v>1521</v>
      </c>
      <c r="O22226" s="5" t="s">
        <v>38</v>
      </c>
      <c r="P22226" s="5" t="s">
        <v>39</v>
      </c>
      <c r="Q22226" s="5" t="s">
        <v>40</v>
      </c>
      <c r="R22226" s="5" t="s">
        <v>1522</v>
      </c>
      <c r="S22226" s="5" t="s">
        <v>1523</v>
      </c>
      <c r="T22226" s="5" t="s">
        <v>42</v>
      </c>
      <c r="U22226" s="2">
        <v>1.659</v>
      </c>
      <c r="V22226" s="2">
        <v>1.296</v>
      </c>
      <c r="W22226" s="2">
        <v>1.0999999999999999E-2</v>
      </c>
      <c r="X22226" s="2">
        <v>139.1</v>
      </c>
      <c r="Y22226" s="2">
        <v>7.6</v>
      </c>
      <c r="Z22226" s="2">
        <v>10.6</v>
      </c>
      <c r="AA22226" s="5"/>
      <c r="AB22226" s="5" t="s">
        <v>43</v>
      </c>
      <c r="AC22226" s="5" t="s">
        <v>44</v>
      </c>
      <c r="AD22226" s="2"/>
      <c r="AE22226" s="1"/>
    </row>
    <row r="22227" spans="1:31" ht="14.45">
      <c r="A22227" s="11"/>
      <c r="B22227" s="20"/>
      <c r="C22227" s="2" t="s">
        <v>71549</v>
      </c>
      <c r="D22227" s="14" t="s">
        <v>71550</v>
      </c>
      <c r="E22227" s="2" t="s">
        <v>71551</v>
      </c>
      <c r="F22227" s="2" t="s">
        <v>7204</v>
      </c>
      <c r="G22227" s="8">
        <v>146</v>
      </c>
      <c r="H22227" s="5">
        <v>6</v>
      </c>
      <c r="I22227" s="5" t="s">
        <v>1518</v>
      </c>
      <c r="J22227" s="5" t="s">
        <v>69038</v>
      </c>
      <c r="K22227" s="2" t="s">
        <v>69039</v>
      </c>
      <c r="L22227" s="5" t="s">
        <v>69038</v>
      </c>
      <c r="M22227" s="2" t="s">
        <v>69039</v>
      </c>
      <c r="N22227" s="5" t="s">
        <v>1521</v>
      </c>
      <c r="O22227" s="5" t="s">
        <v>38</v>
      </c>
      <c r="P22227" s="5" t="s">
        <v>39</v>
      </c>
      <c r="Q22227" s="5" t="s">
        <v>40</v>
      </c>
      <c r="R22227" s="5" t="s">
        <v>1522</v>
      </c>
      <c r="S22227" s="5" t="s">
        <v>1523</v>
      </c>
      <c r="T22227" s="5" t="s">
        <v>42</v>
      </c>
      <c r="U22227" s="2">
        <v>1.853</v>
      </c>
      <c r="V22227" s="2">
        <v>1.49</v>
      </c>
      <c r="W22227" s="2">
        <v>1.0999999999999999E-2</v>
      </c>
      <c r="X22227" s="2">
        <v>139.1</v>
      </c>
      <c r="Y22227" s="2">
        <v>7.6</v>
      </c>
      <c r="Z22227" s="2">
        <v>10.6</v>
      </c>
      <c r="AA22227" s="5"/>
      <c r="AB22227" s="5" t="s">
        <v>43</v>
      </c>
      <c r="AC22227" s="5" t="s">
        <v>44</v>
      </c>
      <c r="AD22227" s="2"/>
      <c r="AE22227" s="1"/>
    </row>
    <row r="22228" spans="1:31" ht="14.45">
      <c r="A22228" s="11"/>
      <c r="B22228" s="20"/>
      <c r="C22228" s="2" t="s">
        <v>71552</v>
      </c>
      <c r="D22228" s="14" t="s">
        <v>71553</v>
      </c>
      <c r="E22228" s="2" t="s">
        <v>71554</v>
      </c>
      <c r="F22228" s="2" t="s">
        <v>7514</v>
      </c>
      <c r="G22228" s="8">
        <v>146</v>
      </c>
      <c r="H22228" s="5">
        <v>6</v>
      </c>
      <c r="I22228" s="5" t="s">
        <v>1518</v>
      </c>
      <c r="J22228" s="5" t="s">
        <v>69038</v>
      </c>
      <c r="K22228" s="2" t="s">
        <v>69039</v>
      </c>
      <c r="L22228" s="5" t="s">
        <v>69038</v>
      </c>
      <c r="M22228" s="2" t="s">
        <v>69039</v>
      </c>
      <c r="N22228" s="5" t="s">
        <v>1521</v>
      </c>
      <c r="O22228" s="5" t="s">
        <v>38</v>
      </c>
      <c r="P22228" s="5" t="s">
        <v>39</v>
      </c>
      <c r="Q22228" s="5" t="s">
        <v>40</v>
      </c>
      <c r="R22228" s="5" t="s">
        <v>1522</v>
      </c>
      <c r="S22228" s="5" t="s">
        <v>1523</v>
      </c>
      <c r="T22228" s="5" t="s">
        <v>42</v>
      </c>
      <c r="U22228" s="2">
        <v>1.9219999999999999</v>
      </c>
      <c r="V22228" s="2">
        <v>1.5589999999999999</v>
      </c>
      <c r="W22228" s="2">
        <v>1.0999999999999999E-2</v>
      </c>
      <c r="X22228" s="2">
        <v>139.1</v>
      </c>
      <c r="Y22228" s="2">
        <v>7.6</v>
      </c>
      <c r="Z22228" s="2">
        <v>10.6</v>
      </c>
      <c r="AA22228" s="5"/>
      <c r="AB22228" s="5" t="s">
        <v>43</v>
      </c>
      <c r="AC22228" s="5" t="s">
        <v>44</v>
      </c>
      <c r="AD22228" s="2"/>
      <c r="AE22228" s="1"/>
    </row>
    <row r="22229" spans="1:31" ht="14.45">
      <c r="A22229" s="11"/>
      <c r="B22229" s="20"/>
      <c r="C22229" s="2" t="s">
        <v>71555</v>
      </c>
      <c r="D22229" s="14" t="s">
        <v>71556</v>
      </c>
      <c r="E22229" s="2" t="s">
        <v>71557</v>
      </c>
      <c r="F22229" s="2" t="s">
        <v>7208</v>
      </c>
      <c r="G22229" s="8">
        <v>146</v>
      </c>
      <c r="H22229" s="5">
        <v>6</v>
      </c>
      <c r="I22229" s="5" t="s">
        <v>1518</v>
      </c>
      <c r="J22229" s="5" t="s">
        <v>69038</v>
      </c>
      <c r="K22229" s="2" t="s">
        <v>69039</v>
      </c>
      <c r="L22229" s="5" t="s">
        <v>69038</v>
      </c>
      <c r="M22229" s="2" t="s">
        <v>69039</v>
      </c>
      <c r="N22229" s="5" t="s">
        <v>1521</v>
      </c>
      <c r="O22229" s="5" t="s">
        <v>38</v>
      </c>
      <c r="P22229" s="5" t="s">
        <v>39</v>
      </c>
      <c r="Q22229" s="5" t="s">
        <v>40</v>
      </c>
      <c r="R22229" s="5" t="s">
        <v>1522</v>
      </c>
      <c r="S22229" s="5" t="s">
        <v>1523</v>
      </c>
      <c r="T22229" s="5" t="s">
        <v>42</v>
      </c>
      <c r="U22229" s="2">
        <v>1.853</v>
      </c>
      <c r="V22229" s="2">
        <v>1.49</v>
      </c>
      <c r="W22229" s="2">
        <v>1.0999999999999999E-2</v>
      </c>
      <c r="X22229" s="2">
        <v>139.1</v>
      </c>
      <c r="Y22229" s="2">
        <v>7.6</v>
      </c>
      <c r="Z22229" s="2">
        <v>10.6</v>
      </c>
      <c r="AA22229" s="5"/>
      <c r="AB22229" s="5" t="s">
        <v>43</v>
      </c>
      <c r="AC22229" s="5" t="s">
        <v>44</v>
      </c>
      <c r="AD22229" s="2"/>
      <c r="AE22229" s="1"/>
    </row>
    <row r="22230" spans="1:31" ht="14.45">
      <c r="A22230" s="11"/>
      <c r="B22230" s="20"/>
      <c r="C22230" s="2" t="s">
        <v>71558</v>
      </c>
      <c r="D22230" s="14" t="s">
        <v>71559</v>
      </c>
      <c r="E22230" s="2" t="s">
        <v>71560</v>
      </c>
      <c r="F22230" s="2" t="s">
        <v>7521</v>
      </c>
      <c r="G22230" s="8">
        <v>146</v>
      </c>
      <c r="H22230" s="5">
        <v>6</v>
      </c>
      <c r="I22230" s="5" t="s">
        <v>1518</v>
      </c>
      <c r="J22230" s="5" t="s">
        <v>69038</v>
      </c>
      <c r="K22230" s="2" t="s">
        <v>69039</v>
      </c>
      <c r="L22230" s="5" t="s">
        <v>69038</v>
      </c>
      <c r="M22230" s="2" t="s">
        <v>69039</v>
      </c>
      <c r="N22230" s="5" t="s">
        <v>1521</v>
      </c>
      <c r="O22230" s="5" t="s">
        <v>38</v>
      </c>
      <c r="P22230" s="5" t="s">
        <v>39</v>
      </c>
      <c r="Q22230" s="5" t="s">
        <v>40</v>
      </c>
      <c r="R22230" s="5" t="s">
        <v>1522</v>
      </c>
      <c r="S22230" s="5" t="s">
        <v>1523</v>
      </c>
      <c r="T22230" s="5" t="s">
        <v>42</v>
      </c>
      <c r="U22230" s="2">
        <v>1.9219999999999999</v>
      </c>
      <c r="V22230" s="2">
        <v>1.5589999999999999</v>
      </c>
      <c r="W22230" s="2">
        <v>1.0999999999999999E-2</v>
      </c>
      <c r="X22230" s="2">
        <v>139.1</v>
      </c>
      <c r="Y22230" s="2">
        <v>7.6</v>
      </c>
      <c r="Z22230" s="2">
        <v>10.6</v>
      </c>
      <c r="AA22230" s="5"/>
      <c r="AB22230" s="5" t="s">
        <v>43</v>
      </c>
      <c r="AC22230" s="5" t="s">
        <v>44</v>
      </c>
      <c r="AD22230" s="2"/>
      <c r="AE22230" s="1"/>
    </row>
    <row r="22231" spans="1:31" ht="14.45">
      <c r="A22231" s="11"/>
      <c r="B22231" s="20"/>
      <c r="C22231" s="2" t="s">
        <v>71561</v>
      </c>
      <c r="D22231" s="14" t="s">
        <v>71562</v>
      </c>
      <c r="E22231" s="2" t="s">
        <v>71563</v>
      </c>
      <c r="F22231" s="2" t="s">
        <v>7406</v>
      </c>
      <c r="G22231" s="8">
        <v>168</v>
      </c>
      <c r="H22231" s="5">
        <v>6</v>
      </c>
      <c r="I22231" s="5" t="s">
        <v>1518</v>
      </c>
      <c r="J22231" s="5" t="s">
        <v>69038</v>
      </c>
      <c r="K22231" s="2" t="s">
        <v>69039</v>
      </c>
      <c r="L22231" s="5" t="s">
        <v>69038</v>
      </c>
      <c r="M22231" s="2" t="s">
        <v>69039</v>
      </c>
      <c r="N22231" s="5" t="s">
        <v>1521</v>
      </c>
      <c r="O22231" s="5" t="s">
        <v>38</v>
      </c>
      <c r="P22231" s="5" t="s">
        <v>39</v>
      </c>
      <c r="Q22231" s="5" t="s">
        <v>40</v>
      </c>
      <c r="R22231" s="5" t="s">
        <v>1522</v>
      </c>
      <c r="S22231" s="5" t="s">
        <v>1523</v>
      </c>
      <c r="T22231" s="5" t="s">
        <v>42</v>
      </c>
      <c r="U22231" s="2">
        <v>1.853</v>
      </c>
      <c r="V22231" s="2">
        <v>1.49</v>
      </c>
      <c r="W22231" s="2">
        <v>1.0999999999999999E-2</v>
      </c>
      <c r="X22231" s="2">
        <v>139.1</v>
      </c>
      <c r="Y22231" s="2">
        <v>7.6</v>
      </c>
      <c r="Z22231" s="2">
        <v>10.6</v>
      </c>
      <c r="AA22231" s="5"/>
      <c r="AB22231" s="5" t="s">
        <v>43</v>
      </c>
      <c r="AC22231" s="5" t="s">
        <v>44</v>
      </c>
      <c r="AD22231" s="2"/>
      <c r="AE22231" s="1"/>
    </row>
    <row r="22232" spans="1:31" ht="14.45">
      <c r="A22232" s="11"/>
      <c r="B22232" s="20"/>
      <c r="C22232" s="2" t="s">
        <v>71564</v>
      </c>
      <c r="D22232" s="14" t="s">
        <v>71565</v>
      </c>
      <c r="E22232" s="2" t="s">
        <v>71566</v>
      </c>
      <c r="F22232" s="2" t="s">
        <v>7535</v>
      </c>
      <c r="G22232" s="8">
        <v>168</v>
      </c>
      <c r="H22232" s="5">
        <v>6</v>
      </c>
      <c r="I22232" s="5" t="s">
        <v>1518</v>
      </c>
      <c r="J22232" s="5" t="s">
        <v>69038</v>
      </c>
      <c r="K22232" s="2" t="s">
        <v>69039</v>
      </c>
      <c r="L22232" s="5" t="s">
        <v>69038</v>
      </c>
      <c r="M22232" s="2" t="s">
        <v>69039</v>
      </c>
      <c r="N22232" s="5" t="s">
        <v>1521</v>
      </c>
      <c r="O22232" s="5" t="s">
        <v>38</v>
      </c>
      <c r="P22232" s="5" t="s">
        <v>39</v>
      </c>
      <c r="Q22232" s="5" t="s">
        <v>40</v>
      </c>
      <c r="R22232" s="5" t="s">
        <v>1522</v>
      </c>
      <c r="S22232" s="5" t="s">
        <v>1523</v>
      </c>
      <c r="T22232" s="5" t="s">
        <v>42</v>
      </c>
      <c r="U22232" s="2">
        <v>1.9219999999999999</v>
      </c>
      <c r="V22232" s="2">
        <v>1.5589999999999999</v>
      </c>
      <c r="W22232" s="2">
        <v>1.0999999999999999E-2</v>
      </c>
      <c r="X22232" s="2">
        <v>139.1</v>
      </c>
      <c r="Y22232" s="2">
        <v>7.6</v>
      </c>
      <c r="Z22232" s="2">
        <v>10.6</v>
      </c>
      <c r="AA22232" s="5"/>
      <c r="AB22232" s="5" t="s">
        <v>43</v>
      </c>
      <c r="AC22232" s="5" t="s">
        <v>44</v>
      </c>
      <c r="AD22232" s="2"/>
      <c r="AE22232" s="1"/>
    </row>
    <row r="22233" spans="1:31" ht="14.45">
      <c r="A22233" s="11"/>
      <c r="B22233" s="20"/>
      <c r="C22233" s="2" t="s">
        <v>71567</v>
      </c>
      <c r="D22233" s="14" t="s">
        <v>71568</v>
      </c>
      <c r="E22233" s="2" t="s">
        <v>71569</v>
      </c>
      <c r="F22233" s="2" t="s">
        <v>7539</v>
      </c>
      <c r="G22233" s="8">
        <v>168</v>
      </c>
      <c r="H22233" s="5">
        <v>6</v>
      </c>
      <c r="I22233" s="5" t="s">
        <v>1518</v>
      </c>
      <c r="J22233" s="5" t="s">
        <v>69038</v>
      </c>
      <c r="K22233" s="2" t="s">
        <v>69039</v>
      </c>
      <c r="L22233" s="5" t="s">
        <v>69038</v>
      </c>
      <c r="M22233" s="2" t="s">
        <v>69039</v>
      </c>
      <c r="N22233" s="5" t="s">
        <v>1521</v>
      </c>
      <c r="O22233" s="5" t="s">
        <v>38</v>
      </c>
      <c r="P22233" s="5" t="s">
        <v>39</v>
      </c>
      <c r="Q22233" s="5" t="s">
        <v>40</v>
      </c>
      <c r="R22233" s="5" t="s">
        <v>1522</v>
      </c>
      <c r="S22233" s="5" t="s">
        <v>1523</v>
      </c>
      <c r="T22233" s="5" t="s">
        <v>42</v>
      </c>
      <c r="U22233" s="2">
        <v>1.853</v>
      </c>
      <c r="V22233" s="2">
        <v>1.49</v>
      </c>
      <c r="W22233" s="2">
        <v>1.0999999999999999E-2</v>
      </c>
      <c r="X22233" s="2">
        <v>139.1</v>
      </c>
      <c r="Y22233" s="2">
        <v>7.6</v>
      </c>
      <c r="Z22233" s="2">
        <v>10.6</v>
      </c>
      <c r="AA22233" s="5"/>
      <c r="AB22233" s="5" t="s">
        <v>43</v>
      </c>
      <c r="AC22233" s="5" t="s">
        <v>44</v>
      </c>
      <c r="AD22233" s="2"/>
      <c r="AE22233" s="1"/>
    </row>
    <row r="22234" spans="1:31" ht="14.45">
      <c r="A22234" s="11"/>
      <c r="B22234" s="20"/>
      <c r="C22234" s="2" t="s">
        <v>71570</v>
      </c>
      <c r="D22234" s="14" t="s">
        <v>71571</v>
      </c>
      <c r="E22234" s="2" t="s">
        <v>71572</v>
      </c>
      <c r="F22234" s="2" t="s">
        <v>7543</v>
      </c>
      <c r="G22234" s="8">
        <v>168</v>
      </c>
      <c r="H22234" s="5">
        <v>6</v>
      </c>
      <c r="I22234" s="5" t="s">
        <v>1518</v>
      </c>
      <c r="J22234" s="5" t="s">
        <v>69038</v>
      </c>
      <c r="K22234" s="2" t="s">
        <v>69039</v>
      </c>
      <c r="L22234" s="5" t="s">
        <v>69038</v>
      </c>
      <c r="M22234" s="2" t="s">
        <v>69039</v>
      </c>
      <c r="N22234" s="5" t="s">
        <v>1521</v>
      </c>
      <c r="O22234" s="5" t="s">
        <v>38</v>
      </c>
      <c r="P22234" s="5" t="s">
        <v>39</v>
      </c>
      <c r="Q22234" s="5" t="s">
        <v>40</v>
      </c>
      <c r="R22234" s="5" t="s">
        <v>1522</v>
      </c>
      <c r="S22234" s="5" t="s">
        <v>1523</v>
      </c>
      <c r="T22234" s="5" t="s">
        <v>42</v>
      </c>
      <c r="U22234" s="2">
        <v>1.9219999999999999</v>
      </c>
      <c r="V22234" s="2">
        <v>1.5589999999999999</v>
      </c>
      <c r="W22234" s="2">
        <v>1.0999999999999999E-2</v>
      </c>
      <c r="X22234" s="2">
        <v>139.1</v>
      </c>
      <c r="Y22234" s="2">
        <v>7.6</v>
      </c>
      <c r="Z22234" s="2">
        <v>10.6</v>
      </c>
      <c r="AA22234" s="5"/>
      <c r="AB22234" s="5" t="s">
        <v>43</v>
      </c>
      <c r="AC22234" s="5" t="s">
        <v>44</v>
      </c>
      <c r="AD22234" s="2"/>
      <c r="AE22234" s="1"/>
    </row>
    <row r="22235" spans="1:31" ht="14.45">
      <c r="A22235" s="11"/>
      <c r="B22235" s="20"/>
      <c r="C22235" s="2" t="s">
        <v>71573</v>
      </c>
      <c r="D22235" s="14" t="s">
        <v>71574</v>
      </c>
      <c r="E22235" s="2" t="s">
        <v>71575</v>
      </c>
      <c r="F22235" s="2" t="s">
        <v>7396</v>
      </c>
      <c r="G22235" s="8">
        <v>146</v>
      </c>
      <c r="H22235" s="5">
        <v>6</v>
      </c>
      <c r="I22235" s="5" t="s">
        <v>1518</v>
      </c>
      <c r="J22235" s="5" t="s">
        <v>69038</v>
      </c>
      <c r="K22235" s="2" t="s">
        <v>69039</v>
      </c>
      <c r="L22235" s="5" t="s">
        <v>69038</v>
      </c>
      <c r="M22235" s="2" t="s">
        <v>69039</v>
      </c>
      <c r="N22235" s="5" t="s">
        <v>1521</v>
      </c>
      <c r="O22235" s="5" t="s">
        <v>38</v>
      </c>
      <c r="P22235" s="5" t="s">
        <v>39</v>
      </c>
      <c r="Q22235" s="5" t="s">
        <v>40</v>
      </c>
      <c r="R22235" s="5" t="s">
        <v>1522</v>
      </c>
      <c r="S22235" s="5" t="s">
        <v>1523</v>
      </c>
      <c r="T22235" s="5" t="s">
        <v>42</v>
      </c>
      <c r="U22235" s="2">
        <v>1.853</v>
      </c>
      <c r="V22235" s="2">
        <v>1.49</v>
      </c>
      <c r="W22235" s="2">
        <v>1.0999999999999999E-2</v>
      </c>
      <c r="X22235" s="2">
        <v>139.1</v>
      </c>
      <c r="Y22235" s="2">
        <v>7.6</v>
      </c>
      <c r="Z22235" s="2">
        <v>10.6</v>
      </c>
      <c r="AA22235" s="5"/>
      <c r="AB22235" s="5" t="s">
        <v>43</v>
      </c>
      <c r="AC22235" s="5" t="s">
        <v>44</v>
      </c>
      <c r="AD22235" s="2"/>
      <c r="AE22235" s="1"/>
    </row>
    <row r="22236" spans="1:31" ht="14.45">
      <c r="A22236" s="11"/>
      <c r="B22236" s="20"/>
      <c r="C22236" s="2" t="s">
        <v>71576</v>
      </c>
      <c r="D22236" s="14" t="s">
        <v>71577</v>
      </c>
      <c r="E22236" s="2" t="s">
        <v>71578</v>
      </c>
      <c r="F22236" s="2" t="s">
        <v>69112</v>
      </c>
      <c r="G22236" s="8">
        <v>146</v>
      </c>
      <c r="H22236" s="5">
        <v>6</v>
      </c>
      <c r="I22236" s="5" t="s">
        <v>1518</v>
      </c>
      <c r="J22236" s="5" t="s">
        <v>69038</v>
      </c>
      <c r="K22236" s="2" t="s">
        <v>69039</v>
      </c>
      <c r="L22236" s="5" t="s">
        <v>69038</v>
      </c>
      <c r="M22236" s="2" t="s">
        <v>69039</v>
      </c>
      <c r="N22236" s="5" t="s">
        <v>1521</v>
      </c>
      <c r="O22236" s="5" t="s">
        <v>38</v>
      </c>
      <c r="P22236" s="5" t="s">
        <v>39</v>
      </c>
      <c r="Q22236" s="5" t="s">
        <v>40</v>
      </c>
      <c r="R22236" s="5" t="s">
        <v>1522</v>
      </c>
      <c r="S22236" s="5" t="s">
        <v>1523</v>
      </c>
      <c r="T22236" s="5" t="s">
        <v>42</v>
      </c>
      <c r="U22236" s="2">
        <v>1.9219999999999999</v>
      </c>
      <c r="V22236" s="2">
        <v>1.5589999999999999</v>
      </c>
      <c r="W22236" s="2">
        <v>1.0999999999999999E-2</v>
      </c>
      <c r="X22236" s="2">
        <v>139.1</v>
      </c>
      <c r="Y22236" s="2">
        <v>7.6</v>
      </c>
      <c r="Z22236" s="2">
        <v>10.6</v>
      </c>
      <c r="AA22236" s="5"/>
      <c r="AB22236" s="5" t="s">
        <v>43</v>
      </c>
      <c r="AC22236" s="5" t="s">
        <v>44</v>
      </c>
      <c r="AD22236" s="2"/>
      <c r="AE22236" s="1"/>
    </row>
    <row r="22237" spans="1:31" ht="14.45">
      <c r="A22237" s="11"/>
      <c r="B22237" s="20"/>
      <c r="C22237" s="2" t="s">
        <v>71579</v>
      </c>
      <c r="D22237" s="14" t="s">
        <v>71580</v>
      </c>
      <c r="E22237" s="2" t="s">
        <v>71581</v>
      </c>
      <c r="F22237" s="2" t="s">
        <v>7567</v>
      </c>
      <c r="G22237" s="8">
        <v>168</v>
      </c>
      <c r="H22237" s="5">
        <v>6</v>
      </c>
      <c r="I22237" s="5" t="s">
        <v>1518</v>
      </c>
      <c r="J22237" s="5" t="s">
        <v>69038</v>
      </c>
      <c r="K22237" s="2" t="s">
        <v>69039</v>
      </c>
      <c r="L22237" s="5" t="s">
        <v>69038</v>
      </c>
      <c r="M22237" s="2" t="s">
        <v>69039</v>
      </c>
      <c r="N22237" s="5" t="s">
        <v>1521</v>
      </c>
      <c r="O22237" s="5" t="s">
        <v>38</v>
      </c>
      <c r="P22237" s="5" t="s">
        <v>39</v>
      </c>
      <c r="Q22237" s="5" t="s">
        <v>40</v>
      </c>
      <c r="R22237" s="5" t="s">
        <v>1522</v>
      </c>
      <c r="S22237" s="5" t="s">
        <v>1523</v>
      </c>
      <c r="T22237" s="5" t="s">
        <v>42</v>
      </c>
      <c r="U22237" s="2">
        <v>1.9219999999999999</v>
      </c>
      <c r="V22237" s="2">
        <v>1.5589999999999999</v>
      </c>
      <c r="W22237" s="2">
        <v>1.0999999999999999E-2</v>
      </c>
      <c r="X22237" s="2">
        <v>139.1</v>
      </c>
      <c r="Y22237" s="2">
        <v>7.6</v>
      </c>
      <c r="Z22237" s="2">
        <v>10.6</v>
      </c>
      <c r="AA22237" s="5"/>
      <c r="AB22237" s="5" t="s">
        <v>43</v>
      </c>
      <c r="AC22237" s="5" t="s">
        <v>44</v>
      </c>
      <c r="AD22237" s="2"/>
      <c r="AE22237" s="1"/>
    </row>
    <row r="22238" spans="1:31" ht="14.45">
      <c r="A22238" s="11"/>
      <c r="B22238" s="20"/>
      <c r="C22238" s="2" t="s">
        <v>71582</v>
      </c>
      <c r="D22238" s="14" t="s">
        <v>71583</v>
      </c>
      <c r="E22238" s="2" t="s">
        <v>71584</v>
      </c>
      <c r="F22238" s="2" t="s">
        <v>7555</v>
      </c>
      <c r="G22238" s="8">
        <v>168</v>
      </c>
      <c r="H22238" s="5">
        <v>6</v>
      </c>
      <c r="I22238" s="5" t="s">
        <v>1518</v>
      </c>
      <c r="J22238" s="5" t="s">
        <v>69038</v>
      </c>
      <c r="K22238" s="2" t="s">
        <v>69039</v>
      </c>
      <c r="L22238" s="5" t="s">
        <v>69038</v>
      </c>
      <c r="M22238" s="2" t="s">
        <v>69039</v>
      </c>
      <c r="N22238" s="5" t="s">
        <v>1521</v>
      </c>
      <c r="O22238" s="5" t="s">
        <v>38</v>
      </c>
      <c r="P22238" s="5" t="s">
        <v>39</v>
      </c>
      <c r="Q22238" s="5" t="s">
        <v>40</v>
      </c>
      <c r="R22238" s="5" t="s">
        <v>1522</v>
      </c>
      <c r="S22238" s="5" t="s">
        <v>1523</v>
      </c>
      <c r="T22238" s="5" t="s">
        <v>42</v>
      </c>
      <c r="U22238" s="2">
        <v>1.853</v>
      </c>
      <c r="V22238" s="2">
        <v>1.49</v>
      </c>
      <c r="W22238" s="2">
        <v>1.0999999999999999E-2</v>
      </c>
      <c r="X22238" s="2">
        <v>139.1</v>
      </c>
      <c r="Y22238" s="2">
        <v>7.6</v>
      </c>
      <c r="Z22238" s="2">
        <v>10.6</v>
      </c>
      <c r="AA22238" s="5"/>
      <c r="AB22238" s="5" t="s">
        <v>43</v>
      </c>
      <c r="AC22238" s="5" t="s">
        <v>44</v>
      </c>
      <c r="AD22238" s="2"/>
      <c r="AE22238" s="1"/>
    </row>
    <row r="22239" spans="1:31" ht="14.45">
      <c r="A22239" s="11"/>
      <c r="B22239" s="20"/>
      <c r="C22239" s="2" t="s">
        <v>71585</v>
      </c>
      <c r="D22239" s="14" t="s">
        <v>71586</v>
      </c>
      <c r="E22239" s="2" t="s">
        <v>71587</v>
      </c>
      <c r="F22239" s="2" t="s">
        <v>7559</v>
      </c>
      <c r="G22239" s="8">
        <v>168</v>
      </c>
      <c r="H22239" s="5">
        <v>6</v>
      </c>
      <c r="I22239" s="5" t="s">
        <v>1518</v>
      </c>
      <c r="J22239" s="5" t="s">
        <v>69038</v>
      </c>
      <c r="K22239" s="2" t="s">
        <v>69039</v>
      </c>
      <c r="L22239" s="5" t="s">
        <v>69038</v>
      </c>
      <c r="M22239" s="2" t="s">
        <v>69039</v>
      </c>
      <c r="N22239" s="5" t="s">
        <v>1521</v>
      </c>
      <c r="O22239" s="5" t="s">
        <v>38</v>
      </c>
      <c r="P22239" s="5" t="s">
        <v>39</v>
      </c>
      <c r="Q22239" s="5" t="s">
        <v>40</v>
      </c>
      <c r="R22239" s="5" t="s">
        <v>1522</v>
      </c>
      <c r="S22239" s="5" t="s">
        <v>1523</v>
      </c>
      <c r="T22239" s="5" t="s">
        <v>42</v>
      </c>
      <c r="U22239" s="2">
        <v>1.9219999999999999</v>
      </c>
      <c r="V22239" s="2">
        <v>1.5589999999999999</v>
      </c>
      <c r="W22239" s="2">
        <v>1.0999999999999999E-2</v>
      </c>
      <c r="X22239" s="2">
        <v>139.1</v>
      </c>
      <c r="Y22239" s="2">
        <v>7.6</v>
      </c>
      <c r="Z22239" s="2">
        <v>10.6</v>
      </c>
      <c r="AA22239" s="5"/>
      <c r="AB22239" s="5" t="s">
        <v>43</v>
      </c>
      <c r="AC22239" s="5" t="s">
        <v>44</v>
      </c>
      <c r="AD22239" s="2"/>
      <c r="AE22239" s="1"/>
    </row>
    <row r="22240" spans="1:31" ht="14.45">
      <c r="A22240" s="11"/>
      <c r="B22240" s="20"/>
      <c r="C22240" s="2" t="s">
        <v>71588</v>
      </c>
      <c r="D22240" s="14" t="s">
        <v>71589</v>
      </c>
      <c r="E22240" s="2" t="s">
        <v>71590</v>
      </c>
      <c r="F22240" s="2" t="s">
        <v>7449</v>
      </c>
      <c r="G22240" s="8">
        <v>168</v>
      </c>
      <c r="H22240" s="5">
        <v>6</v>
      </c>
      <c r="I22240" s="5" t="s">
        <v>1518</v>
      </c>
      <c r="J22240" s="5" t="s">
        <v>69038</v>
      </c>
      <c r="K22240" s="2" t="s">
        <v>69039</v>
      </c>
      <c r="L22240" s="5" t="s">
        <v>69038</v>
      </c>
      <c r="M22240" s="2" t="s">
        <v>69039</v>
      </c>
      <c r="N22240" s="5" t="s">
        <v>1521</v>
      </c>
      <c r="O22240" s="5" t="s">
        <v>38</v>
      </c>
      <c r="P22240" s="5" t="s">
        <v>39</v>
      </c>
      <c r="Q22240" s="5" t="s">
        <v>40</v>
      </c>
      <c r="R22240" s="5" t="s">
        <v>1522</v>
      </c>
      <c r="S22240" s="5" t="s">
        <v>1523</v>
      </c>
      <c r="T22240" s="5" t="s">
        <v>42</v>
      </c>
      <c r="U22240" s="2">
        <v>1.853</v>
      </c>
      <c r="V22240" s="2">
        <v>1.49</v>
      </c>
      <c r="W22240" s="2">
        <v>1.0999999999999999E-2</v>
      </c>
      <c r="X22240" s="2">
        <v>139.1</v>
      </c>
      <c r="Y22240" s="2">
        <v>7.6</v>
      </c>
      <c r="Z22240" s="2">
        <v>10.6</v>
      </c>
      <c r="AA22240" s="5"/>
      <c r="AB22240" s="5" t="s">
        <v>43</v>
      </c>
      <c r="AC22240" s="5" t="s">
        <v>44</v>
      </c>
      <c r="AD22240" s="2"/>
      <c r="AE22240" s="1"/>
    </row>
    <row r="22241" spans="1:31" ht="14.45">
      <c r="A22241" s="11"/>
      <c r="B22241" s="20"/>
      <c r="C22241" s="2" t="s">
        <v>71591</v>
      </c>
      <c r="D22241" s="14" t="s">
        <v>71592</v>
      </c>
      <c r="E22241" s="2" t="s">
        <v>71593</v>
      </c>
      <c r="F22241" s="2" t="s">
        <v>7581</v>
      </c>
      <c r="G22241" s="8">
        <v>168</v>
      </c>
      <c r="H22241" s="5">
        <v>6</v>
      </c>
      <c r="I22241" s="5" t="s">
        <v>1518</v>
      </c>
      <c r="J22241" s="5" t="s">
        <v>69038</v>
      </c>
      <c r="K22241" s="2" t="s">
        <v>69039</v>
      </c>
      <c r="L22241" s="5" t="s">
        <v>69038</v>
      </c>
      <c r="M22241" s="2" t="s">
        <v>69039</v>
      </c>
      <c r="N22241" s="5" t="s">
        <v>1521</v>
      </c>
      <c r="O22241" s="5" t="s">
        <v>38</v>
      </c>
      <c r="P22241" s="5" t="s">
        <v>39</v>
      </c>
      <c r="Q22241" s="5" t="s">
        <v>40</v>
      </c>
      <c r="R22241" s="5" t="s">
        <v>1522</v>
      </c>
      <c r="S22241" s="5" t="s">
        <v>1523</v>
      </c>
      <c r="T22241" s="5" t="s">
        <v>42</v>
      </c>
      <c r="U22241" s="2">
        <v>1.9219999999999999</v>
      </c>
      <c r="V22241" s="2">
        <v>1.5589999999999999</v>
      </c>
      <c r="W22241" s="2">
        <v>1.0999999999999999E-2</v>
      </c>
      <c r="X22241" s="2">
        <v>139.1</v>
      </c>
      <c r="Y22241" s="2">
        <v>7.6</v>
      </c>
      <c r="Z22241" s="2">
        <v>10.6</v>
      </c>
      <c r="AA22241" s="5"/>
      <c r="AB22241" s="5" t="s">
        <v>43</v>
      </c>
      <c r="AC22241" s="5" t="s">
        <v>44</v>
      </c>
      <c r="AD22241" s="2"/>
      <c r="AE22241" s="1"/>
    </row>
    <row r="22242" spans="1:31" ht="14.45">
      <c r="A22242" s="11"/>
      <c r="B22242" s="20"/>
      <c r="C22242" s="2" t="s">
        <v>71594</v>
      </c>
      <c r="D22242" s="14" t="s">
        <v>71595</v>
      </c>
      <c r="E22242" s="2" t="s">
        <v>71596</v>
      </c>
      <c r="F22242" s="2" t="s">
        <v>7589</v>
      </c>
      <c r="G22242" s="8">
        <v>168</v>
      </c>
      <c r="H22242" s="5">
        <v>6</v>
      </c>
      <c r="I22242" s="5" t="s">
        <v>1518</v>
      </c>
      <c r="J22242" s="5" t="s">
        <v>69038</v>
      </c>
      <c r="K22242" s="2" t="s">
        <v>69039</v>
      </c>
      <c r="L22242" s="5" t="s">
        <v>69038</v>
      </c>
      <c r="M22242" s="2" t="s">
        <v>69039</v>
      </c>
      <c r="N22242" s="5" t="s">
        <v>1521</v>
      </c>
      <c r="O22242" s="5" t="s">
        <v>38</v>
      </c>
      <c r="P22242" s="5" t="s">
        <v>39</v>
      </c>
      <c r="Q22242" s="5" t="s">
        <v>40</v>
      </c>
      <c r="R22242" s="5" t="s">
        <v>1522</v>
      </c>
      <c r="S22242" s="5" t="s">
        <v>1523</v>
      </c>
      <c r="T22242" s="5" t="s">
        <v>42</v>
      </c>
      <c r="U22242" s="2">
        <v>1.9219999999999999</v>
      </c>
      <c r="V22242" s="2">
        <v>1.5589999999999999</v>
      </c>
      <c r="W22242" s="2">
        <v>1.0999999999999999E-2</v>
      </c>
      <c r="X22242" s="2">
        <v>139.1</v>
      </c>
      <c r="Y22242" s="2">
        <v>7.6</v>
      </c>
      <c r="Z22242" s="2">
        <v>10.6</v>
      </c>
      <c r="AA22242" s="5"/>
      <c r="AB22242" s="5" t="s">
        <v>43</v>
      </c>
      <c r="AC22242" s="5" t="s">
        <v>44</v>
      </c>
      <c r="AD22242" s="2"/>
      <c r="AE22242" s="1"/>
    </row>
    <row r="22243" spans="1:31" ht="14.45">
      <c r="A22243" s="11"/>
      <c r="B22243" s="20"/>
      <c r="C22243" s="2" t="s">
        <v>71597</v>
      </c>
      <c r="D22243" s="14" t="s">
        <v>71598</v>
      </c>
      <c r="E22243" s="2" t="s">
        <v>71599</v>
      </c>
      <c r="F22243" s="2" t="s">
        <v>7597</v>
      </c>
      <c r="G22243" s="8">
        <v>168</v>
      </c>
      <c r="H22243" s="5">
        <v>6</v>
      </c>
      <c r="I22243" s="5" t="s">
        <v>1518</v>
      </c>
      <c r="J22243" s="5" t="s">
        <v>69038</v>
      </c>
      <c r="K22243" s="2" t="s">
        <v>69039</v>
      </c>
      <c r="L22243" s="5" t="s">
        <v>69038</v>
      </c>
      <c r="M22243" s="2" t="s">
        <v>69039</v>
      </c>
      <c r="N22243" s="5" t="s">
        <v>1521</v>
      </c>
      <c r="O22243" s="5" t="s">
        <v>38</v>
      </c>
      <c r="P22243" s="5" t="s">
        <v>39</v>
      </c>
      <c r="Q22243" s="5" t="s">
        <v>40</v>
      </c>
      <c r="R22243" s="5" t="s">
        <v>1522</v>
      </c>
      <c r="S22243" s="5" t="s">
        <v>1523</v>
      </c>
      <c r="T22243" s="5" t="s">
        <v>42</v>
      </c>
      <c r="U22243" s="2">
        <v>1.9219999999999999</v>
      </c>
      <c r="V22243" s="2">
        <v>1.5589999999999999</v>
      </c>
      <c r="W22243" s="2">
        <v>1.0999999999999999E-2</v>
      </c>
      <c r="X22243" s="2">
        <v>139.1</v>
      </c>
      <c r="Y22243" s="2">
        <v>7.6</v>
      </c>
      <c r="Z22243" s="2">
        <v>10.6</v>
      </c>
      <c r="AA22243" s="5"/>
      <c r="AB22243" s="5" t="s">
        <v>43</v>
      </c>
      <c r="AC22243" s="5" t="s">
        <v>44</v>
      </c>
      <c r="AD22243" s="2"/>
      <c r="AE22243" s="1"/>
    </row>
    <row r="22244" spans="1:31" ht="14.45">
      <c r="A22244" s="11"/>
      <c r="B22244" s="20"/>
      <c r="C22244" s="2" t="s">
        <v>71600</v>
      </c>
      <c r="D22244" s="14" t="s">
        <v>71601</v>
      </c>
      <c r="E22244" s="2" t="s">
        <v>71602</v>
      </c>
      <c r="F22244" s="2" t="s">
        <v>7433</v>
      </c>
      <c r="G22244" s="8">
        <v>168</v>
      </c>
      <c r="H22244" s="5">
        <v>6</v>
      </c>
      <c r="I22244" s="5" t="s">
        <v>1518</v>
      </c>
      <c r="J22244" s="5" t="s">
        <v>69038</v>
      </c>
      <c r="K22244" s="2" t="s">
        <v>69039</v>
      </c>
      <c r="L22244" s="5" t="s">
        <v>69038</v>
      </c>
      <c r="M22244" s="2" t="s">
        <v>69039</v>
      </c>
      <c r="N22244" s="5" t="s">
        <v>1521</v>
      </c>
      <c r="O22244" s="5" t="s">
        <v>38</v>
      </c>
      <c r="P22244" s="5" t="s">
        <v>39</v>
      </c>
      <c r="Q22244" s="5" t="s">
        <v>40</v>
      </c>
      <c r="R22244" s="5" t="s">
        <v>1522</v>
      </c>
      <c r="S22244" s="5" t="s">
        <v>1523</v>
      </c>
      <c r="T22244" s="5" t="s">
        <v>42</v>
      </c>
      <c r="U22244" s="2">
        <v>1.853</v>
      </c>
      <c r="V22244" s="2">
        <v>1.49</v>
      </c>
      <c r="W22244" s="2">
        <v>1.0999999999999999E-2</v>
      </c>
      <c r="X22244" s="2">
        <v>139.1</v>
      </c>
      <c r="Y22244" s="2">
        <v>7.6</v>
      </c>
      <c r="Z22244" s="2">
        <v>10.6</v>
      </c>
      <c r="AA22244" s="5"/>
      <c r="AB22244" s="5" t="s">
        <v>43</v>
      </c>
      <c r="AC22244" s="5" t="s">
        <v>44</v>
      </c>
      <c r="AD22244" s="2"/>
      <c r="AE22244" s="1"/>
    </row>
    <row r="22245" spans="1:31" ht="14.45">
      <c r="A22245" s="11"/>
      <c r="B22245" s="20"/>
      <c r="C22245" s="2" t="s">
        <v>71603</v>
      </c>
      <c r="D22245" s="14" t="s">
        <v>71604</v>
      </c>
      <c r="E22245" s="2" t="s">
        <v>71605</v>
      </c>
      <c r="F22245" s="2" t="s">
        <v>7611</v>
      </c>
      <c r="G22245" s="8">
        <v>168</v>
      </c>
      <c r="H22245" s="5">
        <v>6</v>
      </c>
      <c r="I22245" s="5" t="s">
        <v>1518</v>
      </c>
      <c r="J22245" s="5" t="s">
        <v>69038</v>
      </c>
      <c r="K22245" s="2" t="s">
        <v>69039</v>
      </c>
      <c r="L22245" s="5" t="s">
        <v>69038</v>
      </c>
      <c r="M22245" s="2" t="s">
        <v>69039</v>
      </c>
      <c r="N22245" s="5" t="s">
        <v>1521</v>
      </c>
      <c r="O22245" s="5" t="s">
        <v>38</v>
      </c>
      <c r="P22245" s="5" t="s">
        <v>39</v>
      </c>
      <c r="Q22245" s="5" t="s">
        <v>40</v>
      </c>
      <c r="R22245" s="5" t="s">
        <v>1522</v>
      </c>
      <c r="S22245" s="5" t="s">
        <v>1523</v>
      </c>
      <c r="T22245" s="5" t="s">
        <v>42</v>
      </c>
      <c r="U22245" s="2">
        <v>1.9219999999999999</v>
      </c>
      <c r="V22245" s="2">
        <v>1.5589999999999999</v>
      </c>
      <c r="W22245" s="2">
        <v>1.0999999999999999E-2</v>
      </c>
      <c r="X22245" s="2">
        <v>139.1</v>
      </c>
      <c r="Y22245" s="2">
        <v>7.6</v>
      </c>
      <c r="Z22245" s="2">
        <v>10.6</v>
      </c>
      <c r="AA22245" s="5"/>
      <c r="AB22245" s="5" t="s">
        <v>43</v>
      </c>
      <c r="AC22245" s="5" t="s">
        <v>44</v>
      </c>
      <c r="AD22245" s="2"/>
      <c r="AE22245" s="1"/>
    </row>
    <row r="22246" spans="1:31" ht="14.45">
      <c r="A22246" s="11"/>
      <c r="B22246" s="20"/>
      <c r="C22246" s="2" t="s">
        <v>71606</v>
      </c>
      <c r="D22246" s="14" t="s">
        <v>71607</v>
      </c>
      <c r="E22246" s="2" t="s">
        <v>71608</v>
      </c>
      <c r="F22246" s="2" t="s">
        <v>7615</v>
      </c>
      <c r="G22246" s="8">
        <v>168</v>
      </c>
      <c r="H22246" s="5">
        <v>6</v>
      </c>
      <c r="I22246" s="5" t="s">
        <v>1518</v>
      </c>
      <c r="J22246" s="5" t="s">
        <v>69038</v>
      </c>
      <c r="K22246" s="2" t="s">
        <v>69039</v>
      </c>
      <c r="L22246" s="5" t="s">
        <v>69038</v>
      </c>
      <c r="M22246" s="2" t="s">
        <v>69039</v>
      </c>
      <c r="N22246" s="5" t="s">
        <v>1521</v>
      </c>
      <c r="O22246" s="5" t="s">
        <v>38</v>
      </c>
      <c r="P22246" s="5" t="s">
        <v>39</v>
      </c>
      <c r="Q22246" s="5" t="s">
        <v>40</v>
      </c>
      <c r="R22246" s="5" t="s">
        <v>1522</v>
      </c>
      <c r="S22246" s="5" t="s">
        <v>1523</v>
      </c>
      <c r="T22246" s="5" t="s">
        <v>42</v>
      </c>
      <c r="U22246" s="2">
        <v>1.853</v>
      </c>
      <c r="V22246" s="2">
        <v>1.49</v>
      </c>
      <c r="W22246" s="2">
        <v>1.0999999999999999E-2</v>
      </c>
      <c r="X22246" s="2">
        <v>139.1</v>
      </c>
      <c r="Y22246" s="2">
        <v>7.6</v>
      </c>
      <c r="Z22246" s="2">
        <v>10.6</v>
      </c>
      <c r="AA22246" s="5"/>
      <c r="AB22246" s="5" t="s">
        <v>43</v>
      </c>
      <c r="AC22246" s="5" t="s">
        <v>44</v>
      </c>
      <c r="AD22246" s="2"/>
      <c r="AE22246" s="1"/>
    </row>
    <row r="22247" spans="1:31" ht="14.45">
      <c r="A22247" s="11"/>
      <c r="B22247" s="20"/>
      <c r="C22247" s="2" t="s">
        <v>71609</v>
      </c>
      <c r="D22247" s="14" t="s">
        <v>71610</v>
      </c>
      <c r="E22247" s="2" t="s">
        <v>71611</v>
      </c>
      <c r="F22247" s="2" t="s">
        <v>7619</v>
      </c>
      <c r="G22247" s="8">
        <v>168</v>
      </c>
      <c r="H22247" s="5">
        <v>6</v>
      </c>
      <c r="I22247" s="5" t="s">
        <v>1518</v>
      </c>
      <c r="J22247" s="5" t="s">
        <v>69038</v>
      </c>
      <c r="K22247" s="2" t="s">
        <v>69039</v>
      </c>
      <c r="L22247" s="5" t="s">
        <v>69038</v>
      </c>
      <c r="M22247" s="2" t="s">
        <v>69039</v>
      </c>
      <c r="N22247" s="5" t="s">
        <v>1521</v>
      </c>
      <c r="O22247" s="5" t="s">
        <v>38</v>
      </c>
      <c r="P22247" s="5" t="s">
        <v>39</v>
      </c>
      <c r="Q22247" s="5" t="s">
        <v>40</v>
      </c>
      <c r="R22247" s="5" t="s">
        <v>1522</v>
      </c>
      <c r="S22247" s="5" t="s">
        <v>1523</v>
      </c>
      <c r="T22247" s="5" t="s">
        <v>42</v>
      </c>
      <c r="U22247" s="2">
        <v>1.9219999999999999</v>
      </c>
      <c r="V22247" s="2">
        <v>1.5589999999999999</v>
      </c>
      <c r="W22247" s="2">
        <v>1.0999999999999999E-2</v>
      </c>
      <c r="X22247" s="2">
        <v>139.1</v>
      </c>
      <c r="Y22247" s="2">
        <v>7.6</v>
      </c>
      <c r="Z22247" s="2">
        <v>10.6</v>
      </c>
      <c r="AA22247" s="5"/>
      <c r="AB22247" s="5" t="s">
        <v>43</v>
      </c>
      <c r="AC22247" s="5" t="s">
        <v>44</v>
      </c>
      <c r="AD22247" s="2"/>
      <c r="AE22247" s="1"/>
    </row>
    <row r="22248" spans="1:31" ht="14.45">
      <c r="A22248" s="11"/>
      <c r="B22248" s="20"/>
      <c r="C22248" s="2" t="s">
        <v>71612</v>
      </c>
      <c r="D22248" s="14" t="s">
        <v>71613</v>
      </c>
      <c r="E22248" s="2" t="s">
        <v>71614</v>
      </c>
      <c r="F22248" s="2" t="s">
        <v>7212</v>
      </c>
      <c r="G22248" s="8">
        <v>146</v>
      </c>
      <c r="H22248" s="5">
        <v>6</v>
      </c>
      <c r="I22248" s="5" t="s">
        <v>1518</v>
      </c>
      <c r="J22248" s="5" t="s">
        <v>69038</v>
      </c>
      <c r="K22248" s="2" t="s">
        <v>69039</v>
      </c>
      <c r="L22248" s="5" t="s">
        <v>69038</v>
      </c>
      <c r="M22248" s="2" t="s">
        <v>69039</v>
      </c>
      <c r="N22248" s="5" t="s">
        <v>1521</v>
      </c>
      <c r="O22248" s="5" t="s">
        <v>38</v>
      </c>
      <c r="P22248" s="5" t="s">
        <v>39</v>
      </c>
      <c r="Q22248" s="5" t="s">
        <v>40</v>
      </c>
      <c r="R22248" s="5" t="s">
        <v>1522</v>
      </c>
      <c r="S22248" s="5" t="s">
        <v>1523</v>
      </c>
      <c r="T22248" s="5" t="s">
        <v>42</v>
      </c>
      <c r="U22248" s="2">
        <v>1.853</v>
      </c>
      <c r="V22248" s="2">
        <v>1.49</v>
      </c>
      <c r="W22248" s="2">
        <v>1.0999999999999999E-2</v>
      </c>
      <c r="X22248" s="2">
        <v>139.1</v>
      </c>
      <c r="Y22248" s="2">
        <v>7.6</v>
      </c>
      <c r="Z22248" s="2">
        <v>10.6</v>
      </c>
      <c r="AA22248" s="5"/>
      <c r="AB22248" s="5" t="s">
        <v>43</v>
      </c>
      <c r="AC22248" s="5" t="s">
        <v>44</v>
      </c>
      <c r="AD22248" s="2"/>
      <c r="AE22248" s="1"/>
    </row>
    <row r="22249" spans="1:31" ht="14.45">
      <c r="A22249" s="11"/>
      <c r="B22249" s="20"/>
      <c r="C22249" s="2" t="s">
        <v>71615</v>
      </c>
      <c r="D22249" s="14" t="s">
        <v>71616</v>
      </c>
      <c r="E22249" s="2" t="s">
        <v>71617</v>
      </c>
      <c r="F22249" s="2" t="s">
        <v>7528</v>
      </c>
      <c r="G22249" s="8">
        <v>146</v>
      </c>
      <c r="H22249" s="5">
        <v>6</v>
      </c>
      <c r="I22249" s="5" t="s">
        <v>1518</v>
      </c>
      <c r="J22249" s="5" t="s">
        <v>69038</v>
      </c>
      <c r="K22249" s="2" t="s">
        <v>69039</v>
      </c>
      <c r="L22249" s="5" t="s">
        <v>69038</v>
      </c>
      <c r="M22249" s="2" t="s">
        <v>69039</v>
      </c>
      <c r="N22249" s="5" t="s">
        <v>1521</v>
      </c>
      <c r="O22249" s="5" t="s">
        <v>38</v>
      </c>
      <c r="P22249" s="5" t="s">
        <v>39</v>
      </c>
      <c r="Q22249" s="5" t="s">
        <v>40</v>
      </c>
      <c r="R22249" s="5" t="s">
        <v>1522</v>
      </c>
      <c r="S22249" s="5" t="s">
        <v>1523</v>
      </c>
      <c r="T22249" s="5" t="s">
        <v>42</v>
      </c>
      <c r="U22249" s="2">
        <v>1.9219999999999999</v>
      </c>
      <c r="V22249" s="2">
        <v>1.5589999999999999</v>
      </c>
      <c r="W22249" s="2">
        <v>1.0999999999999999E-2</v>
      </c>
      <c r="X22249" s="2">
        <v>139.1</v>
      </c>
      <c r="Y22249" s="2">
        <v>7.6</v>
      </c>
      <c r="Z22249" s="2">
        <v>10.6</v>
      </c>
      <c r="AA22249" s="5"/>
      <c r="AB22249" s="5" t="s">
        <v>43</v>
      </c>
      <c r="AC22249" s="5" t="s">
        <v>44</v>
      </c>
      <c r="AD22249" s="2"/>
      <c r="AE22249" s="1"/>
    </row>
    <row r="22250" spans="1:31" ht="14.45">
      <c r="A22250" s="11"/>
      <c r="B22250" s="20"/>
      <c r="C22250" s="2" t="s">
        <v>71618</v>
      </c>
      <c r="D22250" s="14" t="s">
        <v>71619</v>
      </c>
      <c r="E22250" s="2" t="s">
        <v>71620</v>
      </c>
      <c r="F22250" s="2" t="s">
        <v>1863</v>
      </c>
      <c r="G22250" s="8">
        <v>168</v>
      </c>
      <c r="H22250" s="5">
        <v>6</v>
      </c>
      <c r="I22250" s="5" t="s">
        <v>1518</v>
      </c>
      <c r="J22250" s="5" t="s">
        <v>69038</v>
      </c>
      <c r="K22250" s="2" t="s">
        <v>69039</v>
      </c>
      <c r="L22250" s="5" t="s">
        <v>69038</v>
      </c>
      <c r="M22250" s="2" t="s">
        <v>69039</v>
      </c>
      <c r="N22250" s="5" t="s">
        <v>1521</v>
      </c>
      <c r="O22250" s="5" t="s">
        <v>38</v>
      </c>
      <c r="P22250" s="5" t="s">
        <v>39</v>
      </c>
      <c r="Q22250" s="5" t="s">
        <v>40</v>
      </c>
      <c r="R22250" s="5" t="s">
        <v>1522</v>
      </c>
      <c r="S22250" s="5" t="s">
        <v>1523</v>
      </c>
      <c r="T22250" s="5" t="s">
        <v>42</v>
      </c>
      <c r="U22250" s="2">
        <v>1.853</v>
      </c>
      <c r="V22250" s="2">
        <v>1.49</v>
      </c>
      <c r="W22250" s="2">
        <v>1.0999999999999999E-2</v>
      </c>
      <c r="X22250" s="2">
        <v>139.1</v>
      </c>
      <c r="Y22250" s="2">
        <v>7.6</v>
      </c>
      <c r="Z22250" s="2">
        <v>10.6</v>
      </c>
      <c r="AA22250" s="5"/>
      <c r="AB22250" s="5" t="s">
        <v>43</v>
      </c>
      <c r="AC22250" s="5" t="s">
        <v>44</v>
      </c>
      <c r="AD22250" s="2"/>
      <c r="AE22250" s="1"/>
    </row>
    <row r="22251" spans="1:31" ht="14.45">
      <c r="A22251" s="11"/>
      <c r="B22251" s="20"/>
      <c r="C22251" s="2" t="s">
        <v>71621</v>
      </c>
      <c r="D22251" s="14" t="s">
        <v>71622</v>
      </c>
      <c r="E22251" s="2" t="s">
        <v>71623</v>
      </c>
      <c r="F22251" s="2" t="s">
        <v>1867</v>
      </c>
      <c r="G22251" s="8">
        <v>168</v>
      </c>
      <c r="H22251" s="5">
        <v>6</v>
      </c>
      <c r="I22251" s="5" t="s">
        <v>1518</v>
      </c>
      <c r="J22251" s="5" t="s">
        <v>69038</v>
      </c>
      <c r="K22251" s="2" t="s">
        <v>69039</v>
      </c>
      <c r="L22251" s="5" t="s">
        <v>69038</v>
      </c>
      <c r="M22251" s="2" t="s">
        <v>69039</v>
      </c>
      <c r="N22251" s="5" t="s">
        <v>1521</v>
      </c>
      <c r="O22251" s="5" t="s">
        <v>38</v>
      </c>
      <c r="P22251" s="5" t="s">
        <v>39</v>
      </c>
      <c r="Q22251" s="5" t="s">
        <v>40</v>
      </c>
      <c r="R22251" s="5" t="s">
        <v>1522</v>
      </c>
      <c r="S22251" s="5" t="s">
        <v>1523</v>
      </c>
      <c r="T22251" s="5" t="s">
        <v>42</v>
      </c>
      <c r="U22251" s="2">
        <v>1.9219999999999999</v>
      </c>
      <c r="V22251" s="2">
        <v>1.5589999999999999</v>
      </c>
      <c r="W22251" s="2">
        <v>1.0999999999999999E-2</v>
      </c>
      <c r="X22251" s="2">
        <v>139.1</v>
      </c>
      <c r="Y22251" s="2">
        <v>7.6</v>
      </c>
      <c r="Z22251" s="2">
        <v>10.6</v>
      </c>
      <c r="AA22251" s="5"/>
      <c r="AB22251" s="5" t="s">
        <v>43</v>
      </c>
      <c r="AC22251" s="5" t="s">
        <v>44</v>
      </c>
      <c r="AD22251" s="2"/>
      <c r="AE22251" s="1"/>
    </row>
    <row r="22252" spans="1:31" ht="14.45">
      <c r="A22252" s="11"/>
      <c r="B22252" s="20"/>
      <c r="C22252" s="2" t="s">
        <v>71624</v>
      </c>
      <c r="D22252" s="14" t="s">
        <v>71625</v>
      </c>
      <c r="E22252" s="2" t="s">
        <v>71626</v>
      </c>
      <c r="F22252" s="2" t="s">
        <v>7204</v>
      </c>
      <c r="G22252" s="8">
        <v>158</v>
      </c>
      <c r="H22252" s="5">
        <v>6</v>
      </c>
      <c r="I22252" s="5" t="s">
        <v>1518</v>
      </c>
      <c r="J22252" s="5" t="s">
        <v>69038</v>
      </c>
      <c r="K22252" s="2" t="s">
        <v>69039</v>
      </c>
      <c r="L22252" s="5" t="s">
        <v>69038</v>
      </c>
      <c r="M22252" s="2" t="s">
        <v>69039</v>
      </c>
      <c r="N22252" s="5" t="s">
        <v>1521</v>
      </c>
      <c r="O22252" s="5" t="s">
        <v>38</v>
      </c>
      <c r="P22252" s="5" t="s">
        <v>39</v>
      </c>
      <c r="Q22252" s="5" t="s">
        <v>40</v>
      </c>
      <c r="R22252" s="5" t="s">
        <v>1522</v>
      </c>
      <c r="S22252" s="5" t="s">
        <v>1523</v>
      </c>
      <c r="T22252" s="5" t="s">
        <v>42</v>
      </c>
      <c r="U22252" s="2">
        <v>2.1120000000000001</v>
      </c>
      <c r="V22252" s="2">
        <v>1.7490000000000001</v>
      </c>
      <c r="W22252" s="2">
        <v>1.0999999999999999E-2</v>
      </c>
      <c r="X22252" s="2">
        <v>139.1</v>
      </c>
      <c r="Y22252" s="2">
        <v>7.6</v>
      </c>
      <c r="Z22252" s="2">
        <v>10.6</v>
      </c>
      <c r="AA22252" s="5"/>
      <c r="AB22252" s="5" t="s">
        <v>43</v>
      </c>
      <c r="AC22252" s="5" t="s">
        <v>44</v>
      </c>
      <c r="AD22252" s="2"/>
      <c r="AE22252" s="1"/>
    </row>
    <row r="22253" spans="1:31" ht="14.45">
      <c r="A22253" s="11"/>
      <c r="B22253" s="20"/>
      <c r="C22253" s="2" t="s">
        <v>71627</v>
      </c>
      <c r="D22253" s="14" t="s">
        <v>71628</v>
      </c>
      <c r="E22253" s="2" t="s">
        <v>71629</v>
      </c>
      <c r="F22253" s="2" t="s">
        <v>7514</v>
      </c>
      <c r="G22253" s="8">
        <v>158</v>
      </c>
      <c r="H22253" s="5">
        <v>6</v>
      </c>
      <c r="I22253" s="5" t="s">
        <v>1518</v>
      </c>
      <c r="J22253" s="5" t="s">
        <v>69038</v>
      </c>
      <c r="K22253" s="2" t="s">
        <v>69039</v>
      </c>
      <c r="L22253" s="5" t="s">
        <v>69038</v>
      </c>
      <c r="M22253" s="2" t="s">
        <v>69039</v>
      </c>
      <c r="N22253" s="5" t="s">
        <v>1521</v>
      </c>
      <c r="O22253" s="5" t="s">
        <v>38</v>
      </c>
      <c r="P22253" s="5" t="s">
        <v>39</v>
      </c>
      <c r="Q22253" s="5" t="s">
        <v>40</v>
      </c>
      <c r="R22253" s="5" t="s">
        <v>1522</v>
      </c>
      <c r="S22253" s="5" t="s">
        <v>1523</v>
      </c>
      <c r="T22253" s="5" t="s">
        <v>42</v>
      </c>
      <c r="U22253" s="2">
        <v>2.202</v>
      </c>
      <c r="V22253" s="2">
        <v>1.839</v>
      </c>
      <c r="W22253" s="2">
        <v>1.0999999999999999E-2</v>
      </c>
      <c r="X22253" s="2">
        <v>139.1</v>
      </c>
      <c r="Y22253" s="2">
        <v>7.6</v>
      </c>
      <c r="Z22253" s="2">
        <v>10.6</v>
      </c>
      <c r="AA22253" s="5"/>
      <c r="AB22253" s="5" t="s">
        <v>43</v>
      </c>
      <c r="AC22253" s="5" t="s">
        <v>44</v>
      </c>
      <c r="AD22253" s="2"/>
      <c r="AE22253" s="1"/>
    </row>
    <row r="22254" spans="1:31" ht="14.45">
      <c r="A22254" s="11"/>
      <c r="B22254" s="20"/>
      <c r="C22254" s="2" t="s">
        <v>71630</v>
      </c>
      <c r="D22254" s="14" t="s">
        <v>71631</v>
      </c>
      <c r="E22254" s="2" t="s">
        <v>71632</v>
      </c>
      <c r="F22254" s="2" t="s">
        <v>7208</v>
      </c>
      <c r="G22254" s="8">
        <v>158</v>
      </c>
      <c r="H22254" s="5">
        <v>6</v>
      </c>
      <c r="I22254" s="5" t="s">
        <v>1518</v>
      </c>
      <c r="J22254" s="5" t="s">
        <v>69038</v>
      </c>
      <c r="K22254" s="2" t="s">
        <v>69039</v>
      </c>
      <c r="L22254" s="5" t="s">
        <v>69038</v>
      </c>
      <c r="M22254" s="2" t="s">
        <v>69039</v>
      </c>
      <c r="N22254" s="5" t="s">
        <v>1521</v>
      </c>
      <c r="O22254" s="5" t="s">
        <v>38</v>
      </c>
      <c r="P22254" s="5" t="s">
        <v>39</v>
      </c>
      <c r="Q22254" s="5" t="s">
        <v>40</v>
      </c>
      <c r="R22254" s="5" t="s">
        <v>1522</v>
      </c>
      <c r="S22254" s="5" t="s">
        <v>1523</v>
      </c>
      <c r="T22254" s="5" t="s">
        <v>42</v>
      </c>
      <c r="U22254" s="2">
        <v>2.1120000000000001</v>
      </c>
      <c r="V22254" s="2">
        <v>1.7490000000000001</v>
      </c>
      <c r="W22254" s="2">
        <v>1.0999999999999999E-2</v>
      </c>
      <c r="X22254" s="2">
        <v>139.1</v>
      </c>
      <c r="Y22254" s="2">
        <v>7.6</v>
      </c>
      <c r="Z22254" s="2">
        <v>10.6</v>
      </c>
      <c r="AA22254" s="5"/>
      <c r="AB22254" s="5" t="s">
        <v>43</v>
      </c>
      <c r="AC22254" s="5" t="s">
        <v>44</v>
      </c>
      <c r="AD22254" s="2"/>
      <c r="AE22254" s="1"/>
    </row>
    <row r="22255" spans="1:31" ht="14.45">
      <c r="A22255" s="11"/>
      <c r="B22255" s="20"/>
      <c r="C22255" s="2" t="s">
        <v>71633</v>
      </c>
      <c r="D22255" s="14" t="s">
        <v>71634</v>
      </c>
      <c r="E22255" s="2" t="s">
        <v>71635</v>
      </c>
      <c r="F22255" s="2" t="s">
        <v>7521</v>
      </c>
      <c r="G22255" s="8">
        <v>158</v>
      </c>
      <c r="H22255" s="5">
        <v>6</v>
      </c>
      <c r="I22255" s="5" t="s">
        <v>1518</v>
      </c>
      <c r="J22255" s="5" t="s">
        <v>69038</v>
      </c>
      <c r="K22255" s="2" t="s">
        <v>69039</v>
      </c>
      <c r="L22255" s="5" t="s">
        <v>69038</v>
      </c>
      <c r="M22255" s="2" t="s">
        <v>69039</v>
      </c>
      <c r="N22255" s="5" t="s">
        <v>1521</v>
      </c>
      <c r="O22255" s="5" t="s">
        <v>38</v>
      </c>
      <c r="P22255" s="5" t="s">
        <v>39</v>
      </c>
      <c r="Q22255" s="5" t="s">
        <v>40</v>
      </c>
      <c r="R22255" s="5" t="s">
        <v>1522</v>
      </c>
      <c r="S22255" s="5" t="s">
        <v>1523</v>
      </c>
      <c r="T22255" s="5" t="s">
        <v>42</v>
      </c>
      <c r="U22255" s="2">
        <v>2.202</v>
      </c>
      <c r="V22255" s="2">
        <v>1.839</v>
      </c>
      <c r="W22255" s="2">
        <v>1.0999999999999999E-2</v>
      </c>
      <c r="X22255" s="2">
        <v>139.1</v>
      </c>
      <c r="Y22255" s="2">
        <v>7.6</v>
      </c>
      <c r="Z22255" s="2">
        <v>10.6</v>
      </c>
      <c r="AA22255" s="5"/>
      <c r="AB22255" s="5" t="s">
        <v>43</v>
      </c>
      <c r="AC22255" s="5" t="s">
        <v>44</v>
      </c>
      <c r="AD22255" s="2"/>
      <c r="AE22255" s="1"/>
    </row>
    <row r="22256" spans="1:31" ht="14.45">
      <c r="A22256" s="11"/>
      <c r="B22256" s="20"/>
      <c r="C22256" s="2" t="s">
        <v>71636</v>
      </c>
      <c r="D22256" s="14" t="s">
        <v>71637</v>
      </c>
      <c r="E22256" s="2" t="s">
        <v>71638</v>
      </c>
      <c r="F22256" s="2" t="s">
        <v>7406</v>
      </c>
      <c r="G22256" s="8">
        <v>182</v>
      </c>
      <c r="H22256" s="5">
        <v>6</v>
      </c>
      <c r="I22256" s="5" t="s">
        <v>1518</v>
      </c>
      <c r="J22256" s="5" t="s">
        <v>69038</v>
      </c>
      <c r="K22256" s="2" t="s">
        <v>69039</v>
      </c>
      <c r="L22256" s="5" t="s">
        <v>69038</v>
      </c>
      <c r="M22256" s="2" t="s">
        <v>69039</v>
      </c>
      <c r="N22256" s="5" t="s">
        <v>1521</v>
      </c>
      <c r="O22256" s="5" t="s">
        <v>38</v>
      </c>
      <c r="P22256" s="5" t="s">
        <v>39</v>
      </c>
      <c r="Q22256" s="5" t="s">
        <v>40</v>
      </c>
      <c r="R22256" s="5" t="s">
        <v>1522</v>
      </c>
      <c r="S22256" s="5" t="s">
        <v>1523</v>
      </c>
      <c r="T22256" s="5" t="s">
        <v>42</v>
      </c>
      <c r="U22256" s="2">
        <v>2.1120000000000001</v>
      </c>
      <c r="V22256" s="2">
        <v>1.7490000000000001</v>
      </c>
      <c r="W22256" s="2">
        <v>1.0999999999999999E-2</v>
      </c>
      <c r="X22256" s="2">
        <v>139.1</v>
      </c>
      <c r="Y22256" s="2">
        <v>7.6</v>
      </c>
      <c r="Z22256" s="2">
        <v>10.6</v>
      </c>
      <c r="AA22256" s="5"/>
      <c r="AB22256" s="5" t="s">
        <v>43</v>
      </c>
      <c r="AC22256" s="5" t="s">
        <v>44</v>
      </c>
      <c r="AD22256" s="2"/>
      <c r="AE22256" s="1"/>
    </row>
    <row r="22257" spans="1:31" ht="14.45">
      <c r="A22257" s="11"/>
      <c r="B22257" s="20"/>
      <c r="C22257" s="2" t="s">
        <v>71639</v>
      </c>
      <c r="D22257" s="14" t="s">
        <v>71640</v>
      </c>
      <c r="E22257" s="2" t="s">
        <v>71641</v>
      </c>
      <c r="F22257" s="2" t="s">
        <v>7535</v>
      </c>
      <c r="G22257" s="8">
        <v>182</v>
      </c>
      <c r="H22257" s="5">
        <v>6</v>
      </c>
      <c r="I22257" s="5" t="s">
        <v>1518</v>
      </c>
      <c r="J22257" s="5" t="s">
        <v>69038</v>
      </c>
      <c r="K22257" s="2" t="s">
        <v>69039</v>
      </c>
      <c r="L22257" s="5" t="s">
        <v>69038</v>
      </c>
      <c r="M22257" s="2" t="s">
        <v>69039</v>
      </c>
      <c r="N22257" s="5" t="s">
        <v>1521</v>
      </c>
      <c r="O22257" s="5" t="s">
        <v>38</v>
      </c>
      <c r="P22257" s="5" t="s">
        <v>39</v>
      </c>
      <c r="Q22257" s="5" t="s">
        <v>40</v>
      </c>
      <c r="R22257" s="5" t="s">
        <v>1522</v>
      </c>
      <c r="S22257" s="5" t="s">
        <v>1523</v>
      </c>
      <c r="T22257" s="5" t="s">
        <v>42</v>
      </c>
      <c r="U22257" s="2">
        <v>2.202</v>
      </c>
      <c r="V22257" s="2">
        <v>1.839</v>
      </c>
      <c r="W22257" s="2">
        <v>1.0999999999999999E-2</v>
      </c>
      <c r="X22257" s="2">
        <v>139.1</v>
      </c>
      <c r="Y22257" s="2">
        <v>7.6</v>
      </c>
      <c r="Z22257" s="2">
        <v>10.6</v>
      </c>
      <c r="AA22257" s="5"/>
      <c r="AB22257" s="5" t="s">
        <v>43</v>
      </c>
      <c r="AC22257" s="5" t="s">
        <v>44</v>
      </c>
      <c r="AD22257" s="2"/>
      <c r="AE22257" s="1"/>
    </row>
    <row r="22258" spans="1:31" ht="14.45">
      <c r="A22258" s="11"/>
      <c r="B22258" s="20"/>
      <c r="C22258" s="2" t="s">
        <v>71642</v>
      </c>
      <c r="D22258" s="14" t="s">
        <v>71643</v>
      </c>
      <c r="E22258" s="2" t="s">
        <v>71644</v>
      </c>
      <c r="F22258" s="2" t="s">
        <v>7539</v>
      </c>
      <c r="G22258" s="8">
        <v>182</v>
      </c>
      <c r="H22258" s="5">
        <v>6</v>
      </c>
      <c r="I22258" s="5" t="s">
        <v>1518</v>
      </c>
      <c r="J22258" s="5" t="s">
        <v>69038</v>
      </c>
      <c r="K22258" s="2" t="s">
        <v>69039</v>
      </c>
      <c r="L22258" s="5" t="s">
        <v>69038</v>
      </c>
      <c r="M22258" s="2" t="s">
        <v>69039</v>
      </c>
      <c r="N22258" s="5" t="s">
        <v>1521</v>
      </c>
      <c r="O22258" s="5" t="s">
        <v>38</v>
      </c>
      <c r="P22258" s="5" t="s">
        <v>39</v>
      </c>
      <c r="Q22258" s="5" t="s">
        <v>40</v>
      </c>
      <c r="R22258" s="5" t="s">
        <v>1522</v>
      </c>
      <c r="S22258" s="5" t="s">
        <v>1523</v>
      </c>
      <c r="T22258" s="5" t="s">
        <v>42</v>
      </c>
      <c r="U22258" s="2">
        <v>2.1120000000000001</v>
      </c>
      <c r="V22258" s="2">
        <v>1.7490000000000001</v>
      </c>
      <c r="W22258" s="2">
        <v>1.0999999999999999E-2</v>
      </c>
      <c r="X22258" s="2">
        <v>139.1</v>
      </c>
      <c r="Y22258" s="2">
        <v>7.6</v>
      </c>
      <c r="Z22258" s="2">
        <v>10.6</v>
      </c>
      <c r="AA22258" s="5"/>
      <c r="AB22258" s="5" t="s">
        <v>43</v>
      </c>
      <c r="AC22258" s="5" t="s">
        <v>44</v>
      </c>
      <c r="AD22258" s="2"/>
      <c r="AE22258" s="1"/>
    </row>
    <row r="22259" spans="1:31" ht="14.45">
      <c r="A22259" s="11"/>
      <c r="B22259" s="20"/>
      <c r="C22259" s="2" t="s">
        <v>71645</v>
      </c>
      <c r="D22259" s="14" t="s">
        <v>71646</v>
      </c>
      <c r="E22259" s="2" t="s">
        <v>71647</v>
      </c>
      <c r="F22259" s="2" t="s">
        <v>7543</v>
      </c>
      <c r="G22259" s="8">
        <v>182</v>
      </c>
      <c r="H22259" s="5">
        <v>6</v>
      </c>
      <c r="I22259" s="5" t="s">
        <v>1518</v>
      </c>
      <c r="J22259" s="5" t="s">
        <v>69038</v>
      </c>
      <c r="K22259" s="2" t="s">
        <v>69039</v>
      </c>
      <c r="L22259" s="5" t="s">
        <v>69038</v>
      </c>
      <c r="M22259" s="2" t="s">
        <v>69039</v>
      </c>
      <c r="N22259" s="5" t="s">
        <v>1521</v>
      </c>
      <c r="O22259" s="5" t="s">
        <v>38</v>
      </c>
      <c r="P22259" s="5" t="s">
        <v>39</v>
      </c>
      <c r="Q22259" s="5" t="s">
        <v>40</v>
      </c>
      <c r="R22259" s="5" t="s">
        <v>1522</v>
      </c>
      <c r="S22259" s="5" t="s">
        <v>1523</v>
      </c>
      <c r="T22259" s="5" t="s">
        <v>42</v>
      </c>
      <c r="U22259" s="2">
        <v>2.202</v>
      </c>
      <c r="V22259" s="2">
        <v>1.839</v>
      </c>
      <c r="W22259" s="2">
        <v>1.0999999999999999E-2</v>
      </c>
      <c r="X22259" s="2">
        <v>139.1</v>
      </c>
      <c r="Y22259" s="2">
        <v>7.6</v>
      </c>
      <c r="Z22259" s="2">
        <v>10.6</v>
      </c>
      <c r="AA22259" s="5"/>
      <c r="AB22259" s="5" t="s">
        <v>43</v>
      </c>
      <c r="AC22259" s="5" t="s">
        <v>44</v>
      </c>
      <c r="AD22259" s="2"/>
      <c r="AE22259" s="1"/>
    </row>
    <row r="22260" spans="1:31" ht="14.45">
      <c r="A22260" s="11"/>
      <c r="B22260" s="20"/>
      <c r="C22260" s="2" t="s">
        <v>71648</v>
      </c>
      <c r="D22260" s="14" t="s">
        <v>71649</v>
      </c>
      <c r="E22260" s="2" t="s">
        <v>71650</v>
      </c>
      <c r="F22260" s="2" t="s">
        <v>7396</v>
      </c>
      <c r="G22260" s="8">
        <v>158</v>
      </c>
      <c r="H22260" s="5">
        <v>6</v>
      </c>
      <c r="I22260" s="5" t="s">
        <v>1518</v>
      </c>
      <c r="J22260" s="5" t="s">
        <v>69038</v>
      </c>
      <c r="K22260" s="2" t="s">
        <v>69039</v>
      </c>
      <c r="L22260" s="5" t="s">
        <v>69038</v>
      </c>
      <c r="M22260" s="2" t="s">
        <v>69039</v>
      </c>
      <c r="N22260" s="5" t="s">
        <v>1521</v>
      </c>
      <c r="O22260" s="5" t="s">
        <v>38</v>
      </c>
      <c r="P22260" s="5" t="s">
        <v>39</v>
      </c>
      <c r="Q22260" s="5" t="s">
        <v>40</v>
      </c>
      <c r="R22260" s="5" t="s">
        <v>1522</v>
      </c>
      <c r="S22260" s="5" t="s">
        <v>1523</v>
      </c>
      <c r="T22260" s="5" t="s">
        <v>42</v>
      </c>
      <c r="U22260" s="2">
        <v>2.1120000000000001</v>
      </c>
      <c r="V22260" s="2">
        <v>1.7490000000000001</v>
      </c>
      <c r="W22260" s="2">
        <v>1.0999999999999999E-2</v>
      </c>
      <c r="X22260" s="2">
        <v>139.1</v>
      </c>
      <c r="Y22260" s="2">
        <v>7.6</v>
      </c>
      <c r="Z22260" s="2">
        <v>10.6</v>
      </c>
      <c r="AA22260" s="5"/>
      <c r="AB22260" s="5" t="s">
        <v>43</v>
      </c>
      <c r="AC22260" s="5" t="s">
        <v>44</v>
      </c>
      <c r="AD22260" s="2"/>
      <c r="AE22260" s="1"/>
    </row>
    <row r="22261" spans="1:31" ht="14.45">
      <c r="A22261" s="11"/>
      <c r="B22261" s="20"/>
      <c r="C22261" s="2" t="s">
        <v>71651</v>
      </c>
      <c r="D22261" s="14" t="s">
        <v>71652</v>
      </c>
      <c r="E22261" s="2" t="s">
        <v>71653</v>
      </c>
      <c r="F22261" s="2" t="s">
        <v>69112</v>
      </c>
      <c r="G22261" s="8">
        <v>158</v>
      </c>
      <c r="H22261" s="5">
        <v>6</v>
      </c>
      <c r="I22261" s="5" t="s">
        <v>1518</v>
      </c>
      <c r="J22261" s="5" t="s">
        <v>69038</v>
      </c>
      <c r="K22261" s="2" t="s">
        <v>69039</v>
      </c>
      <c r="L22261" s="5" t="s">
        <v>69038</v>
      </c>
      <c r="M22261" s="2" t="s">
        <v>69039</v>
      </c>
      <c r="N22261" s="5" t="s">
        <v>1521</v>
      </c>
      <c r="O22261" s="5" t="s">
        <v>38</v>
      </c>
      <c r="P22261" s="5" t="s">
        <v>39</v>
      </c>
      <c r="Q22261" s="5" t="s">
        <v>40</v>
      </c>
      <c r="R22261" s="5" t="s">
        <v>1522</v>
      </c>
      <c r="S22261" s="5" t="s">
        <v>1523</v>
      </c>
      <c r="T22261" s="5" t="s">
        <v>42</v>
      </c>
      <c r="U22261" s="2">
        <v>2.202</v>
      </c>
      <c r="V22261" s="2">
        <v>1.839</v>
      </c>
      <c r="W22261" s="2">
        <v>1.0999999999999999E-2</v>
      </c>
      <c r="X22261" s="2">
        <v>139.1</v>
      </c>
      <c r="Y22261" s="2">
        <v>7.6</v>
      </c>
      <c r="Z22261" s="2">
        <v>10.6</v>
      </c>
      <c r="AA22261" s="5"/>
      <c r="AB22261" s="5" t="s">
        <v>43</v>
      </c>
      <c r="AC22261" s="5" t="s">
        <v>44</v>
      </c>
      <c r="AD22261" s="2"/>
      <c r="AE22261" s="1"/>
    </row>
    <row r="22262" spans="1:31" ht="14.45">
      <c r="A22262" s="11"/>
      <c r="B22262" s="20"/>
      <c r="C22262" s="2" t="s">
        <v>71654</v>
      </c>
      <c r="D22262" s="14" t="s">
        <v>71655</v>
      </c>
      <c r="E22262" s="2" t="s">
        <v>71656</v>
      </c>
      <c r="F22262" s="2" t="s">
        <v>7567</v>
      </c>
      <c r="G22262" s="8">
        <v>182</v>
      </c>
      <c r="H22262" s="5">
        <v>6</v>
      </c>
      <c r="I22262" s="5" t="s">
        <v>1518</v>
      </c>
      <c r="J22262" s="5" t="s">
        <v>69038</v>
      </c>
      <c r="K22262" s="2" t="s">
        <v>69039</v>
      </c>
      <c r="L22262" s="5" t="s">
        <v>69038</v>
      </c>
      <c r="M22262" s="2" t="s">
        <v>69039</v>
      </c>
      <c r="N22262" s="5" t="s">
        <v>1521</v>
      </c>
      <c r="O22262" s="5" t="s">
        <v>38</v>
      </c>
      <c r="P22262" s="5" t="s">
        <v>39</v>
      </c>
      <c r="Q22262" s="5" t="s">
        <v>40</v>
      </c>
      <c r="R22262" s="5" t="s">
        <v>1522</v>
      </c>
      <c r="S22262" s="5" t="s">
        <v>1523</v>
      </c>
      <c r="T22262" s="5" t="s">
        <v>42</v>
      </c>
      <c r="U22262" s="2">
        <v>2.202</v>
      </c>
      <c r="V22262" s="2">
        <v>1.839</v>
      </c>
      <c r="W22262" s="2">
        <v>1.0999999999999999E-2</v>
      </c>
      <c r="X22262" s="2">
        <v>139.1</v>
      </c>
      <c r="Y22262" s="2">
        <v>7.6</v>
      </c>
      <c r="Z22262" s="2">
        <v>10.6</v>
      </c>
      <c r="AA22262" s="5"/>
      <c r="AB22262" s="5" t="s">
        <v>43</v>
      </c>
      <c r="AC22262" s="5" t="s">
        <v>44</v>
      </c>
      <c r="AD22262" s="2"/>
      <c r="AE22262" s="1"/>
    </row>
    <row r="22263" spans="1:31" ht="14.45">
      <c r="A22263" s="11"/>
      <c r="B22263" s="20"/>
      <c r="C22263" s="2" t="s">
        <v>71657</v>
      </c>
      <c r="D22263" s="14" t="s">
        <v>71658</v>
      </c>
      <c r="E22263" s="2" t="s">
        <v>71659</v>
      </c>
      <c r="F22263" s="2" t="s">
        <v>7555</v>
      </c>
      <c r="G22263" s="8">
        <v>182</v>
      </c>
      <c r="H22263" s="5">
        <v>6</v>
      </c>
      <c r="I22263" s="5" t="s">
        <v>1518</v>
      </c>
      <c r="J22263" s="5" t="s">
        <v>69038</v>
      </c>
      <c r="K22263" s="2" t="s">
        <v>69039</v>
      </c>
      <c r="L22263" s="5" t="s">
        <v>69038</v>
      </c>
      <c r="M22263" s="2" t="s">
        <v>69039</v>
      </c>
      <c r="N22263" s="5" t="s">
        <v>1521</v>
      </c>
      <c r="O22263" s="5" t="s">
        <v>38</v>
      </c>
      <c r="P22263" s="5" t="s">
        <v>39</v>
      </c>
      <c r="Q22263" s="5" t="s">
        <v>40</v>
      </c>
      <c r="R22263" s="5" t="s">
        <v>1522</v>
      </c>
      <c r="S22263" s="5" t="s">
        <v>1523</v>
      </c>
      <c r="T22263" s="5" t="s">
        <v>42</v>
      </c>
      <c r="U22263" s="2">
        <v>2.1120000000000001</v>
      </c>
      <c r="V22263" s="2">
        <v>1.7490000000000001</v>
      </c>
      <c r="W22263" s="2">
        <v>1.0999999999999999E-2</v>
      </c>
      <c r="X22263" s="2">
        <v>139.1</v>
      </c>
      <c r="Y22263" s="2">
        <v>7.6</v>
      </c>
      <c r="Z22263" s="2">
        <v>10.6</v>
      </c>
      <c r="AA22263" s="5"/>
      <c r="AB22263" s="5" t="s">
        <v>43</v>
      </c>
      <c r="AC22263" s="5" t="s">
        <v>44</v>
      </c>
      <c r="AD22263" s="2"/>
      <c r="AE22263" s="1"/>
    </row>
    <row r="22264" spans="1:31" ht="14.45">
      <c r="A22264" s="11"/>
      <c r="B22264" s="20"/>
      <c r="C22264" s="2" t="s">
        <v>71660</v>
      </c>
      <c r="D22264" s="14" t="s">
        <v>71661</v>
      </c>
      <c r="E22264" s="2" t="s">
        <v>71662</v>
      </c>
      <c r="F22264" s="2" t="s">
        <v>7449</v>
      </c>
      <c r="G22264" s="8">
        <v>182</v>
      </c>
      <c r="H22264" s="5">
        <v>6</v>
      </c>
      <c r="I22264" s="5" t="s">
        <v>1518</v>
      </c>
      <c r="J22264" s="5" t="s">
        <v>69038</v>
      </c>
      <c r="K22264" s="2" t="s">
        <v>69039</v>
      </c>
      <c r="L22264" s="5" t="s">
        <v>69038</v>
      </c>
      <c r="M22264" s="2" t="s">
        <v>69039</v>
      </c>
      <c r="N22264" s="5" t="s">
        <v>1521</v>
      </c>
      <c r="O22264" s="5" t="s">
        <v>38</v>
      </c>
      <c r="P22264" s="5" t="s">
        <v>39</v>
      </c>
      <c r="Q22264" s="5" t="s">
        <v>40</v>
      </c>
      <c r="R22264" s="5" t="s">
        <v>1522</v>
      </c>
      <c r="S22264" s="5" t="s">
        <v>1523</v>
      </c>
      <c r="T22264" s="5" t="s">
        <v>42</v>
      </c>
      <c r="U22264" s="2">
        <v>2.1120000000000001</v>
      </c>
      <c r="V22264" s="2">
        <v>1.7490000000000001</v>
      </c>
      <c r="W22264" s="2">
        <v>1.0999999999999999E-2</v>
      </c>
      <c r="X22264" s="2">
        <v>139.1</v>
      </c>
      <c r="Y22264" s="2">
        <v>7.6</v>
      </c>
      <c r="Z22264" s="2">
        <v>10.6</v>
      </c>
      <c r="AA22264" s="5"/>
      <c r="AB22264" s="5" t="s">
        <v>43</v>
      </c>
      <c r="AC22264" s="5" t="s">
        <v>44</v>
      </c>
      <c r="AD22264" s="2"/>
      <c r="AE22264" s="1"/>
    </row>
    <row r="22265" spans="1:31" ht="14.45">
      <c r="A22265" s="11"/>
      <c r="B22265" s="20"/>
      <c r="C22265" s="2" t="s">
        <v>71663</v>
      </c>
      <c r="D22265" s="14" t="s">
        <v>71664</v>
      </c>
      <c r="E22265" s="2" t="s">
        <v>71665</v>
      </c>
      <c r="F22265" s="2" t="s">
        <v>7581</v>
      </c>
      <c r="G22265" s="8">
        <v>182</v>
      </c>
      <c r="H22265" s="5">
        <v>6</v>
      </c>
      <c r="I22265" s="5" t="s">
        <v>1518</v>
      </c>
      <c r="J22265" s="5" t="s">
        <v>69038</v>
      </c>
      <c r="K22265" s="2" t="s">
        <v>69039</v>
      </c>
      <c r="L22265" s="5" t="s">
        <v>69038</v>
      </c>
      <c r="M22265" s="2" t="s">
        <v>69039</v>
      </c>
      <c r="N22265" s="5" t="s">
        <v>1521</v>
      </c>
      <c r="O22265" s="5" t="s">
        <v>38</v>
      </c>
      <c r="P22265" s="5" t="s">
        <v>39</v>
      </c>
      <c r="Q22265" s="5" t="s">
        <v>40</v>
      </c>
      <c r="R22265" s="5" t="s">
        <v>1522</v>
      </c>
      <c r="S22265" s="5" t="s">
        <v>1523</v>
      </c>
      <c r="T22265" s="5" t="s">
        <v>42</v>
      </c>
      <c r="U22265" s="2">
        <v>2.202</v>
      </c>
      <c r="V22265" s="2">
        <v>1.839</v>
      </c>
      <c r="W22265" s="2">
        <v>1.0999999999999999E-2</v>
      </c>
      <c r="X22265" s="2">
        <v>139.1</v>
      </c>
      <c r="Y22265" s="2">
        <v>7.6</v>
      </c>
      <c r="Z22265" s="2">
        <v>10.6</v>
      </c>
      <c r="AA22265" s="5"/>
      <c r="AB22265" s="5" t="s">
        <v>43</v>
      </c>
      <c r="AC22265" s="5" t="s">
        <v>44</v>
      </c>
      <c r="AD22265" s="2"/>
      <c r="AE22265" s="1"/>
    </row>
    <row r="22266" spans="1:31" ht="14.45">
      <c r="A22266" s="11"/>
      <c r="B22266" s="20"/>
      <c r="C22266" s="2" t="s">
        <v>71666</v>
      </c>
      <c r="D22266" s="14" t="s">
        <v>71667</v>
      </c>
      <c r="E22266" s="2" t="s">
        <v>71668</v>
      </c>
      <c r="F22266" s="2" t="s">
        <v>7589</v>
      </c>
      <c r="G22266" s="8">
        <v>182</v>
      </c>
      <c r="H22266" s="5">
        <v>6</v>
      </c>
      <c r="I22266" s="5" t="s">
        <v>1518</v>
      </c>
      <c r="J22266" s="5" t="s">
        <v>69038</v>
      </c>
      <c r="K22266" s="2" t="s">
        <v>69039</v>
      </c>
      <c r="L22266" s="5" t="s">
        <v>69038</v>
      </c>
      <c r="M22266" s="2" t="s">
        <v>69039</v>
      </c>
      <c r="N22266" s="5" t="s">
        <v>1521</v>
      </c>
      <c r="O22266" s="5" t="s">
        <v>38</v>
      </c>
      <c r="P22266" s="5" t="s">
        <v>39</v>
      </c>
      <c r="Q22266" s="5" t="s">
        <v>40</v>
      </c>
      <c r="R22266" s="5" t="s">
        <v>1522</v>
      </c>
      <c r="S22266" s="5" t="s">
        <v>1523</v>
      </c>
      <c r="T22266" s="5" t="s">
        <v>42</v>
      </c>
      <c r="U22266" s="2">
        <v>2.202</v>
      </c>
      <c r="V22266" s="2">
        <v>1.839</v>
      </c>
      <c r="W22266" s="2">
        <v>1.0999999999999999E-2</v>
      </c>
      <c r="X22266" s="2">
        <v>139.1</v>
      </c>
      <c r="Y22266" s="2">
        <v>7.6</v>
      </c>
      <c r="Z22266" s="2">
        <v>10.6</v>
      </c>
      <c r="AA22266" s="5"/>
      <c r="AB22266" s="5" t="s">
        <v>43</v>
      </c>
      <c r="AC22266" s="5" t="s">
        <v>44</v>
      </c>
      <c r="AD22266" s="2"/>
      <c r="AE22266" s="1"/>
    </row>
    <row r="22267" spans="1:31" ht="14.45">
      <c r="A22267" s="11"/>
      <c r="B22267" s="20"/>
      <c r="C22267" s="2" t="s">
        <v>71669</v>
      </c>
      <c r="D22267" s="14" t="s">
        <v>71670</v>
      </c>
      <c r="E22267" s="2" t="s">
        <v>71671</v>
      </c>
      <c r="F22267" s="2" t="s">
        <v>7597</v>
      </c>
      <c r="G22267" s="8">
        <v>182</v>
      </c>
      <c r="H22267" s="5">
        <v>6</v>
      </c>
      <c r="I22267" s="5" t="s">
        <v>1518</v>
      </c>
      <c r="J22267" s="5" t="s">
        <v>69038</v>
      </c>
      <c r="K22267" s="2" t="s">
        <v>69039</v>
      </c>
      <c r="L22267" s="5" t="s">
        <v>69038</v>
      </c>
      <c r="M22267" s="2" t="s">
        <v>69039</v>
      </c>
      <c r="N22267" s="5" t="s">
        <v>1521</v>
      </c>
      <c r="O22267" s="5" t="s">
        <v>38</v>
      </c>
      <c r="P22267" s="5" t="s">
        <v>39</v>
      </c>
      <c r="Q22267" s="5" t="s">
        <v>40</v>
      </c>
      <c r="R22267" s="5" t="s">
        <v>1522</v>
      </c>
      <c r="S22267" s="5" t="s">
        <v>1523</v>
      </c>
      <c r="T22267" s="5" t="s">
        <v>42</v>
      </c>
      <c r="U22267" s="2">
        <v>2.202</v>
      </c>
      <c r="V22267" s="2">
        <v>1.839</v>
      </c>
      <c r="W22267" s="2">
        <v>1.0999999999999999E-2</v>
      </c>
      <c r="X22267" s="2">
        <v>139.1</v>
      </c>
      <c r="Y22267" s="2">
        <v>7.6</v>
      </c>
      <c r="Z22267" s="2">
        <v>10.6</v>
      </c>
      <c r="AA22267" s="5"/>
      <c r="AB22267" s="5" t="s">
        <v>43</v>
      </c>
      <c r="AC22267" s="5" t="s">
        <v>44</v>
      </c>
      <c r="AD22267" s="2"/>
      <c r="AE22267" s="1"/>
    </row>
    <row r="22268" spans="1:31" ht="14.45">
      <c r="A22268" s="11"/>
      <c r="B22268" s="20"/>
      <c r="C22268" s="2" t="s">
        <v>71672</v>
      </c>
      <c r="D22268" s="14" t="s">
        <v>71673</v>
      </c>
      <c r="E22268" s="2" t="s">
        <v>71674</v>
      </c>
      <c r="F22268" s="2" t="s">
        <v>7433</v>
      </c>
      <c r="G22268" s="8">
        <v>182</v>
      </c>
      <c r="H22268" s="5">
        <v>6</v>
      </c>
      <c r="I22268" s="5" t="s">
        <v>1518</v>
      </c>
      <c r="J22268" s="5" t="s">
        <v>69038</v>
      </c>
      <c r="K22268" s="2" t="s">
        <v>69039</v>
      </c>
      <c r="L22268" s="5" t="s">
        <v>69038</v>
      </c>
      <c r="M22268" s="2" t="s">
        <v>69039</v>
      </c>
      <c r="N22268" s="5" t="s">
        <v>1521</v>
      </c>
      <c r="O22268" s="5" t="s">
        <v>38</v>
      </c>
      <c r="P22268" s="5" t="s">
        <v>39</v>
      </c>
      <c r="Q22268" s="5" t="s">
        <v>40</v>
      </c>
      <c r="R22268" s="5" t="s">
        <v>1522</v>
      </c>
      <c r="S22268" s="5" t="s">
        <v>1523</v>
      </c>
      <c r="T22268" s="5" t="s">
        <v>42</v>
      </c>
      <c r="U22268" s="2">
        <v>2.1120000000000001</v>
      </c>
      <c r="V22268" s="2">
        <v>1.7490000000000001</v>
      </c>
      <c r="W22268" s="2">
        <v>1.0999999999999999E-2</v>
      </c>
      <c r="X22268" s="2">
        <v>139.1</v>
      </c>
      <c r="Y22268" s="2">
        <v>7.6</v>
      </c>
      <c r="Z22268" s="2">
        <v>10.6</v>
      </c>
      <c r="AA22268" s="5"/>
      <c r="AB22268" s="5" t="s">
        <v>43</v>
      </c>
      <c r="AC22268" s="5" t="s">
        <v>44</v>
      </c>
      <c r="AD22268" s="2"/>
      <c r="AE22268" s="1"/>
    </row>
    <row r="22269" spans="1:31" ht="14.45">
      <c r="A22269" s="11"/>
      <c r="B22269" s="20"/>
      <c r="C22269" s="2" t="s">
        <v>71675</v>
      </c>
      <c r="D22269" s="14" t="s">
        <v>71676</v>
      </c>
      <c r="E22269" s="2" t="s">
        <v>71677</v>
      </c>
      <c r="F22269" s="2" t="s">
        <v>7611</v>
      </c>
      <c r="G22269" s="8">
        <v>182</v>
      </c>
      <c r="H22269" s="5">
        <v>6</v>
      </c>
      <c r="I22269" s="5" t="s">
        <v>1518</v>
      </c>
      <c r="J22269" s="5" t="s">
        <v>69038</v>
      </c>
      <c r="K22269" s="2" t="s">
        <v>69039</v>
      </c>
      <c r="L22269" s="5" t="s">
        <v>69038</v>
      </c>
      <c r="M22269" s="2" t="s">
        <v>69039</v>
      </c>
      <c r="N22269" s="5" t="s">
        <v>1521</v>
      </c>
      <c r="O22269" s="5" t="s">
        <v>38</v>
      </c>
      <c r="P22269" s="5" t="s">
        <v>39</v>
      </c>
      <c r="Q22269" s="5" t="s">
        <v>40</v>
      </c>
      <c r="R22269" s="5" t="s">
        <v>1522</v>
      </c>
      <c r="S22269" s="5" t="s">
        <v>1523</v>
      </c>
      <c r="T22269" s="5" t="s">
        <v>42</v>
      </c>
      <c r="U22269" s="2">
        <v>2.202</v>
      </c>
      <c r="V22269" s="2">
        <v>1.839</v>
      </c>
      <c r="W22269" s="2">
        <v>1.0999999999999999E-2</v>
      </c>
      <c r="X22269" s="2">
        <v>139.1</v>
      </c>
      <c r="Y22269" s="2">
        <v>7.6</v>
      </c>
      <c r="Z22269" s="2">
        <v>10.6</v>
      </c>
      <c r="AA22269" s="5"/>
      <c r="AB22269" s="5" t="s">
        <v>43</v>
      </c>
      <c r="AC22269" s="5" t="s">
        <v>44</v>
      </c>
      <c r="AD22269" s="2"/>
      <c r="AE22269" s="1"/>
    </row>
    <row r="22270" spans="1:31" ht="14.45">
      <c r="A22270" s="11"/>
      <c r="B22270" s="20"/>
      <c r="C22270" s="2" t="s">
        <v>71678</v>
      </c>
      <c r="D22270" s="14" t="s">
        <v>71679</v>
      </c>
      <c r="E22270" s="2" t="s">
        <v>71680</v>
      </c>
      <c r="F22270" s="2" t="s">
        <v>7615</v>
      </c>
      <c r="G22270" s="8">
        <v>182</v>
      </c>
      <c r="H22270" s="5">
        <v>6</v>
      </c>
      <c r="I22270" s="5" t="s">
        <v>1518</v>
      </c>
      <c r="J22270" s="5" t="s">
        <v>69038</v>
      </c>
      <c r="K22270" s="2" t="s">
        <v>69039</v>
      </c>
      <c r="L22270" s="5" t="s">
        <v>69038</v>
      </c>
      <c r="M22270" s="2" t="s">
        <v>69039</v>
      </c>
      <c r="N22270" s="5" t="s">
        <v>1521</v>
      </c>
      <c r="O22270" s="5" t="s">
        <v>38</v>
      </c>
      <c r="P22270" s="5" t="s">
        <v>39</v>
      </c>
      <c r="Q22270" s="5" t="s">
        <v>40</v>
      </c>
      <c r="R22270" s="5" t="s">
        <v>1522</v>
      </c>
      <c r="S22270" s="5" t="s">
        <v>1523</v>
      </c>
      <c r="T22270" s="5" t="s">
        <v>42</v>
      </c>
      <c r="U22270" s="2">
        <v>2.1120000000000001</v>
      </c>
      <c r="V22270" s="2">
        <v>1.7490000000000001</v>
      </c>
      <c r="W22270" s="2">
        <v>1.0999999999999999E-2</v>
      </c>
      <c r="X22270" s="2">
        <v>139.1</v>
      </c>
      <c r="Y22270" s="2">
        <v>7.6</v>
      </c>
      <c r="Z22270" s="2">
        <v>10.6</v>
      </c>
      <c r="AA22270" s="5"/>
      <c r="AB22270" s="5" t="s">
        <v>43</v>
      </c>
      <c r="AC22270" s="5" t="s">
        <v>44</v>
      </c>
      <c r="AD22270" s="2"/>
      <c r="AE22270" s="1"/>
    </row>
    <row r="22271" spans="1:31" ht="14.45">
      <c r="A22271" s="11"/>
      <c r="B22271" s="20"/>
      <c r="C22271" s="2" t="s">
        <v>71681</v>
      </c>
      <c r="D22271" s="14" t="s">
        <v>71682</v>
      </c>
      <c r="E22271" s="2" t="s">
        <v>71683</v>
      </c>
      <c r="F22271" s="2" t="s">
        <v>7619</v>
      </c>
      <c r="G22271" s="8">
        <v>182</v>
      </c>
      <c r="H22271" s="5">
        <v>6</v>
      </c>
      <c r="I22271" s="5" t="s">
        <v>1518</v>
      </c>
      <c r="J22271" s="5" t="s">
        <v>69038</v>
      </c>
      <c r="K22271" s="2" t="s">
        <v>69039</v>
      </c>
      <c r="L22271" s="5" t="s">
        <v>69038</v>
      </c>
      <c r="M22271" s="2" t="s">
        <v>69039</v>
      </c>
      <c r="N22271" s="5" t="s">
        <v>1521</v>
      </c>
      <c r="O22271" s="5" t="s">
        <v>38</v>
      </c>
      <c r="P22271" s="5" t="s">
        <v>39</v>
      </c>
      <c r="Q22271" s="5" t="s">
        <v>40</v>
      </c>
      <c r="R22271" s="5" t="s">
        <v>1522</v>
      </c>
      <c r="S22271" s="5" t="s">
        <v>1523</v>
      </c>
      <c r="T22271" s="5" t="s">
        <v>42</v>
      </c>
      <c r="U22271" s="2">
        <v>2.202</v>
      </c>
      <c r="V22271" s="2">
        <v>1.839</v>
      </c>
      <c r="W22271" s="2">
        <v>1.0999999999999999E-2</v>
      </c>
      <c r="X22271" s="2">
        <v>139.1</v>
      </c>
      <c r="Y22271" s="2">
        <v>7.6</v>
      </c>
      <c r="Z22271" s="2">
        <v>10.6</v>
      </c>
      <c r="AA22271" s="5"/>
      <c r="AB22271" s="5" t="s">
        <v>43</v>
      </c>
      <c r="AC22271" s="5" t="s">
        <v>44</v>
      </c>
      <c r="AD22271" s="2"/>
      <c r="AE22271" s="1"/>
    </row>
    <row r="22272" spans="1:31" ht="14.45">
      <c r="A22272" s="11"/>
      <c r="B22272" s="20"/>
      <c r="C22272" s="2" t="s">
        <v>71684</v>
      </c>
      <c r="D22272" s="14" t="s">
        <v>71685</v>
      </c>
      <c r="E22272" s="2" t="s">
        <v>71686</v>
      </c>
      <c r="F22272" s="2" t="s">
        <v>7604</v>
      </c>
      <c r="G22272" s="8">
        <v>182</v>
      </c>
      <c r="H22272" s="5">
        <v>6</v>
      </c>
      <c r="I22272" s="5" t="s">
        <v>1518</v>
      </c>
      <c r="J22272" s="5" t="s">
        <v>69038</v>
      </c>
      <c r="K22272" s="2" t="s">
        <v>69039</v>
      </c>
      <c r="L22272" s="5" t="s">
        <v>69038</v>
      </c>
      <c r="M22272" s="2" t="s">
        <v>69039</v>
      </c>
      <c r="N22272" s="5" t="s">
        <v>1521</v>
      </c>
      <c r="O22272" s="5" t="s">
        <v>38</v>
      </c>
      <c r="P22272" s="5" t="s">
        <v>39</v>
      </c>
      <c r="Q22272" s="5" t="s">
        <v>40</v>
      </c>
      <c r="R22272" s="5" t="s">
        <v>1522</v>
      </c>
      <c r="S22272" s="5" t="s">
        <v>1523</v>
      </c>
      <c r="T22272" s="5" t="s">
        <v>42</v>
      </c>
      <c r="U22272" s="2">
        <v>2.202</v>
      </c>
      <c r="V22272" s="2">
        <v>1.839</v>
      </c>
      <c r="W22272" s="2">
        <v>1.0999999999999999E-2</v>
      </c>
      <c r="X22272" s="2">
        <v>139.1</v>
      </c>
      <c r="Y22272" s="2">
        <v>7.6</v>
      </c>
      <c r="Z22272" s="2">
        <v>10.6</v>
      </c>
      <c r="AA22272" s="5"/>
      <c r="AB22272" s="5" t="s">
        <v>43</v>
      </c>
      <c r="AC22272" s="5" t="s">
        <v>44</v>
      </c>
      <c r="AD22272" s="2"/>
      <c r="AE22272" s="1"/>
    </row>
    <row r="22273" spans="1:31" ht="14.45">
      <c r="A22273" s="11"/>
      <c r="B22273" s="20"/>
      <c r="C22273" s="2" t="s">
        <v>71687</v>
      </c>
      <c r="D22273" s="14" t="s">
        <v>71688</v>
      </c>
      <c r="E22273" s="2" t="s">
        <v>71689</v>
      </c>
      <c r="F22273" s="2" t="s">
        <v>7212</v>
      </c>
      <c r="G22273" s="8">
        <v>158</v>
      </c>
      <c r="H22273" s="5">
        <v>6</v>
      </c>
      <c r="I22273" s="5" t="s">
        <v>1518</v>
      </c>
      <c r="J22273" s="5" t="s">
        <v>69038</v>
      </c>
      <c r="K22273" s="2" t="s">
        <v>69039</v>
      </c>
      <c r="L22273" s="5" t="s">
        <v>69038</v>
      </c>
      <c r="M22273" s="2" t="s">
        <v>69039</v>
      </c>
      <c r="N22273" s="5" t="s">
        <v>1521</v>
      </c>
      <c r="O22273" s="5" t="s">
        <v>38</v>
      </c>
      <c r="P22273" s="5" t="s">
        <v>39</v>
      </c>
      <c r="Q22273" s="5" t="s">
        <v>40</v>
      </c>
      <c r="R22273" s="5" t="s">
        <v>1522</v>
      </c>
      <c r="S22273" s="5" t="s">
        <v>1523</v>
      </c>
      <c r="T22273" s="5" t="s">
        <v>42</v>
      </c>
      <c r="U22273" s="2">
        <v>2.1120000000000001</v>
      </c>
      <c r="V22273" s="2">
        <v>1.7490000000000001</v>
      </c>
      <c r="W22273" s="2">
        <v>1.0999999999999999E-2</v>
      </c>
      <c r="X22273" s="2">
        <v>139.1</v>
      </c>
      <c r="Y22273" s="2">
        <v>7.6</v>
      </c>
      <c r="Z22273" s="2">
        <v>10.6</v>
      </c>
      <c r="AA22273" s="5"/>
      <c r="AB22273" s="5" t="s">
        <v>43</v>
      </c>
      <c r="AC22273" s="5" t="s">
        <v>44</v>
      </c>
      <c r="AD22273" s="2"/>
      <c r="AE22273" s="1"/>
    </row>
    <row r="22274" spans="1:31" ht="14.45">
      <c r="A22274" s="11"/>
      <c r="B22274" s="20"/>
      <c r="C22274" s="2" t="s">
        <v>71690</v>
      </c>
      <c r="D22274" s="14" t="s">
        <v>71691</v>
      </c>
      <c r="E22274" s="2" t="s">
        <v>71692</v>
      </c>
      <c r="F22274" s="2" t="s">
        <v>7528</v>
      </c>
      <c r="G22274" s="8">
        <v>158</v>
      </c>
      <c r="H22274" s="5">
        <v>6</v>
      </c>
      <c r="I22274" s="5" t="s">
        <v>1518</v>
      </c>
      <c r="J22274" s="5" t="s">
        <v>69038</v>
      </c>
      <c r="K22274" s="2" t="s">
        <v>69039</v>
      </c>
      <c r="L22274" s="5" t="s">
        <v>69038</v>
      </c>
      <c r="M22274" s="2" t="s">
        <v>69039</v>
      </c>
      <c r="N22274" s="5" t="s">
        <v>1521</v>
      </c>
      <c r="O22274" s="5" t="s">
        <v>38</v>
      </c>
      <c r="P22274" s="5" t="s">
        <v>39</v>
      </c>
      <c r="Q22274" s="5" t="s">
        <v>40</v>
      </c>
      <c r="R22274" s="5" t="s">
        <v>1522</v>
      </c>
      <c r="S22274" s="5" t="s">
        <v>1523</v>
      </c>
      <c r="T22274" s="5" t="s">
        <v>42</v>
      </c>
      <c r="U22274" s="2">
        <v>2.202</v>
      </c>
      <c r="V22274" s="2">
        <v>1.839</v>
      </c>
      <c r="W22274" s="2">
        <v>1.0999999999999999E-2</v>
      </c>
      <c r="X22274" s="2">
        <v>139.1</v>
      </c>
      <c r="Y22274" s="2">
        <v>7.6</v>
      </c>
      <c r="Z22274" s="2">
        <v>10.6</v>
      </c>
      <c r="AA22274" s="5"/>
      <c r="AB22274" s="5" t="s">
        <v>43</v>
      </c>
      <c r="AC22274" s="5" t="s">
        <v>44</v>
      </c>
      <c r="AD22274" s="2"/>
      <c r="AE22274" s="1"/>
    </row>
    <row r="22275" spans="1:31" ht="14.45">
      <c r="A22275" s="11"/>
      <c r="B22275" s="20"/>
      <c r="C22275" s="2" t="s">
        <v>71693</v>
      </c>
      <c r="D22275" s="14" t="s">
        <v>71694</v>
      </c>
      <c r="E22275" s="2" t="s">
        <v>71695</v>
      </c>
      <c r="F22275" s="2" t="s">
        <v>1863</v>
      </c>
      <c r="G22275" s="8">
        <v>182</v>
      </c>
      <c r="H22275" s="5">
        <v>6</v>
      </c>
      <c r="I22275" s="5" t="s">
        <v>1518</v>
      </c>
      <c r="J22275" s="5" t="s">
        <v>69038</v>
      </c>
      <c r="K22275" s="2" t="s">
        <v>69039</v>
      </c>
      <c r="L22275" s="5" t="s">
        <v>69038</v>
      </c>
      <c r="M22275" s="2" t="s">
        <v>69039</v>
      </c>
      <c r="N22275" s="5" t="s">
        <v>1521</v>
      </c>
      <c r="O22275" s="5" t="s">
        <v>38</v>
      </c>
      <c r="P22275" s="5" t="s">
        <v>39</v>
      </c>
      <c r="Q22275" s="5" t="s">
        <v>40</v>
      </c>
      <c r="R22275" s="5" t="s">
        <v>1522</v>
      </c>
      <c r="S22275" s="5" t="s">
        <v>1523</v>
      </c>
      <c r="T22275" s="5" t="s">
        <v>42</v>
      </c>
      <c r="U22275" s="2">
        <v>2.1120000000000001</v>
      </c>
      <c r="V22275" s="2">
        <v>1.7490000000000001</v>
      </c>
      <c r="W22275" s="2">
        <v>1.0999999999999999E-2</v>
      </c>
      <c r="X22275" s="2">
        <v>139.1</v>
      </c>
      <c r="Y22275" s="2">
        <v>7.6</v>
      </c>
      <c r="Z22275" s="2">
        <v>10.6</v>
      </c>
      <c r="AA22275" s="5"/>
      <c r="AB22275" s="5" t="s">
        <v>43</v>
      </c>
      <c r="AC22275" s="5" t="s">
        <v>44</v>
      </c>
      <c r="AD22275" s="2"/>
      <c r="AE22275" s="1"/>
    </row>
    <row r="22276" spans="1:31" ht="14.45">
      <c r="A22276" s="11"/>
      <c r="B22276" s="20"/>
      <c r="C22276" s="2" t="s">
        <v>71696</v>
      </c>
      <c r="D22276" s="14" t="s">
        <v>71697</v>
      </c>
      <c r="E22276" s="2" t="s">
        <v>71698</v>
      </c>
      <c r="F22276" s="2" t="s">
        <v>1867</v>
      </c>
      <c r="G22276" s="8">
        <v>182</v>
      </c>
      <c r="H22276" s="5">
        <v>6</v>
      </c>
      <c r="I22276" s="5" t="s">
        <v>1518</v>
      </c>
      <c r="J22276" s="5" t="s">
        <v>69038</v>
      </c>
      <c r="K22276" s="2" t="s">
        <v>69039</v>
      </c>
      <c r="L22276" s="5" t="s">
        <v>69038</v>
      </c>
      <c r="M22276" s="2" t="s">
        <v>69039</v>
      </c>
      <c r="N22276" s="5" t="s">
        <v>1521</v>
      </c>
      <c r="O22276" s="5" t="s">
        <v>38</v>
      </c>
      <c r="P22276" s="5" t="s">
        <v>39</v>
      </c>
      <c r="Q22276" s="5" t="s">
        <v>40</v>
      </c>
      <c r="R22276" s="5" t="s">
        <v>1522</v>
      </c>
      <c r="S22276" s="5" t="s">
        <v>1523</v>
      </c>
      <c r="T22276" s="5" t="s">
        <v>42</v>
      </c>
      <c r="U22276" s="2">
        <v>2.202</v>
      </c>
      <c r="V22276" s="2">
        <v>1.839</v>
      </c>
      <c r="W22276" s="2">
        <v>1.0999999999999999E-2</v>
      </c>
      <c r="X22276" s="2">
        <v>139.1</v>
      </c>
      <c r="Y22276" s="2">
        <v>7.6</v>
      </c>
      <c r="Z22276" s="2">
        <v>10.6</v>
      </c>
      <c r="AA22276" s="5"/>
      <c r="AB22276" s="5" t="s">
        <v>43</v>
      </c>
      <c r="AC22276" s="5" t="s">
        <v>44</v>
      </c>
      <c r="AD22276" s="2"/>
      <c r="AE22276" s="1"/>
    </row>
    <row r="22277" spans="1:31" ht="14.45">
      <c r="A22277" s="11"/>
      <c r="B22277" s="20"/>
      <c r="C22277" s="2" t="s">
        <v>71699</v>
      </c>
      <c r="D22277" s="14" t="s">
        <v>71700</v>
      </c>
      <c r="E22277" s="2" t="s">
        <v>71701</v>
      </c>
      <c r="F22277" s="2" t="s">
        <v>7204</v>
      </c>
      <c r="G22277" s="8">
        <v>176</v>
      </c>
      <c r="H22277" s="5">
        <v>6</v>
      </c>
      <c r="I22277" s="5" t="s">
        <v>1518</v>
      </c>
      <c r="J22277" s="5" t="s">
        <v>69038</v>
      </c>
      <c r="K22277" s="2" t="s">
        <v>69039</v>
      </c>
      <c r="L22277" s="5" t="s">
        <v>69038</v>
      </c>
      <c r="M22277" s="2" t="s">
        <v>69039</v>
      </c>
      <c r="N22277" s="5" t="s">
        <v>1521</v>
      </c>
      <c r="O22277" s="5" t="s">
        <v>38</v>
      </c>
      <c r="P22277" s="5" t="s">
        <v>39</v>
      </c>
      <c r="Q22277" s="5" t="s">
        <v>40</v>
      </c>
      <c r="R22277" s="5" t="s">
        <v>1522</v>
      </c>
      <c r="S22277" s="5" t="s">
        <v>1523</v>
      </c>
      <c r="T22277" s="5" t="s">
        <v>42</v>
      </c>
      <c r="U22277" s="2">
        <v>2.2829999999999999</v>
      </c>
      <c r="V22277" s="2">
        <v>1.8759999999999999</v>
      </c>
      <c r="W22277" s="2">
        <v>1.2999999999999999E-2</v>
      </c>
      <c r="X22277" s="2">
        <v>159.1</v>
      </c>
      <c r="Y22277" s="2">
        <v>7.6</v>
      </c>
      <c r="Z22277" s="2">
        <v>10.6</v>
      </c>
      <c r="AA22277" s="5"/>
      <c r="AB22277" s="5" t="s">
        <v>43</v>
      </c>
      <c r="AC22277" s="5" t="s">
        <v>44</v>
      </c>
      <c r="AD22277" s="2"/>
      <c r="AE22277" s="1"/>
    </row>
    <row r="22278" spans="1:31" ht="14.45">
      <c r="A22278" s="11"/>
      <c r="B22278" s="20"/>
      <c r="C22278" s="2" t="s">
        <v>71702</v>
      </c>
      <c r="D22278" s="14" t="s">
        <v>71703</v>
      </c>
      <c r="E22278" s="2" t="s">
        <v>71704</v>
      </c>
      <c r="F22278" s="2" t="s">
        <v>7514</v>
      </c>
      <c r="G22278" s="8">
        <v>176</v>
      </c>
      <c r="H22278" s="5">
        <v>6</v>
      </c>
      <c r="I22278" s="5" t="s">
        <v>1518</v>
      </c>
      <c r="J22278" s="5" t="s">
        <v>69038</v>
      </c>
      <c r="K22278" s="2" t="s">
        <v>69039</v>
      </c>
      <c r="L22278" s="5" t="s">
        <v>69038</v>
      </c>
      <c r="M22278" s="2" t="s">
        <v>69039</v>
      </c>
      <c r="N22278" s="5" t="s">
        <v>1521</v>
      </c>
      <c r="O22278" s="5" t="s">
        <v>38</v>
      </c>
      <c r="P22278" s="5" t="s">
        <v>39</v>
      </c>
      <c r="Q22278" s="5" t="s">
        <v>40</v>
      </c>
      <c r="R22278" s="5" t="s">
        <v>1522</v>
      </c>
      <c r="S22278" s="5" t="s">
        <v>1523</v>
      </c>
      <c r="T22278" s="5" t="s">
        <v>42</v>
      </c>
      <c r="U22278" s="2">
        <v>2.383</v>
      </c>
      <c r="V22278" s="2">
        <v>1.976</v>
      </c>
      <c r="W22278" s="2">
        <v>1.2999999999999999E-2</v>
      </c>
      <c r="X22278" s="2">
        <v>159.1</v>
      </c>
      <c r="Y22278" s="2">
        <v>7.6</v>
      </c>
      <c r="Z22278" s="2">
        <v>10.6</v>
      </c>
      <c r="AA22278" s="5"/>
      <c r="AB22278" s="5" t="s">
        <v>43</v>
      </c>
      <c r="AC22278" s="5" t="s">
        <v>44</v>
      </c>
      <c r="AD22278" s="2"/>
      <c r="AE22278" s="1"/>
    </row>
    <row r="22279" spans="1:31" ht="14.45">
      <c r="A22279" s="11"/>
      <c r="B22279" s="20"/>
      <c r="C22279" s="2" t="s">
        <v>71705</v>
      </c>
      <c r="D22279" s="14" t="s">
        <v>71706</v>
      </c>
      <c r="E22279" s="2" t="s">
        <v>71707</v>
      </c>
      <c r="F22279" s="2" t="s">
        <v>7208</v>
      </c>
      <c r="G22279" s="8">
        <v>176</v>
      </c>
      <c r="H22279" s="5">
        <v>6</v>
      </c>
      <c r="I22279" s="5" t="s">
        <v>1518</v>
      </c>
      <c r="J22279" s="5" t="s">
        <v>69038</v>
      </c>
      <c r="K22279" s="2" t="s">
        <v>69039</v>
      </c>
      <c r="L22279" s="5" t="s">
        <v>69038</v>
      </c>
      <c r="M22279" s="2" t="s">
        <v>69039</v>
      </c>
      <c r="N22279" s="5" t="s">
        <v>1521</v>
      </c>
      <c r="O22279" s="5" t="s">
        <v>38</v>
      </c>
      <c r="P22279" s="5" t="s">
        <v>39</v>
      </c>
      <c r="Q22279" s="5" t="s">
        <v>40</v>
      </c>
      <c r="R22279" s="5" t="s">
        <v>1522</v>
      </c>
      <c r="S22279" s="5" t="s">
        <v>1523</v>
      </c>
      <c r="T22279" s="5" t="s">
        <v>42</v>
      </c>
      <c r="U22279" s="2">
        <v>2.2829999999999999</v>
      </c>
      <c r="V22279" s="2">
        <v>1.8759999999999999</v>
      </c>
      <c r="W22279" s="2">
        <v>1.2999999999999999E-2</v>
      </c>
      <c r="X22279" s="2">
        <v>159.1</v>
      </c>
      <c r="Y22279" s="2">
        <v>7.6</v>
      </c>
      <c r="Z22279" s="2">
        <v>10.6</v>
      </c>
      <c r="AA22279" s="5"/>
      <c r="AB22279" s="5" t="s">
        <v>43</v>
      </c>
      <c r="AC22279" s="5" t="s">
        <v>44</v>
      </c>
      <c r="AD22279" s="2"/>
      <c r="AE22279" s="1"/>
    </row>
    <row r="22280" spans="1:31" ht="14.45">
      <c r="A22280" s="11"/>
      <c r="B22280" s="20"/>
      <c r="C22280" s="2" t="s">
        <v>71708</v>
      </c>
      <c r="D22280" s="14" t="s">
        <v>71709</v>
      </c>
      <c r="E22280" s="2" t="s">
        <v>71710</v>
      </c>
      <c r="F22280" s="2" t="s">
        <v>7521</v>
      </c>
      <c r="G22280" s="8">
        <v>176</v>
      </c>
      <c r="H22280" s="5">
        <v>6</v>
      </c>
      <c r="I22280" s="5" t="s">
        <v>1518</v>
      </c>
      <c r="J22280" s="5" t="s">
        <v>69038</v>
      </c>
      <c r="K22280" s="2" t="s">
        <v>69039</v>
      </c>
      <c r="L22280" s="5" t="s">
        <v>69038</v>
      </c>
      <c r="M22280" s="2" t="s">
        <v>69039</v>
      </c>
      <c r="N22280" s="5" t="s">
        <v>1521</v>
      </c>
      <c r="O22280" s="5" t="s">
        <v>38</v>
      </c>
      <c r="P22280" s="5" t="s">
        <v>39</v>
      </c>
      <c r="Q22280" s="5" t="s">
        <v>40</v>
      </c>
      <c r="R22280" s="5" t="s">
        <v>1522</v>
      </c>
      <c r="S22280" s="5" t="s">
        <v>1523</v>
      </c>
      <c r="T22280" s="5" t="s">
        <v>42</v>
      </c>
      <c r="U22280" s="2">
        <v>2.383</v>
      </c>
      <c r="V22280" s="2">
        <v>1.976</v>
      </c>
      <c r="W22280" s="2">
        <v>1.2999999999999999E-2</v>
      </c>
      <c r="X22280" s="2">
        <v>159.1</v>
      </c>
      <c r="Y22280" s="2">
        <v>7.6</v>
      </c>
      <c r="Z22280" s="2">
        <v>10.6</v>
      </c>
      <c r="AA22280" s="5"/>
      <c r="AB22280" s="5" t="s">
        <v>43</v>
      </c>
      <c r="AC22280" s="5" t="s">
        <v>44</v>
      </c>
      <c r="AD22280" s="2"/>
      <c r="AE22280" s="1"/>
    </row>
    <row r="22281" spans="1:31" ht="14.45">
      <c r="A22281" s="11"/>
      <c r="B22281" s="20"/>
      <c r="C22281" s="2" t="s">
        <v>71711</v>
      </c>
      <c r="D22281" s="14" t="s">
        <v>71712</v>
      </c>
      <c r="E22281" s="2" t="s">
        <v>71713</v>
      </c>
      <c r="F22281" s="2" t="s">
        <v>7396</v>
      </c>
      <c r="G22281" s="8">
        <v>176</v>
      </c>
      <c r="H22281" s="5">
        <v>6</v>
      </c>
      <c r="I22281" s="5" t="s">
        <v>1518</v>
      </c>
      <c r="J22281" s="5" t="s">
        <v>69038</v>
      </c>
      <c r="K22281" s="2" t="s">
        <v>69039</v>
      </c>
      <c r="L22281" s="5" t="s">
        <v>69038</v>
      </c>
      <c r="M22281" s="2" t="s">
        <v>69039</v>
      </c>
      <c r="N22281" s="5" t="s">
        <v>1521</v>
      </c>
      <c r="O22281" s="5" t="s">
        <v>38</v>
      </c>
      <c r="P22281" s="5" t="s">
        <v>39</v>
      </c>
      <c r="Q22281" s="5" t="s">
        <v>40</v>
      </c>
      <c r="R22281" s="5" t="s">
        <v>1522</v>
      </c>
      <c r="S22281" s="5" t="s">
        <v>1523</v>
      </c>
      <c r="T22281" s="5" t="s">
        <v>42</v>
      </c>
      <c r="U22281" s="2">
        <v>2.2829999999999999</v>
      </c>
      <c r="V22281" s="2">
        <v>1.8759999999999999</v>
      </c>
      <c r="W22281" s="2">
        <v>1.2999999999999999E-2</v>
      </c>
      <c r="X22281" s="2">
        <v>159.1</v>
      </c>
      <c r="Y22281" s="2">
        <v>7.6</v>
      </c>
      <c r="Z22281" s="2">
        <v>10.6</v>
      </c>
      <c r="AA22281" s="5"/>
      <c r="AB22281" s="5" t="s">
        <v>43</v>
      </c>
      <c r="AC22281" s="5" t="s">
        <v>44</v>
      </c>
      <c r="AD22281" s="2"/>
      <c r="AE22281" s="1"/>
    </row>
    <row r="22282" spans="1:31" ht="14.45">
      <c r="A22282" s="11"/>
      <c r="B22282" s="20"/>
      <c r="C22282" s="2" t="s">
        <v>71714</v>
      </c>
      <c r="D22282" s="14" t="s">
        <v>71715</v>
      </c>
      <c r="E22282" s="2" t="s">
        <v>71716</v>
      </c>
      <c r="F22282" s="2" t="s">
        <v>69112</v>
      </c>
      <c r="G22282" s="8">
        <v>176</v>
      </c>
      <c r="H22282" s="5">
        <v>6</v>
      </c>
      <c r="I22282" s="5" t="s">
        <v>1518</v>
      </c>
      <c r="J22282" s="5" t="s">
        <v>69038</v>
      </c>
      <c r="K22282" s="2" t="s">
        <v>69039</v>
      </c>
      <c r="L22282" s="5" t="s">
        <v>69038</v>
      </c>
      <c r="M22282" s="2" t="s">
        <v>69039</v>
      </c>
      <c r="N22282" s="5" t="s">
        <v>1521</v>
      </c>
      <c r="O22282" s="5" t="s">
        <v>38</v>
      </c>
      <c r="P22282" s="5" t="s">
        <v>39</v>
      </c>
      <c r="Q22282" s="5" t="s">
        <v>40</v>
      </c>
      <c r="R22282" s="5" t="s">
        <v>1522</v>
      </c>
      <c r="S22282" s="5" t="s">
        <v>1523</v>
      </c>
      <c r="T22282" s="5" t="s">
        <v>42</v>
      </c>
      <c r="U22282" s="2">
        <v>2.383</v>
      </c>
      <c r="V22282" s="2">
        <v>1.976</v>
      </c>
      <c r="W22282" s="2">
        <v>1.2999999999999999E-2</v>
      </c>
      <c r="X22282" s="2">
        <v>159.1</v>
      </c>
      <c r="Y22282" s="2">
        <v>7.6</v>
      </c>
      <c r="Z22282" s="2">
        <v>10.6</v>
      </c>
      <c r="AA22282" s="5"/>
      <c r="AB22282" s="5" t="s">
        <v>43</v>
      </c>
      <c r="AC22282" s="5" t="s">
        <v>44</v>
      </c>
      <c r="AD22282" s="2"/>
      <c r="AE22282" s="1"/>
    </row>
    <row r="22283" spans="1:31" ht="14.45">
      <c r="A22283" s="11"/>
      <c r="B22283" s="20"/>
      <c r="C22283" s="2" t="s">
        <v>71717</v>
      </c>
      <c r="D22283" s="14" t="s">
        <v>71718</v>
      </c>
      <c r="E22283" s="2" t="s">
        <v>71719</v>
      </c>
      <c r="F22283" s="2" t="s">
        <v>1863</v>
      </c>
      <c r="G22283" s="8">
        <v>202</v>
      </c>
      <c r="H22283" s="5">
        <v>6</v>
      </c>
      <c r="I22283" s="5" t="s">
        <v>1518</v>
      </c>
      <c r="J22283" s="5" t="s">
        <v>69038</v>
      </c>
      <c r="K22283" s="2" t="s">
        <v>69039</v>
      </c>
      <c r="L22283" s="5" t="s">
        <v>69038</v>
      </c>
      <c r="M22283" s="2" t="s">
        <v>69039</v>
      </c>
      <c r="N22283" s="5" t="s">
        <v>1521</v>
      </c>
      <c r="O22283" s="5" t="s">
        <v>38</v>
      </c>
      <c r="P22283" s="5" t="s">
        <v>39</v>
      </c>
      <c r="Q22283" s="5" t="s">
        <v>40</v>
      </c>
      <c r="R22283" s="5" t="s">
        <v>1522</v>
      </c>
      <c r="S22283" s="5" t="s">
        <v>1523</v>
      </c>
      <c r="T22283" s="5" t="s">
        <v>42</v>
      </c>
      <c r="U22283" s="2">
        <v>2.2829999999999999</v>
      </c>
      <c r="V22283" s="2">
        <v>1.8759999999999999</v>
      </c>
      <c r="W22283" s="2">
        <v>1.2999999999999999E-2</v>
      </c>
      <c r="X22283" s="2">
        <v>159.1</v>
      </c>
      <c r="Y22283" s="2">
        <v>7.6</v>
      </c>
      <c r="Z22283" s="2">
        <v>10.6</v>
      </c>
      <c r="AA22283" s="5"/>
      <c r="AB22283" s="5" t="s">
        <v>43</v>
      </c>
      <c r="AC22283" s="5" t="s">
        <v>44</v>
      </c>
      <c r="AD22283" s="2"/>
      <c r="AE22283" s="1"/>
    </row>
    <row r="22284" spans="1:31" ht="14.45">
      <c r="A22284" s="11"/>
      <c r="B22284" s="20"/>
      <c r="C22284" s="2" t="s">
        <v>71720</v>
      </c>
      <c r="D22284" s="14" t="s">
        <v>71721</v>
      </c>
      <c r="E22284" s="2" t="s">
        <v>71722</v>
      </c>
      <c r="F22284" s="2" t="s">
        <v>1867</v>
      </c>
      <c r="G22284" s="8">
        <v>202</v>
      </c>
      <c r="H22284" s="5">
        <v>6</v>
      </c>
      <c r="I22284" s="5" t="s">
        <v>1518</v>
      </c>
      <c r="J22284" s="5" t="s">
        <v>69038</v>
      </c>
      <c r="K22284" s="2" t="s">
        <v>69039</v>
      </c>
      <c r="L22284" s="5" t="s">
        <v>69038</v>
      </c>
      <c r="M22284" s="2" t="s">
        <v>69039</v>
      </c>
      <c r="N22284" s="5" t="s">
        <v>1521</v>
      </c>
      <c r="O22284" s="5" t="s">
        <v>38</v>
      </c>
      <c r="P22284" s="5" t="s">
        <v>39</v>
      </c>
      <c r="Q22284" s="5" t="s">
        <v>40</v>
      </c>
      <c r="R22284" s="5" t="s">
        <v>1522</v>
      </c>
      <c r="S22284" s="5" t="s">
        <v>1523</v>
      </c>
      <c r="T22284" s="5" t="s">
        <v>42</v>
      </c>
      <c r="U22284" s="2">
        <v>2.383</v>
      </c>
      <c r="V22284" s="2">
        <v>1.976</v>
      </c>
      <c r="W22284" s="2">
        <v>1.2999999999999999E-2</v>
      </c>
      <c r="X22284" s="2">
        <v>159.1</v>
      </c>
      <c r="Y22284" s="2">
        <v>7.6</v>
      </c>
      <c r="Z22284" s="2">
        <v>10.6</v>
      </c>
      <c r="AA22284" s="5"/>
      <c r="AB22284" s="5" t="s">
        <v>43</v>
      </c>
      <c r="AC22284" s="5" t="s">
        <v>44</v>
      </c>
      <c r="AD22284" s="2"/>
      <c r="AE22284" s="1"/>
    </row>
    <row r="22285" spans="1:31" ht="14.45">
      <c r="A22285" s="11"/>
      <c r="B22285" s="20"/>
      <c r="C22285" s="2" t="s">
        <v>71723</v>
      </c>
      <c r="D22285" s="14" t="s">
        <v>71724</v>
      </c>
      <c r="E22285" s="2" t="s">
        <v>71725</v>
      </c>
      <c r="F22285" s="2" t="s">
        <v>7204</v>
      </c>
      <c r="G22285" s="8">
        <v>80</v>
      </c>
      <c r="H22285" s="5">
        <v>6</v>
      </c>
      <c r="I22285" s="5" t="s">
        <v>1518</v>
      </c>
      <c r="J22285" s="5" t="s">
        <v>69038</v>
      </c>
      <c r="K22285" s="2" t="s">
        <v>69039</v>
      </c>
      <c r="L22285" s="5" t="s">
        <v>69038</v>
      </c>
      <c r="M22285" s="2" t="s">
        <v>69039</v>
      </c>
      <c r="N22285" s="5" t="s">
        <v>1521</v>
      </c>
      <c r="O22285" s="5" t="s">
        <v>38</v>
      </c>
      <c r="P22285" s="5" t="s">
        <v>39</v>
      </c>
      <c r="Q22285" s="5" t="s">
        <v>40</v>
      </c>
      <c r="R22285" s="5" t="s">
        <v>1522</v>
      </c>
      <c r="S22285" s="5" t="s">
        <v>1523</v>
      </c>
      <c r="T22285" s="5" t="s">
        <v>42</v>
      </c>
      <c r="U22285" s="2">
        <v>0.92300000000000004</v>
      </c>
      <c r="V22285" s="2">
        <v>0.66600000000000004</v>
      </c>
      <c r="W22285" s="2">
        <v>6.0000000000000001E-3</v>
      </c>
      <c r="X22285" s="2">
        <v>76.900000000000006</v>
      </c>
      <c r="Y22285" s="2">
        <v>7.6</v>
      </c>
      <c r="Z22285" s="2">
        <v>10.6</v>
      </c>
      <c r="AA22285" s="5"/>
      <c r="AB22285" s="5" t="s">
        <v>43</v>
      </c>
      <c r="AC22285" s="5" t="s">
        <v>44</v>
      </c>
      <c r="AD22285" s="2"/>
      <c r="AE22285" s="1"/>
    </row>
    <row r="22286" spans="1:31" ht="14.45">
      <c r="A22286" s="11"/>
      <c r="B22286" s="20"/>
      <c r="C22286" s="2" t="s">
        <v>71726</v>
      </c>
      <c r="D22286" s="14" t="s">
        <v>71727</v>
      </c>
      <c r="E22286" s="2" t="s">
        <v>71728</v>
      </c>
      <c r="F22286" s="2" t="s">
        <v>7208</v>
      </c>
      <c r="G22286" s="8">
        <v>80</v>
      </c>
      <c r="H22286" s="5">
        <v>6</v>
      </c>
      <c r="I22286" s="5" t="s">
        <v>1518</v>
      </c>
      <c r="J22286" s="5" t="s">
        <v>69038</v>
      </c>
      <c r="K22286" s="2" t="s">
        <v>69039</v>
      </c>
      <c r="L22286" s="5" t="s">
        <v>69038</v>
      </c>
      <c r="M22286" s="2" t="s">
        <v>69039</v>
      </c>
      <c r="N22286" s="5" t="s">
        <v>1521</v>
      </c>
      <c r="O22286" s="5" t="s">
        <v>38</v>
      </c>
      <c r="P22286" s="5" t="s">
        <v>39</v>
      </c>
      <c r="Q22286" s="5" t="s">
        <v>40</v>
      </c>
      <c r="R22286" s="5" t="s">
        <v>1522</v>
      </c>
      <c r="S22286" s="5" t="s">
        <v>1523</v>
      </c>
      <c r="T22286" s="5" t="s">
        <v>42</v>
      </c>
      <c r="U22286" s="2">
        <v>0.92300000000000004</v>
      </c>
      <c r="V22286" s="2">
        <v>0.66600000000000004</v>
      </c>
      <c r="W22286" s="2">
        <v>6.0000000000000001E-3</v>
      </c>
      <c r="X22286" s="2">
        <v>76.900000000000006</v>
      </c>
      <c r="Y22286" s="2">
        <v>7.6</v>
      </c>
      <c r="Z22286" s="2">
        <v>10.6</v>
      </c>
      <c r="AA22286" s="5"/>
      <c r="AB22286" s="5" t="s">
        <v>43</v>
      </c>
      <c r="AC22286" s="5" t="s">
        <v>44</v>
      </c>
      <c r="AD22286" s="2"/>
      <c r="AE22286" s="1"/>
    </row>
    <row r="22287" spans="1:31" ht="14.45">
      <c r="A22287" s="11"/>
      <c r="B22287" s="20"/>
      <c r="C22287" s="2" t="s">
        <v>71729</v>
      </c>
      <c r="D22287" s="14" t="s">
        <v>71730</v>
      </c>
      <c r="E22287" s="2" t="s">
        <v>71731</v>
      </c>
      <c r="F22287" s="2" t="s">
        <v>7396</v>
      </c>
      <c r="G22287" s="8">
        <v>80</v>
      </c>
      <c r="H22287" s="5">
        <v>6</v>
      </c>
      <c r="I22287" s="5" t="s">
        <v>1518</v>
      </c>
      <c r="J22287" s="5" t="s">
        <v>69038</v>
      </c>
      <c r="K22287" s="2" t="s">
        <v>69039</v>
      </c>
      <c r="L22287" s="5" t="s">
        <v>69038</v>
      </c>
      <c r="M22287" s="2" t="s">
        <v>69039</v>
      </c>
      <c r="N22287" s="5" t="s">
        <v>1521</v>
      </c>
      <c r="O22287" s="5" t="s">
        <v>38</v>
      </c>
      <c r="P22287" s="5" t="s">
        <v>39</v>
      </c>
      <c r="Q22287" s="5" t="s">
        <v>40</v>
      </c>
      <c r="R22287" s="5" t="s">
        <v>1522</v>
      </c>
      <c r="S22287" s="5" t="s">
        <v>1523</v>
      </c>
      <c r="T22287" s="5" t="s">
        <v>42</v>
      </c>
      <c r="U22287" s="2">
        <v>0.92300000000000004</v>
      </c>
      <c r="V22287" s="2">
        <v>0.66600000000000004</v>
      </c>
      <c r="W22287" s="2">
        <v>6.0000000000000001E-3</v>
      </c>
      <c r="X22287" s="2">
        <v>76.900000000000006</v>
      </c>
      <c r="Y22287" s="2">
        <v>7.6</v>
      </c>
      <c r="Z22287" s="2">
        <v>10.6</v>
      </c>
      <c r="AA22287" s="5"/>
      <c r="AB22287" s="5" t="s">
        <v>43</v>
      </c>
      <c r="AC22287" s="5" t="s">
        <v>44</v>
      </c>
      <c r="AD22287" s="2"/>
      <c r="AE22287" s="1"/>
    </row>
    <row r="22288" spans="1:31" ht="14.45">
      <c r="A22288" s="11"/>
      <c r="B22288" s="20"/>
      <c r="C22288" s="2" t="s">
        <v>71732</v>
      </c>
      <c r="D22288" s="14" t="s">
        <v>71733</v>
      </c>
      <c r="E22288" s="2" t="s">
        <v>71734</v>
      </c>
      <c r="F22288" s="2" t="s">
        <v>7212</v>
      </c>
      <c r="G22288" s="8">
        <v>80</v>
      </c>
      <c r="H22288" s="5">
        <v>6</v>
      </c>
      <c r="I22288" s="5" t="s">
        <v>1518</v>
      </c>
      <c r="J22288" s="5" t="s">
        <v>69038</v>
      </c>
      <c r="K22288" s="2" t="s">
        <v>69039</v>
      </c>
      <c r="L22288" s="5" t="s">
        <v>69038</v>
      </c>
      <c r="M22288" s="2" t="s">
        <v>69039</v>
      </c>
      <c r="N22288" s="5" t="s">
        <v>1521</v>
      </c>
      <c r="O22288" s="5" t="s">
        <v>38</v>
      </c>
      <c r="P22288" s="5" t="s">
        <v>39</v>
      </c>
      <c r="Q22288" s="5" t="s">
        <v>40</v>
      </c>
      <c r="R22288" s="5" t="s">
        <v>1522</v>
      </c>
      <c r="S22288" s="5" t="s">
        <v>1523</v>
      </c>
      <c r="T22288" s="5" t="s">
        <v>42</v>
      </c>
      <c r="U22288" s="2">
        <v>0.92300000000000004</v>
      </c>
      <c r="V22288" s="2">
        <v>0.66600000000000004</v>
      </c>
      <c r="W22288" s="2">
        <v>6.0000000000000001E-3</v>
      </c>
      <c r="X22288" s="2">
        <v>76.900000000000006</v>
      </c>
      <c r="Y22288" s="2">
        <v>7.6</v>
      </c>
      <c r="Z22288" s="2">
        <v>10.6</v>
      </c>
      <c r="AA22288" s="5"/>
      <c r="AB22288" s="5" t="s">
        <v>43</v>
      </c>
      <c r="AC22288" s="5" t="s">
        <v>44</v>
      </c>
      <c r="AD22288" s="2"/>
      <c r="AE22288" s="1"/>
    </row>
    <row r="22289" spans="1:31" ht="14.45">
      <c r="A22289" s="11"/>
      <c r="B22289" s="20"/>
      <c r="C22289" s="2" t="s">
        <v>71735</v>
      </c>
      <c r="D22289" s="14" t="s">
        <v>71736</v>
      </c>
      <c r="E22289" s="2" t="s">
        <v>71737</v>
      </c>
      <c r="F22289" s="2" t="s">
        <v>7204</v>
      </c>
      <c r="G22289" s="8">
        <v>91</v>
      </c>
      <c r="H22289" s="5">
        <v>6</v>
      </c>
      <c r="I22289" s="5" t="s">
        <v>1518</v>
      </c>
      <c r="J22289" s="5" t="s">
        <v>69038</v>
      </c>
      <c r="K22289" s="2" t="s">
        <v>69039</v>
      </c>
      <c r="L22289" s="5" t="s">
        <v>69038</v>
      </c>
      <c r="M22289" s="2" t="s">
        <v>69039</v>
      </c>
      <c r="N22289" s="5" t="s">
        <v>1521</v>
      </c>
      <c r="O22289" s="5" t="s">
        <v>38</v>
      </c>
      <c r="P22289" s="5" t="s">
        <v>39</v>
      </c>
      <c r="Q22289" s="5" t="s">
        <v>40</v>
      </c>
      <c r="R22289" s="5" t="s">
        <v>1522</v>
      </c>
      <c r="S22289" s="5" t="s">
        <v>1523</v>
      </c>
      <c r="T22289" s="5" t="s">
        <v>42</v>
      </c>
      <c r="U22289" s="2">
        <v>1.0720000000000001</v>
      </c>
      <c r="V22289" s="2">
        <v>0.76300000000000001</v>
      </c>
      <c r="W22289" s="2">
        <v>7.0000000000000001E-3</v>
      </c>
      <c r="X22289" s="2">
        <v>82.9</v>
      </c>
      <c r="Y22289" s="2">
        <v>7.6</v>
      </c>
      <c r="Z22289" s="2">
        <v>10.6</v>
      </c>
      <c r="AA22289" s="5"/>
      <c r="AB22289" s="5" t="s">
        <v>43</v>
      </c>
      <c r="AC22289" s="5" t="s">
        <v>44</v>
      </c>
      <c r="AD22289" s="2"/>
      <c r="AE22289" s="1"/>
    </row>
    <row r="22290" spans="1:31" ht="14.45">
      <c r="A22290" s="11"/>
      <c r="B22290" s="20"/>
      <c r="C22290" s="2" t="s">
        <v>71738</v>
      </c>
      <c r="D22290" s="14" t="s">
        <v>71739</v>
      </c>
      <c r="E22290" s="2" t="s">
        <v>71740</v>
      </c>
      <c r="F22290" s="2" t="s">
        <v>7208</v>
      </c>
      <c r="G22290" s="8">
        <v>91</v>
      </c>
      <c r="H22290" s="5">
        <v>6</v>
      </c>
      <c r="I22290" s="5" t="s">
        <v>1518</v>
      </c>
      <c r="J22290" s="5" t="s">
        <v>69038</v>
      </c>
      <c r="K22290" s="2" t="s">
        <v>69039</v>
      </c>
      <c r="L22290" s="5" t="s">
        <v>69038</v>
      </c>
      <c r="M22290" s="2" t="s">
        <v>69039</v>
      </c>
      <c r="N22290" s="5" t="s">
        <v>1521</v>
      </c>
      <c r="O22290" s="5" t="s">
        <v>38</v>
      </c>
      <c r="P22290" s="5" t="s">
        <v>39</v>
      </c>
      <c r="Q22290" s="5" t="s">
        <v>40</v>
      </c>
      <c r="R22290" s="5" t="s">
        <v>1522</v>
      </c>
      <c r="S22290" s="5" t="s">
        <v>1523</v>
      </c>
      <c r="T22290" s="5" t="s">
        <v>42</v>
      </c>
      <c r="U22290" s="2">
        <v>1.0720000000000001</v>
      </c>
      <c r="V22290" s="2">
        <v>0.76300000000000001</v>
      </c>
      <c r="W22290" s="2">
        <v>7.0000000000000001E-3</v>
      </c>
      <c r="X22290" s="2">
        <v>82.9</v>
      </c>
      <c r="Y22290" s="2">
        <v>7.6</v>
      </c>
      <c r="Z22290" s="2">
        <v>10.6</v>
      </c>
      <c r="AA22290" s="5"/>
      <c r="AB22290" s="5" t="s">
        <v>43</v>
      </c>
      <c r="AC22290" s="5" t="s">
        <v>44</v>
      </c>
      <c r="AD22290" s="2"/>
      <c r="AE22290" s="1"/>
    </row>
    <row r="22291" spans="1:31" ht="14.45">
      <c r="A22291" s="11"/>
      <c r="B22291" s="20"/>
      <c r="C22291" s="2" t="s">
        <v>71741</v>
      </c>
      <c r="D22291" s="14" t="s">
        <v>71742</v>
      </c>
      <c r="E22291" s="2" t="s">
        <v>71743</v>
      </c>
      <c r="F22291" s="2" t="s">
        <v>7539</v>
      </c>
      <c r="G22291" s="8">
        <v>105</v>
      </c>
      <c r="H22291" s="5">
        <v>6</v>
      </c>
      <c r="I22291" s="5" t="s">
        <v>1518</v>
      </c>
      <c r="J22291" s="5" t="s">
        <v>69038</v>
      </c>
      <c r="K22291" s="2" t="s">
        <v>69039</v>
      </c>
      <c r="L22291" s="5" t="s">
        <v>69038</v>
      </c>
      <c r="M22291" s="2" t="s">
        <v>69039</v>
      </c>
      <c r="N22291" s="5" t="s">
        <v>1521</v>
      </c>
      <c r="O22291" s="5" t="s">
        <v>38</v>
      </c>
      <c r="P22291" s="5" t="s">
        <v>39</v>
      </c>
      <c r="Q22291" s="5" t="s">
        <v>40</v>
      </c>
      <c r="R22291" s="5" t="s">
        <v>1522</v>
      </c>
      <c r="S22291" s="5" t="s">
        <v>1523</v>
      </c>
      <c r="T22291" s="5" t="s">
        <v>42</v>
      </c>
      <c r="U22291" s="2">
        <v>1.0720000000000001</v>
      </c>
      <c r="V22291" s="2">
        <v>0.76300000000000001</v>
      </c>
      <c r="W22291" s="2">
        <v>7.0000000000000001E-3</v>
      </c>
      <c r="X22291" s="2">
        <v>82.9</v>
      </c>
      <c r="Y22291" s="2">
        <v>7.6</v>
      </c>
      <c r="Z22291" s="2">
        <v>10.6</v>
      </c>
      <c r="AA22291" s="5"/>
      <c r="AB22291" s="5" t="s">
        <v>43</v>
      </c>
      <c r="AC22291" s="5" t="s">
        <v>44</v>
      </c>
      <c r="AD22291" s="2"/>
      <c r="AE22291" s="1"/>
    </row>
    <row r="22292" spans="1:31" ht="14.45">
      <c r="A22292" s="11"/>
      <c r="B22292" s="20"/>
      <c r="C22292" s="2" t="s">
        <v>71744</v>
      </c>
      <c r="D22292" s="14" t="s">
        <v>71745</v>
      </c>
      <c r="E22292" s="2" t="s">
        <v>71746</v>
      </c>
      <c r="F22292" s="2" t="s">
        <v>7396</v>
      </c>
      <c r="G22292" s="8">
        <v>91</v>
      </c>
      <c r="H22292" s="5">
        <v>6</v>
      </c>
      <c r="I22292" s="5" t="s">
        <v>1518</v>
      </c>
      <c r="J22292" s="5" t="s">
        <v>69038</v>
      </c>
      <c r="K22292" s="2" t="s">
        <v>69039</v>
      </c>
      <c r="L22292" s="5" t="s">
        <v>69038</v>
      </c>
      <c r="M22292" s="2" t="s">
        <v>69039</v>
      </c>
      <c r="N22292" s="5" t="s">
        <v>1521</v>
      </c>
      <c r="O22292" s="5" t="s">
        <v>38</v>
      </c>
      <c r="P22292" s="5" t="s">
        <v>39</v>
      </c>
      <c r="Q22292" s="5" t="s">
        <v>40</v>
      </c>
      <c r="R22292" s="5" t="s">
        <v>1522</v>
      </c>
      <c r="S22292" s="5" t="s">
        <v>1523</v>
      </c>
      <c r="T22292" s="5" t="s">
        <v>42</v>
      </c>
      <c r="U22292" s="2">
        <v>1.0720000000000001</v>
      </c>
      <c r="V22292" s="2">
        <v>0.76300000000000001</v>
      </c>
      <c r="W22292" s="2">
        <v>7.0000000000000001E-3</v>
      </c>
      <c r="X22292" s="2">
        <v>82.9</v>
      </c>
      <c r="Y22292" s="2">
        <v>7.6</v>
      </c>
      <c r="Z22292" s="2">
        <v>10.6</v>
      </c>
      <c r="AA22292" s="5"/>
      <c r="AB22292" s="5" t="s">
        <v>43</v>
      </c>
      <c r="AC22292" s="5" t="s">
        <v>44</v>
      </c>
      <c r="AD22292" s="2"/>
      <c r="AE22292" s="1"/>
    </row>
    <row r="22293" spans="1:31" ht="14.45">
      <c r="A22293" s="11"/>
      <c r="B22293" s="20"/>
      <c r="C22293" s="2" t="s">
        <v>71747</v>
      </c>
      <c r="D22293" s="14" t="s">
        <v>71748</v>
      </c>
      <c r="E22293" s="2" t="s">
        <v>71749</v>
      </c>
      <c r="F22293" s="2" t="s">
        <v>7615</v>
      </c>
      <c r="G22293" s="8">
        <v>105</v>
      </c>
      <c r="H22293" s="5">
        <v>6</v>
      </c>
      <c r="I22293" s="5" t="s">
        <v>1518</v>
      </c>
      <c r="J22293" s="5" t="s">
        <v>69038</v>
      </c>
      <c r="K22293" s="2" t="s">
        <v>69039</v>
      </c>
      <c r="L22293" s="5" t="s">
        <v>69038</v>
      </c>
      <c r="M22293" s="2" t="s">
        <v>69039</v>
      </c>
      <c r="N22293" s="5" t="s">
        <v>1521</v>
      </c>
      <c r="O22293" s="5" t="s">
        <v>38</v>
      </c>
      <c r="P22293" s="5" t="s">
        <v>39</v>
      </c>
      <c r="Q22293" s="5" t="s">
        <v>40</v>
      </c>
      <c r="R22293" s="5" t="s">
        <v>1522</v>
      </c>
      <c r="S22293" s="5" t="s">
        <v>1523</v>
      </c>
      <c r="T22293" s="5" t="s">
        <v>42</v>
      </c>
      <c r="U22293" s="2">
        <v>1.0720000000000001</v>
      </c>
      <c r="V22293" s="2">
        <v>0.76300000000000001</v>
      </c>
      <c r="W22293" s="2">
        <v>7.0000000000000001E-3</v>
      </c>
      <c r="X22293" s="2">
        <v>82.9</v>
      </c>
      <c r="Y22293" s="2">
        <v>7.6</v>
      </c>
      <c r="Z22293" s="2">
        <v>10.6</v>
      </c>
      <c r="AA22293" s="5"/>
      <c r="AB22293" s="5" t="s">
        <v>43</v>
      </c>
      <c r="AC22293" s="5" t="s">
        <v>44</v>
      </c>
      <c r="AD22293" s="2"/>
      <c r="AE22293" s="1"/>
    </row>
    <row r="22294" spans="1:31" ht="14.45">
      <c r="A22294" s="11"/>
      <c r="B22294" s="20"/>
      <c r="C22294" s="2" t="s">
        <v>71750</v>
      </c>
      <c r="D22294" s="14" t="s">
        <v>71751</v>
      </c>
      <c r="E22294" s="2" t="s">
        <v>71752</v>
      </c>
      <c r="F22294" s="2" t="s">
        <v>7212</v>
      </c>
      <c r="G22294" s="8">
        <v>91</v>
      </c>
      <c r="H22294" s="5">
        <v>6</v>
      </c>
      <c r="I22294" s="5" t="s">
        <v>1518</v>
      </c>
      <c r="J22294" s="5" t="s">
        <v>69038</v>
      </c>
      <c r="K22294" s="2" t="s">
        <v>69039</v>
      </c>
      <c r="L22294" s="5" t="s">
        <v>69038</v>
      </c>
      <c r="M22294" s="2" t="s">
        <v>69039</v>
      </c>
      <c r="N22294" s="5" t="s">
        <v>1521</v>
      </c>
      <c r="O22294" s="5" t="s">
        <v>38</v>
      </c>
      <c r="P22294" s="5" t="s">
        <v>39</v>
      </c>
      <c r="Q22294" s="5" t="s">
        <v>40</v>
      </c>
      <c r="R22294" s="5" t="s">
        <v>1522</v>
      </c>
      <c r="S22294" s="5" t="s">
        <v>1523</v>
      </c>
      <c r="T22294" s="5" t="s">
        <v>42</v>
      </c>
      <c r="U22294" s="2">
        <v>1.0720000000000001</v>
      </c>
      <c r="V22294" s="2">
        <v>0.76300000000000001</v>
      </c>
      <c r="W22294" s="2">
        <v>7.0000000000000001E-3</v>
      </c>
      <c r="X22294" s="2">
        <v>82.9</v>
      </c>
      <c r="Y22294" s="2">
        <v>7.6</v>
      </c>
      <c r="Z22294" s="2">
        <v>10.6</v>
      </c>
      <c r="AA22294" s="5"/>
      <c r="AB22294" s="5" t="s">
        <v>43</v>
      </c>
      <c r="AC22294" s="5" t="s">
        <v>44</v>
      </c>
      <c r="AD22294" s="2"/>
      <c r="AE22294" s="1"/>
    </row>
    <row r="22295" spans="1:31" ht="14.45">
      <c r="A22295" s="11"/>
      <c r="B22295" s="20"/>
      <c r="C22295" s="2" t="s">
        <v>71753</v>
      </c>
      <c r="D22295" s="14" t="s">
        <v>71754</v>
      </c>
      <c r="E22295" s="2" t="s">
        <v>71755</v>
      </c>
      <c r="F22295" s="2" t="s">
        <v>7204</v>
      </c>
      <c r="G22295" s="8">
        <v>100</v>
      </c>
      <c r="H22295" s="5">
        <v>6</v>
      </c>
      <c r="I22295" s="5" t="s">
        <v>1518</v>
      </c>
      <c r="J22295" s="5" t="s">
        <v>69038</v>
      </c>
      <c r="K22295" s="2" t="s">
        <v>69039</v>
      </c>
      <c r="L22295" s="5" t="s">
        <v>69038</v>
      </c>
      <c r="M22295" s="2" t="s">
        <v>69039</v>
      </c>
      <c r="N22295" s="5" t="s">
        <v>1521</v>
      </c>
      <c r="O22295" s="5" t="s">
        <v>38</v>
      </c>
      <c r="P22295" s="5" t="s">
        <v>39</v>
      </c>
      <c r="Q22295" s="5" t="s">
        <v>40</v>
      </c>
      <c r="R22295" s="5" t="s">
        <v>1522</v>
      </c>
      <c r="S22295" s="5" t="s">
        <v>1523</v>
      </c>
      <c r="T22295" s="5" t="s">
        <v>42</v>
      </c>
      <c r="U22295" s="2">
        <v>1.1539999999999999</v>
      </c>
      <c r="V22295" s="2">
        <v>0.85199999999999998</v>
      </c>
      <c r="W22295" s="2">
        <v>7.0000000000000001E-3</v>
      </c>
      <c r="X22295" s="2">
        <v>82.9</v>
      </c>
      <c r="Y22295" s="2">
        <v>7.6</v>
      </c>
      <c r="Z22295" s="2">
        <v>10.6</v>
      </c>
      <c r="AA22295" s="5"/>
      <c r="AB22295" s="5" t="s">
        <v>43</v>
      </c>
      <c r="AC22295" s="5" t="s">
        <v>44</v>
      </c>
      <c r="AD22295" s="2"/>
      <c r="AE22295" s="1"/>
    </row>
    <row r="22296" spans="1:31" ht="14.45">
      <c r="A22296" s="11"/>
      <c r="B22296" s="20"/>
      <c r="C22296" s="2" t="s">
        <v>71756</v>
      </c>
      <c r="D22296" s="14" t="s">
        <v>71757</v>
      </c>
      <c r="E22296" s="2" t="s">
        <v>71758</v>
      </c>
      <c r="F22296" s="2" t="s">
        <v>7208</v>
      </c>
      <c r="G22296" s="8">
        <v>100</v>
      </c>
      <c r="H22296" s="5">
        <v>6</v>
      </c>
      <c r="I22296" s="5" t="s">
        <v>1518</v>
      </c>
      <c r="J22296" s="5" t="s">
        <v>69038</v>
      </c>
      <c r="K22296" s="2" t="s">
        <v>69039</v>
      </c>
      <c r="L22296" s="5" t="s">
        <v>69038</v>
      </c>
      <c r="M22296" s="2" t="s">
        <v>69039</v>
      </c>
      <c r="N22296" s="5" t="s">
        <v>1521</v>
      </c>
      <c r="O22296" s="5" t="s">
        <v>38</v>
      </c>
      <c r="P22296" s="5" t="s">
        <v>39</v>
      </c>
      <c r="Q22296" s="5" t="s">
        <v>40</v>
      </c>
      <c r="R22296" s="5" t="s">
        <v>1522</v>
      </c>
      <c r="S22296" s="5" t="s">
        <v>1523</v>
      </c>
      <c r="T22296" s="5" t="s">
        <v>42</v>
      </c>
      <c r="U22296" s="2">
        <v>1.1539999999999999</v>
      </c>
      <c r="V22296" s="2">
        <v>0.85199999999999998</v>
      </c>
      <c r="W22296" s="2">
        <v>7.0000000000000001E-3</v>
      </c>
      <c r="X22296" s="2">
        <v>82.9</v>
      </c>
      <c r="Y22296" s="2">
        <v>7.6</v>
      </c>
      <c r="Z22296" s="2">
        <v>10.6</v>
      </c>
      <c r="AA22296" s="5"/>
      <c r="AB22296" s="5" t="s">
        <v>43</v>
      </c>
      <c r="AC22296" s="5" t="s">
        <v>44</v>
      </c>
      <c r="AD22296" s="2"/>
      <c r="AE22296" s="1"/>
    </row>
    <row r="22297" spans="1:31" ht="14.45">
      <c r="A22297" s="11"/>
      <c r="B22297" s="20"/>
      <c r="C22297" s="2" t="s">
        <v>71759</v>
      </c>
      <c r="D22297" s="14" t="s">
        <v>71760</v>
      </c>
      <c r="E22297" s="2" t="s">
        <v>71761</v>
      </c>
      <c r="F22297" s="2" t="s">
        <v>7539</v>
      </c>
      <c r="G22297" s="8">
        <v>115</v>
      </c>
      <c r="H22297" s="5">
        <v>6</v>
      </c>
      <c r="I22297" s="5" t="s">
        <v>1518</v>
      </c>
      <c r="J22297" s="5" t="s">
        <v>69038</v>
      </c>
      <c r="K22297" s="2" t="s">
        <v>69039</v>
      </c>
      <c r="L22297" s="5" t="s">
        <v>69038</v>
      </c>
      <c r="M22297" s="2" t="s">
        <v>69039</v>
      </c>
      <c r="N22297" s="5" t="s">
        <v>1521</v>
      </c>
      <c r="O22297" s="5" t="s">
        <v>38</v>
      </c>
      <c r="P22297" s="5" t="s">
        <v>39</v>
      </c>
      <c r="Q22297" s="5" t="s">
        <v>40</v>
      </c>
      <c r="R22297" s="5" t="s">
        <v>1522</v>
      </c>
      <c r="S22297" s="5" t="s">
        <v>1523</v>
      </c>
      <c r="T22297" s="5" t="s">
        <v>42</v>
      </c>
      <c r="U22297" s="2">
        <v>1.1539999999999999</v>
      </c>
      <c r="V22297" s="2">
        <v>0.85199999999999998</v>
      </c>
      <c r="W22297" s="2">
        <v>7.0000000000000001E-3</v>
      </c>
      <c r="X22297" s="2">
        <v>82.9</v>
      </c>
      <c r="Y22297" s="2">
        <v>7.6</v>
      </c>
      <c r="Z22297" s="2">
        <v>10.6</v>
      </c>
      <c r="AA22297" s="5"/>
      <c r="AB22297" s="5" t="s">
        <v>43</v>
      </c>
      <c r="AC22297" s="5" t="s">
        <v>44</v>
      </c>
      <c r="AD22297" s="2"/>
      <c r="AE22297" s="1"/>
    </row>
    <row r="22298" spans="1:31" ht="14.45">
      <c r="A22298" s="11"/>
      <c r="B22298" s="20"/>
      <c r="C22298" s="2" t="s">
        <v>71762</v>
      </c>
      <c r="D22298" s="14" t="s">
        <v>71763</v>
      </c>
      <c r="E22298" s="2" t="s">
        <v>71764</v>
      </c>
      <c r="F22298" s="2" t="s">
        <v>7396</v>
      </c>
      <c r="G22298" s="8">
        <v>100</v>
      </c>
      <c r="H22298" s="5">
        <v>6</v>
      </c>
      <c r="I22298" s="5" t="s">
        <v>1518</v>
      </c>
      <c r="J22298" s="5" t="s">
        <v>69038</v>
      </c>
      <c r="K22298" s="2" t="s">
        <v>69039</v>
      </c>
      <c r="L22298" s="5" t="s">
        <v>69038</v>
      </c>
      <c r="M22298" s="2" t="s">
        <v>69039</v>
      </c>
      <c r="N22298" s="5" t="s">
        <v>1521</v>
      </c>
      <c r="O22298" s="5" t="s">
        <v>38</v>
      </c>
      <c r="P22298" s="5" t="s">
        <v>39</v>
      </c>
      <c r="Q22298" s="5" t="s">
        <v>40</v>
      </c>
      <c r="R22298" s="5" t="s">
        <v>1522</v>
      </c>
      <c r="S22298" s="5" t="s">
        <v>1523</v>
      </c>
      <c r="T22298" s="5" t="s">
        <v>42</v>
      </c>
      <c r="U22298" s="2">
        <v>1.1539999999999999</v>
      </c>
      <c r="V22298" s="2">
        <v>0.85199999999999998</v>
      </c>
      <c r="W22298" s="2">
        <v>7.0000000000000001E-3</v>
      </c>
      <c r="X22298" s="2">
        <v>82.9</v>
      </c>
      <c r="Y22298" s="2">
        <v>7.6</v>
      </c>
      <c r="Z22298" s="2">
        <v>10.6</v>
      </c>
      <c r="AA22298" s="5"/>
      <c r="AB22298" s="5" t="s">
        <v>43</v>
      </c>
      <c r="AC22298" s="5" t="s">
        <v>44</v>
      </c>
      <c r="AD22298" s="2"/>
      <c r="AE22298" s="1"/>
    </row>
    <row r="22299" spans="1:31" ht="14.45">
      <c r="A22299" s="11"/>
      <c r="B22299" s="20"/>
      <c r="C22299" s="2" t="s">
        <v>71765</v>
      </c>
      <c r="D22299" s="14" t="s">
        <v>71766</v>
      </c>
      <c r="E22299" s="2" t="s">
        <v>71767</v>
      </c>
      <c r="F22299" s="2" t="s">
        <v>7212</v>
      </c>
      <c r="G22299" s="8">
        <v>100</v>
      </c>
      <c r="H22299" s="5">
        <v>6</v>
      </c>
      <c r="I22299" s="5" t="s">
        <v>1518</v>
      </c>
      <c r="J22299" s="5" t="s">
        <v>69038</v>
      </c>
      <c r="K22299" s="2" t="s">
        <v>69039</v>
      </c>
      <c r="L22299" s="5" t="s">
        <v>69038</v>
      </c>
      <c r="M22299" s="2" t="s">
        <v>69039</v>
      </c>
      <c r="N22299" s="5" t="s">
        <v>1521</v>
      </c>
      <c r="O22299" s="5" t="s">
        <v>38</v>
      </c>
      <c r="P22299" s="5" t="s">
        <v>39</v>
      </c>
      <c r="Q22299" s="5" t="s">
        <v>40</v>
      </c>
      <c r="R22299" s="5" t="s">
        <v>1522</v>
      </c>
      <c r="S22299" s="5" t="s">
        <v>1523</v>
      </c>
      <c r="T22299" s="5" t="s">
        <v>42</v>
      </c>
      <c r="U22299" s="2">
        <v>1.1539999999999999</v>
      </c>
      <c r="V22299" s="2">
        <v>0.85199999999999998</v>
      </c>
      <c r="W22299" s="2">
        <v>7.0000000000000001E-3</v>
      </c>
      <c r="X22299" s="2">
        <v>82.9</v>
      </c>
      <c r="Y22299" s="2">
        <v>7.6</v>
      </c>
      <c r="Z22299" s="2">
        <v>10.6</v>
      </c>
      <c r="AA22299" s="5"/>
      <c r="AB22299" s="5" t="s">
        <v>43</v>
      </c>
      <c r="AC22299" s="5" t="s">
        <v>44</v>
      </c>
      <c r="AD22299" s="2"/>
      <c r="AE22299" s="1"/>
    </row>
    <row r="22300" spans="1:31" ht="14.45">
      <c r="A22300" s="11"/>
      <c r="B22300" s="20"/>
      <c r="C22300" s="2" t="s">
        <v>71768</v>
      </c>
      <c r="D22300" s="14" t="s">
        <v>71769</v>
      </c>
      <c r="E22300" s="2" t="s">
        <v>71770</v>
      </c>
      <c r="F22300" s="2" t="s">
        <v>7204</v>
      </c>
      <c r="G22300" s="8">
        <v>111</v>
      </c>
      <c r="H22300" s="5">
        <v>6</v>
      </c>
      <c r="I22300" s="5" t="s">
        <v>1518</v>
      </c>
      <c r="J22300" s="5" t="s">
        <v>69038</v>
      </c>
      <c r="K22300" s="2" t="s">
        <v>69039</v>
      </c>
      <c r="L22300" s="5" t="s">
        <v>69038</v>
      </c>
      <c r="M22300" s="2" t="s">
        <v>69039</v>
      </c>
      <c r="N22300" s="5" t="s">
        <v>1521</v>
      </c>
      <c r="O22300" s="5" t="s">
        <v>38</v>
      </c>
      <c r="P22300" s="5" t="s">
        <v>39</v>
      </c>
      <c r="Q22300" s="5" t="s">
        <v>40</v>
      </c>
      <c r="R22300" s="5" t="s">
        <v>1522</v>
      </c>
      <c r="S22300" s="5" t="s">
        <v>1523</v>
      </c>
      <c r="T22300" s="5" t="s">
        <v>42</v>
      </c>
      <c r="U22300" s="2">
        <v>1.3120000000000001</v>
      </c>
      <c r="V22300" s="2">
        <v>0.95299999999999996</v>
      </c>
      <c r="W22300" s="2">
        <v>0.01</v>
      </c>
      <c r="X22300" s="2">
        <v>118.9</v>
      </c>
      <c r="Y22300" s="2">
        <v>7.6</v>
      </c>
      <c r="Z22300" s="2">
        <v>10.6</v>
      </c>
      <c r="AA22300" s="5"/>
      <c r="AB22300" s="5" t="s">
        <v>43</v>
      </c>
      <c r="AC22300" s="5" t="s">
        <v>44</v>
      </c>
      <c r="AD22300" s="2"/>
      <c r="AE22300" s="1"/>
    </row>
    <row r="22301" spans="1:31" ht="14.45">
      <c r="A22301" s="11"/>
      <c r="B22301" s="20"/>
      <c r="C22301" s="2" t="s">
        <v>71771</v>
      </c>
      <c r="D22301" s="14" t="s">
        <v>71772</v>
      </c>
      <c r="E22301" s="2" t="s">
        <v>71773</v>
      </c>
      <c r="F22301" s="2" t="s">
        <v>7208</v>
      </c>
      <c r="G22301" s="8">
        <v>111</v>
      </c>
      <c r="H22301" s="5">
        <v>6</v>
      </c>
      <c r="I22301" s="5" t="s">
        <v>1518</v>
      </c>
      <c r="J22301" s="5" t="s">
        <v>69038</v>
      </c>
      <c r="K22301" s="2" t="s">
        <v>69039</v>
      </c>
      <c r="L22301" s="5" t="s">
        <v>69038</v>
      </c>
      <c r="M22301" s="2" t="s">
        <v>69039</v>
      </c>
      <c r="N22301" s="5" t="s">
        <v>1521</v>
      </c>
      <c r="O22301" s="5" t="s">
        <v>38</v>
      </c>
      <c r="P22301" s="5" t="s">
        <v>39</v>
      </c>
      <c r="Q22301" s="5" t="s">
        <v>40</v>
      </c>
      <c r="R22301" s="5" t="s">
        <v>1522</v>
      </c>
      <c r="S22301" s="5" t="s">
        <v>1523</v>
      </c>
      <c r="T22301" s="5" t="s">
        <v>42</v>
      </c>
      <c r="U22301" s="2">
        <v>1.3120000000000001</v>
      </c>
      <c r="V22301" s="2">
        <v>0.95299999999999996</v>
      </c>
      <c r="W22301" s="2">
        <v>0.01</v>
      </c>
      <c r="X22301" s="2">
        <v>118.9</v>
      </c>
      <c r="Y22301" s="2">
        <v>7.6</v>
      </c>
      <c r="Z22301" s="2">
        <v>10.6</v>
      </c>
      <c r="AA22301" s="5"/>
      <c r="AB22301" s="5" t="s">
        <v>43</v>
      </c>
      <c r="AC22301" s="5" t="s">
        <v>44</v>
      </c>
      <c r="AD22301" s="2"/>
      <c r="AE22301" s="1"/>
    </row>
    <row r="22302" spans="1:31" ht="14.45">
      <c r="A22302" s="11"/>
      <c r="B22302" s="20"/>
      <c r="C22302" s="2" t="s">
        <v>71774</v>
      </c>
      <c r="D22302" s="14" t="s">
        <v>71775</v>
      </c>
      <c r="E22302" s="2" t="s">
        <v>71776</v>
      </c>
      <c r="F22302" s="2" t="s">
        <v>7396</v>
      </c>
      <c r="G22302" s="8">
        <v>111</v>
      </c>
      <c r="H22302" s="5">
        <v>6</v>
      </c>
      <c r="I22302" s="5" t="s">
        <v>1518</v>
      </c>
      <c r="J22302" s="5" t="s">
        <v>69038</v>
      </c>
      <c r="K22302" s="2" t="s">
        <v>69039</v>
      </c>
      <c r="L22302" s="5" t="s">
        <v>69038</v>
      </c>
      <c r="M22302" s="2" t="s">
        <v>69039</v>
      </c>
      <c r="N22302" s="5" t="s">
        <v>1521</v>
      </c>
      <c r="O22302" s="5" t="s">
        <v>38</v>
      </c>
      <c r="P22302" s="5" t="s">
        <v>39</v>
      </c>
      <c r="Q22302" s="5" t="s">
        <v>40</v>
      </c>
      <c r="R22302" s="5" t="s">
        <v>1522</v>
      </c>
      <c r="S22302" s="5" t="s">
        <v>1523</v>
      </c>
      <c r="T22302" s="5" t="s">
        <v>42</v>
      </c>
      <c r="U22302" s="2">
        <v>1.3120000000000001</v>
      </c>
      <c r="V22302" s="2">
        <v>0.95299999999999996</v>
      </c>
      <c r="W22302" s="2">
        <v>0.01</v>
      </c>
      <c r="X22302" s="2">
        <v>118.9</v>
      </c>
      <c r="Y22302" s="2">
        <v>7.6</v>
      </c>
      <c r="Z22302" s="2">
        <v>10.6</v>
      </c>
      <c r="AA22302" s="5"/>
      <c r="AB22302" s="5" t="s">
        <v>43</v>
      </c>
      <c r="AC22302" s="5" t="s">
        <v>44</v>
      </c>
      <c r="AD22302" s="2"/>
      <c r="AE22302" s="1"/>
    </row>
    <row r="22303" spans="1:31" ht="14.45">
      <c r="A22303" s="11"/>
      <c r="B22303" s="20"/>
      <c r="C22303" s="2" t="s">
        <v>71777</v>
      </c>
      <c r="D22303" s="14" t="s">
        <v>71778</v>
      </c>
      <c r="E22303" s="2" t="s">
        <v>71779</v>
      </c>
      <c r="F22303" s="2" t="s">
        <v>7204</v>
      </c>
      <c r="G22303" s="8">
        <v>105</v>
      </c>
      <c r="H22303" s="5">
        <v>6</v>
      </c>
      <c r="I22303" s="5" t="s">
        <v>1518</v>
      </c>
      <c r="J22303" s="5" t="s">
        <v>69038</v>
      </c>
      <c r="K22303" s="2" t="s">
        <v>69039</v>
      </c>
      <c r="L22303" s="5" t="s">
        <v>69038</v>
      </c>
      <c r="M22303" s="2" t="s">
        <v>69039</v>
      </c>
      <c r="N22303" s="5" t="s">
        <v>1521</v>
      </c>
      <c r="O22303" s="5" t="s">
        <v>38</v>
      </c>
      <c r="P22303" s="5" t="s">
        <v>39</v>
      </c>
      <c r="Q22303" s="5" t="s">
        <v>40</v>
      </c>
      <c r="R22303" s="5" t="s">
        <v>1522</v>
      </c>
      <c r="S22303" s="5" t="s">
        <v>1523</v>
      </c>
      <c r="T22303" s="5" t="s">
        <v>42</v>
      </c>
      <c r="U22303" s="2">
        <v>1.264</v>
      </c>
      <c r="V22303" s="2">
        <v>0.97</v>
      </c>
      <c r="W22303" s="2">
        <v>7.0000000000000001E-3</v>
      </c>
      <c r="X22303" s="2">
        <v>82.9</v>
      </c>
      <c r="Y22303" s="2">
        <v>7.6</v>
      </c>
      <c r="Z22303" s="2">
        <v>10.6</v>
      </c>
      <c r="AA22303" s="5"/>
      <c r="AB22303" s="5" t="s">
        <v>43</v>
      </c>
      <c r="AC22303" s="5" t="s">
        <v>44</v>
      </c>
      <c r="AD22303" s="2"/>
      <c r="AE22303" s="1"/>
    </row>
    <row r="22304" spans="1:31" ht="14.45">
      <c r="A22304" s="11"/>
      <c r="B22304" s="20"/>
      <c r="C22304" s="2" t="s">
        <v>71780</v>
      </c>
      <c r="D22304" s="14" t="s">
        <v>71781</v>
      </c>
      <c r="E22304" s="2" t="s">
        <v>71782</v>
      </c>
      <c r="F22304" s="2" t="s">
        <v>7208</v>
      </c>
      <c r="G22304" s="8">
        <v>105</v>
      </c>
      <c r="H22304" s="5">
        <v>6</v>
      </c>
      <c r="I22304" s="5" t="s">
        <v>1518</v>
      </c>
      <c r="J22304" s="5" t="s">
        <v>69038</v>
      </c>
      <c r="K22304" s="2" t="s">
        <v>69039</v>
      </c>
      <c r="L22304" s="5" t="s">
        <v>69038</v>
      </c>
      <c r="M22304" s="2" t="s">
        <v>69039</v>
      </c>
      <c r="N22304" s="5" t="s">
        <v>1521</v>
      </c>
      <c r="O22304" s="5" t="s">
        <v>38</v>
      </c>
      <c r="P22304" s="5" t="s">
        <v>39</v>
      </c>
      <c r="Q22304" s="5" t="s">
        <v>40</v>
      </c>
      <c r="R22304" s="5" t="s">
        <v>1522</v>
      </c>
      <c r="S22304" s="5" t="s">
        <v>1523</v>
      </c>
      <c r="T22304" s="5" t="s">
        <v>42</v>
      </c>
      <c r="U22304" s="2">
        <v>1.264</v>
      </c>
      <c r="V22304" s="2">
        <v>0.97</v>
      </c>
      <c r="W22304" s="2">
        <v>7.0000000000000001E-3</v>
      </c>
      <c r="X22304" s="2">
        <v>82.9</v>
      </c>
      <c r="Y22304" s="2">
        <v>7.6</v>
      </c>
      <c r="Z22304" s="2">
        <v>10.6</v>
      </c>
      <c r="AA22304" s="5"/>
      <c r="AB22304" s="5" t="s">
        <v>43</v>
      </c>
      <c r="AC22304" s="5" t="s">
        <v>44</v>
      </c>
      <c r="AD22304" s="2"/>
      <c r="AE22304" s="1"/>
    </row>
    <row r="22305" spans="1:31" ht="14.45">
      <c r="A22305" s="11"/>
      <c r="B22305" s="20"/>
      <c r="C22305" s="2" t="s">
        <v>71783</v>
      </c>
      <c r="D22305" s="14" t="s">
        <v>71784</v>
      </c>
      <c r="E22305" s="2" t="s">
        <v>71785</v>
      </c>
      <c r="F22305" s="2" t="s">
        <v>7539</v>
      </c>
      <c r="G22305" s="8">
        <v>121</v>
      </c>
      <c r="H22305" s="5">
        <v>6</v>
      </c>
      <c r="I22305" s="5" t="s">
        <v>1518</v>
      </c>
      <c r="J22305" s="5" t="s">
        <v>69038</v>
      </c>
      <c r="K22305" s="2" t="s">
        <v>69039</v>
      </c>
      <c r="L22305" s="5" t="s">
        <v>69038</v>
      </c>
      <c r="M22305" s="2" t="s">
        <v>69039</v>
      </c>
      <c r="N22305" s="5" t="s">
        <v>1521</v>
      </c>
      <c r="O22305" s="5" t="s">
        <v>38</v>
      </c>
      <c r="P22305" s="5" t="s">
        <v>39</v>
      </c>
      <c r="Q22305" s="5" t="s">
        <v>40</v>
      </c>
      <c r="R22305" s="5" t="s">
        <v>1522</v>
      </c>
      <c r="S22305" s="5" t="s">
        <v>1523</v>
      </c>
      <c r="T22305" s="5" t="s">
        <v>42</v>
      </c>
      <c r="U22305" s="2">
        <v>1.264</v>
      </c>
      <c r="V22305" s="2">
        <v>0.97</v>
      </c>
      <c r="W22305" s="2">
        <v>7.0000000000000001E-3</v>
      </c>
      <c r="X22305" s="2">
        <v>82.9</v>
      </c>
      <c r="Y22305" s="2">
        <v>7.6</v>
      </c>
      <c r="Z22305" s="2">
        <v>10.6</v>
      </c>
      <c r="AA22305" s="5"/>
      <c r="AB22305" s="5" t="s">
        <v>43</v>
      </c>
      <c r="AC22305" s="5" t="s">
        <v>44</v>
      </c>
      <c r="AD22305" s="2"/>
      <c r="AE22305" s="1"/>
    </row>
    <row r="22306" spans="1:31" ht="14.45">
      <c r="A22306" s="11"/>
      <c r="B22306" s="20"/>
      <c r="C22306" s="2" t="s">
        <v>71786</v>
      </c>
      <c r="D22306" s="14" t="s">
        <v>71787</v>
      </c>
      <c r="E22306" s="2" t="s">
        <v>71788</v>
      </c>
      <c r="F22306" s="2" t="s">
        <v>7396</v>
      </c>
      <c r="G22306" s="8">
        <v>105</v>
      </c>
      <c r="H22306" s="5">
        <v>6</v>
      </c>
      <c r="I22306" s="5" t="s">
        <v>1518</v>
      </c>
      <c r="J22306" s="5" t="s">
        <v>69038</v>
      </c>
      <c r="K22306" s="2" t="s">
        <v>69039</v>
      </c>
      <c r="L22306" s="5" t="s">
        <v>69038</v>
      </c>
      <c r="M22306" s="2" t="s">
        <v>69039</v>
      </c>
      <c r="N22306" s="5" t="s">
        <v>1521</v>
      </c>
      <c r="O22306" s="5" t="s">
        <v>38</v>
      </c>
      <c r="P22306" s="5" t="s">
        <v>39</v>
      </c>
      <c r="Q22306" s="5" t="s">
        <v>40</v>
      </c>
      <c r="R22306" s="5" t="s">
        <v>1522</v>
      </c>
      <c r="S22306" s="5" t="s">
        <v>1523</v>
      </c>
      <c r="T22306" s="5" t="s">
        <v>42</v>
      </c>
      <c r="U22306" s="2">
        <v>1.264</v>
      </c>
      <c r="V22306" s="2">
        <v>0.97</v>
      </c>
      <c r="W22306" s="2">
        <v>7.0000000000000001E-3</v>
      </c>
      <c r="X22306" s="2">
        <v>82.9</v>
      </c>
      <c r="Y22306" s="2">
        <v>7.6</v>
      </c>
      <c r="Z22306" s="2">
        <v>10.6</v>
      </c>
      <c r="AA22306" s="5"/>
      <c r="AB22306" s="5" t="s">
        <v>43</v>
      </c>
      <c r="AC22306" s="5" t="s">
        <v>44</v>
      </c>
      <c r="AD22306" s="2"/>
      <c r="AE22306" s="1"/>
    </row>
    <row r="22307" spans="1:31" ht="14.45">
      <c r="A22307" s="11"/>
      <c r="B22307" s="20"/>
      <c r="C22307" s="2" t="s">
        <v>71789</v>
      </c>
      <c r="D22307" s="14" t="s">
        <v>71790</v>
      </c>
      <c r="E22307" s="2" t="s">
        <v>71791</v>
      </c>
      <c r="F22307" s="2" t="s">
        <v>7449</v>
      </c>
      <c r="G22307" s="8">
        <v>121</v>
      </c>
      <c r="H22307" s="5">
        <v>6</v>
      </c>
      <c r="I22307" s="5" t="s">
        <v>1518</v>
      </c>
      <c r="J22307" s="5" t="s">
        <v>69038</v>
      </c>
      <c r="K22307" s="2" t="s">
        <v>69039</v>
      </c>
      <c r="L22307" s="5" t="s">
        <v>69038</v>
      </c>
      <c r="M22307" s="2" t="s">
        <v>69039</v>
      </c>
      <c r="N22307" s="5" t="s">
        <v>1521</v>
      </c>
      <c r="O22307" s="5" t="s">
        <v>38</v>
      </c>
      <c r="P22307" s="5" t="s">
        <v>39</v>
      </c>
      <c r="Q22307" s="5" t="s">
        <v>40</v>
      </c>
      <c r="R22307" s="5" t="s">
        <v>1522</v>
      </c>
      <c r="S22307" s="5" t="s">
        <v>1523</v>
      </c>
      <c r="T22307" s="5" t="s">
        <v>42</v>
      </c>
      <c r="U22307" s="2">
        <v>1.264</v>
      </c>
      <c r="V22307" s="2">
        <v>0.97</v>
      </c>
      <c r="W22307" s="2">
        <v>7.0000000000000001E-3</v>
      </c>
      <c r="X22307" s="2">
        <v>82.9</v>
      </c>
      <c r="Y22307" s="2">
        <v>7.6</v>
      </c>
      <c r="Z22307" s="2">
        <v>10.6</v>
      </c>
      <c r="AA22307" s="5"/>
      <c r="AB22307" s="5" t="s">
        <v>43</v>
      </c>
      <c r="AC22307" s="5" t="s">
        <v>44</v>
      </c>
      <c r="AD22307" s="2"/>
      <c r="AE22307" s="1"/>
    </row>
    <row r="22308" spans="1:31" ht="14.45">
      <c r="A22308" s="11"/>
      <c r="B22308" s="20"/>
      <c r="C22308" s="2" t="s">
        <v>71792</v>
      </c>
      <c r="D22308" s="14" t="s">
        <v>71793</v>
      </c>
      <c r="E22308" s="2" t="s">
        <v>71794</v>
      </c>
      <c r="F22308" s="2" t="s">
        <v>7212</v>
      </c>
      <c r="G22308" s="8">
        <v>105</v>
      </c>
      <c r="H22308" s="5">
        <v>6</v>
      </c>
      <c r="I22308" s="5" t="s">
        <v>1518</v>
      </c>
      <c r="J22308" s="5" t="s">
        <v>69038</v>
      </c>
      <c r="K22308" s="2" t="s">
        <v>69039</v>
      </c>
      <c r="L22308" s="5" t="s">
        <v>69038</v>
      </c>
      <c r="M22308" s="2" t="s">
        <v>69039</v>
      </c>
      <c r="N22308" s="5" t="s">
        <v>1521</v>
      </c>
      <c r="O22308" s="5" t="s">
        <v>38</v>
      </c>
      <c r="P22308" s="5" t="s">
        <v>39</v>
      </c>
      <c r="Q22308" s="5" t="s">
        <v>40</v>
      </c>
      <c r="R22308" s="5" t="s">
        <v>1522</v>
      </c>
      <c r="S22308" s="5" t="s">
        <v>1523</v>
      </c>
      <c r="T22308" s="5" t="s">
        <v>42</v>
      </c>
      <c r="U22308" s="2">
        <v>1.264</v>
      </c>
      <c r="V22308" s="2">
        <v>0.97</v>
      </c>
      <c r="W22308" s="2">
        <v>7.0000000000000001E-3</v>
      </c>
      <c r="X22308" s="2">
        <v>82.9</v>
      </c>
      <c r="Y22308" s="2">
        <v>7.6</v>
      </c>
      <c r="Z22308" s="2">
        <v>10.6</v>
      </c>
      <c r="AA22308" s="5"/>
      <c r="AB22308" s="5" t="s">
        <v>43</v>
      </c>
      <c r="AC22308" s="5" t="s">
        <v>44</v>
      </c>
      <c r="AD22308" s="2"/>
      <c r="AE22308" s="1"/>
    </row>
    <row r="22309" spans="1:31" ht="14.45">
      <c r="A22309" s="11"/>
      <c r="B22309" s="20"/>
      <c r="C22309" s="2" t="s">
        <v>71795</v>
      </c>
      <c r="D22309" s="14" t="s">
        <v>71796</v>
      </c>
      <c r="E22309" s="2" t="s">
        <v>71797</v>
      </c>
      <c r="F22309" s="2" t="s">
        <v>7204</v>
      </c>
      <c r="G22309" s="8">
        <v>114</v>
      </c>
      <c r="H22309" s="5">
        <v>6</v>
      </c>
      <c r="I22309" s="5" t="s">
        <v>1518</v>
      </c>
      <c r="J22309" s="5" t="s">
        <v>69038</v>
      </c>
      <c r="K22309" s="2" t="s">
        <v>69039</v>
      </c>
      <c r="L22309" s="5" t="s">
        <v>69038</v>
      </c>
      <c r="M22309" s="2" t="s">
        <v>69039</v>
      </c>
      <c r="N22309" s="5" t="s">
        <v>1521</v>
      </c>
      <c r="O22309" s="5" t="s">
        <v>38</v>
      </c>
      <c r="P22309" s="5" t="s">
        <v>39</v>
      </c>
      <c r="Q22309" s="5" t="s">
        <v>40</v>
      </c>
      <c r="R22309" s="5" t="s">
        <v>1522</v>
      </c>
      <c r="S22309" s="5" t="s">
        <v>1523</v>
      </c>
      <c r="T22309" s="5" t="s">
        <v>42</v>
      </c>
      <c r="U22309" s="2">
        <v>1.427</v>
      </c>
      <c r="V22309" s="2">
        <v>1.075</v>
      </c>
      <c r="W22309" s="2">
        <v>0.01</v>
      </c>
      <c r="X22309" s="2">
        <v>118.9</v>
      </c>
      <c r="Y22309" s="2">
        <v>7.6</v>
      </c>
      <c r="Z22309" s="2">
        <v>10.6</v>
      </c>
      <c r="AA22309" s="5"/>
      <c r="AB22309" s="5" t="s">
        <v>43</v>
      </c>
      <c r="AC22309" s="5" t="s">
        <v>44</v>
      </c>
      <c r="AD22309" s="2"/>
      <c r="AE22309" s="1"/>
    </row>
    <row r="22310" spans="1:31" ht="14.45">
      <c r="A22310" s="11"/>
      <c r="B22310" s="20"/>
      <c r="C22310" s="2" t="s">
        <v>71798</v>
      </c>
      <c r="D22310" s="14" t="s">
        <v>71799</v>
      </c>
      <c r="E22310" s="2" t="s">
        <v>71800</v>
      </c>
      <c r="F22310" s="2" t="s">
        <v>7208</v>
      </c>
      <c r="G22310" s="8">
        <v>114</v>
      </c>
      <c r="H22310" s="5">
        <v>6</v>
      </c>
      <c r="I22310" s="5" t="s">
        <v>1518</v>
      </c>
      <c r="J22310" s="5" t="s">
        <v>69038</v>
      </c>
      <c r="K22310" s="2" t="s">
        <v>69039</v>
      </c>
      <c r="L22310" s="5" t="s">
        <v>69038</v>
      </c>
      <c r="M22310" s="2" t="s">
        <v>69039</v>
      </c>
      <c r="N22310" s="5" t="s">
        <v>1521</v>
      </c>
      <c r="O22310" s="5" t="s">
        <v>38</v>
      </c>
      <c r="P22310" s="5" t="s">
        <v>39</v>
      </c>
      <c r="Q22310" s="5" t="s">
        <v>40</v>
      </c>
      <c r="R22310" s="5" t="s">
        <v>1522</v>
      </c>
      <c r="S22310" s="5" t="s">
        <v>1523</v>
      </c>
      <c r="T22310" s="5" t="s">
        <v>42</v>
      </c>
      <c r="U22310" s="2">
        <v>1.427</v>
      </c>
      <c r="V22310" s="2">
        <v>1.075</v>
      </c>
      <c r="W22310" s="2">
        <v>0.01</v>
      </c>
      <c r="X22310" s="2">
        <v>118.9</v>
      </c>
      <c r="Y22310" s="2">
        <v>7.6</v>
      </c>
      <c r="Z22310" s="2">
        <v>10.6</v>
      </c>
      <c r="AA22310" s="5"/>
      <c r="AB22310" s="5" t="s">
        <v>43</v>
      </c>
      <c r="AC22310" s="5" t="s">
        <v>44</v>
      </c>
      <c r="AD22310" s="2"/>
      <c r="AE22310" s="1"/>
    </row>
    <row r="22311" spans="1:31" ht="14.45">
      <c r="A22311" s="11"/>
      <c r="B22311" s="20"/>
      <c r="C22311" s="2" t="s">
        <v>71801</v>
      </c>
      <c r="D22311" s="14" t="s">
        <v>71802</v>
      </c>
      <c r="E22311" s="2" t="s">
        <v>71803</v>
      </c>
      <c r="F22311" s="2" t="s">
        <v>7539</v>
      </c>
      <c r="G22311" s="8">
        <v>131</v>
      </c>
      <c r="H22311" s="5">
        <v>6</v>
      </c>
      <c r="I22311" s="5" t="s">
        <v>1518</v>
      </c>
      <c r="J22311" s="5" t="s">
        <v>69038</v>
      </c>
      <c r="K22311" s="2" t="s">
        <v>69039</v>
      </c>
      <c r="L22311" s="5" t="s">
        <v>69038</v>
      </c>
      <c r="M22311" s="2" t="s">
        <v>69039</v>
      </c>
      <c r="N22311" s="5" t="s">
        <v>1521</v>
      </c>
      <c r="O22311" s="5" t="s">
        <v>38</v>
      </c>
      <c r="P22311" s="5" t="s">
        <v>39</v>
      </c>
      <c r="Q22311" s="5" t="s">
        <v>40</v>
      </c>
      <c r="R22311" s="5" t="s">
        <v>1522</v>
      </c>
      <c r="S22311" s="5" t="s">
        <v>1523</v>
      </c>
      <c r="T22311" s="5" t="s">
        <v>42</v>
      </c>
      <c r="U22311" s="2">
        <v>1.427</v>
      </c>
      <c r="V22311" s="2">
        <v>1.075</v>
      </c>
      <c r="W22311" s="2">
        <v>0.01</v>
      </c>
      <c r="X22311" s="2">
        <v>118.9</v>
      </c>
      <c r="Y22311" s="2">
        <v>7.6</v>
      </c>
      <c r="Z22311" s="2">
        <v>10.6</v>
      </c>
      <c r="AA22311" s="5"/>
      <c r="AB22311" s="5" t="s">
        <v>43</v>
      </c>
      <c r="AC22311" s="5" t="s">
        <v>44</v>
      </c>
      <c r="AD22311" s="2"/>
      <c r="AE22311" s="1"/>
    </row>
    <row r="22312" spans="1:31" ht="14.45">
      <c r="A22312" s="11"/>
      <c r="B22312" s="20"/>
      <c r="C22312" s="2" t="s">
        <v>71804</v>
      </c>
      <c r="D22312" s="14" t="s">
        <v>71805</v>
      </c>
      <c r="E22312" s="2" t="s">
        <v>71806</v>
      </c>
      <c r="F22312" s="2" t="s">
        <v>7396</v>
      </c>
      <c r="G22312" s="8">
        <v>114</v>
      </c>
      <c r="H22312" s="5">
        <v>6</v>
      </c>
      <c r="I22312" s="5" t="s">
        <v>1518</v>
      </c>
      <c r="J22312" s="5" t="s">
        <v>69038</v>
      </c>
      <c r="K22312" s="2" t="s">
        <v>69039</v>
      </c>
      <c r="L22312" s="5" t="s">
        <v>69038</v>
      </c>
      <c r="M22312" s="2" t="s">
        <v>69039</v>
      </c>
      <c r="N22312" s="5" t="s">
        <v>1521</v>
      </c>
      <c r="O22312" s="5" t="s">
        <v>38</v>
      </c>
      <c r="P22312" s="5" t="s">
        <v>39</v>
      </c>
      <c r="Q22312" s="5" t="s">
        <v>40</v>
      </c>
      <c r="R22312" s="5" t="s">
        <v>1522</v>
      </c>
      <c r="S22312" s="5" t="s">
        <v>1523</v>
      </c>
      <c r="T22312" s="5" t="s">
        <v>42</v>
      </c>
      <c r="U22312" s="2">
        <v>1.427</v>
      </c>
      <c r="V22312" s="2">
        <v>1.075</v>
      </c>
      <c r="W22312" s="2">
        <v>0.01</v>
      </c>
      <c r="X22312" s="2">
        <v>118.9</v>
      </c>
      <c r="Y22312" s="2">
        <v>7.6</v>
      </c>
      <c r="Z22312" s="2">
        <v>10.6</v>
      </c>
      <c r="AA22312" s="5"/>
      <c r="AB22312" s="5" t="s">
        <v>43</v>
      </c>
      <c r="AC22312" s="5" t="s">
        <v>44</v>
      </c>
      <c r="AD22312" s="2"/>
      <c r="AE22312" s="1"/>
    </row>
    <row r="22313" spans="1:31" ht="14.45">
      <c r="A22313" s="11"/>
      <c r="B22313" s="20"/>
      <c r="C22313" s="2" t="s">
        <v>71807</v>
      </c>
      <c r="D22313" s="14" t="s">
        <v>71808</v>
      </c>
      <c r="E22313" s="2" t="s">
        <v>71809</v>
      </c>
      <c r="F22313" s="2" t="s">
        <v>7555</v>
      </c>
      <c r="G22313" s="8">
        <v>131</v>
      </c>
      <c r="H22313" s="5">
        <v>6</v>
      </c>
      <c r="I22313" s="5" t="s">
        <v>1518</v>
      </c>
      <c r="J22313" s="5" t="s">
        <v>69038</v>
      </c>
      <c r="K22313" s="2" t="s">
        <v>69039</v>
      </c>
      <c r="L22313" s="5" t="s">
        <v>69038</v>
      </c>
      <c r="M22313" s="2" t="s">
        <v>69039</v>
      </c>
      <c r="N22313" s="5" t="s">
        <v>1521</v>
      </c>
      <c r="O22313" s="5" t="s">
        <v>38</v>
      </c>
      <c r="P22313" s="5" t="s">
        <v>39</v>
      </c>
      <c r="Q22313" s="5" t="s">
        <v>40</v>
      </c>
      <c r="R22313" s="5" t="s">
        <v>1522</v>
      </c>
      <c r="S22313" s="5" t="s">
        <v>1523</v>
      </c>
      <c r="T22313" s="5" t="s">
        <v>42</v>
      </c>
      <c r="U22313" s="2">
        <v>1.427</v>
      </c>
      <c r="V22313" s="2">
        <v>1.075</v>
      </c>
      <c r="W22313" s="2">
        <v>0.01</v>
      </c>
      <c r="X22313" s="2">
        <v>118.9</v>
      </c>
      <c r="Y22313" s="2">
        <v>7.6</v>
      </c>
      <c r="Z22313" s="2">
        <v>10.6</v>
      </c>
      <c r="AA22313" s="5"/>
      <c r="AB22313" s="5" t="s">
        <v>43</v>
      </c>
      <c r="AC22313" s="5" t="s">
        <v>44</v>
      </c>
      <c r="AD22313" s="2"/>
      <c r="AE22313" s="1"/>
    </row>
    <row r="22314" spans="1:31" ht="14.45">
      <c r="A22314" s="11"/>
      <c r="B22314" s="20"/>
      <c r="C22314" s="2" t="s">
        <v>71810</v>
      </c>
      <c r="D22314" s="14" t="s">
        <v>71811</v>
      </c>
      <c r="E22314" s="2" t="s">
        <v>71812</v>
      </c>
      <c r="F22314" s="2" t="s">
        <v>7449</v>
      </c>
      <c r="G22314" s="8">
        <v>131</v>
      </c>
      <c r="H22314" s="5">
        <v>6</v>
      </c>
      <c r="I22314" s="5" t="s">
        <v>1518</v>
      </c>
      <c r="J22314" s="5" t="s">
        <v>69038</v>
      </c>
      <c r="K22314" s="2" t="s">
        <v>69039</v>
      </c>
      <c r="L22314" s="5" t="s">
        <v>69038</v>
      </c>
      <c r="M22314" s="2" t="s">
        <v>69039</v>
      </c>
      <c r="N22314" s="5" t="s">
        <v>1521</v>
      </c>
      <c r="O22314" s="5" t="s">
        <v>38</v>
      </c>
      <c r="P22314" s="5" t="s">
        <v>39</v>
      </c>
      <c r="Q22314" s="5" t="s">
        <v>40</v>
      </c>
      <c r="R22314" s="5" t="s">
        <v>1522</v>
      </c>
      <c r="S22314" s="5" t="s">
        <v>1523</v>
      </c>
      <c r="T22314" s="5" t="s">
        <v>42</v>
      </c>
      <c r="U22314" s="2">
        <v>1.427</v>
      </c>
      <c r="V22314" s="2">
        <v>1.075</v>
      </c>
      <c r="W22314" s="2">
        <v>0.01</v>
      </c>
      <c r="X22314" s="2">
        <v>118.9</v>
      </c>
      <c r="Y22314" s="2">
        <v>7.6</v>
      </c>
      <c r="Z22314" s="2">
        <v>10.6</v>
      </c>
      <c r="AA22314" s="5"/>
      <c r="AB22314" s="5" t="s">
        <v>43</v>
      </c>
      <c r="AC22314" s="5" t="s">
        <v>44</v>
      </c>
      <c r="AD22314" s="2"/>
      <c r="AE22314" s="1"/>
    </row>
    <row r="22315" spans="1:31" ht="14.45">
      <c r="A22315" s="11"/>
      <c r="B22315" s="20"/>
      <c r="C22315" s="2" t="s">
        <v>71813</v>
      </c>
      <c r="D22315" s="14" t="s">
        <v>71814</v>
      </c>
      <c r="E22315" s="2" t="s">
        <v>71815</v>
      </c>
      <c r="F22315" s="2" t="s">
        <v>7585</v>
      </c>
      <c r="G22315" s="8">
        <v>131</v>
      </c>
      <c r="H22315" s="5">
        <v>6</v>
      </c>
      <c r="I22315" s="5" t="s">
        <v>1518</v>
      </c>
      <c r="J22315" s="5" t="s">
        <v>69038</v>
      </c>
      <c r="K22315" s="2" t="s">
        <v>69039</v>
      </c>
      <c r="L22315" s="5" t="s">
        <v>69038</v>
      </c>
      <c r="M22315" s="2" t="s">
        <v>69039</v>
      </c>
      <c r="N22315" s="5" t="s">
        <v>1521</v>
      </c>
      <c r="O22315" s="5" t="s">
        <v>38</v>
      </c>
      <c r="P22315" s="5" t="s">
        <v>39</v>
      </c>
      <c r="Q22315" s="5" t="s">
        <v>40</v>
      </c>
      <c r="R22315" s="5" t="s">
        <v>1522</v>
      </c>
      <c r="S22315" s="5" t="s">
        <v>1523</v>
      </c>
      <c r="T22315" s="5" t="s">
        <v>42</v>
      </c>
      <c r="U22315" s="2">
        <v>1.427</v>
      </c>
      <c r="V22315" s="2">
        <v>1.075</v>
      </c>
      <c r="W22315" s="2">
        <v>0.01</v>
      </c>
      <c r="X22315" s="2">
        <v>118.9</v>
      </c>
      <c r="Y22315" s="2">
        <v>7.6</v>
      </c>
      <c r="Z22315" s="2">
        <v>10.6</v>
      </c>
      <c r="AA22315" s="5"/>
      <c r="AB22315" s="5" t="s">
        <v>43</v>
      </c>
      <c r="AC22315" s="5" t="s">
        <v>44</v>
      </c>
      <c r="AD22315" s="2"/>
      <c r="AE22315" s="1"/>
    </row>
    <row r="22316" spans="1:31" ht="14.45">
      <c r="A22316" s="11"/>
      <c r="B22316" s="20"/>
      <c r="C22316" s="2" t="s">
        <v>71816</v>
      </c>
      <c r="D22316" s="14" t="s">
        <v>71817</v>
      </c>
      <c r="E22316" s="2" t="s">
        <v>71818</v>
      </c>
      <c r="F22316" s="2" t="s">
        <v>7433</v>
      </c>
      <c r="G22316" s="8">
        <v>131</v>
      </c>
      <c r="H22316" s="5">
        <v>6</v>
      </c>
      <c r="I22316" s="5" t="s">
        <v>1518</v>
      </c>
      <c r="J22316" s="5" t="s">
        <v>69038</v>
      </c>
      <c r="K22316" s="2" t="s">
        <v>69039</v>
      </c>
      <c r="L22316" s="5" t="s">
        <v>69038</v>
      </c>
      <c r="M22316" s="2" t="s">
        <v>69039</v>
      </c>
      <c r="N22316" s="5" t="s">
        <v>1521</v>
      </c>
      <c r="O22316" s="5" t="s">
        <v>38</v>
      </c>
      <c r="P22316" s="5" t="s">
        <v>39</v>
      </c>
      <c r="Q22316" s="5" t="s">
        <v>40</v>
      </c>
      <c r="R22316" s="5" t="s">
        <v>1522</v>
      </c>
      <c r="S22316" s="5" t="s">
        <v>1523</v>
      </c>
      <c r="T22316" s="5" t="s">
        <v>42</v>
      </c>
      <c r="U22316" s="2">
        <v>1.427</v>
      </c>
      <c r="V22316" s="2">
        <v>1.075</v>
      </c>
      <c r="W22316" s="2">
        <v>0.01</v>
      </c>
      <c r="X22316" s="2">
        <v>118.9</v>
      </c>
      <c r="Y22316" s="2">
        <v>7.6</v>
      </c>
      <c r="Z22316" s="2">
        <v>10.6</v>
      </c>
      <c r="AA22316" s="5"/>
      <c r="AB22316" s="5" t="s">
        <v>43</v>
      </c>
      <c r="AC22316" s="5" t="s">
        <v>44</v>
      </c>
      <c r="AD22316" s="2"/>
      <c r="AE22316" s="1"/>
    </row>
    <row r="22317" spans="1:31" ht="14.45">
      <c r="A22317" s="11"/>
      <c r="B22317" s="20"/>
      <c r="C22317" s="2" t="s">
        <v>71819</v>
      </c>
      <c r="D22317" s="14" t="s">
        <v>71820</v>
      </c>
      <c r="E22317" s="2" t="s">
        <v>71821</v>
      </c>
      <c r="F22317" s="2" t="s">
        <v>7615</v>
      </c>
      <c r="G22317" s="8">
        <v>131</v>
      </c>
      <c r="H22317" s="5">
        <v>6</v>
      </c>
      <c r="I22317" s="5" t="s">
        <v>1518</v>
      </c>
      <c r="J22317" s="5" t="s">
        <v>69038</v>
      </c>
      <c r="K22317" s="2" t="s">
        <v>69039</v>
      </c>
      <c r="L22317" s="5" t="s">
        <v>69038</v>
      </c>
      <c r="M22317" s="2" t="s">
        <v>69039</v>
      </c>
      <c r="N22317" s="5" t="s">
        <v>1521</v>
      </c>
      <c r="O22317" s="5" t="s">
        <v>38</v>
      </c>
      <c r="P22317" s="5" t="s">
        <v>39</v>
      </c>
      <c r="Q22317" s="5" t="s">
        <v>40</v>
      </c>
      <c r="R22317" s="5" t="s">
        <v>1522</v>
      </c>
      <c r="S22317" s="5" t="s">
        <v>1523</v>
      </c>
      <c r="T22317" s="5" t="s">
        <v>42</v>
      </c>
      <c r="U22317" s="2">
        <v>1.427</v>
      </c>
      <c r="V22317" s="2">
        <v>1.075</v>
      </c>
      <c r="W22317" s="2">
        <v>0.01</v>
      </c>
      <c r="X22317" s="2">
        <v>118.9</v>
      </c>
      <c r="Y22317" s="2">
        <v>7.6</v>
      </c>
      <c r="Z22317" s="2">
        <v>10.6</v>
      </c>
      <c r="AA22317" s="5"/>
      <c r="AB22317" s="5" t="s">
        <v>43</v>
      </c>
      <c r="AC22317" s="5" t="s">
        <v>44</v>
      </c>
      <c r="AD22317" s="2"/>
      <c r="AE22317" s="1"/>
    </row>
    <row r="22318" spans="1:31" ht="14.45">
      <c r="A22318" s="11"/>
      <c r="B22318" s="20"/>
      <c r="C22318" s="2" t="s">
        <v>71822</v>
      </c>
      <c r="D22318" s="14" t="s">
        <v>71823</v>
      </c>
      <c r="E22318" s="2" t="s">
        <v>71824</v>
      </c>
      <c r="F22318" s="2" t="s">
        <v>7410</v>
      </c>
      <c r="G22318" s="8">
        <v>131</v>
      </c>
      <c r="H22318" s="5">
        <v>6</v>
      </c>
      <c r="I22318" s="5" t="s">
        <v>1518</v>
      </c>
      <c r="J22318" s="5" t="s">
        <v>69038</v>
      </c>
      <c r="K22318" s="2" t="s">
        <v>69039</v>
      </c>
      <c r="L22318" s="5" t="s">
        <v>69038</v>
      </c>
      <c r="M22318" s="2" t="s">
        <v>69039</v>
      </c>
      <c r="N22318" s="5" t="s">
        <v>1521</v>
      </c>
      <c r="O22318" s="5" t="s">
        <v>38</v>
      </c>
      <c r="P22318" s="5" t="s">
        <v>39</v>
      </c>
      <c r="Q22318" s="5" t="s">
        <v>40</v>
      </c>
      <c r="R22318" s="5" t="s">
        <v>1522</v>
      </c>
      <c r="S22318" s="5" t="s">
        <v>1523</v>
      </c>
      <c r="T22318" s="5" t="s">
        <v>42</v>
      </c>
      <c r="U22318" s="2">
        <v>1.427</v>
      </c>
      <c r="V22318" s="2">
        <v>1.075</v>
      </c>
      <c r="W22318" s="2">
        <v>0.01</v>
      </c>
      <c r="X22318" s="2">
        <v>118.9</v>
      </c>
      <c r="Y22318" s="2">
        <v>7.6</v>
      </c>
      <c r="Z22318" s="2">
        <v>10.6</v>
      </c>
      <c r="AA22318" s="5"/>
      <c r="AB22318" s="5" t="s">
        <v>43</v>
      </c>
      <c r="AC22318" s="5" t="s">
        <v>44</v>
      </c>
      <c r="AD22318" s="2"/>
      <c r="AE22318" s="1"/>
    </row>
    <row r="22319" spans="1:31" ht="14.45">
      <c r="A22319" s="11"/>
      <c r="B22319" s="20"/>
      <c r="C22319" s="2" t="s">
        <v>71825</v>
      </c>
      <c r="D22319" s="14" t="s">
        <v>71826</v>
      </c>
      <c r="E22319" s="2" t="s">
        <v>71827</v>
      </c>
      <c r="F22319" s="2" t="s">
        <v>7212</v>
      </c>
      <c r="G22319" s="8">
        <v>114</v>
      </c>
      <c r="H22319" s="5">
        <v>6</v>
      </c>
      <c r="I22319" s="5" t="s">
        <v>1518</v>
      </c>
      <c r="J22319" s="5" t="s">
        <v>69038</v>
      </c>
      <c r="K22319" s="2" t="s">
        <v>69039</v>
      </c>
      <c r="L22319" s="5" t="s">
        <v>69038</v>
      </c>
      <c r="M22319" s="2" t="s">
        <v>69039</v>
      </c>
      <c r="N22319" s="5" t="s">
        <v>1521</v>
      </c>
      <c r="O22319" s="5" t="s">
        <v>38</v>
      </c>
      <c r="P22319" s="5" t="s">
        <v>39</v>
      </c>
      <c r="Q22319" s="5" t="s">
        <v>40</v>
      </c>
      <c r="R22319" s="5" t="s">
        <v>1522</v>
      </c>
      <c r="S22319" s="5" t="s">
        <v>1523</v>
      </c>
      <c r="T22319" s="5" t="s">
        <v>42</v>
      </c>
      <c r="U22319" s="2">
        <v>1.427</v>
      </c>
      <c r="V22319" s="2">
        <v>1.075</v>
      </c>
      <c r="W22319" s="2">
        <v>0.01</v>
      </c>
      <c r="X22319" s="2">
        <v>118.9</v>
      </c>
      <c r="Y22319" s="2">
        <v>7.6</v>
      </c>
      <c r="Z22319" s="2">
        <v>10.6</v>
      </c>
      <c r="AA22319" s="5"/>
      <c r="AB22319" s="5" t="s">
        <v>43</v>
      </c>
      <c r="AC22319" s="5" t="s">
        <v>44</v>
      </c>
      <c r="AD22319" s="2"/>
      <c r="AE22319" s="1"/>
    </row>
    <row r="22320" spans="1:31" ht="14.45">
      <c r="A22320" s="11"/>
      <c r="B22320" s="20"/>
      <c r="C22320" s="2" t="s">
        <v>71828</v>
      </c>
      <c r="D22320" s="14" t="s">
        <v>71829</v>
      </c>
      <c r="E22320" s="2" t="s">
        <v>71830</v>
      </c>
      <c r="F22320" s="2" t="s">
        <v>7204</v>
      </c>
      <c r="G22320" s="8">
        <v>117</v>
      </c>
      <c r="H22320" s="5">
        <v>6</v>
      </c>
      <c r="I22320" s="5" t="s">
        <v>1518</v>
      </c>
      <c r="J22320" s="5" t="s">
        <v>69038</v>
      </c>
      <c r="K22320" s="2" t="s">
        <v>69039</v>
      </c>
      <c r="L22320" s="5" t="s">
        <v>69038</v>
      </c>
      <c r="M22320" s="2" t="s">
        <v>69039</v>
      </c>
      <c r="N22320" s="5" t="s">
        <v>1521</v>
      </c>
      <c r="O22320" s="5" t="s">
        <v>38</v>
      </c>
      <c r="P22320" s="5" t="s">
        <v>39</v>
      </c>
      <c r="Q22320" s="5" t="s">
        <v>40</v>
      </c>
      <c r="R22320" s="5" t="s">
        <v>1522</v>
      </c>
      <c r="S22320" s="5" t="s">
        <v>1523</v>
      </c>
      <c r="T22320" s="5" t="s">
        <v>42</v>
      </c>
      <c r="U22320" s="2">
        <v>1.5840000000000001</v>
      </c>
      <c r="V22320" s="2">
        <v>1.179</v>
      </c>
      <c r="W22320" s="2">
        <v>1.0999999999999999E-2</v>
      </c>
      <c r="X22320" s="2">
        <v>139.1</v>
      </c>
      <c r="Y22320" s="2">
        <v>7.6</v>
      </c>
      <c r="Z22320" s="2">
        <v>10.6</v>
      </c>
      <c r="AA22320" s="5"/>
      <c r="AB22320" s="5" t="s">
        <v>43</v>
      </c>
      <c r="AC22320" s="5" t="s">
        <v>44</v>
      </c>
      <c r="AD22320" s="2"/>
      <c r="AE22320" s="1"/>
    </row>
    <row r="22321" spans="1:31" ht="14.45">
      <c r="A22321" s="11"/>
      <c r="B22321" s="20"/>
      <c r="C22321" s="2" t="s">
        <v>71831</v>
      </c>
      <c r="D22321" s="14" t="s">
        <v>71832</v>
      </c>
      <c r="E22321" s="2" t="s">
        <v>71833</v>
      </c>
      <c r="F22321" s="2" t="s">
        <v>7208</v>
      </c>
      <c r="G22321" s="8">
        <v>117</v>
      </c>
      <c r="H22321" s="5">
        <v>6</v>
      </c>
      <c r="I22321" s="5" t="s">
        <v>1518</v>
      </c>
      <c r="J22321" s="5" t="s">
        <v>69038</v>
      </c>
      <c r="K22321" s="2" t="s">
        <v>69039</v>
      </c>
      <c r="L22321" s="5" t="s">
        <v>69038</v>
      </c>
      <c r="M22321" s="2" t="s">
        <v>69039</v>
      </c>
      <c r="N22321" s="5" t="s">
        <v>1521</v>
      </c>
      <c r="O22321" s="5" t="s">
        <v>38</v>
      </c>
      <c r="P22321" s="5" t="s">
        <v>39</v>
      </c>
      <c r="Q22321" s="5" t="s">
        <v>40</v>
      </c>
      <c r="R22321" s="5" t="s">
        <v>1522</v>
      </c>
      <c r="S22321" s="5" t="s">
        <v>1523</v>
      </c>
      <c r="T22321" s="5" t="s">
        <v>42</v>
      </c>
      <c r="U22321" s="2">
        <v>1.5840000000000001</v>
      </c>
      <c r="V22321" s="2">
        <v>1.179</v>
      </c>
      <c r="W22321" s="2">
        <v>1.0999999999999999E-2</v>
      </c>
      <c r="X22321" s="2">
        <v>139.1</v>
      </c>
      <c r="Y22321" s="2">
        <v>7.6</v>
      </c>
      <c r="Z22321" s="2">
        <v>10.6</v>
      </c>
      <c r="AA22321" s="5"/>
      <c r="AB22321" s="5" t="s">
        <v>43</v>
      </c>
      <c r="AC22321" s="5" t="s">
        <v>44</v>
      </c>
      <c r="AD22321" s="2"/>
      <c r="AE22321" s="1"/>
    </row>
    <row r="22322" spans="1:31" ht="14.45">
      <c r="A22322" s="11"/>
      <c r="B22322" s="20"/>
      <c r="C22322" s="2" t="s">
        <v>71834</v>
      </c>
      <c r="D22322" s="14" t="s">
        <v>71835</v>
      </c>
      <c r="E22322" s="2" t="s">
        <v>71836</v>
      </c>
      <c r="F22322" s="2" t="s">
        <v>7539</v>
      </c>
      <c r="G22322" s="8">
        <v>135</v>
      </c>
      <c r="H22322" s="5">
        <v>6</v>
      </c>
      <c r="I22322" s="5" t="s">
        <v>1518</v>
      </c>
      <c r="J22322" s="5" t="s">
        <v>69038</v>
      </c>
      <c r="K22322" s="2" t="s">
        <v>69039</v>
      </c>
      <c r="L22322" s="5" t="s">
        <v>69038</v>
      </c>
      <c r="M22322" s="2" t="s">
        <v>69039</v>
      </c>
      <c r="N22322" s="5" t="s">
        <v>1521</v>
      </c>
      <c r="O22322" s="5" t="s">
        <v>38</v>
      </c>
      <c r="P22322" s="5" t="s">
        <v>39</v>
      </c>
      <c r="Q22322" s="5" t="s">
        <v>40</v>
      </c>
      <c r="R22322" s="5" t="s">
        <v>1522</v>
      </c>
      <c r="S22322" s="5" t="s">
        <v>1523</v>
      </c>
      <c r="T22322" s="5" t="s">
        <v>42</v>
      </c>
      <c r="U22322" s="2">
        <v>1.5840000000000001</v>
      </c>
      <c r="V22322" s="2">
        <v>1.179</v>
      </c>
      <c r="W22322" s="2">
        <v>1.0999999999999999E-2</v>
      </c>
      <c r="X22322" s="2">
        <v>139.1</v>
      </c>
      <c r="Y22322" s="2">
        <v>7.6</v>
      </c>
      <c r="Z22322" s="2">
        <v>10.6</v>
      </c>
      <c r="AA22322" s="5"/>
      <c r="AB22322" s="5" t="s">
        <v>43</v>
      </c>
      <c r="AC22322" s="5" t="s">
        <v>44</v>
      </c>
      <c r="AD22322" s="2"/>
      <c r="AE22322" s="1"/>
    </row>
    <row r="22323" spans="1:31" ht="14.45">
      <c r="A22323" s="11"/>
      <c r="B22323" s="20"/>
      <c r="C22323" s="2" t="s">
        <v>71837</v>
      </c>
      <c r="D22323" s="14" t="s">
        <v>71838</v>
      </c>
      <c r="E22323" s="2" t="s">
        <v>71839</v>
      </c>
      <c r="F22323" s="2" t="s">
        <v>7396</v>
      </c>
      <c r="G22323" s="8">
        <v>117</v>
      </c>
      <c r="H22323" s="5">
        <v>6</v>
      </c>
      <c r="I22323" s="5" t="s">
        <v>1518</v>
      </c>
      <c r="J22323" s="5" t="s">
        <v>69038</v>
      </c>
      <c r="K22323" s="2" t="s">
        <v>69039</v>
      </c>
      <c r="L22323" s="5" t="s">
        <v>69038</v>
      </c>
      <c r="M22323" s="2" t="s">
        <v>69039</v>
      </c>
      <c r="N22323" s="5" t="s">
        <v>1521</v>
      </c>
      <c r="O22323" s="5" t="s">
        <v>38</v>
      </c>
      <c r="P22323" s="5" t="s">
        <v>39</v>
      </c>
      <c r="Q22323" s="5" t="s">
        <v>40</v>
      </c>
      <c r="R22323" s="5" t="s">
        <v>1522</v>
      </c>
      <c r="S22323" s="5" t="s">
        <v>1523</v>
      </c>
      <c r="T22323" s="5" t="s">
        <v>42</v>
      </c>
      <c r="U22323" s="2">
        <v>1.5840000000000001</v>
      </c>
      <c r="V22323" s="2">
        <v>1.179</v>
      </c>
      <c r="W22323" s="2">
        <v>1.0999999999999999E-2</v>
      </c>
      <c r="X22323" s="2">
        <v>139.1</v>
      </c>
      <c r="Y22323" s="2">
        <v>7.6</v>
      </c>
      <c r="Z22323" s="2">
        <v>10.6</v>
      </c>
      <c r="AA22323" s="5"/>
      <c r="AB22323" s="5" t="s">
        <v>43</v>
      </c>
      <c r="AC22323" s="5" t="s">
        <v>44</v>
      </c>
      <c r="AD22323" s="2"/>
      <c r="AE22323" s="1"/>
    </row>
    <row r="22324" spans="1:31" ht="14.45">
      <c r="A22324" s="11"/>
      <c r="B22324" s="20"/>
      <c r="C22324" s="2" t="s">
        <v>71840</v>
      </c>
      <c r="D22324" s="14" t="s">
        <v>71841</v>
      </c>
      <c r="E22324" s="2" t="s">
        <v>71842</v>
      </c>
      <c r="F22324" s="2" t="s">
        <v>7555</v>
      </c>
      <c r="G22324" s="8">
        <v>135</v>
      </c>
      <c r="H22324" s="5">
        <v>6</v>
      </c>
      <c r="I22324" s="5" t="s">
        <v>1518</v>
      </c>
      <c r="J22324" s="5" t="s">
        <v>69038</v>
      </c>
      <c r="K22324" s="2" t="s">
        <v>69039</v>
      </c>
      <c r="L22324" s="5" t="s">
        <v>69038</v>
      </c>
      <c r="M22324" s="2" t="s">
        <v>69039</v>
      </c>
      <c r="N22324" s="5" t="s">
        <v>1521</v>
      </c>
      <c r="O22324" s="5" t="s">
        <v>38</v>
      </c>
      <c r="P22324" s="5" t="s">
        <v>39</v>
      </c>
      <c r="Q22324" s="5" t="s">
        <v>40</v>
      </c>
      <c r="R22324" s="5" t="s">
        <v>1522</v>
      </c>
      <c r="S22324" s="5" t="s">
        <v>1523</v>
      </c>
      <c r="T22324" s="5" t="s">
        <v>42</v>
      </c>
      <c r="U22324" s="2">
        <v>1.5840000000000001</v>
      </c>
      <c r="V22324" s="2">
        <v>1.179</v>
      </c>
      <c r="W22324" s="2">
        <v>1.0999999999999999E-2</v>
      </c>
      <c r="X22324" s="2">
        <v>139.1</v>
      </c>
      <c r="Y22324" s="2">
        <v>7.6</v>
      </c>
      <c r="Z22324" s="2">
        <v>10.6</v>
      </c>
      <c r="AA22324" s="5"/>
      <c r="AB22324" s="5" t="s">
        <v>43</v>
      </c>
      <c r="AC22324" s="5" t="s">
        <v>44</v>
      </c>
      <c r="AD22324" s="2"/>
      <c r="AE22324" s="1"/>
    </row>
    <row r="22325" spans="1:31" ht="14.45">
      <c r="A22325" s="11"/>
      <c r="B22325" s="20"/>
      <c r="C22325" s="2" t="s">
        <v>71843</v>
      </c>
      <c r="D22325" s="14" t="s">
        <v>71844</v>
      </c>
      <c r="E22325" s="2" t="s">
        <v>71845</v>
      </c>
      <c r="F22325" s="2" t="s">
        <v>7449</v>
      </c>
      <c r="G22325" s="8">
        <v>135</v>
      </c>
      <c r="H22325" s="5">
        <v>6</v>
      </c>
      <c r="I22325" s="5" t="s">
        <v>1518</v>
      </c>
      <c r="J22325" s="5" t="s">
        <v>69038</v>
      </c>
      <c r="K22325" s="2" t="s">
        <v>69039</v>
      </c>
      <c r="L22325" s="5" t="s">
        <v>69038</v>
      </c>
      <c r="M22325" s="2" t="s">
        <v>69039</v>
      </c>
      <c r="N22325" s="5" t="s">
        <v>1521</v>
      </c>
      <c r="O22325" s="5" t="s">
        <v>38</v>
      </c>
      <c r="P22325" s="5" t="s">
        <v>39</v>
      </c>
      <c r="Q22325" s="5" t="s">
        <v>40</v>
      </c>
      <c r="R22325" s="5" t="s">
        <v>1522</v>
      </c>
      <c r="S22325" s="5" t="s">
        <v>1523</v>
      </c>
      <c r="T22325" s="5" t="s">
        <v>42</v>
      </c>
      <c r="U22325" s="2">
        <v>1.5840000000000001</v>
      </c>
      <c r="V22325" s="2">
        <v>1.179</v>
      </c>
      <c r="W22325" s="2">
        <v>1.0999999999999999E-2</v>
      </c>
      <c r="X22325" s="2">
        <v>139.1</v>
      </c>
      <c r="Y22325" s="2">
        <v>7.6</v>
      </c>
      <c r="Z22325" s="2">
        <v>10.6</v>
      </c>
      <c r="AA22325" s="5"/>
      <c r="AB22325" s="5" t="s">
        <v>43</v>
      </c>
      <c r="AC22325" s="5" t="s">
        <v>44</v>
      </c>
      <c r="AD22325" s="2"/>
      <c r="AE22325" s="1"/>
    </row>
    <row r="22326" spans="1:31" ht="14.45">
      <c r="A22326" s="11"/>
      <c r="B22326" s="20"/>
      <c r="C22326" s="2" t="s">
        <v>71846</v>
      </c>
      <c r="D22326" s="14" t="s">
        <v>71847</v>
      </c>
      <c r="E22326" s="2" t="s">
        <v>71848</v>
      </c>
      <c r="F22326" s="2" t="s">
        <v>7433</v>
      </c>
      <c r="G22326" s="8">
        <v>135</v>
      </c>
      <c r="H22326" s="5">
        <v>6</v>
      </c>
      <c r="I22326" s="5" t="s">
        <v>1518</v>
      </c>
      <c r="J22326" s="5" t="s">
        <v>69038</v>
      </c>
      <c r="K22326" s="2" t="s">
        <v>69039</v>
      </c>
      <c r="L22326" s="5" t="s">
        <v>69038</v>
      </c>
      <c r="M22326" s="2" t="s">
        <v>69039</v>
      </c>
      <c r="N22326" s="5" t="s">
        <v>1521</v>
      </c>
      <c r="O22326" s="5" t="s">
        <v>38</v>
      </c>
      <c r="P22326" s="5" t="s">
        <v>39</v>
      </c>
      <c r="Q22326" s="5" t="s">
        <v>40</v>
      </c>
      <c r="R22326" s="5" t="s">
        <v>1522</v>
      </c>
      <c r="S22326" s="5" t="s">
        <v>1523</v>
      </c>
      <c r="T22326" s="5" t="s">
        <v>42</v>
      </c>
      <c r="U22326" s="2">
        <v>1.5840000000000001</v>
      </c>
      <c r="V22326" s="2">
        <v>1.179</v>
      </c>
      <c r="W22326" s="2">
        <v>1.0999999999999999E-2</v>
      </c>
      <c r="X22326" s="2">
        <v>139.1</v>
      </c>
      <c r="Y22326" s="2">
        <v>7.6</v>
      </c>
      <c r="Z22326" s="2">
        <v>10.6</v>
      </c>
      <c r="AA22326" s="5"/>
      <c r="AB22326" s="5" t="s">
        <v>43</v>
      </c>
      <c r="AC22326" s="5" t="s">
        <v>44</v>
      </c>
      <c r="AD22326" s="2"/>
      <c r="AE22326" s="1"/>
    </row>
    <row r="22327" spans="1:31" ht="14.45">
      <c r="A22327" s="11"/>
      <c r="B22327" s="20"/>
      <c r="C22327" s="2" t="s">
        <v>71849</v>
      </c>
      <c r="D22327" s="14" t="s">
        <v>71850</v>
      </c>
      <c r="E22327" s="2" t="s">
        <v>71851</v>
      </c>
      <c r="F22327" s="2" t="s">
        <v>7615</v>
      </c>
      <c r="G22327" s="8">
        <v>135</v>
      </c>
      <c r="H22327" s="5">
        <v>6</v>
      </c>
      <c r="I22327" s="5" t="s">
        <v>1518</v>
      </c>
      <c r="J22327" s="5" t="s">
        <v>69038</v>
      </c>
      <c r="K22327" s="2" t="s">
        <v>69039</v>
      </c>
      <c r="L22327" s="5" t="s">
        <v>69038</v>
      </c>
      <c r="M22327" s="2" t="s">
        <v>69039</v>
      </c>
      <c r="N22327" s="5" t="s">
        <v>1521</v>
      </c>
      <c r="O22327" s="5" t="s">
        <v>38</v>
      </c>
      <c r="P22327" s="5" t="s">
        <v>39</v>
      </c>
      <c r="Q22327" s="5" t="s">
        <v>40</v>
      </c>
      <c r="R22327" s="5" t="s">
        <v>1522</v>
      </c>
      <c r="S22327" s="5" t="s">
        <v>1523</v>
      </c>
      <c r="T22327" s="5" t="s">
        <v>42</v>
      </c>
      <c r="U22327" s="2">
        <v>1.5840000000000001</v>
      </c>
      <c r="V22327" s="2">
        <v>1.179</v>
      </c>
      <c r="W22327" s="2">
        <v>1.0999999999999999E-2</v>
      </c>
      <c r="X22327" s="2">
        <v>139.1</v>
      </c>
      <c r="Y22327" s="2">
        <v>7.6</v>
      </c>
      <c r="Z22327" s="2">
        <v>10.6</v>
      </c>
      <c r="AA22327" s="5"/>
      <c r="AB22327" s="5" t="s">
        <v>43</v>
      </c>
      <c r="AC22327" s="5" t="s">
        <v>44</v>
      </c>
      <c r="AD22327" s="2"/>
      <c r="AE22327" s="1"/>
    </row>
    <row r="22328" spans="1:31" ht="14.45">
      <c r="A22328" s="11"/>
      <c r="B22328" s="20"/>
      <c r="C22328" s="2" t="s">
        <v>71852</v>
      </c>
      <c r="D22328" s="14" t="s">
        <v>71853</v>
      </c>
      <c r="E22328" s="2" t="s">
        <v>71854</v>
      </c>
      <c r="F22328" s="2" t="s">
        <v>7212</v>
      </c>
      <c r="G22328" s="8">
        <v>117</v>
      </c>
      <c r="H22328" s="5">
        <v>6</v>
      </c>
      <c r="I22328" s="5" t="s">
        <v>1518</v>
      </c>
      <c r="J22328" s="5" t="s">
        <v>69038</v>
      </c>
      <c r="K22328" s="2" t="s">
        <v>69039</v>
      </c>
      <c r="L22328" s="5" t="s">
        <v>69038</v>
      </c>
      <c r="M22328" s="2" t="s">
        <v>69039</v>
      </c>
      <c r="N22328" s="5" t="s">
        <v>1521</v>
      </c>
      <c r="O22328" s="5" t="s">
        <v>38</v>
      </c>
      <c r="P22328" s="5" t="s">
        <v>39</v>
      </c>
      <c r="Q22328" s="5" t="s">
        <v>40</v>
      </c>
      <c r="R22328" s="5" t="s">
        <v>1522</v>
      </c>
      <c r="S22328" s="5" t="s">
        <v>1523</v>
      </c>
      <c r="T22328" s="5" t="s">
        <v>42</v>
      </c>
      <c r="U22328" s="2">
        <v>1.5840000000000001</v>
      </c>
      <c r="V22328" s="2">
        <v>1.179</v>
      </c>
      <c r="W22328" s="2">
        <v>1.0999999999999999E-2</v>
      </c>
      <c r="X22328" s="2">
        <v>139.1</v>
      </c>
      <c r="Y22328" s="2">
        <v>7.6</v>
      </c>
      <c r="Z22328" s="2">
        <v>10.6</v>
      </c>
      <c r="AA22328" s="5"/>
      <c r="AB22328" s="5" t="s">
        <v>43</v>
      </c>
      <c r="AC22328" s="5" t="s">
        <v>44</v>
      </c>
      <c r="AD22328" s="2"/>
      <c r="AE22328" s="1"/>
    </row>
    <row r="22329" spans="1:31" ht="14.45">
      <c r="A22329" s="11"/>
      <c r="B22329" s="20"/>
      <c r="C22329" s="2" t="s">
        <v>71855</v>
      </c>
      <c r="D22329" s="14" t="s">
        <v>71856</v>
      </c>
      <c r="E22329" s="2" t="s">
        <v>71857</v>
      </c>
      <c r="F22329" s="2" t="s">
        <v>7204</v>
      </c>
      <c r="G22329" s="8">
        <v>122</v>
      </c>
      <c r="H22329" s="5">
        <v>6</v>
      </c>
      <c r="I22329" s="5" t="s">
        <v>1518</v>
      </c>
      <c r="J22329" s="5" t="s">
        <v>69038</v>
      </c>
      <c r="K22329" s="2" t="s">
        <v>69039</v>
      </c>
      <c r="L22329" s="5" t="s">
        <v>69038</v>
      </c>
      <c r="M22329" s="2" t="s">
        <v>69039</v>
      </c>
      <c r="N22329" s="5" t="s">
        <v>1521</v>
      </c>
      <c r="O22329" s="5" t="s">
        <v>38</v>
      </c>
      <c r="P22329" s="5" t="s">
        <v>39</v>
      </c>
      <c r="Q22329" s="5" t="s">
        <v>40</v>
      </c>
      <c r="R22329" s="5" t="s">
        <v>1522</v>
      </c>
      <c r="S22329" s="5" t="s">
        <v>1523</v>
      </c>
      <c r="T22329" s="5" t="s">
        <v>42</v>
      </c>
      <c r="U22329" s="2">
        <v>1.5780000000000001</v>
      </c>
      <c r="V22329" s="2">
        <v>1.2390000000000001</v>
      </c>
      <c r="W22329" s="2">
        <v>0.01</v>
      </c>
      <c r="X22329" s="2">
        <v>118.9</v>
      </c>
      <c r="Y22329" s="2">
        <v>7.6</v>
      </c>
      <c r="Z22329" s="2">
        <v>10.6</v>
      </c>
      <c r="AA22329" s="5"/>
      <c r="AB22329" s="5" t="s">
        <v>43</v>
      </c>
      <c r="AC22329" s="5" t="s">
        <v>44</v>
      </c>
      <c r="AD22329" s="2"/>
      <c r="AE22329" s="1"/>
    </row>
    <row r="22330" spans="1:31" ht="14.45">
      <c r="A22330" s="11"/>
      <c r="B22330" s="20"/>
      <c r="C22330" s="2" t="s">
        <v>71858</v>
      </c>
      <c r="D22330" s="14" t="s">
        <v>71859</v>
      </c>
      <c r="E22330" s="2" t="s">
        <v>71860</v>
      </c>
      <c r="F22330" s="2" t="s">
        <v>7208</v>
      </c>
      <c r="G22330" s="8">
        <v>122</v>
      </c>
      <c r="H22330" s="5">
        <v>6</v>
      </c>
      <c r="I22330" s="5" t="s">
        <v>1518</v>
      </c>
      <c r="J22330" s="5" t="s">
        <v>69038</v>
      </c>
      <c r="K22330" s="2" t="s">
        <v>69039</v>
      </c>
      <c r="L22330" s="5" t="s">
        <v>69038</v>
      </c>
      <c r="M22330" s="2" t="s">
        <v>69039</v>
      </c>
      <c r="N22330" s="5" t="s">
        <v>1521</v>
      </c>
      <c r="O22330" s="5" t="s">
        <v>38</v>
      </c>
      <c r="P22330" s="5" t="s">
        <v>39</v>
      </c>
      <c r="Q22330" s="5" t="s">
        <v>40</v>
      </c>
      <c r="R22330" s="5" t="s">
        <v>1522</v>
      </c>
      <c r="S22330" s="5" t="s">
        <v>1523</v>
      </c>
      <c r="T22330" s="5" t="s">
        <v>42</v>
      </c>
      <c r="U22330" s="2">
        <v>1.5780000000000001</v>
      </c>
      <c r="V22330" s="2">
        <v>1.2390000000000001</v>
      </c>
      <c r="W22330" s="2">
        <v>0.01</v>
      </c>
      <c r="X22330" s="2">
        <v>118.9</v>
      </c>
      <c r="Y22330" s="2">
        <v>7.6</v>
      </c>
      <c r="Z22330" s="2">
        <v>10.6</v>
      </c>
      <c r="AA22330" s="5"/>
      <c r="AB22330" s="5" t="s">
        <v>43</v>
      </c>
      <c r="AC22330" s="5" t="s">
        <v>44</v>
      </c>
      <c r="AD22330" s="2"/>
      <c r="AE22330" s="1"/>
    </row>
    <row r="22331" spans="1:31" ht="14.45">
      <c r="A22331" s="11"/>
      <c r="B22331" s="20"/>
      <c r="C22331" s="2" t="s">
        <v>71861</v>
      </c>
      <c r="D22331" s="14" t="s">
        <v>71862</v>
      </c>
      <c r="E22331" s="2" t="s">
        <v>71863</v>
      </c>
      <c r="F22331" s="2" t="s">
        <v>7396</v>
      </c>
      <c r="G22331" s="8">
        <v>122</v>
      </c>
      <c r="H22331" s="5">
        <v>6</v>
      </c>
      <c r="I22331" s="5" t="s">
        <v>1518</v>
      </c>
      <c r="J22331" s="5" t="s">
        <v>69038</v>
      </c>
      <c r="K22331" s="2" t="s">
        <v>69039</v>
      </c>
      <c r="L22331" s="5" t="s">
        <v>69038</v>
      </c>
      <c r="M22331" s="2" t="s">
        <v>69039</v>
      </c>
      <c r="N22331" s="5" t="s">
        <v>1521</v>
      </c>
      <c r="O22331" s="5" t="s">
        <v>38</v>
      </c>
      <c r="P22331" s="5" t="s">
        <v>39</v>
      </c>
      <c r="Q22331" s="5" t="s">
        <v>40</v>
      </c>
      <c r="R22331" s="5" t="s">
        <v>1522</v>
      </c>
      <c r="S22331" s="5" t="s">
        <v>1523</v>
      </c>
      <c r="T22331" s="5" t="s">
        <v>42</v>
      </c>
      <c r="U22331" s="2">
        <v>1.5780000000000001</v>
      </c>
      <c r="V22331" s="2">
        <v>1.2390000000000001</v>
      </c>
      <c r="W22331" s="2">
        <v>0.01</v>
      </c>
      <c r="X22331" s="2">
        <v>118.9</v>
      </c>
      <c r="Y22331" s="2">
        <v>7.6</v>
      </c>
      <c r="Z22331" s="2">
        <v>10.6</v>
      </c>
      <c r="AA22331" s="5"/>
      <c r="AB22331" s="5" t="s">
        <v>43</v>
      </c>
      <c r="AC22331" s="5" t="s">
        <v>44</v>
      </c>
      <c r="AD22331" s="2"/>
      <c r="AE22331" s="1"/>
    </row>
    <row r="22332" spans="1:31" ht="14.45">
      <c r="A22332" s="11"/>
      <c r="B22332" s="20"/>
      <c r="C22332" s="2" t="s">
        <v>71864</v>
      </c>
      <c r="D22332" s="14" t="s">
        <v>71865</v>
      </c>
      <c r="E22332" s="2" t="s">
        <v>71866</v>
      </c>
      <c r="F22332" s="2" t="s">
        <v>7204</v>
      </c>
      <c r="G22332" s="8">
        <v>131</v>
      </c>
      <c r="H22332" s="5">
        <v>6</v>
      </c>
      <c r="I22332" s="5" t="s">
        <v>1518</v>
      </c>
      <c r="J22332" s="5" t="s">
        <v>69038</v>
      </c>
      <c r="K22332" s="2" t="s">
        <v>69039</v>
      </c>
      <c r="L22332" s="5" t="s">
        <v>69038</v>
      </c>
      <c r="M22332" s="2" t="s">
        <v>69039</v>
      </c>
      <c r="N22332" s="5" t="s">
        <v>1521</v>
      </c>
      <c r="O22332" s="5" t="s">
        <v>38</v>
      </c>
      <c r="P22332" s="5" t="s">
        <v>39</v>
      </c>
      <c r="Q22332" s="5" t="s">
        <v>40</v>
      </c>
      <c r="R22332" s="5" t="s">
        <v>1522</v>
      </c>
      <c r="S22332" s="5" t="s">
        <v>1523</v>
      </c>
      <c r="T22332" s="5" t="s">
        <v>42</v>
      </c>
      <c r="U22332" s="2">
        <v>1.74</v>
      </c>
      <c r="V22332" s="2">
        <v>1.3480000000000001</v>
      </c>
      <c r="W22332" s="2">
        <v>1.0999999999999999E-2</v>
      </c>
      <c r="X22332" s="2">
        <v>139.1</v>
      </c>
      <c r="Y22332" s="2">
        <v>7.6</v>
      </c>
      <c r="Z22332" s="2">
        <v>10.6</v>
      </c>
      <c r="AA22332" s="5"/>
      <c r="AB22332" s="5" t="s">
        <v>43</v>
      </c>
      <c r="AC22332" s="5" t="s">
        <v>44</v>
      </c>
      <c r="AD22332" s="2"/>
      <c r="AE22332" s="1"/>
    </row>
    <row r="22333" spans="1:31" ht="14.45">
      <c r="A22333" s="11"/>
      <c r="B22333" s="20"/>
      <c r="C22333" s="2" t="s">
        <v>71867</v>
      </c>
      <c r="D22333" s="14" t="s">
        <v>71868</v>
      </c>
      <c r="E22333" s="2" t="s">
        <v>71869</v>
      </c>
      <c r="F22333" s="2" t="s">
        <v>7208</v>
      </c>
      <c r="G22333" s="8">
        <v>131</v>
      </c>
      <c r="H22333" s="5">
        <v>6</v>
      </c>
      <c r="I22333" s="5" t="s">
        <v>1518</v>
      </c>
      <c r="J22333" s="5" t="s">
        <v>69038</v>
      </c>
      <c r="K22333" s="2" t="s">
        <v>69039</v>
      </c>
      <c r="L22333" s="5" t="s">
        <v>69038</v>
      </c>
      <c r="M22333" s="2" t="s">
        <v>69039</v>
      </c>
      <c r="N22333" s="5" t="s">
        <v>1521</v>
      </c>
      <c r="O22333" s="5" t="s">
        <v>38</v>
      </c>
      <c r="P22333" s="5" t="s">
        <v>39</v>
      </c>
      <c r="Q22333" s="5" t="s">
        <v>40</v>
      </c>
      <c r="R22333" s="5" t="s">
        <v>1522</v>
      </c>
      <c r="S22333" s="5" t="s">
        <v>1523</v>
      </c>
      <c r="T22333" s="5" t="s">
        <v>42</v>
      </c>
      <c r="U22333" s="2">
        <v>1.74</v>
      </c>
      <c r="V22333" s="2">
        <v>1.3480000000000001</v>
      </c>
      <c r="W22333" s="2">
        <v>1.0999999999999999E-2</v>
      </c>
      <c r="X22333" s="2">
        <v>139.1</v>
      </c>
      <c r="Y22333" s="2">
        <v>7.6</v>
      </c>
      <c r="Z22333" s="2">
        <v>10.6</v>
      </c>
      <c r="AA22333" s="5"/>
      <c r="AB22333" s="5" t="s">
        <v>43</v>
      </c>
      <c r="AC22333" s="5" t="s">
        <v>44</v>
      </c>
      <c r="AD22333" s="2"/>
      <c r="AE22333" s="1"/>
    </row>
    <row r="22334" spans="1:31" ht="14.45">
      <c r="A22334" s="11"/>
      <c r="B22334" s="20"/>
      <c r="C22334" s="2" t="s">
        <v>71870</v>
      </c>
      <c r="D22334" s="14" t="s">
        <v>71871</v>
      </c>
      <c r="E22334" s="2" t="s">
        <v>71872</v>
      </c>
      <c r="F22334" s="2" t="s">
        <v>7396</v>
      </c>
      <c r="G22334" s="8">
        <v>131</v>
      </c>
      <c r="H22334" s="5">
        <v>6</v>
      </c>
      <c r="I22334" s="5" t="s">
        <v>1518</v>
      </c>
      <c r="J22334" s="5" t="s">
        <v>69038</v>
      </c>
      <c r="K22334" s="2" t="s">
        <v>69039</v>
      </c>
      <c r="L22334" s="5" t="s">
        <v>69038</v>
      </c>
      <c r="M22334" s="2" t="s">
        <v>69039</v>
      </c>
      <c r="N22334" s="5" t="s">
        <v>1521</v>
      </c>
      <c r="O22334" s="5" t="s">
        <v>38</v>
      </c>
      <c r="P22334" s="5" t="s">
        <v>39</v>
      </c>
      <c r="Q22334" s="5" t="s">
        <v>40</v>
      </c>
      <c r="R22334" s="5" t="s">
        <v>1522</v>
      </c>
      <c r="S22334" s="5" t="s">
        <v>1523</v>
      </c>
      <c r="T22334" s="5" t="s">
        <v>42</v>
      </c>
      <c r="U22334" s="2">
        <v>1.74</v>
      </c>
      <c r="V22334" s="2">
        <v>1.3480000000000001</v>
      </c>
      <c r="W22334" s="2">
        <v>1.0999999999999999E-2</v>
      </c>
      <c r="X22334" s="2">
        <v>139.1</v>
      </c>
      <c r="Y22334" s="2">
        <v>7.6</v>
      </c>
      <c r="Z22334" s="2">
        <v>10.6</v>
      </c>
      <c r="AA22334" s="5"/>
      <c r="AB22334" s="5" t="s">
        <v>43</v>
      </c>
      <c r="AC22334" s="5" t="s">
        <v>44</v>
      </c>
      <c r="AD22334" s="2"/>
      <c r="AE22334" s="1"/>
    </row>
    <row r="22335" spans="1:31" ht="14.45">
      <c r="A22335" s="11"/>
      <c r="B22335" s="20"/>
      <c r="C22335" s="2" t="s">
        <v>71873</v>
      </c>
      <c r="D22335" s="14" t="s">
        <v>71874</v>
      </c>
      <c r="E22335" s="2" t="s">
        <v>71875</v>
      </c>
      <c r="F22335" s="2" t="s">
        <v>7204</v>
      </c>
      <c r="G22335" s="8">
        <v>138</v>
      </c>
      <c r="H22335" s="5">
        <v>6</v>
      </c>
      <c r="I22335" s="5" t="s">
        <v>1518</v>
      </c>
      <c r="J22335" s="5" t="s">
        <v>69038</v>
      </c>
      <c r="K22335" s="2" t="s">
        <v>69039</v>
      </c>
      <c r="L22335" s="5" t="s">
        <v>69038</v>
      </c>
      <c r="M22335" s="2" t="s">
        <v>69039</v>
      </c>
      <c r="N22335" s="5" t="s">
        <v>1521</v>
      </c>
      <c r="O22335" s="5" t="s">
        <v>38</v>
      </c>
      <c r="P22335" s="5" t="s">
        <v>39</v>
      </c>
      <c r="Q22335" s="5" t="s">
        <v>40</v>
      </c>
      <c r="R22335" s="5" t="s">
        <v>1522</v>
      </c>
      <c r="S22335" s="5" t="s">
        <v>1523</v>
      </c>
      <c r="T22335" s="5" t="s">
        <v>42</v>
      </c>
      <c r="U22335" s="2">
        <v>1.75</v>
      </c>
      <c r="V22335" s="2">
        <v>1.425</v>
      </c>
      <c r="W22335" s="2">
        <v>0.01</v>
      </c>
      <c r="X22335" s="2">
        <v>118.9</v>
      </c>
      <c r="Y22335" s="2">
        <v>7.6</v>
      </c>
      <c r="Z22335" s="2">
        <v>10.6</v>
      </c>
      <c r="AA22335" s="5"/>
      <c r="AB22335" s="5" t="s">
        <v>43</v>
      </c>
      <c r="AC22335" s="5" t="s">
        <v>44</v>
      </c>
      <c r="AD22335" s="2"/>
      <c r="AE22335" s="1"/>
    </row>
    <row r="22336" spans="1:31" ht="14.45">
      <c r="A22336" s="11"/>
      <c r="B22336" s="20"/>
      <c r="C22336" s="2" t="s">
        <v>71876</v>
      </c>
      <c r="D22336" s="14" t="s">
        <v>71877</v>
      </c>
      <c r="E22336" s="2" t="s">
        <v>71878</v>
      </c>
      <c r="F22336" s="2" t="s">
        <v>7208</v>
      </c>
      <c r="G22336" s="8">
        <v>138</v>
      </c>
      <c r="H22336" s="5">
        <v>6</v>
      </c>
      <c r="I22336" s="5" t="s">
        <v>1518</v>
      </c>
      <c r="J22336" s="5" t="s">
        <v>69038</v>
      </c>
      <c r="K22336" s="2" t="s">
        <v>69039</v>
      </c>
      <c r="L22336" s="5" t="s">
        <v>69038</v>
      </c>
      <c r="M22336" s="2" t="s">
        <v>69039</v>
      </c>
      <c r="N22336" s="5" t="s">
        <v>1521</v>
      </c>
      <c r="O22336" s="5" t="s">
        <v>38</v>
      </c>
      <c r="P22336" s="5" t="s">
        <v>39</v>
      </c>
      <c r="Q22336" s="5" t="s">
        <v>40</v>
      </c>
      <c r="R22336" s="5" t="s">
        <v>1522</v>
      </c>
      <c r="S22336" s="5" t="s">
        <v>1523</v>
      </c>
      <c r="T22336" s="5" t="s">
        <v>42</v>
      </c>
      <c r="U22336" s="2">
        <v>1.75</v>
      </c>
      <c r="V22336" s="2">
        <v>1.425</v>
      </c>
      <c r="W22336" s="2">
        <v>0.01</v>
      </c>
      <c r="X22336" s="2">
        <v>118.9</v>
      </c>
      <c r="Y22336" s="2">
        <v>7.6</v>
      </c>
      <c r="Z22336" s="2">
        <v>10.6</v>
      </c>
      <c r="AA22336" s="5"/>
      <c r="AB22336" s="5" t="s">
        <v>43</v>
      </c>
      <c r="AC22336" s="5" t="s">
        <v>44</v>
      </c>
      <c r="AD22336" s="2"/>
      <c r="AE22336" s="1"/>
    </row>
    <row r="22337" spans="1:31" ht="14.45">
      <c r="A22337" s="11"/>
      <c r="B22337" s="20"/>
      <c r="C22337" s="2" t="s">
        <v>71879</v>
      </c>
      <c r="D22337" s="14" t="s">
        <v>71880</v>
      </c>
      <c r="E22337" s="2" t="s">
        <v>71881</v>
      </c>
      <c r="F22337" s="2" t="s">
        <v>7406</v>
      </c>
      <c r="G22337" s="8">
        <v>159</v>
      </c>
      <c r="H22337" s="5">
        <v>6</v>
      </c>
      <c r="I22337" s="5" t="s">
        <v>1518</v>
      </c>
      <c r="J22337" s="5" t="s">
        <v>69038</v>
      </c>
      <c r="K22337" s="2" t="s">
        <v>69039</v>
      </c>
      <c r="L22337" s="5" t="s">
        <v>69038</v>
      </c>
      <c r="M22337" s="2" t="s">
        <v>69039</v>
      </c>
      <c r="N22337" s="5" t="s">
        <v>1521</v>
      </c>
      <c r="O22337" s="5" t="s">
        <v>38</v>
      </c>
      <c r="P22337" s="5" t="s">
        <v>39</v>
      </c>
      <c r="Q22337" s="5" t="s">
        <v>40</v>
      </c>
      <c r="R22337" s="5" t="s">
        <v>1522</v>
      </c>
      <c r="S22337" s="5" t="s">
        <v>1523</v>
      </c>
      <c r="T22337" s="5" t="s">
        <v>42</v>
      </c>
      <c r="U22337" s="2">
        <v>1.75</v>
      </c>
      <c r="V22337" s="2">
        <v>1.425</v>
      </c>
      <c r="W22337" s="2">
        <v>0.01</v>
      </c>
      <c r="X22337" s="2">
        <v>118.9</v>
      </c>
      <c r="Y22337" s="2">
        <v>7.6</v>
      </c>
      <c r="Z22337" s="2">
        <v>10.6</v>
      </c>
      <c r="AA22337" s="5"/>
      <c r="AB22337" s="5" t="s">
        <v>43</v>
      </c>
      <c r="AC22337" s="5" t="s">
        <v>44</v>
      </c>
      <c r="AD22337" s="2"/>
      <c r="AE22337" s="1"/>
    </row>
    <row r="22338" spans="1:31" ht="14.45">
      <c r="A22338" s="11"/>
      <c r="B22338" s="20"/>
      <c r="C22338" s="2" t="s">
        <v>71882</v>
      </c>
      <c r="D22338" s="14" t="s">
        <v>71883</v>
      </c>
      <c r="E22338" s="2" t="s">
        <v>71884</v>
      </c>
      <c r="F22338" s="2" t="s">
        <v>7539</v>
      </c>
      <c r="G22338" s="8">
        <v>159</v>
      </c>
      <c r="H22338" s="5">
        <v>6</v>
      </c>
      <c r="I22338" s="5" t="s">
        <v>1518</v>
      </c>
      <c r="J22338" s="5" t="s">
        <v>69038</v>
      </c>
      <c r="K22338" s="2" t="s">
        <v>69039</v>
      </c>
      <c r="L22338" s="5" t="s">
        <v>69038</v>
      </c>
      <c r="M22338" s="2" t="s">
        <v>69039</v>
      </c>
      <c r="N22338" s="5" t="s">
        <v>1521</v>
      </c>
      <c r="O22338" s="5" t="s">
        <v>38</v>
      </c>
      <c r="P22338" s="5" t="s">
        <v>39</v>
      </c>
      <c r="Q22338" s="5" t="s">
        <v>40</v>
      </c>
      <c r="R22338" s="5" t="s">
        <v>1522</v>
      </c>
      <c r="S22338" s="5" t="s">
        <v>1523</v>
      </c>
      <c r="T22338" s="5" t="s">
        <v>42</v>
      </c>
      <c r="U22338" s="2">
        <v>1.75</v>
      </c>
      <c r="V22338" s="2">
        <v>1.425</v>
      </c>
      <c r="W22338" s="2">
        <v>0.01</v>
      </c>
      <c r="X22338" s="2">
        <v>118.9</v>
      </c>
      <c r="Y22338" s="2">
        <v>7.6</v>
      </c>
      <c r="Z22338" s="2">
        <v>10.6</v>
      </c>
      <c r="AA22338" s="5"/>
      <c r="AB22338" s="5" t="s">
        <v>43</v>
      </c>
      <c r="AC22338" s="5" t="s">
        <v>44</v>
      </c>
      <c r="AD22338" s="2"/>
      <c r="AE22338" s="1"/>
    </row>
    <row r="22339" spans="1:31" ht="14.45">
      <c r="A22339" s="11"/>
      <c r="B22339" s="20"/>
      <c r="C22339" s="2" t="s">
        <v>71885</v>
      </c>
      <c r="D22339" s="14" t="s">
        <v>71886</v>
      </c>
      <c r="E22339" s="2" t="s">
        <v>71887</v>
      </c>
      <c r="F22339" s="2" t="s">
        <v>7396</v>
      </c>
      <c r="G22339" s="8">
        <v>138</v>
      </c>
      <c r="H22339" s="5">
        <v>6</v>
      </c>
      <c r="I22339" s="5" t="s">
        <v>1518</v>
      </c>
      <c r="J22339" s="5" t="s">
        <v>69038</v>
      </c>
      <c r="K22339" s="2" t="s">
        <v>69039</v>
      </c>
      <c r="L22339" s="5" t="s">
        <v>69038</v>
      </c>
      <c r="M22339" s="2" t="s">
        <v>69039</v>
      </c>
      <c r="N22339" s="5" t="s">
        <v>1521</v>
      </c>
      <c r="O22339" s="5" t="s">
        <v>38</v>
      </c>
      <c r="P22339" s="5" t="s">
        <v>39</v>
      </c>
      <c r="Q22339" s="5" t="s">
        <v>40</v>
      </c>
      <c r="R22339" s="5" t="s">
        <v>1522</v>
      </c>
      <c r="S22339" s="5" t="s">
        <v>1523</v>
      </c>
      <c r="T22339" s="5" t="s">
        <v>42</v>
      </c>
      <c r="U22339" s="2">
        <v>1.75</v>
      </c>
      <c r="V22339" s="2">
        <v>1.425</v>
      </c>
      <c r="W22339" s="2">
        <v>0.01</v>
      </c>
      <c r="X22339" s="2">
        <v>118.9</v>
      </c>
      <c r="Y22339" s="2">
        <v>7.6</v>
      </c>
      <c r="Z22339" s="2">
        <v>10.6</v>
      </c>
      <c r="AA22339" s="5"/>
      <c r="AB22339" s="5" t="s">
        <v>43</v>
      </c>
      <c r="AC22339" s="5" t="s">
        <v>44</v>
      </c>
      <c r="AD22339" s="2"/>
      <c r="AE22339" s="1"/>
    </row>
    <row r="22340" spans="1:31" ht="14.45">
      <c r="A22340" s="11"/>
      <c r="B22340" s="20"/>
      <c r="C22340" s="2" t="s">
        <v>71888</v>
      </c>
      <c r="D22340" s="14" t="s">
        <v>71889</v>
      </c>
      <c r="E22340" s="2" t="s">
        <v>71890</v>
      </c>
      <c r="F22340" s="2" t="s">
        <v>7563</v>
      </c>
      <c r="G22340" s="8">
        <v>159</v>
      </c>
      <c r="H22340" s="5">
        <v>6</v>
      </c>
      <c r="I22340" s="5" t="s">
        <v>1518</v>
      </c>
      <c r="J22340" s="5" t="s">
        <v>69038</v>
      </c>
      <c r="K22340" s="2" t="s">
        <v>69039</v>
      </c>
      <c r="L22340" s="5" t="s">
        <v>69038</v>
      </c>
      <c r="M22340" s="2" t="s">
        <v>69039</v>
      </c>
      <c r="N22340" s="5" t="s">
        <v>1521</v>
      </c>
      <c r="O22340" s="5" t="s">
        <v>38</v>
      </c>
      <c r="P22340" s="5" t="s">
        <v>39</v>
      </c>
      <c r="Q22340" s="5" t="s">
        <v>40</v>
      </c>
      <c r="R22340" s="5" t="s">
        <v>1522</v>
      </c>
      <c r="S22340" s="5" t="s">
        <v>1523</v>
      </c>
      <c r="T22340" s="5" t="s">
        <v>42</v>
      </c>
      <c r="U22340" s="2">
        <v>1.75</v>
      </c>
      <c r="V22340" s="2">
        <v>1.425</v>
      </c>
      <c r="W22340" s="2">
        <v>0.01</v>
      </c>
      <c r="X22340" s="2">
        <v>118.9</v>
      </c>
      <c r="Y22340" s="2">
        <v>7.6</v>
      </c>
      <c r="Z22340" s="2">
        <v>10.6</v>
      </c>
      <c r="AA22340" s="5"/>
      <c r="AB22340" s="5" t="s">
        <v>43</v>
      </c>
      <c r="AC22340" s="5" t="s">
        <v>44</v>
      </c>
      <c r="AD22340" s="2"/>
      <c r="AE22340" s="1"/>
    </row>
    <row r="22341" spans="1:31" ht="14.45">
      <c r="A22341" s="11"/>
      <c r="B22341" s="20"/>
      <c r="C22341" s="2" t="s">
        <v>71891</v>
      </c>
      <c r="D22341" s="14" t="s">
        <v>71892</v>
      </c>
      <c r="E22341" s="2" t="s">
        <v>71893</v>
      </c>
      <c r="F22341" s="2" t="s">
        <v>7555</v>
      </c>
      <c r="G22341" s="8">
        <v>159</v>
      </c>
      <c r="H22341" s="5">
        <v>6</v>
      </c>
      <c r="I22341" s="5" t="s">
        <v>1518</v>
      </c>
      <c r="J22341" s="5" t="s">
        <v>69038</v>
      </c>
      <c r="K22341" s="2" t="s">
        <v>69039</v>
      </c>
      <c r="L22341" s="5" t="s">
        <v>69038</v>
      </c>
      <c r="M22341" s="2" t="s">
        <v>69039</v>
      </c>
      <c r="N22341" s="5" t="s">
        <v>1521</v>
      </c>
      <c r="O22341" s="5" t="s">
        <v>38</v>
      </c>
      <c r="P22341" s="5" t="s">
        <v>39</v>
      </c>
      <c r="Q22341" s="5" t="s">
        <v>40</v>
      </c>
      <c r="R22341" s="5" t="s">
        <v>1522</v>
      </c>
      <c r="S22341" s="5" t="s">
        <v>1523</v>
      </c>
      <c r="T22341" s="5" t="s">
        <v>42</v>
      </c>
      <c r="U22341" s="2">
        <v>1.75</v>
      </c>
      <c r="V22341" s="2">
        <v>1.425</v>
      </c>
      <c r="W22341" s="2">
        <v>0.01</v>
      </c>
      <c r="X22341" s="2">
        <v>118.9</v>
      </c>
      <c r="Y22341" s="2">
        <v>7.6</v>
      </c>
      <c r="Z22341" s="2">
        <v>10.6</v>
      </c>
      <c r="AA22341" s="5"/>
      <c r="AB22341" s="5" t="s">
        <v>43</v>
      </c>
      <c r="AC22341" s="5" t="s">
        <v>44</v>
      </c>
      <c r="AD22341" s="2"/>
      <c r="AE22341" s="1"/>
    </row>
    <row r="22342" spans="1:31" ht="14.45">
      <c r="A22342" s="11"/>
      <c r="B22342" s="20"/>
      <c r="C22342" s="2" t="s">
        <v>71894</v>
      </c>
      <c r="D22342" s="14" t="s">
        <v>71895</v>
      </c>
      <c r="E22342" s="2" t="s">
        <v>71896</v>
      </c>
      <c r="F22342" s="2" t="s">
        <v>7449</v>
      </c>
      <c r="G22342" s="8">
        <v>159</v>
      </c>
      <c r="H22342" s="5">
        <v>6</v>
      </c>
      <c r="I22342" s="5" t="s">
        <v>1518</v>
      </c>
      <c r="J22342" s="5" t="s">
        <v>69038</v>
      </c>
      <c r="K22342" s="2" t="s">
        <v>69039</v>
      </c>
      <c r="L22342" s="5" t="s">
        <v>69038</v>
      </c>
      <c r="M22342" s="2" t="s">
        <v>69039</v>
      </c>
      <c r="N22342" s="5" t="s">
        <v>1521</v>
      </c>
      <c r="O22342" s="5" t="s">
        <v>38</v>
      </c>
      <c r="P22342" s="5" t="s">
        <v>39</v>
      </c>
      <c r="Q22342" s="5" t="s">
        <v>40</v>
      </c>
      <c r="R22342" s="5" t="s">
        <v>1522</v>
      </c>
      <c r="S22342" s="5" t="s">
        <v>1523</v>
      </c>
      <c r="T22342" s="5" t="s">
        <v>42</v>
      </c>
      <c r="U22342" s="2">
        <v>1.75</v>
      </c>
      <c r="V22342" s="2">
        <v>1.425</v>
      </c>
      <c r="W22342" s="2">
        <v>0.01</v>
      </c>
      <c r="X22342" s="2">
        <v>118.9</v>
      </c>
      <c r="Y22342" s="2">
        <v>7.6</v>
      </c>
      <c r="Z22342" s="2">
        <v>10.6</v>
      </c>
      <c r="AA22342" s="5"/>
      <c r="AB22342" s="5" t="s">
        <v>43</v>
      </c>
      <c r="AC22342" s="5" t="s">
        <v>44</v>
      </c>
      <c r="AD22342" s="2"/>
      <c r="AE22342" s="1"/>
    </row>
    <row r="22343" spans="1:31" ht="14.45">
      <c r="A22343" s="11"/>
      <c r="B22343" s="20"/>
      <c r="C22343" s="2" t="s">
        <v>71897</v>
      </c>
      <c r="D22343" s="14" t="s">
        <v>71898</v>
      </c>
      <c r="E22343" s="2" t="s">
        <v>71899</v>
      </c>
      <c r="F22343" s="2" t="s">
        <v>7585</v>
      </c>
      <c r="G22343" s="8">
        <v>159</v>
      </c>
      <c r="H22343" s="5">
        <v>6</v>
      </c>
      <c r="I22343" s="5" t="s">
        <v>1518</v>
      </c>
      <c r="J22343" s="5" t="s">
        <v>69038</v>
      </c>
      <c r="K22343" s="2" t="s">
        <v>69039</v>
      </c>
      <c r="L22343" s="5" t="s">
        <v>69038</v>
      </c>
      <c r="M22343" s="2" t="s">
        <v>69039</v>
      </c>
      <c r="N22343" s="5" t="s">
        <v>1521</v>
      </c>
      <c r="O22343" s="5" t="s">
        <v>38</v>
      </c>
      <c r="P22343" s="5" t="s">
        <v>39</v>
      </c>
      <c r="Q22343" s="5" t="s">
        <v>40</v>
      </c>
      <c r="R22343" s="5" t="s">
        <v>1522</v>
      </c>
      <c r="S22343" s="5" t="s">
        <v>1523</v>
      </c>
      <c r="T22343" s="5" t="s">
        <v>42</v>
      </c>
      <c r="U22343" s="2">
        <v>1.75</v>
      </c>
      <c r="V22343" s="2">
        <v>1.425</v>
      </c>
      <c r="W22343" s="2">
        <v>0.01</v>
      </c>
      <c r="X22343" s="2">
        <v>118.9</v>
      </c>
      <c r="Y22343" s="2">
        <v>7.6</v>
      </c>
      <c r="Z22343" s="2">
        <v>10.6</v>
      </c>
      <c r="AA22343" s="5"/>
      <c r="AB22343" s="5" t="s">
        <v>43</v>
      </c>
      <c r="AC22343" s="5" t="s">
        <v>44</v>
      </c>
      <c r="AD22343" s="2"/>
      <c r="AE22343" s="1"/>
    </row>
    <row r="22344" spans="1:31" ht="14.45">
      <c r="A22344" s="11"/>
      <c r="B22344" s="20"/>
      <c r="C22344" s="2" t="s">
        <v>71900</v>
      </c>
      <c r="D22344" s="14" t="s">
        <v>71901</v>
      </c>
      <c r="E22344" s="2" t="s">
        <v>71902</v>
      </c>
      <c r="F22344" s="2" t="s">
        <v>7433</v>
      </c>
      <c r="G22344" s="8">
        <v>159</v>
      </c>
      <c r="H22344" s="5">
        <v>6</v>
      </c>
      <c r="I22344" s="5" t="s">
        <v>1518</v>
      </c>
      <c r="J22344" s="5" t="s">
        <v>69038</v>
      </c>
      <c r="K22344" s="2" t="s">
        <v>69039</v>
      </c>
      <c r="L22344" s="5" t="s">
        <v>69038</v>
      </c>
      <c r="M22344" s="2" t="s">
        <v>69039</v>
      </c>
      <c r="N22344" s="5" t="s">
        <v>1521</v>
      </c>
      <c r="O22344" s="5" t="s">
        <v>38</v>
      </c>
      <c r="P22344" s="5" t="s">
        <v>39</v>
      </c>
      <c r="Q22344" s="5" t="s">
        <v>40</v>
      </c>
      <c r="R22344" s="5" t="s">
        <v>1522</v>
      </c>
      <c r="S22344" s="5" t="s">
        <v>1523</v>
      </c>
      <c r="T22344" s="5" t="s">
        <v>42</v>
      </c>
      <c r="U22344" s="2">
        <v>1.75</v>
      </c>
      <c r="V22344" s="2">
        <v>1.425</v>
      </c>
      <c r="W22344" s="2">
        <v>0.01</v>
      </c>
      <c r="X22344" s="2">
        <v>118.9</v>
      </c>
      <c r="Y22344" s="2">
        <v>7.6</v>
      </c>
      <c r="Z22344" s="2">
        <v>10.6</v>
      </c>
      <c r="AA22344" s="5"/>
      <c r="AB22344" s="5" t="s">
        <v>43</v>
      </c>
      <c r="AC22344" s="5" t="s">
        <v>44</v>
      </c>
      <c r="AD22344" s="2"/>
      <c r="AE22344" s="1"/>
    </row>
    <row r="22345" spans="1:31" ht="14.45">
      <c r="A22345" s="11"/>
      <c r="B22345" s="20"/>
      <c r="C22345" s="2" t="s">
        <v>71903</v>
      </c>
      <c r="D22345" s="14" t="s">
        <v>71904</v>
      </c>
      <c r="E22345" s="2" t="s">
        <v>71905</v>
      </c>
      <c r="F22345" s="2" t="s">
        <v>7615</v>
      </c>
      <c r="G22345" s="8">
        <v>159</v>
      </c>
      <c r="H22345" s="5">
        <v>6</v>
      </c>
      <c r="I22345" s="5" t="s">
        <v>1518</v>
      </c>
      <c r="J22345" s="5" t="s">
        <v>69038</v>
      </c>
      <c r="K22345" s="2" t="s">
        <v>69039</v>
      </c>
      <c r="L22345" s="5" t="s">
        <v>69038</v>
      </c>
      <c r="M22345" s="2" t="s">
        <v>69039</v>
      </c>
      <c r="N22345" s="5" t="s">
        <v>1521</v>
      </c>
      <c r="O22345" s="5" t="s">
        <v>38</v>
      </c>
      <c r="P22345" s="5" t="s">
        <v>39</v>
      </c>
      <c r="Q22345" s="5" t="s">
        <v>40</v>
      </c>
      <c r="R22345" s="5" t="s">
        <v>1522</v>
      </c>
      <c r="S22345" s="5" t="s">
        <v>1523</v>
      </c>
      <c r="T22345" s="5" t="s">
        <v>42</v>
      </c>
      <c r="U22345" s="2">
        <v>1.75</v>
      </c>
      <c r="V22345" s="2">
        <v>1.425</v>
      </c>
      <c r="W22345" s="2">
        <v>0.01</v>
      </c>
      <c r="X22345" s="2">
        <v>118.9</v>
      </c>
      <c r="Y22345" s="2">
        <v>7.6</v>
      </c>
      <c r="Z22345" s="2">
        <v>10.6</v>
      </c>
      <c r="AA22345" s="5"/>
      <c r="AB22345" s="5" t="s">
        <v>43</v>
      </c>
      <c r="AC22345" s="5" t="s">
        <v>44</v>
      </c>
      <c r="AD22345" s="2"/>
      <c r="AE22345" s="1"/>
    </row>
    <row r="22346" spans="1:31" ht="14.45">
      <c r="A22346" s="11"/>
      <c r="B22346" s="20"/>
      <c r="C22346" s="2" t="s">
        <v>71906</v>
      </c>
      <c r="D22346" s="14" t="s">
        <v>71907</v>
      </c>
      <c r="E22346" s="2" t="s">
        <v>71908</v>
      </c>
      <c r="F22346" s="2" t="s">
        <v>7410</v>
      </c>
      <c r="G22346" s="8">
        <v>159</v>
      </c>
      <c r="H22346" s="5">
        <v>6</v>
      </c>
      <c r="I22346" s="5" t="s">
        <v>1518</v>
      </c>
      <c r="J22346" s="5" t="s">
        <v>69038</v>
      </c>
      <c r="K22346" s="2" t="s">
        <v>69039</v>
      </c>
      <c r="L22346" s="5" t="s">
        <v>69038</v>
      </c>
      <c r="M22346" s="2" t="s">
        <v>69039</v>
      </c>
      <c r="N22346" s="5" t="s">
        <v>1521</v>
      </c>
      <c r="O22346" s="5" t="s">
        <v>38</v>
      </c>
      <c r="P22346" s="5" t="s">
        <v>39</v>
      </c>
      <c r="Q22346" s="5" t="s">
        <v>40</v>
      </c>
      <c r="R22346" s="5" t="s">
        <v>1522</v>
      </c>
      <c r="S22346" s="5" t="s">
        <v>1523</v>
      </c>
      <c r="T22346" s="5" t="s">
        <v>42</v>
      </c>
      <c r="U22346" s="2">
        <v>1.75</v>
      </c>
      <c r="V22346" s="2">
        <v>1.425</v>
      </c>
      <c r="W22346" s="2">
        <v>0.01</v>
      </c>
      <c r="X22346" s="2">
        <v>118.9</v>
      </c>
      <c r="Y22346" s="2">
        <v>7.6</v>
      </c>
      <c r="Z22346" s="2">
        <v>10.6</v>
      </c>
      <c r="AA22346" s="5"/>
      <c r="AB22346" s="5" t="s">
        <v>43</v>
      </c>
      <c r="AC22346" s="5" t="s">
        <v>44</v>
      </c>
      <c r="AD22346" s="2"/>
      <c r="AE22346" s="1"/>
    </row>
    <row r="22347" spans="1:31" ht="14.45">
      <c r="A22347" s="11"/>
      <c r="B22347" s="20"/>
      <c r="C22347" s="2" t="s">
        <v>71909</v>
      </c>
      <c r="D22347" s="14" t="s">
        <v>71910</v>
      </c>
      <c r="E22347" s="2" t="s">
        <v>71911</v>
      </c>
      <c r="F22347" s="2" t="s">
        <v>7212</v>
      </c>
      <c r="G22347" s="8">
        <v>138</v>
      </c>
      <c r="H22347" s="5">
        <v>6</v>
      </c>
      <c r="I22347" s="5" t="s">
        <v>1518</v>
      </c>
      <c r="J22347" s="5" t="s">
        <v>69038</v>
      </c>
      <c r="K22347" s="2" t="s">
        <v>69039</v>
      </c>
      <c r="L22347" s="5" t="s">
        <v>69038</v>
      </c>
      <c r="M22347" s="2" t="s">
        <v>69039</v>
      </c>
      <c r="N22347" s="5" t="s">
        <v>1521</v>
      </c>
      <c r="O22347" s="5" t="s">
        <v>38</v>
      </c>
      <c r="P22347" s="5" t="s">
        <v>39</v>
      </c>
      <c r="Q22347" s="5" t="s">
        <v>40</v>
      </c>
      <c r="R22347" s="5" t="s">
        <v>1522</v>
      </c>
      <c r="S22347" s="5" t="s">
        <v>1523</v>
      </c>
      <c r="T22347" s="5" t="s">
        <v>42</v>
      </c>
      <c r="U22347" s="2">
        <v>1.75</v>
      </c>
      <c r="V22347" s="2">
        <v>1.425</v>
      </c>
      <c r="W22347" s="2">
        <v>0.01</v>
      </c>
      <c r="X22347" s="2">
        <v>118.9</v>
      </c>
      <c r="Y22347" s="2">
        <v>7.6</v>
      </c>
      <c r="Z22347" s="2">
        <v>10.6</v>
      </c>
      <c r="AA22347" s="5"/>
      <c r="AB22347" s="5" t="s">
        <v>43</v>
      </c>
      <c r="AC22347" s="5" t="s">
        <v>44</v>
      </c>
      <c r="AD22347" s="2"/>
      <c r="AE22347" s="1"/>
    </row>
    <row r="22348" spans="1:31" ht="14.45">
      <c r="A22348" s="11"/>
      <c r="B22348" s="20"/>
      <c r="C22348" s="2" t="s">
        <v>71912</v>
      </c>
      <c r="D22348" s="14" t="s">
        <v>71913</v>
      </c>
      <c r="E22348" s="2" t="s">
        <v>71914</v>
      </c>
      <c r="F22348" s="2" t="s">
        <v>7204</v>
      </c>
      <c r="G22348" s="8">
        <v>146</v>
      </c>
      <c r="H22348" s="5">
        <v>6</v>
      </c>
      <c r="I22348" s="5" t="s">
        <v>1518</v>
      </c>
      <c r="J22348" s="5" t="s">
        <v>69038</v>
      </c>
      <c r="K22348" s="2" t="s">
        <v>69039</v>
      </c>
      <c r="L22348" s="5" t="s">
        <v>69038</v>
      </c>
      <c r="M22348" s="2" t="s">
        <v>69039</v>
      </c>
      <c r="N22348" s="5" t="s">
        <v>1521</v>
      </c>
      <c r="O22348" s="5" t="s">
        <v>38</v>
      </c>
      <c r="P22348" s="5" t="s">
        <v>39</v>
      </c>
      <c r="Q22348" s="5" t="s">
        <v>40</v>
      </c>
      <c r="R22348" s="5" t="s">
        <v>1522</v>
      </c>
      <c r="S22348" s="5" t="s">
        <v>1523</v>
      </c>
      <c r="T22348" s="5" t="s">
        <v>42</v>
      </c>
      <c r="U22348" s="2">
        <v>1.919</v>
      </c>
      <c r="V22348" s="2">
        <v>1.5409999999999999</v>
      </c>
      <c r="W22348" s="2">
        <v>1.0999999999999999E-2</v>
      </c>
      <c r="X22348" s="2">
        <v>139.1</v>
      </c>
      <c r="Y22348" s="2">
        <v>7.6</v>
      </c>
      <c r="Z22348" s="2">
        <v>10.6</v>
      </c>
      <c r="AA22348" s="5"/>
      <c r="AB22348" s="5" t="s">
        <v>43</v>
      </c>
      <c r="AC22348" s="5" t="s">
        <v>44</v>
      </c>
      <c r="AD22348" s="2"/>
      <c r="AE22348" s="1"/>
    </row>
    <row r="22349" spans="1:31" ht="14.45">
      <c r="A22349" s="11"/>
      <c r="B22349" s="20"/>
      <c r="C22349" s="2" t="s">
        <v>71915</v>
      </c>
      <c r="D22349" s="14" t="s">
        <v>71916</v>
      </c>
      <c r="E22349" s="2" t="s">
        <v>71917</v>
      </c>
      <c r="F22349" s="2" t="s">
        <v>7208</v>
      </c>
      <c r="G22349" s="8">
        <v>146</v>
      </c>
      <c r="H22349" s="5">
        <v>6</v>
      </c>
      <c r="I22349" s="5" t="s">
        <v>1518</v>
      </c>
      <c r="J22349" s="5" t="s">
        <v>69038</v>
      </c>
      <c r="K22349" s="2" t="s">
        <v>69039</v>
      </c>
      <c r="L22349" s="5" t="s">
        <v>69038</v>
      </c>
      <c r="M22349" s="2" t="s">
        <v>69039</v>
      </c>
      <c r="N22349" s="5" t="s">
        <v>1521</v>
      </c>
      <c r="O22349" s="5" t="s">
        <v>38</v>
      </c>
      <c r="P22349" s="5" t="s">
        <v>39</v>
      </c>
      <c r="Q22349" s="5" t="s">
        <v>40</v>
      </c>
      <c r="R22349" s="5" t="s">
        <v>1522</v>
      </c>
      <c r="S22349" s="5" t="s">
        <v>1523</v>
      </c>
      <c r="T22349" s="5" t="s">
        <v>42</v>
      </c>
      <c r="U22349" s="2">
        <v>1.919</v>
      </c>
      <c r="V22349" s="2">
        <v>1.5409999999999999</v>
      </c>
      <c r="W22349" s="2">
        <v>1.0999999999999999E-2</v>
      </c>
      <c r="X22349" s="2">
        <v>139.1</v>
      </c>
      <c r="Y22349" s="2">
        <v>7.6</v>
      </c>
      <c r="Z22349" s="2">
        <v>10.6</v>
      </c>
      <c r="AA22349" s="5"/>
      <c r="AB22349" s="5" t="s">
        <v>43</v>
      </c>
      <c r="AC22349" s="5" t="s">
        <v>44</v>
      </c>
      <c r="AD22349" s="2"/>
      <c r="AE22349" s="1"/>
    </row>
    <row r="22350" spans="1:31" ht="14.45">
      <c r="A22350" s="11"/>
      <c r="B22350" s="20"/>
      <c r="C22350" s="2" t="s">
        <v>71918</v>
      </c>
      <c r="D22350" s="14" t="s">
        <v>71919</v>
      </c>
      <c r="E22350" s="2" t="s">
        <v>71920</v>
      </c>
      <c r="F22350" s="2" t="s">
        <v>7539</v>
      </c>
      <c r="G22350" s="8">
        <v>168</v>
      </c>
      <c r="H22350" s="5">
        <v>6</v>
      </c>
      <c r="I22350" s="5" t="s">
        <v>1518</v>
      </c>
      <c r="J22350" s="5" t="s">
        <v>69038</v>
      </c>
      <c r="K22350" s="2" t="s">
        <v>69039</v>
      </c>
      <c r="L22350" s="5" t="s">
        <v>69038</v>
      </c>
      <c r="M22350" s="2" t="s">
        <v>69039</v>
      </c>
      <c r="N22350" s="5" t="s">
        <v>1521</v>
      </c>
      <c r="O22350" s="5" t="s">
        <v>38</v>
      </c>
      <c r="P22350" s="5" t="s">
        <v>39</v>
      </c>
      <c r="Q22350" s="5" t="s">
        <v>40</v>
      </c>
      <c r="R22350" s="5" t="s">
        <v>1522</v>
      </c>
      <c r="S22350" s="5" t="s">
        <v>1523</v>
      </c>
      <c r="T22350" s="5" t="s">
        <v>42</v>
      </c>
      <c r="U22350" s="2">
        <v>1.919</v>
      </c>
      <c r="V22350" s="2">
        <v>1.5409999999999999</v>
      </c>
      <c r="W22350" s="2">
        <v>1.0999999999999999E-2</v>
      </c>
      <c r="X22350" s="2">
        <v>139.1</v>
      </c>
      <c r="Y22350" s="2">
        <v>7.6</v>
      </c>
      <c r="Z22350" s="2">
        <v>10.6</v>
      </c>
      <c r="AA22350" s="5"/>
      <c r="AB22350" s="5" t="s">
        <v>43</v>
      </c>
      <c r="AC22350" s="5" t="s">
        <v>44</v>
      </c>
      <c r="AD22350" s="2"/>
      <c r="AE22350" s="1"/>
    </row>
    <row r="22351" spans="1:31" ht="14.45">
      <c r="A22351" s="11"/>
      <c r="B22351" s="20"/>
      <c r="C22351" s="2" t="s">
        <v>71921</v>
      </c>
      <c r="D22351" s="14" t="s">
        <v>71922</v>
      </c>
      <c r="E22351" s="2" t="s">
        <v>71923</v>
      </c>
      <c r="F22351" s="2" t="s">
        <v>7396</v>
      </c>
      <c r="G22351" s="8">
        <v>146</v>
      </c>
      <c r="H22351" s="5">
        <v>6</v>
      </c>
      <c r="I22351" s="5" t="s">
        <v>1518</v>
      </c>
      <c r="J22351" s="5" t="s">
        <v>69038</v>
      </c>
      <c r="K22351" s="2" t="s">
        <v>69039</v>
      </c>
      <c r="L22351" s="5" t="s">
        <v>69038</v>
      </c>
      <c r="M22351" s="2" t="s">
        <v>69039</v>
      </c>
      <c r="N22351" s="5" t="s">
        <v>1521</v>
      </c>
      <c r="O22351" s="5" t="s">
        <v>38</v>
      </c>
      <c r="P22351" s="5" t="s">
        <v>39</v>
      </c>
      <c r="Q22351" s="5" t="s">
        <v>40</v>
      </c>
      <c r="R22351" s="5" t="s">
        <v>1522</v>
      </c>
      <c r="S22351" s="5" t="s">
        <v>1523</v>
      </c>
      <c r="T22351" s="5" t="s">
        <v>42</v>
      </c>
      <c r="U22351" s="2">
        <v>1.919</v>
      </c>
      <c r="V22351" s="2">
        <v>1.5409999999999999</v>
      </c>
      <c r="W22351" s="2">
        <v>1.0999999999999999E-2</v>
      </c>
      <c r="X22351" s="2">
        <v>139.1</v>
      </c>
      <c r="Y22351" s="2">
        <v>7.6</v>
      </c>
      <c r="Z22351" s="2">
        <v>10.6</v>
      </c>
      <c r="AA22351" s="5"/>
      <c r="AB22351" s="5" t="s">
        <v>43</v>
      </c>
      <c r="AC22351" s="5" t="s">
        <v>44</v>
      </c>
      <c r="AD22351" s="2"/>
      <c r="AE22351" s="1"/>
    </row>
    <row r="22352" spans="1:31" ht="14.45">
      <c r="A22352" s="11"/>
      <c r="B22352" s="20"/>
      <c r="C22352" s="2" t="s">
        <v>71924</v>
      </c>
      <c r="D22352" s="14" t="s">
        <v>71925</v>
      </c>
      <c r="E22352" s="2" t="s">
        <v>71926</v>
      </c>
      <c r="F22352" s="2" t="s">
        <v>7433</v>
      </c>
      <c r="G22352" s="8">
        <v>168</v>
      </c>
      <c r="H22352" s="5">
        <v>6</v>
      </c>
      <c r="I22352" s="5" t="s">
        <v>1518</v>
      </c>
      <c r="J22352" s="5" t="s">
        <v>69038</v>
      </c>
      <c r="K22352" s="2" t="s">
        <v>69039</v>
      </c>
      <c r="L22352" s="5" t="s">
        <v>69038</v>
      </c>
      <c r="M22352" s="2" t="s">
        <v>69039</v>
      </c>
      <c r="N22352" s="5" t="s">
        <v>1521</v>
      </c>
      <c r="O22352" s="5" t="s">
        <v>38</v>
      </c>
      <c r="P22352" s="5" t="s">
        <v>39</v>
      </c>
      <c r="Q22352" s="5" t="s">
        <v>40</v>
      </c>
      <c r="R22352" s="5" t="s">
        <v>1522</v>
      </c>
      <c r="S22352" s="5" t="s">
        <v>1523</v>
      </c>
      <c r="T22352" s="5" t="s">
        <v>42</v>
      </c>
      <c r="U22352" s="2">
        <v>1.919</v>
      </c>
      <c r="V22352" s="2">
        <v>1.5409999999999999</v>
      </c>
      <c r="W22352" s="2">
        <v>1.0999999999999999E-2</v>
      </c>
      <c r="X22352" s="2">
        <v>139.1</v>
      </c>
      <c r="Y22352" s="2">
        <v>7.6</v>
      </c>
      <c r="Z22352" s="2">
        <v>10.6</v>
      </c>
      <c r="AA22352" s="5"/>
      <c r="AB22352" s="5" t="s">
        <v>43</v>
      </c>
      <c r="AC22352" s="5" t="s">
        <v>44</v>
      </c>
      <c r="AD22352" s="2"/>
      <c r="AE22352" s="1"/>
    </row>
    <row r="22353" spans="1:31" ht="14.45">
      <c r="A22353" s="11"/>
      <c r="B22353" s="20"/>
      <c r="C22353" s="2" t="s">
        <v>71927</v>
      </c>
      <c r="D22353" s="14" t="s">
        <v>71928</v>
      </c>
      <c r="E22353" s="2" t="s">
        <v>71929</v>
      </c>
      <c r="F22353" s="2" t="s">
        <v>7615</v>
      </c>
      <c r="G22353" s="8">
        <v>168</v>
      </c>
      <c r="H22353" s="5">
        <v>6</v>
      </c>
      <c r="I22353" s="5" t="s">
        <v>1518</v>
      </c>
      <c r="J22353" s="5" t="s">
        <v>69038</v>
      </c>
      <c r="K22353" s="2" t="s">
        <v>69039</v>
      </c>
      <c r="L22353" s="5" t="s">
        <v>69038</v>
      </c>
      <c r="M22353" s="2" t="s">
        <v>69039</v>
      </c>
      <c r="N22353" s="5" t="s">
        <v>1521</v>
      </c>
      <c r="O22353" s="5" t="s">
        <v>38</v>
      </c>
      <c r="P22353" s="5" t="s">
        <v>39</v>
      </c>
      <c r="Q22353" s="5" t="s">
        <v>40</v>
      </c>
      <c r="R22353" s="5" t="s">
        <v>1522</v>
      </c>
      <c r="S22353" s="5" t="s">
        <v>1523</v>
      </c>
      <c r="T22353" s="5" t="s">
        <v>42</v>
      </c>
      <c r="U22353" s="2">
        <v>1.919</v>
      </c>
      <c r="V22353" s="2">
        <v>1.5409999999999999</v>
      </c>
      <c r="W22353" s="2">
        <v>1.0999999999999999E-2</v>
      </c>
      <c r="X22353" s="2">
        <v>139.1</v>
      </c>
      <c r="Y22353" s="2">
        <v>7.6</v>
      </c>
      <c r="Z22353" s="2">
        <v>10.6</v>
      </c>
      <c r="AA22353" s="5"/>
      <c r="AB22353" s="5" t="s">
        <v>43</v>
      </c>
      <c r="AC22353" s="5" t="s">
        <v>44</v>
      </c>
      <c r="AD22353" s="2"/>
      <c r="AE22353" s="1"/>
    </row>
    <row r="22354" spans="1:31" ht="14.45">
      <c r="A22354" s="11"/>
      <c r="B22354" s="20"/>
      <c r="C22354" s="2" t="s">
        <v>71930</v>
      </c>
      <c r="D22354" s="14" t="s">
        <v>71931</v>
      </c>
      <c r="E22354" s="2" t="s">
        <v>71932</v>
      </c>
      <c r="F22354" s="2" t="s">
        <v>7410</v>
      </c>
      <c r="G22354" s="8">
        <v>168</v>
      </c>
      <c r="H22354" s="5">
        <v>6</v>
      </c>
      <c r="I22354" s="5" t="s">
        <v>1518</v>
      </c>
      <c r="J22354" s="5" t="s">
        <v>69038</v>
      </c>
      <c r="K22354" s="2" t="s">
        <v>69039</v>
      </c>
      <c r="L22354" s="5" t="s">
        <v>69038</v>
      </c>
      <c r="M22354" s="2" t="s">
        <v>69039</v>
      </c>
      <c r="N22354" s="5" t="s">
        <v>1521</v>
      </c>
      <c r="O22354" s="5" t="s">
        <v>38</v>
      </c>
      <c r="P22354" s="5" t="s">
        <v>39</v>
      </c>
      <c r="Q22354" s="5" t="s">
        <v>40</v>
      </c>
      <c r="R22354" s="5" t="s">
        <v>1522</v>
      </c>
      <c r="S22354" s="5" t="s">
        <v>1523</v>
      </c>
      <c r="T22354" s="5" t="s">
        <v>42</v>
      </c>
      <c r="U22354" s="2">
        <v>1.919</v>
      </c>
      <c r="V22354" s="2">
        <v>1.5409999999999999</v>
      </c>
      <c r="W22354" s="2">
        <v>1.0999999999999999E-2</v>
      </c>
      <c r="X22354" s="2">
        <v>139.1</v>
      </c>
      <c r="Y22354" s="2">
        <v>7.6</v>
      </c>
      <c r="Z22354" s="2">
        <v>10.6</v>
      </c>
      <c r="AA22354" s="5"/>
      <c r="AB22354" s="5" t="s">
        <v>43</v>
      </c>
      <c r="AC22354" s="5" t="s">
        <v>44</v>
      </c>
      <c r="AD22354" s="2"/>
      <c r="AE22354" s="1"/>
    </row>
    <row r="22355" spans="1:31" ht="14.45">
      <c r="A22355" s="11"/>
      <c r="B22355" s="20"/>
      <c r="C22355" s="2" t="s">
        <v>71933</v>
      </c>
      <c r="D22355" s="14" t="s">
        <v>71934</v>
      </c>
      <c r="E22355" s="2" t="s">
        <v>71935</v>
      </c>
      <c r="F22355" s="2" t="s">
        <v>7212</v>
      </c>
      <c r="G22355" s="8">
        <v>146</v>
      </c>
      <c r="H22355" s="5">
        <v>6</v>
      </c>
      <c r="I22355" s="5" t="s">
        <v>1518</v>
      </c>
      <c r="J22355" s="5" t="s">
        <v>69038</v>
      </c>
      <c r="K22355" s="2" t="s">
        <v>69039</v>
      </c>
      <c r="L22355" s="5" t="s">
        <v>69038</v>
      </c>
      <c r="M22355" s="2" t="s">
        <v>69039</v>
      </c>
      <c r="N22355" s="5" t="s">
        <v>1521</v>
      </c>
      <c r="O22355" s="5" t="s">
        <v>38</v>
      </c>
      <c r="P22355" s="5" t="s">
        <v>39</v>
      </c>
      <c r="Q22355" s="5" t="s">
        <v>40</v>
      </c>
      <c r="R22355" s="5" t="s">
        <v>1522</v>
      </c>
      <c r="S22355" s="5" t="s">
        <v>1523</v>
      </c>
      <c r="T22355" s="5" t="s">
        <v>42</v>
      </c>
      <c r="U22355" s="2">
        <v>1.919</v>
      </c>
      <c r="V22355" s="2">
        <v>1.5409999999999999</v>
      </c>
      <c r="W22355" s="2">
        <v>1.0999999999999999E-2</v>
      </c>
      <c r="X22355" s="2">
        <v>139.1</v>
      </c>
      <c r="Y22355" s="2">
        <v>7.6</v>
      </c>
      <c r="Z22355" s="2">
        <v>10.6</v>
      </c>
      <c r="AA22355" s="5"/>
      <c r="AB22355" s="5" t="s">
        <v>43</v>
      </c>
      <c r="AC22355" s="5" t="s">
        <v>44</v>
      </c>
      <c r="AD22355" s="2"/>
      <c r="AE22355" s="1"/>
    </row>
    <row r="22356" spans="1:31" ht="14.45">
      <c r="A22356" s="11"/>
      <c r="B22356" s="20"/>
      <c r="C22356" s="2" t="s">
        <v>71936</v>
      </c>
      <c r="D22356" s="14" t="s">
        <v>71937</v>
      </c>
      <c r="E22356" s="2" t="s">
        <v>71938</v>
      </c>
      <c r="F22356" s="2" t="s">
        <v>7204</v>
      </c>
      <c r="G22356" s="8">
        <v>164</v>
      </c>
      <c r="H22356" s="5">
        <v>6</v>
      </c>
      <c r="I22356" s="5" t="s">
        <v>1518</v>
      </c>
      <c r="J22356" s="5" t="s">
        <v>69038</v>
      </c>
      <c r="K22356" s="2" t="s">
        <v>69039</v>
      </c>
      <c r="L22356" s="5" t="s">
        <v>69038</v>
      </c>
      <c r="M22356" s="2" t="s">
        <v>69039</v>
      </c>
      <c r="N22356" s="5" t="s">
        <v>1521</v>
      </c>
      <c r="O22356" s="5" t="s">
        <v>38</v>
      </c>
      <c r="P22356" s="5" t="s">
        <v>39</v>
      </c>
      <c r="Q22356" s="5" t="s">
        <v>40</v>
      </c>
      <c r="R22356" s="5" t="s">
        <v>1522</v>
      </c>
      <c r="S22356" s="5" t="s">
        <v>1523</v>
      </c>
      <c r="T22356" s="5" t="s">
        <v>42</v>
      </c>
      <c r="U22356" s="2">
        <v>2.08</v>
      </c>
      <c r="V22356" s="2">
        <v>1.6579999999999999</v>
      </c>
      <c r="W22356" s="2">
        <v>1.2999999999999999E-2</v>
      </c>
      <c r="X22356" s="2">
        <v>159.1</v>
      </c>
      <c r="Y22356" s="2">
        <v>7.6</v>
      </c>
      <c r="Z22356" s="2">
        <v>10.6</v>
      </c>
      <c r="AA22356" s="5"/>
      <c r="AB22356" s="5" t="s">
        <v>43</v>
      </c>
      <c r="AC22356" s="5" t="s">
        <v>44</v>
      </c>
      <c r="AD22356" s="2"/>
      <c r="AE22356" s="1"/>
    </row>
    <row r="22357" spans="1:31" ht="14.45">
      <c r="A22357" s="11"/>
      <c r="B22357" s="20"/>
      <c r="C22357" s="2" t="s">
        <v>71939</v>
      </c>
      <c r="D22357" s="14" t="s">
        <v>71940</v>
      </c>
      <c r="E22357" s="2" t="s">
        <v>71941</v>
      </c>
      <c r="F22357" s="2" t="s">
        <v>7204</v>
      </c>
      <c r="G22357" s="8">
        <v>158</v>
      </c>
      <c r="H22357" s="5">
        <v>6</v>
      </c>
      <c r="I22357" s="5" t="s">
        <v>1518</v>
      </c>
      <c r="J22357" s="5" t="s">
        <v>69038</v>
      </c>
      <c r="K22357" s="2" t="s">
        <v>69039</v>
      </c>
      <c r="L22357" s="5" t="s">
        <v>69038</v>
      </c>
      <c r="M22357" s="2" t="s">
        <v>69039</v>
      </c>
      <c r="N22357" s="5" t="s">
        <v>1521</v>
      </c>
      <c r="O22357" s="5" t="s">
        <v>38</v>
      </c>
      <c r="P22357" s="5" t="s">
        <v>39</v>
      </c>
      <c r="Q22357" s="5" t="s">
        <v>40</v>
      </c>
      <c r="R22357" s="5" t="s">
        <v>1522</v>
      </c>
      <c r="S22357" s="5" t="s">
        <v>1523</v>
      </c>
      <c r="T22357" s="5" t="s">
        <v>42</v>
      </c>
      <c r="U22357" s="2">
        <v>2.0950000000000002</v>
      </c>
      <c r="V22357" s="2">
        <v>1.732</v>
      </c>
      <c r="W22357" s="2">
        <v>1.0999999999999999E-2</v>
      </c>
      <c r="X22357" s="2">
        <v>139.1</v>
      </c>
      <c r="Y22357" s="2">
        <v>7.6</v>
      </c>
      <c r="Z22357" s="2">
        <v>10.6</v>
      </c>
      <c r="AA22357" s="5"/>
      <c r="AB22357" s="5" t="s">
        <v>43</v>
      </c>
      <c r="AC22357" s="5" t="s">
        <v>44</v>
      </c>
      <c r="AD22357" s="2"/>
      <c r="AE22357" s="1"/>
    </row>
    <row r="22358" spans="1:31" ht="14.45">
      <c r="A22358" s="11"/>
      <c r="B22358" s="20"/>
      <c r="C22358" s="2" t="s">
        <v>71942</v>
      </c>
      <c r="D22358" s="14" t="s">
        <v>71943</v>
      </c>
      <c r="E22358" s="2" t="s">
        <v>71944</v>
      </c>
      <c r="F22358" s="2" t="s">
        <v>7208</v>
      </c>
      <c r="G22358" s="8">
        <v>158</v>
      </c>
      <c r="H22358" s="5">
        <v>6</v>
      </c>
      <c r="I22358" s="5" t="s">
        <v>1518</v>
      </c>
      <c r="J22358" s="5" t="s">
        <v>69038</v>
      </c>
      <c r="K22358" s="2" t="s">
        <v>69039</v>
      </c>
      <c r="L22358" s="5" t="s">
        <v>69038</v>
      </c>
      <c r="M22358" s="2" t="s">
        <v>69039</v>
      </c>
      <c r="N22358" s="5" t="s">
        <v>1521</v>
      </c>
      <c r="O22358" s="5" t="s">
        <v>38</v>
      </c>
      <c r="P22358" s="5" t="s">
        <v>39</v>
      </c>
      <c r="Q22358" s="5" t="s">
        <v>40</v>
      </c>
      <c r="R22358" s="5" t="s">
        <v>1522</v>
      </c>
      <c r="S22358" s="5" t="s">
        <v>1523</v>
      </c>
      <c r="T22358" s="5" t="s">
        <v>42</v>
      </c>
      <c r="U22358" s="2">
        <v>2.0950000000000002</v>
      </c>
      <c r="V22358" s="2">
        <v>1.732</v>
      </c>
      <c r="W22358" s="2">
        <v>1.0999999999999999E-2</v>
      </c>
      <c r="X22358" s="2">
        <v>139.1</v>
      </c>
      <c r="Y22358" s="2">
        <v>7.6</v>
      </c>
      <c r="Z22358" s="2">
        <v>10.6</v>
      </c>
      <c r="AA22358" s="5"/>
      <c r="AB22358" s="5" t="s">
        <v>43</v>
      </c>
      <c r="AC22358" s="5" t="s">
        <v>44</v>
      </c>
      <c r="AD22358" s="2"/>
      <c r="AE22358" s="1"/>
    </row>
    <row r="22359" spans="1:31" ht="14.45">
      <c r="A22359" s="11"/>
      <c r="B22359" s="20"/>
      <c r="C22359" s="2" t="s">
        <v>71945</v>
      </c>
      <c r="D22359" s="14" t="s">
        <v>71946</v>
      </c>
      <c r="E22359" s="2" t="s">
        <v>71947</v>
      </c>
      <c r="F22359" s="2" t="s">
        <v>7539</v>
      </c>
      <c r="G22359" s="8">
        <v>182</v>
      </c>
      <c r="H22359" s="5">
        <v>6</v>
      </c>
      <c r="I22359" s="5" t="s">
        <v>1518</v>
      </c>
      <c r="J22359" s="5" t="s">
        <v>69038</v>
      </c>
      <c r="K22359" s="2" t="s">
        <v>69039</v>
      </c>
      <c r="L22359" s="5" t="s">
        <v>69038</v>
      </c>
      <c r="M22359" s="2" t="s">
        <v>69039</v>
      </c>
      <c r="N22359" s="5" t="s">
        <v>1521</v>
      </c>
      <c r="O22359" s="5" t="s">
        <v>38</v>
      </c>
      <c r="P22359" s="5" t="s">
        <v>39</v>
      </c>
      <c r="Q22359" s="5" t="s">
        <v>40</v>
      </c>
      <c r="R22359" s="5" t="s">
        <v>1522</v>
      </c>
      <c r="S22359" s="5" t="s">
        <v>1523</v>
      </c>
      <c r="T22359" s="5" t="s">
        <v>42</v>
      </c>
      <c r="U22359" s="2">
        <v>2.0950000000000002</v>
      </c>
      <c r="V22359" s="2">
        <v>1.732</v>
      </c>
      <c r="W22359" s="2">
        <v>1.0999999999999999E-2</v>
      </c>
      <c r="X22359" s="2">
        <v>139.1</v>
      </c>
      <c r="Y22359" s="2">
        <v>7.6</v>
      </c>
      <c r="Z22359" s="2">
        <v>10.6</v>
      </c>
      <c r="AA22359" s="5"/>
      <c r="AB22359" s="5" t="s">
        <v>43</v>
      </c>
      <c r="AC22359" s="5" t="s">
        <v>44</v>
      </c>
      <c r="AD22359" s="2"/>
      <c r="AE22359" s="1"/>
    </row>
    <row r="22360" spans="1:31" ht="14.45">
      <c r="A22360" s="11"/>
      <c r="B22360" s="20"/>
      <c r="C22360" s="2" t="s">
        <v>71948</v>
      </c>
      <c r="D22360" s="14" t="s">
        <v>71949</v>
      </c>
      <c r="E22360" s="2" t="s">
        <v>71950</v>
      </c>
      <c r="F22360" s="2" t="s">
        <v>7396</v>
      </c>
      <c r="G22360" s="8">
        <v>158</v>
      </c>
      <c r="H22360" s="5">
        <v>6</v>
      </c>
      <c r="I22360" s="5" t="s">
        <v>1518</v>
      </c>
      <c r="J22360" s="5" t="s">
        <v>69038</v>
      </c>
      <c r="K22360" s="2" t="s">
        <v>69039</v>
      </c>
      <c r="L22360" s="5" t="s">
        <v>69038</v>
      </c>
      <c r="M22360" s="2" t="s">
        <v>69039</v>
      </c>
      <c r="N22360" s="5" t="s">
        <v>1521</v>
      </c>
      <c r="O22360" s="5" t="s">
        <v>38</v>
      </c>
      <c r="P22360" s="5" t="s">
        <v>39</v>
      </c>
      <c r="Q22360" s="5" t="s">
        <v>40</v>
      </c>
      <c r="R22360" s="5" t="s">
        <v>1522</v>
      </c>
      <c r="S22360" s="5" t="s">
        <v>1523</v>
      </c>
      <c r="T22360" s="5" t="s">
        <v>42</v>
      </c>
      <c r="U22360" s="2">
        <v>2.0950000000000002</v>
      </c>
      <c r="V22360" s="2">
        <v>1.732</v>
      </c>
      <c r="W22360" s="2">
        <v>1.0999999999999999E-2</v>
      </c>
      <c r="X22360" s="2">
        <v>139.1</v>
      </c>
      <c r="Y22360" s="2">
        <v>7.6</v>
      </c>
      <c r="Z22360" s="2">
        <v>10.6</v>
      </c>
      <c r="AA22360" s="5"/>
      <c r="AB22360" s="5" t="s">
        <v>43</v>
      </c>
      <c r="AC22360" s="5" t="s">
        <v>44</v>
      </c>
      <c r="AD22360" s="2"/>
      <c r="AE22360" s="1"/>
    </row>
    <row r="22361" spans="1:31" ht="14.45">
      <c r="A22361" s="11"/>
      <c r="B22361" s="20"/>
      <c r="C22361" s="2" t="s">
        <v>71951</v>
      </c>
      <c r="D22361" s="14" t="s">
        <v>71952</v>
      </c>
      <c r="E22361" s="2" t="s">
        <v>71953</v>
      </c>
      <c r="F22361" s="2" t="s">
        <v>7204</v>
      </c>
      <c r="G22361" s="8">
        <v>176</v>
      </c>
      <c r="H22361" s="5">
        <v>6</v>
      </c>
      <c r="I22361" s="5" t="s">
        <v>1518</v>
      </c>
      <c r="J22361" s="5" t="s">
        <v>69038</v>
      </c>
      <c r="K22361" s="2" t="s">
        <v>69039</v>
      </c>
      <c r="L22361" s="5" t="s">
        <v>69038</v>
      </c>
      <c r="M22361" s="2" t="s">
        <v>69039</v>
      </c>
      <c r="N22361" s="5" t="s">
        <v>1521</v>
      </c>
      <c r="O22361" s="5" t="s">
        <v>38</v>
      </c>
      <c r="P22361" s="5" t="s">
        <v>39</v>
      </c>
      <c r="Q22361" s="5" t="s">
        <v>40</v>
      </c>
      <c r="R22361" s="5" t="s">
        <v>1522</v>
      </c>
      <c r="S22361" s="5" t="s">
        <v>1523</v>
      </c>
      <c r="T22361" s="5" t="s">
        <v>42</v>
      </c>
      <c r="U22361" s="2">
        <v>2.266</v>
      </c>
      <c r="V22361" s="2">
        <v>1.8580000000000001</v>
      </c>
      <c r="W22361" s="2">
        <v>1.2999999999999999E-2</v>
      </c>
      <c r="X22361" s="2">
        <v>159.1</v>
      </c>
      <c r="Y22361" s="2">
        <v>7.6</v>
      </c>
      <c r="Z22361" s="2">
        <v>10.6</v>
      </c>
      <c r="AA22361" s="5"/>
      <c r="AB22361" s="5" t="s">
        <v>43</v>
      </c>
      <c r="AC22361" s="5" t="s">
        <v>44</v>
      </c>
      <c r="AD22361" s="2"/>
      <c r="AE22361" s="1"/>
    </row>
    <row r="22362" spans="1:31" ht="14.45">
      <c r="A22362" s="11"/>
      <c r="B22362" s="20"/>
      <c r="C22362" s="2" t="s">
        <v>71954</v>
      </c>
      <c r="D22362" s="14" t="s">
        <v>71955</v>
      </c>
      <c r="E22362" s="2" t="s">
        <v>71956</v>
      </c>
      <c r="F22362" s="2" t="s">
        <v>71957</v>
      </c>
      <c r="G22362" s="8">
        <v>92</v>
      </c>
      <c r="H22362" s="5">
        <v>6</v>
      </c>
      <c r="I22362" s="5" t="s">
        <v>1518</v>
      </c>
      <c r="J22362" s="5" t="s">
        <v>69038</v>
      </c>
      <c r="K22362" s="2" t="s">
        <v>69039</v>
      </c>
      <c r="L22362" s="5" t="s">
        <v>69038</v>
      </c>
      <c r="M22362" s="2" t="s">
        <v>69039</v>
      </c>
      <c r="N22362" s="5" t="s">
        <v>1521</v>
      </c>
      <c r="O22362" s="5" t="s">
        <v>38</v>
      </c>
      <c r="P22362" s="5" t="s">
        <v>39</v>
      </c>
      <c r="Q22362" s="5" t="s">
        <v>40</v>
      </c>
      <c r="R22362" s="5" t="s">
        <v>1522</v>
      </c>
      <c r="S22362" s="5" t="s">
        <v>1523</v>
      </c>
      <c r="T22362" s="5" t="s">
        <v>42</v>
      </c>
      <c r="U22362" s="2">
        <v>0.91600000000000004</v>
      </c>
      <c r="V22362" s="2">
        <v>0.61099999999999999</v>
      </c>
      <c r="W22362" s="2">
        <v>7.0000000000000001E-3</v>
      </c>
      <c r="X22362" s="2">
        <v>86.5</v>
      </c>
      <c r="Y22362" s="2">
        <v>7.6</v>
      </c>
      <c r="Z22362" s="2">
        <v>10.6</v>
      </c>
      <c r="AA22362" s="5"/>
      <c r="AB22362" s="5" t="s">
        <v>43</v>
      </c>
      <c r="AC22362" s="5" t="s">
        <v>44</v>
      </c>
      <c r="AD22362" s="2"/>
      <c r="AE22362" s="1"/>
    </row>
    <row r="22363" spans="1:31" ht="14.45">
      <c r="A22363" s="11"/>
      <c r="B22363" s="20"/>
      <c r="C22363" s="2" t="s">
        <v>71958</v>
      </c>
      <c r="D22363" s="14" t="s">
        <v>71959</v>
      </c>
      <c r="E22363" s="2" t="s">
        <v>71960</v>
      </c>
      <c r="F22363" s="2" t="s">
        <v>71961</v>
      </c>
      <c r="G22363" s="8">
        <v>92</v>
      </c>
      <c r="H22363" s="5">
        <v>6</v>
      </c>
      <c r="I22363" s="5" t="s">
        <v>1518</v>
      </c>
      <c r="J22363" s="5" t="s">
        <v>69038</v>
      </c>
      <c r="K22363" s="2" t="s">
        <v>69039</v>
      </c>
      <c r="L22363" s="5" t="s">
        <v>69038</v>
      </c>
      <c r="M22363" s="2" t="s">
        <v>69039</v>
      </c>
      <c r="N22363" s="5" t="s">
        <v>1521</v>
      </c>
      <c r="O22363" s="5" t="s">
        <v>38</v>
      </c>
      <c r="P22363" s="5" t="s">
        <v>39</v>
      </c>
      <c r="Q22363" s="5" t="s">
        <v>40</v>
      </c>
      <c r="R22363" s="5" t="s">
        <v>1522</v>
      </c>
      <c r="S22363" s="5" t="s">
        <v>1523</v>
      </c>
      <c r="T22363" s="5" t="s">
        <v>42</v>
      </c>
      <c r="U22363" s="2">
        <v>0.96399999999999997</v>
      </c>
      <c r="V22363" s="2">
        <v>0.65900000000000003</v>
      </c>
      <c r="W22363" s="2">
        <v>7.0000000000000001E-3</v>
      </c>
      <c r="X22363" s="2">
        <v>86.5</v>
      </c>
      <c r="Y22363" s="2">
        <v>7.6</v>
      </c>
      <c r="Z22363" s="2">
        <v>10.6</v>
      </c>
      <c r="AA22363" s="5"/>
      <c r="AB22363" s="5" t="s">
        <v>43</v>
      </c>
      <c r="AC22363" s="5" t="s">
        <v>44</v>
      </c>
      <c r="AD22363" s="2"/>
      <c r="AE22363" s="1"/>
    </row>
    <row r="22364" spans="1:31" ht="14.45">
      <c r="A22364" s="11"/>
      <c r="B22364" s="20"/>
      <c r="C22364" s="2" t="s">
        <v>71962</v>
      </c>
      <c r="D22364" s="14" t="s">
        <v>71963</v>
      </c>
      <c r="E22364" s="2" t="s">
        <v>71964</v>
      </c>
      <c r="F22364" s="2" t="s">
        <v>71965</v>
      </c>
      <c r="G22364" s="8">
        <v>92</v>
      </c>
      <c r="H22364" s="5">
        <v>6</v>
      </c>
      <c r="I22364" s="5" t="s">
        <v>1518</v>
      </c>
      <c r="J22364" s="5" t="s">
        <v>69038</v>
      </c>
      <c r="K22364" s="2" t="s">
        <v>69039</v>
      </c>
      <c r="L22364" s="5" t="s">
        <v>69038</v>
      </c>
      <c r="M22364" s="2" t="s">
        <v>69039</v>
      </c>
      <c r="N22364" s="5" t="s">
        <v>1521</v>
      </c>
      <c r="O22364" s="5" t="s">
        <v>38</v>
      </c>
      <c r="P22364" s="5" t="s">
        <v>39</v>
      </c>
      <c r="Q22364" s="5" t="s">
        <v>40</v>
      </c>
      <c r="R22364" s="5" t="s">
        <v>1522</v>
      </c>
      <c r="S22364" s="5" t="s">
        <v>1523</v>
      </c>
      <c r="T22364" s="5" t="s">
        <v>42</v>
      </c>
      <c r="U22364" s="2">
        <v>0.91600000000000004</v>
      </c>
      <c r="V22364" s="2">
        <v>0.61099999999999999</v>
      </c>
      <c r="W22364" s="2">
        <v>7.0000000000000001E-3</v>
      </c>
      <c r="X22364" s="2">
        <v>86.5</v>
      </c>
      <c r="Y22364" s="2">
        <v>7.6</v>
      </c>
      <c r="Z22364" s="2">
        <v>10.6</v>
      </c>
      <c r="AA22364" s="5"/>
      <c r="AB22364" s="5" t="s">
        <v>43</v>
      </c>
      <c r="AC22364" s="5" t="s">
        <v>44</v>
      </c>
      <c r="AD22364" s="2"/>
      <c r="AE22364" s="1"/>
    </row>
    <row r="22365" spans="1:31" ht="14.45">
      <c r="A22365" s="11"/>
      <c r="B22365" s="20"/>
      <c r="C22365" s="2" t="s">
        <v>71966</v>
      </c>
      <c r="D22365" s="14" t="s">
        <v>71967</v>
      </c>
      <c r="E22365" s="2" t="s">
        <v>71968</v>
      </c>
      <c r="F22365" s="2" t="s">
        <v>71969</v>
      </c>
      <c r="G22365" s="8">
        <v>92</v>
      </c>
      <c r="H22365" s="5">
        <v>6</v>
      </c>
      <c r="I22365" s="5" t="s">
        <v>1518</v>
      </c>
      <c r="J22365" s="5" t="s">
        <v>69038</v>
      </c>
      <c r="K22365" s="2" t="s">
        <v>69039</v>
      </c>
      <c r="L22365" s="5" t="s">
        <v>69038</v>
      </c>
      <c r="M22365" s="2" t="s">
        <v>69039</v>
      </c>
      <c r="N22365" s="5" t="s">
        <v>1521</v>
      </c>
      <c r="O22365" s="5" t="s">
        <v>38</v>
      </c>
      <c r="P22365" s="5" t="s">
        <v>39</v>
      </c>
      <c r="Q22365" s="5" t="s">
        <v>40</v>
      </c>
      <c r="R22365" s="5" t="s">
        <v>1522</v>
      </c>
      <c r="S22365" s="5" t="s">
        <v>1523</v>
      </c>
      <c r="T22365" s="5" t="s">
        <v>42</v>
      </c>
      <c r="U22365" s="2">
        <v>0.96399999999999997</v>
      </c>
      <c r="V22365" s="2">
        <v>0.65900000000000003</v>
      </c>
      <c r="W22365" s="2">
        <v>7.0000000000000001E-3</v>
      </c>
      <c r="X22365" s="2">
        <v>86.5</v>
      </c>
      <c r="Y22365" s="2">
        <v>7.6</v>
      </c>
      <c r="Z22365" s="2">
        <v>10.6</v>
      </c>
      <c r="AA22365" s="5"/>
      <c r="AB22365" s="5" t="s">
        <v>43</v>
      </c>
      <c r="AC22365" s="5" t="s">
        <v>44</v>
      </c>
      <c r="AD22365" s="2"/>
      <c r="AE22365" s="1"/>
    </row>
    <row r="22366" spans="1:31" ht="14.45">
      <c r="A22366" s="11"/>
      <c r="B22366" s="20"/>
      <c r="C22366" s="2" t="s">
        <v>71970</v>
      </c>
      <c r="D22366" s="14" t="s">
        <v>71971</v>
      </c>
      <c r="E22366" s="2" t="s">
        <v>71972</v>
      </c>
      <c r="F22366" s="2" t="s">
        <v>71973</v>
      </c>
      <c r="G22366" s="8">
        <v>92</v>
      </c>
      <c r="H22366" s="5">
        <v>6</v>
      </c>
      <c r="I22366" s="5" t="s">
        <v>1518</v>
      </c>
      <c r="J22366" s="5" t="s">
        <v>69038</v>
      </c>
      <c r="K22366" s="2" t="s">
        <v>69039</v>
      </c>
      <c r="L22366" s="5" t="s">
        <v>69038</v>
      </c>
      <c r="M22366" s="2" t="s">
        <v>69039</v>
      </c>
      <c r="N22366" s="5" t="s">
        <v>1521</v>
      </c>
      <c r="O22366" s="5" t="s">
        <v>38</v>
      </c>
      <c r="P22366" s="5" t="s">
        <v>39</v>
      </c>
      <c r="Q22366" s="5" t="s">
        <v>40</v>
      </c>
      <c r="R22366" s="5" t="s">
        <v>1522</v>
      </c>
      <c r="S22366" s="5" t="s">
        <v>1523</v>
      </c>
      <c r="T22366" s="5" t="s">
        <v>42</v>
      </c>
      <c r="U22366" s="2">
        <v>0.91600000000000004</v>
      </c>
      <c r="V22366" s="2">
        <v>0.61099999999999999</v>
      </c>
      <c r="W22366" s="2">
        <v>7.0000000000000001E-3</v>
      </c>
      <c r="X22366" s="2">
        <v>86.5</v>
      </c>
      <c r="Y22366" s="2">
        <v>7.6</v>
      </c>
      <c r="Z22366" s="2">
        <v>10.6</v>
      </c>
      <c r="AA22366" s="5"/>
      <c r="AB22366" s="5" t="s">
        <v>43</v>
      </c>
      <c r="AC22366" s="5" t="s">
        <v>44</v>
      </c>
      <c r="AD22366" s="2"/>
      <c r="AE22366" s="1"/>
    </row>
    <row r="22367" spans="1:31" ht="14.45">
      <c r="A22367" s="11"/>
      <c r="B22367" s="20"/>
      <c r="C22367" s="2" t="s">
        <v>71974</v>
      </c>
      <c r="D22367" s="14" t="s">
        <v>71975</v>
      </c>
      <c r="E22367" s="2" t="s">
        <v>71976</v>
      </c>
      <c r="F22367" s="2" t="s">
        <v>71977</v>
      </c>
      <c r="G22367" s="8">
        <v>92</v>
      </c>
      <c r="H22367" s="5">
        <v>6</v>
      </c>
      <c r="I22367" s="5" t="s">
        <v>1518</v>
      </c>
      <c r="J22367" s="5" t="s">
        <v>69038</v>
      </c>
      <c r="K22367" s="2" t="s">
        <v>69039</v>
      </c>
      <c r="L22367" s="5" t="s">
        <v>69038</v>
      </c>
      <c r="M22367" s="2" t="s">
        <v>69039</v>
      </c>
      <c r="N22367" s="5" t="s">
        <v>1521</v>
      </c>
      <c r="O22367" s="5" t="s">
        <v>38</v>
      </c>
      <c r="P22367" s="5" t="s">
        <v>39</v>
      </c>
      <c r="Q22367" s="5" t="s">
        <v>40</v>
      </c>
      <c r="R22367" s="5" t="s">
        <v>1522</v>
      </c>
      <c r="S22367" s="5" t="s">
        <v>1523</v>
      </c>
      <c r="T22367" s="5" t="s">
        <v>42</v>
      </c>
      <c r="U22367" s="2">
        <v>0.96399999999999997</v>
      </c>
      <c r="V22367" s="2">
        <v>0.65900000000000003</v>
      </c>
      <c r="W22367" s="2">
        <v>7.0000000000000001E-3</v>
      </c>
      <c r="X22367" s="2">
        <v>86.5</v>
      </c>
      <c r="Y22367" s="2">
        <v>7.6</v>
      </c>
      <c r="Z22367" s="2">
        <v>10.6</v>
      </c>
      <c r="AA22367" s="5"/>
      <c r="AB22367" s="5" t="s">
        <v>43</v>
      </c>
      <c r="AC22367" s="5" t="s">
        <v>44</v>
      </c>
      <c r="AD22367" s="2"/>
      <c r="AE22367" s="1"/>
    </row>
    <row r="22368" spans="1:31" ht="14.45">
      <c r="A22368" s="11"/>
      <c r="B22368" s="20"/>
      <c r="C22368" s="2" t="s">
        <v>71978</v>
      </c>
      <c r="D22368" s="14" t="s">
        <v>71979</v>
      </c>
      <c r="E22368" s="2" t="s">
        <v>71980</v>
      </c>
      <c r="F22368" s="2" t="s">
        <v>71981</v>
      </c>
      <c r="G22368" s="8">
        <v>92</v>
      </c>
      <c r="H22368" s="5">
        <v>6</v>
      </c>
      <c r="I22368" s="5" t="s">
        <v>1518</v>
      </c>
      <c r="J22368" s="5" t="s">
        <v>69038</v>
      </c>
      <c r="K22368" s="2" t="s">
        <v>69039</v>
      </c>
      <c r="L22368" s="5" t="s">
        <v>69038</v>
      </c>
      <c r="M22368" s="2" t="s">
        <v>69039</v>
      </c>
      <c r="N22368" s="5" t="s">
        <v>1521</v>
      </c>
      <c r="O22368" s="5" t="s">
        <v>38</v>
      </c>
      <c r="P22368" s="5" t="s">
        <v>39</v>
      </c>
      <c r="Q22368" s="5" t="s">
        <v>40</v>
      </c>
      <c r="R22368" s="5" t="s">
        <v>1522</v>
      </c>
      <c r="S22368" s="5" t="s">
        <v>1523</v>
      </c>
      <c r="T22368" s="5" t="s">
        <v>42</v>
      </c>
      <c r="U22368" s="2">
        <v>0.91600000000000004</v>
      </c>
      <c r="V22368" s="2">
        <v>0.61099999999999999</v>
      </c>
      <c r="W22368" s="2">
        <v>7.0000000000000001E-3</v>
      </c>
      <c r="X22368" s="2">
        <v>86.5</v>
      </c>
      <c r="Y22368" s="2">
        <v>7.6</v>
      </c>
      <c r="Z22368" s="2">
        <v>10.6</v>
      </c>
      <c r="AA22368" s="5"/>
      <c r="AB22368" s="5" t="s">
        <v>43</v>
      </c>
      <c r="AC22368" s="5" t="s">
        <v>44</v>
      </c>
      <c r="AD22368" s="2"/>
      <c r="AE22368" s="1"/>
    </row>
    <row r="22369" spans="1:31" ht="14.45">
      <c r="A22369" s="11"/>
      <c r="B22369" s="20"/>
      <c r="C22369" s="2" t="s">
        <v>71982</v>
      </c>
      <c r="D22369" s="14" t="s">
        <v>71983</v>
      </c>
      <c r="E22369" s="2" t="s">
        <v>71984</v>
      </c>
      <c r="F22369" s="2" t="s">
        <v>71985</v>
      </c>
      <c r="G22369" s="8">
        <v>92</v>
      </c>
      <c r="H22369" s="5">
        <v>6</v>
      </c>
      <c r="I22369" s="5" t="s">
        <v>1518</v>
      </c>
      <c r="J22369" s="5" t="s">
        <v>69038</v>
      </c>
      <c r="K22369" s="2" t="s">
        <v>69039</v>
      </c>
      <c r="L22369" s="5" t="s">
        <v>69038</v>
      </c>
      <c r="M22369" s="2" t="s">
        <v>69039</v>
      </c>
      <c r="N22369" s="5" t="s">
        <v>1521</v>
      </c>
      <c r="O22369" s="5" t="s">
        <v>38</v>
      </c>
      <c r="P22369" s="5" t="s">
        <v>39</v>
      </c>
      <c r="Q22369" s="5" t="s">
        <v>40</v>
      </c>
      <c r="R22369" s="5" t="s">
        <v>1522</v>
      </c>
      <c r="S22369" s="5" t="s">
        <v>1523</v>
      </c>
      <c r="T22369" s="5" t="s">
        <v>42</v>
      </c>
      <c r="U22369" s="2">
        <v>0.96399999999999997</v>
      </c>
      <c r="V22369" s="2">
        <v>0.65900000000000003</v>
      </c>
      <c r="W22369" s="2">
        <v>7.0000000000000001E-3</v>
      </c>
      <c r="X22369" s="2">
        <v>86.5</v>
      </c>
      <c r="Y22369" s="2">
        <v>7.6</v>
      </c>
      <c r="Z22369" s="2">
        <v>10.6</v>
      </c>
      <c r="AA22369" s="5"/>
      <c r="AB22369" s="5" t="s">
        <v>43</v>
      </c>
      <c r="AC22369" s="5" t="s">
        <v>44</v>
      </c>
      <c r="AD22369" s="2"/>
      <c r="AE22369" s="1"/>
    </row>
    <row r="22370" spans="1:31" ht="14.45">
      <c r="A22370" s="11"/>
      <c r="B22370" s="20"/>
      <c r="C22370" s="2" t="s">
        <v>71986</v>
      </c>
      <c r="D22370" s="14" t="s">
        <v>71987</v>
      </c>
      <c r="E22370" s="2" t="s">
        <v>71988</v>
      </c>
      <c r="F22370" s="2" t="s">
        <v>71957</v>
      </c>
      <c r="G22370" s="8">
        <v>105</v>
      </c>
      <c r="H22370" s="5">
        <v>6</v>
      </c>
      <c r="I22370" s="5" t="s">
        <v>1518</v>
      </c>
      <c r="J22370" s="5" t="s">
        <v>69038</v>
      </c>
      <c r="K22370" s="2" t="s">
        <v>69039</v>
      </c>
      <c r="L22370" s="5" t="s">
        <v>69038</v>
      </c>
      <c r="M22370" s="2" t="s">
        <v>69039</v>
      </c>
      <c r="N22370" s="5" t="s">
        <v>1521</v>
      </c>
      <c r="O22370" s="5" t="s">
        <v>38</v>
      </c>
      <c r="P22370" s="5" t="s">
        <v>39</v>
      </c>
      <c r="Q22370" s="5" t="s">
        <v>40</v>
      </c>
      <c r="R22370" s="5" t="s">
        <v>1522</v>
      </c>
      <c r="S22370" s="5" t="s">
        <v>1523</v>
      </c>
      <c r="T22370" s="5" t="s">
        <v>42</v>
      </c>
      <c r="U22370" s="2">
        <v>1.01</v>
      </c>
      <c r="V22370" s="2">
        <v>0.70499999999999996</v>
      </c>
      <c r="W22370" s="2">
        <v>7.0000000000000001E-3</v>
      </c>
      <c r="X22370" s="2">
        <v>86.5</v>
      </c>
      <c r="Y22370" s="2">
        <v>7.6</v>
      </c>
      <c r="Z22370" s="2">
        <v>10.6</v>
      </c>
      <c r="AA22370" s="5"/>
      <c r="AB22370" s="5" t="s">
        <v>43</v>
      </c>
      <c r="AC22370" s="5" t="s">
        <v>44</v>
      </c>
      <c r="AD22370" s="2"/>
      <c r="AE22370" s="1"/>
    </row>
    <row r="22371" spans="1:31" ht="14.45">
      <c r="A22371" s="11"/>
      <c r="B22371" s="20"/>
      <c r="C22371" s="2" t="s">
        <v>71989</v>
      </c>
      <c r="D22371" s="14" t="s">
        <v>71990</v>
      </c>
      <c r="E22371" s="2" t="s">
        <v>71991</v>
      </c>
      <c r="F22371" s="2" t="s">
        <v>71961</v>
      </c>
      <c r="G22371" s="8">
        <v>105</v>
      </c>
      <c r="H22371" s="5">
        <v>6</v>
      </c>
      <c r="I22371" s="5" t="s">
        <v>1518</v>
      </c>
      <c r="J22371" s="5" t="s">
        <v>69038</v>
      </c>
      <c r="K22371" s="2" t="s">
        <v>69039</v>
      </c>
      <c r="L22371" s="5" t="s">
        <v>69038</v>
      </c>
      <c r="M22371" s="2" t="s">
        <v>69039</v>
      </c>
      <c r="N22371" s="5" t="s">
        <v>1521</v>
      </c>
      <c r="O22371" s="5" t="s">
        <v>38</v>
      </c>
      <c r="P22371" s="5" t="s">
        <v>39</v>
      </c>
      <c r="Q22371" s="5" t="s">
        <v>40</v>
      </c>
      <c r="R22371" s="5" t="s">
        <v>1522</v>
      </c>
      <c r="S22371" s="5" t="s">
        <v>1523</v>
      </c>
      <c r="T22371" s="5" t="s">
        <v>42</v>
      </c>
      <c r="U22371" s="2">
        <v>1.0680000000000001</v>
      </c>
      <c r="V22371" s="2">
        <v>0.76300000000000001</v>
      </c>
      <c r="W22371" s="2">
        <v>7.0000000000000001E-3</v>
      </c>
      <c r="X22371" s="2">
        <v>86.5</v>
      </c>
      <c r="Y22371" s="2">
        <v>7.6</v>
      </c>
      <c r="Z22371" s="2">
        <v>10.6</v>
      </c>
      <c r="AA22371" s="5"/>
      <c r="AB22371" s="5" t="s">
        <v>43</v>
      </c>
      <c r="AC22371" s="5" t="s">
        <v>44</v>
      </c>
      <c r="AD22371" s="2"/>
      <c r="AE22371" s="1"/>
    </row>
    <row r="22372" spans="1:31" ht="14.45">
      <c r="A22372" s="11"/>
      <c r="B22372" s="20"/>
      <c r="C22372" s="2" t="s">
        <v>71992</v>
      </c>
      <c r="D22372" s="14" t="s">
        <v>71993</v>
      </c>
      <c r="E22372" s="2" t="s">
        <v>71994</v>
      </c>
      <c r="F22372" s="2" t="s">
        <v>71965</v>
      </c>
      <c r="G22372" s="8">
        <v>105</v>
      </c>
      <c r="H22372" s="5">
        <v>6</v>
      </c>
      <c r="I22372" s="5" t="s">
        <v>1518</v>
      </c>
      <c r="J22372" s="5" t="s">
        <v>69038</v>
      </c>
      <c r="K22372" s="2" t="s">
        <v>69039</v>
      </c>
      <c r="L22372" s="5" t="s">
        <v>69038</v>
      </c>
      <c r="M22372" s="2" t="s">
        <v>69039</v>
      </c>
      <c r="N22372" s="5" t="s">
        <v>1521</v>
      </c>
      <c r="O22372" s="5" t="s">
        <v>38</v>
      </c>
      <c r="P22372" s="5" t="s">
        <v>39</v>
      </c>
      <c r="Q22372" s="5" t="s">
        <v>40</v>
      </c>
      <c r="R22372" s="5" t="s">
        <v>1522</v>
      </c>
      <c r="S22372" s="5" t="s">
        <v>1523</v>
      </c>
      <c r="T22372" s="5" t="s">
        <v>42</v>
      </c>
      <c r="U22372" s="2">
        <v>1.01</v>
      </c>
      <c r="V22372" s="2">
        <v>0.70499999999999996</v>
      </c>
      <c r="W22372" s="2">
        <v>7.0000000000000001E-3</v>
      </c>
      <c r="X22372" s="2">
        <v>86.5</v>
      </c>
      <c r="Y22372" s="2">
        <v>7.6</v>
      </c>
      <c r="Z22372" s="2">
        <v>10.6</v>
      </c>
      <c r="AA22372" s="5"/>
      <c r="AB22372" s="5" t="s">
        <v>43</v>
      </c>
      <c r="AC22372" s="5" t="s">
        <v>44</v>
      </c>
      <c r="AD22372" s="2"/>
      <c r="AE22372" s="1"/>
    </row>
    <row r="22373" spans="1:31" ht="14.45">
      <c r="A22373" s="11"/>
      <c r="B22373" s="20"/>
      <c r="C22373" s="2" t="s">
        <v>71995</v>
      </c>
      <c r="D22373" s="14" t="s">
        <v>71996</v>
      </c>
      <c r="E22373" s="2" t="s">
        <v>71997</v>
      </c>
      <c r="F22373" s="2" t="s">
        <v>71969</v>
      </c>
      <c r="G22373" s="8">
        <v>105</v>
      </c>
      <c r="H22373" s="5">
        <v>6</v>
      </c>
      <c r="I22373" s="5" t="s">
        <v>1518</v>
      </c>
      <c r="J22373" s="5" t="s">
        <v>69038</v>
      </c>
      <c r="K22373" s="2" t="s">
        <v>69039</v>
      </c>
      <c r="L22373" s="5" t="s">
        <v>69038</v>
      </c>
      <c r="M22373" s="2" t="s">
        <v>69039</v>
      </c>
      <c r="N22373" s="5" t="s">
        <v>1521</v>
      </c>
      <c r="O22373" s="5" t="s">
        <v>38</v>
      </c>
      <c r="P22373" s="5" t="s">
        <v>39</v>
      </c>
      <c r="Q22373" s="5" t="s">
        <v>40</v>
      </c>
      <c r="R22373" s="5" t="s">
        <v>1522</v>
      </c>
      <c r="S22373" s="5" t="s">
        <v>1523</v>
      </c>
      <c r="T22373" s="5" t="s">
        <v>42</v>
      </c>
      <c r="U22373" s="2">
        <v>1.0680000000000001</v>
      </c>
      <c r="V22373" s="2">
        <v>0.76300000000000001</v>
      </c>
      <c r="W22373" s="2">
        <v>7.0000000000000001E-3</v>
      </c>
      <c r="X22373" s="2">
        <v>86.5</v>
      </c>
      <c r="Y22373" s="2">
        <v>7.6</v>
      </c>
      <c r="Z22373" s="2">
        <v>10.6</v>
      </c>
      <c r="AA22373" s="5"/>
      <c r="AB22373" s="5" t="s">
        <v>43</v>
      </c>
      <c r="AC22373" s="5" t="s">
        <v>44</v>
      </c>
      <c r="AD22373" s="2"/>
      <c r="AE22373" s="1"/>
    </row>
    <row r="22374" spans="1:31" ht="14.45">
      <c r="A22374" s="11"/>
      <c r="B22374" s="20"/>
      <c r="C22374" s="2" t="s">
        <v>71998</v>
      </c>
      <c r="D22374" s="14" t="s">
        <v>71999</v>
      </c>
      <c r="E22374" s="2" t="s">
        <v>72000</v>
      </c>
      <c r="F22374" s="2" t="s">
        <v>71973</v>
      </c>
      <c r="G22374" s="8">
        <v>105</v>
      </c>
      <c r="H22374" s="5">
        <v>6</v>
      </c>
      <c r="I22374" s="5" t="s">
        <v>1518</v>
      </c>
      <c r="J22374" s="5" t="s">
        <v>69038</v>
      </c>
      <c r="K22374" s="2" t="s">
        <v>69039</v>
      </c>
      <c r="L22374" s="5" t="s">
        <v>69038</v>
      </c>
      <c r="M22374" s="2" t="s">
        <v>69039</v>
      </c>
      <c r="N22374" s="5" t="s">
        <v>1521</v>
      </c>
      <c r="O22374" s="5" t="s">
        <v>38</v>
      </c>
      <c r="P22374" s="5" t="s">
        <v>39</v>
      </c>
      <c r="Q22374" s="5" t="s">
        <v>40</v>
      </c>
      <c r="R22374" s="5" t="s">
        <v>1522</v>
      </c>
      <c r="S22374" s="5" t="s">
        <v>1523</v>
      </c>
      <c r="T22374" s="5" t="s">
        <v>42</v>
      </c>
      <c r="U22374" s="2">
        <v>1.01</v>
      </c>
      <c r="V22374" s="2">
        <v>0.70499999999999996</v>
      </c>
      <c r="W22374" s="2">
        <v>7.0000000000000001E-3</v>
      </c>
      <c r="X22374" s="2">
        <v>86.5</v>
      </c>
      <c r="Y22374" s="2">
        <v>7.6</v>
      </c>
      <c r="Z22374" s="2">
        <v>10.6</v>
      </c>
      <c r="AA22374" s="5"/>
      <c r="AB22374" s="5" t="s">
        <v>43</v>
      </c>
      <c r="AC22374" s="5" t="s">
        <v>44</v>
      </c>
      <c r="AD22374" s="2"/>
      <c r="AE22374" s="1"/>
    </row>
    <row r="22375" spans="1:31" ht="14.45">
      <c r="A22375" s="11"/>
      <c r="B22375" s="20"/>
      <c r="C22375" s="2" t="s">
        <v>72001</v>
      </c>
      <c r="D22375" s="14" t="s">
        <v>72002</v>
      </c>
      <c r="E22375" s="2" t="s">
        <v>72003</v>
      </c>
      <c r="F22375" s="2" t="s">
        <v>71977</v>
      </c>
      <c r="G22375" s="8">
        <v>105</v>
      </c>
      <c r="H22375" s="5">
        <v>6</v>
      </c>
      <c r="I22375" s="5" t="s">
        <v>1518</v>
      </c>
      <c r="J22375" s="5" t="s">
        <v>69038</v>
      </c>
      <c r="K22375" s="2" t="s">
        <v>69039</v>
      </c>
      <c r="L22375" s="5" t="s">
        <v>69038</v>
      </c>
      <c r="M22375" s="2" t="s">
        <v>69039</v>
      </c>
      <c r="N22375" s="5" t="s">
        <v>1521</v>
      </c>
      <c r="O22375" s="5" t="s">
        <v>38</v>
      </c>
      <c r="P22375" s="5" t="s">
        <v>39</v>
      </c>
      <c r="Q22375" s="5" t="s">
        <v>40</v>
      </c>
      <c r="R22375" s="5" t="s">
        <v>1522</v>
      </c>
      <c r="S22375" s="5" t="s">
        <v>1523</v>
      </c>
      <c r="T22375" s="5" t="s">
        <v>42</v>
      </c>
      <c r="U22375" s="2">
        <v>1.0680000000000001</v>
      </c>
      <c r="V22375" s="2">
        <v>0.76300000000000001</v>
      </c>
      <c r="W22375" s="2">
        <v>7.0000000000000001E-3</v>
      </c>
      <c r="X22375" s="2">
        <v>86.5</v>
      </c>
      <c r="Y22375" s="2">
        <v>7.6</v>
      </c>
      <c r="Z22375" s="2">
        <v>10.6</v>
      </c>
      <c r="AA22375" s="5"/>
      <c r="AB22375" s="5" t="s">
        <v>43</v>
      </c>
      <c r="AC22375" s="5" t="s">
        <v>44</v>
      </c>
      <c r="AD22375" s="2"/>
      <c r="AE22375" s="1"/>
    </row>
    <row r="22376" spans="1:31" ht="14.45">
      <c r="A22376" s="11"/>
      <c r="B22376" s="20"/>
      <c r="C22376" s="2" t="s">
        <v>72004</v>
      </c>
      <c r="D22376" s="14" t="s">
        <v>72005</v>
      </c>
      <c r="E22376" s="2" t="s">
        <v>72006</v>
      </c>
      <c r="F22376" s="2" t="s">
        <v>71981</v>
      </c>
      <c r="G22376" s="8">
        <v>105</v>
      </c>
      <c r="H22376" s="5">
        <v>6</v>
      </c>
      <c r="I22376" s="5" t="s">
        <v>1518</v>
      </c>
      <c r="J22376" s="5" t="s">
        <v>69038</v>
      </c>
      <c r="K22376" s="2" t="s">
        <v>69039</v>
      </c>
      <c r="L22376" s="5" t="s">
        <v>69038</v>
      </c>
      <c r="M22376" s="2" t="s">
        <v>69039</v>
      </c>
      <c r="N22376" s="5" t="s">
        <v>1521</v>
      </c>
      <c r="O22376" s="5" t="s">
        <v>38</v>
      </c>
      <c r="P22376" s="5" t="s">
        <v>39</v>
      </c>
      <c r="Q22376" s="5" t="s">
        <v>40</v>
      </c>
      <c r="R22376" s="5" t="s">
        <v>1522</v>
      </c>
      <c r="S22376" s="5" t="s">
        <v>1523</v>
      </c>
      <c r="T22376" s="5" t="s">
        <v>42</v>
      </c>
      <c r="U22376" s="2">
        <v>1.01</v>
      </c>
      <c r="V22376" s="2">
        <v>0.70499999999999996</v>
      </c>
      <c r="W22376" s="2">
        <v>7.0000000000000001E-3</v>
      </c>
      <c r="X22376" s="2">
        <v>86.5</v>
      </c>
      <c r="Y22376" s="2">
        <v>7.6</v>
      </c>
      <c r="Z22376" s="2">
        <v>10.6</v>
      </c>
      <c r="AA22376" s="5"/>
      <c r="AB22376" s="5" t="s">
        <v>43</v>
      </c>
      <c r="AC22376" s="5" t="s">
        <v>44</v>
      </c>
      <c r="AD22376" s="2"/>
      <c r="AE22376" s="1"/>
    </row>
    <row r="22377" spans="1:31" ht="14.45">
      <c r="A22377" s="11"/>
      <c r="B22377" s="20"/>
      <c r="C22377" s="2" t="s">
        <v>72007</v>
      </c>
      <c r="D22377" s="14" t="s">
        <v>72008</v>
      </c>
      <c r="E22377" s="2" t="s">
        <v>72009</v>
      </c>
      <c r="F22377" s="2" t="s">
        <v>71985</v>
      </c>
      <c r="G22377" s="8">
        <v>105</v>
      </c>
      <c r="H22377" s="5">
        <v>6</v>
      </c>
      <c r="I22377" s="5" t="s">
        <v>1518</v>
      </c>
      <c r="J22377" s="5" t="s">
        <v>69038</v>
      </c>
      <c r="K22377" s="2" t="s">
        <v>69039</v>
      </c>
      <c r="L22377" s="5" t="s">
        <v>69038</v>
      </c>
      <c r="M22377" s="2" t="s">
        <v>69039</v>
      </c>
      <c r="N22377" s="5" t="s">
        <v>1521</v>
      </c>
      <c r="O22377" s="5" t="s">
        <v>38</v>
      </c>
      <c r="P22377" s="5" t="s">
        <v>39</v>
      </c>
      <c r="Q22377" s="5" t="s">
        <v>40</v>
      </c>
      <c r="R22377" s="5" t="s">
        <v>1522</v>
      </c>
      <c r="S22377" s="5" t="s">
        <v>1523</v>
      </c>
      <c r="T22377" s="5" t="s">
        <v>42</v>
      </c>
      <c r="U22377" s="2">
        <v>1.0680000000000001</v>
      </c>
      <c r="V22377" s="2">
        <v>0.76300000000000001</v>
      </c>
      <c r="W22377" s="2">
        <v>7.0000000000000001E-3</v>
      </c>
      <c r="X22377" s="2">
        <v>86.5</v>
      </c>
      <c r="Y22377" s="2">
        <v>7.6</v>
      </c>
      <c r="Z22377" s="2">
        <v>10.6</v>
      </c>
      <c r="AA22377" s="5"/>
      <c r="AB22377" s="5" t="s">
        <v>43</v>
      </c>
      <c r="AC22377" s="5" t="s">
        <v>44</v>
      </c>
      <c r="AD22377" s="2"/>
      <c r="AE22377" s="1"/>
    </row>
    <row r="22378" spans="1:31" ht="14.45">
      <c r="A22378" s="11"/>
      <c r="B22378" s="20"/>
      <c r="C22378" s="2" t="s">
        <v>72010</v>
      </c>
      <c r="D22378" s="14" t="s">
        <v>72011</v>
      </c>
      <c r="E22378" s="2" t="s">
        <v>72012</v>
      </c>
      <c r="F22378" s="2" t="s">
        <v>71957</v>
      </c>
      <c r="G22378" s="8">
        <v>117</v>
      </c>
      <c r="H22378" s="5">
        <v>6</v>
      </c>
      <c r="I22378" s="5" t="s">
        <v>1518</v>
      </c>
      <c r="J22378" s="5" t="s">
        <v>69038</v>
      </c>
      <c r="K22378" s="2" t="s">
        <v>69039</v>
      </c>
      <c r="L22378" s="5" t="s">
        <v>69038</v>
      </c>
      <c r="M22378" s="2" t="s">
        <v>69039</v>
      </c>
      <c r="N22378" s="5" t="s">
        <v>1521</v>
      </c>
      <c r="O22378" s="5" t="s">
        <v>38</v>
      </c>
      <c r="P22378" s="5" t="s">
        <v>39</v>
      </c>
      <c r="Q22378" s="5" t="s">
        <v>40</v>
      </c>
      <c r="R22378" s="5" t="s">
        <v>1522</v>
      </c>
      <c r="S22378" s="5" t="s">
        <v>1523</v>
      </c>
      <c r="T22378" s="5" t="s">
        <v>42</v>
      </c>
      <c r="U22378" s="2">
        <v>1.165</v>
      </c>
      <c r="V22378" s="2">
        <v>0.79800000000000004</v>
      </c>
      <c r="W22378" s="2">
        <v>8.9999999999999993E-3</v>
      </c>
      <c r="X22378" s="2">
        <v>106.5</v>
      </c>
      <c r="Y22378" s="2">
        <v>7.6</v>
      </c>
      <c r="Z22378" s="2">
        <v>10.6</v>
      </c>
      <c r="AA22378" s="5"/>
      <c r="AB22378" s="5" t="s">
        <v>43</v>
      </c>
      <c r="AC22378" s="5" t="s">
        <v>44</v>
      </c>
      <c r="AD22378" s="2"/>
      <c r="AE22378" s="1"/>
    </row>
    <row r="22379" spans="1:31" ht="14.45">
      <c r="A22379" s="11"/>
      <c r="B22379" s="20"/>
      <c r="C22379" s="2" t="s">
        <v>72013</v>
      </c>
      <c r="D22379" s="14" t="s">
        <v>72014</v>
      </c>
      <c r="E22379" s="2" t="s">
        <v>72015</v>
      </c>
      <c r="F22379" s="2" t="s">
        <v>71961</v>
      </c>
      <c r="G22379" s="8">
        <v>117</v>
      </c>
      <c r="H22379" s="5">
        <v>6</v>
      </c>
      <c r="I22379" s="5" t="s">
        <v>1518</v>
      </c>
      <c r="J22379" s="5" t="s">
        <v>69038</v>
      </c>
      <c r="K22379" s="2" t="s">
        <v>69039</v>
      </c>
      <c r="L22379" s="5" t="s">
        <v>69038</v>
      </c>
      <c r="M22379" s="2" t="s">
        <v>69039</v>
      </c>
      <c r="N22379" s="5" t="s">
        <v>1521</v>
      </c>
      <c r="O22379" s="5" t="s">
        <v>38</v>
      </c>
      <c r="P22379" s="5" t="s">
        <v>39</v>
      </c>
      <c r="Q22379" s="5" t="s">
        <v>40</v>
      </c>
      <c r="R22379" s="5" t="s">
        <v>1522</v>
      </c>
      <c r="S22379" s="5" t="s">
        <v>1523</v>
      </c>
      <c r="T22379" s="5" t="s">
        <v>42</v>
      </c>
      <c r="U22379" s="2">
        <v>1.2330000000000001</v>
      </c>
      <c r="V22379" s="2">
        <v>0.86599999999999999</v>
      </c>
      <c r="W22379" s="2">
        <v>8.9999999999999993E-3</v>
      </c>
      <c r="X22379" s="2">
        <v>106.5</v>
      </c>
      <c r="Y22379" s="2">
        <v>7.6</v>
      </c>
      <c r="Z22379" s="2">
        <v>10.6</v>
      </c>
      <c r="AA22379" s="5"/>
      <c r="AB22379" s="5" t="s">
        <v>43</v>
      </c>
      <c r="AC22379" s="5" t="s">
        <v>44</v>
      </c>
      <c r="AD22379" s="2"/>
      <c r="AE22379" s="1"/>
    </row>
    <row r="22380" spans="1:31" ht="14.45">
      <c r="A22380" s="11"/>
      <c r="B22380" s="20"/>
      <c r="C22380" s="2" t="s">
        <v>72016</v>
      </c>
      <c r="D22380" s="14" t="s">
        <v>72017</v>
      </c>
      <c r="E22380" s="2" t="s">
        <v>72018</v>
      </c>
      <c r="F22380" s="2" t="s">
        <v>71965</v>
      </c>
      <c r="G22380" s="8">
        <v>117</v>
      </c>
      <c r="H22380" s="5">
        <v>6</v>
      </c>
      <c r="I22380" s="5" t="s">
        <v>1518</v>
      </c>
      <c r="J22380" s="5" t="s">
        <v>69038</v>
      </c>
      <c r="K22380" s="2" t="s">
        <v>69039</v>
      </c>
      <c r="L22380" s="5" t="s">
        <v>69038</v>
      </c>
      <c r="M22380" s="2" t="s">
        <v>69039</v>
      </c>
      <c r="N22380" s="5" t="s">
        <v>1521</v>
      </c>
      <c r="O22380" s="5" t="s">
        <v>38</v>
      </c>
      <c r="P22380" s="5" t="s">
        <v>39</v>
      </c>
      <c r="Q22380" s="5" t="s">
        <v>40</v>
      </c>
      <c r="R22380" s="5" t="s">
        <v>1522</v>
      </c>
      <c r="S22380" s="5" t="s">
        <v>1523</v>
      </c>
      <c r="T22380" s="5" t="s">
        <v>42</v>
      </c>
      <c r="U22380" s="2">
        <v>1.165</v>
      </c>
      <c r="V22380" s="2">
        <v>0.79800000000000004</v>
      </c>
      <c r="W22380" s="2">
        <v>8.9999999999999993E-3</v>
      </c>
      <c r="X22380" s="2">
        <v>106.5</v>
      </c>
      <c r="Y22380" s="2">
        <v>7.6</v>
      </c>
      <c r="Z22380" s="2">
        <v>10.6</v>
      </c>
      <c r="AA22380" s="5"/>
      <c r="AB22380" s="5" t="s">
        <v>43</v>
      </c>
      <c r="AC22380" s="5" t="s">
        <v>44</v>
      </c>
      <c r="AD22380" s="2"/>
      <c r="AE22380" s="1"/>
    </row>
    <row r="22381" spans="1:31" ht="14.45">
      <c r="A22381" s="11"/>
      <c r="B22381" s="20"/>
      <c r="C22381" s="2" t="s">
        <v>72019</v>
      </c>
      <c r="D22381" s="14" t="s">
        <v>72020</v>
      </c>
      <c r="E22381" s="2" t="s">
        <v>72021</v>
      </c>
      <c r="F22381" s="2" t="s">
        <v>71969</v>
      </c>
      <c r="G22381" s="8">
        <v>117</v>
      </c>
      <c r="H22381" s="5">
        <v>6</v>
      </c>
      <c r="I22381" s="5" t="s">
        <v>1518</v>
      </c>
      <c r="J22381" s="5" t="s">
        <v>69038</v>
      </c>
      <c r="K22381" s="2" t="s">
        <v>69039</v>
      </c>
      <c r="L22381" s="5" t="s">
        <v>69038</v>
      </c>
      <c r="M22381" s="2" t="s">
        <v>69039</v>
      </c>
      <c r="N22381" s="5" t="s">
        <v>1521</v>
      </c>
      <c r="O22381" s="5" t="s">
        <v>38</v>
      </c>
      <c r="P22381" s="5" t="s">
        <v>39</v>
      </c>
      <c r="Q22381" s="5" t="s">
        <v>40</v>
      </c>
      <c r="R22381" s="5" t="s">
        <v>1522</v>
      </c>
      <c r="S22381" s="5" t="s">
        <v>1523</v>
      </c>
      <c r="T22381" s="5" t="s">
        <v>42</v>
      </c>
      <c r="U22381" s="2">
        <v>1.2330000000000001</v>
      </c>
      <c r="V22381" s="2">
        <v>0.86599999999999999</v>
      </c>
      <c r="W22381" s="2">
        <v>8.9999999999999993E-3</v>
      </c>
      <c r="X22381" s="2">
        <v>106.5</v>
      </c>
      <c r="Y22381" s="2">
        <v>7.6</v>
      </c>
      <c r="Z22381" s="2">
        <v>10.6</v>
      </c>
      <c r="AA22381" s="5"/>
      <c r="AB22381" s="5" t="s">
        <v>43</v>
      </c>
      <c r="AC22381" s="5" t="s">
        <v>44</v>
      </c>
      <c r="AD22381" s="2"/>
      <c r="AE22381" s="1"/>
    </row>
    <row r="22382" spans="1:31" ht="14.45">
      <c r="A22382" s="11"/>
      <c r="B22382" s="20"/>
      <c r="C22382" s="2" t="s">
        <v>72022</v>
      </c>
      <c r="D22382" s="14" t="s">
        <v>72023</v>
      </c>
      <c r="E22382" s="2" t="s">
        <v>72024</v>
      </c>
      <c r="F22382" s="2" t="s">
        <v>71973</v>
      </c>
      <c r="G22382" s="8">
        <v>117</v>
      </c>
      <c r="H22382" s="5">
        <v>6</v>
      </c>
      <c r="I22382" s="5" t="s">
        <v>1518</v>
      </c>
      <c r="J22382" s="5" t="s">
        <v>69038</v>
      </c>
      <c r="K22382" s="2" t="s">
        <v>69039</v>
      </c>
      <c r="L22382" s="5" t="s">
        <v>69038</v>
      </c>
      <c r="M22382" s="2" t="s">
        <v>69039</v>
      </c>
      <c r="N22382" s="5" t="s">
        <v>1521</v>
      </c>
      <c r="O22382" s="5" t="s">
        <v>38</v>
      </c>
      <c r="P22382" s="5" t="s">
        <v>39</v>
      </c>
      <c r="Q22382" s="5" t="s">
        <v>40</v>
      </c>
      <c r="R22382" s="5" t="s">
        <v>1522</v>
      </c>
      <c r="S22382" s="5" t="s">
        <v>1523</v>
      </c>
      <c r="T22382" s="5" t="s">
        <v>42</v>
      </c>
      <c r="U22382" s="2">
        <v>1.165</v>
      </c>
      <c r="V22382" s="2">
        <v>0.79800000000000004</v>
      </c>
      <c r="W22382" s="2">
        <v>8.9999999999999993E-3</v>
      </c>
      <c r="X22382" s="2">
        <v>106.5</v>
      </c>
      <c r="Y22382" s="2">
        <v>7.6</v>
      </c>
      <c r="Z22382" s="2">
        <v>10.6</v>
      </c>
      <c r="AA22382" s="5"/>
      <c r="AB22382" s="5" t="s">
        <v>43</v>
      </c>
      <c r="AC22382" s="5" t="s">
        <v>44</v>
      </c>
      <c r="AD22382" s="2"/>
      <c r="AE22382" s="1"/>
    </row>
    <row r="22383" spans="1:31" ht="14.45">
      <c r="A22383" s="11"/>
      <c r="B22383" s="20"/>
      <c r="C22383" s="2" t="s">
        <v>72025</v>
      </c>
      <c r="D22383" s="14" t="s">
        <v>72026</v>
      </c>
      <c r="E22383" s="2" t="s">
        <v>72027</v>
      </c>
      <c r="F22383" s="2" t="s">
        <v>71977</v>
      </c>
      <c r="G22383" s="8">
        <v>117</v>
      </c>
      <c r="H22383" s="5">
        <v>6</v>
      </c>
      <c r="I22383" s="5" t="s">
        <v>1518</v>
      </c>
      <c r="J22383" s="5" t="s">
        <v>69038</v>
      </c>
      <c r="K22383" s="2" t="s">
        <v>69039</v>
      </c>
      <c r="L22383" s="5" t="s">
        <v>69038</v>
      </c>
      <c r="M22383" s="2" t="s">
        <v>69039</v>
      </c>
      <c r="N22383" s="5" t="s">
        <v>1521</v>
      </c>
      <c r="O22383" s="5" t="s">
        <v>38</v>
      </c>
      <c r="P22383" s="5" t="s">
        <v>39</v>
      </c>
      <c r="Q22383" s="5" t="s">
        <v>40</v>
      </c>
      <c r="R22383" s="5" t="s">
        <v>1522</v>
      </c>
      <c r="S22383" s="5" t="s">
        <v>1523</v>
      </c>
      <c r="T22383" s="5" t="s">
        <v>42</v>
      </c>
      <c r="U22383" s="2">
        <v>1.2330000000000001</v>
      </c>
      <c r="V22383" s="2">
        <v>0.86599999999999999</v>
      </c>
      <c r="W22383" s="2">
        <v>8.9999999999999993E-3</v>
      </c>
      <c r="X22383" s="2">
        <v>106.5</v>
      </c>
      <c r="Y22383" s="2">
        <v>7.6</v>
      </c>
      <c r="Z22383" s="2">
        <v>10.6</v>
      </c>
      <c r="AA22383" s="5"/>
      <c r="AB22383" s="5" t="s">
        <v>43</v>
      </c>
      <c r="AC22383" s="5" t="s">
        <v>44</v>
      </c>
      <c r="AD22383" s="2"/>
      <c r="AE22383" s="1"/>
    </row>
    <row r="22384" spans="1:31" ht="14.45">
      <c r="A22384" s="11"/>
      <c r="B22384" s="20"/>
      <c r="C22384" s="2" t="s">
        <v>72028</v>
      </c>
      <c r="D22384" s="14" t="s">
        <v>72029</v>
      </c>
      <c r="E22384" s="2" t="s">
        <v>72030</v>
      </c>
      <c r="F22384" s="2" t="s">
        <v>71981</v>
      </c>
      <c r="G22384" s="8">
        <v>117</v>
      </c>
      <c r="H22384" s="5">
        <v>6</v>
      </c>
      <c r="I22384" s="5" t="s">
        <v>1518</v>
      </c>
      <c r="J22384" s="5" t="s">
        <v>69038</v>
      </c>
      <c r="K22384" s="2" t="s">
        <v>69039</v>
      </c>
      <c r="L22384" s="5" t="s">
        <v>69038</v>
      </c>
      <c r="M22384" s="2" t="s">
        <v>69039</v>
      </c>
      <c r="N22384" s="5" t="s">
        <v>1521</v>
      </c>
      <c r="O22384" s="5" t="s">
        <v>38</v>
      </c>
      <c r="P22384" s="5" t="s">
        <v>39</v>
      </c>
      <c r="Q22384" s="5" t="s">
        <v>40</v>
      </c>
      <c r="R22384" s="5" t="s">
        <v>1522</v>
      </c>
      <c r="S22384" s="5" t="s">
        <v>1523</v>
      </c>
      <c r="T22384" s="5" t="s">
        <v>42</v>
      </c>
      <c r="U22384" s="2">
        <v>1.165</v>
      </c>
      <c r="V22384" s="2">
        <v>0.79800000000000004</v>
      </c>
      <c r="W22384" s="2">
        <v>8.9999999999999993E-3</v>
      </c>
      <c r="X22384" s="2">
        <v>106.5</v>
      </c>
      <c r="Y22384" s="2">
        <v>7.6</v>
      </c>
      <c r="Z22384" s="2">
        <v>10.6</v>
      </c>
      <c r="AA22384" s="5"/>
      <c r="AB22384" s="5" t="s">
        <v>43</v>
      </c>
      <c r="AC22384" s="5" t="s">
        <v>44</v>
      </c>
      <c r="AD22384" s="2"/>
      <c r="AE22384" s="1"/>
    </row>
    <row r="22385" spans="1:31" ht="14.45">
      <c r="A22385" s="11"/>
      <c r="B22385" s="20"/>
      <c r="C22385" s="2" t="s">
        <v>72031</v>
      </c>
      <c r="D22385" s="14" t="s">
        <v>72032</v>
      </c>
      <c r="E22385" s="2" t="s">
        <v>72033</v>
      </c>
      <c r="F22385" s="2" t="s">
        <v>71985</v>
      </c>
      <c r="G22385" s="8">
        <v>117</v>
      </c>
      <c r="H22385" s="5">
        <v>6</v>
      </c>
      <c r="I22385" s="5" t="s">
        <v>1518</v>
      </c>
      <c r="J22385" s="5" t="s">
        <v>69038</v>
      </c>
      <c r="K22385" s="2" t="s">
        <v>69039</v>
      </c>
      <c r="L22385" s="5" t="s">
        <v>69038</v>
      </c>
      <c r="M22385" s="2" t="s">
        <v>69039</v>
      </c>
      <c r="N22385" s="5" t="s">
        <v>1521</v>
      </c>
      <c r="O22385" s="5" t="s">
        <v>38</v>
      </c>
      <c r="P22385" s="5" t="s">
        <v>39</v>
      </c>
      <c r="Q22385" s="5" t="s">
        <v>40</v>
      </c>
      <c r="R22385" s="5" t="s">
        <v>1522</v>
      </c>
      <c r="S22385" s="5" t="s">
        <v>1523</v>
      </c>
      <c r="T22385" s="5" t="s">
        <v>42</v>
      </c>
      <c r="U22385" s="2">
        <v>1.2330000000000001</v>
      </c>
      <c r="V22385" s="2">
        <v>0.86599999999999999</v>
      </c>
      <c r="W22385" s="2">
        <v>8.9999999999999993E-3</v>
      </c>
      <c r="X22385" s="2">
        <v>106.5</v>
      </c>
      <c r="Y22385" s="2">
        <v>7.6</v>
      </c>
      <c r="Z22385" s="2">
        <v>10.6</v>
      </c>
      <c r="AA22385" s="5"/>
      <c r="AB22385" s="5" t="s">
        <v>43</v>
      </c>
      <c r="AC22385" s="5" t="s">
        <v>44</v>
      </c>
      <c r="AD22385" s="2"/>
      <c r="AE22385" s="1"/>
    </row>
    <row r="22386" spans="1:31" ht="14.45">
      <c r="A22386" s="11"/>
      <c r="B22386" s="20"/>
      <c r="C22386" s="2" t="s">
        <v>72034</v>
      </c>
      <c r="D22386" s="14" t="s">
        <v>72035</v>
      </c>
      <c r="E22386" s="2" t="s">
        <v>72036</v>
      </c>
      <c r="F22386" s="2" t="s">
        <v>71957</v>
      </c>
      <c r="G22386" s="8">
        <v>92</v>
      </c>
      <c r="H22386" s="5">
        <v>6</v>
      </c>
      <c r="I22386" s="5" t="s">
        <v>1518</v>
      </c>
      <c r="J22386" s="5" t="s">
        <v>69038</v>
      </c>
      <c r="K22386" s="2" t="s">
        <v>69039</v>
      </c>
      <c r="L22386" s="5" t="s">
        <v>69038</v>
      </c>
      <c r="M22386" s="2" t="s">
        <v>69039</v>
      </c>
      <c r="N22386" s="5" t="s">
        <v>1521</v>
      </c>
      <c r="O22386" s="5" t="s">
        <v>38</v>
      </c>
      <c r="P22386" s="5" t="s">
        <v>39</v>
      </c>
      <c r="Q22386" s="5" t="s">
        <v>40</v>
      </c>
      <c r="R22386" s="5" t="s">
        <v>1522</v>
      </c>
      <c r="S22386" s="5" t="s">
        <v>1523</v>
      </c>
      <c r="T22386" s="5" t="s">
        <v>42</v>
      </c>
      <c r="U22386" s="2">
        <v>0.94099999999999995</v>
      </c>
      <c r="V22386" s="2">
        <v>0.63600000000000001</v>
      </c>
      <c r="W22386" s="2">
        <v>7.0000000000000001E-3</v>
      </c>
      <c r="X22386" s="2">
        <v>86.5</v>
      </c>
      <c r="Y22386" s="2">
        <v>7.6</v>
      </c>
      <c r="Z22386" s="2">
        <v>10.6</v>
      </c>
      <c r="AA22386" s="5"/>
      <c r="AB22386" s="5" t="s">
        <v>43</v>
      </c>
      <c r="AC22386" s="5" t="s">
        <v>44</v>
      </c>
      <c r="AD22386" s="2"/>
      <c r="AE22386" s="1"/>
    </row>
    <row r="22387" spans="1:31" ht="14.45">
      <c r="A22387" s="11"/>
      <c r="B22387" s="20"/>
      <c r="C22387" s="2" t="s">
        <v>72037</v>
      </c>
      <c r="D22387" s="14" t="s">
        <v>72038</v>
      </c>
      <c r="E22387" s="2" t="s">
        <v>72039</v>
      </c>
      <c r="F22387" s="2" t="s">
        <v>71961</v>
      </c>
      <c r="G22387" s="8">
        <v>92</v>
      </c>
      <c r="H22387" s="5">
        <v>6</v>
      </c>
      <c r="I22387" s="5" t="s">
        <v>1518</v>
      </c>
      <c r="J22387" s="5" t="s">
        <v>69038</v>
      </c>
      <c r="K22387" s="2" t="s">
        <v>69039</v>
      </c>
      <c r="L22387" s="5" t="s">
        <v>69038</v>
      </c>
      <c r="M22387" s="2" t="s">
        <v>69039</v>
      </c>
      <c r="N22387" s="5" t="s">
        <v>1521</v>
      </c>
      <c r="O22387" s="5" t="s">
        <v>38</v>
      </c>
      <c r="P22387" s="5" t="s">
        <v>39</v>
      </c>
      <c r="Q22387" s="5" t="s">
        <v>40</v>
      </c>
      <c r="R22387" s="5" t="s">
        <v>1522</v>
      </c>
      <c r="S22387" s="5" t="s">
        <v>1523</v>
      </c>
      <c r="T22387" s="5" t="s">
        <v>42</v>
      </c>
      <c r="U22387" s="2">
        <v>0.99199999999999999</v>
      </c>
      <c r="V22387" s="2">
        <v>0.68700000000000006</v>
      </c>
      <c r="W22387" s="2">
        <v>7.0000000000000001E-3</v>
      </c>
      <c r="X22387" s="2">
        <v>86.5</v>
      </c>
      <c r="Y22387" s="2">
        <v>7.6</v>
      </c>
      <c r="Z22387" s="2">
        <v>10.6</v>
      </c>
      <c r="AA22387" s="5"/>
      <c r="AB22387" s="5" t="s">
        <v>43</v>
      </c>
      <c r="AC22387" s="5" t="s">
        <v>44</v>
      </c>
      <c r="AD22387" s="2"/>
      <c r="AE22387" s="1"/>
    </row>
    <row r="22388" spans="1:31" ht="14.45">
      <c r="A22388" s="11"/>
      <c r="B22388" s="20"/>
      <c r="C22388" s="2" t="s">
        <v>72040</v>
      </c>
      <c r="D22388" s="14" t="s">
        <v>72041</v>
      </c>
      <c r="E22388" s="2" t="s">
        <v>72042</v>
      </c>
      <c r="F22388" s="2" t="s">
        <v>71965</v>
      </c>
      <c r="G22388" s="8">
        <v>92</v>
      </c>
      <c r="H22388" s="5">
        <v>6</v>
      </c>
      <c r="I22388" s="5" t="s">
        <v>1518</v>
      </c>
      <c r="J22388" s="5" t="s">
        <v>69038</v>
      </c>
      <c r="K22388" s="2" t="s">
        <v>69039</v>
      </c>
      <c r="L22388" s="5" t="s">
        <v>69038</v>
      </c>
      <c r="M22388" s="2" t="s">
        <v>69039</v>
      </c>
      <c r="N22388" s="5" t="s">
        <v>1521</v>
      </c>
      <c r="O22388" s="5" t="s">
        <v>38</v>
      </c>
      <c r="P22388" s="5" t="s">
        <v>39</v>
      </c>
      <c r="Q22388" s="5" t="s">
        <v>40</v>
      </c>
      <c r="R22388" s="5" t="s">
        <v>1522</v>
      </c>
      <c r="S22388" s="5" t="s">
        <v>1523</v>
      </c>
      <c r="T22388" s="5" t="s">
        <v>42</v>
      </c>
      <c r="U22388" s="2">
        <v>0.94099999999999995</v>
      </c>
      <c r="V22388" s="2">
        <v>0.63600000000000001</v>
      </c>
      <c r="W22388" s="2">
        <v>7.0000000000000001E-3</v>
      </c>
      <c r="X22388" s="2">
        <v>86.5</v>
      </c>
      <c r="Y22388" s="2">
        <v>7.6</v>
      </c>
      <c r="Z22388" s="2">
        <v>10.6</v>
      </c>
      <c r="AA22388" s="5"/>
      <c r="AB22388" s="5" t="s">
        <v>43</v>
      </c>
      <c r="AC22388" s="5" t="s">
        <v>44</v>
      </c>
      <c r="AD22388" s="2"/>
      <c r="AE22388" s="1"/>
    </row>
    <row r="22389" spans="1:31" ht="14.45">
      <c r="A22389" s="11"/>
      <c r="B22389" s="20"/>
      <c r="C22389" s="2" t="s">
        <v>72043</v>
      </c>
      <c r="D22389" s="14" t="s">
        <v>72044</v>
      </c>
      <c r="E22389" s="2" t="s">
        <v>72045</v>
      </c>
      <c r="F22389" s="2" t="s">
        <v>71969</v>
      </c>
      <c r="G22389" s="8">
        <v>92</v>
      </c>
      <c r="H22389" s="5">
        <v>6</v>
      </c>
      <c r="I22389" s="5" t="s">
        <v>1518</v>
      </c>
      <c r="J22389" s="5" t="s">
        <v>69038</v>
      </c>
      <c r="K22389" s="2" t="s">
        <v>69039</v>
      </c>
      <c r="L22389" s="5" t="s">
        <v>69038</v>
      </c>
      <c r="M22389" s="2" t="s">
        <v>69039</v>
      </c>
      <c r="N22389" s="5" t="s">
        <v>1521</v>
      </c>
      <c r="O22389" s="5" t="s">
        <v>38</v>
      </c>
      <c r="P22389" s="5" t="s">
        <v>39</v>
      </c>
      <c r="Q22389" s="5" t="s">
        <v>40</v>
      </c>
      <c r="R22389" s="5" t="s">
        <v>1522</v>
      </c>
      <c r="S22389" s="5" t="s">
        <v>1523</v>
      </c>
      <c r="T22389" s="5" t="s">
        <v>42</v>
      </c>
      <c r="U22389" s="2">
        <v>0.99199999999999999</v>
      </c>
      <c r="V22389" s="2">
        <v>0.68700000000000006</v>
      </c>
      <c r="W22389" s="2">
        <v>7.0000000000000001E-3</v>
      </c>
      <c r="X22389" s="2">
        <v>86.5</v>
      </c>
      <c r="Y22389" s="2">
        <v>7.6</v>
      </c>
      <c r="Z22389" s="2">
        <v>10.6</v>
      </c>
      <c r="AA22389" s="5"/>
      <c r="AB22389" s="5" t="s">
        <v>43</v>
      </c>
      <c r="AC22389" s="5" t="s">
        <v>44</v>
      </c>
      <c r="AD22389" s="2"/>
      <c r="AE22389" s="1"/>
    </row>
    <row r="22390" spans="1:31" ht="14.45">
      <c r="A22390" s="11"/>
      <c r="B22390" s="20"/>
      <c r="C22390" s="2" t="s">
        <v>72046</v>
      </c>
      <c r="D22390" s="14" t="s">
        <v>72047</v>
      </c>
      <c r="E22390" s="2" t="s">
        <v>72048</v>
      </c>
      <c r="F22390" s="2" t="s">
        <v>71973</v>
      </c>
      <c r="G22390" s="8">
        <v>92</v>
      </c>
      <c r="H22390" s="5">
        <v>6</v>
      </c>
      <c r="I22390" s="5" t="s">
        <v>1518</v>
      </c>
      <c r="J22390" s="5" t="s">
        <v>69038</v>
      </c>
      <c r="K22390" s="2" t="s">
        <v>69039</v>
      </c>
      <c r="L22390" s="5" t="s">
        <v>69038</v>
      </c>
      <c r="M22390" s="2" t="s">
        <v>69039</v>
      </c>
      <c r="N22390" s="5" t="s">
        <v>1521</v>
      </c>
      <c r="O22390" s="5" t="s">
        <v>38</v>
      </c>
      <c r="P22390" s="5" t="s">
        <v>39</v>
      </c>
      <c r="Q22390" s="5" t="s">
        <v>40</v>
      </c>
      <c r="R22390" s="5" t="s">
        <v>1522</v>
      </c>
      <c r="S22390" s="5" t="s">
        <v>1523</v>
      </c>
      <c r="T22390" s="5" t="s">
        <v>42</v>
      </c>
      <c r="U22390" s="2">
        <v>0.94099999999999995</v>
      </c>
      <c r="V22390" s="2">
        <v>0.63600000000000001</v>
      </c>
      <c r="W22390" s="2">
        <v>7.0000000000000001E-3</v>
      </c>
      <c r="X22390" s="2">
        <v>86.5</v>
      </c>
      <c r="Y22390" s="2">
        <v>7.6</v>
      </c>
      <c r="Z22390" s="2">
        <v>10.6</v>
      </c>
      <c r="AA22390" s="5"/>
      <c r="AB22390" s="5" t="s">
        <v>43</v>
      </c>
      <c r="AC22390" s="5" t="s">
        <v>44</v>
      </c>
      <c r="AD22390" s="2"/>
      <c r="AE22390" s="1"/>
    </row>
    <row r="22391" spans="1:31" ht="14.45">
      <c r="A22391" s="11"/>
      <c r="B22391" s="20"/>
      <c r="C22391" s="2" t="s">
        <v>72049</v>
      </c>
      <c r="D22391" s="14" t="s">
        <v>72050</v>
      </c>
      <c r="E22391" s="2" t="s">
        <v>72051</v>
      </c>
      <c r="F22391" s="2" t="s">
        <v>71977</v>
      </c>
      <c r="G22391" s="8">
        <v>92</v>
      </c>
      <c r="H22391" s="5">
        <v>6</v>
      </c>
      <c r="I22391" s="5" t="s">
        <v>1518</v>
      </c>
      <c r="J22391" s="5" t="s">
        <v>69038</v>
      </c>
      <c r="K22391" s="2" t="s">
        <v>69039</v>
      </c>
      <c r="L22391" s="5" t="s">
        <v>69038</v>
      </c>
      <c r="M22391" s="2" t="s">
        <v>69039</v>
      </c>
      <c r="N22391" s="5" t="s">
        <v>1521</v>
      </c>
      <c r="O22391" s="5" t="s">
        <v>38</v>
      </c>
      <c r="P22391" s="5" t="s">
        <v>39</v>
      </c>
      <c r="Q22391" s="5" t="s">
        <v>40</v>
      </c>
      <c r="R22391" s="5" t="s">
        <v>1522</v>
      </c>
      <c r="S22391" s="5" t="s">
        <v>1523</v>
      </c>
      <c r="T22391" s="5" t="s">
        <v>42</v>
      </c>
      <c r="U22391" s="2">
        <v>0.99199999999999999</v>
      </c>
      <c r="V22391" s="2">
        <v>0.68700000000000006</v>
      </c>
      <c r="W22391" s="2">
        <v>7.0000000000000001E-3</v>
      </c>
      <c r="X22391" s="2">
        <v>86.5</v>
      </c>
      <c r="Y22391" s="2">
        <v>7.6</v>
      </c>
      <c r="Z22391" s="2">
        <v>10.6</v>
      </c>
      <c r="AA22391" s="5"/>
      <c r="AB22391" s="5" t="s">
        <v>43</v>
      </c>
      <c r="AC22391" s="5" t="s">
        <v>44</v>
      </c>
      <c r="AD22391" s="2"/>
      <c r="AE22391" s="1"/>
    </row>
    <row r="22392" spans="1:31" ht="14.45">
      <c r="A22392" s="11"/>
      <c r="B22392" s="20"/>
      <c r="C22392" s="2" t="s">
        <v>72052</v>
      </c>
      <c r="D22392" s="14" t="s">
        <v>72053</v>
      </c>
      <c r="E22392" s="2" t="s">
        <v>72054</v>
      </c>
      <c r="F22392" s="2" t="s">
        <v>71981</v>
      </c>
      <c r="G22392" s="8">
        <v>92</v>
      </c>
      <c r="H22392" s="5">
        <v>6</v>
      </c>
      <c r="I22392" s="5" t="s">
        <v>1518</v>
      </c>
      <c r="J22392" s="5" t="s">
        <v>69038</v>
      </c>
      <c r="K22392" s="2" t="s">
        <v>69039</v>
      </c>
      <c r="L22392" s="5" t="s">
        <v>69038</v>
      </c>
      <c r="M22392" s="2" t="s">
        <v>69039</v>
      </c>
      <c r="N22392" s="5" t="s">
        <v>1521</v>
      </c>
      <c r="O22392" s="5" t="s">
        <v>38</v>
      </c>
      <c r="P22392" s="5" t="s">
        <v>39</v>
      </c>
      <c r="Q22392" s="5" t="s">
        <v>40</v>
      </c>
      <c r="R22392" s="5" t="s">
        <v>1522</v>
      </c>
      <c r="S22392" s="5" t="s">
        <v>1523</v>
      </c>
      <c r="T22392" s="5" t="s">
        <v>42</v>
      </c>
      <c r="U22392" s="2">
        <v>0.94099999999999995</v>
      </c>
      <c r="V22392" s="2">
        <v>0.63600000000000001</v>
      </c>
      <c r="W22392" s="2">
        <v>7.0000000000000001E-3</v>
      </c>
      <c r="X22392" s="2">
        <v>86.5</v>
      </c>
      <c r="Y22392" s="2">
        <v>7.6</v>
      </c>
      <c r="Z22392" s="2">
        <v>10.6</v>
      </c>
      <c r="AA22392" s="5"/>
      <c r="AB22392" s="5" t="s">
        <v>43</v>
      </c>
      <c r="AC22392" s="5" t="s">
        <v>44</v>
      </c>
      <c r="AD22392" s="2"/>
      <c r="AE22392" s="1"/>
    </row>
    <row r="22393" spans="1:31" ht="14.45">
      <c r="A22393" s="11"/>
      <c r="B22393" s="20"/>
      <c r="C22393" s="2" t="s">
        <v>72055</v>
      </c>
      <c r="D22393" s="14" t="s">
        <v>72056</v>
      </c>
      <c r="E22393" s="2" t="s">
        <v>72057</v>
      </c>
      <c r="F22393" s="2" t="s">
        <v>71985</v>
      </c>
      <c r="G22393" s="8">
        <v>92</v>
      </c>
      <c r="H22393" s="5">
        <v>6</v>
      </c>
      <c r="I22393" s="5" t="s">
        <v>1518</v>
      </c>
      <c r="J22393" s="5" t="s">
        <v>69038</v>
      </c>
      <c r="K22393" s="2" t="s">
        <v>69039</v>
      </c>
      <c r="L22393" s="5" t="s">
        <v>69038</v>
      </c>
      <c r="M22393" s="2" t="s">
        <v>69039</v>
      </c>
      <c r="N22393" s="5" t="s">
        <v>1521</v>
      </c>
      <c r="O22393" s="5" t="s">
        <v>38</v>
      </c>
      <c r="P22393" s="5" t="s">
        <v>39</v>
      </c>
      <c r="Q22393" s="5" t="s">
        <v>40</v>
      </c>
      <c r="R22393" s="5" t="s">
        <v>1522</v>
      </c>
      <c r="S22393" s="5" t="s">
        <v>1523</v>
      </c>
      <c r="T22393" s="5" t="s">
        <v>42</v>
      </c>
      <c r="U22393" s="2">
        <v>0.99199999999999999</v>
      </c>
      <c r="V22393" s="2">
        <v>0.68700000000000006</v>
      </c>
      <c r="W22393" s="2">
        <v>7.0000000000000001E-3</v>
      </c>
      <c r="X22393" s="2">
        <v>86.5</v>
      </c>
      <c r="Y22393" s="2">
        <v>7.6</v>
      </c>
      <c r="Z22393" s="2">
        <v>10.6</v>
      </c>
      <c r="AA22393" s="5"/>
      <c r="AB22393" s="5" t="s">
        <v>43</v>
      </c>
      <c r="AC22393" s="5" t="s">
        <v>44</v>
      </c>
      <c r="AD22393" s="2"/>
      <c r="AE22393" s="1"/>
    </row>
    <row r="22394" spans="1:31" ht="14.45">
      <c r="A22394" s="11"/>
      <c r="B22394" s="20"/>
      <c r="C22394" s="2" t="s">
        <v>72058</v>
      </c>
      <c r="D22394" s="14" t="s">
        <v>72059</v>
      </c>
      <c r="E22394" s="2" t="s">
        <v>72060</v>
      </c>
      <c r="F22394" s="2" t="s">
        <v>71957</v>
      </c>
      <c r="G22394" s="8">
        <v>105</v>
      </c>
      <c r="H22394" s="5">
        <v>6</v>
      </c>
      <c r="I22394" s="5" t="s">
        <v>1518</v>
      </c>
      <c r="J22394" s="5" t="s">
        <v>69038</v>
      </c>
      <c r="K22394" s="2" t="s">
        <v>69039</v>
      </c>
      <c r="L22394" s="5" t="s">
        <v>69038</v>
      </c>
      <c r="M22394" s="2" t="s">
        <v>69039</v>
      </c>
      <c r="N22394" s="5" t="s">
        <v>1521</v>
      </c>
      <c r="O22394" s="5" t="s">
        <v>38</v>
      </c>
      <c r="P22394" s="5" t="s">
        <v>39</v>
      </c>
      <c r="Q22394" s="5" t="s">
        <v>40</v>
      </c>
      <c r="R22394" s="5" t="s">
        <v>1522</v>
      </c>
      <c r="S22394" s="5" t="s">
        <v>1523</v>
      </c>
      <c r="T22394" s="5" t="s">
        <v>42</v>
      </c>
      <c r="U22394" s="2">
        <v>1.034</v>
      </c>
      <c r="V22394" s="2">
        <v>0.72899999999999998</v>
      </c>
      <c r="W22394" s="2">
        <v>7.0000000000000001E-3</v>
      </c>
      <c r="X22394" s="2">
        <v>86.5</v>
      </c>
      <c r="Y22394" s="2">
        <v>7.6</v>
      </c>
      <c r="Z22394" s="2">
        <v>10.6</v>
      </c>
      <c r="AA22394" s="5"/>
      <c r="AB22394" s="5" t="s">
        <v>43</v>
      </c>
      <c r="AC22394" s="5" t="s">
        <v>44</v>
      </c>
      <c r="AD22394" s="2"/>
      <c r="AE22394" s="1"/>
    </row>
    <row r="22395" spans="1:31" ht="14.45">
      <c r="A22395" s="11"/>
      <c r="B22395" s="20"/>
      <c r="C22395" s="2" t="s">
        <v>72061</v>
      </c>
      <c r="D22395" s="14" t="s">
        <v>72062</v>
      </c>
      <c r="E22395" s="2" t="s">
        <v>72063</v>
      </c>
      <c r="F22395" s="2" t="s">
        <v>71961</v>
      </c>
      <c r="G22395" s="8">
        <v>105</v>
      </c>
      <c r="H22395" s="5">
        <v>6</v>
      </c>
      <c r="I22395" s="5" t="s">
        <v>1518</v>
      </c>
      <c r="J22395" s="5" t="s">
        <v>69038</v>
      </c>
      <c r="K22395" s="2" t="s">
        <v>69039</v>
      </c>
      <c r="L22395" s="5" t="s">
        <v>69038</v>
      </c>
      <c r="M22395" s="2" t="s">
        <v>69039</v>
      </c>
      <c r="N22395" s="5" t="s">
        <v>1521</v>
      </c>
      <c r="O22395" s="5" t="s">
        <v>38</v>
      </c>
      <c r="P22395" s="5" t="s">
        <v>39</v>
      </c>
      <c r="Q22395" s="5" t="s">
        <v>40</v>
      </c>
      <c r="R22395" s="5" t="s">
        <v>1522</v>
      </c>
      <c r="S22395" s="5" t="s">
        <v>1523</v>
      </c>
      <c r="T22395" s="5" t="s">
        <v>42</v>
      </c>
      <c r="U22395" s="2">
        <v>1.095</v>
      </c>
      <c r="V22395" s="2">
        <v>0.79</v>
      </c>
      <c r="W22395" s="2">
        <v>7.0000000000000001E-3</v>
      </c>
      <c r="X22395" s="2">
        <v>86.5</v>
      </c>
      <c r="Y22395" s="2">
        <v>7.6</v>
      </c>
      <c r="Z22395" s="2">
        <v>10.6</v>
      </c>
      <c r="AA22395" s="5"/>
      <c r="AB22395" s="5" t="s">
        <v>43</v>
      </c>
      <c r="AC22395" s="5" t="s">
        <v>44</v>
      </c>
      <c r="AD22395" s="2"/>
      <c r="AE22395" s="1"/>
    </row>
    <row r="22396" spans="1:31" ht="14.45">
      <c r="A22396" s="11"/>
      <c r="B22396" s="20"/>
      <c r="C22396" s="2" t="s">
        <v>72064</v>
      </c>
      <c r="D22396" s="14" t="s">
        <v>72065</v>
      </c>
      <c r="E22396" s="2" t="s">
        <v>72066</v>
      </c>
      <c r="F22396" s="2" t="s">
        <v>71965</v>
      </c>
      <c r="G22396" s="8">
        <v>105</v>
      </c>
      <c r="H22396" s="5">
        <v>6</v>
      </c>
      <c r="I22396" s="5" t="s">
        <v>1518</v>
      </c>
      <c r="J22396" s="5" t="s">
        <v>69038</v>
      </c>
      <c r="K22396" s="2" t="s">
        <v>69039</v>
      </c>
      <c r="L22396" s="5" t="s">
        <v>69038</v>
      </c>
      <c r="M22396" s="2" t="s">
        <v>69039</v>
      </c>
      <c r="N22396" s="5" t="s">
        <v>1521</v>
      </c>
      <c r="O22396" s="5" t="s">
        <v>38</v>
      </c>
      <c r="P22396" s="5" t="s">
        <v>39</v>
      </c>
      <c r="Q22396" s="5" t="s">
        <v>40</v>
      </c>
      <c r="R22396" s="5" t="s">
        <v>1522</v>
      </c>
      <c r="S22396" s="5" t="s">
        <v>1523</v>
      </c>
      <c r="T22396" s="5" t="s">
        <v>42</v>
      </c>
      <c r="U22396" s="2">
        <v>1.034</v>
      </c>
      <c r="V22396" s="2">
        <v>0.72899999999999998</v>
      </c>
      <c r="W22396" s="2">
        <v>7.0000000000000001E-3</v>
      </c>
      <c r="X22396" s="2">
        <v>86.5</v>
      </c>
      <c r="Y22396" s="2">
        <v>7.6</v>
      </c>
      <c r="Z22396" s="2">
        <v>10.6</v>
      </c>
      <c r="AA22396" s="5"/>
      <c r="AB22396" s="5" t="s">
        <v>43</v>
      </c>
      <c r="AC22396" s="5" t="s">
        <v>44</v>
      </c>
      <c r="AD22396" s="2"/>
      <c r="AE22396" s="1"/>
    </row>
    <row r="22397" spans="1:31" ht="14.45">
      <c r="A22397" s="11"/>
      <c r="B22397" s="20"/>
      <c r="C22397" s="2" t="s">
        <v>72067</v>
      </c>
      <c r="D22397" s="14" t="s">
        <v>72068</v>
      </c>
      <c r="E22397" s="2" t="s">
        <v>72069</v>
      </c>
      <c r="F22397" s="2" t="s">
        <v>71969</v>
      </c>
      <c r="G22397" s="8">
        <v>105</v>
      </c>
      <c r="H22397" s="5">
        <v>6</v>
      </c>
      <c r="I22397" s="5" t="s">
        <v>1518</v>
      </c>
      <c r="J22397" s="5" t="s">
        <v>69038</v>
      </c>
      <c r="K22397" s="2" t="s">
        <v>69039</v>
      </c>
      <c r="L22397" s="5" t="s">
        <v>69038</v>
      </c>
      <c r="M22397" s="2" t="s">
        <v>69039</v>
      </c>
      <c r="N22397" s="5" t="s">
        <v>1521</v>
      </c>
      <c r="O22397" s="5" t="s">
        <v>38</v>
      </c>
      <c r="P22397" s="5" t="s">
        <v>39</v>
      </c>
      <c r="Q22397" s="5" t="s">
        <v>40</v>
      </c>
      <c r="R22397" s="5" t="s">
        <v>1522</v>
      </c>
      <c r="S22397" s="5" t="s">
        <v>1523</v>
      </c>
      <c r="T22397" s="5" t="s">
        <v>42</v>
      </c>
      <c r="U22397" s="2">
        <v>1.095</v>
      </c>
      <c r="V22397" s="2">
        <v>0.79</v>
      </c>
      <c r="W22397" s="2">
        <v>7.0000000000000001E-3</v>
      </c>
      <c r="X22397" s="2">
        <v>86.5</v>
      </c>
      <c r="Y22397" s="2">
        <v>7.6</v>
      </c>
      <c r="Z22397" s="2">
        <v>10.6</v>
      </c>
      <c r="AA22397" s="5"/>
      <c r="AB22397" s="5" t="s">
        <v>43</v>
      </c>
      <c r="AC22397" s="5" t="s">
        <v>44</v>
      </c>
      <c r="AD22397" s="2"/>
      <c r="AE22397" s="1"/>
    </row>
    <row r="22398" spans="1:31" ht="14.45">
      <c r="A22398" s="11"/>
      <c r="B22398" s="20"/>
      <c r="C22398" s="2" t="s">
        <v>72070</v>
      </c>
      <c r="D22398" s="14" t="s">
        <v>72071</v>
      </c>
      <c r="E22398" s="2" t="s">
        <v>72072</v>
      </c>
      <c r="F22398" s="2" t="s">
        <v>71973</v>
      </c>
      <c r="G22398" s="8">
        <v>105</v>
      </c>
      <c r="H22398" s="5">
        <v>6</v>
      </c>
      <c r="I22398" s="5" t="s">
        <v>1518</v>
      </c>
      <c r="J22398" s="5" t="s">
        <v>69038</v>
      </c>
      <c r="K22398" s="2" t="s">
        <v>69039</v>
      </c>
      <c r="L22398" s="5" t="s">
        <v>69038</v>
      </c>
      <c r="M22398" s="2" t="s">
        <v>69039</v>
      </c>
      <c r="N22398" s="5" t="s">
        <v>1521</v>
      </c>
      <c r="O22398" s="5" t="s">
        <v>38</v>
      </c>
      <c r="P22398" s="5" t="s">
        <v>39</v>
      </c>
      <c r="Q22398" s="5" t="s">
        <v>40</v>
      </c>
      <c r="R22398" s="5" t="s">
        <v>1522</v>
      </c>
      <c r="S22398" s="5" t="s">
        <v>1523</v>
      </c>
      <c r="T22398" s="5" t="s">
        <v>42</v>
      </c>
      <c r="U22398" s="2">
        <v>1.034</v>
      </c>
      <c r="V22398" s="2">
        <v>0.72899999999999998</v>
      </c>
      <c r="W22398" s="2">
        <v>7.0000000000000001E-3</v>
      </c>
      <c r="X22398" s="2">
        <v>86.5</v>
      </c>
      <c r="Y22398" s="2">
        <v>7.6</v>
      </c>
      <c r="Z22398" s="2">
        <v>10.6</v>
      </c>
      <c r="AA22398" s="5"/>
      <c r="AB22398" s="5" t="s">
        <v>43</v>
      </c>
      <c r="AC22398" s="5" t="s">
        <v>44</v>
      </c>
      <c r="AD22398" s="2"/>
      <c r="AE22398" s="1"/>
    </row>
    <row r="22399" spans="1:31" ht="14.45">
      <c r="A22399" s="11"/>
      <c r="B22399" s="20"/>
      <c r="C22399" s="2" t="s">
        <v>72073</v>
      </c>
      <c r="D22399" s="14" t="s">
        <v>72074</v>
      </c>
      <c r="E22399" s="2" t="s">
        <v>72075</v>
      </c>
      <c r="F22399" s="2" t="s">
        <v>71977</v>
      </c>
      <c r="G22399" s="8">
        <v>105</v>
      </c>
      <c r="H22399" s="5">
        <v>6</v>
      </c>
      <c r="I22399" s="5" t="s">
        <v>1518</v>
      </c>
      <c r="J22399" s="5" t="s">
        <v>69038</v>
      </c>
      <c r="K22399" s="2" t="s">
        <v>69039</v>
      </c>
      <c r="L22399" s="5" t="s">
        <v>69038</v>
      </c>
      <c r="M22399" s="2" t="s">
        <v>69039</v>
      </c>
      <c r="N22399" s="5" t="s">
        <v>1521</v>
      </c>
      <c r="O22399" s="5" t="s">
        <v>38</v>
      </c>
      <c r="P22399" s="5" t="s">
        <v>39</v>
      </c>
      <c r="Q22399" s="5" t="s">
        <v>40</v>
      </c>
      <c r="R22399" s="5" t="s">
        <v>1522</v>
      </c>
      <c r="S22399" s="5" t="s">
        <v>1523</v>
      </c>
      <c r="T22399" s="5" t="s">
        <v>42</v>
      </c>
      <c r="U22399" s="2">
        <v>1.095</v>
      </c>
      <c r="V22399" s="2">
        <v>0.79</v>
      </c>
      <c r="W22399" s="2">
        <v>7.0000000000000001E-3</v>
      </c>
      <c r="X22399" s="2">
        <v>86.5</v>
      </c>
      <c r="Y22399" s="2">
        <v>7.6</v>
      </c>
      <c r="Z22399" s="2">
        <v>10.6</v>
      </c>
      <c r="AA22399" s="5"/>
      <c r="AB22399" s="5" t="s">
        <v>43</v>
      </c>
      <c r="AC22399" s="5" t="s">
        <v>44</v>
      </c>
      <c r="AD22399" s="2"/>
      <c r="AE22399" s="1"/>
    </row>
    <row r="22400" spans="1:31" ht="14.45">
      <c r="A22400" s="11"/>
      <c r="B22400" s="20"/>
      <c r="C22400" s="2" t="s">
        <v>72076</v>
      </c>
      <c r="D22400" s="14" t="s">
        <v>72077</v>
      </c>
      <c r="E22400" s="2" t="s">
        <v>72078</v>
      </c>
      <c r="F22400" s="2" t="s">
        <v>71981</v>
      </c>
      <c r="G22400" s="8">
        <v>105</v>
      </c>
      <c r="H22400" s="5">
        <v>6</v>
      </c>
      <c r="I22400" s="5" t="s">
        <v>1518</v>
      </c>
      <c r="J22400" s="5" t="s">
        <v>69038</v>
      </c>
      <c r="K22400" s="2" t="s">
        <v>69039</v>
      </c>
      <c r="L22400" s="5" t="s">
        <v>69038</v>
      </c>
      <c r="M22400" s="2" t="s">
        <v>69039</v>
      </c>
      <c r="N22400" s="5" t="s">
        <v>1521</v>
      </c>
      <c r="O22400" s="5" t="s">
        <v>38</v>
      </c>
      <c r="P22400" s="5" t="s">
        <v>39</v>
      </c>
      <c r="Q22400" s="5" t="s">
        <v>40</v>
      </c>
      <c r="R22400" s="5" t="s">
        <v>1522</v>
      </c>
      <c r="S22400" s="5" t="s">
        <v>1523</v>
      </c>
      <c r="T22400" s="5" t="s">
        <v>42</v>
      </c>
      <c r="U22400" s="2">
        <v>1.034</v>
      </c>
      <c r="V22400" s="2">
        <v>0.72899999999999998</v>
      </c>
      <c r="W22400" s="2">
        <v>7.0000000000000001E-3</v>
      </c>
      <c r="X22400" s="2">
        <v>86.5</v>
      </c>
      <c r="Y22400" s="2">
        <v>7.6</v>
      </c>
      <c r="Z22400" s="2">
        <v>10.6</v>
      </c>
      <c r="AA22400" s="5"/>
      <c r="AB22400" s="5" t="s">
        <v>43</v>
      </c>
      <c r="AC22400" s="5" t="s">
        <v>44</v>
      </c>
      <c r="AD22400" s="2"/>
      <c r="AE22400" s="1"/>
    </row>
    <row r="22401" spans="1:31" ht="14.45">
      <c r="A22401" s="11"/>
      <c r="B22401" s="20"/>
      <c r="C22401" s="2" t="s">
        <v>72079</v>
      </c>
      <c r="D22401" s="14" t="s">
        <v>72080</v>
      </c>
      <c r="E22401" s="2" t="s">
        <v>72081</v>
      </c>
      <c r="F22401" s="2" t="s">
        <v>71985</v>
      </c>
      <c r="G22401" s="8">
        <v>105</v>
      </c>
      <c r="H22401" s="5">
        <v>6</v>
      </c>
      <c r="I22401" s="5" t="s">
        <v>1518</v>
      </c>
      <c r="J22401" s="5" t="s">
        <v>69038</v>
      </c>
      <c r="K22401" s="2" t="s">
        <v>69039</v>
      </c>
      <c r="L22401" s="5" t="s">
        <v>69038</v>
      </c>
      <c r="M22401" s="2" t="s">
        <v>69039</v>
      </c>
      <c r="N22401" s="5" t="s">
        <v>1521</v>
      </c>
      <c r="O22401" s="5" t="s">
        <v>38</v>
      </c>
      <c r="P22401" s="5" t="s">
        <v>39</v>
      </c>
      <c r="Q22401" s="5" t="s">
        <v>40</v>
      </c>
      <c r="R22401" s="5" t="s">
        <v>1522</v>
      </c>
      <c r="S22401" s="5" t="s">
        <v>1523</v>
      </c>
      <c r="T22401" s="5" t="s">
        <v>42</v>
      </c>
      <c r="U22401" s="2">
        <v>1.095</v>
      </c>
      <c r="V22401" s="2">
        <v>0.79</v>
      </c>
      <c r="W22401" s="2">
        <v>7.0000000000000001E-3</v>
      </c>
      <c r="X22401" s="2">
        <v>86.5</v>
      </c>
      <c r="Y22401" s="2">
        <v>7.6</v>
      </c>
      <c r="Z22401" s="2">
        <v>10.6</v>
      </c>
      <c r="AA22401" s="5"/>
      <c r="AB22401" s="5" t="s">
        <v>43</v>
      </c>
      <c r="AC22401" s="5" t="s">
        <v>44</v>
      </c>
      <c r="AD22401" s="2"/>
      <c r="AE22401" s="1"/>
    </row>
    <row r="22402" spans="1:31" ht="14.45">
      <c r="A22402" s="11"/>
      <c r="B22402" s="20"/>
      <c r="C22402" s="2" t="s">
        <v>72082</v>
      </c>
      <c r="D22402" s="14" t="s">
        <v>72083</v>
      </c>
      <c r="E22402" s="2" t="s">
        <v>72084</v>
      </c>
      <c r="F22402" s="2" t="s">
        <v>71957</v>
      </c>
      <c r="G22402" s="8">
        <v>117</v>
      </c>
      <c r="H22402" s="5">
        <v>6</v>
      </c>
      <c r="I22402" s="5" t="s">
        <v>1518</v>
      </c>
      <c r="J22402" s="5" t="s">
        <v>69038</v>
      </c>
      <c r="K22402" s="2" t="s">
        <v>69039</v>
      </c>
      <c r="L22402" s="5" t="s">
        <v>69038</v>
      </c>
      <c r="M22402" s="2" t="s">
        <v>69039</v>
      </c>
      <c r="N22402" s="5" t="s">
        <v>1521</v>
      </c>
      <c r="O22402" s="5" t="s">
        <v>38</v>
      </c>
      <c r="P22402" s="5" t="s">
        <v>39</v>
      </c>
      <c r="Q22402" s="5" t="s">
        <v>40</v>
      </c>
      <c r="R22402" s="5" t="s">
        <v>1522</v>
      </c>
      <c r="S22402" s="5" t="s">
        <v>1523</v>
      </c>
      <c r="T22402" s="5" t="s">
        <v>42</v>
      </c>
      <c r="U22402" s="2">
        <v>1.1890000000000001</v>
      </c>
      <c r="V22402" s="2">
        <v>0.82199999999999995</v>
      </c>
      <c r="W22402" s="2">
        <v>8.9999999999999993E-3</v>
      </c>
      <c r="X22402" s="2">
        <v>106.5</v>
      </c>
      <c r="Y22402" s="2">
        <v>7.6</v>
      </c>
      <c r="Z22402" s="2">
        <v>10.6</v>
      </c>
      <c r="AA22402" s="5"/>
      <c r="AB22402" s="5" t="s">
        <v>43</v>
      </c>
      <c r="AC22402" s="5" t="s">
        <v>44</v>
      </c>
      <c r="AD22402" s="2"/>
      <c r="AE22402" s="1"/>
    </row>
    <row r="22403" spans="1:31" ht="14.45">
      <c r="A22403" s="11"/>
      <c r="B22403" s="20"/>
      <c r="C22403" s="2" t="s">
        <v>72085</v>
      </c>
      <c r="D22403" s="14" t="s">
        <v>72086</v>
      </c>
      <c r="E22403" s="2" t="s">
        <v>72087</v>
      </c>
      <c r="F22403" s="2" t="s">
        <v>71961</v>
      </c>
      <c r="G22403" s="8">
        <v>117</v>
      </c>
      <c r="H22403" s="5">
        <v>6</v>
      </c>
      <c r="I22403" s="5" t="s">
        <v>1518</v>
      </c>
      <c r="J22403" s="5" t="s">
        <v>69038</v>
      </c>
      <c r="K22403" s="2" t="s">
        <v>69039</v>
      </c>
      <c r="L22403" s="5" t="s">
        <v>69038</v>
      </c>
      <c r="M22403" s="2" t="s">
        <v>69039</v>
      </c>
      <c r="N22403" s="5" t="s">
        <v>1521</v>
      </c>
      <c r="O22403" s="5" t="s">
        <v>38</v>
      </c>
      <c r="P22403" s="5" t="s">
        <v>39</v>
      </c>
      <c r="Q22403" s="5" t="s">
        <v>40</v>
      </c>
      <c r="R22403" s="5" t="s">
        <v>1522</v>
      </c>
      <c r="S22403" s="5" t="s">
        <v>1523</v>
      </c>
      <c r="T22403" s="5" t="s">
        <v>42</v>
      </c>
      <c r="U22403" s="2">
        <v>1.26</v>
      </c>
      <c r="V22403" s="2">
        <v>0.89300000000000002</v>
      </c>
      <c r="W22403" s="2">
        <v>8.9999999999999993E-3</v>
      </c>
      <c r="X22403" s="2">
        <v>106.5</v>
      </c>
      <c r="Y22403" s="2">
        <v>7.6</v>
      </c>
      <c r="Z22403" s="2">
        <v>10.6</v>
      </c>
      <c r="AA22403" s="5"/>
      <c r="AB22403" s="5" t="s">
        <v>43</v>
      </c>
      <c r="AC22403" s="5" t="s">
        <v>44</v>
      </c>
      <c r="AD22403" s="2"/>
      <c r="AE22403" s="1"/>
    </row>
    <row r="22404" spans="1:31" ht="14.45">
      <c r="A22404" s="11"/>
      <c r="B22404" s="20"/>
      <c r="C22404" s="2" t="s">
        <v>72088</v>
      </c>
      <c r="D22404" s="14" t="s">
        <v>72089</v>
      </c>
      <c r="E22404" s="2" t="s">
        <v>72090</v>
      </c>
      <c r="F22404" s="2" t="s">
        <v>71965</v>
      </c>
      <c r="G22404" s="8">
        <v>117</v>
      </c>
      <c r="H22404" s="5">
        <v>6</v>
      </c>
      <c r="I22404" s="5" t="s">
        <v>1518</v>
      </c>
      <c r="J22404" s="5" t="s">
        <v>69038</v>
      </c>
      <c r="K22404" s="2" t="s">
        <v>69039</v>
      </c>
      <c r="L22404" s="5" t="s">
        <v>69038</v>
      </c>
      <c r="M22404" s="2" t="s">
        <v>69039</v>
      </c>
      <c r="N22404" s="5" t="s">
        <v>1521</v>
      </c>
      <c r="O22404" s="5" t="s">
        <v>38</v>
      </c>
      <c r="P22404" s="5" t="s">
        <v>39</v>
      </c>
      <c r="Q22404" s="5" t="s">
        <v>40</v>
      </c>
      <c r="R22404" s="5" t="s">
        <v>1522</v>
      </c>
      <c r="S22404" s="5" t="s">
        <v>1523</v>
      </c>
      <c r="T22404" s="5" t="s">
        <v>42</v>
      </c>
      <c r="U22404" s="2">
        <v>1.1890000000000001</v>
      </c>
      <c r="V22404" s="2">
        <v>0.82199999999999995</v>
      </c>
      <c r="W22404" s="2">
        <v>8.9999999999999993E-3</v>
      </c>
      <c r="X22404" s="2">
        <v>106.5</v>
      </c>
      <c r="Y22404" s="2">
        <v>7.6</v>
      </c>
      <c r="Z22404" s="2">
        <v>10.6</v>
      </c>
      <c r="AA22404" s="5"/>
      <c r="AB22404" s="5" t="s">
        <v>43</v>
      </c>
      <c r="AC22404" s="5" t="s">
        <v>44</v>
      </c>
      <c r="AD22404" s="2"/>
      <c r="AE22404" s="1"/>
    </row>
    <row r="22405" spans="1:31" ht="14.45">
      <c r="A22405" s="11"/>
      <c r="B22405" s="20"/>
      <c r="C22405" s="2" t="s">
        <v>72091</v>
      </c>
      <c r="D22405" s="14" t="s">
        <v>72092</v>
      </c>
      <c r="E22405" s="2" t="s">
        <v>72093</v>
      </c>
      <c r="F22405" s="2" t="s">
        <v>71969</v>
      </c>
      <c r="G22405" s="8">
        <v>117</v>
      </c>
      <c r="H22405" s="5">
        <v>6</v>
      </c>
      <c r="I22405" s="5" t="s">
        <v>1518</v>
      </c>
      <c r="J22405" s="5" t="s">
        <v>69038</v>
      </c>
      <c r="K22405" s="2" t="s">
        <v>69039</v>
      </c>
      <c r="L22405" s="5" t="s">
        <v>69038</v>
      </c>
      <c r="M22405" s="2" t="s">
        <v>69039</v>
      </c>
      <c r="N22405" s="5" t="s">
        <v>1521</v>
      </c>
      <c r="O22405" s="5" t="s">
        <v>38</v>
      </c>
      <c r="P22405" s="5" t="s">
        <v>39</v>
      </c>
      <c r="Q22405" s="5" t="s">
        <v>40</v>
      </c>
      <c r="R22405" s="5" t="s">
        <v>1522</v>
      </c>
      <c r="S22405" s="5" t="s">
        <v>1523</v>
      </c>
      <c r="T22405" s="5" t="s">
        <v>42</v>
      </c>
      <c r="U22405" s="2">
        <v>1.26</v>
      </c>
      <c r="V22405" s="2">
        <v>0.89300000000000002</v>
      </c>
      <c r="W22405" s="2">
        <v>8.9999999999999993E-3</v>
      </c>
      <c r="X22405" s="2">
        <v>106.5</v>
      </c>
      <c r="Y22405" s="2">
        <v>7.6</v>
      </c>
      <c r="Z22405" s="2">
        <v>10.6</v>
      </c>
      <c r="AA22405" s="5"/>
      <c r="AB22405" s="5" t="s">
        <v>43</v>
      </c>
      <c r="AC22405" s="5" t="s">
        <v>44</v>
      </c>
      <c r="AD22405" s="2"/>
      <c r="AE22405" s="1"/>
    </row>
    <row r="22406" spans="1:31" ht="14.45">
      <c r="A22406" s="11"/>
      <c r="B22406" s="20"/>
      <c r="C22406" s="2" t="s">
        <v>72094</v>
      </c>
      <c r="D22406" s="14" t="s">
        <v>72095</v>
      </c>
      <c r="E22406" s="2" t="s">
        <v>72096</v>
      </c>
      <c r="F22406" s="2" t="s">
        <v>71973</v>
      </c>
      <c r="G22406" s="8">
        <v>117</v>
      </c>
      <c r="H22406" s="5">
        <v>6</v>
      </c>
      <c r="I22406" s="5" t="s">
        <v>1518</v>
      </c>
      <c r="J22406" s="5" t="s">
        <v>69038</v>
      </c>
      <c r="K22406" s="2" t="s">
        <v>69039</v>
      </c>
      <c r="L22406" s="5" t="s">
        <v>69038</v>
      </c>
      <c r="M22406" s="2" t="s">
        <v>69039</v>
      </c>
      <c r="N22406" s="5" t="s">
        <v>1521</v>
      </c>
      <c r="O22406" s="5" t="s">
        <v>38</v>
      </c>
      <c r="P22406" s="5" t="s">
        <v>39</v>
      </c>
      <c r="Q22406" s="5" t="s">
        <v>40</v>
      </c>
      <c r="R22406" s="5" t="s">
        <v>1522</v>
      </c>
      <c r="S22406" s="5" t="s">
        <v>1523</v>
      </c>
      <c r="T22406" s="5" t="s">
        <v>42</v>
      </c>
      <c r="U22406" s="2">
        <v>1.1890000000000001</v>
      </c>
      <c r="V22406" s="2">
        <v>0.82199999999999995</v>
      </c>
      <c r="W22406" s="2">
        <v>8.9999999999999993E-3</v>
      </c>
      <c r="X22406" s="2">
        <v>106.5</v>
      </c>
      <c r="Y22406" s="2">
        <v>7.6</v>
      </c>
      <c r="Z22406" s="2">
        <v>10.6</v>
      </c>
      <c r="AA22406" s="5"/>
      <c r="AB22406" s="5" t="s">
        <v>43</v>
      </c>
      <c r="AC22406" s="5" t="s">
        <v>44</v>
      </c>
      <c r="AD22406" s="2"/>
      <c r="AE22406" s="1"/>
    </row>
    <row r="22407" spans="1:31" ht="14.45">
      <c r="A22407" s="11"/>
      <c r="B22407" s="20"/>
      <c r="C22407" s="2" t="s">
        <v>72097</v>
      </c>
      <c r="D22407" s="14" t="s">
        <v>72098</v>
      </c>
      <c r="E22407" s="2" t="s">
        <v>72099</v>
      </c>
      <c r="F22407" s="2" t="s">
        <v>71977</v>
      </c>
      <c r="G22407" s="8">
        <v>117</v>
      </c>
      <c r="H22407" s="5">
        <v>6</v>
      </c>
      <c r="I22407" s="5" t="s">
        <v>1518</v>
      </c>
      <c r="J22407" s="5" t="s">
        <v>69038</v>
      </c>
      <c r="K22407" s="2" t="s">
        <v>69039</v>
      </c>
      <c r="L22407" s="5" t="s">
        <v>69038</v>
      </c>
      <c r="M22407" s="2" t="s">
        <v>69039</v>
      </c>
      <c r="N22407" s="5" t="s">
        <v>1521</v>
      </c>
      <c r="O22407" s="5" t="s">
        <v>38</v>
      </c>
      <c r="P22407" s="5" t="s">
        <v>39</v>
      </c>
      <c r="Q22407" s="5" t="s">
        <v>40</v>
      </c>
      <c r="R22407" s="5" t="s">
        <v>1522</v>
      </c>
      <c r="S22407" s="5" t="s">
        <v>1523</v>
      </c>
      <c r="T22407" s="5" t="s">
        <v>42</v>
      </c>
      <c r="U22407" s="2">
        <v>1.26</v>
      </c>
      <c r="V22407" s="2">
        <v>0.89300000000000002</v>
      </c>
      <c r="W22407" s="2">
        <v>8.9999999999999993E-3</v>
      </c>
      <c r="X22407" s="2">
        <v>106.5</v>
      </c>
      <c r="Y22407" s="2">
        <v>7.6</v>
      </c>
      <c r="Z22407" s="2">
        <v>10.6</v>
      </c>
      <c r="AA22407" s="5"/>
      <c r="AB22407" s="5" t="s">
        <v>43</v>
      </c>
      <c r="AC22407" s="5" t="s">
        <v>44</v>
      </c>
      <c r="AD22407" s="2"/>
      <c r="AE22407" s="1"/>
    </row>
    <row r="22408" spans="1:31" ht="14.45">
      <c r="A22408" s="11"/>
      <c r="B22408" s="20"/>
      <c r="C22408" s="2" t="s">
        <v>72100</v>
      </c>
      <c r="D22408" s="14" t="s">
        <v>72101</v>
      </c>
      <c r="E22408" s="2" t="s">
        <v>72102</v>
      </c>
      <c r="F22408" s="2" t="s">
        <v>71981</v>
      </c>
      <c r="G22408" s="8">
        <v>117</v>
      </c>
      <c r="H22408" s="5">
        <v>6</v>
      </c>
      <c r="I22408" s="5" t="s">
        <v>1518</v>
      </c>
      <c r="J22408" s="5" t="s">
        <v>69038</v>
      </c>
      <c r="K22408" s="2" t="s">
        <v>69039</v>
      </c>
      <c r="L22408" s="5" t="s">
        <v>69038</v>
      </c>
      <c r="M22408" s="2" t="s">
        <v>69039</v>
      </c>
      <c r="N22408" s="5" t="s">
        <v>1521</v>
      </c>
      <c r="O22408" s="5" t="s">
        <v>38</v>
      </c>
      <c r="P22408" s="5" t="s">
        <v>39</v>
      </c>
      <c r="Q22408" s="5" t="s">
        <v>40</v>
      </c>
      <c r="R22408" s="5" t="s">
        <v>1522</v>
      </c>
      <c r="S22408" s="5" t="s">
        <v>1523</v>
      </c>
      <c r="T22408" s="5" t="s">
        <v>42</v>
      </c>
      <c r="U22408" s="2">
        <v>1.1890000000000001</v>
      </c>
      <c r="V22408" s="2">
        <v>0.82199999999999995</v>
      </c>
      <c r="W22408" s="2">
        <v>8.9999999999999993E-3</v>
      </c>
      <c r="X22408" s="2">
        <v>106.5</v>
      </c>
      <c r="Y22408" s="2">
        <v>7.6</v>
      </c>
      <c r="Z22408" s="2">
        <v>10.6</v>
      </c>
      <c r="AA22408" s="5"/>
      <c r="AB22408" s="5" t="s">
        <v>43</v>
      </c>
      <c r="AC22408" s="5" t="s">
        <v>44</v>
      </c>
      <c r="AD22408" s="2"/>
      <c r="AE22408" s="1"/>
    </row>
    <row r="22409" spans="1:31" ht="14.45">
      <c r="A22409" s="11"/>
      <c r="B22409" s="20"/>
      <c r="C22409" s="2" t="s">
        <v>72103</v>
      </c>
      <c r="D22409" s="14" t="s">
        <v>72104</v>
      </c>
      <c r="E22409" s="2" t="s">
        <v>72105</v>
      </c>
      <c r="F22409" s="2" t="s">
        <v>71985</v>
      </c>
      <c r="G22409" s="8">
        <v>117</v>
      </c>
      <c r="H22409" s="5">
        <v>6</v>
      </c>
      <c r="I22409" s="5" t="s">
        <v>1518</v>
      </c>
      <c r="J22409" s="5" t="s">
        <v>69038</v>
      </c>
      <c r="K22409" s="2" t="s">
        <v>69039</v>
      </c>
      <c r="L22409" s="5" t="s">
        <v>69038</v>
      </c>
      <c r="M22409" s="2" t="s">
        <v>69039</v>
      </c>
      <c r="N22409" s="5" t="s">
        <v>1521</v>
      </c>
      <c r="O22409" s="5" t="s">
        <v>38</v>
      </c>
      <c r="P22409" s="5" t="s">
        <v>39</v>
      </c>
      <c r="Q22409" s="5" t="s">
        <v>40</v>
      </c>
      <c r="R22409" s="5" t="s">
        <v>1522</v>
      </c>
      <c r="S22409" s="5" t="s">
        <v>1523</v>
      </c>
      <c r="T22409" s="5" t="s">
        <v>42</v>
      </c>
      <c r="U22409" s="2">
        <v>1.26</v>
      </c>
      <c r="V22409" s="2">
        <v>0.89300000000000002</v>
      </c>
      <c r="W22409" s="2">
        <v>8.9999999999999993E-3</v>
      </c>
      <c r="X22409" s="2">
        <v>106.5</v>
      </c>
      <c r="Y22409" s="2">
        <v>7.6</v>
      </c>
      <c r="Z22409" s="2">
        <v>10.6</v>
      </c>
      <c r="AA22409" s="5"/>
      <c r="AB22409" s="5" t="s">
        <v>43</v>
      </c>
      <c r="AC22409" s="5" t="s">
        <v>44</v>
      </c>
      <c r="AD22409" s="2"/>
      <c r="AE22409" s="1"/>
    </row>
    <row r="22410" spans="1:31" ht="14.45">
      <c r="A22410" s="11"/>
      <c r="B22410" s="20"/>
      <c r="C22410" s="2" t="s">
        <v>72106</v>
      </c>
      <c r="D22410" s="14" t="s">
        <v>72107</v>
      </c>
      <c r="E22410" s="2" t="s">
        <v>72108</v>
      </c>
      <c r="F22410" s="2" t="s">
        <v>71957</v>
      </c>
      <c r="G22410" s="8">
        <v>115</v>
      </c>
      <c r="H22410" s="5">
        <v>6</v>
      </c>
      <c r="I22410" s="5" t="s">
        <v>1518</v>
      </c>
      <c r="J22410" s="5" t="s">
        <v>69038</v>
      </c>
      <c r="K22410" s="2" t="s">
        <v>69039</v>
      </c>
      <c r="L22410" s="5" t="s">
        <v>69038</v>
      </c>
      <c r="M22410" s="2" t="s">
        <v>69039</v>
      </c>
      <c r="N22410" s="5" t="s">
        <v>1521</v>
      </c>
      <c r="O22410" s="5" t="s">
        <v>38</v>
      </c>
      <c r="P22410" s="5" t="s">
        <v>39</v>
      </c>
      <c r="Q22410" s="5" t="s">
        <v>40</v>
      </c>
      <c r="R22410" s="5" t="s">
        <v>1522</v>
      </c>
      <c r="S22410" s="5" t="s">
        <v>1523</v>
      </c>
      <c r="T22410" s="5" t="s">
        <v>42</v>
      </c>
      <c r="U22410" s="2">
        <v>1.095</v>
      </c>
      <c r="V22410" s="2">
        <v>0.79800000000000004</v>
      </c>
      <c r="W22410" s="2">
        <v>7.0000000000000001E-3</v>
      </c>
      <c r="X22410" s="2">
        <v>86.5</v>
      </c>
      <c r="Y22410" s="2">
        <v>7.6</v>
      </c>
      <c r="Z22410" s="2">
        <v>10.6</v>
      </c>
      <c r="AA22410" s="5"/>
      <c r="AB22410" s="5" t="s">
        <v>43</v>
      </c>
      <c r="AC22410" s="5" t="s">
        <v>44</v>
      </c>
      <c r="AD22410" s="2"/>
      <c r="AE22410" s="1"/>
    </row>
    <row r="22411" spans="1:31" ht="14.45">
      <c r="A22411" s="11"/>
      <c r="B22411" s="20"/>
      <c r="C22411" s="2" t="s">
        <v>72109</v>
      </c>
      <c r="D22411" s="14" t="s">
        <v>72110</v>
      </c>
      <c r="E22411" s="2" t="s">
        <v>72111</v>
      </c>
      <c r="F22411" s="2" t="s">
        <v>71961</v>
      </c>
      <c r="G22411" s="8">
        <v>115</v>
      </c>
      <c r="H22411" s="5">
        <v>6</v>
      </c>
      <c r="I22411" s="5" t="s">
        <v>1518</v>
      </c>
      <c r="J22411" s="5" t="s">
        <v>69038</v>
      </c>
      <c r="K22411" s="2" t="s">
        <v>69039</v>
      </c>
      <c r="L22411" s="5" t="s">
        <v>69038</v>
      </c>
      <c r="M22411" s="2" t="s">
        <v>69039</v>
      </c>
      <c r="N22411" s="5" t="s">
        <v>1521</v>
      </c>
      <c r="O22411" s="5" t="s">
        <v>38</v>
      </c>
      <c r="P22411" s="5" t="s">
        <v>39</v>
      </c>
      <c r="Q22411" s="5" t="s">
        <v>40</v>
      </c>
      <c r="R22411" s="5" t="s">
        <v>1522</v>
      </c>
      <c r="S22411" s="5" t="s">
        <v>1523</v>
      </c>
      <c r="T22411" s="5" t="s">
        <v>42</v>
      </c>
      <c r="U22411" s="2">
        <v>1.1579999999999999</v>
      </c>
      <c r="V22411" s="2">
        <v>0.86099999999999999</v>
      </c>
      <c r="W22411" s="2">
        <v>7.0000000000000001E-3</v>
      </c>
      <c r="X22411" s="2">
        <v>86.5</v>
      </c>
      <c r="Y22411" s="2">
        <v>7.6</v>
      </c>
      <c r="Z22411" s="2">
        <v>10.6</v>
      </c>
      <c r="AA22411" s="5"/>
      <c r="AB22411" s="5" t="s">
        <v>43</v>
      </c>
      <c r="AC22411" s="5" t="s">
        <v>44</v>
      </c>
      <c r="AD22411" s="2"/>
      <c r="AE22411" s="1"/>
    </row>
    <row r="22412" spans="1:31" ht="14.45">
      <c r="A22412" s="11"/>
      <c r="B22412" s="20"/>
      <c r="C22412" s="2" t="s">
        <v>72112</v>
      </c>
      <c r="D22412" s="14" t="s">
        <v>72113</v>
      </c>
      <c r="E22412" s="2" t="s">
        <v>72114</v>
      </c>
      <c r="F22412" s="2" t="s">
        <v>71965</v>
      </c>
      <c r="G22412" s="8">
        <v>115</v>
      </c>
      <c r="H22412" s="5">
        <v>6</v>
      </c>
      <c r="I22412" s="5" t="s">
        <v>1518</v>
      </c>
      <c r="J22412" s="5" t="s">
        <v>69038</v>
      </c>
      <c r="K22412" s="2" t="s">
        <v>69039</v>
      </c>
      <c r="L22412" s="5" t="s">
        <v>69038</v>
      </c>
      <c r="M22412" s="2" t="s">
        <v>69039</v>
      </c>
      <c r="N22412" s="5" t="s">
        <v>1521</v>
      </c>
      <c r="O22412" s="5" t="s">
        <v>38</v>
      </c>
      <c r="P22412" s="5" t="s">
        <v>39</v>
      </c>
      <c r="Q22412" s="5" t="s">
        <v>40</v>
      </c>
      <c r="R22412" s="5" t="s">
        <v>1522</v>
      </c>
      <c r="S22412" s="5" t="s">
        <v>1523</v>
      </c>
      <c r="T22412" s="5" t="s">
        <v>42</v>
      </c>
      <c r="U22412" s="2">
        <v>1.095</v>
      </c>
      <c r="V22412" s="2">
        <v>0.79800000000000004</v>
      </c>
      <c r="W22412" s="2">
        <v>7.0000000000000001E-3</v>
      </c>
      <c r="X22412" s="2">
        <v>86.5</v>
      </c>
      <c r="Y22412" s="2">
        <v>7.6</v>
      </c>
      <c r="Z22412" s="2">
        <v>10.6</v>
      </c>
      <c r="AA22412" s="5"/>
      <c r="AB22412" s="5" t="s">
        <v>43</v>
      </c>
      <c r="AC22412" s="5" t="s">
        <v>44</v>
      </c>
      <c r="AD22412" s="2"/>
      <c r="AE22412" s="1"/>
    </row>
    <row r="22413" spans="1:31" ht="14.45">
      <c r="A22413" s="11"/>
      <c r="B22413" s="20"/>
      <c r="C22413" s="2" t="s">
        <v>72115</v>
      </c>
      <c r="D22413" s="14" t="s">
        <v>72116</v>
      </c>
      <c r="E22413" s="2" t="s">
        <v>72117</v>
      </c>
      <c r="F22413" s="2" t="s">
        <v>71969</v>
      </c>
      <c r="G22413" s="8">
        <v>115</v>
      </c>
      <c r="H22413" s="5">
        <v>6</v>
      </c>
      <c r="I22413" s="5" t="s">
        <v>1518</v>
      </c>
      <c r="J22413" s="5" t="s">
        <v>69038</v>
      </c>
      <c r="K22413" s="2" t="s">
        <v>69039</v>
      </c>
      <c r="L22413" s="5" t="s">
        <v>69038</v>
      </c>
      <c r="M22413" s="2" t="s">
        <v>69039</v>
      </c>
      <c r="N22413" s="5" t="s">
        <v>1521</v>
      </c>
      <c r="O22413" s="5" t="s">
        <v>38</v>
      </c>
      <c r="P22413" s="5" t="s">
        <v>39</v>
      </c>
      <c r="Q22413" s="5" t="s">
        <v>40</v>
      </c>
      <c r="R22413" s="5" t="s">
        <v>1522</v>
      </c>
      <c r="S22413" s="5" t="s">
        <v>1523</v>
      </c>
      <c r="T22413" s="5" t="s">
        <v>42</v>
      </c>
      <c r="U22413" s="2">
        <v>1.1579999999999999</v>
      </c>
      <c r="V22413" s="2">
        <v>0.86099999999999999</v>
      </c>
      <c r="W22413" s="2">
        <v>7.0000000000000001E-3</v>
      </c>
      <c r="X22413" s="2">
        <v>86.5</v>
      </c>
      <c r="Y22413" s="2">
        <v>7.6</v>
      </c>
      <c r="Z22413" s="2">
        <v>10.6</v>
      </c>
      <c r="AA22413" s="5"/>
      <c r="AB22413" s="5" t="s">
        <v>43</v>
      </c>
      <c r="AC22413" s="5" t="s">
        <v>44</v>
      </c>
      <c r="AD22413" s="2"/>
      <c r="AE22413" s="1"/>
    </row>
    <row r="22414" spans="1:31" ht="14.45">
      <c r="A22414" s="11"/>
      <c r="B22414" s="20"/>
      <c r="C22414" s="2" t="s">
        <v>72118</v>
      </c>
      <c r="D22414" s="14" t="s">
        <v>72119</v>
      </c>
      <c r="E22414" s="2" t="s">
        <v>72120</v>
      </c>
      <c r="F22414" s="2" t="s">
        <v>71973</v>
      </c>
      <c r="G22414" s="8">
        <v>115</v>
      </c>
      <c r="H22414" s="5">
        <v>6</v>
      </c>
      <c r="I22414" s="5" t="s">
        <v>1518</v>
      </c>
      <c r="J22414" s="5" t="s">
        <v>69038</v>
      </c>
      <c r="K22414" s="2" t="s">
        <v>69039</v>
      </c>
      <c r="L22414" s="5" t="s">
        <v>69038</v>
      </c>
      <c r="M22414" s="2" t="s">
        <v>69039</v>
      </c>
      <c r="N22414" s="5" t="s">
        <v>1521</v>
      </c>
      <c r="O22414" s="5" t="s">
        <v>38</v>
      </c>
      <c r="P22414" s="5" t="s">
        <v>39</v>
      </c>
      <c r="Q22414" s="5" t="s">
        <v>40</v>
      </c>
      <c r="R22414" s="5" t="s">
        <v>1522</v>
      </c>
      <c r="S22414" s="5" t="s">
        <v>1523</v>
      </c>
      <c r="T22414" s="5" t="s">
        <v>42</v>
      </c>
      <c r="U22414" s="2">
        <v>1.095</v>
      </c>
      <c r="V22414" s="2">
        <v>0.79800000000000004</v>
      </c>
      <c r="W22414" s="2">
        <v>7.0000000000000001E-3</v>
      </c>
      <c r="X22414" s="2">
        <v>86.5</v>
      </c>
      <c r="Y22414" s="2">
        <v>7.6</v>
      </c>
      <c r="Z22414" s="2">
        <v>10.6</v>
      </c>
      <c r="AA22414" s="5"/>
      <c r="AB22414" s="5" t="s">
        <v>43</v>
      </c>
      <c r="AC22414" s="5" t="s">
        <v>44</v>
      </c>
      <c r="AD22414" s="2"/>
      <c r="AE22414" s="1"/>
    </row>
    <row r="22415" spans="1:31" ht="14.45">
      <c r="A22415" s="11"/>
      <c r="B22415" s="20"/>
      <c r="C22415" s="2" t="s">
        <v>72121</v>
      </c>
      <c r="D22415" s="14" t="s">
        <v>72122</v>
      </c>
      <c r="E22415" s="2" t="s">
        <v>72123</v>
      </c>
      <c r="F22415" s="2" t="s">
        <v>71977</v>
      </c>
      <c r="G22415" s="8">
        <v>115</v>
      </c>
      <c r="H22415" s="5">
        <v>6</v>
      </c>
      <c r="I22415" s="5" t="s">
        <v>1518</v>
      </c>
      <c r="J22415" s="5" t="s">
        <v>69038</v>
      </c>
      <c r="K22415" s="2" t="s">
        <v>69039</v>
      </c>
      <c r="L22415" s="5" t="s">
        <v>69038</v>
      </c>
      <c r="M22415" s="2" t="s">
        <v>69039</v>
      </c>
      <c r="N22415" s="5" t="s">
        <v>1521</v>
      </c>
      <c r="O22415" s="5" t="s">
        <v>38</v>
      </c>
      <c r="P22415" s="5" t="s">
        <v>39</v>
      </c>
      <c r="Q22415" s="5" t="s">
        <v>40</v>
      </c>
      <c r="R22415" s="5" t="s">
        <v>1522</v>
      </c>
      <c r="S22415" s="5" t="s">
        <v>1523</v>
      </c>
      <c r="T22415" s="5" t="s">
        <v>42</v>
      </c>
      <c r="U22415" s="2">
        <v>1.1579999999999999</v>
      </c>
      <c r="V22415" s="2">
        <v>0.86099999999999999</v>
      </c>
      <c r="W22415" s="2">
        <v>7.0000000000000001E-3</v>
      </c>
      <c r="X22415" s="2">
        <v>86.5</v>
      </c>
      <c r="Y22415" s="2">
        <v>7.6</v>
      </c>
      <c r="Z22415" s="2">
        <v>10.6</v>
      </c>
      <c r="AA22415" s="5"/>
      <c r="AB22415" s="5" t="s">
        <v>43</v>
      </c>
      <c r="AC22415" s="5" t="s">
        <v>44</v>
      </c>
      <c r="AD22415" s="2"/>
      <c r="AE22415" s="1"/>
    </row>
    <row r="22416" spans="1:31" ht="14.45">
      <c r="A22416" s="11"/>
      <c r="B22416" s="20"/>
      <c r="C22416" s="2" t="s">
        <v>72124</v>
      </c>
      <c r="D22416" s="14" t="s">
        <v>72125</v>
      </c>
      <c r="E22416" s="2" t="s">
        <v>72126</v>
      </c>
      <c r="F22416" s="2" t="s">
        <v>71981</v>
      </c>
      <c r="G22416" s="8">
        <v>115</v>
      </c>
      <c r="H22416" s="5">
        <v>6</v>
      </c>
      <c r="I22416" s="5" t="s">
        <v>1518</v>
      </c>
      <c r="J22416" s="5" t="s">
        <v>69038</v>
      </c>
      <c r="K22416" s="2" t="s">
        <v>69039</v>
      </c>
      <c r="L22416" s="5" t="s">
        <v>69038</v>
      </c>
      <c r="M22416" s="2" t="s">
        <v>69039</v>
      </c>
      <c r="N22416" s="5" t="s">
        <v>1521</v>
      </c>
      <c r="O22416" s="5" t="s">
        <v>38</v>
      </c>
      <c r="P22416" s="5" t="s">
        <v>39</v>
      </c>
      <c r="Q22416" s="5" t="s">
        <v>40</v>
      </c>
      <c r="R22416" s="5" t="s">
        <v>1522</v>
      </c>
      <c r="S22416" s="5" t="s">
        <v>1523</v>
      </c>
      <c r="T22416" s="5" t="s">
        <v>42</v>
      </c>
      <c r="U22416" s="2">
        <v>1.095</v>
      </c>
      <c r="V22416" s="2">
        <v>0.79800000000000004</v>
      </c>
      <c r="W22416" s="2">
        <v>7.0000000000000001E-3</v>
      </c>
      <c r="X22416" s="2">
        <v>86.5</v>
      </c>
      <c r="Y22416" s="2">
        <v>7.6</v>
      </c>
      <c r="Z22416" s="2">
        <v>10.6</v>
      </c>
      <c r="AA22416" s="5"/>
      <c r="AB22416" s="5" t="s">
        <v>43</v>
      </c>
      <c r="AC22416" s="5" t="s">
        <v>44</v>
      </c>
      <c r="AD22416" s="2"/>
      <c r="AE22416" s="1"/>
    </row>
    <row r="22417" spans="1:31" ht="14.45">
      <c r="A22417" s="11"/>
      <c r="B22417" s="20"/>
      <c r="C22417" s="2" t="s">
        <v>72127</v>
      </c>
      <c r="D22417" s="14" t="s">
        <v>72128</v>
      </c>
      <c r="E22417" s="2" t="s">
        <v>72129</v>
      </c>
      <c r="F22417" s="2" t="s">
        <v>71985</v>
      </c>
      <c r="G22417" s="8">
        <v>115</v>
      </c>
      <c r="H22417" s="5">
        <v>6</v>
      </c>
      <c r="I22417" s="5" t="s">
        <v>1518</v>
      </c>
      <c r="J22417" s="5" t="s">
        <v>69038</v>
      </c>
      <c r="K22417" s="2" t="s">
        <v>69039</v>
      </c>
      <c r="L22417" s="5" t="s">
        <v>69038</v>
      </c>
      <c r="M22417" s="2" t="s">
        <v>69039</v>
      </c>
      <c r="N22417" s="5" t="s">
        <v>1521</v>
      </c>
      <c r="O22417" s="5" t="s">
        <v>38</v>
      </c>
      <c r="P22417" s="5" t="s">
        <v>39</v>
      </c>
      <c r="Q22417" s="5" t="s">
        <v>40</v>
      </c>
      <c r="R22417" s="5" t="s">
        <v>1522</v>
      </c>
      <c r="S22417" s="5" t="s">
        <v>1523</v>
      </c>
      <c r="T22417" s="5" t="s">
        <v>42</v>
      </c>
      <c r="U22417" s="2">
        <v>1.1579999999999999</v>
      </c>
      <c r="V22417" s="2">
        <v>0.86099999999999999</v>
      </c>
      <c r="W22417" s="2">
        <v>7.0000000000000001E-3</v>
      </c>
      <c r="X22417" s="2">
        <v>86.5</v>
      </c>
      <c r="Y22417" s="2">
        <v>7.6</v>
      </c>
      <c r="Z22417" s="2">
        <v>10.6</v>
      </c>
      <c r="AA22417" s="5"/>
      <c r="AB22417" s="5" t="s">
        <v>43</v>
      </c>
      <c r="AC22417" s="5" t="s">
        <v>44</v>
      </c>
      <c r="AD22417" s="2"/>
      <c r="AE22417" s="1"/>
    </row>
    <row r="22418" spans="1:31" ht="14.45">
      <c r="A22418" s="11"/>
      <c r="B22418" s="20"/>
      <c r="C22418" s="2" t="s">
        <v>72130</v>
      </c>
      <c r="D22418" s="14" t="s">
        <v>72131</v>
      </c>
      <c r="E22418" s="2" t="s">
        <v>72132</v>
      </c>
      <c r="F22418" s="2" t="s">
        <v>71957</v>
      </c>
      <c r="G22418" s="8">
        <v>127</v>
      </c>
      <c r="H22418" s="5">
        <v>6</v>
      </c>
      <c r="I22418" s="5" t="s">
        <v>1518</v>
      </c>
      <c r="J22418" s="5" t="s">
        <v>69038</v>
      </c>
      <c r="K22418" s="2" t="s">
        <v>69039</v>
      </c>
      <c r="L22418" s="5" t="s">
        <v>69038</v>
      </c>
      <c r="M22418" s="2" t="s">
        <v>69039</v>
      </c>
      <c r="N22418" s="5" t="s">
        <v>1521</v>
      </c>
      <c r="O22418" s="5" t="s">
        <v>38</v>
      </c>
      <c r="P22418" s="5" t="s">
        <v>39</v>
      </c>
      <c r="Q22418" s="5" t="s">
        <v>40</v>
      </c>
      <c r="R22418" s="5" t="s">
        <v>1522</v>
      </c>
      <c r="S22418" s="5" t="s">
        <v>1523</v>
      </c>
      <c r="T22418" s="5" t="s">
        <v>42</v>
      </c>
      <c r="U22418" s="2">
        <v>1.2529999999999999</v>
      </c>
      <c r="V22418" s="2">
        <v>0.89400000000000002</v>
      </c>
      <c r="W22418" s="2">
        <v>8.9999999999999993E-3</v>
      </c>
      <c r="X22418" s="2">
        <v>106.5</v>
      </c>
      <c r="Y22418" s="2">
        <v>7.6</v>
      </c>
      <c r="Z22418" s="2">
        <v>10.6</v>
      </c>
      <c r="AA22418" s="5"/>
      <c r="AB22418" s="5" t="s">
        <v>43</v>
      </c>
      <c r="AC22418" s="5" t="s">
        <v>44</v>
      </c>
      <c r="AD22418" s="2"/>
      <c r="AE22418" s="1"/>
    </row>
    <row r="22419" spans="1:31" ht="14.45">
      <c r="A22419" s="11"/>
      <c r="B22419" s="20"/>
      <c r="C22419" s="2" t="s">
        <v>72133</v>
      </c>
      <c r="D22419" s="14" t="s">
        <v>72134</v>
      </c>
      <c r="E22419" s="2" t="s">
        <v>72135</v>
      </c>
      <c r="F22419" s="2" t="s">
        <v>71961</v>
      </c>
      <c r="G22419" s="8">
        <v>127</v>
      </c>
      <c r="H22419" s="5">
        <v>6</v>
      </c>
      <c r="I22419" s="5" t="s">
        <v>1518</v>
      </c>
      <c r="J22419" s="5" t="s">
        <v>69038</v>
      </c>
      <c r="K22419" s="2" t="s">
        <v>69039</v>
      </c>
      <c r="L22419" s="5" t="s">
        <v>69038</v>
      </c>
      <c r="M22419" s="2" t="s">
        <v>69039</v>
      </c>
      <c r="N22419" s="5" t="s">
        <v>1521</v>
      </c>
      <c r="O22419" s="5" t="s">
        <v>38</v>
      </c>
      <c r="P22419" s="5" t="s">
        <v>39</v>
      </c>
      <c r="Q22419" s="5" t="s">
        <v>40</v>
      </c>
      <c r="R22419" s="5" t="s">
        <v>1522</v>
      </c>
      <c r="S22419" s="5" t="s">
        <v>1523</v>
      </c>
      <c r="T22419" s="5" t="s">
        <v>42</v>
      </c>
      <c r="U22419" s="2">
        <v>1.3260000000000001</v>
      </c>
      <c r="V22419" s="2">
        <v>0.96699999999999997</v>
      </c>
      <c r="W22419" s="2">
        <v>8.9999999999999993E-3</v>
      </c>
      <c r="X22419" s="2">
        <v>106.5</v>
      </c>
      <c r="Y22419" s="2">
        <v>7.6</v>
      </c>
      <c r="Z22419" s="2">
        <v>10.6</v>
      </c>
      <c r="AA22419" s="5"/>
      <c r="AB22419" s="5" t="s">
        <v>43</v>
      </c>
      <c r="AC22419" s="5" t="s">
        <v>44</v>
      </c>
      <c r="AD22419" s="2"/>
      <c r="AE22419" s="1"/>
    </row>
    <row r="22420" spans="1:31" ht="14.45">
      <c r="A22420" s="11"/>
      <c r="B22420" s="20"/>
      <c r="C22420" s="2" t="s">
        <v>72136</v>
      </c>
      <c r="D22420" s="14" t="s">
        <v>72137</v>
      </c>
      <c r="E22420" s="2" t="s">
        <v>72138</v>
      </c>
      <c r="F22420" s="2" t="s">
        <v>71965</v>
      </c>
      <c r="G22420" s="8">
        <v>127</v>
      </c>
      <c r="H22420" s="5">
        <v>6</v>
      </c>
      <c r="I22420" s="5" t="s">
        <v>1518</v>
      </c>
      <c r="J22420" s="5" t="s">
        <v>69038</v>
      </c>
      <c r="K22420" s="2" t="s">
        <v>69039</v>
      </c>
      <c r="L22420" s="5" t="s">
        <v>69038</v>
      </c>
      <c r="M22420" s="2" t="s">
        <v>69039</v>
      </c>
      <c r="N22420" s="5" t="s">
        <v>1521</v>
      </c>
      <c r="O22420" s="5" t="s">
        <v>38</v>
      </c>
      <c r="P22420" s="5" t="s">
        <v>39</v>
      </c>
      <c r="Q22420" s="5" t="s">
        <v>40</v>
      </c>
      <c r="R22420" s="5" t="s">
        <v>1522</v>
      </c>
      <c r="S22420" s="5" t="s">
        <v>1523</v>
      </c>
      <c r="T22420" s="5" t="s">
        <v>42</v>
      </c>
      <c r="U22420" s="2">
        <v>1.2529999999999999</v>
      </c>
      <c r="V22420" s="2">
        <v>0.89400000000000002</v>
      </c>
      <c r="W22420" s="2">
        <v>8.9999999999999993E-3</v>
      </c>
      <c r="X22420" s="2">
        <v>106.5</v>
      </c>
      <c r="Y22420" s="2">
        <v>7.6</v>
      </c>
      <c r="Z22420" s="2">
        <v>10.6</v>
      </c>
      <c r="AA22420" s="5"/>
      <c r="AB22420" s="5" t="s">
        <v>43</v>
      </c>
      <c r="AC22420" s="5" t="s">
        <v>44</v>
      </c>
      <c r="AD22420" s="2"/>
      <c r="AE22420" s="1"/>
    </row>
    <row r="22421" spans="1:31" ht="14.45">
      <c r="A22421" s="11"/>
      <c r="B22421" s="20"/>
      <c r="C22421" s="2" t="s">
        <v>72139</v>
      </c>
      <c r="D22421" s="14" t="s">
        <v>72140</v>
      </c>
      <c r="E22421" s="2" t="s">
        <v>72141</v>
      </c>
      <c r="F22421" s="2" t="s">
        <v>71969</v>
      </c>
      <c r="G22421" s="8">
        <v>127</v>
      </c>
      <c r="H22421" s="5">
        <v>6</v>
      </c>
      <c r="I22421" s="5" t="s">
        <v>1518</v>
      </c>
      <c r="J22421" s="5" t="s">
        <v>69038</v>
      </c>
      <c r="K22421" s="2" t="s">
        <v>69039</v>
      </c>
      <c r="L22421" s="5" t="s">
        <v>69038</v>
      </c>
      <c r="M22421" s="2" t="s">
        <v>69039</v>
      </c>
      <c r="N22421" s="5" t="s">
        <v>1521</v>
      </c>
      <c r="O22421" s="5" t="s">
        <v>38</v>
      </c>
      <c r="P22421" s="5" t="s">
        <v>39</v>
      </c>
      <c r="Q22421" s="5" t="s">
        <v>40</v>
      </c>
      <c r="R22421" s="5" t="s">
        <v>1522</v>
      </c>
      <c r="S22421" s="5" t="s">
        <v>1523</v>
      </c>
      <c r="T22421" s="5" t="s">
        <v>42</v>
      </c>
      <c r="U22421" s="2">
        <v>1.3260000000000001</v>
      </c>
      <c r="V22421" s="2">
        <v>0.96699999999999997</v>
      </c>
      <c r="W22421" s="2">
        <v>8.9999999999999993E-3</v>
      </c>
      <c r="X22421" s="2">
        <v>106.5</v>
      </c>
      <c r="Y22421" s="2">
        <v>7.6</v>
      </c>
      <c r="Z22421" s="2">
        <v>10.6</v>
      </c>
      <c r="AA22421" s="5"/>
      <c r="AB22421" s="5" t="s">
        <v>43</v>
      </c>
      <c r="AC22421" s="5" t="s">
        <v>44</v>
      </c>
      <c r="AD22421" s="2"/>
      <c r="AE22421" s="1"/>
    </row>
    <row r="22422" spans="1:31" ht="14.45">
      <c r="A22422" s="11"/>
      <c r="B22422" s="20"/>
      <c r="C22422" s="2" t="s">
        <v>72142</v>
      </c>
      <c r="D22422" s="14" t="s">
        <v>72143</v>
      </c>
      <c r="E22422" s="2" t="s">
        <v>72144</v>
      </c>
      <c r="F22422" s="2" t="s">
        <v>71973</v>
      </c>
      <c r="G22422" s="8">
        <v>127</v>
      </c>
      <c r="H22422" s="5">
        <v>6</v>
      </c>
      <c r="I22422" s="5" t="s">
        <v>1518</v>
      </c>
      <c r="J22422" s="5" t="s">
        <v>69038</v>
      </c>
      <c r="K22422" s="2" t="s">
        <v>69039</v>
      </c>
      <c r="L22422" s="5" t="s">
        <v>69038</v>
      </c>
      <c r="M22422" s="2" t="s">
        <v>69039</v>
      </c>
      <c r="N22422" s="5" t="s">
        <v>1521</v>
      </c>
      <c r="O22422" s="5" t="s">
        <v>38</v>
      </c>
      <c r="P22422" s="5" t="s">
        <v>39</v>
      </c>
      <c r="Q22422" s="5" t="s">
        <v>40</v>
      </c>
      <c r="R22422" s="5" t="s">
        <v>1522</v>
      </c>
      <c r="S22422" s="5" t="s">
        <v>1523</v>
      </c>
      <c r="T22422" s="5" t="s">
        <v>42</v>
      </c>
      <c r="U22422" s="2">
        <v>1.2529999999999999</v>
      </c>
      <c r="V22422" s="2">
        <v>0.89400000000000002</v>
      </c>
      <c r="W22422" s="2">
        <v>8.9999999999999993E-3</v>
      </c>
      <c r="X22422" s="2">
        <v>106.5</v>
      </c>
      <c r="Y22422" s="2">
        <v>7.6</v>
      </c>
      <c r="Z22422" s="2">
        <v>10.6</v>
      </c>
      <c r="AA22422" s="5"/>
      <c r="AB22422" s="5" t="s">
        <v>43</v>
      </c>
      <c r="AC22422" s="5" t="s">
        <v>44</v>
      </c>
      <c r="AD22422" s="2"/>
      <c r="AE22422" s="1"/>
    </row>
    <row r="22423" spans="1:31" ht="14.45">
      <c r="A22423" s="11"/>
      <c r="B22423" s="20"/>
      <c r="C22423" s="2" t="s">
        <v>72145</v>
      </c>
      <c r="D22423" s="14" t="s">
        <v>72146</v>
      </c>
      <c r="E22423" s="2" t="s">
        <v>72147</v>
      </c>
      <c r="F22423" s="2" t="s">
        <v>71977</v>
      </c>
      <c r="G22423" s="8">
        <v>127</v>
      </c>
      <c r="H22423" s="5">
        <v>6</v>
      </c>
      <c r="I22423" s="5" t="s">
        <v>1518</v>
      </c>
      <c r="J22423" s="5" t="s">
        <v>69038</v>
      </c>
      <c r="K22423" s="2" t="s">
        <v>69039</v>
      </c>
      <c r="L22423" s="5" t="s">
        <v>69038</v>
      </c>
      <c r="M22423" s="2" t="s">
        <v>69039</v>
      </c>
      <c r="N22423" s="5" t="s">
        <v>1521</v>
      </c>
      <c r="O22423" s="5" t="s">
        <v>38</v>
      </c>
      <c r="P22423" s="5" t="s">
        <v>39</v>
      </c>
      <c r="Q22423" s="5" t="s">
        <v>40</v>
      </c>
      <c r="R22423" s="5" t="s">
        <v>1522</v>
      </c>
      <c r="S22423" s="5" t="s">
        <v>1523</v>
      </c>
      <c r="T22423" s="5" t="s">
        <v>42</v>
      </c>
      <c r="U22423" s="2">
        <v>1.3260000000000001</v>
      </c>
      <c r="V22423" s="2">
        <v>0.96699999999999997</v>
      </c>
      <c r="W22423" s="2">
        <v>8.9999999999999993E-3</v>
      </c>
      <c r="X22423" s="2">
        <v>106.5</v>
      </c>
      <c r="Y22423" s="2">
        <v>7.6</v>
      </c>
      <c r="Z22423" s="2">
        <v>10.6</v>
      </c>
      <c r="AA22423" s="5"/>
      <c r="AB22423" s="5" t="s">
        <v>43</v>
      </c>
      <c r="AC22423" s="5" t="s">
        <v>44</v>
      </c>
      <c r="AD22423" s="2"/>
      <c r="AE22423" s="1"/>
    </row>
    <row r="22424" spans="1:31" ht="14.45">
      <c r="A22424" s="11"/>
      <c r="B22424" s="20"/>
      <c r="C22424" s="2" t="s">
        <v>72148</v>
      </c>
      <c r="D22424" s="14" t="s">
        <v>72149</v>
      </c>
      <c r="E22424" s="2" t="s">
        <v>72150</v>
      </c>
      <c r="F22424" s="2" t="s">
        <v>71981</v>
      </c>
      <c r="G22424" s="8">
        <v>127</v>
      </c>
      <c r="H22424" s="5">
        <v>6</v>
      </c>
      <c r="I22424" s="5" t="s">
        <v>1518</v>
      </c>
      <c r="J22424" s="5" t="s">
        <v>69038</v>
      </c>
      <c r="K22424" s="2" t="s">
        <v>69039</v>
      </c>
      <c r="L22424" s="5" t="s">
        <v>69038</v>
      </c>
      <c r="M22424" s="2" t="s">
        <v>69039</v>
      </c>
      <c r="N22424" s="5" t="s">
        <v>1521</v>
      </c>
      <c r="O22424" s="5" t="s">
        <v>38</v>
      </c>
      <c r="P22424" s="5" t="s">
        <v>39</v>
      </c>
      <c r="Q22424" s="5" t="s">
        <v>40</v>
      </c>
      <c r="R22424" s="5" t="s">
        <v>1522</v>
      </c>
      <c r="S22424" s="5" t="s">
        <v>1523</v>
      </c>
      <c r="T22424" s="5" t="s">
        <v>42</v>
      </c>
      <c r="U22424" s="2">
        <v>1.2529999999999999</v>
      </c>
      <c r="V22424" s="2">
        <v>0.89400000000000002</v>
      </c>
      <c r="W22424" s="2">
        <v>8.9999999999999993E-3</v>
      </c>
      <c r="X22424" s="2">
        <v>106.5</v>
      </c>
      <c r="Y22424" s="2">
        <v>7.6</v>
      </c>
      <c r="Z22424" s="2">
        <v>10.6</v>
      </c>
      <c r="AA22424" s="5"/>
      <c r="AB22424" s="5" t="s">
        <v>43</v>
      </c>
      <c r="AC22424" s="5" t="s">
        <v>44</v>
      </c>
      <c r="AD22424" s="2"/>
      <c r="AE22424" s="1"/>
    </row>
    <row r="22425" spans="1:31" ht="14.45">
      <c r="A22425" s="11"/>
      <c r="B22425" s="20"/>
      <c r="C22425" s="2" t="s">
        <v>72151</v>
      </c>
      <c r="D22425" s="14" t="s">
        <v>72152</v>
      </c>
      <c r="E22425" s="2" t="s">
        <v>72153</v>
      </c>
      <c r="F22425" s="2" t="s">
        <v>71985</v>
      </c>
      <c r="G22425" s="8">
        <v>127</v>
      </c>
      <c r="H22425" s="5">
        <v>6</v>
      </c>
      <c r="I22425" s="5" t="s">
        <v>1518</v>
      </c>
      <c r="J22425" s="5" t="s">
        <v>69038</v>
      </c>
      <c r="K22425" s="2" t="s">
        <v>69039</v>
      </c>
      <c r="L22425" s="5" t="s">
        <v>69038</v>
      </c>
      <c r="M22425" s="2" t="s">
        <v>69039</v>
      </c>
      <c r="N22425" s="5" t="s">
        <v>1521</v>
      </c>
      <c r="O22425" s="5" t="s">
        <v>38</v>
      </c>
      <c r="P22425" s="5" t="s">
        <v>39</v>
      </c>
      <c r="Q22425" s="5" t="s">
        <v>40</v>
      </c>
      <c r="R22425" s="5" t="s">
        <v>1522</v>
      </c>
      <c r="S22425" s="5" t="s">
        <v>1523</v>
      </c>
      <c r="T22425" s="5" t="s">
        <v>42</v>
      </c>
      <c r="U22425" s="2">
        <v>1.3260000000000001</v>
      </c>
      <c r="V22425" s="2">
        <v>0.96699999999999997</v>
      </c>
      <c r="W22425" s="2">
        <v>8.9999999999999993E-3</v>
      </c>
      <c r="X22425" s="2">
        <v>106.5</v>
      </c>
      <c r="Y22425" s="2">
        <v>7.6</v>
      </c>
      <c r="Z22425" s="2">
        <v>10.6</v>
      </c>
      <c r="AA22425" s="5"/>
      <c r="AB22425" s="5" t="s">
        <v>43</v>
      </c>
      <c r="AC22425" s="5" t="s">
        <v>44</v>
      </c>
      <c r="AD22425" s="2"/>
      <c r="AE22425" s="1"/>
    </row>
    <row r="22426" spans="1:31" ht="14.45">
      <c r="A22426" s="11"/>
      <c r="B22426" s="20"/>
      <c r="C22426" s="2" t="s">
        <v>72154</v>
      </c>
      <c r="D22426" s="14" t="s">
        <v>72155</v>
      </c>
      <c r="E22426" s="2" t="s">
        <v>72156</v>
      </c>
      <c r="F22426" s="2" t="s">
        <v>71957</v>
      </c>
      <c r="G22426" s="8">
        <v>131</v>
      </c>
      <c r="H22426" s="5">
        <v>6</v>
      </c>
      <c r="I22426" s="5" t="s">
        <v>1518</v>
      </c>
      <c r="J22426" s="5" t="s">
        <v>69038</v>
      </c>
      <c r="K22426" s="2" t="s">
        <v>69039</v>
      </c>
      <c r="L22426" s="5" t="s">
        <v>69038</v>
      </c>
      <c r="M22426" s="2" t="s">
        <v>69039</v>
      </c>
      <c r="N22426" s="5" t="s">
        <v>1521</v>
      </c>
      <c r="O22426" s="5" t="s">
        <v>38</v>
      </c>
      <c r="P22426" s="5" t="s">
        <v>39</v>
      </c>
      <c r="Q22426" s="5" t="s">
        <v>40</v>
      </c>
      <c r="R22426" s="5" t="s">
        <v>1522</v>
      </c>
      <c r="S22426" s="5" t="s">
        <v>1523</v>
      </c>
      <c r="T22426" s="5" t="s">
        <v>42</v>
      </c>
      <c r="U22426" s="2">
        <v>1.42</v>
      </c>
      <c r="V22426" s="2">
        <v>1.0009999999999999</v>
      </c>
      <c r="W22426" s="2">
        <v>0.01</v>
      </c>
      <c r="X22426" s="2">
        <v>128.5</v>
      </c>
      <c r="Y22426" s="2">
        <v>7.6</v>
      </c>
      <c r="Z22426" s="2">
        <v>10.6</v>
      </c>
      <c r="AA22426" s="5"/>
      <c r="AB22426" s="5" t="s">
        <v>43</v>
      </c>
      <c r="AC22426" s="5" t="s">
        <v>44</v>
      </c>
      <c r="AD22426" s="2"/>
      <c r="AE22426" s="1"/>
    </row>
    <row r="22427" spans="1:31" ht="14.45">
      <c r="A22427" s="11"/>
      <c r="B22427" s="20"/>
      <c r="C22427" s="2" t="s">
        <v>72157</v>
      </c>
      <c r="D22427" s="14" t="s">
        <v>72158</v>
      </c>
      <c r="E22427" s="2" t="s">
        <v>72159</v>
      </c>
      <c r="F22427" s="2" t="s">
        <v>71961</v>
      </c>
      <c r="G22427" s="8">
        <v>131</v>
      </c>
      <c r="H22427" s="5">
        <v>6</v>
      </c>
      <c r="I22427" s="5" t="s">
        <v>1518</v>
      </c>
      <c r="J22427" s="5" t="s">
        <v>69038</v>
      </c>
      <c r="K22427" s="2" t="s">
        <v>69039</v>
      </c>
      <c r="L22427" s="5" t="s">
        <v>69038</v>
      </c>
      <c r="M22427" s="2" t="s">
        <v>69039</v>
      </c>
      <c r="N22427" s="5" t="s">
        <v>1521</v>
      </c>
      <c r="O22427" s="5" t="s">
        <v>38</v>
      </c>
      <c r="P22427" s="5" t="s">
        <v>39</v>
      </c>
      <c r="Q22427" s="5" t="s">
        <v>40</v>
      </c>
      <c r="R22427" s="5" t="s">
        <v>1522</v>
      </c>
      <c r="S22427" s="5" t="s">
        <v>1523</v>
      </c>
      <c r="T22427" s="5" t="s">
        <v>42</v>
      </c>
      <c r="U22427" s="2">
        <v>1.504</v>
      </c>
      <c r="V22427" s="2">
        <v>1.085</v>
      </c>
      <c r="W22427" s="2">
        <v>0.01</v>
      </c>
      <c r="X22427" s="2">
        <v>128.5</v>
      </c>
      <c r="Y22427" s="2">
        <v>7.6</v>
      </c>
      <c r="Z22427" s="2">
        <v>10.6</v>
      </c>
      <c r="AA22427" s="5"/>
      <c r="AB22427" s="5" t="s">
        <v>43</v>
      </c>
      <c r="AC22427" s="5" t="s">
        <v>44</v>
      </c>
      <c r="AD22427" s="2"/>
      <c r="AE22427" s="1"/>
    </row>
    <row r="22428" spans="1:31" ht="14.45">
      <c r="A22428" s="11"/>
      <c r="B22428" s="20"/>
      <c r="C22428" s="2" t="s">
        <v>72160</v>
      </c>
      <c r="D22428" s="14" t="s">
        <v>72161</v>
      </c>
      <c r="E22428" s="2" t="s">
        <v>72162</v>
      </c>
      <c r="F22428" s="2" t="s">
        <v>71965</v>
      </c>
      <c r="G22428" s="8">
        <v>131</v>
      </c>
      <c r="H22428" s="5">
        <v>6</v>
      </c>
      <c r="I22428" s="5" t="s">
        <v>1518</v>
      </c>
      <c r="J22428" s="5" t="s">
        <v>69038</v>
      </c>
      <c r="K22428" s="2" t="s">
        <v>69039</v>
      </c>
      <c r="L22428" s="5" t="s">
        <v>69038</v>
      </c>
      <c r="M22428" s="2" t="s">
        <v>69039</v>
      </c>
      <c r="N22428" s="5" t="s">
        <v>1521</v>
      </c>
      <c r="O22428" s="5" t="s">
        <v>38</v>
      </c>
      <c r="P22428" s="5" t="s">
        <v>39</v>
      </c>
      <c r="Q22428" s="5" t="s">
        <v>40</v>
      </c>
      <c r="R22428" s="5" t="s">
        <v>1522</v>
      </c>
      <c r="S22428" s="5" t="s">
        <v>1523</v>
      </c>
      <c r="T22428" s="5" t="s">
        <v>42</v>
      </c>
      <c r="U22428" s="2">
        <v>1.42</v>
      </c>
      <c r="V22428" s="2">
        <v>1.0009999999999999</v>
      </c>
      <c r="W22428" s="2">
        <v>0.01</v>
      </c>
      <c r="X22428" s="2">
        <v>128.5</v>
      </c>
      <c r="Y22428" s="2">
        <v>7.6</v>
      </c>
      <c r="Z22428" s="2">
        <v>10.6</v>
      </c>
      <c r="AA22428" s="5"/>
      <c r="AB22428" s="5" t="s">
        <v>43</v>
      </c>
      <c r="AC22428" s="5" t="s">
        <v>44</v>
      </c>
      <c r="AD22428" s="2"/>
      <c r="AE22428" s="1"/>
    </row>
    <row r="22429" spans="1:31" ht="14.45">
      <c r="A22429" s="11"/>
      <c r="B22429" s="20"/>
      <c r="C22429" s="2" t="s">
        <v>72163</v>
      </c>
      <c r="D22429" s="14" t="s">
        <v>72164</v>
      </c>
      <c r="E22429" s="2" t="s">
        <v>72165</v>
      </c>
      <c r="F22429" s="2" t="s">
        <v>71969</v>
      </c>
      <c r="G22429" s="8">
        <v>131</v>
      </c>
      <c r="H22429" s="5">
        <v>6</v>
      </c>
      <c r="I22429" s="5" t="s">
        <v>1518</v>
      </c>
      <c r="J22429" s="5" t="s">
        <v>69038</v>
      </c>
      <c r="K22429" s="2" t="s">
        <v>69039</v>
      </c>
      <c r="L22429" s="5" t="s">
        <v>69038</v>
      </c>
      <c r="M22429" s="2" t="s">
        <v>69039</v>
      </c>
      <c r="N22429" s="5" t="s">
        <v>1521</v>
      </c>
      <c r="O22429" s="5" t="s">
        <v>38</v>
      </c>
      <c r="P22429" s="5" t="s">
        <v>39</v>
      </c>
      <c r="Q22429" s="5" t="s">
        <v>40</v>
      </c>
      <c r="R22429" s="5" t="s">
        <v>1522</v>
      </c>
      <c r="S22429" s="5" t="s">
        <v>1523</v>
      </c>
      <c r="T22429" s="5" t="s">
        <v>42</v>
      </c>
      <c r="U22429" s="2">
        <v>1.504</v>
      </c>
      <c r="V22429" s="2">
        <v>1.085</v>
      </c>
      <c r="W22429" s="2">
        <v>0.01</v>
      </c>
      <c r="X22429" s="2">
        <v>128.5</v>
      </c>
      <c r="Y22429" s="2">
        <v>7.6</v>
      </c>
      <c r="Z22429" s="2">
        <v>10.6</v>
      </c>
      <c r="AA22429" s="5"/>
      <c r="AB22429" s="5" t="s">
        <v>43</v>
      </c>
      <c r="AC22429" s="5" t="s">
        <v>44</v>
      </c>
      <c r="AD22429" s="2"/>
      <c r="AE22429" s="1"/>
    </row>
    <row r="22430" spans="1:31" ht="14.45">
      <c r="A22430" s="11"/>
      <c r="B22430" s="20"/>
      <c r="C22430" s="2" t="s">
        <v>72166</v>
      </c>
      <c r="D22430" s="14" t="s">
        <v>72167</v>
      </c>
      <c r="E22430" s="2" t="s">
        <v>72168</v>
      </c>
      <c r="F22430" s="2" t="s">
        <v>71973</v>
      </c>
      <c r="G22430" s="8">
        <v>131</v>
      </c>
      <c r="H22430" s="5">
        <v>6</v>
      </c>
      <c r="I22430" s="5" t="s">
        <v>1518</v>
      </c>
      <c r="J22430" s="5" t="s">
        <v>69038</v>
      </c>
      <c r="K22430" s="2" t="s">
        <v>69039</v>
      </c>
      <c r="L22430" s="5" t="s">
        <v>69038</v>
      </c>
      <c r="M22430" s="2" t="s">
        <v>69039</v>
      </c>
      <c r="N22430" s="5" t="s">
        <v>1521</v>
      </c>
      <c r="O22430" s="5" t="s">
        <v>38</v>
      </c>
      <c r="P22430" s="5" t="s">
        <v>39</v>
      </c>
      <c r="Q22430" s="5" t="s">
        <v>40</v>
      </c>
      <c r="R22430" s="5" t="s">
        <v>1522</v>
      </c>
      <c r="S22430" s="5" t="s">
        <v>1523</v>
      </c>
      <c r="T22430" s="5" t="s">
        <v>42</v>
      </c>
      <c r="U22430" s="2">
        <v>1.42</v>
      </c>
      <c r="V22430" s="2">
        <v>1.0009999999999999</v>
      </c>
      <c r="W22430" s="2">
        <v>0.01</v>
      </c>
      <c r="X22430" s="2">
        <v>128.5</v>
      </c>
      <c r="Y22430" s="2">
        <v>7.6</v>
      </c>
      <c r="Z22430" s="2">
        <v>10.6</v>
      </c>
      <c r="AA22430" s="5"/>
      <c r="AB22430" s="5" t="s">
        <v>43</v>
      </c>
      <c r="AC22430" s="5" t="s">
        <v>44</v>
      </c>
      <c r="AD22430" s="2"/>
      <c r="AE22430" s="1"/>
    </row>
    <row r="22431" spans="1:31" ht="14.45">
      <c r="A22431" s="11"/>
      <c r="B22431" s="20"/>
      <c r="C22431" s="2" t="s">
        <v>72169</v>
      </c>
      <c r="D22431" s="14" t="s">
        <v>72170</v>
      </c>
      <c r="E22431" s="2" t="s">
        <v>72171</v>
      </c>
      <c r="F22431" s="2" t="s">
        <v>71977</v>
      </c>
      <c r="G22431" s="8">
        <v>131</v>
      </c>
      <c r="H22431" s="5">
        <v>6</v>
      </c>
      <c r="I22431" s="5" t="s">
        <v>1518</v>
      </c>
      <c r="J22431" s="5" t="s">
        <v>69038</v>
      </c>
      <c r="K22431" s="2" t="s">
        <v>69039</v>
      </c>
      <c r="L22431" s="5" t="s">
        <v>69038</v>
      </c>
      <c r="M22431" s="2" t="s">
        <v>69039</v>
      </c>
      <c r="N22431" s="5" t="s">
        <v>1521</v>
      </c>
      <c r="O22431" s="5" t="s">
        <v>38</v>
      </c>
      <c r="P22431" s="5" t="s">
        <v>39</v>
      </c>
      <c r="Q22431" s="5" t="s">
        <v>40</v>
      </c>
      <c r="R22431" s="5" t="s">
        <v>1522</v>
      </c>
      <c r="S22431" s="5" t="s">
        <v>1523</v>
      </c>
      <c r="T22431" s="5" t="s">
        <v>42</v>
      </c>
      <c r="U22431" s="2">
        <v>1.504</v>
      </c>
      <c r="V22431" s="2">
        <v>1.085</v>
      </c>
      <c r="W22431" s="2">
        <v>0.01</v>
      </c>
      <c r="X22431" s="2">
        <v>128.5</v>
      </c>
      <c r="Y22431" s="2">
        <v>7.6</v>
      </c>
      <c r="Z22431" s="2">
        <v>10.6</v>
      </c>
      <c r="AA22431" s="5"/>
      <c r="AB22431" s="5" t="s">
        <v>43</v>
      </c>
      <c r="AC22431" s="5" t="s">
        <v>44</v>
      </c>
      <c r="AD22431" s="2"/>
      <c r="AE22431" s="1"/>
    </row>
    <row r="22432" spans="1:31" ht="14.45">
      <c r="A22432" s="11"/>
      <c r="B22432" s="20"/>
      <c r="C22432" s="2" t="s">
        <v>72172</v>
      </c>
      <c r="D22432" s="14" t="s">
        <v>72173</v>
      </c>
      <c r="E22432" s="2" t="s">
        <v>72174</v>
      </c>
      <c r="F22432" s="2" t="s">
        <v>71981</v>
      </c>
      <c r="G22432" s="8">
        <v>131</v>
      </c>
      <c r="H22432" s="5">
        <v>6</v>
      </c>
      <c r="I22432" s="5" t="s">
        <v>1518</v>
      </c>
      <c r="J22432" s="5" t="s">
        <v>69038</v>
      </c>
      <c r="K22432" s="2" t="s">
        <v>69039</v>
      </c>
      <c r="L22432" s="5" t="s">
        <v>69038</v>
      </c>
      <c r="M22432" s="2" t="s">
        <v>69039</v>
      </c>
      <c r="N22432" s="5" t="s">
        <v>1521</v>
      </c>
      <c r="O22432" s="5" t="s">
        <v>38</v>
      </c>
      <c r="P22432" s="5" t="s">
        <v>39</v>
      </c>
      <c r="Q22432" s="5" t="s">
        <v>40</v>
      </c>
      <c r="R22432" s="5" t="s">
        <v>1522</v>
      </c>
      <c r="S22432" s="5" t="s">
        <v>1523</v>
      </c>
      <c r="T22432" s="5" t="s">
        <v>42</v>
      </c>
      <c r="U22432" s="2">
        <v>1.42</v>
      </c>
      <c r="V22432" s="2">
        <v>1.0009999999999999</v>
      </c>
      <c r="W22432" s="2">
        <v>0.01</v>
      </c>
      <c r="X22432" s="2">
        <v>128.5</v>
      </c>
      <c r="Y22432" s="2">
        <v>7.6</v>
      </c>
      <c r="Z22432" s="2">
        <v>10.6</v>
      </c>
      <c r="AA22432" s="5"/>
      <c r="AB22432" s="5" t="s">
        <v>43</v>
      </c>
      <c r="AC22432" s="5" t="s">
        <v>44</v>
      </c>
      <c r="AD22432" s="2"/>
      <c r="AE22432" s="1"/>
    </row>
    <row r="22433" spans="1:31" ht="14.45">
      <c r="A22433" s="11"/>
      <c r="B22433" s="20"/>
      <c r="C22433" s="2" t="s">
        <v>72175</v>
      </c>
      <c r="D22433" s="14" t="s">
        <v>72176</v>
      </c>
      <c r="E22433" s="2" t="s">
        <v>72177</v>
      </c>
      <c r="F22433" s="2" t="s">
        <v>71985</v>
      </c>
      <c r="G22433" s="8">
        <v>131</v>
      </c>
      <c r="H22433" s="5">
        <v>6</v>
      </c>
      <c r="I22433" s="5" t="s">
        <v>1518</v>
      </c>
      <c r="J22433" s="5" t="s">
        <v>69038</v>
      </c>
      <c r="K22433" s="2" t="s">
        <v>69039</v>
      </c>
      <c r="L22433" s="5" t="s">
        <v>69038</v>
      </c>
      <c r="M22433" s="2" t="s">
        <v>69039</v>
      </c>
      <c r="N22433" s="5" t="s">
        <v>1521</v>
      </c>
      <c r="O22433" s="5" t="s">
        <v>38</v>
      </c>
      <c r="P22433" s="5" t="s">
        <v>39</v>
      </c>
      <c r="Q22433" s="5" t="s">
        <v>40</v>
      </c>
      <c r="R22433" s="5" t="s">
        <v>1522</v>
      </c>
      <c r="S22433" s="5" t="s">
        <v>1523</v>
      </c>
      <c r="T22433" s="5" t="s">
        <v>42</v>
      </c>
      <c r="U22433" s="2">
        <v>1.504</v>
      </c>
      <c r="V22433" s="2">
        <v>1.085</v>
      </c>
      <c r="W22433" s="2">
        <v>0.01</v>
      </c>
      <c r="X22433" s="2">
        <v>128.5</v>
      </c>
      <c r="Y22433" s="2">
        <v>7.6</v>
      </c>
      <c r="Z22433" s="2">
        <v>10.6</v>
      </c>
      <c r="AA22433" s="5"/>
      <c r="AB22433" s="5" t="s">
        <v>43</v>
      </c>
      <c r="AC22433" s="5" t="s">
        <v>44</v>
      </c>
      <c r="AD22433" s="2"/>
      <c r="AE22433" s="1"/>
    </row>
    <row r="22434" spans="1:31" ht="14.45">
      <c r="A22434" s="11"/>
      <c r="B22434" s="20"/>
      <c r="C22434" s="2" t="s">
        <v>72178</v>
      </c>
      <c r="D22434" s="14" t="s">
        <v>72179</v>
      </c>
      <c r="E22434" s="2" t="s">
        <v>72180</v>
      </c>
      <c r="F22434" s="2" t="s">
        <v>71957</v>
      </c>
      <c r="G22434" s="8">
        <v>115</v>
      </c>
      <c r="H22434" s="5">
        <v>6</v>
      </c>
      <c r="I22434" s="5" t="s">
        <v>1518</v>
      </c>
      <c r="J22434" s="5" t="s">
        <v>69038</v>
      </c>
      <c r="K22434" s="2" t="s">
        <v>69039</v>
      </c>
      <c r="L22434" s="5" t="s">
        <v>69038</v>
      </c>
      <c r="M22434" s="2" t="s">
        <v>69039</v>
      </c>
      <c r="N22434" s="5" t="s">
        <v>1521</v>
      </c>
      <c r="O22434" s="5" t="s">
        <v>38</v>
      </c>
      <c r="P22434" s="5" t="s">
        <v>39</v>
      </c>
      <c r="Q22434" s="5" t="s">
        <v>40</v>
      </c>
      <c r="R22434" s="5" t="s">
        <v>1522</v>
      </c>
      <c r="S22434" s="5" t="s">
        <v>1523</v>
      </c>
      <c r="T22434" s="5" t="s">
        <v>42</v>
      </c>
      <c r="U22434" s="2">
        <v>1.1200000000000001</v>
      </c>
      <c r="V22434" s="2">
        <v>0.82299999999999995</v>
      </c>
      <c r="W22434" s="2">
        <v>7.0000000000000001E-3</v>
      </c>
      <c r="X22434" s="2">
        <v>86.5</v>
      </c>
      <c r="Y22434" s="2">
        <v>7.6</v>
      </c>
      <c r="Z22434" s="2">
        <v>10.6</v>
      </c>
      <c r="AA22434" s="5"/>
      <c r="AB22434" s="5" t="s">
        <v>43</v>
      </c>
      <c r="AC22434" s="5" t="s">
        <v>44</v>
      </c>
      <c r="AD22434" s="2"/>
      <c r="AE22434" s="1"/>
    </row>
    <row r="22435" spans="1:31" ht="14.45">
      <c r="A22435" s="11"/>
      <c r="B22435" s="20"/>
      <c r="C22435" s="2" t="s">
        <v>72181</v>
      </c>
      <c r="D22435" s="14" t="s">
        <v>72182</v>
      </c>
      <c r="E22435" s="2" t="s">
        <v>72183</v>
      </c>
      <c r="F22435" s="2" t="s">
        <v>71961</v>
      </c>
      <c r="G22435" s="8">
        <v>115</v>
      </c>
      <c r="H22435" s="5">
        <v>6</v>
      </c>
      <c r="I22435" s="5" t="s">
        <v>1518</v>
      </c>
      <c r="J22435" s="5" t="s">
        <v>69038</v>
      </c>
      <c r="K22435" s="2" t="s">
        <v>69039</v>
      </c>
      <c r="L22435" s="5" t="s">
        <v>69038</v>
      </c>
      <c r="M22435" s="2" t="s">
        <v>69039</v>
      </c>
      <c r="N22435" s="5" t="s">
        <v>1521</v>
      </c>
      <c r="O22435" s="5" t="s">
        <v>38</v>
      </c>
      <c r="P22435" s="5" t="s">
        <v>39</v>
      </c>
      <c r="Q22435" s="5" t="s">
        <v>40</v>
      </c>
      <c r="R22435" s="5" t="s">
        <v>1522</v>
      </c>
      <c r="S22435" s="5" t="s">
        <v>1523</v>
      </c>
      <c r="T22435" s="5" t="s">
        <v>42</v>
      </c>
      <c r="U22435" s="2">
        <v>1.1859999999999999</v>
      </c>
      <c r="V22435" s="2">
        <v>0.88900000000000001</v>
      </c>
      <c r="W22435" s="2">
        <v>7.0000000000000001E-3</v>
      </c>
      <c r="X22435" s="2">
        <v>86.5</v>
      </c>
      <c r="Y22435" s="2">
        <v>7.6</v>
      </c>
      <c r="Z22435" s="2">
        <v>10.6</v>
      </c>
      <c r="AA22435" s="5"/>
      <c r="AB22435" s="5" t="s">
        <v>43</v>
      </c>
      <c r="AC22435" s="5" t="s">
        <v>44</v>
      </c>
      <c r="AD22435" s="2"/>
      <c r="AE22435" s="1"/>
    </row>
    <row r="22436" spans="1:31" ht="14.45">
      <c r="A22436" s="11"/>
      <c r="B22436" s="20"/>
      <c r="C22436" s="2" t="s">
        <v>72184</v>
      </c>
      <c r="D22436" s="14" t="s">
        <v>72185</v>
      </c>
      <c r="E22436" s="2" t="s">
        <v>72186</v>
      </c>
      <c r="F22436" s="2" t="s">
        <v>71965</v>
      </c>
      <c r="G22436" s="8">
        <v>115</v>
      </c>
      <c r="H22436" s="5">
        <v>6</v>
      </c>
      <c r="I22436" s="5" t="s">
        <v>1518</v>
      </c>
      <c r="J22436" s="5" t="s">
        <v>69038</v>
      </c>
      <c r="K22436" s="2" t="s">
        <v>69039</v>
      </c>
      <c r="L22436" s="5" t="s">
        <v>69038</v>
      </c>
      <c r="M22436" s="2" t="s">
        <v>69039</v>
      </c>
      <c r="N22436" s="5" t="s">
        <v>1521</v>
      </c>
      <c r="O22436" s="5" t="s">
        <v>38</v>
      </c>
      <c r="P22436" s="5" t="s">
        <v>39</v>
      </c>
      <c r="Q22436" s="5" t="s">
        <v>40</v>
      </c>
      <c r="R22436" s="5" t="s">
        <v>1522</v>
      </c>
      <c r="S22436" s="5" t="s">
        <v>1523</v>
      </c>
      <c r="T22436" s="5" t="s">
        <v>42</v>
      </c>
      <c r="U22436" s="2">
        <v>1.1200000000000001</v>
      </c>
      <c r="V22436" s="2">
        <v>0.82299999999999995</v>
      </c>
      <c r="W22436" s="2">
        <v>7.0000000000000001E-3</v>
      </c>
      <c r="X22436" s="2">
        <v>86.5</v>
      </c>
      <c r="Y22436" s="2">
        <v>7.6</v>
      </c>
      <c r="Z22436" s="2">
        <v>10.6</v>
      </c>
      <c r="AA22436" s="5"/>
      <c r="AB22436" s="5" t="s">
        <v>43</v>
      </c>
      <c r="AC22436" s="5" t="s">
        <v>44</v>
      </c>
      <c r="AD22436" s="2"/>
      <c r="AE22436" s="1"/>
    </row>
    <row r="22437" spans="1:31" ht="14.45">
      <c r="A22437" s="11"/>
      <c r="B22437" s="20"/>
      <c r="C22437" s="2" t="s">
        <v>72187</v>
      </c>
      <c r="D22437" s="14" t="s">
        <v>72188</v>
      </c>
      <c r="E22437" s="2" t="s">
        <v>72189</v>
      </c>
      <c r="F22437" s="2" t="s">
        <v>71969</v>
      </c>
      <c r="G22437" s="8">
        <v>115</v>
      </c>
      <c r="H22437" s="5">
        <v>6</v>
      </c>
      <c r="I22437" s="5" t="s">
        <v>1518</v>
      </c>
      <c r="J22437" s="5" t="s">
        <v>69038</v>
      </c>
      <c r="K22437" s="2" t="s">
        <v>69039</v>
      </c>
      <c r="L22437" s="5" t="s">
        <v>69038</v>
      </c>
      <c r="M22437" s="2" t="s">
        <v>69039</v>
      </c>
      <c r="N22437" s="5" t="s">
        <v>1521</v>
      </c>
      <c r="O22437" s="5" t="s">
        <v>38</v>
      </c>
      <c r="P22437" s="5" t="s">
        <v>39</v>
      </c>
      <c r="Q22437" s="5" t="s">
        <v>40</v>
      </c>
      <c r="R22437" s="5" t="s">
        <v>1522</v>
      </c>
      <c r="S22437" s="5" t="s">
        <v>1523</v>
      </c>
      <c r="T22437" s="5" t="s">
        <v>42</v>
      </c>
      <c r="U22437" s="2">
        <v>1.1859999999999999</v>
      </c>
      <c r="V22437" s="2">
        <v>0.88900000000000001</v>
      </c>
      <c r="W22437" s="2">
        <v>7.0000000000000001E-3</v>
      </c>
      <c r="X22437" s="2">
        <v>86.5</v>
      </c>
      <c r="Y22437" s="2">
        <v>7.6</v>
      </c>
      <c r="Z22437" s="2">
        <v>10.6</v>
      </c>
      <c r="AA22437" s="5"/>
      <c r="AB22437" s="5" t="s">
        <v>43</v>
      </c>
      <c r="AC22437" s="5" t="s">
        <v>44</v>
      </c>
      <c r="AD22437" s="2"/>
      <c r="AE22437" s="1"/>
    </row>
    <row r="22438" spans="1:31" ht="14.45">
      <c r="A22438" s="11"/>
      <c r="B22438" s="20"/>
      <c r="C22438" s="2" t="s">
        <v>72190</v>
      </c>
      <c r="D22438" s="14" t="s">
        <v>72191</v>
      </c>
      <c r="E22438" s="2" t="s">
        <v>72192</v>
      </c>
      <c r="F22438" s="2" t="s">
        <v>71973</v>
      </c>
      <c r="G22438" s="8">
        <v>115</v>
      </c>
      <c r="H22438" s="5">
        <v>6</v>
      </c>
      <c r="I22438" s="5" t="s">
        <v>1518</v>
      </c>
      <c r="J22438" s="5" t="s">
        <v>69038</v>
      </c>
      <c r="K22438" s="2" t="s">
        <v>69039</v>
      </c>
      <c r="L22438" s="5" t="s">
        <v>69038</v>
      </c>
      <c r="M22438" s="2" t="s">
        <v>69039</v>
      </c>
      <c r="N22438" s="5" t="s">
        <v>1521</v>
      </c>
      <c r="O22438" s="5" t="s">
        <v>38</v>
      </c>
      <c r="P22438" s="5" t="s">
        <v>39</v>
      </c>
      <c r="Q22438" s="5" t="s">
        <v>40</v>
      </c>
      <c r="R22438" s="5" t="s">
        <v>1522</v>
      </c>
      <c r="S22438" s="5" t="s">
        <v>1523</v>
      </c>
      <c r="T22438" s="5" t="s">
        <v>42</v>
      </c>
      <c r="U22438" s="2">
        <v>1.1200000000000001</v>
      </c>
      <c r="V22438" s="2">
        <v>0.82299999999999995</v>
      </c>
      <c r="W22438" s="2">
        <v>7.0000000000000001E-3</v>
      </c>
      <c r="X22438" s="2">
        <v>86.5</v>
      </c>
      <c r="Y22438" s="2">
        <v>7.6</v>
      </c>
      <c r="Z22438" s="2">
        <v>10.6</v>
      </c>
      <c r="AA22438" s="5"/>
      <c r="AB22438" s="5" t="s">
        <v>43</v>
      </c>
      <c r="AC22438" s="5" t="s">
        <v>44</v>
      </c>
      <c r="AD22438" s="2"/>
      <c r="AE22438" s="1"/>
    </row>
    <row r="22439" spans="1:31" ht="14.45">
      <c r="A22439" s="11"/>
      <c r="B22439" s="20"/>
      <c r="C22439" s="2" t="s">
        <v>72193</v>
      </c>
      <c r="D22439" s="14" t="s">
        <v>72194</v>
      </c>
      <c r="E22439" s="2" t="s">
        <v>72195</v>
      </c>
      <c r="F22439" s="2" t="s">
        <v>71977</v>
      </c>
      <c r="G22439" s="8">
        <v>115</v>
      </c>
      <c r="H22439" s="5">
        <v>6</v>
      </c>
      <c r="I22439" s="5" t="s">
        <v>1518</v>
      </c>
      <c r="J22439" s="5" t="s">
        <v>69038</v>
      </c>
      <c r="K22439" s="2" t="s">
        <v>69039</v>
      </c>
      <c r="L22439" s="5" t="s">
        <v>69038</v>
      </c>
      <c r="M22439" s="2" t="s">
        <v>69039</v>
      </c>
      <c r="N22439" s="5" t="s">
        <v>1521</v>
      </c>
      <c r="O22439" s="5" t="s">
        <v>38</v>
      </c>
      <c r="P22439" s="5" t="s">
        <v>39</v>
      </c>
      <c r="Q22439" s="5" t="s">
        <v>40</v>
      </c>
      <c r="R22439" s="5" t="s">
        <v>1522</v>
      </c>
      <c r="S22439" s="5" t="s">
        <v>1523</v>
      </c>
      <c r="T22439" s="5" t="s">
        <v>42</v>
      </c>
      <c r="U22439" s="2">
        <v>1.1859999999999999</v>
      </c>
      <c r="V22439" s="2">
        <v>0.88900000000000001</v>
      </c>
      <c r="W22439" s="2">
        <v>7.0000000000000001E-3</v>
      </c>
      <c r="X22439" s="2">
        <v>86.5</v>
      </c>
      <c r="Y22439" s="2">
        <v>7.6</v>
      </c>
      <c r="Z22439" s="2">
        <v>10.6</v>
      </c>
      <c r="AA22439" s="5"/>
      <c r="AB22439" s="5" t="s">
        <v>43</v>
      </c>
      <c r="AC22439" s="5" t="s">
        <v>44</v>
      </c>
      <c r="AD22439" s="2"/>
      <c r="AE22439" s="1"/>
    </row>
    <row r="22440" spans="1:31" ht="14.45">
      <c r="A22440" s="11"/>
      <c r="B22440" s="20"/>
      <c r="C22440" s="2" t="s">
        <v>72196</v>
      </c>
      <c r="D22440" s="14" t="s">
        <v>72197</v>
      </c>
      <c r="E22440" s="2" t="s">
        <v>72198</v>
      </c>
      <c r="F22440" s="2" t="s">
        <v>71981</v>
      </c>
      <c r="G22440" s="8">
        <v>115</v>
      </c>
      <c r="H22440" s="5">
        <v>6</v>
      </c>
      <c r="I22440" s="5" t="s">
        <v>1518</v>
      </c>
      <c r="J22440" s="5" t="s">
        <v>69038</v>
      </c>
      <c r="K22440" s="2" t="s">
        <v>69039</v>
      </c>
      <c r="L22440" s="5" t="s">
        <v>69038</v>
      </c>
      <c r="M22440" s="2" t="s">
        <v>69039</v>
      </c>
      <c r="N22440" s="5" t="s">
        <v>1521</v>
      </c>
      <c r="O22440" s="5" t="s">
        <v>38</v>
      </c>
      <c r="P22440" s="5" t="s">
        <v>39</v>
      </c>
      <c r="Q22440" s="5" t="s">
        <v>40</v>
      </c>
      <c r="R22440" s="5" t="s">
        <v>1522</v>
      </c>
      <c r="S22440" s="5" t="s">
        <v>1523</v>
      </c>
      <c r="T22440" s="5" t="s">
        <v>42</v>
      </c>
      <c r="U22440" s="2">
        <v>1.1200000000000001</v>
      </c>
      <c r="V22440" s="2">
        <v>0.82299999999999995</v>
      </c>
      <c r="W22440" s="2">
        <v>7.0000000000000001E-3</v>
      </c>
      <c r="X22440" s="2">
        <v>86.5</v>
      </c>
      <c r="Y22440" s="2">
        <v>7.6</v>
      </c>
      <c r="Z22440" s="2">
        <v>10.6</v>
      </c>
      <c r="AA22440" s="5"/>
      <c r="AB22440" s="5" t="s">
        <v>43</v>
      </c>
      <c r="AC22440" s="5" t="s">
        <v>44</v>
      </c>
      <c r="AD22440" s="2"/>
      <c r="AE22440" s="1"/>
    </row>
    <row r="22441" spans="1:31" ht="14.45">
      <c r="A22441" s="11"/>
      <c r="B22441" s="20"/>
      <c r="C22441" s="2" t="s">
        <v>72199</v>
      </c>
      <c r="D22441" s="14" t="s">
        <v>72200</v>
      </c>
      <c r="E22441" s="2" t="s">
        <v>72201</v>
      </c>
      <c r="F22441" s="2" t="s">
        <v>71985</v>
      </c>
      <c r="G22441" s="8">
        <v>115</v>
      </c>
      <c r="H22441" s="5">
        <v>6</v>
      </c>
      <c r="I22441" s="5" t="s">
        <v>1518</v>
      </c>
      <c r="J22441" s="5" t="s">
        <v>69038</v>
      </c>
      <c r="K22441" s="2" t="s">
        <v>69039</v>
      </c>
      <c r="L22441" s="5" t="s">
        <v>69038</v>
      </c>
      <c r="M22441" s="2" t="s">
        <v>69039</v>
      </c>
      <c r="N22441" s="5" t="s">
        <v>1521</v>
      </c>
      <c r="O22441" s="5" t="s">
        <v>38</v>
      </c>
      <c r="P22441" s="5" t="s">
        <v>39</v>
      </c>
      <c r="Q22441" s="5" t="s">
        <v>40</v>
      </c>
      <c r="R22441" s="5" t="s">
        <v>1522</v>
      </c>
      <c r="S22441" s="5" t="s">
        <v>1523</v>
      </c>
      <c r="T22441" s="5" t="s">
        <v>42</v>
      </c>
      <c r="U22441" s="2">
        <v>1.1859999999999999</v>
      </c>
      <c r="V22441" s="2">
        <v>0.88900000000000001</v>
      </c>
      <c r="W22441" s="2">
        <v>7.0000000000000001E-3</v>
      </c>
      <c r="X22441" s="2">
        <v>86.5</v>
      </c>
      <c r="Y22441" s="2">
        <v>7.6</v>
      </c>
      <c r="Z22441" s="2">
        <v>10.6</v>
      </c>
      <c r="AA22441" s="5"/>
      <c r="AB22441" s="5" t="s">
        <v>43</v>
      </c>
      <c r="AC22441" s="5" t="s">
        <v>44</v>
      </c>
      <c r="AD22441" s="2"/>
      <c r="AE22441" s="1"/>
    </row>
    <row r="22442" spans="1:31" ht="14.45">
      <c r="A22442" s="11"/>
      <c r="B22442" s="20"/>
      <c r="C22442" s="2" t="s">
        <v>72202</v>
      </c>
      <c r="D22442" s="14" t="s">
        <v>72203</v>
      </c>
      <c r="E22442" s="2" t="s">
        <v>72204</v>
      </c>
      <c r="F22442" s="2" t="s">
        <v>71957</v>
      </c>
      <c r="G22442" s="8">
        <v>127</v>
      </c>
      <c r="H22442" s="5">
        <v>6</v>
      </c>
      <c r="I22442" s="5" t="s">
        <v>1518</v>
      </c>
      <c r="J22442" s="5" t="s">
        <v>69038</v>
      </c>
      <c r="K22442" s="2" t="s">
        <v>69039</v>
      </c>
      <c r="L22442" s="5" t="s">
        <v>69038</v>
      </c>
      <c r="M22442" s="2" t="s">
        <v>69039</v>
      </c>
      <c r="N22442" s="5" t="s">
        <v>1521</v>
      </c>
      <c r="O22442" s="5" t="s">
        <v>38</v>
      </c>
      <c r="P22442" s="5" t="s">
        <v>39</v>
      </c>
      <c r="Q22442" s="5" t="s">
        <v>40</v>
      </c>
      <c r="R22442" s="5" t="s">
        <v>1522</v>
      </c>
      <c r="S22442" s="5" t="s">
        <v>1523</v>
      </c>
      <c r="T22442" s="5" t="s">
        <v>42</v>
      </c>
      <c r="U22442" s="2">
        <v>1.28</v>
      </c>
      <c r="V22442" s="2">
        <v>0.92100000000000004</v>
      </c>
      <c r="W22442" s="2">
        <v>8.9999999999999993E-3</v>
      </c>
      <c r="X22442" s="2">
        <v>106.5</v>
      </c>
      <c r="Y22442" s="2">
        <v>7.6</v>
      </c>
      <c r="Z22442" s="2">
        <v>10.6</v>
      </c>
      <c r="AA22442" s="5"/>
      <c r="AB22442" s="5" t="s">
        <v>43</v>
      </c>
      <c r="AC22442" s="5" t="s">
        <v>44</v>
      </c>
      <c r="AD22442" s="2"/>
      <c r="AE22442" s="1"/>
    </row>
    <row r="22443" spans="1:31" ht="14.45">
      <c r="A22443" s="11"/>
      <c r="B22443" s="20"/>
      <c r="C22443" s="2" t="s">
        <v>72205</v>
      </c>
      <c r="D22443" s="14" t="s">
        <v>72206</v>
      </c>
      <c r="E22443" s="2" t="s">
        <v>72207</v>
      </c>
      <c r="F22443" s="2" t="s">
        <v>71961</v>
      </c>
      <c r="G22443" s="8">
        <v>127</v>
      </c>
      <c r="H22443" s="5">
        <v>6</v>
      </c>
      <c r="I22443" s="5" t="s">
        <v>1518</v>
      </c>
      <c r="J22443" s="5" t="s">
        <v>69038</v>
      </c>
      <c r="K22443" s="2" t="s">
        <v>69039</v>
      </c>
      <c r="L22443" s="5" t="s">
        <v>69038</v>
      </c>
      <c r="M22443" s="2" t="s">
        <v>69039</v>
      </c>
      <c r="N22443" s="5" t="s">
        <v>1521</v>
      </c>
      <c r="O22443" s="5" t="s">
        <v>38</v>
      </c>
      <c r="P22443" s="5" t="s">
        <v>39</v>
      </c>
      <c r="Q22443" s="5" t="s">
        <v>40</v>
      </c>
      <c r="R22443" s="5" t="s">
        <v>1522</v>
      </c>
      <c r="S22443" s="5" t="s">
        <v>1523</v>
      </c>
      <c r="T22443" s="5" t="s">
        <v>42</v>
      </c>
      <c r="U22443" s="2">
        <v>1.3560000000000001</v>
      </c>
      <c r="V22443" s="2">
        <v>0.997</v>
      </c>
      <c r="W22443" s="2">
        <v>8.9999999999999993E-3</v>
      </c>
      <c r="X22443" s="2">
        <v>106.5</v>
      </c>
      <c r="Y22443" s="2">
        <v>7.6</v>
      </c>
      <c r="Z22443" s="2">
        <v>10.6</v>
      </c>
      <c r="AA22443" s="5"/>
      <c r="AB22443" s="5" t="s">
        <v>43</v>
      </c>
      <c r="AC22443" s="5" t="s">
        <v>44</v>
      </c>
      <c r="AD22443" s="2"/>
      <c r="AE22443" s="1"/>
    </row>
    <row r="22444" spans="1:31" ht="14.45">
      <c r="A22444" s="11"/>
      <c r="B22444" s="20"/>
      <c r="C22444" s="2" t="s">
        <v>72208</v>
      </c>
      <c r="D22444" s="14" t="s">
        <v>72209</v>
      </c>
      <c r="E22444" s="2" t="s">
        <v>72210</v>
      </c>
      <c r="F22444" s="2" t="s">
        <v>71965</v>
      </c>
      <c r="G22444" s="8">
        <v>127</v>
      </c>
      <c r="H22444" s="5">
        <v>6</v>
      </c>
      <c r="I22444" s="5" t="s">
        <v>1518</v>
      </c>
      <c r="J22444" s="5" t="s">
        <v>69038</v>
      </c>
      <c r="K22444" s="2" t="s">
        <v>69039</v>
      </c>
      <c r="L22444" s="5" t="s">
        <v>69038</v>
      </c>
      <c r="M22444" s="2" t="s">
        <v>69039</v>
      </c>
      <c r="N22444" s="5" t="s">
        <v>1521</v>
      </c>
      <c r="O22444" s="5" t="s">
        <v>38</v>
      </c>
      <c r="P22444" s="5" t="s">
        <v>39</v>
      </c>
      <c r="Q22444" s="5" t="s">
        <v>40</v>
      </c>
      <c r="R22444" s="5" t="s">
        <v>1522</v>
      </c>
      <c r="S22444" s="5" t="s">
        <v>1523</v>
      </c>
      <c r="T22444" s="5" t="s">
        <v>42</v>
      </c>
      <c r="U22444" s="2">
        <v>1.28</v>
      </c>
      <c r="V22444" s="2">
        <v>0.92100000000000004</v>
      </c>
      <c r="W22444" s="2">
        <v>8.9999999999999993E-3</v>
      </c>
      <c r="X22444" s="2">
        <v>106.5</v>
      </c>
      <c r="Y22444" s="2">
        <v>7.6</v>
      </c>
      <c r="Z22444" s="2">
        <v>10.6</v>
      </c>
      <c r="AA22444" s="5"/>
      <c r="AB22444" s="5" t="s">
        <v>43</v>
      </c>
      <c r="AC22444" s="5" t="s">
        <v>44</v>
      </c>
      <c r="AD22444" s="2"/>
      <c r="AE22444" s="1"/>
    </row>
    <row r="22445" spans="1:31" ht="14.45">
      <c r="A22445" s="11"/>
      <c r="B22445" s="20"/>
      <c r="C22445" s="2" t="s">
        <v>72211</v>
      </c>
      <c r="D22445" s="14" t="s">
        <v>72212</v>
      </c>
      <c r="E22445" s="2" t="s">
        <v>72213</v>
      </c>
      <c r="F22445" s="2" t="s">
        <v>71969</v>
      </c>
      <c r="G22445" s="8">
        <v>127</v>
      </c>
      <c r="H22445" s="5">
        <v>6</v>
      </c>
      <c r="I22445" s="5" t="s">
        <v>1518</v>
      </c>
      <c r="J22445" s="5" t="s">
        <v>69038</v>
      </c>
      <c r="K22445" s="2" t="s">
        <v>69039</v>
      </c>
      <c r="L22445" s="5" t="s">
        <v>69038</v>
      </c>
      <c r="M22445" s="2" t="s">
        <v>69039</v>
      </c>
      <c r="N22445" s="5" t="s">
        <v>1521</v>
      </c>
      <c r="O22445" s="5" t="s">
        <v>38</v>
      </c>
      <c r="P22445" s="5" t="s">
        <v>39</v>
      </c>
      <c r="Q22445" s="5" t="s">
        <v>40</v>
      </c>
      <c r="R22445" s="5" t="s">
        <v>1522</v>
      </c>
      <c r="S22445" s="5" t="s">
        <v>1523</v>
      </c>
      <c r="T22445" s="5" t="s">
        <v>42</v>
      </c>
      <c r="U22445" s="2">
        <v>1.3560000000000001</v>
      </c>
      <c r="V22445" s="2">
        <v>0.997</v>
      </c>
      <c r="W22445" s="2">
        <v>8.9999999999999993E-3</v>
      </c>
      <c r="X22445" s="2">
        <v>106.5</v>
      </c>
      <c r="Y22445" s="2">
        <v>7.6</v>
      </c>
      <c r="Z22445" s="2">
        <v>10.6</v>
      </c>
      <c r="AA22445" s="5"/>
      <c r="AB22445" s="5" t="s">
        <v>43</v>
      </c>
      <c r="AC22445" s="5" t="s">
        <v>44</v>
      </c>
      <c r="AD22445" s="2"/>
      <c r="AE22445" s="1"/>
    </row>
    <row r="22446" spans="1:31" ht="14.45">
      <c r="A22446" s="11"/>
      <c r="B22446" s="20"/>
      <c r="C22446" s="2" t="s">
        <v>72214</v>
      </c>
      <c r="D22446" s="14" t="s">
        <v>72215</v>
      </c>
      <c r="E22446" s="2" t="s">
        <v>72216</v>
      </c>
      <c r="F22446" s="2" t="s">
        <v>71973</v>
      </c>
      <c r="G22446" s="8">
        <v>127</v>
      </c>
      <c r="H22446" s="5">
        <v>6</v>
      </c>
      <c r="I22446" s="5" t="s">
        <v>1518</v>
      </c>
      <c r="J22446" s="5" t="s">
        <v>69038</v>
      </c>
      <c r="K22446" s="2" t="s">
        <v>69039</v>
      </c>
      <c r="L22446" s="5" t="s">
        <v>69038</v>
      </c>
      <c r="M22446" s="2" t="s">
        <v>69039</v>
      </c>
      <c r="N22446" s="5" t="s">
        <v>1521</v>
      </c>
      <c r="O22446" s="5" t="s">
        <v>38</v>
      </c>
      <c r="P22446" s="5" t="s">
        <v>39</v>
      </c>
      <c r="Q22446" s="5" t="s">
        <v>40</v>
      </c>
      <c r="R22446" s="5" t="s">
        <v>1522</v>
      </c>
      <c r="S22446" s="5" t="s">
        <v>1523</v>
      </c>
      <c r="T22446" s="5" t="s">
        <v>42</v>
      </c>
      <c r="U22446" s="2">
        <v>1.28</v>
      </c>
      <c r="V22446" s="2">
        <v>0.92100000000000004</v>
      </c>
      <c r="W22446" s="2">
        <v>8.9999999999999993E-3</v>
      </c>
      <c r="X22446" s="2">
        <v>106.5</v>
      </c>
      <c r="Y22446" s="2">
        <v>7.6</v>
      </c>
      <c r="Z22446" s="2">
        <v>10.6</v>
      </c>
      <c r="AA22446" s="5"/>
      <c r="AB22446" s="5" t="s">
        <v>43</v>
      </c>
      <c r="AC22446" s="5" t="s">
        <v>44</v>
      </c>
      <c r="AD22446" s="2"/>
      <c r="AE22446" s="1"/>
    </row>
    <row r="22447" spans="1:31" ht="14.45">
      <c r="A22447" s="11"/>
      <c r="B22447" s="20"/>
      <c r="C22447" s="2" t="s">
        <v>72217</v>
      </c>
      <c r="D22447" s="14" t="s">
        <v>72218</v>
      </c>
      <c r="E22447" s="2" t="s">
        <v>72219</v>
      </c>
      <c r="F22447" s="2" t="s">
        <v>71977</v>
      </c>
      <c r="G22447" s="8">
        <v>127</v>
      </c>
      <c r="H22447" s="5">
        <v>6</v>
      </c>
      <c r="I22447" s="5" t="s">
        <v>1518</v>
      </c>
      <c r="J22447" s="5" t="s">
        <v>69038</v>
      </c>
      <c r="K22447" s="2" t="s">
        <v>69039</v>
      </c>
      <c r="L22447" s="5" t="s">
        <v>69038</v>
      </c>
      <c r="M22447" s="2" t="s">
        <v>69039</v>
      </c>
      <c r="N22447" s="5" t="s">
        <v>1521</v>
      </c>
      <c r="O22447" s="5" t="s">
        <v>38</v>
      </c>
      <c r="P22447" s="5" t="s">
        <v>39</v>
      </c>
      <c r="Q22447" s="5" t="s">
        <v>40</v>
      </c>
      <c r="R22447" s="5" t="s">
        <v>1522</v>
      </c>
      <c r="S22447" s="5" t="s">
        <v>1523</v>
      </c>
      <c r="T22447" s="5" t="s">
        <v>42</v>
      </c>
      <c r="U22447" s="2">
        <v>1.3560000000000001</v>
      </c>
      <c r="V22447" s="2">
        <v>0.997</v>
      </c>
      <c r="W22447" s="2">
        <v>8.9999999999999993E-3</v>
      </c>
      <c r="X22447" s="2">
        <v>106.5</v>
      </c>
      <c r="Y22447" s="2">
        <v>7.6</v>
      </c>
      <c r="Z22447" s="2">
        <v>10.6</v>
      </c>
      <c r="AA22447" s="5"/>
      <c r="AB22447" s="5" t="s">
        <v>43</v>
      </c>
      <c r="AC22447" s="5" t="s">
        <v>44</v>
      </c>
      <c r="AD22447" s="2"/>
      <c r="AE22447" s="1"/>
    </row>
    <row r="22448" spans="1:31" ht="14.45">
      <c r="A22448" s="11"/>
      <c r="B22448" s="20"/>
      <c r="C22448" s="2" t="s">
        <v>72220</v>
      </c>
      <c r="D22448" s="14" t="s">
        <v>72221</v>
      </c>
      <c r="E22448" s="2" t="s">
        <v>72222</v>
      </c>
      <c r="F22448" s="2" t="s">
        <v>71981</v>
      </c>
      <c r="G22448" s="8">
        <v>127</v>
      </c>
      <c r="H22448" s="5">
        <v>6</v>
      </c>
      <c r="I22448" s="5" t="s">
        <v>1518</v>
      </c>
      <c r="J22448" s="5" t="s">
        <v>69038</v>
      </c>
      <c r="K22448" s="2" t="s">
        <v>69039</v>
      </c>
      <c r="L22448" s="5" t="s">
        <v>69038</v>
      </c>
      <c r="M22448" s="2" t="s">
        <v>69039</v>
      </c>
      <c r="N22448" s="5" t="s">
        <v>1521</v>
      </c>
      <c r="O22448" s="5" t="s">
        <v>38</v>
      </c>
      <c r="P22448" s="5" t="s">
        <v>39</v>
      </c>
      <c r="Q22448" s="5" t="s">
        <v>40</v>
      </c>
      <c r="R22448" s="5" t="s">
        <v>1522</v>
      </c>
      <c r="S22448" s="5" t="s">
        <v>1523</v>
      </c>
      <c r="T22448" s="5" t="s">
        <v>42</v>
      </c>
      <c r="U22448" s="2">
        <v>1.28</v>
      </c>
      <c r="V22448" s="2">
        <v>0.92100000000000004</v>
      </c>
      <c r="W22448" s="2">
        <v>8.9999999999999993E-3</v>
      </c>
      <c r="X22448" s="2">
        <v>106.5</v>
      </c>
      <c r="Y22448" s="2">
        <v>7.6</v>
      </c>
      <c r="Z22448" s="2">
        <v>10.6</v>
      </c>
      <c r="AA22448" s="5"/>
      <c r="AB22448" s="5" t="s">
        <v>43</v>
      </c>
      <c r="AC22448" s="5" t="s">
        <v>44</v>
      </c>
      <c r="AD22448" s="2"/>
      <c r="AE22448" s="1"/>
    </row>
    <row r="22449" spans="1:31" ht="14.45">
      <c r="A22449" s="11"/>
      <c r="B22449" s="20"/>
      <c r="C22449" s="2" t="s">
        <v>72223</v>
      </c>
      <c r="D22449" s="14" t="s">
        <v>72224</v>
      </c>
      <c r="E22449" s="2" t="s">
        <v>72225</v>
      </c>
      <c r="F22449" s="2" t="s">
        <v>71985</v>
      </c>
      <c r="G22449" s="8">
        <v>127</v>
      </c>
      <c r="H22449" s="5">
        <v>6</v>
      </c>
      <c r="I22449" s="5" t="s">
        <v>1518</v>
      </c>
      <c r="J22449" s="5" t="s">
        <v>69038</v>
      </c>
      <c r="K22449" s="2" t="s">
        <v>69039</v>
      </c>
      <c r="L22449" s="5" t="s">
        <v>69038</v>
      </c>
      <c r="M22449" s="2" t="s">
        <v>69039</v>
      </c>
      <c r="N22449" s="5" t="s">
        <v>1521</v>
      </c>
      <c r="O22449" s="5" t="s">
        <v>38</v>
      </c>
      <c r="P22449" s="5" t="s">
        <v>39</v>
      </c>
      <c r="Q22449" s="5" t="s">
        <v>40</v>
      </c>
      <c r="R22449" s="5" t="s">
        <v>1522</v>
      </c>
      <c r="S22449" s="5" t="s">
        <v>1523</v>
      </c>
      <c r="T22449" s="5" t="s">
        <v>42</v>
      </c>
      <c r="U22449" s="2">
        <v>1.3560000000000001</v>
      </c>
      <c r="V22449" s="2">
        <v>0.997</v>
      </c>
      <c r="W22449" s="2">
        <v>8.9999999999999993E-3</v>
      </c>
      <c r="X22449" s="2">
        <v>106.5</v>
      </c>
      <c r="Y22449" s="2">
        <v>7.6</v>
      </c>
      <c r="Z22449" s="2">
        <v>10.6</v>
      </c>
      <c r="AA22449" s="5"/>
      <c r="AB22449" s="5" t="s">
        <v>43</v>
      </c>
      <c r="AC22449" s="5" t="s">
        <v>44</v>
      </c>
      <c r="AD22449" s="2"/>
      <c r="AE22449" s="1"/>
    </row>
    <row r="22450" spans="1:31" ht="14.45">
      <c r="A22450" s="11"/>
      <c r="B22450" s="20"/>
      <c r="C22450" s="2" t="s">
        <v>72226</v>
      </c>
      <c r="D22450" s="14" t="s">
        <v>72227</v>
      </c>
      <c r="E22450" s="2" t="s">
        <v>72228</v>
      </c>
      <c r="F22450" s="2" t="s">
        <v>71957</v>
      </c>
      <c r="G22450" s="8">
        <v>131</v>
      </c>
      <c r="H22450" s="5">
        <v>6</v>
      </c>
      <c r="I22450" s="5" t="s">
        <v>1518</v>
      </c>
      <c r="J22450" s="5" t="s">
        <v>69038</v>
      </c>
      <c r="K22450" s="2" t="s">
        <v>69039</v>
      </c>
      <c r="L22450" s="5" t="s">
        <v>69038</v>
      </c>
      <c r="M22450" s="2" t="s">
        <v>69039</v>
      </c>
      <c r="N22450" s="5" t="s">
        <v>1521</v>
      </c>
      <c r="O22450" s="5" t="s">
        <v>38</v>
      </c>
      <c r="P22450" s="5" t="s">
        <v>39</v>
      </c>
      <c r="Q22450" s="5" t="s">
        <v>40</v>
      </c>
      <c r="R22450" s="5" t="s">
        <v>1522</v>
      </c>
      <c r="S22450" s="5" t="s">
        <v>1523</v>
      </c>
      <c r="T22450" s="5" t="s">
        <v>42</v>
      </c>
      <c r="U22450" s="2">
        <v>1.446</v>
      </c>
      <c r="V22450" s="2">
        <v>1.0269999999999999</v>
      </c>
      <c r="W22450" s="2">
        <v>0.01</v>
      </c>
      <c r="X22450" s="2">
        <v>128.5</v>
      </c>
      <c r="Y22450" s="2">
        <v>7.6</v>
      </c>
      <c r="Z22450" s="2">
        <v>10.6</v>
      </c>
      <c r="AA22450" s="5"/>
      <c r="AB22450" s="5" t="s">
        <v>43</v>
      </c>
      <c r="AC22450" s="5" t="s">
        <v>44</v>
      </c>
      <c r="AD22450" s="2"/>
      <c r="AE22450" s="1"/>
    </row>
    <row r="22451" spans="1:31" ht="14.45">
      <c r="A22451" s="11"/>
      <c r="B22451" s="20"/>
      <c r="C22451" s="2" t="s">
        <v>72229</v>
      </c>
      <c r="D22451" s="14" t="s">
        <v>72230</v>
      </c>
      <c r="E22451" s="2" t="s">
        <v>72231</v>
      </c>
      <c r="F22451" s="2" t="s">
        <v>71961</v>
      </c>
      <c r="G22451" s="8">
        <v>131</v>
      </c>
      <c r="H22451" s="5">
        <v>6</v>
      </c>
      <c r="I22451" s="5" t="s">
        <v>1518</v>
      </c>
      <c r="J22451" s="5" t="s">
        <v>69038</v>
      </c>
      <c r="K22451" s="2" t="s">
        <v>69039</v>
      </c>
      <c r="L22451" s="5" t="s">
        <v>69038</v>
      </c>
      <c r="M22451" s="2" t="s">
        <v>69039</v>
      </c>
      <c r="N22451" s="5" t="s">
        <v>1521</v>
      </c>
      <c r="O22451" s="5" t="s">
        <v>38</v>
      </c>
      <c r="P22451" s="5" t="s">
        <v>39</v>
      </c>
      <c r="Q22451" s="5" t="s">
        <v>40</v>
      </c>
      <c r="R22451" s="5" t="s">
        <v>1522</v>
      </c>
      <c r="S22451" s="5" t="s">
        <v>1523</v>
      </c>
      <c r="T22451" s="5" t="s">
        <v>42</v>
      </c>
      <c r="U22451" s="2">
        <v>1.5329999999999999</v>
      </c>
      <c r="V22451" s="2">
        <v>1.1140000000000001</v>
      </c>
      <c r="W22451" s="2">
        <v>0.01</v>
      </c>
      <c r="X22451" s="2">
        <v>128.5</v>
      </c>
      <c r="Y22451" s="2">
        <v>7.6</v>
      </c>
      <c r="Z22451" s="2">
        <v>10.6</v>
      </c>
      <c r="AA22451" s="5"/>
      <c r="AB22451" s="5" t="s">
        <v>43</v>
      </c>
      <c r="AC22451" s="5" t="s">
        <v>44</v>
      </c>
      <c r="AD22451" s="2"/>
      <c r="AE22451" s="1"/>
    </row>
    <row r="22452" spans="1:31" ht="14.45">
      <c r="A22452" s="11"/>
      <c r="B22452" s="20"/>
      <c r="C22452" s="2" t="s">
        <v>72232</v>
      </c>
      <c r="D22452" s="14" t="s">
        <v>72233</v>
      </c>
      <c r="E22452" s="2" t="s">
        <v>72234</v>
      </c>
      <c r="F22452" s="2" t="s">
        <v>71965</v>
      </c>
      <c r="G22452" s="8">
        <v>131</v>
      </c>
      <c r="H22452" s="5">
        <v>6</v>
      </c>
      <c r="I22452" s="5" t="s">
        <v>1518</v>
      </c>
      <c r="J22452" s="5" t="s">
        <v>69038</v>
      </c>
      <c r="K22452" s="2" t="s">
        <v>69039</v>
      </c>
      <c r="L22452" s="5" t="s">
        <v>69038</v>
      </c>
      <c r="M22452" s="2" t="s">
        <v>69039</v>
      </c>
      <c r="N22452" s="5" t="s">
        <v>1521</v>
      </c>
      <c r="O22452" s="5" t="s">
        <v>38</v>
      </c>
      <c r="P22452" s="5" t="s">
        <v>39</v>
      </c>
      <c r="Q22452" s="5" t="s">
        <v>40</v>
      </c>
      <c r="R22452" s="5" t="s">
        <v>1522</v>
      </c>
      <c r="S22452" s="5" t="s">
        <v>1523</v>
      </c>
      <c r="T22452" s="5" t="s">
        <v>42</v>
      </c>
      <c r="U22452" s="2">
        <v>1.446</v>
      </c>
      <c r="V22452" s="2">
        <v>1.0269999999999999</v>
      </c>
      <c r="W22452" s="2">
        <v>0.01</v>
      </c>
      <c r="X22452" s="2">
        <v>128.5</v>
      </c>
      <c r="Y22452" s="2">
        <v>7.6</v>
      </c>
      <c r="Z22452" s="2">
        <v>10.6</v>
      </c>
      <c r="AA22452" s="5"/>
      <c r="AB22452" s="5" t="s">
        <v>43</v>
      </c>
      <c r="AC22452" s="5" t="s">
        <v>44</v>
      </c>
      <c r="AD22452" s="2"/>
      <c r="AE22452" s="1"/>
    </row>
    <row r="22453" spans="1:31" ht="14.45">
      <c r="A22453" s="11"/>
      <c r="B22453" s="20"/>
      <c r="C22453" s="2" t="s">
        <v>72235</v>
      </c>
      <c r="D22453" s="14" t="s">
        <v>72236</v>
      </c>
      <c r="E22453" s="2" t="s">
        <v>72237</v>
      </c>
      <c r="F22453" s="2" t="s">
        <v>71969</v>
      </c>
      <c r="G22453" s="8">
        <v>131</v>
      </c>
      <c r="H22453" s="5">
        <v>6</v>
      </c>
      <c r="I22453" s="5" t="s">
        <v>1518</v>
      </c>
      <c r="J22453" s="5" t="s">
        <v>69038</v>
      </c>
      <c r="K22453" s="2" t="s">
        <v>69039</v>
      </c>
      <c r="L22453" s="5" t="s">
        <v>69038</v>
      </c>
      <c r="M22453" s="2" t="s">
        <v>69039</v>
      </c>
      <c r="N22453" s="5" t="s">
        <v>1521</v>
      </c>
      <c r="O22453" s="5" t="s">
        <v>38</v>
      </c>
      <c r="P22453" s="5" t="s">
        <v>39</v>
      </c>
      <c r="Q22453" s="5" t="s">
        <v>40</v>
      </c>
      <c r="R22453" s="5" t="s">
        <v>1522</v>
      </c>
      <c r="S22453" s="5" t="s">
        <v>1523</v>
      </c>
      <c r="T22453" s="5" t="s">
        <v>42</v>
      </c>
      <c r="U22453" s="2">
        <v>1.5329999999999999</v>
      </c>
      <c r="V22453" s="2">
        <v>1.1140000000000001</v>
      </c>
      <c r="W22453" s="2">
        <v>0.01</v>
      </c>
      <c r="X22453" s="2">
        <v>128.5</v>
      </c>
      <c r="Y22453" s="2">
        <v>7.6</v>
      </c>
      <c r="Z22453" s="2">
        <v>10.6</v>
      </c>
      <c r="AA22453" s="5"/>
      <c r="AB22453" s="5" t="s">
        <v>43</v>
      </c>
      <c r="AC22453" s="5" t="s">
        <v>44</v>
      </c>
      <c r="AD22453" s="2"/>
      <c r="AE22453" s="1"/>
    </row>
    <row r="22454" spans="1:31" ht="14.45">
      <c r="A22454" s="11"/>
      <c r="B22454" s="20"/>
      <c r="C22454" s="2" t="s">
        <v>72238</v>
      </c>
      <c r="D22454" s="14" t="s">
        <v>72239</v>
      </c>
      <c r="E22454" s="2" t="s">
        <v>72240</v>
      </c>
      <c r="F22454" s="2" t="s">
        <v>71973</v>
      </c>
      <c r="G22454" s="8">
        <v>131</v>
      </c>
      <c r="H22454" s="5">
        <v>6</v>
      </c>
      <c r="I22454" s="5" t="s">
        <v>1518</v>
      </c>
      <c r="J22454" s="5" t="s">
        <v>69038</v>
      </c>
      <c r="K22454" s="2" t="s">
        <v>69039</v>
      </c>
      <c r="L22454" s="5" t="s">
        <v>69038</v>
      </c>
      <c r="M22454" s="2" t="s">
        <v>69039</v>
      </c>
      <c r="N22454" s="5" t="s">
        <v>1521</v>
      </c>
      <c r="O22454" s="5" t="s">
        <v>38</v>
      </c>
      <c r="P22454" s="5" t="s">
        <v>39</v>
      </c>
      <c r="Q22454" s="5" t="s">
        <v>40</v>
      </c>
      <c r="R22454" s="5" t="s">
        <v>1522</v>
      </c>
      <c r="S22454" s="5" t="s">
        <v>1523</v>
      </c>
      <c r="T22454" s="5" t="s">
        <v>42</v>
      </c>
      <c r="U22454" s="2">
        <v>1.446</v>
      </c>
      <c r="V22454" s="2">
        <v>1.0269999999999999</v>
      </c>
      <c r="W22454" s="2">
        <v>0.01</v>
      </c>
      <c r="X22454" s="2">
        <v>128.5</v>
      </c>
      <c r="Y22454" s="2">
        <v>7.6</v>
      </c>
      <c r="Z22454" s="2">
        <v>10.6</v>
      </c>
      <c r="AA22454" s="5"/>
      <c r="AB22454" s="5" t="s">
        <v>43</v>
      </c>
      <c r="AC22454" s="5" t="s">
        <v>44</v>
      </c>
      <c r="AD22454" s="2"/>
      <c r="AE22454" s="1"/>
    </row>
    <row r="22455" spans="1:31" ht="14.45">
      <c r="A22455" s="11"/>
      <c r="B22455" s="20"/>
      <c r="C22455" s="2" t="s">
        <v>72241</v>
      </c>
      <c r="D22455" s="14" t="s">
        <v>72242</v>
      </c>
      <c r="E22455" s="2" t="s">
        <v>72243</v>
      </c>
      <c r="F22455" s="2" t="s">
        <v>71977</v>
      </c>
      <c r="G22455" s="8">
        <v>131</v>
      </c>
      <c r="H22455" s="5">
        <v>6</v>
      </c>
      <c r="I22455" s="5" t="s">
        <v>1518</v>
      </c>
      <c r="J22455" s="5" t="s">
        <v>69038</v>
      </c>
      <c r="K22455" s="2" t="s">
        <v>69039</v>
      </c>
      <c r="L22455" s="5" t="s">
        <v>69038</v>
      </c>
      <c r="M22455" s="2" t="s">
        <v>69039</v>
      </c>
      <c r="N22455" s="5" t="s">
        <v>1521</v>
      </c>
      <c r="O22455" s="5" t="s">
        <v>38</v>
      </c>
      <c r="P22455" s="5" t="s">
        <v>39</v>
      </c>
      <c r="Q22455" s="5" t="s">
        <v>40</v>
      </c>
      <c r="R22455" s="5" t="s">
        <v>1522</v>
      </c>
      <c r="S22455" s="5" t="s">
        <v>1523</v>
      </c>
      <c r="T22455" s="5" t="s">
        <v>42</v>
      </c>
      <c r="U22455" s="2">
        <v>1.5329999999999999</v>
      </c>
      <c r="V22455" s="2">
        <v>1.1140000000000001</v>
      </c>
      <c r="W22455" s="2">
        <v>0.01</v>
      </c>
      <c r="X22455" s="2">
        <v>128.5</v>
      </c>
      <c r="Y22455" s="2">
        <v>7.6</v>
      </c>
      <c r="Z22455" s="2">
        <v>10.6</v>
      </c>
      <c r="AA22455" s="5"/>
      <c r="AB22455" s="5" t="s">
        <v>43</v>
      </c>
      <c r="AC22455" s="5" t="s">
        <v>44</v>
      </c>
      <c r="AD22455" s="2"/>
      <c r="AE22455" s="1"/>
    </row>
    <row r="22456" spans="1:31" ht="14.45">
      <c r="A22456" s="11"/>
      <c r="B22456" s="20"/>
      <c r="C22456" s="2" t="s">
        <v>72244</v>
      </c>
      <c r="D22456" s="14" t="s">
        <v>72245</v>
      </c>
      <c r="E22456" s="2" t="s">
        <v>72246</v>
      </c>
      <c r="F22456" s="2" t="s">
        <v>71981</v>
      </c>
      <c r="G22456" s="8">
        <v>131</v>
      </c>
      <c r="H22456" s="5">
        <v>6</v>
      </c>
      <c r="I22456" s="5" t="s">
        <v>1518</v>
      </c>
      <c r="J22456" s="5" t="s">
        <v>69038</v>
      </c>
      <c r="K22456" s="2" t="s">
        <v>69039</v>
      </c>
      <c r="L22456" s="5" t="s">
        <v>69038</v>
      </c>
      <c r="M22456" s="2" t="s">
        <v>69039</v>
      </c>
      <c r="N22456" s="5" t="s">
        <v>1521</v>
      </c>
      <c r="O22456" s="5" t="s">
        <v>38</v>
      </c>
      <c r="P22456" s="5" t="s">
        <v>39</v>
      </c>
      <c r="Q22456" s="5" t="s">
        <v>40</v>
      </c>
      <c r="R22456" s="5" t="s">
        <v>1522</v>
      </c>
      <c r="S22456" s="5" t="s">
        <v>1523</v>
      </c>
      <c r="T22456" s="5" t="s">
        <v>42</v>
      </c>
      <c r="U22456" s="2">
        <v>1.446</v>
      </c>
      <c r="V22456" s="2">
        <v>1.0269999999999999</v>
      </c>
      <c r="W22456" s="2">
        <v>0.01</v>
      </c>
      <c r="X22456" s="2">
        <v>128.5</v>
      </c>
      <c r="Y22456" s="2">
        <v>7.6</v>
      </c>
      <c r="Z22456" s="2">
        <v>10.6</v>
      </c>
      <c r="AA22456" s="5"/>
      <c r="AB22456" s="5" t="s">
        <v>43</v>
      </c>
      <c r="AC22456" s="5" t="s">
        <v>44</v>
      </c>
      <c r="AD22456" s="2"/>
      <c r="AE22456" s="1"/>
    </row>
    <row r="22457" spans="1:31" ht="14.45">
      <c r="A22457" s="11"/>
      <c r="B22457" s="20"/>
      <c r="C22457" s="2" t="s">
        <v>72247</v>
      </c>
      <c r="D22457" s="14" t="s">
        <v>72248</v>
      </c>
      <c r="E22457" s="2" t="s">
        <v>72249</v>
      </c>
      <c r="F22457" s="2" t="s">
        <v>71985</v>
      </c>
      <c r="G22457" s="8">
        <v>131</v>
      </c>
      <c r="H22457" s="5">
        <v>6</v>
      </c>
      <c r="I22457" s="5" t="s">
        <v>1518</v>
      </c>
      <c r="J22457" s="5" t="s">
        <v>69038</v>
      </c>
      <c r="K22457" s="2" t="s">
        <v>69039</v>
      </c>
      <c r="L22457" s="5" t="s">
        <v>69038</v>
      </c>
      <c r="M22457" s="2" t="s">
        <v>69039</v>
      </c>
      <c r="N22457" s="5" t="s">
        <v>1521</v>
      </c>
      <c r="O22457" s="5" t="s">
        <v>38</v>
      </c>
      <c r="P22457" s="5" t="s">
        <v>39</v>
      </c>
      <c r="Q22457" s="5" t="s">
        <v>40</v>
      </c>
      <c r="R22457" s="5" t="s">
        <v>1522</v>
      </c>
      <c r="S22457" s="5" t="s">
        <v>1523</v>
      </c>
      <c r="T22457" s="5" t="s">
        <v>42</v>
      </c>
      <c r="U22457" s="2">
        <v>1.5329999999999999</v>
      </c>
      <c r="V22457" s="2">
        <v>1.1140000000000001</v>
      </c>
      <c r="W22457" s="2">
        <v>0.01</v>
      </c>
      <c r="X22457" s="2">
        <v>128.5</v>
      </c>
      <c r="Y22457" s="2">
        <v>7.6</v>
      </c>
      <c r="Z22457" s="2">
        <v>10.6</v>
      </c>
      <c r="AA22457" s="5"/>
      <c r="AB22457" s="5" t="s">
        <v>43</v>
      </c>
      <c r="AC22457" s="5" t="s">
        <v>44</v>
      </c>
      <c r="AD22457" s="2"/>
      <c r="AE22457" s="1"/>
    </row>
    <row r="22458" spans="1:31" ht="14.45">
      <c r="A22458" s="11"/>
      <c r="B22458" s="20"/>
      <c r="C22458" s="2" t="s">
        <v>72250</v>
      </c>
      <c r="D22458" s="14" t="s">
        <v>72251</v>
      </c>
      <c r="E22458" s="2" t="s">
        <v>72252</v>
      </c>
      <c r="F22458" s="2" t="s">
        <v>71957</v>
      </c>
      <c r="G22458" s="8">
        <v>121</v>
      </c>
      <c r="H22458" s="5">
        <v>6</v>
      </c>
      <c r="I22458" s="5" t="s">
        <v>1518</v>
      </c>
      <c r="J22458" s="5" t="s">
        <v>69038</v>
      </c>
      <c r="K22458" s="2" t="s">
        <v>69039</v>
      </c>
      <c r="L22458" s="5" t="s">
        <v>69038</v>
      </c>
      <c r="M22458" s="2" t="s">
        <v>69039</v>
      </c>
      <c r="N22458" s="5" t="s">
        <v>1521</v>
      </c>
      <c r="O22458" s="5" t="s">
        <v>38</v>
      </c>
      <c r="P22458" s="5" t="s">
        <v>39</v>
      </c>
      <c r="Q22458" s="5" t="s">
        <v>40</v>
      </c>
      <c r="R22458" s="5" t="s">
        <v>1522</v>
      </c>
      <c r="S22458" s="5" t="s">
        <v>1523</v>
      </c>
      <c r="T22458" s="5" t="s">
        <v>42</v>
      </c>
      <c r="U22458" s="2">
        <v>1.21</v>
      </c>
      <c r="V22458" s="2">
        <v>0.92200000000000004</v>
      </c>
      <c r="W22458" s="2">
        <v>7.0000000000000001E-3</v>
      </c>
      <c r="X22458" s="2">
        <v>86.5</v>
      </c>
      <c r="Y22458" s="2">
        <v>7.6</v>
      </c>
      <c r="Z22458" s="2">
        <v>10.6</v>
      </c>
      <c r="AA22458" s="5"/>
      <c r="AB22458" s="5" t="s">
        <v>43</v>
      </c>
      <c r="AC22458" s="5" t="s">
        <v>44</v>
      </c>
      <c r="AD22458" s="2"/>
      <c r="AE22458" s="1"/>
    </row>
    <row r="22459" spans="1:31" ht="14.45">
      <c r="A22459" s="11"/>
      <c r="B22459" s="20"/>
      <c r="C22459" s="2" t="s">
        <v>72253</v>
      </c>
      <c r="D22459" s="14" t="s">
        <v>72254</v>
      </c>
      <c r="E22459" s="2" t="s">
        <v>72255</v>
      </c>
      <c r="F22459" s="2" t="s">
        <v>71961</v>
      </c>
      <c r="G22459" s="8">
        <v>121</v>
      </c>
      <c r="H22459" s="5">
        <v>6</v>
      </c>
      <c r="I22459" s="5" t="s">
        <v>1518</v>
      </c>
      <c r="J22459" s="5" t="s">
        <v>69038</v>
      </c>
      <c r="K22459" s="2" t="s">
        <v>69039</v>
      </c>
      <c r="L22459" s="5" t="s">
        <v>69038</v>
      </c>
      <c r="M22459" s="2" t="s">
        <v>69039</v>
      </c>
      <c r="N22459" s="5" t="s">
        <v>1521</v>
      </c>
      <c r="O22459" s="5" t="s">
        <v>38</v>
      </c>
      <c r="P22459" s="5" t="s">
        <v>39</v>
      </c>
      <c r="Q22459" s="5" t="s">
        <v>40</v>
      </c>
      <c r="R22459" s="5" t="s">
        <v>1522</v>
      </c>
      <c r="S22459" s="5" t="s">
        <v>1523</v>
      </c>
      <c r="T22459" s="5" t="s">
        <v>42</v>
      </c>
      <c r="U22459" s="2">
        <v>1.2789999999999999</v>
      </c>
      <c r="V22459" s="2">
        <v>0.99099999999999999</v>
      </c>
      <c r="W22459" s="2">
        <v>7.0000000000000001E-3</v>
      </c>
      <c r="X22459" s="2">
        <v>86.5</v>
      </c>
      <c r="Y22459" s="2">
        <v>7.6</v>
      </c>
      <c r="Z22459" s="2">
        <v>10.6</v>
      </c>
      <c r="AA22459" s="5"/>
      <c r="AB22459" s="5" t="s">
        <v>43</v>
      </c>
      <c r="AC22459" s="5" t="s">
        <v>44</v>
      </c>
      <c r="AD22459" s="2"/>
      <c r="AE22459" s="1"/>
    </row>
    <row r="22460" spans="1:31" ht="14.45">
      <c r="A22460" s="11"/>
      <c r="B22460" s="20"/>
      <c r="C22460" s="2" t="s">
        <v>72256</v>
      </c>
      <c r="D22460" s="14" t="s">
        <v>72257</v>
      </c>
      <c r="E22460" s="2" t="s">
        <v>72258</v>
      </c>
      <c r="F22460" s="2" t="s">
        <v>71965</v>
      </c>
      <c r="G22460" s="8">
        <v>121</v>
      </c>
      <c r="H22460" s="5">
        <v>6</v>
      </c>
      <c r="I22460" s="5" t="s">
        <v>1518</v>
      </c>
      <c r="J22460" s="5" t="s">
        <v>69038</v>
      </c>
      <c r="K22460" s="2" t="s">
        <v>69039</v>
      </c>
      <c r="L22460" s="5" t="s">
        <v>69038</v>
      </c>
      <c r="M22460" s="2" t="s">
        <v>69039</v>
      </c>
      <c r="N22460" s="5" t="s">
        <v>1521</v>
      </c>
      <c r="O22460" s="5" t="s">
        <v>38</v>
      </c>
      <c r="P22460" s="5" t="s">
        <v>39</v>
      </c>
      <c r="Q22460" s="5" t="s">
        <v>40</v>
      </c>
      <c r="R22460" s="5" t="s">
        <v>1522</v>
      </c>
      <c r="S22460" s="5" t="s">
        <v>1523</v>
      </c>
      <c r="T22460" s="5" t="s">
        <v>42</v>
      </c>
      <c r="U22460" s="2">
        <v>1.21</v>
      </c>
      <c r="V22460" s="2">
        <v>0.92200000000000004</v>
      </c>
      <c r="W22460" s="2">
        <v>7.0000000000000001E-3</v>
      </c>
      <c r="X22460" s="2">
        <v>86.5</v>
      </c>
      <c r="Y22460" s="2">
        <v>7.6</v>
      </c>
      <c r="Z22460" s="2">
        <v>10.6</v>
      </c>
      <c r="AA22460" s="5"/>
      <c r="AB22460" s="5" t="s">
        <v>43</v>
      </c>
      <c r="AC22460" s="5" t="s">
        <v>44</v>
      </c>
      <c r="AD22460" s="2"/>
      <c r="AE22460" s="1"/>
    </row>
    <row r="22461" spans="1:31" ht="14.45">
      <c r="A22461" s="11"/>
      <c r="B22461" s="20"/>
      <c r="C22461" s="2" t="s">
        <v>72259</v>
      </c>
      <c r="D22461" s="14" t="s">
        <v>72260</v>
      </c>
      <c r="E22461" s="2" t="s">
        <v>72261</v>
      </c>
      <c r="F22461" s="2" t="s">
        <v>71969</v>
      </c>
      <c r="G22461" s="8">
        <v>121</v>
      </c>
      <c r="H22461" s="5">
        <v>6</v>
      </c>
      <c r="I22461" s="5" t="s">
        <v>1518</v>
      </c>
      <c r="J22461" s="5" t="s">
        <v>69038</v>
      </c>
      <c r="K22461" s="2" t="s">
        <v>69039</v>
      </c>
      <c r="L22461" s="5" t="s">
        <v>69038</v>
      </c>
      <c r="M22461" s="2" t="s">
        <v>69039</v>
      </c>
      <c r="N22461" s="5" t="s">
        <v>1521</v>
      </c>
      <c r="O22461" s="5" t="s">
        <v>38</v>
      </c>
      <c r="P22461" s="5" t="s">
        <v>39</v>
      </c>
      <c r="Q22461" s="5" t="s">
        <v>40</v>
      </c>
      <c r="R22461" s="5" t="s">
        <v>1522</v>
      </c>
      <c r="S22461" s="5" t="s">
        <v>1523</v>
      </c>
      <c r="T22461" s="5" t="s">
        <v>42</v>
      </c>
      <c r="U22461" s="2">
        <v>1.2789999999999999</v>
      </c>
      <c r="V22461" s="2">
        <v>0.99099999999999999</v>
      </c>
      <c r="W22461" s="2">
        <v>7.0000000000000001E-3</v>
      </c>
      <c r="X22461" s="2">
        <v>86.5</v>
      </c>
      <c r="Y22461" s="2">
        <v>7.6</v>
      </c>
      <c r="Z22461" s="2">
        <v>10.6</v>
      </c>
      <c r="AA22461" s="5"/>
      <c r="AB22461" s="5" t="s">
        <v>43</v>
      </c>
      <c r="AC22461" s="5" t="s">
        <v>44</v>
      </c>
      <c r="AD22461" s="2"/>
      <c r="AE22461" s="1"/>
    </row>
    <row r="22462" spans="1:31" ht="14.45">
      <c r="A22462" s="11"/>
      <c r="B22462" s="20"/>
      <c r="C22462" s="2" t="s">
        <v>72262</v>
      </c>
      <c r="D22462" s="14" t="s">
        <v>72263</v>
      </c>
      <c r="E22462" s="2" t="s">
        <v>72264</v>
      </c>
      <c r="F22462" s="2" t="s">
        <v>71973</v>
      </c>
      <c r="G22462" s="8">
        <v>121</v>
      </c>
      <c r="H22462" s="5">
        <v>6</v>
      </c>
      <c r="I22462" s="5" t="s">
        <v>1518</v>
      </c>
      <c r="J22462" s="5" t="s">
        <v>69038</v>
      </c>
      <c r="K22462" s="2" t="s">
        <v>69039</v>
      </c>
      <c r="L22462" s="5" t="s">
        <v>69038</v>
      </c>
      <c r="M22462" s="2" t="s">
        <v>69039</v>
      </c>
      <c r="N22462" s="5" t="s">
        <v>1521</v>
      </c>
      <c r="O22462" s="5" t="s">
        <v>38</v>
      </c>
      <c r="P22462" s="5" t="s">
        <v>39</v>
      </c>
      <c r="Q22462" s="5" t="s">
        <v>40</v>
      </c>
      <c r="R22462" s="5" t="s">
        <v>1522</v>
      </c>
      <c r="S22462" s="5" t="s">
        <v>1523</v>
      </c>
      <c r="T22462" s="5" t="s">
        <v>42</v>
      </c>
      <c r="U22462" s="2">
        <v>1.21</v>
      </c>
      <c r="V22462" s="2">
        <v>0.92200000000000004</v>
      </c>
      <c r="W22462" s="2">
        <v>7.0000000000000001E-3</v>
      </c>
      <c r="X22462" s="2">
        <v>86.5</v>
      </c>
      <c r="Y22462" s="2">
        <v>7.6</v>
      </c>
      <c r="Z22462" s="2">
        <v>10.6</v>
      </c>
      <c r="AA22462" s="5"/>
      <c r="AB22462" s="5" t="s">
        <v>43</v>
      </c>
      <c r="AC22462" s="5" t="s">
        <v>44</v>
      </c>
      <c r="AD22462" s="2"/>
      <c r="AE22462" s="1"/>
    </row>
    <row r="22463" spans="1:31" ht="14.45">
      <c r="A22463" s="11"/>
      <c r="B22463" s="20"/>
      <c r="C22463" s="2" t="s">
        <v>72265</v>
      </c>
      <c r="D22463" s="14" t="s">
        <v>72266</v>
      </c>
      <c r="E22463" s="2" t="s">
        <v>72267</v>
      </c>
      <c r="F22463" s="2" t="s">
        <v>71977</v>
      </c>
      <c r="G22463" s="8">
        <v>121</v>
      </c>
      <c r="H22463" s="5">
        <v>6</v>
      </c>
      <c r="I22463" s="5" t="s">
        <v>1518</v>
      </c>
      <c r="J22463" s="5" t="s">
        <v>69038</v>
      </c>
      <c r="K22463" s="2" t="s">
        <v>69039</v>
      </c>
      <c r="L22463" s="5" t="s">
        <v>69038</v>
      </c>
      <c r="M22463" s="2" t="s">
        <v>69039</v>
      </c>
      <c r="N22463" s="5" t="s">
        <v>1521</v>
      </c>
      <c r="O22463" s="5" t="s">
        <v>38</v>
      </c>
      <c r="P22463" s="5" t="s">
        <v>39</v>
      </c>
      <c r="Q22463" s="5" t="s">
        <v>40</v>
      </c>
      <c r="R22463" s="5" t="s">
        <v>1522</v>
      </c>
      <c r="S22463" s="5" t="s">
        <v>1523</v>
      </c>
      <c r="T22463" s="5" t="s">
        <v>42</v>
      </c>
      <c r="U22463" s="2">
        <v>1.2789999999999999</v>
      </c>
      <c r="V22463" s="2">
        <v>0.99099999999999999</v>
      </c>
      <c r="W22463" s="2">
        <v>7.0000000000000001E-3</v>
      </c>
      <c r="X22463" s="2">
        <v>86.5</v>
      </c>
      <c r="Y22463" s="2">
        <v>7.6</v>
      </c>
      <c r="Z22463" s="2">
        <v>10.6</v>
      </c>
      <c r="AA22463" s="5"/>
      <c r="AB22463" s="5" t="s">
        <v>43</v>
      </c>
      <c r="AC22463" s="5" t="s">
        <v>44</v>
      </c>
      <c r="AD22463" s="2"/>
      <c r="AE22463" s="1"/>
    </row>
    <row r="22464" spans="1:31" ht="14.45">
      <c r="A22464" s="11"/>
      <c r="B22464" s="20"/>
      <c r="C22464" s="2" t="s">
        <v>72268</v>
      </c>
      <c r="D22464" s="14" t="s">
        <v>72269</v>
      </c>
      <c r="E22464" s="2" t="s">
        <v>72270</v>
      </c>
      <c r="F22464" s="2" t="s">
        <v>71981</v>
      </c>
      <c r="G22464" s="8">
        <v>121</v>
      </c>
      <c r="H22464" s="5">
        <v>6</v>
      </c>
      <c r="I22464" s="5" t="s">
        <v>1518</v>
      </c>
      <c r="J22464" s="5" t="s">
        <v>69038</v>
      </c>
      <c r="K22464" s="2" t="s">
        <v>69039</v>
      </c>
      <c r="L22464" s="5" t="s">
        <v>69038</v>
      </c>
      <c r="M22464" s="2" t="s">
        <v>69039</v>
      </c>
      <c r="N22464" s="5" t="s">
        <v>1521</v>
      </c>
      <c r="O22464" s="5" t="s">
        <v>38</v>
      </c>
      <c r="P22464" s="5" t="s">
        <v>39</v>
      </c>
      <c r="Q22464" s="5" t="s">
        <v>40</v>
      </c>
      <c r="R22464" s="5" t="s">
        <v>1522</v>
      </c>
      <c r="S22464" s="5" t="s">
        <v>1523</v>
      </c>
      <c r="T22464" s="5" t="s">
        <v>42</v>
      </c>
      <c r="U22464" s="2">
        <v>1.21</v>
      </c>
      <c r="V22464" s="2">
        <v>0.92200000000000004</v>
      </c>
      <c r="W22464" s="2">
        <v>7.0000000000000001E-3</v>
      </c>
      <c r="X22464" s="2">
        <v>86.5</v>
      </c>
      <c r="Y22464" s="2">
        <v>7.6</v>
      </c>
      <c r="Z22464" s="2">
        <v>10.6</v>
      </c>
      <c r="AA22464" s="5"/>
      <c r="AB22464" s="5" t="s">
        <v>43</v>
      </c>
      <c r="AC22464" s="5" t="s">
        <v>44</v>
      </c>
      <c r="AD22464" s="2"/>
      <c r="AE22464" s="1"/>
    </row>
    <row r="22465" spans="1:31" ht="14.45">
      <c r="A22465" s="11"/>
      <c r="B22465" s="20"/>
      <c r="C22465" s="2" t="s">
        <v>72271</v>
      </c>
      <c r="D22465" s="14" t="s">
        <v>72272</v>
      </c>
      <c r="E22465" s="2" t="s">
        <v>72273</v>
      </c>
      <c r="F22465" s="2" t="s">
        <v>71985</v>
      </c>
      <c r="G22465" s="8">
        <v>121</v>
      </c>
      <c r="H22465" s="5">
        <v>6</v>
      </c>
      <c r="I22465" s="5" t="s">
        <v>1518</v>
      </c>
      <c r="J22465" s="5" t="s">
        <v>69038</v>
      </c>
      <c r="K22465" s="2" t="s">
        <v>69039</v>
      </c>
      <c r="L22465" s="5" t="s">
        <v>69038</v>
      </c>
      <c r="M22465" s="2" t="s">
        <v>69039</v>
      </c>
      <c r="N22465" s="5" t="s">
        <v>1521</v>
      </c>
      <c r="O22465" s="5" t="s">
        <v>38</v>
      </c>
      <c r="P22465" s="5" t="s">
        <v>39</v>
      </c>
      <c r="Q22465" s="5" t="s">
        <v>40</v>
      </c>
      <c r="R22465" s="5" t="s">
        <v>1522</v>
      </c>
      <c r="S22465" s="5" t="s">
        <v>1523</v>
      </c>
      <c r="T22465" s="5" t="s">
        <v>42</v>
      </c>
      <c r="U22465" s="2">
        <v>1.2789999999999999</v>
      </c>
      <c r="V22465" s="2">
        <v>0.99099999999999999</v>
      </c>
      <c r="W22465" s="2">
        <v>7.0000000000000001E-3</v>
      </c>
      <c r="X22465" s="2">
        <v>86.5</v>
      </c>
      <c r="Y22465" s="2">
        <v>7.6</v>
      </c>
      <c r="Z22465" s="2">
        <v>10.6</v>
      </c>
      <c r="AA22465" s="5"/>
      <c r="AB22465" s="5" t="s">
        <v>43</v>
      </c>
      <c r="AC22465" s="5" t="s">
        <v>44</v>
      </c>
      <c r="AD22465" s="2"/>
      <c r="AE22465" s="1"/>
    </row>
    <row r="22466" spans="1:31" ht="14.45">
      <c r="A22466" s="11"/>
      <c r="B22466" s="20"/>
      <c r="C22466" s="2" t="s">
        <v>72274</v>
      </c>
      <c r="D22466" s="14" t="s">
        <v>72275</v>
      </c>
      <c r="E22466" s="2" t="s">
        <v>72276</v>
      </c>
      <c r="F22466" s="2" t="s">
        <v>71957</v>
      </c>
      <c r="G22466" s="8">
        <v>131</v>
      </c>
      <c r="H22466" s="5">
        <v>6</v>
      </c>
      <c r="I22466" s="5" t="s">
        <v>1518</v>
      </c>
      <c r="J22466" s="5" t="s">
        <v>69038</v>
      </c>
      <c r="K22466" s="2" t="s">
        <v>69039</v>
      </c>
      <c r="L22466" s="5" t="s">
        <v>69038</v>
      </c>
      <c r="M22466" s="2" t="s">
        <v>69039</v>
      </c>
      <c r="N22466" s="5" t="s">
        <v>1521</v>
      </c>
      <c r="O22466" s="5" t="s">
        <v>38</v>
      </c>
      <c r="P22466" s="5" t="s">
        <v>39</v>
      </c>
      <c r="Q22466" s="5" t="s">
        <v>40</v>
      </c>
      <c r="R22466" s="5" t="s">
        <v>1522</v>
      </c>
      <c r="S22466" s="5" t="s">
        <v>1523</v>
      </c>
      <c r="T22466" s="5" t="s">
        <v>42</v>
      </c>
      <c r="U22466" s="2">
        <v>1.375</v>
      </c>
      <c r="V22466" s="2">
        <v>1.024</v>
      </c>
      <c r="W22466" s="2">
        <v>8.9999999999999993E-3</v>
      </c>
      <c r="X22466" s="2">
        <v>106.5</v>
      </c>
      <c r="Y22466" s="2">
        <v>7.6</v>
      </c>
      <c r="Z22466" s="2">
        <v>10.6</v>
      </c>
      <c r="AA22466" s="5"/>
      <c r="AB22466" s="5" t="s">
        <v>43</v>
      </c>
      <c r="AC22466" s="5" t="s">
        <v>44</v>
      </c>
      <c r="AD22466" s="2"/>
      <c r="AE22466" s="1"/>
    </row>
    <row r="22467" spans="1:31" ht="14.45">
      <c r="A22467" s="11"/>
      <c r="B22467" s="20"/>
      <c r="C22467" s="2" t="s">
        <v>72277</v>
      </c>
      <c r="D22467" s="14" t="s">
        <v>72278</v>
      </c>
      <c r="E22467" s="2" t="s">
        <v>72279</v>
      </c>
      <c r="F22467" s="2" t="s">
        <v>71961</v>
      </c>
      <c r="G22467" s="8">
        <v>131</v>
      </c>
      <c r="H22467" s="5">
        <v>6</v>
      </c>
      <c r="I22467" s="5" t="s">
        <v>1518</v>
      </c>
      <c r="J22467" s="5" t="s">
        <v>69038</v>
      </c>
      <c r="K22467" s="2" t="s">
        <v>69039</v>
      </c>
      <c r="L22467" s="5" t="s">
        <v>69038</v>
      </c>
      <c r="M22467" s="2" t="s">
        <v>69039</v>
      </c>
      <c r="N22467" s="5" t="s">
        <v>1521</v>
      </c>
      <c r="O22467" s="5" t="s">
        <v>38</v>
      </c>
      <c r="P22467" s="5" t="s">
        <v>39</v>
      </c>
      <c r="Q22467" s="5" t="s">
        <v>40</v>
      </c>
      <c r="R22467" s="5" t="s">
        <v>1522</v>
      </c>
      <c r="S22467" s="5" t="s">
        <v>1523</v>
      </c>
      <c r="T22467" s="5" t="s">
        <v>42</v>
      </c>
      <c r="U22467" s="2">
        <v>1.454</v>
      </c>
      <c r="V22467" s="2">
        <v>1.103</v>
      </c>
      <c r="W22467" s="2">
        <v>8.9999999999999993E-3</v>
      </c>
      <c r="X22467" s="2">
        <v>106.5</v>
      </c>
      <c r="Y22467" s="2">
        <v>7.6</v>
      </c>
      <c r="Z22467" s="2">
        <v>10.6</v>
      </c>
      <c r="AA22467" s="5"/>
      <c r="AB22467" s="5" t="s">
        <v>43</v>
      </c>
      <c r="AC22467" s="5" t="s">
        <v>44</v>
      </c>
      <c r="AD22467" s="2"/>
      <c r="AE22467" s="1"/>
    </row>
    <row r="22468" spans="1:31" ht="14.45">
      <c r="A22468" s="11"/>
      <c r="B22468" s="20"/>
      <c r="C22468" s="2" t="s">
        <v>72280</v>
      </c>
      <c r="D22468" s="14" t="s">
        <v>72281</v>
      </c>
      <c r="E22468" s="2" t="s">
        <v>72282</v>
      </c>
      <c r="F22468" s="2" t="s">
        <v>71965</v>
      </c>
      <c r="G22468" s="8">
        <v>131</v>
      </c>
      <c r="H22468" s="5">
        <v>6</v>
      </c>
      <c r="I22468" s="5" t="s">
        <v>1518</v>
      </c>
      <c r="J22468" s="5" t="s">
        <v>69038</v>
      </c>
      <c r="K22468" s="2" t="s">
        <v>69039</v>
      </c>
      <c r="L22468" s="5" t="s">
        <v>69038</v>
      </c>
      <c r="M22468" s="2" t="s">
        <v>69039</v>
      </c>
      <c r="N22468" s="5" t="s">
        <v>1521</v>
      </c>
      <c r="O22468" s="5" t="s">
        <v>38</v>
      </c>
      <c r="P22468" s="5" t="s">
        <v>39</v>
      </c>
      <c r="Q22468" s="5" t="s">
        <v>40</v>
      </c>
      <c r="R22468" s="5" t="s">
        <v>1522</v>
      </c>
      <c r="S22468" s="5" t="s">
        <v>1523</v>
      </c>
      <c r="T22468" s="5" t="s">
        <v>42</v>
      </c>
      <c r="U22468" s="2">
        <v>1.375</v>
      </c>
      <c r="V22468" s="2">
        <v>1.024</v>
      </c>
      <c r="W22468" s="2">
        <v>8.9999999999999993E-3</v>
      </c>
      <c r="X22468" s="2">
        <v>106.5</v>
      </c>
      <c r="Y22468" s="2">
        <v>7.6</v>
      </c>
      <c r="Z22468" s="2">
        <v>10.6</v>
      </c>
      <c r="AA22468" s="5"/>
      <c r="AB22468" s="5" t="s">
        <v>43</v>
      </c>
      <c r="AC22468" s="5" t="s">
        <v>44</v>
      </c>
      <c r="AD22468" s="2"/>
      <c r="AE22468" s="1"/>
    </row>
    <row r="22469" spans="1:31" ht="14.45">
      <c r="A22469" s="11"/>
      <c r="B22469" s="20"/>
      <c r="C22469" s="2" t="s">
        <v>72283</v>
      </c>
      <c r="D22469" s="14" t="s">
        <v>72284</v>
      </c>
      <c r="E22469" s="2" t="s">
        <v>72285</v>
      </c>
      <c r="F22469" s="2" t="s">
        <v>71969</v>
      </c>
      <c r="G22469" s="8">
        <v>131</v>
      </c>
      <c r="H22469" s="5">
        <v>6</v>
      </c>
      <c r="I22469" s="5" t="s">
        <v>1518</v>
      </c>
      <c r="J22469" s="5" t="s">
        <v>69038</v>
      </c>
      <c r="K22469" s="2" t="s">
        <v>69039</v>
      </c>
      <c r="L22469" s="5" t="s">
        <v>69038</v>
      </c>
      <c r="M22469" s="2" t="s">
        <v>69039</v>
      </c>
      <c r="N22469" s="5" t="s">
        <v>1521</v>
      </c>
      <c r="O22469" s="5" t="s">
        <v>38</v>
      </c>
      <c r="P22469" s="5" t="s">
        <v>39</v>
      </c>
      <c r="Q22469" s="5" t="s">
        <v>40</v>
      </c>
      <c r="R22469" s="5" t="s">
        <v>1522</v>
      </c>
      <c r="S22469" s="5" t="s">
        <v>1523</v>
      </c>
      <c r="T22469" s="5" t="s">
        <v>42</v>
      </c>
      <c r="U22469" s="2">
        <v>1.454</v>
      </c>
      <c r="V22469" s="2">
        <v>1.103</v>
      </c>
      <c r="W22469" s="2">
        <v>8.9999999999999993E-3</v>
      </c>
      <c r="X22469" s="2">
        <v>106.5</v>
      </c>
      <c r="Y22469" s="2">
        <v>7.6</v>
      </c>
      <c r="Z22469" s="2">
        <v>10.6</v>
      </c>
      <c r="AA22469" s="5"/>
      <c r="AB22469" s="5" t="s">
        <v>43</v>
      </c>
      <c r="AC22469" s="5" t="s">
        <v>44</v>
      </c>
      <c r="AD22469" s="2"/>
      <c r="AE22469" s="1"/>
    </row>
    <row r="22470" spans="1:31" ht="14.45">
      <c r="A22470" s="11"/>
      <c r="B22470" s="20"/>
      <c r="C22470" s="2" t="s">
        <v>72286</v>
      </c>
      <c r="D22470" s="14" t="s">
        <v>72287</v>
      </c>
      <c r="E22470" s="2" t="s">
        <v>72288</v>
      </c>
      <c r="F22470" s="2" t="s">
        <v>71973</v>
      </c>
      <c r="G22470" s="8">
        <v>131</v>
      </c>
      <c r="H22470" s="5">
        <v>6</v>
      </c>
      <c r="I22470" s="5" t="s">
        <v>1518</v>
      </c>
      <c r="J22470" s="5" t="s">
        <v>69038</v>
      </c>
      <c r="K22470" s="2" t="s">
        <v>69039</v>
      </c>
      <c r="L22470" s="5" t="s">
        <v>69038</v>
      </c>
      <c r="M22470" s="2" t="s">
        <v>69039</v>
      </c>
      <c r="N22470" s="5" t="s">
        <v>1521</v>
      </c>
      <c r="O22470" s="5" t="s">
        <v>38</v>
      </c>
      <c r="P22470" s="5" t="s">
        <v>39</v>
      </c>
      <c r="Q22470" s="5" t="s">
        <v>40</v>
      </c>
      <c r="R22470" s="5" t="s">
        <v>1522</v>
      </c>
      <c r="S22470" s="5" t="s">
        <v>1523</v>
      </c>
      <c r="T22470" s="5" t="s">
        <v>42</v>
      </c>
      <c r="U22470" s="2">
        <v>1.375</v>
      </c>
      <c r="V22470" s="2">
        <v>1.024</v>
      </c>
      <c r="W22470" s="2">
        <v>8.9999999999999993E-3</v>
      </c>
      <c r="X22470" s="2">
        <v>106.5</v>
      </c>
      <c r="Y22470" s="2">
        <v>7.6</v>
      </c>
      <c r="Z22470" s="2">
        <v>10.6</v>
      </c>
      <c r="AA22470" s="5"/>
      <c r="AB22470" s="5" t="s">
        <v>43</v>
      </c>
      <c r="AC22470" s="5" t="s">
        <v>44</v>
      </c>
      <c r="AD22470" s="2"/>
      <c r="AE22470" s="1"/>
    </row>
    <row r="22471" spans="1:31" ht="14.45">
      <c r="A22471" s="11"/>
      <c r="B22471" s="20"/>
      <c r="C22471" s="2" t="s">
        <v>72289</v>
      </c>
      <c r="D22471" s="14" t="s">
        <v>72290</v>
      </c>
      <c r="E22471" s="2" t="s">
        <v>72291</v>
      </c>
      <c r="F22471" s="2" t="s">
        <v>71977</v>
      </c>
      <c r="G22471" s="8">
        <v>131</v>
      </c>
      <c r="H22471" s="5">
        <v>6</v>
      </c>
      <c r="I22471" s="5" t="s">
        <v>1518</v>
      </c>
      <c r="J22471" s="5" t="s">
        <v>69038</v>
      </c>
      <c r="K22471" s="2" t="s">
        <v>69039</v>
      </c>
      <c r="L22471" s="5" t="s">
        <v>69038</v>
      </c>
      <c r="M22471" s="2" t="s">
        <v>69039</v>
      </c>
      <c r="N22471" s="5" t="s">
        <v>1521</v>
      </c>
      <c r="O22471" s="5" t="s">
        <v>38</v>
      </c>
      <c r="P22471" s="5" t="s">
        <v>39</v>
      </c>
      <c r="Q22471" s="5" t="s">
        <v>40</v>
      </c>
      <c r="R22471" s="5" t="s">
        <v>1522</v>
      </c>
      <c r="S22471" s="5" t="s">
        <v>1523</v>
      </c>
      <c r="T22471" s="5" t="s">
        <v>42</v>
      </c>
      <c r="U22471" s="2">
        <v>1.454</v>
      </c>
      <c r="V22471" s="2">
        <v>1.103</v>
      </c>
      <c r="W22471" s="2">
        <v>8.9999999999999993E-3</v>
      </c>
      <c r="X22471" s="2">
        <v>106.5</v>
      </c>
      <c r="Y22471" s="2">
        <v>7.6</v>
      </c>
      <c r="Z22471" s="2">
        <v>10.6</v>
      </c>
      <c r="AA22471" s="5"/>
      <c r="AB22471" s="5" t="s">
        <v>43</v>
      </c>
      <c r="AC22471" s="5" t="s">
        <v>44</v>
      </c>
      <c r="AD22471" s="2"/>
      <c r="AE22471" s="1"/>
    </row>
    <row r="22472" spans="1:31" ht="14.45">
      <c r="A22472" s="11"/>
      <c r="B22472" s="20"/>
      <c r="C22472" s="2" t="s">
        <v>72292</v>
      </c>
      <c r="D22472" s="14" t="s">
        <v>72293</v>
      </c>
      <c r="E22472" s="2" t="s">
        <v>72294</v>
      </c>
      <c r="F22472" s="2" t="s">
        <v>71981</v>
      </c>
      <c r="G22472" s="8">
        <v>131</v>
      </c>
      <c r="H22472" s="5">
        <v>6</v>
      </c>
      <c r="I22472" s="5" t="s">
        <v>1518</v>
      </c>
      <c r="J22472" s="5" t="s">
        <v>69038</v>
      </c>
      <c r="K22472" s="2" t="s">
        <v>69039</v>
      </c>
      <c r="L22472" s="5" t="s">
        <v>69038</v>
      </c>
      <c r="M22472" s="2" t="s">
        <v>69039</v>
      </c>
      <c r="N22472" s="5" t="s">
        <v>1521</v>
      </c>
      <c r="O22472" s="5" t="s">
        <v>38</v>
      </c>
      <c r="P22472" s="5" t="s">
        <v>39</v>
      </c>
      <c r="Q22472" s="5" t="s">
        <v>40</v>
      </c>
      <c r="R22472" s="5" t="s">
        <v>1522</v>
      </c>
      <c r="S22472" s="5" t="s">
        <v>1523</v>
      </c>
      <c r="T22472" s="5" t="s">
        <v>42</v>
      </c>
      <c r="U22472" s="2">
        <v>1.375</v>
      </c>
      <c r="V22472" s="2">
        <v>1.024</v>
      </c>
      <c r="W22472" s="2">
        <v>8.9999999999999993E-3</v>
      </c>
      <c r="X22472" s="2">
        <v>106.5</v>
      </c>
      <c r="Y22472" s="2">
        <v>7.6</v>
      </c>
      <c r="Z22472" s="2">
        <v>10.6</v>
      </c>
      <c r="AA22472" s="5"/>
      <c r="AB22472" s="5" t="s">
        <v>43</v>
      </c>
      <c r="AC22472" s="5" t="s">
        <v>44</v>
      </c>
      <c r="AD22472" s="2"/>
      <c r="AE22472" s="1"/>
    </row>
    <row r="22473" spans="1:31" ht="14.45">
      <c r="A22473" s="11"/>
      <c r="B22473" s="20"/>
      <c r="C22473" s="2" t="s">
        <v>72295</v>
      </c>
      <c r="D22473" s="14" t="s">
        <v>72296</v>
      </c>
      <c r="E22473" s="2" t="s">
        <v>72297</v>
      </c>
      <c r="F22473" s="2" t="s">
        <v>71985</v>
      </c>
      <c r="G22473" s="8">
        <v>131</v>
      </c>
      <c r="H22473" s="5">
        <v>6</v>
      </c>
      <c r="I22473" s="5" t="s">
        <v>1518</v>
      </c>
      <c r="J22473" s="5" t="s">
        <v>69038</v>
      </c>
      <c r="K22473" s="2" t="s">
        <v>69039</v>
      </c>
      <c r="L22473" s="5" t="s">
        <v>69038</v>
      </c>
      <c r="M22473" s="2" t="s">
        <v>69039</v>
      </c>
      <c r="N22473" s="5" t="s">
        <v>1521</v>
      </c>
      <c r="O22473" s="5" t="s">
        <v>38</v>
      </c>
      <c r="P22473" s="5" t="s">
        <v>39</v>
      </c>
      <c r="Q22473" s="5" t="s">
        <v>40</v>
      </c>
      <c r="R22473" s="5" t="s">
        <v>1522</v>
      </c>
      <c r="S22473" s="5" t="s">
        <v>1523</v>
      </c>
      <c r="T22473" s="5" t="s">
        <v>42</v>
      </c>
      <c r="U22473" s="2">
        <v>1.454</v>
      </c>
      <c r="V22473" s="2">
        <v>1.103</v>
      </c>
      <c r="W22473" s="2">
        <v>8.9999999999999993E-3</v>
      </c>
      <c r="X22473" s="2">
        <v>106.5</v>
      </c>
      <c r="Y22473" s="2">
        <v>7.6</v>
      </c>
      <c r="Z22473" s="2">
        <v>10.6</v>
      </c>
      <c r="AA22473" s="5"/>
      <c r="AB22473" s="5" t="s">
        <v>43</v>
      </c>
      <c r="AC22473" s="5" t="s">
        <v>44</v>
      </c>
      <c r="AD22473" s="2"/>
      <c r="AE22473" s="1"/>
    </row>
    <row r="22474" spans="1:31" ht="14.45">
      <c r="A22474" s="11"/>
      <c r="B22474" s="20"/>
      <c r="C22474" s="2" t="s">
        <v>72298</v>
      </c>
      <c r="D22474" s="14" t="s">
        <v>72299</v>
      </c>
      <c r="E22474" s="2" t="s">
        <v>72300</v>
      </c>
      <c r="F22474" s="2" t="s">
        <v>71957</v>
      </c>
      <c r="G22474" s="8">
        <v>135</v>
      </c>
      <c r="H22474" s="5">
        <v>6</v>
      </c>
      <c r="I22474" s="5" t="s">
        <v>1518</v>
      </c>
      <c r="J22474" s="5" t="s">
        <v>69038</v>
      </c>
      <c r="K22474" s="2" t="s">
        <v>69039</v>
      </c>
      <c r="L22474" s="5" t="s">
        <v>69038</v>
      </c>
      <c r="M22474" s="2" t="s">
        <v>69039</v>
      </c>
      <c r="N22474" s="5" t="s">
        <v>1521</v>
      </c>
      <c r="O22474" s="5" t="s">
        <v>38</v>
      </c>
      <c r="P22474" s="5" t="s">
        <v>39</v>
      </c>
      <c r="Q22474" s="5" t="s">
        <v>40</v>
      </c>
      <c r="R22474" s="5" t="s">
        <v>1522</v>
      </c>
      <c r="S22474" s="5" t="s">
        <v>1523</v>
      </c>
      <c r="T22474" s="5" t="s">
        <v>42</v>
      </c>
      <c r="U22474" s="2">
        <v>1.5429999999999999</v>
      </c>
      <c r="V22474" s="2">
        <v>1.133</v>
      </c>
      <c r="W22474" s="2">
        <v>0.01</v>
      </c>
      <c r="X22474" s="2">
        <v>128.5</v>
      </c>
      <c r="Y22474" s="2">
        <v>7.6</v>
      </c>
      <c r="Z22474" s="2">
        <v>10.6</v>
      </c>
      <c r="AA22474" s="5"/>
      <c r="AB22474" s="5" t="s">
        <v>43</v>
      </c>
      <c r="AC22474" s="5" t="s">
        <v>44</v>
      </c>
      <c r="AD22474" s="2"/>
      <c r="AE22474" s="1"/>
    </row>
    <row r="22475" spans="1:31" ht="14.45">
      <c r="A22475" s="11"/>
      <c r="B22475" s="20"/>
      <c r="C22475" s="2" t="s">
        <v>72301</v>
      </c>
      <c r="D22475" s="14" t="s">
        <v>72302</v>
      </c>
      <c r="E22475" s="2" t="s">
        <v>72303</v>
      </c>
      <c r="F22475" s="2" t="s">
        <v>71961</v>
      </c>
      <c r="G22475" s="8">
        <v>135</v>
      </c>
      <c r="H22475" s="5">
        <v>6</v>
      </c>
      <c r="I22475" s="5" t="s">
        <v>1518</v>
      </c>
      <c r="J22475" s="5" t="s">
        <v>69038</v>
      </c>
      <c r="K22475" s="2" t="s">
        <v>69039</v>
      </c>
      <c r="L22475" s="5" t="s">
        <v>69038</v>
      </c>
      <c r="M22475" s="2" t="s">
        <v>69039</v>
      </c>
      <c r="N22475" s="5" t="s">
        <v>1521</v>
      </c>
      <c r="O22475" s="5" t="s">
        <v>38</v>
      </c>
      <c r="P22475" s="5" t="s">
        <v>39</v>
      </c>
      <c r="Q22475" s="5" t="s">
        <v>40</v>
      </c>
      <c r="R22475" s="5" t="s">
        <v>1522</v>
      </c>
      <c r="S22475" s="5" t="s">
        <v>1523</v>
      </c>
      <c r="T22475" s="5" t="s">
        <v>42</v>
      </c>
      <c r="U22475" s="2">
        <v>1.633</v>
      </c>
      <c r="V22475" s="2">
        <v>1.2230000000000001</v>
      </c>
      <c r="W22475" s="2">
        <v>0.01</v>
      </c>
      <c r="X22475" s="2">
        <v>128.5</v>
      </c>
      <c r="Y22475" s="2">
        <v>7.6</v>
      </c>
      <c r="Z22475" s="2">
        <v>10.6</v>
      </c>
      <c r="AA22475" s="5"/>
      <c r="AB22475" s="5" t="s">
        <v>43</v>
      </c>
      <c r="AC22475" s="5" t="s">
        <v>44</v>
      </c>
      <c r="AD22475" s="2"/>
      <c r="AE22475" s="1"/>
    </row>
    <row r="22476" spans="1:31" ht="14.45">
      <c r="A22476" s="11"/>
      <c r="B22476" s="20"/>
      <c r="C22476" s="2" t="s">
        <v>72304</v>
      </c>
      <c r="D22476" s="14" t="s">
        <v>72305</v>
      </c>
      <c r="E22476" s="2" t="s">
        <v>72306</v>
      </c>
      <c r="F22476" s="2" t="s">
        <v>71965</v>
      </c>
      <c r="G22476" s="8">
        <v>135</v>
      </c>
      <c r="H22476" s="5">
        <v>6</v>
      </c>
      <c r="I22476" s="5" t="s">
        <v>1518</v>
      </c>
      <c r="J22476" s="5" t="s">
        <v>69038</v>
      </c>
      <c r="K22476" s="2" t="s">
        <v>69039</v>
      </c>
      <c r="L22476" s="5" t="s">
        <v>69038</v>
      </c>
      <c r="M22476" s="2" t="s">
        <v>69039</v>
      </c>
      <c r="N22476" s="5" t="s">
        <v>1521</v>
      </c>
      <c r="O22476" s="5" t="s">
        <v>38</v>
      </c>
      <c r="P22476" s="5" t="s">
        <v>39</v>
      </c>
      <c r="Q22476" s="5" t="s">
        <v>40</v>
      </c>
      <c r="R22476" s="5" t="s">
        <v>1522</v>
      </c>
      <c r="S22476" s="5" t="s">
        <v>1523</v>
      </c>
      <c r="T22476" s="5" t="s">
        <v>42</v>
      </c>
      <c r="U22476" s="2">
        <v>1.5429999999999999</v>
      </c>
      <c r="V22476" s="2">
        <v>1.133</v>
      </c>
      <c r="W22476" s="2">
        <v>0.01</v>
      </c>
      <c r="X22476" s="2">
        <v>128.5</v>
      </c>
      <c r="Y22476" s="2">
        <v>7.6</v>
      </c>
      <c r="Z22476" s="2">
        <v>10.6</v>
      </c>
      <c r="AA22476" s="5"/>
      <c r="AB22476" s="5" t="s">
        <v>43</v>
      </c>
      <c r="AC22476" s="5" t="s">
        <v>44</v>
      </c>
      <c r="AD22476" s="2"/>
      <c r="AE22476" s="1"/>
    </row>
    <row r="22477" spans="1:31" ht="14.45">
      <c r="A22477" s="11"/>
      <c r="B22477" s="20"/>
      <c r="C22477" s="2" t="s">
        <v>72307</v>
      </c>
      <c r="D22477" s="14" t="s">
        <v>72308</v>
      </c>
      <c r="E22477" s="2" t="s">
        <v>72309</v>
      </c>
      <c r="F22477" s="2" t="s">
        <v>71969</v>
      </c>
      <c r="G22477" s="8">
        <v>135</v>
      </c>
      <c r="H22477" s="5">
        <v>6</v>
      </c>
      <c r="I22477" s="5" t="s">
        <v>1518</v>
      </c>
      <c r="J22477" s="5" t="s">
        <v>69038</v>
      </c>
      <c r="K22477" s="2" t="s">
        <v>69039</v>
      </c>
      <c r="L22477" s="5" t="s">
        <v>69038</v>
      </c>
      <c r="M22477" s="2" t="s">
        <v>69039</v>
      </c>
      <c r="N22477" s="5" t="s">
        <v>1521</v>
      </c>
      <c r="O22477" s="5" t="s">
        <v>38</v>
      </c>
      <c r="P22477" s="5" t="s">
        <v>39</v>
      </c>
      <c r="Q22477" s="5" t="s">
        <v>40</v>
      </c>
      <c r="R22477" s="5" t="s">
        <v>1522</v>
      </c>
      <c r="S22477" s="5" t="s">
        <v>1523</v>
      </c>
      <c r="T22477" s="5" t="s">
        <v>42</v>
      </c>
      <c r="U22477" s="2">
        <v>1.633</v>
      </c>
      <c r="V22477" s="2">
        <v>1.2230000000000001</v>
      </c>
      <c r="W22477" s="2">
        <v>0.01</v>
      </c>
      <c r="X22477" s="2">
        <v>128.5</v>
      </c>
      <c r="Y22477" s="2">
        <v>7.6</v>
      </c>
      <c r="Z22477" s="2">
        <v>10.6</v>
      </c>
      <c r="AA22477" s="5"/>
      <c r="AB22477" s="5" t="s">
        <v>43</v>
      </c>
      <c r="AC22477" s="5" t="s">
        <v>44</v>
      </c>
      <c r="AD22477" s="2"/>
      <c r="AE22477" s="1"/>
    </row>
    <row r="22478" spans="1:31" ht="14.45">
      <c r="A22478" s="11"/>
      <c r="B22478" s="20"/>
      <c r="C22478" s="2" t="s">
        <v>72310</v>
      </c>
      <c r="D22478" s="14" t="s">
        <v>72311</v>
      </c>
      <c r="E22478" s="2" t="s">
        <v>72312</v>
      </c>
      <c r="F22478" s="2" t="s">
        <v>71973</v>
      </c>
      <c r="G22478" s="8">
        <v>135</v>
      </c>
      <c r="H22478" s="5">
        <v>6</v>
      </c>
      <c r="I22478" s="5" t="s">
        <v>1518</v>
      </c>
      <c r="J22478" s="5" t="s">
        <v>69038</v>
      </c>
      <c r="K22478" s="2" t="s">
        <v>69039</v>
      </c>
      <c r="L22478" s="5" t="s">
        <v>69038</v>
      </c>
      <c r="M22478" s="2" t="s">
        <v>69039</v>
      </c>
      <c r="N22478" s="5" t="s">
        <v>1521</v>
      </c>
      <c r="O22478" s="5" t="s">
        <v>38</v>
      </c>
      <c r="P22478" s="5" t="s">
        <v>39</v>
      </c>
      <c r="Q22478" s="5" t="s">
        <v>40</v>
      </c>
      <c r="R22478" s="5" t="s">
        <v>1522</v>
      </c>
      <c r="S22478" s="5" t="s">
        <v>1523</v>
      </c>
      <c r="T22478" s="5" t="s">
        <v>42</v>
      </c>
      <c r="U22478" s="2">
        <v>1.5429999999999999</v>
      </c>
      <c r="V22478" s="2">
        <v>1.133</v>
      </c>
      <c r="W22478" s="2">
        <v>0.01</v>
      </c>
      <c r="X22478" s="2">
        <v>128.5</v>
      </c>
      <c r="Y22478" s="2">
        <v>7.6</v>
      </c>
      <c r="Z22478" s="2">
        <v>10.6</v>
      </c>
      <c r="AA22478" s="5"/>
      <c r="AB22478" s="5" t="s">
        <v>43</v>
      </c>
      <c r="AC22478" s="5" t="s">
        <v>44</v>
      </c>
      <c r="AD22478" s="2"/>
      <c r="AE22478" s="1"/>
    </row>
    <row r="22479" spans="1:31" ht="14.45">
      <c r="A22479" s="11"/>
      <c r="B22479" s="20"/>
      <c r="C22479" s="2" t="s">
        <v>72313</v>
      </c>
      <c r="D22479" s="14" t="s">
        <v>72314</v>
      </c>
      <c r="E22479" s="2" t="s">
        <v>72315</v>
      </c>
      <c r="F22479" s="2" t="s">
        <v>71977</v>
      </c>
      <c r="G22479" s="8">
        <v>135</v>
      </c>
      <c r="H22479" s="5">
        <v>6</v>
      </c>
      <c r="I22479" s="5" t="s">
        <v>1518</v>
      </c>
      <c r="J22479" s="5" t="s">
        <v>69038</v>
      </c>
      <c r="K22479" s="2" t="s">
        <v>69039</v>
      </c>
      <c r="L22479" s="5" t="s">
        <v>69038</v>
      </c>
      <c r="M22479" s="2" t="s">
        <v>69039</v>
      </c>
      <c r="N22479" s="5" t="s">
        <v>1521</v>
      </c>
      <c r="O22479" s="5" t="s">
        <v>38</v>
      </c>
      <c r="P22479" s="5" t="s">
        <v>39</v>
      </c>
      <c r="Q22479" s="5" t="s">
        <v>40</v>
      </c>
      <c r="R22479" s="5" t="s">
        <v>1522</v>
      </c>
      <c r="S22479" s="5" t="s">
        <v>1523</v>
      </c>
      <c r="T22479" s="5" t="s">
        <v>42</v>
      </c>
      <c r="U22479" s="2">
        <v>1.633</v>
      </c>
      <c r="V22479" s="2">
        <v>1.2230000000000001</v>
      </c>
      <c r="W22479" s="2">
        <v>0.01</v>
      </c>
      <c r="X22479" s="2">
        <v>128.5</v>
      </c>
      <c r="Y22479" s="2">
        <v>7.6</v>
      </c>
      <c r="Z22479" s="2">
        <v>10.6</v>
      </c>
      <c r="AA22479" s="5"/>
      <c r="AB22479" s="5" t="s">
        <v>43</v>
      </c>
      <c r="AC22479" s="5" t="s">
        <v>44</v>
      </c>
      <c r="AD22479" s="2"/>
      <c r="AE22479" s="1"/>
    </row>
    <row r="22480" spans="1:31" ht="14.45">
      <c r="A22480" s="11"/>
      <c r="B22480" s="20"/>
      <c r="C22480" s="2" t="s">
        <v>72316</v>
      </c>
      <c r="D22480" s="14" t="s">
        <v>72317</v>
      </c>
      <c r="E22480" s="2" t="s">
        <v>72318</v>
      </c>
      <c r="F22480" s="2" t="s">
        <v>71981</v>
      </c>
      <c r="G22480" s="8">
        <v>135</v>
      </c>
      <c r="H22480" s="5">
        <v>6</v>
      </c>
      <c r="I22480" s="5" t="s">
        <v>1518</v>
      </c>
      <c r="J22480" s="5" t="s">
        <v>69038</v>
      </c>
      <c r="K22480" s="2" t="s">
        <v>69039</v>
      </c>
      <c r="L22480" s="5" t="s">
        <v>69038</v>
      </c>
      <c r="M22480" s="2" t="s">
        <v>69039</v>
      </c>
      <c r="N22480" s="5" t="s">
        <v>1521</v>
      </c>
      <c r="O22480" s="5" t="s">
        <v>38</v>
      </c>
      <c r="P22480" s="5" t="s">
        <v>39</v>
      </c>
      <c r="Q22480" s="5" t="s">
        <v>40</v>
      </c>
      <c r="R22480" s="5" t="s">
        <v>1522</v>
      </c>
      <c r="S22480" s="5" t="s">
        <v>1523</v>
      </c>
      <c r="T22480" s="5" t="s">
        <v>42</v>
      </c>
      <c r="U22480" s="2">
        <v>1.5429999999999999</v>
      </c>
      <c r="V22480" s="2">
        <v>1.133</v>
      </c>
      <c r="W22480" s="2">
        <v>0.01</v>
      </c>
      <c r="X22480" s="2">
        <v>128.5</v>
      </c>
      <c r="Y22480" s="2">
        <v>7.6</v>
      </c>
      <c r="Z22480" s="2">
        <v>10.6</v>
      </c>
      <c r="AA22480" s="5"/>
      <c r="AB22480" s="5" t="s">
        <v>43</v>
      </c>
      <c r="AC22480" s="5" t="s">
        <v>44</v>
      </c>
      <c r="AD22480" s="2"/>
      <c r="AE22480" s="1"/>
    </row>
    <row r="22481" spans="1:31" ht="14.45">
      <c r="A22481" s="11"/>
      <c r="B22481" s="20"/>
      <c r="C22481" s="2" t="s">
        <v>72319</v>
      </c>
      <c r="D22481" s="14" t="s">
        <v>72320</v>
      </c>
      <c r="E22481" s="2" t="s">
        <v>72321</v>
      </c>
      <c r="F22481" s="2" t="s">
        <v>71985</v>
      </c>
      <c r="G22481" s="8">
        <v>135</v>
      </c>
      <c r="H22481" s="5">
        <v>6</v>
      </c>
      <c r="I22481" s="5" t="s">
        <v>1518</v>
      </c>
      <c r="J22481" s="5" t="s">
        <v>69038</v>
      </c>
      <c r="K22481" s="2" t="s">
        <v>69039</v>
      </c>
      <c r="L22481" s="5" t="s">
        <v>69038</v>
      </c>
      <c r="M22481" s="2" t="s">
        <v>69039</v>
      </c>
      <c r="N22481" s="5" t="s">
        <v>1521</v>
      </c>
      <c r="O22481" s="5" t="s">
        <v>38</v>
      </c>
      <c r="P22481" s="5" t="s">
        <v>39</v>
      </c>
      <c r="Q22481" s="5" t="s">
        <v>40</v>
      </c>
      <c r="R22481" s="5" t="s">
        <v>1522</v>
      </c>
      <c r="S22481" s="5" t="s">
        <v>1523</v>
      </c>
      <c r="T22481" s="5" t="s">
        <v>42</v>
      </c>
      <c r="U22481" s="2">
        <v>1.633</v>
      </c>
      <c r="V22481" s="2">
        <v>1.2230000000000001</v>
      </c>
      <c r="W22481" s="2">
        <v>0.01</v>
      </c>
      <c r="X22481" s="2">
        <v>128.5</v>
      </c>
      <c r="Y22481" s="2">
        <v>7.6</v>
      </c>
      <c r="Z22481" s="2">
        <v>10.6</v>
      </c>
      <c r="AA22481" s="5"/>
      <c r="AB22481" s="5" t="s">
        <v>43</v>
      </c>
      <c r="AC22481" s="5" t="s">
        <v>44</v>
      </c>
      <c r="AD22481" s="2"/>
      <c r="AE22481" s="1"/>
    </row>
    <row r="22482" spans="1:31" ht="14.45">
      <c r="A22482" s="11"/>
      <c r="B22482" s="20"/>
      <c r="C22482" s="2" t="s">
        <v>72322</v>
      </c>
      <c r="D22482" s="14" t="s">
        <v>72323</v>
      </c>
      <c r="E22482" s="2" t="s">
        <v>72324</v>
      </c>
      <c r="F22482" s="2" t="s">
        <v>71957</v>
      </c>
      <c r="G22482" s="8">
        <v>143</v>
      </c>
      <c r="H22482" s="5">
        <v>6</v>
      </c>
      <c r="I22482" s="5" t="s">
        <v>1518</v>
      </c>
      <c r="J22482" s="5" t="s">
        <v>69038</v>
      </c>
      <c r="K22482" s="2" t="s">
        <v>69039</v>
      </c>
      <c r="L22482" s="5" t="s">
        <v>69038</v>
      </c>
      <c r="M22482" s="2" t="s">
        <v>69039</v>
      </c>
      <c r="N22482" s="5" t="s">
        <v>1521</v>
      </c>
      <c r="O22482" s="5" t="s">
        <v>38</v>
      </c>
      <c r="P22482" s="5" t="s">
        <v>39</v>
      </c>
      <c r="Q22482" s="5" t="s">
        <v>40</v>
      </c>
      <c r="R22482" s="5" t="s">
        <v>1522</v>
      </c>
      <c r="S22482" s="5" t="s">
        <v>1523</v>
      </c>
      <c r="T22482" s="5" t="s">
        <v>42</v>
      </c>
      <c r="U22482" s="2">
        <v>1.7050000000000001</v>
      </c>
      <c r="V22482" s="2">
        <v>1.2350000000000001</v>
      </c>
      <c r="W22482" s="2">
        <v>1.2E-2</v>
      </c>
      <c r="X22482" s="2">
        <v>148.69999999999999</v>
      </c>
      <c r="Y22482" s="2">
        <v>7.6</v>
      </c>
      <c r="Z22482" s="2">
        <v>10.6</v>
      </c>
      <c r="AA22482" s="5"/>
      <c r="AB22482" s="5" t="s">
        <v>43</v>
      </c>
      <c r="AC22482" s="5" t="s">
        <v>44</v>
      </c>
      <c r="AD22482" s="2"/>
      <c r="AE22482" s="1"/>
    </row>
    <row r="22483" spans="1:31" ht="14.45">
      <c r="A22483" s="11"/>
      <c r="B22483" s="20"/>
      <c r="C22483" s="2" t="s">
        <v>72325</v>
      </c>
      <c r="D22483" s="14" t="s">
        <v>72326</v>
      </c>
      <c r="E22483" s="2" t="s">
        <v>72327</v>
      </c>
      <c r="F22483" s="2" t="s">
        <v>71961</v>
      </c>
      <c r="G22483" s="8">
        <v>143</v>
      </c>
      <c r="H22483" s="5">
        <v>6</v>
      </c>
      <c r="I22483" s="5" t="s">
        <v>1518</v>
      </c>
      <c r="J22483" s="5" t="s">
        <v>69038</v>
      </c>
      <c r="K22483" s="2" t="s">
        <v>69039</v>
      </c>
      <c r="L22483" s="5" t="s">
        <v>69038</v>
      </c>
      <c r="M22483" s="2" t="s">
        <v>69039</v>
      </c>
      <c r="N22483" s="5" t="s">
        <v>1521</v>
      </c>
      <c r="O22483" s="5" t="s">
        <v>38</v>
      </c>
      <c r="P22483" s="5" t="s">
        <v>39</v>
      </c>
      <c r="Q22483" s="5" t="s">
        <v>40</v>
      </c>
      <c r="R22483" s="5" t="s">
        <v>1522</v>
      </c>
      <c r="S22483" s="5" t="s">
        <v>1523</v>
      </c>
      <c r="T22483" s="5" t="s">
        <v>42</v>
      </c>
      <c r="U22483" s="2">
        <v>1.8049999999999999</v>
      </c>
      <c r="V22483" s="2">
        <v>1.335</v>
      </c>
      <c r="W22483" s="2">
        <v>1.2E-2</v>
      </c>
      <c r="X22483" s="2">
        <v>148.69999999999999</v>
      </c>
      <c r="Y22483" s="2">
        <v>7.6</v>
      </c>
      <c r="Z22483" s="2">
        <v>10.6</v>
      </c>
      <c r="AA22483" s="5"/>
      <c r="AB22483" s="5" t="s">
        <v>43</v>
      </c>
      <c r="AC22483" s="5" t="s">
        <v>44</v>
      </c>
      <c r="AD22483" s="2"/>
      <c r="AE22483" s="1"/>
    </row>
    <row r="22484" spans="1:31" ht="14.45">
      <c r="A22484" s="11"/>
      <c r="B22484" s="20"/>
      <c r="C22484" s="2" t="s">
        <v>72328</v>
      </c>
      <c r="D22484" s="14" t="s">
        <v>72329</v>
      </c>
      <c r="E22484" s="2" t="s">
        <v>72330</v>
      </c>
      <c r="F22484" s="2" t="s">
        <v>71965</v>
      </c>
      <c r="G22484" s="8">
        <v>143</v>
      </c>
      <c r="H22484" s="5">
        <v>6</v>
      </c>
      <c r="I22484" s="5" t="s">
        <v>1518</v>
      </c>
      <c r="J22484" s="5" t="s">
        <v>69038</v>
      </c>
      <c r="K22484" s="2" t="s">
        <v>69039</v>
      </c>
      <c r="L22484" s="5" t="s">
        <v>69038</v>
      </c>
      <c r="M22484" s="2" t="s">
        <v>69039</v>
      </c>
      <c r="N22484" s="5" t="s">
        <v>1521</v>
      </c>
      <c r="O22484" s="5" t="s">
        <v>38</v>
      </c>
      <c r="P22484" s="5" t="s">
        <v>39</v>
      </c>
      <c r="Q22484" s="5" t="s">
        <v>40</v>
      </c>
      <c r="R22484" s="5" t="s">
        <v>1522</v>
      </c>
      <c r="S22484" s="5" t="s">
        <v>1523</v>
      </c>
      <c r="T22484" s="5" t="s">
        <v>42</v>
      </c>
      <c r="U22484" s="2">
        <v>1.7050000000000001</v>
      </c>
      <c r="V22484" s="2">
        <v>1.2350000000000001</v>
      </c>
      <c r="W22484" s="2">
        <v>1.2E-2</v>
      </c>
      <c r="X22484" s="2">
        <v>148.69999999999999</v>
      </c>
      <c r="Y22484" s="2">
        <v>7.6</v>
      </c>
      <c r="Z22484" s="2">
        <v>10.6</v>
      </c>
      <c r="AA22484" s="5"/>
      <c r="AB22484" s="5" t="s">
        <v>43</v>
      </c>
      <c r="AC22484" s="5" t="s">
        <v>44</v>
      </c>
      <c r="AD22484" s="2"/>
      <c r="AE22484" s="1"/>
    </row>
    <row r="22485" spans="1:31" ht="14.45">
      <c r="A22485" s="11"/>
      <c r="B22485" s="20"/>
      <c r="C22485" s="2" t="s">
        <v>72331</v>
      </c>
      <c r="D22485" s="14" t="s">
        <v>72332</v>
      </c>
      <c r="E22485" s="2" t="s">
        <v>72333</v>
      </c>
      <c r="F22485" s="2" t="s">
        <v>71969</v>
      </c>
      <c r="G22485" s="8">
        <v>143</v>
      </c>
      <c r="H22485" s="5">
        <v>6</v>
      </c>
      <c r="I22485" s="5" t="s">
        <v>1518</v>
      </c>
      <c r="J22485" s="5" t="s">
        <v>69038</v>
      </c>
      <c r="K22485" s="2" t="s">
        <v>69039</v>
      </c>
      <c r="L22485" s="5" t="s">
        <v>69038</v>
      </c>
      <c r="M22485" s="2" t="s">
        <v>69039</v>
      </c>
      <c r="N22485" s="5" t="s">
        <v>1521</v>
      </c>
      <c r="O22485" s="5" t="s">
        <v>38</v>
      </c>
      <c r="P22485" s="5" t="s">
        <v>39</v>
      </c>
      <c r="Q22485" s="5" t="s">
        <v>40</v>
      </c>
      <c r="R22485" s="5" t="s">
        <v>1522</v>
      </c>
      <c r="S22485" s="5" t="s">
        <v>1523</v>
      </c>
      <c r="T22485" s="5" t="s">
        <v>42</v>
      </c>
      <c r="U22485" s="2">
        <v>1.8049999999999999</v>
      </c>
      <c r="V22485" s="2">
        <v>1.335</v>
      </c>
      <c r="W22485" s="2">
        <v>1.2E-2</v>
      </c>
      <c r="X22485" s="2">
        <v>148.69999999999999</v>
      </c>
      <c r="Y22485" s="2">
        <v>7.6</v>
      </c>
      <c r="Z22485" s="2">
        <v>10.6</v>
      </c>
      <c r="AA22485" s="5"/>
      <c r="AB22485" s="5" t="s">
        <v>43</v>
      </c>
      <c r="AC22485" s="5" t="s">
        <v>44</v>
      </c>
      <c r="AD22485" s="2"/>
      <c r="AE22485" s="1"/>
    </row>
    <row r="22486" spans="1:31" ht="14.45">
      <c r="A22486" s="11"/>
      <c r="B22486" s="20"/>
      <c r="C22486" s="2" t="s">
        <v>72334</v>
      </c>
      <c r="D22486" s="14" t="s">
        <v>72335</v>
      </c>
      <c r="E22486" s="2" t="s">
        <v>72336</v>
      </c>
      <c r="F22486" s="2" t="s">
        <v>71973</v>
      </c>
      <c r="G22486" s="8">
        <v>143</v>
      </c>
      <c r="H22486" s="5">
        <v>6</v>
      </c>
      <c r="I22486" s="5" t="s">
        <v>1518</v>
      </c>
      <c r="J22486" s="5" t="s">
        <v>69038</v>
      </c>
      <c r="K22486" s="2" t="s">
        <v>69039</v>
      </c>
      <c r="L22486" s="5" t="s">
        <v>69038</v>
      </c>
      <c r="M22486" s="2" t="s">
        <v>69039</v>
      </c>
      <c r="N22486" s="5" t="s">
        <v>1521</v>
      </c>
      <c r="O22486" s="5" t="s">
        <v>38</v>
      </c>
      <c r="P22486" s="5" t="s">
        <v>39</v>
      </c>
      <c r="Q22486" s="5" t="s">
        <v>40</v>
      </c>
      <c r="R22486" s="5" t="s">
        <v>1522</v>
      </c>
      <c r="S22486" s="5" t="s">
        <v>1523</v>
      </c>
      <c r="T22486" s="5" t="s">
        <v>42</v>
      </c>
      <c r="U22486" s="2">
        <v>1.7050000000000001</v>
      </c>
      <c r="V22486" s="2">
        <v>1.2350000000000001</v>
      </c>
      <c r="W22486" s="2">
        <v>1.2E-2</v>
      </c>
      <c r="X22486" s="2">
        <v>148.69999999999999</v>
      </c>
      <c r="Y22486" s="2">
        <v>7.6</v>
      </c>
      <c r="Z22486" s="2">
        <v>10.6</v>
      </c>
      <c r="AA22486" s="5"/>
      <c r="AB22486" s="5" t="s">
        <v>43</v>
      </c>
      <c r="AC22486" s="5" t="s">
        <v>44</v>
      </c>
      <c r="AD22486" s="2"/>
      <c r="AE22486" s="1"/>
    </row>
    <row r="22487" spans="1:31" ht="14.45">
      <c r="A22487" s="11"/>
      <c r="B22487" s="20"/>
      <c r="C22487" s="2" t="s">
        <v>72337</v>
      </c>
      <c r="D22487" s="14" t="s">
        <v>72338</v>
      </c>
      <c r="E22487" s="2" t="s">
        <v>72339</v>
      </c>
      <c r="F22487" s="2" t="s">
        <v>71977</v>
      </c>
      <c r="G22487" s="8">
        <v>143</v>
      </c>
      <c r="H22487" s="5">
        <v>6</v>
      </c>
      <c r="I22487" s="5" t="s">
        <v>1518</v>
      </c>
      <c r="J22487" s="5" t="s">
        <v>69038</v>
      </c>
      <c r="K22487" s="2" t="s">
        <v>69039</v>
      </c>
      <c r="L22487" s="5" t="s">
        <v>69038</v>
      </c>
      <c r="M22487" s="2" t="s">
        <v>69039</v>
      </c>
      <c r="N22487" s="5" t="s">
        <v>1521</v>
      </c>
      <c r="O22487" s="5" t="s">
        <v>38</v>
      </c>
      <c r="P22487" s="5" t="s">
        <v>39</v>
      </c>
      <c r="Q22487" s="5" t="s">
        <v>40</v>
      </c>
      <c r="R22487" s="5" t="s">
        <v>1522</v>
      </c>
      <c r="S22487" s="5" t="s">
        <v>1523</v>
      </c>
      <c r="T22487" s="5" t="s">
        <v>42</v>
      </c>
      <c r="U22487" s="2">
        <v>1.8049999999999999</v>
      </c>
      <c r="V22487" s="2">
        <v>1.335</v>
      </c>
      <c r="W22487" s="2">
        <v>1.2E-2</v>
      </c>
      <c r="X22487" s="2">
        <v>148.69999999999999</v>
      </c>
      <c r="Y22487" s="2">
        <v>7.6</v>
      </c>
      <c r="Z22487" s="2">
        <v>10.6</v>
      </c>
      <c r="AA22487" s="5"/>
      <c r="AB22487" s="5" t="s">
        <v>43</v>
      </c>
      <c r="AC22487" s="5" t="s">
        <v>44</v>
      </c>
      <c r="AD22487" s="2"/>
      <c r="AE22487" s="1"/>
    </row>
    <row r="22488" spans="1:31" ht="14.45">
      <c r="A22488" s="11"/>
      <c r="B22488" s="20"/>
      <c r="C22488" s="2" t="s">
        <v>72340</v>
      </c>
      <c r="D22488" s="14" t="s">
        <v>72341</v>
      </c>
      <c r="E22488" s="2" t="s">
        <v>72342</v>
      </c>
      <c r="F22488" s="2" t="s">
        <v>71981</v>
      </c>
      <c r="G22488" s="8">
        <v>143</v>
      </c>
      <c r="H22488" s="5">
        <v>6</v>
      </c>
      <c r="I22488" s="5" t="s">
        <v>1518</v>
      </c>
      <c r="J22488" s="5" t="s">
        <v>69038</v>
      </c>
      <c r="K22488" s="2" t="s">
        <v>69039</v>
      </c>
      <c r="L22488" s="5" t="s">
        <v>69038</v>
      </c>
      <c r="M22488" s="2" t="s">
        <v>69039</v>
      </c>
      <c r="N22488" s="5" t="s">
        <v>1521</v>
      </c>
      <c r="O22488" s="5" t="s">
        <v>38</v>
      </c>
      <c r="P22488" s="5" t="s">
        <v>39</v>
      </c>
      <c r="Q22488" s="5" t="s">
        <v>40</v>
      </c>
      <c r="R22488" s="5" t="s">
        <v>1522</v>
      </c>
      <c r="S22488" s="5" t="s">
        <v>1523</v>
      </c>
      <c r="T22488" s="5" t="s">
        <v>42</v>
      </c>
      <c r="U22488" s="2">
        <v>1.7050000000000001</v>
      </c>
      <c r="V22488" s="2">
        <v>1.2350000000000001</v>
      </c>
      <c r="W22488" s="2">
        <v>1.2E-2</v>
      </c>
      <c r="X22488" s="2">
        <v>148.69999999999999</v>
      </c>
      <c r="Y22488" s="2">
        <v>7.6</v>
      </c>
      <c r="Z22488" s="2">
        <v>10.6</v>
      </c>
      <c r="AA22488" s="5"/>
      <c r="AB22488" s="5" t="s">
        <v>43</v>
      </c>
      <c r="AC22488" s="5" t="s">
        <v>44</v>
      </c>
      <c r="AD22488" s="2"/>
      <c r="AE22488" s="1"/>
    </row>
    <row r="22489" spans="1:31" ht="14.45">
      <c r="A22489" s="11"/>
      <c r="B22489" s="20"/>
      <c r="C22489" s="2" t="s">
        <v>72343</v>
      </c>
      <c r="D22489" s="14" t="s">
        <v>72344</v>
      </c>
      <c r="E22489" s="2" t="s">
        <v>72345</v>
      </c>
      <c r="F22489" s="2" t="s">
        <v>71985</v>
      </c>
      <c r="G22489" s="8">
        <v>143</v>
      </c>
      <c r="H22489" s="5">
        <v>6</v>
      </c>
      <c r="I22489" s="5" t="s">
        <v>1518</v>
      </c>
      <c r="J22489" s="5" t="s">
        <v>69038</v>
      </c>
      <c r="K22489" s="2" t="s">
        <v>69039</v>
      </c>
      <c r="L22489" s="5" t="s">
        <v>69038</v>
      </c>
      <c r="M22489" s="2" t="s">
        <v>69039</v>
      </c>
      <c r="N22489" s="5" t="s">
        <v>1521</v>
      </c>
      <c r="O22489" s="5" t="s">
        <v>38</v>
      </c>
      <c r="P22489" s="5" t="s">
        <v>39</v>
      </c>
      <c r="Q22489" s="5" t="s">
        <v>40</v>
      </c>
      <c r="R22489" s="5" t="s">
        <v>1522</v>
      </c>
      <c r="S22489" s="5" t="s">
        <v>1523</v>
      </c>
      <c r="T22489" s="5" t="s">
        <v>42</v>
      </c>
      <c r="U22489" s="2">
        <v>1.8049999999999999</v>
      </c>
      <c r="V22489" s="2">
        <v>1.335</v>
      </c>
      <c r="W22489" s="2">
        <v>1.2E-2</v>
      </c>
      <c r="X22489" s="2">
        <v>148.69999999999999</v>
      </c>
      <c r="Y22489" s="2">
        <v>7.6</v>
      </c>
      <c r="Z22489" s="2">
        <v>10.6</v>
      </c>
      <c r="AA22489" s="5"/>
      <c r="AB22489" s="5" t="s">
        <v>43</v>
      </c>
      <c r="AC22489" s="5" t="s">
        <v>44</v>
      </c>
      <c r="AD22489" s="2"/>
      <c r="AE22489" s="1"/>
    </row>
    <row r="22490" spans="1:31" ht="14.45">
      <c r="A22490" s="11"/>
      <c r="B22490" s="20"/>
      <c r="C22490" s="2" t="s">
        <v>72346</v>
      </c>
      <c r="D22490" s="14" t="s">
        <v>72347</v>
      </c>
      <c r="E22490" s="2" t="s">
        <v>72348</v>
      </c>
      <c r="F22490" s="2" t="s">
        <v>71957</v>
      </c>
      <c r="G22490" s="8">
        <v>121</v>
      </c>
      <c r="H22490" s="5">
        <v>6</v>
      </c>
      <c r="I22490" s="5" t="s">
        <v>1518</v>
      </c>
      <c r="J22490" s="5" t="s">
        <v>69038</v>
      </c>
      <c r="K22490" s="2" t="s">
        <v>69039</v>
      </c>
      <c r="L22490" s="5" t="s">
        <v>69038</v>
      </c>
      <c r="M22490" s="2" t="s">
        <v>69039</v>
      </c>
      <c r="N22490" s="5" t="s">
        <v>1521</v>
      </c>
      <c r="O22490" s="5" t="s">
        <v>38</v>
      </c>
      <c r="P22490" s="5" t="s">
        <v>39</v>
      </c>
      <c r="Q22490" s="5" t="s">
        <v>40</v>
      </c>
      <c r="R22490" s="5" t="s">
        <v>1522</v>
      </c>
      <c r="S22490" s="5" t="s">
        <v>1523</v>
      </c>
      <c r="T22490" s="5" t="s">
        <v>42</v>
      </c>
      <c r="U22490" s="2">
        <v>1.0369999999999999</v>
      </c>
      <c r="V22490" s="2">
        <v>0.749</v>
      </c>
      <c r="W22490" s="2">
        <v>7.0000000000000001E-3</v>
      </c>
      <c r="X22490" s="2">
        <v>86.5</v>
      </c>
      <c r="Y22490" s="2">
        <v>7.6</v>
      </c>
      <c r="Z22490" s="2">
        <v>10.6</v>
      </c>
      <c r="AA22490" s="5"/>
      <c r="AB22490" s="5" t="s">
        <v>43</v>
      </c>
      <c r="AC22490" s="5" t="s">
        <v>44</v>
      </c>
      <c r="AD22490" s="2"/>
      <c r="AE22490" s="1"/>
    </row>
    <row r="22491" spans="1:31" ht="14.45">
      <c r="A22491" s="11"/>
      <c r="B22491" s="20"/>
      <c r="C22491" s="2" t="s">
        <v>72349</v>
      </c>
      <c r="D22491" s="14" t="s">
        <v>72350</v>
      </c>
      <c r="E22491" s="2" t="s">
        <v>72351</v>
      </c>
      <c r="F22491" s="2" t="s">
        <v>71961</v>
      </c>
      <c r="G22491" s="8">
        <v>121</v>
      </c>
      <c r="H22491" s="5">
        <v>6</v>
      </c>
      <c r="I22491" s="5" t="s">
        <v>1518</v>
      </c>
      <c r="J22491" s="5" t="s">
        <v>69038</v>
      </c>
      <c r="K22491" s="2" t="s">
        <v>69039</v>
      </c>
      <c r="L22491" s="5" t="s">
        <v>69038</v>
      </c>
      <c r="M22491" s="2" t="s">
        <v>69039</v>
      </c>
      <c r="N22491" s="5" t="s">
        <v>1521</v>
      </c>
      <c r="O22491" s="5" t="s">
        <v>38</v>
      </c>
      <c r="P22491" s="5" t="s">
        <v>39</v>
      </c>
      <c r="Q22491" s="5" t="s">
        <v>40</v>
      </c>
      <c r="R22491" s="5" t="s">
        <v>1522</v>
      </c>
      <c r="S22491" s="5" t="s">
        <v>1523</v>
      </c>
      <c r="T22491" s="5" t="s">
        <v>42</v>
      </c>
      <c r="U22491" s="2">
        <v>1.0880000000000001</v>
      </c>
      <c r="V22491" s="2">
        <v>0.8</v>
      </c>
      <c r="W22491" s="2">
        <v>7.0000000000000001E-3</v>
      </c>
      <c r="X22491" s="2">
        <v>86.5</v>
      </c>
      <c r="Y22491" s="2">
        <v>7.6</v>
      </c>
      <c r="Z22491" s="2">
        <v>10.6</v>
      </c>
      <c r="AA22491" s="5"/>
      <c r="AB22491" s="5" t="s">
        <v>43</v>
      </c>
      <c r="AC22491" s="5" t="s">
        <v>44</v>
      </c>
      <c r="AD22491" s="2"/>
      <c r="AE22491" s="1"/>
    </row>
    <row r="22492" spans="1:31" ht="14.45">
      <c r="A22492" s="11"/>
      <c r="B22492" s="20"/>
      <c r="C22492" s="2" t="s">
        <v>72352</v>
      </c>
      <c r="D22492" s="14" t="s">
        <v>72353</v>
      </c>
      <c r="E22492" s="2" t="s">
        <v>72354</v>
      </c>
      <c r="F22492" s="2" t="s">
        <v>71965</v>
      </c>
      <c r="G22492" s="8">
        <v>121</v>
      </c>
      <c r="H22492" s="5">
        <v>6</v>
      </c>
      <c r="I22492" s="5" t="s">
        <v>1518</v>
      </c>
      <c r="J22492" s="5" t="s">
        <v>69038</v>
      </c>
      <c r="K22492" s="2" t="s">
        <v>69039</v>
      </c>
      <c r="L22492" s="5" t="s">
        <v>69038</v>
      </c>
      <c r="M22492" s="2" t="s">
        <v>69039</v>
      </c>
      <c r="N22492" s="5" t="s">
        <v>1521</v>
      </c>
      <c r="O22492" s="5" t="s">
        <v>38</v>
      </c>
      <c r="P22492" s="5" t="s">
        <v>39</v>
      </c>
      <c r="Q22492" s="5" t="s">
        <v>40</v>
      </c>
      <c r="R22492" s="5" t="s">
        <v>1522</v>
      </c>
      <c r="S22492" s="5" t="s">
        <v>1523</v>
      </c>
      <c r="T22492" s="5" t="s">
        <v>42</v>
      </c>
      <c r="U22492" s="2">
        <v>1.0369999999999999</v>
      </c>
      <c r="V22492" s="2">
        <v>0.749</v>
      </c>
      <c r="W22492" s="2">
        <v>7.0000000000000001E-3</v>
      </c>
      <c r="X22492" s="2">
        <v>86.5</v>
      </c>
      <c r="Y22492" s="2">
        <v>7.6</v>
      </c>
      <c r="Z22492" s="2">
        <v>10.6</v>
      </c>
      <c r="AA22492" s="5"/>
      <c r="AB22492" s="5" t="s">
        <v>43</v>
      </c>
      <c r="AC22492" s="5" t="s">
        <v>44</v>
      </c>
      <c r="AD22492" s="2"/>
      <c r="AE22492" s="1"/>
    </row>
    <row r="22493" spans="1:31" ht="14.45">
      <c r="A22493" s="11"/>
      <c r="B22493" s="20"/>
      <c r="C22493" s="2" t="s">
        <v>72355</v>
      </c>
      <c r="D22493" s="14" t="s">
        <v>72356</v>
      </c>
      <c r="E22493" s="2" t="s">
        <v>72357</v>
      </c>
      <c r="F22493" s="2" t="s">
        <v>71969</v>
      </c>
      <c r="G22493" s="8">
        <v>121</v>
      </c>
      <c r="H22493" s="5">
        <v>6</v>
      </c>
      <c r="I22493" s="5" t="s">
        <v>1518</v>
      </c>
      <c r="J22493" s="5" t="s">
        <v>69038</v>
      </c>
      <c r="K22493" s="2" t="s">
        <v>69039</v>
      </c>
      <c r="L22493" s="5" t="s">
        <v>69038</v>
      </c>
      <c r="M22493" s="2" t="s">
        <v>69039</v>
      </c>
      <c r="N22493" s="5" t="s">
        <v>1521</v>
      </c>
      <c r="O22493" s="5" t="s">
        <v>38</v>
      </c>
      <c r="P22493" s="5" t="s">
        <v>39</v>
      </c>
      <c r="Q22493" s="5" t="s">
        <v>40</v>
      </c>
      <c r="R22493" s="5" t="s">
        <v>1522</v>
      </c>
      <c r="S22493" s="5" t="s">
        <v>1523</v>
      </c>
      <c r="T22493" s="5" t="s">
        <v>42</v>
      </c>
      <c r="U22493" s="2">
        <v>1.0880000000000001</v>
      </c>
      <c r="V22493" s="2">
        <v>0.8</v>
      </c>
      <c r="W22493" s="2">
        <v>7.0000000000000001E-3</v>
      </c>
      <c r="X22493" s="2">
        <v>86.5</v>
      </c>
      <c r="Y22493" s="2">
        <v>7.6</v>
      </c>
      <c r="Z22493" s="2">
        <v>10.6</v>
      </c>
      <c r="AA22493" s="5"/>
      <c r="AB22493" s="5" t="s">
        <v>43</v>
      </c>
      <c r="AC22493" s="5" t="s">
        <v>44</v>
      </c>
      <c r="AD22493" s="2"/>
      <c r="AE22493" s="1"/>
    </row>
    <row r="22494" spans="1:31" ht="14.45">
      <c r="A22494" s="11"/>
      <c r="B22494" s="20"/>
      <c r="C22494" s="2" t="s">
        <v>72358</v>
      </c>
      <c r="D22494" s="14" t="s">
        <v>72359</v>
      </c>
      <c r="E22494" s="2" t="s">
        <v>72360</v>
      </c>
      <c r="F22494" s="2" t="s">
        <v>71973</v>
      </c>
      <c r="G22494" s="8">
        <v>121</v>
      </c>
      <c r="H22494" s="5">
        <v>6</v>
      </c>
      <c r="I22494" s="5" t="s">
        <v>1518</v>
      </c>
      <c r="J22494" s="5" t="s">
        <v>69038</v>
      </c>
      <c r="K22494" s="2" t="s">
        <v>69039</v>
      </c>
      <c r="L22494" s="5" t="s">
        <v>69038</v>
      </c>
      <c r="M22494" s="2" t="s">
        <v>69039</v>
      </c>
      <c r="N22494" s="5" t="s">
        <v>1521</v>
      </c>
      <c r="O22494" s="5" t="s">
        <v>38</v>
      </c>
      <c r="P22494" s="5" t="s">
        <v>39</v>
      </c>
      <c r="Q22494" s="5" t="s">
        <v>40</v>
      </c>
      <c r="R22494" s="5" t="s">
        <v>1522</v>
      </c>
      <c r="S22494" s="5" t="s">
        <v>1523</v>
      </c>
      <c r="T22494" s="5" t="s">
        <v>42</v>
      </c>
      <c r="U22494" s="2">
        <v>1.0369999999999999</v>
      </c>
      <c r="V22494" s="2">
        <v>0.749</v>
      </c>
      <c r="W22494" s="2">
        <v>7.0000000000000001E-3</v>
      </c>
      <c r="X22494" s="2">
        <v>86.5</v>
      </c>
      <c r="Y22494" s="2">
        <v>7.6</v>
      </c>
      <c r="Z22494" s="2">
        <v>10.6</v>
      </c>
      <c r="AA22494" s="5"/>
      <c r="AB22494" s="5" t="s">
        <v>43</v>
      </c>
      <c r="AC22494" s="5" t="s">
        <v>44</v>
      </c>
      <c r="AD22494" s="2"/>
      <c r="AE22494" s="1"/>
    </row>
    <row r="22495" spans="1:31" ht="14.45">
      <c r="A22495" s="11"/>
      <c r="B22495" s="20"/>
      <c r="C22495" s="2" t="s">
        <v>72361</v>
      </c>
      <c r="D22495" s="14" t="s">
        <v>72362</v>
      </c>
      <c r="E22495" s="2" t="s">
        <v>72363</v>
      </c>
      <c r="F22495" s="2" t="s">
        <v>71977</v>
      </c>
      <c r="G22495" s="8">
        <v>121</v>
      </c>
      <c r="H22495" s="5">
        <v>6</v>
      </c>
      <c r="I22495" s="5" t="s">
        <v>1518</v>
      </c>
      <c r="J22495" s="5" t="s">
        <v>69038</v>
      </c>
      <c r="K22495" s="2" t="s">
        <v>69039</v>
      </c>
      <c r="L22495" s="5" t="s">
        <v>69038</v>
      </c>
      <c r="M22495" s="2" t="s">
        <v>69039</v>
      </c>
      <c r="N22495" s="5" t="s">
        <v>1521</v>
      </c>
      <c r="O22495" s="5" t="s">
        <v>38</v>
      </c>
      <c r="P22495" s="5" t="s">
        <v>39</v>
      </c>
      <c r="Q22495" s="5" t="s">
        <v>40</v>
      </c>
      <c r="R22495" s="5" t="s">
        <v>1522</v>
      </c>
      <c r="S22495" s="5" t="s">
        <v>1523</v>
      </c>
      <c r="T22495" s="5" t="s">
        <v>42</v>
      </c>
      <c r="U22495" s="2">
        <v>1.0880000000000001</v>
      </c>
      <c r="V22495" s="2">
        <v>0.8</v>
      </c>
      <c r="W22495" s="2">
        <v>7.0000000000000001E-3</v>
      </c>
      <c r="X22495" s="2">
        <v>86.5</v>
      </c>
      <c r="Y22495" s="2">
        <v>7.6</v>
      </c>
      <c r="Z22495" s="2">
        <v>10.6</v>
      </c>
      <c r="AA22495" s="5"/>
      <c r="AB22495" s="5" t="s">
        <v>43</v>
      </c>
      <c r="AC22495" s="5" t="s">
        <v>44</v>
      </c>
      <c r="AD22495" s="2"/>
      <c r="AE22495" s="1"/>
    </row>
    <row r="22496" spans="1:31" ht="14.45">
      <c r="A22496" s="11"/>
      <c r="B22496" s="20"/>
      <c r="C22496" s="2" t="s">
        <v>72364</v>
      </c>
      <c r="D22496" s="14" t="s">
        <v>72365</v>
      </c>
      <c r="E22496" s="2" t="s">
        <v>72366</v>
      </c>
      <c r="F22496" s="2" t="s">
        <v>71981</v>
      </c>
      <c r="G22496" s="8">
        <v>121</v>
      </c>
      <c r="H22496" s="5">
        <v>6</v>
      </c>
      <c r="I22496" s="5" t="s">
        <v>1518</v>
      </c>
      <c r="J22496" s="5" t="s">
        <v>69038</v>
      </c>
      <c r="K22496" s="2" t="s">
        <v>69039</v>
      </c>
      <c r="L22496" s="5" t="s">
        <v>69038</v>
      </c>
      <c r="M22496" s="2" t="s">
        <v>69039</v>
      </c>
      <c r="N22496" s="5" t="s">
        <v>1521</v>
      </c>
      <c r="O22496" s="5" t="s">
        <v>38</v>
      </c>
      <c r="P22496" s="5" t="s">
        <v>39</v>
      </c>
      <c r="Q22496" s="5" t="s">
        <v>40</v>
      </c>
      <c r="R22496" s="5" t="s">
        <v>1522</v>
      </c>
      <c r="S22496" s="5" t="s">
        <v>1523</v>
      </c>
      <c r="T22496" s="5" t="s">
        <v>42</v>
      </c>
      <c r="U22496" s="2">
        <v>1.0369999999999999</v>
      </c>
      <c r="V22496" s="2">
        <v>0.749</v>
      </c>
      <c r="W22496" s="2">
        <v>7.0000000000000001E-3</v>
      </c>
      <c r="X22496" s="2">
        <v>86.5</v>
      </c>
      <c r="Y22496" s="2">
        <v>7.6</v>
      </c>
      <c r="Z22496" s="2">
        <v>10.6</v>
      </c>
      <c r="AA22496" s="5"/>
      <c r="AB22496" s="5" t="s">
        <v>43</v>
      </c>
      <c r="AC22496" s="5" t="s">
        <v>44</v>
      </c>
      <c r="AD22496" s="2"/>
      <c r="AE22496" s="1"/>
    </row>
    <row r="22497" spans="1:31" ht="14.45">
      <c r="A22497" s="11"/>
      <c r="B22497" s="20"/>
      <c r="C22497" s="2" t="s">
        <v>72367</v>
      </c>
      <c r="D22497" s="14" t="s">
        <v>72368</v>
      </c>
      <c r="E22497" s="2" t="s">
        <v>72369</v>
      </c>
      <c r="F22497" s="2" t="s">
        <v>71985</v>
      </c>
      <c r="G22497" s="8">
        <v>121</v>
      </c>
      <c r="H22497" s="5">
        <v>6</v>
      </c>
      <c r="I22497" s="5" t="s">
        <v>1518</v>
      </c>
      <c r="J22497" s="5" t="s">
        <v>69038</v>
      </c>
      <c r="K22497" s="2" t="s">
        <v>69039</v>
      </c>
      <c r="L22497" s="5" t="s">
        <v>69038</v>
      </c>
      <c r="M22497" s="2" t="s">
        <v>69039</v>
      </c>
      <c r="N22497" s="5" t="s">
        <v>1521</v>
      </c>
      <c r="O22497" s="5" t="s">
        <v>38</v>
      </c>
      <c r="P22497" s="5" t="s">
        <v>39</v>
      </c>
      <c r="Q22497" s="5" t="s">
        <v>40</v>
      </c>
      <c r="R22497" s="5" t="s">
        <v>1522</v>
      </c>
      <c r="S22497" s="5" t="s">
        <v>1523</v>
      </c>
      <c r="T22497" s="5" t="s">
        <v>42</v>
      </c>
      <c r="U22497" s="2">
        <v>1.0880000000000001</v>
      </c>
      <c r="V22497" s="2">
        <v>0.8</v>
      </c>
      <c r="W22497" s="2">
        <v>7.0000000000000001E-3</v>
      </c>
      <c r="X22497" s="2">
        <v>86.5</v>
      </c>
      <c r="Y22497" s="2">
        <v>7.6</v>
      </c>
      <c r="Z22497" s="2">
        <v>10.6</v>
      </c>
      <c r="AA22497" s="5"/>
      <c r="AB22497" s="5" t="s">
        <v>43</v>
      </c>
      <c r="AC22497" s="5" t="s">
        <v>44</v>
      </c>
      <c r="AD22497" s="2"/>
      <c r="AE22497" s="1"/>
    </row>
    <row r="22498" spans="1:31" ht="14.45">
      <c r="A22498" s="11"/>
      <c r="B22498" s="20"/>
      <c r="C22498" s="2" t="s">
        <v>72370</v>
      </c>
      <c r="D22498" s="14" t="s">
        <v>72371</v>
      </c>
      <c r="E22498" s="2" t="s">
        <v>72372</v>
      </c>
      <c r="F22498" s="2" t="s">
        <v>71957</v>
      </c>
      <c r="G22498" s="8">
        <v>121</v>
      </c>
      <c r="H22498" s="5">
        <v>6</v>
      </c>
      <c r="I22498" s="5" t="s">
        <v>1518</v>
      </c>
      <c r="J22498" s="5" t="s">
        <v>69038</v>
      </c>
      <c r="K22498" s="2" t="s">
        <v>69039</v>
      </c>
      <c r="L22498" s="5" t="s">
        <v>69038</v>
      </c>
      <c r="M22498" s="2" t="s">
        <v>69039</v>
      </c>
      <c r="N22498" s="5" t="s">
        <v>1521</v>
      </c>
      <c r="O22498" s="5" t="s">
        <v>38</v>
      </c>
      <c r="P22498" s="5" t="s">
        <v>39</v>
      </c>
      <c r="Q22498" s="5" t="s">
        <v>40</v>
      </c>
      <c r="R22498" s="5" t="s">
        <v>1522</v>
      </c>
      <c r="S22498" s="5" t="s">
        <v>1523</v>
      </c>
      <c r="T22498" s="5" t="s">
        <v>42</v>
      </c>
      <c r="U22498" s="2">
        <v>1.2370000000000001</v>
      </c>
      <c r="V22498" s="2">
        <v>0.94899999999999995</v>
      </c>
      <c r="W22498" s="2">
        <v>7.0000000000000001E-3</v>
      </c>
      <c r="X22498" s="2">
        <v>86.5</v>
      </c>
      <c r="Y22498" s="2">
        <v>7.6</v>
      </c>
      <c r="Z22498" s="2">
        <v>10.6</v>
      </c>
      <c r="AA22498" s="5"/>
      <c r="AB22498" s="5" t="s">
        <v>43</v>
      </c>
      <c r="AC22498" s="5" t="s">
        <v>44</v>
      </c>
      <c r="AD22498" s="2"/>
      <c r="AE22498" s="1"/>
    </row>
    <row r="22499" spans="1:31" ht="14.45">
      <c r="A22499" s="11"/>
      <c r="B22499" s="20"/>
      <c r="C22499" s="2" t="s">
        <v>72373</v>
      </c>
      <c r="D22499" s="14" t="s">
        <v>72374</v>
      </c>
      <c r="E22499" s="2" t="s">
        <v>72375</v>
      </c>
      <c r="F22499" s="2" t="s">
        <v>71961</v>
      </c>
      <c r="G22499" s="8">
        <v>121</v>
      </c>
      <c r="H22499" s="5">
        <v>6</v>
      </c>
      <c r="I22499" s="5" t="s">
        <v>1518</v>
      </c>
      <c r="J22499" s="5" t="s">
        <v>69038</v>
      </c>
      <c r="K22499" s="2" t="s">
        <v>69039</v>
      </c>
      <c r="L22499" s="5" t="s">
        <v>69038</v>
      </c>
      <c r="M22499" s="2" t="s">
        <v>69039</v>
      </c>
      <c r="N22499" s="5" t="s">
        <v>1521</v>
      </c>
      <c r="O22499" s="5" t="s">
        <v>38</v>
      </c>
      <c r="P22499" s="5" t="s">
        <v>39</v>
      </c>
      <c r="Q22499" s="5" t="s">
        <v>40</v>
      </c>
      <c r="R22499" s="5" t="s">
        <v>1522</v>
      </c>
      <c r="S22499" s="5" t="s">
        <v>1523</v>
      </c>
      <c r="T22499" s="5" t="s">
        <v>42</v>
      </c>
      <c r="U22499" s="2">
        <v>1.3089999999999999</v>
      </c>
      <c r="V22499" s="2">
        <v>1.0209999999999999</v>
      </c>
      <c r="W22499" s="2">
        <v>7.0000000000000001E-3</v>
      </c>
      <c r="X22499" s="2">
        <v>86.5</v>
      </c>
      <c r="Y22499" s="2">
        <v>7.6</v>
      </c>
      <c r="Z22499" s="2">
        <v>10.6</v>
      </c>
      <c r="AA22499" s="5"/>
      <c r="AB22499" s="5" t="s">
        <v>43</v>
      </c>
      <c r="AC22499" s="5" t="s">
        <v>44</v>
      </c>
      <c r="AD22499" s="2"/>
      <c r="AE22499" s="1"/>
    </row>
    <row r="22500" spans="1:31" ht="14.45">
      <c r="A22500" s="11"/>
      <c r="B22500" s="20"/>
      <c r="C22500" s="2" t="s">
        <v>72376</v>
      </c>
      <c r="D22500" s="14" t="s">
        <v>72377</v>
      </c>
      <c r="E22500" s="2" t="s">
        <v>72378</v>
      </c>
      <c r="F22500" s="2" t="s">
        <v>71965</v>
      </c>
      <c r="G22500" s="8">
        <v>121</v>
      </c>
      <c r="H22500" s="5">
        <v>6</v>
      </c>
      <c r="I22500" s="5" t="s">
        <v>1518</v>
      </c>
      <c r="J22500" s="5" t="s">
        <v>69038</v>
      </c>
      <c r="K22500" s="2" t="s">
        <v>69039</v>
      </c>
      <c r="L22500" s="5" t="s">
        <v>69038</v>
      </c>
      <c r="M22500" s="2" t="s">
        <v>69039</v>
      </c>
      <c r="N22500" s="5" t="s">
        <v>1521</v>
      </c>
      <c r="O22500" s="5" t="s">
        <v>38</v>
      </c>
      <c r="P22500" s="5" t="s">
        <v>39</v>
      </c>
      <c r="Q22500" s="5" t="s">
        <v>40</v>
      </c>
      <c r="R22500" s="5" t="s">
        <v>1522</v>
      </c>
      <c r="S22500" s="5" t="s">
        <v>1523</v>
      </c>
      <c r="T22500" s="5" t="s">
        <v>42</v>
      </c>
      <c r="U22500" s="2">
        <v>1.2370000000000001</v>
      </c>
      <c r="V22500" s="2">
        <v>0.94899999999999995</v>
      </c>
      <c r="W22500" s="2">
        <v>7.0000000000000001E-3</v>
      </c>
      <c r="X22500" s="2">
        <v>86.5</v>
      </c>
      <c r="Y22500" s="2">
        <v>7.6</v>
      </c>
      <c r="Z22500" s="2">
        <v>10.6</v>
      </c>
      <c r="AA22500" s="5"/>
      <c r="AB22500" s="5" t="s">
        <v>43</v>
      </c>
      <c r="AC22500" s="5" t="s">
        <v>44</v>
      </c>
      <c r="AD22500" s="2"/>
      <c r="AE22500" s="1"/>
    </row>
    <row r="22501" spans="1:31" ht="14.45">
      <c r="A22501" s="11"/>
      <c r="B22501" s="20"/>
      <c r="C22501" s="2" t="s">
        <v>72379</v>
      </c>
      <c r="D22501" s="14" t="s">
        <v>72380</v>
      </c>
      <c r="E22501" s="2" t="s">
        <v>72381</v>
      </c>
      <c r="F22501" s="2" t="s">
        <v>71969</v>
      </c>
      <c r="G22501" s="8">
        <v>121</v>
      </c>
      <c r="H22501" s="5">
        <v>6</v>
      </c>
      <c r="I22501" s="5" t="s">
        <v>1518</v>
      </c>
      <c r="J22501" s="5" t="s">
        <v>69038</v>
      </c>
      <c r="K22501" s="2" t="s">
        <v>69039</v>
      </c>
      <c r="L22501" s="5" t="s">
        <v>69038</v>
      </c>
      <c r="M22501" s="2" t="s">
        <v>69039</v>
      </c>
      <c r="N22501" s="5" t="s">
        <v>1521</v>
      </c>
      <c r="O22501" s="5" t="s">
        <v>38</v>
      </c>
      <c r="P22501" s="5" t="s">
        <v>39</v>
      </c>
      <c r="Q22501" s="5" t="s">
        <v>40</v>
      </c>
      <c r="R22501" s="5" t="s">
        <v>1522</v>
      </c>
      <c r="S22501" s="5" t="s">
        <v>1523</v>
      </c>
      <c r="T22501" s="5" t="s">
        <v>42</v>
      </c>
      <c r="U22501" s="2">
        <v>1.3089999999999999</v>
      </c>
      <c r="V22501" s="2">
        <v>1.0209999999999999</v>
      </c>
      <c r="W22501" s="2">
        <v>7.0000000000000001E-3</v>
      </c>
      <c r="X22501" s="2">
        <v>86.5</v>
      </c>
      <c r="Y22501" s="2">
        <v>7.6</v>
      </c>
      <c r="Z22501" s="2">
        <v>10.6</v>
      </c>
      <c r="AA22501" s="5"/>
      <c r="AB22501" s="5" t="s">
        <v>43</v>
      </c>
      <c r="AC22501" s="5" t="s">
        <v>44</v>
      </c>
      <c r="AD22501" s="2"/>
      <c r="AE22501" s="1"/>
    </row>
    <row r="22502" spans="1:31" ht="14.45">
      <c r="A22502" s="11"/>
      <c r="B22502" s="20"/>
      <c r="C22502" s="2" t="s">
        <v>72382</v>
      </c>
      <c r="D22502" s="14" t="s">
        <v>72383</v>
      </c>
      <c r="E22502" s="2" t="s">
        <v>72384</v>
      </c>
      <c r="F22502" s="2" t="s">
        <v>71973</v>
      </c>
      <c r="G22502" s="8">
        <v>121</v>
      </c>
      <c r="H22502" s="5">
        <v>6</v>
      </c>
      <c r="I22502" s="5" t="s">
        <v>1518</v>
      </c>
      <c r="J22502" s="5" t="s">
        <v>69038</v>
      </c>
      <c r="K22502" s="2" t="s">
        <v>69039</v>
      </c>
      <c r="L22502" s="5" t="s">
        <v>69038</v>
      </c>
      <c r="M22502" s="2" t="s">
        <v>69039</v>
      </c>
      <c r="N22502" s="5" t="s">
        <v>1521</v>
      </c>
      <c r="O22502" s="5" t="s">
        <v>38</v>
      </c>
      <c r="P22502" s="5" t="s">
        <v>39</v>
      </c>
      <c r="Q22502" s="5" t="s">
        <v>40</v>
      </c>
      <c r="R22502" s="5" t="s">
        <v>1522</v>
      </c>
      <c r="S22502" s="5" t="s">
        <v>1523</v>
      </c>
      <c r="T22502" s="5" t="s">
        <v>42</v>
      </c>
      <c r="U22502" s="2">
        <v>1.2370000000000001</v>
      </c>
      <c r="V22502" s="2">
        <v>0.94899999999999995</v>
      </c>
      <c r="W22502" s="2">
        <v>7.0000000000000001E-3</v>
      </c>
      <c r="X22502" s="2">
        <v>86.5</v>
      </c>
      <c r="Y22502" s="2">
        <v>7.6</v>
      </c>
      <c r="Z22502" s="2">
        <v>10.6</v>
      </c>
      <c r="AA22502" s="5"/>
      <c r="AB22502" s="5" t="s">
        <v>43</v>
      </c>
      <c r="AC22502" s="5" t="s">
        <v>44</v>
      </c>
      <c r="AD22502" s="2"/>
      <c r="AE22502" s="1"/>
    </row>
    <row r="22503" spans="1:31" ht="14.45">
      <c r="A22503" s="11"/>
      <c r="B22503" s="20"/>
      <c r="C22503" s="2" t="s">
        <v>72385</v>
      </c>
      <c r="D22503" s="14" t="s">
        <v>72386</v>
      </c>
      <c r="E22503" s="2" t="s">
        <v>72387</v>
      </c>
      <c r="F22503" s="2" t="s">
        <v>71977</v>
      </c>
      <c r="G22503" s="8">
        <v>121</v>
      </c>
      <c r="H22503" s="5">
        <v>6</v>
      </c>
      <c r="I22503" s="5" t="s">
        <v>1518</v>
      </c>
      <c r="J22503" s="5" t="s">
        <v>69038</v>
      </c>
      <c r="K22503" s="2" t="s">
        <v>69039</v>
      </c>
      <c r="L22503" s="5" t="s">
        <v>69038</v>
      </c>
      <c r="M22503" s="2" t="s">
        <v>69039</v>
      </c>
      <c r="N22503" s="5" t="s">
        <v>1521</v>
      </c>
      <c r="O22503" s="5" t="s">
        <v>38</v>
      </c>
      <c r="P22503" s="5" t="s">
        <v>39</v>
      </c>
      <c r="Q22503" s="5" t="s">
        <v>40</v>
      </c>
      <c r="R22503" s="5" t="s">
        <v>1522</v>
      </c>
      <c r="S22503" s="5" t="s">
        <v>1523</v>
      </c>
      <c r="T22503" s="5" t="s">
        <v>42</v>
      </c>
      <c r="U22503" s="2">
        <v>1.3089999999999999</v>
      </c>
      <c r="V22503" s="2">
        <v>1.0209999999999999</v>
      </c>
      <c r="W22503" s="2">
        <v>7.0000000000000001E-3</v>
      </c>
      <c r="X22503" s="2">
        <v>86.5</v>
      </c>
      <c r="Y22503" s="2">
        <v>7.6</v>
      </c>
      <c r="Z22503" s="2">
        <v>10.6</v>
      </c>
      <c r="AA22503" s="5"/>
      <c r="AB22503" s="5" t="s">
        <v>43</v>
      </c>
      <c r="AC22503" s="5" t="s">
        <v>44</v>
      </c>
      <c r="AD22503" s="2"/>
      <c r="AE22503" s="1"/>
    </row>
    <row r="22504" spans="1:31" ht="14.45">
      <c r="A22504" s="11"/>
      <c r="B22504" s="20"/>
      <c r="C22504" s="2" t="s">
        <v>72388</v>
      </c>
      <c r="D22504" s="14" t="s">
        <v>72389</v>
      </c>
      <c r="E22504" s="2" t="s">
        <v>72390</v>
      </c>
      <c r="F22504" s="2" t="s">
        <v>71981</v>
      </c>
      <c r="G22504" s="8">
        <v>121</v>
      </c>
      <c r="H22504" s="5">
        <v>6</v>
      </c>
      <c r="I22504" s="5" t="s">
        <v>1518</v>
      </c>
      <c r="J22504" s="5" t="s">
        <v>69038</v>
      </c>
      <c r="K22504" s="2" t="s">
        <v>69039</v>
      </c>
      <c r="L22504" s="5" t="s">
        <v>69038</v>
      </c>
      <c r="M22504" s="2" t="s">
        <v>69039</v>
      </c>
      <c r="N22504" s="5" t="s">
        <v>1521</v>
      </c>
      <c r="O22504" s="5" t="s">
        <v>38</v>
      </c>
      <c r="P22504" s="5" t="s">
        <v>39</v>
      </c>
      <c r="Q22504" s="5" t="s">
        <v>40</v>
      </c>
      <c r="R22504" s="5" t="s">
        <v>1522</v>
      </c>
      <c r="S22504" s="5" t="s">
        <v>1523</v>
      </c>
      <c r="T22504" s="5" t="s">
        <v>42</v>
      </c>
      <c r="U22504" s="2">
        <v>1.2370000000000001</v>
      </c>
      <c r="V22504" s="2">
        <v>0.94899999999999995</v>
      </c>
      <c r="W22504" s="2">
        <v>7.0000000000000001E-3</v>
      </c>
      <c r="X22504" s="2">
        <v>86.5</v>
      </c>
      <c r="Y22504" s="2">
        <v>7.6</v>
      </c>
      <c r="Z22504" s="2">
        <v>10.6</v>
      </c>
      <c r="AA22504" s="5"/>
      <c r="AB22504" s="5" t="s">
        <v>43</v>
      </c>
      <c r="AC22504" s="5" t="s">
        <v>44</v>
      </c>
      <c r="AD22504" s="2"/>
      <c r="AE22504" s="1"/>
    </row>
    <row r="22505" spans="1:31" ht="14.45">
      <c r="A22505" s="11"/>
      <c r="B22505" s="20"/>
      <c r="C22505" s="2" t="s">
        <v>72391</v>
      </c>
      <c r="D22505" s="14" t="s">
        <v>72392</v>
      </c>
      <c r="E22505" s="2" t="s">
        <v>72393</v>
      </c>
      <c r="F22505" s="2" t="s">
        <v>71985</v>
      </c>
      <c r="G22505" s="8">
        <v>121</v>
      </c>
      <c r="H22505" s="5">
        <v>6</v>
      </c>
      <c r="I22505" s="5" t="s">
        <v>1518</v>
      </c>
      <c r="J22505" s="5" t="s">
        <v>69038</v>
      </c>
      <c r="K22505" s="2" t="s">
        <v>69039</v>
      </c>
      <c r="L22505" s="5" t="s">
        <v>69038</v>
      </c>
      <c r="M22505" s="2" t="s">
        <v>69039</v>
      </c>
      <c r="N22505" s="5" t="s">
        <v>1521</v>
      </c>
      <c r="O22505" s="5" t="s">
        <v>38</v>
      </c>
      <c r="P22505" s="5" t="s">
        <v>39</v>
      </c>
      <c r="Q22505" s="5" t="s">
        <v>40</v>
      </c>
      <c r="R22505" s="5" t="s">
        <v>1522</v>
      </c>
      <c r="S22505" s="5" t="s">
        <v>1523</v>
      </c>
      <c r="T22505" s="5" t="s">
        <v>42</v>
      </c>
      <c r="U22505" s="2">
        <v>1.3089999999999999</v>
      </c>
      <c r="V22505" s="2">
        <v>1.0209999999999999</v>
      </c>
      <c r="W22505" s="2">
        <v>7.0000000000000001E-3</v>
      </c>
      <c r="X22505" s="2">
        <v>86.5</v>
      </c>
      <c r="Y22505" s="2">
        <v>7.6</v>
      </c>
      <c r="Z22505" s="2">
        <v>10.6</v>
      </c>
      <c r="AA22505" s="5"/>
      <c r="AB22505" s="5" t="s">
        <v>43</v>
      </c>
      <c r="AC22505" s="5" t="s">
        <v>44</v>
      </c>
      <c r="AD22505" s="2"/>
      <c r="AE22505" s="1"/>
    </row>
    <row r="22506" spans="1:31" ht="14.45">
      <c r="A22506" s="11"/>
      <c r="B22506" s="20"/>
      <c r="C22506" s="2" t="s">
        <v>72394</v>
      </c>
      <c r="D22506" s="14" t="s">
        <v>72395</v>
      </c>
      <c r="E22506" s="2" t="s">
        <v>72396</v>
      </c>
      <c r="F22506" s="2" t="s">
        <v>71957</v>
      </c>
      <c r="G22506" s="8">
        <v>131</v>
      </c>
      <c r="H22506" s="5">
        <v>6</v>
      </c>
      <c r="I22506" s="5" t="s">
        <v>1518</v>
      </c>
      <c r="J22506" s="5" t="s">
        <v>69038</v>
      </c>
      <c r="K22506" s="2" t="s">
        <v>69039</v>
      </c>
      <c r="L22506" s="5" t="s">
        <v>69038</v>
      </c>
      <c r="M22506" s="2" t="s">
        <v>69039</v>
      </c>
      <c r="N22506" s="5" t="s">
        <v>1521</v>
      </c>
      <c r="O22506" s="5" t="s">
        <v>38</v>
      </c>
      <c r="P22506" s="5" t="s">
        <v>39</v>
      </c>
      <c r="Q22506" s="5" t="s">
        <v>40</v>
      </c>
      <c r="R22506" s="5" t="s">
        <v>1522</v>
      </c>
      <c r="S22506" s="5" t="s">
        <v>1523</v>
      </c>
      <c r="T22506" s="5" t="s">
        <v>42</v>
      </c>
      <c r="U22506" s="2">
        <v>1.401</v>
      </c>
      <c r="V22506" s="2">
        <v>1.05</v>
      </c>
      <c r="W22506" s="2">
        <v>8.9999999999999993E-3</v>
      </c>
      <c r="X22506" s="2">
        <v>106.5</v>
      </c>
      <c r="Y22506" s="2">
        <v>7.6</v>
      </c>
      <c r="Z22506" s="2">
        <v>10.6</v>
      </c>
      <c r="AA22506" s="5"/>
      <c r="AB22506" s="5" t="s">
        <v>43</v>
      </c>
      <c r="AC22506" s="5" t="s">
        <v>44</v>
      </c>
      <c r="AD22506" s="2"/>
      <c r="AE22506" s="1"/>
    </row>
    <row r="22507" spans="1:31" ht="14.45">
      <c r="A22507" s="11"/>
      <c r="B22507" s="20"/>
      <c r="C22507" s="2" t="s">
        <v>72397</v>
      </c>
      <c r="D22507" s="14" t="s">
        <v>72398</v>
      </c>
      <c r="E22507" s="2" t="s">
        <v>72399</v>
      </c>
      <c r="F22507" s="2" t="s">
        <v>71961</v>
      </c>
      <c r="G22507" s="8">
        <v>131</v>
      </c>
      <c r="H22507" s="5">
        <v>6</v>
      </c>
      <c r="I22507" s="5" t="s">
        <v>1518</v>
      </c>
      <c r="J22507" s="5" t="s">
        <v>69038</v>
      </c>
      <c r="K22507" s="2" t="s">
        <v>69039</v>
      </c>
      <c r="L22507" s="5" t="s">
        <v>69038</v>
      </c>
      <c r="M22507" s="2" t="s">
        <v>69039</v>
      </c>
      <c r="N22507" s="5" t="s">
        <v>1521</v>
      </c>
      <c r="O22507" s="5" t="s">
        <v>38</v>
      </c>
      <c r="P22507" s="5" t="s">
        <v>39</v>
      </c>
      <c r="Q22507" s="5" t="s">
        <v>40</v>
      </c>
      <c r="R22507" s="5" t="s">
        <v>1522</v>
      </c>
      <c r="S22507" s="5" t="s">
        <v>1523</v>
      </c>
      <c r="T22507" s="5" t="s">
        <v>42</v>
      </c>
      <c r="U22507" s="2">
        <v>1.4830000000000001</v>
      </c>
      <c r="V22507" s="2">
        <v>1.1319999999999999</v>
      </c>
      <c r="W22507" s="2">
        <v>8.9999999999999993E-3</v>
      </c>
      <c r="X22507" s="2">
        <v>106.5</v>
      </c>
      <c r="Y22507" s="2">
        <v>7.6</v>
      </c>
      <c r="Z22507" s="2">
        <v>10.6</v>
      </c>
      <c r="AA22507" s="5"/>
      <c r="AB22507" s="5" t="s">
        <v>43</v>
      </c>
      <c r="AC22507" s="5" t="s">
        <v>44</v>
      </c>
      <c r="AD22507" s="2"/>
      <c r="AE22507" s="1"/>
    </row>
    <row r="22508" spans="1:31" ht="14.45">
      <c r="A22508" s="11"/>
      <c r="B22508" s="20"/>
      <c r="C22508" s="2" t="s">
        <v>72400</v>
      </c>
      <c r="D22508" s="14" t="s">
        <v>72401</v>
      </c>
      <c r="E22508" s="2" t="s">
        <v>72402</v>
      </c>
      <c r="F22508" s="2" t="s">
        <v>71965</v>
      </c>
      <c r="G22508" s="8">
        <v>131</v>
      </c>
      <c r="H22508" s="5">
        <v>6</v>
      </c>
      <c r="I22508" s="5" t="s">
        <v>1518</v>
      </c>
      <c r="J22508" s="5" t="s">
        <v>69038</v>
      </c>
      <c r="K22508" s="2" t="s">
        <v>69039</v>
      </c>
      <c r="L22508" s="5" t="s">
        <v>69038</v>
      </c>
      <c r="M22508" s="2" t="s">
        <v>69039</v>
      </c>
      <c r="N22508" s="5" t="s">
        <v>1521</v>
      </c>
      <c r="O22508" s="5" t="s">
        <v>38</v>
      </c>
      <c r="P22508" s="5" t="s">
        <v>39</v>
      </c>
      <c r="Q22508" s="5" t="s">
        <v>40</v>
      </c>
      <c r="R22508" s="5" t="s">
        <v>1522</v>
      </c>
      <c r="S22508" s="5" t="s">
        <v>1523</v>
      </c>
      <c r="T22508" s="5" t="s">
        <v>42</v>
      </c>
      <c r="U22508" s="2">
        <v>1.401</v>
      </c>
      <c r="V22508" s="2">
        <v>1.05</v>
      </c>
      <c r="W22508" s="2">
        <v>8.9999999999999993E-3</v>
      </c>
      <c r="X22508" s="2">
        <v>106.5</v>
      </c>
      <c r="Y22508" s="2">
        <v>7.6</v>
      </c>
      <c r="Z22508" s="2">
        <v>10.6</v>
      </c>
      <c r="AA22508" s="5"/>
      <c r="AB22508" s="5" t="s">
        <v>43</v>
      </c>
      <c r="AC22508" s="5" t="s">
        <v>44</v>
      </c>
      <c r="AD22508" s="2"/>
      <c r="AE22508" s="1"/>
    </row>
    <row r="22509" spans="1:31" ht="14.45">
      <c r="A22509" s="11"/>
      <c r="B22509" s="20"/>
      <c r="C22509" s="2" t="s">
        <v>72403</v>
      </c>
      <c r="D22509" s="14" t="s">
        <v>72404</v>
      </c>
      <c r="E22509" s="2" t="s">
        <v>72405</v>
      </c>
      <c r="F22509" s="2" t="s">
        <v>71969</v>
      </c>
      <c r="G22509" s="8">
        <v>131</v>
      </c>
      <c r="H22509" s="5">
        <v>6</v>
      </c>
      <c r="I22509" s="5" t="s">
        <v>1518</v>
      </c>
      <c r="J22509" s="5" t="s">
        <v>69038</v>
      </c>
      <c r="K22509" s="2" t="s">
        <v>69039</v>
      </c>
      <c r="L22509" s="5" t="s">
        <v>69038</v>
      </c>
      <c r="M22509" s="2" t="s">
        <v>69039</v>
      </c>
      <c r="N22509" s="5" t="s">
        <v>1521</v>
      </c>
      <c r="O22509" s="5" t="s">
        <v>38</v>
      </c>
      <c r="P22509" s="5" t="s">
        <v>39</v>
      </c>
      <c r="Q22509" s="5" t="s">
        <v>40</v>
      </c>
      <c r="R22509" s="5" t="s">
        <v>1522</v>
      </c>
      <c r="S22509" s="5" t="s">
        <v>1523</v>
      </c>
      <c r="T22509" s="5" t="s">
        <v>42</v>
      </c>
      <c r="U22509" s="2">
        <v>1.4830000000000001</v>
      </c>
      <c r="V22509" s="2">
        <v>1.1319999999999999</v>
      </c>
      <c r="W22509" s="2">
        <v>8.9999999999999993E-3</v>
      </c>
      <c r="X22509" s="2">
        <v>106.5</v>
      </c>
      <c r="Y22509" s="2">
        <v>7.6</v>
      </c>
      <c r="Z22509" s="2">
        <v>10.6</v>
      </c>
      <c r="AA22509" s="5"/>
      <c r="AB22509" s="5" t="s">
        <v>43</v>
      </c>
      <c r="AC22509" s="5" t="s">
        <v>44</v>
      </c>
      <c r="AD22509" s="2"/>
      <c r="AE22509" s="1"/>
    </row>
    <row r="22510" spans="1:31" ht="14.45">
      <c r="A22510" s="11"/>
      <c r="B22510" s="20"/>
      <c r="C22510" s="2" t="s">
        <v>72406</v>
      </c>
      <c r="D22510" s="14" t="s">
        <v>72407</v>
      </c>
      <c r="E22510" s="2" t="s">
        <v>72408</v>
      </c>
      <c r="F22510" s="2" t="s">
        <v>71973</v>
      </c>
      <c r="G22510" s="8">
        <v>131</v>
      </c>
      <c r="H22510" s="5">
        <v>6</v>
      </c>
      <c r="I22510" s="5" t="s">
        <v>1518</v>
      </c>
      <c r="J22510" s="5" t="s">
        <v>69038</v>
      </c>
      <c r="K22510" s="2" t="s">
        <v>69039</v>
      </c>
      <c r="L22510" s="5" t="s">
        <v>69038</v>
      </c>
      <c r="M22510" s="2" t="s">
        <v>69039</v>
      </c>
      <c r="N22510" s="5" t="s">
        <v>1521</v>
      </c>
      <c r="O22510" s="5" t="s">
        <v>38</v>
      </c>
      <c r="P22510" s="5" t="s">
        <v>39</v>
      </c>
      <c r="Q22510" s="5" t="s">
        <v>40</v>
      </c>
      <c r="R22510" s="5" t="s">
        <v>1522</v>
      </c>
      <c r="S22510" s="5" t="s">
        <v>1523</v>
      </c>
      <c r="T22510" s="5" t="s">
        <v>42</v>
      </c>
      <c r="U22510" s="2">
        <v>1.401</v>
      </c>
      <c r="V22510" s="2">
        <v>1.05</v>
      </c>
      <c r="W22510" s="2">
        <v>8.9999999999999993E-3</v>
      </c>
      <c r="X22510" s="2">
        <v>106.5</v>
      </c>
      <c r="Y22510" s="2">
        <v>7.6</v>
      </c>
      <c r="Z22510" s="2">
        <v>10.6</v>
      </c>
      <c r="AA22510" s="5"/>
      <c r="AB22510" s="5" t="s">
        <v>43</v>
      </c>
      <c r="AC22510" s="5" t="s">
        <v>44</v>
      </c>
      <c r="AD22510" s="2"/>
      <c r="AE22510" s="1"/>
    </row>
    <row r="22511" spans="1:31" ht="14.45">
      <c r="A22511" s="11"/>
      <c r="B22511" s="20"/>
      <c r="C22511" s="2" t="s">
        <v>72409</v>
      </c>
      <c r="D22511" s="14" t="s">
        <v>72410</v>
      </c>
      <c r="E22511" s="2" t="s">
        <v>72411</v>
      </c>
      <c r="F22511" s="2" t="s">
        <v>71977</v>
      </c>
      <c r="G22511" s="8">
        <v>131</v>
      </c>
      <c r="H22511" s="5">
        <v>6</v>
      </c>
      <c r="I22511" s="5" t="s">
        <v>1518</v>
      </c>
      <c r="J22511" s="5" t="s">
        <v>69038</v>
      </c>
      <c r="K22511" s="2" t="s">
        <v>69039</v>
      </c>
      <c r="L22511" s="5" t="s">
        <v>69038</v>
      </c>
      <c r="M22511" s="2" t="s">
        <v>69039</v>
      </c>
      <c r="N22511" s="5" t="s">
        <v>1521</v>
      </c>
      <c r="O22511" s="5" t="s">
        <v>38</v>
      </c>
      <c r="P22511" s="5" t="s">
        <v>39</v>
      </c>
      <c r="Q22511" s="5" t="s">
        <v>40</v>
      </c>
      <c r="R22511" s="5" t="s">
        <v>1522</v>
      </c>
      <c r="S22511" s="5" t="s">
        <v>1523</v>
      </c>
      <c r="T22511" s="5" t="s">
        <v>42</v>
      </c>
      <c r="U22511" s="2">
        <v>1.4830000000000001</v>
      </c>
      <c r="V22511" s="2">
        <v>1.1319999999999999</v>
      </c>
      <c r="W22511" s="2">
        <v>8.9999999999999993E-3</v>
      </c>
      <c r="X22511" s="2">
        <v>106.5</v>
      </c>
      <c r="Y22511" s="2">
        <v>7.6</v>
      </c>
      <c r="Z22511" s="2">
        <v>10.6</v>
      </c>
      <c r="AA22511" s="5"/>
      <c r="AB22511" s="5" t="s">
        <v>43</v>
      </c>
      <c r="AC22511" s="5" t="s">
        <v>44</v>
      </c>
      <c r="AD22511" s="2"/>
      <c r="AE22511" s="1"/>
    </row>
    <row r="22512" spans="1:31" ht="14.45">
      <c r="A22512" s="11"/>
      <c r="B22512" s="20"/>
      <c r="C22512" s="2" t="s">
        <v>72412</v>
      </c>
      <c r="D22512" s="14" t="s">
        <v>72413</v>
      </c>
      <c r="E22512" s="2" t="s">
        <v>72414</v>
      </c>
      <c r="F22512" s="2" t="s">
        <v>71981</v>
      </c>
      <c r="G22512" s="8">
        <v>131</v>
      </c>
      <c r="H22512" s="5">
        <v>6</v>
      </c>
      <c r="I22512" s="5" t="s">
        <v>1518</v>
      </c>
      <c r="J22512" s="5" t="s">
        <v>69038</v>
      </c>
      <c r="K22512" s="2" t="s">
        <v>69039</v>
      </c>
      <c r="L22512" s="5" t="s">
        <v>69038</v>
      </c>
      <c r="M22512" s="2" t="s">
        <v>69039</v>
      </c>
      <c r="N22512" s="5" t="s">
        <v>1521</v>
      </c>
      <c r="O22512" s="5" t="s">
        <v>38</v>
      </c>
      <c r="P22512" s="5" t="s">
        <v>39</v>
      </c>
      <c r="Q22512" s="5" t="s">
        <v>40</v>
      </c>
      <c r="R22512" s="5" t="s">
        <v>1522</v>
      </c>
      <c r="S22512" s="5" t="s">
        <v>1523</v>
      </c>
      <c r="T22512" s="5" t="s">
        <v>42</v>
      </c>
      <c r="U22512" s="2">
        <v>1.401</v>
      </c>
      <c r="V22512" s="2">
        <v>1.05</v>
      </c>
      <c r="W22512" s="2">
        <v>8.9999999999999993E-3</v>
      </c>
      <c r="X22512" s="2">
        <v>106.5</v>
      </c>
      <c r="Y22512" s="2">
        <v>7.6</v>
      </c>
      <c r="Z22512" s="2">
        <v>10.6</v>
      </c>
      <c r="AA22512" s="5"/>
      <c r="AB22512" s="5" t="s">
        <v>43</v>
      </c>
      <c r="AC22512" s="5" t="s">
        <v>44</v>
      </c>
      <c r="AD22512" s="2"/>
      <c r="AE22512" s="1"/>
    </row>
    <row r="22513" spans="1:31" ht="14.45">
      <c r="A22513" s="11"/>
      <c r="B22513" s="20"/>
      <c r="C22513" s="2" t="s">
        <v>72415</v>
      </c>
      <c r="D22513" s="14" t="s">
        <v>72416</v>
      </c>
      <c r="E22513" s="2" t="s">
        <v>72417</v>
      </c>
      <c r="F22513" s="2" t="s">
        <v>71985</v>
      </c>
      <c r="G22513" s="8">
        <v>131</v>
      </c>
      <c r="H22513" s="5">
        <v>6</v>
      </c>
      <c r="I22513" s="5" t="s">
        <v>1518</v>
      </c>
      <c r="J22513" s="5" t="s">
        <v>69038</v>
      </c>
      <c r="K22513" s="2" t="s">
        <v>69039</v>
      </c>
      <c r="L22513" s="5" t="s">
        <v>69038</v>
      </c>
      <c r="M22513" s="2" t="s">
        <v>69039</v>
      </c>
      <c r="N22513" s="5" t="s">
        <v>1521</v>
      </c>
      <c r="O22513" s="5" t="s">
        <v>38</v>
      </c>
      <c r="P22513" s="5" t="s">
        <v>39</v>
      </c>
      <c r="Q22513" s="5" t="s">
        <v>40</v>
      </c>
      <c r="R22513" s="5" t="s">
        <v>1522</v>
      </c>
      <c r="S22513" s="5" t="s">
        <v>1523</v>
      </c>
      <c r="T22513" s="5" t="s">
        <v>42</v>
      </c>
      <c r="U22513" s="2">
        <v>1.4830000000000001</v>
      </c>
      <c r="V22513" s="2">
        <v>1.1319999999999999</v>
      </c>
      <c r="W22513" s="2">
        <v>8.9999999999999993E-3</v>
      </c>
      <c r="X22513" s="2">
        <v>106.5</v>
      </c>
      <c r="Y22513" s="2">
        <v>7.6</v>
      </c>
      <c r="Z22513" s="2">
        <v>10.6</v>
      </c>
      <c r="AA22513" s="5"/>
      <c r="AB22513" s="5" t="s">
        <v>43</v>
      </c>
      <c r="AC22513" s="5" t="s">
        <v>44</v>
      </c>
      <c r="AD22513" s="2"/>
      <c r="AE22513" s="1"/>
    </row>
    <row r="22514" spans="1:31" ht="14.45">
      <c r="A22514" s="11"/>
      <c r="B22514" s="20"/>
      <c r="C22514" s="2" t="s">
        <v>72418</v>
      </c>
      <c r="D22514" s="14" t="s">
        <v>72419</v>
      </c>
      <c r="E22514" s="2" t="s">
        <v>72420</v>
      </c>
      <c r="F22514" s="2" t="s">
        <v>71957</v>
      </c>
      <c r="G22514" s="8">
        <v>135</v>
      </c>
      <c r="H22514" s="5">
        <v>6</v>
      </c>
      <c r="I22514" s="5" t="s">
        <v>1518</v>
      </c>
      <c r="J22514" s="5" t="s">
        <v>69038</v>
      </c>
      <c r="K22514" s="2" t="s">
        <v>69039</v>
      </c>
      <c r="L22514" s="5" t="s">
        <v>69038</v>
      </c>
      <c r="M22514" s="2" t="s">
        <v>69039</v>
      </c>
      <c r="N22514" s="5" t="s">
        <v>1521</v>
      </c>
      <c r="O22514" s="5" t="s">
        <v>38</v>
      </c>
      <c r="P22514" s="5" t="s">
        <v>39</v>
      </c>
      <c r="Q22514" s="5" t="s">
        <v>40</v>
      </c>
      <c r="R22514" s="5" t="s">
        <v>1522</v>
      </c>
      <c r="S22514" s="5" t="s">
        <v>1523</v>
      </c>
      <c r="T22514" s="5" t="s">
        <v>42</v>
      </c>
      <c r="U22514" s="2">
        <v>1.57</v>
      </c>
      <c r="V22514" s="2">
        <v>1.1599999999999999</v>
      </c>
      <c r="W22514" s="2">
        <v>0.01</v>
      </c>
      <c r="X22514" s="2">
        <v>128.5</v>
      </c>
      <c r="Y22514" s="2">
        <v>7.6</v>
      </c>
      <c r="Z22514" s="2">
        <v>10.6</v>
      </c>
      <c r="AA22514" s="5"/>
      <c r="AB22514" s="5" t="s">
        <v>43</v>
      </c>
      <c r="AC22514" s="5" t="s">
        <v>44</v>
      </c>
      <c r="AD22514" s="2"/>
      <c r="AE22514" s="1"/>
    </row>
    <row r="22515" spans="1:31" ht="14.45">
      <c r="A22515" s="11"/>
      <c r="B22515" s="20"/>
      <c r="C22515" s="2" t="s">
        <v>72421</v>
      </c>
      <c r="D22515" s="14" t="s">
        <v>72422</v>
      </c>
      <c r="E22515" s="2" t="s">
        <v>72423</v>
      </c>
      <c r="F22515" s="2" t="s">
        <v>71961</v>
      </c>
      <c r="G22515" s="8">
        <v>135</v>
      </c>
      <c r="H22515" s="5">
        <v>6</v>
      </c>
      <c r="I22515" s="5" t="s">
        <v>1518</v>
      </c>
      <c r="J22515" s="5" t="s">
        <v>69038</v>
      </c>
      <c r="K22515" s="2" t="s">
        <v>69039</v>
      </c>
      <c r="L22515" s="5" t="s">
        <v>69038</v>
      </c>
      <c r="M22515" s="2" t="s">
        <v>69039</v>
      </c>
      <c r="N22515" s="5" t="s">
        <v>1521</v>
      </c>
      <c r="O22515" s="5" t="s">
        <v>38</v>
      </c>
      <c r="P22515" s="5" t="s">
        <v>39</v>
      </c>
      <c r="Q22515" s="5" t="s">
        <v>40</v>
      </c>
      <c r="R22515" s="5" t="s">
        <v>1522</v>
      </c>
      <c r="S22515" s="5" t="s">
        <v>1523</v>
      </c>
      <c r="T22515" s="5" t="s">
        <v>42</v>
      </c>
      <c r="U22515" s="2">
        <v>1.663</v>
      </c>
      <c r="V22515" s="2">
        <v>1.2529999999999999</v>
      </c>
      <c r="W22515" s="2">
        <v>0.01</v>
      </c>
      <c r="X22515" s="2">
        <v>128.5</v>
      </c>
      <c r="Y22515" s="2">
        <v>7.6</v>
      </c>
      <c r="Z22515" s="2">
        <v>10.6</v>
      </c>
      <c r="AA22515" s="5"/>
      <c r="AB22515" s="5" t="s">
        <v>43</v>
      </c>
      <c r="AC22515" s="5" t="s">
        <v>44</v>
      </c>
      <c r="AD22515" s="2"/>
      <c r="AE22515" s="1"/>
    </row>
    <row r="22516" spans="1:31" ht="14.45">
      <c r="A22516" s="11"/>
      <c r="B22516" s="20"/>
      <c r="C22516" s="2" t="s">
        <v>72424</v>
      </c>
      <c r="D22516" s="14" t="s">
        <v>72425</v>
      </c>
      <c r="E22516" s="2" t="s">
        <v>72426</v>
      </c>
      <c r="F22516" s="2" t="s">
        <v>71965</v>
      </c>
      <c r="G22516" s="8">
        <v>135</v>
      </c>
      <c r="H22516" s="5">
        <v>6</v>
      </c>
      <c r="I22516" s="5" t="s">
        <v>1518</v>
      </c>
      <c r="J22516" s="5" t="s">
        <v>69038</v>
      </c>
      <c r="K22516" s="2" t="s">
        <v>69039</v>
      </c>
      <c r="L22516" s="5" t="s">
        <v>69038</v>
      </c>
      <c r="M22516" s="2" t="s">
        <v>69039</v>
      </c>
      <c r="N22516" s="5" t="s">
        <v>1521</v>
      </c>
      <c r="O22516" s="5" t="s">
        <v>38</v>
      </c>
      <c r="P22516" s="5" t="s">
        <v>39</v>
      </c>
      <c r="Q22516" s="5" t="s">
        <v>40</v>
      </c>
      <c r="R22516" s="5" t="s">
        <v>1522</v>
      </c>
      <c r="S22516" s="5" t="s">
        <v>1523</v>
      </c>
      <c r="T22516" s="5" t="s">
        <v>42</v>
      </c>
      <c r="U22516" s="2">
        <v>1.57</v>
      </c>
      <c r="V22516" s="2">
        <v>1.1599999999999999</v>
      </c>
      <c r="W22516" s="2">
        <v>0.01</v>
      </c>
      <c r="X22516" s="2">
        <v>128.5</v>
      </c>
      <c r="Y22516" s="2">
        <v>7.6</v>
      </c>
      <c r="Z22516" s="2">
        <v>10.6</v>
      </c>
      <c r="AA22516" s="5"/>
      <c r="AB22516" s="5" t="s">
        <v>43</v>
      </c>
      <c r="AC22516" s="5" t="s">
        <v>44</v>
      </c>
      <c r="AD22516" s="2"/>
      <c r="AE22516" s="1"/>
    </row>
    <row r="22517" spans="1:31" ht="14.45">
      <c r="A22517" s="11"/>
      <c r="B22517" s="20"/>
      <c r="C22517" s="2" t="s">
        <v>72427</v>
      </c>
      <c r="D22517" s="14" t="s">
        <v>72428</v>
      </c>
      <c r="E22517" s="2" t="s">
        <v>72429</v>
      </c>
      <c r="F22517" s="2" t="s">
        <v>71969</v>
      </c>
      <c r="G22517" s="8">
        <v>135</v>
      </c>
      <c r="H22517" s="5">
        <v>6</v>
      </c>
      <c r="I22517" s="5" t="s">
        <v>1518</v>
      </c>
      <c r="J22517" s="5" t="s">
        <v>69038</v>
      </c>
      <c r="K22517" s="2" t="s">
        <v>69039</v>
      </c>
      <c r="L22517" s="5" t="s">
        <v>69038</v>
      </c>
      <c r="M22517" s="2" t="s">
        <v>69039</v>
      </c>
      <c r="N22517" s="5" t="s">
        <v>1521</v>
      </c>
      <c r="O22517" s="5" t="s">
        <v>38</v>
      </c>
      <c r="P22517" s="5" t="s">
        <v>39</v>
      </c>
      <c r="Q22517" s="5" t="s">
        <v>40</v>
      </c>
      <c r="R22517" s="5" t="s">
        <v>1522</v>
      </c>
      <c r="S22517" s="5" t="s">
        <v>1523</v>
      </c>
      <c r="T22517" s="5" t="s">
        <v>42</v>
      </c>
      <c r="U22517" s="2">
        <v>1.663</v>
      </c>
      <c r="V22517" s="2">
        <v>1.2529999999999999</v>
      </c>
      <c r="W22517" s="2">
        <v>0.01</v>
      </c>
      <c r="X22517" s="2">
        <v>128.5</v>
      </c>
      <c r="Y22517" s="2">
        <v>7.6</v>
      </c>
      <c r="Z22517" s="2">
        <v>10.6</v>
      </c>
      <c r="AA22517" s="5"/>
      <c r="AB22517" s="5" t="s">
        <v>43</v>
      </c>
      <c r="AC22517" s="5" t="s">
        <v>44</v>
      </c>
      <c r="AD22517" s="2"/>
      <c r="AE22517" s="1"/>
    </row>
    <row r="22518" spans="1:31" ht="14.45">
      <c r="A22518" s="11"/>
      <c r="B22518" s="20"/>
      <c r="C22518" s="2" t="s">
        <v>72430</v>
      </c>
      <c r="D22518" s="14" t="s">
        <v>72431</v>
      </c>
      <c r="E22518" s="2" t="s">
        <v>72432</v>
      </c>
      <c r="F22518" s="2" t="s">
        <v>71973</v>
      </c>
      <c r="G22518" s="8">
        <v>135</v>
      </c>
      <c r="H22518" s="5">
        <v>6</v>
      </c>
      <c r="I22518" s="5" t="s">
        <v>1518</v>
      </c>
      <c r="J22518" s="5" t="s">
        <v>69038</v>
      </c>
      <c r="K22518" s="2" t="s">
        <v>69039</v>
      </c>
      <c r="L22518" s="5" t="s">
        <v>69038</v>
      </c>
      <c r="M22518" s="2" t="s">
        <v>69039</v>
      </c>
      <c r="N22518" s="5" t="s">
        <v>1521</v>
      </c>
      <c r="O22518" s="5" t="s">
        <v>38</v>
      </c>
      <c r="P22518" s="5" t="s">
        <v>39</v>
      </c>
      <c r="Q22518" s="5" t="s">
        <v>40</v>
      </c>
      <c r="R22518" s="5" t="s">
        <v>1522</v>
      </c>
      <c r="S22518" s="5" t="s">
        <v>1523</v>
      </c>
      <c r="T22518" s="5" t="s">
        <v>42</v>
      </c>
      <c r="U22518" s="2">
        <v>1.57</v>
      </c>
      <c r="V22518" s="2">
        <v>1.1599999999999999</v>
      </c>
      <c r="W22518" s="2">
        <v>0.01</v>
      </c>
      <c r="X22518" s="2">
        <v>128.5</v>
      </c>
      <c r="Y22518" s="2">
        <v>7.6</v>
      </c>
      <c r="Z22518" s="2">
        <v>10.6</v>
      </c>
      <c r="AA22518" s="5"/>
      <c r="AB22518" s="5" t="s">
        <v>43</v>
      </c>
      <c r="AC22518" s="5" t="s">
        <v>44</v>
      </c>
      <c r="AD22518" s="2"/>
      <c r="AE22518" s="1"/>
    </row>
    <row r="22519" spans="1:31" ht="14.45">
      <c r="A22519" s="11"/>
      <c r="B22519" s="20"/>
      <c r="C22519" s="2" t="s">
        <v>72433</v>
      </c>
      <c r="D22519" s="14" t="s">
        <v>72434</v>
      </c>
      <c r="E22519" s="2" t="s">
        <v>72435</v>
      </c>
      <c r="F22519" s="2" t="s">
        <v>71977</v>
      </c>
      <c r="G22519" s="8">
        <v>135</v>
      </c>
      <c r="H22519" s="5">
        <v>6</v>
      </c>
      <c r="I22519" s="5" t="s">
        <v>1518</v>
      </c>
      <c r="J22519" s="5" t="s">
        <v>69038</v>
      </c>
      <c r="K22519" s="2" t="s">
        <v>69039</v>
      </c>
      <c r="L22519" s="5" t="s">
        <v>69038</v>
      </c>
      <c r="M22519" s="2" t="s">
        <v>69039</v>
      </c>
      <c r="N22519" s="5" t="s">
        <v>1521</v>
      </c>
      <c r="O22519" s="5" t="s">
        <v>38</v>
      </c>
      <c r="P22519" s="5" t="s">
        <v>39</v>
      </c>
      <c r="Q22519" s="5" t="s">
        <v>40</v>
      </c>
      <c r="R22519" s="5" t="s">
        <v>1522</v>
      </c>
      <c r="S22519" s="5" t="s">
        <v>1523</v>
      </c>
      <c r="T22519" s="5" t="s">
        <v>42</v>
      </c>
      <c r="U22519" s="2">
        <v>1.663</v>
      </c>
      <c r="V22519" s="2">
        <v>1.2529999999999999</v>
      </c>
      <c r="W22519" s="2">
        <v>0.01</v>
      </c>
      <c r="X22519" s="2">
        <v>128.5</v>
      </c>
      <c r="Y22519" s="2">
        <v>7.6</v>
      </c>
      <c r="Z22519" s="2">
        <v>10.6</v>
      </c>
      <c r="AA22519" s="5"/>
      <c r="AB22519" s="5" t="s">
        <v>43</v>
      </c>
      <c r="AC22519" s="5" t="s">
        <v>44</v>
      </c>
      <c r="AD22519" s="2"/>
      <c r="AE22519" s="1"/>
    </row>
    <row r="22520" spans="1:31" ht="14.45">
      <c r="A22520" s="11"/>
      <c r="B22520" s="20"/>
      <c r="C22520" s="2" t="s">
        <v>72436</v>
      </c>
      <c r="D22520" s="14" t="s">
        <v>72437</v>
      </c>
      <c r="E22520" s="2" t="s">
        <v>72438</v>
      </c>
      <c r="F22520" s="2" t="s">
        <v>71981</v>
      </c>
      <c r="G22520" s="8">
        <v>135</v>
      </c>
      <c r="H22520" s="5">
        <v>6</v>
      </c>
      <c r="I22520" s="5" t="s">
        <v>1518</v>
      </c>
      <c r="J22520" s="5" t="s">
        <v>69038</v>
      </c>
      <c r="K22520" s="2" t="s">
        <v>69039</v>
      </c>
      <c r="L22520" s="5" t="s">
        <v>69038</v>
      </c>
      <c r="M22520" s="2" t="s">
        <v>69039</v>
      </c>
      <c r="N22520" s="5" t="s">
        <v>1521</v>
      </c>
      <c r="O22520" s="5" t="s">
        <v>38</v>
      </c>
      <c r="P22520" s="5" t="s">
        <v>39</v>
      </c>
      <c r="Q22520" s="5" t="s">
        <v>40</v>
      </c>
      <c r="R22520" s="5" t="s">
        <v>1522</v>
      </c>
      <c r="S22520" s="5" t="s">
        <v>1523</v>
      </c>
      <c r="T22520" s="5" t="s">
        <v>42</v>
      </c>
      <c r="U22520" s="2">
        <v>1.57</v>
      </c>
      <c r="V22520" s="2">
        <v>1.1599999999999999</v>
      </c>
      <c r="W22520" s="2">
        <v>0.01</v>
      </c>
      <c r="X22520" s="2">
        <v>128.5</v>
      </c>
      <c r="Y22520" s="2">
        <v>7.6</v>
      </c>
      <c r="Z22520" s="2">
        <v>10.6</v>
      </c>
      <c r="AA22520" s="5"/>
      <c r="AB22520" s="5" t="s">
        <v>43</v>
      </c>
      <c r="AC22520" s="5" t="s">
        <v>44</v>
      </c>
      <c r="AD22520" s="2"/>
      <c r="AE22520" s="1"/>
    </row>
    <row r="22521" spans="1:31" ht="14.45">
      <c r="A22521" s="11"/>
      <c r="B22521" s="20"/>
      <c r="C22521" s="2" t="s">
        <v>72439</v>
      </c>
      <c r="D22521" s="14" t="s">
        <v>72440</v>
      </c>
      <c r="E22521" s="2" t="s">
        <v>72441</v>
      </c>
      <c r="F22521" s="2" t="s">
        <v>71985</v>
      </c>
      <c r="G22521" s="8">
        <v>135</v>
      </c>
      <c r="H22521" s="5">
        <v>6</v>
      </c>
      <c r="I22521" s="5" t="s">
        <v>1518</v>
      </c>
      <c r="J22521" s="5" t="s">
        <v>69038</v>
      </c>
      <c r="K22521" s="2" t="s">
        <v>69039</v>
      </c>
      <c r="L22521" s="5" t="s">
        <v>69038</v>
      </c>
      <c r="M22521" s="2" t="s">
        <v>69039</v>
      </c>
      <c r="N22521" s="5" t="s">
        <v>1521</v>
      </c>
      <c r="O22521" s="5" t="s">
        <v>38</v>
      </c>
      <c r="P22521" s="5" t="s">
        <v>39</v>
      </c>
      <c r="Q22521" s="5" t="s">
        <v>40</v>
      </c>
      <c r="R22521" s="5" t="s">
        <v>1522</v>
      </c>
      <c r="S22521" s="5" t="s">
        <v>1523</v>
      </c>
      <c r="T22521" s="5" t="s">
        <v>42</v>
      </c>
      <c r="U22521" s="2">
        <v>1.663</v>
      </c>
      <c r="V22521" s="2">
        <v>1.2529999999999999</v>
      </c>
      <c r="W22521" s="2">
        <v>0.01</v>
      </c>
      <c r="X22521" s="2">
        <v>128.5</v>
      </c>
      <c r="Y22521" s="2">
        <v>7.6</v>
      </c>
      <c r="Z22521" s="2">
        <v>10.6</v>
      </c>
      <c r="AA22521" s="5"/>
      <c r="AB22521" s="5" t="s">
        <v>43</v>
      </c>
      <c r="AC22521" s="5" t="s">
        <v>44</v>
      </c>
      <c r="AD22521" s="2"/>
      <c r="AE22521" s="1"/>
    </row>
    <row r="22522" spans="1:31" ht="14.45">
      <c r="A22522" s="11"/>
      <c r="B22522" s="20"/>
      <c r="C22522" s="2" t="s">
        <v>72442</v>
      </c>
      <c r="D22522" s="14" t="s">
        <v>72443</v>
      </c>
      <c r="E22522" s="2" t="s">
        <v>72444</v>
      </c>
      <c r="F22522" s="2" t="s">
        <v>71957</v>
      </c>
      <c r="G22522" s="8">
        <v>143</v>
      </c>
      <c r="H22522" s="5">
        <v>6</v>
      </c>
      <c r="I22522" s="5" t="s">
        <v>1518</v>
      </c>
      <c r="J22522" s="5" t="s">
        <v>69038</v>
      </c>
      <c r="K22522" s="2" t="s">
        <v>69039</v>
      </c>
      <c r="L22522" s="5" t="s">
        <v>69038</v>
      </c>
      <c r="M22522" s="2" t="s">
        <v>69039</v>
      </c>
      <c r="N22522" s="5" t="s">
        <v>1521</v>
      </c>
      <c r="O22522" s="5" t="s">
        <v>38</v>
      </c>
      <c r="P22522" s="5" t="s">
        <v>39</v>
      </c>
      <c r="Q22522" s="5" t="s">
        <v>40</v>
      </c>
      <c r="R22522" s="5" t="s">
        <v>1522</v>
      </c>
      <c r="S22522" s="5" t="s">
        <v>1523</v>
      </c>
      <c r="T22522" s="5" t="s">
        <v>42</v>
      </c>
      <c r="U22522" s="2">
        <v>1.7310000000000001</v>
      </c>
      <c r="V22522" s="2">
        <v>1.2609999999999999</v>
      </c>
      <c r="W22522" s="2">
        <v>1.2E-2</v>
      </c>
      <c r="X22522" s="2">
        <v>148.69999999999999</v>
      </c>
      <c r="Y22522" s="2">
        <v>7.6</v>
      </c>
      <c r="Z22522" s="2">
        <v>10.6</v>
      </c>
      <c r="AA22522" s="5"/>
      <c r="AB22522" s="5" t="s">
        <v>43</v>
      </c>
      <c r="AC22522" s="5" t="s">
        <v>44</v>
      </c>
      <c r="AD22522" s="2"/>
      <c r="AE22522" s="1"/>
    </row>
    <row r="22523" spans="1:31" ht="14.45">
      <c r="A22523" s="11"/>
      <c r="B22523" s="20"/>
      <c r="C22523" s="2" t="s">
        <v>72445</v>
      </c>
      <c r="D22523" s="14" t="s">
        <v>72446</v>
      </c>
      <c r="E22523" s="2" t="s">
        <v>72447</v>
      </c>
      <c r="F22523" s="2" t="s">
        <v>71961</v>
      </c>
      <c r="G22523" s="8">
        <v>143</v>
      </c>
      <c r="H22523" s="5">
        <v>6</v>
      </c>
      <c r="I22523" s="5" t="s">
        <v>1518</v>
      </c>
      <c r="J22523" s="5" t="s">
        <v>69038</v>
      </c>
      <c r="K22523" s="2" t="s">
        <v>69039</v>
      </c>
      <c r="L22523" s="5" t="s">
        <v>69038</v>
      </c>
      <c r="M22523" s="2" t="s">
        <v>69039</v>
      </c>
      <c r="N22523" s="5" t="s">
        <v>1521</v>
      </c>
      <c r="O22523" s="5" t="s">
        <v>38</v>
      </c>
      <c r="P22523" s="5" t="s">
        <v>39</v>
      </c>
      <c r="Q22523" s="5" t="s">
        <v>40</v>
      </c>
      <c r="R22523" s="5" t="s">
        <v>1522</v>
      </c>
      <c r="S22523" s="5" t="s">
        <v>1523</v>
      </c>
      <c r="T22523" s="5" t="s">
        <v>42</v>
      </c>
      <c r="U22523" s="2">
        <v>1.8340000000000001</v>
      </c>
      <c r="V22523" s="2">
        <v>1.3640000000000001</v>
      </c>
      <c r="W22523" s="2">
        <v>1.2E-2</v>
      </c>
      <c r="X22523" s="2">
        <v>148.69999999999999</v>
      </c>
      <c r="Y22523" s="2">
        <v>7.6</v>
      </c>
      <c r="Z22523" s="2">
        <v>10.6</v>
      </c>
      <c r="AA22523" s="5"/>
      <c r="AB22523" s="5" t="s">
        <v>43</v>
      </c>
      <c r="AC22523" s="5" t="s">
        <v>44</v>
      </c>
      <c r="AD22523" s="2"/>
      <c r="AE22523" s="1"/>
    </row>
    <row r="22524" spans="1:31" ht="14.45">
      <c r="A22524" s="11"/>
      <c r="B22524" s="20"/>
      <c r="C22524" s="2" t="s">
        <v>72448</v>
      </c>
      <c r="D22524" s="14" t="s">
        <v>72449</v>
      </c>
      <c r="E22524" s="2" t="s">
        <v>72450</v>
      </c>
      <c r="F22524" s="2" t="s">
        <v>71965</v>
      </c>
      <c r="G22524" s="8">
        <v>143</v>
      </c>
      <c r="H22524" s="5">
        <v>6</v>
      </c>
      <c r="I22524" s="5" t="s">
        <v>1518</v>
      </c>
      <c r="J22524" s="5" t="s">
        <v>69038</v>
      </c>
      <c r="K22524" s="2" t="s">
        <v>69039</v>
      </c>
      <c r="L22524" s="5" t="s">
        <v>69038</v>
      </c>
      <c r="M22524" s="2" t="s">
        <v>69039</v>
      </c>
      <c r="N22524" s="5" t="s">
        <v>1521</v>
      </c>
      <c r="O22524" s="5" t="s">
        <v>38</v>
      </c>
      <c r="P22524" s="5" t="s">
        <v>39</v>
      </c>
      <c r="Q22524" s="5" t="s">
        <v>40</v>
      </c>
      <c r="R22524" s="5" t="s">
        <v>1522</v>
      </c>
      <c r="S22524" s="5" t="s">
        <v>1523</v>
      </c>
      <c r="T22524" s="5" t="s">
        <v>42</v>
      </c>
      <c r="U22524" s="2">
        <v>1.7310000000000001</v>
      </c>
      <c r="V22524" s="2">
        <v>1.2609999999999999</v>
      </c>
      <c r="W22524" s="2">
        <v>1.2E-2</v>
      </c>
      <c r="X22524" s="2">
        <v>148.69999999999999</v>
      </c>
      <c r="Y22524" s="2">
        <v>7.6</v>
      </c>
      <c r="Z22524" s="2">
        <v>10.6</v>
      </c>
      <c r="AA22524" s="5"/>
      <c r="AB22524" s="5" t="s">
        <v>43</v>
      </c>
      <c r="AC22524" s="5" t="s">
        <v>44</v>
      </c>
      <c r="AD22524" s="2"/>
      <c r="AE22524" s="1"/>
    </row>
    <row r="22525" spans="1:31" ht="14.45">
      <c r="A22525" s="11"/>
      <c r="B22525" s="20"/>
      <c r="C22525" s="2" t="s">
        <v>72451</v>
      </c>
      <c r="D22525" s="14" t="s">
        <v>72452</v>
      </c>
      <c r="E22525" s="2" t="s">
        <v>72453</v>
      </c>
      <c r="F22525" s="2" t="s">
        <v>71969</v>
      </c>
      <c r="G22525" s="8">
        <v>143</v>
      </c>
      <c r="H22525" s="5">
        <v>6</v>
      </c>
      <c r="I22525" s="5" t="s">
        <v>1518</v>
      </c>
      <c r="J22525" s="5" t="s">
        <v>69038</v>
      </c>
      <c r="K22525" s="2" t="s">
        <v>69039</v>
      </c>
      <c r="L22525" s="5" t="s">
        <v>69038</v>
      </c>
      <c r="M22525" s="2" t="s">
        <v>69039</v>
      </c>
      <c r="N22525" s="5" t="s">
        <v>1521</v>
      </c>
      <c r="O22525" s="5" t="s">
        <v>38</v>
      </c>
      <c r="P22525" s="5" t="s">
        <v>39</v>
      </c>
      <c r="Q22525" s="5" t="s">
        <v>40</v>
      </c>
      <c r="R22525" s="5" t="s">
        <v>1522</v>
      </c>
      <c r="S22525" s="5" t="s">
        <v>1523</v>
      </c>
      <c r="T22525" s="5" t="s">
        <v>42</v>
      </c>
      <c r="U22525" s="2">
        <v>1.8340000000000001</v>
      </c>
      <c r="V22525" s="2">
        <v>1.3640000000000001</v>
      </c>
      <c r="W22525" s="2">
        <v>1.2E-2</v>
      </c>
      <c r="X22525" s="2">
        <v>148.69999999999999</v>
      </c>
      <c r="Y22525" s="2">
        <v>7.6</v>
      </c>
      <c r="Z22525" s="2">
        <v>10.6</v>
      </c>
      <c r="AA22525" s="5"/>
      <c r="AB22525" s="5" t="s">
        <v>43</v>
      </c>
      <c r="AC22525" s="5" t="s">
        <v>44</v>
      </c>
      <c r="AD22525" s="2"/>
      <c r="AE22525" s="1"/>
    </row>
    <row r="22526" spans="1:31" ht="14.45">
      <c r="A22526" s="11"/>
      <c r="B22526" s="20"/>
      <c r="C22526" s="2" t="s">
        <v>72454</v>
      </c>
      <c r="D22526" s="14" t="s">
        <v>72455</v>
      </c>
      <c r="E22526" s="2" t="s">
        <v>72456</v>
      </c>
      <c r="F22526" s="2" t="s">
        <v>71973</v>
      </c>
      <c r="G22526" s="8">
        <v>143</v>
      </c>
      <c r="H22526" s="5">
        <v>6</v>
      </c>
      <c r="I22526" s="5" t="s">
        <v>1518</v>
      </c>
      <c r="J22526" s="5" t="s">
        <v>69038</v>
      </c>
      <c r="K22526" s="2" t="s">
        <v>69039</v>
      </c>
      <c r="L22526" s="5" t="s">
        <v>69038</v>
      </c>
      <c r="M22526" s="2" t="s">
        <v>69039</v>
      </c>
      <c r="N22526" s="5" t="s">
        <v>1521</v>
      </c>
      <c r="O22526" s="5" t="s">
        <v>38</v>
      </c>
      <c r="P22526" s="5" t="s">
        <v>39</v>
      </c>
      <c r="Q22526" s="5" t="s">
        <v>40</v>
      </c>
      <c r="R22526" s="5" t="s">
        <v>1522</v>
      </c>
      <c r="S22526" s="5" t="s">
        <v>1523</v>
      </c>
      <c r="T22526" s="5" t="s">
        <v>42</v>
      </c>
      <c r="U22526" s="2">
        <v>1.7310000000000001</v>
      </c>
      <c r="V22526" s="2">
        <v>1.2609999999999999</v>
      </c>
      <c r="W22526" s="2">
        <v>1.2E-2</v>
      </c>
      <c r="X22526" s="2">
        <v>148.69999999999999</v>
      </c>
      <c r="Y22526" s="2">
        <v>7.6</v>
      </c>
      <c r="Z22526" s="2">
        <v>10.6</v>
      </c>
      <c r="AA22526" s="5"/>
      <c r="AB22526" s="5" t="s">
        <v>43</v>
      </c>
      <c r="AC22526" s="5" t="s">
        <v>44</v>
      </c>
      <c r="AD22526" s="2"/>
      <c r="AE22526" s="1"/>
    </row>
    <row r="22527" spans="1:31" ht="14.45">
      <c r="A22527" s="11"/>
      <c r="B22527" s="20"/>
      <c r="C22527" s="2" t="s">
        <v>72457</v>
      </c>
      <c r="D22527" s="14" t="s">
        <v>72458</v>
      </c>
      <c r="E22527" s="2" t="s">
        <v>72459</v>
      </c>
      <c r="F22527" s="2" t="s">
        <v>71977</v>
      </c>
      <c r="G22527" s="8">
        <v>143</v>
      </c>
      <c r="H22527" s="5">
        <v>6</v>
      </c>
      <c r="I22527" s="5" t="s">
        <v>1518</v>
      </c>
      <c r="J22527" s="5" t="s">
        <v>69038</v>
      </c>
      <c r="K22527" s="2" t="s">
        <v>69039</v>
      </c>
      <c r="L22527" s="5" t="s">
        <v>69038</v>
      </c>
      <c r="M22527" s="2" t="s">
        <v>69039</v>
      </c>
      <c r="N22527" s="5" t="s">
        <v>1521</v>
      </c>
      <c r="O22527" s="5" t="s">
        <v>38</v>
      </c>
      <c r="P22527" s="5" t="s">
        <v>39</v>
      </c>
      <c r="Q22527" s="5" t="s">
        <v>40</v>
      </c>
      <c r="R22527" s="5" t="s">
        <v>1522</v>
      </c>
      <c r="S22527" s="5" t="s">
        <v>1523</v>
      </c>
      <c r="T22527" s="5" t="s">
        <v>42</v>
      </c>
      <c r="U22527" s="2">
        <v>1.8340000000000001</v>
      </c>
      <c r="V22527" s="2">
        <v>1.3640000000000001</v>
      </c>
      <c r="W22527" s="2">
        <v>1.2E-2</v>
      </c>
      <c r="X22527" s="2">
        <v>148.69999999999999</v>
      </c>
      <c r="Y22527" s="2">
        <v>7.6</v>
      </c>
      <c r="Z22527" s="2">
        <v>10.6</v>
      </c>
      <c r="AA22527" s="5"/>
      <c r="AB22527" s="5" t="s">
        <v>43</v>
      </c>
      <c r="AC22527" s="5" t="s">
        <v>44</v>
      </c>
      <c r="AD22527" s="2"/>
      <c r="AE22527" s="1"/>
    </row>
    <row r="22528" spans="1:31" ht="14.45">
      <c r="A22528" s="11"/>
      <c r="B22528" s="20"/>
      <c r="C22528" s="2" t="s">
        <v>72460</v>
      </c>
      <c r="D22528" s="14" t="s">
        <v>72461</v>
      </c>
      <c r="E22528" s="2" t="s">
        <v>72462</v>
      </c>
      <c r="F22528" s="2" t="s">
        <v>71981</v>
      </c>
      <c r="G22528" s="8">
        <v>143</v>
      </c>
      <c r="H22528" s="5">
        <v>6</v>
      </c>
      <c r="I22528" s="5" t="s">
        <v>1518</v>
      </c>
      <c r="J22528" s="5" t="s">
        <v>69038</v>
      </c>
      <c r="K22528" s="2" t="s">
        <v>69039</v>
      </c>
      <c r="L22528" s="5" t="s">
        <v>69038</v>
      </c>
      <c r="M22528" s="2" t="s">
        <v>69039</v>
      </c>
      <c r="N22528" s="5" t="s">
        <v>1521</v>
      </c>
      <c r="O22528" s="5" t="s">
        <v>38</v>
      </c>
      <c r="P22528" s="5" t="s">
        <v>39</v>
      </c>
      <c r="Q22528" s="5" t="s">
        <v>40</v>
      </c>
      <c r="R22528" s="5" t="s">
        <v>1522</v>
      </c>
      <c r="S22528" s="5" t="s">
        <v>1523</v>
      </c>
      <c r="T22528" s="5" t="s">
        <v>42</v>
      </c>
      <c r="U22528" s="2">
        <v>1.7310000000000001</v>
      </c>
      <c r="V22528" s="2">
        <v>1.2609999999999999</v>
      </c>
      <c r="W22528" s="2">
        <v>1.2E-2</v>
      </c>
      <c r="X22528" s="2">
        <v>148.69999999999999</v>
      </c>
      <c r="Y22528" s="2">
        <v>7.6</v>
      </c>
      <c r="Z22528" s="2">
        <v>10.6</v>
      </c>
      <c r="AA22528" s="5"/>
      <c r="AB22528" s="5" t="s">
        <v>43</v>
      </c>
      <c r="AC22528" s="5" t="s">
        <v>44</v>
      </c>
      <c r="AD22528" s="2"/>
      <c r="AE22528" s="1"/>
    </row>
    <row r="22529" spans="1:31" ht="14.45">
      <c r="A22529" s="11"/>
      <c r="B22529" s="20"/>
      <c r="C22529" s="2" t="s">
        <v>72463</v>
      </c>
      <c r="D22529" s="14" t="s">
        <v>72464</v>
      </c>
      <c r="E22529" s="2" t="s">
        <v>72465</v>
      </c>
      <c r="F22529" s="2" t="s">
        <v>71985</v>
      </c>
      <c r="G22529" s="8">
        <v>143</v>
      </c>
      <c r="H22529" s="5">
        <v>6</v>
      </c>
      <c r="I22529" s="5" t="s">
        <v>1518</v>
      </c>
      <c r="J22529" s="5" t="s">
        <v>69038</v>
      </c>
      <c r="K22529" s="2" t="s">
        <v>69039</v>
      </c>
      <c r="L22529" s="5" t="s">
        <v>69038</v>
      </c>
      <c r="M22529" s="2" t="s">
        <v>69039</v>
      </c>
      <c r="N22529" s="5" t="s">
        <v>1521</v>
      </c>
      <c r="O22529" s="5" t="s">
        <v>38</v>
      </c>
      <c r="P22529" s="5" t="s">
        <v>39</v>
      </c>
      <c r="Q22529" s="5" t="s">
        <v>40</v>
      </c>
      <c r="R22529" s="5" t="s">
        <v>1522</v>
      </c>
      <c r="S22529" s="5" t="s">
        <v>1523</v>
      </c>
      <c r="T22529" s="5" t="s">
        <v>42</v>
      </c>
      <c r="U22529" s="2">
        <v>1.8340000000000001</v>
      </c>
      <c r="V22529" s="2">
        <v>1.3640000000000001</v>
      </c>
      <c r="W22529" s="2">
        <v>1.2E-2</v>
      </c>
      <c r="X22529" s="2">
        <v>148.69999999999999</v>
      </c>
      <c r="Y22529" s="2">
        <v>7.6</v>
      </c>
      <c r="Z22529" s="2">
        <v>10.6</v>
      </c>
      <c r="AA22529" s="5"/>
      <c r="AB22529" s="5" t="s">
        <v>43</v>
      </c>
      <c r="AC22529" s="5" t="s">
        <v>44</v>
      </c>
      <c r="AD22529" s="2"/>
      <c r="AE22529" s="1"/>
    </row>
    <row r="22530" spans="1:31" ht="14.45">
      <c r="A22530" s="11"/>
      <c r="B22530" s="20"/>
      <c r="C22530" s="2" t="s">
        <v>72466</v>
      </c>
      <c r="D22530" s="14" t="s">
        <v>72467</v>
      </c>
      <c r="E22530" s="2" t="s">
        <v>72468</v>
      </c>
      <c r="F22530" s="2" t="s">
        <v>71957</v>
      </c>
      <c r="G22530" s="8">
        <v>155</v>
      </c>
      <c r="H22530" s="5">
        <v>6</v>
      </c>
      <c r="I22530" s="5" t="s">
        <v>1518</v>
      </c>
      <c r="J22530" s="5" t="s">
        <v>69038</v>
      </c>
      <c r="K22530" s="2" t="s">
        <v>69039</v>
      </c>
      <c r="L22530" s="5" t="s">
        <v>69038</v>
      </c>
      <c r="M22530" s="2" t="s">
        <v>69039</v>
      </c>
      <c r="N22530" s="5" t="s">
        <v>1521</v>
      </c>
      <c r="O22530" s="5" t="s">
        <v>38</v>
      </c>
      <c r="P22530" s="5" t="s">
        <v>39</v>
      </c>
      <c r="Q22530" s="5" t="s">
        <v>40</v>
      </c>
      <c r="R22530" s="5" t="s">
        <v>1522</v>
      </c>
      <c r="S22530" s="5" t="s">
        <v>1523</v>
      </c>
      <c r="T22530" s="5" t="s">
        <v>42</v>
      </c>
      <c r="U22530" s="2">
        <v>1.8879999999999999</v>
      </c>
      <c r="V22530" s="2">
        <v>1.36</v>
      </c>
      <c r="W22530" s="2">
        <v>1.4E-2</v>
      </c>
      <c r="X22530" s="2">
        <v>168.7</v>
      </c>
      <c r="Y22530" s="2">
        <v>7.6</v>
      </c>
      <c r="Z22530" s="2">
        <v>10.6</v>
      </c>
      <c r="AA22530" s="5"/>
      <c r="AB22530" s="5" t="s">
        <v>43</v>
      </c>
      <c r="AC22530" s="5" t="s">
        <v>44</v>
      </c>
      <c r="AD22530" s="2"/>
      <c r="AE22530" s="1"/>
    </row>
    <row r="22531" spans="1:31" ht="14.45">
      <c r="A22531" s="11"/>
      <c r="B22531" s="20"/>
      <c r="C22531" s="2" t="s">
        <v>72469</v>
      </c>
      <c r="D22531" s="14" t="s">
        <v>72470</v>
      </c>
      <c r="E22531" s="2" t="s">
        <v>72471</v>
      </c>
      <c r="F22531" s="2" t="s">
        <v>71961</v>
      </c>
      <c r="G22531" s="8">
        <v>155</v>
      </c>
      <c r="H22531" s="5">
        <v>6</v>
      </c>
      <c r="I22531" s="5" t="s">
        <v>1518</v>
      </c>
      <c r="J22531" s="5" t="s">
        <v>69038</v>
      </c>
      <c r="K22531" s="2" t="s">
        <v>69039</v>
      </c>
      <c r="L22531" s="5" t="s">
        <v>69038</v>
      </c>
      <c r="M22531" s="2" t="s">
        <v>69039</v>
      </c>
      <c r="N22531" s="5" t="s">
        <v>1521</v>
      </c>
      <c r="O22531" s="5" t="s">
        <v>38</v>
      </c>
      <c r="P22531" s="5" t="s">
        <v>39</v>
      </c>
      <c r="Q22531" s="5" t="s">
        <v>40</v>
      </c>
      <c r="R22531" s="5" t="s">
        <v>1522</v>
      </c>
      <c r="S22531" s="5" t="s">
        <v>1523</v>
      </c>
      <c r="T22531" s="5" t="s">
        <v>42</v>
      </c>
      <c r="U22531" s="2">
        <v>2.0009999999999999</v>
      </c>
      <c r="V22531" s="2">
        <v>1.4730000000000001</v>
      </c>
      <c r="W22531" s="2">
        <v>1.4E-2</v>
      </c>
      <c r="X22531" s="2">
        <v>168.7</v>
      </c>
      <c r="Y22531" s="2">
        <v>7.6</v>
      </c>
      <c r="Z22531" s="2">
        <v>10.6</v>
      </c>
      <c r="AA22531" s="5"/>
      <c r="AB22531" s="5" t="s">
        <v>43</v>
      </c>
      <c r="AC22531" s="5" t="s">
        <v>44</v>
      </c>
      <c r="AD22531" s="2"/>
      <c r="AE22531" s="1"/>
    </row>
    <row r="22532" spans="1:31" ht="14.45">
      <c r="A22532" s="11"/>
      <c r="B22532" s="20"/>
      <c r="C22532" s="2" t="s">
        <v>72472</v>
      </c>
      <c r="D22532" s="14" t="s">
        <v>72473</v>
      </c>
      <c r="E22532" s="2" t="s">
        <v>72474</v>
      </c>
      <c r="F22532" s="2" t="s">
        <v>71965</v>
      </c>
      <c r="G22532" s="8">
        <v>155</v>
      </c>
      <c r="H22532" s="5">
        <v>6</v>
      </c>
      <c r="I22532" s="5" t="s">
        <v>1518</v>
      </c>
      <c r="J22532" s="5" t="s">
        <v>69038</v>
      </c>
      <c r="K22532" s="2" t="s">
        <v>69039</v>
      </c>
      <c r="L22532" s="5" t="s">
        <v>69038</v>
      </c>
      <c r="M22532" s="2" t="s">
        <v>69039</v>
      </c>
      <c r="N22532" s="5" t="s">
        <v>1521</v>
      </c>
      <c r="O22532" s="5" t="s">
        <v>38</v>
      </c>
      <c r="P22532" s="5" t="s">
        <v>39</v>
      </c>
      <c r="Q22532" s="5" t="s">
        <v>40</v>
      </c>
      <c r="R22532" s="5" t="s">
        <v>1522</v>
      </c>
      <c r="S22532" s="5" t="s">
        <v>1523</v>
      </c>
      <c r="T22532" s="5" t="s">
        <v>42</v>
      </c>
      <c r="U22532" s="2">
        <v>1.8879999999999999</v>
      </c>
      <c r="V22532" s="2">
        <v>1.36</v>
      </c>
      <c r="W22532" s="2">
        <v>1.4E-2</v>
      </c>
      <c r="X22532" s="2">
        <v>168.7</v>
      </c>
      <c r="Y22532" s="2">
        <v>7.6</v>
      </c>
      <c r="Z22532" s="2">
        <v>10.6</v>
      </c>
      <c r="AA22532" s="5"/>
      <c r="AB22532" s="5" t="s">
        <v>43</v>
      </c>
      <c r="AC22532" s="5" t="s">
        <v>44</v>
      </c>
      <c r="AD22532" s="2"/>
      <c r="AE22532" s="1"/>
    </row>
    <row r="22533" spans="1:31" ht="14.45">
      <c r="A22533" s="11"/>
      <c r="B22533" s="20"/>
      <c r="C22533" s="2" t="s">
        <v>72475</v>
      </c>
      <c r="D22533" s="14" t="s">
        <v>72476</v>
      </c>
      <c r="E22533" s="2" t="s">
        <v>72477</v>
      </c>
      <c r="F22533" s="2" t="s">
        <v>71969</v>
      </c>
      <c r="G22533" s="8">
        <v>155</v>
      </c>
      <c r="H22533" s="5">
        <v>6</v>
      </c>
      <c r="I22533" s="5" t="s">
        <v>1518</v>
      </c>
      <c r="J22533" s="5" t="s">
        <v>69038</v>
      </c>
      <c r="K22533" s="2" t="s">
        <v>69039</v>
      </c>
      <c r="L22533" s="5" t="s">
        <v>69038</v>
      </c>
      <c r="M22533" s="2" t="s">
        <v>69039</v>
      </c>
      <c r="N22533" s="5" t="s">
        <v>1521</v>
      </c>
      <c r="O22533" s="5" t="s">
        <v>38</v>
      </c>
      <c r="P22533" s="5" t="s">
        <v>39</v>
      </c>
      <c r="Q22533" s="5" t="s">
        <v>40</v>
      </c>
      <c r="R22533" s="5" t="s">
        <v>1522</v>
      </c>
      <c r="S22533" s="5" t="s">
        <v>1523</v>
      </c>
      <c r="T22533" s="5" t="s">
        <v>42</v>
      </c>
      <c r="U22533" s="2">
        <v>2.0009999999999999</v>
      </c>
      <c r="V22533" s="2">
        <v>1.4730000000000001</v>
      </c>
      <c r="W22533" s="2">
        <v>1.4E-2</v>
      </c>
      <c r="X22533" s="2">
        <v>168.7</v>
      </c>
      <c r="Y22533" s="2">
        <v>7.6</v>
      </c>
      <c r="Z22533" s="2">
        <v>10.6</v>
      </c>
      <c r="AA22533" s="5"/>
      <c r="AB22533" s="5" t="s">
        <v>43</v>
      </c>
      <c r="AC22533" s="5" t="s">
        <v>44</v>
      </c>
      <c r="AD22533" s="2"/>
      <c r="AE22533" s="1"/>
    </row>
    <row r="22534" spans="1:31" ht="14.45">
      <c r="A22534" s="11"/>
      <c r="B22534" s="20"/>
      <c r="C22534" s="2" t="s">
        <v>72478</v>
      </c>
      <c r="D22534" s="14" t="s">
        <v>72479</v>
      </c>
      <c r="E22534" s="2" t="s">
        <v>72480</v>
      </c>
      <c r="F22534" s="2" t="s">
        <v>71973</v>
      </c>
      <c r="G22534" s="8">
        <v>155</v>
      </c>
      <c r="H22534" s="5">
        <v>6</v>
      </c>
      <c r="I22534" s="5" t="s">
        <v>1518</v>
      </c>
      <c r="J22534" s="5" t="s">
        <v>69038</v>
      </c>
      <c r="K22534" s="2" t="s">
        <v>69039</v>
      </c>
      <c r="L22534" s="5" t="s">
        <v>69038</v>
      </c>
      <c r="M22534" s="2" t="s">
        <v>69039</v>
      </c>
      <c r="N22534" s="5" t="s">
        <v>1521</v>
      </c>
      <c r="O22534" s="5" t="s">
        <v>38</v>
      </c>
      <c r="P22534" s="5" t="s">
        <v>39</v>
      </c>
      <c r="Q22534" s="5" t="s">
        <v>40</v>
      </c>
      <c r="R22534" s="5" t="s">
        <v>1522</v>
      </c>
      <c r="S22534" s="5" t="s">
        <v>1523</v>
      </c>
      <c r="T22534" s="5" t="s">
        <v>42</v>
      </c>
      <c r="U22534" s="2">
        <v>1.8879999999999999</v>
      </c>
      <c r="V22534" s="2">
        <v>1.36</v>
      </c>
      <c r="W22534" s="2">
        <v>1.4E-2</v>
      </c>
      <c r="X22534" s="2">
        <v>168.7</v>
      </c>
      <c r="Y22534" s="2">
        <v>7.6</v>
      </c>
      <c r="Z22534" s="2">
        <v>10.6</v>
      </c>
      <c r="AA22534" s="5"/>
      <c r="AB22534" s="5" t="s">
        <v>43</v>
      </c>
      <c r="AC22534" s="5" t="s">
        <v>44</v>
      </c>
      <c r="AD22534" s="2"/>
      <c r="AE22534" s="1"/>
    </row>
    <row r="22535" spans="1:31" ht="14.45">
      <c r="A22535" s="11"/>
      <c r="B22535" s="20"/>
      <c r="C22535" s="2" t="s">
        <v>72481</v>
      </c>
      <c r="D22535" s="14" t="s">
        <v>72482</v>
      </c>
      <c r="E22535" s="2" t="s">
        <v>72483</v>
      </c>
      <c r="F22535" s="2" t="s">
        <v>71977</v>
      </c>
      <c r="G22535" s="8">
        <v>155</v>
      </c>
      <c r="H22535" s="5">
        <v>6</v>
      </c>
      <c r="I22535" s="5" t="s">
        <v>1518</v>
      </c>
      <c r="J22535" s="5" t="s">
        <v>69038</v>
      </c>
      <c r="K22535" s="2" t="s">
        <v>69039</v>
      </c>
      <c r="L22535" s="5" t="s">
        <v>69038</v>
      </c>
      <c r="M22535" s="2" t="s">
        <v>69039</v>
      </c>
      <c r="N22535" s="5" t="s">
        <v>1521</v>
      </c>
      <c r="O22535" s="5" t="s">
        <v>38</v>
      </c>
      <c r="P22535" s="5" t="s">
        <v>39</v>
      </c>
      <c r="Q22535" s="5" t="s">
        <v>40</v>
      </c>
      <c r="R22535" s="5" t="s">
        <v>1522</v>
      </c>
      <c r="S22535" s="5" t="s">
        <v>1523</v>
      </c>
      <c r="T22535" s="5" t="s">
        <v>42</v>
      </c>
      <c r="U22535" s="2">
        <v>2.0009999999999999</v>
      </c>
      <c r="V22535" s="2">
        <v>1.4730000000000001</v>
      </c>
      <c r="W22535" s="2">
        <v>1.4E-2</v>
      </c>
      <c r="X22535" s="2">
        <v>168.7</v>
      </c>
      <c r="Y22535" s="2">
        <v>7.6</v>
      </c>
      <c r="Z22535" s="2">
        <v>10.6</v>
      </c>
      <c r="AA22535" s="5"/>
      <c r="AB22535" s="5" t="s">
        <v>43</v>
      </c>
      <c r="AC22535" s="5" t="s">
        <v>44</v>
      </c>
      <c r="AD22535" s="2"/>
      <c r="AE22535" s="1"/>
    </row>
    <row r="22536" spans="1:31" ht="14.45">
      <c r="A22536" s="11"/>
      <c r="B22536" s="20"/>
      <c r="C22536" s="2" t="s">
        <v>72484</v>
      </c>
      <c r="D22536" s="14" t="s">
        <v>72485</v>
      </c>
      <c r="E22536" s="2" t="s">
        <v>72486</v>
      </c>
      <c r="F22536" s="2" t="s">
        <v>71981</v>
      </c>
      <c r="G22536" s="8">
        <v>155</v>
      </c>
      <c r="H22536" s="5">
        <v>6</v>
      </c>
      <c r="I22536" s="5" t="s">
        <v>1518</v>
      </c>
      <c r="J22536" s="5" t="s">
        <v>69038</v>
      </c>
      <c r="K22536" s="2" t="s">
        <v>69039</v>
      </c>
      <c r="L22536" s="5" t="s">
        <v>69038</v>
      </c>
      <c r="M22536" s="2" t="s">
        <v>69039</v>
      </c>
      <c r="N22536" s="5" t="s">
        <v>1521</v>
      </c>
      <c r="O22536" s="5" t="s">
        <v>38</v>
      </c>
      <c r="P22536" s="5" t="s">
        <v>39</v>
      </c>
      <c r="Q22536" s="5" t="s">
        <v>40</v>
      </c>
      <c r="R22536" s="5" t="s">
        <v>1522</v>
      </c>
      <c r="S22536" s="5" t="s">
        <v>1523</v>
      </c>
      <c r="T22536" s="5" t="s">
        <v>42</v>
      </c>
      <c r="U22536" s="2">
        <v>1.8879999999999999</v>
      </c>
      <c r="V22536" s="2">
        <v>1.36</v>
      </c>
      <c r="W22536" s="2">
        <v>1.4E-2</v>
      </c>
      <c r="X22536" s="2">
        <v>168.7</v>
      </c>
      <c r="Y22536" s="2">
        <v>7.6</v>
      </c>
      <c r="Z22536" s="2">
        <v>10.6</v>
      </c>
      <c r="AA22536" s="5"/>
      <c r="AB22536" s="5" t="s">
        <v>43</v>
      </c>
      <c r="AC22536" s="5" t="s">
        <v>44</v>
      </c>
      <c r="AD22536" s="2"/>
      <c r="AE22536" s="1"/>
    </row>
    <row r="22537" spans="1:31" ht="14.45">
      <c r="A22537" s="11"/>
      <c r="B22537" s="20"/>
      <c r="C22537" s="2" t="s">
        <v>72487</v>
      </c>
      <c r="D22537" s="14" t="s">
        <v>72488</v>
      </c>
      <c r="E22537" s="2" t="s">
        <v>72489</v>
      </c>
      <c r="F22537" s="2" t="s">
        <v>71985</v>
      </c>
      <c r="G22537" s="8">
        <v>155</v>
      </c>
      <c r="H22537" s="5">
        <v>6</v>
      </c>
      <c r="I22537" s="5" t="s">
        <v>1518</v>
      </c>
      <c r="J22537" s="5" t="s">
        <v>69038</v>
      </c>
      <c r="K22537" s="2" t="s">
        <v>69039</v>
      </c>
      <c r="L22537" s="5" t="s">
        <v>69038</v>
      </c>
      <c r="M22537" s="2" t="s">
        <v>69039</v>
      </c>
      <c r="N22537" s="5" t="s">
        <v>1521</v>
      </c>
      <c r="O22537" s="5" t="s">
        <v>38</v>
      </c>
      <c r="P22537" s="5" t="s">
        <v>39</v>
      </c>
      <c r="Q22537" s="5" t="s">
        <v>40</v>
      </c>
      <c r="R22537" s="5" t="s">
        <v>1522</v>
      </c>
      <c r="S22537" s="5" t="s">
        <v>1523</v>
      </c>
      <c r="T22537" s="5" t="s">
        <v>42</v>
      </c>
      <c r="U22537" s="2">
        <v>2.0009999999999999</v>
      </c>
      <c r="V22537" s="2">
        <v>1.4730000000000001</v>
      </c>
      <c r="W22537" s="2">
        <v>1.4E-2</v>
      </c>
      <c r="X22537" s="2">
        <v>168.7</v>
      </c>
      <c r="Y22537" s="2">
        <v>7.6</v>
      </c>
      <c r="Z22537" s="2">
        <v>10.6</v>
      </c>
      <c r="AA22537" s="5"/>
      <c r="AB22537" s="5" t="s">
        <v>43</v>
      </c>
      <c r="AC22537" s="5" t="s">
        <v>44</v>
      </c>
      <c r="AD22537" s="2"/>
      <c r="AE22537" s="1"/>
    </row>
    <row r="22538" spans="1:31" ht="14.45">
      <c r="A22538" s="11"/>
      <c r="B22538" s="20"/>
      <c r="C22538" s="2" t="s">
        <v>72490</v>
      </c>
      <c r="D22538" s="14" t="s">
        <v>72491</v>
      </c>
      <c r="E22538" s="2" t="s">
        <v>72492</v>
      </c>
      <c r="F22538" s="2" t="s">
        <v>71957</v>
      </c>
      <c r="G22538" s="8">
        <v>140</v>
      </c>
      <c r="H22538" s="5">
        <v>6</v>
      </c>
      <c r="I22538" s="5" t="s">
        <v>1518</v>
      </c>
      <c r="J22538" s="5" t="s">
        <v>69038</v>
      </c>
      <c r="K22538" s="2" t="s">
        <v>69039</v>
      </c>
      <c r="L22538" s="5" t="s">
        <v>69038</v>
      </c>
      <c r="M22538" s="2" t="s">
        <v>69039</v>
      </c>
      <c r="N22538" s="5" t="s">
        <v>1521</v>
      </c>
      <c r="O22538" s="5" t="s">
        <v>38</v>
      </c>
      <c r="P22538" s="5" t="s">
        <v>39</v>
      </c>
      <c r="Q22538" s="5" t="s">
        <v>40</v>
      </c>
      <c r="R22538" s="5" t="s">
        <v>1522</v>
      </c>
      <c r="S22538" s="5" t="s">
        <v>1523</v>
      </c>
      <c r="T22538" s="5" t="s">
        <v>42</v>
      </c>
      <c r="U22538" s="2">
        <v>1.399</v>
      </c>
      <c r="V22538" s="2">
        <v>1.06</v>
      </c>
      <c r="W22538" s="2">
        <v>8.9999999999999993E-3</v>
      </c>
      <c r="X22538" s="2">
        <v>106.5</v>
      </c>
      <c r="Y22538" s="2">
        <v>7.6</v>
      </c>
      <c r="Z22538" s="2">
        <v>10.6</v>
      </c>
      <c r="AA22538" s="5"/>
      <c r="AB22538" s="5" t="s">
        <v>43</v>
      </c>
      <c r="AC22538" s="5" t="s">
        <v>44</v>
      </c>
      <c r="AD22538" s="2"/>
      <c r="AE22538" s="1"/>
    </row>
    <row r="22539" spans="1:31" ht="14.45">
      <c r="A22539" s="11"/>
      <c r="B22539" s="20"/>
      <c r="C22539" s="2" t="s">
        <v>72493</v>
      </c>
      <c r="D22539" s="14" t="s">
        <v>72494</v>
      </c>
      <c r="E22539" s="2" t="s">
        <v>72495</v>
      </c>
      <c r="F22539" s="2" t="s">
        <v>71961</v>
      </c>
      <c r="G22539" s="8">
        <v>140</v>
      </c>
      <c r="H22539" s="5">
        <v>6</v>
      </c>
      <c r="I22539" s="5" t="s">
        <v>1518</v>
      </c>
      <c r="J22539" s="5" t="s">
        <v>69038</v>
      </c>
      <c r="K22539" s="2" t="s">
        <v>69039</v>
      </c>
      <c r="L22539" s="5" t="s">
        <v>69038</v>
      </c>
      <c r="M22539" s="2" t="s">
        <v>69039</v>
      </c>
      <c r="N22539" s="5" t="s">
        <v>1521</v>
      </c>
      <c r="O22539" s="5" t="s">
        <v>38</v>
      </c>
      <c r="P22539" s="5" t="s">
        <v>39</v>
      </c>
      <c r="Q22539" s="5" t="s">
        <v>40</v>
      </c>
      <c r="R22539" s="5" t="s">
        <v>1522</v>
      </c>
      <c r="S22539" s="5" t="s">
        <v>1523</v>
      </c>
      <c r="T22539" s="5" t="s">
        <v>42</v>
      </c>
      <c r="U22539" s="2">
        <v>1.478</v>
      </c>
      <c r="V22539" s="2">
        <v>1.139</v>
      </c>
      <c r="W22539" s="2">
        <v>8.9999999999999993E-3</v>
      </c>
      <c r="X22539" s="2">
        <v>106.5</v>
      </c>
      <c r="Y22539" s="2">
        <v>7.6</v>
      </c>
      <c r="Z22539" s="2">
        <v>10.6</v>
      </c>
      <c r="AA22539" s="5"/>
      <c r="AB22539" s="5" t="s">
        <v>43</v>
      </c>
      <c r="AC22539" s="5" t="s">
        <v>44</v>
      </c>
      <c r="AD22539" s="2"/>
      <c r="AE22539" s="1"/>
    </row>
    <row r="22540" spans="1:31" ht="14.45">
      <c r="A22540" s="11"/>
      <c r="B22540" s="20"/>
      <c r="C22540" s="2" t="s">
        <v>72496</v>
      </c>
      <c r="D22540" s="14" t="s">
        <v>72497</v>
      </c>
      <c r="E22540" s="2" t="s">
        <v>72498</v>
      </c>
      <c r="F22540" s="2" t="s">
        <v>71965</v>
      </c>
      <c r="G22540" s="8">
        <v>140</v>
      </c>
      <c r="H22540" s="5">
        <v>6</v>
      </c>
      <c r="I22540" s="5" t="s">
        <v>1518</v>
      </c>
      <c r="J22540" s="5" t="s">
        <v>69038</v>
      </c>
      <c r="K22540" s="2" t="s">
        <v>69039</v>
      </c>
      <c r="L22540" s="5" t="s">
        <v>69038</v>
      </c>
      <c r="M22540" s="2" t="s">
        <v>69039</v>
      </c>
      <c r="N22540" s="5" t="s">
        <v>1521</v>
      </c>
      <c r="O22540" s="5" t="s">
        <v>38</v>
      </c>
      <c r="P22540" s="5" t="s">
        <v>39</v>
      </c>
      <c r="Q22540" s="5" t="s">
        <v>40</v>
      </c>
      <c r="R22540" s="5" t="s">
        <v>1522</v>
      </c>
      <c r="S22540" s="5" t="s">
        <v>1523</v>
      </c>
      <c r="T22540" s="5" t="s">
        <v>42</v>
      </c>
      <c r="U22540" s="2">
        <v>1.399</v>
      </c>
      <c r="V22540" s="2">
        <v>1.06</v>
      </c>
      <c r="W22540" s="2">
        <v>8.9999999999999993E-3</v>
      </c>
      <c r="X22540" s="2">
        <v>106.5</v>
      </c>
      <c r="Y22540" s="2">
        <v>7.6</v>
      </c>
      <c r="Z22540" s="2">
        <v>10.6</v>
      </c>
      <c r="AA22540" s="5"/>
      <c r="AB22540" s="5" t="s">
        <v>43</v>
      </c>
      <c r="AC22540" s="5" t="s">
        <v>44</v>
      </c>
      <c r="AD22540" s="2"/>
      <c r="AE22540" s="1"/>
    </row>
    <row r="22541" spans="1:31" ht="14.45">
      <c r="A22541" s="11"/>
      <c r="B22541" s="20"/>
      <c r="C22541" s="2" t="s">
        <v>72499</v>
      </c>
      <c r="D22541" s="14" t="s">
        <v>72500</v>
      </c>
      <c r="E22541" s="2" t="s">
        <v>72501</v>
      </c>
      <c r="F22541" s="2" t="s">
        <v>71969</v>
      </c>
      <c r="G22541" s="8">
        <v>140</v>
      </c>
      <c r="H22541" s="5">
        <v>6</v>
      </c>
      <c r="I22541" s="5" t="s">
        <v>1518</v>
      </c>
      <c r="J22541" s="5" t="s">
        <v>69038</v>
      </c>
      <c r="K22541" s="2" t="s">
        <v>69039</v>
      </c>
      <c r="L22541" s="5" t="s">
        <v>69038</v>
      </c>
      <c r="M22541" s="2" t="s">
        <v>69039</v>
      </c>
      <c r="N22541" s="5" t="s">
        <v>1521</v>
      </c>
      <c r="O22541" s="5" t="s">
        <v>38</v>
      </c>
      <c r="P22541" s="5" t="s">
        <v>39</v>
      </c>
      <c r="Q22541" s="5" t="s">
        <v>40</v>
      </c>
      <c r="R22541" s="5" t="s">
        <v>1522</v>
      </c>
      <c r="S22541" s="5" t="s">
        <v>1523</v>
      </c>
      <c r="T22541" s="5" t="s">
        <v>42</v>
      </c>
      <c r="U22541" s="2">
        <v>1.478</v>
      </c>
      <c r="V22541" s="2">
        <v>1.139</v>
      </c>
      <c r="W22541" s="2">
        <v>8.9999999999999993E-3</v>
      </c>
      <c r="X22541" s="2">
        <v>106.5</v>
      </c>
      <c r="Y22541" s="2">
        <v>7.6</v>
      </c>
      <c r="Z22541" s="2">
        <v>10.6</v>
      </c>
      <c r="AA22541" s="5"/>
      <c r="AB22541" s="5" t="s">
        <v>43</v>
      </c>
      <c r="AC22541" s="5" t="s">
        <v>44</v>
      </c>
      <c r="AD22541" s="2"/>
      <c r="AE22541" s="1"/>
    </row>
    <row r="22542" spans="1:31" ht="14.45">
      <c r="A22542" s="11"/>
      <c r="B22542" s="20"/>
      <c r="C22542" s="2" t="s">
        <v>72502</v>
      </c>
      <c r="D22542" s="14" t="s">
        <v>72503</v>
      </c>
      <c r="E22542" s="2" t="s">
        <v>72504</v>
      </c>
      <c r="F22542" s="2" t="s">
        <v>71973</v>
      </c>
      <c r="G22542" s="8">
        <v>140</v>
      </c>
      <c r="H22542" s="5">
        <v>6</v>
      </c>
      <c r="I22542" s="5" t="s">
        <v>1518</v>
      </c>
      <c r="J22542" s="5" t="s">
        <v>69038</v>
      </c>
      <c r="K22542" s="2" t="s">
        <v>69039</v>
      </c>
      <c r="L22542" s="5" t="s">
        <v>69038</v>
      </c>
      <c r="M22542" s="2" t="s">
        <v>69039</v>
      </c>
      <c r="N22542" s="5" t="s">
        <v>1521</v>
      </c>
      <c r="O22542" s="5" t="s">
        <v>38</v>
      </c>
      <c r="P22542" s="5" t="s">
        <v>39</v>
      </c>
      <c r="Q22542" s="5" t="s">
        <v>40</v>
      </c>
      <c r="R22542" s="5" t="s">
        <v>1522</v>
      </c>
      <c r="S22542" s="5" t="s">
        <v>1523</v>
      </c>
      <c r="T22542" s="5" t="s">
        <v>42</v>
      </c>
      <c r="U22542" s="2">
        <v>1.399</v>
      </c>
      <c r="V22542" s="2">
        <v>1.06</v>
      </c>
      <c r="W22542" s="2">
        <v>8.9999999999999993E-3</v>
      </c>
      <c r="X22542" s="2">
        <v>106.5</v>
      </c>
      <c r="Y22542" s="2">
        <v>7.6</v>
      </c>
      <c r="Z22542" s="2">
        <v>10.6</v>
      </c>
      <c r="AA22542" s="5"/>
      <c r="AB22542" s="5" t="s">
        <v>43</v>
      </c>
      <c r="AC22542" s="5" t="s">
        <v>44</v>
      </c>
      <c r="AD22542" s="2"/>
      <c r="AE22542" s="1"/>
    </row>
    <row r="22543" spans="1:31" ht="14.45">
      <c r="A22543" s="11"/>
      <c r="B22543" s="20"/>
      <c r="C22543" s="2" t="s">
        <v>72505</v>
      </c>
      <c r="D22543" s="14" t="s">
        <v>72506</v>
      </c>
      <c r="E22543" s="2" t="s">
        <v>72507</v>
      </c>
      <c r="F22543" s="2" t="s">
        <v>71977</v>
      </c>
      <c r="G22543" s="8">
        <v>140</v>
      </c>
      <c r="H22543" s="5">
        <v>6</v>
      </c>
      <c r="I22543" s="5" t="s">
        <v>1518</v>
      </c>
      <c r="J22543" s="5" t="s">
        <v>69038</v>
      </c>
      <c r="K22543" s="2" t="s">
        <v>69039</v>
      </c>
      <c r="L22543" s="5" t="s">
        <v>69038</v>
      </c>
      <c r="M22543" s="2" t="s">
        <v>69039</v>
      </c>
      <c r="N22543" s="5" t="s">
        <v>1521</v>
      </c>
      <c r="O22543" s="5" t="s">
        <v>38</v>
      </c>
      <c r="P22543" s="5" t="s">
        <v>39</v>
      </c>
      <c r="Q22543" s="5" t="s">
        <v>40</v>
      </c>
      <c r="R22543" s="5" t="s">
        <v>1522</v>
      </c>
      <c r="S22543" s="5" t="s">
        <v>1523</v>
      </c>
      <c r="T22543" s="5" t="s">
        <v>42</v>
      </c>
      <c r="U22543" s="2">
        <v>1.478</v>
      </c>
      <c r="V22543" s="2">
        <v>1.139</v>
      </c>
      <c r="W22543" s="2">
        <v>8.9999999999999993E-3</v>
      </c>
      <c r="X22543" s="2">
        <v>106.5</v>
      </c>
      <c r="Y22543" s="2">
        <v>7.6</v>
      </c>
      <c r="Z22543" s="2">
        <v>10.6</v>
      </c>
      <c r="AA22543" s="5"/>
      <c r="AB22543" s="5" t="s">
        <v>43</v>
      </c>
      <c r="AC22543" s="5" t="s">
        <v>44</v>
      </c>
      <c r="AD22543" s="2"/>
      <c r="AE22543" s="1"/>
    </row>
    <row r="22544" spans="1:31" ht="14.45">
      <c r="A22544" s="11"/>
      <c r="B22544" s="20"/>
      <c r="C22544" s="2" t="s">
        <v>72508</v>
      </c>
      <c r="D22544" s="14" t="s">
        <v>72509</v>
      </c>
      <c r="E22544" s="2" t="s">
        <v>72510</v>
      </c>
      <c r="F22544" s="2" t="s">
        <v>71981</v>
      </c>
      <c r="G22544" s="8">
        <v>140</v>
      </c>
      <c r="H22544" s="5">
        <v>6</v>
      </c>
      <c r="I22544" s="5" t="s">
        <v>1518</v>
      </c>
      <c r="J22544" s="5" t="s">
        <v>69038</v>
      </c>
      <c r="K22544" s="2" t="s">
        <v>69039</v>
      </c>
      <c r="L22544" s="5" t="s">
        <v>69038</v>
      </c>
      <c r="M22544" s="2" t="s">
        <v>69039</v>
      </c>
      <c r="N22544" s="5" t="s">
        <v>1521</v>
      </c>
      <c r="O22544" s="5" t="s">
        <v>38</v>
      </c>
      <c r="P22544" s="5" t="s">
        <v>39</v>
      </c>
      <c r="Q22544" s="5" t="s">
        <v>40</v>
      </c>
      <c r="R22544" s="5" t="s">
        <v>1522</v>
      </c>
      <c r="S22544" s="5" t="s">
        <v>1523</v>
      </c>
      <c r="T22544" s="5" t="s">
        <v>42</v>
      </c>
      <c r="U22544" s="2">
        <v>1.399</v>
      </c>
      <c r="V22544" s="2">
        <v>1.06</v>
      </c>
      <c r="W22544" s="2">
        <v>8.9999999999999993E-3</v>
      </c>
      <c r="X22544" s="2">
        <v>106.5</v>
      </c>
      <c r="Y22544" s="2">
        <v>7.6</v>
      </c>
      <c r="Z22544" s="2">
        <v>10.6</v>
      </c>
      <c r="AA22544" s="5"/>
      <c r="AB22544" s="5" t="s">
        <v>43</v>
      </c>
      <c r="AC22544" s="5" t="s">
        <v>44</v>
      </c>
      <c r="AD22544" s="2"/>
      <c r="AE22544" s="1"/>
    </row>
    <row r="22545" spans="1:31" ht="14.45">
      <c r="A22545" s="11"/>
      <c r="B22545" s="20"/>
      <c r="C22545" s="2" t="s">
        <v>72511</v>
      </c>
      <c r="D22545" s="14" t="s">
        <v>72512</v>
      </c>
      <c r="E22545" s="2" t="s">
        <v>72513</v>
      </c>
      <c r="F22545" s="2" t="s">
        <v>71985</v>
      </c>
      <c r="G22545" s="8">
        <v>140</v>
      </c>
      <c r="H22545" s="5">
        <v>6</v>
      </c>
      <c r="I22545" s="5" t="s">
        <v>1518</v>
      </c>
      <c r="J22545" s="5" t="s">
        <v>69038</v>
      </c>
      <c r="K22545" s="2" t="s">
        <v>69039</v>
      </c>
      <c r="L22545" s="5" t="s">
        <v>69038</v>
      </c>
      <c r="M22545" s="2" t="s">
        <v>69039</v>
      </c>
      <c r="N22545" s="5" t="s">
        <v>1521</v>
      </c>
      <c r="O22545" s="5" t="s">
        <v>38</v>
      </c>
      <c r="P22545" s="5" t="s">
        <v>39</v>
      </c>
      <c r="Q22545" s="5" t="s">
        <v>40</v>
      </c>
      <c r="R22545" s="5" t="s">
        <v>1522</v>
      </c>
      <c r="S22545" s="5" t="s">
        <v>1523</v>
      </c>
      <c r="T22545" s="5" t="s">
        <v>42</v>
      </c>
      <c r="U22545" s="2">
        <v>1.478</v>
      </c>
      <c r="V22545" s="2">
        <v>1.139</v>
      </c>
      <c r="W22545" s="2">
        <v>8.9999999999999993E-3</v>
      </c>
      <c r="X22545" s="2">
        <v>106.5</v>
      </c>
      <c r="Y22545" s="2">
        <v>7.6</v>
      </c>
      <c r="Z22545" s="2">
        <v>10.6</v>
      </c>
      <c r="AA22545" s="5"/>
      <c r="AB22545" s="5" t="s">
        <v>43</v>
      </c>
      <c r="AC22545" s="5" t="s">
        <v>44</v>
      </c>
      <c r="AD22545" s="2"/>
      <c r="AE22545" s="1"/>
    </row>
    <row r="22546" spans="1:31" ht="14.45">
      <c r="A22546" s="11"/>
      <c r="B22546" s="20"/>
      <c r="C22546" s="2" t="s">
        <v>72514</v>
      </c>
      <c r="D22546" s="14" t="s">
        <v>72515</v>
      </c>
      <c r="E22546" s="2" t="s">
        <v>72516</v>
      </c>
      <c r="F22546" s="2" t="s">
        <v>71957</v>
      </c>
      <c r="G22546" s="8">
        <v>140</v>
      </c>
      <c r="H22546" s="5">
        <v>6</v>
      </c>
      <c r="I22546" s="5" t="s">
        <v>1518</v>
      </c>
      <c r="J22546" s="5" t="s">
        <v>69038</v>
      </c>
      <c r="K22546" s="2" t="s">
        <v>69039</v>
      </c>
      <c r="L22546" s="5" t="s">
        <v>69038</v>
      </c>
      <c r="M22546" s="2" t="s">
        <v>69039</v>
      </c>
      <c r="N22546" s="5" t="s">
        <v>1521</v>
      </c>
      <c r="O22546" s="5" t="s">
        <v>38</v>
      </c>
      <c r="P22546" s="5" t="s">
        <v>39</v>
      </c>
      <c r="Q22546" s="5" t="s">
        <v>40</v>
      </c>
      <c r="R22546" s="5" t="s">
        <v>1522</v>
      </c>
      <c r="S22546" s="5" t="s">
        <v>1523</v>
      </c>
      <c r="T22546" s="5" t="s">
        <v>42</v>
      </c>
      <c r="U22546" s="2">
        <v>1.5029999999999999</v>
      </c>
      <c r="V22546" s="2">
        <v>1.1639999999999999</v>
      </c>
      <c r="W22546" s="2">
        <v>8.9999999999999993E-3</v>
      </c>
      <c r="X22546" s="2">
        <v>106.5</v>
      </c>
      <c r="Y22546" s="2">
        <v>7.6</v>
      </c>
      <c r="Z22546" s="2">
        <v>10.6</v>
      </c>
      <c r="AA22546" s="5"/>
      <c r="AB22546" s="5" t="s">
        <v>43</v>
      </c>
      <c r="AC22546" s="5" t="s">
        <v>44</v>
      </c>
      <c r="AD22546" s="2"/>
      <c r="AE22546" s="1"/>
    </row>
    <row r="22547" spans="1:31" ht="14.45">
      <c r="A22547" s="11"/>
      <c r="B22547" s="20"/>
      <c r="C22547" s="2" t="s">
        <v>72517</v>
      </c>
      <c r="D22547" s="14" t="s">
        <v>72518</v>
      </c>
      <c r="E22547" s="2" t="s">
        <v>72519</v>
      </c>
      <c r="F22547" s="2" t="s">
        <v>71961</v>
      </c>
      <c r="G22547" s="8">
        <v>140</v>
      </c>
      <c r="H22547" s="5">
        <v>6</v>
      </c>
      <c r="I22547" s="5" t="s">
        <v>1518</v>
      </c>
      <c r="J22547" s="5" t="s">
        <v>69038</v>
      </c>
      <c r="K22547" s="2" t="s">
        <v>69039</v>
      </c>
      <c r="L22547" s="5" t="s">
        <v>69038</v>
      </c>
      <c r="M22547" s="2" t="s">
        <v>69039</v>
      </c>
      <c r="N22547" s="5" t="s">
        <v>1521</v>
      </c>
      <c r="O22547" s="5" t="s">
        <v>38</v>
      </c>
      <c r="P22547" s="5" t="s">
        <v>39</v>
      </c>
      <c r="Q22547" s="5" t="s">
        <v>40</v>
      </c>
      <c r="R22547" s="5" t="s">
        <v>1522</v>
      </c>
      <c r="S22547" s="5" t="s">
        <v>1523</v>
      </c>
      <c r="T22547" s="5" t="s">
        <v>42</v>
      </c>
      <c r="U22547" s="2">
        <v>1.5920000000000001</v>
      </c>
      <c r="V22547" s="2">
        <v>1.2529999999999999</v>
      </c>
      <c r="W22547" s="2">
        <v>8.9999999999999993E-3</v>
      </c>
      <c r="X22547" s="2">
        <v>106.5</v>
      </c>
      <c r="Y22547" s="2">
        <v>7.6</v>
      </c>
      <c r="Z22547" s="2">
        <v>10.6</v>
      </c>
      <c r="AA22547" s="5"/>
      <c r="AB22547" s="5" t="s">
        <v>43</v>
      </c>
      <c r="AC22547" s="5" t="s">
        <v>44</v>
      </c>
      <c r="AD22547" s="2"/>
      <c r="AE22547" s="1"/>
    </row>
    <row r="22548" spans="1:31" ht="14.45">
      <c r="A22548" s="11"/>
      <c r="B22548" s="20"/>
      <c r="C22548" s="2" t="s">
        <v>72520</v>
      </c>
      <c r="D22548" s="14" t="s">
        <v>72521</v>
      </c>
      <c r="E22548" s="2" t="s">
        <v>72522</v>
      </c>
      <c r="F22548" s="2" t="s">
        <v>71965</v>
      </c>
      <c r="G22548" s="8">
        <v>140</v>
      </c>
      <c r="H22548" s="5">
        <v>6</v>
      </c>
      <c r="I22548" s="5" t="s">
        <v>1518</v>
      </c>
      <c r="J22548" s="5" t="s">
        <v>69038</v>
      </c>
      <c r="K22548" s="2" t="s">
        <v>69039</v>
      </c>
      <c r="L22548" s="5" t="s">
        <v>69038</v>
      </c>
      <c r="M22548" s="2" t="s">
        <v>69039</v>
      </c>
      <c r="N22548" s="5" t="s">
        <v>1521</v>
      </c>
      <c r="O22548" s="5" t="s">
        <v>38</v>
      </c>
      <c r="P22548" s="5" t="s">
        <v>39</v>
      </c>
      <c r="Q22548" s="5" t="s">
        <v>40</v>
      </c>
      <c r="R22548" s="5" t="s">
        <v>1522</v>
      </c>
      <c r="S22548" s="5" t="s">
        <v>1523</v>
      </c>
      <c r="T22548" s="5" t="s">
        <v>42</v>
      </c>
      <c r="U22548" s="2">
        <v>1.5029999999999999</v>
      </c>
      <c r="V22548" s="2">
        <v>1.1639999999999999</v>
      </c>
      <c r="W22548" s="2">
        <v>8.9999999999999993E-3</v>
      </c>
      <c r="X22548" s="2">
        <v>106.5</v>
      </c>
      <c r="Y22548" s="2">
        <v>7.6</v>
      </c>
      <c r="Z22548" s="2">
        <v>10.6</v>
      </c>
      <c r="AA22548" s="5"/>
      <c r="AB22548" s="5" t="s">
        <v>43</v>
      </c>
      <c r="AC22548" s="5" t="s">
        <v>44</v>
      </c>
      <c r="AD22548" s="2"/>
      <c r="AE22548" s="1"/>
    </row>
    <row r="22549" spans="1:31" ht="14.45">
      <c r="A22549" s="11"/>
      <c r="B22549" s="20"/>
      <c r="C22549" s="2" t="s">
        <v>72523</v>
      </c>
      <c r="D22549" s="14" t="s">
        <v>72524</v>
      </c>
      <c r="E22549" s="2" t="s">
        <v>72525</v>
      </c>
      <c r="F22549" s="2" t="s">
        <v>71969</v>
      </c>
      <c r="G22549" s="8">
        <v>140</v>
      </c>
      <c r="H22549" s="5">
        <v>6</v>
      </c>
      <c r="I22549" s="5" t="s">
        <v>1518</v>
      </c>
      <c r="J22549" s="5" t="s">
        <v>69038</v>
      </c>
      <c r="K22549" s="2" t="s">
        <v>69039</v>
      </c>
      <c r="L22549" s="5" t="s">
        <v>69038</v>
      </c>
      <c r="M22549" s="2" t="s">
        <v>69039</v>
      </c>
      <c r="N22549" s="5" t="s">
        <v>1521</v>
      </c>
      <c r="O22549" s="5" t="s">
        <v>38</v>
      </c>
      <c r="P22549" s="5" t="s">
        <v>39</v>
      </c>
      <c r="Q22549" s="5" t="s">
        <v>40</v>
      </c>
      <c r="R22549" s="5" t="s">
        <v>1522</v>
      </c>
      <c r="S22549" s="5" t="s">
        <v>1523</v>
      </c>
      <c r="T22549" s="5" t="s">
        <v>42</v>
      </c>
      <c r="U22549" s="2">
        <v>1.5920000000000001</v>
      </c>
      <c r="V22549" s="2">
        <v>1.2529999999999999</v>
      </c>
      <c r="W22549" s="2">
        <v>8.9999999999999993E-3</v>
      </c>
      <c r="X22549" s="2">
        <v>106.5</v>
      </c>
      <c r="Y22549" s="2">
        <v>7.6</v>
      </c>
      <c r="Z22549" s="2">
        <v>10.6</v>
      </c>
      <c r="AA22549" s="5"/>
      <c r="AB22549" s="5" t="s">
        <v>43</v>
      </c>
      <c r="AC22549" s="5" t="s">
        <v>44</v>
      </c>
      <c r="AD22549" s="2"/>
      <c r="AE22549" s="1"/>
    </row>
    <row r="22550" spans="1:31" ht="14.45">
      <c r="A22550" s="11"/>
      <c r="B22550" s="20"/>
      <c r="C22550" s="2" t="s">
        <v>72526</v>
      </c>
      <c r="D22550" s="14" t="s">
        <v>72527</v>
      </c>
      <c r="E22550" s="2" t="s">
        <v>72528</v>
      </c>
      <c r="F22550" s="2" t="s">
        <v>71973</v>
      </c>
      <c r="G22550" s="8">
        <v>140</v>
      </c>
      <c r="H22550" s="5">
        <v>6</v>
      </c>
      <c r="I22550" s="5" t="s">
        <v>1518</v>
      </c>
      <c r="J22550" s="5" t="s">
        <v>69038</v>
      </c>
      <c r="K22550" s="2" t="s">
        <v>69039</v>
      </c>
      <c r="L22550" s="5" t="s">
        <v>69038</v>
      </c>
      <c r="M22550" s="2" t="s">
        <v>69039</v>
      </c>
      <c r="N22550" s="5" t="s">
        <v>1521</v>
      </c>
      <c r="O22550" s="5" t="s">
        <v>38</v>
      </c>
      <c r="P22550" s="5" t="s">
        <v>39</v>
      </c>
      <c r="Q22550" s="5" t="s">
        <v>40</v>
      </c>
      <c r="R22550" s="5" t="s">
        <v>1522</v>
      </c>
      <c r="S22550" s="5" t="s">
        <v>1523</v>
      </c>
      <c r="T22550" s="5" t="s">
        <v>42</v>
      </c>
      <c r="U22550" s="2">
        <v>1.5029999999999999</v>
      </c>
      <c r="V22550" s="2">
        <v>1.1639999999999999</v>
      </c>
      <c r="W22550" s="2">
        <v>8.9999999999999993E-3</v>
      </c>
      <c r="X22550" s="2">
        <v>106.5</v>
      </c>
      <c r="Y22550" s="2">
        <v>7.6</v>
      </c>
      <c r="Z22550" s="2">
        <v>10.6</v>
      </c>
      <c r="AA22550" s="5"/>
      <c r="AB22550" s="5" t="s">
        <v>43</v>
      </c>
      <c r="AC22550" s="5" t="s">
        <v>44</v>
      </c>
      <c r="AD22550" s="2"/>
      <c r="AE22550" s="1"/>
    </row>
    <row r="22551" spans="1:31" ht="14.45">
      <c r="A22551" s="11"/>
      <c r="B22551" s="20"/>
      <c r="C22551" s="2" t="s">
        <v>72529</v>
      </c>
      <c r="D22551" s="14" t="s">
        <v>72530</v>
      </c>
      <c r="E22551" s="2" t="s">
        <v>72531</v>
      </c>
      <c r="F22551" s="2" t="s">
        <v>71977</v>
      </c>
      <c r="G22551" s="8">
        <v>140</v>
      </c>
      <c r="H22551" s="5">
        <v>6</v>
      </c>
      <c r="I22551" s="5" t="s">
        <v>1518</v>
      </c>
      <c r="J22551" s="5" t="s">
        <v>69038</v>
      </c>
      <c r="K22551" s="2" t="s">
        <v>69039</v>
      </c>
      <c r="L22551" s="5" t="s">
        <v>69038</v>
      </c>
      <c r="M22551" s="2" t="s">
        <v>69039</v>
      </c>
      <c r="N22551" s="5" t="s">
        <v>1521</v>
      </c>
      <c r="O22551" s="5" t="s">
        <v>38</v>
      </c>
      <c r="P22551" s="5" t="s">
        <v>39</v>
      </c>
      <c r="Q22551" s="5" t="s">
        <v>40</v>
      </c>
      <c r="R22551" s="5" t="s">
        <v>1522</v>
      </c>
      <c r="S22551" s="5" t="s">
        <v>1523</v>
      </c>
      <c r="T22551" s="5" t="s">
        <v>42</v>
      </c>
      <c r="U22551" s="2">
        <v>1.5920000000000001</v>
      </c>
      <c r="V22551" s="2">
        <v>1.2529999999999999</v>
      </c>
      <c r="W22551" s="2">
        <v>8.9999999999999993E-3</v>
      </c>
      <c r="X22551" s="2">
        <v>106.5</v>
      </c>
      <c r="Y22551" s="2">
        <v>7.6</v>
      </c>
      <c r="Z22551" s="2">
        <v>10.6</v>
      </c>
      <c r="AA22551" s="5"/>
      <c r="AB22551" s="5" t="s">
        <v>43</v>
      </c>
      <c r="AC22551" s="5" t="s">
        <v>44</v>
      </c>
      <c r="AD22551" s="2"/>
      <c r="AE22551" s="1"/>
    </row>
    <row r="22552" spans="1:31" ht="14.45">
      <c r="A22552" s="11"/>
      <c r="B22552" s="20"/>
      <c r="C22552" s="2" t="s">
        <v>72532</v>
      </c>
      <c r="D22552" s="14" t="s">
        <v>72533</v>
      </c>
      <c r="E22552" s="2" t="s">
        <v>72534</v>
      </c>
      <c r="F22552" s="2" t="s">
        <v>71981</v>
      </c>
      <c r="G22552" s="8">
        <v>140</v>
      </c>
      <c r="H22552" s="5">
        <v>6</v>
      </c>
      <c r="I22552" s="5" t="s">
        <v>1518</v>
      </c>
      <c r="J22552" s="5" t="s">
        <v>69038</v>
      </c>
      <c r="K22552" s="2" t="s">
        <v>69039</v>
      </c>
      <c r="L22552" s="5" t="s">
        <v>69038</v>
      </c>
      <c r="M22552" s="2" t="s">
        <v>69039</v>
      </c>
      <c r="N22552" s="5" t="s">
        <v>1521</v>
      </c>
      <c r="O22552" s="5" t="s">
        <v>38</v>
      </c>
      <c r="P22552" s="5" t="s">
        <v>39</v>
      </c>
      <c r="Q22552" s="5" t="s">
        <v>40</v>
      </c>
      <c r="R22552" s="5" t="s">
        <v>1522</v>
      </c>
      <c r="S22552" s="5" t="s">
        <v>1523</v>
      </c>
      <c r="T22552" s="5" t="s">
        <v>42</v>
      </c>
      <c r="U22552" s="2">
        <v>1.5029999999999999</v>
      </c>
      <c r="V22552" s="2">
        <v>1.1639999999999999</v>
      </c>
      <c r="W22552" s="2">
        <v>8.9999999999999993E-3</v>
      </c>
      <c r="X22552" s="2">
        <v>106.5</v>
      </c>
      <c r="Y22552" s="2">
        <v>7.6</v>
      </c>
      <c r="Z22552" s="2">
        <v>10.6</v>
      </c>
      <c r="AA22552" s="5"/>
      <c r="AB22552" s="5" t="s">
        <v>43</v>
      </c>
      <c r="AC22552" s="5" t="s">
        <v>44</v>
      </c>
      <c r="AD22552" s="2"/>
      <c r="AE22552" s="1"/>
    </row>
    <row r="22553" spans="1:31" ht="14.45">
      <c r="A22553" s="11"/>
      <c r="B22553" s="20"/>
      <c r="C22553" s="2" t="s">
        <v>72535</v>
      </c>
      <c r="D22553" s="14" t="s">
        <v>72536</v>
      </c>
      <c r="E22553" s="2" t="s">
        <v>72537</v>
      </c>
      <c r="F22553" s="2" t="s">
        <v>71985</v>
      </c>
      <c r="G22553" s="8">
        <v>140</v>
      </c>
      <c r="H22553" s="5">
        <v>6</v>
      </c>
      <c r="I22553" s="5" t="s">
        <v>1518</v>
      </c>
      <c r="J22553" s="5" t="s">
        <v>69038</v>
      </c>
      <c r="K22553" s="2" t="s">
        <v>69039</v>
      </c>
      <c r="L22553" s="5" t="s">
        <v>69038</v>
      </c>
      <c r="M22553" s="2" t="s">
        <v>69039</v>
      </c>
      <c r="N22553" s="5" t="s">
        <v>1521</v>
      </c>
      <c r="O22553" s="5" t="s">
        <v>38</v>
      </c>
      <c r="P22553" s="5" t="s">
        <v>39</v>
      </c>
      <c r="Q22553" s="5" t="s">
        <v>40</v>
      </c>
      <c r="R22553" s="5" t="s">
        <v>1522</v>
      </c>
      <c r="S22553" s="5" t="s">
        <v>1523</v>
      </c>
      <c r="T22553" s="5" t="s">
        <v>42</v>
      </c>
      <c r="U22553" s="2">
        <v>1.5920000000000001</v>
      </c>
      <c r="V22553" s="2">
        <v>1.2529999999999999</v>
      </c>
      <c r="W22553" s="2">
        <v>8.9999999999999993E-3</v>
      </c>
      <c r="X22553" s="2">
        <v>106.5</v>
      </c>
      <c r="Y22553" s="2">
        <v>7.6</v>
      </c>
      <c r="Z22553" s="2">
        <v>10.6</v>
      </c>
      <c r="AA22553" s="5"/>
      <c r="AB22553" s="5" t="s">
        <v>43</v>
      </c>
      <c r="AC22553" s="5" t="s">
        <v>44</v>
      </c>
      <c r="AD22553" s="2"/>
      <c r="AE22553" s="1"/>
    </row>
    <row r="22554" spans="1:31" ht="14.45">
      <c r="A22554" s="11"/>
      <c r="B22554" s="20"/>
      <c r="C22554" s="2" t="s">
        <v>72538</v>
      </c>
      <c r="D22554" s="14" t="s">
        <v>72539</v>
      </c>
      <c r="E22554" s="2" t="s">
        <v>72540</v>
      </c>
      <c r="F22554" s="2" t="s">
        <v>71957</v>
      </c>
      <c r="G22554" s="8">
        <v>151</v>
      </c>
      <c r="H22554" s="5">
        <v>6</v>
      </c>
      <c r="I22554" s="5" t="s">
        <v>1518</v>
      </c>
      <c r="J22554" s="5" t="s">
        <v>69038</v>
      </c>
      <c r="K22554" s="2" t="s">
        <v>69039</v>
      </c>
      <c r="L22554" s="5" t="s">
        <v>69038</v>
      </c>
      <c r="M22554" s="2" t="s">
        <v>69039</v>
      </c>
      <c r="N22554" s="5" t="s">
        <v>1521</v>
      </c>
      <c r="O22554" s="5" t="s">
        <v>38</v>
      </c>
      <c r="P22554" s="5" t="s">
        <v>39</v>
      </c>
      <c r="Q22554" s="5" t="s">
        <v>40</v>
      </c>
      <c r="R22554" s="5" t="s">
        <v>1522</v>
      </c>
      <c r="S22554" s="5" t="s">
        <v>1523</v>
      </c>
      <c r="T22554" s="5" t="s">
        <v>42</v>
      </c>
      <c r="U22554" s="2">
        <v>1.6779999999999999</v>
      </c>
      <c r="V22554" s="2">
        <v>1.2789999999999999</v>
      </c>
      <c r="W22554" s="2">
        <v>0.01</v>
      </c>
      <c r="X22554" s="2">
        <v>128.5</v>
      </c>
      <c r="Y22554" s="2">
        <v>7.6</v>
      </c>
      <c r="Z22554" s="2">
        <v>10.6</v>
      </c>
      <c r="AA22554" s="5"/>
      <c r="AB22554" s="5" t="s">
        <v>43</v>
      </c>
      <c r="AC22554" s="5" t="s">
        <v>44</v>
      </c>
      <c r="AD22554" s="2"/>
      <c r="AE22554" s="1"/>
    </row>
    <row r="22555" spans="1:31" ht="14.45">
      <c r="A22555" s="11"/>
      <c r="B22555" s="20"/>
      <c r="C22555" s="2" t="s">
        <v>72541</v>
      </c>
      <c r="D22555" s="14" t="s">
        <v>72542</v>
      </c>
      <c r="E22555" s="2" t="s">
        <v>72543</v>
      </c>
      <c r="F22555" s="2" t="s">
        <v>71961</v>
      </c>
      <c r="G22555" s="8">
        <v>151</v>
      </c>
      <c r="H22555" s="5">
        <v>6</v>
      </c>
      <c r="I22555" s="5" t="s">
        <v>1518</v>
      </c>
      <c r="J22555" s="5" t="s">
        <v>69038</v>
      </c>
      <c r="K22555" s="2" t="s">
        <v>69039</v>
      </c>
      <c r="L22555" s="5" t="s">
        <v>69038</v>
      </c>
      <c r="M22555" s="2" t="s">
        <v>69039</v>
      </c>
      <c r="N22555" s="5" t="s">
        <v>1521</v>
      </c>
      <c r="O22555" s="5" t="s">
        <v>38</v>
      </c>
      <c r="P22555" s="5" t="s">
        <v>39</v>
      </c>
      <c r="Q22555" s="5" t="s">
        <v>40</v>
      </c>
      <c r="R22555" s="5" t="s">
        <v>1522</v>
      </c>
      <c r="S22555" s="5" t="s">
        <v>1523</v>
      </c>
      <c r="T22555" s="5" t="s">
        <v>42</v>
      </c>
      <c r="U22555" s="2">
        <v>1.778</v>
      </c>
      <c r="V22555" s="2">
        <v>1.379</v>
      </c>
      <c r="W22555" s="2">
        <v>0.01</v>
      </c>
      <c r="X22555" s="2">
        <v>128.5</v>
      </c>
      <c r="Y22555" s="2">
        <v>7.6</v>
      </c>
      <c r="Z22555" s="2">
        <v>10.6</v>
      </c>
      <c r="AA22555" s="5"/>
      <c r="AB22555" s="5" t="s">
        <v>43</v>
      </c>
      <c r="AC22555" s="5" t="s">
        <v>44</v>
      </c>
      <c r="AD22555" s="2"/>
      <c r="AE22555" s="1"/>
    </row>
    <row r="22556" spans="1:31" ht="14.45">
      <c r="A22556" s="11"/>
      <c r="B22556" s="20"/>
      <c r="C22556" s="2" t="s">
        <v>72544</v>
      </c>
      <c r="D22556" s="14" t="s">
        <v>72545</v>
      </c>
      <c r="E22556" s="2" t="s">
        <v>72546</v>
      </c>
      <c r="F22556" s="2" t="s">
        <v>71965</v>
      </c>
      <c r="G22556" s="8">
        <v>151</v>
      </c>
      <c r="H22556" s="5">
        <v>6</v>
      </c>
      <c r="I22556" s="5" t="s">
        <v>1518</v>
      </c>
      <c r="J22556" s="5" t="s">
        <v>69038</v>
      </c>
      <c r="K22556" s="2" t="s">
        <v>69039</v>
      </c>
      <c r="L22556" s="5" t="s">
        <v>69038</v>
      </c>
      <c r="M22556" s="2" t="s">
        <v>69039</v>
      </c>
      <c r="N22556" s="5" t="s">
        <v>1521</v>
      </c>
      <c r="O22556" s="5" t="s">
        <v>38</v>
      </c>
      <c r="P22556" s="5" t="s">
        <v>39</v>
      </c>
      <c r="Q22556" s="5" t="s">
        <v>40</v>
      </c>
      <c r="R22556" s="5" t="s">
        <v>1522</v>
      </c>
      <c r="S22556" s="5" t="s">
        <v>1523</v>
      </c>
      <c r="T22556" s="5" t="s">
        <v>42</v>
      </c>
      <c r="U22556" s="2">
        <v>1.6779999999999999</v>
      </c>
      <c r="V22556" s="2">
        <v>1.2789999999999999</v>
      </c>
      <c r="W22556" s="2">
        <v>0.01</v>
      </c>
      <c r="X22556" s="2">
        <v>128.5</v>
      </c>
      <c r="Y22556" s="2">
        <v>7.6</v>
      </c>
      <c r="Z22556" s="2">
        <v>10.6</v>
      </c>
      <c r="AA22556" s="5"/>
      <c r="AB22556" s="5" t="s">
        <v>43</v>
      </c>
      <c r="AC22556" s="5" t="s">
        <v>44</v>
      </c>
      <c r="AD22556" s="2"/>
      <c r="AE22556" s="1"/>
    </row>
    <row r="22557" spans="1:31" ht="14.45">
      <c r="A22557" s="11"/>
      <c r="B22557" s="20"/>
      <c r="C22557" s="2" t="s">
        <v>72547</v>
      </c>
      <c r="D22557" s="14" t="s">
        <v>72548</v>
      </c>
      <c r="E22557" s="2" t="s">
        <v>72549</v>
      </c>
      <c r="F22557" s="2" t="s">
        <v>71969</v>
      </c>
      <c r="G22557" s="8">
        <v>151</v>
      </c>
      <c r="H22557" s="5">
        <v>6</v>
      </c>
      <c r="I22557" s="5" t="s">
        <v>1518</v>
      </c>
      <c r="J22557" s="5" t="s">
        <v>69038</v>
      </c>
      <c r="K22557" s="2" t="s">
        <v>69039</v>
      </c>
      <c r="L22557" s="5" t="s">
        <v>69038</v>
      </c>
      <c r="M22557" s="2" t="s">
        <v>69039</v>
      </c>
      <c r="N22557" s="5" t="s">
        <v>1521</v>
      </c>
      <c r="O22557" s="5" t="s">
        <v>38</v>
      </c>
      <c r="P22557" s="5" t="s">
        <v>39</v>
      </c>
      <c r="Q22557" s="5" t="s">
        <v>40</v>
      </c>
      <c r="R22557" s="5" t="s">
        <v>1522</v>
      </c>
      <c r="S22557" s="5" t="s">
        <v>1523</v>
      </c>
      <c r="T22557" s="5" t="s">
        <v>42</v>
      </c>
      <c r="U22557" s="2">
        <v>1.778</v>
      </c>
      <c r="V22557" s="2">
        <v>1.379</v>
      </c>
      <c r="W22557" s="2">
        <v>0.01</v>
      </c>
      <c r="X22557" s="2">
        <v>128.5</v>
      </c>
      <c r="Y22557" s="2">
        <v>7.6</v>
      </c>
      <c r="Z22557" s="2">
        <v>10.6</v>
      </c>
      <c r="AA22557" s="5"/>
      <c r="AB22557" s="5" t="s">
        <v>43</v>
      </c>
      <c r="AC22557" s="5" t="s">
        <v>44</v>
      </c>
      <c r="AD22557" s="2"/>
      <c r="AE22557" s="1"/>
    </row>
    <row r="22558" spans="1:31" ht="14.45">
      <c r="A22558" s="11"/>
      <c r="B22558" s="20"/>
      <c r="C22558" s="2" t="s">
        <v>72550</v>
      </c>
      <c r="D22558" s="14" t="s">
        <v>72551</v>
      </c>
      <c r="E22558" s="2" t="s">
        <v>72552</v>
      </c>
      <c r="F22558" s="2" t="s">
        <v>71973</v>
      </c>
      <c r="G22558" s="8">
        <v>151</v>
      </c>
      <c r="H22558" s="5">
        <v>6</v>
      </c>
      <c r="I22558" s="5" t="s">
        <v>1518</v>
      </c>
      <c r="J22558" s="5" t="s">
        <v>69038</v>
      </c>
      <c r="K22558" s="2" t="s">
        <v>69039</v>
      </c>
      <c r="L22558" s="5" t="s">
        <v>69038</v>
      </c>
      <c r="M22558" s="2" t="s">
        <v>69039</v>
      </c>
      <c r="N22558" s="5" t="s">
        <v>1521</v>
      </c>
      <c r="O22558" s="5" t="s">
        <v>38</v>
      </c>
      <c r="P22558" s="5" t="s">
        <v>39</v>
      </c>
      <c r="Q22558" s="5" t="s">
        <v>40</v>
      </c>
      <c r="R22558" s="5" t="s">
        <v>1522</v>
      </c>
      <c r="S22558" s="5" t="s">
        <v>1523</v>
      </c>
      <c r="T22558" s="5" t="s">
        <v>42</v>
      </c>
      <c r="U22558" s="2">
        <v>1.6779999999999999</v>
      </c>
      <c r="V22558" s="2">
        <v>1.2789999999999999</v>
      </c>
      <c r="W22558" s="2">
        <v>0.01</v>
      </c>
      <c r="X22558" s="2">
        <v>128.5</v>
      </c>
      <c r="Y22558" s="2">
        <v>7.6</v>
      </c>
      <c r="Z22558" s="2">
        <v>10.6</v>
      </c>
      <c r="AA22558" s="5"/>
      <c r="AB22558" s="5" t="s">
        <v>43</v>
      </c>
      <c r="AC22558" s="5" t="s">
        <v>44</v>
      </c>
      <c r="AD22558" s="2"/>
      <c r="AE22558" s="1"/>
    </row>
    <row r="22559" spans="1:31" ht="14.45">
      <c r="A22559" s="11"/>
      <c r="B22559" s="20"/>
      <c r="C22559" s="2" t="s">
        <v>72553</v>
      </c>
      <c r="D22559" s="14" t="s">
        <v>72554</v>
      </c>
      <c r="E22559" s="2" t="s">
        <v>72555</v>
      </c>
      <c r="F22559" s="2" t="s">
        <v>71977</v>
      </c>
      <c r="G22559" s="8">
        <v>151</v>
      </c>
      <c r="H22559" s="5">
        <v>6</v>
      </c>
      <c r="I22559" s="5" t="s">
        <v>1518</v>
      </c>
      <c r="J22559" s="5" t="s">
        <v>69038</v>
      </c>
      <c r="K22559" s="2" t="s">
        <v>69039</v>
      </c>
      <c r="L22559" s="5" t="s">
        <v>69038</v>
      </c>
      <c r="M22559" s="2" t="s">
        <v>69039</v>
      </c>
      <c r="N22559" s="5" t="s">
        <v>1521</v>
      </c>
      <c r="O22559" s="5" t="s">
        <v>38</v>
      </c>
      <c r="P22559" s="5" t="s">
        <v>39</v>
      </c>
      <c r="Q22559" s="5" t="s">
        <v>40</v>
      </c>
      <c r="R22559" s="5" t="s">
        <v>1522</v>
      </c>
      <c r="S22559" s="5" t="s">
        <v>1523</v>
      </c>
      <c r="T22559" s="5" t="s">
        <v>42</v>
      </c>
      <c r="U22559" s="2">
        <v>1.778</v>
      </c>
      <c r="V22559" s="2">
        <v>1.379</v>
      </c>
      <c r="W22559" s="2">
        <v>0.01</v>
      </c>
      <c r="X22559" s="2">
        <v>128.5</v>
      </c>
      <c r="Y22559" s="2">
        <v>7.6</v>
      </c>
      <c r="Z22559" s="2">
        <v>10.6</v>
      </c>
      <c r="AA22559" s="5"/>
      <c r="AB22559" s="5" t="s">
        <v>43</v>
      </c>
      <c r="AC22559" s="5" t="s">
        <v>44</v>
      </c>
      <c r="AD22559" s="2"/>
      <c r="AE22559" s="1"/>
    </row>
    <row r="22560" spans="1:31" ht="14.45">
      <c r="A22560" s="11"/>
      <c r="B22560" s="20"/>
      <c r="C22560" s="2" t="s">
        <v>72556</v>
      </c>
      <c r="D22560" s="14" t="s">
        <v>72557</v>
      </c>
      <c r="E22560" s="2" t="s">
        <v>72558</v>
      </c>
      <c r="F22560" s="2" t="s">
        <v>71981</v>
      </c>
      <c r="G22560" s="8">
        <v>151</v>
      </c>
      <c r="H22560" s="5">
        <v>6</v>
      </c>
      <c r="I22560" s="5" t="s">
        <v>1518</v>
      </c>
      <c r="J22560" s="5" t="s">
        <v>69038</v>
      </c>
      <c r="K22560" s="2" t="s">
        <v>69039</v>
      </c>
      <c r="L22560" s="5" t="s">
        <v>69038</v>
      </c>
      <c r="M22560" s="2" t="s">
        <v>69039</v>
      </c>
      <c r="N22560" s="5" t="s">
        <v>1521</v>
      </c>
      <c r="O22560" s="5" t="s">
        <v>38</v>
      </c>
      <c r="P22560" s="5" t="s">
        <v>39</v>
      </c>
      <c r="Q22560" s="5" t="s">
        <v>40</v>
      </c>
      <c r="R22560" s="5" t="s">
        <v>1522</v>
      </c>
      <c r="S22560" s="5" t="s">
        <v>1523</v>
      </c>
      <c r="T22560" s="5" t="s">
        <v>42</v>
      </c>
      <c r="U22560" s="2">
        <v>1.6779999999999999</v>
      </c>
      <c r="V22560" s="2">
        <v>1.2789999999999999</v>
      </c>
      <c r="W22560" s="2">
        <v>0.01</v>
      </c>
      <c r="X22560" s="2">
        <v>128.5</v>
      </c>
      <c r="Y22560" s="2">
        <v>7.6</v>
      </c>
      <c r="Z22560" s="2">
        <v>10.6</v>
      </c>
      <c r="AA22560" s="5"/>
      <c r="AB22560" s="5" t="s">
        <v>43</v>
      </c>
      <c r="AC22560" s="5" t="s">
        <v>44</v>
      </c>
      <c r="AD22560" s="2"/>
      <c r="AE22560" s="1"/>
    </row>
    <row r="22561" spans="1:31" ht="14.45">
      <c r="A22561" s="11"/>
      <c r="B22561" s="20"/>
      <c r="C22561" s="2" t="s">
        <v>72559</v>
      </c>
      <c r="D22561" s="14" t="s">
        <v>72560</v>
      </c>
      <c r="E22561" s="2" t="s">
        <v>72561</v>
      </c>
      <c r="F22561" s="2" t="s">
        <v>71985</v>
      </c>
      <c r="G22561" s="8">
        <v>151</v>
      </c>
      <c r="H22561" s="5">
        <v>6</v>
      </c>
      <c r="I22561" s="5" t="s">
        <v>1518</v>
      </c>
      <c r="J22561" s="5" t="s">
        <v>69038</v>
      </c>
      <c r="K22561" s="2" t="s">
        <v>69039</v>
      </c>
      <c r="L22561" s="5" t="s">
        <v>69038</v>
      </c>
      <c r="M22561" s="2" t="s">
        <v>69039</v>
      </c>
      <c r="N22561" s="5" t="s">
        <v>1521</v>
      </c>
      <c r="O22561" s="5" t="s">
        <v>38</v>
      </c>
      <c r="P22561" s="5" t="s">
        <v>39</v>
      </c>
      <c r="Q22561" s="5" t="s">
        <v>40</v>
      </c>
      <c r="R22561" s="5" t="s">
        <v>1522</v>
      </c>
      <c r="S22561" s="5" t="s">
        <v>1523</v>
      </c>
      <c r="T22561" s="5" t="s">
        <v>42</v>
      </c>
      <c r="U22561" s="2">
        <v>1.778</v>
      </c>
      <c r="V22561" s="2">
        <v>1.379</v>
      </c>
      <c r="W22561" s="2">
        <v>0.01</v>
      </c>
      <c r="X22561" s="2">
        <v>128.5</v>
      </c>
      <c r="Y22561" s="2">
        <v>7.6</v>
      </c>
      <c r="Z22561" s="2">
        <v>10.6</v>
      </c>
      <c r="AA22561" s="5"/>
      <c r="AB22561" s="5" t="s">
        <v>43</v>
      </c>
      <c r="AC22561" s="5" t="s">
        <v>44</v>
      </c>
      <c r="AD22561" s="2"/>
      <c r="AE22561" s="1"/>
    </row>
    <row r="22562" spans="1:31" ht="14.45">
      <c r="A22562" s="11"/>
      <c r="B22562" s="20"/>
      <c r="C22562" s="2" t="s">
        <v>72562</v>
      </c>
      <c r="D22562" s="14" t="s">
        <v>72563</v>
      </c>
      <c r="E22562" s="2" t="s">
        <v>72564</v>
      </c>
      <c r="F22562" s="2" t="s">
        <v>71957</v>
      </c>
      <c r="G22562" s="8">
        <v>164</v>
      </c>
      <c r="H22562" s="5">
        <v>6</v>
      </c>
      <c r="I22562" s="5" t="s">
        <v>1518</v>
      </c>
      <c r="J22562" s="5" t="s">
        <v>69038</v>
      </c>
      <c r="K22562" s="2" t="s">
        <v>69039</v>
      </c>
      <c r="L22562" s="5" t="s">
        <v>69038</v>
      </c>
      <c r="M22562" s="2" t="s">
        <v>69039</v>
      </c>
      <c r="N22562" s="5" t="s">
        <v>1521</v>
      </c>
      <c r="O22562" s="5" t="s">
        <v>38</v>
      </c>
      <c r="P22562" s="5" t="s">
        <v>39</v>
      </c>
      <c r="Q22562" s="5" t="s">
        <v>40</v>
      </c>
      <c r="R22562" s="5" t="s">
        <v>1522</v>
      </c>
      <c r="S22562" s="5" t="s">
        <v>1523</v>
      </c>
      <c r="T22562" s="5" t="s">
        <v>42</v>
      </c>
      <c r="U22562" s="2">
        <v>1.8440000000000001</v>
      </c>
      <c r="V22562" s="2">
        <v>1.3859999999999999</v>
      </c>
      <c r="W22562" s="2">
        <v>1.2E-2</v>
      </c>
      <c r="X22562" s="2">
        <v>148.69999999999999</v>
      </c>
      <c r="Y22562" s="2">
        <v>7.6</v>
      </c>
      <c r="Z22562" s="2">
        <v>10.6</v>
      </c>
      <c r="AA22562" s="5"/>
      <c r="AB22562" s="5" t="s">
        <v>43</v>
      </c>
      <c r="AC22562" s="5" t="s">
        <v>44</v>
      </c>
      <c r="AD22562" s="2"/>
      <c r="AE22562" s="1"/>
    </row>
    <row r="22563" spans="1:31" ht="14.45">
      <c r="A22563" s="11"/>
      <c r="B22563" s="20"/>
      <c r="C22563" s="2" t="s">
        <v>72565</v>
      </c>
      <c r="D22563" s="14" t="s">
        <v>72566</v>
      </c>
      <c r="E22563" s="2" t="s">
        <v>72567</v>
      </c>
      <c r="F22563" s="2" t="s">
        <v>71961</v>
      </c>
      <c r="G22563" s="8">
        <v>164</v>
      </c>
      <c r="H22563" s="5">
        <v>6</v>
      </c>
      <c r="I22563" s="5" t="s">
        <v>1518</v>
      </c>
      <c r="J22563" s="5" t="s">
        <v>69038</v>
      </c>
      <c r="K22563" s="2" t="s">
        <v>69039</v>
      </c>
      <c r="L22563" s="5" t="s">
        <v>69038</v>
      </c>
      <c r="M22563" s="2" t="s">
        <v>69039</v>
      </c>
      <c r="N22563" s="5" t="s">
        <v>1521</v>
      </c>
      <c r="O22563" s="5" t="s">
        <v>38</v>
      </c>
      <c r="P22563" s="5" t="s">
        <v>39</v>
      </c>
      <c r="Q22563" s="5" t="s">
        <v>40</v>
      </c>
      <c r="R22563" s="5" t="s">
        <v>1522</v>
      </c>
      <c r="S22563" s="5" t="s">
        <v>1523</v>
      </c>
      <c r="T22563" s="5" t="s">
        <v>42</v>
      </c>
      <c r="U22563" s="2">
        <v>1.954</v>
      </c>
      <c r="V22563" s="2">
        <v>1.496</v>
      </c>
      <c r="W22563" s="2">
        <v>1.2E-2</v>
      </c>
      <c r="X22563" s="2">
        <v>148.69999999999999</v>
      </c>
      <c r="Y22563" s="2">
        <v>7.6</v>
      </c>
      <c r="Z22563" s="2">
        <v>10.6</v>
      </c>
      <c r="AA22563" s="5"/>
      <c r="AB22563" s="5" t="s">
        <v>43</v>
      </c>
      <c r="AC22563" s="5" t="s">
        <v>44</v>
      </c>
      <c r="AD22563" s="2"/>
      <c r="AE22563" s="1"/>
    </row>
    <row r="22564" spans="1:31" ht="14.45">
      <c r="A22564" s="11"/>
      <c r="B22564" s="20"/>
      <c r="C22564" s="2" t="s">
        <v>72568</v>
      </c>
      <c r="D22564" s="14" t="s">
        <v>72569</v>
      </c>
      <c r="E22564" s="2" t="s">
        <v>72570</v>
      </c>
      <c r="F22564" s="2" t="s">
        <v>71965</v>
      </c>
      <c r="G22564" s="8">
        <v>164</v>
      </c>
      <c r="H22564" s="5">
        <v>6</v>
      </c>
      <c r="I22564" s="5" t="s">
        <v>1518</v>
      </c>
      <c r="J22564" s="5" t="s">
        <v>69038</v>
      </c>
      <c r="K22564" s="2" t="s">
        <v>69039</v>
      </c>
      <c r="L22564" s="5" t="s">
        <v>69038</v>
      </c>
      <c r="M22564" s="2" t="s">
        <v>69039</v>
      </c>
      <c r="N22564" s="5" t="s">
        <v>1521</v>
      </c>
      <c r="O22564" s="5" t="s">
        <v>38</v>
      </c>
      <c r="P22564" s="5" t="s">
        <v>39</v>
      </c>
      <c r="Q22564" s="5" t="s">
        <v>40</v>
      </c>
      <c r="R22564" s="5" t="s">
        <v>1522</v>
      </c>
      <c r="S22564" s="5" t="s">
        <v>1523</v>
      </c>
      <c r="T22564" s="5" t="s">
        <v>42</v>
      </c>
      <c r="U22564" s="2">
        <v>1.8440000000000001</v>
      </c>
      <c r="V22564" s="2">
        <v>1.3859999999999999</v>
      </c>
      <c r="W22564" s="2">
        <v>1.2E-2</v>
      </c>
      <c r="X22564" s="2">
        <v>148.69999999999999</v>
      </c>
      <c r="Y22564" s="2">
        <v>7.6</v>
      </c>
      <c r="Z22564" s="2">
        <v>10.6</v>
      </c>
      <c r="AA22564" s="5"/>
      <c r="AB22564" s="5" t="s">
        <v>43</v>
      </c>
      <c r="AC22564" s="5" t="s">
        <v>44</v>
      </c>
      <c r="AD22564" s="2"/>
      <c r="AE22564" s="1"/>
    </row>
    <row r="22565" spans="1:31" ht="14.45">
      <c r="A22565" s="11"/>
      <c r="B22565" s="20"/>
      <c r="C22565" s="2" t="s">
        <v>72571</v>
      </c>
      <c r="D22565" s="14" t="s">
        <v>72572</v>
      </c>
      <c r="E22565" s="2" t="s">
        <v>72573</v>
      </c>
      <c r="F22565" s="2" t="s">
        <v>71969</v>
      </c>
      <c r="G22565" s="8">
        <v>164</v>
      </c>
      <c r="H22565" s="5">
        <v>6</v>
      </c>
      <c r="I22565" s="5" t="s">
        <v>1518</v>
      </c>
      <c r="J22565" s="5" t="s">
        <v>69038</v>
      </c>
      <c r="K22565" s="2" t="s">
        <v>69039</v>
      </c>
      <c r="L22565" s="5" t="s">
        <v>69038</v>
      </c>
      <c r="M22565" s="2" t="s">
        <v>69039</v>
      </c>
      <c r="N22565" s="5" t="s">
        <v>1521</v>
      </c>
      <c r="O22565" s="5" t="s">
        <v>38</v>
      </c>
      <c r="P22565" s="5" t="s">
        <v>39</v>
      </c>
      <c r="Q22565" s="5" t="s">
        <v>40</v>
      </c>
      <c r="R22565" s="5" t="s">
        <v>1522</v>
      </c>
      <c r="S22565" s="5" t="s">
        <v>1523</v>
      </c>
      <c r="T22565" s="5" t="s">
        <v>42</v>
      </c>
      <c r="U22565" s="2">
        <v>1.954</v>
      </c>
      <c r="V22565" s="2">
        <v>1.496</v>
      </c>
      <c r="W22565" s="2">
        <v>1.2E-2</v>
      </c>
      <c r="X22565" s="2">
        <v>148.69999999999999</v>
      </c>
      <c r="Y22565" s="2">
        <v>7.6</v>
      </c>
      <c r="Z22565" s="2">
        <v>10.6</v>
      </c>
      <c r="AA22565" s="5"/>
      <c r="AB22565" s="5" t="s">
        <v>43</v>
      </c>
      <c r="AC22565" s="5" t="s">
        <v>44</v>
      </c>
      <c r="AD22565" s="2"/>
      <c r="AE22565" s="1"/>
    </row>
    <row r="22566" spans="1:31" ht="14.45">
      <c r="A22566" s="11"/>
      <c r="B22566" s="20"/>
      <c r="C22566" s="2" t="s">
        <v>72574</v>
      </c>
      <c r="D22566" s="14" t="s">
        <v>72575</v>
      </c>
      <c r="E22566" s="2" t="s">
        <v>72576</v>
      </c>
      <c r="F22566" s="2" t="s">
        <v>71973</v>
      </c>
      <c r="G22566" s="8">
        <v>164</v>
      </c>
      <c r="H22566" s="5">
        <v>6</v>
      </c>
      <c r="I22566" s="5" t="s">
        <v>1518</v>
      </c>
      <c r="J22566" s="5" t="s">
        <v>69038</v>
      </c>
      <c r="K22566" s="2" t="s">
        <v>69039</v>
      </c>
      <c r="L22566" s="5" t="s">
        <v>69038</v>
      </c>
      <c r="M22566" s="2" t="s">
        <v>69039</v>
      </c>
      <c r="N22566" s="5" t="s">
        <v>1521</v>
      </c>
      <c r="O22566" s="5" t="s">
        <v>38</v>
      </c>
      <c r="P22566" s="5" t="s">
        <v>39</v>
      </c>
      <c r="Q22566" s="5" t="s">
        <v>40</v>
      </c>
      <c r="R22566" s="5" t="s">
        <v>1522</v>
      </c>
      <c r="S22566" s="5" t="s">
        <v>1523</v>
      </c>
      <c r="T22566" s="5" t="s">
        <v>42</v>
      </c>
      <c r="U22566" s="2">
        <v>1.8440000000000001</v>
      </c>
      <c r="V22566" s="2">
        <v>1.3859999999999999</v>
      </c>
      <c r="W22566" s="2">
        <v>1.2E-2</v>
      </c>
      <c r="X22566" s="2">
        <v>148.69999999999999</v>
      </c>
      <c r="Y22566" s="2">
        <v>7.6</v>
      </c>
      <c r="Z22566" s="2">
        <v>10.6</v>
      </c>
      <c r="AA22566" s="5"/>
      <c r="AB22566" s="5" t="s">
        <v>43</v>
      </c>
      <c r="AC22566" s="5" t="s">
        <v>44</v>
      </c>
      <c r="AD22566" s="2"/>
      <c r="AE22566" s="1"/>
    </row>
    <row r="22567" spans="1:31" ht="14.45">
      <c r="A22567" s="11"/>
      <c r="B22567" s="20"/>
      <c r="C22567" s="2" t="s">
        <v>72577</v>
      </c>
      <c r="D22567" s="14" t="s">
        <v>72578</v>
      </c>
      <c r="E22567" s="2" t="s">
        <v>72579</v>
      </c>
      <c r="F22567" s="2" t="s">
        <v>71977</v>
      </c>
      <c r="G22567" s="8">
        <v>164</v>
      </c>
      <c r="H22567" s="5">
        <v>6</v>
      </c>
      <c r="I22567" s="5" t="s">
        <v>1518</v>
      </c>
      <c r="J22567" s="5" t="s">
        <v>69038</v>
      </c>
      <c r="K22567" s="2" t="s">
        <v>69039</v>
      </c>
      <c r="L22567" s="5" t="s">
        <v>69038</v>
      </c>
      <c r="M22567" s="2" t="s">
        <v>69039</v>
      </c>
      <c r="N22567" s="5" t="s">
        <v>1521</v>
      </c>
      <c r="O22567" s="5" t="s">
        <v>38</v>
      </c>
      <c r="P22567" s="5" t="s">
        <v>39</v>
      </c>
      <c r="Q22567" s="5" t="s">
        <v>40</v>
      </c>
      <c r="R22567" s="5" t="s">
        <v>1522</v>
      </c>
      <c r="S22567" s="5" t="s">
        <v>1523</v>
      </c>
      <c r="T22567" s="5" t="s">
        <v>42</v>
      </c>
      <c r="U22567" s="2">
        <v>1.954</v>
      </c>
      <c r="V22567" s="2">
        <v>1.496</v>
      </c>
      <c r="W22567" s="2">
        <v>1.2E-2</v>
      </c>
      <c r="X22567" s="2">
        <v>148.69999999999999</v>
      </c>
      <c r="Y22567" s="2">
        <v>7.6</v>
      </c>
      <c r="Z22567" s="2">
        <v>10.6</v>
      </c>
      <c r="AA22567" s="5"/>
      <c r="AB22567" s="5" t="s">
        <v>43</v>
      </c>
      <c r="AC22567" s="5" t="s">
        <v>44</v>
      </c>
      <c r="AD22567" s="2"/>
      <c r="AE22567" s="1"/>
    </row>
    <row r="22568" spans="1:31" ht="14.45">
      <c r="A22568" s="11"/>
      <c r="B22568" s="20"/>
      <c r="C22568" s="2" t="s">
        <v>72580</v>
      </c>
      <c r="D22568" s="14" t="s">
        <v>72581</v>
      </c>
      <c r="E22568" s="2" t="s">
        <v>72582</v>
      </c>
      <c r="F22568" s="2" t="s">
        <v>71981</v>
      </c>
      <c r="G22568" s="8">
        <v>164</v>
      </c>
      <c r="H22568" s="5">
        <v>6</v>
      </c>
      <c r="I22568" s="5" t="s">
        <v>1518</v>
      </c>
      <c r="J22568" s="5" t="s">
        <v>69038</v>
      </c>
      <c r="K22568" s="2" t="s">
        <v>69039</v>
      </c>
      <c r="L22568" s="5" t="s">
        <v>69038</v>
      </c>
      <c r="M22568" s="2" t="s">
        <v>69039</v>
      </c>
      <c r="N22568" s="5" t="s">
        <v>1521</v>
      </c>
      <c r="O22568" s="5" t="s">
        <v>38</v>
      </c>
      <c r="P22568" s="5" t="s">
        <v>39</v>
      </c>
      <c r="Q22568" s="5" t="s">
        <v>40</v>
      </c>
      <c r="R22568" s="5" t="s">
        <v>1522</v>
      </c>
      <c r="S22568" s="5" t="s">
        <v>1523</v>
      </c>
      <c r="T22568" s="5" t="s">
        <v>42</v>
      </c>
      <c r="U22568" s="2">
        <v>1.8440000000000001</v>
      </c>
      <c r="V22568" s="2">
        <v>1.3859999999999999</v>
      </c>
      <c r="W22568" s="2">
        <v>1.2E-2</v>
      </c>
      <c r="X22568" s="2">
        <v>148.69999999999999</v>
      </c>
      <c r="Y22568" s="2">
        <v>7.6</v>
      </c>
      <c r="Z22568" s="2">
        <v>10.6</v>
      </c>
      <c r="AA22568" s="5"/>
      <c r="AB22568" s="5" t="s">
        <v>43</v>
      </c>
      <c r="AC22568" s="5" t="s">
        <v>44</v>
      </c>
      <c r="AD22568" s="2"/>
      <c r="AE22568" s="1"/>
    </row>
    <row r="22569" spans="1:31" ht="14.45">
      <c r="A22569" s="11"/>
      <c r="B22569" s="20"/>
      <c r="C22569" s="2" t="s">
        <v>72583</v>
      </c>
      <c r="D22569" s="14" t="s">
        <v>72584</v>
      </c>
      <c r="E22569" s="2" t="s">
        <v>72585</v>
      </c>
      <c r="F22569" s="2" t="s">
        <v>71985</v>
      </c>
      <c r="G22569" s="8">
        <v>164</v>
      </c>
      <c r="H22569" s="5">
        <v>6</v>
      </c>
      <c r="I22569" s="5" t="s">
        <v>1518</v>
      </c>
      <c r="J22569" s="5" t="s">
        <v>69038</v>
      </c>
      <c r="K22569" s="2" t="s">
        <v>69039</v>
      </c>
      <c r="L22569" s="5" t="s">
        <v>69038</v>
      </c>
      <c r="M22569" s="2" t="s">
        <v>69039</v>
      </c>
      <c r="N22569" s="5" t="s">
        <v>1521</v>
      </c>
      <c r="O22569" s="5" t="s">
        <v>38</v>
      </c>
      <c r="P22569" s="5" t="s">
        <v>39</v>
      </c>
      <c r="Q22569" s="5" t="s">
        <v>40</v>
      </c>
      <c r="R22569" s="5" t="s">
        <v>1522</v>
      </c>
      <c r="S22569" s="5" t="s">
        <v>1523</v>
      </c>
      <c r="T22569" s="5" t="s">
        <v>42</v>
      </c>
      <c r="U22569" s="2">
        <v>1.954</v>
      </c>
      <c r="V22569" s="2">
        <v>1.496</v>
      </c>
      <c r="W22569" s="2">
        <v>1.2E-2</v>
      </c>
      <c r="X22569" s="2">
        <v>148.69999999999999</v>
      </c>
      <c r="Y22569" s="2">
        <v>7.6</v>
      </c>
      <c r="Z22569" s="2">
        <v>10.6</v>
      </c>
      <c r="AA22569" s="5"/>
      <c r="AB22569" s="5" t="s">
        <v>43</v>
      </c>
      <c r="AC22569" s="5" t="s">
        <v>44</v>
      </c>
      <c r="AD22569" s="2"/>
      <c r="AE22569" s="1"/>
    </row>
    <row r="22570" spans="1:31" ht="14.45">
      <c r="A22570" s="11"/>
      <c r="B22570" s="20"/>
      <c r="C22570" s="2" t="s">
        <v>72586</v>
      </c>
      <c r="D22570" s="14" t="s">
        <v>72587</v>
      </c>
      <c r="E22570" s="2" t="s">
        <v>72588</v>
      </c>
      <c r="F22570" s="2" t="s">
        <v>71957</v>
      </c>
      <c r="G22570" s="8">
        <v>140</v>
      </c>
      <c r="H22570" s="5">
        <v>6</v>
      </c>
      <c r="I22570" s="5" t="s">
        <v>1518</v>
      </c>
      <c r="J22570" s="5" t="s">
        <v>69038</v>
      </c>
      <c r="K22570" s="2" t="s">
        <v>69039</v>
      </c>
      <c r="L22570" s="5" t="s">
        <v>69038</v>
      </c>
      <c r="M22570" s="2" t="s">
        <v>69039</v>
      </c>
      <c r="N22570" s="5" t="s">
        <v>1521</v>
      </c>
      <c r="O22570" s="5" t="s">
        <v>38</v>
      </c>
      <c r="P22570" s="5" t="s">
        <v>39</v>
      </c>
      <c r="Q22570" s="5" t="s">
        <v>40</v>
      </c>
      <c r="R22570" s="5" t="s">
        <v>1522</v>
      </c>
      <c r="S22570" s="5" t="s">
        <v>1523</v>
      </c>
      <c r="T22570" s="5" t="s">
        <v>42</v>
      </c>
      <c r="U22570" s="2">
        <v>1.216</v>
      </c>
      <c r="V22570" s="2">
        <v>0.877</v>
      </c>
      <c r="W22570" s="2">
        <v>8.9999999999999993E-3</v>
      </c>
      <c r="X22570" s="2">
        <v>106.5</v>
      </c>
      <c r="Y22570" s="2">
        <v>7.6</v>
      </c>
      <c r="Z22570" s="2">
        <v>10.6</v>
      </c>
      <c r="AA22570" s="5"/>
      <c r="AB22570" s="5" t="s">
        <v>43</v>
      </c>
      <c r="AC22570" s="5" t="s">
        <v>44</v>
      </c>
      <c r="AD22570" s="2"/>
      <c r="AE22570" s="1"/>
    </row>
    <row r="22571" spans="1:31" ht="14.45">
      <c r="A22571" s="11"/>
      <c r="B22571" s="20"/>
      <c r="C22571" s="2" t="s">
        <v>72589</v>
      </c>
      <c r="D22571" s="14" t="s">
        <v>72590</v>
      </c>
      <c r="E22571" s="2" t="s">
        <v>72591</v>
      </c>
      <c r="F22571" s="2" t="s">
        <v>71961</v>
      </c>
      <c r="G22571" s="8">
        <v>140</v>
      </c>
      <c r="H22571" s="5">
        <v>6</v>
      </c>
      <c r="I22571" s="5" t="s">
        <v>1518</v>
      </c>
      <c r="J22571" s="5" t="s">
        <v>69038</v>
      </c>
      <c r="K22571" s="2" t="s">
        <v>69039</v>
      </c>
      <c r="L22571" s="5" t="s">
        <v>69038</v>
      </c>
      <c r="M22571" s="2" t="s">
        <v>69039</v>
      </c>
      <c r="N22571" s="5" t="s">
        <v>1521</v>
      </c>
      <c r="O22571" s="5" t="s">
        <v>38</v>
      </c>
      <c r="P22571" s="5" t="s">
        <v>39</v>
      </c>
      <c r="Q22571" s="5" t="s">
        <v>40</v>
      </c>
      <c r="R22571" s="5" t="s">
        <v>1522</v>
      </c>
      <c r="S22571" s="5" t="s">
        <v>1523</v>
      </c>
      <c r="T22571" s="5" t="s">
        <v>42</v>
      </c>
      <c r="U22571" s="2">
        <v>1.2769999999999999</v>
      </c>
      <c r="V22571" s="2">
        <v>0.93799999999999994</v>
      </c>
      <c r="W22571" s="2">
        <v>8.9999999999999993E-3</v>
      </c>
      <c r="X22571" s="2">
        <v>106.5</v>
      </c>
      <c r="Y22571" s="2">
        <v>7.6</v>
      </c>
      <c r="Z22571" s="2">
        <v>10.6</v>
      </c>
      <c r="AA22571" s="5"/>
      <c r="AB22571" s="5" t="s">
        <v>43</v>
      </c>
      <c r="AC22571" s="5" t="s">
        <v>44</v>
      </c>
      <c r="AD22571" s="2"/>
      <c r="AE22571" s="1"/>
    </row>
    <row r="22572" spans="1:31" ht="14.45">
      <c r="A22572" s="11"/>
      <c r="B22572" s="20"/>
      <c r="C22572" s="2" t="s">
        <v>72592</v>
      </c>
      <c r="D22572" s="14" t="s">
        <v>72593</v>
      </c>
      <c r="E22572" s="2" t="s">
        <v>72594</v>
      </c>
      <c r="F22572" s="2" t="s">
        <v>71965</v>
      </c>
      <c r="G22572" s="8">
        <v>140</v>
      </c>
      <c r="H22572" s="5">
        <v>6</v>
      </c>
      <c r="I22572" s="5" t="s">
        <v>1518</v>
      </c>
      <c r="J22572" s="5" t="s">
        <v>69038</v>
      </c>
      <c r="K22572" s="2" t="s">
        <v>69039</v>
      </c>
      <c r="L22572" s="5" t="s">
        <v>69038</v>
      </c>
      <c r="M22572" s="2" t="s">
        <v>69039</v>
      </c>
      <c r="N22572" s="5" t="s">
        <v>1521</v>
      </c>
      <c r="O22572" s="5" t="s">
        <v>38</v>
      </c>
      <c r="P22572" s="5" t="s">
        <v>39</v>
      </c>
      <c r="Q22572" s="5" t="s">
        <v>40</v>
      </c>
      <c r="R22572" s="5" t="s">
        <v>1522</v>
      </c>
      <c r="S22572" s="5" t="s">
        <v>1523</v>
      </c>
      <c r="T22572" s="5" t="s">
        <v>42</v>
      </c>
      <c r="U22572" s="2">
        <v>1.216</v>
      </c>
      <c r="V22572" s="2">
        <v>0.877</v>
      </c>
      <c r="W22572" s="2">
        <v>8.9999999999999993E-3</v>
      </c>
      <c r="X22572" s="2">
        <v>106.5</v>
      </c>
      <c r="Y22572" s="2">
        <v>7.6</v>
      </c>
      <c r="Z22572" s="2">
        <v>10.6</v>
      </c>
      <c r="AA22572" s="5"/>
      <c r="AB22572" s="5" t="s">
        <v>43</v>
      </c>
      <c r="AC22572" s="5" t="s">
        <v>44</v>
      </c>
      <c r="AD22572" s="2"/>
      <c r="AE22572" s="1"/>
    </row>
    <row r="22573" spans="1:31" ht="14.45">
      <c r="A22573" s="11"/>
      <c r="B22573" s="20"/>
      <c r="C22573" s="2" t="s">
        <v>72595</v>
      </c>
      <c r="D22573" s="14" t="s">
        <v>72596</v>
      </c>
      <c r="E22573" s="2" t="s">
        <v>72597</v>
      </c>
      <c r="F22573" s="2" t="s">
        <v>71969</v>
      </c>
      <c r="G22573" s="8">
        <v>140</v>
      </c>
      <c r="H22573" s="5">
        <v>6</v>
      </c>
      <c r="I22573" s="5" t="s">
        <v>1518</v>
      </c>
      <c r="J22573" s="5" t="s">
        <v>69038</v>
      </c>
      <c r="K22573" s="2" t="s">
        <v>69039</v>
      </c>
      <c r="L22573" s="5" t="s">
        <v>69038</v>
      </c>
      <c r="M22573" s="2" t="s">
        <v>69039</v>
      </c>
      <c r="N22573" s="5" t="s">
        <v>1521</v>
      </c>
      <c r="O22573" s="5" t="s">
        <v>38</v>
      </c>
      <c r="P22573" s="5" t="s">
        <v>39</v>
      </c>
      <c r="Q22573" s="5" t="s">
        <v>40</v>
      </c>
      <c r="R22573" s="5" t="s">
        <v>1522</v>
      </c>
      <c r="S22573" s="5" t="s">
        <v>1523</v>
      </c>
      <c r="T22573" s="5" t="s">
        <v>42</v>
      </c>
      <c r="U22573" s="2">
        <v>1.2769999999999999</v>
      </c>
      <c r="V22573" s="2">
        <v>0.93799999999999994</v>
      </c>
      <c r="W22573" s="2">
        <v>8.9999999999999993E-3</v>
      </c>
      <c r="X22573" s="2">
        <v>106.5</v>
      </c>
      <c r="Y22573" s="2">
        <v>7.6</v>
      </c>
      <c r="Z22573" s="2">
        <v>10.6</v>
      </c>
      <c r="AA22573" s="5"/>
      <c r="AB22573" s="5" t="s">
        <v>43</v>
      </c>
      <c r="AC22573" s="5" t="s">
        <v>44</v>
      </c>
      <c r="AD22573" s="2"/>
      <c r="AE22573" s="1"/>
    </row>
    <row r="22574" spans="1:31" ht="14.45">
      <c r="A22574" s="11"/>
      <c r="B22574" s="20"/>
      <c r="C22574" s="2" t="s">
        <v>72598</v>
      </c>
      <c r="D22574" s="14" t="s">
        <v>72599</v>
      </c>
      <c r="E22574" s="2" t="s">
        <v>72600</v>
      </c>
      <c r="F22574" s="2" t="s">
        <v>71973</v>
      </c>
      <c r="G22574" s="8">
        <v>140</v>
      </c>
      <c r="H22574" s="5">
        <v>6</v>
      </c>
      <c r="I22574" s="5" t="s">
        <v>1518</v>
      </c>
      <c r="J22574" s="5" t="s">
        <v>69038</v>
      </c>
      <c r="K22574" s="2" t="s">
        <v>69039</v>
      </c>
      <c r="L22574" s="5" t="s">
        <v>69038</v>
      </c>
      <c r="M22574" s="2" t="s">
        <v>69039</v>
      </c>
      <c r="N22574" s="5" t="s">
        <v>1521</v>
      </c>
      <c r="O22574" s="5" t="s">
        <v>38</v>
      </c>
      <c r="P22574" s="5" t="s">
        <v>39</v>
      </c>
      <c r="Q22574" s="5" t="s">
        <v>40</v>
      </c>
      <c r="R22574" s="5" t="s">
        <v>1522</v>
      </c>
      <c r="S22574" s="5" t="s">
        <v>1523</v>
      </c>
      <c r="T22574" s="5" t="s">
        <v>42</v>
      </c>
      <c r="U22574" s="2">
        <v>1.216</v>
      </c>
      <c r="V22574" s="2">
        <v>0.877</v>
      </c>
      <c r="W22574" s="2">
        <v>8.9999999999999993E-3</v>
      </c>
      <c r="X22574" s="2">
        <v>106.5</v>
      </c>
      <c r="Y22574" s="2">
        <v>7.6</v>
      </c>
      <c r="Z22574" s="2">
        <v>10.6</v>
      </c>
      <c r="AA22574" s="5"/>
      <c r="AB22574" s="5" t="s">
        <v>43</v>
      </c>
      <c r="AC22574" s="5" t="s">
        <v>44</v>
      </c>
      <c r="AD22574" s="2"/>
      <c r="AE22574" s="1"/>
    </row>
    <row r="22575" spans="1:31" ht="14.45">
      <c r="A22575" s="11"/>
      <c r="B22575" s="20"/>
      <c r="C22575" s="2" t="s">
        <v>72601</v>
      </c>
      <c r="D22575" s="14" t="s">
        <v>72602</v>
      </c>
      <c r="E22575" s="2" t="s">
        <v>72603</v>
      </c>
      <c r="F22575" s="2" t="s">
        <v>71977</v>
      </c>
      <c r="G22575" s="8">
        <v>140</v>
      </c>
      <c r="H22575" s="5">
        <v>6</v>
      </c>
      <c r="I22575" s="5" t="s">
        <v>1518</v>
      </c>
      <c r="J22575" s="5" t="s">
        <v>69038</v>
      </c>
      <c r="K22575" s="2" t="s">
        <v>69039</v>
      </c>
      <c r="L22575" s="5" t="s">
        <v>69038</v>
      </c>
      <c r="M22575" s="2" t="s">
        <v>69039</v>
      </c>
      <c r="N22575" s="5" t="s">
        <v>1521</v>
      </c>
      <c r="O22575" s="5" t="s">
        <v>38</v>
      </c>
      <c r="P22575" s="5" t="s">
        <v>39</v>
      </c>
      <c r="Q22575" s="5" t="s">
        <v>40</v>
      </c>
      <c r="R22575" s="5" t="s">
        <v>1522</v>
      </c>
      <c r="S22575" s="5" t="s">
        <v>1523</v>
      </c>
      <c r="T22575" s="5" t="s">
        <v>42</v>
      </c>
      <c r="U22575" s="2">
        <v>1.2769999999999999</v>
      </c>
      <c r="V22575" s="2">
        <v>0.93799999999999994</v>
      </c>
      <c r="W22575" s="2">
        <v>8.9999999999999993E-3</v>
      </c>
      <c r="X22575" s="2">
        <v>106.5</v>
      </c>
      <c r="Y22575" s="2">
        <v>7.6</v>
      </c>
      <c r="Z22575" s="2">
        <v>10.6</v>
      </c>
      <c r="AA22575" s="5"/>
      <c r="AB22575" s="5" t="s">
        <v>43</v>
      </c>
      <c r="AC22575" s="5" t="s">
        <v>44</v>
      </c>
      <c r="AD22575" s="2"/>
      <c r="AE22575" s="1"/>
    </row>
    <row r="22576" spans="1:31" ht="14.45">
      <c r="A22576" s="11"/>
      <c r="B22576" s="20"/>
      <c r="C22576" s="2" t="s">
        <v>72604</v>
      </c>
      <c r="D22576" s="14" t="s">
        <v>72605</v>
      </c>
      <c r="E22576" s="2" t="s">
        <v>72606</v>
      </c>
      <c r="F22576" s="2" t="s">
        <v>71981</v>
      </c>
      <c r="G22576" s="8">
        <v>140</v>
      </c>
      <c r="H22576" s="5">
        <v>6</v>
      </c>
      <c r="I22576" s="5" t="s">
        <v>1518</v>
      </c>
      <c r="J22576" s="5" t="s">
        <v>69038</v>
      </c>
      <c r="K22576" s="2" t="s">
        <v>69039</v>
      </c>
      <c r="L22576" s="5" t="s">
        <v>69038</v>
      </c>
      <c r="M22576" s="2" t="s">
        <v>69039</v>
      </c>
      <c r="N22576" s="5" t="s">
        <v>1521</v>
      </c>
      <c r="O22576" s="5" t="s">
        <v>38</v>
      </c>
      <c r="P22576" s="5" t="s">
        <v>39</v>
      </c>
      <c r="Q22576" s="5" t="s">
        <v>40</v>
      </c>
      <c r="R22576" s="5" t="s">
        <v>1522</v>
      </c>
      <c r="S22576" s="5" t="s">
        <v>1523</v>
      </c>
      <c r="T22576" s="5" t="s">
        <v>42</v>
      </c>
      <c r="U22576" s="2">
        <v>1.216</v>
      </c>
      <c r="V22576" s="2">
        <v>0.877</v>
      </c>
      <c r="W22576" s="2">
        <v>8.9999999999999993E-3</v>
      </c>
      <c r="X22576" s="2">
        <v>106.5</v>
      </c>
      <c r="Y22576" s="2">
        <v>7.6</v>
      </c>
      <c r="Z22576" s="2">
        <v>10.6</v>
      </c>
      <c r="AA22576" s="5"/>
      <c r="AB22576" s="5" t="s">
        <v>43</v>
      </c>
      <c r="AC22576" s="5" t="s">
        <v>44</v>
      </c>
      <c r="AD22576" s="2"/>
      <c r="AE22576" s="1"/>
    </row>
    <row r="22577" spans="1:31" ht="14.45">
      <c r="A22577" s="11"/>
      <c r="B22577" s="20"/>
      <c r="C22577" s="2" t="s">
        <v>72607</v>
      </c>
      <c r="D22577" s="14" t="s">
        <v>72608</v>
      </c>
      <c r="E22577" s="2" t="s">
        <v>72609</v>
      </c>
      <c r="F22577" s="2" t="s">
        <v>71985</v>
      </c>
      <c r="G22577" s="8">
        <v>140</v>
      </c>
      <c r="H22577" s="5">
        <v>6</v>
      </c>
      <c r="I22577" s="5" t="s">
        <v>1518</v>
      </c>
      <c r="J22577" s="5" t="s">
        <v>69038</v>
      </c>
      <c r="K22577" s="2" t="s">
        <v>69039</v>
      </c>
      <c r="L22577" s="5" t="s">
        <v>69038</v>
      </c>
      <c r="M22577" s="2" t="s">
        <v>69039</v>
      </c>
      <c r="N22577" s="5" t="s">
        <v>1521</v>
      </c>
      <c r="O22577" s="5" t="s">
        <v>38</v>
      </c>
      <c r="P22577" s="5" t="s">
        <v>39</v>
      </c>
      <c r="Q22577" s="5" t="s">
        <v>40</v>
      </c>
      <c r="R22577" s="5" t="s">
        <v>1522</v>
      </c>
      <c r="S22577" s="5" t="s">
        <v>1523</v>
      </c>
      <c r="T22577" s="5" t="s">
        <v>42</v>
      </c>
      <c r="U22577" s="2">
        <v>1.2769999999999999</v>
      </c>
      <c r="V22577" s="2">
        <v>0.93799999999999994</v>
      </c>
      <c r="W22577" s="2">
        <v>8.9999999999999993E-3</v>
      </c>
      <c r="X22577" s="2">
        <v>106.5</v>
      </c>
      <c r="Y22577" s="2">
        <v>7.6</v>
      </c>
      <c r="Z22577" s="2">
        <v>10.6</v>
      </c>
      <c r="AA22577" s="5"/>
      <c r="AB22577" s="5" t="s">
        <v>43</v>
      </c>
      <c r="AC22577" s="5" t="s">
        <v>44</v>
      </c>
      <c r="AD22577" s="2"/>
      <c r="AE22577" s="1"/>
    </row>
    <row r="22578" spans="1:31" ht="14.45">
      <c r="A22578" s="11"/>
      <c r="B22578" s="20"/>
      <c r="C22578" s="2" t="s">
        <v>72610</v>
      </c>
      <c r="D22578" s="14" t="s">
        <v>72611</v>
      </c>
      <c r="E22578" s="2" t="s">
        <v>72612</v>
      </c>
      <c r="F22578" s="2" t="s">
        <v>71957</v>
      </c>
      <c r="G22578" s="8">
        <v>140</v>
      </c>
      <c r="H22578" s="5">
        <v>6</v>
      </c>
      <c r="I22578" s="5" t="s">
        <v>1518</v>
      </c>
      <c r="J22578" s="5" t="s">
        <v>69038</v>
      </c>
      <c r="K22578" s="2" t="s">
        <v>69039</v>
      </c>
      <c r="L22578" s="5" t="s">
        <v>69038</v>
      </c>
      <c r="M22578" s="2" t="s">
        <v>69039</v>
      </c>
      <c r="N22578" s="5" t="s">
        <v>1521</v>
      </c>
      <c r="O22578" s="5" t="s">
        <v>38</v>
      </c>
      <c r="P22578" s="5" t="s">
        <v>39</v>
      </c>
      <c r="Q22578" s="5" t="s">
        <v>40</v>
      </c>
      <c r="R22578" s="5" t="s">
        <v>1522</v>
      </c>
      <c r="S22578" s="5" t="s">
        <v>1523</v>
      </c>
      <c r="T22578" s="5" t="s">
        <v>42</v>
      </c>
      <c r="U22578" s="2">
        <v>1.5309999999999999</v>
      </c>
      <c r="V22578" s="2">
        <v>1.1919999999999999</v>
      </c>
      <c r="W22578" s="2">
        <v>8.9999999999999993E-3</v>
      </c>
      <c r="X22578" s="2">
        <v>106.5</v>
      </c>
      <c r="Y22578" s="2">
        <v>7.6</v>
      </c>
      <c r="Z22578" s="2">
        <v>10.6</v>
      </c>
      <c r="AA22578" s="5"/>
      <c r="AB22578" s="5" t="s">
        <v>43</v>
      </c>
      <c r="AC22578" s="5" t="s">
        <v>44</v>
      </c>
      <c r="AD22578" s="2"/>
      <c r="AE22578" s="1"/>
    </row>
    <row r="22579" spans="1:31" ht="14.45">
      <c r="A22579" s="11"/>
      <c r="B22579" s="20"/>
      <c r="C22579" s="2" t="s">
        <v>72613</v>
      </c>
      <c r="D22579" s="14" t="s">
        <v>72614</v>
      </c>
      <c r="E22579" s="2" t="s">
        <v>72615</v>
      </c>
      <c r="F22579" s="2" t="s">
        <v>71961</v>
      </c>
      <c r="G22579" s="8">
        <v>140</v>
      </c>
      <c r="H22579" s="5">
        <v>6</v>
      </c>
      <c r="I22579" s="5" t="s">
        <v>1518</v>
      </c>
      <c r="J22579" s="5" t="s">
        <v>69038</v>
      </c>
      <c r="K22579" s="2" t="s">
        <v>69039</v>
      </c>
      <c r="L22579" s="5" t="s">
        <v>69038</v>
      </c>
      <c r="M22579" s="2" t="s">
        <v>69039</v>
      </c>
      <c r="N22579" s="5" t="s">
        <v>1521</v>
      </c>
      <c r="O22579" s="5" t="s">
        <v>38</v>
      </c>
      <c r="P22579" s="5" t="s">
        <v>39</v>
      </c>
      <c r="Q22579" s="5" t="s">
        <v>40</v>
      </c>
      <c r="R22579" s="5" t="s">
        <v>1522</v>
      </c>
      <c r="S22579" s="5" t="s">
        <v>1523</v>
      </c>
      <c r="T22579" s="5" t="s">
        <v>42</v>
      </c>
      <c r="U22579" s="2">
        <v>1.623</v>
      </c>
      <c r="V22579" s="2">
        <v>1.284</v>
      </c>
      <c r="W22579" s="2">
        <v>8.9999999999999993E-3</v>
      </c>
      <c r="X22579" s="2">
        <v>106.5</v>
      </c>
      <c r="Y22579" s="2">
        <v>7.6</v>
      </c>
      <c r="Z22579" s="2">
        <v>10.6</v>
      </c>
      <c r="AA22579" s="5"/>
      <c r="AB22579" s="5" t="s">
        <v>43</v>
      </c>
      <c r="AC22579" s="5" t="s">
        <v>44</v>
      </c>
      <c r="AD22579" s="2"/>
      <c r="AE22579" s="1"/>
    </row>
    <row r="22580" spans="1:31" ht="14.45">
      <c r="A22580" s="11"/>
      <c r="B22580" s="20"/>
      <c r="C22580" s="2" t="s">
        <v>72616</v>
      </c>
      <c r="D22580" s="14" t="s">
        <v>72617</v>
      </c>
      <c r="E22580" s="2" t="s">
        <v>72618</v>
      </c>
      <c r="F22580" s="2" t="s">
        <v>71965</v>
      </c>
      <c r="G22580" s="8">
        <v>140</v>
      </c>
      <c r="H22580" s="5">
        <v>6</v>
      </c>
      <c r="I22580" s="5" t="s">
        <v>1518</v>
      </c>
      <c r="J22580" s="5" t="s">
        <v>69038</v>
      </c>
      <c r="K22580" s="2" t="s">
        <v>69039</v>
      </c>
      <c r="L22580" s="5" t="s">
        <v>69038</v>
      </c>
      <c r="M22580" s="2" t="s">
        <v>69039</v>
      </c>
      <c r="N22580" s="5" t="s">
        <v>1521</v>
      </c>
      <c r="O22580" s="5" t="s">
        <v>38</v>
      </c>
      <c r="P22580" s="5" t="s">
        <v>39</v>
      </c>
      <c r="Q22580" s="5" t="s">
        <v>40</v>
      </c>
      <c r="R22580" s="5" t="s">
        <v>1522</v>
      </c>
      <c r="S22580" s="5" t="s">
        <v>1523</v>
      </c>
      <c r="T22580" s="5" t="s">
        <v>42</v>
      </c>
      <c r="U22580" s="2">
        <v>1.5309999999999999</v>
      </c>
      <c r="V22580" s="2">
        <v>1.1919999999999999</v>
      </c>
      <c r="W22580" s="2">
        <v>8.9999999999999993E-3</v>
      </c>
      <c r="X22580" s="2">
        <v>106.5</v>
      </c>
      <c r="Y22580" s="2">
        <v>7.6</v>
      </c>
      <c r="Z22580" s="2">
        <v>10.6</v>
      </c>
      <c r="AA22580" s="5"/>
      <c r="AB22580" s="5" t="s">
        <v>43</v>
      </c>
      <c r="AC22580" s="5" t="s">
        <v>44</v>
      </c>
      <c r="AD22580" s="2"/>
      <c r="AE22580" s="1"/>
    </row>
    <row r="22581" spans="1:31" ht="14.45">
      <c r="A22581" s="11"/>
      <c r="B22581" s="20"/>
      <c r="C22581" s="2" t="s">
        <v>72619</v>
      </c>
      <c r="D22581" s="14" t="s">
        <v>72620</v>
      </c>
      <c r="E22581" s="2" t="s">
        <v>72621</v>
      </c>
      <c r="F22581" s="2" t="s">
        <v>71969</v>
      </c>
      <c r="G22581" s="8">
        <v>140</v>
      </c>
      <c r="H22581" s="5">
        <v>6</v>
      </c>
      <c r="I22581" s="5" t="s">
        <v>1518</v>
      </c>
      <c r="J22581" s="5" t="s">
        <v>69038</v>
      </c>
      <c r="K22581" s="2" t="s">
        <v>69039</v>
      </c>
      <c r="L22581" s="5" t="s">
        <v>69038</v>
      </c>
      <c r="M22581" s="2" t="s">
        <v>69039</v>
      </c>
      <c r="N22581" s="5" t="s">
        <v>1521</v>
      </c>
      <c r="O22581" s="5" t="s">
        <v>38</v>
      </c>
      <c r="P22581" s="5" t="s">
        <v>39</v>
      </c>
      <c r="Q22581" s="5" t="s">
        <v>40</v>
      </c>
      <c r="R22581" s="5" t="s">
        <v>1522</v>
      </c>
      <c r="S22581" s="5" t="s">
        <v>1523</v>
      </c>
      <c r="T22581" s="5" t="s">
        <v>42</v>
      </c>
      <c r="U22581" s="2">
        <v>1.623</v>
      </c>
      <c r="V22581" s="2">
        <v>1.284</v>
      </c>
      <c r="W22581" s="2">
        <v>8.9999999999999993E-3</v>
      </c>
      <c r="X22581" s="2">
        <v>106.5</v>
      </c>
      <c r="Y22581" s="2">
        <v>7.6</v>
      </c>
      <c r="Z22581" s="2">
        <v>10.6</v>
      </c>
      <c r="AA22581" s="5"/>
      <c r="AB22581" s="5" t="s">
        <v>43</v>
      </c>
      <c r="AC22581" s="5" t="s">
        <v>44</v>
      </c>
      <c r="AD22581" s="2"/>
      <c r="AE22581" s="1"/>
    </row>
    <row r="22582" spans="1:31" ht="14.45">
      <c r="A22582" s="11"/>
      <c r="B22582" s="20"/>
      <c r="C22582" s="2" t="s">
        <v>72622</v>
      </c>
      <c r="D22582" s="14" t="s">
        <v>72623</v>
      </c>
      <c r="E22582" s="2" t="s">
        <v>72624</v>
      </c>
      <c r="F22582" s="2" t="s">
        <v>71973</v>
      </c>
      <c r="G22582" s="8">
        <v>140</v>
      </c>
      <c r="H22582" s="5">
        <v>6</v>
      </c>
      <c r="I22582" s="5" t="s">
        <v>1518</v>
      </c>
      <c r="J22582" s="5" t="s">
        <v>69038</v>
      </c>
      <c r="K22582" s="2" t="s">
        <v>69039</v>
      </c>
      <c r="L22582" s="5" t="s">
        <v>69038</v>
      </c>
      <c r="M22582" s="2" t="s">
        <v>69039</v>
      </c>
      <c r="N22582" s="5" t="s">
        <v>1521</v>
      </c>
      <c r="O22582" s="5" t="s">
        <v>38</v>
      </c>
      <c r="P22582" s="5" t="s">
        <v>39</v>
      </c>
      <c r="Q22582" s="5" t="s">
        <v>40</v>
      </c>
      <c r="R22582" s="5" t="s">
        <v>1522</v>
      </c>
      <c r="S22582" s="5" t="s">
        <v>1523</v>
      </c>
      <c r="T22582" s="5" t="s">
        <v>42</v>
      </c>
      <c r="U22582" s="2">
        <v>1.5309999999999999</v>
      </c>
      <c r="V22582" s="2">
        <v>1.1919999999999999</v>
      </c>
      <c r="W22582" s="2">
        <v>8.9999999999999993E-3</v>
      </c>
      <c r="X22582" s="2">
        <v>106.5</v>
      </c>
      <c r="Y22582" s="2">
        <v>7.6</v>
      </c>
      <c r="Z22582" s="2">
        <v>10.6</v>
      </c>
      <c r="AA22582" s="5"/>
      <c r="AB22582" s="5" t="s">
        <v>43</v>
      </c>
      <c r="AC22582" s="5" t="s">
        <v>44</v>
      </c>
      <c r="AD22582" s="2"/>
      <c r="AE22582" s="1"/>
    </row>
    <row r="22583" spans="1:31" ht="14.45">
      <c r="A22583" s="11"/>
      <c r="B22583" s="20"/>
      <c r="C22583" s="2" t="s">
        <v>72625</v>
      </c>
      <c r="D22583" s="14" t="s">
        <v>72626</v>
      </c>
      <c r="E22583" s="2" t="s">
        <v>72627</v>
      </c>
      <c r="F22583" s="2" t="s">
        <v>71977</v>
      </c>
      <c r="G22583" s="8">
        <v>140</v>
      </c>
      <c r="H22583" s="5">
        <v>6</v>
      </c>
      <c r="I22583" s="5" t="s">
        <v>1518</v>
      </c>
      <c r="J22583" s="5" t="s">
        <v>69038</v>
      </c>
      <c r="K22583" s="2" t="s">
        <v>69039</v>
      </c>
      <c r="L22583" s="5" t="s">
        <v>69038</v>
      </c>
      <c r="M22583" s="2" t="s">
        <v>69039</v>
      </c>
      <c r="N22583" s="5" t="s">
        <v>1521</v>
      </c>
      <c r="O22583" s="5" t="s">
        <v>38</v>
      </c>
      <c r="P22583" s="5" t="s">
        <v>39</v>
      </c>
      <c r="Q22583" s="5" t="s">
        <v>40</v>
      </c>
      <c r="R22583" s="5" t="s">
        <v>1522</v>
      </c>
      <c r="S22583" s="5" t="s">
        <v>1523</v>
      </c>
      <c r="T22583" s="5" t="s">
        <v>42</v>
      </c>
      <c r="U22583" s="2">
        <v>1.623</v>
      </c>
      <c r="V22583" s="2">
        <v>1.284</v>
      </c>
      <c r="W22583" s="2">
        <v>8.9999999999999993E-3</v>
      </c>
      <c r="X22583" s="2">
        <v>106.5</v>
      </c>
      <c r="Y22583" s="2">
        <v>7.6</v>
      </c>
      <c r="Z22583" s="2">
        <v>10.6</v>
      </c>
      <c r="AA22583" s="5"/>
      <c r="AB22583" s="5" t="s">
        <v>43</v>
      </c>
      <c r="AC22583" s="5" t="s">
        <v>44</v>
      </c>
      <c r="AD22583" s="2"/>
      <c r="AE22583" s="1"/>
    </row>
    <row r="22584" spans="1:31" ht="14.45">
      <c r="A22584" s="11"/>
      <c r="B22584" s="20"/>
      <c r="C22584" s="2" t="s">
        <v>72628</v>
      </c>
      <c r="D22584" s="14" t="s">
        <v>72629</v>
      </c>
      <c r="E22584" s="2" t="s">
        <v>72630</v>
      </c>
      <c r="F22584" s="2" t="s">
        <v>71981</v>
      </c>
      <c r="G22584" s="8">
        <v>140</v>
      </c>
      <c r="H22584" s="5">
        <v>6</v>
      </c>
      <c r="I22584" s="5" t="s">
        <v>1518</v>
      </c>
      <c r="J22584" s="5" t="s">
        <v>69038</v>
      </c>
      <c r="K22584" s="2" t="s">
        <v>69039</v>
      </c>
      <c r="L22584" s="5" t="s">
        <v>69038</v>
      </c>
      <c r="M22584" s="2" t="s">
        <v>69039</v>
      </c>
      <c r="N22584" s="5" t="s">
        <v>1521</v>
      </c>
      <c r="O22584" s="5" t="s">
        <v>38</v>
      </c>
      <c r="P22584" s="5" t="s">
        <v>39</v>
      </c>
      <c r="Q22584" s="5" t="s">
        <v>40</v>
      </c>
      <c r="R22584" s="5" t="s">
        <v>1522</v>
      </c>
      <c r="S22584" s="5" t="s">
        <v>1523</v>
      </c>
      <c r="T22584" s="5" t="s">
        <v>42</v>
      </c>
      <c r="U22584" s="2">
        <v>1.5309999999999999</v>
      </c>
      <c r="V22584" s="2">
        <v>1.1919999999999999</v>
      </c>
      <c r="W22584" s="2">
        <v>8.9999999999999993E-3</v>
      </c>
      <c r="X22584" s="2">
        <v>106.5</v>
      </c>
      <c r="Y22584" s="2">
        <v>7.6</v>
      </c>
      <c r="Z22584" s="2">
        <v>10.6</v>
      </c>
      <c r="AA22584" s="5"/>
      <c r="AB22584" s="5" t="s">
        <v>43</v>
      </c>
      <c r="AC22584" s="5" t="s">
        <v>44</v>
      </c>
      <c r="AD22584" s="2"/>
      <c r="AE22584" s="1"/>
    </row>
    <row r="22585" spans="1:31" ht="14.45">
      <c r="A22585" s="11"/>
      <c r="B22585" s="20"/>
      <c r="C22585" s="2" t="s">
        <v>72631</v>
      </c>
      <c r="D22585" s="14" t="s">
        <v>72632</v>
      </c>
      <c r="E22585" s="2" t="s">
        <v>72633</v>
      </c>
      <c r="F22585" s="2" t="s">
        <v>71985</v>
      </c>
      <c r="G22585" s="8">
        <v>140</v>
      </c>
      <c r="H22585" s="5">
        <v>6</v>
      </c>
      <c r="I22585" s="5" t="s">
        <v>1518</v>
      </c>
      <c r="J22585" s="5" t="s">
        <v>69038</v>
      </c>
      <c r="K22585" s="2" t="s">
        <v>69039</v>
      </c>
      <c r="L22585" s="5" t="s">
        <v>69038</v>
      </c>
      <c r="M22585" s="2" t="s">
        <v>69039</v>
      </c>
      <c r="N22585" s="5" t="s">
        <v>1521</v>
      </c>
      <c r="O22585" s="5" t="s">
        <v>38</v>
      </c>
      <c r="P22585" s="5" t="s">
        <v>39</v>
      </c>
      <c r="Q22585" s="5" t="s">
        <v>40</v>
      </c>
      <c r="R22585" s="5" t="s">
        <v>1522</v>
      </c>
      <c r="S22585" s="5" t="s">
        <v>1523</v>
      </c>
      <c r="T22585" s="5" t="s">
        <v>42</v>
      </c>
      <c r="U22585" s="2">
        <v>1.623</v>
      </c>
      <c r="V22585" s="2">
        <v>1.284</v>
      </c>
      <c r="W22585" s="2">
        <v>8.9999999999999993E-3</v>
      </c>
      <c r="X22585" s="2">
        <v>106.5</v>
      </c>
      <c r="Y22585" s="2">
        <v>7.6</v>
      </c>
      <c r="Z22585" s="2">
        <v>10.6</v>
      </c>
      <c r="AA22585" s="5"/>
      <c r="AB22585" s="5" t="s">
        <v>43</v>
      </c>
      <c r="AC22585" s="5" t="s">
        <v>44</v>
      </c>
      <c r="AD22585" s="2"/>
      <c r="AE22585" s="1"/>
    </row>
    <row r="22586" spans="1:31" ht="14.45">
      <c r="A22586" s="11"/>
      <c r="B22586" s="20"/>
      <c r="C22586" s="2" t="s">
        <v>72634</v>
      </c>
      <c r="D22586" s="14" t="s">
        <v>72635</v>
      </c>
      <c r="E22586" s="2" t="s">
        <v>72636</v>
      </c>
      <c r="F22586" s="2" t="s">
        <v>71957</v>
      </c>
      <c r="G22586" s="8">
        <v>151</v>
      </c>
      <c r="H22586" s="5">
        <v>6</v>
      </c>
      <c r="I22586" s="5" t="s">
        <v>1518</v>
      </c>
      <c r="J22586" s="5" t="s">
        <v>69038</v>
      </c>
      <c r="K22586" s="2" t="s">
        <v>69039</v>
      </c>
      <c r="L22586" s="5" t="s">
        <v>69038</v>
      </c>
      <c r="M22586" s="2" t="s">
        <v>69039</v>
      </c>
      <c r="N22586" s="5" t="s">
        <v>1521</v>
      </c>
      <c r="O22586" s="5" t="s">
        <v>38</v>
      </c>
      <c r="P22586" s="5" t="s">
        <v>39</v>
      </c>
      <c r="Q22586" s="5" t="s">
        <v>40</v>
      </c>
      <c r="R22586" s="5" t="s">
        <v>1522</v>
      </c>
      <c r="S22586" s="5" t="s">
        <v>1523</v>
      </c>
      <c r="T22586" s="5" t="s">
        <v>42</v>
      </c>
      <c r="U22586" s="2">
        <v>1.706</v>
      </c>
      <c r="V22586" s="2">
        <v>1.3069999999999999</v>
      </c>
      <c r="W22586" s="2">
        <v>0.01</v>
      </c>
      <c r="X22586" s="2">
        <v>128.5</v>
      </c>
      <c r="Y22586" s="2">
        <v>7.6</v>
      </c>
      <c r="Z22586" s="2">
        <v>10.6</v>
      </c>
      <c r="AA22586" s="5"/>
      <c r="AB22586" s="5" t="s">
        <v>43</v>
      </c>
      <c r="AC22586" s="5" t="s">
        <v>44</v>
      </c>
      <c r="AD22586" s="2"/>
      <c r="AE22586" s="1"/>
    </row>
    <row r="22587" spans="1:31" ht="14.45">
      <c r="A22587" s="11"/>
      <c r="B22587" s="20"/>
      <c r="C22587" s="2" t="s">
        <v>72637</v>
      </c>
      <c r="D22587" s="14" t="s">
        <v>72638</v>
      </c>
      <c r="E22587" s="2" t="s">
        <v>72639</v>
      </c>
      <c r="F22587" s="2" t="s">
        <v>71961</v>
      </c>
      <c r="G22587" s="8">
        <v>151</v>
      </c>
      <c r="H22587" s="5">
        <v>6</v>
      </c>
      <c r="I22587" s="5" t="s">
        <v>1518</v>
      </c>
      <c r="J22587" s="5" t="s">
        <v>69038</v>
      </c>
      <c r="K22587" s="2" t="s">
        <v>69039</v>
      </c>
      <c r="L22587" s="5" t="s">
        <v>69038</v>
      </c>
      <c r="M22587" s="2" t="s">
        <v>69039</v>
      </c>
      <c r="N22587" s="5" t="s">
        <v>1521</v>
      </c>
      <c r="O22587" s="5" t="s">
        <v>38</v>
      </c>
      <c r="P22587" s="5" t="s">
        <v>39</v>
      </c>
      <c r="Q22587" s="5" t="s">
        <v>40</v>
      </c>
      <c r="R22587" s="5" t="s">
        <v>1522</v>
      </c>
      <c r="S22587" s="5" t="s">
        <v>1523</v>
      </c>
      <c r="T22587" s="5" t="s">
        <v>42</v>
      </c>
      <c r="U22587" s="2">
        <v>1.8089999999999999</v>
      </c>
      <c r="V22587" s="2">
        <v>1.41</v>
      </c>
      <c r="W22587" s="2">
        <v>0.01</v>
      </c>
      <c r="X22587" s="2">
        <v>128.5</v>
      </c>
      <c r="Y22587" s="2">
        <v>7.6</v>
      </c>
      <c r="Z22587" s="2">
        <v>10.6</v>
      </c>
      <c r="AA22587" s="5"/>
      <c r="AB22587" s="5" t="s">
        <v>43</v>
      </c>
      <c r="AC22587" s="5" t="s">
        <v>44</v>
      </c>
      <c r="AD22587" s="2"/>
      <c r="AE22587" s="1"/>
    </row>
    <row r="22588" spans="1:31" ht="14.45">
      <c r="A22588" s="11"/>
      <c r="B22588" s="20"/>
      <c r="C22588" s="2" t="s">
        <v>72640</v>
      </c>
      <c r="D22588" s="14" t="s">
        <v>72641</v>
      </c>
      <c r="E22588" s="2" t="s">
        <v>72642</v>
      </c>
      <c r="F22588" s="2" t="s">
        <v>71965</v>
      </c>
      <c r="G22588" s="8">
        <v>151</v>
      </c>
      <c r="H22588" s="5">
        <v>6</v>
      </c>
      <c r="I22588" s="5" t="s">
        <v>1518</v>
      </c>
      <c r="J22588" s="5" t="s">
        <v>69038</v>
      </c>
      <c r="K22588" s="2" t="s">
        <v>69039</v>
      </c>
      <c r="L22588" s="5" t="s">
        <v>69038</v>
      </c>
      <c r="M22588" s="2" t="s">
        <v>69039</v>
      </c>
      <c r="N22588" s="5" t="s">
        <v>1521</v>
      </c>
      <c r="O22588" s="5" t="s">
        <v>38</v>
      </c>
      <c r="P22588" s="5" t="s">
        <v>39</v>
      </c>
      <c r="Q22588" s="5" t="s">
        <v>40</v>
      </c>
      <c r="R22588" s="5" t="s">
        <v>1522</v>
      </c>
      <c r="S22588" s="5" t="s">
        <v>1523</v>
      </c>
      <c r="T22588" s="5" t="s">
        <v>42</v>
      </c>
      <c r="U22588" s="2">
        <v>1.706</v>
      </c>
      <c r="V22588" s="2">
        <v>1.3069999999999999</v>
      </c>
      <c r="W22588" s="2">
        <v>0.01</v>
      </c>
      <c r="X22588" s="2">
        <v>128.5</v>
      </c>
      <c r="Y22588" s="2">
        <v>7.6</v>
      </c>
      <c r="Z22588" s="2">
        <v>10.6</v>
      </c>
      <c r="AA22588" s="5"/>
      <c r="AB22588" s="5" t="s">
        <v>43</v>
      </c>
      <c r="AC22588" s="5" t="s">
        <v>44</v>
      </c>
      <c r="AD22588" s="2"/>
      <c r="AE22588" s="1"/>
    </row>
    <row r="22589" spans="1:31" ht="14.45">
      <c r="A22589" s="11"/>
      <c r="B22589" s="20"/>
      <c r="C22589" s="2" t="s">
        <v>72643</v>
      </c>
      <c r="D22589" s="14" t="s">
        <v>72644</v>
      </c>
      <c r="E22589" s="2" t="s">
        <v>72645</v>
      </c>
      <c r="F22589" s="2" t="s">
        <v>71969</v>
      </c>
      <c r="G22589" s="8">
        <v>151</v>
      </c>
      <c r="H22589" s="5">
        <v>6</v>
      </c>
      <c r="I22589" s="5" t="s">
        <v>1518</v>
      </c>
      <c r="J22589" s="5" t="s">
        <v>69038</v>
      </c>
      <c r="K22589" s="2" t="s">
        <v>69039</v>
      </c>
      <c r="L22589" s="5" t="s">
        <v>69038</v>
      </c>
      <c r="M22589" s="2" t="s">
        <v>69039</v>
      </c>
      <c r="N22589" s="5" t="s">
        <v>1521</v>
      </c>
      <c r="O22589" s="5" t="s">
        <v>38</v>
      </c>
      <c r="P22589" s="5" t="s">
        <v>39</v>
      </c>
      <c r="Q22589" s="5" t="s">
        <v>40</v>
      </c>
      <c r="R22589" s="5" t="s">
        <v>1522</v>
      </c>
      <c r="S22589" s="5" t="s">
        <v>1523</v>
      </c>
      <c r="T22589" s="5" t="s">
        <v>42</v>
      </c>
      <c r="U22589" s="2">
        <v>1.8089999999999999</v>
      </c>
      <c r="V22589" s="2">
        <v>1.41</v>
      </c>
      <c r="W22589" s="2">
        <v>0.01</v>
      </c>
      <c r="X22589" s="2">
        <v>128.5</v>
      </c>
      <c r="Y22589" s="2">
        <v>7.6</v>
      </c>
      <c r="Z22589" s="2">
        <v>10.6</v>
      </c>
      <c r="AA22589" s="5"/>
      <c r="AB22589" s="5" t="s">
        <v>43</v>
      </c>
      <c r="AC22589" s="5" t="s">
        <v>44</v>
      </c>
      <c r="AD22589" s="2"/>
      <c r="AE22589" s="1"/>
    </row>
    <row r="22590" spans="1:31" ht="14.45">
      <c r="A22590" s="11"/>
      <c r="B22590" s="20"/>
      <c r="C22590" s="2" t="s">
        <v>72646</v>
      </c>
      <c r="D22590" s="14" t="s">
        <v>72647</v>
      </c>
      <c r="E22590" s="2" t="s">
        <v>72648</v>
      </c>
      <c r="F22590" s="2" t="s">
        <v>71973</v>
      </c>
      <c r="G22590" s="8">
        <v>151</v>
      </c>
      <c r="H22590" s="5">
        <v>6</v>
      </c>
      <c r="I22590" s="5" t="s">
        <v>1518</v>
      </c>
      <c r="J22590" s="5" t="s">
        <v>69038</v>
      </c>
      <c r="K22590" s="2" t="s">
        <v>69039</v>
      </c>
      <c r="L22590" s="5" t="s">
        <v>69038</v>
      </c>
      <c r="M22590" s="2" t="s">
        <v>69039</v>
      </c>
      <c r="N22590" s="5" t="s">
        <v>1521</v>
      </c>
      <c r="O22590" s="5" t="s">
        <v>38</v>
      </c>
      <c r="P22590" s="5" t="s">
        <v>39</v>
      </c>
      <c r="Q22590" s="5" t="s">
        <v>40</v>
      </c>
      <c r="R22590" s="5" t="s">
        <v>1522</v>
      </c>
      <c r="S22590" s="5" t="s">
        <v>1523</v>
      </c>
      <c r="T22590" s="5" t="s">
        <v>42</v>
      </c>
      <c r="U22590" s="2">
        <v>1.706</v>
      </c>
      <c r="V22590" s="2">
        <v>1.3069999999999999</v>
      </c>
      <c r="W22590" s="2">
        <v>0.01</v>
      </c>
      <c r="X22590" s="2">
        <v>128.5</v>
      </c>
      <c r="Y22590" s="2">
        <v>7.6</v>
      </c>
      <c r="Z22590" s="2">
        <v>10.6</v>
      </c>
      <c r="AA22590" s="5"/>
      <c r="AB22590" s="5" t="s">
        <v>43</v>
      </c>
      <c r="AC22590" s="5" t="s">
        <v>44</v>
      </c>
      <c r="AD22590" s="2"/>
      <c r="AE22590" s="1"/>
    </row>
    <row r="22591" spans="1:31" ht="14.45">
      <c r="A22591" s="11"/>
      <c r="B22591" s="20"/>
      <c r="C22591" s="2" t="s">
        <v>72649</v>
      </c>
      <c r="D22591" s="14" t="s">
        <v>72650</v>
      </c>
      <c r="E22591" s="2" t="s">
        <v>72651</v>
      </c>
      <c r="F22591" s="2" t="s">
        <v>71977</v>
      </c>
      <c r="G22591" s="8">
        <v>151</v>
      </c>
      <c r="H22591" s="5">
        <v>6</v>
      </c>
      <c r="I22591" s="5" t="s">
        <v>1518</v>
      </c>
      <c r="J22591" s="5" t="s">
        <v>69038</v>
      </c>
      <c r="K22591" s="2" t="s">
        <v>69039</v>
      </c>
      <c r="L22591" s="5" t="s">
        <v>69038</v>
      </c>
      <c r="M22591" s="2" t="s">
        <v>69039</v>
      </c>
      <c r="N22591" s="5" t="s">
        <v>1521</v>
      </c>
      <c r="O22591" s="5" t="s">
        <v>38</v>
      </c>
      <c r="P22591" s="5" t="s">
        <v>39</v>
      </c>
      <c r="Q22591" s="5" t="s">
        <v>40</v>
      </c>
      <c r="R22591" s="5" t="s">
        <v>1522</v>
      </c>
      <c r="S22591" s="5" t="s">
        <v>1523</v>
      </c>
      <c r="T22591" s="5" t="s">
        <v>42</v>
      </c>
      <c r="U22591" s="2">
        <v>1.8089999999999999</v>
      </c>
      <c r="V22591" s="2">
        <v>1.41</v>
      </c>
      <c r="W22591" s="2">
        <v>0.01</v>
      </c>
      <c r="X22591" s="2">
        <v>128.5</v>
      </c>
      <c r="Y22591" s="2">
        <v>7.6</v>
      </c>
      <c r="Z22591" s="2">
        <v>10.6</v>
      </c>
      <c r="AA22591" s="5"/>
      <c r="AB22591" s="5" t="s">
        <v>43</v>
      </c>
      <c r="AC22591" s="5" t="s">
        <v>44</v>
      </c>
      <c r="AD22591" s="2"/>
      <c r="AE22591" s="1"/>
    </row>
    <row r="22592" spans="1:31" ht="14.45">
      <c r="A22592" s="11"/>
      <c r="B22592" s="20"/>
      <c r="C22592" s="2" t="s">
        <v>72652</v>
      </c>
      <c r="D22592" s="14" t="s">
        <v>72653</v>
      </c>
      <c r="E22592" s="2" t="s">
        <v>72654</v>
      </c>
      <c r="F22592" s="2" t="s">
        <v>71981</v>
      </c>
      <c r="G22592" s="8">
        <v>151</v>
      </c>
      <c r="H22592" s="5">
        <v>6</v>
      </c>
      <c r="I22592" s="5" t="s">
        <v>1518</v>
      </c>
      <c r="J22592" s="5" t="s">
        <v>69038</v>
      </c>
      <c r="K22592" s="2" t="s">
        <v>69039</v>
      </c>
      <c r="L22592" s="5" t="s">
        <v>69038</v>
      </c>
      <c r="M22592" s="2" t="s">
        <v>69039</v>
      </c>
      <c r="N22592" s="5" t="s">
        <v>1521</v>
      </c>
      <c r="O22592" s="5" t="s">
        <v>38</v>
      </c>
      <c r="P22592" s="5" t="s">
        <v>39</v>
      </c>
      <c r="Q22592" s="5" t="s">
        <v>40</v>
      </c>
      <c r="R22592" s="5" t="s">
        <v>1522</v>
      </c>
      <c r="S22592" s="5" t="s">
        <v>1523</v>
      </c>
      <c r="T22592" s="5" t="s">
        <v>42</v>
      </c>
      <c r="U22592" s="2">
        <v>1.706</v>
      </c>
      <c r="V22592" s="2">
        <v>1.3069999999999999</v>
      </c>
      <c r="W22592" s="2">
        <v>0.01</v>
      </c>
      <c r="X22592" s="2">
        <v>128.5</v>
      </c>
      <c r="Y22592" s="2">
        <v>7.6</v>
      </c>
      <c r="Z22592" s="2">
        <v>10.6</v>
      </c>
      <c r="AA22592" s="5"/>
      <c r="AB22592" s="5" t="s">
        <v>43</v>
      </c>
      <c r="AC22592" s="5" t="s">
        <v>44</v>
      </c>
      <c r="AD22592" s="2"/>
      <c r="AE22592" s="1"/>
    </row>
    <row r="22593" spans="1:31" ht="14.45">
      <c r="A22593" s="11"/>
      <c r="B22593" s="20"/>
      <c r="C22593" s="2" t="s">
        <v>72655</v>
      </c>
      <c r="D22593" s="14" t="s">
        <v>72656</v>
      </c>
      <c r="E22593" s="2" t="s">
        <v>72657</v>
      </c>
      <c r="F22593" s="2" t="s">
        <v>71985</v>
      </c>
      <c r="G22593" s="8">
        <v>151</v>
      </c>
      <c r="H22593" s="5">
        <v>6</v>
      </c>
      <c r="I22593" s="5" t="s">
        <v>1518</v>
      </c>
      <c r="J22593" s="5" t="s">
        <v>69038</v>
      </c>
      <c r="K22593" s="2" t="s">
        <v>69039</v>
      </c>
      <c r="L22593" s="5" t="s">
        <v>69038</v>
      </c>
      <c r="M22593" s="2" t="s">
        <v>69039</v>
      </c>
      <c r="N22593" s="5" t="s">
        <v>1521</v>
      </c>
      <c r="O22593" s="5" t="s">
        <v>38</v>
      </c>
      <c r="P22593" s="5" t="s">
        <v>39</v>
      </c>
      <c r="Q22593" s="5" t="s">
        <v>40</v>
      </c>
      <c r="R22593" s="5" t="s">
        <v>1522</v>
      </c>
      <c r="S22593" s="5" t="s">
        <v>1523</v>
      </c>
      <c r="T22593" s="5" t="s">
        <v>42</v>
      </c>
      <c r="U22593" s="2">
        <v>1.8089999999999999</v>
      </c>
      <c r="V22593" s="2">
        <v>1.41</v>
      </c>
      <c r="W22593" s="2">
        <v>0.01</v>
      </c>
      <c r="X22593" s="2">
        <v>128.5</v>
      </c>
      <c r="Y22593" s="2">
        <v>7.6</v>
      </c>
      <c r="Z22593" s="2">
        <v>10.6</v>
      </c>
      <c r="AA22593" s="5"/>
      <c r="AB22593" s="5" t="s">
        <v>43</v>
      </c>
      <c r="AC22593" s="5" t="s">
        <v>44</v>
      </c>
      <c r="AD22593" s="2"/>
      <c r="AE22593" s="1"/>
    </row>
    <row r="22594" spans="1:31" ht="14.45">
      <c r="A22594" s="11"/>
      <c r="B22594" s="20"/>
      <c r="C22594" s="2" t="s">
        <v>72658</v>
      </c>
      <c r="D22594" s="14" t="s">
        <v>72659</v>
      </c>
      <c r="E22594" s="2" t="s">
        <v>72660</v>
      </c>
      <c r="F22594" s="2" t="s">
        <v>71957</v>
      </c>
      <c r="G22594" s="8">
        <v>164</v>
      </c>
      <c r="H22594" s="5">
        <v>6</v>
      </c>
      <c r="I22594" s="5" t="s">
        <v>1518</v>
      </c>
      <c r="J22594" s="5" t="s">
        <v>69038</v>
      </c>
      <c r="K22594" s="2" t="s">
        <v>69039</v>
      </c>
      <c r="L22594" s="5" t="s">
        <v>69038</v>
      </c>
      <c r="M22594" s="2" t="s">
        <v>69039</v>
      </c>
      <c r="N22594" s="5" t="s">
        <v>1521</v>
      </c>
      <c r="O22594" s="5" t="s">
        <v>38</v>
      </c>
      <c r="P22594" s="5" t="s">
        <v>39</v>
      </c>
      <c r="Q22594" s="5" t="s">
        <v>40</v>
      </c>
      <c r="R22594" s="5" t="s">
        <v>1522</v>
      </c>
      <c r="S22594" s="5" t="s">
        <v>1523</v>
      </c>
      <c r="T22594" s="5" t="s">
        <v>42</v>
      </c>
      <c r="U22594" s="2">
        <v>1.871</v>
      </c>
      <c r="V22594" s="2">
        <v>1.413</v>
      </c>
      <c r="W22594" s="2">
        <v>1.2E-2</v>
      </c>
      <c r="X22594" s="2">
        <v>148.69999999999999</v>
      </c>
      <c r="Y22594" s="2">
        <v>7.6</v>
      </c>
      <c r="Z22594" s="2">
        <v>10.6</v>
      </c>
      <c r="AA22594" s="5"/>
      <c r="AB22594" s="5" t="s">
        <v>43</v>
      </c>
      <c r="AC22594" s="5" t="s">
        <v>44</v>
      </c>
      <c r="AD22594" s="2"/>
      <c r="AE22594" s="1"/>
    </row>
    <row r="22595" spans="1:31" ht="14.45">
      <c r="A22595" s="11"/>
      <c r="B22595" s="20"/>
      <c r="C22595" s="2" t="s">
        <v>72661</v>
      </c>
      <c r="D22595" s="14" t="s">
        <v>72662</v>
      </c>
      <c r="E22595" s="2" t="s">
        <v>72663</v>
      </c>
      <c r="F22595" s="2" t="s">
        <v>71961</v>
      </c>
      <c r="G22595" s="8">
        <v>164</v>
      </c>
      <c r="H22595" s="5">
        <v>6</v>
      </c>
      <c r="I22595" s="5" t="s">
        <v>1518</v>
      </c>
      <c r="J22595" s="5" t="s">
        <v>69038</v>
      </c>
      <c r="K22595" s="2" t="s">
        <v>69039</v>
      </c>
      <c r="L22595" s="5" t="s">
        <v>69038</v>
      </c>
      <c r="M22595" s="2" t="s">
        <v>69039</v>
      </c>
      <c r="N22595" s="5" t="s">
        <v>1521</v>
      </c>
      <c r="O22595" s="5" t="s">
        <v>38</v>
      </c>
      <c r="P22595" s="5" t="s">
        <v>39</v>
      </c>
      <c r="Q22595" s="5" t="s">
        <v>40</v>
      </c>
      <c r="R22595" s="5" t="s">
        <v>1522</v>
      </c>
      <c r="S22595" s="5" t="s">
        <v>1523</v>
      </c>
      <c r="T22595" s="5" t="s">
        <v>42</v>
      </c>
      <c r="U22595" s="2">
        <v>1.984</v>
      </c>
      <c r="V22595" s="2">
        <v>1.526</v>
      </c>
      <c r="W22595" s="2">
        <v>1.2E-2</v>
      </c>
      <c r="X22595" s="2">
        <v>148.69999999999999</v>
      </c>
      <c r="Y22595" s="2">
        <v>7.6</v>
      </c>
      <c r="Z22595" s="2">
        <v>10.6</v>
      </c>
      <c r="AA22595" s="5"/>
      <c r="AB22595" s="5" t="s">
        <v>43</v>
      </c>
      <c r="AC22595" s="5" t="s">
        <v>44</v>
      </c>
      <c r="AD22595" s="2"/>
      <c r="AE22595" s="1"/>
    </row>
    <row r="22596" spans="1:31" ht="14.45">
      <c r="A22596" s="11"/>
      <c r="B22596" s="20"/>
      <c r="C22596" s="2" t="s">
        <v>72664</v>
      </c>
      <c r="D22596" s="14" t="s">
        <v>72665</v>
      </c>
      <c r="E22596" s="2" t="s">
        <v>72666</v>
      </c>
      <c r="F22596" s="2" t="s">
        <v>71965</v>
      </c>
      <c r="G22596" s="8">
        <v>164</v>
      </c>
      <c r="H22596" s="5">
        <v>6</v>
      </c>
      <c r="I22596" s="5" t="s">
        <v>1518</v>
      </c>
      <c r="J22596" s="5" t="s">
        <v>69038</v>
      </c>
      <c r="K22596" s="2" t="s">
        <v>69039</v>
      </c>
      <c r="L22596" s="5" t="s">
        <v>69038</v>
      </c>
      <c r="M22596" s="2" t="s">
        <v>69039</v>
      </c>
      <c r="N22596" s="5" t="s">
        <v>1521</v>
      </c>
      <c r="O22596" s="5" t="s">
        <v>38</v>
      </c>
      <c r="P22596" s="5" t="s">
        <v>39</v>
      </c>
      <c r="Q22596" s="5" t="s">
        <v>40</v>
      </c>
      <c r="R22596" s="5" t="s">
        <v>1522</v>
      </c>
      <c r="S22596" s="5" t="s">
        <v>1523</v>
      </c>
      <c r="T22596" s="5" t="s">
        <v>42</v>
      </c>
      <c r="U22596" s="2">
        <v>1.871</v>
      </c>
      <c r="V22596" s="2">
        <v>1.413</v>
      </c>
      <c r="W22596" s="2">
        <v>1.2E-2</v>
      </c>
      <c r="X22596" s="2">
        <v>148.69999999999999</v>
      </c>
      <c r="Y22596" s="2">
        <v>7.6</v>
      </c>
      <c r="Z22596" s="2">
        <v>10.6</v>
      </c>
      <c r="AA22596" s="5"/>
      <c r="AB22596" s="5" t="s">
        <v>43</v>
      </c>
      <c r="AC22596" s="5" t="s">
        <v>44</v>
      </c>
      <c r="AD22596" s="2"/>
      <c r="AE22596" s="1"/>
    </row>
    <row r="22597" spans="1:31" ht="14.45">
      <c r="A22597" s="11"/>
      <c r="B22597" s="20"/>
      <c r="C22597" s="2" t="s">
        <v>72667</v>
      </c>
      <c r="D22597" s="14" t="s">
        <v>72668</v>
      </c>
      <c r="E22597" s="2" t="s">
        <v>72669</v>
      </c>
      <c r="F22597" s="2" t="s">
        <v>71969</v>
      </c>
      <c r="G22597" s="8">
        <v>164</v>
      </c>
      <c r="H22597" s="5">
        <v>6</v>
      </c>
      <c r="I22597" s="5" t="s">
        <v>1518</v>
      </c>
      <c r="J22597" s="5" t="s">
        <v>69038</v>
      </c>
      <c r="K22597" s="2" t="s">
        <v>69039</v>
      </c>
      <c r="L22597" s="5" t="s">
        <v>69038</v>
      </c>
      <c r="M22597" s="2" t="s">
        <v>69039</v>
      </c>
      <c r="N22597" s="5" t="s">
        <v>1521</v>
      </c>
      <c r="O22597" s="5" t="s">
        <v>38</v>
      </c>
      <c r="P22597" s="5" t="s">
        <v>39</v>
      </c>
      <c r="Q22597" s="5" t="s">
        <v>40</v>
      </c>
      <c r="R22597" s="5" t="s">
        <v>1522</v>
      </c>
      <c r="S22597" s="5" t="s">
        <v>1523</v>
      </c>
      <c r="T22597" s="5" t="s">
        <v>42</v>
      </c>
      <c r="U22597" s="2">
        <v>1.984</v>
      </c>
      <c r="V22597" s="2">
        <v>1.526</v>
      </c>
      <c r="W22597" s="2">
        <v>1.2E-2</v>
      </c>
      <c r="X22597" s="2">
        <v>148.69999999999999</v>
      </c>
      <c r="Y22597" s="2">
        <v>7.6</v>
      </c>
      <c r="Z22597" s="2">
        <v>10.6</v>
      </c>
      <c r="AA22597" s="5"/>
      <c r="AB22597" s="5" t="s">
        <v>43</v>
      </c>
      <c r="AC22597" s="5" t="s">
        <v>44</v>
      </c>
      <c r="AD22597" s="2"/>
      <c r="AE22597" s="1"/>
    </row>
    <row r="22598" spans="1:31" ht="14.45">
      <c r="A22598" s="11"/>
      <c r="B22598" s="20"/>
      <c r="C22598" s="2" t="s">
        <v>72670</v>
      </c>
      <c r="D22598" s="14" t="s">
        <v>72671</v>
      </c>
      <c r="E22598" s="2" t="s">
        <v>72672</v>
      </c>
      <c r="F22598" s="2" t="s">
        <v>71973</v>
      </c>
      <c r="G22598" s="8">
        <v>164</v>
      </c>
      <c r="H22598" s="5">
        <v>6</v>
      </c>
      <c r="I22598" s="5" t="s">
        <v>1518</v>
      </c>
      <c r="J22598" s="5" t="s">
        <v>69038</v>
      </c>
      <c r="K22598" s="2" t="s">
        <v>69039</v>
      </c>
      <c r="L22598" s="5" t="s">
        <v>69038</v>
      </c>
      <c r="M22598" s="2" t="s">
        <v>69039</v>
      </c>
      <c r="N22598" s="5" t="s">
        <v>1521</v>
      </c>
      <c r="O22598" s="5" t="s">
        <v>38</v>
      </c>
      <c r="P22598" s="5" t="s">
        <v>39</v>
      </c>
      <c r="Q22598" s="5" t="s">
        <v>40</v>
      </c>
      <c r="R22598" s="5" t="s">
        <v>1522</v>
      </c>
      <c r="S22598" s="5" t="s">
        <v>1523</v>
      </c>
      <c r="T22598" s="5" t="s">
        <v>42</v>
      </c>
      <c r="U22598" s="2">
        <v>1.871</v>
      </c>
      <c r="V22598" s="2">
        <v>1.413</v>
      </c>
      <c r="W22598" s="2">
        <v>1.2E-2</v>
      </c>
      <c r="X22598" s="2">
        <v>148.69999999999999</v>
      </c>
      <c r="Y22598" s="2">
        <v>7.6</v>
      </c>
      <c r="Z22598" s="2">
        <v>10.6</v>
      </c>
      <c r="AA22598" s="5"/>
      <c r="AB22598" s="5" t="s">
        <v>43</v>
      </c>
      <c r="AC22598" s="5" t="s">
        <v>44</v>
      </c>
      <c r="AD22598" s="2"/>
      <c r="AE22598" s="1"/>
    </row>
    <row r="22599" spans="1:31" ht="14.45">
      <c r="A22599" s="11"/>
      <c r="B22599" s="20"/>
      <c r="C22599" s="2" t="s">
        <v>72673</v>
      </c>
      <c r="D22599" s="14" t="s">
        <v>72674</v>
      </c>
      <c r="E22599" s="2" t="s">
        <v>72675</v>
      </c>
      <c r="F22599" s="2" t="s">
        <v>71977</v>
      </c>
      <c r="G22599" s="8">
        <v>164</v>
      </c>
      <c r="H22599" s="5">
        <v>6</v>
      </c>
      <c r="I22599" s="5" t="s">
        <v>1518</v>
      </c>
      <c r="J22599" s="5" t="s">
        <v>69038</v>
      </c>
      <c r="K22599" s="2" t="s">
        <v>69039</v>
      </c>
      <c r="L22599" s="5" t="s">
        <v>69038</v>
      </c>
      <c r="M22599" s="2" t="s">
        <v>69039</v>
      </c>
      <c r="N22599" s="5" t="s">
        <v>1521</v>
      </c>
      <c r="O22599" s="5" t="s">
        <v>38</v>
      </c>
      <c r="P22599" s="5" t="s">
        <v>39</v>
      </c>
      <c r="Q22599" s="5" t="s">
        <v>40</v>
      </c>
      <c r="R22599" s="5" t="s">
        <v>1522</v>
      </c>
      <c r="S22599" s="5" t="s">
        <v>1523</v>
      </c>
      <c r="T22599" s="5" t="s">
        <v>42</v>
      </c>
      <c r="U22599" s="2">
        <v>1.984</v>
      </c>
      <c r="V22599" s="2">
        <v>1.526</v>
      </c>
      <c r="W22599" s="2">
        <v>1.2E-2</v>
      </c>
      <c r="X22599" s="2">
        <v>148.69999999999999</v>
      </c>
      <c r="Y22599" s="2">
        <v>7.6</v>
      </c>
      <c r="Z22599" s="2">
        <v>10.6</v>
      </c>
      <c r="AA22599" s="5"/>
      <c r="AB22599" s="5" t="s">
        <v>43</v>
      </c>
      <c r="AC22599" s="5" t="s">
        <v>44</v>
      </c>
      <c r="AD22599" s="2"/>
      <c r="AE22599" s="1"/>
    </row>
    <row r="22600" spans="1:31" ht="14.45">
      <c r="A22600" s="11"/>
      <c r="B22600" s="20"/>
      <c r="C22600" s="2" t="s">
        <v>72676</v>
      </c>
      <c r="D22600" s="14" t="s">
        <v>72677</v>
      </c>
      <c r="E22600" s="2" t="s">
        <v>72678</v>
      </c>
      <c r="F22600" s="2" t="s">
        <v>71981</v>
      </c>
      <c r="G22600" s="8">
        <v>164</v>
      </c>
      <c r="H22600" s="5">
        <v>6</v>
      </c>
      <c r="I22600" s="5" t="s">
        <v>1518</v>
      </c>
      <c r="J22600" s="5" t="s">
        <v>69038</v>
      </c>
      <c r="K22600" s="2" t="s">
        <v>69039</v>
      </c>
      <c r="L22600" s="5" t="s">
        <v>69038</v>
      </c>
      <c r="M22600" s="2" t="s">
        <v>69039</v>
      </c>
      <c r="N22600" s="5" t="s">
        <v>1521</v>
      </c>
      <c r="O22600" s="5" t="s">
        <v>38</v>
      </c>
      <c r="P22600" s="5" t="s">
        <v>39</v>
      </c>
      <c r="Q22600" s="5" t="s">
        <v>40</v>
      </c>
      <c r="R22600" s="5" t="s">
        <v>1522</v>
      </c>
      <c r="S22600" s="5" t="s">
        <v>1523</v>
      </c>
      <c r="T22600" s="5" t="s">
        <v>42</v>
      </c>
      <c r="U22600" s="2">
        <v>1.871</v>
      </c>
      <c r="V22600" s="2">
        <v>1.413</v>
      </c>
      <c r="W22600" s="2">
        <v>1.2E-2</v>
      </c>
      <c r="X22600" s="2">
        <v>148.69999999999999</v>
      </c>
      <c r="Y22600" s="2">
        <v>7.6</v>
      </c>
      <c r="Z22600" s="2">
        <v>10.6</v>
      </c>
      <c r="AA22600" s="5"/>
      <c r="AB22600" s="5" t="s">
        <v>43</v>
      </c>
      <c r="AC22600" s="5" t="s">
        <v>44</v>
      </c>
      <c r="AD22600" s="2"/>
      <c r="AE22600" s="1"/>
    </row>
    <row r="22601" spans="1:31" ht="14.45">
      <c r="A22601" s="11"/>
      <c r="B22601" s="20"/>
      <c r="C22601" s="2" t="s">
        <v>72679</v>
      </c>
      <c r="D22601" s="14" t="s">
        <v>72680</v>
      </c>
      <c r="E22601" s="2" t="s">
        <v>72681</v>
      </c>
      <c r="F22601" s="2" t="s">
        <v>71985</v>
      </c>
      <c r="G22601" s="8">
        <v>164</v>
      </c>
      <c r="H22601" s="5">
        <v>6</v>
      </c>
      <c r="I22601" s="5" t="s">
        <v>1518</v>
      </c>
      <c r="J22601" s="5" t="s">
        <v>69038</v>
      </c>
      <c r="K22601" s="2" t="s">
        <v>69039</v>
      </c>
      <c r="L22601" s="5" t="s">
        <v>69038</v>
      </c>
      <c r="M22601" s="2" t="s">
        <v>69039</v>
      </c>
      <c r="N22601" s="5" t="s">
        <v>1521</v>
      </c>
      <c r="O22601" s="5" t="s">
        <v>38</v>
      </c>
      <c r="P22601" s="5" t="s">
        <v>39</v>
      </c>
      <c r="Q22601" s="5" t="s">
        <v>40</v>
      </c>
      <c r="R22601" s="5" t="s">
        <v>1522</v>
      </c>
      <c r="S22601" s="5" t="s">
        <v>1523</v>
      </c>
      <c r="T22601" s="5" t="s">
        <v>42</v>
      </c>
      <c r="U22601" s="2">
        <v>1.984</v>
      </c>
      <c r="V22601" s="2">
        <v>1.526</v>
      </c>
      <c r="W22601" s="2">
        <v>1.2E-2</v>
      </c>
      <c r="X22601" s="2">
        <v>148.69999999999999</v>
      </c>
      <c r="Y22601" s="2">
        <v>7.6</v>
      </c>
      <c r="Z22601" s="2">
        <v>10.6</v>
      </c>
      <c r="AA22601" s="5"/>
      <c r="AB22601" s="5" t="s">
        <v>43</v>
      </c>
      <c r="AC22601" s="5" t="s">
        <v>44</v>
      </c>
      <c r="AD22601" s="2"/>
      <c r="AE22601" s="1"/>
    </row>
    <row r="22602" spans="1:31" ht="14.45">
      <c r="A22602" s="11"/>
      <c r="B22602" s="20"/>
      <c r="C22602" s="2" t="s">
        <v>72682</v>
      </c>
      <c r="D22602" s="14" t="s">
        <v>72683</v>
      </c>
      <c r="E22602" s="2" t="s">
        <v>72684</v>
      </c>
      <c r="F22602" s="2" t="s">
        <v>71957</v>
      </c>
      <c r="G22602" s="8">
        <v>159</v>
      </c>
      <c r="H22602" s="5">
        <v>6</v>
      </c>
      <c r="I22602" s="5" t="s">
        <v>1518</v>
      </c>
      <c r="J22602" s="5" t="s">
        <v>69038</v>
      </c>
      <c r="K22602" s="2" t="s">
        <v>69039</v>
      </c>
      <c r="L22602" s="5" t="s">
        <v>69038</v>
      </c>
      <c r="M22602" s="2" t="s">
        <v>69039</v>
      </c>
      <c r="N22602" s="5" t="s">
        <v>1521</v>
      </c>
      <c r="O22602" s="5" t="s">
        <v>38</v>
      </c>
      <c r="P22602" s="5" t="s">
        <v>39</v>
      </c>
      <c r="Q22602" s="5" t="s">
        <v>40</v>
      </c>
      <c r="R22602" s="5" t="s">
        <v>1522</v>
      </c>
      <c r="S22602" s="5" t="s">
        <v>1523</v>
      </c>
      <c r="T22602" s="5" t="s">
        <v>42</v>
      </c>
      <c r="U22602" s="2">
        <v>1.611</v>
      </c>
      <c r="V22602" s="2">
        <v>1.226</v>
      </c>
      <c r="W22602" s="2">
        <v>0.01</v>
      </c>
      <c r="X22602" s="2">
        <v>128.5</v>
      </c>
      <c r="Y22602" s="2">
        <v>7.6</v>
      </c>
      <c r="Z22602" s="2">
        <v>10.6</v>
      </c>
      <c r="AA22602" s="5"/>
      <c r="AB22602" s="5" t="s">
        <v>43</v>
      </c>
      <c r="AC22602" s="5" t="s">
        <v>44</v>
      </c>
      <c r="AD22602" s="2"/>
      <c r="AE22602" s="1"/>
    </row>
    <row r="22603" spans="1:31" ht="14.45">
      <c r="A22603" s="11"/>
      <c r="B22603" s="20"/>
      <c r="C22603" s="2" t="s">
        <v>72685</v>
      </c>
      <c r="D22603" s="14" t="s">
        <v>72686</v>
      </c>
      <c r="E22603" s="2" t="s">
        <v>72687</v>
      </c>
      <c r="F22603" s="2" t="s">
        <v>71961</v>
      </c>
      <c r="G22603" s="8">
        <v>159</v>
      </c>
      <c r="H22603" s="5">
        <v>6</v>
      </c>
      <c r="I22603" s="5" t="s">
        <v>1518</v>
      </c>
      <c r="J22603" s="5" t="s">
        <v>69038</v>
      </c>
      <c r="K22603" s="2" t="s">
        <v>69039</v>
      </c>
      <c r="L22603" s="5" t="s">
        <v>69038</v>
      </c>
      <c r="M22603" s="2" t="s">
        <v>69039</v>
      </c>
      <c r="N22603" s="5" t="s">
        <v>1521</v>
      </c>
      <c r="O22603" s="5" t="s">
        <v>38</v>
      </c>
      <c r="P22603" s="5" t="s">
        <v>39</v>
      </c>
      <c r="Q22603" s="5" t="s">
        <v>40</v>
      </c>
      <c r="R22603" s="5" t="s">
        <v>1522</v>
      </c>
      <c r="S22603" s="5" t="s">
        <v>1523</v>
      </c>
      <c r="T22603" s="5" t="s">
        <v>42</v>
      </c>
      <c r="U22603" s="2">
        <v>1.7</v>
      </c>
      <c r="V22603" s="2">
        <v>1.3149999999999999</v>
      </c>
      <c r="W22603" s="2">
        <v>0.01</v>
      </c>
      <c r="X22603" s="2">
        <v>128.5</v>
      </c>
      <c r="Y22603" s="2">
        <v>7.6</v>
      </c>
      <c r="Z22603" s="2">
        <v>10.6</v>
      </c>
      <c r="AA22603" s="5"/>
      <c r="AB22603" s="5" t="s">
        <v>43</v>
      </c>
      <c r="AC22603" s="5" t="s">
        <v>44</v>
      </c>
      <c r="AD22603" s="2"/>
      <c r="AE22603" s="1"/>
    </row>
    <row r="22604" spans="1:31" ht="14.45">
      <c r="A22604" s="11"/>
      <c r="B22604" s="20"/>
      <c r="C22604" s="2" t="s">
        <v>72688</v>
      </c>
      <c r="D22604" s="14" t="s">
        <v>72689</v>
      </c>
      <c r="E22604" s="2" t="s">
        <v>72690</v>
      </c>
      <c r="F22604" s="2" t="s">
        <v>71965</v>
      </c>
      <c r="G22604" s="8">
        <v>159</v>
      </c>
      <c r="H22604" s="5">
        <v>6</v>
      </c>
      <c r="I22604" s="5" t="s">
        <v>1518</v>
      </c>
      <c r="J22604" s="5" t="s">
        <v>69038</v>
      </c>
      <c r="K22604" s="2" t="s">
        <v>69039</v>
      </c>
      <c r="L22604" s="5" t="s">
        <v>69038</v>
      </c>
      <c r="M22604" s="2" t="s">
        <v>69039</v>
      </c>
      <c r="N22604" s="5" t="s">
        <v>1521</v>
      </c>
      <c r="O22604" s="5" t="s">
        <v>38</v>
      </c>
      <c r="P22604" s="5" t="s">
        <v>39</v>
      </c>
      <c r="Q22604" s="5" t="s">
        <v>40</v>
      </c>
      <c r="R22604" s="5" t="s">
        <v>1522</v>
      </c>
      <c r="S22604" s="5" t="s">
        <v>1523</v>
      </c>
      <c r="T22604" s="5" t="s">
        <v>42</v>
      </c>
      <c r="U22604" s="2">
        <v>1.611</v>
      </c>
      <c r="V22604" s="2">
        <v>1.226</v>
      </c>
      <c r="W22604" s="2">
        <v>0.01</v>
      </c>
      <c r="X22604" s="2">
        <v>128.5</v>
      </c>
      <c r="Y22604" s="2">
        <v>7.6</v>
      </c>
      <c r="Z22604" s="2">
        <v>10.6</v>
      </c>
      <c r="AA22604" s="5"/>
      <c r="AB22604" s="5" t="s">
        <v>43</v>
      </c>
      <c r="AC22604" s="5" t="s">
        <v>44</v>
      </c>
      <c r="AD22604" s="2"/>
      <c r="AE22604" s="1"/>
    </row>
    <row r="22605" spans="1:31" ht="14.45">
      <c r="A22605" s="11"/>
      <c r="B22605" s="20"/>
      <c r="C22605" s="2" t="s">
        <v>72691</v>
      </c>
      <c r="D22605" s="14" t="s">
        <v>72692</v>
      </c>
      <c r="E22605" s="2" t="s">
        <v>72693</v>
      </c>
      <c r="F22605" s="2" t="s">
        <v>71969</v>
      </c>
      <c r="G22605" s="8">
        <v>159</v>
      </c>
      <c r="H22605" s="5">
        <v>6</v>
      </c>
      <c r="I22605" s="5" t="s">
        <v>1518</v>
      </c>
      <c r="J22605" s="5" t="s">
        <v>69038</v>
      </c>
      <c r="K22605" s="2" t="s">
        <v>69039</v>
      </c>
      <c r="L22605" s="5" t="s">
        <v>69038</v>
      </c>
      <c r="M22605" s="2" t="s">
        <v>69039</v>
      </c>
      <c r="N22605" s="5" t="s">
        <v>1521</v>
      </c>
      <c r="O22605" s="5" t="s">
        <v>38</v>
      </c>
      <c r="P22605" s="5" t="s">
        <v>39</v>
      </c>
      <c r="Q22605" s="5" t="s">
        <v>40</v>
      </c>
      <c r="R22605" s="5" t="s">
        <v>1522</v>
      </c>
      <c r="S22605" s="5" t="s">
        <v>1523</v>
      </c>
      <c r="T22605" s="5" t="s">
        <v>42</v>
      </c>
      <c r="U22605" s="2">
        <v>1.7</v>
      </c>
      <c r="V22605" s="2">
        <v>1.3149999999999999</v>
      </c>
      <c r="W22605" s="2">
        <v>0.01</v>
      </c>
      <c r="X22605" s="2">
        <v>128.5</v>
      </c>
      <c r="Y22605" s="2">
        <v>7.6</v>
      </c>
      <c r="Z22605" s="2">
        <v>10.6</v>
      </c>
      <c r="AA22605" s="5"/>
      <c r="AB22605" s="5" t="s">
        <v>43</v>
      </c>
      <c r="AC22605" s="5" t="s">
        <v>44</v>
      </c>
      <c r="AD22605" s="2"/>
      <c r="AE22605" s="1"/>
    </row>
    <row r="22606" spans="1:31" ht="14.45">
      <c r="A22606" s="11"/>
      <c r="B22606" s="20"/>
      <c r="C22606" s="2" t="s">
        <v>72694</v>
      </c>
      <c r="D22606" s="14" t="s">
        <v>72695</v>
      </c>
      <c r="E22606" s="2" t="s">
        <v>72696</v>
      </c>
      <c r="F22606" s="2" t="s">
        <v>71973</v>
      </c>
      <c r="G22606" s="8">
        <v>159</v>
      </c>
      <c r="H22606" s="5">
        <v>6</v>
      </c>
      <c r="I22606" s="5" t="s">
        <v>1518</v>
      </c>
      <c r="J22606" s="5" t="s">
        <v>69038</v>
      </c>
      <c r="K22606" s="2" t="s">
        <v>69039</v>
      </c>
      <c r="L22606" s="5" t="s">
        <v>69038</v>
      </c>
      <c r="M22606" s="2" t="s">
        <v>69039</v>
      </c>
      <c r="N22606" s="5" t="s">
        <v>1521</v>
      </c>
      <c r="O22606" s="5" t="s">
        <v>38</v>
      </c>
      <c r="P22606" s="5" t="s">
        <v>39</v>
      </c>
      <c r="Q22606" s="5" t="s">
        <v>40</v>
      </c>
      <c r="R22606" s="5" t="s">
        <v>1522</v>
      </c>
      <c r="S22606" s="5" t="s">
        <v>1523</v>
      </c>
      <c r="T22606" s="5" t="s">
        <v>42</v>
      </c>
      <c r="U22606" s="2">
        <v>1.611</v>
      </c>
      <c r="V22606" s="2">
        <v>1.226</v>
      </c>
      <c r="W22606" s="2">
        <v>0.01</v>
      </c>
      <c r="X22606" s="2">
        <v>128.5</v>
      </c>
      <c r="Y22606" s="2">
        <v>7.6</v>
      </c>
      <c r="Z22606" s="2">
        <v>10.6</v>
      </c>
      <c r="AA22606" s="5"/>
      <c r="AB22606" s="5" t="s">
        <v>43</v>
      </c>
      <c r="AC22606" s="5" t="s">
        <v>44</v>
      </c>
      <c r="AD22606" s="2"/>
      <c r="AE22606" s="1"/>
    </row>
    <row r="22607" spans="1:31" ht="14.45">
      <c r="A22607" s="11"/>
      <c r="B22607" s="20"/>
      <c r="C22607" s="2" t="s">
        <v>72697</v>
      </c>
      <c r="D22607" s="14" t="s">
        <v>72698</v>
      </c>
      <c r="E22607" s="2" t="s">
        <v>72699</v>
      </c>
      <c r="F22607" s="2" t="s">
        <v>71977</v>
      </c>
      <c r="G22607" s="8">
        <v>159</v>
      </c>
      <c r="H22607" s="5">
        <v>6</v>
      </c>
      <c r="I22607" s="5" t="s">
        <v>1518</v>
      </c>
      <c r="J22607" s="5" t="s">
        <v>69038</v>
      </c>
      <c r="K22607" s="2" t="s">
        <v>69039</v>
      </c>
      <c r="L22607" s="5" t="s">
        <v>69038</v>
      </c>
      <c r="M22607" s="2" t="s">
        <v>69039</v>
      </c>
      <c r="N22607" s="5" t="s">
        <v>1521</v>
      </c>
      <c r="O22607" s="5" t="s">
        <v>38</v>
      </c>
      <c r="P22607" s="5" t="s">
        <v>39</v>
      </c>
      <c r="Q22607" s="5" t="s">
        <v>40</v>
      </c>
      <c r="R22607" s="5" t="s">
        <v>1522</v>
      </c>
      <c r="S22607" s="5" t="s">
        <v>1523</v>
      </c>
      <c r="T22607" s="5" t="s">
        <v>42</v>
      </c>
      <c r="U22607" s="2">
        <v>1.7</v>
      </c>
      <c r="V22607" s="2">
        <v>1.3149999999999999</v>
      </c>
      <c r="W22607" s="2">
        <v>0.01</v>
      </c>
      <c r="X22607" s="2">
        <v>128.5</v>
      </c>
      <c r="Y22607" s="2">
        <v>7.6</v>
      </c>
      <c r="Z22607" s="2">
        <v>10.6</v>
      </c>
      <c r="AA22607" s="5"/>
      <c r="AB22607" s="5" t="s">
        <v>43</v>
      </c>
      <c r="AC22607" s="5" t="s">
        <v>44</v>
      </c>
      <c r="AD22607" s="2"/>
      <c r="AE22607" s="1"/>
    </row>
    <row r="22608" spans="1:31" ht="14.45">
      <c r="A22608" s="11"/>
      <c r="B22608" s="20"/>
      <c r="C22608" s="2" t="s">
        <v>72700</v>
      </c>
      <c r="D22608" s="14" t="s">
        <v>72701</v>
      </c>
      <c r="E22608" s="2" t="s">
        <v>72702</v>
      </c>
      <c r="F22608" s="2" t="s">
        <v>71981</v>
      </c>
      <c r="G22608" s="8">
        <v>159</v>
      </c>
      <c r="H22608" s="5">
        <v>6</v>
      </c>
      <c r="I22608" s="5" t="s">
        <v>1518</v>
      </c>
      <c r="J22608" s="5" t="s">
        <v>69038</v>
      </c>
      <c r="K22608" s="2" t="s">
        <v>69039</v>
      </c>
      <c r="L22608" s="5" t="s">
        <v>69038</v>
      </c>
      <c r="M22608" s="2" t="s">
        <v>69039</v>
      </c>
      <c r="N22608" s="5" t="s">
        <v>1521</v>
      </c>
      <c r="O22608" s="5" t="s">
        <v>38</v>
      </c>
      <c r="P22608" s="5" t="s">
        <v>39</v>
      </c>
      <c r="Q22608" s="5" t="s">
        <v>40</v>
      </c>
      <c r="R22608" s="5" t="s">
        <v>1522</v>
      </c>
      <c r="S22608" s="5" t="s">
        <v>1523</v>
      </c>
      <c r="T22608" s="5" t="s">
        <v>42</v>
      </c>
      <c r="U22608" s="2">
        <v>1.611</v>
      </c>
      <c r="V22608" s="2">
        <v>1.226</v>
      </c>
      <c r="W22608" s="2">
        <v>0.01</v>
      </c>
      <c r="X22608" s="2">
        <v>128.5</v>
      </c>
      <c r="Y22608" s="2">
        <v>7.6</v>
      </c>
      <c r="Z22608" s="2">
        <v>10.6</v>
      </c>
      <c r="AA22608" s="5"/>
      <c r="AB22608" s="5" t="s">
        <v>43</v>
      </c>
      <c r="AC22608" s="5" t="s">
        <v>44</v>
      </c>
      <c r="AD22608" s="2"/>
      <c r="AE22608" s="1"/>
    </row>
    <row r="22609" spans="1:31" ht="14.45">
      <c r="A22609" s="11"/>
      <c r="B22609" s="20"/>
      <c r="C22609" s="2" t="s">
        <v>72703</v>
      </c>
      <c r="D22609" s="14" t="s">
        <v>72704</v>
      </c>
      <c r="E22609" s="2" t="s">
        <v>72705</v>
      </c>
      <c r="F22609" s="2" t="s">
        <v>71985</v>
      </c>
      <c r="G22609" s="8">
        <v>159</v>
      </c>
      <c r="H22609" s="5">
        <v>6</v>
      </c>
      <c r="I22609" s="5" t="s">
        <v>1518</v>
      </c>
      <c r="J22609" s="5" t="s">
        <v>69038</v>
      </c>
      <c r="K22609" s="2" t="s">
        <v>69039</v>
      </c>
      <c r="L22609" s="5" t="s">
        <v>69038</v>
      </c>
      <c r="M22609" s="2" t="s">
        <v>69039</v>
      </c>
      <c r="N22609" s="5" t="s">
        <v>1521</v>
      </c>
      <c r="O22609" s="5" t="s">
        <v>38</v>
      </c>
      <c r="P22609" s="5" t="s">
        <v>39</v>
      </c>
      <c r="Q22609" s="5" t="s">
        <v>40</v>
      </c>
      <c r="R22609" s="5" t="s">
        <v>1522</v>
      </c>
      <c r="S22609" s="5" t="s">
        <v>1523</v>
      </c>
      <c r="T22609" s="5" t="s">
        <v>42</v>
      </c>
      <c r="U22609" s="2">
        <v>1.7</v>
      </c>
      <c r="V22609" s="2">
        <v>1.3149999999999999</v>
      </c>
      <c r="W22609" s="2">
        <v>0.01</v>
      </c>
      <c r="X22609" s="2">
        <v>128.5</v>
      </c>
      <c r="Y22609" s="2">
        <v>7.6</v>
      </c>
      <c r="Z22609" s="2">
        <v>10.6</v>
      </c>
      <c r="AA22609" s="5"/>
      <c r="AB22609" s="5" t="s">
        <v>43</v>
      </c>
      <c r="AC22609" s="5" t="s">
        <v>44</v>
      </c>
      <c r="AD22609" s="2"/>
      <c r="AE22609" s="1"/>
    </row>
    <row r="22610" spans="1:31" ht="14.45">
      <c r="A22610" s="11"/>
      <c r="B22610" s="20"/>
      <c r="C22610" s="2" t="s">
        <v>72706</v>
      </c>
      <c r="D22610" s="14" t="s">
        <v>72707</v>
      </c>
      <c r="E22610" s="2" t="s">
        <v>72708</v>
      </c>
      <c r="F22610" s="2" t="s">
        <v>71957</v>
      </c>
      <c r="G22610" s="8">
        <v>159</v>
      </c>
      <c r="H22610" s="5">
        <v>6</v>
      </c>
      <c r="I22610" s="5" t="s">
        <v>1518</v>
      </c>
      <c r="J22610" s="5" t="s">
        <v>69038</v>
      </c>
      <c r="K22610" s="2" t="s">
        <v>69039</v>
      </c>
      <c r="L22610" s="5" t="s">
        <v>69038</v>
      </c>
      <c r="M22610" s="2" t="s">
        <v>69039</v>
      </c>
      <c r="N22610" s="5" t="s">
        <v>1521</v>
      </c>
      <c r="O22610" s="5" t="s">
        <v>38</v>
      </c>
      <c r="P22610" s="5" t="s">
        <v>39</v>
      </c>
      <c r="Q22610" s="5" t="s">
        <v>40</v>
      </c>
      <c r="R22610" s="5" t="s">
        <v>1522</v>
      </c>
      <c r="S22610" s="5" t="s">
        <v>1523</v>
      </c>
      <c r="T22610" s="5" t="s">
        <v>42</v>
      </c>
      <c r="U22610" s="2">
        <v>1.7210000000000001</v>
      </c>
      <c r="V22610" s="2">
        <v>1.3360000000000001</v>
      </c>
      <c r="W22610" s="2">
        <v>0.01</v>
      </c>
      <c r="X22610" s="2">
        <v>128.5</v>
      </c>
      <c r="Y22610" s="2">
        <v>7.6</v>
      </c>
      <c r="Z22610" s="2">
        <v>10.6</v>
      </c>
      <c r="AA22610" s="5"/>
      <c r="AB22610" s="5" t="s">
        <v>43</v>
      </c>
      <c r="AC22610" s="5" t="s">
        <v>44</v>
      </c>
      <c r="AD22610" s="2"/>
      <c r="AE22610" s="1"/>
    </row>
    <row r="22611" spans="1:31" ht="14.45">
      <c r="A22611" s="11"/>
      <c r="B22611" s="20"/>
      <c r="C22611" s="2" t="s">
        <v>72709</v>
      </c>
      <c r="D22611" s="14" t="s">
        <v>72710</v>
      </c>
      <c r="E22611" s="2" t="s">
        <v>72711</v>
      </c>
      <c r="F22611" s="2" t="s">
        <v>71961</v>
      </c>
      <c r="G22611" s="8">
        <v>159</v>
      </c>
      <c r="H22611" s="5">
        <v>6</v>
      </c>
      <c r="I22611" s="5" t="s">
        <v>1518</v>
      </c>
      <c r="J22611" s="5" t="s">
        <v>69038</v>
      </c>
      <c r="K22611" s="2" t="s">
        <v>69039</v>
      </c>
      <c r="L22611" s="5" t="s">
        <v>69038</v>
      </c>
      <c r="M22611" s="2" t="s">
        <v>69039</v>
      </c>
      <c r="N22611" s="5" t="s">
        <v>1521</v>
      </c>
      <c r="O22611" s="5" t="s">
        <v>38</v>
      </c>
      <c r="P22611" s="5" t="s">
        <v>39</v>
      </c>
      <c r="Q22611" s="5" t="s">
        <v>40</v>
      </c>
      <c r="R22611" s="5" t="s">
        <v>1522</v>
      </c>
      <c r="S22611" s="5" t="s">
        <v>1523</v>
      </c>
      <c r="T22611" s="5" t="s">
        <v>42</v>
      </c>
      <c r="U22611" s="2">
        <v>1.82</v>
      </c>
      <c r="V22611" s="2">
        <v>1.4350000000000001</v>
      </c>
      <c r="W22611" s="2">
        <v>0.01</v>
      </c>
      <c r="X22611" s="2">
        <v>128.5</v>
      </c>
      <c r="Y22611" s="2">
        <v>7.6</v>
      </c>
      <c r="Z22611" s="2">
        <v>10.6</v>
      </c>
      <c r="AA22611" s="5"/>
      <c r="AB22611" s="5" t="s">
        <v>43</v>
      </c>
      <c r="AC22611" s="5" t="s">
        <v>44</v>
      </c>
      <c r="AD22611" s="2"/>
      <c r="AE22611" s="1"/>
    </row>
    <row r="22612" spans="1:31" ht="14.45">
      <c r="A22612" s="11"/>
      <c r="B22612" s="20"/>
      <c r="C22612" s="2" t="s">
        <v>72712</v>
      </c>
      <c r="D22612" s="14" t="s">
        <v>72713</v>
      </c>
      <c r="E22612" s="2" t="s">
        <v>72714</v>
      </c>
      <c r="F22612" s="2" t="s">
        <v>71965</v>
      </c>
      <c r="G22612" s="8">
        <v>159</v>
      </c>
      <c r="H22612" s="5">
        <v>6</v>
      </c>
      <c r="I22612" s="5" t="s">
        <v>1518</v>
      </c>
      <c r="J22612" s="5" t="s">
        <v>69038</v>
      </c>
      <c r="K22612" s="2" t="s">
        <v>69039</v>
      </c>
      <c r="L22612" s="5" t="s">
        <v>69038</v>
      </c>
      <c r="M22612" s="2" t="s">
        <v>69039</v>
      </c>
      <c r="N22612" s="5" t="s">
        <v>1521</v>
      </c>
      <c r="O22612" s="5" t="s">
        <v>38</v>
      </c>
      <c r="P22612" s="5" t="s">
        <v>39</v>
      </c>
      <c r="Q22612" s="5" t="s">
        <v>40</v>
      </c>
      <c r="R22612" s="5" t="s">
        <v>1522</v>
      </c>
      <c r="S22612" s="5" t="s">
        <v>1523</v>
      </c>
      <c r="T22612" s="5" t="s">
        <v>42</v>
      </c>
      <c r="U22612" s="2">
        <v>1.7210000000000001</v>
      </c>
      <c r="V22612" s="2">
        <v>1.3360000000000001</v>
      </c>
      <c r="W22612" s="2">
        <v>0.01</v>
      </c>
      <c r="X22612" s="2">
        <v>128.5</v>
      </c>
      <c r="Y22612" s="2">
        <v>7.6</v>
      </c>
      <c r="Z22612" s="2">
        <v>10.6</v>
      </c>
      <c r="AA22612" s="5"/>
      <c r="AB22612" s="5" t="s">
        <v>43</v>
      </c>
      <c r="AC22612" s="5" t="s">
        <v>44</v>
      </c>
      <c r="AD22612" s="2"/>
      <c r="AE22612" s="1"/>
    </row>
    <row r="22613" spans="1:31" ht="14.45">
      <c r="A22613" s="11"/>
      <c r="B22613" s="20"/>
      <c r="C22613" s="2" t="s">
        <v>72715</v>
      </c>
      <c r="D22613" s="14" t="s">
        <v>72716</v>
      </c>
      <c r="E22613" s="2" t="s">
        <v>72717</v>
      </c>
      <c r="F22613" s="2" t="s">
        <v>71969</v>
      </c>
      <c r="G22613" s="8">
        <v>159</v>
      </c>
      <c r="H22613" s="5">
        <v>6</v>
      </c>
      <c r="I22613" s="5" t="s">
        <v>1518</v>
      </c>
      <c r="J22613" s="5" t="s">
        <v>69038</v>
      </c>
      <c r="K22613" s="2" t="s">
        <v>69039</v>
      </c>
      <c r="L22613" s="5" t="s">
        <v>69038</v>
      </c>
      <c r="M22613" s="2" t="s">
        <v>69039</v>
      </c>
      <c r="N22613" s="5" t="s">
        <v>1521</v>
      </c>
      <c r="O22613" s="5" t="s">
        <v>38</v>
      </c>
      <c r="P22613" s="5" t="s">
        <v>39</v>
      </c>
      <c r="Q22613" s="5" t="s">
        <v>40</v>
      </c>
      <c r="R22613" s="5" t="s">
        <v>1522</v>
      </c>
      <c r="S22613" s="5" t="s">
        <v>1523</v>
      </c>
      <c r="T22613" s="5" t="s">
        <v>42</v>
      </c>
      <c r="U22613" s="2">
        <v>1.82</v>
      </c>
      <c r="V22613" s="2">
        <v>1.4350000000000001</v>
      </c>
      <c r="W22613" s="2">
        <v>0.01</v>
      </c>
      <c r="X22613" s="2">
        <v>128.5</v>
      </c>
      <c r="Y22613" s="2">
        <v>7.6</v>
      </c>
      <c r="Z22613" s="2">
        <v>10.6</v>
      </c>
      <c r="AA22613" s="5"/>
      <c r="AB22613" s="5" t="s">
        <v>43</v>
      </c>
      <c r="AC22613" s="5" t="s">
        <v>44</v>
      </c>
      <c r="AD22613" s="2"/>
      <c r="AE22613" s="1"/>
    </row>
    <row r="22614" spans="1:31" ht="14.45">
      <c r="A22614" s="11"/>
      <c r="B22614" s="20"/>
      <c r="C22614" s="2" t="s">
        <v>72718</v>
      </c>
      <c r="D22614" s="14" t="s">
        <v>72719</v>
      </c>
      <c r="E22614" s="2" t="s">
        <v>72720</v>
      </c>
      <c r="F22614" s="2" t="s">
        <v>71973</v>
      </c>
      <c r="G22614" s="8">
        <v>159</v>
      </c>
      <c r="H22614" s="5">
        <v>6</v>
      </c>
      <c r="I22614" s="5" t="s">
        <v>1518</v>
      </c>
      <c r="J22614" s="5" t="s">
        <v>69038</v>
      </c>
      <c r="K22614" s="2" t="s">
        <v>69039</v>
      </c>
      <c r="L22614" s="5" t="s">
        <v>69038</v>
      </c>
      <c r="M22614" s="2" t="s">
        <v>69039</v>
      </c>
      <c r="N22614" s="5" t="s">
        <v>1521</v>
      </c>
      <c r="O22614" s="5" t="s">
        <v>38</v>
      </c>
      <c r="P22614" s="5" t="s">
        <v>39</v>
      </c>
      <c r="Q22614" s="5" t="s">
        <v>40</v>
      </c>
      <c r="R22614" s="5" t="s">
        <v>1522</v>
      </c>
      <c r="S22614" s="5" t="s">
        <v>1523</v>
      </c>
      <c r="T22614" s="5" t="s">
        <v>42</v>
      </c>
      <c r="U22614" s="2">
        <v>1.7210000000000001</v>
      </c>
      <c r="V22614" s="2">
        <v>1.3360000000000001</v>
      </c>
      <c r="W22614" s="2">
        <v>0.01</v>
      </c>
      <c r="X22614" s="2">
        <v>128.5</v>
      </c>
      <c r="Y22614" s="2">
        <v>7.6</v>
      </c>
      <c r="Z22614" s="2">
        <v>10.6</v>
      </c>
      <c r="AA22614" s="5"/>
      <c r="AB22614" s="5" t="s">
        <v>43</v>
      </c>
      <c r="AC22614" s="5" t="s">
        <v>44</v>
      </c>
      <c r="AD22614" s="2"/>
      <c r="AE22614" s="1"/>
    </row>
    <row r="22615" spans="1:31" ht="14.45">
      <c r="A22615" s="11"/>
      <c r="B22615" s="20"/>
      <c r="C22615" s="2" t="s">
        <v>72721</v>
      </c>
      <c r="D22615" s="14" t="s">
        <v>72722</v>
      </c>
      <c r="E22615" s="2" t="s">
        <v>72723</v>
      </c>
      <c r="F22615" s="2" t="s">
        <v>71977</v>
      </c>
      <c r="G22615" s="8">
        <v>159</v>
      </c>
      <c r="H22615" s="5">
        <v>6</v>
      </c>
      <c r="I22615" s="5" t="s">
        <v>1518</v>
      </c>
      <c r="J22615" s="5" t="s">
        <v>69038</v>
      </c>
      <c r="K22615" s="2" t="s">
        <v>69039</v>
      </c>
      <c r="L22615" s="5" t="s">
        <v>69038</v>
      </c>
      <c r="M22615" s="2" t="s">
        <v>69039</v>
      </c>
      <c r="N22615" s="5" t="s">
        <v>1521</v>
      </c>
      <c r="O22615" s="5" t="s">
        <v>38</v>
      </c>
      <c r="P22615" s="5" t="s">
        <v>39</v>
      </c>
      <c r="Q22615" s="5" t="s">
        <v>40</v>
      </c>
      <c r="R22615" s="5" t="s">
        <v>1522</v>
      </c>
      <c r="S22615" s="5" t="s">
        <v>1523</v>
      </c>
      <c r="T22615" s="5" t="s">
        <v>42</v>
      </c>
      <c r="U22615" s="2">
        <v>1.82</v>
      </c>
      <c r="V22615" s="2">
        <v>1.4350000000000001</v>
      </c>
      <c r="W22615" s="2">
        <v>0.01</v>
      </c>
      <c r="X22615" s="2">
        <v>128.5</v>
      </c>
      <c r="Y22615" s="2">
        <v>7.6</v>
      </c>
      <c r="Z22615" s="2">
        <v>10.6</v>
      </c>
      <c r="AA22615" s="5"/>
      <c r="AB22615" s="5" t="s">
        <v>43</v>
      </c>
      <c r="AC22615" s="5" t="s">
        <v>44</v>
      </c>
      <c r="AD22615" s="2"/>
      <c r="AE22615" s="1"/>
    </row>
    <row r="22616" spans="1:31" ht="14.45">
      <c r="A22616" s="11"/>
      <c r="B22616" s="20"/>
      <c r="C22616" s="2" t="s">
        <v>72724</v>
      </c>
      <c r="D22616" s="14" t="s">
        <v>72725</v>
      </c>
      <c r="E22616" s="2" t="s">
        <v>72726</v>
      </c>
      <c r="F22616" s="2" t="s">
        <v>71981</v>
      </c>
      <c r="G22616" s="8">
        <v>159</v>
      </c>
      <c r="H22616" s="5">
        <v>6</v>
      </c>
      <c r="I22616" s="5" t="s">
        <v>1518</v>
      </c>
      <c r="J22616" s="5" t="s">
        <v>69038</v>
      </c>
      <c r="K22616" s="2" t="s">
        <v>69039</v>
      </c>
      <c r="L22616" s="5" t="s">
        <v>69038</v>
      </c>
      <c r="M22616" s="2" t="s">
        <v>69039</v>
      </c>
      <c r="N22616" s="5" t="s">
        <v>1521</v>
      </c>
      <c r="O22616" s="5" t="s">
        <v>38</v>
      </c>
      <c r="P22616" s="5" t="s">
        <v>39</v>
      </c>
      <c r="Q22616" s="5" t="s">
        <v>40</v>
      </c>
      <c r="R22616" s="5" t="s">
        <v>1522</v>
      </c>
      <c r="S22616" s="5" t="s">
        <v>1523</v>
      </c>
      <c r="T22616" s="5" t="s">
        <v>42</v>
      </c>
      <c r="U22616" s="2">
        <v>1.7210000000000001</v>
      </c>
      <c r="V22616" s="2">
        <v>1.3360000000000001</v>
      </c>
      <c r="W22616" s="2">
        <v>0.01</v>
      </c>
      <c r="X22616" s="2">
        <v>128.5</v>
      </c>
      <c r="Y22616" s="2">
        <v>7.6</v>
      </c>
      <c r="Z22616" s="2">
        <v>10.6</v>
      </c>
      <c r="AA22616" s="5"/>
      <c r="AB22616" s="5" t="s">
        <v>43</v>
      </c>
      <c r="AC22616" s="5" t="s">
        <v>44</v>
      </c>
      <c r="AD22616" s="2"/>
      <c r="AE22616" s="1"/>
    </row>
    <row r="22617" spans="1:31" ht="14.45">
      <c r="A22617" s="11"/>
      <c r="B22617" s="20"/>
      <c r="C22617" s="2" t="s">
        <v>72727</v>
      </c>
      <c r="D22617" s="14" t="s">
        <v>72728</v>
      </c>
      <c r="E22617" s="2" t="s">
        <v>72729</v>
      </c>
      <c r="F22617" s="2" t="s">
        <v>71985</v>
      </c>
      <c r="G22617" s="8">
        <v>159</v>
      </c>
      <c r="H22617" s="5">
        <v>6</v>
      </c>
      <c r="I22617" s="5" t="s">
        <v>1518</v>
      </c>
      <c r="J22617" s="5" t="s">
        <v>69038</v>
      </c>
      <c r="K22617" s="2" t="s">
        <v>69039</v>
      </c>
      <c r="L22617" s="5" t="s">
        <v>69038</v>
      </c>
      <c r="M22617" s="2" t="s">
        <v>69039</v>
      </c>
      <c r="N22617" s="5" t="s">
        <v>1521</v>
      </c>
      <c r="O22617" s="5" t="s">
        <v>38</v>
      </c>
      <c r="P22617" s="5" t="s">
        <v>39</v>
      </c>
      <c r="Q22617" s="5" t="s">
        <v>40</v>
      </c>
      <c r="R22617" s="5" t="s">
        <v>1522</v>
      </c>
      <c r="S22617" s="5" t="s">
        <v>1523</v>
      </c>
      <c r="T22617" s="5" t="s">
        <v>42</v>
      </c>
      <c r="U22617" s="2">
        <v>1.82</v>
      </c>
      <c r="V22617" s="2">
        <v>1.4350000000000001</v>
      </c>
      <c r="W22617" s="2">
        <v>0.01</v>
      </c>
      <c r="X22617" s="2">
        <v>128.5</v>
      </c>
      <c r="Y22617" s="2">
        <v>7.6</v>
      </c>
      <c r="Z22617" s="2">
        <v>10.6</v>
      </c>
      <c r="AA22617" s="5"/>
      <c r="AB22617" s="5" t="s">
        <v>43</v>
      </c>
      <c r="AC22617" s="5" t="s">
        <v>44</v>
      </c>
      <c r="AD22617" s="2"/>
      <c r="AE22617" s="1"/>
    </row>
    <row r="22618" spans="1:31" ht="14.45">
      <c r="A22618" s="11"/>
      <c r="B22618" s="20"/>
      <c r="C22618" s="2" t="s">
        <v>72730</v>
      </c>
      <c r="D22618" s="14" t="s">
        <v>72731</v>
      </c>
      <c r="E22618" s="2" t="s">
        <v>72732</v>
      </c>
      <c r="F22618" s="2" t="s">
        <v>71957</v>
      </c>
      <c r="G22618" s="8">
        <v>168</v>
      </c>
      <c r="H22618" s="5">
        <v>6</v>
      </c>
      <c r="I22618" s="5" t="s">
        <v>1518</v>
      </c>
      <c r="J22618" s="5" t="s">
        <v>69038</v>
      </c>
      <c r="K22618" s="2" t="s">
        <v>69039</v>
      </c>
      <c r="L22618" s="5" t="s">
        <v>69038</v>
      </c>
      <c r="M22618" s="2" t="s">
        <v>69039</v>
      </c>
      <c r="N22618" s="5" t="s">
        <v>1521</v>
      </c>
      <c r="O22618" s="5" t="s">
        <v>38</v>
      </c>
      <c r="P22618" s="5" t="s">
        <v>39</v>
      </c>
      <c r="Q22618" s="5" t="s">
        <v>40</v>
      </c>
      <c r="R22618" s="5" t="s">
        <v>1522</v>
      </c>
      <c r="S22618" s="5" t="s">
        <v>1523</v>
      </c>
      <c r="T22618" s="5" t="s">
        <v>42</v>
      </c>
      <c r="U22618" s="2">
        <v>1.843</v>
      </c>
      <c r="V22618" s="2">
        <v>1.458</v>
      </c>
      <c r="W22618" s="2">
        <v>0.01</v>
      </c>
      <c r="X22618" s="2">
        <v>128.5</v>
      </c>
      <c r="Y22618" s="2">
        <v>7.6</v>
      </c>
      <c r="Z22618" s="2">
        <v>10.6</v>
      </c>
      <c r="AA22618" s="5"/>
      <c r="AB22618" s="5" t="s">
        <v>43</v>
      </c>
      <c r="AC22618" s="5" t="s">
        <v>44</v>
      </c>
      <c r="AD22618" s="2"/>
      <c r="AE22618" s="1"/>
    </row>
    <row r="22619" spans="1:31" ht="14.45">
      <c r="A22619" s="11"/>
      <c r="B22619" s="20"/>
      <c r="C22619" s="2" t="s">
        <v>72733</v>
      </c>
      <c r="D22619" s="14" t="s">
        <v>72734</v>
      </c>
      <c r="E22619" s="2" t="s">
        <v>72735</v>
      </c>
      <c r="F22619" s="2" t="s">
        <v>71961</v>
      </c>
      <c r="G22619" s="8">
        <v>168</v>
      </c>
      <c r="H22619" s="5">
        <v>6</v>
      </c>
      <c r="I22619" s="5" t="s">
        <v>1518</v>
      </c>
      <c r="J22619" s="5" t="s">
        <v>69038</v>
      </c>
      <c r="K22619" s="2" t="s">
        <v>69039</v>
      </c>
      <c r="L22619" s="5" t="s">
        <v>69038</v>
      </c>
      <c r="M22619" s="2" t="s">
        <v>69039</v>
      </c>
      <c r="N22619" s="5" t="s">
        <v>1521</v>
      </c>
      <c r="O22619" s="5" t="s">
        <v>38</v>
      </c>
      <c r="P22619" s="5" t="s">
        <v>39</v>
      </c>
      <c r="Q22619" s="5" t="s">
        <v>40</v>
      </c>
      <c r="R22619" s="5" t="s">
        <v>1522</v>
      </c>
      <c r="S22619" s="5" t="s">
        <v>1523</v>
      </c>
      <c r="T22619" s="5" t="s">
        <v>42</v>
      </c>
      <c r="U22619" s="2">
        <v>1.9530000000000001</v>
      </c>
      <c r="V22619" s="2">
        <v>1.5680000000000001</v>
      </c>
      <c r="W22619" s="2">
        <v>0.01</v>
      </c>
      <c r="X22619" s="2">
        <v>128.5</v>
      </c>
      <c r="Y22619" s="2">
        <v>7.6</v>
      </c>
      <c r="Z22619" s="2">
        <v>10.6</v>
      </c>
      <c r="AA22619" s="5"/>
      <c r="AB22619" s="5" t="s">
        <v>43</v>
      </c>
      <c r="AC22619" s="5" t="s">
        <v>44</v>
      </c>
      <c r="AD22619" s="2"/>
      <c r="AE22619" s="1"/>
    </row>
    <row r="22620" spans="1:31" ht="14.45">
      <c r="A22620" s="11"/>
      <c r="B22620" s="20"/>
      <c r="C22620" s="2" t="s">
        <v>72736</v>
      </c>
      <c r="D22620" s="14" t="s">
        <v>72737</v>
      </c>
      <c r="E22620" s="2" t="s">
        <v>72738</v>
      </c>
      <c r="F22620" s="2" t="s">
        <v>71965</v>
      </c>
      <c r="G22620" s="8">
        <v>168</v>
      </c>
      <c r="H22620" s="5">
        <v>6</v>
      </c>
      <c r="I22620" s="5" t="s">
        <v>1518</v>
      </c>
      <c r="J22620" s="5" t="s">
        <v>69038</v>
      </c>
      <c r="K22620" s="2" t="s">
        <v>69039</v>
      </c>
      <c r="L22620" s="5" t="s">
        <v>69038</v>
      </c>
      <c r="M22620" s="2" t="s">
        <v>69039</v>
      </c>
      <c r="N22620" s="5" t="s">
        <v>1521</v>
      </c>
      <c r="O22620" s="5" t="s">
        <v>38</v>
      </c>
      <c r="P22620" s="5" t="s">
        <v>39</v>
      </c>
      <c r="Q22620" s="5" t="s">
        <v>40</v>
      </c>
      <c r="R22620" s="5" t="s">
        <v>1522</v>
      </c>
      <c r="S22620" s="5" t="s">
        <v>1523</v>
      </c>
      <c r="T22620" s="5" t="s">
        <v>42</v>
      </c>
      <c r="U22620" s="2">
        <v>1.843</v>
      </c>
      <c r="V22620" s="2">
        <v>1.458</v>
      </c>
      <c r="W22620" s="2">
        <v>0.01</v>
      </c>
      <c r="X22620" s="2">
        <v>128.5</v>
      </c>
      <c r="Y22620" s="2">
        <v>7.6</v>
      </c>
      <c r="Z22620" s="2">
        <v>10.6</v>
      </c>
      <c r="AA22620" s="5"/>
      <c r="AB22620" s="5" t="s">
        <v>43</v>
      </c>
      <c r="AC22620" s="5" t="s">
        <v>44</v>
      </c>
      <c r="AD22620" s="2"/>
      <c r="AE22620" s="1"/>
    </row>
    <row r="22621" spans="1:31" ht="14.45">
      <c r="A22621" s="11"/>
      <c r="B22621" s="20"/>
      <c r="C22621" s="2" t="s">
        <v>72739</v>
      </c>
      <c r="D22621" s="14" t="s">
        <v>72740</v>
      </c>
      <c r="E22621" s="2" t="s">
        <v>72741</v>
      </c>
      <c r="F22621" s="2" t="s">
        <v>71969</v>
      </c>
      <c r="G22621" s="8">
        <v>168</v>
      </c>
      <c r="H22621" s="5">
        <v>6</v>
      </c>
      <c r="I22621" s="5" t="s">
        <v>1518</v>
      </c>
      <c r="J22621" s="5" t="s">
        <v>69038</v>
      </c>
      <c r="K22621" s="2" t="s">
        <v>69039</v>
      </c>
      <c r="L22621" s="5" t="s">
        <v>69038</v>
      </c>
      <c r="M22621" s="2" t="s">
        <v>69039</v>
      </c>
      <c r="N22621" s="5" t="s">
        <v>1521</v>
      </c>
      <c r="O22621" s="5" t="s">
        <v>38</v>
      </c>
      <c r="P22621" s="5" t="s">
        <v>39</v>
      </c>
      <c r="Q22621" s="5" t="s">
        <v>40</v>
      </c>
      <c r="R22621" s="5" t="s">
        <v>1522</v>
      </c>
      <c r="S22621" s="5" t="s">
        <v>1523</v>
      </c>
      <c r="T22621" s="5" t="s">
        <v>42</v>
      </c>
      <c r="U22621" s="2">
        <v>1.9530000000000001</v>
      </c>
      <c r="V22621" s="2">
        <v>1.5680000000000001</v>
      </c>
      <c r="W22621" s="2">
        <v>0.01</v>
      </c>
      <c r="X22621" s="2">
        <v>128.5</v>
      </c>
      <c r="Y22621" s="2">
        <v>7.6</v>
      </c>
      <c r="Z22621" s="2">
        <v>10.6</v>
      </c>
      <c r="AA22621" s="5"/>
      <c r="AB22621" s="5" t="s">
        <v>43</v>
      </c>
      <c r="AC22621" s="5" t="s">
        <v>44</v>
      </c>
      <c r="AD22621" s="2"/>
      <c r="AE22621" s="1"/>
    </row>
    <row r="22622" spans="1:31" ht="14.45">
      <c r="A22622" s="11"/>
      <c r="B22622" s="20"/>
      <c r="C22622" s="2" t="s">
        <v>72742</v>
      </c>
      <c r="D22622" s="14" t="s">
        <v>72743</v>
      </c>
      <c r="E22622" s="2" t="s">
        <v>72744</v>
      </c>
      <c r="F22622" s="2" t="s">
        <v>71973</v>
      </c>
      <c r="G22622" s="8">
        <v>168</v>
      </c>
      <c r="H22622" s="5">
        <v>6</v>
      </c>
      <c r="I22622" s="5" t="s">
        <v>1518</v>
      </c>
      <c r="J22622" s="5" t="s">
        <v>69038</v>
      </c>
      <c r="K22622" s="2" t="s">
        <v>69039</v>
      </c>
      <c r="L22622" s="5" t="s">
        <v>69038</v>
      </c>
      <c r="M22622" s="2" t="s">
        <v>69039</v>
      </c>
      <c r="N22622" s="5" t="s">
        <v>1521</v>
      </c>
      <c r="O22622" s="5" t="s">
        <v>38</v>
      </c>
      <c r="P22622" s="5" t="s">
        <v>39</v>
      </c>
      <c r="Q22622" s="5" t="s">
        <v>40</v>
      </c>
      <c r="R22622" s="5" t="s">
        <v>1522</v>
      </c>
      <c r="S22622" s="5" t="s">
        <v>1523</v>
      </c>
      <c r="T22622" s="5" t="s">
        <v>42</v>
      </c>
      <c r="U22622" s="2">
        <v>1.843</v>
      </c>
      <c r="V22622" s="2">
        <v>1.458</v>
      </c>
      <c r="W22622" s="2">
        <v>0.01</v>
      </c>
      <c r="X22622" s="2">
        <v>128.5</v>
      </c>
      <c r="Y22622" s="2">
        <v>7.6</v>
      </c>
      <c r="Z22622" s="2">
        <v>10.6</v>
      </c>
      <c r="AA22622" s="5"/>
      <c r="AB22622" s="5" t="s">
        <v>43</v>
      </c>
      <c r="AC22622" s="5" t="s">
        <v>44</v>
      </c>
      <c r="AD22622" s="2"/>
      <c r="AE22622" s="1"/>
    </row>
    <row r="22623" spans="1:31" ht="14.45">
      <c r="A22623" s="11"/>
      <c r="B22623" s="20"/>
      <c r="C22623" s="2" t="s">
        <v>72745</v>
      </c>
      <c r="D22623" s="14" t="s">
        <v>72746</v>
      </c>
      <c r="E22623" s="2" t="s">
        <v>72747</v>
      </c>
      <c r="F22623" s="2" t="s">
        <v>71977</v>
      </c>
      <c r="G22623" s="8">
        <v>168</v>
      </c>
      <c r="H22623" s="5">
        <v>6</v>
      </c>
      <c r="I22623" s="5" t="s">
        <v>1518</v>
      </c>
      <c r="J22623" s="5" t="s">
        <v>69038</v>
      </c>
      <c r="K22623" s="2" t="s">
        <v>69039</v>
      </c>
      <c r="L22623" s="5" t="s">
        <v>69038</v>
      </c>
      <c r="M22623" s="2" t="s">
        <v>69039</v>
      </c>
      <c r="N22623" s="5" t="s">
        <v>1521</v>
      </c>
      <c r="O22623" s="5" t="s">
        <v>38</v>
      </c>
      <c r="P22623" s="5" t="s">
        <v>39</v>
      </c>
      <c r="Q22623" s="5" t="s">
        <v>40</v>
      </c>
      <c r="R22623" s="5" t="s">
        <v>1522</v>
      </c>
      <c r="S22623" s="5" t="s">
        <v>1523</v>
      </c>
      <c r="T22623" s="5" t="s">
        <v>42</v>
      </c>
      <c r="U22623" s="2">
        <v>1.9530000000000001</v>
      </c>
      <c r="V22623" s="2">
        <v>1.5680000000000001</v>
      </c>
      <c r="W22623" s="2">
        <v>0.01</v>
      </c>
      <c r="X22623" s="2">
        <v>128.5</v>
      </c>
      <c r="Y22623" s="2">
        <v>7.6</v>
      </c>
      <c r="Z22623" s="2">
        <v>10.6</v>
      </c>
      <c r="AA22623" s="5"/>
      <c r="AB22623" s="5" t="s">
        <v>43</v>
      </c>
      <c r="AC22623" s="5" t="s">
        <v>44</v>
      </c>
      <c r="AD22623" s="2"/>
      <c r="AE22623" s="1"/>
    </row>
    <row r="22624" spans="1:31" ht="14.45">
      <c r="A22624" s="11"/>
      <c r="B22624" s="20"/>
      <c r="C22624" s="2" t="s">
        <v>72748</v>
      </c>
      <c r="D22624" s="14" t="s">
        <v>72749</v>
      </c>
      <c r="E22624" s="2" t="s">
        <v>72750</v>
      </c>
      <c r="F22624" s="2" t="s">
        <v>71981</v>
      </c>
      <c r="G22624" s="8">
        <v>168</v>
      </c>
      <c r="H22624" s="5">
        <v>6</v>
      </c>
      <c r="I22624" s="5" t="s">
        <v>1518</v>
      </c>
      <c r="J22624" s="5" t="s">
        <v>69038</v>
      </c>
      <c r="K22624" s="2" t="s">
        <v>69039</v>
      </c>
      <c r="L22624" s="5" t="s">
        <v>69038</v>
      </c>
      <c r="M22624" s="2" t="s">
        <v>69039</v>
      </c>
      <c r="N22624" s="5" t="s">
        <v>1521</v>
      </c>
      <c r="O22624" s="5" t="s">
        <v>38</v>
      </c>
      <c r="P22624" s="5" t="s">
        <v>39</v>
      </c>
      <c r="Q22624" s="5" t="s">
        <v>40</v>
      </c>
      <c r="R22624" s="5" t="s">
        <v>1522</v>
      </c>
      <c r="S22624" s="5" t="s">
        <v>1523</v>
      </c>
      <c r="T22624" s="5" t="s">
        <v>42</v>
      </c>
      <c r="U22624" s="2">
        <v>1.843</v>
      </c>
      <c r="V22624" s="2">
        <v>1.458</v>
      </c>
      <c r="W22624" s="2">
        <v>0.01</v>
      </c>
      <c r="X22624" s="2">
        <v>128.5</v>
      </c>
      <c r="Y22624" s="2">
        <v>7.6</v>
      </c>
      <c r="Z22624" s="2">
        <v>10.6</v>
      </c>
      <c r="AA22624" s="5"/>
      <c r="AB22624" s="5" t="s">
        <v>43</v>
      </c>
      <c r="AC22624" s="5" t="s">
        <v>44</v>
      </c>
      <c r="AD22624" s="2"/>
      <c r="AE22624" s="1"/>
    </row>
    <row r="22625" spans="1:31" ht="14.45">
      <c r="A22625" s="11"/>
      <c r="B22625" s="20"/>
      <c r="C22625" s="2" t="s">
        <v>72751</v>
      </c>
      <c r="D22625" s="14" t="s">
        <v>72752</v>
      </c>
      <c r="E22625" s="2" t="s">
        <v>72753</v>
      </c>
      <c r="F22625" s="2" t="s">
        <v>71985</v>
      </c>
      <c r="G22625" s="8">
        <v>168</v>
      </c>
      <c r="H22625" s="5">
        <v>6</v>
      </c>
      <c r="I22625" s="5" t="s">
        <v>1518</v>
      </c>
      <c r="J22625" s="5" t="s">
        <v>69038</v>
      </c>
      <c r="K22625" s="2" t="s">
        <v>69039</v>
      </c>
      <c r="L22625" s="5" t="s">
        <v>69038</v>
      </c>
      <c r="M22625" s="2" t="s">
        <v>69039</v>
      </c>
      <c r="N22625" s="5" t="s">
        <v>1521</v>
      </c>
      <c r="O22625" s="5" t="s">
        <v>38</v>
      </c>
      <c r="P22625" s="5" t="s">
        <v>39</v>
      </c>
      <c r="Q22625" s="5" t="s">
        <v>40</v>
      </c>
      <c r="R22625" s="5" t="s">
        <v>1522</v>
      </c>
      <c r="S22625" s="5" t="s">
        <v>1523</v>
      </c>
      <c r="T22625" s="5" t="s">
        <v>42</v>
      </c>
      <c r="U22625" s="2">
        <v>1.9530000000000001</v>
      </c>
      <c r="V22625" s="2">
        <v>1.5680000000000001</v>
      </c>
      <c r="W22625" s="2">
        <v>0.01</v>
      </c>
      <c r="X22625" s="2">
        <v>128.5</v>
      </c>
      <c r="Y22625" s="2">
        <v>7.6</v>
      </c>
      <c r="Z22625" s="2">
        <v>10.6</v>
      </c>
      <c r="AA22625" s="5"/>
      <c r="AB22625" s="5" t="s">
        <v>43</v>
      </c>
      <c r="AC22625" s="5" t="s">
        <v>44</v>
      </c>
      <c r="AD22625" s="2"/>
      <c r="AE22625" s="1"/>
    </row>
    <row r="22626" spans="1:31" ht="14.45">
      <c r="A22626" s="11"/>
      <c r="B22626" s="20"/>
      <c r="C22626" s="2" t="s">
        <v>72754</v>
      </c>
      <c r="D22626" s="14" t="s">
        <v>72755</v>
      </c>
      <c r="E22626" s="2" t="s">
        <v>72756</v>
      </c>
      <c r="F22626" s="2" t="s">
        <v>71957</v>
      </c>
      <c r="G22626" s="8">
        <v>189</v>
      </c>
      <c r="H22626" s="5">
        <v>6</v>
      </c>
      <c r="I22626" s="5" t="s">
        <v>1518</v>
      </c>
      <c r="J22626" s="5" t="s">
        <v>69038</v>
      </c>
      <c r="K22626" s="2" t="s">
        <v>69039</v>
      </c>
      <c r="L22626" s="5" t="s">
        <v>69038</v>
      </c>
      <c r="M22626" s="2" t="s">
        <v>69039</v>
      </c>
      <c r="N22626" s="5" t="s">
        <v>1521</v>
      </c>
      <c r="O22626" s="5" t="s">
        <v>38</v>
      </c>
      <c r="P22626" s="5" t="s">
        <v>39</v>
      </c>
      <c r="Q22626" s="5" t="s">
        <v>40</v>
      </c>
      <c r="R22626" s="5" t="s">
        <v>1522</v>
      </c>
      <c r="S22626" s="5" t="s">
        <v>1523</v>
      </c>
      <c r="T22626" s="5" t="s">
        <v>42</v>
      </c>
      <c r="U22626" s="2">
        <v>2.0139999999999998</v>
      </c>
      <c r="V22626" s="2">
        <v>1.57</v>
      </c>
      <c r="W22626" s="2">
        <v>1.2E-2</v>
      </c>
      <c r="X22626" s="2">
        <v>148.69999999999999</v>
      </c>
      <c r="Y22626" s="2">
        <v>7.6</v>
      </c>
      <c r="Z22626" s="2">
        <v>10.6</v>
      </c>
      <c r="AA22626" s="5"/>
      <c r="AB22626" s="5" t="s">
        <v>43</v>
      </c>
      <c r="AC22626" s="5" t="s">
        <v>44</v>
      </c>
      <c r="AD22626" s="2"/>
      <c r="AE22626" s="1"/>
    </row>
    <row r="22627" spans="1:31" ht="14.45">
      <c r="A22627" s="11"/>
      <c r="B22627" s="20"/>
      <c r="C22627" s="2" t="s">
        <v>72757</v>
      </c>
      <c r="D22627" s="14" t="s">
        <v>72758</v>
      </c>
      <c r="E22627" s="2" t="s">
        <v>72759</v>
      </c>
      <c r="F22627" s="2" t="s">
        <v>71961</v>
      </c>
      <c r="G22627" s="8">
        <v>189</v>
      </c>
      <c r="H22627" s="5">
        <v>6</v>
      </c>
      <c r="I22627" s="5" t="s">
        <v>1518</v>
      </c>
      <c r="J22627" s="5" t="s">
        <v>69038</v>
      </c>
      <c r="K22627" s="2" t="s">
        <v>69039</v>
      </c>
      <c r="L22627" s="5" t="s">
        <v>69038</v>
      </c>
      <c r="M22627" s="2" t="s">
        <v>69039</v>
      </c>
      <c r="N22627" s="5" t="s">
        <v>1521</v>
      </c>
      <c r="O22627" s="5" t="s">
        <v>38</v>
      </c>
      <c r="P22627" s="5" t="s">
        <v>39</v>
      </c>
      <c r="Q22627" s="5" t="s">
        <v>40</v>
      </c>
      <c r="R22627" s="5" t="s">
        <v>1522</v>
      </c>
      <c r="S22627" s="5" t="s">
        <v>1523</v>
      </c>
      <c r="T22627" s="5" t="s">
        <v>42</v>
      </c>
      <c r="U22627" s="2">
        <v>2.1339999999999999</v>
      </c>
      <c r="V22627" s="2">
        <v>1.69</v>
      </c>
      <c r="W22627" s="2">
        <v>1.2E-2</v>
      </c>
      <c r="X22627" s="2">
        <v>148.69999999999999</v>
      </c>
      <c r="Y22627" s="2">
        <v>7.6</v>
      </c>
      <c r="Z22627" s="2">
        <v>10.6</v>
      </c>
      <c r="AA22627" s="5"/>
      <c r="AB22627" s="5" t="s">
        <v>43</v>
      </c>
      <c r="AC22627" s="5" t="s">
        <v>44</v>
      </c>
      <c r="AD22627" s="2"/>
      <c r="AE22627" s="1"/>
    </row>
    <row r="22628" spans="1:31" ht="14.45">
      <c r="A22628" s="11"/>
      <c r="B22628" s="20"/>
      <c r="C22628" s="2" t="s">
        <v>72760</v>
      </c>
      <c r="D22628" s="14" t="s">
        <v>72761</v>
      </c>
      <c r="E22628" s="2" t="s">
        <v>72762</v>
      </c>
      <c r="F22628" s="2" t="s">
        <v>71965</v>
      </c>
      <c r="G22628" s="8">
        <v>189</v>
      </c>
      <c r="H22628" s="5">
        <v>6</v>
      </c>
      <c r="I22628" s="5" t="s">
        <v>1518</v>
      </c>
      <c r="J22628" s="5" t="s">
        <v>69038</v>
      </c>
      <c r="K22628" s="2" t="s">
        <v>69039</v>
      </c>
      <c r="L22628" s="5" t="s">
        <v>69038</v>
      </c>
      <c r="M22628" s="2" t="s">
        <v>69039</v>
      </c>
      <c r="N22628" s="5" t="s">
        <v>1521</v>
      </c>
      <c r="O22628" s="5" t="s">
        <v>38</v>
      </c>
      <c r="P22628" s="5" t="s">
        <v>39</v>
      </c>
      <c r="Q22628" s="5" t="s">
        <v>40</v>
      </c>
      <c r="R22628" s="5" t="s">
        <v>1522</v>
      </c>
      <c r="S22628" s="5" t="s">
        <v>1523</v>
      </c>
      <c r="T22628" s="5" t="s">
        <v>42</v>
      </c>
      <c r="U22628" s="2">
        <v>2.0139999999999998</v>
      </c>
      <c r="V22628" s="2">
        <v>1.57</v>
      </c>
      <c r="W22628" s="2">
        <v>1.2E-2</v>
      </c>
      <c r="X22628" s="2">
        <v>148.69999999999999</v>
      </c>
      <c r="Y22628" s="2">
        <v>7.6</v>
      </c>
      <c r="Z22628" s="2">
        <v>10.6</v>
      </c>
      <c r="AA22628" s="5"/>
      <c r="AB22628" s="5" t="s">
        <v>43</v>
      </c>
      <c r="AC22628" s="5" t="s">
        <v>44</v>
      </c>
      <c r="AD22628" s="2"/>
      <c r="AE22628" s="1"/>
    </row>
    <row r="22629" spans="1:31" ht="14.45">
      <c r="A22629" s="11"/>
      <c r="B22629" s="20"/>
      <c r="C22629" s="2" t="s">
        <v>72763</v>
      </c>
      <c r="D22629" s="14" t="s">
        <v>72764</v>
      </c>
      <c r="E22629" s="2" t="s">
        <v>72765</v>
      </c>
      <c r="F22629" s="2" t="s">
        <v>71969</v>
      </c>
      <c r="G22629" s="8">
        <v>189</v>
      </c>
      <c r="H22629" s="5">
        <v>6</v>
      </c>
      <c r="I22629" s="5" t="s">
        <v>1518</v>
      </c>
      <c r="J22629" s="5" t="s">
        <v>69038</v>
      </c>
      <c r="K22629" s="2" t="s">
        <v>69039</v>
      </c>
      <c r="L22629" s="5" t="s">
        <v>69038</v>
      </c>
      <c r="M22629" s="2" t="s">
        <v>69039</v>
      </c>
      <c r="N22629" s="5" t="s">
        <v>1521</v>
      </c>
      <c r="O22629" s="5" t="s">
        <v>38</v>
      </c>
      <c r="P22629" s="5" t="s">
        <v>39</v>
      </c>
      <c r="Q22629" s="5" t="s">
        <v>40</v>
      </c>
      <c r="R22629" s="5" t="s">
        <v>1522</v>
      </c>
      <c r="S22629" s="5" t="s">
        <v>1523</v>
      </c>
      <c r="T22629" s="5" t="s">
        <v>42</v>
      </c>
      <c r="U22629" s="2">
        <v>2.1339999999999999</v>
      </c>
      <c r="V22629" s="2">
        <v>1.69</v>
      </c>
      <c r="W22629" s="2">
        <v>1.2E-2</v>
      </c>
      <c r="X22629" s="2">
        <v>148.69999999999999</v>
      </c>
      <c r="Y22629" s="2">
        <v>7.6</v>
      </c>
      <c r="Z22629" s="2">
        <v>10.6</v>
      </c>
      <c r="AA22629" s="5"/>
      <c r="AB22629" s="5" t="s">
        <v>43</v>
      </c>
      <c r="AC22629" s="5" t="s">
        <v>44</v>
      </c>
      <c r="AD22629" s="2"/>
      <c r="AE22629" s="1"/>
    </row>
    <row r="22630" spans="1:31" ht="14.45">
      <c r="A22630" s="11"/>
      <c r="B22630" s="20"/>
      <c r="C22630" s="2" t="s">
        <v>72766</v>
      </c>
      <c r="D22630" s="14" t="s">
        <v>72767</v>
      </c>
      <c r="E22630" s="2" t="s">
        <v>72768</v>
      </c>
      <c r="F22630" s="2" t="s">
        <v>71973</v>
      </c>
      <c r="G22630" s="8">
        <v>189</v>
      </c>
      <c r="H22630" s="5">
        <v>6</v>
      </c>
      <c r="I22630" s="5" t="s">
        <v>1518</v>
      </c>
      <c r="J22630" s="5" t="s">
        <v>69038</v>
      </c>
      <c r="K22630" s="2" t="s">
        <v>69039</v>
      </c>
      <c r="L22630" s="5" t="s">
        <v>69038</v>
      </c>
      <c r="M22630" s="2" t="s">
        <v>69039</v>
      </c>
      <c r="N22630" s="5" t="s">
        <v>1521</v>
      </c>
      <c r="O22630" s="5" t="s">
        <v>38</v>
      </c>
      <c r="P22630" s="5" t="s">
        <v>39</v>
      </c>
      <c r="Q22630" s="5" t="s">
        <v>40</v>
      </c>
      <c r="R22630" s="5" t="s">
        <v>1522</v>
      </c>
      <c r="S22630" s="5" t="s">
        <v>1523</v>
      </c>
      <c r="T22630" s="5" t="s">
        <v>42</v>
      </c>
      <c r="U22630" s="2">
        <v>2.0139999999999998</v>
      </c>
      <c r="V22630" s="2">
        <v>1.57</v>
      </c>
      <c r="W22630" s="2">
        <v>1.2E-2</v>
      </c>
      <c r="X22630" s="2">
        <v>148.69999999999999</v>
      </c>
      <c r="Y22630" s="2">
        <v>7.6</v>
      </c>
      <c r="Z22630" s="2">
        <v>10.6</v>
      </c>
      <c r="AA22630" s="5"/>
      <c r="AB22630" s="5" t="s">
        <v>43</v>
      </c>
      <c r="AC22630" s="5" t="s">
        <v>44</v>
      </c>
      <c r="AD22630" s="2"/>
      <c r="AE22630" s="1"/>
    </row>
    <row r="22631" spans="1:31" ht="14.45">
      <c r="A22631" s="11"/>
      <c r="B22631" s="20"/>
      <c r="C22631" s="2" t="s">
        <v>72769</v>
      </c>
      <c r="D22631" s="14" t="s">
        <v>72770</v>
      </c>
      <c r="E22631" s="2" t="s">
        <v>72771</v>
      </c>
      <c r="F22631" s="2" t="s">
        <v>71977</v>
      </c>
      <c r="G22631" s="8">
        <v>189</v>
      </c>
      <c r="H22631" s="5">
        <v>6</v>
      </c>
      <c r="I22631" s="5" t="s">
        <v>1518</v>
      </c>
      <c r="J22631" s="5" t="s">
        <v>69038</v>
      </c>
      <c r="K22631" s="2" t="s">
        <v>69039</v>
      </c>
      <c r="L22631" s="5" t="s">
        <v>69038</v>
      </c>
      <c r="M22631" s="2" t="s">
        <v>69039</v>
      </c>
      <c r="N22631" s="5" t="s">
        <v>1521</v>
      </c>
      <c r="O22631" s="5" t="s">
        <v>38</v>
      </c>
      <c r="P22631" s="5" t="s">
        <v>39</v>
      </c>
      <c r="Q22631" s="5" t="s">
        <v>40</v>
      </c>
      <c r="R22631" s="5" t="s">
        <v>1522</v>
      </c>
      <c r="S22631" s="5" t="s">
        <v>1523</v>
      </c>
      <c r="T22631" s="5" t="s">
        <v>42</v>
      </c>
      <c r="U22631" s="2">
        <v>2.1339999999999999</v>
      </c>
      <c r="V22631" s="2">
        <v>1.69</v>
      </c>
      <c r="W22631" s="2">
        <v>1.2E-2</v>
      </c>
      <c r="X22631" s="2">
        <v>148.69999999999999</v>
      </c>
      <c r="Y22631" s="2">
        <v>7.6</v>
      </c>
      <c r="Z22631" s="2">
        <v>10.6</v>
      </c>
      <c r="AA22631" s="5"/>
      <c r="AB22631" s="5" t="s">
        <v>43</v>
      </c>
      <c r="AC22631" s="5" t="s">
        <v>44</v>
      </c>
      <c r="AD22631" s="2"/>
      <c r="AE22631" s="1"/>
    </row>
    <row r="22632" spans="1:31" ht="14.45">
      <c r="A22632" s="11"/>
      <c r="B22632" s="20"/>
      <c r="C22632" s="2" t="s">
        <v>72772</v>
      </c>
      <c r="D22632" s="14" t="s">
        <v>72773</v>
      </c>
      <c r="E22632" s="2" t="s">
        <v>72774</v>
      </c>
      <c r="F22632" s="2" t="s">
        <v>71981</v>
      </c>
      <c r="G22632" s="8">
        <v>189</v>
      </c>
      <c r="H22632" s="5">
        <v>6</v>
      </c>
      <c r="I22632" s="5" t="s">
        <v>1518</v>
      </c>
      <c r="J22632" s="5" t="s">
        <v>69038</v>
      </c>
      <c r="K22632" s="2" t="s">
        <v>69039</v>
      </c>
      <c r="L22632" s="5" t="s">
        <v>69038</v>
      </c>
      <c r="M22632" s="2" t="s">
        <v>69039</v>
      </c>
      <c r="N22632" s="5" t="s">
        <v>1521</v>
      </c>
      <c r="O22632" s="5" t="s">
        <v>38</v>
      </c>
      <c r="P22632" s="5" t="s">
        <v>39</v>
      </c>
      <c r="Q22632" s="5" t="s">
        <v>40</v>
      </c>
      <c r="R22632" s="5" t="s">
        <v>1522</v>
      </c>
      <c r="S22632" s="5" t="s">
        <v>1523</v>
      </c>
      <c r="T22632" s="5" t="s">
        <v>42</v>
      </c>
      <c r="U22632" s="2">
        <v>2.0139999999999998</v>
      </c>
      <c r="V22632" s="2">
        <v>1.57</v>
      </c>
      <c r="W22632" s="2">
        <v>1.2E-2</v>
      </c>
      <c r="X22632" s="2">
        <v>148.69999999999999</v>
      </c>
      <c r="Y22632" s="2">
        <v>7.6</v>
      </c>
      <c r="Z22632" s="2">
        <v>10.6</v>
      </c>
      <c r="AA22632" s="5"/>
      <c r="AB22632" s="5" t="s">
        <v>43</v>
      </c>
      <c r="AC22632" s="5" t="s">
        <v>44</v>
      </c>
      <c r="AD22632" s="2"/>
      <c r="AE22632" s="1"/>
    </row>
    <row r="22633" spans="1:31" ht="14.45">
      <c r="A22633" s="11"/>
      <c r="B22633" s="20"/>
      <c r="C22633" s="2" t="s">
        <v>72775</v>
      </c>
      <c r="D22633" s="14" t="s">
        <v>72776</v>
      </c>
      <c r="E22633" s="2" t="s">
        <v>72777</v>
      </c>
      <c r="F22633" s="2" t="s">
        <v>71985</v>
      </c>
      <c r="G22633" s="8">
        <v>189</v>
      </c>
      <c r="H22633" s="5">
        <v>6</v>
      </c>
      <c r="I22633" s="5" t="s">
        <v>1518</v>
      </c>
      <c r="J22633" s="5" t="s">
        <v>69038</v>
      </c>
      <c r="K22633" s="2" t="s">
        <v>69039</v>
      </c>
      <c r="L22633" s="5" t="s">
        <v>69038</v>
      </c>
      <c r="M22633" s="2" t="s">
        <v>69039</v>
      </c>
      <c r="N22633" s="5" t="s">
        <v>1521</v>
      </c>
      <c r="O22633" s="5" t="s">
        <v>38</v>
      </c>
      <c r="P22633" s="5" t="s">
        <v>39</v>
      </c>
      <c r="Q22633" s="5" t="s">
        <v>40</v>
      </c>
      <c r="R22633" s="5" t="s">
        <v>1522</v>
      </c>
      <c r="S22633" s="5" t="s">
        <v>1523</v>
      </c>
      <c r="T22633" s="5" t="s">
        <v>42</v>
      </c>
      <c r="U22633" s="2">
        <v>2.1339999999999999</v>
      </c>
      <c r="V22633" s="2">
        <v>1.69</v>
      </c>
      <c r="W22633" s="2">
        <v>1.2E-2</v>
      </c>
      <c r="X22633" s="2">
        <v>148.69999999999999</v>
      </c>
      <c r="Y22633" s="2">
        <v>7.6</v>
      </c>
      <c r="Z22633" s="2">
        <v>10.6</v>
      </c>
      <c r="AA22633" s="5"/>
      <c r="AB22633" s="5" t="s">
        <v>43</v>
      </c>
      <c r="AC22633" s="5" t="s">
        <v>44</v>
      </c>
      <c r="AD22633" s="2"/>
      <c r="AE22633" s="1"/>
    </row>
    <row r="22634" spans="1:31" ht="14.45">
      <c r="A22634" s="11"/>
      <c r="B22634" s="20"/>
      <c r="C22634" s="2" t="s">
        <v>72778</v>
      </c>
      <c r="D22634" s="14" t="s">
        <v>72779</v>
      </c>
      <c r="E22634" s="2" t="s">
        <v>72780</v>
      </c>
      <c r="F22634" s="2" t="s">
        <v>71957</v>
      </c>
      <c r="G22634" s="8">
        <v>159</v>
      </c>
      <c r="H22634" s="5">
        <v>6</v>
      </c>
      <c r="I22634" s="5" t="s">
        <v>1518</v>
      </c>
      <c r="J22634" s="5" t="s">
        <v>69038</v>
      </c>
      <c r="K22634" s="2" t="s">
        <v>69039</v>
      </c>
      <c r="L22634" s="5" t="s">
        <v>69038</v>
      </c>
      <c r="M22634" s="2" t="s">
        <v>69039</v>
      </c>
      <c r="N22634" s="5" t="s">
        <v>1521</v>
      </c>
      <c r="O22634" s="5" t="s">
        <v>38</v>
      </c>
      <c r="P22634" s="5" t="s">
        <v>39</v>
      </c>
      <c r="Q22634" s="5" t="s">
        <v>40</v>
      </c>
      <c r="R22634" s="5" t="s">
        <v>1522</v>
      </c>
      <c r="S22634" s="5" t="s">
        <v>1523</v>
      </c>
      <c r="T22634" s="5" t="s">
        <v>42</v>
      </c>
      <c r="U22634" s="2">
        <v>1.419</v>
      </c>
      <c r="V22634" s="2">
        <v>1.034</v>
      </c>
      <c r="W22634" s="2">
        <v>0.01</v>
      </c>
      <c r="X22634" s="2">
        <v>128.5</v>
      </c>
      <c r="Y22634" s="2">
        <v>7.6</v>
      </c>
      <c r="Z22634" s="2">
        <v>10.6</v>
      </c>
      <c r="AA22634" s="5"/>
      <c r="AB22634" s="5" t="s">
        <v>43</v>
      </c>
      <c r="AC22634" s="5" t="s">
        <v>44</v>
      </c>
      <c r="AD22634" s="2"/>
      <c r="AE22634" s="1"/>
    </row>
    <row r="22635" spans="1:31" ht="14.45">
      <c r="A22635" s="11"/>
      <c r="B22635" s="20"/>
      <c r="C22635" s="2" t="s">
        <v>72781</v>
      </c>
      <c r="D22635" s="14" t="s">
        <v>72782</v>
      </c>
      <c r="E22635" s="2" t="s">
        <v>72783</v>
      </c>
      <c r="F22635" s="2" t="s">
        <v>71961</v>
      </c>
      <c r="G22635" s="8">
        <v>159</v>
      </c>
      <c r="H22635" s="5">
        <v>6</v>
      </c>
      <c r="I22635" s="5" t="s">
        <v>1518</v>
      </c>
      <c r="J22635" s="5" t="s">
        <v>69038</v>
      </c>
      <c r="K22635" s="2" t="s">
        <v>69039</v>
      </c>
      <c r="L22635" s="5" t="s">
        <v>69038</v>
      </c>
      <c r="M22635" s="2" t="s">
        <v>69039</v>
      </c>
      <c r="N22635" s="5" t="s">
        <v>1521</v>
      </c>
      <c r="O22635" s="5" t="s">
        <v>38</v>
      </c>
      <c r="P22635" s="5" t="s">
        <v>39</v>
      </c>
      <c r="Q22635" s="5" t="s">
        <v>40</v>
      </c>
      <c r="R22635" s="5" t="s">
        <v>1522</v>
      </c>
      <c r="S22635" s="5" t="s">
        <v>1523</v>
      </c>
      <c r="T22635" s="5" t="s">
        <v>42</v>
      </c>
      <c r="U22635" s="2">
        <v>1.49</v>
      </c>
      <c r="V22635" s="2">
        <v>1.105</v>
      </c>
      <c r="W22635" s="2">
        <v>0.01</v>
      </c>
      <c r="X22635" s="2">
        <v>128.5</v>
      </c>
      <c r="Y22635" s="2">
        <v>7.6</v>
      </c>
      <c r="Z22635" s="2">
        <v>10.6</v>
      </c>
      <c r="AA22635" s="5"/>
      <c r="AB22635" s="5" t="s">
        <v>43</v>
      </c>
      <c r="AC22635" s="5" t="s">
        <v>44</v>
      </c>
      <c r="AD22635" s="2"/>
      <c r="AE22635" s="1"/>
    </row>
    <row r="22636" spans="1:31" ht="14.45">
      <c r="A22636" s="11"/>
      <c r="B22636" s="20"/>
      <c r="C22636" s="2" t="s">
        <v>72784</v>
      </c>
      <c r="D22636" s="14" t="s">
        <v>72785</v>
      </c>
      <c r="E22636" s="2" t="s">
        <v>72786</v>
      </c>
      <c r="F22636" s="2" t="s">
        <v>71965</v>
      </c>
      <c r="G22636" s="8">
        <v>159</v>
      </c>
      <c r="H22636" s="5">
        <v>6</v>
      </c>
      <c r="I22636" s="5" t="s">
        <v>1518</v>
      </c>
      <c r="J22636" s="5" t="s">
        <v>69038</v>
      </c>
      <c r="K22636" s="2" t="s">
        <v>69039</v>
      </c>
      <c r="L22636" s="5" t="s">
        <v>69038</v>
      </c>
      <c r="M22636" s="2" t="s">
        <v>69039</v>
      </c>
      <c r="N22636" s="5" t="s">
        <v>1521</v>
      </c>
      <c r="O22636" s="5" t="s">
        <v>38</v>
      </c>
      <c r="P22636" s="5" t="s">
        <v>39</v>
      </c>
      <c r="Q22636" s="5" t="s">
        <v>40</v>
      </c>
      <c r="R22636" s="5" t="s">
        <v>1522</v>
      </c>
      <c r="S22636" s="5" t="s">
        <v>1523</v>
      </c>
      <c r="T22636" s="5" t="s">
        <v>42</v>
      </c>
      <c r="U22636" s="2">
        <v>1.419</v>
      </c>
      <c r="V22636" s="2">
        <v>1.034</v>
      </c>
      <c r="W22636" s="2">
        <v>0.01</v>
      </c>
      <c r="X22636" s="2">
        <v>128.5</v>
      </c>
      <c r="Y22636" s="2">
        <v>7.6</v>
      </c>
      <c r="Z22636" s="2">
        <v>10.6</v>
      </c>
      <c r="AA22636" s="5"/>
      <c r="AB22636" s="5" t="s">
        <v>43</v>
      </c>
      <c r="AC22636" s="5" t="s">
        <v>44</v>
      </c>
      <c r="AD22636" s="2"/>
      <c r="AE22636" s="1"/>
    </row>
    <row r="22637" spans="1:31" ht="14.45">
      <c r="A22637" s="11"/>
      <c r="B22637" s="20"/>
      <c r="C22637" s="2" t="s">
        <v>72787</v>
      </c>
      <c r="D22637" s="14" t="s">
        <v>72788</v>
      </c>
      <c r="E22637" s="2" t="s">
        <v>72789</v>
      </c>
      <c r="F22637" s="2" t="s">
        <v>71969</v>
      </c>
      <c r="G22637" s="8">
        <v>159</v>
      </c>
      <c r="H22637" s="5">
        <v>6</v>
      </c>
      <c r="I22637" s="5" t="s">
        <v>1518</v>
      </c>
      <c r="J22637" s="5" t="s">
        <v>69038</v>
      </c>
      <c r="K22637" s="2" t="s">
        <v>69039</v>
      </c>
      <c r="L22637" s="5" t="s">
        <v>69038</v>
      </c>
      <c r="M22637" s="2" t="s">
        <v>69039</v>
      </c>
      <c r="N22637" s="5" t="s">
        <v>1521</v>
      </c>
      <c r="O22637" s="5" t="s">
        <v>38</v>
      </c>
      <c r="P22637" s="5" t="s">
        <v>39</v>
      </c>
      <c r="Q22637" s="5" t="s">
        <v>40</v>
      </c>
      <c r="R22637" s="5" t="s">
        <v>1522</v>
      </c>
      <c r="S22637" s="5" t="s">
        <v>1523</v>
      </c>
      <c r="T22637" s="5" t="s">
        <v>42</v>
      </c>
      <c r="U22637" s="2">
        <v>1.49</v>
      </c>
      <c r="V22637" s="2">
        <v>1.105</v>
      </c>
      <c r="W22637" s="2">
        <v>0.01</v>
      </c>
      <c r="X22637" s="2">
        <v>128.5</v>
      </c>
      <c r="Y22637" s="2">
        <v>7.6</v>
      </c>
      <c r="Z22637" s="2">
        <v>10.6</v>
      </c>
      <c r="AA22637" s="5"/>
      <c r="AB22637" s="5" t="s">
        <v>43</v>
      </c>
      <c r="AC22637" s="5" t="s">
        <v>44</v>
      </c>
      <c r="AD22637" s="2"/>
      <c r="AE22637" s="1"/>
    </row>
    <row r="22638" spans="1:31" ht="14.45">
      <c r="A22638" s="11"/>
      <c r="B22638" s="20"/>
      <c r="C22638" s="2" t="s">
        <v>72790</v>
      </c>
      <c r="D22638" s="14" t="s">
        <v>72791</v>
      </c>
      <c r="E22638" s="2" t="s">
        <v>72792</v>
      </c>
      <c r="F22638" s="2" t="s">
        <v>71973</v>
      </c>
      <c r="G22638" s="8">
        <v>159</v>
      </c>
      <c r="H22638" s="5">
        <v>6</v>
      </c>
      <c r="I22638" s="5" t="s">
        <v>1518</v>
      </c>
      <c r="J22638" s="5" t="s">
        <v>69038</v>
      </c>
      <c r="K22638" s="2" t="s">
        <v>69039</v>
      </c>
      <c r="L22638" s="5" t="s">
        <v>69038</v>
      </c>
      <c r="M22638" s="2" t="s">
        <v>69039</v>
      </c>
      <c r="N22638" s="5" t="s">
        <v>1521</v>
      </c>
      <c r="O22638" s="5" t="s">
        <v>38</v>
      </c>
      <c r="P22638" s="5" t="s">
        <v>39</v>
      </c>
      <c r="Q22638" s="5" t="s">
        <v>40</v>
      </c>
      <c r="R22638" s="5" t="s">
        <v>1522</v>
      </c>
      <c r="S22638" s="5" t="s">
        <v>1523</v>
      </c>
      <c r="T22638" s="5" t="s">
        <v>42</v>
      </c>
      <c r="U22638" s="2">
        <v>1.419</v>
      </c>
      <c r="V22638" s="2">
        <v>1.034</v>
      </c>
      <c r="W22638" s="2">
        <v>0.01</v>
      </c>
      <c r="X22638" s="2">
        <v>128.5</v>
      </c>
      <c r="Y22638" s="2">
        <v>7.6</v>
      </c>
      <c r="Z22638" s="2">
        <v>10.6</v>
      </c>
      <c r="AA22638" s="5"/>
      <c r="AB22638" s="5" t="s">
        <v>43</v>
      </c>
      <c r="AC22638" s="5" t="s">
        <v>44</v>
      </c>
      <c r="AD22638" s="2"/>
      <c r="AE22638" s="1"/>
    </row>
    <row r="22639" spans="1:31" ht="14.45">
      <c r="A22639" s="11"/>
      <c r="B22639" s="20"/>
      <c r="C22639" s="2" t="s">
        <v>72793</v>
      </c>
      <c r="D22639" s="14" t="s">
        <v>72794</v>
      </c>
      <c r="E22639" s="2" t="s">
        <v>72795</v>
      </c>
      <c r="F22639" s="2" t="s">
        <v>71977</v>
      </c>
      <c r="G22639" s="8">
        <v>159</v>
      </c>
      <c r="H22639" s="5">
        <v>6</v>
      </c>
      <c r="I22639" s="5" t="s">
        <v>1518</v>
      </c>
      <c r="J22639" s="5" t="s">
        <v>69038</v>
      </c>
      <c r="K22639" s="2" t="s">
        <v>69039</v>
      </c>
      <c r="L22639" s="5" t="s">
        <v>69038</v>
      </c>
      <c r="M22639" s="2" t="s">
        <v>69039</v>
      </c>
      <c r="N22639" s="5" t="s">
        <v>1521</v>
      </c>
      <c r="O22639" s="5" t="s">
        <v>38</v>
      </c>
      <c r="P22639" s="5" t="s">
        <v>39</v>
      </c>
      <c r="Q22639" s="5" t="s">
        <v>40</v>
      </c>
      <c r="R22639" s="5" t="s">
        <v>1522</v>
      </c>
      <c r="S22639" s="5" t="s">
        <v>1523</v>
      </c>
      <c r="T22639" s="5" t="s">
        <v>42</v>
      </c>
      <c r="U22639" s="2">
        <v>1.49</v>
      </c>
      <c r="V22639" s="2">
        <v>1.105</v>
      </c>
      <c r="W22639" s="2">
        <v>0.01</v>
      </c>
      <c r="X22639" s="2">
        <v>128.5</v>
      </c>
      <c r="Y22639" s="2">
        <v>7.6</v>
      </c>
      <c r="Z22639" s="2">
        <v>10.6</v>
      </c>
      <c r="AA22639" s="5"/>
      <c r="AB22639" s="5" t="s">
        <v>43</v>
      </c>
      <c r="AC22639" s="5" t="s">
        <v>44</v>
      </c>
      <c r="AD22639" s="2"/>
      <c r="AE22639" s="1"/>
    </row>
    <row r="22640" spans="1:31" ht="14.45">
      <c r="A22640" s="11"/>
      <c r="B22640" s="20"/>
      <c r="C22640" s="2" t="s">
        <v>72796</v>
      </c>
      <c r="D22640" s="14" t="s">
        <v>72797</v>
      </c>
      <c r="E22640" s="2" t="s">
        <v>72798</v>
      </c>
      <c r="F22640" s="2" t="s">
        <v>71981</v>
      </c>
      <c r="G22640" s="8">
        <v>159</v>
      </c>
      <c r="H22640" s="5">
        <v>6</v>
      </c>
      <c r="I22640" s="5" t="s">
        <v>1518</v>
      </c>
      <c r="J22640" s="5" t="s">
        <v>69038</v>
      </c>
      <c r="K22640" s="2" t="s">
        <v>69039</v>
      </c>
      <c r="L22640" s="5" t="s">
        <v>69038</v>
      </c>
      <c r="M22640" s="2" t="s">
        <v>69039</v>
      </c>
      <c r="N22640" s="5" t="s">
        <v>1521</v>
      </c>
      <c r="O22640" s="5" t="s">
        <v>38</v>
      </c>
      <c r="P22640" s="5" t="s">
        <v>39</v>
      </c>
      <c r="Q22640" s="5" t="s">
        <v>40</v>
      </c>
      <c r="R22640" s="5" t="s">
        <v>1522</v>
      </c>
      <c r="S22640" s="5" t="s">
        <v>1523</v>
      </c>
      <c r="T22640" s="5" t="s">
        <v>42</v>
      </c>
      <c r="U22640" s="2">
        <v>1.419</v>
      </c>
      <c r="V22640" s="2">
        <v>1.034</v>
      </c>
      <c r="W22640" s="2">
        <v>0.01</v>
      </c>
      <c r="X22640" s="2">
        <v>128.5</v>
      </c>
      <c r="Y22640" s="2">
        <v>7.6</v>
      </c>
      <c r="Z22640" s="2">
        <v>10.6</v>
      </c>
      <c r="AA22640" s="5"/>
      <c r="AB22640" s="5" t="s">
        <v>43</v>
      </c>
      <c r="AC22640" s="5" t="s">
        <v>44</v>
      </c>
      <c r="AD22640" s="2"/>
      <c r="AE22640" s="1"/>
    </row>
    <row r="22641" spans="1:31" ht="14.45">
      <c r="A22641" s="11"/>
      <c r="B22641" s="20"/>
      <c r="C22641" s="2" t="s">
        <v>72799</v>
      </c>
      <c r="D22641" s="14" t="s">
        <v>72800</v>
      </c>
      <c r="E22641" s="2" t="s">
        <v>72801</v>
      </c>
      <c r="F22641" s="2" t="s">
        <v>71985</v>
      </c>
      <c r="G22641" s="8">
        <v>159</v>
      </c>
      <c r="H22641" s="5">
        <v>6</v>
      </c>
      <c r="I22641" s="5" t="s">
        <v>1518</v>
      </c>
      <c r="J22641" s="5" t="s">
        <v>69038</v>
      </c>
      <c r="K22641" s="2" t="s">
        <v>69039</v>
      </c>
      <c r="L22641" s="5" t="s">
        <v>69038</v>
      </c>
      <c r="M22641" s="2" t="s">
        <v>69039</v>
      </c>
      <c r="N22641" s="5" t="s">
        <v>1521</v>
      </c>
      <c r="O22641" s="5" t="s">
        <v>38</v>
      </c>
      <c r="P22641" s="5" t="s">
        <v>39</v>
      </c>
      <c r="Q22641" s="5" t="s">
        <v>40</v>
      </c>
      <c r="R22641" s="5" t="s">
        <v>1522</v>
      </c>
      <c r="S22641" s="5" t="s">
        <v>1523</v>
      </c>
      <c r="T22641" s="5" t="s">
        <v>42</v>
      </c>
      <c r="U22641" s="2">
        <v>1.49</v>
      </c>
      <c r="V22641" s="2">
        <v>1.105</v>
      </c>
      <c r="W22641" s="2">
        <v>0.01</v>
      </c>
      <c r="X22641" s="2">
        <v>128.5</v>
      </c>
      <c r="Y22641" s="2">
        <v>7.6</v>
      </c>
      <c r="Z22641" s="2">
        <v>10.6</v>
      </c>
      <c r="AA22641" s="5"/>
      <c r="AB22641" s="5" t="s">
        <v>43</v>
      </c>
      <c r="AC22641" s="5" t="s">
        <v>44</v>
      </c>
      <c r="AD22641" s="2"/>
      <c r="AE22641" s="1"/>
    </row>
    <row r="22642" spans="1:31" ht="14.45">
      <c r="A22642" s="11"/>
      <c r="B22642" s="20"/>
      <c r="C22642" s="2" t="s">
        <v>72802</v>
      </c>
      <c r="D22642" s="14" t="s">
        <v>72803</v>
      </c>
      <c r="E22642" s="2" t="s">
        <v>72804</v>
      </c>
      <c r="F22642" s="2" t="s">
        <v>71957</v>
      </c>
      <c r="G22642" s="8">
        <v>159</v>
      </c>
      <c r="H22642" s="5">
        <v>6</v>
      </c>
      <c r="I22642" s="5" t="s">
        <v>1518</v>
      </c>
      <c r="J22642" s="5" t="s">
        <v>69038</v>
      </c>
      <c r="K22642" s="2" t="s">
        <v>69039</v>
      </c>
      <c r="L22642" s="5" t="s">
        <v>69038</v>
      </c>
      <c r="M22642" s="2" t="s">
        <v>69039</v>
      </c>
      <c r="N22642" s="5" t="s">
        <v>1521</v>
      </c>
      <c r="O22642" s="5" t="s">
        <v>38</v>
      </c>
      <c r="P22642" s="5" t="s">
        <v>39</v>
      </c>
      <c r="Q22642" s="5" t="s">
        <v>40</v>
      </c>
      <c r="R22642" s="5" t="s">
        <v>1522</v>
      </c>
      <c r="S22642" s="5" t="s">
        <v>1523</v>
      </c>
      <c r="T22642" s="5" t="s">
        <v>42</v>
      </c>
      <c r="U22642" s="2">
        <v>1.7509999999999999</v>
      </c>
      <c r="V22642" s="2">
        <v>1.3660000000000001</v>
      </c>
      <c r="W22642" s="2">
        <v>0.01</v>
      </c>
      <c r="X22642" s="2">
        <v>128.5</v>
      </c>
      <c r="Y22642" s="2">
        <v>7.6</v>
      </c>
      <c r="Z22642" s="2">
        <v>10.6</v>
      </c>
      <c r="AA22642" s="5"/>
      <c r="AB22642" s="5" t="s">
        <v>43</v>
      </c>
      <c r="AC22642" s="5" t="s">
        <v>44</v>
      </c>
      <c r="AD22642" s="2"/>
      <c r="AE22642" s="1"/>
    </row>
    <row r="22643" spans="1:31" ht="14.45">
      <c r="A22643" s="11"/>
      <c r="B22643" s="20"/>
      <c r="C22643" s="2" t="s">
        <v>72805</v>
      </c>
      <c r="D22643" s="14" t="s">
        <v>72806</v>
      </c>
      <c r="E22643" s="2" t="s">
        <v>72807</v>
      </c>
      <c r="F22643" s="2" t="s">
        <v>71961</v>
      </c>
      <c r="G22643" s="8">
        <v>159</v>
      </c>
      <c r="H22643" s="5">
        <v>6</v>
      </c>
      <c r="I22643" s="5" t="s">
        <v>1518</v>
      </c>
      <c r="J22643" s="5" t="s">
        <v>69038</v>
      </c>
      <c r="K22643" s="2" t="s">
        <v>69039</v>
      </c>
      <c r="L22643" s="5" t="s">
        <v>69038</v>
      </c>
      <c r="M22643" s="2" t="s">
        <v>69039</v>
      </c>
      <c r="N22643" s="5" t="s">
        <v>1521</v>
      </c>
      <c r="O22643" s="5" t="s">
        <v>38</v>
      </c>
      <c r="P22643" s="5" t="s">
        <v>39</v>
      </c>
      <c r="Q22643" s="5" t="s">
        <v>40</v>
      </c>
      <c r="R22643" s="5" t="s">
        <v>1522</v>
      </c>
      <c r="S22643" s="5" t="s">
        <v>1523</v>
      </c>
      <c r="T22643" s="5" t="s">
        <v>42</v>
      </c>
      <c r="U22643" s="2">
        <v>1.853</v>
      </c>
      <c r="V22643" s="2">
        <v>1.468</v>
      </c>
      <c r="W22643" s="2">
        <v>0.01</v>
      </c>
      <c r="X22643" s="2">
        <v>128.5</v>
      </c>
      <c r="Y22643" s="2">
        <v>7.6</v>
      </c>
      <c r="Z22643" s="2">
        <v>10.6</v>
      </c>
      <c r="AA22643" s="5"/>
      <c r="AB22643" s="5" t="s">
        <v>43</v>
      </c>
      <c r="AC22643" s="5" t="s">
        <v>44</v>
      </c>
      <c r="AD22643" s="2"/>
      <c r="AE22643" s="1"/>
    </row>
    <row r="22644" spans="1:31" ht="14.45">
      <c r="A22644" s="11"/>
      <c r="B22644" s="20"/>
      <c r="C22644" s="2" t="s">
        <v>72808</v>
      </c>
      <c r="D22644" s="14" t="s">
        <v>72809</v>
      </c>
      <c r="E22644" s="2" t="s">
        <v>72810</v>
      </c>
      <c r="F22644" s="2" t="s">
        <v>71965</v>
      </c>
      <c r="G22644" s="8">
        <v>159</v>
      </c>
      <c r="H22644" s="5">
        <v>6</v>
      </c>
      <c r="I22644" s="5" t="s">
        <v>1518</v>
      </c>
      <c r="J22644" s="5" t="s">
        <v>69038</v>
      </c>
      <c r="K22644" s="2" t="s">
        <v>69039</v>
      </c>
      <c r="L22644" s="5" t="s">
        <v>69038</v>
      </c>
      <c r="M22644" s="2" t="s">
        <v>69039</v>
      </c>
      <c r="N22644" s="5" t="s">
        <v>1521</v>
      </c>
      <c r="O22644" s="5" t="s">
        <v>38</v>
      </c>
      <c r="P22644" s="5" t="s">
        <v>39</v>
      </c>
      <c r="Q22644" s="5" t="s">
        <v>40</v>
      </c>
      <c r="R22644" s="5" t="s">
        <v>1522</v>
      </c>
      <c r="S22644" s="5" t="s">
        <v>1523</v>
      </c>
      <c r="T22644" s="5" t="s">
        <v>42</v>
      </c>
      <c r="U22644" s="2">
        <v>1.7509999999999999</v>
      </c>
      <c r="V22644" s="2">
        <v>1.3660000000000001</v>
      </c>
      <c r="W22644" s="2">
        <v>0.01</v>
      </c>
      <c r="X22644" s="2">
        <v>128.5</v>
      </c>
      <c r="Y22644" s="2">
        <v>7.6</v>
      </c>
      <c r="Z22644" s="2">
        <v>10.6</v>
      </c>
      <c r="AA22644" s="5"/>
      <c r="AB22644" s="5" t="s">
        <v>43</v>
      </c>
      <c r="AC22644" s="5" t="s">
        <v>44</v>
      </c>
      <c r="AD22644" s="2"/>
      <c r="AE22644" s="1"/>
    </row>
    <row r="22645" spans="1:31" ht="14.45">
      <c r="A22645" s="11"/>
      <c r="B22645" s="20"/>
      <c r="C22645" s="2" t="s">
        <v>72811</v>
      </c>
      <c r="D22645" s="14" t="s">
        <v>72812</v>
      </c>
      <c r="E22645" s="2" t="s">
        <v>72813</v>
      </c>
      <c r="F22645" s="2" t="s">
        <v>71969</v>
      </c>
      <c r="G22645" s="8">
        <v>159</v>
      </c>
      <c r="H22645" s="5">
        <v>6</v>
      </c>
      <c r="I22645" s="5" t="s">
        <v>1518</v>
      </c>
      <c r="J22645" s="5" t="s">
        <v>69038</v>
      </c>
      <c r="K22645" s="2" t="s">
        <v>69039</v>
      </c>
      <c r="L22645" s="5" t="s">
        <v>69038</v>
      </c>
      <c r="M22645" s="2" t="s">
        <v>69039</v>
      </c>
      <c r="N22645" s="5" t="s">
        <v>1521</v>
      </c>
      <c r="O22645" s="5" t="s">
        <v>38</v>
      </c>
      <c r="P22645" s="5" t="s">
        <v>39</v>
      </c>
      <c r="Q22645" s="5" t="s">
        <v>40</v>
      </c>
      <c r="R22645" s="5" t="s">
        <v>1522</v>
      </c>
      <c r="S22645" s="5" t="s">
        <v>1523</v>
      </c>
      <c r="T22645" s="5" t="s">
        <v>42</v>
      </c>
      <c r="U22645" s="2">
        <v>1.853</v>
      </c>
      <c r="V22645" s="2">
        <v>1.468</v>
      </c>
      <c r="W22645" s="2">
        <v>0.01</v>
      </c>
      <c r="X22645" s="2">
        <v>128.5</v>
      </c>
      <c r="Y22645" s="2">
        <v>7.6</v>
      </c>
      <c r="Z22645" s="2">
        <v>10.6</v>
      </c>
      <c r="AA22645" s="5"/>
      <c r="AB22645" s="5" t="s">
        <v>43</v>
      </c>
      <c r="AC22645" s="5" t="s">
        <v>44</v>
      </c>
      <c r="AD22645" s="2"/>
      <c r="AE22645" s="1"/>
    </row>
    <row r="22646" spans="1:31" ht="14.45">
      <c r="A22646" s="11"/>
      <c r="B22646" s="20"/>
      <c r="C22646" s="2" t="s">
        <v>72814</v>
      </c>
      <c r="D22646" s="14" t="s">
        <v>72815</v>
      </c>
      <c r="E22646" s="2" t="s">
        <v>72816</v>
      </c>
      <c r="F22646" s="2" t="s">
        <v>71973</v>
      </c>
      <c r="G22646" s="8">
        <v>159</v>
      </c>
      <c r="H22646" s="5">
        <v>6</v>
      </c>
      <c r="I22646" s="5" t="s">
        <v>1518</v>
      </c>
      <c r="J22646" s="5" t="s">
        <v>69038</v>
      </c>
      <c r="K22646" s="2" t="s">
        <v>69039</v>
      </c>
      <c r="L22646" s="5" t="s">
        <v>69038</v>
      </c>
      <c r="M22646" s="2" t="s">
        <v>69039</v>
      </c>
      <c r="N22646" s="5" t="s">
        <v>1521</v>
      </c>
      <c r="O22646" s="5" t="s">
        <v>38</v>
      </c>
      <c r="P22646" s="5" t="s">
        <v>39</v>
      </c>
      <c r="Q22646" s="5" t="s">
        <v>40</v>
      </c>
      <c r="R22646" s="5" t="s">
        <v>1522</v>
      </c>
      <c r="S22646" s="5" t="s">
        <v>1523</v>
      </c>
      <c r="T22646" s="5" t="s">
        <v>42</v>
      </c>
      <c r="U22646" s="2">
        <v>1.7509999999999999</v>
      </c>
      <c r="V22646" s="2">
        <v>1.3660000000000001</v>
      </c>
      <c r="W22646" s="2">
        <v>0.01</v>
      </c>
      <c r="X22646" s="2">
        <v>128.5</v>
      </c>
      <c r="Y22646" s="2">
        <v>7.6</v>
      </c>
      <c r="Z22646" s="2">
        <v>10.6</v>
      </c>
      <c r="AA22646" s="5"/>
      <c r="AB22646" s="5" t="s">
        <v>43</v>
      </c>
      <c r="AC22646" s="5" t="s">
        <v>44</v>
      </c>
      <c r="AD22646" s="2"/>
      <c r="AE22646" s="1"/>
    </row>
    <row r="22647" spans="1:31" ht="14.45">
      <c r="A22647" s="11"/>
      <c r="B22647" s="20"/>
      <c r="C22647" s="2" t="s">
        <v>72817</v>
      </c>
      <c r="D22647" s="14" t="s">
        <v>72818</v>
      </c>
      <c r="E22647" s="2" t="s">
        <v>72819</v>
      </c>
      <c r="F22647" s="2" t="s">
        <v>71977</v>
      </c>
      <c r="G22647" s="8">
        <v>159</v>
      </c>
      <c r="H22647" s="5">
        <v>6</v>
      </c>
      <c r="I22647" s="5" t="s">
        <v>1518</v>
      </c>
      <c r="J22647" s="5" t="s">
        <v>69038</v>
      </c>
      <c r="K22647" s="2" t="s">
        <v>69039</v>
      </c>
      <c r="L22647" s="5" t="s">
        <v>69038</v>
      </c>
      <c r="M22647" s="2" t="s">
        <v>69039</v>
      </c>
      <c r="N22647" s="5" t="s">
        <v>1521</v>
      </c>
      <c r="O22647" s="5" t="s">
        <v>38</v>
      </c>
      <c r="P22647" s="5" t="s">
        <v>39</v>
      </c>
      <c r="Q22647" s="5" t="s">
        <v>40</v>
      </c>
      <c r="R22647" s="5" t="s">
        <v>1522</v>
      </c>
      <c r="S22647" s="5" t="s">
        <v>1523</v>
      </c>
      <c r="T22647" s="5" t="s">
        <v>42</v>
      </c>
      <c r="U22647" s="2">
        <v>1.853</v>
      </c>
      <c r="V22647" s="2">
        <v>1.468</v>
      </c>
      <c r="W22647" s="2">
        <v>0.01</v>
      </c>
      <c r="X22647" s="2">
        <v>128.5</v>
      </c>
      <c r="Y22647" s="2">
        <v>7.6</v>
      </c>
      <c r="Z22647" s="2">
        <v>10.6</v>
      </c>
      <c r="AA22647" s="5"/>
      <c r="AB22647" s="5" t="s">
        <v>43</v>
      </c>
      <c r="AC22647" s="5" t="s">
        <v>44</v>
      </c>
      <c r="AD22647" s="2"/>
      <c r="AE22647" s="1"/>
    </row>
    <row r="22648" spans="1:31" ht="14.45">
      <c r="A22648" s="11"/>
      <c r="B22648" s="20"/>
      <c r="C22648" s="2" t="s">
        <v>72820</v>
      </c>
      <c r="D22648" s="14" t="s">
        <v>72821</v>
      </c>
      <c r="E22648" s="2" t="s">
        <v>72822</v>
      </c>
      <c r="F22648" s="2" t="s">
        <v>71981</v>
      </c>
      <c r="G22648" s="8">
        <v>159</v>
      </c>
      <c r="H22648" s="5">
        <v>6</v>
      </c>
      <c r="I22648" s="5" t="s">
        <v>1518</v>
      </c>
      <c r="J22648" s="5" t="s">
        <v>69038</v>
      </c>
      <c r="K22648" s="2" t="s">
        <v>69039</v>
      </c>
      <c r="L22648" s="5" t="s">
        <v>69038</v>
      </c>
      <c r="M22648" s="2" t="s">
        <v>69039</v>
      </c>
      <c r="N22648" s="5" t="s">
        <v>1521</v>
      </c>
      <c r="O22648" s="5" t="s">
        <v>38</v>
      </c>
      <c r="P22648" s="5" t="s">
        <v>39</v>
      </c>
      <c r="Q22648" s="5" t="s">
        <v>40</v>
      </c>
      <c r="R22648" s="5" t="s">
        <v>1522</v>
      </c>
      <c r="S22648" s="5" t="s">
        <v>1523</v>
      </c>
      <c r="T22648" s="5" t="s">
        <v>42</v>
      </c>
      <c r="U22648" s="2">
        <v>1.7509999999999999</v>
      </c>
      <c r="V22648" s="2">
        <v>1.3660000000000001</v>
      </c>
      <c r="W22648" s="2">
        <v>0.01</v>
      </c>
      <c r="X22648" s="2">
        <v>128.5</v>
      </c>
      <c r="Y22648" s="2">
        <v>7.6</v>
      </c>
      <c r="Z22648" s="2">
        <v>10.6</v>
      </c>
      <c r="AA22648" s="5"/>
      <c r="AB22648" s="5" t="s">
        <v>43</v>
      </c>
      <c r="AC22648" s="5" t="s">
        <v>44</v>
      </c>
      <c r="AD22648" s="2"/>
      <c r="AE22648" s="1"/>
    </row>
    <row r="22649" spans="1:31" ht="14.45">
      <c r="A22649" s="11"/>
      <c r="B22649" s="20"/>
      <c r="C22649" s="2" t="s">
        <v>72823</v>
      </c>
      <c r="D22649" s="14" t="s">
        <v>72824</v>
      </c>
      <c r="E22649" s="2" t="s">
        <v>72825</v>
      </c>
      <c r="F22649" s="2" t="s">
        <v>71985</v>
      </c>
      <c r="G22649" s="8">
        <v>159</v>
      </c>
      <c r="H22649" s="5">
        <v>6</v>
      </c>
      <c r="I22649" s="5" t="s">
        <v>1518</v>
      </c>
      <c r="J22649" s="5" t="s">
        <v>69038</v>
      </c>
      <c r="K22649" s="2" t="s">
        <v>69039</v>
      </c>
      <c r="L22649" s="5" t="s">
        <v>69038</v>
      </c>
      <c r="M22649" s="2" t="s">
        <v>69039</v>
      </c>
      <c r="N22649" s="5" t="s">
        <v>1521</v>
      </c>
      <c r="O22649" s="5" t="s">
        <v>38</v>
      </c>
      <c r="P22649" s="5" t="s">
        <v>39</v>
      </c>
      <c r="Q22649" s="5" t="s">
        <v>40</v>
      </c>
      <c r="R22649" s="5" t="s">
        <v>1522</v>
      </c>
      <c r="S22649" s="5" t="s">
        <v>1523</v>
      </c>
      <c r="T22649" s="5" t="s">
        <v>42</v>
      </c>
      <c r="U22649" s="2">
        <v>1.853</v>
      </c>
      <c r="V22649" s="2">
        <v>1.468</v>
      </c>
      <c r="W22649" s="2">
        <v>0.01</v>
      </c>
      <c r="X22649" s="2">
        <v>128.5</v>
      </c>
      <c r="Y22649" s="2">
        <v>7.6</v>
      </c>
      <c r="Z22649" s="2">
        <v>10.6</v>
      </c>
      <c r="AA22649" s="5"/>
      <c r="AB22649" s="5" t="s">
        <v>43</v>
      </c>
      <c r="AC22649" s="5" t="s">
        <v>44</v>
      </c>
      <c r="AD22649" s="2"/>
      <c r="AE22649" s="1"/>
    </row>
    <row r="22650" spans="1:31" ht="14.45">
      <c r="A22650" s="11"/>
      <c r="B22650" s="20"/>
      <c r="C22650" s="2" t="s">
        <v>72826</v>
      </c>
      <c r="D22650" s="14" t="s">
        <v>72827</v>
      </c>
      <c r="E22650" s="2" t="s">
        <v>72828</v>
      </c>
      <c r="F22650" s="2" t="s">
        <v>71957</v>
      </c>
      <c r="G22650" s="8">
        <v>168</v>
      </c>
      <c r="H22650" s="5">
        <v>6</v>
      </c>
      <c r="I22650" s="5" t="s">
        <v>1518</v>
      </c>
      <c r="J22650" s="5" t="s">
        <v>69038</v>
      </c>
      <c r="K22650" s="2" t="s">
        <v>69039</v>
      </c>
      <c r="L22650" s="5" t="s">
        <v>69038</v>
      </c>
      <c r="M22650" s="2" t="s">
        <v>69039</v>
      </c>
      <c r="N22650" s="5" t="s">
        <v>1521</v>
      </c>
      <c r="O22650" s="5" t="s">
        <v>38</v>
      </c>
      <c r="P22650" s="5" t="s">
        <v>39</v>
      </c>
      <c r="Q22650" s="5" t="s">
        <v>40</v>
      </c>
      <c r="R22650" s="5" t="s">
        <v>1522</v>
      </c>
      <c r="S22650" s="5" t="s">
        <v>1523</v>
      </c>
      <c r="T22650" s="5" t="s">
        <v>42</v>
      </c>
      <c r="U22650" s="2">
        <v>1.8720000000000001</v>
      </c>
      <c r="V22650" s="2">
        <v>1.4870000000000001</v>
      </c>
      <c r="W22650" s="2">
        <v>0.01</v>
      </c>
      <c r="X22650" s="2">
        <v>128.5</v>
      </c>
      <c r="Y22650" s="2">
        <v>7.6</v>
      </c>
      <c r="Z22650" s="2">
        <v>10.6</v>
      </c>
      <c r="AA22650" s="5"/>
      <c r="AB22650" s="5" t="s">
        <v>43</v>
      </c>
      <c r="AC22650" s="5" t="s">
        <v>44</v>
      </c>
      <c r="AD22650" s="2"/>
      <c r="AE22650" s="1"/>
    </row>
    <row r="22651" spans="1:31" ht="14.45">
      <c r="A22651" s="11"/>
      <c r="B22651" s="20"/>
      <c r="C22651" s="2" t="s">
        <v>72829</v>
      </c>
      <c r="D22651" s="14" t="s">
        <v>72830</v>
      </c>
      <c r="E22651" s="2" t="s">
        <v>72831</v>
      </c>
      <c r="F22651" s="2" t="s">
        <v>71961</v>
      </c>
      <c r="G22651" s="8">
        <v>168</v>
      </c>
      <c r="H22651" s="5">
        <v>6</v>
      </c>
      <c r="I22651" s="5" t="s">
        <v>1518</v>
      </c>
      <c r="J22651" s="5" t="s">
        <v>69038</v>
      </c>
      <c r="K22651" s="2" t="s">
        <v>69039</v>
      </c>
      <c r="L22651" s="5" t="s">
        <v>69038</v>
      </c>
      <c r="M22651" s="2" t="s">
        <v>69039</v>
      </c>
      <c r="N22651" s="5" t="s">
        <v>1521</v>
      </c>
      <c r="O22651" s="5" t="s">
        <v>38</v>
      </c>
      <c r="P22651" s="5" t="s">
        <v>39</v>
      </c>
      <c r="Q22651" s="5" t="s">
        <v>40</v>
      </c>
      <c r="R22651" s="5" t="s">
        <v>1522</v>
      </c>
      <c r="S22651" s="5" t="s">
        <v>1523</v>
      </c>
      <c r="T22651" s="5" t="s">
        <v>42</v>
      </c>
      <c r="U22651" s="2">
        <v>1.9850000000000001</v>
      </c>
      <c r="V22651" s="2">
        <v>1.6</v>
      </c>
      <c r="W22651" s="2">
        <v>0.01</v>
      </c>
      <c r="X22651" s="2">
        <v>128.5</v>
      </c>
      <c r="Y22651" s="2">
        <v>7.6</v>
      </c>
      <c r="Z22651" s="2">
        <v>10.6</v>
      </c>
      <c r="AA22651" s="5"/>
      <c r="AB22651" s="5" t="s">
        <v>43</v>
      </c>
      <c r="AC22651" s="5" t="s">
        <v>44</v>
      </c>
      <c r="AD22651" s="2"/>
      <c r="AE22651" s="1"/>
    </row>
    <row r="22652" spans="1:31" ht="14.45">
      <c r="A22652" s="11"/>
      <c r="B22652" s="20"/>
      <c r="C22652" s="2" t="s">
        <v>72832</v>
      </c>
      <c r="D22652" s="14" t="s">
        <v>72833</v>
      </c>
      <c r="E22652" s="2" t="s">
        <v>72834</v>
      </c>
      <c r="F22652" s="2" t="s">
        <v>71965</v>
      </c>
      <c r="G22652" s="8">
        <v>168</v>
      </c>
      <c r="H22652" s="5">
        <v>6</v>
      </c>
      <c r="I22652" s="5" t="s">
        <v>1518</v>
      </c>
      <c r="J22652" s="5" t="s">
        <v>69038</v>
      </c>
      <c r="K22652" s="2" t="s">
        <v>69039</v>
      </c>
      <c r="L22652" s="5" t="s">
        <v>69038</v>
      </c>
      <c r="M22652" s="2" t="s">
        <v>69039</v>
      </c>
      <c r="N22652" s="5" t="s">
        <v>1521</v>
      </c>
      <c r="O22652" s="5" t="s">
        <v>38</v>
      </c>
      <c r="P22652" s="5" t="s">
        <v>39</v>
      </c>
      <c r="Q22652" s="5" t="s">
        <v>40</v>
      </c>
      <c r="R22652" s="5" t="s">
        <v>1522</v>
      </c>
      <c r="S22652" s="5" t="s">
        <v>1523</v>
      </c>
      <c r="T22652" s="5" t="s">
        <v>42</v>
      </c>
      <c r="U22652" s="2">
        <v>1.8720000000000001</v>
      </c>
      <c r="V22652" s="2">
        <v>1.4870000000000001</v>
      </c>
      <c r="W22652" s="2">
        <v>0.01</v>
      </c>
      <c r="X22652" s="2">
        <v>128.5</v>
      </c>
      <c r="Y22652" s="2">
        <v>7.6</v>
      </c>
      <c r="Z22652" s="2">
        <v>10.6</v>
      </c>
      <c r="AA22652" s="5"/>
      <c r="AB22652" s="5" t="s">
        <v>43</v>
      </c>
      <c r="AC22652" s="5" t="s">
        <v>44</v>
      </c>
      <c r="AD22652" s="2"/>
      <c r="AE22652" s="1"/>
    </row>
    <row r="22653" spans="1:31" ht="14.45">
      <c r="A22653" s="11"/>
      <c r="B22653" s="20"/>
      <c r="C22653" s="2" t="s">
        <v>72835</v>
      </c>
      <c r="D22653" s="14" t="s">
        <v>72836</v>
      </c>
      <c r="E22653" s="2" t="s">
        <v>72837</v>
      </c>
      <c r="F22653" s="2" t="s">
        <v>71969</v>
      </c>
      <c r="G22653" s="8">
        <v>168</v>
      </c>
      <c r="H22653" s="5">
        <v>6</v>
      </c>
      <c r="I22653" s="5" t="s">
        <v>1518</v>
      </c>
      <c r="J22653" s="5" t="s">
        <v>69038</v>
      </c>
      <c r="K22653" s="2" t="s">
        <v>69039</v>
      </c>
      <c r="L22653" s="5" t="s">
        <v>69038</v>
      </c>
      <c r="M22653" s="2" t="s">
        <v>69039</v>
      </c>
      <c r="N22653" s="5" t="s">
        <v>1521</v>
      </c>
      <c r="O22653" s="5" t="s">
        <v>38</v>
      </c>
      <c r="P22653" s="5" t="s">
        <v>39</v>
      </c>
      <c r="Q22653" s="5" t="s">
        <v>40</v>
      </c>
      <c r="R22653" s="5" t="s">
        <v>1522</v>
      </c>
      <c r="S22653" s="5" t="s">
        <v>1523</v>
      </c>
      <c r="T22653" s="5" t="s">
        <v>42</v>
      </c>
      <c r="U22653" s="2">
        <v>1.9850000000000001</v>
      </c>
      <c r="V22653" s="2">
        <v>1.6</v>
      </c>
      <c r="W22653" s="2">
        <v>0.01</v>
      </c>
      <c r="X22653" s="2">
        <v>128.5</v>
      </c>
      <c r="Y22653" s="2">
        <v>7.6</v>
      </c>
      <c r="Z22653" s="2">
        <v>10.6</v>
      </c>
      <c r="AA22653" s="5"/>
      <c r="AB22653" s="5" t="s">
        <v>43</v>
      </c>
      <c r="AC22653" s="5" t="s">
        <v>44</v>
      </c>
      <c r="AD22653" s="2"/>
      <c r="AE22653" s="1"/>
    </row>
    <row r="22654" spans="1:31" ht="14.45">
      <c r="A22654" s="11"/>
      <c r="B22654" s="20"/>
      <c r="C22654" s="2" t="s">
        <v>72838</v>
      </c>
      <c r="D22654" s="14" t="s">
        <v>72839</v>
      </c>
      <c r="E22654" s="2" t="s">
        <v>72840</v>
      </c>
      <c r="F22654" s="2" t="s">
        <v>71973</v>
      </c>
      <c r="G22654" s="8">
        <v>168</v>
      </c>
      <c r="H22654" s="5">
        <v>6</v>
      </c>
      <c r="I22654" s="5" t="s">
        <v>1518</v>
      </c>
      <c r="J22654" s="5" t="s">
        <v>69038</v>
      </c>
      <c r="K22654" s="2" t="s">
        <v>69039</v>
      </c>
      <c r="L22654" s="5" t="s">
        <v>69038</v>
      </c>
      <c r="M22654" s="2" t="s">
        <v>69039</v>
      </c>
      <c r="N22654" s="5" t="s">
        <v>1521</v>
      </c>
      <c r="O22654" s="5" t="s">
        <v>38</v>
      </c>
      <c r="P22654" s="5" t="s">
        <v>39</v>
      </c>
      <c r="Q22654" s="5" t="s">
        <v>40</v>
      </c>
      <c r="R22654" s="5" t="s">
        <v>1522</v>
      </c>
      <c r="S22654" s="5" t="s">
        <v>1523</v>
      </c>
      <c r="T22654" s="5" t="s">
        <v>42</v>
      </c>
      <c r="U22654" s="2">
        <v>1.8720000000000001</v>
      </c>
      <c r="V22654" s="2">
        <v>1.4870000000000001</v>
      </c>
      <c r="W22654" s="2">
        <v>0.01</v>
      </c>
      <c r="X22654" s="2">
        <v>128.5</v>
      </c>
      <c r="Y22654" s="2">
        <v>7.6</v>
      </c>
      <c r="Z22654" s="2">
        <v>10.6</v>
      </c>
      <c r="AA22654" s="5"/>
      <c r="AB22654" s="5" t="s">
        <v>43</v>
      </c>
      <c r="AC22654" s="5" t="s">
        <v>44</v>
      </c>
      <c r="AD22654" s="2"/>
      <c r="AE22654" s="1"/>
    </row>
    <row r="22655" spans="1:31" ht="14.45">
      <c r="A22655" s="11"/>
      <c r="B22655" s="20"/>
      <c r="C22655" s="2" t="s">
        <v>72841</v>
      </c>
      <c r="D22655" s="14" t="s">
        <v>72842</v>
      </c>
      <c r="E22655" s="2" t="s">
        <v>72843</v>
      </c>
      <c r="F22655" s="2" t="s">
        <v>71977</v>
      </c>
      <c r="G22655" s="8">
        <v>168</v>
      </c>
      <c r="H22655" s="5">
        <v>6</v>
      </c>
      <c r="I22655" s="5" t="s">
        <v>1518</v>
      </c>
      <c r="J22655" s="5" t="s">
        <v>69038</v>
      </c>
      <c r="K22655" s="2" t="s">
        <v>69039</v>
      </c>
      <c r="L22655" s="5" t="s">
        <v>69038</v>
      </c>
      <c r="M22655" s="2" t="s">
        <v>69039</v>
      </c>
      <c r="N22655" s="5" t="s">
        <v>1521</v>
      </c>
      <c r="O22655" s="5" t="s">
        <v>38</v>
      </c>
      <c r="P22655" s="5" t="s">
        <v>39</v>
      </c>
      <c r="Q22655" s="5" t="s">
        <v>40</v>
      </c>
      <c r="R22655" s="5" t="s">
        <v>1522</v>
      </c>
      <c r="S22655" s="5" t="s">
        <v>1523</v>
      </c>
      <c r="T22655" s="5" t="s">
        <v>42</v>
      </c>
      <c r="U22655" s="2">
        <v>1.9850000000000001</v>
      </c>
      <c r="V22655" s="2">
        <v>1.6</v>
      </c>
      <c r="W22655" s="2">
        <v>0.01</v>
      </c>
      <c r="X22655" s="2">
        <v>128.5</v>
      </c>
      <c r="Y22655" s="2">
        <v>7.6</v>
      </c>
      <c r="Z22655" s="2">
        <v>10.6</v>
      </c>
      <c r="AA22655" s="5"/>
      <c r="AB22655" s="5" t="s">
        <v>43</v>
      </c>
      <c r="AC22655" s="5" t="s">
        <v>44</v>
      </c>
      <c r="AD22655" s="2"/>
      <c r="AE22655" s="1"/>
    </row>
    <row r="22656" spans="1:31" ht="14.45">
      <c r="A22656" s="11"/>
      <c r="B22656" s="20"/>
      <c r="C22656" s="2" t="s">
        <v>72844</v>
      </c>
      <c r="D22656" s="14" t="s">
        <v>72845</v>
      </c>
      <c r="E22656" s="2" t="s">
        <v>72846</v>
      </c>
      <c r="F22656" s="2" t="s">
        <v>71981</v>
      </c>
      <c r="G22656" s="8">
        <v>168</v>
      </c>
      <c r="H22656" s="5">
        <v>6</v>
      </c>
      <c r="I22656" s="5" t="s">
        <v>1518</v>
      </c>
      <c r="J22656" s="5" t="s">
        <v>69038</v>
      </c>
      <c r="K22656" s="2" t="s">
        <v>69039</v>
      </c>
      <c r="L22656" s="5" t="s">
        <v>69038</v>
      </c>
      <c r="M22656" s="2" t="s">
        <v>69039</v>
      </c>
      <c r="N22656" s="5" t="s">
        <v>1521</v>
      </c>
      <c r="O22656" s="5" t="s">
        <v>38</v>
      </c>
      <c r="P22656" s="5" t="s">
        <v>39</v>
      </c>
      <c r="Q22656" s="5" t="s">
        <v>40</v>
      </c>
      <c r="R22656" s="5" t="s">
        <v>1522</v>
      </c>
      <c r="S22656" s="5" t="s">
        <v>1523</v>
      </c>
      <c r="T22656" s="5" t="s">
        <v>42</v>
      </c>
      <c r="U22656" s="2">
        <v>1.8720000000000001</v>
      </c>
      <c r="V22656" s="2">
        <v>1.4870000000000001</v>
      </c>
      <c r="W22656" s="2">
        <v>0.01</v>
      </c>
      <c r="X22656" s="2">
        <v>128.5</v>
      </c>
      <c r="Y22656" s="2">
        <v>7.6</v>
      </c>
      <c r="Z22656" s="2">
        <v>10.6</v>
      </c>
      <c r="AA22656" s="5"/>
      <c r="AB22656" s="5" t="s">
        <v>43</v>
      </c>
      <c r="AC22656" s="5" t="s">
        <v>44</v>
      </c>
      <c r="AD22656" s="2"/>
      <c r="AE22656" s="1"/>
    </row>
    <row r="22657" spans="1:31" ht="14.45">
      <c r="A22657" s="11"/>
      <c r="B22657" s="20"/>
      <c r="C22657" s="2" t="s">
        <v>72847</v>
      </c>
      <c r="D22657" s="14" t="s">
        <v>72848</v>
      </c>
      <c r="E22657" s="2" t="s">
        <v>72849</v>
      </c>
      <c r="F22657" s="2" t="s">
        <v>71985</v>
      </c>
      <c r="G22657" s="8">
        <v>168</v>
      </c>
      <c r="H22657" s="5">
        <v>6</v>
      </c>
      <c r="I22657" s="5" t="s">
        <v>1518</v>
      </c>
      <c r="J22657" s="5" t="s">
        <v>69038</v>
      </c>
      <c r="K22657" s="2" t="s">
        <v>69039</v>
      </c>
      <c r="L22657" s="5" t="s">
        <v>69038</v>
      </c>
      <c r="M22657" s="2" t="s">
        <v>69039</v>
      </c>
      <c r="N22657" s="5" t="s">
        <v>1521</v>
      </c>
      <c r="O22657" s="5" t="s">
        <v>38</v>
      </c>
      <c r="P22657" s="5" t="s">
        <v>39</v>
      </c>
      <c r="Q22657" s="5" t="s">
        <v>40</v>
      </c>
      <c r="R22657" s="5" t="s">
        <v>1522</v>
      </c>
      <c r="S22657" s="5" t="s">
        <v>1523</v>
      </c>
      <c r="T22657" s="5" t="s">
        <v>42</v>
      </c>
      <c r="U22657" s="2">
        <v>1.9850000000000001</v>
      </c>
      <c r="V22657" s="2">
        <v>1.6</v>
      </c>
      <c r="W22657" s="2">
        <v>0.01</v>
      </c>
      <c r="X22657" s="2">
        <v>128.5</v>
      </c>
      <c r="Y22657" s="2">
        <v>7.6</v>
      </c>
      <c r="Z22657" s="2">
        <v>10.6</v>
      </c>
      <c r="AA22657" s="5"/>
      <c r="AB22657" s="5" t="s">
        <v>43</v>
      </c>
      <c r="AC22657" s="5" t="s">
        <v>44</v>
      </c>
      <c r="AD22657" s="2"/>
      <c r="AE22657" s="1"/>
    </row>
    <row r="22658" spans="1:31" ht="14.45">
      <c r="A22658" s="11"/>
      <c r="B22658" s="20"/>
      <c r="C22658" s="2" t="s">
        <v>72850</v>
      </c>
      <c r="D22658" s="14" t="s">
        <v>72851</v>
      </c>
      <c r="E22658" s="2" t="s">
        <v>72852</v>
      </c>
      <c r="F22658" s="2" t="s">
        <v>71957</v>
      </c>
      <c r="G22658" s="8">
        <v>189</v>
      </c>
      <c r="H22658" s="5">
        <v>6</v>
      </c>
      <c r="I22658" s="5" t="s">
        <v>1518</v>
      </c>
      <c r="J22658" s="5" t="s">
        <v>69038</v>
      </c>
      <c r="K22658" s="2" t="s">
        <v>69039</v>
      </c>
      <c r="L22658" s="5" t="s">
        <v>69038</v>
      </c>
      <c r="M22658" s="2" t="s">
        <v>69039</v>
      </c>
      <c r="N22658" s="5" t="s">
        <v>1521</v>
      </c>
      <c r="O22658" s="5" t="s">
        <v>38</v>
      </c>
      <c r="P22658" s="5" t="s">
        <v>39</v>
      </c>
      <c r="Q22658" s="5" t="s">
        <v>40</v>
      </c>
      <c r="R22658" s="5" t="s">
        <v>1522</v>
      </c>
      <c r="S22658" s="5" t="s">
        <v>1523</v>
      </c>
      <c r="T22658" s="5" t="s">
        <v>42</v>
      </c>
      <c r="U22658" s="2">
        <v>2.0430000000000001</v>
      </c>
      <c r="V22658" s="2">
        <v>1.599</v>
      </c>
      <c r="W22658" s="2">
        <v>1.2E-2</v>
      </c>
      <c r="X22658" s="2">
        <v>148.69999999999999</v>
      </c>
      <c r="Y22658" s="2">
        <v>7.6</v>
      </c>
      <c r="Z22658" s="2">
        <v>10.6</v>
      </c>
      <c r="AA22658" s="5"/>
      <c r="AB22658" s="5" t="s">
        <v>43</v>
      </c>
      <c r="AC22658" s="5" t="s">
        <v>44</v>
      </c>
      <c r="AD22658" s="2"/>
      <c r="AE22658" s="1"/>
    </row>
    <row r="22659" spans="1:31" ht="14.45">
      <c r="A22659" s="11"/>
      <c r="B22659" s="20"/>
      <c r="C22659" s="2" t="s">
        <v>72853</v>
      </c>
      <c r="D22659" s="14" t="s">
        <v>72854</v>
      </c>
      <c r="E22659" s="2" t="s">
        <v>72855</v>
      </c>
      <c r="F22659" s="2" t="s">
        <v>71961</v>
      </c>
      <c r="G22659" s="8">
        <v>189</v>
      </c>
      <c r="H22659" s="5">
        <v>6</v>
      </c>
      <c r="I22659" s="5" t="s">
        <v>1518</v>
      </c>
      <c r="J22659" s="5" t="s">
        <v>69038</v>
      </c>
      <c r="K22659" s="2" t="s">
        <v>69039</v>
      </c>
      <c r="L22659" s="5" t="s">
        <v>69038</v>
      </c>
      <c r="M22659" s="2" t="s">
        <v>69039</v>
      </c>
      <c r="N22659" s="5" t="s">
        <v>1521</v>
      </c>
      <c r="O22659" s="5" t="s">
        <v>38</v>
      </c>
      <c r="P22659" s="5" t="s">
        <v>39</v>
      </c>
      <c r="Q22659" s="5" t="s">
        <v>40</v>
      </c>
      <c r="R22659" s="5" t="s">
        <v>1522</v>
      </c>
      <c r="S22659" s="5" t="s">
        <v>1523</v>
      </c>
      <c r="T22659" s="5" t="s">
        <v>42</v>
      </c>
      <c r="U22659" s="2">
        <v>2.1659999999999999</v>
      </c>
      <c r="V22659" s="2">
        <v>1.722</v>
      </c>
      <c r="W22659" s="2">
        <v>1.2E-2</v>
      </c>
      <c r="X22659" s="2">
        <v>148.69999999999999</v>
      </c>
      <c r="Y22659" s="2">
        <v>7.6</v>
      </c>
      <c r="Z22659" s="2">
        <v>10.6</v>
      </c>
      <c r="AA22659" s="5"/>
      <c r="AB22659" s="5" t="s">
        <v>43</v>
      </c>
      <c r="AC22659" s="5" t="s">
        <v>44</v>
      </c>
      <c r="AD22659" s="2"/>
      <c r="AE22659" s="1"/>
    </row>
    <row r="22660" spans="1:31" ht="14.45">
      <c r="A22660" s="11"/>
      <c r="B22660" s="20"/>
      <c r="C22660" s="2" t="s">
        <v>72856</v>
      </c>
      <c r="D22660" s="14" t="s">
        <v>72857</v>
      </c>
      <c r="E22660" s="2" t="s">
        <v>72858</v>
      </c>
      <c r="F22660" s="2" t="s">
        <v>71965</v>
      </c>
      <c r="G22660" s="8">
        <v>189</v>
      </c>
      <c r="H22660" s="5">
        <v>6</v>
      </c>
      <c r="I22660" s="5" t="s">
        <v>1518</v>
      </c>
      <c r="J22660" s="5" t="s">
        <v>69038</v>
      </c>
      <c r="K22660" s="2" t="s">
        <v>69039</v>
      </c>
      <c r="L22660" s="5" t="s">
        <v>69038</v>
      </c>
      <c r="M22660" s="2" t="s">
        <v>69039</v>
      </c>
      <c r="N22660" s="5" t="s">
        <v>1521</v>
      </c>
      <c r="O22660" s="5" t="s">
        <v>38</v>
      </c>
      <c r="P22660" s="5" t="s">
        <v>39</v>
      </c>
      <c r="Q22660" s="5" t="s">
        <v>40</v>
      </c>
      <c r="R22660" s="5" t="s">
        <v>1522</v>
      </c>
      <c r="S22660" s="5" t="s">
        <v>1523</v>
      </c>
      <c r="T22660" s="5" t="s">
        <v>42</v>
      </c>
      <c r="U22660" s="2">
        <v>2.0430000000000001</v>
      </c>
      <c r="V22660" s="2">
        <v>1.599</v>
      </c>
      <c r="W22660" s="2">
        <v>1.2E-2</v>
      </c>
      <c r="X22660" s="2">
        <v>148.69999999999999</v>
      </c>
      <c r="Y22660" s="2">
        <v>7.6</v>
      </c>
      <c r="Z22660" s="2">
        <v>10.6</v>
      </c>
      <c r="AA22660" s="5"/>
      <c r="AB22660" s="5" t="s">
        <v>43</v>
      </c>
      <c r="AC22660" s="5" t="s">
        <v>44</v>
      </c>
      <c r="AD22660" s="2"/>
      <c r="AE22660" s="1"/>
    </row>
    <row r="22661" spans="1:31" ht="14.45">
      <c r="A22661" s="11"/>
      <c r="B22661" s="20"/>
      <c r="C22661" s="2" t="s">
        <v>72859</v>
      </c>
      <c r="D22661" s="14" t="s">
        <v>72860</v>
      </c>
      <c r="E22661" s="2" t="s">
        <v>72861</v>
      </c>
      <c r="F22661" s="2" t="s">
        <v>71969</v>
      </c>
      <c r="G22661" s="8">
        <v>189</v>
      </c>
      <c r="H22661" s="5">
        <v>6</v>
      </c>
      <c r="I22661" s="5" t="s">
        <v>1518</v>
      </c>
      <c r="J22661" s="5" t="s">
        <v>69038</v>
      </c>
      <c r="K22661" s="2" t="s">
        <v>69039</v>
      </c>
      <c r="L22661" s="5" t="s">
        <v>69038</v>
      </c>
      <c r="M22661" s="2" t="s">
        <v>69039</v>
      </c>
      <c r="N22661" s="5" t="s">
        <v>1521</v>
      </c>
      <c r="O22661" s="5" t="s">
        <v>38</v>
      </c>
      <c r="P22661" s="5" t="s">
        <v>39</v>
      </c>
      <c r="Q22661" s="5" t="s">
        <v>40</v>
      </c>
      <c r="R22661" s="5" t="s">
        <v>1522</v>
      </c>
      <c r="S22661" s="5" t="s">
        <v>1523</v>
      </c>
      <c r="T22661" s="5" t="s">
        <v>42</v>
      </c>
      <c r="U22661" s="2">
        <v>2.1659999999999999</v>
      </c>
      <c r="V22661" s="2">
        <v>1.722</v>
      </c>
      <c r="W22661" s="2">
        <v>1.2E-2</v>
      </c>
      <c r="X22661" s="2">
        <v>148.69999999999999</v>
      </c>
      <c r="Y22661" s="2">
        <v>7.6</v>
      </c>
      <c r="Z22661" s="2">
        <v>10.6</v>
      </c>
      <c r="AA22661" s="5"/>
      <c r="AB22661" s="5" t="s">
        <v>43</v>
      </c>
      <c r="AC22661" s="5" t="s">
        <v>44</v>
      </c>
      <c r="AD22661" s="2"/>
      <c r="AE22661" s="1"/>
    </row>
    <row r="22662" spans="1:31" ht="14.45">
      <c r="A22662" s="11"/>
      <c r="B22662" s="20"/>
      <c r="C22662" s="2" t="s">
        <v>72862</v>
      </c>
      <c r="D22662" s="14" t="s">
        <v>72863</v>
      </c>
      <c r="E22662" s="2" t="s">
        <v>72864</v>
      </c>
      <c r="F22662" s="2" t="s">
        <v>71973</v>
      </c>
      <c r="G22662" s="8">
        <v>189</v>
      </c>
      <c r="H22662" s="5">
        <v>6</v>
      </c>
      <c r="I22662" s="5" t="s">
        <v>1518</v>
      </c>
      <c r="J22662" s="5" t="s">
        <v>69038</v>
      </c>
      <c r="K22662" s="2" t="s">
        <v>69039</v>
      </c>
      <c r="L22662" s="5" t="s">
        <v>69038</v>
      </c>
      <c r="M22662" s="2" t="s">
        <v>69039</v>
      </c>
      <c r="N22662" s="5" t="s">
        <v>1521</v>
      </c>
      <c r="O22662" s="5" t="s">
        <v>38</v>
      </c>
      <c r="P22662" s="5" t="s">
        <v>39</v>
      </c>
      <c r="Q22662" s="5" t="s">
        <v>40</v>
      </c>
      <c r="R22662" s="5" t="s">
        <v>1522</v>
      </c>
      <c r="S22662" s="5" t="s">
        <v>1523</v>
      </c>
      <c r="T22662" s="5" t="s">
        <v>42</v>
      </c>
      <c r="U22662" s="2">
        <v>2.0430000000000001</v>
      </c>
      <c r="V22662" s="2">
        <v>1.599</v>
      </c>
      <c r="W22662" s="2">
        <v>1.2E-2</v>
      </c>
      <c r="X22662" s="2">
        <v>148.69999999999999</v>
      </c>
      <c r="Y22662" s="2">
        <v>7.6</v>
      </c>
      <c r="Z22662" s="2">
        <v>10.6</v>
      </c>
      <c r="AA22662" s="5"/>
      <c r="AB22662" s="5" t="s">
        <v>43</v>
      </c>
      <c r="AC22662" s="5" t="s">
        <v>44</v>
      </c>
      <c r="AD22662" s="2"/>
      <c r="AE22662" s="1"/>
    </row>
    <row r="22663" spans="1:31" ht="14.45">
      <c r="A22663" s="11"/>
      <c r="B22663" s="20"/>
      <c r="C22663" s="2" t="s">
        <v>72865</v>
      </c>
      <c r="D22663" s="14" t="s">
        <v>72866</v>
      </c>
      <c r="E22663" s="2" t="s">
        <v>72867</v>
      </c>
      <c r="F22663" s="2" t="s">
        <v>71977</v>
      </c>
      <c r="G22663" s="8">
        <v>189</v>
      </c>
      <c r="H22663" s="5">
        <v>6</v>
      </c>
      <c r="I22663" s="5" t="s">
        <v>1518</v>
      </c>
      <c r="J22663" s="5" t="s">
        <v>69038</v>
      </c>
      <c r="K22663" s="2" t="s">
        <v>69039</v>
      </c>
      <c r="L22663" s="5" t="s">
        <v>69038</v>
      </c>
      <c r="M22663" s="2" t="s">
        <v>69039</v>
      </c>
      <c r="N22663" s="5" t="s">
        <v>1521</v>
      </c>
      <c r="O22663" s="5" t="s">
        <v>38</v>
      </c>
      <c r="P22663" s="5" t="s">
        <v>39</v>
      </c>
      <c r="Q22663" s="5" t="s">
        <v>40</v>
      </c>
      <c r="R22663" s="5" t="s">
        <v>1522</v>
      </c>
      <c r="S22663" s="5" t="s">
        <v>1523</v>
      </c>
      <c r="T22663" s="5" t="s">
        <v>42</v>
      </c>
      <c r="U22663" s="2">
        <v>2.1659999999999999</v>
      </c>
      <c r="V22663" s="2">
        <v>1.722</v>
      </c>
      <c r="W22663" s="2">
        <v>1.2E-2</v>
      </c>
      <c r="X22663" s="2">
        <v>148.69999999999999</v>
      </c>
      <c r="Y22663" s="2">
        <v>7.6</v>
      </c>
      <c r="Z22663" s="2">
        <v>10.6</v>
      </c>
      <c r="AA22663" s="5"/>
      <c r="AB22663" s="5" t="s">
        <v>43</v>
      </c>
      <c r="AC22663" s="5" t="s">
        <v>44</v>
      </c>
      <c r="AD22663" s="2"/>
      <c r="AE22663" s="1"/>
    </row>
    <row r="22664" spans="1:31" ht="14.45">
      <c r="A22664" s="11"/>
      <c r="B22664" s="20"/>
      <c r="C22664" s="2" t="s">
        <v>72868</v>
      </c>
      <c r="D22664" s="14" t="s">
        <v>72869</v>
      </c>
      <c r="E22664" s="2" t="s">
        <v>72870</v>
      </c>
      <c r="F22664" s="2" t="s">
        <v>71981</v>
      </c>
      <c r="G22664" s="8">
        <v>189</v>
      </c>
      <c r="H22664" s="5">
        <v>6</v>
      </c>
      <c r="I22664" s="5" t="s">
        <v>1518</v>
      </c>
      <c r="J22664" s="5" t="s">
        <v>69038</v>
      </c>
      <c r="K22664" s="2" t="s">
        <v>69039</v>
      </c>
      <c r="L22664" s="5" t="s">
        <v>69038</v>
      </c>
      <c r="M22664" s="2" t="s">
        <v>69039</v>
      </c>
      <c r="N22664" s="5" t="s">
        <v>1521</v>
      </c>
      <c r="O22664" s="5" t="s">
        <v>38</v>
      </c>
      <c r="P22664" s="5" t="s">
        <v>39</v>
      </c>
      <c r="Q22664" s="5" t="s">
        <v>40</v>
      </c>
      <c r="R22664" s="5" t="s">
        <v>1522</v>
      </c>
      <c r="S22664" s="5" t="s">
        <v>1523</v>
      </c>
      <c r="T22664" s="5" t="s">
        <v>42</v>
      </c>
      <c r="U22664" s="2">
        <v>2.0430000000000001</v>
      </c>
      <c r="V22664" s="2">
        <v>1.599</v>
      </c>
      <c r="W22664" s="2">
        <v>1.2E-2</v>
      </c>
      <c r="X22664" s="2">
        <v>148.69999999999999</v>
      </c>
      <c r="Y22664" s="2">
        <v>7.6</v>
      </c>
      <c r="Z22664" s="2">
        <v>10.6</v>
      </c>
      <c r="AA22664" s="5"/>
      <c r="AB22664" s="5" t="s">
        <v>43</v>
      </c>
      <c r="AC22664" s="5" t="s">
        <v>44</v>
      </c>
      <c r="AD22664" s="2"/>
      <c r="AE22664" s="1"/>
    </row>
    <row r="22665" spans="1:31" ht="14.45">
      <c r="A22665" s="11"/>
      <c r="B22665" s="20"/>
      <c r="C22665" s="2" t="s">
        <v>72871</v>
      </c>
      <c r="D22665" s="14" t="s">
        <v>72872</v>
      </c>
      <c r="E22665" s="2" t="s">
        <v>72873</v>
      </c>
      <c r="F22665" s="2" t="s">
        <v>71985</v>
      </c>
      <c r="G22665" s="8">
        <v>189</v>
      </c>
      <c r="H22665" s="5">
        <v>6</v>
      </c>
      <c r="I22665" s="5" t="s">
        <v>1518</v>
      </c>
      <c r="J22665" s="5" t="s">
        <v>69038</v>
      </c>
      <c r="K22665" s="2" t="s">
        <v>69039</v>
      </c>
      <c r="L22665" s="5" t="s">
        <v>69038</v>
      </c>
      <c r="M22665" s="2" t="s">
        <v>69039</v>
      </c>
      <c r="N22665" s="5" t="s">
        <v>1521</v>
      </c>
      <c r="O22665" s="5" t="s">
        <v>38</v>
      </c>
      <c r="P22665" s="5" t="s">
        <v>39</v>
      </c>
      <c r="Q22665" s="5" t="s">
        <v>40</v>
      </c>
      <c r="R22665" s="5" t="s">
        <v>1522</v>
      </c>
      <c r="S22665" s="5" t="s">
        <v>1523</v>
      </c>
      <c r="T22665" s="5" t="s">
        <v>42</v>
      </c>
      <c r="U22665" s="2">
        <v>2.1659999999999999</v>
      </c>
      <c r="V22665" s="2">
        <v>1.722</v>
      </c>
      <c r="W22665" s="2">
        <v>1.2E-2</v>
      </c>
      <c r="X22665" s="2">
        <v>148.69999999999999</v>
      </c>
      <c r="Y22665" s="2">
        <v>7.6</v>
      </c>
      <c r="Z22665" s="2">
        <v>10.6</v>
      </c>
      <c r="AA22665" s="5"/>
      <c r="AB22665" s="5" t="s">
        <v>43</v>
      </c>
      <c r="AC22665" s="5" t="s">
        <v>44</v>
      </c>
      <c r="AD22665" s="2"/>
      <c r="AE22665" s="1"/>
    </row>
    <row r="22666" spans="1:31" ht="14.45">
      <c r="A22666" s="11"/>
      <c r="B22666" s="20"/>
      <c r="C22666" s="2" t="s">
        <v>72874</v>
      </c>
      <c r="D22666" s="14" t="s">
        <v>72875</v>
      </c>
      <c r="E22666" s="2" t="s">
        <v>72876</v>
      </c>
      <c r="F22666" s="2" t="s">
        <v>71957</v>
      </c>
      <c r="G22666" s="8">
        <v>168</v>
      </c>
      <c r="H22666" s="5">
        <v>6</v>
      </c>
      <c r="I22666" s="5" t="s">
        <v>1518</v>
      </c>
      <c r="J22666" s="5" t="s">
        <v>69038</v>
      </c>
      <c r="K22666" s="2" t="s">
        <v>69039</v>
      </c>
      <c r="L22666" s="5" t="s">
        <v>69038</v>
      </c>
      <c r="M22666" s="2" t="s">
        <v>69039</v>
      </c>
      <c r="N22666" s="5" t="s">
        <v>1521</v>
      </c>
      <c r="O22666" s="5" t="s">
        <v>38</v>
      </c>
      <c r="P22666" s="5" t="s">
        <v>39</v>
      </c>
      <c r="Q22666" s="5" t="s">
        <v>40</v>
      </c>
      <c r="R22666" s="5" t="s">
        <v>1522</v>
      </c>
      <c r="S22666" s="5" t="s">
        <v>1523</v>
      </c>
      <c r="T22666" s="5" t="s">
        <v>42</v>
      </c>
      <c r="U22666" s="2">
        <v>1.8220000000000001</v>
      </c>
      <c r="V22666" s="2">
        <v>1.3919999999999999</v>
      </c>
      <c r="W22666" s="2">
        <v>1.2E-2</v>
      </c>
      <c r="X22666" s="2">
        <v>148.69999999999999</v>
      </c>
      <c r="Y22666" s="2">
        <v>7.6</v>
      </c>
      <c r="Z22666" s="2">
        <v>10.6</v>
      </c>
      <c r="AA22666" s="5"/>
      <c r="AB22666" s="5" t="s">
        <v>43</v>
      </c>
      <c r="AC22666" s="5" t="s">
        <v>44</v>
      </c>
      <c r="AD22666" s="2"/>
      <c r="AE22666" s="1"/>
    </row>
    <row r="22667" spans="1:31" ht="14.45">
      <c r="A22667" s="11"/>
      <c r="B22667" s="20"/>
      <c r="C22667" s="2" t="s">
        <v>72877</v>
      </c>
      <c r="D22667" s="14" t="s">
        <v>72878</v>
      </c>
      <c r="E22667" s="2" t="s">
        <v>72879</v>
      </c>
      <c r="F22667" s="2" t="s">
        <v>71961</v>
      </c>
      <c r="G22667" s="8">
        <v>168</v>
      </c>
      <c r="H22667" s="5">
        <v>6</v>
      </c>
      <c r="I22667" s="5" t="s">
        <v>1518</v>
      </c>
      <c r="J22667" s="5" t="s">
        <v>69038</v>
      </c>
      <c r="K22667" s="2" t="s">
        <v>69039</v>
      </c>
      <c r="L22667" s="5" t="s">
        <v>69038</v>
      </c>
      <c r="M22667" s="2" t="s">
        <v>69039</v>
      </c>
      <c r="N22667" s="5" t="s">
        <v>1521</v>
      </c>
      <c r="O22667" s="5" t="s">
        <v>38</v>
      </c>
      <c r="P22667" s="5" t="s">
        <v>39</v>
      </c>
      <c r="Q22667" s="5" t="s">
        <v>40</v>
      </c>
      <c r="R22667" s="5" t="s">
        <v>1522</v>
      </c>
      <c r="S22667" s="5" t="s">
        <v>1523</v>
      </c>
      <c r="T22667" s="5" t="s">
        <v>42</v>
      </c>
      <c r="U22667" s="2">
        <v>1.921</v>
      </c>
      <c r="V22667" s="2">
        <v>1.4910000000000001</v>
      </c>
      <c r="W22667" s="2">
        <v>1.2E-2</v>
      </c>
      <c r="X22667" s="2">
        <v>148.69999999999999</v>
      </c>
      <c r="Y22667" s="2">
        <v>7.6</v>
      </c>
      <c r="Z22667" s="2">
        <v>10.6</v>
      </c>
      <c r="AA22667" s="5"/>
      <c r="AB22667" s="5" t="s">
        <v>43</v>
      </c>
      <c r="AC22667" s="5" t="s">
        <v>44</v>
      </c>
      <c r="AD22667" s="2"/>
      <c r="AE22667" s="1"/>
    </row>
    <row r="22668" spans="1:31" ht="14.45">
      <c r="A22668" s="11"/>
      <c r="B22668" s="20"/>
      <c r="C22668" s="2" t="s">
        <v>72880</v>
      </c>
      <c r="D22668" s="14" t="s">
        <v>72881</v>
      </c>
      <c r="E22668" s="2" t="s">
        <v>72882</v>
      </c>
      <c r="F22668" s="2" t="s">
        <v>71965</v>
      </c>
      <c r="G22668" s="8">
        <v>168</v>
      </c>
      <c r="H22668" s="5">
        <v>6</v>
      </c>
      <c r="I22668" s="5" t="s">
        <v>1518</v>
      </c>
      <c r="J22668" s="5" t="s">
        <v>69038</v>
      </c>
      <c r="K22668" s="2" t="s">
        <v>69039</v>
      </c>
      <c r="L22668" s="5" t="s">
        <v>69038</v>
      </c>
      <c r="M22668" s="2" t="s">
        <v>69039</v>
      </c>
      <c r="N22668" s="5" t="s">
        <v>1521</v>
      </c>
      <c r="O22668" s="5" t="s">
        <v>38</v>
      </c>
      <c r="P22668" s="5" t="s">
        <v>39</v>
      </c>
      <c r="Q22668" s="5" t="s">
        <v>40</v>
      </c>
      <c r="R22668" s="5" t="s">
        <v>1522</v>
      </c>
      <c r="S22668" s="5" t="s">
        <v>1523</v>
      </c>
      <c r="T22668" s="5" t="s">
        <v>42</v>
      </c>
      <c r="U22668" s="2">
        <v>1.8220000000000001</v>
      </c>
      <c r="V22668" s="2">
        <v>1.3919999999999999</v>
      </c>
      <c r="W22668" s="2">
        <v>1.2E-2</v>
      </c>
      <c r="X22668" s="2">
        <v>148.69999999999999</v>
      </c>
      <c r="Y22668" s="2">
        <v>7.6</v>
      </c>
      <c r="Z22668" s="2">
        <v>10.6</v>
      </c>
      <c r="AA22668" s="5"/>
      <c r="AB22668" s="5" t="s">
        <v>43</v>
      </c>
      <c r="AC22668" s="5" t="s">
        <v>44</v>
      </c>
      <c r="AD22668" s="2"/>
      <c r="AE22668" s="1"/>
    </row>
    <row r="22669" spans="1:31" ht="14.45">
      <c r="A22669" s="11"/>
      <c r="B22669" s="20"/>
      <c r="C22669" s="2" t="s">
        <v>72883</v>
      </c>
      <c r="D22669" s="14" t="s">
        <v>72884</v>
      </c>
      <c r="E22669" s="2" t="s">
        <v>72885</v>
      </c>
      <c r="F22669" s="2" t="s">
        <v>71969</v>
      </c>
      <c r="G22669" s="8">
        <v>168</v>
      </c>
      <c r="H22669" s="5">
        <v>6</v>
      </c>
      <c r="I22669" s="5" t="s">
        <v>1518</v>
      </c>
      <c r="J22669" s="5" t="s">
        <v>69038</v>
      </c>
      <c r="K22669" s="2" t="s">
        <v>69039</v>
      </c>
      <c r="L22669" s="5" t="s">
        <v>69038</v>
      </c>
      <c r="M22669" s="2" t="s">
        <v>69039</v>
      </c>
      <c r="N22669" s="5" t="s">
        <v>1521</v>
      </c>
      <c r="O22669" s="5" t="s">
        <v>38</v>
      </c>
      <c r="P22669" s="5" t="s">
        <v>39</v>
      </c>
      <c r="Q22669" s="5" t="s">
        <v>40</v>
      </c>
      <c r="R22669" s="5" t="s">
        <v>1522</v>
      </c>
      <c r="S22669" s="5" t="s">
        <v>1523</v>
      </c>
      <c r="T22669" s="5" t="s">
        <v>42</v>
      </c>
      <c r="U22669" s="2">
        <v>1.921</v>
      </c>
      <c r="V22669" s="2">
        <v>1.4910000000000001</v>
      </c>
      <c r="W22669" s="2">
        <v>1.2E-2</v>
      </c>
      <c r="X22669" s="2">
        <v>148.69999999999999</v>
      </c>
      <c r="Y22669" s="2">
        <v>7.6</v>
      </c>
      <c r="Z22669" s="2">
        <v>10.6</v>
      </c>
      <c r="AA22669" s="5"/>
      <c r="AB22669" s="5" t="s">
        <v>43</v>
      </c>
      <c r="AC22669" s="5" t="s">
        <v>44</v>
      </c>
      <c r="AD22669" s="2"/>
      <c r="AE22669" s="1"/>
    </row>
    <row r="22670" spans="1:31" ht="14.45">
      <c r="A22670" s="11"/>
      <c r="B22670" s="20"/>
      <c r="C22670" s="2" t="s">
        <v>72886</v>
      </c>
      <c r="D22670" s="14" t="s">
        <v>72887</v>
      </c>
      <c r="E22670" s="2" t="s">
        <v>72888</v>
      </c>
      <c r="F22670" s="2" t="s">
        <v>71973</v>
      </c>
      <c r="G22670" s="8">
        <v>168</v>
      </c>
      <c r="H22670" s="5">
        <v>6</v>
      </c>
      <c r="I22670" s="5" t="s">
        <v>1518</v>
      </c>
      <c r="J22670" s="5" t="s">
        <v>69038</v>
      </c>
      <c r="K22670" s="2" t="s">
        <v>69039</v>
      </c>
      <c r="L22670" s="5" t="s">
        <v>69038</v>
      </c>
      <c r="M22670" s="2" t="s">
        <v>69039</v>
      </c>
      <c r="N22670" s="5" t="s">
        <v>1521</v>
      </c>
      <c r="O22670" s="5" t="s">
        <v>38</v>
      </c>
      <c r="P22670" s="5" t="s">
        <v>39</v>
      </c>
      <c r="Q22670" s="5" t="s">
        <v>40</v>
      </c>
      <c r="R22670" s="5" t="s">
        <v>1522</v>
      </c>
      <c r="S22670" s="5" t="s">
        <v>1523</v>
      </c>
      <c r="T22670" s="5" t="s">
        <v>42</v>
      </c>
      <c r="U22670" s="2">
        <v>1.8220000000000001</v>
      </c>
      <c r="V22670" s="2">
        <v>1.3919999999999999</v>
      </c>
      <c r="W22670" s="2">
        <v>1.2E-2</v>
      </c>
      <c r="X22670" s="2">
        <v>148.69999999999999</v>
      </c>
      <c r="Y22670" s="2">
        <v>7.6</v>
      </c>
      <c r="Z22670" s="2">
        <v>10.6</v>
      </c>
      <c r="AA22670" s="5"/>
      <c r="AB22670" s="5" t="s">
        <v>43</v>
      </c>
      <c r="AC22670" s="5" t="s">
        <v>44</v>
      </c>
      <c r="AD22670" s="2"/>
      <c r="AE22670" s="1"/>
    </row>
    <row r="22671" spans="1:31" ht="14.45">
      <c r="A22671" s="11"/>
      <c r="B22671" s="20"/>
      <c r="C22671" s="2" t="s">
        <v>72889</v>
      </c>
      <c r="D22671" s="14" t="s">
        <v>72890</v>
      </c>
      <c r="E22671" s="2" t="s">
        <v>72891</v>
      </c>
      <c r="F22671" s="2" t="s">
        <v>71977</v>
      </c>
      <c r="G22671" s="8">
        <v>168</v>
      </c>
      <c r="H22671" s="5">
        <v>6</v>
      </c>
      <c r="I22671" s="5" t="s">
        <v>1518</v>
      </c>
      <c r="J22671" s="5" t="s">
        <v>69038</v>
      </c>
      <c r="K22671" s="2" t="s">
        <v>69039</v>
      </c>
      <c r="L22671" s="5" t="s">
        <v>69038</v>
      </c>
      <c r="M22671" s="2" t="s">
        <v>69039</v>
      </c>
      <c r="N22671" s="5" t="s">
        <v>1521</v>
      </c>
      <c r="O22671" s="5" t="s">
        <v>38</v>
      </c>
      <c r="P22671" s="5" t="s">
        <v>39</v>
      </c>
      <c r="Q22671" s="5" t="s">
        <v>40</v>
      </c>
      <c r="R22671" s="5" t="s">
        <v>1522</v>
      </c>
      <c r="S22671" s="5" t="s">
        <v>1523</v>
      </c>
      <c r="T22671" s="5" t="s">
        <v>42</v>
      </c>
      <c r="U22671" s="2">
        <v>1.921</v>
      </c>
      <c r="V22671" s="2">
        <v>1.4910000000000001</v>
      </c>
      <c r="W22671" s="2">
        <v>1.2E-2</v>
      </c>
      <c r="X22671" s="2">
        <v>148.69999999999999</v>
      </c>
      <c r="Y22671" s="2">
        <v>7.6</v>
      </c>
      <c r="Z22671" s="2">
        <v>10.6</v>
      </c>
      <c r="AA22671" s="5"/>
      <c r="AB22671" s="5" t="s">
        <v>43</v>
      </c>
      <c r="AC22671" s="5" t="s">
        <v>44</v>
      </c>
      <c r="AD22671" s="2"/>
      <c r="AE22671" s="1"/>
    </row>
    <row r="22672" spans="1:31" ht="14.45">
      <c r="A22672" s="11"/>
      <c r="B22672" s="20"/>
      <c r="C22672" s="2" t="s">
        <v>72892</v>
      </c>
      <c r="D22672" s="14" t="s">
        <v>72893</v>
      </c>
      <c r="E22672" s="2" t="s">
        <v>72894</v>
      </c>
      <c r="F22672" s="2" t="s">
        <v>71981</v>
      </c>
      <c r="G22672" s="8">
        <v>168</v>
      </c>
      <c r="H22672" s="5">
        <v>6</v>
      </c>
      <c r="I22672" s="5" t="s">
        <v>1518</v>
      </c>
      <c r="J22672" s="5" t="s">
        <v>69038</v>
      </c>
      <c r="K22672" s="2" t="s">
        <v>69039</v>
      </c>
      <c r="L22672" s="5" t="s">
        <v>69038</v>
      </c>
      <c r="M22672" s="2" t="s">
        <v>69039</v>
      </c>
      <c r="N22672" s="5" t="s">
        <v>1521</v>
      </c>
      <c r="O22672" s="5" t="s">
        <v>38</v>
      </c>
      <c r="P22672" s="5" t="s">
        <v>39</v>
      </c>
      <c r="Q22672" s="5" t="s">
        <v>40</v>
      </c>
      <c r="R22672" s="5" t="s">
        <v>1522</v>
      </c>
      <c r="S22672" s="5" t="s">
        <v>1523</v>
      </c>
      <c r="T22672" s="5" t="s">
        <v>42</v>
      </c>
      <c r="U22672" s="2">
        <v>1.8220000000000001</v>
      </c>
      <c r="V22672" s="2">
        <v>1.3919999999999999</v>
      </c>
      <c r="W22672" s="2">
        <v>1.2E-2</v>
      </c>
      <c r="X22672" s="2">
        <v>148.69999999999999</v>
      </c>
      <c r="Y22672" s="2">
        <v>7.6</v>
      </c>
      <c r="Z22672" s="2">
        <v>10.6</v>
      </c>
      <c r="AA22672" s="5"/>
      <c r="AB22672" s="5" t="s">
        <v>43</v>
      </c>
      <c r="AC22672" s="5" t="s">
        <v>44</v>
      </c>
      <c r="AD22672" s="2"/>
      <c r="AE22672" s="1"/>
    </row>
    <row r="22673" spans="1:31" ht="14.45">
      <c r="A22673" s="11"/>
      <c r="B22673" s="20"/>
      <c r="C22673" s="2" t="s">
        <v>72895</v>
      </c>
      <c r="D22673" s="14" t="s">
        <v>72896</v>
      </c>
      <c r="E22673" s="2" t="s">
        <v>72897</v>
      </c>
      <c r="F22673" s="2" t="s">
        <v>71985</v>
      </c>
      <c r="G22673" s="8">
        <v>168</v>
      </c>
      <c r="H22673" s="5">
        <v>6</v>
      </c>
      <c r="I22673" s="5" t="s">
        <v>1518</v>
      </c>
      <c r="J22673" s="5" t="s">
        <v>69038</v>
      </c>
      <c r="K22673" s="2" t="s">
        <v>69039</v>
      </c>
      <c r="L22673" s="5" t="s">
        <v>69038</v>
      </c>
      <c r="M22673" s="2" t="s">
        <v>69039</v>
      </c>
      <c r="N22673" s="5" t="s">
        <v>1521</v>
      </c>
      <c r="O22673" s="5" t="s">
        <v>38</v>
      </c>
      <c r="P22673" s="5" t="s">
        <v>39</v>
      </c>
      <c r="Q22673" s="5" t="s">
        <v>40</v>
      </c>
      <c r="R22673" s="5" t="s">
        <v>1522</v>
      </c>
      <c r="S22673" s="5" t="s">
        <v>1523</v>
      </c>
      <c r="T22673" s="5" t="s">
        <v>42</v>
      </c>
      <c r="U22673" s="2">
        <v>1.921</v>
      </c>
      <c r="V22673" s="2">
        <v>1.4910000000000001</v>
      </c>
      <c r="W22673" s="2">
        <v>1.2E-2</v>
      </c>
      <c r="X22673" s="2">
        <v>148.69999999999999</v>
      </c>
      <c r="Y22673" s="2">
        <v>7.6</v>
      </c>
      <c r="Z22673" s="2">
        <v>10.6</v>
      </c>
      <c r="AA22673" s="5"/>
      <c r="AB22673" s="5" t="s">
        <v>43</v>
      </c>
      <c r="AC22673" s="5" t="s">
        <v>44</v>
      </c>
      <c r="AD22673" s="2"/>
      <c r="AE22673" s="1"/>
    </row>
    <row r="22674" spans="1:31" ht="14.45">
      <c r="A22674" s="11"/>
      <c r="B22674" s="20"/>
      <c r="C22674" s="2" t="s">
        <v>72898</v>
      </c>
      <c r="D22674" s="14" t="s">
        <v>72899</v>
      </c>
      <c r="E22674" s="2" t="s">
        <v>72900</v>
      </c>
      <c r="F22674" s="2" t="s">
        <v>71957</v>
      </c>
      <c r="G22674" s="8">
        <v>182</v>
      </c>
      <c r="H22674" s="5">
        <v>6</v>
      </c>
      <c r="I22674" s="5" t="s">
        <v>1518</v>
      </c>
      <c r="J22674" s="5" t="s">
        <v>69038</v>
      </c>
      <c r="K22674" s="2" t="s">
        <v>69039</v>
      </c>
      <c r="L22674" s="5" t="s">
        <v>69038</v>
      </c>
      <c r="M22674" s="2" t="s">
        <v>69039</v>
      </c>
      <c r="N22674" s="5" t="s">
        <v>1521</v>
      </c>
      <c r="O22674" s="5" t="s">
        <v>38</v>
      </c>
      <c r="P22674" s="5" t="s">
        <v>39</v>
      </c>
      <c r="Q22674" s="5" t="s">
        <v>40</v>
      </c>
      <c r="R22674" s="5" t="s">
        <v>1522</v>
      </c>
      <c r="S22674" s="5" t="s">
        <v>1523</v>
      </c>
      <c r="T22674" s="5" t="s">
        <v>42</v>
      </c>
      <c r="U22674" s="2">
        <v>2.0670000000000002</v>
      </c>
      <c r="V22674" s="2">
        <v>1.637</v>
      </c>
      <c r="W22674" s="2">
        <v>1.2E-2</v>
      </c>
      <c r="X22674" s="2">
        <v>148.69999999999999</v>
      </c>
      <c r="Y22674" s="2">
        <v>7.6</v>
      </c>
      <c r="Z22674" s="2">
        <v>10.6</v>
      </c>
      <c r="AA22674" s="5"/>
      <c r="AB22674" s="5" t="s">
        <v>43</v>
      </c>
      <c r="AC22674" s="5" t="s">
        <v>44</v>
      </c>
      <c r="AD22674" s="2"/>
      <c r="AE22674" s="1"/>
    </row>
    <row r="22675" spans="1:31" ht="14.45">
      <c r="A22675" s="11"/>
      <c r="B22675" s="20"/>
      <c r="C22675" s="2" t="s">
        <v>72901</v>
      </c>
      <c r="D22675" s="14" t="s">
        <v>72902</v>
      </c>
      <c r="E22675" s="2" t="s">
        <v>72903</v>
      </c>
      <c r="F22675" s="2" t="s">
        <v>71961</v>
      </c>
      <c r="G22675" s="8">
        <v>182</v>
      </c>
      <c r="H22675" s="5">
        <v>6</v>
      </c>
      <c r="I22675" s="5" t="s">
        <v>1518</v>
      </c>
      <c r="J22675" s="5" t="s">
        <v>69038</v>
      </c>
      <c r="K22675" s="2" t="s">
        <v>69039</v>
      </c>
      <c r="L22675" s="5" t="s">
        <v>69038</v>
      </c>
      <c r="M22675" s="2" t="s">
        <v>69039</v>
      </c>
      <c r="N22675" s="5" t="s">
        <v>1521</v>
      </c>
      <c r="O22675" s="5" t="s">
        <v>38</v>
      </c>
      <c r="P22675" s="5" t="s">
        <v>39</v>
      </c>
      <c r="Q22675" s="5" t="s">
        <v>40</v>
      </c>
      <c r="R22675" s="5" t="s">
        <v>1522</v>
      </c>
      <c r="S22675" s="5" t="s">
        <v>1523</v>
      </c>
      <c r="T22675" s="5" t="s">
        <v>42</v>
      </c>
      <c r="U22675" s="2">
        <v>2.1869999999999998</v>
      </c>
      <c r="V22675" s="2">
        <v>1.7569999999999999</v>
      </c>
      <c r="W22675" s="2">
        <v>1.2E-2</v>
      </c>
      <c r="X22675" s="2">
        <v>148.69999999999999</v>
      </c>
      <c r="Y22675" s="2">
        <v>7.6</v>
      </c>
      <c r="Z22675" s="2">
        <v>10.6</v>
      </c>
      <c r="AA22675" s="5"/>
      <c r="AB22675" s="5" t="s">
        <v>43</v>
      </c>
      <c r="AC22675" s="5" t="s">
        <v>44</v>
      </c>
      <c r="AD22675" s="2"/>
      <c r="AE22675" s="1"/>
    </row>
    <row r="22676" spans="1:31" ht="14.45">
      <c r="A22676" s="11"/>
      <c r="B22676" s="20"/>
      <c r="C22676" s="2" t="s">
        <v>72904</v>
      </c>
      <c r="D22676" s="14" t="s">
        <v>72905</v>
      </c>
      <c r="E22676" s="2" t="s">
        <v>72906</v>
      </c>
      <c r="F22676" s="2" t="s">
        <v>71965</v>
      </c>
      <c r="G22676" s="8">
        <v>182</v>
      </c>
      <c r="H22676" s="5">
        <v>6</v>
      </c>
      <c r="I22676" s="5" t="s">
        <v>1518</v>
      </c>
      <c r="J22676" s="5" t="s">
        <v>69038</v>
      </c>
      <c r="K22676" s="2" t="s">
        <v>69039</v>
      </c>
      <c r="L22676" s="5" t="s">
        <v>69038</v>
      </c>
      <c r="M22676" s="2" t="s">
        <v>69039</v>
      </c>
      <c r="N22676" s="5" t="s">
        <v>1521</v>
      </c>
      <c r="O22676" s="5" t="s">
        <v>38</v>
      </c>
      <c r="P22676" s="5" t="s">
        <v>39</v>
      </c>
      <c r="Q22676" s="5" t="s">
        <v>40</v>
      </c>
      <c r="R22676" s="5" t="s">
        <v>1522</v>
      </c>
      <c r="S22676" s="5" t="s">
        <v>1523</v>
      </c>
      <c r="T22676" s="5" t="s">
        <v>42</v>
      </c>
      <c r="U22676" s="2">
        <v>2.0670000000000002</v>
      </c>
      <c r="V22676" s="2">
        <v>1.637</v>
      </c>
      <c r="W22676" s="2">
        <v>1.2E-2</v>
      </c>
      <c r="X22676" s="2">
        <v>148.69999999999999</v>
      </c>
      <c r="Y22676" s="2">
        <v>7.6</v>
      </c>
      <c r="Z22676" s="2">
        <v>10.6</v>
      </c>
      <c r="AA22676" s="5"/>
      <c r="AB22676" s="5" t="s">
        <v>43</v>
      </c>
      <c r="AC22676" s="5" t="s">
        <v>44</v>
      </c>
      <c r="AD22676" s="2"/>
      <c r="AE22676" s="1"/>
    </row>
    <row r="22677" spans="1:31" ht="14.45">
      <c r="A22677" s="11"/>
      <c r="B22677" s="20"/>
      <c r="C22677" s="2" t="s">
        <v>72907</v>
      </c>
      <c r="D22677" s="14" t="s">
        <v>72908</v>
      </c>
      <c r="E22677" s="2" t="s">
        <v>72909</v>
      </c>
      <c r="F22677" s="2" t="s">
        <v>71969</v>
      </c>
      <c r="G22677" s="8">
        <v>182</v>
      </c>
      <c r="H22677" s="5">
        <v>6</v>
      </c>
      <c r="I22677" s="5" t="s">
        <v>1518</v>
      </c>
      <c r="J22677" s="5" t="s">
        <v>69038</v>
      </c>
      <c r="K22677" s="2" t="s">
        <v>69039</v>
      </c>
      <c r="L22677" s="5" t="s">
        <v>69038</v>
      </c>
      <c r="M22677" s="2" t="s">
        <v>69039</v>
      </c>
      <c r="N22677" s="5" t="s">
        <v>1521</v>
      </c>
      <c r="O22677" s="5" t="s">
        <v>38</v>
      </c>
      <c r="P22677" s="5" t="s">
        <v>39</v>
      </c>
      <c r="Q22677" s="5" t="s">
        <v>40</v>
      </c>
      <c r="R22677" s="5" t="s">
        <v>1522</v>
      </c>
      <c r="S22677" s="5" t="s">
        <v>1523</v>
      </c>
      <c r="T22677" s="5" t="s">
        <v>42</v>
      </c>
      <c r="U22677" s="2">
        <v>2.1869999999999998</v>
      </c>
      <c r="V22677" s="2">
        <v>1.7569999999999999</v>
      </c>
      <c r="W22677" s="2">
        <v>1.2E-2</v>
      </c>
      <c r="X22677" s="2">
        <v>148.69999999999999</v>
      </c>
      <c r="Y22677" s="2">
        <v>7.6</v>
      </c>
      <c r="Z22677" s="2">
        <v>10.6</v>
      </c>
      <c r="AA22677" s="5"/>
      <c r="AB22677" s="5" t="s">
        <v>43</v>
      </c>
      <c r="AC22677" s="5" t="s">
        <v>44</v>
      </c>
      <c r="AD22677" s="2"/>
      <c r="AE22677" s="1"/>
    </row>
    <row r="22678" spans="1:31" ht="14.45">
      <c r="A22678" s="11"/>
      <c r="B22678" s="20"/>
      <c r="C22678" s="2" t="s">
        <v>72910</v>
      </c>
      <c r="D22678" s="14" t="s">
        <v>72911</v>
      </c>
      <c r="E22678" s="2" t="s">
        <v>72912</v>
      </c>
      <c r="F22678" s="2" t="s">
        <v>71973</v>
      </c>
      <c r="G22678" s="8">
        <v>182</v>
      </c>
      <c r="H22678" s="5">
        <v>6</v>
      </c>
      <c r="I22678" s="5" t="s">
        <v>1518</v>
      </c>
      <c r="J22678" s="5" t="s">
        <v>69038</v>
      </c>
      <c r="K22678" s="2" t="s">
        <v>69039</v>
      </c>
      <c r="L22678" s="5" t="s">
        <v>69038</v>
      </c>
      <c r="M22678" s="2" t="s">
        <v>69039</v>
      </c>
      <c r="N22678" s="5" t="s">
        <v>1521</v>
      </c>
      <c r="O22678" s="5" t="s">
        <v>38</v>
      </c>
      <c r="P22678" s="5" t="s">
        <v>39</v>
      </c>
      <c r="Q22678" s="5" t="s">
        <v>40</v>
      </c>
      <c r="R22678" s="5" t="s">
        <v>1522</v>
      </c>
      <c r="S22678" s="5" t="s">
        <v>1523</v>
      </c>
      <c r="T22678" s="5" t="s">
        <v>42</v>
      </c>
      <c r="U22678" s="2">
        <v>2.0670000000000002</v>
      </c>
      <c r="V22678" s="2">
        <v>1.637</v>
      </c>
      <c r="W22678" s="2">
        <v>1.2E-2</v>
      </c>
      <c r="X22678" s="2">
        <v>148.69999999999999</v>
      </c>
      <c r="Y22678" s="2">
        <v>7.6</v>
      </c>
      <c r="Z22678" s="2">
        <v>10.6</v>
      </c>
      <c r="AA22678" s="5"/>
      <c r="AB22678" s="5" t="s">
        <v>43</v>
      </c>
      <c r="AC22678" s="5" t="s">
        <v>44</v>
      </c>
      <c r="AD22678" s="2"/>
      <c r="AE22678" s="1"/>
    </row>
    <row r="22679" spans="1:31" ht="14.45">
      <c r="A22679" s="11"/>
      <c r="B22679" s="20"/>
      <c r="C22679" s="2" t="s">
        <v>72913</v>
      </c>
      <c r="D22679" s="14" t="s">
        <v>72914</v>
      </c>
      <c r="E22679" s="2" t="s">
        <v>72915</v>
      </c>
      <c r="F22679" s="2" t="s">
        <v>71977</v>
      </c>
      <c r="G22679" s="8">
        <v>182</v>
      </c>
      <c r="H22679" s="5">
        <v>6</v>
      </c>
      <c r="I22679" s="5" t="s">
        <v>1518</v>
      </c>
      <c r="J22679" s="5" t="s">
        <v>69038</v>
      </c>
      <c r="K22679" s="2" t="s">
        <v>69039</v>
      </c>
      <c r="L22679" s="5" t="s">
        <v>69038</v>
      </c>
      <c r="M22679" s="2" t="s">
        <v>69039</v>
      </c>
      <c r="N22679" s="5" t="s">
        <v>1521</v>
      </c>
      <c r="O22679" s="5" t="s">
        <v>38</v>
      </c>
      <c r="P22679" s="5" t="s">
        <v>39</v>
      </c>
      <c r="Q22679" s="5" t="s">
        <v>40</v>
      </c>
      <c r="R22679" s="5" t="s">
        <v>1522</v>
      </c>
      <c r="S22679" s="5" t="s">
        <v>1523</v>
      </c>
      <c r="T22679" s="5" t="s">
        <v>42</v>
      </c>
      <c r="U22679" s="2">
        <v>2.1869999999999998</v>
      </c>
      <c r="V22679" s="2">
        <v>1.7569999999999999</v>
      </c>
      <c r="W22679" s="2">
        <v>1.2E-2</v>
      </c>
      <c r="X22679" s="2">
        <v>148.69999999999999</v>
      </c>
      <c r="Y22679" s="2">
        <v>7.6</v>
      </c>
      <c r="Z22679" s="2">
        <v>10.6</v>
      </c>
      <c r="AA22679" s="5"/>
      <c r="AB22679" s="5" t="s">
        <v>43</v>
      </c>
      <c r="AC22679" s="5" t="s">
        <v>44</v>
      </c>
      <c r="AD22679" s="2"/>
      <c r="AE22679" s="1"/>
    </row>
    <row r="22680" spans="1:31" ht="14.45">
      <c r="A22680" s="11"/>
      <c r="B22680" s="20"/>
      <c r="C22680" s="2" t="s">
        <v>72916</v>
      </c>
      <c r="D22680" s="14" t="s">
        <v>72917</v>
      </c>
      <c r="E22680" s="2" t="s">
        <v>72918</v>
      </c>
      <c r="F22680" s="2" t="s">
        <v>71981</v>
      </c>
      <c r="G22680" s="8">
        <v>182</v>
      </c>
      <c r="H22680" s="5">
        <v>6</v>
      </c>
      <c r="I22680" s="5" t="s">
        <v>1518</v>
      </c>
      <c r="J22680" s="5" t="s">
        <v>69038</v>
      </c>
      <c r="K22680" s="2" t="s">
        <v>69039</v>
      </c>
      <c r="L22680" s="5" t="s">
        <v>69038</v>
      </c>
      <c r="M22680" s="2" t="s">
        <v>69039</v>
      </c>
      <c r="N22680" s="5" t="s">
        <v>1521</v>
      </c>
      <c r="O22680" s="5" t="s">
        <v>38</v>
      </c>
      <c r="P22680" s="5" t="s">
        <v>39</v>
      </c>
      <c r="Q22680" s="5" t="s">
        <v>40</v>
      </c>
      <c r="R22680" s="5" t="s">
        <v>1522</v>
      </c>
      <c r="S22680" s="5" t="s">
        <v>1523</v>
      </c>
      <c r="T22680" s="5" t="s">
        <v>42</v>
      </c>
      <c r="U22680" s="2">
        <v>2.0670000000000002</v>
      </c>
      <c r="V22680" s="2">
        <v>1.637</v>
      </c>
      <c r="W22680" s="2">
        <v>1.2E-2</v>
      </c>
      <c r="X22680" s="2">
        <v>148.69999999999999</v>
      </c>
      <c r="Y22680" s="2">
        <v>7.6</v>
      </c>
      <c r="Z22680" s="2">
        <v>10.6</v>
      </c>
      <c r="AA22680" s="5"/>
      <c r="AB22680" s="5" t="s">
        <v>43</v>
      </c>
      <c r="AC22680" s="5" t="s">
        <v>44</v>
      </c>
      <c r="AD22680" s="2"/>
      <c r="AE22680" s="1"/>
    </row>
    <row r="22681" spans="1:31" ht="14.45">
      <c r="A22681" s="11"/>
      <c r="B22681" s="20"/>
      <c r="C22681" s="2" t="s">
        <v>72919</v>
      </c>
      <c r="D22681" s="14" t="s">
        <v>72920</v>
      </c>
      <c r="E22681" s="2" t="s">
        <v>72921</v>
      </c>
      <c r="F22681" s="2" t="s">
        <v>71985</v>
      </c>
      <c r="G22681" s="8">
        <v>182</v>
      </c>
      <c r="H22681" s="5">
        <v>6</v>
      </c>
      <c r="I22681" s="5" t="s">
        <v>1518</v>
      </c>
      <c r="J22681" s="5" t="s">
        <v>69038</v>
      </c>
      <c r="K22681" s="2" t="s">
        <v>69039</v>
      </c>
      <c r="L22681" s="5" t="s">
        <v>69038</v>
      </c>
      <c r="M22681" s="2" t="s">
        <v>69039</v>
      </c>
      <c r="N22681" s="5" t="s">
        <v>1521</v>
      </c>
      <c r="O22681" s="5" t="s">
        <v>38</v>
      </c>
      <c r="P22681" s="5" t="s">
        <v>39</v>
      </c>
      <c r="Q22681" s="5" t="s">
        <v>40</v>
      </c>
      <c r="R22681" s="5" t="s">
        <v>1522</v>
      </c>
      <c r="S22681" s="5" t="s">
        <v>1523</v>
      </c>
      <c r="T22681" s="5" t="s">
        <v>42</v>
      </c>
      <c r="U22681" s="2">
        <v>2.1869999999999998</v>
      </c>
      <c r="V22681" s="2">
        <v>1.7569999999999999</v>
      </c>
      <c r="W22681" s="2">
        <v>1.2E-2</v>
      </c>
      <c r="X22681" s="2">
        <v>148.69999999999999</v>
      </c>
      <c r="Y22681" s="2">
        <v>7.6</v>
      </c>
      <c r="Z22681" s="2">
        <v>10.6</v>
      </c>
      <c r="AA22681" s="5"/>
      <c r="AB22681" s="5" t="s">
        <v>43</v>
      </c>
      <c r="AC22681" s="5" t="s">
        <v>44</v>
      </c>
      <c r="AD22681" s="2"/>
      <c r="AE22681" s="1"/>
    </row>
    <row r="22682" spans="1:31" ht="14.45">
      <c r="A22682" s="11"/>
      <c r="B22682" s="20"/>
      <c r="C22682" s="2" t="s">
        <v>72922</v>
      </c>
      <c r="D22682" s="14" t="s">
        <v>72923</v>
      </c>
      <c r="E22682" s="2" t="s">
        <v>72924</v>
      </c>
      <c r="F22682" s="2" t="s">
        <v>71957</v>
      </c>
      <c r="G22682" s="8">
        <v>202</v>
      </c>
      <c r="H22682" s="5">
        <v>6</v>
      </c>
      <c r="I22682" s="5" t="s">
        <v>1518</v>
      </c>
      <c r="J22682" s="5" t="s">
        <v>69038</v>
      </c>
      <c r="K22682" s="2" t="s">
        <v>69039</v>
      </c>
      <c r="L22682" s="5" t="s">
        <v>69038</v>
      </c>
      <c r="M22682" s="2" t="s">
        <v>69039</v>
      </c>
      <c r="N22682" s="5" t="s">
        <v>1521</v>
      </c>
      <c r="O22682" s="5" t="s">
        <v>38</v>
      </c>
      <c r="P22682" s="5" t="s">
        <v>39</v>
      </c>
      <c r="Q22682" s="5" t="s">
        <v>40</v>
      </c>
      <c r="R22682" s="5" t="s">
        <v>1522</v>
      </c>
      <c r="S22682" s="5" t="s">
        <v>1523</v>
      </c>
      <c r="T22682" s="5" t="s">
        <v>42</v>
      </c>
      <c r="U22682" s="2">
        <v>2.1869999999999998</v>
      </c>
      <c r="V22682" s="2">
        <v>1.7569999999999999</v>
      </c>
      <c r="W22682" s="2">
        <v>1.2E-2</v>
      </c>
      <c r="X22682" s="2">
        <v>148.69999999999999</v>
      </c>
      <c r="Y22682" s="2">
        <v>7.6</v>
      </c>
      <c r="Z22682" s="2">
        <v>10.6</v>
      </c>
      <c r="AA22682" s="5"/>
      <c r="AB22682" s="5" t="s">
        <v>43</v>
      </c>
      <c r="AC22682" s="5" t="s">
        <v>44</v>
      </c>
      <c r="AD22682" s="2"/>
      <c r="AE22682" s="1"/>
    </row>
    <row r="22683" spans="1:31" ht="14.45">
      <c r="A22683" s="11"/>
      <c r="B22683" s="20"/>
      <c r="C22683" s="2" t="s">
        <v>72925</v>
      </c>
      <c r="D22683" s="14" t="s">
        <v>72926</v>
      </c>
      <c r="E22683" s="2" t="s">
        <v>72927</v>
      </c>
      <c r="F22683" s="2" t="s">
        <v>71961</v>
      </c>
      <c r="G22683" s="8">
        <v>202</v>
      </c>
      <c r="H22683" s="5">
        <v>6</v>
      </c>
      <c r="I22683" s="5" t="s">
        <v>1518</v>
      </c>
      <c r="J22683" s="5" t="s">
        <v>69038</v>
      </c>
      <c r="K22683" s="2" t="s">
        <v>69039</v>
      </c>
      <c r="L22683" s="5" t="s">
        <v>69038</v>
      </c>
      <c r="M22683" s="2" t="s">
        <v>69039</v>
      </c>
      <c r="N22683" s="5" t="s">
        <v>1521</v>
      </c>
      <c r="O22683" s="5" t="s">
        <v>38</v>
      </c>
      <c r="P22683" s="5" t="s">
        <v>39</v>
      </c>
      <c r="Q22683" s="5" t="s">
        <v>40</v>
      </c>
      <c r="R22683" s="5" t="s">
        <v>1522</v>
      </c>
      <c r="S22683" s="5" t="s">
        <v>1523</v>
      </c>
      <c r="T22683" s="5" t="s">
        <v>42</v>
      </c>
      <c r="U22683" s="2">
        <v>2.3170000000000002</v>
      </c>
      <c r="V22683" s="2">
        <v>1.887</v>
      </c>
      <c r="W22683" s="2">
        <v>1.2E-2</v>
      </c>
      <c r="X22683" s="2">
        <v>148.69999999999999</v>
      </c>
      <c r="Y22683" s="2">
        <v>7.6</v>
      </c>
      <c r="Z22683" s="2">
        <v>10.6</v>
      </c>
      <c r="AA22683" s="5"/>
      <c r="AB22683" s="5" t="s">
        <v>43</v>
      </c>
      <c r="AC22683" s="5" t="s">
        <v>44</v>
      </c>
      <c r="AD22683" s="2"/>
      <c r="AE22683" s="1"/>
    </row>
    <row r="22684" spans="1:31" ht="14.45">
      <c r="A22684" s="11"/>
      <c r="B22684" s="20"/>
      <c r="C22684" s="2" t="s">
        <v>72928</v>
      </c>
      <c r="D22684" s="14" t="s">
        <v>72929</v>
      </c>
      <c r="E22684" s="2" t="s">
        <v>72930</v>
      </c>
      <c r="F22684" s="2" t="s">
        <v>71965</v>
      </c>
      <c r="G22684" s="8">
        <v>202</v>
      </c>
      <c r="H22684" s="5">
        <v>6</v>
      </c>
      <c r="I22684" s="5" t="s">
        <v>1518</v>
      </c>
      <c r="J22684" s="5" t="s">
        <v>69038</v>
      </c>
      <c r="K22684" s="2" t="s">
        <v>69039</v>
      </c>
      <c r="L22684" s="5" t="s">
        <v>69038</v>
      </c>
      <c r="M22684" s="2" t="s">
        <v>69039</v>
      </c>
      <c r="N22684" s="5" t="s">
        <v>1521</v>
      </c>
      <c r="O22684" s="5" t="s">
        <v>38</v>
      </c>
      <c r="P22684" s="5" t="s">
        <v>39</v>
      </c>
      <c r="Q22684" s="5" t="s">
        <v>40</v>
      </c>
      <c r="R22684" s="5" t="s">
        <v>1522</v>
      </c>
      <c r="S22684" s="5" t="s">
        <v>1523</v>
      </c>
      <c r="T22684" s="5" t="s">
        <v>42</v>
      </c>
      <c r="U22684" s="2">
        <v>2.1869999999999998</v>
      </c>
      <c r="V22684" s="2">
        <v>1.7569999999999999</v>
      </c>
      <c r="W22684" s="2">
        <v>1.2E-2</v>
      </c>
      <c r="X22684" s="2">
        <v>148.69999999999999</v>
      </c>
      <c r="Y22684" s="2">
        <v>7.6</v>
      </c>
      <c r="Z22684" s="2">
        <v>10.6</v>
      </c>
      <c r="AA22684" s="5"/>
      <c r="AB22684" s="5" t="s">
        <v>43</v>
      </c>
      <c r="AC22684" s="5" t="s">
        <v>44</v>
      </c>
      <c r="AD22684" s="2"/>
      <c r="AE22684" s="1"/>
    </row>
    <row r="22685" spans="1:31" ht="14.45">
      <c r="A22685" s="11"/>
      <c r="B22685" s="20"/>
      <c r="C22685" s="2" t="s">
        <v>72931</v>
      </c>
      <c r="D22685" s="14" t="s">
        <v>72932</v>
      </c>
      <c r="E22685" s="2" t="s">
        <v>72933</v>
      </c>
      <c r="F22685" s="2" t="s">
        <v>71969</v>
      </c>
      <c r="G22685" s="8">
        <v>202</v>
      </c>
      <c r="H22685" s="5">
        <v>6</v>
      </c>
      <c r="I22685" s="5" t="s">
        <v>1518</v>
      </c>
      <c r="J22685" s="5" t="s">
        <v>69038</v>
      </c>
      <c r="K22685" s="2" t="s">
        <v>69039</v>
      </c>
      <c r="L22685" s="5" t="s">
        <v>69038</v>
      </c>
      <c r="M22685" s="2" t="s">
        <v>69039</v>
      </c>
      <c r="N22685" s="5" t="s">
        <v>1521</v>
      </c>
      <c r="O22685" s="5" t="s">
        <v>38</v>
      </c>
      <c r="P22685" s="5" t="s">
        <v>39</v>
      </c>
      <c r="Q22685" s="5" t="s">
        <v>40</v>
      </c>
      <c r="R22685" s="5" t="s">
        <v>1522</v>
      </c>
      <c r="S22685" s="5" t="s">
        <v>1523</v>
      </c>
      <c r="T22685" s="5" t="s">
        <v>42</v>
      </c>
      <c r="U22685" s="2">
        <v>2.3170000000000002</v>
      </c>
      <c r="V22685" s="2">
        <v>1.887</v>
      </c>
      <c r="W22685" s="2">
        <v>1.2E-2</v>
      </c>
      <c r="X22685" s="2">
        <v>148.69999999999999</v>
      </c>
      <c r="Y22685" s="2">
        <v>7.6</v>
      </c>
      <c r="Z22685" s="2">
        <v>10.6</v>
      </c>
      <c r="AA22685" s="5"/>
      <c r="AB22685" s="5" t="s">
        <v>43</v>
      </c>
      <c r="AC22685" s="5" t="s">
        <v>44</v>
      </c>
      <c r="AD22685" s="2"/>
      <c r="AE22685" s="1"/>
    </row>
    <row r="22686" spans="1:31" ht="14.45">
      <c r="A22686" s="11"/>
      <c r="B22686" s="20"/>
      <c r="C22686" s="2" t="s">
        <v>72934</v>
      </c>
      <c r="D22686" s="14" t="s">
        <v>72935</v>
      </c>
      <c r="E22686" s="2" t="s">
        <v>72936</v>
      </c>
      <c r="F22686" s="2" t="s">
        <v>71973</v>
      </c>
      <c r="G22686" s="8">
        <v>202</v>
      </c>
      <c r="H22686" s="5">
        <v>6</v>
      </c>
      <c r="I22686" s="5" t="s">
        <v>1518</v>
      </c>
      <c r="J22686" s="5" t="s">
        <v>69038</v>
      </c>
      <c r="K22686" s="2" t="s">
        <v>69039</v>
      </c>
      <c r="L22686" s="5" t="s">
        <v>69038</v>
      </c>
      <c r="M22686" s="2" t="s">
        <v>69039</v>
      </c>
      <c r="N22686" s="5" t="s">
        <v>1521</v>
      </c>
      <c r="O22686" s="5" t="s">
        <v>38</v>
      </c>
      <c r="P22686" s="5" t="s">
        <v>39</v>
      </c>
      <c r="Q22686" s="5" t="s">
        <v>40</v>
      </c>
      <c r="R22686" s="5" t="s">
        <v>1522</v>
      </c>
      <c r="S22686" s="5" t="s">
        <v>1523</v>
      </c>
      <c r="T22686" s="5" t="s">
        <v>42</v>
      </c>
      <c r="U22686" s="2">
        <v>2.1869999999999998</v>
      </c>
      <c r="V22686" s="2">
        <v>1.7569999999999999</v>
      </c>
      <c r="W22686" s="2">
        <v>1.2E-2</v>
      </c>
      <c r="X22686" s="2">
        <v>148.69999999999999</v>
      </c>
      <c r="Y22686" s="2">
        <v>7.6</v>
      </c>
      <c r="Z22686" s="2">
        <v>10.6</v>
      </c>
      <c r="AA22686" s="5"/>
      <c r="AB22686" s="5" t="s">
        <v>43</v>
      </c>
      <c r="AC22686" s="5" t="s">
        <v>44</v>
      </c>
      <c r="AD22686" s="2"/>
      <c r="AE22686" s="1"/>
    </row>
    <row r="22687" spans="1:31" ht="14.45">
      <c r="A22687" s="11"/>
      <c r="B22687" s="20"/>
      <c r="C22687" s="2" t="s">
        <v>72937</v>
      </c>
      <c r="D22687" s="14" t="s">
        <v>72938</v>
      </c>
      <c r="E22687" s="2" t="s">
        <v>72939</v>
      </c>
      <c r="F22687" s="2" t="s">
        <v>71977</v>
      </c>
      <c r="G22687" s="8">
        <v>202</v>
      </c>
      <c r="H22687" s="5">
        <v>6</v>
      </c>
      <c r="I22687" s="5" t="s">
        <v>1518</v>
      </c>
      <c r="J22687" s="5" t="s">
        <v>69038</v>
      </c>
      <c r="K22687" s="2" t="s">
        <v>69039</v>
      </c>
      <c r="L22687" s="5" t="s">
        <v>69038</v>
      </c>
      <c r="M22687" s="2" t="s">
        <v>69039</v>
      </c>
      <c r="N22687" s="5" t="s">
        <v>1521</v>
      </c>
      <c r="O22687" s="5" t="s">
        <v>38</v>
      </c>
      <c r="P22687" s="5" t="s">
        <v>39</v>
      </c>
      <c r="Q22687" s="5" t="s">
        <v>40</v>
      </c>
      <c r="R22687" s="5" t="s">
        <v>1522</v>
      </c>
      <c r="S22687" s="5" t="s">
        <v>1523</v>
      </c>
      <c r="T22687" s="5" t="s">
        <v>42</v>
      </c>
      <c r="U22687" s="2">
        <v>2.3170000000000002</v>
      </c>
      <c r="V22687" s="2">
        <v>1.887</v>
      </c>
      <c r="W22687" s="2">
        <v>1.2E-2</v>
      </c>
      <c r="X22687" s="2">
        <v>148.69999999999999</v>
      </c>
      <c r="Y22687" s="2">
        <v>7.6</v>
      </c>
      <c r="Z22687" s="2">
        <v>10.6</v>
      </c>
      <c r="AA22687" s="5"/>
      <c r="AB22687" s="5" t="s">
        <v>43</v>
      </c>
      <c r="AC22687" s="5" t="s">
        <v>44</v>
      </c>
      <c r="AD22687" s="2"/>
      <c r="AE22687" s="1"/>
    </row>
    <row r="22688" spans="1:31" ht="14.45">
      <c r="A22688" s="11"/>
      <c r="B22688" s="20"/>
      <c r="C22688" s="2" t="s">
        <v>72940</v>
      </c>
      <c r="D22688" s="14" t="s">
        <v>72941</v>
      </c>
      <c r="E22688" s="2" t="s">
        <v>72942</v>
      </c>
      <c r="F22688" s="2" t="s">
        <v>71981</v>
      </c>
      <c r="G22688" s="8">
        <v>202</v>
      </c>
      <c r="H22688" s="5">
        <v>6</v>
      </c>
      <c r="I22688" s="5" t="s">
        <v>1518</v>
      </c>
      <c r="J22688" s="5" t="s">
        <v>69038</v>
      </c>
      <c r="K22688" s="2" t="s">
        <v>69039</v>
      </c>
      <c r="L22688" s="5" t="s">
        <v>69038</v>
      </c>
      <c r="M22688" s="2" t="s">
        <v>69039</v>
      </c>
      <c r="N22688" s="5" t="s">
        <v>1521</v>
      </c>
      <c r="O22688" s="5" t="s">
        <v>38</v>
      </c>
      <c r="P22688" s="5" t="s">
        <v>39</v>
      </c>
      <c r="Q22688" s="5" t="s">
        <v>40</v>
      </c>
      <c r="R22688" s="5" t="s">
        <v>1522</v>
      </c>
      <c r="S22688" s="5" t="s">
        <v>1523</v>
      </c>
      <c r="T22688" s="5" t="s">
        <v>42</v>
      </c>
      <c r="U22688" s="2">
        <v>2.1869999999999998</v>
      </c>
      <c r="V22688" s="2">
        <v>1.7569999999999999</v>
      </c>
      <c r="W22688" s="2">
        <v>1.2E-2</v>
      </c>
      <c r="X22688" s="2">
        <v>148.69999999999999</v>
      </c>
      <c r="Y22688" s="2">
        <v>7.6</v>
      </c>
      <c r="Z22688" s="2">
        <v>10.6</v>
      </c>
      <c r="AA22688" s="5"/>
      <c r="AB22688" s="5" t="s">
        <v>43</v>
      </c>
      <c r="AC22688" s="5" t="s">
        <v>44</v>
      </c>
      <c r="AD22688" s="2"/>
      <c r="AE22688" s="1"/>
    </row>
    <row r="22689" spans="1:31" ht="14.45">
      <c r="A22689" s="11"/>
      <c r="B22689" s="20"/>
      <c r="C22689" s="2" t="s">
        <v>72943</v>
      </c>
      <c r="D22689" s="14" t="s">
        <v>72944</v>
      </c>
      <c r="E22689" s="2" t="s">
        <v>72945</v>
      </c>
      <c r="F22689" s="2" t="s">
        <v>71985</v>
      </c>
      <c r="G22689" s="8">
        <v>202</v>
      </c>
      <c r="H22689" s="5">
        <v>6</v>
      </c>
      <c r="I22689" s="5" t="s">
        <v>1518</v>
      </c>
      <c r="J22689" s="5" t="s">
        <v>69038</v>
      </c>
      <c r="K22689" s="2" t="s">
        <v>69039</v>
      </c>
      <c r="L22689" s="5" t="s">
        <v>69038</v>
      </c>
      <c r="M22689" s="2" t="s">
        <v>69039</v>
      </c>
      <c r="N22689" s="5" t="s">
        <v>1521</v>
      </c>
      <c r="O22689" s="5" t="s">
        <v>38</v>
      </c>
      <c r="P22689" s="5" t="s">
        <v>39</v>
      </c>
      <c r="Q22689" s="5" t="s">
        <v>40</v>
      </c>
      <c r="R22689" s="5" t="s">
        <v>1522</v>
      </c>
      <c r="S22689" s="5" t="s">
        <v>1523</v>
      </c>
      <c r="T22689" s="5" t="s">
        <v>42</v>
      </c>
      <c r="U22689" s="2">
        <v>2.3170000000000002</v>
      </c>
      <c r="V22689" s="2">
        <v>1.887</v>
      </c>
      <c r="W22689" s="2">
        <v>1.2E-2</v>
      </c>
      <c r="X22689" s="2">
        <v>148.69999999999999</v>
      </c>
      <c r="Y22689" s="2">
        <v>7.6</v>
      </c>
      <c r="Z22689" s="2">
        <v>10.6</v>
      </c>
      <c r="AA22689" s="5"/>
      <c r="AB22689" s="5" t="s">
        <v>43</v>
      </c>
      <c r="AC22689" s="5" t="s">
        <v>44</v>
      </c>
      <c r="AD22689" s="2"/>
      <c r="AE22689" s="1"/>
    </row>
    <row r="22690" spans="1:31" ht="14.45">
      <c r="A22690" s="11"/>
      <c r="B22690" s="20"/>
      <c r="C22690" s="2" t="s">
        <v>72946</v>
      </c>
      <c r="D22690" s="14" t="s">
        <v>72947</v>
      </c>
      <c r="E22690" s="2" t="s">
        <v>72948</v>
      </c>
      <c r="F22690" s="2" t="s">
        <v>71957</v>
      </c>
      <c r="G22690" s="8">
        <v>168</v>
      </c>
      <c r="H22690" s="5">
        <v>6</v>
      </c>
      <c r="I22690" s="5" t="s">
        <v>1518</v>
      </c>
      <c r="J22690" s="5" t="s">
        <v>69038</v>
      </c>
      <c r="K22690" s="2" t="s">
        <v>69039</v>
      </c>
      <c r="L22690" s="5" t="s">
        <v>69038</v>
      </c>
      <c r="M22690" s="2" t="s">
        <v>69039</v>
      </c>
      <c r="N22690" s="5" t="s">
        <v>1521</v>
      </c>
      <c r="O22690" s="5" t="s">
        <v>38</v>
      </c>
      <c r="P22690" s="5" t="s">
        <v>39</v>
      </c>
      <c r="Q22690" s="5" t="s">
        <v>40</v>
      </c>
      <c r="R22690" s="5" t="s">
        <v>1522</v>
      </c>
      <c r="S22690" s="5" t="s">
        <v>1523</v>
      </c>
      <c r="T22690" s="5" t="s">
        <v>42</v>
      </c>
      <c r="U22690" s="2">
        <v>1.623</v>
      </c>
      <c r="V22690" s="2">
        <v>1.1930000000000001</v>
      </c>
      <c r="W22690" s="2">
        <v>1.2E-2</v>
      </c>
      <c r="X22690" s="2">
        <v>148.69999999999999</v>
      </c>
      <c r="Y22690" s="2">
        <v>7.6</v>
      </c>
      <c r="Z22690" s="2">
        <v>10.6</v>
      </c>
      <c r="AA22690" s="5"/>
      <c r="AB22690" s="5" t="s">
        <v>43</v>
      </c>
      <c r="AC22690" s="5" t="s">
        <v>44</v>
      </c>
      <c r="AD22690" s="2"/>
      <c r="AE22690" s="1"/>
    </row>
    <row r="22691" spans="1:31" ht="14.45">
      <c r="A22691" s="11"/>
      <c r="B22691" s="20"/>
      <c r="C22691" s="2" t="s">
        <v>72949</v>
      </c>
      <c r="D22691" s="14" t="s">
        <v>72950</v>
      </c>
      <c r="E22691" s="2" t="s">
        <v>72951</v>
      </c>
      <c r="F22691" s="2" t="s">
        <v>71961</v>
      </c>
      <c r="G22691" s="8">
        <v>168</v>
      </c>
      <c r="H22691" s="5">
        <v>6</v>
      </c>
      <c r="I22691" s="5" t="s">
        <v>1518</v>
      </c>
      <c r="J22691" s="5" t="s">
        <v>69038</v>
      </c>
      <c r="K22691" s="2" t="s">
        <v>69039</v>
      </c>
      <c r="L22691" s="5" t="s">
        <v>69038</v>
      </c>
      <c r="M22691" s="2" t="s">
        <v>69039</v>
      </c>
      <c r="N22691" s="5" t="s">
        <v>1521</v>
      </c>
      <c r="O22691" s="5" t="s">
        <v>38</v>
      </c>
      <c r="P22691" s="5" t="s">
        <v>39</v>
      </c>
      <c r="Q22691" s="5" t="s">
        <v>40</v>
      </c>
      <c r="R22691" s="5" t="s">
        <v>1522</v>
      </c>
      <c r="S22691" s="5" t="s">
        <v>1523</v>
      </c>
      <c r="T22691" s="5" t="s">
        <v>42</v>
      </c>
      <c r="U22691" s="2">
        <v>1.704</v>
      </c>
      <c r="V22691" s="2">
        <v>1.274</v>
      </c>
      <c r="W22691" s="2">
        <v>1.2E-2</v>
      </c>
      <c r="X22691" s="2">
        <v>148.69999999999999</v>
      </c>
      <c r="Y22691" s="2">
        <v>7.6</v>
      </c>
      <c r="Z22691" s="2">
        <v>10.6</v>
      </c>
      <c r="AA22691" s="5"/>
      <c r="AB22691" s="5" t="s">
        <v>43</v>
      </c>
      <c r="AC22691" s="5" t="s">
        <v>44</v>
      </c>
      <c r="AD22691" s="2"/>
      <c r="AE22691" s="1"/>
    </row>
    <row r="22692" spans="1:31" ht="14.45">
      <c r="A22692" s="11"/>
      <c r="B22692" s="20"/>
      <c r="C22692" s="2" t="s">
        <v>72952</v>
      </c>
      <c r="D22692" s="14" t="s">
        <v>72953</v>
      </c>
      <c r="E22692" s="2" t="s">
        <v>72954</v>
      </c>
      <c r="F22692" s="2" t="s">
        <v>71965</v>
      </c>
      <c r="G22692" s="8">
        <v>168</v>
      </c>
      <c r="H22692" s="5">
        <v>6</v>
      </c>
      <c r="I22692" s="5" t="s">
        <v>1518</v>
      </c>
      <c r="J22692" s="5" t="s">
        <v>69038</v>
      </c>
      <c r="K22692" s="2" t="s">
        <v>69039</v>
      </c>
      <c r="L22692" s="5" t="s">
        <v>69038</v>
      </c>
      <c r="M22692" s="2" t="s">
        <v>69039</v>
      </c>
      <c r="N22692" s="5" t="s">
        <v>1521</v>
      </c>
      <c r="O22692" s="5" t="s">
        <v>38</v>
      </c>
      <c r="P22692" s="5" t="s">
        <v>39</v>
      </c>
      <c r="Q22692" s="5" t="s">
        <v>40</v>
      </c>
      <c r="R22692" s="5" t="s">
        <v>1522</v>
      </c>
      <c r="S22692" s="5" t="s">
        <v>1523</v>
      </c>
      <c r="T22692" s="5" t="s">
        <v>42</v>
      </c>
      <c r="U22692" s="2">
        <v>1.623</v>
      </c>
      <c r="V22692" s="2">
        <v>1.1930000000000001</v>
      </c>
      <c r="W22692" s="2">
        <v>1.2E-2</v>
      </c>
      <c r="X22692" s="2">
        <v>148.69999999999999</v>
      </c>
      <c r="Y22692" s="2">
        <v>7.6</v>
      </c>
      <c r="Z22692" s="2">
        <v>10.6</v>
      </c>
      <c r="AA22692" s="5"/>
      <c r="AB22692" s="5" t="s">
        <v>43</v>
      </c>
      <c r="AC22692" s="5" t="s">
        <v>44</v>
      </c>
      <c r="AD22692" s="2"/>
      <c r="AE22692" s="1"/>
    </row>
    <row r="22693" spans="1:31" ht="14.45">
      <c r="A22693" s="11"/>
      <c r="B22693" s="20"/>
      <c r="C22693" s="2" t="s">
        <v>72955</v>
      </c>
      <c r="D22693" s="14" t="s">
        <v>72956</v>
      </c>
      <c r="E22693" s="2" t="s">
        <v>72957</v>
      </c>
      <c r="F22693" s="2" t="s">
        <v>71969</v>
      </c>
      <c r="G22693" s="8">
        <v>168</v>
      </c>
      <c r="H22693" s="5">
        <v>6</v>
      </c>
      <c r="I22693" s="5" t="s">
        <v>1518</v>
      </c>
      <c r="J22693" s="5" t="s">
        <v>69038</v>
      </c>
      <c r="K22693" s="2" t="s">
        <v>69039</v>
      </c>
      <c r="L22693" s="5" t="s">
        <v>69038</v>
      </c>
      <c r="M22693" s="2" t="s">
        <v>69039</v>
      </c>
      <c r="N22693" s="5" t="s">
        <v>1521</v>
      </c>
      <c r="O22693" s="5" t="s">
        <v>38</v>
      </c>
      <c r="P22693" s="5" t="s">
        <v>39</v>
      </c>
      <c r="Q22693" s="5" t="s">
        <v>40</v>
      </c>
      <c r="R22693" s="5" t="s">
        <v>1522</v>
      </c>
      <c r="S22693" s="5" t="s">
        <v>1523</v>
      </c>
      <c r="T22693" s="5" t="s">
        <v>42</v>
      </c>
      <c r="U22693" s="2">
        <v>1.704</v>
      </c>
      <c r="V22693" s="2">
        <v>1.274</v>
      </c>
      <c r="W22693" s="2">
        <v>1.2E-2</v>
      </c>
      <c r="X22693" s="2">
        <v>148.69999999999999</v>
      </c>
      <c r="Y22693" s="2">
        <v>7.6</v>
      </c>
      <c r="Z22693" s="2">
        <v>10.6</v>
      </c>
      <c r="AA22693" s="5"/>
      <c r="AB22693" s="5" t="s">
        <v>43</v>
      </c>
      <c r="AC22693" s="5" t="s">
        <v>44</v>
      </c>
      <c r="AD22693" s="2"/>
      <c r="AE22693" s="1"/>
    </row>
    <row r="22694" spans="1:31" ht="14.45">
      <c r="A22694" s="11"/>
      <c r="B22694" s="20"/>
      <c r="C22694" s="2" t="s">
        <v>72958</v>
      </c>
      <c r="D22694" s="14" t="s">
        <v>72959</v>
      </c>
      <c r="E22694" s="2" t="s">
        <v>72960</v>
      </c>
      <c r="F22694" s="2" t="s">
        <v>71973</v>
      </c>
      <c r="G22694" s="8">
        <v>168</v>
      </c>
      <c r="H22694" s="5">
        <v>6</v>
      </c>
      <c r="I22694" s="5" t="s">
        <v>1518</v>
      </c>
      <c r="J22694" s="5" t="s">
        <v>69038</v>
      </c>
      <c r="K22694" s="2" t="s">
        <v>69039</v>
      </c>
      <c r="L22694" s="5" t="s">
        <v>69038</v>
      </c>
      <c r="M22694" s="2" t="s">
        <v>69039</v>
      </c>
      <c r="N22694" s="5" t="s">
        <v>1521</v>
      </c>
      <c r="O22694" s="5" t="s">
        <v>38</v>
      </c>
      <c r="P22694" s="5" t="s">
        <v>39</v>
      </c>
      <c r="Q22694" s="5" t="s">
        <v>40</v>
      </c>
      <c r="R22694" s="5" t="s">
        <v>1522</v>
      </c>
      <c r="S22694" s="5" t="s">
        <v>1523</v>
      </c>
      <c r="T22694" s="5" t="s">
        <v>42</v>
      </c>
      <c r="U22694" s="2">
        <v>1.623</v>
      </c>
      <c r="V22694" s="2">
        <v>1.1930000000000001</v>
      </c>
      <c r="W22694" s="2">
        <v>1.2E-2</v>
      </c>
      <c r="X22694" s="2">
        <v>148.69999999999999</v>
      </c>
      <c r="Y22694" s="2">
        <v>7.6</v>
      </c>
      <c r="Z22694" s="2">
        <v>10.6</v>
      </c>
      <c r="AA22694" s="5"/>
      <c r="AB22694" s="5" t="s">
        <v>43</v>
      </c>
      <c r="AC22694" s="5" t="s">
        <v>44</v>
      </c>
      <c r="AD22694" s="2"/>
      <c r="AE22694" s="1"/>
    </row>
    <row r="22695" spans="1:31" ht="14.45">
      <c r="A22695" s="11"/>
      <c r="B22695" s="20"/>
      <c r="C22695" s="2" t="s">
        <v>72961</v>
      </c>
      <c r="D22695" s="14" t="s">
        <v>72962</v>
      </c>
      <c r="E22695" s="2" t="s">
        <v>72963</v>
      </c>
      <c r="F22695" s="2" t="s">
        <v>71977</v>
      </c>
      <c r="G22695" s="8">
        <v>168</v>
      </c>
      <c r="H22695" s="5">
        <v>6</v>
      </c>
      <c r="I22695" s="5" t="s">
        <v>1518</v>
      </c>
      <c r="J22695" s="5" t="s">
        <v>69038</v>
      </c>
      <c r="K22695" s="2" t="s">
        <v>69039</v>
      </c>
      <c r="L22695" s="5" t="s">
        <v>69038</v>
      </c>
      <c r="M22695" s="2" t="s">
        <v>69039</v>
      </c>
      <c r="N22695" s="5" t="s">
        <v>1521</v>
      </c>
      <c r="O22695" s="5" t="s">
        <v>38</v>
      </c>
      <c r="P22695" s="5" t="s">
        <v>39</v>
      </c>
      <c r="Q22695" s="5" t="s">
        <v>40</v>
      </c>
      <c r="R22695" s="5" t="s">
        <v>1522</v>
      </c>
      <c r="S22695" s="5" t="s">
        <v>1523</v>
      </c>
      <c r="T22695" s="5" t="s">
        <v>42</v>
      </c>
      <c r="U22695" s="2">
        <v>1.704</v>
      </c>
      <c r="V22695" s="2">
        <v>1.274</v>
      </c>
      <c r="W22695" s="2">
        <v>1.2E-2</v>
      </c>
      <c r="X22695" s="2">
        <v>148.69999999999999</v>
      </c>
      <c r="Y22695" s="2">
        <v>7.6</v>
      </c>
      <c r="Z22695" s="2">
        <v>10.6</v>
      </c>
      <c r="AA22695" s="5"/>
      <c r="AB22695" s="5" t="s">
        <v>43</v>
      </c>
      <c r="AC22695" s="5" t="s">
        <v>44</v>
      </c>
      <c r="AD22695" s="2"/>
      <c r="AE22695" s="1"/>
    </row>
    <row r="22696" spans="1:31" ht="14.45">
      <c r="A22696" s="11"/>
      <c r="B22696" s="20"/>
      <c r="C22696" s="2" t="s">
        <v>72964</v>
      </c>
      <c r="D22696" s="14" t="s">
        <v>72965</v>
      </c>
      <c r="E22696" s="2" t="s">
        <v>72966</v>
      </c>
      <c r="F22696" s="2" t="s">
        <v>71981</v>
      </c>
      <c r="G22696" s="8">
        <v>168</v>
      </c>
      <c r="H22696" s="5">
        <v>6</v>
      </c>
      <c r="I22696" s="5" t="s">
        <v>1518</v>
      </c>
      <c r="J22696" s="5" t="s">
        <v>69038</v>
      </c>
      <c r="K22696" s="2" t="s">
        <v>69039</v>
      </c>
      <c r="L22696" s="5" t="s">
        <v>69038</v>
      </c>
      <c r="M22696" s="2" t="s">
        <v>69039</v>
      </c>
      <c r="N22696" s="5" t="s">
        <v>1521</v>
      </c>
      <c r="O22696" s="5" t="s">
        <v>38</v>
      </c>
      <c r="P22696" s="5" t="s">
        <v>39</v>
      </c>
      <c r="Q22696" s="5" t="s">
        <v>40</v>
      </c>
      <c r="R22696" s="5" t="s">
        <v>1522</v>
      </c>
      <c r="S22696" s="5" t="s">
        <v>1523</v>
      </c>
      <c r="T22696" s="5" t="s">
        <v>42</v>
      </c>
      <c r="U22696" s="2">
        <v>1.623</v>
      </c>
      <c r="V22696" s="2">
        <v>1.1930000000000001</v>
      </c>
      <c r="W22696" s="2">
        <v>1.2E-2</v>
      </c>
      <c r="X22696" s="2">
        <v>148.69999999999999</v>
      </c>
      <c r="Y22696" s="2">
        <v>7.6</v>
      </c>
      <c r="Z22696" s="2">
        <v>10.6</v>
      </c>
      <c r="AA22696" s="5"/>
      <c r="AB22696" s="5" t="s">
        <v>43</v>
      </c>
      <c r="AC22696" s="5" t="s">
        <v>44</v>
      </c>
      <c r="AD22696" s="2"/>
      <c r="AE22696" s="1"/>
    </row>
    <row r="22697" spans="1:31" ht="14.45">
      <c r="A22697" s="11"/>
      <c r="B22697" s="20"/>
      <c r="C22697" s="2" t="s">
        <v>72967</v>
      </c>
      <c r="D22697" s="14" t="s">
        <v>72968</v>
      </c>
      <c r="E22697" s="2" t="s">
        <v>72969</v>
      </c>
      <c r="F22697" s="2" t="s">
        <v>71985</v>
      </c>
      <c r="G22697" s="8">
        <v>168</v>
      </c>
      <c r="H22697" s="5">
        <v>6</v>
      </c>
      <c r="I22697" s="5" t="s">
        <v>1518</v>
      </c>
      <c r="J22697" s="5" t="s">
        <v>69038</v>
      </c>
      <c r="K22697" s="2" t="s">
        <v>69039</v>
      </c>
      <c r="L22697" s="5" t="s">
        <v>69038</v>
      </c>
      <c r="M22697" s="2" t="s">
        <v>69039</v>
      </c>
      <c r="N22697" s="5" t="s">
        <v>1521</v>
      </c>
      <c r="O22697" s="5" t="s">
        <v>38</v>
      </c>
      <c r="P22697" s="5" t="s">
        <v>39</v>
      </c>
      <c r="Q22697" s="5" t="s">
        <v>40</v>
      </c>
      <c r="R22697" s="5" t="s">
        <v>1522</v>
      </c>
      <c r="S22697" s="5" t="s">
        <v>1523</v>
      </c>
      <c r="T22697" s="5" t="s">
        <v>42</v>
      </c>
      <c r="U22697" s="2">
        <v>1.704</v>
      </c>
      <c r="V22697" s="2">
        <v>1.274</v>
      </c>
      <c r="W22697" s="2">
        <v>1.2E-2</v>
      </c>
      <c r="X22697" s="2">
        <v>148.69999999999999</v>
      </c>
      <c r="Y22697" s="2">
        <v>7.6</v>
      </c>
      <c r="Z22697" s="2">
        <v>10.6</v>
      </c>
      <c r="AA22697" s="5"/>
      <c r="AB22697" s="5" t="s">
        <v>43</v>
      </c>
      <c r="AC22697" s="5" t="s">
        <v>44</v>
      </c>
      <c r="AD22697" s="2"/>
      <c r="AE22697" s="1"/>
    </row>
    <row r="22698" spans="1:31" ht="14.45">
      <c r="A22698" s="11"/>
      <c r="B22698" s="20"/>
      <c r="C22698" s="2" t="s">
        <v>72970</v>
      </c>
      <c r="D22698" s="14" t="s">
        <v>72971</v>
      </c>
      <c r="E22698" s="2" t="s">
        <v>72972</v>
      </c>
      <c r="F22698" s="2" t="s">
        <v>71957</v>
      </c>
      <c r="G22698" s="8">
        <v>168</v>
      </c>
      <c r="H22698" s="5">
        <v>6</v>
      </c>
      <c r="I22698" s="5" t="s">
        <v>1518</v>
      </c>
      <c r="J22698" s="5" t="s">
        <v>69038</v>
      </c>
      <c r="K22698" s="2" t="s">
        <v>69039</v>
      </c>
      <c r="L22698" s="5" t="s">
        <v>69038</v>
      </c>
      <c r="M22698" s="2" t="s">
        <v>69039</v>
      </c>
      <c r="N22698" s="5" t="s">
        <v>1521</v>
      </c>
      <c r="O22698" s="5" t="s">
        <v>38</v>
      </c>
      <c r="P22698" s="5" t="s">
        <v>39</v>
      </c>
      <c r="Q22698" s="5" t="s">
        <v>40</v>
      </c>
      <c r="R22698" s="5" t="s">
        <v>1522</v>
      </c>
      <c r="S22698" s="5" t="s">
        <v>1523</v>
      </c>
      <c r="T22698" s="5" t="s">
        <v>42</v>
      </c>
      <c r="U22698" s="2">
        <v>1.853</v>
      </c>
      <c r="V22698" s="2">
        <v>1.423</v>
      </c>
      <c r="W22698" s="2">
        <v>1.2E-2</v>
      </c>
      <c r="X22698" s="2">
        <v>148.69999999999999</v>
      </c>
      <c r="Y22698" s="2">
        <v>7.6</v>
      </c>
      <c r="Z22698" s="2">
        <v>10.6</v>
      </c>
      <c r="AA22698" s="5"/>
      <c r="AB22698" s="5" t="s">
        <v>43</v>
      </c>
      <c r="AC22698" s="5" t="s">
        <v>44</v>
      </c>
      <c r="AD22698" s="2"/>
      <c r="AE22698" s="1"/>
    </row>
    <row r="22699" spans="1:31" ht="14.45">
      <c r="A22699" s="11"/>
      <c r="B22699" s="20"/>
      <c r="C22699" s="2" t="s">
        <v>72973</v>
      </c>
      <c r="D22699" s="14" t="s">
        <v>72974</v>
      </c>
      <c r="E22699" s="2" t="s">
        <v>72975</v>
      </c>
      <c r="F22699" s="2" t="s">
        <v>71961</v>
      </c>
      <c r="G22699" s="8">
        <v>168</v>
      </c>
      <c r="H22699" s="5">
        <v>6</v>
      </c>
      <c r="I22699" s="5" t="s">
        <v>1518</v>
      </c>
      <c r="J22699" s="5" t="s">
        <v>69038</v>
      </c>
      <c r="K22699" s="2" t="s">
        <v>69039</v>
      </c>
      <c r="L22699" s="5" t="s">
        <v>69038</v>
      </c>
      <c r="M22699" s="2" t="s">
        <v>69039</v>
      </c>
      <c r="N22699" s="5" t="s">
        <v>1521</v>
      </c>
      <c r="O22699" s="5" t="s">
        <v>38</v>
      </c>
      <c r="P22699" s="5" t="s">
        <v>39</v>
      </c>
      <c r="Q22699" s="5" t="s">
        <v>40</v>
      </c>
      <c r="R22699" s="5" t="s">
        <v>1522</v>
      </c>
      <c r="S22699" s="5" t="s">
        <v>1523</v>
      </c>
      <c r="T22699" s="5" t="s">
        <v>42</v>
      </c>
      <c r="U22699" s="2">
        <v>1.9550000000000001</v>
      </c>
      <c r="V22699" s="2">
        <v>1.5249999999999999</v>
      </c>
      <c r="W22699" s="2">
        <v>1.2E-2</v>
      </c>
      <c r="X22699" s="2">
        <v>148.69999999999999</v>
      </c>
      <c r="Y22699" s="2">
        <v>7.6</v>
      </c>
      <c r="Z22699" s="2">
        <v>10.6</v>
      </c>
      <c r="AA22699" s="5"/>
      <c r="AB22699" s="5" t="s">
        <v>43</v>
      </c>
      <c r="AC22699" s="5" t="s">
        <v>44</v>
      </c>
      <c r="AD22699" s="2"/>
      <c r="AE22699" s="1"/>
    </row>
    <row r="22700" spans="1:31" ht="14.45">
      <c r="A22700" s="11"/>
      <c r="B22700" s="20"/>
      <c r="C22700" s="2" t="s">
        <v>72976</v>
      </c>
      <c r="D22700" s="14" t="s">
        <v>72977</v>
      </c>
      <c r="E22700" s="2" t="s">
        <v>72978</v>
      </c>
      <c r="F22700" s="2" t="s">
        <v>71965</v>
      </c>
      <c r="G22700" s="8">
        <v>168</v>
      </c>
      <c r="H22700" s="5">
        <v>6</v>
      </c>
      <c r="I22700" s="5" t="s">
        <v>1518</v>
      </c>
      <c r="J22700" s="5" t="s">
        <v>69038</v>
      </c>
      <c r="K22700" s="2" t="s">
        <v>69039</v>
      </c>
      <c r="L22700" s="5" t="s">
        <v>69038</v>
      </c>
      <c r="M22700" s="2" t="s">
        <v>69039</v>
      </c>
      <c r="N22700" s="5" t="s">
        <v>1521</v>
      </c>
      <c r="O22700" s="5" t="s">
        <v>38</v>
      </c>
      <c r="P22700" s="5" t="s">
        <v>39</v>
      </c>
      <c r="Q22700" s="5" t="s">
        <v>40</v>
      </c>
      <c r="R22700" s="5" t="s">
        <v>1522</v>
      </c>
      <c r="S22700" s="5" t="s">
        <v>1523</v>
      </c>
      <c r="T22700" s="5" t="s">
        <v>42</v>
      </c>
      <c r="U22700" s="2">
        <v>1.853</v>
      </c>
      <c r="V22700" s="2">
        <v>1.423</v>
      </c>
      <c r="W22700" s="2">
        <v>1.2E-2</v>
      </c>
      <c r="X22700" s="2">
        <v>148.69999999999999</v>
      </c>
      <c r="Y22700" s="2">
        <v>7.6</v>
      </c>
      <c r="Z22700" s="2">
        <v>10.6</v>
      </c>
      <c r="AA22700" s="5"/>
      <c r="AB22700" s="5" t="s">
        <v>43</v>
      </c>
      <c r="AC22700" s="5" t="s">
        <v>44</v>
      </c>
      <c r="AD22700" s="2"/>
      <c r="AE22700" s="1"/>
    </row>
    <row r="22701" spans="1:31" ht="14.45">
      <c r="A22701" s="11"/>
      <c r="B22701" s="20"/>
      <c r="C22701" s="2" t="s">
        <v>72979</v>
      </c>
      <c r="D22701" s="14" t="s">
        <v>72980</v>
      </c>
      <c r="E22701" s="2" t="s">
        <v>72981</v>
      </c>
      <c r="F22701" s="2" t="s">
        <v>71969</v>
      </c>
      <c r="G22701" s="8">
        <v>168</v>
      </c>
      <c r="H22701" s="5">
        <v>6</v>
      </c>
      <c r="I22701" s="5" t="s">
        <v>1518</v>
      </c>
      <c r="J22701" s="5" t="s">
        <v>69038</v>
      </c>
      <c r="K22701" s="2" t="s">
        <v>69039</v>
      </c>
      <c r="L22701" s="5" t="s">
        <v>69038</v>
      </c>
      <c r="M22701" s="2" t="s">
        <v>69039</v>
      </c>
      <c r="N22701" s="5" t="s">
        <v>1521</v>
      </c>
      <c r="O22701" s="5" t="s">
        <v>38</v>
      </c>
      <c r="P22701" s="5" t="s">
        <v>39</v>
      </c>
      <c r="Q22701" s="5" t="s">
        <v>40</v>
      </c>
      <c r="R22701" s="5" t="s">
        <v>1522</v>
      </c>
      <c r="S22701" s="5" t="s">
        <v>1523</v>
      </c>
      <c r="T22701" s="5" t="s">
        <v>42</v>
      </c>
      <c r="U22701" s="2">
        <v>1.9550000000000001</v>
      </c>
      <c r="V22701" s="2">
        <v>1.5249999999999999</v>
      </c>
      <c r="W22701" s="2">
        <v>1.2E-2</v>
      </c>
      <c r="X22701" s="2">
        <v>148.69999999999999</v>
      </c>
      <c r="Y22701" s="2">
        <v>7.6</v>
      </c>
      <c r="Z22701" s="2">
        <v>10.6</v>
      </c>
      <c r="AA22701" s="5"/>
      <c r="AB22701" s="5" t="s">
        <v>43</v>
      </c>
      <c r="AC22701" s="5" t="s">
        <v>44</v>
      </c>
      <c r="AD22701" s="2"/>
      <c r="AE22701" s="1"/>
    </row>
    <row r="22702" spans="1:31" ht="14.45">
      <c r="A22702" s="11"/>
      <c r="B22702" s="20"/>
      <c r="C22702" s="2" t="s">
        <v>72982</v>
      </c>
      <c r="D22702" s="14" t="s">
        <v>72983</v>
      </c>
      <c r="E22702" s="2" t="s">
        <v>72984</v>
      </c>
      <c r="F22702" s="2" t="s">
        <v>71973</v>
      </c>
      <c r="G22702" s="8">
        <v>168</v>
      </c>
      <c r="H22702" s="5">
        <v>6</v>
      </c>
      <c r="I22702" s="5" t="s">
        <v>1518</v>
      </c>
      <c r="J22702" s="5" t="s">
        <v>69038</v>
      </c>
      <c r="K22702" s="2" t="s">
        <v>69039</v>
      </c>
      <c r="L22702" s="5" t="s">
        <v>69038</v>
      </c>
      <c r="M22702" s="2" t="s">
        <v>69039</v>
      </c>
      <c r="N22702" s="5" t="s">
        <v>1521</v>
      </c>
      <c r="O22702" s="5" t="s">
        <v>38</v>
      </c>
      <c r="P22702" s="5" t="s">
        <v>39</v>
      </c>
      <c r="Q22702" s="5" t="s">
        <v>40</v>
      </c>
      <c r="R22702" s="5" t="s">
        <v>1522</v>
      </c>
      <c r="S22702" s="5" t="s">
        <v>1523</v>
      </c>
      <c r="T22702" s="5" t="s">
        <v>42</v>
      </c>
      <c r="U22702" s="2">
        <v>1.853</v>
      </c>
      <c r="V22702" s="2">
        <v>1.423</v>
      </c>
      <c r="W22702" s="2">
        <v>1.2E-2</v>
      </c>
      <c r="X22702" s="2">
        <v>148.69999999999999</v>
      </c>
      <c r="Y22702" s="2">
        <v>7.6</v>
      </c>
      <c r="Z22702" s="2">
        <v>10.6</v>
      </c>
      <c r="AA22702" s="5"/>
      <c r="AB22702" s="5" t="s">
        <v>43</v>
      </c>
      <c r="AC22702" s="5" t="s">
        <v>44</v>
      </c>
      <c r="AD22702" s="2"/>
      <c r="AE22702" s="1"/>
    </row>
    <row r="22703" spans="1:31" ht="14.45">
      <c r="A22703" s="11"/>
      <c r="B22703" s="20"/>
      <c r="C22703" s="2" t="s">
        <v>72985</v>
      </c>
      <c r="D22703" s="14" t="s">
        <v>72986</v>
      </c>
      <c r="E22703" s="2" t="s">
        <v>72987</v>
      </c>
      <c r="F22703" s="2" t="s">
        <v>71977</v>
      </c>
      <c r="G22703" s="8">
        <v>168</v>
      </c>
      <c r="H22703" s="5">
        <v>6</v>
      </c>
      <c r="I22703" s="5" t="s">
        <v>1518</v>
      </c>
      <c r="J22703" s="5" t="s">
        <v>69038</v>
      </c>
      <c r="K22703" s="2" t="s">
        <v>69039</v>
      </c>
      <c r="L22703" s="5" t="s">
        <v>69038</v>
      </c>
      <c r="M22703" s="2" t="s">
        <v>69039</v>
      </c>
      <c r="N22703" s="5" t="s">
        <v>1521</v>
      </c>
      <c r="O22703" s="5" t="s">
        <v>38</v>
      </c>
      <c r="P22703" s="5" t="s">
        <v>39</v>
      </c>
      <c r="Q22703" s="5" t="s">
        <v>40</v>
      </c>
      <c r="R22703" s="5" t="s">
        <v>1522</v>
      </c>
      <c r="S22703" s="5" t="s">
        <v>1523</v>
      </c>
      <c r="T22703" s="5" t="s">
        <v>42</v>
      </c>
      <c r="U22703" s="2">
        <v>1.9550000000000001</v>
      </c>
      <c r="V22703" s="2">
        <v>1.5249999999999999</v>
      </c>
      <c r="W22703" s="2">
        <v>1.2E-2</v>
      </c>
      <c r="X22703" s="2">
        <v>148.69999999999999</v>
      </c>
      <c r="Y22703" s="2">
        <v>7.6</v>
      </c>
      <c r="Z22703" s="2">
        <v>10.6</v>
      </c>
      <c r="AA22703" s="5"/>
      <c r="AB22703" s="5" t="s">
        <v>43</v>
      </c>
      <c r="AC22703" s="5" t="s">
        <v>44</v>
      </c>
      <c r="AD22703" s="2"/>
      <c r="AE22703" s="1"/>
    </row>
    <row r="22704" spans="1:31" ht="14.45">
      <c r="A22704" s="11"/>
      <c r="B22704" s="20"/>
      <c r="C22704" s="2" t="s">
        <v>72988</v>
      </c>
      <c r="D22704" s="14" t="s">
        <v>72989</v>
      </c>
      <c r="E22704" s="2" t="s">
        <v>72990</v>
      </c>
      <c r="F22704" s="2" t="s">
        <v>71981</v>
      </c>
      <c r="G22704" s="8">
        <v>168</v>
      </c>
      <c r="H22704" s="5">
        <v>6</v>
      </c>
      <c r="I22704" s="5" t="s">
        <v>1518</v>
      </c>
      <c r="J22704" s="5" t="s">
        <v>69038</v>
      </c>
      <c r="K22704" s="2" t="s">
        <v>69039</v>
      </c>
      <c r="L22704" s="5" t="s">
        <v>69038</v>
      </c>
      <c r="M22704" s="2" t="s">
        <v>69039</v>
      </c>
      <c r="N22704" s="5" t="s">
        <v>1521</v>
      </c>
      <c r="O22704" s="5" t="s">
        <v>38</v>
      </c>
      <c r="P22704" s="5" t="s">
        <v>39</v>
      </c>
      <c r="Q22704" s="5" t="s">
        <v>40</v>
      </c>
      <c r="R22704" s="5" t="s">
        <v>1522</v>
      </c>
      <c r="S22704" s="5" t="s">
        <v>1523</v>
      </c>
      <c r="T22704" s="5" t="s">
        <v>42</v>
      </c>
      <c r="U22704" s="2">
        <v>1.853</v>
      </c>
      <c r="V22704" s="2">
        <v>1.423</v>
      </c>
      <c r="W22704" s="2">
        <v>1.2E-2</v>
      </c>
      <c r="X22704" s="2">
        <v>148.69999999999999</v>
      </c>
      <c r="Y22704" s="2">
        <v>7.6</v>
      </c>
      <c r="Z22704" s="2">
        <v>10.6</v>
      </c>
      <c r="AA22704" s="5"/>
      <c r="AB22704" s="5" t="s">
        <v>43</v>
      </c>
      <c r="AC22704" s="5" t="s">
        <v>44</v>
      </c>
      <c r="AD22704" s="2"/>
      <c r="AE22704" s="1"/>
    </row>
    <row r="22705" spans="1:31" ht="14.45">
      <c r="A22705" s="11"/>
      <c r="B22705" s="20"/>
      <c r="C22705" s="2" t="s">
        <v>72991</v>
      </c>
      <c r="D22705" s="14" t="s">
        <v>72992</v>
      </c>
      <c r="E22705" s="2" t="s">
        <v>72993</v>
      </c>
      <c r="F22705" s="2" t="s">
        <v>71985</v>
      </c>
      <c r="G22705" s="8">
        <v>168</v>
      </c>
      <c r="H22705" s="5">
        <v>6</v>
      </c>
      <c r="I22705" s="5" t="s">
        <v>1518</v>
      </c>
      <c r="J22705" s="5" t="s">
        <v>69038</v>
      </c>
      <c r="K22705" s="2" t="s">
        <v>69039</v>
      </c>
      <c r="L22705" s="5" t="s">
        <v>69038</v>
      </c>
      <c r="M22705" s="2" t="s">
        <v>69039</v>
      </c>
      <c r="N22705" s="5" t="s">
        <v>1521</v>
      </c>
      <c r="O22705" s="5" t="s">
        <v>38</v>
      </c>
      <c r="P22705" s="5" t="s">
        <v>39</v>
      </c>
      <c r="Q22705" s="5" t="s">
        <v>40</v>
      </c>
      <c r="R22705" s="5" t="s">
        <v>1522</v>
      </c>
      <c r="S22705" s="5" t="s">
        <v>1523</v>
      </c>
      <c r="T22705" s="5" t="s">
        <v>42</v>
      </c>
      <c r="U22705" s="2">
        <v>1.9550000000000001</v>
      </c>
      <c r="V22705" s="2">
        <v>1.5249999999999999</v>
      </c>
      <c r="W22705" s="2">
        <v>1.2E-2</v>
      </c>
      <c r="X22705" s="2">
        <v>148.69999999999999</v>
      </c>
      <c r="Y22705" s="2">
        <v>7.6</v>
      </c>
      <c r="Z22705" s="2">
        <v>10.6</v>
      </c>
      <c r="AA22705" s="5"/>
      <c r="AB22705" s="5" t="s">
        <v>43</v>
      </c>
      <c r="AC22705" s="5" t="s">
        <v>44</v>
      </c>
      <c r="AD22705" s="2"/>
      <c r="AE22705" s="1"/>
    </row>
    <row r="22706" spans="1:31" ht="14.45">
      <c r="A22706" s="11"/>
      <c r="B22706" s="20"/>
      <c r="C22706" s="2" t="s">
        <v>72994</v>
      </c>
      <c r="D22706" s="14" t="s">
        <v>72995</v>
      </c>
      <c r="E22706" s="2" t="s">
        <v>72996</v>
      </c>
      <c r="F22706" s="2" t="s">
        <v>71957</v>
      </c>
      <c r="G22706" s="8">
        <v>182</v>
      </c>
      <c r="H22706" s="5">
        <v>6</v>
      </c>
      <c r="I22706" s="5" t="s">
        <v>1518</v>
      </c>
      <c r="J22706" s="5" t="s">
        <v>69038</v>
      </c>
      <c r="K22706" s="2" t="s">
        <v>69039</v>
      </c>
      <c r="L22706" s="5" t="s">
        <v>69038</v>
      </c>
      <c r="M22706" s="2" t="s">
        <v>69039</v>
      </c>
      <c r="N22706" s="5" t="s">
        <v>1521</v>
      </c>
      <c r="O22706" s="5" t="s">
        <v>38</v>
      </c>
      <c r="P22706" s="5" t="s">
        <v>39</v>
      </c>
      <c r="Q22706" s="5" t="s">
        <v>40</v>
      </c>
      <c r="R22706" s="5" t="s">
        <v>1522</v>
      </c>
      <c r="S22706" s="5" t="s">
        <v>1523</v>
      </c>
      <c r="T22706" s="5" t="s">
        <v>42</v>
      </c>
      <c r="U22706" s="2">
        <v>2.097</v>
      </c>
      <c r="V22706" s="2">
        <v>1.667</v>
      </c>
      <c r="W22706" s="2">
        <v>1.2E-2</v>
      </c>
      <c r="X22706" s="2">
        <v>148.69999999999999</v>
      </c>
      <c r="Y22706" s="2">
        <v>7.6</v>
      </c>
      <c r="Z22706" s="2">
        <v>10.6</v>
      </c>
      <c r="AA22706" s="5"/>
      <c r="AB22706" s="5" t="s">
        <v>43</v>
      </c>
      <c r="AC22706" s="5" t="s">
        <v>44</v>
      </c>
      <c r="AD22706" s="2"/>
      <c r="AE22706" s="1"/>
    </row>
    <row r="22707" spans="1:31" ht="14.45">
      <c r="A22707" s="11"/>
      <c r="B22707" s="20"/>
      <c r="C22707" s="2" t="s">
        <v>72997</v>
      </c>
      <c r="D22707" s="14" t="s">
        <v>72998</v>
      </c>
      <c r="E22707" s="2" t="s">
        <v>72999</v>
      </c>
      <c r="F22707" s="2" t="s">
        <v>71961</v>
      </c>
      <c r="G22707" s="8">
        <v>182</v>
      </c>
      <c r="H22707" s="5">
        <v>6</v>
      </c>
      <c r="I22707" s="5" t="s">
        <v>1518</v>
      </c>
      <c r="J22707" s="5" t="s">
        <v>69038</v>
      </c>
      <c r="K22707" s="2" t="s">
        <v>69039</v>
      </c>
      <c r="L22707" s="5" t="s">
        <v>69038</v>
      </c>
      <c r="M22707" s="2" t="s">
        <v>69039</v>
      </c>
      <c r="N22707" s="5" t="s">
        <v>1521</v>
      </c>
      <c r="O22707" s="5" t="s">
        <v>38</v>
      </c>
      <c r="P22707" s="5" t="s">
        <v>39</v>
      </c>
      <c r="Q22707" s="5" t="s">
        <v>40</v>
      </c>
      <c r="R22707" s="5" t="s">
        <v>1522</v>
      </c>
      <c r="S22707" s="5" t="s">
        <v>1523</v>
      </c>
      <c r="T22707" s="5" t="s">
        <v>42</v>
      </c>
      <c r="U22707" s="2">
        <v>2.2200000000000002</v>
      </c>
      <c r="V22707" s="2">
        <v>1.79</v>
      </c>
      <c r="W22707" s="2">
        <v>1.2E-2</v>
      </c>
      <c r="X22707" s="2">
        <v>148.69999999999999</v>
      </c>
      <c r="Y22707" s="2">
        <v>7.6</v>
      </c>
      <c r="Z22707" s="2">
        <v>10.6</v>
      </c>
      <c r="AA22707" s="5"/>
      <c r="AB22707" s="5" t="s">
        <v>43</v>
      </c>
      <c r="AC22707" s="5" t="s">
        <v>44</v>
      </c>
      <c r="AD22707" s="2"/>
      <c r="AE22707" s="1"/>
    </row>
    <row r="22708" spans="1:31" ht="14.45">
      <c r="A22708" s="11"/>
      <c r="B22708" s="20"/>
      <c r="C22708" s="2" t="s">
        <v>73000</v>
      </c>
      <c r="D22708" s="14" t="s">
        <v>73001</v>
      </c>
      <c r="E22708" s="2" t="s">
        <v>73002</v>
      </c>
      <c r="F22708" s="2" t="s">
        <v>71965</v>
      </c>
      <c r="G22708" s="8">
        <v>182</v>
      </c>
      <c r="H22708" s="5">
        <v>6</v>
      </c>
      <c r="I22708" s="5" t="s">
        <v>1518</v>
      </c>
      <c r="J22708" s="5" t="s">
        <v>69038</v>
      </c>
      <c r="K22708" s="2" t="s">
        <v>69039</v>
      </c>
      <c r="L22708" s="5" t="s">
        <v>69038</v>
      </c>
      <c r="M22708" s="2" t="s">
        <v>69039</v>
      </c>
      <c r="N22708" s="5" t="s">
        <v>1521</v>
      </c>
      <c r="O22708" s="5" t="s">
        <v>38</v>
      </c>
      <c r="P22708" s="5" t="s">
        <v>39</v>
      </c>
      <c r="Q22708" s="5" t="s">
        <v>40</v>
      </c>
      <c r="R22708" s="5" t="s">
        <v>1522</v>
      </c>
      <c r="S22708" s="5" t="s">
        <v>1523</v>
      </c>
      <c r="T22708" s="5" t="s">
        <v>42</v>
      </c>
      <c r="U22708" s="2">
        <v>2.097</v>
      </c>
      <c r="V22708" s="2">
        <v>1.667</v>
      </c>
      <c r="W22708" s="2">
        <v>1.2E-2</v>
      </c>
      <c r="X22708" s="2">
        <v>148.69999999999999</v>
      </c>
      <c r="Y22708" s="2">
        <v>7.6</v>
      </c>
      <c r="Z22708" s="2">
        <v>10.6</v>
      </c>
      <c r="AA22708" s="5"/>
      <c r="AB22708" s="5" t="s">
        <v>43</v>
      </c>
      <c r="AC22708" s="5" t="s">
        <v>44</v>
      </c>
      <c r="AD22708" s="2"/>
      <c r="AE22708" s="1"/>
    </row>
    <row r="22709" spans="1:31" ht="14.45">
      <c r="A22709" s="11"/>
      <c r="B22709" s="20"/>
      <c r="C22709" s="2" t="s">
        <v>73003</v>
      </c>
      <c r="D22709" s="14" t="s">
        <v>73004</v>
      </c>
      <c r="E22709" s="2" t="s">
        <v>73005</v>
      </c>
      <c r="F22709" s="2" t="s">
        <v>71969</v>
      </c>
      <c r="G22709" s="8">
        <v>182</v>
      </c>
      <c r="H22709" s="5">
        <v>6</v>
      </c>
      <c r="I22709" s="5" t="s">
        <v>1518</v>
      </c>
      <c r="J22709" s="5" t="s">
        <v>69038</v>
      </c>
      <c r="K22709" s="2" t="s">
        <v>69039</v>
      </c>
      <c r="L22709" s="5" t="s">
        <v>69038</v>
      </c>
      <c r="M22709" s="2" t="s">
        <v>69039</v>
      </c>
      <c r="N22709" s="5" t="s">
        <v>1521</v>
      </c>
      <c r="O22709" s="5" t="s">
        <v>38</v>
      </c>
      <c r="P22709" s="5" t="s">
        <v>39</v>
      </c>
      <c r="Q22709" s="5" t="s">
        <v>40</v>
      </c>
      <c r="R22709" s="5" t="s">
        <v>1522</v>
      </c>
      <c r="S22709" s="5" t="s">
        <v>1523</v>
      </c>
      <c r="T22709" s="5" t="s">
        <v>42</v>
      </c>
      <c r="U22709" s="2">
        <v>2.2200000000000002</v>
      </c>
      <c r="V22709" s="2">
        <v>1.79</v>
      </c>
      <c r="W22709" s="2">
        <v>1.2E-2</v>
      </c>
      <c r="X22709" s="2">
        <v>148.69999999999999</v>
      </c>
      <c r="Y22709" s="2">
        <v>7.6</v>
      </c>
      <c r="Z22709" s="2">
        <v>10.6</v>
      </c>
      <c r="AA22709" s="5"/>
      <c r="AB22709" s="5" t="s">
        <v>43</v>
      </c>
      <c r="AC22709" s="5" t="s">
        <v>44</v>
      </c>
      <c r="AD22709" s="2"/>
      <c r="AE22709" s="1"/>
    </row>
    <row r="22710" spans="1:31" ht="14.45">
      <c r="A22710" s="11"/>
      <c r="B22710" s="20"/>
      <c r="C22710" s="2" t="s">
        <v>73006</v>
      </c>
      <c r="D22710" s="14" t="s">
        <v>73007</v>
      </c>
      <c r="E22710" s="2" t="s">
        <v>73008</v>
      </c>
      <c r="F22710" s="2" t="s">
        <v>71973</v>
      </c>
      <c r="G22710" s="8">
        <v>182</v>
      </c>
      <c r="H22710" s="5">
        <v>6</v>
      </c>
      <c r="I22710" s="5" t="s">
        <v>1518</v>
      </c>
      <c r="J22710" s="5" t="s">
        <v>69038</v>
      </c>
      <c r="K22710" s="2" t="s">
        <v>69039</v>
      </c>
      <c r="L22710" s="5" t="s">
        <v>69038</v>
      </c>
      <c r="M22710" s="2" t="s">
        <v>69039</v>
      </c>
      <c r="N22710" s="5" t="s">
        <v>1521</v>
      </c>
      <c r="O22710" s="5" t="s">
        <v>38</v>
      </c>
      <c r="P22710" s="5" t="s">
        <v>39</v>
      </c>
      <c r="Q22710" s="5" t="s">
        <v>40</v>
      </c>
      <c r="R22710" s="5" t="s">
        <v>1522</v>
      </c>
      <c r="S22710" s="5" t="s">
        <v>1523</v>
      </c>
      <c r="T22710" s="5" t="s">
        <v>42</v>
      </c>
      <c r="U22710" s="2">
        <v>2.097</v>
      </c>
      <c r="V22710" s="2">
        <v>1.667</v>
      </c>
      <c r="W22710" s="2">
        <v>1.2E-2</v>
      </c>
      <c r="X22710" s="2">
        <v>148.69999999999999</v>
      </c>
      <c r="Y22710" s="2">
        <v>7.6</v>
      </c>
      <c r="Z22710" s="2">
        <v>10.6</v>
      </c>
      <c r="AA22710" s="5"/>
      <c r="AB22710" s="5" t="s">
        <v>43</v>
      </c>
      <c r="AC22710" s="5" t="s">
        <v>44</v>
      </c>
      <c r="AD22710" s="2"/>
      <c r="AE22710" s="1"/>
    </row>
    <row r="22711" spans="1:31" ht="14.45">
      <c r="A22711" s="11"/>
      <c r="B22711" s="20"/>
      <c r="C22711" s="2" t="s">
        <v>73009</v>
      </c>
      <c r="D22711" s="14" t="s">
        <v>73010</v>
      </c>
      <c r="E22711" s="2" t="s">
        <v>73011</v>
      </c>
      <c r="F22711" s="2" t="s">
        <v>71977</v>
      </c>
      <c r="G22711" s="8">
        <v>182</v>
      </c>
      <c r="H22711" s="5">
        <v>6</v>
      </c>
      <c r="I22711" s="5" t="s">
        <v>1518</v>
      </c>
      <c r="J22711" s="5" t="s">
        <v>69038</v>
      </c>
      <c r="K22711" s="2" t="s">
        <v>69039</v>
      </c>
      <c r="L22711" s="5" t="s">
        <v>69038</v>
      </c>
      <c r="M22711" s="2" t="s">
        <v>69039</v>
      </c>
      <c r="N22711" s="5" t="s">
        <v>1521</v>
      </c>
      <c r="O22711" s="5" t="s">
        <v>38</v>
      </c>
      <c r="P22711" s="5" t="s">
        <v>39</v>
      </c>
      <c r="Q22711" s="5" t="s">
        <v>40</v>
      </c>
      <c r="R22711" s="5" t="s">
        <v>1522</v>
      </c>
      <c r="S22711" s="5" t="s">
        <v>1523</v>
      </c>
      <c r="T22711" s="5" t="s">
        <v>42</v>
      </c>
      <c r="U22711" s="2">
        <v>2.2200000000000002</v>
      </c>
      <c r="V22711" s="2">
        <v>1.79</v>
      </c>
      <c r="W22711" s="2">
        <v>1.2E-2</v>
      </c>
      <c r="X22711" s="2">
        <v>148.69999999999999</v>
      </c>
      <c r="Y22711" s="2">
        <v>7.6</v>
      </c>
      <c r="Z22711" s="2">
        <v>10.6</v>
      </c>
      <c r="AA22711" s="5"/>
      <c r="AB22711" s="5" t="s">
        <v>43</v>
      </c>
      <c r="AC22711" s="5" t="s">
        <v>44</v>
      </c>
      <c r="AD22711" s="2"/>
      <c r="AE22711" s="1"/>
    </row>
    <row r="22712" spans="1:31" ht="14.45">
      <c r="A22712" s="11"/>
      <c r="B22712" s="20"/>
      <c r="C22712" s="2" t="s">
        <v>73012</v>
      </c>
      <c r="D22712" s="14" t="s">
        <v>73013</v>
      </c>
      <c r="E22712" s="2" t="s">
        <v>73014</v>
      </c>
      <c r="F22712" s="2" t="s">
        <v>71981</v>
      </c>
      <c r="G22712" s="8">
        <v>182</v>
      </c>
      <c r="H22712" s="5">
        <v>6</v>
      </c>
      <c r="I22712" s="5" t="s">
        <v>1518</v>
      </c>
      <c r="J22712" s="5" t="s">
        <v>69038</v>
      </c>
      <c r="K22712" s="2" t="s">
        <v>69039</v>
      </c>
      <c r="L22712" s="5" t="s">
        <v>69038</v>
      </c>
      <c r="M22712" s="2" t="s">
        <v>69039</v>
      </c>
      <c r="N22712" s="5" t="s">
        <v>1521</v>
      </c>
      <c r="O22712" s="5" t="s">
        <v>38</v>
      </c>
      <c r="P22712" s="5" t="s">
        <v>39</v>
      </c>
      <c r="Q22712" s="5" t="s">
        <v>40</v>
      </c>
      <c r="R22712" s="5" t="s">
        <v>1522</v>
      </c>
      <c r="S22712" s="5" t="s">
        <v>1523</v>
      </c>
      <c r="T22712" s="5" t="s">
        <v>42</v>
      </c>
      <c r="U22712" s="2">
        <v>2.097</v>
      </c>
      <c r="V22712" s="2">
        <v>1.667</v>
      </c>
      <c r="W22712" s="2">
        <v>1.2E-2</v>
      </c>
      <c r="X22712" s="2">
        <v>148.69999999999999</v>
      </c>
      <c r="Y22712" s="2">
        <v>7.6</v>
      </c>
      <c r="Z22712" s="2">
        <v>10.6</v>
      </c>
      <c r="AA22712" s="5"/>
      <c r="AB22712" s="5" t="s">
        <v>43</v>
      </c>
      <c r="AC22712" s="5" t="s">
        <v>44</v>
      </c>
      <c r="AD22712" s="2"/>
      <c r="AE22712" s="1"/>
    </row>
    <row r="22713" spans="1:31" ht="14.45">
      <c r="A22713" s="11"/>
      <c r="B22713" s="20"/>
      <c r="C22713" s="2" t="s">
        <v>73015</v>
      </c>
      <c r="D22713" s="14" t="s">
        <v>73016</v>
      </c>
      <c r="E22713" s="2" t="s">
        <v>73017</v>
      </c>
      <c r="F22713" s="2" t="s">
        <v>71985</v>
      </c>
      <c r="G22713" s="8">
        <v>182</v>
      </c>
      <c r="H22713" s="5">
        <v>6</v>
      </c>
      <c r="I22713" s="5" t="s">
        <v>1518</v>
      </c>
      <c r="J22713" s="5" t="s">
        <v>69038</v>
      </c>
      <c r="K22713" s="2" t="s">
        <v>69039</v>
      </c>
      <c r="L22713" s="5" t="s">
        <v>69038</v>
      </c>
      <c r="M22713" s="2" t="s">
        <v>69039</v>
      </c>
      <c r="N22713" s="5" t="s">
        <v>1521</v>
      </c>
      <c r="O22713" s="5" t="s">
        <v>38</v>
      </c>
      <c r="P22713" s="5" t="s">
        <v>39</v>
      </c>
      <c r="Q22713" s="5" t="s">
        <v>40</v>
      </c>
      <c r="R22713" s="5" t="s">
        <v>1522</v>
      </c>
      <c r="S22713" s="5" t="s">
        <v>1523</v>
      </c>
      <c r="T22713" s="5" t="s">
        <v>42</v>
      </c>
      <c r="U22713" s="2">
        <v>2.2200000000000002</v>
      </c>
      <c r="V22713" s="2">
        <v>1.79</v>
      </c>
      <c r="W22713" s="2">
        <v>1.2E-2</v>
      </c>
      <c r="X22713" s="2">
        <v>148.69999999999999</v>
      </c>
      <c r="Y22713" s="2">
        <v>7.6</v>
      </c>
      <c r="Z22713" s="2">
        <v>10.6</v>
      </c>
      <c r="AA22713" s="5"/>
      <c r="AB22713" s="5" t="s">
        <v>43</v>
      </c>
      <c r="AC22713" s="5" t="s">
        <v>44</v>
      </c>
      <c r="AD22713" s="2"/>
      <c r="AE22713" s="1"/>
    </row>
    <row r="22714" spans="1:31" ht="14.45">
      <c r="A22714" s="11"/>
      <c r="B22714" s="20"/>
      <c r="C22714" s="2" t="s">
        <v>73018</v>
      </c>
      <c r="D22714" s="14" t="s">
        <v>73019</v>
      </c>
      <c r="E22714" s="2" t="s">
        <v>73020</v>
      </c>
      <c r="F22714" s="2" t="s">
        <v>71957</v>
      </c>
      <c r="G22714" s="8">
        <v>202</v>
      </c>
      <c r="H22714" s="5">
        <v>6</v>
      </c>
      <c r="I22714" s="5" t="s">
        <v>1518</v>
      </c>
      <c r="J22714" s="5" t="s">
        <v>69038</v>
      </c>
      <c r="K22714" s="2" t="s">
        <v>69039</v>
      </c>
      <c r="L22714" s="5" t="s">
        <v>69038</v>
      </c>
      <c r="M22714" s="2" t="s">
        <v>69039</v>
      </c>
      <c r="N22714" s="5" t="s">
        <v>1521</v>
      </c>
      <c r="O22714" s="5" t="s">
        <v>38</v>
      </c>
      <c r="P22714" s="5" t="s">
        <v>39</v>
      </c>
      <c r="Q22714" s="5" t="s">
        <v>40</v>
      </c>
      <c r="R22714" s="5" t="s">
        <v>1522</v>
      </c>
      <c r="S22714" s="5" t="s">
        <v>1523</v>
      </c>
      <c r="T22714" s="5" t="s">
        <v>42</v>
      </c>
      <c r="U22714" s="2">
        <v>2.218</v>
      </c>
      <c r="V22714" s="2">
        <v>1.788</v>
      </c>
      <c r="W22714" s="2">
        <v>1.2E-2</v>
      </c>
      <c r="X22714" s="2">
        <v>148.69999999999999</v>
      </c>
      <c r="Y22714" s="2">
        <v>7.6</v>
      </c>
      <c r="Z22714" s="2">
        <v>10.6</v>
      </c>
      <c r="AA22714" s="5"/>
      <c r="AB22714" s="5" t="s">
        <v>43</v>
      </c>
      <c r="AC22714" s="5" t="s">
        <v>44</v>
      </c>
      <c r="AD22714" s="2"/>
      <c r="AE22714" s="1"/>
    </row>
    <row r="22715" spans="1:31" ht="14.45">
      <c r="A22715" s="11"/>
      <c r="B22715" s="20"/>
      <c r="C22715" s="2" t="s">
        <v>73021</v>
      </c>
      <c r="D22715" s="14" t="s">
        <v>73022</v>
      </c>
      <c r="E22715" s="2" t="s">
        <v>73023</v>
      </c>
      <c r="F22715" s="2" t="s">
        <v>71961</v>
      </c>
      <c r="G22715" s="8">
        <v>202</v>
      </c>
      <c r="H22715" s="5">
        <v>6</v>
      </c>
      <c r="I22715" s="5" t="s">
        <v>1518</v>
      </c>
      <c r="J22715" s="5" t="s">
        <v>69038</v>
      </c>
      <c r="K22715" s="2" t="s">
        <v>69039</v>
      </c>
      <c r="L22715" s="5" t="s">
        <v>69038</v>
      </c>
      <c r="M22715" s="2" t="s">
        <v>69039</v>
      </c>
      <c r="N22715" s="5" t="s">
        <v>1521</v>
      </c>
      <c r="O22715" s="5" t="s">
        <v>38</v>
      </c>
      <c r="P22715" s="5" t="s">
        <v>39</v>
      </c>
      <c r="Q22715" s="5" t="s">
        <v>40</v>
      </c>
      <c r="R22715" s="5" t="s">
        <v>1522</v>
      </c>
      <c r="S22715" s="5" t="s">
        <v>1523</v>
      </c>
      <c r="T22715" s="5" t="s">
        <v>42</v>
      </c>
      <c r="U22715" s="2">
        <v>2.351</v>
      </c>
      <c r="V22715" s="2">
        <v>1.921</v>
      </c>
      <c r="W22715" s="2">
        <v>1.2E-2</v>
      </c>
      <c r="X22715" s="2">
        <v>148.69999999999999</v>
      </c>
      <c r="Y22715" s="2">
        <v>7.6</v>
      </c>
      <c r="Z22715" s="2">
        <v>10.6</v>
      </c>
      <c r="AA22715" s="5"/>
      <c r="AB22715" s="5" t="s">
        <v>43</v>
      </c>
      <c r="AC22715" s="5" t="s">
        <v>44</v>
      </c>
      <c r="AD22715" s="2"/>
      <c r="AE22715" s="1"/>
    </row>
    <row r="22716" spans="1:31" ht="14.45">
      <c r="A22716" s="11"/>
      <c r="B22716" s="20"/>
      <c r="C22716" s="2" t="s">
        <v>73024</v>
      </c>
      <c r="D22716" s="14" t="s">
        <v>73025</v>
      </c>
      <c r="E22716" s="2" t="s">
        <v>73026</v>
      </c>
      <c r="F22716" s="2" t="s">
        <v>71965</v>
      </c>
      <c r="G22716" s="8">
        <v>202</v>
      </c>
      <c r="H22716" s="5">
        <v>6</v>
      </c>
      <c r="I22716" s="5" t="s">
        <v>1518</v>
      </c>
      <c r="J22716" s="5" t="s">
        <v>69038</v>
      </c>
      <c r="K22716" s="2" t="s">
        <v>69039</v>
      </c>
      <c r="L22716" s="5" t="s">
        <v>69038</v>
      </c>
      <c r="M22716" s="2" t="s">
        <v>69039</v>
      </c>
      <c r="N22716" s="5" t="s">
        <v>1521</v>
      </c>
      <c r="O22716" s="5" t="s">
        <v>38</v>
      </c>
      <c r="P22716" s="5" t="s">
        <v>39</v>
      </c>
      <c r="Q22716" s="5" t="s">
        <v>40</v>
      </c>
      <c r="R22716" s="5" t="s">
        <v>1522</v>
      </c>
      <c r="S22716" s="5" t="s">
        <v>1523</v>
      </c>
      <c r="T22716" s="5" t="s">
        <v>42</v>
      </c>
      <c r="U22716" s="2">
        <v>2.218</v>
      </c>
      <c r="V22716" s="2">
        <v>1.788</v>
      </c>
      <c r="W22716" s="2">
        <v>1.2E-2</v>
      </c>
      <c r="X22716" s="2">
        <v>148.69999999999999</v>
      </c>
      <c r="Y22716" s="2">
        <v>7.6</v>
      </c>
      <c r="Z22716" s="2">
        <v>10.6</v>
      </c>
      <c r="AA22716" s="5"/>
      <c r="AB22716" s="5" t="s">
        <v>43</v>
      </c>
      <c r="AC22716" s="5" t="s">
        <v>44</v>
      </c>
      <c r="AD22716" s="2"/>
      <c r="AE22716" s="1"/>
    </row>
    <row r="22717" spans="1:31" ht="14.45">
      <c r="A22717" s="11"/>
      <c r="B22717" s="20"/>
      <c r="C22717" s="2" t="s">
        <v>73027</v>
      </c>
      <c r="D22717" s="14" t="s">
        <v>73028</v>
      </c>
      <c r="E22717" s="2" t="s">
        <v>73029</v>
      </c>
      <c r="F22717" s="2" t="s">
        <v>71969</v>
      </c>
      <c r="G22717" s="8">
        <v>202</v>
      </c>
      <c r="H22717" s="5">
        <v>6</v>
      </c>
      <c r="I22717" s="5" t="s">
        <v>1518</v>
      </c>
      <c r="J22717" s="5" t="s">
        <v>69038</v>
      </c>
      <c r="K22717" s="2" t="s">
        <v>69039</v>
      </c>
      <c r="L22717" s="5" t="s">
        <v>69038</v>
      </c>
      <c r="M22717" s="2" t="s">
        <v>69039</v>
      </c>
      <c r="N22717" s="5" t="s">
        <v>1521</v>
      </c>
      <c r="O22717" s="5" t="s">
        <v>38</v>
      </c>
      <c r="P22717" s="5" t="s">
        <v>39</v>
      </c>
      <c r="Q22717" s="5" t="s">
        <v>40</v>
      </c>
      <c r="R22717" s="5" t="s">
        <v>1522</v>
      </c>
      <c r="S22717" s="5" t="s">
        <v>1523</v>
      </c>
      <c r="T22717" s="5" t="s">
        <v>42</v>
      </c>
      <c r="U22717" s="2">
        <v>2.351</v>
      </c>
      <c r="V22717" s="2">
        <v>1.921</v>
      </c>
      <c r="W22717" s="2">
        <v>1.2E-2</v>
      </c>
      <c r="X22717" s="2">
        <v>148.69999999999999</v>
      </c>
      <c r="Y22717" s="2">
        <v>7.6</v>
      </c>
      <c r="Z22717" s="2">
        <v>10.6</v>
      </c>
      <c r="AA22717" s="5"/>
      <c r="AB22717" s="5" t="s">
        <v>43</v>
      </c>
      <c r="AC22717" s="5" t="s">
        <v>44</v>
      </c>
      <c r="AD22717" s="2"/>
      <c r="AE22717" s="1"/>
    </row>
    <row r="22718" spans="1:31" ht="14.45">
      <c r="A22718" s="11"/>
      <c r="B22718" s="20"/>
      <c r="C22718" s="2" t="s">
        <v>73030</v>
      </c>
      <c r="D22718" s="14" t="s">
        <v>73031</v>
      </c>
      <c r="E22718" s="2" t="s">
        <v>73032</v>
      </c>
      <c r="F22718" s="2" t="s">
        <v>71973</v>
      </c>
      <c r="G22718" s="8">
        <v>202</v>
      </c>
      <c r="H22718" s="5">
        <v>6</v>
      </c>
      <c r="I22718" s="5" t="s">
        <v>1518</v>
      </c>
      <c r="J22718" s="5" t="s">
        <v>69038</v>
      </c>
      <c r="K22718" s="2" t="s">
        <v>69039</v>
      </c>
      <c r="L22718" s="5" t="s">
        <v>69038</v>
      </c>
      <c r="M22718" s="2" t="s">
        <v>69039</v>
      </c>
      <c r="N22718" s="5" t="s">
        <v>1521</v>
      </c>
      <c r="O22718" s="5" t="s">
        <v>38</v>
      </c>
      <c r="P22718" s="5" t="s">
        <v>39</v>
      </c>
      <c r="Q22718" s="5" t="s">
        <v>40</v>
      </c>
      <c r="R22718" s="5" t="s">
        <v>1522</v>
      </c>
      <c r="S22718" s="5" t="s">
        <v>1523</v>
      </c>
      <c r="T22718" s="5" t="s">
        <v>42</v>
      </c>
      <c r="U22718" s="2">
        <v>2.218</v>
      </c>
      <c r="V22718" s="2">
        <v>1.788</v>
      </c>
      <c r="W22718" s="2">
        <v>1.2E-2</v>
      </c>
      <c r="X22718" s="2">
        <v>148.69999999999999</v>
      </c>
      <c r="Y22718" s="2">
        <v>7.6</v>
      </c>
      <c r="Z22718" s="2">
        <v>10.6</v>
      </c>
      <c r="AA22718" s="5"/>
      <c r="AB22718" s="5" t="s">
        <v>43</v>
      </c>
      <c r="AC22718" s="5" t="s">
        <v>44</v>
      </c>
      <c r="AD22718" s="2"/>
      <c r="AE22718" s="1"/>
    </row>
    <row r="22719" spans="1:31" ht="14.45">
      <c r="A22719" s="11"/>
      <c r="B22719" s="20"/>
      <c r="C22719" s="2" t="s">
        <v>73033</v>
      </c>
      <c r="D22719" s="14" t="s">
        <v>73034</v>
      </c>
      <c r="E22719" s="2" t="s">
        <v>73035</v>
      </c>
      <c r="F22719" s="2" t="s">
        <v>71977</v>
      </c>
      <c r="G22719" s="8">
        <v>202</v>
      </c>
      <c r="H22719" s="5">
        <v>6</v>
      </c>
      <c r="I22719" s="5" t="s">
        <v>1518</v>
      </c>
      <c r="J22719" s="5" t="s">
        <v>69038</v>
      </c>
      <c r="K22719" s="2" t="s">
        <v>69039</v>
      </c>
      <c r="L22719" s="5" t="s">
        <v>69038</v>
      </c>
      <c r="M22719" s="2" t="s">
        <v>69039</v>
      </c>
      <c r="N22719" s="5" t="s">
        <v>1521</v>
      </c>
      <c r="O22719" s="5" t="s">
        <v>38</v>
      </c>
      <c r="P22719" s="5" t="s">
        <v>39</v>
      </c>
      <c r="Q22719" s="5" t="s">
        <v>40</v>
      </c>
      <c r="R22719" s="5" t="s">
        <v>1522</v>
      </c>
      <c r="S22719" s="5" t="s">
        <v>1523</v>
      </c>
      <c r="T22719" s="5" t="s">
        <v>42</v>
      </c>
      <c r="U22719" s="2">
        <v>2.351</v>
      </c>
      <c r="V22719" s="2">
        <v>1.921</v>
      </c>
      <c r="W22719" s="2">
        <v>1.2E-2</v>
      </c>
      <c r="X22719" s="2">
        <v>148.69999999999999</v>
      </c>
      <c r="Y22719" s="2">
        <v>7.6</v>
      </c>
      <c r="Z22719" s="2">
        <v>10.6</v>
      </c>
      <c r="AA22719" s="5"/>
      <c r="AB22719" s="5" t="s">
        <v>43</v>
      </c>
      <c r="AC22719" s="5" t="s">
        <v>44</v>
      </c>
      <c r="AD22719" s="2"/>
      <c r="AE22719" s="1"/>
    </row>
    <row r="22720" spans="1:31" ht="14.45">
      <c r="A22720" s="11"/>
      <c r="B22720" s="20"/>
      <c r="C22720" s="2" t="s">
        <v>73036</v>
      </c>
      <c r="D22720" s="14" t="s">
        <v>73037</v>
      </c>
      <c r="E22720" s="2" t="s">
        <v>73038</v>
      </c>
      <c r="F22720" s="2" t="s">
        <v>71981</v>
      </c>
      <c r="G22720" s="8">
        <v>202</v>
      </c>
      <c r="H22720" s="5">
        <v>6</v>
      </c>
      <c r="I22720" s="5" t="s">
        <v>1518</v>
      </c>
      <c r="J22720" s="5" t="s">
        <v>69038</v>
      </c>
      <c r="K22720" s="2" t="s">
        <v>69039</v>
      </c>
      <c r="L22720" s="5" t="s">
        <v>69038</v>
      </c>
      <c r="M22720" s="2" t="s">
        <v>69039</v>
      </c>
      <c r="N22720" s="5" t="s">
        <v>1521</v>
      </c>
      <c r="O22720" s="5" t="s">
        <v>38</v>
      </c>
      <c r="P22720" s="5" t="s">
        <v>39</v>
      </c>
      <c r="Q22720" s="5" t="s">
        <v>40</v>
      </c>
      <c r="R22720" s="5" t="s">
        <v>1522</v>
      </c>
      <c r="S22720" s="5" t="s">
        <v>1523</v>
      </c>
      <c r="T22720" s="5" t="s">
        <v>42</v>
      </c>
      <c r="U22720" s="2">
        <v>2.218</v>
      </c>
      <c r="V22720" s="2">
        <v>1.788</v>
      </c>
      <c r="W22720" s="2">
        <v>1.2E-2</v>
      </c>
      <c r="X22720" s="2">
        <v>148.69999999999999</v>
      </c>
      <c r="Y22720" s="2">
        <v>7.6</v>
      </c>
      <c r="Z22720" s="2">
        <v>10.6</v>
      </c>
      <c r="AA22720" s="5"/>
      <c r="AB22720" s="5" t="s">
        <v>43</v>
      </c>
      <c r="AC22720" s="5" t="s">
        <v>44</v>
      </c>
      <c r="AD22720" s="2"/>
      <c r="AE22720" s="1"/>
    </row>
    <row r="22721" spans="1:31" ht="14.45">
      <c r="A22721" s="11"/>
      <c r="B22721" s="20"/>
      <c r="C22721" s="2" t="s">
        <v>73039</v>
      </c>
      <c r="D22721" s="14" t="s">
        <v>73040</v>
      </c>
      <c r="E22721" s="2" t="s">
        <v>73041</v>
      </c>
      <c r="F22721" s="2" t="s">
        <v>71985</v>
      </c>
      <c r="G22721" s="8">
        <v>202</v>
      </c>
      <c r="H22721" s="5">
        <v>6</v>
      </c>
      <c r="I22721" s="5" t="s">
        <v>1518</v>
      </c>
      <c r="J22721" s="5" t="s">
        <v>69038</v>
      </c>
      <c r="K22721" s="2" t="s">
        <v>69039</v>
      </c>
      <c r="L22721" s="5" t="s">
        <v>69038</v>
      </c>
      <c r="M22721" s="2" t="s">
        <v>69039</v>
      </c>
      <c r="N22721" s="5" t="s">
        <v>1521</v>
      </c>
      <c r="O22721" s="5" t="s">
        <v>38</v>
      </c>
      <c r="P22721" s="5" t="s">
        <v>39</v>
      </c>
      <c r="Q22721" s="5" t="s">
        <v>40</v>
      </c>
      <c r="R22721" s="5" t="s">
        <v>1522</v>
      </c>
      <c r="S22721" s="5" t="s">
        <v>1523</v>
      </c>
      <c r="T22721" s="5" t="s">
        <v>42</v>
      </c>
      <c r="U22721" s="2">
        <v>2.351</v>
      </c>
      <c r="V22721" s="2">
        <v>1.921</v>
      </c>
      <c r="W22721" s="2">
        <v>1.2E-2</v>
      </c>
      <c r="X22721" s="2">
        <v>148.69999999999999</v>
      </c>
      <c r="Y22721" s="2">
        <v>7.6</v>
      </c>
      <c r="Z22721" s="2">
        <v>10.6</v>
      </c>
      <c r="AA22721" s="5"/>
      <c r="AB22721" s="5" t="s">
        <v>43</v>
      </c>
      <c r="AC22721" s="5" t="s">
        <v>44</v>
      </c>
      <c r="AD22721" s="2"/>
      <c r="AE22721" s="1"/>
    </row>
    <row r="22722" spans="1:31" ht="14.45">
      <c r="A22722" s="11"/>
      <c r="B22722" s="20"/>
      <c r="C22722" s="2" t="s">
        <v>73042</v>
      </c>
      <c r="D22722" s="14" t="s">
        <v>73043</v>
      </c>
      <c r="E22722" s="2" t="s">
        <v>73044</v>
      </c>
      <c r="F22722" s="2" t="s">
        <v>7204</v>
      </c>
      <c r="G22722" s="8">
        <v>57</v>
      </c>
      <c r="H22722" s="5">
        <v>6</v>
      </c>
      <c r="I22722" s="5" t="s">
        <v>1518</v>
      </c>
      <c r="J22722" s="5" t="s">
        <v>69038</v>
      </c>
      <c r="K22722" s="2" t="s">
        <v>69039</v>
      </c>
      <c r="L22722" s="5" t="s">
        <v>69038</v>
      </c>
      <c r="M22722" s="2" t="s">
        <v>69039</v>
      </c>
      <c r="N22722" s="5" t="s">
        <v>1521</v>
      </c>
      <c r="O22722" s="5" t="s">
        <v>38</v>
      </c>
      <c r="P22722" s="5" t="s">
        <v>39</v>
      </c>
      <c r="Q22722" s="5" t="s">
        <v>40</v>
      </c>
      <c r="R22722" s="5" t="s">
        <v>1522</v>
      </c>
      <c r="S22722" s="5" t="s">
        <v>1523</v>
      </c>
      <c r="T22722" s="5" t="s">
        <v>125</v>
      </c>
      <c r="U22722" s="2">
        <v>0.69899999999999995</v>
      </c>
      <c r="V22722" s="2">
        <v>0.52900000000000003</v>
      </c>
      <c r="W22722" s="2">
        <v>3.0000000000000001E-3</v>
      </c>
      <c r="X22722" s="2">
        <v>65.900000000000006</v>
      </c>
      <c r="Y22722" s="2">
        <v>7.1</v>
      </c>
      <c r="Z22722" s="2">
        <v>7.4</v>
      </c>
      <c r="AA22722" s="5"/>
      <c r="AB22722" s="5" t="s">
        <v>43</v>
      </c>
      <c r="AC22722" s="5" t="s">
        <v>44</v>
      </c>
      <c r="AD22722" s="2"/>
      <c r="AE22722" s="1"/>
    </row>
    <row r="22723" spans="1:31" ht="14.45">
      <c r="A22723" s="11"/>
      <c r="B22723" s="20"/>
      <c r="C22723" s="2" t="s">
        <v>73045</v>
      </c>
      <c r="D22723" s="14" t="s">
        <v>73046</v>
      </c>
      <c r="E22723" s="2" t="s">
        <v>73047</v>
      </c>
      <c r="F22723" s="2" t="s">
        <v>7208</v>
      </c>
      <c r="G22723" s="8">
        <v>57</v>
      </c>
      <c r="H22723" s="5">
        <v>6</v>
      </c>
      <c r="I22723" s="5" t="s">
        <v>1518</v>
      </c>
      <c r="J22723" s="5" t="s">
        <v>69038</v>
      </c>
      <c r="K22723" s="2" t="s">
        <v>69039</v>
      </c>
      <c r="L22723" s="5" t="s">
        <v>69038</v>
      </c>
      <c r="M22723" s="2" t="s">
        <v>69039</v>
      </c>
      <c r="N22723" s="5" t="s">
        <v>1521</v>
      </c>
      <c r="O22723" s="5" t="s">
        <v>38</v>
      </c>
      <c r="P22723" s="5" t="s">
        <v>39</v>
      </c>
      <c r="Q22723" s="5" t="s">
        <v>40</v>
      </c>
      <c r="R22723" s="5" t="s">
        <v>1522</v>
      </c>
      <c r="S22723" s="5" t="s">
        <v>1523</v>
      </c>
      <c r="T22723" s="5" t="s">
        <v>125</v>
      </c>
      <c r="U22723" s="2">
        <v>0.69899999999999995</v>
      </c>
      <c r="V22723" s="2">
        <v>0.52900000000000003</v>
      </c>
      <c r="W22723" s="2">
        <v>3.0000000000000001E-3</v>
      </c>
      <c r="X22723" s="2">
        <v>65.900000000000006</v>
      </c>
      <c r="Y22723" s="2">
        <v>7.1</v>
      </c>
      <c r="Z22723" s="2">
        <v>7.4</v>
      </c>
      <c r="AA22723" s="5"/>
      <c r="AB22723" s="5" t="s">
        <v>43</v>
      </c>
      <c r="AC22723" s="5" t="s">
        <v>44</v>
      </c>
      <c r="AD22723" s="2"/>
      <c r="AE22723" s="1"/>
    </row>
    <row r="22724" spans="1:31" ht="14.45">
      <c r="A22724" s="11"/>
      <c r="B22724" s="20"/>
      <c r="C22724" s="2" t="s">
        <v>73048</v>
      </c>
      <c r="D22724" s="14" t="s">
        <v>73049</v>
      </c>
      <c r="E22724" s="2" t="s">
        <v>73050</v>
      </c>
      <c r="F22724" s="2" t="s">
        <v>7396</v>
      </c>
      <c r="G22724" s="8">
        <v>57</v>
      </c>
      <c r="H22724" s="5">
        <v>6</v>
      </c>
      <c r="I22724" s="5" t="s">
        <v>1518</v>
      </c>
      <c r="J22724" s="5" t="s">
        <v>69038</v>
      </c>
      <c r="K22724" s="2" t="s">
        <v>69039</v>
      </c>
      <c r="L22724" s="5" t="s">
        <v>69038</v>
      </c>
      <c r="M22724" s="2" t="s">
        <v>69039</v>
      </c>
      <c r="N22724" s="5" t="s">
        <v>1521</v>
      </c>
      <c r="O22724" s="5" t="s">
        <v>38</v>
      </c>
      <c r="P22724" s="5" t="s">
        <v>39</v>
      </c>
      <c r="Q22724" s="5" t="s">
        <v>40</v>
      </c>
      <c r="R22724" s="5" t="s">
        <v>1522</v>
      </c>
      <c r="S22724" s="5" t="s">
        <v>1523</v>
      </c>
      <c r="T22724" s="5" t="s">
        <v>42</v>
      </c>
      <c r="U22724" s="2">
        <v>0.70299999999999996</v>
      </c>
      <c r="V22724" s="2">
        <v>0.53300000000000003</v>
      </c>
      <c r="W22724" s="2">
        <v>3.0000000000000001E-3</v>
      </c>
      <c r="X22724" s="2">
        <v>65.900000000000006</v>
      </c>
      <c r="Y22724" s="2">
        <v>7.1</v>
      </c>
      <c r="Z22724" s="2">
        <v>7.4</v>
      </c>
      <c r="AA22724" s="5"/>
      <c r="AB22724" s="5" t="s">
        <v>43</v>
      </c>
      <c r="AC22724" s="5" t="s">
        <v>44</v>
      </c>
      <c r="AD22724" s="2"/>
      <c r="AE22724" s="1"/>
    </row>
    <row r="22725" spans="1:31" ht="14.45">
      <c r="A22725" s="11"/>
      <c r="B22725" s="20"/>
      <c r="C22725" s="2" t="s">
        <v>73051</v>
      </c>
      <c r="D22725" s="14" t="s">
        <v>73052</v>
      </c>
      <c r="E22725" s="2" t="s">
        <v>73053</v>
      </c>
      <c r="F22725" s="2" t="s">
        <v>7212</v>
      </c>
      <c r="G22725" s="8">
        <v>57</v>
      </c>
      <c r="H22725" s="5">
        <v>6</v>
      </c>
      <c r="I22725" s="5" t="s">
        <v>1518</v>
      </c>
      <c r="J22725" s="5" t="s">
        <v>69038</v>
      </c>
      <c r="K22725" s="2" t="s">
        <v>69039</v>
      </c>
      <c r="L22725" s="5" t="s">
        <v>69038</v>
      </c>
      <c r="M22725" s="2" t="s">
        <v>69039</v>
      </c>
      <c r="N22725" s="5" t="s">
        <v>1521</v>
      </c>
      <c r="O22725" s="5" t="s">
        <v>38</v>
      </c>
      <c r="P22725" s="5" t="s">
        <v>39</v>
      </c>
      <c r="Q22725" s="5" t="s">
        <v>40</v>
      </c>
      <c r="R22725" s="5" t="s">
        <v>1522</v>
      </c>
      <c r="S22725" s="5" t="s">
        <v>1523</v>
      </c>
      <c r="T22725" s="5" t="s">
        <v>125</v>
      </c>
      <c r="U22725" s="2">
        <v>0.69899999999999995</v>
      </c>
      <c r="V22725" s="2">
        <v>0.52900000000000003</v>
      </c>
      <c r="W22725" s="2">
        <v>3.0000000000000001E-3</v>
      </c>
      <c r="X22725" s="2">
        <v>65.900000000000006</v>
      </c>
      <c r="Y22725" s="2">
        <v>7.1</v>
      </c>
      <c r="Z22725" s="2">
        <v>7.4</v>
      </c>
      <c r="AA22725" s="5"/>
      <c r="AB22725" s="5" t="s">
        <v>43</v>
      </c>
      <c r="AC22725" s="5" t="s">
        <v>44</v>
      </c>
      <c r="AD22725" s="2"/>
      <c r="AE22725" s="1"/>
    </row>
    <row r="22726" spans="1:31" ht="14.45">
      <c r="A22726" s="11"/>
      <c r="B22726" s="20"/>
      <c r="C22726" s="2" t="s">
        <v>73054</v>
      </c>
      <c r="D22726" s="14" t="s">
        <v>73055</v>
      </c>
      <c r="E22726" s="2" t="s">
        <v>73056</v>
      </c>
      <c r="F22726" s="2" t="s">
        <v>7204</v>
      </c>
      <c r="G22726" s="8">
        <v>64</v>
      </c>
      <c r="H22726" s="5">
        <v>6</v>
      </c>
      <c r="I22726" s="5" t="s">
        <v>1518</v>
      </c>
      <c r="J22726" s="5" t="s">
        <v>69038</v>
      </c>
      <c r="K22726" s="2" t="s">
        <v>69039</v>
      </c>
      <c r="L22726" s="5" t="s">
        <v>69038</v>
      </c>
      <c r="M22726" s="2" t="s">
        <v>69039</v>
      </c>
      <c r="N22726" s="5" t="s">
        <v>1521</v>
      </c>
      <c r="O22726" s="5" t="s">
        <v>38</v>
      </c>
      <c r="P22726" s="5" t="s">
        <v>39</v>
      </c>
      <c r="Q22726" s="5" t="s">
        <v>40</v>
      </c>
      <c r="R22726" s="5" t="s">
        <v>1522</v>
      </c>
      <c r="S22726" s="5" t="s">
        <v>1523</v>
      </c>
      <c r="T22726" s="5" t="s">
        <v>125</v>
      </c>
      <c r="U22726" s="2">
        <v>0.86699999999999999</v>
      </c>
      <c r="V22726" s="2">
        <v>0.63300000000000001</v>
      </c>
      <c r="W22726" s="2">
        <v>5.0000000000000001E-3</v>
      </c>
      <c r="X22726" s="2">
        <v>86.3</v>
      </c>
      <c r="Y22726" s="2">
        <v>7.1</v>
      </c>
      <c r="Z22726" s="2">
        <v>7.4</v>
      </c>
      <c r="AA22726" s="5"/>
      <c r="AB22726" s="5" t="s">
        <v>43</v>
      </c>
      <c r="AC22726" s="5" t="s">
        <v>44</v>
      </c>
      <c r="AD22726" s="2"/>
      <c r="AE22726" s="1"/>
    </row>
    <row r="22727" spans="1:31" ht="14.45">
      <c r="A22727" s="11"/>
      <c r="B22727" s="20"/>
      <c r="C22727" s="2" t="s">
        <v>73057</v>
      </c>
      <c r="D22727" s="14" t="s">
        <v>73058</v>
      </c>
      <c r="E22727" s="2" t="s">
        <v>73059</v>
      </c>
      <c r="F22727" s="2" t="s">
        <v>7208</v>
      </c>
      <c r="G22727" s="8">
        <v>64</v>
      </c>
      <c r="H22727" s="5">
        <v>6</v>
      </c>
      <c r="I22727" s="5" t="s">
        <v>1518</v>
      </c>
      <c r="J22727" s="5" t="s">
        <v>69038</v>
      </c>
      <c r="K22727" s="2" t="s">
        <v>69039</v>
      </c>
      <c r="L22727" s="5" t="s">
        <v>69038</v>
      </c>
      <c r="M22727" s="2" t="s">
        <v>69039</v>
      </c>
      <c r="N22727" s="5" t="s">
        <v>1521</v>
      </c>
      <c r="O22727" s="5" t="s">
        <v>38</v>
      </c>
      <c r="P22727" s="5" t="s">
        <v>39</v>
      </c>
      <c r="Q22727" s="5" t="s">
        <v>40</v>
      </c>
      <c r="R22727" s="5" t="s">
        <v>1522</v>
      </c>
      <c r="S22727" s="5" t="s">
        <v>1523</v>
      </c>
      <c r="T22727" s="5" t="s">
        <v>125</v>
      </c>
      <c r="U22727" s="2">
        <v>0.86699999999999999</v>
      </c>
      <c r="V22727" s="2">
        <v>0.63300000000000001</v>
      </c>
      <c r="W22727" s="2">
        <v>5.0000000000000001E-3</v>
      </c>
      <c r="X22727" s="2">
        <v>86.3</v>
      </c>
      <c r="Y22727" s="2">
        <v>7.1</v>
      </c>
      <c r="Z22727" s="2">
        <v>7.4</v>
      </c>
      <c r="AA22727" s="5"/>
      <c r="AB22727" s="5" t="s">
        <v>43</v>
      </c>
      <c r="AC22727" s="5" t="s">
        <v>44</v>
      </c>
      <c r="AD22727" s="2"/>
      <c r="AE22727" s="1"/>
    </row>
    <row r="22728" spans="1:31" ht="14.45">
      <c r="A22728" s="11"/>
      <c r="B22728" s="20"/>
      <c r="C22728" s="2" t="s">
        <v>73060</v>
      </c>
      <c r="D22728" s="14" t="s">
        <v>73061</v>
      </c>
      <c r="E22728" s="2" t="s">
        <v>73062</v>
      </c>
      <c r="F22728" s="2" t="s">
        <v>7396</v>
      </c>
      <c r="G22728" s="8">
        <v>64</v>
      </c>
      <c r="H22728" s="5">
        <v>6</v>
      </c>
      <c r="I22728" s="5" t="s">
        <v>1518</v>
      </c>
      <c r="J22728" s="5" t="s">
        <v>69038</v>
      </c>
      <c r="K22728" s="2" t="s">
        <v>69039</v>
      </c>
      <c r="L22728" s="5" t="s">
        <v>69038</v>
      </c>
      <c r="M22728" s="2" t="s">
        <v>69039</v>
      </c>
      <c r="N22728" s="5" t="s">
        <v>1521</v>
      </c>
      <c r="O22728" s="5" t="s">
        <v>38</v>
      </c>
      <c r="P22728" s="5" t="s">
        <v>39</v>
      </c>
      <c r="Q22728" s="5" t="s">
        <v>40</v>
      </c>
      <c r="R22728" s="5" t="s">
        <v>1522</v>
      </c>
      <c r="S22728" s="5" t="s">
        <v>1523</v>
      </c>
      <c r="T22728" s="5" t="s">
        <v>42</v>
      </c>
      <c r="U22728" s="2">
        <v>0.872</v>
      </c>
      <c r="V22728" s="2">
        <v>0.63800000000000001</v>
      </c>
      <c r="W22728" s="2">
        <v>5.0000000000000001E-3</v>
      </c>
      <c r="X22728" s="2">
        <v>86.3</v>
      </c>
      <c r="Y22728" s="2">
        <v>7.1</v>
      </c>
      <c r="Z22728" s="2">
        <v>7.4</v>
      </c>
      <c r="AA22728" s="5"/>
      <c r="AB22728" s="5" t="s">
        <v>43</v>
      </c>
      <c r="AC22728" s="5" t="s">
        <v>44</v>
      </c>
      <c r="AD22728" s="2"/>
      <c r="AE22728" s="1"/>
    </row>
    <row r="22729" spans="1:31" ht="14.45">
      <c r="A22729" s="11"/>
      <c r="B22729" s="20"/>
      <c r="C22729" s="2" t="s">
        <v>73063</v>
      </c>
      <c r="D22729" s="14" t="s">
        <v>73064</v>
      </c>
      <c r="E22729" s="2" t="s">
        <v>73065</v>
      </c>
      <c r="F22729" s="2" t="s">
        <v>7212</v>
      </c>
      <c r="G22729" s="8">
        <v>64</v>
      </c>
      <c r="H22729" s="5">
        <v>6</v>
      </c>
      <c r="I22729" s="5" t="s">
        <v>1518</v>
      </c>
      <c r="J22729" s="5" t="s">
        <v>69038</v>
      </c>
      <c r="K22729" s="2" t="s">
        <v>69039</v>
      </c>
      <c r="L22729" s="5" t="s">
        <v>69038</v>
      </c>
      <c r="M22729" s="2" t="s">
        <v>69039</v>
      </c>
      <c r="N22729" s="5" t="s">
        <v>1521</v>
      </c>
      <c r="O22729" s="5" t="s">
        <v>38</v>
      </c>
      <c r="P22729" s="5" t="s">
        <v>39</v>
      </c>
      <c r="Q22729" s="5" t="s">
        <v>40</v>
      </c>
      <c r="R22729" s="5" t="s">
        <v>1522</v>
      </c>
      <c r="S22729" s="5" t="s">
        <v>1523</v>
      </c>
      <c r="T22729" s="5" t="s">
        <v>125</v>
      </c>
      <c r="U22729" s="2">
        <v>0.86699999999999999</v>
      </c>
      <c r="V22729" s="2">
        <v>0.63300000000000001</v>
      </c>
      <c r="W22729" s="2">
        <v>5.0000000000000001E-3</v>
      </c>
      <c r="X22729" s="2">
        <v>86.3</v>
      </c>
      <c r="Y22729" s="2">
        <v>7.1</v>
      </c>
      <c r="Z22729" s="2">
        <v>7.4</v>
      </c>
      <c r="AA22729" s="5"/>
      <c r="AB22729" s="5" t="s">
        <v>43</v>
      </c>
      <c r="AC22729" s="5" t="s">
        <v>44</v>
      </c>
      <c r="AD22729" s="2"/>
      <c r="AE22729" s="1"/>
    </row>
    <row r="22730" spans="1:31" ht="14.45">
      <c r="A22730" s="11"/>
      <c r="B22730" s="20"/>
      <c r="C22730" s="2" t="s">
        <v>73066</v>
      </c>
      <c r="D22730" s="14" t="s">
        <v>73067</v>
      </c>
      <c r="E22730" s="2" t="s">
        <v>73068</v>
      </c>
      <c r="F22730" s="2" t="s">
        <v>7204</v>
      </c>
      <c r="G22730" s="8">
        <v>41</v>
      </c>
      <c r="H22730" s="5">
        <v>5</v>
      </c>
      <c r="I22730" s="5" t="s">
        <v>1518</v>
      </c>
      <c r="J22730" s="5" t="s">
        <v>69038</v>
      </c>
      <c r="K22730" s="2" t="s">
        <v>69039</v>
      </c>
      <c r="L22730" s="5" t="s">
        <v>69038</v>
      </c>
      <c r="M22730" s="2" t="s">
        <v>69039</v>
      </c>
      <c r="N22730" s="5" t="s">
        <v>1521</v>
      </c>
      <c r="O22730" s="5" t="s">
        <v>38</v>
      </c>
      <c r="P22730" s="5" t="s">
        <v>39</v>
      </c>
      <c r="Q22730" s="5" t="s">
        <v>40</v>
      </c>
      <c r="R22730" s="5" t="s">
        <v>1522</v>
      </c>
      <c r="S22730" s="5" t="s">
        <v>1523</v>
      </c>
      <c r="T22730" s="5" t="s">
        <v>73069</v>
      </c>
      <c r="U22730" s="2">
        <v>0.65600000000000003</v>
      </c>
      <c r="V22730" s="2">
        <v>0.48499999999999999</v>
      </c>
      <c r="W22730" s="2">
        <v>3.0000000000000001E-3</v>
      </c>
      <c r="X22730" s="2">
        <v>65.900000000000006</v>
      </c>
      <c r="Y22730" s="2">
        <v>7.1</v>
      </c>
      <c r="Z22730" s="2">
        <v>7.4</v>
      </c>
      <c r="AA22730" s="5"/>
      <c r="AB22730" s="5" t="s">
        <v>43</v>
      </c>
      <c r="AC22730" s="5" t="s">
        <v>44</v>
      </c>
      <c r="AD22730" s="2"/>
      <c r="AE22730" s="1"/>
    </row>
    <row r="22731" spans="1:31" ht="14.45">
      <c r="A22731" s="11"/>
      <c r="B22731" s="20"/>
      <c r="C22731" s="2" t="s">
        <v>73070</v>
      </c>
      <c r="D22731" s="14" t="s">
        <v>73071</v>
      </c>
      <c r="E22731" s="2" t="s">
        <v>73072</v>
      </c>
      <c r="F22731" s="2" t="s">
        <v>7208</v>
      </c>
      <c r="G22731" s="8">
        <v>41</v>
      </c>
      <c r="H22731" s="5">
        <v>5</v>
      </c>
      <c r="I22731" s="5" t="s">
        <v>1518</v>
      </c>
      <c r="J22731" s="5" t="s">
        <v>69038</v>
      </c>
      <c r="K22731" s="2" t="s">
        <v>69039</v>
      </c>
      <c r="L22731" s="5" t="s">
        <v>69038</v>
      </c>
      <c r="M22731" s="2" t="s">
        <v>69039</v>
      </c>
      <c r="N22731" s="5" t="s">
        <v>1521</v>
      </c>
      <c r="O22731" s="5" t="s">
        <v>38</v>
      </c>
      <c r="P22731" s="5" t="s">
        <v>39</v>
      </c>
      <c r="Q22731" s="5" t="s">
        <v>40</v>
      </c>
      <c r="R22731" s="5" t="s">
        <v>1522</v>
      </c>
      <c r="S22731" s="5" t="s">
        <v>1523</v>
      </c>
      <c r="T22731" s="5" t="s">
        <v>73069</v>
      </c>
      <c r="U22731" s="2">
        <v>0.65600000000000003</v>
      </c>
      <c r="V22731" s="2">
        <v>0.48499999999999999</v>
      </c>
      <c r="W22731" s="2">
        <v>3.0000000000000001E-3</v>
      </c>
      <c r="X22731" s="2">
        <v>65.900000000000006</v>
      </c>
      <c r="Y22731" s="2">
        <v>7.1</v>
      </c>
      <c r="Z22731" s="2">
        <v>7.4</v>
      </c>
      <c r="AA22731" s="5"/>
      <c r="AB22731" s="5" t="s">
        <v>43</v>
      </c>
      <c r="AC22731" s="5" t="s">
        <v>44</v>
      </c>
      <c r="AD22731" s="2"/>
      <c r="AE22731" s="1"/>
    </row>
    <row r="22732" spans="1:31" ht="14.45">
      <c r="A22732" s="11"/>
      <c r="B22732" s="20"/>
      <c r="C22732" s="2" t="s">
        <v>73073</v>
      </c>
      <c r="D22732" s="14" t="s">
        <v>73074</v>
      </c>
      <c r="E22732" s="2" t="s">
        <v>73075</v>
      </c>
      <c r="F22732" s="2" t="s">
        <v>7396</v>
      </c>
      <c r="G22732" s="8">
        <v>41</v>
      </c>
      <c r="H22732" s="5">
        <v>5</v>
      </c>
      <c r="I22732" s="5" t="s">
        <v>1518</v>
      </c>
      <c r="J22732" s="5" t="s">
        <v>69038</v>
      </c>
      <c r="K22732" s="2" t="s">
        <v>69039</v>
      </c>
      <c r="L22732" s="5" t="s">
        <v>69038</v>
      </c>
      <c r="M22732" s="2" t="s">
        <v>69039</v>
      </c>
      <c r="N22732" s="5" t="s">
        <v>1521</v>
      </c>
      <c r="O22732" s="5" t="s">
        <v>38</v>
      </c>
      <c r="P22732" s="5" t="s">
        <v>39</v>
      </c>
      <c r="Q22732" s="5" t="s">
        <v>40</v>
      </c>
      <c r="R22732" s="5" t="s">
        <v>1522</v>
      </c>
      <c r="S22732" s="5" t="s">
        <v>1523</v>
      </c>
      <c r="T22732" s="5" t="s">
        <v>42</v>
      </c>
      <c r="U22732" s="2">
        <v>0.65900000000000003</v>
      </c>
      <c r="V22732" s="2">
        <v>0.48799999999999999</v>
      </c>
      <c r="W22732" s="2">
        <v>3.0000000000000001E-3</v>
      </c>
      <c r="X22732" s="2">
        <v>65.900000000000006</v>
      </c>
      <c r="Y22732" s="2">
        <v>7.1</v>
      </c>
      <c r="Z22732" s="2">
        <v>7.4</v>
      </c>
      <c r="AA22732" s="5"/>
      <c r="AB22732" s="5" t="s">
        <v>43</v>
      </c>
      <c r="AC22732" s="5" t="s">
        <v>44</v>
      </c>
      <c r="AD22732" s="2"/>
      <c r="AE22732" s="1"/>
    </row>
    <row r="22733" spans="1:31" ht="14.45">
      <c r="A22733" s="11"/>
      <c r="B22733" s="20"/>
      <c r="C22733" s="2" t="s">
        <v>73076</v>
      </c>
      <c r="D22733" s="14" t="s">
        <v>73077</v>
      </c>
      <c r="E22733" s="2" t="s">
        <v>73078</v>
      </c>
      <c r="F22733" s="2" t="s">
        <v>7212</v>
      </c>
      <c r="G22733" s="8">
        <v>41</v>
      </c>
      <c r="H22733" s="5">
        <v>5</v>
      </c>
      <c r="I22733" s="5" t="s">
        <v>1518</v>
      </c>
      <c r="J22733" s="5" t="s">
        <v>69038</v>
      </c>
      <c r="K22733" s="2" t="s">
        <v>69039</v>
      </c>
      <c r="L22733" s="5" t="s">
        <v>69038</v>
      </c>
      <c r="M22733" s="2" t="s">
        <v>69039</v>
      </c>
      <c r="N22733" s="5" t="s">
        <v>1521</v>
      </c>
      <c r="O22733" s="5" t="s">
        <v>38</v>
      </c>
      <c r="P22733" s="5" t="s">
        <v>39</v>
      </c>
      <c r="Q22733" s="5" t="s">
        <v>40</v>
      </c>
      <c r="R22733" s="5" t="s">
        <v>1522</v>
      </c>
      <c r="S22733" s="5" t="s">
        <v>1523</v>
      </c>
      <c r="T22733" s="5" t="s">
        <v>73069</v>
      </c>
      <c r="U22733" s="2">
        <v>0.65600000000000003</v>
      </c>
      <c r="V22733" s="2">
        <v>0.48499999999999999</v>
      </c>
      <c r="W22733" s="2">
        <v>3.0000000000000001E-3</v>
      </c>
      <c r="X22733" s="2">
        <v>65.900000000000006</v>
      </c>
      <c r="Y22733" s="2">
        <v>7.1</v>
      </c>
      <c r="Z22733" s="2">
        <v>7.4</v>
      </c>
      <c r="AA22733" s="5"/>
      <c r="AB22733" s="5" t="s">
        <v>43</v>
      </c>
      <c r="AC22733" s="5" t="s">
        <v>44</v>
      </c>
      <c r="AD22733" s="2"/>
      <c r="AE22733" s="1"/>
    </row>
    <row r="22734" spans="1:31" ht="14.45">
      <c r="A22734" s="11"/>
      <c r="B22734" s="20"/>
      <c r="C22734" s="2" t="s">
        <v>73079</v>
      </c>
      <c r="D22734" s="14" t="s">
        <v>73080</v>
      </c>
      <c r="E22734" s="2" t="s">
        <v>73081</v>
      </c>
      <c r="F22734" s="2" t="s">
        <v>7204</v>
      </c>
      <c r="G22734" s="8">
        <v>47</v>
      </c>
      <c r="H22734" s="5">
        <v>5</v>
      </c>
      <c r="I22734" s="5" t="s">
        <v>1518</v>
      </c>
      <c r="J22734" s="5" t="s">
        <v>69038</v>
      </c>
      <c r="K22734" s="2" t="s">
        <v>69039</v>
      </c>
      <c r="L22734" s="5" t="s">
        <v>69038</v>
      </c>
      <c r="M22734" s="2" t="s">
        <v>69039</v>
      </c>
      <c r="N22734" s="5" t="s">
        <v>1521</v>
      </c>
      <c r="O22734" s="5" t="s">
        <v>38</v>
      </c>
      <c r="P22734" s="5" t="s">
        <v>39</v>
      </c>
      <c r="Q22734" s="5" t="s">
        <v>40</v>
      </c>
      <c r="R22734" s="5" t="s">
        <v>1522</v>
      </c>
      <c r="S22734" s="5" t="s">
        <v>1523</v>
      </c>
      <c r="T22734" s="5" t="s">
        <v>125</v>
      </c>
      <c r="U22734" s="2">
        <v>0.82799999999999996</v>
      </c>
      <c r="V22734" s="2">
        <v>0.59299999999999997</v>
      </c>
      <c r="W22734" s="2">
        <v>5.0000000000000001E-3</v>
      </c>
      <c r="X22734" s="2">
        <v>86.3</v>
      </c>
      <c r="Y22734" s="2">
        <v>7.1</v>
      </c>
      <c r="Z22734" s="2">
        <v>7.4</v>
      </c>
      <c r="AA22734" s="5"/>
      <c r="AB22734" s="5" t="s">
        <v>43</v>
      </c>
      <c r="AC22734" s="5" t="s">
        <v>44</v>
      </c>
      <c r="AD22734" s="2"/>
      <c r="AE22734" s="1"/>
    </row>
    <row r="22735" spans="1:31" ht="14.45">
      <c r="A22735" s="11"/>
      <c r="B22735" s="20"/>
      <c r="C22735" s="2" t="s">
        <v>73082</v>
      </c>
      <c r="D22735" s="14" t="s">
        <v>73083</v>
      </c>
      <c r="E22735" s="2" t="s">
        <v>73084</v>
      </c>
      <c r="F22735" s="2" t="s">
        <v>7208</v>
      </c>
      <c r="G22735" s="8">
        <v>47</v>
      </c>
      <c r="H22735" s="5">
        <v>5</v>
      </c>
      <c r="I22735" s="5" t="s">
        <v>1518</v>
      </c>
      <c r="J22735" s="5" t="s">
        <v>69038</v>
      </c>
      <c r="K22735" s="2" t="s">
        <v>69039</v>
      </c>
      <c r="L22735" s="5" t="s">
        <v>69038</v>
      </c>
      <c r="M22735" s="2" t="s">
        <v>69039</v>
      </c>
      <c r="N22735" s="5" t="s">
        <v>1521</v>
      </c>
      <c r="O22735" s="5" t="s">
        <v>38</v>
      </c>
      <c r="P22735" s="5" t="s">
        <v>39</v>
      </c>
      <c r="Q22735" s="5" t="s">
        <v>40</v>
      </c>
      <c r="R22735" s="5" t="s">
        <v>1522</v>
      </c>
      <c r="S22735" s="5" t="s">
        <v>1523</v>
      </c>
      <c r="T22735" s="5" t="s">
        <v>125</v>
      </c>
      <c r="U22735" s="2">
        <v>0.82799999999999996</v>
      </c>
      <c r="V22735" s="2">
        <v>0.59299999999999997</v>
      </c>
      <c r="W22735" s="2">
        <v>5.0000000000000001E-3</v>
      </c>
      <c r="X22735" s="2">
        <v>86.3</v>
      </c>
      <c r="Y22735" s="2">
        <v>7.1</v>
      </c>
      <c r="Z22735" s="2">
        <v>7.4</v>
      </c>
      <c r="AA22735" s="5"/>
      <c r="AB22735" s="5" t="s">
        <v>43</v>
      </c>
      <c r="AC22735" s="5" t="s">
        <v>44</v>
      </c>
      <c r="AD22735" s="2"/>
      <c r="AE22735" s="1"/>
    </row>
    <row r="22736" spans="1:31" ht="14.45">
      <c r="A22736" s="11"/>
      <c r="B22736" s="20"/>
      <c r="C22736" s="2" t="s">
        <v>73085</v>
      </c>
      <c r="D22736" s="14" t="s">
        <v>73086</v>
      </c>
      <c r="E22736" s="2" t="s">
        <v>73087</v>
      </c>
      <c r="F22736" s="2" t="s">
        <v>7396</v>
      </c>
      <c r="G22736" s="8">
        <v>47</v>
      </c>
      <c r="H22736" s="5">
        <v>5</v>
      </c>
      <c r="I22736" s="5" t="s">
        <v>1518</v>
      </c>
      <c r="J22736" s="5" t="s">
        <v>69038</v>
      </c>
      <c r="K22736" s="2" t="s">
        <v>69039</v>
      </c>
      <c r="L22736" s="5" t="s">
        <v>69038</v>
      </c>
      <c r="M22736" s="2" t="s">
        <v>69039</v>
      </c>
      <c r="N22736" s="5" t="s">
        <v>1521</v>
      </c>
      <c r="O22736" s="5" t="s">
        <v>38</v>
      </c>
      <c r="P22736" s="5" t="s">
        <v>39</v>
      </c>
      <c r="Q22736" s="5" t="s">
        <v>40</v>
      </c>
      <c r="R22736" s="5" t="s">
        <v>1522</v>
      </c>
      <c r="S22736" s="5" t="s">
        <v>1523</v>
      </c>
      <c r="T22736" s="5" t="s">
        <v>42</v>
      </c>
      <c r="U22736" s="2">
        <v>0.83199999999999996</v>
      </c>
      <c r="V22736" s="2">
        <v>0.59699999999999998</v>
      </c>
      <c r="W22736" s="2">
        <v>5.0000000000000001E-3</v>
      </c>
      <c r="X22736" s="2">
        <v>86.3</v>
      </c>
      <c r="Y22736" s="2">
        <v>7.1</v>
      </c>
      <c r="Z22736" s="2">
        <v>7.4</v>
      </c>
      <c r="AA22736" s="5"/>
      <c r="AB22736" s="5" t="s">
        <v>43</v>
      </c>
      <c r="AC22736" s="5" t="s">
        <v>44</v>
      </c>
      <c r="AD22736" s="2"/>
      <c r="AE22736" s="1"/>
    </row>
    <row r="22737" spans="1:31" ht="14.45">
      <c r="A22737" s="11"/>
      <c r="B22737" s="20"/>
      <c r="C22737" s="2" t="s">
        <v>73088</v>
      </c>
      <c r="D22737" s="14" t="s">
        <v>73089</v>
      </c>
      <c r="E22737" s="2" t="s">
        <v>73090</v>
      </c>
      <c r="F22737" s="2" t="s">
        <v>7212</v>
      </c>
      <c r="G22737" s="8">
        <v>47</v>
      </c>
      <c r="H22737" s="5">
        <v>5</v>
      </c>
      <c r="I22737" s="5" t="s">
        <v>1518</v>
      </c>
      <c r="J22737" s="5" t="s">
        <v>69038</v>
      </c>
      <c r="K22737" s="2" t="s">
        <v>69039</v>
      </c>
      <c r="L22737" s="5" t="s">
        <v>69038</v>
      </c>
      <c r="M22737" s="2" t="s">
        <v>69039</v>
      </c>
      <c r="N22737" s="5" t="s">
        <v>1521</v>
      </c>
      <c r="O22737" s="5" t="s">
        <v>38</v>
      </c>
      <c r="P22737" s="5" t="s">
        <v>39</v>
      </c>
      <c r="Q22737" s="5" t="s">
        <v>40</v>
      </c>
      <c r="R22737" s="5" t="s">
        <v>1522</v>
      </c>
      <c r="S22737" s="5" t="s">
        <v>1523</v>
      </c>
      <c r="T22737" s="5" t="s">
        <v>125</v>
      </c>
      <c r="U22737" s="2">
        <v>0.82799999999999996</v>
      </c>
      <c r="V22737" s="2">
        <v>0.59299999999999997</v>
      </c>
      <c r="W22737" s="2">
        <v>5.0000000000000001E-3</v>
      </c>
      <c r="X22737" s="2">
        <v>86.3</v>
      </c>
      <c r="Y22737" s="2">
        <v>7.1</v>
      </c>
      <c r="Z22737" s="2">
        <v>7.4</v>
      </c>
      <c r="AA22737" s="5"/>
      <c r="AB22737" s="5" t="s">
        <v>43</v>
      </c>
      <c r="AC22737" s="5" t="s">
        <v>44</v>
      </c>
      <c r="AD22737" s="2"/>
      <c r="AE22737" s="1"/>
    </row>
    <row r="22738" spans="1:31" ht="14.45">
      <c r="A22738" s="11"/>
      <c r="B22738" s="20"/>
      <c r="C22738" s="2" t="s">
        <v>73091</v>
      </c>
      <c r="D22738" s="14" t="s">
        <v>73092</v>
      </c>
      <c r="E22738" s="2" t="s">
        <v>73093</v>
      </c>
      <c r="F22738" s="2" t="s">
        <v>7204</v>
      </c>
      <c r="G22738" s="8">
        <v>52</v>
      </c>
      <c r="H22738" s="5">
        <v>5</v>
      </c>
      <c r="I22738" s="5" t="s">
        <v>1518</v>
      </c>
      <c r="J22738" s="5" t="s">
        <v>69038</v>
      </c>
      <c r="K22738" s="2" t="s">
        <v>69039</v>
      </c>
      <c r="L22738" s="5" t="s">
        <v>69038</v>
      </c>
      <c r="M22738" s="2" t="s">
        <v>69039</v>
      </c>
      <c r="N22738" s="5" t="s">
        <v>1521</v>
      </c>
      <c r="O22738" s="5" t="s">
        <v>38</v>
      </c>
      <c r="P22738" s="5" t="s">
        <v>39</v>
      </c>
      <c r="Q22738" s="5" t="s">
        <v>40</v>
      </c>
      <c r="R22738" s="5" t="s">
        <v>1522</v>
      </c>
      <c r="S22738" s="5" t="s">
        <v>1523</v>
      </c>
      <c r="T22738" s="5" t="s">
        <v>125</v>
      </c>
      <c r="U22738" s="2">
        <v>0.94599999999999995</v>
      </c>
      <c r="V22738" s="2">
        <v>0.71799999999999997</v>
      </c>
      <c r="W22738" s="2">
        <v>5.0000000000000001E-3</v>
      </c>
      <c r="X22738" s="2">
        <v>86.3</v>
      </c>
      <c r="Y22738" s="2">
        <v>7.1</v>
      </c>
      <c r="Z22738" s="2">
        <v>7.4</v>
      </c>
      <c r="AA22738" s="5"/>
      <c r="AB22738" s="5" t="s">
        <v>43</v>
      </c>
      <c r="AC22738" s="5" t="s">
        <v>44</v>
      </c>
      <c r="AD22738" s="2"/>
      <c r="AE22738" s="1"/>
    </row>
    <row r="22739" spans="1:31" ht="14.45">
      <c r="A22739" s="11"/>
      <c r="B22739" s="20"/>
      <c r="C22739" s="2" t="s">
        <v>73094</v>
      </c>
      <c r="D22739" s="14" t="s">
        <v>73095</v>
      </c>
      <c r="E22739" s="2" t="s">
        <v>73096</v>
      </c>
      <c r="F22739" s="2" t="s">
        <v>7208</v>
      </c>
      <c r="G22739" s="8">
        <v>52</v>
      </c>
      <c r="H22739" s="5">
        <v>5</v>
      </c>
      <c r="I22739" s="5" t="s">
        <v>1518</v>
      </c>
      <c r="J22739" s="5" t="s">
        <v>69038</v>
      </c>
      <c r="K22739" s="2" t="s">
        <v>69039</v>
      </c>
      <c r="L22739" s="5" t="s">
        <v>69038</v>
      </c>
      <c r="M22739" s="2" t="s">
        <v>69039</v>
      </c>
      <c r="N22739" s="5" t="s">
        <v>1521</v>
      </c>
      <c r="O22739" s="5" t="s">
        <v>38</v>
      </c>
      <c r="P22739" s="5" t="s">
        <v>39</v>
      </c>
      <c r="Q22739" s="5" t="s">
        <v>40</v>
      </c>
      <c r="R22739" s="5" t="s">
        <v>1522</v>
      </c>
      <c r="S22739" s="5" t="s">
        <v>1523</v>
      </c>
      <c r="T22739" s="5" t="s">
        <v>125</v>
      </c>
      <c r="U22739" s="2">
        <v>0.94599999999999995</v>
      </c>
      <c r="V22739" s="2">
        <v>0.71799999999999997</v>
      </c>
      <c r="W22739" s="2">
        <v>5.0000000000000001E-3</v>
      </c>
      <c r="X22739" s="2">
        <v>86.3</v>
      </c>
      <c r="Y22739" s="2">
        <v>7.1</v>
      </c>
      <c r="Z22739" s="2">
        <v>7.4</v>
      </c>
      <c r="AA22739" s="5"/>
      <c r="AB22739" s="5" t="s">
        <v>43</v>
      </c>
      <c r="AC22739" s="5" t="s">
        <v>44</v>
      </c>
      <c r="AD22739" s="2"/>
      <c r="AE22739" s="1"/>
    </row>
    <row r="22740" spans="1:31" ht="14.45">
      <c r="A22740" s="11"/>
      <c r="B22740" s="20"/>
      <c r="C22740" s="2" t="s">
        <v>73097</v>
      </c>
      <c r="D22740" s="14" t="s">
        <v>73098</v>
      </c>
      <c r="E22740" s="2" t="s">
        <v>73099</v>
      </c>
      <c r="F22740" s="2" t="s">
        <v>7396</v>
      </c>
      <c r="G22740" s="8">
        <v>52</v>
      </c>
      <c r="H22740" s="5">
        <v>5</v>
      </c>
      <c r="I22740" s="5" t="s">
        <v>1518</v>
      </c>
      <c r="J22740" s="5" t="s">
        <v>69038</v>
      </c>
      <c r="K22740" s="2" t="s">
        <v>69039</v>
      </c>
      <c r="L22740" s="5" t="s">
        <v>69038</v>
      </c>
      <c r="M22740" s="2" t="s">
        <v>69039</v>
      </c>
      <c r="N22740" s="5" t="s">
        <v>1521</v>
      </c>
      <c r="O22740" s="5" t="s">
        <v>38</v>
      </c>
      <c r="P22740" s="5" t="s">
        <v>39</v>
      </c>
      <c r="Q22740" s="5" t="s">
        <v>40</v>
      </c>
      <c r="R22740" s="5" t="s">
        <v>1522</v>
      </c>
      <c r="S22740" s="5" t="s">
        <v>1523</v>
      </c>
      <c r="T22740" s="5" t="s">
        <v>42</v>
      </c>
      <c r="U22740" s="2">
        <v>0.95299999999999996</v>
      </c>
      <c r="V22740" s="2">
        <v>0.72499999999999998</v>
      </c>
      <c r="W22740" s="2">
        <v>5.0000000000000001E-3</v>
      </c>
      <c r="X22740" s="2">
        <v>86.3</v>
      </c>
      <c r="Y22740" s="2">
        <v>7.1</v>
      </c>
      <c r="Z22740" s="2">
        <v>7.4</v>
      </c>
      <c r="AA22740" s="5"/>
      <c r="AB22740" s="5" t="s">
        <v>43</v>
      </c>
      <c r="AC22740" s="5" t="s">
        <v>44</v>
      </c>
      <c r="AD22740" s="2"/>
      <c r="AE22740" s="1"/>
    </row>
    <row r="22741" spans="1:31" ht="14.45">
      <c r="A22741" s="11"/>
      <c r="B22741" s="20"/>
      <c r="C22741" s="2" t="s">
        <v>73100</v>
      </c>
      <c r="D22741" s="14" t="s">
        <v>73101</v>
      </c>
      <c r="E22741" s="2" t="s">
        <v>73102</v>
      </c>
      <c r="F22741" s="2" t="s">
        <v>7212</v>
      </c>
      <c r="G22741" s="8">
        <v>52</v>
      </c>
      <c r="H22741" s="5">
        <v>5</v>
      </c>
      <c r="I22741" s="5" t="s">
        <v>1518</v>
      </c>
      <c r="J22741" s="5" t="s">
        <v>69038</v>
      </c>
      <c r="K22741" s="2" t="s">
        <v>69039</v>
      </c>
      <c r="L22741" s="5" t="s">
        <v>69038</v>
      </c>
      <c r="M22741" s="2" t="s">
        <v>69039</v>
      </c>
      <c r="N22741" s="5" t="s">
        <v>1521</v>
      </c>
      <c r="O22741" s="5" t="s">
        <v>38</v>
      </c>
      <c r="P22741" s="5" t="s">
        <v>39</v>
      </c>
      <c r="Q22741" s="5" t="s">
        <v>40</v>
      </c>
      <c r="R22741" s="5" t="s">
        <v>1522</v>
      </c>
      <c r="S22741" s="5" t="s">
        <v>1523</v>
      </c>
      <c r="T22741" s="5" t="s">
        <v>125</v>
      </c>
      <c r="U22741" s="2">
        <v>0.94599999999999995</v>
      </c>
      <c r="V22741" s="2">
        <v>0.71799999999999997</v>
      </c>
      <c r="W22741" s="2">
        <v>5.0000000000000001E-3</v>
      </c>
      <c r="X22741" s="2">
        <v>86.3</v>
      </c>
      <c r="Y22741" s="2">
        <v>7.1</v>
      </c>
      <c r="Z22741" s="2">
        <v>7.4</v>
      </c>
      <c r="AA22741" s="5"/>
      <c r="AB22741" s="5" t="s">
        <v>43</v>
      </c>
      <c r="AC22741" s="5" t="s">
        <v>44</v>
      </c>
      <c r="AD22741" s="2"/>
      <c r="AE22741" s="1"/>
    </row>
    <row r="22742" spans="1:31" ht="14.45">
      <c r="A22742" s="11"/>
      <c r="B22742" s="20"/>
      <c r="C22742" s="2" t="s">
        <v>73103</v>
      </c>
      <c r="D22742" s="14" t="s">
        <v>73104</v>
      </c>
      <c r="E22742" s="2" t="s">
        <v>73105</v>
      </c>
      <c r="F22742" s="2" t="s">
        <v>7204</v>
      </c>
      <c r="G22742" s="8">
        <v>58</v>
      </c>
      <c r="H22742" s="5">
        <v>6</v>
      </c>
      <c r="I22742" s="5" t="s">
        <v>1518</v>
      </c>
      <c r="J22742" s="5" t="s">
        <v>69038</v>
      </c>
      <c r="K22742" s="2" t="s">
        <v>69039</v>
      </c>
      <c r="L22742" s="5" t="s">
        <v>69038</v>
      </c>
      <c r="M22742" s="2" t="s">
        <v>69039</v>
      </c>
      <c r="N22742" s="5" t="s">
        <v>1521</v>
      </c>
      <c r="O22742" s="5" t="s">
        <v>38</v>
      </c>
      <c r="P22742" s="5" t="s">
        <v>39</v>
      </c>
      <c r="Q22742" s="5" t="s">
        <v>40</v>
      </c>
      <c r="R22742" s="5" t="s">
        <v>1522</v>
      </c>
      <c r="S22742" s="5" t="s">
        <v>1523</v>
      </c>
      <c r="T22742" s="5" t="s">
        <v>125</v>
      </c>
      <c r="U22742" s="2">
        <v>1.288</v>
      </c>
      <c r="V22742" s="2">
        <v>1.06</v>
      </c>
      <c r="W22742" s="2">
        <v>5.0000000000000001E-3</v>
      </c>
      <c r="X22742" s="2">
        <v>86.3</v>
      </c>
      <c r="Y22742" s="2">
        <v>7.1</v>
      </c>
      <c r="Z22742" s="2">
        <v>7.4</v>
      </c>
      <c r="AA22742" s="5"/>
      <c r="AB22742" s="5" t="s">
        <v>43</v>
      </c>
      <c r="AC22742" s="5" t="s">
        <v>44</v>
      </c>
      <c r="AD22742" s="2"/>
      <c r="AE22742" s="1"/>
    </row>
    <row r="22743" spans="1:31" ht="14.45">
      <c r="A22743" s="11"/>
      <c r="B22743" s="20"/>
      <c r="C22743" s="2" t="s">
        <v>73106</v>
      </c>
      <c r="D22743" s="14" t="s">
        <v>73107</v>
      </c>
      <c r="E22743" s="2" t="s">
        <v>73108</v>
      </c>
      <c r="F22743" s="2" t="s">
        <v>7396</v>
      </c>
      <c r="G22743" s="8">
        <v>58</v>
      </c>
      <c r="H22743" s="5">
        <v>6</v>
      </c>
      <c r="I22743" s="5" t="s">
        <v>1518</v>
      </c>
      <c r="J22743" s="5" t="s">
        <v>69038</v>
      </c>
      <c r="K22743" s="2" t="s">
        <v>69039</v>
      </c>
      <c r="L22743" s="5" t="s">
        <v>69038</v>
      </c>
      <c r="M22743" s="2" t="s">
        <v>69039</v>
      </c>
      <c r="N22743" s="5" t="s">
        <v>1521</v>
      </c>
      <c r="O22743" s="5" t="s">
        <v>38</v>
      </c>
      <c r="P22743" s="5" t="s">
        <v>39</v>
      </c>
      <c r="Q22743" s="5" t="s">
        <v>40</v>
      </c>
      <c r="R22743" s="5" t="s">
        <v>1522</v>
      </c>
      <c r="S22743" s="5" t="s">
        <v>1523</v>
      </c>
      <c r="T22743" s="5" t="s">
        <v>42</v>
      </c>
      <c r="U22743" s="2">
        <v>1.31</v>
      </c>
      <c r="V22743" s="2">
        <v>1.0820000000000001</v>
      </c>
      <c r="W22743" s="2">
        <v>5.0000000000000001E-3</v>
      </c>
      <c r="X22743" s="2">
        <v>86.3</v>
      </c>
      <c r="Y22743" s="2">
        <v>7.1</v>
      </c>
      <c r="Z22743" s="2">
        <v>7.4</v>
      </c>
      <c r="AA22743" s="5"/>
      <c r="AB22743" s="5" t="s">
        <v>43</v>
      </c>
      <c r="AC22743" s="5" t="s">
        <v>44</v>
      </c>
      <c r="AD22743" s="2"/>
      <c r="AE22743" s="1"/>
    </row>
    <row r="22744" spans="1:31" ht="14.45">
      <c r="A22744" s="11"/>
      <c r="B22744" s="20"/>
      <c r="C22744" s="2" t="s">
        <v>73109</v>
      </c>
      <c r="D22744" s="14" t="s">
        <v>73110</v>
      </c>
      <c r="E22744" s="2" t="s">
        <v>73111</v>
      </c>
      <c r="F22744" s="2" t="s">
        <v>7212</v>
      </c>
      <c r="G22744" s="8">
        <v>58</v>
      </c>
      <c r="H22744" s="5">
        <v>6</v>
      </c>
      <c r="I22744" s="5" t="s">
        <v>1518</v>
      </c>
      <c r="J22744" s="5" t="s">
        <v>69038</v>
      </c>
      <c r="K22744" s="2" t="s">
        <v>69039</v>
      </c>
      <c r="L22744" s="5" t="s">
        <v>69038</v>
      </c>
      <c r="M22744" s="2" t="s">
        <v>69039</v>
      </c>
      <c r="N22744" s="5" t="s">
        <v>1521</v>
      </c>
      <c r="O22744" s="5" t="s">
        <v>38</v>
      </c>
      <c r="P22744" s="5" t="s">
        <v>39</v>
      </c>
      <c r="Q22744" s="5" t="s">
        <v>40</v>
      </c>
      <c r="R22744" s="5" t="s">
        <v>1522</v>
      </c>
      <c r="S22744" s="5" t="s">
        <v>1523</v>
      </c>
      <c r="T22744" s="5" t="s">
        <v>125</v>
      </c>
      <c r="U22744" s="2">
        <v>1.288</v>
      </c>
      <c r="V22744" s="2">
        <v>1.06</v>
      </c>
      <c r="W22744" s="2">
        <v>5.0000000000000001E-3</v>
      </c>
      <c r="X22744" s="2">
        <v>86.3</v>
      </c>
      <c r="Y22744" s="2">
        <v>7.1</v>
      </c>
      <c r="Z22744" s="2">
        <v>7.4</v>
      </c>
      <c r="AA22744" s="5"/>
      <c r="AB22744" s="5" t="s">
        <v>43</v>
      </c>
      <c r="AC22744" s="5" t="s">
        <v>44</v>
      </c>
      <c r="AD22744" s="2"/>
      <c r="AE22744" s="1"/>
    </row>
    <row r="22745" spans="1:31" ht="14.45">
      <c r="A22745" s="11"/>
      <c r="B22745" s="20"/>
      <c r="C22745" s="2" t="s">
        <v>73112</v>
      </c>
      <c r="D22745" s="14" t="s">
        <v>73113</v>
      </c>
      <c r="E22745" s="2" t="s">
        <v>73114</v>
      </c>
      <c r="F22745" s="2" t="s">
        <v>7204</v>
      </c>
      <c r="G22745" s="8">
        <v>65</v>
      </c>
      <c r="H22745" s="5">
        <v>5</v>
      </c>
      <c r="I22745" s="5" t="s">
        <v>1518</v>
      </c>
      <c r="J22745" s="5" t="s">
        <v>69038</v>
      </c>
      <c r="K22745" s="2" t="s">
        <v>69039</v>
      </c>
      <c r="L22745" s="5" t="s">
        <v>69038</v>
      </c>
      <c r="M22745" s="2" t="s">
        <v>69039</v>
      </c>
      <c r="N22745" s="5" t="s">
        <v>1521</v>
      </c>
      <c r="O22745" s="5" t="s">
        <v>38</v>
      </c>
      <c r="P22745" s="5" t="s">
        <v>39</v>
      </c>
      <c r="Q22745" s="5" t="s">
        <v>40</v>
      </c>
      <c r="R22745" s="5" t="s">
        <v>1522</v>
      </c>
      <c r="S22745" s="5" t="s">
        <v>1523</v>
      </c>
      <c r="T22745" s="5" t="s">
        <v>125</v>
      </c>
      <c r="U22745" s="2">
        <v>1.0940000000000001</v>
      </c>
      <c r="V22745" s="2">
        <v>0.86899999999999999</v>
      </c>
      <c r="W22745" s="2">
        <v>6.0000000000000001E-3</v>
      </c>
      <c r="X22745" s="2">
        <v>102.5</v>
      </c>
      <c r="Y22745" s="2">
        <v>7.1</v>
      </c>
      <c r="Z22745" s="2">
        <v>7.4</v>
      </c>
      <c r="AA22745" s="5"/>
      <c r="AB22745" s="5" t="s">
        <v>43</v>
      </c>
      <c r="AC22745" s="5" t="s">
        <v>44</v>
      </c>
      <c r="AD22745" s="2"/>
      <c r="AE22745" s="1"/>
    </row>
    <row r="22746" spans="1:31" ht="14.45">
      <c r="A22746" s="11"/>
      <c r="B22746" s="20"/>
      <c r="C22746" s="2" t="s">
        <v>73115</v>
      </c>
      <c r="D22746" s="14" t="s">
        <v>73116</v>
      </c>
      <c r="E22746" s="2" t="s">
        <v>73117</v>
      </c>
      <c r="F22746" s="2" t="s">
        <v>7208</v>
      </c>
      <c r="G22746" s="8">
        <v>65</v>
      </c>
      <c r="H22746" s="5">
        <v>5</v>
      </c>
      <c r="I22746" s="5" t="s">
        <v>1518</v>
      </c>
      <c r="J22746" s="5" t="s">
        <v>69038</v>
      </c>
      <c r="K22746" s="2" t="s">
        <v>69039</v>
      </c>
      <c r="L22746" s="5" t="s">
        <v>69038</v>
      </c>
      <c r="M22746" s="2" t="s">
        <v>69039</v>
      </c>
      <c r="N22746" s="5" t="s">
        <v>1521</v>
      </c>
      <c r="O22746" s="5" t="s">
        <v>38</v>
      </c>
      <c r="P22746" s="5" t="s">
        <v>39</v>
      </c>
      <c r="Q22746" s="5" t="s">
        <v>40</v>
      </c>
      <c r="R22746" s="5" t="s">
        <v>1522</v>
      </c>
      <c r="S22746" s="5" t="s">
        <v>1523</v>
      </c>
      <c r="T22746" s="5" t="s">
        <v>125</v>
      </c>
      <c r="U22746" s="2">
        <v>1.0940000000000001</v>
      </c>
      <c r="V22746" s="2">
        <v>0.86899999999999999</v>
      </c>
      <c r="W22746" s="2">
        <v>6.0000000000000001E-3</v>
      </c>
      <c r="X22746" s="2">
        <v>102.5</v>
      </c>
      <c r="Y22746" s="2">
        <v>7.1</v>
      </c>
      <c r="Z22746" s="2">
        <v>7.4</v>
      </c>
      <c r="AA22746" s="5"/>
      <c r="AB22746" s="5" t="s">
        <v>43</v>
      </c>
      <c r="AC22746" s="5" t="s">
        <v>44</v>
      </c>
      <c r="AD22746" s="2"/>
      <c r="AE22746" s="1"/>
    </row>
    <row r="22747" spans="1:31" ht="14.45">
      <c r="A22747" s="11"/>
      <c r="B22747" s="20"/>
      <c r="C22747" s="2" t="s">
        <v>73118</v>
      </c>
      <c r="D22747" s="14" t="s">
        <v>73119</v>
      </c>
      <c r="E22747" s="2" t="s">
        <v>73120</v>
      </c>
      <c r="F22747" s="2" t="s">
        <v>7396</v>
      </c>
      <c r="G22747" s="8">
        <v>65</v>
      </c>
      <c r="H22747" s="5">
        <v>5</v>
      </c>
      <c r="I22747" s="5" t="s">
        <v>1518</v>
      </c>
      <c r="J22747" s="5" t="s">
        <v>69038</v>
      </c>
      <c r="K22747" s="2" t="s">
        <v>69039</v>
      </c>
      <c r="L22747" s="5" t="s">
        <v>69038</v>
      </c>
      <c r="M22747" s="2" t="s">
        <v>69039</v>
      </c>
      <c r="N22747" s="5" t="s">
        <v>1521</v>
      </c>
      <c r="O22747" s="5" t="s">
        <v>38</v>
      </c>
      <c r="P22747" s="5" t="s">
        <v>39</v>
      </c>
      <c r="Q22747" s="5" t="s">
        <v>40</v>
      </c>
      <c r="R22747" s="5" t="s">
        <v>1522</v>
      </c>
      <c r="S22747" s="5" t="s">
        <v>1523</v>
      </c>
      <c r="T22747" s="5" t="s">
        <v>42</v>
      </c>
      <c r="U22747" s="2">
        <v>1.1020000000000001</v>
      </c>
      <c r="V22747" s="2">
        <v>0.877</v>
      </c>
      <c r="W22747" s="2">
        <v>5.0000000000000001E-3</v>
      </c>
      <c r="X22747" s="2">
        <v>102.5</v>
      </c>
      <c r="Y22747" s="2">
        <v>7.1</v>
      </c>
      <c r="Z22747" s="2">
        <v>7.4</v>
      </c>
      <c r="AA22747" s="5"/>
      <c r="AB22747" s="5" t="s">
        <v>43</v>
      </c>
      <c r="AC22747" s="5" t="s">
        <v>44</v>
      </c>
      <c r="AD22747" s="2"/>
      <c r="AE22747" s="1"/>
    </row>
    <row r="22748" spans="1:31" ht="14.45">
      <c r="A22748" s="11"/>
      <c r="B22748" s="20"/>
      <c r="C22748" s="2" t="s">
        <v>73121</v>
      </c>
      <c r="D22748" s="14" t="s">
        <v>73122</v>
      </c>
      <c r="E22748" s="2" t="s">
        <v>73123</v>
      </c>
      <c r="F22748" s="2" t="s">
        <v>7212</v>
      </c>
      <c r="G22748" s="8">
        <v>65</v>
      </c>
      <c r="H22748" s="5">
        <v>5</v>
      </c>
      <c r="I22748" s="5" t="s">
        <v>1518</v>
      </c>
      <c r="J22748" s="5" t="s">
        <v>69038</v>
      </c>
      <c r="K22748" s="2" t="s">
        <v>69039</v>
      </c>
      <c r="L22748" s="5" t="s">
        <v>69038</v>
      </c>
      <c r="M22748" s="2" t="s">
        <v>69039</v>
      </c>
      <c r="N22748" s="5" t="s">
        <v>1521</v>
      </c>
      <c r="O22748" s="5" t="s">
        <v>38</v>
      </c>
      <c r="P22748" s="5" t="s">
        <v>39</v>
      </c>
      <c r="Q22748" s="5" t="s">
        <v>40</v>
      </c>
      <c r="R22748" s="5" t="s">
        <v>1522</v>
      </c>
      <c r="S22748" s="5" t="s">
        <v>1523</v>
      </c>
      <c r="T22748" s="5" t="s">
        <v>125</v>
      </c>
      <c r="U22748" s="2">
        <v>1.0940000000000001</v>
      </c>
      <c r="V22748" s="2">
        <v>0.86899999999999999</v>
      </c>
      <c r="W22748" s="2">
        <v>6.0000000000000001E-3</v>
      </c>
      <c r="X22748" s="2">
        <v>102.5</v>
      </c>
      <c r="Y22748" s="2">
        <v>7.1</v>
      </c>
      <c r="Z22748" s="2">
        <v>7.4</v>
      </c>
      <c r="AA22748" s="5"/>
      <c r="AB22748" s="5" t="s">
        <v>43</v>
      </c>
      <c r="AC22748" s="5" t="s">
        <v>44</v>
      </c>
      <c r="AD22748" s="2"/>
      <c r="AE22748" s="1"/>
    </row>
    <row r="22749" spans="1:31" ht="14.45">
      <c r="A22749" s="11"/>
      <c r="B22749" s="20"/>
      <c r="C22749" s="2" t="s">
        <v>73124</v>
      </c>
      <c r="D22749" s="14" t="s">
        <v>73125</v>
      </c>
      <c r="E22749" s="2" t="s">
        <v>73126</v>
      </c>
      <c r="F22749" s="2" t="s">
        <v>7204</v>
      </c>
      <c r="G22749" s="8">
        <v>73</v>
      </c>
      <c r="H22749" s="5">
        <v>5</v>
      </c>
      <c r="I22749" s="5" t="s">
        <v>1518</v>
      </c>
      <c r="J22749" s="5" t="s">
        <v>69038</v>
      </c>
      <c r="K22749" s="2" t="s">
        <v>69039</v>
      </c>
      <c r="L22749" s="5" t="s">
        <v>69038</v>
      </c>
      <c r="M22749" s="2" t="s">
        <v>69039</v>
      </c>
      <c r="N22749" s="5" t="s">
        <v>1521</v>
      </c>
      <c r="O22749" s="5" t="s">
        <v>38</v>
      </c>
      <c r="P22749" s="5" t="s">
        <v>39</v>
      </c>
      <c r="Q22749" s="5" t="s">
        <v>40</v>
      </c>
      <c r="R22749" s="5" t="s">
        <v>1522</v>
      </c>
      <c r="S22749" s="5" t="s">
        <v>1523</v>
      </c>
      <c r="T22749" s="5" t="s">
        <v>125</v>
      </c>
      <c r="U22749" s="2">
        <v>1.296</v>
      </c>
      <c r="V22749" s="2">
        <v>1.0309999999999999</v>
      </c>
      <c r="W22749" s="2">
        <v>7.0000000000000001E-3</v>
      </c>
      <c r="X22749" s="2">
        <v>126.9</v>
      </c>
      <c r="Y22749" s="2">
        <v>7.1</v>
      </c>
      <c r="Z22749" s="2">
        <v>7.4</v>
      </c>
      <c r="AA22749" s="5"/>
      <c r="AB22749" s="5" t="s">
        <v>43</v>
      </c>
      <c r="AC22749" s="5" t="s">
        <v>44</v>
      </c>
      <c r="AD22749" s="2"/>
      <c r="AE22749" s="1"/>
    </row>
    <row r="22750" spans="1:31" ht="14.45">
      <c r="A22750" s="11"/>
      <c r="B22750" s="20"/>
      <c r="C22750" s="2" t="s">
        <v>73127</v>
      </c>
      <c r="D22750" s="14" t="s">
        <v>73128</v>
      </c>
      <c r="E22750" s="2" t="s">
        <v>73129</v>
      </c>
      <c r="F22750" s="2" t="s">
        <v>7208</v>
      </c>
      <c r="G22750" s="8">
        <v>73</v>
      </c>
      <c r="H22750" s="5">
        <v>5</v>
      </c>
      <c r="I22750" s="5" t="s">
        <v>1518</v>
      </c>
      <c r="J22750" s="5" t="s">
        <v>69038</v>
      </c>
      <c r="K22750" s="2" t="s">
        <v>69039</v>
      </c>
      <c r="L22750" s="5" t="s">
        <v>69038</v>
      </c>
      <c r="M22750" s="2" t="s">
        <v>69039</v>
      </c>
      <c r="N22750" s="5" t="s">
        <v>1521</v>
      </c>
      <c r="O22750" s="5" t="s">
        <v>38</v>
      </c>
      <c r="P22750" s="5" t="s">
        <v>39</v>
      </c>
      <c r="Q22750" s="5" t="s">
        <v>40</v>
      </c>
      <c r="R22750" s="5" t="s">
        <v>1522</v>
      </c>
      <c r="S22750" s="5" t="s">
        <v>1523</v>
      </c>
      <c r="T22750" s="5" t="s">
        <v>125</v>
      </c>
      <c r="U22750" s="2">
        <v>1.296</v>
      </c>
      <c r="V22750" s="2">
        <v>1.0309999999999999</v>
      </c>
      <c r="W22750" s="2">
        <v>7.0000000000000001E-3</v>
      </c>
      <c r="X22750" s="2">
        <v>126.9</v>
      </c>
      <c r="Y22750" s="2">
        <v>7.1</v>
      </c>
      <c r="Z22750" s="2">
        <v>7.4</v>
      </c>
      <c r="AA22750" s="5"/>
      <c r="AB22750" s="5" t="s">
        <v>43</v>
      </c>
      <c r="AC22750" s="5" t="s">
        <v>44</v>
      </c>
      <c r="AD22750" s="2"/>
      <c r="AE22750" s="1"/>
    </row>
    <row r="22751" spans="1:31" ht="14.45">
      <c r="A22751" s="11"/>
      <c r="B22751" s="20"/>
      <c r="C22751" s="2" t="s">
        <v>73130</v>
      </c>
      <c r="D22751" s="14" t="s">
        <v>73131</v>
      </c>
      <c r="E22751" s="2" t="s">
        <v>73132</v>
      </c>
      <c r="F22751" s="2" t="s">
        <v>7396</v>
      </c>
      <c r="G22751" s="8">
        <v>73</v>
      </c>
      <c r="H22751" s="5">
        <v>5</v>
      </c>
      <c r="I22751" s="5" t="s">
        <v>1518</v>
      </c>
      <c r="J22751" s="5" t="s">
        <v>69038</v>
      </c>
      <c r="K22751" s="2" t="s">
        <v>69039</v>
      </c>
      <c r="L22751" s="5" t="s">
        <v>69038</v>
      </c>
      <c r="M22751" s="2" t="s">
        <v>69039</v>
      </c>
      <c r="N22751" s="5" t="s">
        <v>1521</v>
      </c>
      <c r="O22751" s="5" t="s">
        <v>38</v>
      </c>
      <c r="P22751" s="5" t="s">
        <v>39</v>
      </c>
      <c r="Q22751" s="5" t="s">
        <v>40</v>
      </c>
      <c r="R22751" s="5" t="s">
        <v>1522</v>
      </c>
      <c r="S22751" s="5" t="s">
        <v>1523</v>
      </c>
      <c r="T22751" s="5" t="s">
        <v>42</v>
      </c>
      <c r="U22751" s="2">
        <v>1.3069999999999999</v>
      </c>
      <c r="V22751" s="2">
        <v>1.042</v>
      </c>
      <c r="W22751" s="2">
        <v>7.0000000000000001E-3</v>
      </c>
      <c r="X22751" s="2">
        <v>126.9</v>
      </c>
      <c r="Y22751" s="2">
        <v>7.1</v>
      </c>
      <c r="Z22751" s="2">
        <v>7.4</v>
      </c>
      <c r="AA22751" s="5"/>
      <c r="AB22751" s="5" t="s">
        <v>43</v>
      </c>
      <c r="AC22751" s="5" t="s">
        <v>44</v>
      </c>
      <c r="AD22751" s="2"/>
      <c r="AE22751" s="1"/>
    </row>
    <row r="22752" spans="1:31" ht="14.45">
      <c r="A22752" s="11"/>
      <c r="B22752" s="20"/>
      <c r="C22752" s="2" t="s">
        <v>73133</v>
      </c>
      <c r="D22752" s="14" t="s">
        <v>73134</v>
      </c>
      <c r="E22752" s="2" t="s">
        <v>73135</v>
      </c>
      <c r="F22752" s="2" t="s">
        <v>7212</v>
      </c>
      <c r="G22752" s="8">
        <v>73</v>
      </c>
      <c r="H22752" s="5">
        <v>5</v>
      </c>
      <c r="I22752" s="5" t="s">
        <v>1518</v>
      </c>
      <c r="J22752" s="5" t="s">
        <v>69038</v>
      </c>
      <c r="K22752" s="2" t="s">
        <v>69039</v>
      </c>
      <c r="L22752" s="5" t="s">
        <v>69038</v>
      </c>
      <c r="M22752" s="2" t="s">
        <v>69039</v>
      </c>
      <c r="N22752" s="5" t="s">
        <v>1521</v>
      </c>
      <c r="O22752" s="5" t="s">
        <v>38</v>
      </c>
      <c r="P22752" s="5" t="s">
        <v>39</v>
      </c>
      <c r="Q22752" s="5" t="s">
        <v>40</v>
      </c>
      <c r="R22752" s="5" t="s">
        <v>1522</v>
      </c>
      <c r="S22752" s="5" t="s">
        <v>1523</v>
      </c>
      <c r="T22752" s="5" t="s">
        <v>125</v>
      </c>
      <c r="U22752" s="2">
        <v>1.296</v>
      </c>
      <c r="V22752" s="2">
        <v>1.0309999999999999</v>
      </c>
      <c r="W22752" s="2">
        <v>7.0000000000000001E-3</v>
      </c>
      <c r="X22752" s="2">
        <v>126.9</v>
      </c>
      <c r="Y22752" s="2">
        <v>7.1</v>
      </c>
      <c r="Z22752" s="2">
        <v>7.4</v>
      </c>
      <c r="AA22752" s="5"/>
      <c r="AB22752" s="5" t="s">
        <v>43</v>
      </c>
      <c r="AC22752" s="5" t="s">
        <v>44</v>
      </c>
      <c r="AD22752" s="2"/>
      <c r="AE22752" s="1"/>
    </row>
    <row r="22753" spans="1:31" ht="14.45">
      <c r="A22753" s="11"/>
      <c r="B22753" s="20"/>
      <c r="C22753" s="2" t="s">
        <v>73136</v>
      </c>
      <c r="D22753" s="14" t="s">
        <v>73137</v>
      </c>
      <c r="E22753" s="2" t="s">
        <v>73138</v>
      </c>
      <c r="F22753" s="2" t="s">
        <v>7204</v>
      </c>
      <c r="G22753" s="8">
        <v>77</v>
      </c>
      <c r="H22753" s="5">
        <v>5</v>
      </c>
      <c r="I22753" s="5" t="s">
        <v>1518</v>
      </c>
      <c r="J22753" s="5" t="s">
        <v>69038</v>
      </c>
      <c r="K22753" s="2" t="s">
        <v>69039</v>
      </c>
      <c r="L22753" s="5" t="s">
        <v>69038</v>
      </c>
      <c r="M22753" s="2" t="s">
        <v>69039</v>
      </c>
      <c r="N22753" s="5" t="s">
        <v>1521</v>
      </c>
      <c r="O22753" s="5" t="s">
        <v>38</v>
      </c>
      <c r="P22753" s="5" t="s">
        <v>39</v>
      </c>
      <c r="Q22753" s="5" t="s">
        <v>40</v>
      </c>
      <c r="R22753" s="5" t="s">
        <v>1522</v>
      </c>
      <c r="S22753" s="5" t="s">
        <v>1523</v>
      </c>
      <c r="T22753" s="5" t="s">
        <v>125</v>
      </c>
      <c r="U22753" s="2">
        <v>1.498</v>
      </c>
      <c r="V22753" s="2">
        <v>1.21</v>
      </c>
      <c r="W22753" s="2">
        <v>8.0000000000000002E-3</v>
      </c>
      <c r="X22753" s="2">
        <v>142.30000000000001</v>
      </c>
      <c r="Y22753" s="2">
        <v>7.1</v>
      </c>
      <c r="Z22753" s="2">
        <v>7.4</v>
      </c>
      <c r="AA22753" s="5"/>
      <c r="AB22753" s="5" t="s">
        <v>43</v>
      </c>
      <c r="AC22753" s="5" t="s">
        <v>44</v>
      </c>
      <c r="AD22753" s="2"/>
      <c r="AE22753" s="1"/>
    </row>
    <row r="22754" spans="1:31" ht="14.45">
      <c r="A22754" s="11"/>
      <c r="B22754" s="20"/>
      <c r="C22754" s="2" t="s">
        <v>73139</v>
      </c>
      <c r="D22754" s="14" t="s">
        <v>73140</v>
      </c>
      <c r="E22754" s="2" t="s">
        <v>73141</v>
      </c>
      <c r="F22754" s="2" t="s">
        <v>7208</v>
      </c>
      <c r="G22754" s="8">
        <v>77</v>
      </c>
      <c r="H22754" s="5">
        <v>5</v>
      </c>
      <c r="I22754" s="5" t="s">
        <v>1518</v>
      </c>
      <c r="J22754" s="5" t="s">
        <v>69038</v>
      </c>
      <c r="K22754" s="2" t="s">
        <v>69039</v>
      </c>
      <c r="L22754" s="5" t="s">
        <v>69038</v>
      </c>
      <c r="M22754" s="2" t="s">
        <v>69039</v>
      </c>
      <c r="N22754" s="5" t="s">
        <v>1521</v>
      </c>
      <c r="O22754" s="5" t="s">
        <v>38</v>
      </c>
      <c r="P22754" s="5" t="s">
        <v>39</v>
      </c>
      <c r="Q22754" s="5" t="s">
        <v>40</v>
      </c>
      <c r="R22754" s="5" t="s">
        <v>1522</v>
      </c>
      <c r="S22754" s="5" t="s">
        <v>1523</v>
      </c>
      <c r="T22754" s="5" t="s">
        <v>125</v>
      </c>
      <c r="U22754" s="2">
        <v>1.498</v>
      </c>
      <c r="V22754" s="2">
        <v>1.21</v>
      </c>
      <c r="W22754" s="2">
        <v>8.0000000000000002E-3</v>
      </c>
      <c r="X22754" s="2">
        <v>142.30000000000001</v>
      </c>
      <c r="Y22754" s="2">
        <v>7.1</v>
      </c>
      <c r="Z22754" s="2">
        <v>7.4</v>
      </c>
      <c r="AA22754" s="5"/>
      <c r="AB22754" s="5" t="s">
        <v>43</v>
      </c>
      <c r="AC22754" s="5" t="s">
        <v>44</v>
      </c>
      <c r="AD22754" s="2"/>
      <c r="AE22754" s="1"/>
    </row>
    <row r="22755" spans="1:31" ht="14.45">
      <c r="A22755" s="11"/>
      <c r="B22755" s="20"/>
      <c r="C22755" s="2" t="s">
        <v>73142</v>
      </c>
      <c r="D22755" s="14" t="s">
        <v>73143</v>
      </c>
      <c r="E22755" s="2" t="s">
        <v>73144</v>
      </c>
      <c r="F22755" s="2" t="s">
        <v>7396</v>
      </c>
      <c r="G22755" s="8">
        <v>77</v>
      </c>
      <c r="H22755" s="5">
        <v>5</v>
      </c>
      <c r="I22755" s="5" t="s">
        <v>1518</v>
      </c>
      <c r="J22755" s="5" t="s">
        <v>69038</v>
      </c>
      <c r="K22755" s="2" t="s">
        <v>69039</v>
      </c>
      <c r="L22755" s="5" t="s">
        <v>69038</v>
      </c>
      <c r="M22755" s="2" t="s">
        <v>69039</v>
      </c>
      <c r="N22755" s="5" t="s">
        <v>1521</v>
      </c>
      <c r="O22755" s="5" t="s">
        <v>38</v>
      </c>
      <c r="P22755" s="5" t="s">
        <v>39</v>
      </c>
      <c r="Q22755" s="5" t="s">
        <v>40</v>
      </c>
      <c r="R22755" s="5" t="s">
        <v>1522</v>
      </c>
      <c r="S22755" s="5" t="s">
        <v>1523</v>
      </c>
      <c r="T22755" s="5" t="s">
        <v>42</v>
      </c>
      <c r="U22755" s="2">
        <v>1.5109999999999999</v>
      </c>
      <c r="V22755" s="2">
        <v>1.2230000000000001</v>
      </c>
      <c r="W22755" s="2">
        <v>7.0000000000000001E-3</v>
      </c>
      <c r="X22755" s="2">
        <v>142.30000000000001</v>
      </c>
      <c r="Y22755" s="2">
        <v>7.1</v>
      </c>
      <c r="Z22755" s="2">
        <v>7.4</v>
      </c>
      <c r="AA22755" s="5"/>
      <c r="AB22755" s="5" t="s">
        <v>43</v>
      </c>
      <c r="AC22755" s="5" t="s">
        <v>44</v>
      </c>
      <c r="AD22755" s="2"/>
      <c r="AE22755" s="1"/>
    </row>
    <row r="22756" spans="1:31" ht="14.45">
      <c r="A22756" s="11"/>
      <c r="B22756" s="20"/>
      <c r="C22756" s="2" t="s">
        <v>73145</v>
      </c>
      <c r="D22756" s="14" t="s">
        <v>73146</v>
      </c>
      <c r="E22756" s="2" t="s">
        <v>73147</v>
      </c>
      <c r="F22756" s="2" t="s">
        <v>7212</v>
      </c>
      <c r="G22756" s="8">
        <v>77</v>
      </c>
      <c r="H22756" s="5">
        <v>5</v>
      </c>
      <c r="I22756" s="5" t="s">
        <v>1518</v>
      </c>
      <c r="J22756" s="5" t="s">
        <v>69038</v>
      </c>
      <c r="K22756" s="2" t="s">
        <v>69039</v>
      </c>
      <c r="L22756" s="5" t="s">
        <v>69038</v>
      </c>
      <c r="M22756" s="2" t="s">
        <v>69039</v>
      </c>
      <c r="N22756" s="5" t="s">
        <v>1521</v>
      </c>
      <c r="O22756" s="5" t="s">
        <v>38</v>
      </c>
      <c r="P22756" s="5" t="s">
        <v>39</v>
      </c>
      <c r="Q22756" s="5" t="s">
        <v>40</v>
      </c>
      <c r="R22756" s="5" t="s">
        <v>1522</v>
      </c>
      <c r="S22756" s="5" t="s">
        <v>1523</v>
      </c>
      <c r="T22756" s="5" t="s">
        <v>125</v>
      </c>
      <c r="U22756" s="2">
        <v>1.498</v>
      </c>
      <c r="V22756" s="2">
        <v>1.21</v>
      </c>
      <c r="W22756" s="2">
        <v>8.0000000000000002E-3</v>
      </c>
      <c r="X22756" s="2">
        <v>142.30000000000001</v>
      </c>
      <c r="Y22756" s="2">
        <v>7.1</v>
      </c>
      <c r="Z22756" s="2">
        <v>7.4</v>
      </c>
      <c r="AA22756" s="5"/>
      <c r="AB22756" s="5" t="s">
        <v>43</v>
      </c>
      <c r="AC22756" s="5" t="s">
        <v>44</v>
      </c>
      <c r="AD22756" s="2"/>
      <c r="AE22756" s="1"/>
    </row>
    <row r="22757" spans="1:31" ht="14.45">
      <c r="A22757" s="11"/>
      <c r="B22757" s="20"/>
      <c r="C22757" s="2" t="s">
        <v>73148</v>
      </c>
      <c r="D22757" s="14" t="s">
        <v>73149</v>
      </c>
      <c r="E22757" s="2" t="s">
        <v>73150</v>
      </c>
      <c r="F22757" s="2" t="s">
        <v>7204</v>
      </c>
      <c r="G22757" s="8">
        <v>64</v>
      </c>
      <c r="H22757" s="5">
        <v>6</v>
      </c>
      <c r="I22757" s="5" t="s">
        <v>1518</v>
      </c>
      <c r="J22757" s="5" t="s">
        <v>69038</v>
      </c>
      <c r="K22757" s="2" t="s">
        <v>69039</v>
      </c>
      <c r="L22757" s="5" t="s">
        <v>69038</v>
      </c>
      <c r="M22757" s="2" t="s">
        <v>69039</v>
      </c>
      <c r="N22757" s="5" t="s">
        <v>1521</v>
      </c>
      <c r="O22757" s="5" t="s">
        <v>38</v>
      </c>
      <c r="P22757" s="5" t="s">
        <v>39</v>
      </c>
      <c r="Q22757" s="5" t="s">
        <v>40</v>
      </c>
      <c r="R22757" s="5" t="s">
        <v>1522</v>
      </c>
      <c r="S22757" s="5" t="s">
        <v>1523</v>
      </c>
      <c r="T22757" s="5" t="s">
        <v>125</v>
      </c>
      <c r="U22757" s="2">
        <v>0.84399999999999997</v>
      </c>
      <c r="V22757" s="2">
        <v>0.60899999999999999</v>
      </c>
      <c r="W22757" s="2">
        <v>5.0000000000000001E-3</v>
      </c>
      <c r="X22757" s="2">
        <v>86.3</v>
      </c>
      <c r="Y22757" s="2">
        <v>7.1</v>
      </c>
      <c r="Z22757" s="2">
        <v>7.4</v>
      </c>
      <c r="AA22757" s="5"/>
      <c r="AB22757" s="5" t="s">
        <v>43</v>
      </c>
      <c r="AC22757" s="5" t="s">
        <v>44</v>
      </c>
      <c r="AD22757" s="2"/>
      <c r="AE22757" s="1"/>
    </row>
    <row r="22758" spans="1:31" ht="14.45">
      <c r="A22758" s="11"/>
      <c r="B22758" s="20"/>
      <c r="C22758" s="2" t="s">
        <v>73151</v>
      </c>
      <c r="D22758" s="14" t="s">
        <v>73152</v>
      </c>
      <c r="E22758" s="2" t="s">
        <v>73153</v>
      </c>
      <c r="F22758" s="2" t="s">
        <v>7208</v>
      </c>
      <c r="G22758" s="8">
        <v>64</v>
      </c>
      <c r="H22758" s="5">
        <v>6</v>
      </c>
      <c r="I22758" s="5" t="s">
        <v>1518</v>
      </c>
      <c r="J22758" s="5" t="s">
        <v>69038</v>
      </c>
      <c r="K22758" s="2" t="s">
        <v>69039</v>
      </c>
      <c r="L22758" s="5" t="s">
        <v>69038</v>
      </c>
      <c r="M22758" s="2" t="s">
        <v>69039</v>
      </c>
      <c r="N22758" s="5" t="s">
        <v>1521</v>
      </c>
      <c r="O22758" s="5" t="s">
        <v>38</v>
      </c>
      <c r="P22758" s="5" t="s">
        <v>39</v>
      </c>
      <c r="Q22758" s="5" t="s">
        <v>40</v>
      </c>
      <c r="R22758" s="5" t="s">
        <v>1522</v>
      </c>
      <c r="S22758" s="5" t="s">
        <v>1523</v>
      </c>
      <c r="T22758" s="5" t="s">
        <v>125</v>
      </c>
      <c r="U22758" s="2">
        <v>0.84399999999999997</v>
      </c>
      <c r="V22758" s="2">
        <v>0.60899999999999999</v>
      </c>
      <c r="W22758" s="2">
        <v>5.0000000000000001E-3</v>
      </c>
      <c r="X22758" s="2">
        <v>86.3</v>
      </c>
      <c r="Y22758" s="2">
        <v>7.1</v>
      </c>
      <c r="Z22758" s="2">
        <v>7.4</v>
      </c>
      <c r="AA22758" s="5"/>
      <c r="AB22758" s="5" t="s">
        <v>43</v>
      </c>
      <c r="AC22758" s="5" t="s">
        <v>44</v>
      </c>
      <c r="AD22758" s="2"/>
      <c r="AE22758" s="1"/>
    </row>
    <row r="22759" spans="1:31" ht="14.45">
      <c r="A22759" s="11"/>
      <c r="B22759" s="20"/>
      <c r="C22759" s="2" t="s">
        <v>73154</v>
      </c>
      <c r="D22759" s="14" t="s">
        <v>73155</v>
      </c>
      <c r="E22759" s="2" t="s">
        <v>73156</v>
      </c>
      <c r="F22759" s="2" t="s">
        <v>7396</v>
      </c>
      <c r="G22759" s="8">
        <v>64</v>
      </c>
      <c r="H22759" s="5">
        <v>6</v>
      </c>
      <c r="I22759" s="5" t="s">
        <v>1518</v>
      </c>
      <c r="J22759" s="5" t="s">
        <v>69038</v>
      </c>
      <c r="K22759" s="2" t="s">
        <v>69039</v>
      </c>
      <c r="L22759" s="5" t="s">
        <v>69038</v>
      </c>
      <c r="M22759" s="2" t="s">
        <v>69039</v>
      </c>
      <c r="N22759" s="5" t="s">
        <v>1521</v>
      </c>
      <c r="O22759" s="5" t="s">
        <v>38</v>
      </c>
      <c r="P22759" s="5" t="s">
        <v>39</v>
      </c>
      <c r="Q22759" s="5" t="s">
        <v>40</v>
      </c>
      <c r="R22759" s="5" t="s">
        <v>1522</v>
      </c>
      <c r="S22759" s="5" t="s">
        <v>1523</v>
      </c>
      <c r="T22759" s="5" t="s">
        <v>42</v>
      </c>
      <c r="U22759" s="2">
        <v>0.85</v>
      </c>
      <c r="V22759" s="2">
        <v>0.61499999999999999</v>
      </c>
      <c r="W22759" s="2">
        <v>5.0000000000000001E-3</v>
      </c>
      <c r="X22759" s="2">
        <v>86.3</v>
      </c>
      <c r="Y22759" s="2">
        <v>7.1</v>
      </c>
      <c r="Z22759" s="2">
        <v>7.4</v>
      </c>
      <c r="AA22759" s="5"/>
      <c r="AB22759" s="5" t="s">
        <v>43</v>
      </c>
      <c r="AC22759" s="5" t="s">
        <v>44</v>
      </c>
      <c r="AD22759" s="2"/>
      <c r="AE22759" s="1"/>
    </row>
    <row r="22760" spans="1:31" ht="14.45">
      <c r="A22760" s="11"/>
      <c r="B22760" s="20"/>
      <c r="C22760" s="2" t="s">
        <v>73157</v>
      </c>
      <c r="D22760" s="14" t="s">
        <v>73158</v>
      </c>
      <c r="E22760" s="2" t="s">
        <v>73159</v>
      </c>
      <c r="F22760" s="2" t="s">
        <v>7212</v>
      </c>
      <c r="G22760" s="8">
        <v>64</v>
      </c>
      <c r="H22760" s="5">
        <v>6</v>
      </c>
      <c r="I22760" s="5" t="s">
        <v>1518</v>
      </c>
      <c r="J22760" s="5" t="s">
        <v>69038</v>
      </c>
      <c r="K22760" s="2" t="s">
        <v>69039</v>
      </c>
      <c r="L22760" s="5" t="s">
        <v>69038</v>
      </c>
      <c r="M22760" s="2" t="s">
        <v>69039</v>
      </c>
      <c r="N22760" s="5" t="s">
        <v>1521</v>
      </c>
      <c r="O22760" s="5" t="s">
        <v>38</v>
      </c>
      <c r="P22760" s="5" t="s">
        <v>39</v>
      </c>
      <c r="Q22760" s="5" t="s">
        <v>40</v>
      </c>
      <c r="R22760" s="5" t="s">
        <v>1522</v>
      </c>
      <c r="S22760" s="5" t="s">
        <v>1523</v>
      </c>
      <c r="T22760" s="5" t="s">
        <v>125</v>
      </c>
      <c r="U22760" s="2">
        <v>0.84399999999999997</v>
      </c>
      <c r="V22760" s="2">
        <v>0.60899999999999999</v>
      </c>
      <c r="W22760" s="2">
        <v>5.0000000000000001E-3</v>
      </c>
      <c r="X22760" s="2">
        <v>86.3</v>
      </c>
      <c r="Y22760" s="2">
        <v>7.1</v>
      </c>
      <c r="Z22760" s="2">
        <v>7.4</v>
      </c>
      <c r="AA22760" s="5"/>
      <c r="AB22760" s="5" t="s">
        <v>43</v>
      </c>
      <c r="AC22760" s="5" t="s">
        <v>44</v>
      </c>
      <c r="AD22760" s="2"/>
      <c r="AE22760" s="1"/>
    </row>
    <row r="22761" spans="1:31" ht="14.45">
      <c r="A22761" s="11"/>
      <c r="B22761" s="20"/>
      <c r="C22761" s="2" t="s">
        <v>73160</v>
      </c>
      <c r="D22761" s="14" t="s">
        <v>73161</v>
      </c>
      <c r="E22761" s="2" t="s">
        <v>73162</v>
      </c>
      <c r="F22761" s="2" t="s">
        <v>7204</v>
      </c>
      <c r="G22761" s="8">
        <v>68</v>
      </c>
      <c r="H22761" s="5">
        <v>6</v>
      </c>
      <c r="I22761" s="5" t="s">
        <v>1518</v>
      </c>
      <c r="J22761" s="5" t="s">
        <v>69038</v>
      </c>
      <c r="K22761" s="2" t="s">
        <v>69039</v>
      </c>
      <c r="L22761" s="5" t="s">
        <v>69038</v>
      </c>
      <c r="M22761" s="2" t="s">
        <v>69039</v>
      </c>
      <c r="N22761" s="5" t="s">
        <v>1521</v>
      </c>
      <c r="O22761" s="5" t="s">
        <v>38</v>
      </c>
      <c r="P22761" s="5" t="s">
        <v>39</v>
      </c>
      <c r="Q22761" s="5" t="s">
        <v>40</v>
      </c>
      <c r="R22761" s="5" t="s">
        <v>1522</v>
      </c>
      <c r="S22761" s="5" t="s">
        <v>1523</v>
      </c>
      <c r="T22761" s="5" t="s">
        <v>125</v>
      </c>
      <c r="U22761" s="2">
        <v>0.93200000000000005</v>
      </c>
      <c r="V22761" s="2">
        <v>0.70199999999999996</v>
      </c>
      <c r="W22761" s="2">
        <v>5.0000000000000001E-3</v>
      </c>
      <c r="X22761" s="2">
        <v>86.3</v>
      </c>
      <c r="Y22761" s="2">
        <v>7.1</v>
      </c>
      <c r="Z22761" s="2">
        <v>7.4</v>
      </c>
      <c r="AA22761" s="5"/>
      <c r="AB22761" s="5" t="s">
        <v>43</v>
      </c>
      <c r="AC22761" s="5" t="s">
        <v>44</v>
      </c>
      <c r="AD22761" s="2"/>
      <c r="AE22761" s="1"/>
    </row>
    <row r="22762" spans="1:31" ht="14.45">
      <c r="A22762" s="11"/>
      <c r="B22762" s="20"/>
      <c r="C22762" s="2" t="s">
        <v>73163</v>
      </c>
      <c r="D22762" s="14" t="s">
        <v>73164</v>
      </c>
      <c r="E22762" s="2" t="s">
        <v>73165</v>
      </c>
      <c r="F22762" s="2" t="s">
        <v>7208</v>
      </c>
      <c r="G22762" s="8">
        <v>68</v>
      </c>
      <c r="H22762" s="5">
        <v>6</v>
      </c>
      <c r="I22762" s="5" t="s">
        <v>1518</v>
      </c>
      <c r="J22762" s="5" t="s">
        <v>69038</v>
      </c>
      <c r="K22762" s="2" t="s">
        <v>69039</v>
      </c>
      <c r="L22762" s="5" t="s">
        <v>69038</v>
      </c>
      <c r="M22762" s="2" t="s">
        <v>69039</v>
      </c>
      <c r="N22762" s="5" t="s">
        <v>1521</v>
      </c>
      <c r="O22762" s="5" t="s">
        <v>38</v>
      </c>
      <c r="P22762" s="5" t="s">
        <v>39</v>
      </c>
      <c r="Q22762" s="5" t="s">
        <v>40</v>
      </c>
      <c r="R22762" s="5" t="s">
        <v>1522</v>
      </c>
      <c r="S22762" s="5" t="s">
        <v>1523</v>
      </c>
      <c r="T22762" s="5" t="s">
        <v>125</v>
      </c>
      <c r="U22762" s="2">
        <v>0.93200000000000005</v>
      </c>
      <c r="V22762" s="2">
        <v>0.70199999999999996</v>
      </c>
      <c r="W22762" s="2">
        <v>5.0000000000000001E-3</v>
      </c>
      <c r="X22762" s="2">
        <v>86.3</v>
      </c>
      <c r="Y22762" s="2">
        <v>7.1</v>
      </c>
      <c r="Z22762" s="2">
        <v>7.4</v>
      </c>
      <c r="AA22762" s="5"/>
      <c r="AB22762" s="5" t="s">
        <v>43</v>
      </c>
      <c r="AC22762" s="5" t="s">
        <v>44</v>
      </c>
      <c r="AD22762" s="2"/>
      <c r="AE22762" s="1"/>
    </row>
    <row r="22763" spans="1:31" ht="14.45">
      <c r="A22763" s="11"/>
      <c r="B22763" s="20"/>
      <c r="C22763" s="2" t="s">
        <v>73166</v>
      </c>
      <c r="D22763" s="14" t="s">
        <v>73167</v>
      </c>
      <c r="E22763" s="2" t="s">
        <v>73168</v>
      </c>
      <c r="F22763" s="2" t="s">
        <v>7396</v>
      </c>
      <c r="G22763" s="8">
        <v>68</v>
      </c>
      <c r="H22763" s="5">
        <v>6</v>
      </c>
      <c r="I22763" s="5" t="s">
        <v>1518</v>
      </c>
      <c r="J22763" s="5" t="s">
        <v>69038</v>
      </c>
      <c r="K22763" s="2" t="s">
        <v>69039</v>
      </c>
      <c r="L22763" s="5" t="s">
        <v>69038</v>
      </c>
      <c r="M22763" s="2" t="s">
        <v>69039</v>
      </c>
      <c r="N22763" s="5" t="s">
        <v>1521</v>
      </c>
      <c r="O22763" s="5" t="s">
        <v>38</v>
      </c>
      <c r="P22763" s="5" t="s">
        <v>39</v>
      </c>
      <c r="Q22763" s="5" t="s">
        <v>40</v>
      </c>
      <c r="R22763" s="5" t="s">
        <v>1522</v>
      </c>
      <c r="S22763" s="5" t="s">
        <v>1523</v>
      </c>
      <c r="T22763" s="5" t="s">
        <v>42</v>
      </c>
      <c r="U22763" s="2">
        <v>0.93899999999999995</v>
      </c>
      <c r="V22763" s="2">
        <v>0.70899999999999996</v>
      </c>
      <c r="W22763" s="2">
        <v>5.0000000000000001E-3</v>
      </c>
      <c r="X22763" s="2">
        <v>86.3</v>
      </c>
      <c r="Y22763" s="2">
        <v>7.1</v>
      </c>
      <c r="Z22763" s="2">
        <v>7.4</v>
      </c>
      <c r="AA22763" s="5"/>
      <c r="AB22763" s="5" t="s">
        <v>43</v>
      </c>
      <c r="AC22763" s="5" t="s">
        <v>44</v>
      </c>
      <c r="AD22763" s="2"/>
      <c r="AE22763" s="1"/>
    </row>
    <row r="22764" spans="1:31" ht="14.45">
      <c r="A22764" s="11"/>
      <c r="B22764" s="20"/>
      <c r="C22764" s="2" t="s">
        <v>73169</v>
      </c>
      <c r="D22764" s="14" t="s">
        <v>73170</v>
      </c>
      <c r="E22764" s="2" t="s">
        <v>73171</v>
      </c>
      <c r="F22764" s="2" t="s">
        <v>7212</v>
      </c>
      <c r="G22764" s="8">
        <v>68</v>
      </c>
      <c r="H22764" s="5">
        <v>6</v>
      </c>
      <c r="I22764" s="5" t="s">
        <v>1518</v>
      </c>
      <c r="J22764" s="5" t="s">
        <v>69038</v>
      </c>
      <c r="K22764" s="2" t="s">
        <v>69039</v>
      </c>
      <c r="L22764" s="5" t="s">
        <v>69038</v>
      </c>
      <c r="M22764" s="2" t="s">
        <v>69039</v>
      </c>
      <c r="N22764" s="5" t="s">
        <v>1521</v>
      </c>
      <c r="O22764" s="5" t="s">
        <v>38</v>
      </c>
      <c r="P22764" s="5" t="s">
        <v>39</v>
      </c>
      <c r="Q22764" s="5" t="s">
        <v>40</v>
      </c>
      <c r="R22764" s="5" t="s">
        <v>1522</v>
      </c>
      <c r="S22764" s="5" t="s">
        <v>1523</v>
      </c>
      <c r="T22764" s="5" t="s">
        <v>125</v>
      </c>
      <c r="U22764" s="2">
        <v>0.93200000000000005</v>
      </c>
      <c r="V22764" s="2">
        <v>0.70199999999999996</v>
      </c>
      <c r="W22764" s="2">
        <v>5.0000000000000001E-3</v>
      </c>
      <c r="X22764" s="2">
        <v>86.3</v>
      </c>
      <c r="Y22764" s="2">
        <v>7.1</v>
      </c>
      <c r="Z22764" s="2">
        <v>7.4</v>
      </c>
      <c r="AA22764" s="5"/>
      <c r="AB22764" s="5" t="s">
        <v>43</v>
      </c>
      <c r="AC22764" s="5" t="s">
        <v>44</v>
      </c>
      <c r="AD22764" s="2"/>
      <c r="AE22764" s="1"/>
    </row>
    <row r="22765" spans="1:31" ht="14.45">
      <c r="A22765" s="11"/>
      <c r="B22765" s="20"/>
      <c r="C22765" s="2" t="s">
        <v>73172</v>
      </c>
      <c r="D22765" s="14" t="s">
        <v>73173</v>
      </c>
      <c r="E22765" s="2" t="s">
        <v>73174</v>
      </c>
      <c r="F22765" s="2" t="s">
        <v>7204</v>
      </c>
      <c r="G22765" s="8">
        <v>82</v>
      </c>
      <c r="H22765" s="5">
        <v>6</v>
      </c>
      <c r="I22765" s="5" t="s">
        <v>1518</v>
      </c>
      <c r="J22765" s="5" t="s">
        <v>69038</v>
      </c>
      <c r="K22765" s="2" t="s">
        <v>69039</v>
      </c>
      <c r="L22765" s="5" t="s">
        <v>69038</v>
      </c>
      <c r="M22765" s="2" t="s">
        <v>69039</v>
      </c>
      <c r="N22765" s="5" t="s">
        <v>1521</v>
      </c>
      <c r="O22765" s="5" t="s">
        <v>38</v>
      </c>
      <c r="P22765" s="5" t="s">
        <v>39</v>
      </c>
      <c r="Q22765" s="5" t="s">
        <v>40</v>
      </c>
      <c r="R22765" s="5" t="s">
        <v>1522</v>
      </c>
      <c r="S22765" s="5" t="s">
        <v>1523</v>
      </c>
      <c r="T22765" s="5" t="s">
        <v>125</v>
      </c>
      <c r="U22765" s="2">
        <v>1.0960000000000001</v>
      </c>
      <c r="V22765" s="2">
        <v>0.871</v>
      </c>
      <c r="W22765" s="2">
        <v>6.0000000000000001E-3</v>
      </c>
      <c r="X22765" s="2">
        <v>106.9</v>
      </c>
      <c r="Y22765" s="2">
        <v>7.1</v>
      </c>
      <c r="Z22765" s="2">
        <v>7.4</v>
      </c>
      <c r="AA22765" s="5"/>
      <c r="AB22765" s="5" t="s">
        <v>43</v>
      </c>
      <c r="AC22765" s="5" t="s">
        <v>44</v>
      </c>
      <c r="AD22765" s="2"/>
      <c r="AE22765" s="1"/>
    </row>
    <row r="22766" spans="1:31" ht="14.45">
      <c r="A22766" s="11"/>
      <c r="B22766" s="20"/>
      <c r="C22766" s="2" t="s">
        <v>73175</v>
      </c>
      <c r="D22766" s="14" t="s">
        <v>73176</v>
      </c>
      <c r="E22766" s="2" t="s">
        <v>73177</v>
      </c>
      <c r="F22766" s="2" t="s">
        <v>7208</v>
      </c>
      <c r="G22766" s="8">
        <v>82</v>
      </c>
      <c r="H22766" s="5">
        <v>6</v>
      </c>
      <c r="I22766" s="5" t="s">
        <v>1518</v>
      </c>
      <c r="J22766" s="5" t="s">
        <v>69038</v>
      </c>
      <c r="K22766" s="2" t="s">
        <v>69039</v>
      </c>
      <c r="L22766" s="5" t="s">
        <v>69038</v>
      </c>
      <c r="M22766" s="2" t="s">
        <v>69039</v>
      </c>
      <c r="N22766" s="5" t="s">
        <v>1521</v>
      </c>
      <c r="O22766" s="5" t="s">
        <v>38</v>
      </c>
      <c r="P22766" s="5" t="s">
        <v>39</v>
      </c>
      <c r="Q22766" s="5" t="s">
        <v>40</v>
      </c>
      <c r="R22766" s="5" t="s">
        <v>1522</v>
      </c>
      <c r="S22766" s="5" t="s">
        <v>1523</v>
      </c>
      <c r="T22766" s="5" t="s">
        <v>125</v>
      </c>
      <c r="U22766" s="2">
        <v>1.0960000000000001</v>
      </c>
      <c r="V22766" s="2">
        <v>0.871</v>
      </c>
      <c r="W22766" s="2">
        <v>6.0000000000000001E-3</v>
      </c>
      <c r="X22766" s="2">
        <v>106.9</v>
      </c>
      <c r="Y22766" s="2">
        <v>7.1</v>
      </c>
      <c r="Z22766" s="2">
        <v>7.4</v>
      </c>
      <c r="AA22766" s="5"/>
      <c r="AB22766" s="5" t="s">
        <v>43</v>
      </c>
      <c r="AC22766" s="5" t="s">
        <v>44</v>
      </c>
      <c r="AD22766" s="2"/>
      <c r="AE22766" s="1"/>
    </row>
    <row r="22767" spans="1:31" ht="14.45">
      <c r="A22767" s="11"/>
      <c r="B22767" s="20"/>
      <c r="C22767" s="2" t="s">
        <v>73178</v>
      </c>
      <c r="D22767" s="14" t="s">
        <v>73179</v>
      </c>
      <c r="E22767" s="2" t="s">
        <v>73180</v>
      </c>
      <c r="F22767" s="2" t="s">
        <v>7396</v>
      </c>
      <c r="G22767" s="8">
        <v>82</v>
      </c>
      <c r="H22767" s="5">
        <v>6</v>
      </c>
      <c r="I22767" s="5" t="s">
        <v>1518</v>
      </c>
      <c r="J22767" s="5" t="s">
        <v>69038</v>
      </c>
      <c r="K22767" s="2" t="s">
        <v>69039</v>
      </c>
      <c r="L22767" s="5" t="s">
        <v>69038</v>
      </c>
      <c r="M22767" s="2" t="s">
        <v>69039</v>
      </c>
      <c r="N22767" s="5" t="s">
        <v>1521</v>
      </c>
      <c r="O22767" s="5" t="s">
        <v>38</v>
      </c>
      <c r="P22767" s="5" t="s">
        <v>39</v>
      </c>
      <c r="Q22767" s="5" t="s">
        <v>40</v>
      </c>
      <c r="R22767" s="5" t="s">
        <v>1522</v>
      </c>
      <c r="S22767" s="5" t="s">
        <v>1523</v>
      </c>
      <c r="T22767" s="5" t="s">
        <v>42</v>
      </c>
      <c r="U22767" s="2">
        <v>1.105</v>
      </c>
      <c r="V22767" s="2">
        <v>0.88</v>
      </c>
      <c r="W22767" s="2">
        <v>6.0000000000000001E-3</v>
      </c>
      <c r="X22767" s="2">
        <v>106.9</v>
      </c>
      <c r="Y22767" s="2">
        <v>7.1</v>
      </c>
      <c r="Z22767" s="2">
        <v>7.4</v>
      </c>
      <c r="AA22767" s="5"/>
      <c r="AB22767" s="5" t="s">
        <v>43</v>
      </c>
      <c r="AC22767" s="5" t="s">
        <v>44</v>
      </c>
      <c r="AD22767" s="2"/>
      <c r="AE22767" s="1"/>
    </row>
    <row r="22768" spans="1:31" ht="14.45">
      <c r="A22768" s="11"/>
      <c r="B22768" s="20"/>
      <c r="C22768" s="2" t="s">
        <v>73181</v>
      </c>
      <c r="D22768" s="14" t="s">
        <v>73182</v>
      </c>
      <c r="E22768" s="2" t="s">
        <v>73183</v>
      </c>
      <c r="F22768" s="2" t="s">
        <v>7212</v>
      </c>
      <c r="G22768" s="8">
        <v>82</v>
      </c>
      <c r="H22768" s="5">
        <v>6</v>
      </c>
      <c r="I22768" s="5" t="s">
        <v>1518</v>
      </c>
      <c r="J22768" s="5" t="s">
        <v>69038</v>
      </c>
      <c r="K22768" s="2" t="s">
        <v>69039</v>
      </c>
      <c r="L22768" s="5" t="s">
        <v>69038</v>
      </c>
      <c r="M22768" s="2" t="s">
        <v>69039</v>
      </c>
      <c r="N22768" s="5" t="s">
        <v>1521</v>
      </c>
      <c r="O22768" s="5" t="s">
        <v>38</v>
      </c>
      <c r="P22768" s="5" t="s">
        <v>39</v>
      </c>
      <c r="Q22768" s="5" t="s">
        <v>40</v>
      </c>
      <c r="R22768" s="5" t="s">
        <v>1522</v>
      </c>
      <c r="S22768" s="5" t="s">
        <v>1523</v>
      </c>
      <c r="T22768" s="5" t="s">
        <v>125</v>
      </c>
      <c r="U22768" s="2">
        <v>1.0960000000000001</v>
      </c>
      <c r="V22768" s="2">
        <v>0.871</v>
      </c>
      <c r="W22768" s="2">
        <v>6.0000000000000001E-3</v>
      </c>
      <c r="X22768" s="2">
        <v>106.9</v>
      </c>
      <c r="Y22768" s="2">
        <v>7.1</v>
      </c>
      <c r="Z22768" s="2">
        <v>7.4</v>
      </c>
      <c r="AA22768" s="5"/>
      <c r="AB22768" s="5" t="s">
        <v>43</v>
      </c>
      <c r="AC22768" s="5" t="s">
        <v>44</v>
      </c>
      <c r="AD22768" s="2"/>
      <c r="AE22768" s="1"/>
    </row>
    <row r="22769" spans="1:31" ht="14.45">
      <c r="A22769" s="11"/>
      <c r="B22769" s="20"/>
      <c r="C22769" s="2" t="s">
        <v>73184</v>
      </c>
      <c r="D22769" s="14" t="s">
        <v>73185</v>
      </c>
      <c r="E22769" s="2" t="s">
        <v>73186</v>
      </c>
      <c r="F22769" s="2" t="s">
        <v>7204</v>
      </c>
      <c r="G22769" s="8">
        <v>90</v>
      </c>
      <c r="H22769" s="5">
        <v>6</v>
      </c>
      <c r="I22769" s="5" t="s">
        <v>1518</v>
      </c>
      <c r="J22769" s="5" t="s">
        <v>69038</v>
      </c>
      <c r="K22769" s="2" t="s">
        <v>69039</v>
      </c>
      <c r="L22769" s="5" t="s">
        <v>69038</v>
      </c>
      <c r="M22769" s="2" t="s">
        <v>69039</v>
      </c>
      <c r="N22769" s="5" t="s">
        <v>1521</v>
      </c>
      <c r="O22769" s="5" t="s">
        <v>38</v>
      </c>
      <c r="P22769" s="5" t="s">
        <v>39</v>
      </c>
      <c r="Q22769" s="5" t="s">
        <v>40</v>
      </c>
      <c r="R22769" s="5" t="s">
        <v>1522</v>
      </c>
      <c r="S22769" s="5" t="s">
        <v>1523</v>
      </c>
      <c r="T22769" s="5" t="s">
        <v>125</v>
      </c>
      <c r="U22769" s="2">
        <v>1.323</v>
      </c>
      <c r="V22769" s="2">
        <v>1.0580000000000001</v>
      </c>
      <c r="W22769" s="2">
        <v>7.0000000000000001E-3</v>
      </c>
      <c r="X22769" s="2">
        <v>126.9</v>
      </c>
      <c r="Y22769" s="2">
        <v>7.1</v>
      </c>
      <c r="Z22769" s="2">
        <v>7.4</v>
      </c>
      <c r="AA22769" s="5"/>
      <c r="AB22769" s="5" t="s">
        <v>43</v>
      </c>
      <c r="AC22769" s="5" t="s">
        <v>44</v>
      </c>
      <c r="AD22769" s="2"/>
      <c r="AE22769" s="1"/>
    </row>
    <row r="22770" spans="1:31" ht="14.45">
      <c r="A22770" s="11"/>
      <c r="B22770" s="20"/>
      <c r="C22770" s="2" t="s">
        <v>73187</v>
      </c>
      <c r="D22770" s="14" t="s">
        <v>73188</v>
      </c>
      <c r="E22770" s="2" t="s">
        <v>73189</v>
      </c>
      <c r="F22770" s="2" t="s">
        <v>7208</v>
      </c>
      <c r="G22770" s="8">
        <v>90</v>
      </c>
      <c r="H22770" s="5">
        <v>6</v>
      </c>
      <c r="I22770" s="5" t="s">
        <v>1518</v>
      </c>
      <c r="J22770" s="5" t="s">
        <v>69038</v>
      </c>
      <c r="K22770" s="2" t="s">
        <v>69039</v>
      </c>
      <c r="L22770" s="5" t="s">
        <v>69038</v>
      </c>
      <c r="M22770" s="2" t="s">
        <v>69039</v>
      </c>
      <c r="N22770" s="5" t="s">
        <v>1521</v>
      </c>
      <c r="O22770" s="5" t="s">
        <v>38</v>
      </c>
      <c r="P22770" s="5" t="s">
        <v>39</v>
      </c>
      <c r="Q22770" s="5" t="s">
        <v>40</v>
      </c>
      <c r="R22770" s="5" t="s">
        <v>1522</v>
      </c>
      <c r="S22770" s="5" t="s">
        <v>1523</v>
      </c>
      <c r="T22770" s="5" t="s">
        <v>125</v>
      </c>
      <c r="U22770" s="2">
        <v>1.323</v>
      </c>
      <c r="V22770" s="2">
        <v>1.0580000000000001</v>
      </c>
      <c r="W22770" s="2">
        <v>7.0000000000000001E-3</v>
      </c>
      <c r="X22770" s="2">
        <v>126.9</v>
      </c>
      <c r="Y22770" s="2">
        <v>7.1</v>
      </c>
      <c r="Z22770" s="2">
        <v>7.4</v>
      </c>
      <c r="AA22770" s="5"/>
      <c r="AB22770" s="5" t="s">
        <v>43</v>
      </c>
      <c r="AC22770" s="5" t="s">
        <v>44</v>
      </c>
      <c r="AD22770" s="2"/>
      <c r="AE22770" s="1"/>
    </row>
    <row r="22771" spans="1:31" ht="14.45">
      <c r="A22771" s="11"/>
      <c r="B22771" s="20"/>
      <c r="C22771" s="2" t="s">
        <v>73190</v>
      </c>
      <c r="D22771" s="14" t="s">
        <v>73191</v>
      </c>
      <c r="E22771" s="2" t="s">
        <v>73192</v>
      </c>
      <c r="F22771" s="2" t="s">
        <v>7396</v>
      </c>
      <c r="G22771" s="8">
        <v>90</v>
      </c>
      <c r="H22771" s="5">
        <v>6</v>
      </c>
      <c r="I22771" s="5" t="s">
        <v>1518</v>
      </c>
      <c r="J22771" s="5" t="s">
        <v>69038</v>
      </c>
      <c r="K22771" s="2" t="s">
        <v>69039</v>
      </c>
      <c r="L22771" s="5" t="s">
        <v>69038</v>
      </c>
      <c r="M22771" s="2" t="s">
        <v>69039</v>
      </c>
      <c r="N22771" s="5" t="s">
        <v>1521</v>
      </c>
      <c r="O22771" s="5" t="s">
        <v>38</v>
      </c>
      <c r="P22771" s="5" t="s">
        <v>39</v>
      </c>
      <c r="Q22771" s="5" t="s">
        <v>40</v>
      </c>
      <c r="R22771" s="5" t="s">
        <v>1522</v>
      </c>
      <c r="S22771" s="5" t="s">
        <v>1523</v>
      </c>
      <c r="T22771" s="5" t="s">
        <v>42</v>
      </c>
      <c r="U22771" s="2">
        <v>1.3340000000000001</v>
      </c>
      <c r="V22771" s="2">
        <v>1.069</v>
      </c>
      <c r="W22771" s="2">
        <v>7.0000000000000001E-3</v>
      </c>
      <c r="X22771" s="2">
        <v>126.9</v>
      </c>
      <c r="Y22771" s="2">
        <v>7.1</v>
      </c>
      <c r="Z22771" s="2">
        <v>7.4</v>
      </c>
      <c r="AA22771" s="5"/>
      <c r="AB22771" s="5" t="s">
        <v>43</v>
      </c>
      <c r="AC22771" s="5" t="s">
        <v>44</v>
      </c>
      <c r="AD22771" s="2"/>
      <c r="AE22771" s="1"/>
    </row>
    <row r="22772" spans="1:31" ht="14.45">
      <c r="A22772" s="11"/>
      <c r="B22772" s="20"/>
      <c r="C22772" s="2" t="s">
        <v>73193</v>
      </c>
      <c r="D22772" s="14" t="s">
        <v>73194</v>
      </c>
      <c r="E22772" s="2" t="s">
        <v>73195</v>
      </c>
      <c r="F22772" s="2" t="s">
        <v>7212</v>
      </c>
      <c r="G22772" s="8">
        <v>90</v>
      </c>
      <c r="H22772" s="5">
        <v>6</v>
      </c>
      <c r="I22772" s="5" t="s">
        <v>1518</v>
      </c>
      <c r="J22772" s="5" t="s">
        <v>69038</v>
      </c>
      <c r="K22772" s="2" t="s">
        <v>69039</v>
      </c>
      <c r="L22772" s="5" t="s">
        <v>69038</v>
      </c>
      <c r="M22772" s="2" t="s">
        <v>69039</v>
      </c>
      <c r="N22772" s="5" t="s">
        <v>1521</v>
      </c>
      <c r="O22772" s="5" t="s">
        <v>38</v>
      </c>
      <c r="P22772" s="5" t="s">
        <v>39</v>
      </c>
      <c r="Q22772" s="5" t="s">
        <v>40</v>
      </c>
      <c r="R22772" s="5" t="s">
        <v>1522</v>
      </c>
      <c r="S22772" s="5" t="s">
        <v>1523</v>
      </c>
      <c r="T22772" s="5" t="s">
        <v>125</v>
      </c>
      <c r="U22772" s="2">
        <v>1.323</v>
      </c>
      <c r="V22772" s="2">
        <v>1.0580000000000001</v>
      </c>
      <c r="W22772" s="2">
        <v>7.0000000000000001E-3</v>
      </c>
      <c r="X22772" s="2">
        <v>126.9</v>
      </c>
      <c r="Y22772" s="2">
        <v>7.1</v>
      </c>
      <c r="Z22772" s="2">
        <v>7.4</v>
      </c>
      <c r="AA22772" s="5"/>
      <c r="AB22772" s="5" t="s">
        <v>43</v>
      </c>
      <c r="AC22772" s="5" t="s">
        <v>44</v>
      </c>
      <c r="AD22772" s="2"/>
      <c r="AE22772" s="1"/>
    </row>
    <row r="22773" spans="1:31" ht="14.45">
      <c r="A22773" s="11"/>
      <c r="B22773" s="20"/>
      <c r="C22773" s="2" t="s">
        <v>73196</v>
      </c>
      <c r="D22773" s="14" t="s">
        <v>73197</v>
      </c>
      <c r="E22773" s="2" t="s">
        <v>73198</v>
      </c>
      <c r="F22773" s="2" t="s">
        <v>7204</v>
      </c>
      <c r="G22773" s="8">
        <v>94</v>
      </c>
      <c r="H22773" s="5">
        <v>6</v>
      </c>
      <c r="I22773" s="5" t="s">
        <v>1518</v>
      </c>
      <c r="J22773" s="5" t="s">
        <v>69038</v>
      </c>
      <c r="K22773" s="2" t="s">
        <v>69039</v>
      </c>
      <c r="L22773" s="5" t="s">
        <v>69038</v>
      </c>
      <c r="M22773" s="2" t="s">
        <v>69039</v>
      </c>
      <c r="N22773" s="5" t="s">
        <v>1521</v>
      </c>
      <c r="O22773" s="5" t="s">
        <v>38</v>
      </c>
      <c r="P22773" s="5" t="s">
        <v>39</v>
      </c>
      <c r="Q22773" s="5" t="s">
        <v>40</v>
      </c>
      <c r="R22773" s="5" t="s">
        <v>1522</v>
      </c>
      <c r="S22773" s="5" t="s">
        <v>1523</v>
      </c>
      <c r="T22773" s="5" t="s">
        <v>125</v>
      </c>
      <c r="U22773" s="2">
        <v>1.534</v>
      </c>
      <c r="V22773" s="2">
        <v>1.2450000000000001</v>
      </c>
      <c r="W22773" s="2">
        <v>7.0000000000000001E-3</v>
      </c>
      <c r="X22773" s="2">
        <v>142.30000000000001</v>
      </c>
      <c r="Y22773" s="2">
        <v>7.1</v>
      </c>
      <c r="Z22773" s="2">
        <v>7.4</v>
      </c>
      <c r="AA22773" s="5"/>
      <c r="AB22773" s="5" t="s">
        <v>43</v>
      </c>
      <c r="AC22773" s="5" t="s">
        <v>44</v>
      </c>
      <c r="AD22773" s="2"/>
      <c r="AE22773" s="1"/>
    </row>
    <row r="22774" spans="1:31" ht="14.45">
      <c r="A22774" s="11"/>
      <c r="B22774" s="20"/>
      <c r="C22774" s="2" t="s">
        <v>73199</v>
      </c>
      <c r="D22774" s="14" t="s">
        <v>73200</v>
      </c>
      <c r="E22774" s="2" t="s">
        <v>73201</v>
      </c>
      <c r="F22774" s="2" t="s">
        <v>7208</v>
      </c>
      <c r="G22774" s="8">
        <v>94</v>
      </c>
      <c r="H22774" s="5">
        <v>6</v>
      </c>
      <c r="I22774" s="5" t="s">
        <v>1518</v>
      </c>
      <c r="J22774" s="5" t="s">
        <v>69038</v>
      </c>
      <c r="K22774" s="2" t="s">
        <v>69039</v>
      </c>
      <c r="L22774" s="5" t="s">
        <v>69038</v>
      </c>
      <c r="M22774" s="2" t="s">
        <v>69039</v>
      </c>
      <c r="N22774" s="5" t="s">
        <v>1521</v>
      </c>
      <c r="O22774" s="5" t="s">
        <v>38</v>
      </c>
      <c r="P22774" s="5" t="s">
        <v>39</v>
      </c>
      <c r="Q22774" s="5" t="s">
        <v>40</v>
      </c>
      <c r="R22774" s="5" t="s">
        <v>1522</v>
      </c>
      <c r="S22774" s="5" t="s">
        <v>1523</v>
      </c>
      <c r="T22774" s="5" t="s">
        <v>125</v>
      </c>
      <c r="U22774" s="2">
        <v>1.534</v>
      </c>
      <c r="V22774" s="2">
        <v>1.2450000000000001</v>
      </c>
      <c r="W22774" s="2">
        <v>7.0000000000000001E-3</v>
      </c>
      <c r="X22774" s="2">
        <v>142.30000000000001</v>
      </c>
      <c r="Y22774" s="2">
        <v>7.1</v>
      </c>
      <c r="Z22774" s="2">
        <v>7.4</v>
      </c>
      <c r="AA22774" s="5"/>
      <c r="AB22774" s="5" t="s">
        <v>43</v>
      </c>
      <c r="AC22774" s="5" t="s">
        <v>44</v>
      </c>
      <c r="AD22774" s="2"/>
      <c r="AE22774" s="1"/>
    </row>
    <row r="22775" spans="1:31" ht="14.45">
      <c r="A22775" s="11"/>
      <c r="B22775" s="20"/>
      <c r="C22775" s="2" t="s">
        <v>73202</v>
      </c>
      <c r="D22775" s="14" t="s">
        <v>73203</v>
      </c>
      <c r="E22775" s="2" t="s">
        <v>73204</v>
      </c>
      <c r="F22775" s="2" t="s">
        <v>7396</v>
      </c>
      <c r="G22775" s="8">
        <v>94</v>
      </c>
      <c r="H22775" s="5">
        <v>6</v>
      </c>
      <c r="I22775" s="5" t="s">
        <v>1518</v>
      </c>
      <c r="J22775" s="5" t="s">
        <v>69038</v>
      </c>
      <c r="K22775" s="2" t="s">
        <v>69039</v>
      </c>
      <c r="L22775" s="5" t="s">
        <v>69038</v>
      </c>
      <c r="M22775" s="2" t="s">
        <v>69039</v>
      </c>
      <c r="N22775" s="5" t="s">
        <v>1521</v>
      </c>
      <c r="O22775" s="5" t="s">
        <v>38</v>
      </c>
      <c r="P22775" s="5" t="s">
        <v>39</v>
      </c>
      <c r="Q22775" s="5" t="s">
        <v>40</v>
      </c>
      <c r="R22775" s="5" t="s">
        <v>1522</v>
      </c>
      <c r="S22775" s="5" t="s">
        <v>1523</v>
      </c>
      <c r="T22775" s="5" t="s">
        <v>42</v>
      </c>
      <c r="U22775" s="2">
        <v>1.548</v>
      </c>
      <c r="V22775" s="2">
        <v>1.2589999999999999</v>
      </c>
      <c r="W22775" s="2">
        <v>7.0000000000000001E-3</v>
      </c>
      <c r="X22775" s="2">
        <v>142.30000000000001</v>
      </c>
      <c r="Y22775" s="2">
        <v>7.1</v>
      </c>
      <c r="Z22775" s="2">
        <v>7.4</v>
      </c>
      <c r="AA22775" s="5"/>
      <c r="AB22775" s="5" t="s">
        <v>43</v>
      </c>
      <c r="AC22775" s="5" t="s">
        <v>44</v>
      </c>
      <c r="AD22775" s="2"/>
      <c r="AE22775" s="1"/>
    </row>
    <row r="22776" spans="1:31" ht="14.45">
      <c r="A22776" s="11"/>
      <c r="B22776" s="20"/>
      <c r="C22776" s="2" t="s">
        <v>73205</v>
      </c>
      <c r="D22776" s="14" t="s">
        <v>73206</v>
      </c>
      <c r="E22776" s="2" t="s">
        <v>73207</v>
      </c>
      <c r="F22776" s="2" t="s">
        <v>7212</v>
      </c>
      <c r="G22776" s="8">
        <v>94</v>
      </c>
      <c r="H22776" s="5">
        <v>6</v>
      </c>
      <c r="I22776" s="5" t="s">
        <v>1518</v>
      </c>
      <c r="J22776" s="5" t="s">
        <v>69038</v>
      </c>
      <c r="K22776" s="2" t="s">
        <v>69039</v>
      </c>
      <c r="L22776" s="5" t="s">
        <v>69038</v>
      </c>
      <c r="M22776" s="2" t="s">
        <v>69039</v>
      </c>
      <c r="N22776" s="5" t="s">
        <v>1521</v>
      </c>
      <c r="O22776" s="5" t="s">
        <v>38</v>
      </c>
      <c r="P22776" s="5" t="s">
        <v>39</v>
      </c>
      <c r="Q22776" s="5" t="s">
        <v>40</v>
      </c>
      <c r="R22776" s="5" t="s">
        <v>1522</v>
      </c>
      <c r="S22776" s="5" t="s">
        <v>1523</v>
      </c>
      <c r="T22776" s="5" t="s">
        <v>125</v>
      </c>
      <c r="U22776" s="2">
        <v>1.534</v>
      </c>
      <c r="V22776" s="2">
        <v>1.2450000000000001</v>
      </c>
      <c r="W22776" s="2">
        <v>7.0000000000000001E-3</v>
      </c>
      <c r="X22776" s="2">
        <v>142.30000000000001</v>
      </c>
      <c r="Y22776" s="2">
        <v>7.1</v>
      </c>
      <c r="Z22776" s="2">
        <v>7.4</v>
      </c>
      <c r="AA22776" s="5"/>
      <c r="AB22776" s="5" t="s">
        <v>43</v>
      </c>
      <c r="AC22776" s="5" t="s">
        <v>44</v>
      </c>
      <c r="AD22776" s="2"/>
      <c r="AE22776" s="1"/>
    </row>
    <row r="22777" spans="1:31" ht="14.45">
      <c r="A22777" s="11"/>
      <c r="B22777" s="20"/>
      <c r="C22777" s="2" t="s">
        <v>73208</v>
      </c>
      <c r="D22777" s="14" t="s">
        <v>73209</v>
      </c>
      <c r="E22777" s="2" t="s">
        <v>73210</v>
      </c>
      <c r="F22777" s="2" t="s">
        <v>7208</v>
      </c>
      <c r="G22777" s="8">
        <v>52</v>
      </c>
      <c r="H22777" s="5">
        <v>6</v>
      </c>
      <c r="I22777" s="5" t="s">
        <v>1518</v>
      </c>
      <c r="J22777" s="5" t="s">
        <v>69038</v>
      </c>
      <c r="K22777" s="2" t="s">
        <v>69039</v>
      </c>
      <c r="L22777" s="5" t="s">
        <v>69038</v>
      </c>
      <c r="M22777" s="2" t="s">
        <v>69039</v>
      </c>
      <c r="N22777" s="5" t="s">
        <v>1521</v>
      </c>
      <c r="O22777" s="5" t="s">
        <v>38</v>
      </c>
      <c r="P22777" s="5" t="s">
        <v>39</v>
      </c>
      <c r="Q22777" s="5" t="s">
        <v>40</v>
      </c>
      <c r="R22777" s="5" t="s">
        <v>1522</v>
      </c>
      <c r="S22777" s="5" t="s">
        <v>1523</v>
      </c>
      <c r="T22777" s="5" t="s">
        <v>42</v>
      </c>
      <c r="U22777" s="2">
        <v>0.67200000000000004</v>
      </c>
      <c r="V22777" s="2">
        <v>0.50900000000000001</v>
      </c>
      <c r="W22777" s="2">
        <v>3.0000000000000001E-3</v>
      </c>
      <c r="X22777" s="2">
        <v>65.900000000000006</v>
      </c>
      <c r="Y22777" s="2">
        <v>7.4</v>
      </c>
      <c r="Z22777" s="2">
        <v>7.1</v>
      </c>
      <c r="AA22777" s="5"/>
      <c r="AB22777" s="5" t="s">
        <v>43</v>
      </c>
      <c r="AC22777" s="5" t="s">
        <v>44</v>
      </c>
      <c r="AD22777" s="2"/>
      <c r="AE22777" s="1"/>
    </row>
    <row r="22778" spans="1:31" ht="14.45">
      <c r="A22778" s="11"/>
      <c r="B22778" s="20"/>
      <c r="C22778" s="2" t="s">
        <v>73211</v>
      </c>
      <c r="D22778" s="14" t="s">
        <v>73212</v>
      </c>
      <c r="E22778" s="2" t="s">
        <v>73213</v>
      </c>
      <c r="F22778" s="2" t="s">
        <v>7212</v>
      </c>
      <c r="G22778" s="8">
        <v>52</v>
      </c>
      <c r="H22778" s="5">
        <v>6</v>
      </c>
      <c r="I22778" s="5" t="s">
        <v>1518</v>
      </c>
      <c r="J22778" s="5" t="s">
        <v>69038</v>
      </c>
      <c r="K22778" s="2" t="s">
        <v>69039</v>
      </c>
      <c r="L22778" s="5" t="s">
        <v>69038</v>
      </c>
      <c r="M22778" s="2" t="s">
        <v>69039</v>
      </c>
      <c r="N22778" s="5" t="s">
        <v>1521</v>
      </c>
      <c r="O22778" s="5" t="s">
        <v>38</v>
      </c>
      <c r="P22778" s="5" t="s">
        <v>39</v>
      </c>
      <c r="Q22778" s="5" t="s">
        <v>40</v>
      </c>
      <c r="R22778" s="5" t="s">
        <v>1522</v>
      </c>
      <c r="S22778" s="5" t="s">
        <v>1523</v>
      </c>
      <c r="T22778" s="5" t="s">
        <v>42</v>
      </c>
      <c r="U22778" s="2">
        <v>0.67200000000000004</v>
      </c>
      <c r="V22778" s="2">
        <v>0.50900000000000001</v>
      </c>
      <c r="W22778" s="2">
        <v>3.0000000000000001E-3</v>
      </c>
      <c r="X22778" s="2">
        <v>65.900000000000006</v>
      </c>
      <c r="Y22778" s="2">
        <v>7.4</v>
      </c>
      <c r="Z22778" s="2">
        <v>7.1</v>
      </c>
      <c r="AA22778" s="5"/>
      <c r="AB22778" s="5" t="s">
        <v>43</v>
      </c>
      <c r="AC22778" s="5" t="s">
        <v>44</v>
      </c>
      <c r="AD22778" s="2"/>
      <c r="AE22778" s="1"/>
    </row>
    <row r="22779" spans="1:31" ht="14.45">
      <c r="A22779" s="11"/>
      <c r="B22779" s="20"/>
      <c r="C22779" s="2" t="s">
        <v>73214</v>
      </c>
      <c r="D22779" s="14" t="s">
        <v>73215</v>
      </c>
      <c r="E22779" s="2" t="s">
        <v>73216</v>
      </c>
      <c r="F22779" s="2" t="s">
        <v>7204</v>
      </c>
      <c r="G22779" s="8">
        <v>212</v>
      </c>
      <c r="H22779" s="5">
        <v>6</v>
      </c>
      <c r="I22779" s="5" t="s">
        <v>1518</v>
      </c>
      <c r="J22779" s="5" t="s">
        <v>69038</v>
      </c>
      <c r="K22779" s="2" t="s">
        <v>69039</v>
      </c>
      <c r="L22779" s="5" t="s">
        <v>69038</v>
      </c>
      <c r="M22779" s="2" t="s">
        <v>69039</v>
      </c>
      <c r="N22779" s="5" t="s">
        <v>1521</v>
      </c>
      <c r="O22779" s="5" t="s">
        <v>38</v>
      </c>
      <c r="P22779" s="5" t="s">
        <v>39</v>
      </c>
      <c r="Q22779" s="5" t="s">
        <v>40</v>
      </c>
      <c r="R22779" s="5" t="s">
        <v>1522</v>
      </c>
      <c r="S22779" s="5" t="s">
        <v>1523</v>
      </c>
      <c r="T22779" s="5" t="s">
        <v>42</v>
      </c>
      <c r="U22779" s="2">
        <v>1.913</v>
      </c>
      <c r="V22779" s="2">
        <v>1.4510000000000001</v>
      </c>
      <c r="W22779" s="2">
        <v>0.01</v>
      </c>
      <c r="X22779" s="2">
        <v>76.900000000000006</v>
      </c>
      <c r="Y22779" s="2">
        <v>7.6</v>
      </c>
      <c r="Z22779" s="2">
        <v>16.7</v>
      </c>
      <c r="AA22779" s="5"/>
      <c r="AB22779" s="5" t="s">
        <v>43</v>
      </c>
      <c r="AC22779" s="5" t="s">
        <v>44</v>
      </c>
      <c r="AD22779" s="2"/>
      <c r="AE22779" s="1"/>
    </row>
    <row r="22780" spans="1:31" ht="14.45">
      <c r="A22780" s="11"/>
      <c r="B22780" s="20"/>
      <c r="C22780" s="2" t="s">
        <v>73217</v>
      </c>
      <c r="D22780" s="14" t="s">
        <v>73218</v>
      </c>
      <c r="E22780" s="2" t="s">
        <v>73219</v>
      </c>
      <c r="F22780" s="2" t="s">
        <v>7514</v>
      </c>
      <c r="G22780" s="8">
        <v>212</v>
      </c>
      <c r="H22780" s="5">
        <v>6</v>
      </c>
      <c r="I22780" s="5" t="s">
        <v>1518</v>
      </c>
      <c r="J22780" s="5" t="s">
        <v>69038</v>
      </c>
      <c r="K22780" s="2" t="s">
        <v>69039</v>
      </c>
      <c r="L22780" s="5" t="s">
        <v>69038</v>
      </c>
      <c r="M22780" s="2" t="s">
        <v>69039</v>
      </c>
      <c r="N22780" s="5" t="s">
        <v>1521</v>
      </c>
      <c r="O22780" s="5" t="s">
        <v>38</v>
      </c>
      <c r="P22780" s="5" t="s">
        <v>39</v>
      </c>
      <c r="Q22780" s="5" t="s">
        <v>40</v>
      </c>
      <c r="R22780" s="5" t="s">
        <v>1522</v>
      </c>
      <c r="S22780" s="5" t="s">
        <v>1523</v>
      </c>
      <c r="T22780" s="5" t="s">
        <v>42</v>
      </c>
      <c r="U22780" s="2">
        <v>1.96</v>
      </c>
      <c r="V22780" s="2">
        <v>1.498</v>
      </c>
      <c r="W22780" s="2">
        <v>0.01</v>
      </c>
      <c r="X22780" s="2">
        <v>76.900000000000006</v>
      </c>
      <c r="Y22780" s="2">
        <v>7.6</v>
      </c>
      <c r="Z22780" s="2">
        <v>16.7</v>
      </c>
      <c r="AA22780" s="5"/>
      <c r="AB22780" s="5" t="s">
        <v>43</v>
      </c>
      <c r="AC22780" s="5" t="s">
        <v>44</v>
      </c>
      <c r="AD22780" s="2"/>
      <c r="AE22780" s="1"/>
    </row>
    <row r="22781" spans="1:31" ht="14.45">
      <c r="A22781" s="11"/>
      <c r="B22781" s="20"/>
      <c r="C22781" s="2" t="s">
        <v>73220</v>
      </c>
      <c r="D22781" s="14" t="s">
        <v>73221</v>
      </c>
      <c r="E22781" s="2" t="s">
        <v>73222</v>
      </c>
      <c r="F22781" s="2" t="s">
        <v>7208</v>
      </c>
      <c r="G22781" s="8">
        <v>212</v>
      </c>
      <c r="H22781" s="5">
        <v>6</v>
      </c>
      <c r="I22781" s="5" t="s">
        <v>1518</v>
      </c>
      <c r="J22781" s="5" t="s">
        <v>69038</v>
      </c>
      <c r="K22781" s="2" t="s">
        <v>69039</v>
      </c>
      <c r="L22781" s="5" t="s">
        <v>69038</v>
      </c>
      <c r="M22781" s="2" t="s">
        <v>69039</v>
      </c>
      <c r="N22781" s="5" t="s">
        <v>1521</v>
      </c>
      <c r="O22781" s="5" t="s">
        <v>38</v>
      </c>
      <c r="P22781" s="5" t="s">
        <v>39</v>
      </c>
      <c r="Q22781" s="5" t="s">
        <v>40</v>
      </c>
      <c r="R22781" s="5" t="s">
        <v>1522</v>
      </c>
      <c r="S22781" s="5" t="s">
        <v>1523</v>
      </c>
      <c r="T22781" s="5" t="s">
        <v>42</v>
      </c>
      <c r="U22781" s="2">
        <v>1.913</v>
      </c>
      <c r="V22781" s="2">
        <v>1.4510000000000001</v>
      </c>
      <c r="W22781" s="2">
        <v>0.01</v>
      </c>
      <c r="X22781" s="2">
        <v>76.900000000000006</v>
      </c>
      <c r="Y22781" s="2">
        <v>7.6</v>
      </c>
      <c r="Z22781" s="2">
        <v>16.7</v>
      </c>
      <c r="AA22781" s="5"/>
      <c r="AB22781" s="5" t="s">
        <v>43</v>
      </c>
      <c r="AC22781" s="5" t="s">
        <v>44</v>
      </c>
      <c r="AD22781" s="2"/>
      <c r="AE22781" s="1"/>
    </row>
    <row r="22782" spans="1:31" ht="14.45">
      <c r="A22782" s="11"/>
      <c r="B22782" s="20"/>
      <c r="C22782" s="2" t="s">
        <v>73223</v>
      </c>
      <c r="D22782" s="14" t="s">
        <v>73224</v>
      </c>
      <c r="E22782" s="2" t="s">
        <v>73225</v>
      </c>
      <c r="F22782" s="2" t="s">
        <v>7539</v>
      </c>
      <c r="G22782" s="8">
        <v>224</v>
      </c>
      <c r="H22782" s="5">
        <v>6</v>
      </c>
      <c r="I22782" s="5" t="s">
        <v>1518</v>
      </c>
      <c r="J22782" s="5" t="s">
        <v>69038</v>
      </c>
      <c r="K22782" s="2" t="s">
        <v>69039</v>
      </c>
      <c r="L22782" s="5" t="s">
        <v>69038</v>
      </c>
      <c r="M22782" s="2" t="s">
        <v>69039</v>
      </c>
      <c r="N22782" s="5" t="s">
        <v>1521</v>
      </c>
      <c r="O22782" s="5" t="s">
        <v>38</v>
      </c>
      <c r="P22782" s="5" t="s">
        <v>39</v>
      </c>
      <c r="Q22782" s="5" t="s">
        <v>40</v>
      </c>
      <c r="R22782" s="5" t="s">
        <v>1522</v>
      </c>
      <c r="S22782" s="5" t="s">
        <v>1523</v>
      </c>
      <c r="T22782" s="5" t="s">
        <v>42</v>
      </c>
      <c r="U22782" s="2">
        <v>1.913</v>
      </c>
      <c r="V22782" s="2">
        <v>1.4510000000000001</v>
      </c>
      <c r="W22782" s="2">
        <v>0.01</v>
      </c>
      <c r="X22782" s="2">
        <v>76.900000000000006</v>
      </c>
      <c r="Y22782" s="2">
        <v>7.6</v>
      </c>
      <c r="Z22782" s="2">
        <v>16.7</v>
      </c>
      <c r="AA22782" s="5"/>
      <c r="AB22782" s="5" t="s">
        <v>43</v>
      </c>
      <c r="AC22782" s="5" t="s">
        <v>44</v>
      </c>
      <c r="AD22782" s="2"/>
      <c r="AE22782" s="1"/>
    </row>
    <row r="22783" spans="1:31" ht="14.45">
      <c r="A22783" s="11"/>
      <c r="B22783" s="20"/>
      <c r="C22783" s="2" t="s">
        <v>73226</v>
      </c>
      <c r="D22783" s="14" t="s">
        <v>73227</v>
      </c>
      <c r="E22783" s="2" t="s">
        <v>73228</v>
      </c>
      <c r="F22783" s="2" t="s">
        <v>7396</v>
      </c>
      <c r="G22783" s="8">
        <v>212</v>
      </c>
      <c r="H22783" s="5">
        <v>6</v>
      </c>
      <c r="I22783" s="5" t="s">
        <v>1518</v>
      </c>
      <c r="J22783" s="5" t="s">
        <v>69038</v>
      </c>
      <c r="K22783" s="2" t="s">
        <v>69039</v>
      </c>
      <c r="L22783" s="5" t="s">
        <v>69038</v>
      </c>
      <c r="M22783" s="2" t="s">
        <v>69039</v>
      </c>
      <c r="N22783" s="5" t="s">
        <v>1521</v>
      </c>
      <c r="O22783" s="5" t="s">
        <v>38</v>
      </c>
      <c r="P22783" s="5" t="s">
        <v>39</v>
      </c>
      <c r="Q22783" s="5" t="s">
        <v>40</v>
      </c>
      <c r="R22783" s="5" t="s">
        <v>1522</v>
      </c>
      <c r="S22783" s="5" t="s">
        <v>1523</v>
      </c>
      <c r="T22783" s="5" t="s">
        <v>42</v>
      </c>
      <c r="U22783" s="2">
        <v>1.913</v>
      </c>
      <c r="V22783" s="2">
        <v>1.4510000000000001</v>
      </c>
      <c r="W22783" s="2">
        <v>0.01</v>
      </c>
      <c r="X22783" s="2">
        <v>76.900000000000006</v>
      </c>
      <c r="Y22783" s="2">
        <v>7.6</v>
      </c>
      <c r="Z22783" s="2">
        <v>16.7</v>
      </c>
      <c r="AA22783" s="5"/>
      <c r="AB22783" s="5" t="s">
        <v>43</v>
      </c>
      <c r="AC22783" s="5" t="s">
        <v>44</v>
      </c>
      <c r="AD22783" s="2"/>
      <c r="AE22783" s="1"/>
    </row>
    <row r="22784" spans="1:31" ht="14.45">
      <c r="A22784" s="11"/>
      <c r="B22784" s="20"/>
      <c r="C22784" s="2" t="s">
        <v>73229</v>
      </c>
      <c r="D22784" s="14" t="s">
        <v>73230</v>
      </c>
      <c r="E22784" s="2" t="s">
        <v>73231</v>
      </c>
      <c r="F22784" s="2" t="s">
        <v>7581</v>
      </c>
      <c r="G22784" s="8">
        <v>224</v>
      </c>
      <c r="H22784" s="5">
        <v>6</v>
      </c>
      <c r="I22784" s="5" t="s">
        <v>1518</v>
      </c>
      <c r="J22784" s="5" t="s">
        <v>69038</v>
      </c>
      <c r="K22784" s="2" t="s">
        <v>69039</v>
      </c>
      <c r="L22784" s="5" t="s">
        <v>69038</v>
      </c>
      <c r="M22784" s="2" t="s">
        <v>69039</v>
      </c>
      <c r="N22784" s="5" t="s">
        <v>1521</v>
      </c>
      <c r="O22784" s="5" t="s">
        <v>38</v>
      </c>
      <c r="P22784" s="5" t="s">
        <v>39</v>
      </c>
      <c r="Q22784" s="5" t="s">
        <v>40</v>
      </c>
      <c r="R22784" s="5" t="s">
        <v>1522</v>
      </c>
      <c r="S22784" s="5" t="s">
        <v>1523</v>
      </c>
      <c r="T22784" s="5" t="s">
        <v>42</v>
      </c>
      <c r="U22784" s="2">
        <v>1.96</v>
      </c>
      <c r="V22784" s="2">
        <v>1.498</v>
      </c>
      <c r="W22784" s="2">
        <v>0.01</v>
      </c>
      <c r="X22784" s="2">
        <v>76.900000000000006</v>
      </c>
      <c r="Y22784" s="2">
        <v>7.6</v>
      </c>
      <c r="Z22784" s="2">
        <v>16.7</v>
      </c>
      <c r="AA22784" s="5"/>
      <c r="AB22784" s="5" t="s">
        <v>43</v>
      </c>
      <c r="AC22784" s="5" t="s">
        <v>44</v>
      </c>
      <c r="AD22784" s="2"/>
      <c r="AE22784" s="1"/>
    </row>
    <row r="22785" spans="1:31" ht="14.45">
      <c r="A22785" s="11"/>
      <c r="B22785" s="20"/>
      <c r="C22785" s="2" t="s">
        <v>73232</v>
      </c>
      <c r="D22785" s="14" t="s">
        <v>73233</v>
      </c>
      <c r="E22785" s="2" t="s">
        <v>73234</v>
      </c>
      <c r="F22785" s="2" t="s">
        <v>7615</v>
      </c>
      <c r="G22785" s="8">
        <v>224</v>
      </c>
      <c r="H22785" s="5">
        <v>6</v>
      </c>
      <c r="I22785" s="5" t="s">
        <v>1518</v>
      </c>
      <c r="J22785" s="5" t="s">
        <v>69038</v>
      </c>
      <c r="K22785" s="2" t="s">
        <v>69039</v>
      </c>
      <c r="L22785" s="5" t="s">
        <v>69038</v>
      </c>
      <c r="M22785" s="2" t="s">
        <v>69039</v>
      </c>
      <c r="N22785" s="5" t="s">
        <v>1521</v>
      </c>
      <c r="O22785" s="5" t="s">
        <v>38</v>
      </c>
      <c r="P22785" s="5" t="s">
        <v>39</v>
      </c>
      <c r="Q22785" s="5" t="s">
        <v>40</v>
      </c>
      <c r="R22785" s="5" t="s">
        <v>1522</v>
      </c>
      <c r="S22785" s="5" t="s">
        <v>1523</v>
      </c>
      <c r="T22785" s="5" t="s">
        <v>42</v>
      </c>
      <c r="U22785" s="2">
        <v>1.913</v>
      </c>
      <c r="V22785" s="2">
        <v>1.4510000000000001</v>
      </c>
      <c r="W22785" s="2">
        <v>0.01</v>
      </c>
      <c r="X22785" s="2">
        <v>76.900000000000006</v>
      </c>
      <c r="Y22785" s="2">
        <v>7.6</v>
      </c>
      <c r="Z22785" s="2">
        <v>16.7</v>
      </c>
      <c r="AA22785" s="5"/>
      <c r="AB22785" s="5" t="s">
        <v>43</v>
      </c>
      <c r="AC22785" s="5" t="s">
        <v>44</v>
      </c>
      <c r="AD22785" s="2"/>
      <c r="AE22785" s="1"/>
    </row>
    <row r="22786" spans="1:31" ht="14.45">
      <c r="A22786" s="11"/>
      <c r="B22786" s="20"/>
      <c r="C22786" s="2" t="s">
        <v>73235</v>
      </c>
      <c r="D22786" s="14" t="s">
        <v>73236</v>
      </c>
      <c r="E22786" s="2" t="s">
        <v>73237</v>
      </c>
      <c r="F22786" s="2" t="s">
        <v>7212</v>
      </c>
      <c r="G22786" s="8">
        <v>212</v>
      </c>
      <c r="H22786" s="5">
        <v>6</v>
      </c>
      <c r="I22786" s="5" t="s">
        <v>1518</v>
      </c>
      <c r="J22786" s="5" t="s">
        <v>69038</v>
      </c>
      <c r="K22786" s="2" t="s">
        <v>69039</v>
      </c>
      <c r="L22786" s="5" t="s">
        <v>69038</v>
      </c>
      <c r="M22786" s="2" t="s">
        <v>69039</v>
      </c>
      <c r="N22786" s="5" t="s">
        <v>1521</v>
      </c>
      <c r="O22786" s="5" t="s">
        <v>38</v>
      </c>
      <c r="P22786" s="5" t="s">
        <v>39</v>
      </c>
      <c r="Q22786" s="5" t="s">
        <v>40</v>
      </c>
      <c r="R22786" s="5" t="s">
        <v>1522</v>
      </c>
      <c r="S22786" s="5" t="s">
        <v>1523</v>
      </c>
      <c r="T22786" s="5" t="s">
        <v>42</v>
      </c>
      <c r="U22786" s="2">
        <v>1.913</v>
      </c>
      <c r="V22786" s="2">
        <v>1.4510000000000001</v>
      </c>
      <c r="W22786" s="2">
        <v>0.01</v>
      </c>
      <c r="X22786" s="2">
        <v>76.900000000000006</v>
      </c>
      <c r="Y22786" s="2">
        <v>7.6</v>
      </c>
      <c r="Z22786" s="2">
        <v>16.7</v>
      </c>
      <c r="AA22786" s="5"/>
      <c r="AB22786" s="5" t="s">
        <v>43</v>
      </c>
      <c r="AC22786" s="5" t="s">
        <v>44</v>
      </c>
      <c r="AD22786" s="2"/>
      <c r="AE22786" s="1"/>
    </row>
    <row r="22787" spans="1:31" ht="14.45">
      <c r="A22787" s="11"/>
      <c r="B22787" s="20"/>
      <c r="C22787" s="2" t="s">
        <v>73238</v>
      </c>
      <c r="D22787" s="14" t="s">
        <v>73239</v>
      </c>
      <c r="E22787" s="2" t="s">
        <v>73240</v>
      </c>
      <c r="F22787" s="2" t="s">
        <v>16029</v>
      </c>
      <c r="G22787" s="8">
        <v>224</v>
      </c>
      <c r="H22787" s="5">
        <v>6</v>
      </c>
      <c r="I22787" s="5" t="s">
        <v>1518</v>
      </c>
      <c r="J22787" s="5" t="s">
        <v>69038</v>
      </c>
      <c r="K22787" s="2" t="s">
        <v>69039</v>
      </c>
      <c r="L22787" s="5" t="s">
        <v>69038</v>
      </c>
      <c r="M22787" s="2" t="s">
        <v>69039</v>
      </c>
      <c r="N22787" s="5" t="s">
        <v>1521</v>
      </c>
      <c r="O22787" s="5" t="s">
        <v>38</v>
      </c>
      <c r="P22787" s="5" t="s">
        <v>39</v>
      </c>
      <c r="Q22787" s="5" t="s">
        <v>40</v>
      </c>
      <c r="R22787" s="5" t="s">
        <v>1522</v>
      </c>
      <c r="S22787" s="5" t="s">
        <v>1523</v>
      </c>
      <c r="T22787" s="5" t="s">
        <v>42</v>
      </c>
      <c r="U22787" s="2">
        <v>1.9319999999999999</v>
      </c>
      <c r="V22787" s="2">
        <v>1.47</v>
      </c>
      <c r="W22787" s="2">
        <v>0.01</v>
      </c>
      <c r="X22787" s="2">
        <v>76.900000000000006</v>
      </c>
      <c r="Y22787" s="2">
        <v>7.6</v>
      </c>
      <c r="Z22787" s="2">
        <v>16.7</v>
      </c>
      <c r="AA22787" s="5"/>
      <c r="AB22787" s="5" t="s">
        <v>43</v>
      </c>
      <c r="AC22787" s="5" t="s">
        <v>44</v>
      </c>
      <c r="AD22787" s="2"/>
      <c r="AE22787" s="1"/>
    </row>
    <row r="22788" spans="1:31" ht="14.45">
      <c r="A22788" s="11"/>
      <c r="B22788" s="20"/>
      <c r="C22788" s="2" t="s">
        <v>73241</v>
      </c>
      <c r="D22788" s="14" t="s">
        <v>73242</v>
      </c>
      <c r="E22788" s="2" t="s">
        <v>73243</v>
      </c>
      <c r="F22788" s="2" t="s">
        <v>16033</v>
      </c>
      <c r="G22788" s="8">
        <v>224</v>
      </c>
      <c r="H22788" s="5">
        <v>6</v>
      </c>
      <c r="I22788" s="5" t="s">
        <v>1518</v>
      </c>
      <c r="J22788" s="5" t="s">
        <v>69038</v>
      </c>
      <c r="K22788" s="2" t="s">
        <v>69039</v>
      </c>
      <c r="L22788" s="5" t="s">
        <v>69038</v>
      </c>
      <c r="M22788" s="2" t="s">
        <v>69039</v>
      </c>
      <c r="N22788" s="5" t="s">
        <v>1521</v>
      </c>
      <c r="O22788" s="5" t="s">
        <v>38</v>
      </c>
      <c r="P22788" s="5" t="s">
        <v>39</v>
      </c>
      <c r="Q22788" s="5" t="s">
        <v>40</v>
      </c>
      <c r="R22788" s="5" t="s">
        <v>1522</v>
      </c>
      <c r="S22788" s="5" t="s">
        <v>1523</v>
      </c>
      <c r="T22788" s="5" t="s">
        <v>42</v>
      </c>
      <c r="U22788" s="2">
        <v>1.9790000000000001</v>
      </c>
      <c r="V22788" s="2">
        <v>1.5169999999999999</v>
      </c>
      <c r="W22788" s="2">
        <v>0.01</v>
      </c>
      <c r="X22788" s="2">
        <v>76.900000000000006</v>
      </c>
      <c r="Y22788" s="2">
        <v>7.6</v>
      </c>
      <c r="Z22788" s="2">
        <v>16.7</v>
      </c>
      <c r="AA22788" s="5"/>
      <c r="AB22788" s="5" t="s">
        <v>43</v>
      </c>
      <c r="AC22788" s="5" t="s">
        <v>44</v>
      </c>
      <c r="AD22788" s="2"/>
      <c r="AE22788" s="1"/>
    </row>
    <row r="22789" spans="1:31" ht="14.45">
      <c r="A22789" s="11"/>
      <c r="B22789" s="20"/>
      <c r="C22789" s="2" t="s">
        <v>73244</v>
      </c>
      <c r="D22789" s="14" t="s">
        <v>73245</v>
      </c>
      <c r="E22789" s="2" t="s">
        <v>73246</v>
      </c>
      <c r="F22789" s="2" t="s">
        <v>7204</v>
      </c>
      <c r="G22789" s="8">
        <v>223</v>
      </c>
      <c r="H22789" s="5">
        <v>6</v>
      </c>
      <c r="I22789" s="5" t="s">
        <v>1518</v>
      </c>
      <c r="J22789" s="5" t="s">
        <v>69038</v>
      </c>
      <c r="K22789" s="2" t="s">
        <v>69039</v>
      </c>
      <c r="L22789" s="5" t="s">
        <v>69038</v>
      </c>
      <c r="M22789" s="2" t="s">
        <v>69039</v>
      </c>
      <c r="N22789" s="5" t="s">
        <v>1521</v>
      </c>
      <c r="O22789" s="5" t="s">
        <v>38</v>
      </c>
      <c r="P22789" s="5" t="s">
        <v>39</v>
      </c>
      <c r="Q22789" s="5" t="s">
        <v>40</v>
      </c>
      <c r="R22789" s="5" t="s">
        <v>1522</v>
      </c>
      <c r="S22789" s="5" t="s">
        <v>1523</v>
      </c>
      <c r="T22789" s="5" t="s">
        <v>42</v>
      </c>
      <c r="U22789" s="2">
        <v>2.0590000000000002</v>
      </c>
      <c r="V22789" s="2">
        <v>1.603</v>
      </c>
      <c r="W22789" s="2">
        <v>0.01</v>
      </c>
      <c r="X22789" s="2">
        <v>76.900000000000006</v>
      </c>
      <c r="Y22789" s="2">
        <v>7.6</v>
      </c>
      <c r="Z22789" s="2">
        <v>16.7</v>
      </c>
      <c r="AA22789" s="5"/>
      <c r="AB22789" s="5" t="s">
        <v>43</v>
      </c>
      <c r="AC22789" s="5" t="s">
        <v>44</v>
      </c>
      <c r="AD22789" s="2"/>
      <c r="AE22789" s="1"/>
    </row>
    <row r="22790" spans="1:31" ht="14.45">
      <c r="A22790" s="11"/>
      <c r="B22790" s="20"/>
      <c r="C22790" s="2" t="s">
        <v>73247</v>
      </c>
      <c r="D22790" s="14" t="s">
        <v>73248</v>
      </c>
      <c r="E22790" s="2" t="s">
        <v>73249</v>
      </c>
      <c r="F22790" s="2" t="s">
        <v>7514</v>
      </c>
      <c r="G22790" s="8">
        <v>223</v>
      </c>
      <c r="H22790" s="5">
        <v>6</v>
      </c>
      <c r="I22790" s="5" t="s">
        <v>1518</v>
      </c>
      <c r="J22790" s="5" t="s">
        <v>69038</v>
      </c>
      <c r="K22790" s="2" t="s">
        <v>69039</v>
      </c>
      <c r="L22790" s="5" t="s">
        <v>69038</v>
      </c>
      <c r="M22790" s="2" t="s">
        <v>69039</v>
      </c>
      <c r="N22790" s="5" t="s">
        <v>1521</v>
      </c>
      <c r="O22790" s="5" t="s">
        <v>38</v>
      </c>
      <c r="P22790" s="5" t="s">
        <v>39</v>
      </c>
      <c r="Q22790" s="5" t="s">
        <v>40</v>
      </c>
      <c r="R22790" s="5" t="s">
        <v>1522</v>
      </c>
      <c r="S22790" s="5" t="s">
        <v>1523</v>
      </c>
      <c r="T22790" s="5" t="s">
        <v>42</v>
      </c>
      <c r="U22790" s="2">
        <v>2.117</v>
      </c>
      <c r="V22790" s="2">
        <v>1.661</v>
      </c>
      <c r="W22790" s="2">
        <v>0.01</v>
      </c>
      <c r="X22790" s="2">
        <v>76.900000000000006</v>
      </c>
      <c r="Y22790" s="2">
        <v>7.6</v>
      </c>
      <c r="Z22790" s="2">
        <v>16.7</v>
      </c>
      <c r="AA22790" s="5"/>
      <c r="AB22790" s="5" t="s">
        <v>43</v>
      </c>
      <c r="AC22790" s="5" t="s">
        <v>44</v>
      </c>
      <c r="AD22790" s="2"/>
      <c r="AE22790" s="1"/>
    </row>
    <row r="22791" spans="1:31" ht="14.45">
      <c r="A22791" s="11"/>
      <c r="B22791" s="20"/>
      <c r="C22791" s="2" t="s">
        <v>73250</v>
      </c>
      <c r="D22791" s="14" t="s">
        <v>73251</v>
      </c>
      <c r="E22791" s="2" t="s">
        <v>73252</v>
      </c>
      <c r="F22791" s="2" t="s">
        <v>7208</v>
      </c>
      <c r="G22791" s="8">
        <v>223</v>
      </c>
      <c r="H22791" s="5">
        <v>6</v>
      </c>
      <c r="I22791" s="5" t="s">
        <v>1518</v>
      </c>
      <c r="J22791" s="5" t="s">
        <v>69038</v>
      </c>
      <c r="K22791" s="2" t="s">
        <v>69039</v>
      </c>
      <c r="L22791" s="5" t="s">
        <v>69038</v>
      </c>
      <c r="M22791" s="2" t="s">
        <v>69039</v>
      </c>
      <c r="N22791" s="5" t="s">
        <v>1521</v>
      </c>
      <c r="O22791" s="5" t="s">
        <v>38</v>
      </c>
      <c r="P22791" s="5" t="s">
        <v>39</v>
      </c>
      <c r="Q22791" s="5" t="s">
        <v>40</v>
      </c>
      <c r="R22791" s="5" t="s">
        <v>1522</v>
      </c>
      <c r="S22791" s="5" t="s">
        <v>1523</v>
      </c>
      <c r="T22791" s="5" t="s">
        <v>42</v>
      </c>
      <c r="U22791" s="2">
        <v>2.0590000000000002</v>
      </c>
      <c r="V22791" s="2">
        <v>1.603</v>
      </c>
      <c r="W22791" s="2">
        <v>0.01</v>
      </c>
      <c r="X22791" s="2">
        <v>76.900000000000006</v>
      </c>
      <c r="Y22791" s="2">
        <v>7.6</v>
      </c>
      <c r="Z22791" s="2">
        <v>16.7</v>
      </c>
      <c r="AA22791" s="5"/>
      <c r="AB22791" s="5" t="s">
        <v>43</v>
      </c>
      <c r="AC22791" s="5" t="s">
        <v>44</v>
      </c>
      <c r="AD22791" s="2"/>
      <c r="AE22791" s="1"/>
    </row>
    <row r="22792" spans="1:31" ht="14.45">
      <c r="A22792" s="11"/>
      <c r="B22792" s="20"/>
      <c r="C22792" s="2" t="s">
        <v>73253</v>
      </c>
      <c r="D22792" s="14" t="s">
        <v>73254</v>
      </c>
      <c r="E22792" s="2" t="s">
        <v>73255</v>
      </c>
      <c r="F22792" s="2" t="s">
        <v>7406</v>
      </c>
      <c r="G22792" s="8">
        <v>237</v>
      </c>
      <c r="H22792" s="5">
        <v>6</v>
      </c>
      <c r="I22792" s="5" t="s">
        <v>1518</v>
      </c>
      <c r="J22792" s="5" t="s">
        <v>69038</v>
      </c>
      <c r="K22792" s="2" t="s">
        <v>69039</v>
      </c>
      <c r="L22792" s="5" t="s">
        <v>69038</v>
      </c>
      <c r="M22792" s="2" t="s">
        <v>69039</v>
      </c>
      <c r="N22792" s="5" t="s">
        <v>1521</v>
      </c>
      <c r="O22792" s="5" t="s">
        <v>38</v>
      </c>
      <c r="P22792" s="5" t="s">
        <v>39</v>
      </c>
      <c r="Q22792" s="5" t="s">
        <v>40</v>
      </c>
      <c r="R22792" s="5" t="s">
        <v>1522</v>
      </c>
      <c r="S22792" s="5" t="s">
        <v>1523</v>
      </c>
      <c r="T22792" s="5" t="s">
        <v>42</v>
      </c>
      <c r="U22792" s="2">
        <v>2.0590000000000002</v>
      </c>
      <c r="V22792" s="2">
        <v>1.603</v>
      </c>
      <c r="W22792" s="2">
        <v>0.01</v>
      </c>
      <c r="X22792" s="2">
        <v>76.900000000000006</v>
      </c>
      <c r="Y22792" s="2">
        <v>7.6</v>
      </c>
      <c r="Z22792" s="2">
        <v>16.7</v>
      </c>
      <c r="AA22792" s="5"/>
      <c r="AB22792" s="5" t="s">
        <v>43</v>
      </c>
      <c r="AC22792" s="5" t="s">
        <v>44</v>
      </c>
      <c r="AD22792" s="2"/>
      <c r="AE22792" s="1"/>
    </row>
    <row r="22793" spans="1:31" ht="14.45">
      <c r="A22793" s="11"/>
      <c r="B22793" s="20"/>
      <c r="C22793" s="2" t="s">
        <v>73256</v>
      </c>
      <c r="D22793" s="14" t="s">
        <v>73257</v>
      </c>
      <c r="E22793" s="2" t="s">
        <v>73258</v>
      </c>
      <c r="F22793" s="2" t="s">
        <v>7539</v>
      </c>
      <c r="G22793" s="8">
        <v>237</v>
      </c>
      <c r="H22793" s="5">
        <v>6</v>
      </c>
      <c r="I22793" s="5" t="s">
        <v>1518</v>
      </c>
      <c r="J22793" s="5" t="s">
        <v>69038</v>
      </c>
      <c r="K22793" s="2" t="s">
        <v>69039</v>
      </c>
      <c r="L22793" s="5" t="s">
        <v>69038</v>
      </c>
      <c r="M22793" s="2" t="s">
        <v>69039</v>
      </c>
      <c r="N22793" s="5" t="s">
        <v>1521</v>
      </c>
      <c r="O22793" s="5" t="s">
        <v>38</v>
      </c>
      <c r="P22793" s="5" t="s">
        <v>39</v>
      </c>
      <c r="Q22793" s="5" t="s">
        <v>40</v>
      </c>
      <c r="R22793" s="5" t="s">
        <v>1522</v>
      </c>
      <c r="S22793" s="5" t="s">
        <v>1523</v>
      </c>
      <c r="T22793" s="5" t="s">
        <v>42</v>
      </c>
      <c r="U22793" s="2">
        <v>2.0590000000000002</v>
      </c>
      <c r="V22793" s="2">
        <v>1.603</v>
      </c>
      <c r="W22793" s="2">
        <v>0.01</v>
      </c>
      <c r="X22793" s="2">
        <v>76.900000000000006</v>
      </c>
      <c r="Y22793" s="2">
        <v>7.6</v>
      </c>
      <c r="Z22793" s="2">
        <v>16.7</v>
      </c>
      <c r="AA22793" s="5"/>
      <c r="AB22793" s="5" t="s">
        <v>43</v>
      </c>
      <c r="AC22793" s="5" t="s">
        <v>44</v>
      </c>
      <c r="AD22793" s="2"/>
      <c r="AE22793" s="1"/>
    </row>
    <row r="22794" spans="1:31" ht="14.45">
      <c r="A22794" s="11"/>
      <c r="B22794" s="20"/>
      <c r="C22794" s="2" t="s">
        <v>73259</v>
      </c>
      <c r="D22794" s="14" t="s">
        <v>73260</v>
      </c>
      <c r="E22794" s="2" t="s">
        <v>73261</v>
      </c>
      <c r="F22794" s="2" t="s">
        <v>7543</v>
      </c>
      <c r="G22794" s="8">
        <v>237</v>
      </c>
      <c r="H22794" s="5">
        <v>6</v>
      </c>
      <c r="I22794" s="5" t="s">
        <v>1518</v>
      </c>
      <c r="J22794" s="5" t="s">
        <v>69038</v>
      </c>
      <c r="K22794" s="2" t="s">
        <v>69039</v>
      </c>
      <c r="L22794" s="5" t="s">
        <v>69038</v>
      </c>
      <c r="M22794" s="2" t="s">
        <v>69039</v>
      </c>
      <c r="N22794" s="5" t="s">
        <v>1521</v>
      </c>
      <c r="O22794" s="5" t="s">
        <v>38</v>
      </c>
      <c r="P22794" s="5" t="s">
        <v>39</v>
      </c>
      <c r="Q22794" s="5" t="s">
        <v>40</v>
      </c>
      <c r="R22794" s="5" t="s">
        <v>1522</v>
      </c>
      <c r="S22794" s="5" t="s">
        <v>1523</v>
      </c>
      <c r="T22794" s="5" t="s">
        <v>42</v>
      </c>
      <c r="U22794" s="2">
        <v>2.117</v>
      </c>
      <c r="V22794" s="2">
        <v>1.661</v>
      </c>
      <c r="W22794" s="2">
        <v>0.01</v>
      </c>
      <c r="X22794" s="2">
        <v>76.900000000000006</v>
      </c>
      <c r="Y22794" s="2">
        <v>7.6</v>
      </c>
      <c r="Z22794" s="2">
        <v>16.7</v>
      </c>
      <c r="AA22794" s="5"/>
      <c r="AB22794" s="5" t="s">
        <v>43</v>
      </c>
      <c r="AC22794" s="5" t="s">
        <v>44</v>
      </c>
      <c r="AD22794" s="2"/>
      <c r="AE22794" s="1"/>
    </row>
    <row r="22795" spans="1:31" ht="14.45">
      <c r="A22795" s="11"/>
      <c r="B22795" s="20"/>
      <c r="C22795" s="2" t="s">
        <v>73262</v>
      </c>
      <c r="D22795" s="14" t="s">
        <v>73263</v>
      </c>
      <c r="E22795" s="2" t="s">
        <v>73264</v>
      </c>
      <c r="F22795" s="2" t="s">
        <v>7396</v>
      </c>
      <c r="G22795" s="8">
        <v>223</v>
      </c>
      <c r="H22795" s="5">
        <v>6</v>
      </c>
      <c r="I22795" s="5" t="s">
        <v>1518</v>
      </c>
      <c r="J22795" s="5" t="s">
        <v>69038</v>
      </c>
      <c r="K22795" s="2" t="s">
        <v>69039</v>
      </c>
      <c r="L22795" s="5" t="s">
        <v>69038</v>
      </c>
      <c r="M22795" s="2" t="s">
        <v>69039</v>
      </c>
      <c r="N22795" s="5" t="s">
        <v>1521</v>
      </c>
      <c r="O22795" s="5" t="s">
        <v>38</v>
      </c>
      <c r="P22795" s="5" t="s">
        <v>39</v>
      </c>
      <c r="Q22795" s="5" t="s">
        <v>40</v>
      </c>
      <c r="R22795" s="5" t="s">
        <v>1522</v>
      </c>
      <c r="S22795" s="5" t="s">
        <v>1523</v>
      </c>
      <c r="T22795" s="5" t="s">
        <v>42</v>
      </c>
      <c r="U22795" s="2">
        <v>2.0590000000000002</v>
      </c>
      <c r="V22795" s="2">
        <v>1.603</v>
      </c>
      <c r="W22795" s="2">
        <v>0.01</v>
      </c>
      <c r="X22795" s="2">
        <v>76.900000000000006</v>
      </c>
      <c r="Y22795" s="2">
        <v>7.6</v>
      </c>
      <c r="Z22795" s="2">
        <v>16.7</v>
      </c>
      <c r="AA22795" s="5"/>
      <c r="AB22795" s="5" t="s">
        <v>43</v>
      </c>
      <c r="AC22795" s="5" t="s">
        <v>44</v>
      </c>
      <c r="AD22795" s="2"/>
      <c r="AE22795" s="1"/>
    </row>
    <row r="22796" spans="1:31" ht="14.45">
      <c r="A22796" s="11"/>
      <c r="B22796" s="20"/>
      <c r="C22796" s="2" t="s">
        <v>73265</v>
      </c>
      <c r="D22796" s="14" t="s">
        <v>73266</v>
      </c>
      <c r="E22796" s="2" t="s">
        <v>73267</v>
      </c>
      <c r="F22796" s="2" t="s">
        <v>7507</v>
      </c>
      <c r="G22796" s="8">
        <v>223</v>
      </c>
      <c r="H22796" s="5">
        <v>6</v>
      </c>
      <c r="I22796" s="5" t="s">
        <v>1518</v>
      </c>
      <c r="J22796" s="5" t="s">
        <v>69038</v>
      </c>
      <c r="K22796" s="2" t="s">
        <v>69039</v>
      </c>
      <c r="L22796" s="5" t="s">
        <v>69038</v>
      </c>
      <c r="M22796" s="2" t="s">
        <v>69039</v>
      </c>
      <c r="N22796" s="5" t="s">
        <v>1521</v>
      </c>
      <c r="O22796" s="5" t="s">
        <v>38</v>
      </c>
      <c r="P22796" s="5" t="s">
        <v>39</v>
      </c>
      <c r="Q22796" s="5" t="s">
        <v>40</v>
      </c>
      <c r="R22796" s="5" t="s">
        <v>1522</v>
      </c>
      <c r="S22796" s="5" t="s">
        <v>1523</v>
      </c>
      <c r="T22796" s="5" t="s">
        <v>42</v>
      </c>
      <c r="U22796" s="2">
        <v>2.117</v>
      </c>
      <c r="V22796" s="2">
        <v>1.661</v>
      </c>
      <c r="W22796" s="2">
        <v>0.01</v>
      </c>
      <c r="X22796" s="2">
        <v>76.900000000000006</v>
      </c>
      <c r="Y22796" s="2">
        <v>7.6</v>
      </c>
      <c r="Z22796" s="2">
        <v>16.7</v>
      </c>
      <c r="AA22796" s="5"/>
      <c r="AB22796" s="5" t="s">
        <v>43</v>
      </c>
      <c r="AC22796" s="5" t="s">
        <v>44</v>
      </c>
      <c r="AD22796" s="2"/>
      <c r="AE22796" s="1"/>
    </row>
    <row r="22797" spans="1:31" ht="14.45">
      <c r="A22797" s="11"/>
      <c r="B22797" s="20"/>
      <c r="C22797" s="2" t="s">
        <v>73268</v>
      </c>
      <c r="D22797" s="14" t="s">
        <v>73269</v>
      </c>
      <c r="E22797" s="2" t="s">
        <v>73270</v>
      </c>
      <c r="F22797" s="2" t="s">
        <v>7563</v>
      </c>
      <c r="G22797" s="8">
        <v>237</v>
      </c>
      <c r="H22797" s="5">
        <v>6</v>
      </c>
      <c r="I22797" s="5" t="s">
        <v>1518</v>
      </c>
      <c r="J22797" s="5" t="s">
        <v>69038</v>
      </c>
      <c r="K22797" s="2" t="s">
        <v>69039</v>
      </c>
      <c r="L22797" s="5" t="s">
        <v>69038</v>
      </c>
      <c r="M22797" s="2" t="s">
        <v>69039</v>
      </c>
      <c r="N22797" s="5" t="s">
        <v>1521</v>
      </c>
      <c r="O22797" s="5" t="s">
        <v>38</v>
      </c>
      <c r="P22797" s="5" t="s">
        <v>39</v>
      </c>
      <c r="Q22797" s="5" t="s">
        <v>40</v>
      </c>
      <c r="R22797" s="5" t="s">
        <v>1522</v>
      </c>
      <c r="S22797" s="5" t="s">
        <v>1523</v>
      </c>
      <c r="T22797" s="5" t="s">
        <v>42</v>
      </c>
      <c r="U22797" s="2">
        <v>2.0590000000000002</v>
      </c>
      <c r="V22797" s="2">
        <v>1.603</v>
      </c>
      <c r="W22797" s="2">
        <v>0.01</v>
      </c>
      <c r="X22797" s="2">
        <v>76.900000000000006</v>
      </c>
      <c r="Y22797" s="2">
        <v>7.6</v>
      </c>
      <c r="Z22797" s="2">
        <v>16.7</v>
      </c>
      <c r="AA22797" s="5"/>
      <c r="AB22797" s="5" t="s">
        <v>43</v>
      </c>
      <c r="AC22797" s="5" t="s">
        <v>44</v>
      </c>
      <c r="AD22797" s="2"/>
      <c r="AE22797" s="1"/>
    </row>
    <row r="22798" spans="1:31" ht="14.45">
      <c r="A22798" s="11"/>
      <c r="B22798" s="20"/>
      <c r="C22798" s="2" t="s">
        <v>73271</v>
      </c>
      <c r="D22798" s="14" t="s">
        <v>73272</v>
      </c>
      <c r="E22798" s="2" t="s">
        <v>73273</v>
      </c>
      <c r="F22798" s="2" t="s">
        <v>7585</v>
      </c>
      <c r="G22798" s="8">
        <v>237</v>
      </c>
      <c r="H22798" s="5">
        <v>6</v>
      </c>
      <c r="I22798" s="5" t="s">
        <v>1518</v>
      </c>
      <c r="J22798" s="5" t="s">
        <v>69038</v>
      </c>
      <c r="K22798" s="2" t="s">
        <v>69039</v>
      </c>
      <c r="L22798" s="5" t="s">
        <v>69038</v>
      </c>
      <c r="M22798" s="2" t="s">
        <v>69039</v>
      </c>
      <c r="N22798" s="5" t="s">
        <v>1521</v>
      </c>
      <c r="O22798" s="5" t="s">
        <v>38</v>
      </c>
      <c r="P22798" s="5" t="s">
        <v>39</v>
      </c>
      <c r="Q22798" s="5" t="s">
        <v>40</v>
      </c>
      <c r="R22798" s="5" t="s">
        <v>1522</v>
      </c>
      <c r="S22798" s="5" t="s">
        <v>1523</v>
      </c>
      <c r="T22798" s="5" t="s">
        <v>42</v>
      </c>
      <c r="U22798" s="2">
        <v>2.0590000000000002</v>
      </c>
      <c r="V22798" s="2">
        <v>1.603</v>
      </c>
      <c r="W22798" s="2">
        <v>0.01</v>
      </c>
      <c r="X22798" s="2">
        <v>76.900000000000006</v>
      </c>
      <c r="Y22798" s="2">
        <v>7.6</v>
      </c>
      <c r="Z22798" s="2">
        <v>16.7</v>
      </c>
      <c r="AA22798" s="5"/>
      <c r="AB22798" s="5" t="s">
        <v>43</v>
      </c>
      <c r="AC22798" s="5" t="s">
        <v>44</v>
      </c>
      <c r="AD22798" s="2"/>
      <c r="AE22798" s="1"/>
    </row>
    <row r="22799" spans="1:31" ht="14.45">
      <c r="A22799" s="11"/>
      <c r="B22799" s="20"/>
      <c r="C22799" s="2" t="s">
        <v>73274</v>
      </c>
      <c r="D22799" s="14" t="s">
        <v>73275</v>
      </c>
      <c r="E22799" s="2" t="s">
        <v>73276</v>
      </c>
      <c r="F22799" s="2" t="s">
        <v>7615</v>
      </c>
      <c r="G22799" s="8">
        <v>237</v>
      </c>
      <c r="H22799" s="5">
        <v>6</v>
      </c>
      <c r="I22799" s="5" t="s">
        <v>1518</v>
      </c>
      <c r="J22799" s="5" t="s">
        <v>69038</v>
      </c>
      <c r="K22799" s="2" t="s">
        <v>69039</v>
      </c>
      <c r="L22799" s="5" t="s">
        <v>69038</v>
      </c>
      <c r="M22799" s="2" t="s">
        <v>69039</v>
      </c>
      <c r="N22799" s="5" t="s">
        <v>1521</v>
      </c>
      <c r="O22799" s="5" t="s">
        <v>38</v>
      </c>
      <c r="P22799" s="5" t="s">
        <v>39</v>
      </c>
      <c r="Q22799" s="5" t="s">
        <v>40</v>
      </c>
      <c r="R22799" s="5" t="s">
        <v>1522</v>
      </c>
      <c r="S22799" s="5" t="s">
        <v>1523</v>
      </c>
      <c r="T22799" s="5" t="s">
        <v>42</v>
      </c>
      <c r="U22799" s="2">
        <v>2.0590000000000002</v>
      </c>
      <c r="V22799" s="2">
        <v>1.603</v>
      </c>
      <c r="W22799" s="2">
        <v>0.01</v>
      </c>
      <c r="X22799" s="2">
        <v>76.900000000000006</v>
      </c>
      <c r="Y22799" s="2">
        <v>7.6</v>
      </c>
      <c r="Z22799" s="2">
        <v>16.7</v>
      </c>
      <c r="AA22799" s="5"/>
      <c r="AB22799" s="5" t="s">
        <v>43</v>
      </c>
      <c r="AC22799" s="5" t="s">
        <v>44</v>
      </c>
      <c r="AD22799" s="2"/>
      <c r="AE22799" s="1"/>
    </row>
    <row r="22800" spans="1:31" ht="14.45">
      <c r="A22800" s="11"/>
      <c r="B22800" s="20"/>
      <c r="C22800" s="2" t="s">
        <v>73277</v>
      </c>
      <c r="D22800" s="14" t="s">
        <v>73278</v>
      </c>
      <c r="E22800" s="2" t="s">
        <v>73279</v>
      </c>
      <c r="F22800" s="2" t="s">
        <v>16014</v>
      </c>
      <c r="G22800" s="8">
        <v>237</v>
      </c>
      <c r="H22800" s="5">
        <v>6</v>
      </c>
      <c r="I22800" s="5" t="s">
        <v>1518</v>
      </c>
      <c r="J22800" s="5" t="s">
        <v>69038</v>
      </c>
      <c r="K22800" s="2" t="s">
        <v>69039</v>
      </c>
      <c r="L22800" s="5" t="s">
        <v>69038</v>
      </c>
      <c r="M22800" s="2" t="s">
        <v>69039</v>
      </c>
      <c r="N22800" s="5" t="s">
        <v>1521</v>
      </c>
      <c r="O22800" s="5" t="s">
        <v>38</v>
      </c>
      <c r="P22800" s="5" t="s">
        <v>39</v>
      </c>
      <c r="Q22800" s="5" t="s">
        <v>40</v>
      </c>
      <c r="R22800" s="5" t="s">
        <v>1522</v>
      </c>
      <c r="S22800" s="5" t="s">
        <v>1523</v>
      </c>
      <c r="T22800" s="5" t="s">
        <v>42</v>
      </c>
      <c r="U22800" s="2">
        <v>2.0590000000000002</v>
      </c>
      <c r="V22800" s="2">
        <v>1.603</v>
      </c>
      <c r="W22800" s="2">
        <v>0.01</v>
      </c>
      <c r="X22800" s="2">
        <v>76.900000000000006</v>
      </c>
      <c r="Y22800" s="2">
        <v>7.6</v>
      </c>
      <c r="Z22800" s="2">
        <v>16.7</v>
      </c>
      <c r="AA22800" s="5"/>
      <c r="AB22800" s="5" t="s">
        <v>43</v>
      </c>
      <c r="AC22800" s="5" t="s">
        <v>44</v>
      </c>
      <c r="AD22800" s="2"/>
      <c r="AE22800" s="1"/>
    </row>
    <row r="22801" spans="1:31" ht="14.45">
      <c r="A22801" s="11"/>
      <c r="B22801" s="20"/>
      <c r="C22801" s="2" t="s">
        <v>73280</v>
      </c>
      <c r="D22801" s="14" t="s">
        <v>73281</v>
      </c>
      <c r="E22801" s="2" t="s">
        <v>73282</v>
      </c>
      <c r="F22801" s="2" t="s">
        <v>7212</v>
      </c>
      <c r="G22801" s="8">
        <v>223</v>
      </c>
      <c r="H22801" s="5">
        <v>6</v>
      </c>
      <c r="I22801" s="5" t="s">
        <v>1518</v>
      </c>
      <c r="J22801" s="5" t="s">
        <v>69038</v>
      </c>
      <c r="K22801" s="2" t="s">
        <v>69039</v>
      </c>
      <c r="L22801" s="5" t="s">
        <v>69038</v>
      </c>
      <c r="M22801" s="2" t="s">
        <v>69039</v>
      </c>
      <c r="N22801" s="5" t="s">
        <v>1521</v>
      </c>
      <c r="O22801" s="5" t="s">
        <v>38</v>
      </c>
      <c r="P22801" s="5" t="s">
        <v>39</v>
      </c>
      <c r="Q22801" s="5" t="s">
        <v>40</v>
      </c>
      <c r="R22801" s="5" t="s">
        <v>1522</v>
      </c>
      <c r="S22801" s="5" t="s">
        <v>1523</v>
      </c>
      <c r="T22801" s="5" t="s">
        <v>42</v>
      </c>
      <c r="U22801" s="2">
        <v>2.0590000000000002</v>
      </c>
      <c r="V22801" s="2">
        <v>1.603</v>
      </c>
      <c r="W22801" s="2">
        <v>0.01</v>
      </c>
      <c r="X22801" s="2">
        <v>76.900000000000006</v>
      </c>
      <c r="Y22801" s="2">
        <v>7.6</v>
      </c>
      <c r="Z22801" s="2">
        <v>16.7</v>
      </c>
      <c r="AA22801" s="5"/>
      <c r="AB22801" s="5" t="s">
        <v>43</v>
      </c>
      <c r="AC22801" s="5" t="s">
        <v>44</v>
      </c>
      <c r="AD22801" s="2"/>
      <c r="AE22801" s="1"/>
    </row>
    <row r="22802" spans="1:31" ht="14.45">
      <c r="A22802" s="11"/>
      <c r="B22802" s="20"/>
      <c r="C22802" s="2" t="s">
        <v>73283</v>
      </c>
      <c r="D22802" s="14" t="s">
        <v>73284</v>
      </c>
      <c r="E22802" s="2" t="s">
        <v>73285</v>
      </c>
      <c r="F22802" s="2" t="s">
        <v>16029</v>
      </c>
      <c r="G22802" s="8">
        <v>237</v>
      </c>
      <c r="H22802" s="5">
        <v>6</v>
      </c>
      <c r="I22802" s="5" t="s">
        <v>1518</v>
      </c>
      <c r="J22802" s="5" t="s">
        <v>69038</v>
      </c>
      <c r="K22802" s="2" t="s">
        <v>69039</v>
      </c>
      <c r="L22802" s="5" t="s">
        <v>69038</v>
      </c>
      <c r="M22802" s="2" t="s">
        <v>69039</v>
      </c>
      <c r="N22802" s="5" t="s">
        <v>1521</v>
      </c>
      <c r="O22802" s="5" t="s">
        <v>38</v>
      </c>
      <c r="P22802" s="5" t="s">
        <v>39</v>
      </c>
      <c r="Q22802" s="5" t="s">
        <v>40</v>
      </c>
      <c r="R22802" s="5" t="s">
        <v>1522</v>
      </c>
      <c r="S22802" s="5" t="s">
        <v>1523</v>
      </c>
      <c r="T22802" s="5" t="s">
        <v>42</v>
      </c>
      <c r="U22802" s="2">
        <v>2.0779999999999998</v>
      </c>
      <c r="V22802" s="2">
        <v>1.6220000000000001</v>
      </c>
      <c r="W22802" s="2">
        <v>0.01</v>
      </c>
      <c r="X22802" s="2">
        <v>76.900000000000006</v>
      </c>
      <c r="Y22802" s="2">
        <v>7.6</v>
      </c>
      <c r="Z22802" s="2">
        <v>16.7</v>
      </c>
      <c r="AA22802" s="5"/>
      <c r="AB22802" s="5" t="s">
        <v>43</v>
      </c>
      <c r="AC22802" s="5" t="s">
        <v>44</v>
      </c>
      <c r="AD22802" s="2"/>
      <c r="AE22802" s="1"/>
    </row>
    <row r="22803" spans="1:31" ht="14.45">
      <c r="A22803" s="11"/>
      <c r="B22803" s="20"/>
      <c r="C22803" s="2" t="s">
        <v>73286</v>
      </c>
      <c r="D22803" s="14" t="s">
        <v>73287</v>
      </c>
      <c r="E22803" s="2" t="s">
        <v>73288</v>
      </c>
      <c r="F22803" s="2" t="s">
        <v>16033</v>
      </c>
      <c r="G22803" s="8">
        <v>237</v>
      </c>
      <c r="H22803" s="5">
        <v>6</v>
      </c>
      <c r="I22803" s="5" t="s">
        <v>1518</v>
      </c>
      <c r="J22803" s="5" t="s">
        <v>69038</v>
      </c>
      <c r="K22803" s="2" t="s">
        <v>69039</v>
      </c>
      <c r="L22803" s="5" t="s">
        <v>69038</v>
      </c>
      <c r="M22803" s="2" t="s">
        <v>69039</v>
      </c>
      <c r="N22803" s="5" t="s">
        <v>1521</v>
      </c>
      <c r="O22803" s="5" t="s">
        <v>38</v>
      </c>
      <c r="P22803" s="5" t="s">
        <v>39</v>
      </c>
      <c r="Q22803" s="5" t="s">
        <v>40</v>
      </c>
      <c r="R22803" s="5" t="s">
        <v>1522</v>
      </c>
      <c r="S22803" s="5" t="s">
        <v>1523</v>
      </c>
      <c r="T22803" s="5" t="s">
        <v>42</v>
      </c>
      <c r="U22803" s="2">
        <v>2.1360000000000001</v>
      </c>
      <c r="V22803" s="2">
        <v>1.68</v>
      </c>
      <c r="W22803" s="2">
        <v>0.01</v>
      </c>
      <c r="X22803" s="2">
        <v>76.900000000000006</v>
      </c>
      <c r="Y22803" s="2">
        <v>7.6</v>
      </c>
      <c r="Z22803" s="2">
        <v>16.7</v>
      </c>
      <c r="AA22803" s="5"/>
      <c r="AB22803" s="5" t="s">
        <v>43</v>
      </c>
      <c r="AC22803" s="5" t="s">
        <v>44</v>
      </c>
      <c r="AD22803" s="2"/>
      <c r="AE22803" s="1"/>
    </row>
    <row r="22804" spans="1:31" ht="14.45">
      <c r="A22804" s="11"/>
      <c r="B22804" s="20"/>
      <c r="C22804" s="2" t="s">
        <v>73289</v>
      </c>
      <c r="D22804" s="14" t="s">
        <v>73290</v>
      </c>
      <c r="E22804" s="2" t="s">
        <v>73291</v>
      </c>
      <c r="F22804" s="2" t="s">
        <v>7514</v>
      </c>
      <c r="G22804" s="8">
        <v>233</v>
      </c>
      <c r="H22804" s="5">
        <v>6</v>
      </c>
      <c r="I22804" s="5" t="s">
        <v>1518</v>
      </c>
      <c r="J22804" s="5" t="s">
        <v>69038</v>
      </c>
      <c r="K22804" s="2" t="s">
        <v>69039</v>
      </c>
      <c r="L22804" s="5" t="s">
        <v>69038</v>
      </c>
      <c r="M22804" s="2" t="s">
        <v>69039</v>
      </c>
      <c r="N22804" s="5" t="s">
        <v>1521</v>
      </c>
      <c r="O22804" s="5" t="s">
        <v>38</v>
      </c>
      <c r="P22804" s="5" t="s">
        <v>39</v>
      </c>
      <c r="Q22804" s="5" t="s">
        <v>40</v>
      </c>
      <c r="R22804" s="5" t="s">
        <v>1522</v>
      </c>
      <c r="S22804" s="5" t="s">
        <v>1523</v>
      </c>
      <c r="T22804" s="5" t="s">
        <v>42</v>
      </c>
      <c r="U22804" s="2">
        <v>2.3860000000000001</v>
      </c>
      <c r="V22804" s="2">
        <v>1.8220000000000001</v>
      </c>
      <c r="W22804" s="2">
        <v>1.2999999999999999E-2</v>
      </c>
      <c r="X22804" s="2">
        <v>99.1</v>
      </c>
      <c r="Y22804" s="2">
        <v>7.6</v>
      </c>
      <c r="Z22804" s="2">
        <v>16.7</v>
      </c>
      <c r="AA22804" s="5"/>
      <c r="AB22804" s="5" t="s">
        <v>43</v>
      </c>
      <c r="AC22804" s="5" t="s">
        <v>44</v>
      </c>
      <c r="AD22804" s="2"/>
      <c r="AE22804" s="1"/>
    </row>
    <row r="22805" spans="1:31" ht="14.45">
      <c r="A22805" s="11"/>
      <c r="B22805" s="20"/>
      <c r="C22805" s="2" t="s">
        <v>73292</v>
      </c>
      <c r="D22805" s="14" t="s">
        <v>73293</v>
      </c>
      <c r="E22805" s="2" t="s">
        <v>73294</v>
      </c>
      <c r="F22805" s="2" t="s">
        <v>16194</v>
      </c>
      <c r="G22805" s="8">
        <v>249</v>
      </c>
      <c r="H22805" s="5">
        <v>6</v>
      </c>
      <c r="I22805" s="5" t="s">
        <v>1518</v>
      </c>
      <c r="J22805" s="5" t="s">
        <v>69038</v>
      </c>
      <c r="K22805" s="2" t="s">
        <v>69039</v>
      </c>
      <c r="L22805" s="5" t="s">
        <v>69038</v>
      </c>
      <c r="M22805" s="2" t="s">
        <v>69039</v>
      </c>
      <c r="N22805" s="5" t="s">
        <v>1521</v>
      </c>
      <c r="O22805" s="5" t="s">
        <v>38</v>
      </c>
      <c r="P22805" s="5" t="s">
        <v>39</v>
      </c>
      <c r="Q22805" s="5" t="s">
        <v>40</v>
      </c>
      <c r="R22805" s="5" t="s">
        <v>1522</v>
      </c>
      <c r="S22805" s="5" t="s">
        <v>1523</v>
      </c>
      <c r="T22805" s="5" t="s">
        <v>42</v>
      </c>
      <c r="U22805" s="2">
        <v>2.3860000000000001</v>
      </c>
      <c r="V22805" s="2">
        <v>1.8220000000000001</v>
      </c>
      <c r="W22805" s="2">
        <v>1.2999999999999999E-2</v>
      </c>
      <c r="X22805" s="2">
        <v>99.1</v>
      </c>
      <c r="Y22805" s="2">
        <v>7.6</v>
      </c>
      <c r="Z22805" s="2">
        <v>16.7</v>
      </c>
      <c r="AA22805" s="5"/>
      <c r="AB22805" s="5" t="s">
        <v>43</v>
      </c>
      <c r="AC22805" s="5" t="s">
        <v>44</v>
      </c>
      <c r="AD22805" s="2"/>
      <c r="AE22805" s="1"/>
    </row>
    <row r="22806" spans="1:31" ht="14.45">
      <c r="A22806" s="11"/>
      <c r="B22806" s="20"/>
      <c r="C22806" s="2" t="s">
        <v>73295</v>
      </c>
      <c r="D22806" s="14" t="s">
        <v>73296</v>
      </c>
      <c r="E22806" s="2" t="s">
        <v>73297</v>
      </c>
      <c r="F22806" s="2" t="s">
        <v>16029</v>
      </c>
      <c r="G22806" s="8">
        <v>249</v>
      </c>
      <c r="H22806" s="5">
        <v>6</v>
      </c>
      <c r="I22806" s="5" t="s">
        <v>1518</v>
      </c>
      <c r="J22806" s="5" t="s">
        <v>69038</v>
      </c>
      <c r="K22806" s="2" t="s">
        <v>69039</v>
      </c>
      <c r="L22806" s="5" t="s">
        <v>69038</v>
      </c>
      <c r="M22806" s="2" t="s">
        <v>69039</v>
      </c>
      <c r="N22806" s="5" t="s">
        <v>1521</v>
      </c>
      <c r="O22806" s="5" t="s">
        <v>38</v>
      </c>
      <c r="P22806" s="5" t="s">
        <v>39</v>
      </c>
      <c r="Q22806" s="5" t="s">
        <v>40</v>
      </c>
      <c r="R22806" s="5" t="s">
        <v>1522</v>
      </c>
      <c r="S22806" s="5" t="s">
        <v>1523</v>
      </c>
      <c r="T22806" s="5" t="s">
        <v>42</v>
      </c>
      <c r="U22806" s="2">
        <v>2.3359999999999999</v>
      </c>
      <c r="V22806" s="2">
        <v>1.772</v>
      </c>
      <c r="W22806" s="2">
        <v>1.2999999999999999E-2</v>
      </c>
      <c r="X22806" s="2">
        <v>99.1</v>
      </c>
      <c r="Y22806" s="2">
        <v>7.6</v>
      </c>
      <c r="Z22806" s="2">
        <v>16.7</v>
      </c>
      <c r="AA22806" s="5"/>
      <c r="AB22806" s="5" t="s">
        <v>43</v>
      </c>
      <c r="AC22806" s="5" t="s">
        <v>44</v>
      </c>
      <c r="AD22806" s="2"/>
      <c r="AE22806" s="1"/>
    </row>
    <row r="22807" spans="1:31" ht="14.45">
      <c r="A22807" s="11"/>
      <c r="B22807" s="20"/>
      <c r="C22807" s="2" t="s">
        <v>73298</v>
      </c>
      <c r="D22807" s="14" t="s">
        <v>73299</v>
      </c>
      <c r="E22807" s="2" t="s">
        <v>73300</v>
      </c>
      <c r="F22807" s="2" t="s">
        <v>16033</v>
      </c>
      <c r="G22807" s="8">
        <v>249</v>
      </c>
      <c r="H22807" s="5">
        <v>6</v>
      </c>
      <c r="I22807" s="5" t="s">
        <v>1518</v>
      </c>
      <c r="J22807" s="5" t="s">
        <v>69038</v>
      </c>
      <c r="K22807" s="2" t="s">
        <v>69039</v>
      </c>
      <c r="L22807" s="5" t="s">
        <v>69038</v>
      </c>
      <c r="M22807" s="2" t="s">
        <v>69039</v>
      </c>
      <c r="N22807" s="5" t="s">
        <v>1521</v>
      </c>
      <c r="O22807" s="5" t="s">
        <v>38</v>
      </c>
      <c r="P22807" s="5" t="s">
        <v>39</v>
      </c>
      <c r="Q22807" s="5" t="s">
        <v>40</v>
      </c>
      <c r="R22807" s="5" t="s">
        <v>1522</v>
      </c>
      <c r="S22807" s="5" t="s">
        <v>1523</v>
      </c>
      <c r="T22807" s="5" t="s">
        <v>42</v>
      </c>
      <c r="U22807" s="2">
        <v>2.4049999999999998</v>
      </c>
      <c r="V22807" s="2">
        <v>1.841</v>
      </c>
      <c r="W22807" s="2">
        <v>1.2999999999999999E-2</v>
      </c>
      <c r="X22807" s="2">
        <v>99.1</v>
      </c>
      <c r="Y22807" s="2">
        <v>7.6</v>
      </c>
      <c r="Z22807" s="2">
        <v>16.7</v>
      </c>
      <c r="AA22807" s="5"/>
      <c r="AB22807" s="5" t="s">
        <v>43</v>
      </c>
      <c r="AC22807" s="5" t="s">
        <v>44</v>
      </c>
      <c r="AD22807" s="2"/>
      <c r="AE22807" s="1"/>
    </row>
    <row r="22808" spans="1:31" ht="14.45">
      <c r="A22808" s="11"/>
      <c r="B22808" s="20"/>
      <c r="C22808" s="2" t="s">
        <v>73301</v>
      </c>
      <c r="D22808" s="14" t="s">
        <v>73302</v>
      </c>
      <c r="E22808" s="2" t="s">
        <v>73303</v>
      </c>
      <c r="F22808" s="2" t="s">
        <v>7204</v>
      </c>
      <c r="G22808" s="8">
        <v>212</v>
      </c>
      <c r="H22808" s="5">
        <v>6</v>
      </c>
      <c r="I22808" s="5" t="s">
        <v>1518</v>
      </c>
      <c r="J22808" s="5" t="s">
        <v>69038</v>
      </c>
      <c r="K22808" s="2" t="s">
        <v>69039</v>
      </c>
      <c r="L22808" s="5" t="s">
        <v>69038</v>
      </c>
      <c r="M22808" s="2" t="s">
        <v>69039</v>
      </c>
      <c r="N22808" s="5" t="s">
        <v>1521</v>
      </c>
      <c r="O22808" s="5" t="s">
        <v>38</v>
      </c>
      <c r="P22808" s="5" t="s">
        <v>39</v>
      </c>
      <c r="Q22808" s="5" t="s">
        <v>40</v>
      </c>
      <c r="R22808" s="5" t="s">
        <v>1522</v>
      </c>
      <c r="S22808" s="5" t="s">
        <v>1523</v>
      </c>
      <c r="T22808" s="5" t="s">
        <v>42</v>
      </c>
      <c r="U22808" s="2">
        <v>1.948</v>
      </c>
      <c r="V22808" s="2">
        <v>1.488</v>
      </c>
      <c r="W22808" s="2">
        <v>0.01</v>
      </c>
      <c r="X22808" s="2">
        <v>76.900000000000006</v>
      </c>
      <c r="Y22808" s="2">
        <v>7.6</v>
      </c>
      <c r="Z22808" s="2">
        <v>16.7</v>
      </c>
      <c r="AA22808" s="5"/>
      <c r="AB22808" s="5" t="s">
        <v>43</v>
      </c>
      <c r="AC22808" s="5" t="s">
        <v>44</v>
      </c>
      <c r="AD22808" s="2"/>
      <c r="AE22808" s="1"/>
    </row>
    <row r="22809" spans="1:31" ht="14.45">
      <c r="A22809" s="11"/>
      <c r="B22809" s="20"/>
      <c r="C22809" s="2" t="s">
        <v>73304</v>
      </c>
      <c r="D22809" s="14" t="s">
        <v>73305</v>
      </c>
      <c r="E22809" s="2" t="s">
        <v>73306</v>
      </c>
      <c r="F22809" s="2" t="s">
        <v>7514</v>
      </c>
      <c r="G22809" s="8">
        <v>212</v>
      </c>
      <c r="H22809" s="5">
        <v>6</v>
      </c>
      <c r="I22809" s="5" t="s">
        <v>1518</v>
      </c>
      <c r="J22809" s="5" t="s">
        <v>69038</v>
      </c>
      <c r="K22809" s="2" t="s">
        <v>69039</v>
      </c>
      <c r="L22809" s="5" t="s">
        <v>69038</v>
      </c>
      <c r="M22809" s="2" t="s">
        <v>69039</v>
      </c>
      <c r="N22809" s="5" t="s">
        <v>1521</v>
      </c>
      <c r="O22809" s="5" t="s">
        <v>38</v>
      </c>
      <c r="P22809" s="5" t="s">
        <v>39</v>
      </c>
      <c r="Q22809" s="5" t="s">
        <v>40</v>
      </c>
      <c r="R22809" s="5" t="s">
        <v>1522</v>
      </c>
      <c r="S22809" s="5" t="s">
        <v>1523</v>
      </c>
      <c r="T22809" s="5" t="s">
        <v>42</v>
      </c>
      <c r="U22809" s="2">
        <v>1.998</v>
      </c>
      <c r="V22809" s="2">
        <v>1.538</v>
      </c>
      <c r="W22809" s="2">
        <v>0.01</v>
      </c>
      <c r="X22809" s="2">
        <v>76.900000000000006</v>
      </c>
      <c r="Y22809" s="2">
        <v>7.6</v>
      </c>
      <c r="Z22809" s="2">
        <v>16.7</v>
      </c>
      <c r="AA22809" s="5"/>
      <c r="AB22809" s="5" t="s">
        <v>43</v>
      </c>
      <c r="AC22809" s="5" t="s">
        <v>44</v>
      </c>
      <c r="AD22809" s="2"/>
      <c r="AE22809" s="1"/>
    </row>
    <row r="22810" spans="1:31" ht="14.45">
      <c r="A22810" s="11"/>
      <c r="B22810" s="20"/>
      <c r="C22810" s="2" t="s">
        <v>73307</v>
      </c>
      <c r="D22810" s="14" t="s">
        <v>73308</v>
      </c>
      <c r="E22810" s="2" t="s">
        <v>73309</v>
      </c>
      <c r="F22810" s="2" t="s">
        <v>7208</v>
      </c>
      <c r="G22810" s="8">
        <v>212</v>
      </c>
      <c r="H22810" s="5">
        <v>6</v>
      </c>
      <c r="I22810" s="5" t="s">
        <v>1518</v>
      </c>
      <c r="J22810" s="5" t="s">
        <v>69038</v>
      </c>
      <c r="K22810" s="2" t="s">
        <v>69039</v>
      </c>
      <c r="L22810" s="5" t="s">
        <v>69038</v>
      </c>
      <c r="M22810" s="2" t="s">
        <v>69039</v>
      </c>
      <c r="N22810" s="5" t="s">
        <v>1521</v>
      </c>
      <c r="O22810" s="5" t="s">
        <v>38</v>
      </c>
      <c r="P22810" s="5" t="s">
        <v>39</v>
      </c>
      <c r="Q22810" s="5" t="s">
        <v>40</v>
      </c>
      <c r="R22810" s="5" t="s">
        <v>1522</v>
      </c>
      <c r="S22810" s="5" t="s">
        <v>1523</v>
      </c>
      <c r="T22810" s="5" t="s">
        <v>42</v>
      </c>
      <c r="U22810" s="2">
        <v>1.948</v>
      </c>
      <c r="V22810" s="2">
        <v>1.488</v>
      </c>
      <c r="W22810" s="2">
        <v>0.01</v>
      </c>
      <c r="X22810" s="2">
        <v>76.900000000000006</v>
      </c>
      <c r="Y22810" s="2">
        <v>7.6</v>
      </c>
      <c r="Z22810" s="2">
        <v>16.7</v>
      </c>
      <c r="AA22810" s="5"/>
      <c r="AB22810" s="5" t="s">
        <v>43</v>
      </c>
      <c r="AC22810" s="5" t="s">
        <v>44</v>
      </c>
      <c r="AD22810" s="2"/>
      <c r="AE22810" s="1"/>
    </row>
    <row r="22811" spans="1:31" ht="14.45">
      <c r="A22811" s="11"/>
      <c r="B22811" s="20"/>
      <c r="C22811" s="2" t="s">
        <v>73310</v>
      </c>
      <c r="D22811" s="14" t="s">
        <v>73311</v>
      </c>
      <c r="E22811" s="2" t="s">
        <v>73312</v>
      </c>
      <c r="F22811" s="2" t="s">
        <v>7521</v>
      </c>
      <c r="G22811" s="8">
        <v>212</v>
      </c>
      <c r="H22811" s="5">
        <v>6</v>
      </c>
      <c r="I22811" s="5" t="s">
        <v>1518</v>
      </c>
      <c r="J22811" s="5" t="s">
        <v>69038</v>
      </c>
      <c r="K22811" s="2" t="s">
        <v>69039</v>
      </c>
      <c r="L22811" s="5" t="s">
        <v>69038</v>
      </c>
      <c r="M22811" s="2" t="s">
        <v>69039</v>
      </c>
      <c r="N22811" s="5" t="s">
        <v>1521</v>
      </c>
      <c r="O22811" s="5" t="s">
        <v>38</v>
      </c>
      <c r="P22811" s="5" t="s">
        <v>39</v>
      </c>
      <c r="Q22811" s="5" t="s">
        <v>40</v>
      </c>
      <c r="R22811" s="5" t="s">
        <v>1522</v>
      </c>
      <c r="S22811" s="5" t="s">
        <v>1523</v>
      </c>
      <c r="T22811" s="5" t="s">
        <v>42</v>
      </c>
      <c r="U22811" s="2">
        <v>1.998</v>
      </c>
      <c r="V22811" s="2">
        <v>1.538</v>
      </c>
      <c r="W22811" s="2">
        <v>0.01</v>
      </c>
      <c r="X22811" s="2">
        <v>76.900000000000006</v>
      </c>
      <c r="Y22811" s="2">
        <v>7.6</v>
      </c>
      <c r="Z22811" s="2">
        <v>16.7</v>
      </c>
      <c r="AA22811" s="5"/>
      <c r="AB22811" s="5" t="s">
        <v>43</v>
      </c>
      <c r="AC22811" s="5" t="s">
        <v>44</v>
      </c>
      <c r="AD22811" s="2"/>
      <c r="AE22811" s="1"/>
    </row>
    <row r="22812" spans="1:31" ht="14.45">
      <c r="A22812" s="11"/>
      <c r="B22812" s="20"/>
      <c r="C22812" s="2" t="s">
        <v>73313</v>
      </c>
      <c r="D22812" s="14" t="s">
        <v>73314</v>
      </c>
      <c r="E22812" s="2" t="s">
        <v>73315</v>
      </c>
      <c r="F22812" s="2" t="s">
        <v>7406</v>
      </c>
      <c r="G22812" s="8">
        <v>224</v>
      </c>
      <c r="H22812" s="5">
        <v>6</v>
      </c>
      <c r="I22812" s="5" t="s">
        <v>1518</v>
      </c>
      <c r="J22812" s="5" t="s">
        <v>69038</v>
      </c>
      <c r="K22812" s="2" t="s">
        <v>69039</v>
      </c>
      <c r="L22812" s="5" t="s">
        <v>69038</v>
      </c>
      <c r="M22812" s="2" t="s">
        <v>69039</v>
      </c>
      <c r="N22812" s="5" t="s">
        <v>1521</v>
      </c>
      <c r="O22812" s="5" t="s">
        <v>38</v>
      </c>
      <c r="P22812" s="5" t="s">
        <v>39</v>
      </c>
      <c r="Q22812" s="5" t="s">
        <v>40</v>
      </c>
      <c r="R22812" s="5" t="s">
        <v>1522</v>
      </c>
      <c r="S22812" s="5" t="s">
        <v>1523</v>
      </c>
      <c r="T22812" s="5" t="s">
        <v>42</v>
      </c>
      <c r="U22812" s="2">
        <v>1.948</v>
      </c>
      <c r="V22812" s="2">
        <v>1.488</v>
      </c>
      <c r="W22812" s="2">
        <v>0.01</v>
      </c>
      <c r="X22812" s="2">
        <v>76.900000000000006</v>
      </c>
      <c r="Y22812" s="2">
        <v>7.6</v>
      </c>
      <c r="Z22812" s="2">
        <v>16.7</v>
      </c>
      <c r="AA22812" s="5"/>
      <c r="AB22812" s="5" t="s">
        <v>43</v>
      </c>
      <c r="AC22812" s="5" t="s">
        <v>44</v>
      </c>
      <c r="AD22812" s="2"/>
      <c r="AE22812" s="1"/>
    </row>
    <row r="22813" spans="1:31" ht="14.45">
      <c r="A22813" s="11"/>
      <c r="B22813" s="20"/>
      <c r="C22813" s="2" t="s">
        <v>73316</v>
      </c>
      <c r="D22813" s="14" t="s">
        <v>73317</v>
      </c>
      <c r="E22813" s="2" t="s">
        <v>73318</v>
      </c>
      <c r="F22813" s="2" t="s">
        <v>7539</v>
      </c>
      <c r="G22813" s="8">
        <v>224</v>
      </c>
      <c r="H22813" s="5">
        <v>6</v>
      </c>
      <c r="I22813" s="5" t="s">
        <v>1518</v>
      </c>
      <c r="J22813" s="5" t="s">
        <v>69038</v>
      </c>
      <c r="K22813" s="2" t="s">
        <v>69039</v>
      </c>
      <c r="L22813" s="5" t="s">
        <v>69038</v>
      </c>
      <c r="M22813" s="2" t="s">
        <v>69039</v>
      </c>
      <c r="N22813" s="5" t="s">
        <v>1521</v>
      </c>
      <c r="O22813" s="5" t="s">
        <v>38</v>
      </c>
      <c r="P22813" s="5" t="s">
        <v>39</v>
      </c>
      <c r="Q22813" s="5" t="s">
        <v>40</v>
      </c>
      <c r="R22813" s="5" t="s">
        <v>1522</v>
      </c>
      <c r="S22813" s="5" t="s">
        <v>1523</v>
      </c>
      <c r="T22813" s="5" t="s">
        <v>42</v>
      </c>
      <c r="U22813" s="2">
        <v>1.948</v>
      </c>
      <c r="V22813" s="2">
        <v>1.488</v>
      </c>
      <c r="W22813" s="2">
        <v>0.01</v>
      </c>
      <c r="X22813" s="2">
        <v>76.900000000000006</v>
      </c>
      <c r="Y22813" s="2">
        <v>7.6</v>
      </c>
      <c r="Z22813" s="2">
        <v>16.7</v>
      </c>
      <c r="AA22813" s="5"/>
      <c r="AB22813" s="5" t="s">
        <v>43</v>
      </c>
      <c r="AC22813" s="5" t="s">
        <v>44</v>
      </c>
      <c r="AD22813" s="2"/>
      <c r="AE22813" s="1"/>
    </row>
    <row r="22814" spans="1:31" ht="14.45">
      <c r="A22814" s="11"/>
      <c r="B22814" s="20"/>
      <c r="C22814" s="2" t="s">
        <v>73319</v>
      </c>
      <c r="D22814" s="14" t="s">
        <v>73320</v>
      </c>
      <c r="E22814" s="2" t="s">
        <v>73321</v>
      </c>
      <c r="F22814" s="2" t="s">
        <v>7543</v>
      </c>
      <c r="G22814" s="8">
        <v>224</v>
      </c>
      <c r="H22814" s="5">
        <v>6</v>
      </c>
      <c r="I22814" s="5" t="s">
        <v>1518</v>
      </c>
      <c r="J22814" s="5" t="s">
        <v>69038</v>
      </c>
      <c r="K22814" s="2" t="s">
        <v>69039</v>
      </c>
      <c r="L22814" s="5" t="s">
        <v>69038</v>
      </c>
      <c r="M22814" s="2" t="s">
        <v>69039</v>
      </c>
      <c r="N22814" s="5" t="s">
        <v>1521</v>
      </c>
      <c r="O22814" s="5" t="s">
        <v>38</v>
      </c>
      <c r="P22814" s="5" t="s">
        <v>39</v>
      </c>
      <c r="Q22814" s="5" t="s">
        <v>40</v>
      </c>
      <c r="R22814" s="5" t="s">
        <v>1522</v>
      </c>
      <c r="S22814" s="5" t="s">
        <v>1523</v>
      </c>
      <c r="T22814" s="5" t="s">
        <v>42</v>
      </c>
      <c r="U22814" s="2">
        <v>1.998</v>
      </c>
      <c r="V22814" s="2">
        <v>1.538</v>
      </c>
      <c r="W22814" s="2">
        <v>0.01</v>
      </c>
      <c r="X22814" s="2">
        <v>76.900000000000006</v>
      </c>
      <c r="Y22814" s="2">
        <v>7.6</v>
      </c>
      <c r="Z22814" s="2">
        <v>16.7</v>
      </c>
      <c r="AA22814" s="5"/>
      <c r="AB22814" s="5" t="s">
        <v>43</v>
      </c>
      <c r="AC22814" s="5" t="s">
        <v>44</v>
      </c>
      <c r="AD22814" s="2"/>
      <c r="AE22814" s="1"/>
    </row>
    <row r="22815" spans="1:31" ht="14.45">
      <c r="A22815" s="11"/>
      <c r="B22815" s="20"/>
      <c r="C22815" s="2" t="s">
        <v>73322</v>
      </c>
      <c r="D22815" s="14" t="s">
        <v>73323</v>
      </c>
      <c r="E22815" s="2" t="s">
        <v>73324</v>
      </c>
      <c r="F22815" s="2" t="s">
        <v>7396</v>
      </c>
      <c r="G22815" s="8">
        <v>212</v>
      </c>
      <c r="H22815" s="5">
        <v>6</v>
      </c>
      <c r="I22815" s="5" t="s">
        <v>1518</v>
      </c>
      <c r="J22815" s="5" t="s">
        <v>69038</v>
      </c>
      <c r="K22815" s="2" t="s">
        <v>69039</v>
      </c>
      <c r="L22815" s="5" t="s">
        <v>69038</v>
      </c>
      <c r="M22815" s="2" t="s">
        <v>69039</v>
      </c>
      <c r="N22815" s="5" t="s">
        <v>1521</v>
      </c>
      <c r="O22815" s="5" t="s">
        <v>38</v>
      </c>
      <c r="P22815" s="5" t="s">
        <v>39</v>
      </c>
      <c r="Q22815" s="5" t="s">
        <v>40</v>
      </c>
      <c r="R22815" s="5" t="s">
        <v>1522</v>
      </c>
      <c r="S22815" s="5" t="s">
        <v>1523</v>
      </c>
      <c r="T22815" s="5" t="s">
        <v>42</v>
      </c>
      <c r="U22815" s="2">
        <v>1.948</v>
      </c>
      <c r="V22815" s="2">
        <v>1.488</v>
      </c>
      <c r="W22815" s="2">
        <v>0.01</v>
      </c>
      <c r="X22815" s="2">
        <v>76.900000000000006</v>
      </c>
      <c r="Y22815" s="2">
        <v>7.6</v>
      </c>
      <c r="Z22815" s="2">
        <v>16.7</v>
      </c>
      <c r="AA22815" s="5"/>
      <c r="AB22815" s="5" t="s">
        <v>43</v>
      </c>
      <c r="AC22815" s="5" t="s">
        <v>44</v>
      </c>
      <c r="AD22815" s="2"/>
      <c r="AE22815" s="1"/>
    </row>
    <row r="22816" spans="1:31" ht="14.45">
      <c r="A22816" s="11"/>
      <c r="B22816" s="20"/>
      <c r="C22816" s="2" t="s">
        <v>73325</v>
      </c>
      <c r="D22816" s="14" t="s">
        <v>73326</v>
      </c>
      <c r="E22816" s="2" t="s">
        <v>73327</v>
      </c>
      <c r="F22816" s="2" t="s">
        <v>7507</v>
      </c>
      <c r="G22816" s="8">
        <v>212</v>
      </c>
      <c r="H22816" s="5">
        <v>6</v>
      </c>
      <c r="I22816" s="5" t="s">
        <v>1518</v>
      </c>
      <c r="J22816" s="5" t="s">
        <v>69038</v>
      </c>
      <c r="K22816" s="2" t="s">
        <v>69039</v>
      </c>
      <c r="L22816" s="5" t="s">
        <v>69038</v>
      </c>
      <c r="M22816" s="2" t="s">
        <v>69039</v>
      </c>
      <c r="N22816" s="5" t="s">
        <v>1521</v>
      </c>
      <c r="O22816" s="5" t="s">
        <v>38</v>
      </c>
      <c r="P22816" s="5" t="s">
        <v>39</v>
      </c>
      <c r="Q22816" s="5" t="s">
        <v>40</v>
      </c>
      <c r="R22816" s="5" t="s">
        <v>1522</v>
      </c>
      <c r="S22816" s="5" t="s">
        <v>1523</v>
      </c>
      <c r="T22816" s="5" t="s">
        <v>42</v>
      </c>
      <c r="U22816" s="2">
        <v>1.998</v>
      </c>
      <c r="V22816" s="2">
        <v>1.538</v>
      </c>
      <c r="W22816" s="2">
        <v>0.01</v>
      </c>
      <c r="X22816" s="2">
        <v>76.900000000000006</v>
      </c>
      <c r="Y22816" s="2">
        <v>7.6</v>
      </c>
      <c r="Z22816" s="2">
        <v>16.7</v>
      </c>
      <c r="AA22816" s="5"/>
      <c r="AB22816" s="5" t="s">
        <v>43</v>
      </c>
      <c r="AC22816" s="5" t="s">
        <v>44</v>
      </c>
      <c r="AD22816" s="2"/>
      <c r="AE22816" s="1"/>
    </row>
    <row r="22817" spans="1:31" ht="14.45">
      <c r="A22817" s="11"/>
      <c r="B22817" s="20"/>
      <c r="C22817" s="2" t="s">
        <v>73328</v>
      </c>
      <c r="D22817" s="14" t="s">
        <v>73329</v>
      </c>
      <c r="E22817" s="2" t="s">
        <v>73330</v>
      </c>
      <c r="F22817" s="2" t="s">
        <v>7551</v>
      </c>
      <c r="G22817" s="8">
        <v>224</v>
      </c>
      <c r="H22817" s="5">
        <v>6</v>
      </c>
      <c r="I22817" s="5" t="s">
        <v>1518</v>
      </c>
      <c r="J22817" s="5" t="s">
        <v>69038</v>
      </c>
      <c r="K22817" s="2" t="s">
        <v>69039</v>
      </c>
      <c r="L22817" s="5" t="s">
        <v>69038</v>
      </c>
      <c r="M22817" s="2" t="s">
        <v>69039</v>
      </c>
      <c r="N22817" s="5" t="s">
        <v>1521</v>
      </c>
      <c r="O22817" s="5" t="s">
        <v>38</v>
      </c>
      <c r="P22817" s="5" t="s">
        <v>39</v>
      </c>
      <c r="Q22817" s="5" t="s">
        <v>40</v>
      </c>
      <c r="R22817" s="5" t="s">
        <v>1522</v>
      </c>
      <c r="S22817" s="5" t="s">
        <v>1523</v>
      </c>
      <c r="T22817" s="5" t="s">
        <v>42</v>
      </c>
      <c r="U22817" s="2">
        <v>1.998</v>
      </c>
      <c r="V22817" s="2">
        <v>1.538</v>
      </c>
      <c r="W22817" s="2">
        <v>0.01</v>
      </c>
      <c r="X22817" s="2">
        <v>76.900000000000006</v>
      </c>
      <c r="Y22817" s="2">
        <v>7.6</v>
      </c>
      <c r="Z22817" s="2">
        <v>16.7</v>
      </c>
      <c r="AA22817" s="5"/>
      <c r="AB22817" s="5" t="s">
        <v>43</v>
      </c>
      <c r="AC22817" s="5" t="s">
        <v>44</v>
      </c>
      <c r="AD22817" s="2"/>
      <c r="AE22817" s="1"/>
    </row>
    <row r="22818" spans="1:31" ht="14.45">
      <c r="A22818" s="11"/>
      <c r="B22818" s="20"/>
      <c r="C22818" s="2" t="s">
        <v>73331</v>
      </c>
      <c r="D22818" s="14" t="s">
        <v>73332</v>
      </c>
      <c r="E22818" s="2" t="s">
        <v>73333</v>
      </c>
      <c r="F22818" s="2" t="s">
        <v>7567</v>
      </c>
      <c r="G22818" s="8">
        <v>224</v>
      </c>
      <c r="H22818" s="5">
        <v>6</v>
      </c>
      <c r="I22818" s="5" t="s">
        <v>1518</v>
      </c>
      <c r="J22818" s="5" t="s">
        <v>69038</v>
      </c>
      <c r="K22818" s="2" t="s">
        <v>69039</v>
      </c>
      <c r="L22818" s="5" t="s">
        <v>69038</v>
      </c>
      <c r="M22818" s="2" t="s">
        <v>69039</v>
      </c>
      <c r="N22818" s="5" t="s">
        <v>1521</v>
      </c>
      <c r="O22818" s="5" t="s">
        <v>38</v>
      </c>
      <c r="P22818" s="5" t="s">
        <v>39</v>
      </c>
      <c r="Q22818" s="5" t="s">
        <v>40</v>
      </c>
      <c r="R22818" s="5" t="s">
        <v>1522</v>
      </c>
      <c r="S22818" s="5" t="s">
        <v>1523</v>
      </c>
      <c r="T22818" s="5" t="s">
        <v>42</v>
      </c>
      <c r="U22818" s="2">
        <v>1.998</v>
      </c>
      <c r="V22818" s="2">
        <v>1.538</v>
      </c>
      <c r="W22818" s="2">
        <v>0.01</v>
      </c>
      <c r="X22818" s="2">
        <v>76.900000000000006</v>
      </c>
      <c r="Y22818" s="2">
        <v>7.6</v>
      </c>
      <c r="Z22818" s="2">
        <v>16.7</v>
      </c>
      <c r="AA22818" s="5"/>
      <c r="AB22818" s="5" t="s">
        <v>43</v>
      </c>
      <c r="AC22818" s="5" t="s">
        <v>44</v>
      </c>
      <c r="AD22818" s="2"/>
      <c r="AE22818" s="1"/>
    </row>
    <row r="22819" spans="1:31" ht="14.45">
      <c r="A22819" s="11"/>
      <c r="B22819" s="20"/>
      <c r="C22819" s="2" t="s">
        <v>73334</v>
      </c>
      <c r="D22819" s="14" t="s">
        <v>73335</v>
      </c>
      <c r="E22819" s="2" t="s">
        <v>73336</v>
      </c>
      <c r="F22819" s="2" t="s">
        <v>7555</v>
      </c>
      <c r="G22819" s="8">
        <v>224</v>
      </c>
      <c r="H22819" s="5">
        <v>6</v>
      </c>
      <c r="I22819" s="5" t="s">
        <v>1518</v>
      </c>
      <c r="J22819" s="5" t="s">
        <v>69038</v>
      </c>
      <c r="K22819" s="2" t="s">
        <v>69039</v>
      </c>
      <c r="L22819" s="5" t="s">
        <v>69038</v>
      </c>
      <c r="M22819" s="2" t="s">
        <v>69039</v>
      </c>
      <c r="N22819" s="5" t="s">
        <v>1521</v>
      </c>
      <c r="O22819" s="5" t="s">
        <v>38</v>
      </c>
      <c r="P22819" s="5" t="s">
        <v>39</v>
      </c>
      <c r="Q22819" s="5" t="s">
        <v>40</v>
      </c>
      <c r="R22819" s="5" t="s">
        <v>1522</v>
      </c>
      <c r="S22819" s="5" t="s">
        <v>1523</v>
      </c>
      <c r="T22819" s="5" t="s">
        <v>42</v>
      </c>
      <c r="U22819" s="2">
        <v>1.948</v>
      </c>
      <c r="V22819" s="2">
        <v>1.488</v>
      </c>
      <c r="W22819" s="2">
        <v>0.01</v>
      </c>
      <c r="X22819" s="2">
        <v>76.900000000000006</v>
      </c>
      <c r="Y22819" s="2">
        <v>7.6</v>
      </c>
      <c r="Z22819" s="2">
        <v>16.7</v>
      </c>
      <c r="AA22819" s="5"/>
      <c r="AB22819" s="5" t="s">
        <v>43</v>
      </c>
      <c r="AC22819" s="5" t="s">
        <v>44</v>
      </c>
      <c r="AD22819" s="2"/>
      <c r="AE22819" s="1"/>
    </row>
    <row r="22820" spans="1:31" ht="14.45">
      <c r="A22820" s="11"/>
      <c r="B22820" s="20"/>
      <c r="C22820" s="2" t="s">
        <v>73337</v>
      </c>
      <c r="D22820" s="14" t="s">
        <v>73338</v>
      </c>
      <c r="E22820" s="2" t="s">
        <v>73339</v>
      </c>
      <c r="F22820" s="2" t="s">
        <v>7559</v>
      </c>
      <c r="G22820" s="8">
        <v>224</v>
      </c>
      <c r="H22820" s="5">
        <v>6</v>
      </c>
      <c r="I22820" s="5" t="s">
        <v>1518</v>
      </c>
      <c r="J22820" s="5" t="s">
        <v>69038</v>
      </c>
      <c r="K22820" s="2" t="s">
        <v>69039</v>
      </c>
      <c r="L22820" s="5" t="s">
        <v>69038</v>
      </c>
      <c r="M22820" s="2" t="s">
        <v>69039</v>
      </c>
      <c r="N22820" s="5" t="s">
        <v>1521</v>
      </c>
      <c r="O22820" s="5" t="s">
        <v>38</v>
      </c>
      <c r="P22820" s="5" t="s">
        <v>39</v>
      </c>
      <c r="Q22820" s="5" t="s">
        <v>40</v>
      </c>
      <c r="R22820" s="5" t="s">
        <v>1522</v>
      </c>
      <c r="S22820" s="5" t="s">
        <v>1523</v>
      </c>
      <c r="T22820" s="5" t="s">
        <v>42</v>
      </c>
      <c r="U22820" s="2">
        <v>1.998</v>
      </c>
      <c r="V22820" s="2">
        <v>1.538</v>
      </c>
      <c r="W22820" s="2">
        <v>0.01</v>
      </c>
      <c r="X22820" s="2">
        <v>76.900000000000006</v>
      </c>
      <c r="Y22820" s="2">
        <v>7.6</v>
      </c>
      <c r="Z22820" s="2">
        <v>16.7</v>
      </c>
      <c r="AA22820" s="5"/>
      <c r="AB22820" s="5" t="s">
        <v>43</v>
      </c>
      <c r="AC22820" s="5" t="s">
        <v>44</v>
      </c>
      <c r="AD22820" s="2"/>
      <c r="AE22820" s="1"/>
    </row>
    <row r="22821" spans="1:31" ht="14.45">
      <c r="A22821" s="11"/>
      <c r="B22821" s="20"/>
      <c r="C22821" s="2" t="s">
        <v>73340</v>
      </c>
      <c r="D22821" s="14" t="s">
        <v>73341</v>
      </c>
      <c r="E22821" s="2" t="s">
        <v>73342</v>
      </c>
      <c r="F22821" s="2" t="s">
        <v>16194</v>
      </c>
      <c r="G22821" s="8">
        <v>224</v>
      </c>
      <c r="H22821" s="5">
        <v>6</v>
      </c>
      <c r="I22821" s="5" t="s">
        <v>1518</v>
      </c>
      <c r="J22821" s="5" t="s">
        <v>69038</v>
      </c>
      <c r="K22821" s="2" t="s">
        <v>69039</v>
      </c>
      <c r="L22821" s="5" t="s">
        <v>69038</v>
      </c>
      <c r="M22821" s="2" t="s">
        <v>69039</v>
      </c>
      <c r="N22821" s="5" t="s">
        <v>1521</v>
      </c>
      <c r="O22821" s="5" t="s">
        <v>38</v>
      </c>
      <c r="P22821" s="5" t="s">
        <v>39</v>
      </c>
      <c r="Q22821" s="5" t="s">
        <v>40</v>
      </c>
      <c r="R22821" s="5" t="s">
        <v>1522</v>
      </c>
      <c r="S22821" s="5" t="s">
        <v>1523</v>
      </c>
      <c r="T22821" s="5" t="s">
        <v>42</v>
      </c>
      <c r="U22821" s="2">
        <v>1.998</v>
      </c>
      <c r="V22821" s="2">
        <v>1.538</v>
      </c>
      <c r="W22821" s="2">
        <v>0.01</v>
      </c>
      <c r="X22821" s="2">
        <v>76.900000000000006</v>
      </c>
      <c r="Y22821" s="2">
        <v>7.6</v>
      </c>
      <c r="Z22821" s="2">
        <v>16.7</v>
      </c>
      <c r="AA22821" s="5"/>
      <c r="AB22821" s="5" t="s">
        <v>43</v>
      </c>
      <c r="AC22821" s="5" t="s">
        <v>44</v>
      </c>
      <c r="AD22821" s="2"/>
      <c r="AE22821" s="1"/>
    </row>
    <row r="22822" spans="1:31" ht="14.45">
      <c r="A22822" s="11"/>
      <c r="B22822" s="20"/>
      <c r="C22822" s="2" t="s">
        <v>73343</v>
      </c>
      <c r="D22822" s="14" t="s">
        <v>73344</v>
      </c>
      <c r="E22822" s="2" t="s">
        <v>73345</v>
      </c>
      <c r="F22822" s="2" t="s">
        <v>7449</v>
      </c>
      <c r="G22822" s="8">
        <v>224</v>
      </c>
      <c r="H22822" s="5">
        <v>6</v>
      </c>
      <c r="I22822" s="5" t="s">
        <v>1518</v>
      </c>
      <c r="J22822" s="5" t="s">
        <v>69038</v>
      </c>
      <c r="K22822" s="2" t="s">
        <v>69039</v>
      </c>
      <c r="L22822" s="5" t="s">
        <v>69038</v>
      </c>
      <c r="M22822" s="2" t="s">
        <v>69039</v>
      </c>
      <c r="N22822" s="5" t="s">
        <v>1521</v>
      </c>
      <c r="O22822" s="5" t="s">
        <v>38</v>
      </c>
      <c r="P22822" s="5" t="s">
        <v>39</v>
      </c>
      <c r="Q22822" s="5" t="s">
        <v>40</v>
      </c>
      <c r="R22822" s="5" t="s">
        <v>1522</v>
      </c>
      <c r="S22822" s="5" t="s">
        <v>1523</v>
      </c>
      <c r="T22822" s="5" t="s">
        <v>42</v>
      </c>
      <c r="U22822" s="2">
        <v>1.948</v>
      </c>
      <c r="V22822" s="2">
        <v>1.488</v>
      </c>
      <c r="W22822" s="2">
        <v>0.01</v>
      </c>
      <c r="X22822" s="2">
        <v>76.900000000000006</v>
      </c>
      <c r="Y22822" s="2">
        <v>7.6</v>
      </c>
      <c r="Z22822" s="2">
        <v>16.7</v>
      </c>
      <c r="AA22822" s="5"/>
      <c r="AB22822" s="5" t="s">
        <v>43</v>
      </c>
      <c r="AC22822" s="5" t="s">
        <v>44</v>
      </c>
      <c r="AD22822" s="2"/>
      <c r="AE22822" s="1"/>
    </row>
    <row r="22823" spans="1:31" ht="14.45">
      <c r="A22823" s="11"/>
      <c r="B22823" s="20"/>
      <c r="C22823" s="2" t="s">
        <v>73346</v>
      </c>
      <c r="D22823" s="14" t="s">
        <v>73347</v>
      </c>
      <c r="E22823" s="2" t="s">
        <v>73348</v>
      </c>
      <c r="F22823" s="2" t="s">
        <v>7581</v>
      </c>
      <c r="G22823" s="8">
        <v>224</v>
      </c>
      <c r="H22823" s="5">
        <v>6</v>
      </c>
      <c r="I22823" s="5" t="s">
        <v>1518</v>
      </c>
      <c r="J22823" s="5" t="s">
        <v>69038</v>
      </c>
      <c r="K22823" s="2" t="s">
        <v>69039</v>
      </c>
      <c r="L22823" s="5" t="s">
        <v>69038</v>
      </c>
      <c r="M22823" s="2" t="s">
        <v>69039</v>
      </c>
      <c r="N22823" s="5" t="s">
        <v>1521</v>
      </c>
      <c r="O22823" s="5" t="s">
        <v>38</v>
      </c>
      <c r="P22823" s="5" t="s">
        <v>39</v>
      </c>
      <c r="Q22823" s="5" t="s">
        <v>40</v>
      </c>
      <c r="R22823" s="5" t="s">
        <v>1522</v>
      </c>
      <c r="S22823" s="5" t="s">
        <v>1523</v>
      </c>
      <c r="T22823" s="5" t="s">
        <v>42</v>
      </c>
      <c r="U22823" s="2">
        <v>1.998</v>
      </c>
      <c r="V22823" s="2">
        <v>1.538</v>
      </c>
      <c r="W22823" s="2">
        <v>0.01</v>
      </c>
      <c r="X22823" s="2">
        <v>76.900000000000006</v>
      </c>
      <c r="Y22823" s="2">
        <v>7.6</v>
      </c>
      <c r="Z22823" s="2">
        <v>16.7</v>
      </c>
      <c r="AA22823" s="5"/>
      <c r="AB22823" s="5" t="s">
        <v>43</v>
      </c>
      <c r="AC22823" s="5" t="s">
        <v>44</v>
      </c>
      <c r="AD22823" s="2"/>
      <c r="AE22823" s="1"/>
    </row>
    <row r="22824" spans="1:31" ht="14.45">
      <c r="A22824" s="11"/>
      <c r="B22824" s="20"/>
      <c r="C22824" s="2" t="s">
        <v>73349</v>
      </c>
      <c r="D22824" s="14" t="s">
        <v>73350</v>
      </c>
      <c r="E22824" s="2" t="s">
        <v>73351</v>
      </c>
      <c r="F22824" s="2" t="s">
        <v>7585</v>
      </c>
      <c r="G22824" s="8">
        <v>224</v>
      </c>
      <c r="H22824" s="5">
        <v>6</v>
      </c>
      <c r="I22824" s="5" t="s">
        <v>1518</v>
      </c>
      <c r="J22824" s="5" t="s">
        <v>69038</v>
      </c>
      <c r="K22824" s="2" t="s">
        <v>69039</v>
      </c>
      <c r="L22824" s="5" t="s">
        <v>69038</v>
      </c>
      <c r="M22824" s="2" t="s">
        <v>69039</v>
      </c>
      <c r="N22824" s="5" t="s">
        <v>1521</v>
      </c>
      <c r="O22824" s="5" t="s">
        <v>38</v>
      </c>
      <c r="P22824" s="5" t="s">
        <v>39</v>
      </c>
      <c r="Q22824" s="5" t="s">
        <v>40</v>
      </c>
      <c r="R22824" s="5" t="s">
        <v>1522</v>
      </c>
      <c r="S22824" s="5" t="s">
        <v>1523</v>
      </c>
      <c r="T22824" s="5" t="s">
        <v>42</v>
      </c>
      <c r="U22824" s="2">
        <v>1.948</v>
      </c>
      <c r="V22824" s="2">
        <v>1.488</v>
      </c>
      <c r="W22824" s="2">
        <v>0.01</v>
      </c>
      <c r="X22824" s="2">
        <v>76.900000000000006</v>
      </c>
      <c r="Y22824" s="2">
        <v>7.6</v>
      </c>
      <c r="Z22824" s="2">
        <v>16.7</v>
      </c>
      <c r="AA22824" s="5"/>
      <c r="AB22824" s="5" t="s">
        <v>43</v>
      </c>
      <c r="AC22824" s="5" t="s">
        <v>44</v>
      </c>
      <c r="AD22824" s="2"/>
      <c r="AE22824" s="1"/>
    </row>
    <row r="22825" spans="1:31" ht="14.45">
      <c r="A22825" s="11"/>
      <c r="B22825" s="20"/>
      <c r="C22825" s="2" t="s">
        <v>73352</v>
      </c>
      <c r="D22825" s="14" t="s">
        <v>73353</v>
      </c>
      <c r="E22825" s="2" t="s">
        <v>73354</v>
      </c>
      <c r="F22825" s="2" t="s">
        <v>7589</v>
      </c>
      <c r="G22825" s="8">
        <v>224</v>
      </c>
      <c r="H22825" s="5">
        <v>6</v>
      </c>
      <c r="I22825" s="5" t="s">
        <v>1518</v>
      </c>
      <c r="J22825" s="5" t="s">
        <v>69038</v>
      </c>
      <c r="K22825" s="2" t="s">
        <v>69039</v>
      </c>
      <c r="L22825" s="5" t="s">
        <v>69038</v>
      </c>
      <c r="M22825" s="2" t="s">
        <v>69039</v>
      </c>
      <c r="N22825" s="5" t="s">
        <v>1521</v>
      </c>
      <c r="O22825" s="5" t="s">
        <v>38</v>
      </c>
      <c r="P22825" s="5" t="s">
        <v>39</v>
      </c>
      <c r="Q22825" s="5" t="s">
        <v>40</v>
      </c>
      <c r="R22825" s="5" t="s">
        <v>1522</v>
      </c>
      <c r="S22825" s="5" t="s">
        <v>1523</v>
      </c>
      <c r="T22825" s="5" t="s">
        <v>42</v>
      </c>
      <c r="U22825" s="2">
        <v>1.998</v>
      </c>
      <c r="V22825" s="2">
        <v>1.538</v>
      </c>
      <c r="W22825" s="2">
        <v>0.01</v>
      </c>
      <c r="X22825" s="2">
        <v>76.900000000000006</v>
      </c>
      <c r="Y22825" s="2">
        <v>7.6</v>
      </c>
      <c r="Z22825" s="2">
        <v>16.7</v>
      </c>
      <c r="AA22825" s="5"/>
      <c r="AB22825" s="5" t="s">
        <v>43</v>
      </c>
      <c r="AC22825" s="5" t="s">
        <v>44</v>
      </c>
      <c r="AD22825" s="2"/>
      <c r="AE22825" s="1"/>
    </row>
    <row r="22826" spans="1:31" ht="14.45">
      <c r="A22826" s="11"/>
      <c r="B22826" s="20"/>
      <c r="C22826" s="2" t="s">
        <v>73355</v>
      </c>
      <c r="D22826" s="14" t="s">
        <v>73356</v>
      </c>
      <c r="E22826" s="2" t="s">
        <v>73357</v>
      </c>
      <c r="F22826" s="2" t="s">
        <v>73358</v>
      </c>
      <c r="G22826" s="8">
        <v>224</v>
      </c>
      <c r="H22826" s="5">
        <v>6</v>
      </c>
      <c r="I22826" s="5" t="s">
        <v>1518</v>
      </c>
      <c r="J22826" s="5" t="s">
        <v>69038</v>
      </c>
      <c r="K22826" s="2" t="s">
        <v>69039</v>
      </c>
      <c r="L22826" s="5" t="s">
        <v>69038</v>
      </c>
      <c r="M22826" s="2" t="s">
        <v>69039</v>
      </c>
      <c r="N22826" s="5" t="s">
        <v>1521</v>
      </c>
      <c r="O22826" s="5" t="s">
        <v>38</v>
      </c>
      <c r="P22826" s="5" t="s">
        <v>39</v>
      </c>
      <c r="Q22826" s="5" t="s">
        <v>40</v>
      </c>
      <c r="R22826" s="5" t="s">
        <v>1522</v>
      </c>
      <c r="S22826" s="5" t="s">
        <v>1523</v>
      </c>
      <c r="T22826" s="5" t="s">
        <v>42</v>
      </c>
      <c r="U22826" s="2">
        <v>1.948</v>
      </c>
      <c r="V22826" s="2">
        <v>1.488</v>
      </c>
      <c r="W22826" s="2">
        <v>0.01</v>
      </c>
      <c r="X22826" s="2">
        <v>76.900000000000006</v>
      </c>
      <c r="Y22826" s="2">
        <v>7.6</v>
      </c>
      <c r="Z22826" s="2">
        <v>16.7</v>
      </c>
      <c r="AA22826" s="5"/>
      <c r="AB22826" s="5" t="s">
        <v>43</v>
      </c>
      <c r="AC22826" s="5" t="s">
        <v>44</v>
      </c>
      <c r="AD22826" s="2"/>
      <c r="AE22826" s="1"/>
    </row>
    <row r="22827" spans="1:31" ht="14.45">
      <c r="A22827" s="11"/>
      <c r="B22827" s="20"/>
      <c r="C22827" s="2" t="s">
        <v>73359</v>
      </c>
      <c r="D22827" s="14" t="s">
        <v>73360</v>
      </c>
      <c r="E22827" s="2" t="s">
        <v>73361</v>
      </c>
      <c r="F22827" s="2" t="s">
        <v>73362</v>
      </c>
      <c r="G22827" s="8">
        <v>224</v>
      </c>
      <c r="H22827" s="5">
        <v>6</v>
      </c>
      <c r="I22827" s="5" t="s">
        <v>1518</v>
      </c>
      <c r="J22827" s="5" t="s">
        <v>69038</v>
      </c>
      <c r="K22827" s="2" t="s">
        <v>69039</v>
      </c>
      <c r="L22827" s="5" t="s">
        <v>69038</v>
      </c>
      <c r="M22827" s="2" t="s">
        <v>69039</v>
      </c>
      <c r="N22827" s="5" t="s">
        <v>1521</v>
      </c>
      <c r="O22827" s="5" t="s">
        <v>38</v>
      </c>
      <c r="P22827" s="5" t="s">
        <v>39</v>
      </c>
      <c r="Q22827" s="5" t="s">
        <v>40</v>
      </c>
      <c r="R22827" s="5" t="s">
        <v>1522</v>
      </c>
      <c r="S22827" s="5" t="s">
        <v>1523</v>
      </c>
      <c r="T22827" s="5" t="s">
        <v>42</v>
      </c>
      <c r="U22827" s="2">
        <v>1.998</v>
      </c>
      <c r="V22827" s="2">
        <v>1.538</v>
      </c>
      <c r="W22827" s="2">
        <v>0.01</v>
      </c>
      <c r="X22827" s="2">
        <v>76.900000000000006</v>
      </c>
      <c r="Y22827" s="2">
        <v>7.6</v>
      </c>
      <c r="Z22827" s="2">
        <v>16.7</v>
      </c>
      <c r="AA22827" s="5"/>
      <c r="AB22827" s="5" t="s">
        <v>43</v>
      </c>
      <c r="AC22827" s="5" t="s">
        <v>44</v>
      </c>
      <c r="AD22827" s="2"/>
      <c r="AE22827" s="1"/>
    </row>
    <row r="22828" spans="1:31" ht="14.45">
      <c r="A22828" s="11"/>
      <c r="B22828" s="20"/>
      <c r="C22828" s="2" t="s">
        <v>73363</v>
      </c>
      <c r="D22828" s="14" t="s">
        <v>73364</v>
      </c>
      <c r="E22828" s="2" t="s">
        <v>73365</v>
      </c>
      <c r="F22828" s="2" t="s">
        <v>7615</v>
      </c>
      <c r="G22828" s="8">
        <v>224</v>
      </c>
      <c r="H22828" s="5">
        <v>6</v>
      </c>
      <c r="I22828" s="5" t="s">
        <v>1518</v>
      </c>
      <c r="J22828" s="5" t="s">
        <v>69038</v>
      </c>
      <c r="K22828" s="2" t="s">
        <v>69039</v>
      </c>
      <c r="L22828" s="5" t="s">
        <v>69038</v>
      </c>
      <c r="M22828" s="2" t="s">
        <v>69039</v>
      </c>
      <c r="N22828" s="5" t="s">
        <v>1521</v>
      </c>
      <c r="O22828" s="5" t="s">
        <v>38</v>
      </c>
      <c r="P22828" s="5" t="s">
        <v>39</v>
      </c>
      <c r="Q22828" s="5" t="s">
        <v>40</v>
      </c>
      <c r="R22828" s="5" t="s">
        <v>1522</v>
      </c>
      <c r="S22828" s="5" t="s">
        <v>1523</v>
      </c>
      <c r="T22828" s="5" t="s">
        <v>42</v>
      </c>
      <c r="U22828" s="2">
        <v>1.948</v>
      </c>
      <c r="V22828" s="2">
        <v>1.488</v>
      </c>
      <c r="W22828" s="2">
        <v>0.01</v>
      </c>
      <c r="X22828" s="2">
        <v>76.900000000000006</v>
      </c>
      <c r="Y22828" s="2">
        <v>7.6</v>
      </c>
      <c r="Z22828" s="2">
        <v>16.7</v>
      </c>
      <c r="AA22828" s="5"/>
      <c r="AB22828" s="5" t="s">
        <v>43</v>
      </c>
      <c r="AC22828" s="5" t="s">
        <v>44</v>
      </c>
      <c r="AD22828" s="2"/>
      <c r="AE22828" s="1"/>
    </row>
    <row r="22829" spans="1:31" ht="14.45">
      <c r="A22829" s="11"/>
      <c r="B22829" s="20"/>
      <c r="C22829" s="2" t="s">
        <v>73366</v>
      </c>
      <c r="D22829" s="14" t="s">
        <v>73367</v>
      </c>
      <c r="E22829" s="2" t="s">
        <v>73368</v>
      </c>
      <c r="F22829" s="2" t="s">
        <v>7619</v>
      </c>
      <c r="G22829" s="8">
        <v>224</v>
      </c>
      <c r="H22829" s="5">
        <v>6</v>
      </c>
      <c r="I22829" s="5" t="s">
        <v>1518</v>
      </c>
      <c r="J22829" s="5" t="s">
        <v>69038</v>
      </c>
      <c r="K22829" s="2" t="s">
        <v>69039</v>
      </c>
      <c r="L22829" s="5" t="s">
        <v>69038</v>
      </c>
      <c r="M22829" s="2" t="s">
        <v>69039</v>
      </c>
      <c r="N22829" s="5" t="s">
        <v>1521</v>
      </c>
      <c r="O22829" s="5" t="s">
        <v>38</v>
      </c>
      <c r="P22829" s="5" t="s">
        <v>39</v>
      </c>
      <c r="Q22829" s="5" t="s">
        <v>40</v>
      </c>
      <c r="R22829" s="5" t="s">
        <v>1522</v>
      </c>
      <c r="S22829" s="5" t="s">
        <v>1523</v>
      </c>
      <c r="T22829" s="5" t="s">
        <v>42</v>
      </c>
      <c r="U22829" s="2">
        <v>1.998</v>
      </c>
      <c r="V22829" s="2">
        <v>1.538</v>
      </c>
      <c r="W22829" s="2">
        <v>0.01</v>
      </c>
      <c r="X22829" s="2">
        <v>76.900000000000006</v>
      </c>
      <c r="Y22829" s="2">
        <v>7.6</v>
      </c>
      <c r="Z22829" s="2">
        <v>16.7</v>
      </c>
      <c r="AA22829" s="5"/>
      <c r="AB22829" s="5" t="s">
        <v>43</v>
      </c>
      <c r="AC22829" s="5" t="s">
        <v>44</v>
      </c>
      <c r="AD22829" s="2"/>
      <c r="AE22829" s="1"/>
    </row>
    <row r="22830" spans="1:31" ht="14.45">
      <c r="A22830" s="11"/>
      <c r="B22830" s="20"/>
      <c r="C22830" s="2" t="s">
        <v>73369</v>
      </c>
      <c r="D22830" s="14" t="s">
        <v>73370</v>
      </c>
      <c r="E22830" s="2" t="s">
        <v>73371</v>
      </c>
      <c r="F22830" s="2" t="s">
        <v>16014</v>
      </c>
      <c r="G22830" s="8">
        <v>224</v>
      </c>
      <c r="H22830" s="5">
        <v>6</v>
      </c>
      <c r="I22830" s="5" t="s">
        <v>1518</v>
      </c>
      <c r="J22830" s="5" t="s">
        <v>69038</v>
      </c>
      <c r="K22830" s="2" t="s">
        <v>69039</v>
      </c>
      <c r="L22830" s="5" t="s">
        <v>69038</v>
      </c>
      <c r="M22830" s="2" t="s">
        <v>69039</v>
      </c>
      <c r="N22830" s="5" t="s">
        <v>1521</v>
      </c>
      <c r="O22830" s="5" t="s">
        <v>38</v>
      </c>
      <c r="P22830" s="5" t="s">
        <v>39</v>
      </c>
      <c r="Q22830" s="5" t="s">
        <v>40</v>
      </c>
      <c r="R22830" s="5" t="s">
        <v>1522</v>
      </c>
      <c r="S22830" s="5" t="s">
        <v>1523</v>
      </c>
      <c r="T22830" s="5" t="s">
        <v>42</v>
      </c>
      <c r="U22830" s="2">
        <v>1.948</v>
      </c>
      <c r="V22830" s="2">
        <v>1.488</v>
      </c>
      <c r="W22830" s="2">
        <v>0.01</v>
      </c>
      <c r="X22830" s="2">
        <v>76.900000000000006</v>
      </c>
      <c r="Y22830" s="2">
        <v>7.6</v>
      </c>
      <c r="Z22830" s="2">
        <v>16.7</v>
      </c>
      <c r="AA22830" s="5"/>
      <c r="AB22830" s="5" t="s">
        <v>43</v>
      </c>
      <c r="AC22830" s="5" t="s">
        <v>44</v>
      </c>
      <c r="AD22830" s="2"/>
      <c r="AE22830" s="1"/>
    </row>
    <row r="22831" spans="1:31" ht="14.45">
      <c r="A22831" s="11"/>
      <c r="B22831" s="20"/>
      <c r="C22831" s="2" t="s">
        <v>73372</v>
      </c>
      <c r="D22831" s="14" t="s">
        <v>73373</v>
      </c>
      <c r="E22831" s="2" t="s">
        <v>73374</v>
      </c>
      <c r="F22831" s="2" t="s">
        <v>16219</v>
      </c>
      <c r="G22831" s="8">
        <v>224</v>
      </c>
      <c r="H22831" s="5">
        <v>6</v>
      </c>
      <c r="I22831" s="5" t="s">
        <v>1518</v>
      </c>
      <c r="J22831" s="5" t="s">
        <v>69038</v>
      </c>
      <c r="K22831" s="2" t="s">
        <v>69039</v>
      </c>
      <c r="L22831" s="5" t="s">
        <v>69038</v>
      </c>
      <c r="M22831" s="2" t="s">
        <v>69039</v>
      </c>
      <c r="N22831" s="5" t="s">
        <v>1521</v>
      </c>
      <c r="O22831" s="5" t="s">
        <v>38</v>
      </c>
      <c r="P22831" s="5" t="s">
        <v>39</v>
      </c>
      <c r="Q22831" s="5" t="s">
        <v>40</v>
      </c>
      <c r="R22831" s="5" t="s">
        <v>1522</v>
      </c>
      <c r="S22831" s="5" t="s">
        <v>1523</v>
      </c>
      <c r="T22831" s="5" t="s">
        <v>42</v>
      </c>
      <c r="U22831" s="2">
        <v>1.998</v>
      </c>
      <c r="V22831" s="2">
        <v>1.538</v>
      </c>
      <c r="W22831" s="2">
        <v>0.01</v>
      </c>
      <c r="X22831" s="2">
        <v>76.900000000000006</v>
      </c>
      <c r="Y22831" s="2">
        <v>7.6</v>
      </c>
      <c r="Z22831" s="2">
        <v>16.7</v>
      </c>
      <c r="AA22831" s="5"/>
      <c r="AB22831" s="5" t="s">
        <v>43</v>
      </c>
      <c r="AC22831" s="5" t="s">
        <v>44</v>
      </c>
      <c r="AD22831" s="2"/>
      <c r="AE22831" s="1"/>
    </row>
    <row r="22832" spans="1:31" ht="14.45">
      <c r="A22832" s="11"/>
      <c r="B22832" s="20"/>
      <c r="C22832" s="2" t="s">
        <v>73375</v>
      </c>
      <c r="D22832" s="14" t="s">
        <v>73376</v>
      </c>
      <c r="E22832" s="2" t="s">
        <v>73377</v>
      </c>
      <c r="F22832" s="2" t="s">
        <v>7212</v>
      </c>
      <c r="G22832" s="8">
        <v>212</v>
      </c>
      <c r="H22832" s="5">
        <v>6</v>
      </c>
      <c r="I22832" s="5" t="s">
        <v>1518</v>
      </c>
      <c r="J22832" s="5" t="s">
        <v>69038</v>
      </c>
      <c r="K22832" s="2" t="s">
        <v>69039</v>
      </c>
      <c r="L22832" s="5" t="s">
        <v>69038</v>
      </c>
      <c r="M22832" s="2" t="s">
        <v>69039</v>
      </c>
      <c r="N22832" s="5" t="s">
        <v>1521</v>
      </c>
      <c r="O22832" s="5" t="s">
        <v>38</v>
      </c>
      <c r="P22832" s="5" t="s">
        <v>39</v>
      </c>
      <c r="Q22832" s="5" t="s">
        <v>40</v>
      </c>
      <c r="R22832" s="5" t="s">
        <v>1522</v>
      </c>
      <c r="S22832" s="5" t="s">
        <v>1523</v>
      </c>
      <c r="T22832" s="5" t="s">
        <v>42</v>
      </c>
      <c r="U22832" s="2">
        <v>1.948</v>
      </c>
      <c r="V22832" s="2">
        <v>1.488</v>
      </c>
      <c r="W22832" s="2">
        <v>0.01</v>
      </c>
      <c r="X22832" s="2">
        <v>76.900000000000006</v>
      </c>
      <c r="Y22832" s="2">
        <v>7.6</v>
      </c>
      <c r="Z22832" s="2">
        <v>16.7</v>
      </c>
      <c r="AA22832" s="5"/>
      <c r="AB22832" s="5" t="s">
        <v>43</v>
      </c>
      <c r="AC22832" s="5" t="s">
        <v>44</v>
      </c>
      <c r="AD22832" s="2"/>
      <c r="AE22832" s="1"/>
    </row>
    <row r="22833" spans="1:31" ht="14.45">
      <c r="A22833" s="11"/>
      <c r="B22833" s="20"/>
      <c r="C22833" s="2" t="s">
        <v>73378</v>
      </c>
      <c r="D22833" s="14" t="s">
        <v>73379</v>
      </c>
      <c r="E22833" s="2" t="s">
        <v>73380</v>
      </c>
      <c r="F22833" s="2" t="s">
        <v>7528</v>
      </c>
      <c r="G22833" s="8">
        <v>212</v>
      </c>
      <c r="H22833" s="5">
        <v>6</v>
      </c>
      <c r="I22833" s="5" t="s">
        <v>1518</v>
      </c>
      <c r="J22833" s="5" t="s">
        <v>69038</v>
      </c>
      <c r="K22833" s="2" t="s">
        <v>69039</v>
      </c>
      <c r="L22833" s="5" t="s">
        <v>69038</v>
      </c>
      <c r="M22833" s="2" t="s">
        <v>69039</v>
      </c>
      <c r="N22833" s="5" t="s">
        <v>1521</v>
      </c>
      <c r="O22833" s="5" t="s">
        <v>38</v>
      </c>
      <c r="P22833" s="5" t="s">
        <v>39</v>
      </c>
      <c r="Q22833" s="5" t="s">
        <v>40</v>
      </c>
      <c r="R22833" s="5" t="s">
        <v>1522</v>
      </c>
      <c r="S22833" s="5" t="s">
        <v>1523</v>
      </c>
      <c r="T22833" s="5" t="s">
        <v>42</v>
      </c>
      <c r="U22833" s="2">
        <v>1.998</v>
      </c>
      <c r="V22833" s="2">
        <v>1.538</v>
      </c>
      <c r="W22833" s="2">
        <v>0.01</v>
      </c>
      <c r="X22833" s="2">
        <v>76.900000000000006</v>
      </c>
      <c r="Y22833" s="2">
        <v>7.6</v>
      </c>
      <c r="Z22833" s="2">
        <v>16.7</v>
      </c>
      <c r="AA22833" s="5"/>
      <c r="AB22833" s="5" t="s">
        <v>43</v>
      </c>
      <c r="AC22833" s="5" t="s">
        <v>44</v>
      </c>
      <c r="AD22833" s="2"/>
      <c r="AE22833" s="1"/>
    </row>
    <row r="22834" spans="1:31" ht="14.45">
      <c r="A22834" s="11"/>
      <c r="B22834" s="20"/>
      <c r="C22834" s="2" t="s">
        <v>73381</v>
      </c>
      <c r="D22834" s="14" t="s">
        <v>73382</v>
      </c>
      <c r="E22834" s="2" t="s">
        <v>73383</v>
      </c>
      <c r="F22834" s="2" t="s">
        <v>16029</v>
      </c>
      <c r="G22834" s="8">
        <v>224</v>
      </c>
      <c r="H22834" s="5">
        <v>6</v>
      </c>
      <c r="I22834" s="5" t="s">
        <v>1518</v>
      </c>
      <c r="J22834" s="5" t="s">
        <v>69038</v>
      </c>
      <c r="K22834" s="2" t="s">
        <v>69039</v>
      </c>
      <c r="L22834" s="5" t="s">
        <v>69038</v>
      </c>
      <c r="M22834" s="2" t="s">
        <v>69039</v>
      </c>
      <c r="N22834" s="5" t="s">
        <v>1521</v>
      </c>
      <c r="O22834" s="5" t="s">
        <v>38</v>
      </c>
      <c r="P22834" s="5" t="s">
        <v>39</v>
      </c>
      <c r="Q22834" s="5" t="s">
        <v>40</v>
      </c>
      <c r="R22834" s="5" t="s">
        <v>1522</v>
      </c>
      <c r="S22834" s="5" t="s">
        <v>1523</v>
      </c>
      <c r="T22834" s="5" t="s">
        <v>42</v>
      </c>
      <c r="U22834" s="2">
        <v>1.9670000000000001</v>
      </c>
      <c r="V22834" s="2">
        <v>1.5069999999999999</v>
      </c>
      <c r="W22834" s="2">
        <v>0.01</v>
      </c>
      <c r="X22834" s="2">
        <v>76.900000000000006</v>
      </c>
      <c r="Y22834" s="2">
        <v>7.6</v>
      </c>
      <c r="Z22834" s="2">
        <v>16.7</v>
      </c>
      <c r="AA22834" s="5"/>
      <c r="AB22834" s="5" t="s">
        <v>43</v>
      </c>
      <c r="AC22834" s="5" t="s">
        <v>44</v>
      </c>
      <c r="AD22834" s="2"/>
      <c r="AE22834" s="1"/>
    </row>
    <row r="22835" spans="1:31" ht="14.45">
      <c r="A22835" s="11"/>
      <c r="B22835" s="20"/>
      <c r="C22835" s="2" t="s">
        <v>73384</v>
      </c>
      <c r="D22835" s="14" t="s">
        <v>73385</v>
      </c>
      <c r="E22835" s="2" t="s">
        <v>73386</v>
      </c>
      <c r="F22835" s="2" t="s">
        <v>16033</v>
      </c>
      <c r="G22835" s="8">
        <v>224</v>
      </c>
      <c r="H22835" s="5">
        <v>6</v>
      </c>
      <c r="I22835" s="5" t="s">
        <v>1518</v>
      </c>
      <c r="J22835" s="5" t="s">
        <v>69038</v>
      </c>
      <c r="K22835" s="2" t="s">
        <v>69039</v>
      </c>
      <c r="L22835" s="5" t="s">
        <v>69038</v>
      </c>
      <c r="M22835" s="2" t="s">
        <v>69039</v>
      </c>
      <c r="N22835" s="5" t="s">
        <v>1521</v>
      </c>
      <c r="O22835" s="5" t="s">
        <v>38</v>
      </c>
      <c r="P22835" s="5" t="s">
        <v>39</v>
      </c>
      <c r="Q22835" s="5" t="s">
        <v>40</v>
      </c>
      <c r="R22835" s="5" t="s">
        <v>1522</v>
      </c>
      <c r="S22835" s="5" t="s">
        <v>1523</v>
      </c>
      <c r="T22835" s="5" t="s">
        <v>42</v>
      </c>
      <c r="U22835" s="2">
        <v>2.0169999999999999</v>
      </c>
      <c r="V22835" s="2">
        <v>1.5569999999999999</v>
      </c>
      <c r="W22835" s="2">
        <v>0.01</v>
      </c>
      <c r="X22835" s="2">
        <v>76.900000000000006</v>
      </c>
      <c r="Y22835" s="2">
        <v>7.6</v>
      </c>
      <c r="Z22835" s="2">
        <v>16.7</v>
      </c>
      <c r="AA22835" s="5"/>
      <c r="AB22835" s="5" t="s">
        <v>43</v>
      </c>
      <c r="AC22835" s="5" t="s">
        <v>44</v>
      </c>
      <c r="AD22835" s="2"/>
      <c r="AE22835" s="1"/>
    </row>
    <row r="22836" spans="1:31" ht="14.45">
      <c r="A22836" s="11"/>
      <c r="B22836" s="20"/>
      <c r="C22836" s="2" t="s">
        <v>73387</v>
      </c>
      <c r="D22836" s="14" t="s">
        <v>73388</v>
      </c>
      <c r="E22836" s="2" t="s">
        <v>73389</v>
      </c>
      <c r="F22836" s="2" t="s">
        <v>7204</v>
      </c>
      <c r="G22836" s="8">
        <v>223</v>
      </c>
      <c r="H22836" s="5">
        <v>6</v>
      </c>
      <c r="I22836" s="5" t="s">
        <v>1518</v>
      </c>
      <c r="J22836" s="5" t="s">
        <v>69038</v>
      </c>
      <c r="K22836" s="2" t="s">
        <v>69039</v>
      </c>
      <c r="L22836" s="5" t="s">
        <v>69038</v>
      </c>
      <c r="M22836" s="2" t="s">
        <v>69039</v>
      </c>
      <c r="N22836" s="5" t="s">
        <v>1521</v>
      </c>
      <c r="O22836" s="5" t="s">
        <v>38</v>
      </c>
      <c r="P22836" s="5" t="s">
        <v>39</v>
      </c>
      <c r="Q22836" s="5" t="s">
        <v>40</v>
      </c>
      <c r="R22836" s="5" t="s">
        <v>1522</v>
      </c>
      <c r="S22836" s="5" t="s">
        <v>1523</v>
      </c>
      <c r="T22836" s="5" t="s">
        <v>42</v>
      </c>
      <c r="U22836" s="2">
        <v>2.1110000000000002</v>
      </c>
      <c r="V22836" s="2">
        <v>1.629</v>
      </c>
      <c r="W22836" s="2">
        <v>1.0999999999999999E-2</v>
      </c>
      <c r="X22836" s="2">
        <v>82.9</v>
      </c>
      <c r="Y22836" s="2">
        <v>7.6</v>
      </c>
      <c r="Z22836" s="2">
        <v>16.7</v>
      </c>
      <c r="AA22836" s="5"/>
      <c r="AB22836" s="5" t="s">
        <v>43</v>
      </c>
      <c r="AC22836" s="5" t="s">
        <v>44</v>
      </c>
      <c r="AD22836" s="2"/>
      <c r="AE22836" s="1"/>
    </row>
    <row r="22837" spans="1:31" ht="14.45">
      <c r="A22837" s="11"/>
      <c r="B22837" s="20"/>
      <c r="C22837" s="2" t="s">
        <v>73390</v>
      </c>
      <c r="D22837" s="14" t="s">
        <v>73391</v>
      </c>
      <c r="E22837" s="2" t="s">
        <v>73392</v>
      </c>
      <c r="F22837" s="2" t="s">
        <v>7514</v>
      </c>
      <c r="G22837" s="8">
        <v>223</v>
      </c>
      <c r="H22837" s="5">
        <v>6</v>
      </c>
      <c r="I22837" s="5" t="s">
        <v>1518</v>
      </c>
      <c r="J22837" s="5" t="s">
        <v>69038</v>
      </c>
      <c r="K22837" s="2" t="s">
        <v>69039</v>
      </c>
      <c r="L22837" s="5" t="s">
        <v>69038</v>
      </c>
      <c r="M22837" s="2" t="s">
        <v>69039</v>
      </c>
      <c r="N22837" s="5" t="s">
        <v>1521</v>
      </c>
      <c r="O22837" s="5" t="s">
        <v>38</v>
      </c>
      <c r="P22837" s="5" t="s">
        <v>39</v>
      </c>
      <c r="Q22837" s="5" t="s">
        <v>40</v>
      </c>
      <c r="R22837" s="5" t="s">
        <v>1522</v>
      </c>
      <c r="S22837" s="5" t="s">
        <v>1523</v>
      </c>
      <c r="T22837" s="5" t="s">
        <v>42</v>
      </c>
      <c r="U22837" s="2">
        <v>2.173</v>
      </c>
      <c r="V22837" s="2">
        <v>1.6910000000000001</v>
      </c>
      <c r="W22837" s="2">
        <v>1.0999999999999999E-2</v>
      </c>
      <c r="X22837" s="2">
        <v>82.9</v>
      </c>
      <c r="Y22837" s="2">
        <v>7.6</v>
      </c>
      <c r="Z22837" s="2">
        <v>16.7</v>
      </c>
      <c r="AA22837" s="5"/>
      <c r="AB22837" s="5" t="s">
        <v>43</v>
      </c>
      <c r="AC22837" s="5" t="s">
        <v>44</v>
      </c>
      <c r="AD22837" s="2"/>
      <c r="AE22837" s="1"/>
    </row>
    <row r="22838" spans="1:31" ht="14.45">
      <c r="A22838" s="11"/>
      <c r="B22838" s="20"/>
      <c r="C22838" s="2" t="s">
        <v>73393</v>
      </c>
      <c r="D22838" s="14" t="s">
        <v>73394</v>
      </c>
      <c r="E22838" s="2" t="s">
        <v>73395</v>
      </c>
      <c r="F22838" s="2" t="s">
        <v>7208</v>
      </c>
      <c r="G22838" s="8">
        <v>223</v>
      </c>
      <c r="H22838" s="5">
        <v>6</v>
      </c>
      <c r="I22838" s="5" t="s">
        <v>1518</v>
      </c>
      <c r="J22838" s="5" t="s">
        <v>69038</v>
      </c>
      <c r="K22838" s="2" t="s">
        <v>69039</v>
      </c>
      <c r="L22838" s="5" t="s">
        <v>69038</v>
      </c>
      <c r="M22838" s="2" t="s">
        <v>69039</v>
      </c>
      <c r="N22838" s="5" t="s">
        <v>1521</v>
      </c>
      <c r="O22838" s="5" t="s">
        <v>38</v>
      </c>
      <c r="P22838" s="5" t="s">
        <v>39</v>
      </c>
      <c r="Q22838" s="5" t="s">
        <v>40</v>
      </c>
      <c r="R22838" s="5" t="s">
        <v>1522</v>
      </c>
      <c r="S22838" s="5" t="s">
        <v>1523</v>
      </c>
      <c r="T22838" s="5" t="s">
        <v>42</v>
      </c>
      <c r="U22838" s="2">
        <v>2.1110000000000002</v>
      </c>
      <c r="V22838" s="2">
        <v>1.629</v>
      </c>
      <c r="W22838" s="2">
        <v>1.0999999999999999E-2</v>
      </c>
      <c r="X22838" s="2">
        <v>82.9</v>
      </c>
      <c r="Y22838" s="2">
        <v>7.6</v>
      </c>
      <c r="Z22838" s="2">
        <v>16.7</v>
      </c>
      <c r="AA22838" s="5"/>
      <c r="AB22838" s="5" t="s">
        <v>43</v>
      </c>
      <c r="AC22838" s="5" t="s">
        <v>44</v>
      </c>
      <c r="AD22838" s="2"/>
      <c r="AE22838" s="1"/>
    </row>
    <row r="22839" spans="1:31" ht="14.45">
      <c r="A22839" s="11"/>
      <c r="B22839" s="20"/>
      <c r="C22839" s="2" t="s">
        <v>73396</v>
      </c>
      <c r="D22839" s="14" t="s">
        <v>73397</v>
      </c>
      <c r="E22839" s="2" t="s">
        <v>73398</v>
      </c>
      <c r="F22839" s="2" t="s">
        <v>7521</v>
      </c>
      <c r="G22839" s="8">
        <v>223</v>
      </c>
      <c r="H22839" s="5">
        <v>6</v>
      </c>
      <c r="I22839" s="5" t="s">
        <v>1518</v>
      </c>
      <c r="J22839" s="5" t="s">
        <v>69038</v>
      </c>
      <c r="K22839" s="2" t="s">
        <v>69039</v>
      </c>
      <c r="L22839" s="5" t="s">
        <v>69038</v>
      </c>
      <c r="M22839" s="2" t="s">
        <v>69039</v>
      </c>
      <c r="N22839" s="5" t="s">
        <v>1521</v>
      </c>
      <c r="O22839" s="5" t="s">
        <v>38</v>
      </c>
      <c r="P22839" s="5" t="s">
        <v>39</v>
      </c>
      <c r="Q22839" s="5" t="s">
        <v>40</v>
      </c>
      <c r="R22839" s="5" t="s">
        <v>1522</v>
      </c>
      <c r="S22839" s="5" t="s">
        <v>1523</v>
      </c>
      <c r="T22839" s="5" t="s">
        <v>42</v>
      </c>
      <c r="U22839" s="2">
        <v>2.173</v>
      </c>
      <c r="V22839" s="2">
        <v>1.6910000000000001</v>
      </c>
      <c r="W22839" s="2">
        <v>1.0999999999999999E-2</v>
      </c>
      <c r="X22839" s="2">
        <v>82.9</v>
      </c>
      <c r="Y22839" s="2">
        <v>7.6</v>
      </c>
      <c r="Z22839" s="2">
        <v>16.7</v>
      </c>
      <c r="AA22839" s="5"/>
      <c r="AB22839" s="5" t="s">
        <v>43</v>
      </c>
      <c r="AC22839" s="5" t="s">
        <v>44</v>
      </c>
      <c r="AD22839" s="2"/>
      <c r="AE22839" s="1"/>
    </row>
    <row r="22840" spans="1:31" ht="14.45">
      <c r="A22840" s="11"/>
      <c r="B22840" s="20"/>
      <c r="C22840" s="2" t="s">
        <v>73399</v>
      </c>
      <c r="D22840" s="14" t="s">
        <v>73400</v>
      </c>
      <c r="E22840" s="2" t="s">
        <v>73401</v>
      </c>
      <c r="F22840" s="2" t="s">
        <v>7406</v>
      </c>
      <c r="G22840" s="8">
        <v>237</v>
      </c>
      <c r="H22840" s="5">
        <v>6</v>
      </c>
      <c r="I22840" s="5" t="s">
        <v>1518</v>
      </c>
      <c r="J22840" s="5" t="s">
        <v>69038</v>
      </c>
      <c r="K22840" s="2" t="s">
        <v>69039</v>
      </c>
      <c r="L22840" s="5" t="s">
        <v>69038</v>
      </c>
      <c r="M22840" s="2" t="s">
        <v>69039</v>
      </c>
      <c r="N22840" s="5" t="s">
        <v>1521</v>
      </c>
      <c r="O22840" s="5" t="s">
        <v>38</v>
      </c>
      <c r="P22840" s="5" t="s">
        <v>39</v>
      </c>
      <c r="Q22840" s="5" t="s">
        <v>40</v>
      </c>
      <c r="R22840" s="5" t="s">
        <v>1522</v>
      </c>
      <c r="S22840" s="5" t="s">
        <v>1523</v>
      </c>
      <c r="T22840" s="5" t="s">
        <v>42</v>
      </c>
      <c r="U22840" s="2">
        <v>2.1110000000000002</v>
      </c>
      <c r="V22840" s="2">
        <v>1.629</v>
      </c>
      <c r="W22840" s="2">
        <v>1.0999999999999999E-2</v>
      </c>
      <c r="X22840" s="2">
        <v>82.9</v>
      </c>
      <c r="Y22840" s="2">
        <v>7.6</v>
      </c>
      <c r="Z22840" s="2">
        <v>16.7</v>
      </c>
      <c r="AA22840" s="5"/>
      <c r="AB22840" s="5" t="s">
        <v>43</v>
      </c>
      <c r="AC22840" s="5" t="s">
        <v>44</v>
      </c>
      <c r="AD22840" s="2"/>
      <c r="AE22840" s="1"/>
    </row>
    <row r="22841" spans="1:31" ht="14.45">
      <c r="A22841" s="11"/>
      <c r="B22841" s="20"/>
      <c r="C22841" s="2" t="s">
        <v>73402</v>
      </c>
      <c r="D22841" s="14" t="s">
        <v>73403</v>
      </c>
      <c r="E22841" s="2" t="s">
        <v>73404</v>
      </c>
      <c r="F22841" s="2" t="s">
        <v>7535</v>
      </c>
      <c r="G22841" s="8">
        <v>237</v>
      </c>
      <c r="H22841" s="5">
        <v>6</v>
      </c>
      <c r="I22841" s="5" t="s">
        <v>1518</v>
      </c>
      <c r="J22841" s="5" t="s">
        <v>69038</v>
      </c>
      <c r="K22841" s="2" t="s">
        <v>69039</v>
      </c>
      <c r="L22841" s="5" t="s">
        <v>69038</v>
      </c>
      <c r="M22841" s="2" t="s">
        <v>69039</v>
      </c>
      <c r="N22841" s="5" t="s">
        <v>1521</v>
      </c>
      <c r="O22841" s="5" t="s">
        <v>38</v>
      </c>
      <c r="P22841" s="5" t="s">
        <v>39</v>
      </c>
      <c r="Q22841" s="5" t="s">
        <v>40</v>
      </c>
      <c r="R22841" s="5" t="s">
        <v>1522</v>
      </c>
      <c r="S22841" s="5" t="s">
        <v>1523</v>
      </c>
      <c r="T22841" s="5" t="s">
        <v>42</v>
      </c>
      <c r="U22841" s="2">
        <v>2.173</v>
      </c>
      <c r="V22841" s="2">
        <v>1.6910000000000001</v>
      </c>
      <c r="W22841" s="2">
        <v>1.0999999999999999E-2</v>
      </c>
      <c r="X22841" s="2">
        <v>82.9</v>
      </c>
      <c r="Y22841" s="2">
        <v>7.6</v>
      </c>
      <c r="Z22841" s="2">
        <v>16.7</v>
      </c>
      <c r="AA22841" s="5"/>
      <c r="AB22841" s="5" t="s">
        <v>43</v>
      </c>
      <c r="AC22841" s="5" t="s">
        <v>44</v>
      </c>
      <c r="AD22841" s="2"/>
      <c r="AE22841" s="1"/>
    </row>
    <row r="22842" spans="1:31" ht="14.45">
      <c r="A22842" s="11"/>
      <c r="B22842" s="20"/>
      <c r="C22842" s="2" t="s">
        <v>73405</v>
      </c>
      <c r="D22842" s="14" t="s">
        <v>73406</v>
      </c>
      <c r="E22842" s="2" t="s">
        <v>73407</v>
      </c>
      <c r="F22842" s="2" t="s">
        <v>7539</v>
      </c>
      <c r="G22842" s="8">
        <v>237</v>
      </c>
      <c r="H22842" s="5">
        <v>6</v>
      </c>
      <c r="I22842" s="5" t="s">
        <v>1518</v>
      </c>
      <c r="J22842" s="5" t="s">
        <v>69038</v>
      </c>
      <c r="K22842" s="2" t="s">
        <v>69039</v>
      </c>
      <c r="L22842" s="5" t="s">
        <v>69038</v>
      </c>
      <c r="M22842" s="2" t="s">
        <v>69039</v>
      </c>
      <c r="N22842" s="5" t="s">
        <v>1521</v>
      </c>
      <c r="O22842" s="5" t="s">
        <v>38</v>
      </c>
      <c r="P22842" s="5" t="s">
        <v>39</v>
      </c>
      <c r="Q22842" s="5" t="s">
        <v>40</v>
      </c>
      <c r="R22842" s="5" t="s">
        <v>1522</v>
      </c>
      <c r="S22842" s="5" t="s">
        <v>1523</v>
      </c>
      <c r="T22842" s="5" t="s">
        <v>42</v>
      </c>
      <c r="U22842" s="2">
        <v>2.1110000000000002</v>
      </c>
      <c r="V22842" s="2">
        <v>1.629</v>
      </c>
      <c r="W22842" s="2">
        <v>1.0999999999999999E-2</v>
      </c>
      <c r="X22842" s="2">
        <v>82.9</v>
      </c>
      <c r="Y22842" s="2">
        <v>7.6</v>
      </c>
      <c r="Z22842" s="2">
        <v>16.7</v>
      </c>
      <c r="AA22842" s="5"/>
      <c r="AB22842" s="5" t="s">
        <v>43</v>
      </c>
      <c r="AC22842" s="5" t="s">
        <v>44</v>
      </c>
      <c r="AD22842" s="2"/>
      <c r="AE22842" s="1"/>
    </row>
    <row r="22843" spans="1:31" ht="14.45">
      <c r="A22843" s="11"/>
      <c r="B22843" s="20"/>
      <c r="C22843" s="2" t="s">
        <v>73408</v>
      </c>
      <c r="D22843" s="14" t="s">
        <v>73409</v>
      </c>
      <c r="E22843" s="2" t="s">
        <v>73410</v>
      </c>
      <c r="F22843" s="2" t="s">
        <v>7543</v>
      </c>
      <c r="G22843" s="8">
        <v>237</v>
      </c>
      <c r="H22843" s="5">
        <v>6</v>
      </c>
      <c r="I22843" s="5" t="s">
        <v>1518</v>
      </c>
      <c r="J22843" s="5" t="s">
        <v>69038</v>
      </c>
      <c r="K22843" s="2" t="s">
        <v>69039</v>
      </c>
      <c r="L22843" s="5" t="s">
        <v>69038</v>
      </c>
      <c r="M22843" s="2" t="s">
        <v>69039</v>
      </c>
      <c r="N22843" s="5" t="s">
        <v>1521</v>
      </c>
      <c r="O22843" s="5" t="s">
        <v>38</v>
      </c>
      <c r="P22843" s="5" t="s">
        <v>39</v>
      </c>
      <c r="Q22843" s="5" t="s">
        <v>40</v>
      </c>
      <c r="R22843" s="5" t="s">
        <v>1522</v>
      </c>
      <c r="S22843" s="5" t="s">
        <v>1523</v>
      </c>
      <c r="T22843" s="5" t="s">
        <v>42</v>
      </c>
      <c r="U22843" s="2">
        <v>2.173</v>
      </c>
      <c r="V22843" s="2">
        <v>1.6910000000000001</v>
      </c>
      <c r="W22843" s="2">
        <v>1.0999999999999999E-2</v>
      </c>
      <c r="X22843" s="2">
        <v>82.9</v>
      </c>
      <c r="Y22843" s="2">
        <v>7.6</v>
      </c>
      <c r="Z22843" s="2">
        <v>16.7</v>
      </c>
      <c r="AA22843" s="5"/>
      <c r="AB22843" s="5" t="s">
        <v>43</v>
      </c>
      <c r="AC22843" s="5" t="s">
        <v>44</v>
      </c>
      <c r="AD22843" s="2"/>
      <c r="AE22843" s="1"/>
    </row>
    <row r="22844" spans="1:31" ht="14.45">
      <c r="A22844" s="11"/>
      <c r="B22844" s="20"/>
      <c r="C22844" s="2" t="s">
        <v>73411</v>
      </c>
      <c r="D22844" s="14" t="s">
        <v>73412</v>
      </c>
      <c r="E22844" s="2" t="s">
        <v>73413</v>
      </c>
      <c r="F22844" s="2" t="s">
        <v>7396</v>
      </c>
      <c r="G22844" s="8">
        <v>223</v>
      </c>
      <c r="H22844" s="5">
        <v>6</v>
      </c>
      <c r="I22844" s="5" t="s">
        <v>1518</v>
      </c>
      <c r="J22844" s="5" t="s">
        <v>69038</v>
      </c>
      <c r="K22844" s="2" t="s">
        <v>69039</v>
      </c>
      <c r="L22844" s="5" t="s">
        <v>69038</v>
      </c>
      <c r="M22844" s="2" t="s">
        <v>69039</v>
      </c>
      <c r="N22844" s="5" t="s">
        <v>1521</v>
      </c>
      <c r="O22844" s="5" t="s">
        <v>38</v>
      </c>
      <c r="P22844" s="5" t="s">
        <v>39</v>
      </c>
      <c r="Q22844" s="5" t="s">
        <v>40</v>
      </c>
      <c r="R22844" s="5" t="s">
        <v>1522</v>
      </c>
      <c r="S22844" s="5" t="s">
        <v>1523</v>
      </c>
      <c r="T22844" s="5" t="s">
        <v>42</v>
      </c>
      <c r="U22844" s="2">
        <v>2.1110000000000002</v>
      </c>
      <c r="V22844" s="2">
        <v>1.629</v>
      </c>
      <c r="W22844" s="2">
        <v>1.0999999999999999E-2</v>
      </c>
      <c r="X22844" s="2">
        <v>82.9</v>
      </c>
      <c r="Y22844" s="2">
        <v>7.6</v>
      </c>
      <c r="Z22844" s="2">
        <v>16.7</v>
      </c>
      <c r="AA22844" s="5"/>
      <c r="AB22844" s="5" t="s">
        <v>43</v>
      </c>
      <c r="AC22844" s="5" t="s">
        <v>44</v>
      </c>
      <c r="AD22844" s="2"/>
      <c r="AE22844" s="1"/>
    </row>
    <row r="22845" spans="1:31" ht="14.45">
      <c r="A22845" s="11"/>
      <c r="B22845" s="20"/>
      <c r="C22845" s="2" t="s">
        <v>73414</v>
      </c>
      <c r="D22845" s="14" t="s">
        <v>73415</v>
      </c>
      <c r="E22845" s="2" t="s">
        <v>73416</v>
      </c>
      <c r="F22845" s="2" t="s">
        <v>7507</v>
      </c>
      <c r="G22845" s="8">
        <v>223</v>
      </c>
      <c r="H22845" s="5">
        <v>6</v>
      </c>
      <c r="I22845" s="5" t="s">
        <v>1518</v>
      </c>
      <c r="J22845" s="5" t="s">
        <v>69038</v>
      </c>
      <c r="K22845" s="2" t="s">
        <v>69039</v>
      </c>
      <c r="L22845" s="5" t="s">
        <v>69038</v>
      </c>
      <c r="M22845" s="2" t="s">
        <v>69039</v>
      </c>
      <c r="N22845" s="5" t="s">
        <v>1521</v>
      </c>
      <c r="O22845" s="5" t="s">
        <v>38</v>
      </c>
      <c r="P22845" s="5" t="s">
        <v>39</v>
      </c>
      <c r="Q22845" s="5" t="s">
        <v>40</v>
      </c>
      <c r="R22845" s="5" t="s">
        <v>1522</v>
      </c>
      <c r="S22845" s="5" t="s">
        <v>1523</v>
      </c>
      <c r="T22845" s="5" t="s">
        <v>42</v>
      </c>
      <c r="U22845" s="2">
        <v>2.173</v>
      </c>
      <c r="V22845" s="2">
        <v>1.6910000000000001</v>
      </c>
      <c r="W22845" s="2">
        <v>1.0999999999999999E-2</v>
      </c>
      <c r="X22845" s="2">
        <v>82.9</v>
      </c>
      <c r="Y22845" s="2">
        <v>7.6</v>
      </c>
      <c r="Z22845" s="2">
        <v>16.7</v>
      </c>
      <c r="AA22845" s="5"/>
      <c r="AB22845" s="5" t="s">
        <v>43</v>
      </c>
      <c r="AC22845" s="5" t="s">
        <v>44</v>
      </c>
      <c r="AD22845" s="2"/>
      <c r="AE22845" s="1"/>
    </row>
    <row r="22846" spans="1:31" ht="14.45">
      <c r="A22846" s="11"/>
      <c r="B22846" s="20"/>
      <c r="C22846" s="2" t="s">
        <v>73417</v>
      </c>
      <c r="D22846" s="14" t="s">
        <v>73418</v>
      </c>
      <c r="E22846" s="2" t="s">
        <v>73419</v>
      </c>
      <c r="F22846" s="2" t="s">
        <v>7563</v>
      </c>
      <c r="G22846" s="8">
        <v>237</v>
      </c>
      <c r="H22846" s="5">
        <v>6</v>
      </c>
      <c r="I22846" s="5" t="s">
        <v>1518</v>
      </c>
      <c r="J22846" s="5" t="s">
        <v>69038</v>
      </c>
      <c r="K22846" s="2" t="s">
        <v>69039</v>
      </c>
      <c r="L22846" s="5" t="s">
        <v>69038</v>
      </c>
      <c r="M22846" s="2" t="s">
        <v>69039</v>
      </c>
      <c r="N22846" s="5" t="s">
        <v>1521</v>
      </c>
      <c r="O22846" s="5" t="s">
        <v>38</v>
      </c>
      <c r="P22846" s="5" t="s">
        <v>39</v>
      </c>
      <c r="Q22846" s="5" t="s">
        <v>40</v>
      </c>
      <c r="R22846" s="5" t="s">
        <v>1522</v>
      </c>
      <c r="S22846" s="5" t="s">
        <v>1523</v>
      </c>
      <c r="T22846" s="5" t="s">
        <v>42</v>
      </c>
      <c r="U22846" s="2">
        <v>2.1110000000000002</v>
      </c>
      <c r="V22846" s="2">
        <v>1.629</v>
      </c>
      <c r="W22846" s="2">
        <v>1.0999999999999999E-2</v>
      </c>
      <c r="X22846" s="2">
        <v>82.9</v>
      </c>
      <c r="Y22846" s="2">
        <v>7.6</v>
      </c>
      <c r="Z22846" s="2">
        <v>16.7</v>
      </c>
      <c r="AA22846" s="5"/>
      <c r="AB22846" s="5" t="s">
        <v>43</v>
      </c>
      <c r="AC22846" s="5" t="s">
        <v>44</v>
      </c>
      <c r="AD22846" s="2"/>
      <c r="AE22846" s="1"/>
    </row>
    <row r="22847" spans="1:31" ht="14.45">
      <c r="A22847" s="11"/>
      <c r="B22847" s="20"/>
      <c r="C22847" s="2" t="s">
        <v>73420</v>
      </c>
      <c r="D22847" s="14" t="s">
        <v>73421</v>
      </c>
      <c r="E22847" s="2" t="s">
        <v>73422</v>
      </c>
      <c r="F22847" s="2" t="s">
        <v>7567</v>
      </c>
      <c r="G22847" s="8">
        <v>237</v>
      </c>
      <c r="H22847" s="5">
        <v>6</v>
      </c>
      <c r="I22847" s="5" t="s">
        <v>1518</v>
      </c>
      <c r="J22847" s="5" t="s">
        <v>69038</v>
      </c>
      <c r="K22847" s="2" t="s">
        <v>69039</v>
      </c>
      <c r="L22847" s="5" t="s">
        <v>69038</v>
      </c>
      <c r="M22847" s="2" t="s">
        <v>69039</v>
      </c>
      <c r="N22847" s="5" t="s">
        <v>1521</v>
      </c>
      <c r="O22847" s="5" t="s">
        <v>38</v>
      </c>
      <c r="P22847" s="5" t="s">
        <v>39</v>
      </c>
      <c r="Q22847" s="5" t="s">
        <v>40</v>
      </c>
      <c r="R22847" s="5" t="s">
        <v>1522</v>
      </c>
      <c r="S22847" s="5" t="s">
        <v>1523</v>
      </c>
      <c r="T22847" s="5" t="s">
        <v>42</v>
      </c>
      <c r="U22847" s="2">
        <v>2.173</v>
      </c>
      <c r="V22847" s="2">
        <v>1.6910000000000001</v>
      </c>
      <c r="W22847" s="2">
        <v>1.0999999999999999E-2</v>
      </c>
      <c r="X22847" s="2">
        <v>82.9</v>
      </c>
      <c r="Y22847" s="2">
        <v>7.6</v>
      </c>
      <c r="Z22847" s="2">
        <v>16.7</v>
      </c>
      <c r="AA22847" s="5"/>
      <c r="AB22847" s="5" t="s">
        <v>43</v>
      </c>
      <c r="AC22847" s="5" t="s">
        <v>44</v>
      </c>
      <c r="AD22847" s="2"/>
      <c r="AE22847" s="1"/>
    </row>
    <row r="22848" spans="1:31" ht="14.45">
      <c r="A22848" s="11"/>
      <c r="B22848" s="20"/>
      <c r="C22848" s="2" t="s">
        <v>73423</v>
      </c>
      <c r="D22848" s="14" t="s">
        <v>73424</v>
      </c>
      <c r="E22848" s="2" t="s">
        <v>73425</v>
      </c>
      <c r="F22848" s="2" t="s">
        <v>7555</v>
      </c>
      <c r="G22848" s="8">
        <v>237</v>
      </c>
      <c r="H22848" s="5">
        <v>6</v>
      </c>
      <c r="I22848" s="5" t="s">
        <v>1518</v>
      </c>
      <c r="J22848" s="5" t="s">
        <v>69038</v>
      </c>
      <c r="K22848" s="2" t="s">
        <v>69039</v>
      </c>
      <c r="L22848" s="5" t="s">
        <v>69038</v>
      </c>
      <c r="M22848" s="2" t="s">
        <v>69039</v>
      </c>
      <c r="N22848" s="5" t="s">
        <v>1521</v>
      </c>
      <c r="O22848" s="5" t="s">
        <v>38</v>
      </c>
      <c r="P22848" s="5" t="s">
        <v>39</v>
      </c>
      <c r="Q22848" s="5" t="s">
        <v>40</v>
      </c>
      <c r="R22848" s="5" t="s">
        <v>1522</v>
      </c>
      <c r="S22848" s="5" t="s">
        <v>1523</v>
      </c>
      <c r="T22848" s="5" t="s">
        <v>42</v>
      </c>
      <c r="U22848" s="2">
        <v>2.1110000000000002</v>
      </c>
      <c r="V22848" s="2">
        <v>1.629</v>
      </c>
      <c r="W22848" s="2">
        <v>1.0999999999999999E-2</v>
      </c>
      <c r="X22848" s="2">
        <v>82.9</v>
      </c>
      <c r="Y22848" s="2">
        <v>7.6</v>
      </c>
      <c r="Z22848" s="2">
        <v>16.7</v>
      </c>
      <c r="AA22848" s="5"/>
      <c r="AB22848" s="5" t="s">
        <v>43</v>
      </c>
      <c r="AC22848" s="5" t="s">
        <v>44</v>
      </c>
      <c r="AD22848" s="2"/>
      <c r="AE22848" s="1"/>
    </row>
    <row r="22849" spans="1:31" ht="14.45">
      <c r="A22849" s="11"/>
      <c r="B22849" s="20"/>
      <c r="C22849" s="2" t="s">
        <v>73426</v>
      </c>
      <c r="D22849" s="14" t="s">
        <v>73427</v>
      </c>
      <c r="E22849" s="2" t="s">
        <v>73428</v>
      </c>
      <c r="F22849" s="2" t="s">
        <v>7559</v>
      </c>
      <c r="G22849" s="8">
        <v>237</v>
      </c>
      <c r="H22849" s="5">
        <v>6</v>
      </c>
      <c r="I22849" s="5" t="s">
        <v>1518</v>
      </c>
      <c r="J22849" s="5" t="s">
        <v>69038</v>
      </c>
      <c r="K22849" s="2" t="s">
        <v>69039</v>
      </c>
      <c r="L22849" s="5" t="s">
        <v>69038</v>
      </c>
      <c r="M22849" s="2" t="s">
        <v>69039</v>
      </c>
      <c r="N22849" s="5" t="s">
        <v>1521</v>
      </c>
      <c r="O22849" s="5" t="s">
        <v>38</v>
      </c>
      <c r="P22849" s="5" t="s">
        <v>39</v>
      </c>
      <c r="Q22849" s="5" t="s">
        <v>40</v>
      </c>
      <c r="R22849" s="5" t="s">
        <v>1522</v>
      </c>
      <c r="S22849" s="5" t="s">
        <v>1523</v>
      </c>
      <c r="T22849" s="5" t="s">
        <v>42</v>
      </c>
      <c r="U22849" s="2">
        <v>2.173</v>
      </c>
      <c r="V22849" s="2">
        <v>1.6910000000000001</v>
      </c>
      <c r="W22849" s="2">
        <v>1.0999999999999999E-2</v>
      </c>
      <c r="X22849" s="2">
        <v>82.9</v>
      </c>
      <c r="Y22849" s="2">
        <v>7.6</v>
      </c>
      <c r="Z22849" s="2">
        <v>16.7</v>
      </c>
      <c r="AA22849" s="5"/>
      <c r="AB22849" s="5" t="s">
        <v>43</v>
      </c>
      <c r="AC22849" s="5" t="s">
        <v>44</v>
      </c>
      <c r="AD22849" s="2"/>
      <c r="AE22849" s="1"/>
    </row>
    <row r="22850" spans="1:31" ht="14.45">
      <c r="A22850" s="11"/>
      <c r="B22850" s="20"/>
      <c r="C22850" s="2" t="s">
        <v>73429</v>
      </c>
      <c r="D22850" s="14" t="s">
        <v>73430</v>
      </c>
      <c r="E22850" s="2" t="s">
        <v>73431</v>
      </c>
      <c r="F22850" s="2" t="s">
        <v>16079</v>
      </c>
      <c r="G22850" s="8">
        <v>237</v>
      </c>
      <c r="H22850" s="5">
        <v>6</v>
      </c>
      <c r="I22850" s="5" t="s">
        <v>1518</v>
      </c>
      <c r="J22850" s="5" t="s">
        <v>69038</v>
      </c>
      <c r="K22850" s="2" t="s">
        <v>69039</v>
      </c>
      <c r="L22850" s="5" t="s">
        <v>69038</v>
      </c>
      <c r="M22850" s="2" t="s">
        <v>69039</v>
      </c>
      <c r="N22850" s="5" t="s">
        <v>1521</v>
      </c>
      <c r="O22850" s="5" t="s">
        <v>38</v>
      </c>
      <c r="P22850" s="5" t="s">
        <v>39</v>
      </c>
      <c r="Q22850" s="5" t="s">
        <v>40</v>
      </c>
      <c r="R22850" s="5" t="s">
        <v>1522</v>
      </c>
      <c r="S22850" s="5" t="s">
        <v>1523</v>
      </c>
      <c r="T22850" s="5" t="s">
        <v>42</v>
      </c>
      <c r="U22850" s="2">
        <v>2.1110000000000002</v>
      </c>
      <c r="V22850" s="2">
        <v>1.629</v>
      </c>
      <c r="W22850" s="2">
        <v>1.0999999999999999E-2</v>
      </c>
      <c r="X22850" s="2">
        <v>82.9</v>
      </c>
      <c r="Y22850" s="2">
        <v>7.6</v>
      </c>
      <c r="Z22850" s="2">
        <v>16.7</v>
      </c>
      <c r="AA22850" s="5"/>
      <c r="AB22850" s="5" t="s">
        <v>43</v>
      </c>
      <c r="AC22850" s="5" t="s">
        <v>44</v>
      </c>
      <c r="AD22850" s="2"/>
      <c r="AE22850" s="1"/>
    </row>
    <row r="22851" spans="1:31" ht="14.45">
      <c r="A22851" s="11"/>
      <c r="B22851" s="20"/>
      <c r="C22851" s="2" t="s">
        <v>73432</v>
      </c>
      <c r="D22851" s="14" t="s">
        <v>73433</v>
      </c>
      <c r="E22851" s="2" t="s">
        <v>73434</v>
      </c>
      <c r="F22851" s="2" t="s">
        <v>16194</v>
      </c>
      <c r="G22851" s="8">
        <v>237</v>
      </c>
      <c r="H22851" s="5">
        <v>6</v>
      </c>
      <c r="I22851" s="5" t="s">
        <v>1518</v>
      </c>
      <c r="J22851" s="5" t="s">
        <v>69038</v>
      </c>
      <c r="K22851" s="2" t="s">
        <v>69039</v>
      </c>
      <c r="L22851" s="5" t="s">
        <v>69038</v>
      </c>
      <c r="M22851" s="2" t="s">
        <v>69039</v>
      </c>
      <c r="N22851" s="5" t="s">
        <v>1521</v>
      </c>
      <c r="O22851" s="5" t="s">
        <v>38</v>
      </c>
      <c r="P22851" s="5" t="s">
        <v>39</v>
      </c>
      <c r="Q22851" s="5" t="s">
        <v>40</v>
      </c>
      <c r="R22851" s="5" t="s">
        <v>1522</v>
      </c>
      <c r="S22851" s="5" t="s">
        <v>1523</v>
      </c>
      <c r="T22851" s="5" t="s">
        <v>42</v>
      </c>
      <c r="U22851" s="2">
        <v>2.173</v>
      </c>
      <c r="V22851" s="2">
        <v>1.6910000000000001</v>
      </c>
      <c r="W22851" s="2">
        <v>1.0999999999999999E-2</v>
      </c>
      <c r="X22851" s="2">
        <v>82.9</v>
      </c>
      <c r="Y22851" s="2">
        <v>7.6</v>
      </c>
      <c r="Z22851" s="2">
        <v>16.7</v>
      </c>
      <c r="AA22851" s="5"/>
      <c r="AB22851" s="5" t="s">
        <v>43</v>
      </c>
      <c r="AC22851" s="5" t="s">
        <v>44</v>
      </c>
      <c r="AD22851" s="2"/>
      <c r="AE22851" s="1"/>
    </row>
    <row r="22852" spans="1:31" ht="14.45">
      <c r="A22852" s="11"/>
      <c r="B22852" s="20"/>
      <c r="C22852" s="2" t="s">
        <v>73435</v>
      </c>
      <c r="D22852" s="14" t="s">
        <v>73436</v>
      </c>
      <c r="E22852" s="2" t="s">
        <v>73437</v>
      </c>
      <c r="F22852" s="2" t="s">
        <v>7449</v>
      </c>
      <c r="G22852" s="8">
        <v>237</v>
      </c>
      <c r="H22852" s="5">
        <v>6</v>
      </c>
      <c r="I22852" s="5" t="s">
        <v>1518</v>
      </c>
      <c r="J22852" s="5" t="s">
        <v>69038</v>
      </c>
      <c r="K22852" s="2" t="s">
        <v>69039</v>
      </c>
      <c r="L22852" s="5" t="s">
        <v>69038</v>
      </c>
      <c r="M22852" s="2" t="s">
        <v>69039</v>
      </c>
      <c r="N22852" s="5" t="s">
        <v>1521</v>
      </c>
      <c r="O22852" s="5" t="s">
        <v>38</v>
      </c>
      <c r="P22852" s="5" t="s">
        <v>39</v>
      </c>
      <c r="Q22852" s="5" t="s">
        <v>40</v>
      </c>
      <c r="R22852" s="5" t="s">
        <v>1522</v>
      </c>
      <c r="S22852" s="5" t="s">
        <v>1523</v>
      </c>
      <c r="T22852" s="5" t="s">
        <v>42</v>
      </c>
      <c r="U22852" s="2">
        <v>2.1110000000000002</v>
      </c>
      <c r="V22852" s="2">
        <v>1.629</v>
      </c>
      <c r="W22852" s="2">
        <v>1.0999999999999999E-2</v>
      </c>
      <c r="X22852" s="2">
        <v>82.9</v>
      </c>
      <c r="Y22852" s="2">
        <v>7.6</v>
      </c>
      <c r="Z22852" s="2">
        <v>16.7</v>
      </c>
      <c r="AA22852" s="5"/>
      <c r="AB22852" s="5" t="s">
        <v>43</v>
      </c>
      <c r="AC22852" s="5" t="s">
        <v>44</v>
      </c>
      <c r="AD22852" s="2"/>
      <c r="AE22852" s="1"/>
    </row>
    <row r="22853" spans="1:31" ht="14.45">
      <c r="A22853" s="11"/>
      <c r="B22853" s="20"/>
      <c r="C22853" s="2" t="s">
        <v>73438</v>
      </c>
      <c r="D22853" s="14" t="s">
        <v>73439</v>
      </c>
      <c r="E22853" s="2" t="s">
        <v>73440</v>
      </c>
      <c r="F22853" s="2" t="s">
        <v>7581</v>
      </c>
      <c r="G22853" s="8">
        <v>237</v>
      </c>
      <c r="H22853" s="5">
        <v>6</v>
      </c>
      <c r="I22853" s="5" t="s">
        <v>1518</v>
      </c>
      <c r="J22853" s="5" t="s">
        <v>69038</v>
      </c>
      <c r="K22853" s="2" t="s">
        <v>69039</v>
      </c>
      <c r="L22853" s="5" t="s">
        <v>69038</v>
      </c>
      <c r="M22853" s="2" t="s">
        <v>69039</v>
      </c>
      <c r="N22853" s="5" t="s">
        <v>1521</v>
      </c>
      <c r="O22853" s="5" t="s">
        <v>38</v>
      </c>
      <c r="P22853" s="5" t="s">
        <v>39</v>
      </c>
      <c r="Q22853" s="5" t="s">
        <v>40</v>
      </c>
      <c r="R22853" s="5" t="s">
        <v>1522</v>
      </c>
      <c r="S22853" s="5" t="s">
        <v>1523</v>
      </c>
      <c r="T22853" s="5" t="s">
        <v>42</v>
      </c>
      <c r="U22853" s="2">
        <v>2.173</v>
      </c>
      <c r="V22853" s="2">
        <v>1.6910000000000001</v>
      </c>
      <c r="W22853" s="2">
        <v>1.0999999999999999E-2</v>
      </c>
      <c r="X22853" s="2">
        <v>82.9</v>
      </c>
      <c r="Y22853" s="2">
        <v>7.6</v>
      </c>
      <c r="Z22853" s="2">
        <v>16.7</v>
      </c>
      <c r="AA22853" s="5"/>
      <c r="AB22853" s="5" t="s">
        <v>43</v>
      </c>
      <c r="AC22853" s="5" t="s">
        <v>44</v>
      </c>
      <c r="AD22853" s="2"/>
      <c r="AE22853" s="1"/>
    </row>
    <row r="22854" spans="1:31" ht="14.45">
      <c r="A22854" s="11"/>
      <c r="B22854" s="20"/>
      <c r="C22854" s="2" t="s">
        <v>73441</v>
      </c>
      <c r="D22854" s="14" t="s">
        <v>73442</v>
      </c>
      <c r="E22854" s="2" t="s">
        <v>73443</v>
      </c>
      <c r="F22854" s="2" t="s">
        <v>7585</v>
      </c>
      <c r="G22854" s="8">
        <v>237</v>
      </c>
      <c r="H22854" s="5">
        <v>6</v>
      </c>
      <c r="I22854" s="5" t="s">
        <v>1518</v>
      </c>
      <c r="J22854" s="5" t="s">
        <v>69038</v>
      </c>
      <c r="K22854" s="2" t="s">
        <v>69039</v>
      </c>
      <c r="L22854" s="5" t="s">
        <v>69038</v>
      </c>
      <c r="M22854" s="2" t="s">
        <v>69039</v>
      </c>
      <c r="N22854" s="5" t="s">
        <v>1521</v>
      </c>
      <c r="O22854" s="5" t="s">
        <v>38</v>
      </c>
      <c r="P22854" s="5" t="s">
        <v>39</v>
      </c>
      <c r="Q22854" s="5" t="s">
        <v>40</v>
      </c>
      <c r="R22854" s="5" t="s">
        <v>1522</v>
      </c>
      <c r="S22854" s="5" t="s">
        <v>1523</v>
      </c>
      <c r="T22854" s="5" t="s">
        <v>42</v>
      </c>
      <c r="U22854" s="2">
        <v>2.1110000000000002</v>
      </c>
      <c r="V22854" s="2">
        <v>1.629</v>
      </c>
      <c r="W22854" s="2">
        <v>1.0999999999999999E-2</v>
      </c>
      <c r="X22854" s="2">
        <v>82.9</v>
      </c>
      <c r="Y22854" s="2">
        <v>7.6</v>
      </c>
      <c r="Z22854" s="2">
        <v>16.7</v>
      </c>
      <c r="AA22854" s="5"/>
      <c r="AB22854" s="5" t="s">
        <v>43</v>
      </c>
      <c r="AC22854" s="5" t="s">
        <v>44</v>
      </c>
      <c r="AD22854" s="2"/>
      <c r="AE22854" s="1"/>
    </row>
    <row r="22855" spans="1:31" ht="14.45">
      <c r="A22855" s="11"/>
      <c r="B22855" s="20"/>
      <c r="C22855" s="2" t="s">
        <v>73444</v>
      </c>
      <c r="D22855" s="14" t="s">
        <v>73445</v>
      </c>
      <c r="E22855" s="2" t="s">
        <v>73446</v>
      </c>
      <c r="F22855" s="2" t="s">
        <v>7593</v>
      </c>
      <c r="G22855" s="8">
        <v>237</v>
      </c>
      <c r="H22855" s="5">
        <v>6</v>
      </c>
      <c r="I22855" s="5" t="s">
        <v>1518</v>
      </c>
      <c r="J22855" s="5" t="s">
        <v>69038</v>
      </c>
      <c r="K22855" s="2" t="s">
        <v>69039</v>
      </c>
      <c r="L22855" s="5" t="s">
        <v>69038</v>
      </c>
      <c r="M22855" s="2" t="s">
        <v>69039</v>
      </c>
      <c r="N22855" s="5" t="s">
        <v>1521</v>
      </c>
      <c r="O22855" s="5" t="s">
        <v>38</v>
      </c>
      <c r="P22855" s="5" t="s">
        <v>39</v>
      </c>
      <c r="Q22855" s="5" t="s">
        <v>40</v>
      </c>
      <c r="R22855" s="5" t="s">
        <v>1522</v>
      </c>
      <c r="S22855" s="5" t="s">
        <v>1523</v>
      </c>
      <c r="T22855" s="5" t="s">
        <v>42</v>
      </c>
      <c r="U22855" s="2">
        <v>2.1110000000000002</v>
      </c>
      <c r="V22855" s="2">
        <v>1.629</v>
      </c>
      <c r="W22855" s="2">
        <v>1.0999999999999999E-2</v>
      </c>
      <c r="X22855" s="2">
        <v>82.9</v>
      </c>
      <c r="Y22855" s="2">
        <v>7.6</v>
      </c>
      <c r="Z22855" s="2">
        <v>16.7</v>
      </c>
      <c r="AA22855" s="5"/>
      <c r="AB22855" s="5" t="s">
        <v>43</v>
      </c>
      <c r="AC22855" s="5" t="s">
        <v>44</v>
      </c>
      <c r="AD22855" s="2"/>
      <c r="AE22855" s="1"/>
    </row>
    <row r="22856" spans="1:31" ht="14.45">
      <c r="A22856" s="11"/>
      <c r="B22856" s="20"/>
      <c r="C22856" s="2" t="s">
        <v>73447</v>
      </c>
      <c r="D22856" s="14" t="s">
        <v>73448</v>
      </c>
      <c r="E22856" s="2" t="s">
        <v>73449</v>
      </c>
      <c r="F22856" s="2" t="s">
        <v>73358</v>
      </c>
      <c r="G22856" s="8">
        <v>237</v>
      </c>
      <c r="H22856" s="5">
        <v>6</v>
      </c>
      <c r="I22856" s="5" t="s">
        <v>1518</v>
      </c>
      <c r="J22856" s="5" t="s">
        <v>69038</v>
      </c>
      <c r="K22856" s="2" t="s">
        <v>69039</v>
      </c>
      <c r="L22856" s="5" t="s">
        <v>69038</v>
      </c>
      <c r="M22856" s="2" t="s">
        <v>69039</v>
      </c>
      <c r="N22856" s="5" t="s">
        <v>1521</v>
      </c>
      <c r="O22856" s="5" t="s">
        <v>38</v>
      </c>
      <c r="P22856" s="5" t="s">
        <v>39</v>
      </c>
      <c r="Q22856" s="5" t="s">
        <v>40</v>
      </c>
      <c r="R22856" s="5" t="s">
        <v>1522</v>
      </c>
      <c r="S22856" s="5" t="s">
        <v>1523</v>
      </c>
      <c r="T22856" s="5" t="s">
        <v>42</v>
      </c>
      <c r="U22856" s="2">
        <v>2.1110000000000002</v>
      </c>
      <c r="V22856" s="2">
        <v>1.629</v>
      </c>
      <c r="W22856" s="2">
        <v>1.0999999999999999E-2</v>
      </c>
      <c r="X22856" s="2">
        <v>82.9</v>
      </c>
      <c r="Y22856" s="2">
        <v>7.6</v>
      </c>
      <c r="Z22856" s="2">
        <v>16.7</v>
      </c>
      <c r="AA22856" s="5"/>
      <c r="AB22856" s="5" t="s">
        <v>43</v>
      </c>
      <c r="AC22856" s="5" t="s">
        <v>44</v>
      </c>
      <c r="AD22856" s="2"/>
      <c r="AE22856" s="1"/>
    </row>
    <row r="22857" spans="1:31" ht="14.45">
      <c r="A22857" s="11"/>
      <c r="B22857" s="20"/>
      <c r="C22857" s="2" t="s">
        <v>73450</v>
      </c>
      <c r="D22857" s="14" t="s">
        <v>73451</v>
      </c>
      <c r="E22857" s="2" t="s">
        <v>73452</v>
      </c>
      <c r="F22857" s="2" t="s">
        <v>73362</v>
      </c>
      <c r="G22857" s="8">
        <v>237</v>
      </c>
      <c r="H22857" s="5">
        <v>6</v>
      </c>
      <c r="I22857" s="5" t="s">
        <v>1518</v>
      </c>
      <c r="J22857" s="5" t="s">
        <v>69038</v>
      </c>
      <c r="K22857" s="2" t="s">
        <v>69039</v>
      </c>
      <c r="L22857" s="5" t="s">
        <v>69038</v>
      </c>
      <c r="M22857" s="2" t="s">
        <v>69039</v>
      </c>
      <c r="N22857" s="5" t="s">
        <v>1521</v>
      </c>
      <c r="O22857" s="5" t="s">
        <v>38</v>
      </c>
      <c r="P22857" s="5" t="s">
        <v>39</v>
      </c>
      <c r="Q22857" s="5" t="s">
        <v>40</v>
      </c>
      <c r="R22857" s="5" t="s">
        <v>1522</v>
      </c>
      <c r="S22857" s="5" t="s">
        <v>1523</v>
      </c>
      <c r="T22857" s="5" t="s">
        <v>42</v>
      </c>
      <c r="U22857" s="2">
        <v>2.173</v>
      </c>
      <c r="V22857" s="2">
        <v>1.6910000000000001</v>
      </c>
      <c r="W22857" s="2">
        <v>1.0999999999999999E-2</v>
      </c>
      <c r="X22857" s="2">
        <v>82.9</v>
      </c>
      <c r="Y22857" s="2">
        <v>7.6</v>
      </c>
      <c r="Z22857" s="2">
        <v>16.7</v>
      </c>
      <c r="AA22857" s="5"/>
      <c r="AB22857" s="5" t="s">
        <v>43</v>
      </c>
      <c r="AC22857" s="5" t="s">
        <v>44</v>
      </c>
      <c r="AD22857" s="2"/>
      <c r="AE22857" s="1"/>
    </row>
    <row r="22858" spans="1:31" ht="14.45">
      <c r="A22858" s="11"/>
      <c r="B22858" s="20"/>
      <c r="C22858" s="2" t="s">
        <v>73453</v>
      </c>
      <c r="D22858" s="14" t="s">
        <v>73454</v>
      </c>
      <c r="E22858" s="2" t="s">
        <v>73455</v>
      </c>
      <c r="F22858" s="2" t="s">
        <v>7615</v>
      </c>
      <c r="G22858" s="8">
        <v>237</v>
      </c>
      <c r="H22858" s="5">
        <v>6</v>
      </c>
      <c r="I22858" s="5" t="s">
        <v>1518</v>
      </c>
      <c r="J22858" s="5" t="s">
        <v>69038</v>
      </c>
      <c r="K22858" s="2" t="s">
        <v>69039</v>
      </c>
      <c r="L22858" s="5" t="s">
        <v>69038</v>
      </c>
      <c r="M22858" s="2" t="s">
        <v>69039</v>
      </c>
      <c r="N22858" s="5" t="s">
        <v>1521</v>
      </c>
      <c r="O22858" s="5" t="s">
        <v>38</v>
      </c>
      <c r="P22858" s="5" t="s">
        <v>39</v>
      </c>
      <c r="Q22858" s="5" t="s">
        <v>40</v>
      </c>
      <c r="R22858" s="5" t="s">
        <v>1522</v>
      </c>
      <c r="S22858" s="5" t="s">
        <v>1523</v>
      </c>
      <c r="T22858" s="5" t="s">
        <v>42</v>
      </c>
      <c r="U22858" s="2">
        <v>2.1110000000000002</v>
      </c>
      <c r="V22858" s="2">
        <v>1.629</v>
      </c>
      <c r="W22858" s="2">
        <v>1.0999999999999999E-2</v>
      </c>
      <c r="X22858" s="2">
        <v>82.9</v>
      </c>
      <c r="Y22858" s="2">
        <v>7.6</v>
      </c>
      <c r="Z22858" s="2">
        <v>16.7</v>
      </c>
      <c r="AA22858" s="5"/>
      <c r="AB22858" s="5" t="s">
        <v>43</v>
      </c>
      <c r="AC22858" s="5" t="s">
        <v>44</v>
      </c>
      <c r="AD22858" s="2"/>
      <c r="AE22858" s="1"/>
    </row>
    <row r="22859" spans="1:31" ht="14.45">
      <c r="A22859" s="11"/>
      <c r="B22859" s="20"/>
      <c r="C22859" s="2" t="s">
        <v>73456</v>
      </c>
      <c r="D22859" s="14" t="s">
        <v>73457</v>
      </c>
      <c r="E22859" s="2" t="s">
        <v>73458</v>
      </c>
      <c r="F22859" s="2" t="s">
        <v>7619</v>
      </c>
      <c r="G22859" s="8">
        <v>237</v>
      </c>
      <c r="H22859" s="5">
        <v>6</v>
      </c>
      <c r="I22859" s="5" t="s">
        <v>1518</v>
      </c>
      <c r="J22859" s="5" t="s">
        <v>69038</v>
      </c>
      <c r="K22859" s="2" t="s">
        <v>69039</v>
      </c>
      <c r="L22859" s="5" t="s">
        <v>69038</v>
      </c>
      <c r="M22859" s="2" t="s">
        <v>69039</v>
      </c>
      <c r="N22859" s="5" t="s">
        <v>1521</v>
      </c>
      <c r="O22859" s="5" t="s">
        <v>38</v>
      </c>
      <c r="P22859" s="5" t="s">
        <v>39</v>
      </c>
      <c r="Q22859" s="5" t="s">
        <v>40</v>
      </c>
      <c r="R22859" s="5" t="s">
        <v>1522</v>
      </c>
      <c r="S22859" s="5" t="s">
        <v>1523</v>
      </c>
      <c r="T22859" s="5" t="s">
        <v>42</v>
      </c>
      <c r="U22859" s="2">
        <v>2.173</v>
      </c>
      <c r="V22859" s="2">
        <v>1.6910000000000001</v>
      </c>
      <c r="W22859" s="2">
        <v>1.0999999999999999E-2</v>
      </c>
      <c r="X22859" s="2">
        <v>82.9</v>
      </c>
      <c r="Y22859" s="2">
        <v>7.6</v>
      </c>
      <c r="Z22859" s="2">
        <v>16.7</v>
      </c>
      <c r="AA22859" s="5"/>
      <c r="AB22859" s="5" t="s">
        <v>43</v>
      </c>
      <c r="AC22859" s="5" t="s">
        <v>44</v>
      </c>
      <c r="AD22859" s="2"/>
      <c r="AE22859" s="1"/>
    </row>
    <row r="22860" spans="1:31" ht="14.45">
      <c r="A22860" s="11"/>
      <c r="B22860" s="20"/>
      <c r="C22860" s="2" t="s">
        <v>73459</v>
      </c>
      <c r="D22860" s="14" t="s">
        <v>73460</v>
      </c>
      <c r="E22860" s="2" t="s">
        <v>73461</v>
      </c>
      <c r="F22860" s="2" t="s">
        <v>16014</v>
      </c>
      <c r="G22860" s="8">
        <v>237</v>
      </c>
      <c r="H22860" s="5">
        <v>6</v>
      </c>
      <c r="I22860" s="5" t="s">
        <v>1518</v>
      </c>
      <c r="J22860" s="5" t="s">
        <v>69038</v>
      </c>
      <c r="K22860" s="2" t="s">
        <v>69039</v>
      </c>
      <c r="L22860" s="5" t="s">
        <v>69038</v>
      </c>
      <c r="M22860" s="2" t="s">
        <v>69039</v>
      </c>
      <c r="N22860" s="5" t="s">
        <v>1521</v>
      </c>
      <c r="O22860" s="5" t="s">
        <v>38</v>
      </c>
      <c r="P22860" s="5" t="s">
        <v>39</v>
      </c>
      <c r="Q22860" s="5" t="s">
        <v>40</v>
      </c>
      <c r="R22860" s="5" t="s">
        <v>1522</v>
      </c>
      <c r="S22860" s="5" t="s">
        <v>1523</v>
      </c>
      <c r="T22860" s="5" t="s">
        <v>42</v>
      </c>
      <c r="U22860" s="2">
        <v>2.1110000000000002</v>
      </c>
      <c r="V22860" s="2">
        <v>1.629</v>
      </c>
      <c r="W22860" s="2">
        <v>1.0999999999999999E-2</v>
      </c>
      <c r="X22860" s="2">
        <v>82.9</v>
      </c>
      <c r="Y22860" s="2">
        <v>7.6</v>
      </c>
      <c r="Z22860" s="2">
        <v>16.7</v>
      </c>
      <c r="AA22860" s="5"/>
      <c r="AB22860" s="5" t="s">
        <v>43</v>
      </c>
      <c r="AC22860" s="5" t="s">
        <v>44</v>
      </c>
      <c r="AD22860" s="2"/>
      <c r="AE22860" s="1"/>
    </row>
    <row r="22861" spans="1:31" ht="14.45">
      <c r="A22861" s="11"/>
      <c r="B22861" s="20"/>
      <c r="C22861" s="2" t="s">
        <v>73462</v>
      </c>
      <c r="D22861" s="14" t="s">
        <v>73463</v>
      </c>
      <c r="E22861" s="2" t="s">
        <v>73464</v>
      </c>
      <c r="F22861" s="2" t="s">
        <v>7212</v>
      </c>
      <c r="G22861" s="8">
        <v>223</v>
      </c>
      <c r="H22861" s="5">
        <v>6</v>
      </c>
      <c r="I22861" s="5" t="s">
        <v>1518</v>
      </c>
      <c r="J22861" s="5" t="s">
        <v>69038</v>
      </c>
      <c r="K22861" s="2" t="s">
        <v>69039</v>
      </c>
      <c r="L22861" s="5" t="s">
        <v>69038</v>
      </c>
      <c r="M22861" s="2" t="s">
        <v>69039</v>
      </c>
      <c r="N22861" s="5" t="s">
        <v>1521</v>
      </c>
      <c r="O22861" s="5" t="s">
        <v>38</v>
      </c>
      <c r="P22861" s="5" t="s">
        <v>39</v>
      </c>
      <c r="Q22861" s="5" t="s">
        <v>40</v>
      </c>
      <c r="R22861" s="5" t="s">
        <v>1522</v>
      </c>
      <c r="S22861" s="5" t="s">
        <v>1523</v>
      </c>
      <c r="T22861" s="5" t="s">
        <v>42</v>
      </c>
      <c r="U22861" s="2">
        <v>2.1110000000000002</v>
      </c>
      <c r="V22861" s="2">
        <v>1.629</v>
      </c>
      <c r="W22861" s="2">
        <v>1.0999999999999999E-2</v>
      </c>
      <c r="X22861" s="2">
        <v>82.9</v>
      </c>
      <c r="Y22861" s="2">
        <v>7.6</v>
      </c>
      <c r="Z22861" s="2">
        <v>16.7</v>
      </c>
      <c r="AA22861" s="5"/>
      <c r="AB22861" s="5" t="s">
        <v>43</v>
      </c>
      <c r="AC22861" s="5" t="s">
        <v>44</v>
      </c>
      <c r="AD22861" s="2"/>
      <c r="AE22861" s="1"/>
    </row>
    <row r="22862" spans="1:31" ht="14.45">
      <c r="A22862" s="11"/>
      <c r="B22862" s="20"/>
      <c r="C22862" s="2" t="s">
        <v>73465</v>
      </c>
      <c r="D22862" s="14" t="s">
        <v>73466</v>
      </c>
      <c r="E22862" s="2" t="s">
        <v>73467</v>
      </c>
      <c r="F22862" s="2" t="s">
        <v>7528</v>
      </c>
      <c r="G22862" s="8">
        <v>223</v>
      </c>
      <c r="H22862" s="5">
        <v>6</v>
      </c>
      <c r="I22862" s="5" t="s">
        <v>1518</v>
      </c>
      <c r="J22862" s="5" t="s">
        <v>69038</v>
      </c>
      <c r="K22862" s="2" t="s">
        <v>69039</v>
      </c>
      <c r="L22862" s="5" t="s">
        <v>69038</v>
      </c>
      <c r="M22862" s="2" t="s">
        <v>69039</v>
      </c>
      <c r="N22862" s="5" t="s">
        <v>1521</v>
      </c>
      <c r="O22862" s="5" t="s">
        <v>38</v>
      </c>
      <c r="P22862" s="5" t="s">
        <v>39</v>
      </c>
      <c r="Q22862" s="5" t="s">
        <v>40</v>
      </c>
      <c r="R22862" s="5" t="s">
        <v>1522</v>
      </c>
      <c r="S22862" s="5" t="s">
        <v>1523</v>
      </c>
      <c r="T22862" s="5" t="s">
        <v>42</v>
      </c>
      <c r="U22862" s="2">
        <v>2.173</v>
      </c>
      <c r="V22862" s="2">
        <v>1.6910000000000001</v>
      </c>
      <c r="W22862" s="2">
        <v>1.0999999999999999E-2</v>
      </c>
      <c r="X22862" s="2">
        <v>82.9</v>
      </c>
      <c r="Y22862" s="2">
        <v>7.6</v>
      </c>
      <c r="Z22862" s="2">
        <v>16.7</v>
      </c>
      <c r="AA22862" s="5"/>
      <c r="AB22862" s="5" t="s">
        <v>43</v>
      </c>
      <c r="AC22862" s="5" t="s">
        <v>44</v>
      </c>
      <c r="AD22862" s="2"/>
      <c r="AE22862" s="1"/>
    </row>
    <row r="22863" spans="1:31" ht="14.45">
      <c r="A22863" s="11"/>
      <c r="B22863" s="20"/>
      <c r="C22863" s="2" t="s">
        <v>73468</v>
      </c>
      <c r="D22863" s="14" t="s">
        <v>73469</v>
      </c>
      <c r="E22863" s="2" t="s">
        <v>73470</v>
      </c>
      <c r="F22863" s="2" t="s">
        <v>16029</v>
      </c>
      <c r="G22863" s="8">
        <v>237</v>
      </c>
      <c r="H22863" s="5">
        <v>6</v>
      </c>
      <c r="I22863" s="5" t="s">
        <v>1518</v>
      </c>
      <c r="J22863" s="5" t="s">
        <v>69038</v>
      </c>
      <c r="K22863" s="2" t="s">
        <v>69039</v>
      </c>
      <c r="L22863" s="5" t="s">
        <v>69038</v>
      </c>
      <c r="M22863" s="2" t="s">
        <v>69039</v>
      </c>
      <c r="N22863" s="5" t="s">
        <v>1521</v>
      </c>
      <c r="O22863" s="5" t="s">
        <v>38</v>
      </c>
      <c r="P22863" s="5" t="s">
        <v>39</v>
      </c>
      <c r="Q22863" s="5" t="s">
        <v>40</v>
      </c>
      <c r="R22863" s="5" t="s">
        <v>1522</v>
      </c>
      <c r="S22863" s="5" t="s">
        <v>1523</v>
      </c>
      <c r="T22863" s="5" t="s">
        <v>42</v>
      </c>
      <c r="U22863" s="2">
        <v>2.13</v>
      </c>
      <c r="V22863" s="2">
        <v>1.6479999999999999</v>
      </c>
      <c r="W22863" s="2">
        <v>1.0999999999999999E-2</v>
      </c>
      <c r="X22863" s="2">
        <v>82.9</v>
      </c>
      <c r="Y22863" s="2">
        <v>7.6</v>
      </c>
      <c r="Z22863" s="2">
        <v>16.7</v>
      </c>
      <c r="AA22863" s="5"/>
      <c r="AB22863" s="5" t="s">
        <v>43</v>
      </c>
      <c r="AC22863" s="5" t="s">
        <v>44</v>
      </c>
      <c r="AD22863" s="2"/>
      <c r="AE22863" s="1"/>
    </row>
    <row r="22864" spans="1:31" ht="14.45">
      <c r="A22864" s="11"/>
      <c r="B22864" s="20"/>
      <c r="C22864" s="2" t="s">
        <v>73471</v>
      </c>
      <c r="D22864" s="14" t="s">
        <v>73472</v>
      </c>
      <c r="E22864" s="2" t="s">
        <v>73473</v>
      </c>
      <c r="F22864" s="2" t="s">
        <v>16033</v>
      </c>
      <c r="G22864" s="8">
        <v>237</v>
      </c>
      <c r="H22864" s="5">
        <v>6</v>
      </c>
      <c r="I22864" s="5" t="s">
        <v>1518</v>
      </c>
      <c r="J22864" s="5" t="s">
        <v>69038</v>
      </c>
      <c r="K22864" s="2" t="s">
        <v>69039</v>
      </c>
      <c r="L22864" s="5" t="s">
        <v>69038</v>
      </c>
      <c r="M22864" s="2" t="s">
        <v>69039</v>
      </c>
      <c r="N22864" s="5" t="s">
        <v>1521</v>
      </c>
      <c r="O22864" s="5" t="s">
        <v>38</v>
      </c>
      <c r="P22864" s="5" t="s">
        <v>39</v>
      </c>
      <c r="Q22864" s="5" t="s">
        <v>40</v>
      </c>
      <c r="R22864" s="5" t="s">
        <v>1522</v>
      </c>
      <c r="S22864" s="5" t="s">
        <v>1523</v>
      </c>
      <c r="T22864" s="5" t="s">
        <v>42</v>
      </c>
      <c r="U22864" s="2">
        <v>2.1920000000000002</v>
      </c>
      <c r="V22864" s="2">
        <v>1.71</v>
      </c>
      <c r="W22864" s="2">
        <v>1.0999999999999999E-2</v>
      </c>
      <c r="X22864" s="2">
        <v>82.9</v>
      </c>
      <c r="Y22864" s="2">
        <v>7.6</v>
      </c>
      <c r="Z22864" s="2">
        <v>16.7</v>
      </c>
      <c r="AA22864" s="5"/>
      <c r="AB22864" s="5" t="s">
        <v>43</v>
      </c>
      <c r="AC22864" s="5" t="s">
        <v>44</v>
      </c>
      <c r="AD22864" s="2"/>
      <c r="AE22864" s="1"/>
    </row>
    <row r="22865" spans="1:31" ht="14.45">
      <c r="A22865" s="11"/>
      <c r="B22865" s="20"/>
      <c r="C22865" s="2" t="s">
        <v>73474</v>
      </c>
      <c r="D22865" s="14" t="s">
        <v>73475</v>
      </c>
      <c r="E22865" s="2" t="s">
        <v>73476</v>
      </c>
      <c r="F22865" s="2" t="s">
        <v>7204</v>
      </c>
      <c r="G22865" s="8">
        <v>233</v>
      </c>
      <c r="H22865" s="5">
        <v>6</v>
      </c>
      <c r="I22865" s="5" t="s">
        <v>1518</v>
      </c>
      <c r="J22865" s="5" t="s">
        <v>69038</v>
      </c>
      <c r="K22865" s="2" t="s">
        <v>69039</v>
      </c>
      <c r="L22865" s="5" t="s">
        <v>69038</v>
      </c>
      <c r="M22865" s="2" t="s">
        <v>69039</v>
      </c>
      <c r="N22865" s="5" t="s">
        <v>1521</v>
      </c>
      <c r="O22865" s="5" t="s">
        <v>38</v>
      </c>
      <c r="P22865" s="5" t="s">
        <v>39</v>
      </c>
      <c r="Q22865" s="5" t="s">
        <v>40</v>
      </c>
      <c r="R22865" s="5" t="s">
        <v>1522</v>
      </c>
      <c r="S22865" s="5" t="s">
        <v>1523</v>
      </c>
      <c r="T22865" s="5" t="s">
        <v>42</v>
      </c>
      <c r="U22865" s="2">
        <v>2.3490000000000002</v>
      </c>
      <c r="V22865" s="2">
        <v>1.7789999999999999</v>
      </c>
      <c r="W22865" s="2">
        <v>1.4999999999999999E-2</v>
      </c>
      <c r="X22865" s="2">
        <v>118.9</v>
      </c>
      <c r="Y22865" s="2">
        <v>7.6</v>
      </c>
      <c r="Z22865" s="2">
        <v>16.7</v>
      </c>
      <c r="AA22865" s="5"/>
      <c r="AB22865" s="5" t="s">
        <v>43</v>
      </c>
      <c r="AC22865" s="5" t="s">
        <v>44</v>
      </c>
      <c r="AD22865" s="2"/>
      <c r="AE22865" s="1"/>
    </row>
    <row r="22866" spans="1:31" ht="14.45">
      <c r="A22866" s="11"/>
      <c r="B22866" s="20"/>
      <c r="C22866" s="2" t="s">
        <v>73477</v>
      </c>
      <c r="D22866" s="14" t="s">
        <v>73478</v>
      </c>
      <c r="E22866" s="2" t="s">
        <v>73479</v>
      </c>
      <c r="F22866" s="2" t="s">
        <v>7514</v>
      </c>
      <c r="G22866" s="8">
        <v>233</v>
      </c>
      <c r="H22866" s="5">
        <v>6</v>
      </c>
      <c r="I22866" s="5" t="s">
        <v>1518</v>
      </c>
      <c r="J22866" s="5" t="s">
        <v>69038</v>
      </c>
      <c r="K22866" s="2" t="s">
        <v>69039</v>
      </c>
      <c r="L22866" s="5" t="s">
        <v>69038</v>
      </c>
      <c r="M22866" s="2" t="s">
        <v>69039</v>
      </c>
      <c r="N22866" s="5" t="s">
        <v>1521</v>
      </c>
      <c r="O22866" s="5" t="s">
        <v>38</v>
      </c>
      <c r="P22866" s="5" t="s">
        <v>39</v>
      </c>
      <c r="Q22866" s="5" t="s">
        <v>40</v>
      </c>
      <c r="R22866" s="5" t="s">
        <v>1522</v>
      </c>
      <c r="S22866" s="5" t="s">
        <v>1523</v>
      </c>
      <c r="T22866" s="5" t="s">
        <v>42</v>
      </c>
      <c r="U22866" s="2">
        <v>2.4220000000000002</v>
      </c>
      <c r="V22866" s="2">
        <v>1.8520000000000001</v>
      </c>
      <c r="W22866" s="2">
        <v>1.4999999999999999E-2</v>
      </c>
      <c r="X22866" s="2">
        <v>118.9</v>
      </c>
      <c r="Y22866" s="2">
        <v>7.6</v>
      </c>
      <c r="Z22866" s="2">
        <v>16.7</v>
      </c>
      <c r="AA22866" s="5"/>
      <c r="AB22866" s="5" t="s">
        <v>43</v>
      </c>
      <c r="AC22866" s="5" t="s">
        <v>44</v>
      </c>
      <c r="AD22866" s="2"/>
      <c r="AE22866" s="1"/>
    </row>
    <row r="22867" spans="1:31" ht="14.45">
      <c r="A22867" s="11"/>
      <c r="B22867" s="20"/>
      <c r="C22867" s="2" t="s">
        <v>73480</v>
      </c>
      <c r="D22867" s="14" t="s">
        <v>73481</v>
      </c>
      <c r="E22867" s="2" t="s">
        <v>73482</v>
      </c>
      <c r="F22867" s="2" t="s">
        <v>7208</v>
      </c>
      <c r="G22867" s="8">
        <v>233</v>
      </c>
      <c r="H22867" s="5">
        <v>6</v>
      </c>
      <c r="I22867" s="5" t="s">
        <v>1518</v>
      </c>
      <c r="J22867" s="5" t="s">
        <v>69038</v>
      </c>
      <c r="K22867" s="2" t="s">
        <v>69039</v>
      </c>
      <c r="L22867" s="5" t="s">
        <v>69038</v>
      </c>
      <c r="M22867" s="2" t="s">
        <v>69039</v>
      </c>
      <c r="N22867" s="5" t="s">
        <v>1521</v>
      </c>
      <c r="O22867" s="5" t="s">
        <v>38</v>
      </c>
      <c r="P22867" s="5" t="s">
        <v>39</v>
      </c>
      <c r="Q22867" s="5" t="s">
        <v>40</v>
      </c>
      <c r="R22867" s="5" t="s">
        <v>1522</v>
      </c>
      <c r="S22867" s="5" t="s">
        <v>1523</v>
      </c>
      <c r="T22867" s="5" t="s">
        <v>42</v>
      </c>
      <c r="U22867" s="2">
        <v>2.3490000000000002</v>
      </c>
      <c r="V22867" s="2">
        <v>1.7789999999999999</v>
      </c>
      <c r="W22867" s="2">
        <v>1.4999999999999999E-2</v>
      </c>
      <c r="X22867" s="2">
        <v>118.9</v>
      </c>
      <c r="Y22867" s="2">
        <v>7.6</v>
      </c>
      <c r="Z22867" s="2">
        <v>16.7</v>
      </c>
      <c r="AA22867" s="5"/>
      <c r="AB22867" s="5" t="s">
        <v>43</v>
      </c>
      <c r="AC22867" s="5" t="s">
        <v>44</v>
      </c>
      <c r="AD22867" s="2"/>
      <c r="AE22867" s="1"/>
    </row>
    <row r="22868" spans="1:31" ht="14.45">
      <c r="A22868" s="11"/>
      <c r="B22868" s="20"/>
      <c r="C22868" s="2" t="s">
        <v>73483</v>
      </c>
      <c r="D22868" s="14" t="s">
        <v>73484</v>
      </c>
      <c r="E22868" s="2" t="s">
        <v>73485</v>
      </c>
      <c r="F22868" s="2" t="s">
        <v>7521</v>
      </c>
      <c r="G22868" s="8">
        <v>233</v>
      </c>
      <c r="H22868" s="5">
        <v>6</v>
      </c>
      <c r="I22868" s="5" t="s">
        <v>1518</v>
      </c>
      <c r="J22868" s="5" t="s">
        <v>69038</v>
      </c>
      <c r="K22868" s="2" t="s">
        <v>69039</v>
      </c>
      <c r="L22868" s="5" t="s">
        <v>69038</v>
      </c>
      <c r="M22868" s="2" t="s">
        <v>69039</v>
      </c>
      <c r="N22868" s="5" t="s">
        <v>1521</v>
      </c>
      <c r="O22868" s="5" t="s">
        <v>38</v>
      </c>
      <c r="P22868" s="5" t="s">
        <v>39</v>
      </c>
      <c r="Q22868" s="5" t="s">
        <v>40</v>
      </c>
      <c r="R22868" s="5" t="s">
        <v>1522</v>
      </c>
      <c r="S22868" s="5" t="s">
        <v>1523</v>
      </c>
      <c r="T22868" s="5" t="s">
        <v>42</v>
      </c>
      <c r="U22868" s="2">
        <v>2.4220000000000002</v>
      </c>
      <c r="V22868" s="2">
        <v>1.8520000000000001</v>
      </c>
      <c r="W22868" s="2">
        <v>1.4999999999999999E-2</v>
      </c>
      <c r="X22868" s="2">
        <v>118.9</v>
      </c>
      <c r="Y22868" s="2">
        <v>7.6</v>
      </c>
      <c r="Z22868" s="2">
        <v>16.7</v>
      </c>
      <c r="AA22868" s="5"/>
      <c r="AB22868" s="5" t="s">
        <v>43</v>
      </c>
      <c r="AC22868" s="5" t="s">
        <v>44</v>
      </c>
      <c r="AD22868" s="2"/>
      <c r="AE22868" s="1"/>
    </row>
    <row r="22869" spans="1:31" ht="14.45">
      <c r="A22869" s="11"/>
      <c r="B22869" s="20"/>
      <c r="C22869" s="2" t="s">
        <v>73486</v>
      </c>
      <c r="D22869" s="14" t="s">
        <v>73487</v>
      </c>
      <c r="E22869" s="2" t="s">
        <v>73488</v>
      </c>
      <c r="F22869" s="2" t="s">
        <v>7539</v>
      </c>
      <c r="G22869" s="8">
        <v>249</v>
      </c>
      <c r="H22869" s="5">
        <v>6</v>
      </c>
      <c r="I22869" s="5" t="s">
        <v>1518</v>
      </c>
      <c r="J22869" s="5" t="s">
        <v>69038</v>
      </c>
      <c r="K22869" s="2" t="s">
        <v>69039</v>
      </c>
      <c r="L22869" s="5" t="s">
        <v>69038</v>
      </c>
      <c r="M22869" s="2" t="s">
        <v>69039</v>
      </c>
      <c r="N22869" s="5" t="s">
        <v>1521</v>
      </c>
      <c r="O22869" s="5" t="s">
        <v>38</v>
      </c>
      <c r="P22869" s="5" t="s">
        <v>39</v>
      </c>
      <c r="Q22869" s="5" t="s">
        <v>40</v>
      </c>
      <c r="R22869" s="5" t="s">
        <v>1522</v>
      </c>
      <c r="S22869" s="5" t="s">
        <v>1523</v>
      </c>
      <c r="T22869" s="5" t="s">
        <v>42</v>
      </c>
      <c r="U22869" s="2">
        <v>2.3490000000000002</v>
      </c>
      <c r="V22869" s="2">
        <v>1.7789999999999999</v>
      </c>
      <c r="W22869" s="2">
        <v>1.4999999999999999E-2</v>
      </c>
      <c r="X22869" s="2">
        <v>118.9</v>
      </c>
      <c r="Y22869" s="2">
        <v>7.6</v>
      </c>
      <c r="Z22869" s="2">
        <v>16.7</v>
      </c>
      <c r="AA22869" s="5"/>
      <c r="AB22869" s="5" t="s">
        <v>43</v>
      </c>
      <c r="AC22869" s="5" t="s">
        <v>44</v>
      </c>
      <c r="AD22869" s="2"/>
      <c r="AE22869" s="1"/>
    </row>
    <row r="22870" spans="1:31" ht="14.45">
      <c r="A22870" s="11"/>
      <c r="B22870" s="20"/>
      <c r="C22870" s="2" t="s">
        <v>73489</v>
      </c>
      <c r="D22870" s="14" t="s">
        <v>73490</v>
      </c>
      <c r="E22870" s="2" t="s">
        <v>73491</v>
      </c>
      <c r="F22870" s="2" t="s">
        <v>7543</v>
      </c>
      <c r="G22870" s="8">
        <v>249</v>
      </c>
      <c r="H22870" s="5">
        <v>6</v>
      </c>
      <c r="I22870" s="5" t="s">
        <v>1518</v>
      </c>
      <c r="J22870" s="5" t="s">
        <v>69038</v>
      </c>
      <c r="K22870" s="2" t="s">
        <v>69039</v>
      </c>
      <c r="L22870" s="5" t="s">
        <v>69038</v>
      </c>
      <c r="M22870" s="2" t="s">
        <v>69039</v>
      </c>
      <c r="N22870" s="5" t="s">
        <v>1521</v>
      </c>
      <c r="O22870" s="5" t="s">
        <v>38</v>
      </c>
      <c r="P22870" s="5" t="s">
        <v>39</v>
      </c>
      <c r="Q22870" s="5" t="s">
        <v>40</v>
      </c>
      <c r="R22870" s="5" t="s">
        <v>1522</v>
      </c>
      <c r="S22870" s="5" t="s">
        <v>1523</v>
      </c>
      <c r="T22870" s="5" t="s">
        <v>42</v>
      </c>
      <c r="U22870" s="2">
        <v>2.4220000000000002</v>
      </c>
      <c r="V22870" s="2">
        <v>1.8520000000000001</v>
      </c>
      <c r="W22870" s="2">
        <v>1.4999999999999999E-2</v>
      </c>
      <c r="X22870" s="2">
        <v>118.9</v>
      </c>
      <c r="Y22870" s="2">
        <v>7.6</v>
      </c>
      <c r="Z22870" s="2">
        <v>16.7</v>
      </c>
      <c r="AA22870" s="5"/>
      <c r="AB22870" s="5" t="s">
        <v>43</v>
      </c>
      <c r="AC22870" s="5" t="s">
        <v>44</v>
      </c>
      <c r="AD22870" s="2"/>
      <c r="AE22870" s="1"/>
    </row>
    <row r="22871" spans="1:31" ht="14.45">
      <c r="A22871" s="11"/>
      <c r="B22871" s="20"/>
      <c r="C22871" s="2" t="s">
        <v>73492</v>
      </c>
      <c r="D22871" s="14" t="s">
        <v>73493</v>
      </c>
      <c r="E22871" s="2" t="s">
        <v>73494</v>
      </c>
      <c r="F22871" s="2" t="s">
        <v>7396</v>
      </c>
      <c r="G22871" s="8">
        <v>233</v>
      </c>
      <c r="H22871" s="5">
        <v>6</v>
      </c>
      <c r="I22871" s="5" t="s">
        <v>1518</v>
      </c>
      <c r="J22871" s="5" t="s">
        <v>69038</v>
      </c>
      <c r="K22871" s="2" t="s">
        <v>69039</v>
      </c>
      <c r="L22871" s="5" t="s">
        <v>69038</v>
      </c>
      <c r="M22871" s="2" t="s">
        <v>69039</v>
      </c>
      <c r="N22871" s="5" t="s">
        <v>1521</v>
      </c>
      <c r="O22871" s="5" t="s">
        <v>38</v>
      </c>
      <c r="P22871" s="5" t="s">
        <v>39</v>
      </c>
      <c r="Q22871" s="5" t="s">
        <v>40</v>
      </c>
      <c r="R22871" s="5" t="s">
        <v>1522</v>
      </c>
      <c r="S22871" s="5" t="s">
        <v>1523</v>
      </c>
      <c r="T22871" s="5" t="s">
        <v>42</v>
      </c>
      <c r="U22871" s="2">
        <v>2.3490000000000002</v>
      </c>
      <c r="V22871" s="2">
        <v>1.7789999999999999</v>
      </c>
      <c r="W22871" s="2">
        <v>1.4999999999999999E-2</v>
      </c>
      <c r="X22871" s="2">
        <v>118.9</v>
      </c>
      <c r="Y22871" s="2">
        <v>7.6</v>
      </c>
      <c r="Z22871" s="2">
        <v>16.7</v>
      </c>
      <c r="AA22871" s="5"/>
      <c r="AB22871" s="5" t="s">
        <v>43</v>
      </c>
      <c r="AC22871" s="5" t="s">
        <v>44</v>
      </c>
      <c r="AD22871" s="2"/>
      <c r="AE22871" s="1"/>
    </row>
    <row r="22872" spans="1:31" ht="14.45">
      <c r="A22872" s="11"/>
      <c r="B22872" s="20"/>
      <c r="C22872" s="2" t="s">
        <v>73495</v>
      </c>
      <c r="D22872" s="14" t="s">
        <v>73496</v>
      </c>
      <c r="E22872" s="2" t="s">
        <v>73497</v>
      </c>
      <c r="F22872" s="2" t="s">
        <v>7507</v>
      </c>
      <c r="G22872" s="8">
        <v>233</v>
      </c>
      <c r="H22872" s="5">
        <v>6</v>
      </c>
      <c r="I22872" s="5" t="s">
        <v>1518</v>
      </c>
      <c r="J22872" s="5" t="s">
        <v>69038</v>
      </c>
      <c r="K22872" s="2" t="s">
        <v>69039</v>
      </c>
      <c r="L22872" s="5" t="s">
        <v>69038</v>
      </c>
      <c r="M22872" s="2" t="s">
        <v>69039</v>
      </c>
      <c r="N22872" s="5" t="s">
        <v>1521</v>
      </c>
      <c r="O22872" s="5" t="s">
        <v>38</v>
      </c>
      <c r="P22872" s="5" t="s">
        <v>39</v>
      </c>
      <c r="Q22872" s="5" t="s">
        <v>40</v>
      </c>
      <c r="R22872" s="5" t="s">
        <v>1522</v>
      </c>
      <c r="S22872" s="5" t="s">
        <v>1523</v>
      </c>
      <c r="T22872" s="5" t="s">
        <v>42</v>
      </c>
      <c r="U22872" s="2">
        <v>2.4220000000000002</v>
      </c>
      <c r="V22872" s="2">
        <v>1.8520000000000001</v>
      </c>
      <c r="W22872" s="2">
        <v>1.4999999999999999E-2</v>
      </c>
      <c r="X22872" s="2">
        <v>118.9</v>
      </c>
      <c r="Y22872" s="2">
        <v>7.6</v>
      </c>
      <c r="Z22872" s="2">
        <v>16.7</v>
      </c>
      <c r="AA22872" s="5"/>
      <c r="AB22872" s="5" t="s">
        <v>43</v>
      </c>
      <c r="AC22872" s="5" t="s">
        <v>44</v>
      </c>
      <c r="AD22872" s="2"/>
      <c r="AE22872" s="1"/>
    </row>
    <row r="22873" spans="1:31" ht="14.45">
      <c r="A22873" s="11"/>
      <c r="B22873" s="20"/>
      <c r="C22873" s="2" t="s">
        <v>73498</v>
      </c>
      <c r="D22873" s="14" t="s">
        <v>73499</v>
      </c>
      <c r="E22873" s="2" t="s">
        <v>73500</v>
      </c>
      <c r="F22873" s="2" t="s">
        <v>7563</v>
      </c>
      <c r="G22873" s="8">
        <v>249</v>
      </c>
      <c r="H22873" s="5">
        <v>6</v>
      </c>
      <c r="I22873" s="5" t="s">
        <v>1518</v>
      </c>
      <c r="J22873" s="5" t="s">
        <v>69038</v>
      </c>
      <c r="K22873" s="2" t="s">
        <v>69039</v>
      </c>
      <c r="L22873" s="5" t="s">
        <v>69038</v>
      </c>
      <c r="M22873" s="2" t="s">
        <v>69039</v>
      </c>
      <c r="N22873" s="5" t="s">
        <v>1521</v>
      </c>
      <c r="O22873" s="5" t="s">
        <v>38</v>
      </c>
      <c r="P22873" s="5" t="s">
        <v>39</v>
      </c>
      <c r="Q22873" s="5" t="s">
        <v>40</v>
      </c>
      <c r="R22873" s="5" t="s">
        <v>1522</v>
      </c>
      <c r="S22873" s="5" t="s">
        <v>1523</v>
      </c>
      <c r="T22873" s="5" t="s">
        <v>42</v>
      </c>
      <c r="U22873" s="2">
        <v>2.3490000000000002</v>
      </c>
      <c r="V22873" s="2">
        <v>1.7789999999999999</v>
      </c>
      <c r="W22873" s="2">
        <v>1.4999999999999999E-2</v>
      </c>
      <c r="X22873" s="2">
        <v>118.9</v>
      </c>
      <c r="Y22873" s="2">
        <v>7.6</v>
      </c>
      <c r="Z22873" s="2">
        <v>16.7</v>
      </c>
      <c r="AA22873" s="5"/>
      <c r="AB22873" s="5" t="s">
        <v>43</v>
      </c>
      <c r="AC22873" s="5" t="s">
        <v>44</v>
      </c>
      <c r="AD22873" s="2"/>
      <c r="AE22873" s="1"/>
    </row>
    <row r="22874" spans="1:31" ht="14.45">
      <c r="A22874" s="11"/>
      <c r="B22874" s="20"/>
      <c r="C22874" s="2" t="s">
        <v>73501</v>
      </c>
      <c r="D22874" s="14" t="s">
        <v>73502</v>
      </c>
      <c r="E22874" s="2" t="s">
        <v>73503</v>
      </c>
      <c r="F22874" s="2" t="s">
        <v>7567</v>
      </c>
      <c r="G22874" s="8">
        <v>249</v>
      </c>
      <c r="H22874" s="5">
        <v>6</v>
      </c>
      <c r="I22874" s="5" t="s">
        <v>1518</v>
      </c>
      <c r="J22874" s="5" t="s">
        <v>69038</v>
      </c>
      <c r="K22874" s="2" t="s">
        <v>69039</v>
      </c>
      <c r="L22874" s="5" t="s">
        <v>69038</v>
      </c>
      <c r="M22874" s="2" t="s">
        <v>69039</v>
      </c>
      <c r="N22874" s="5" t="s">
        <v>1521</v>
      </c>
      <c r="O22874" s="5" t="s">
        <v>38</v>
      </c>
      <c r="P22874" s="5" t="s">
        <v>39</v>
      </c>
      <c r="Q22874" s="5" t="s">
        <v>40</v>
      </c>
      <c r="R22874" s="5" t="s">
        <v>1522</v>
      </c>
      <c r="S22874" s="5" t="s">
        <v>1523</v>
      </c>
      <c r="T22874" s="5" t="s">
        <v>42</v>
      </c>
      <c r="U22874" s="2">
        <v>2.4220000000000002</v>
      </c>
      <c r="V22874" s="2">
        <v>1.8520000000000001</v>
      </c>
      <c r="W22874" s="2">
        <v>1.4999999999999999E-2</v>
      </c>
      <c r="X22874" s="2">
        <v>118.9</v>
      </c>
      <c r="Y22874" s="2">
        <v>7.6</v>
      </c>
      <c r="Z22874" s="2">
        <v>16.7</v>
      </c>
      <c r="AA22874" s="5"/>
      <c r="AB22874" s="5" t="s">
        <v>43</v>
      </c>
      <c r="AC22874" s="5" t="s">
        <v>44</v>
      </c>
      <c r="AD22874" s="2"/>
      <c r="AE22874" s="1"/>
    </row>
    <row r="22875" spans="1:31" ht="14.45">
      <c r="A22875" s="11"/>
      <c r="B22875" s="20"/>
      <c r="C22875" s="2" t="s">
        <v>73504</v>
      </c>
      <c r="D22875" s="14" t="s">
        <v>73505</v>
      </c>
      <c r="E22875" s="2" t="s">
        <v>73506</v>
      </c>
      <c r="F22875" s="2" t="s">
        <v>7555</v>
      </c>
      <c r="G22875" s="8">
        <v>249</v>
      </c>
      <c r="H22875" s="5">
        <v>6</v>
      </c>
      <c r="I22875" s="5" t="s">
        <v>1518</v>
      </c>
      <c r="J22875" s="5" t="s">
        <v>69038</v>
      </c>
      <c r="K22875" s="2" t="s">
        <v>69039</v>
      </c>
      <c r="L22875" s="5" t="s">
        <v>69038</v>
      </c>
      <c r="M22875" s="2" t="s">
        <v>69039</v>
      </c>
      <c r="N22875" s="5" t="s">
        <v>1521</v>
      </c>
      <c r="O22875" s="5" t="s">
        <v>38</v>
      </c>
      <c r="P22875" s="5" t="s">
        <v>39</v>
      </c>
      <c r="Q22875" s="5" t="s">
        <v>40</v>
      </c>
      <c r="R22875" s="5" t="s">
        <v>1522</v>
      </c>
      <c r="S22875" s="5" t="s">
        <v>1523</v>
      </c>
      <c r="T22875" s="5" t="s">
        <v>42</v>
      </c>
      <c r="U22875" s="2">
        <v>2.3490000000000002</v>
      </c>
      <c r="V22875" s="2">
        <v>1.7789999999999999</v>
      </c>
      <c r="W22875" s="2">
        <v>1.4999999999999999E-2</v>
      </c>
      <c r="X22875" s="2">
        <v>118.9</v>
      </c>
      <c r="Y22875" s="2">
        <v>7.6</v>
      </c>
      <c r="Z22875" s="2">
        <v>16.7</v>
      </c>
      <c r="AA22875" s="5"/>
      <c r="AB22875" s="5" t="s">
        <v>43</v>
      </c>
      <c r="AC22875" s="5" t="s">
        <v>44</v>
      </c>
      <c r="AD22875" s="2"/>
      <c r="AE22875" s="1"/>
    </row>
    <row r="22876" spans="1:31" ht="14.45">
      <c r="A22876" s="11"/>
      <c r="B22876" s="20"/>
      <c r="C22876" s="2" t="s">
        <v>73507</v>
      </c>
      <c r="D22876" s="14" t="s">
        <v>73508</v>
      </c>
      <c r="E22876" s="2" t="s">
        <v>73509</v>
      </c>
      <c r="F22876" s="2" t="s">
        <v>7449</v>
      </c>
      <c r="G22876" s="8">
        <v>249</v>
      </c>
      <c r="H22876" s="5">
        <v>6</v>
      </c>
      <c r="I22876" s="5" t="s">
        <v>1518</v>
      </c>
      <c r="J22876" s="5" t="s">
        <v>69038</v>
      </c>
      <c r="K22876" s="2" t="s">
        <v>69039</v>
      </c>
      <c r="L22876" s="5" t="s">
        <v>69038</v>
      </c>
      <c r="M22876" s="2" t="s">
        <v>69039</v>
      </c>
      <c r="N22876" s="5" t="s">
        <v>1521</v>
      </c>
      <c r="O22876" s="5" t="s">
        <v>38</v>
      </c>
      <c r="P22876" s="5" t="s">
        <v>39</v>
      </c>
      <c r="Q22876" s="5" t="s">
        <v>40</v>
      </c>
      <c r="R22876" s="5" t="s">
        <v>1522</v>
      </c>
      <c r="S22876" s="5" t="s">
        <v>1523</v>
      </c>
      <c r="T22876" s="5" t="s">
        <v>42</v>
      </c>
      <c r="U22876" s="2">
        <v>2.3490000000000002</v>
      </c>
      <c r="V22876" s="2">
        <v>1.7789999999999999</v>
      </c>
      <c r="W22876" s="2">
        <v>1.4999999999999999E-2</v>
      </c>
      <c r="X22876" s="2">
        <v>118.9</v>
      </c>
      <c r="Y22876" s="2">
        <v>7.6</v>
      </c>
      <c r="Z22876" s="2">
        <v>16.7</v>
      </c>
      <c r="AA22876" s="5"/>
      <c r="AB22876" s="5" t="s">
        <v>43</v>
      </c>
      <c r="AC22876" s="5" t="s">
        <v>44</v>
      </c>
      <c r="AD22876" s="2"/>
      <c r="AE22876" s="1"/>
    </row>
    <row r="22877" spans="1:31" ht="14.45">
      <c r="A22877" s="11"/>
      <c r="B22877" s="20"/>
      <c r="C22877" s="2" t="s">
        <v>73510</v>
      </c>
      <c r="D22877" s="14" t="s">
        <v>73511</v>
      </c>
      <c r="E22877" s="2" t="s">
        <v>73512</v>
      </c>
      <c r="F22877" s="2" t="s">
        <v>7585</v>
      </c>
      <c r="G22877" s="8">
        <v>249</v>
      </c>
      <c r="H22877" s="5">
        <v>6</v>
      </c>
      <c r="I22877" s="5" t="s">
        <v>1518</v>
      </c>
      <c r="J22877" s="5" t="s">
        <v>69038</v>
      </c>
      <c r="K22877" s="2" t="s">
        <v>69039</v>
      </c>
      <c r="L22877" s="5" t="s">
        <v>69038</v>
      </c>
      <c r="M22877" s="2" t="s">
        <v>69039</v>
      </c>
      <c r="N22877" s="5" t="s">
        <v>1521</v>
      </c>
      <c r="O22877" s="5" t="s">
        <v>38</v>
      </c>
      <c r="P22877" s="5" t="s">
        <v>39</v>
      </c>
      <c r="Q22877" s="5" t="s">
        <v>40</v>
      </c>
      <c r="R22877" s="5" t="s">
        <v>1522</v>
      </c>
      <c r="S22877" s="5" t="s">
        <v>1523</v>
      </c>
      <c r="T22877" s="5" t="s">
        <v>42</v>
      </c>
      <c r="U22877" s="2">
        <v>2.3490000000000002</v>
      </c>
      <c r="V22877" s="2">
        <v>1.7789999999999999</v>
      </c>
      <c r="W22877" s="2">
        <v>1.4999999999999999E-2</v>
      </c>
      <c r="X22877" s="2">
        <v>118.9</v>
      </c>
      <c r="Y22877" s="2">
        <v>7.6</v>
      </c>
      <c r="Z22877" s="2">
        <v>16.7</v>
      </c>
      <c r="AA22877" s="5"/>
      <c r="AB22877" s="5" t="s">
        <v>43</v>
      </c>
      <c r="AC22877" s="5" t="s">
        <v>44</v>
      </c>
      <c r="AD22877" s="2"/>
      <c r="AE22877" s="1"/>
    </row>
    <row r="22878" spans="1:31" ht="14.45">
      <c r="A22878" s="11"/>
      <c r="B22878" s="20"/>
      <c r="C22878" s="2" t="s">
        <v>73513</v>
      </c>
      <c r="D22878" s="14" t="s">
        <v>73514</v>
      </c>
      <c r="E22878" s="2" t="s">
        <v>73515</v>
      </c>
      <c r="F22878" s="2" t="s">
        <v>73358</v>
      </c>
      <c r="G22878" s="8">
        <v>249</v>
      </c>
      <c r="H22878" s="5">
        <v>6</v>
      </c>
      <c r="I22878" s="5" t="s">
        <v>1518</v>
      </c>
      <c r="J22878" s="5" t="s">
        <v>69038</v>
      </c>
      <c r="K22878" s="2" t="s">
        <v>69039</v>
      </c>
      <c r="L22878" s="5" t="s">
        <v>69038</v>
      </c>
      <c r="M22878" s="2" t="s">
        <v>69039</v>
      </c>
      <c r="N22878" s="5" t="s">
        <v>1521</v>
      </c>
      <c r="O22878" s="5" t="s">
        <v>38</v>
      </c>
      <c r="P22878" s="5" t="s">
        <v>39</v>
      </c>
      <c r="Q22878" s="5" t="s">
        <v>40</v>
      </c>
      <c r="R22878" s="5" t="s">
        <v>1522</v>
      </c>
      <c r="S22878" s="5" t="s">
        <v>1523</v>
      </c>
      <c r="T22878" s="5" t="s">
        <v>42</v>
      </c>
      <c r="U22878" s="2">
        <v>2.3490000000000002</v>
      </c>
      <c r="V22878" s="2">
        <v>1.7789999999999999</v>
      </c>
      <c r="W22878" s="2">
        <v>1.4999999999999999E-2</v>
      </c>
      <c r="X22878" s="2">
        <v>118.9</v>
      </c>
      <c r="Y22878" s="2">
        <v>7.6</v>
      </c>
      <c r="Z22878" s="2">
        <v>16.7</v>
      </c>
      <c r="AA22878" s="5"/>
      <c r="AB22878" s="5" t="s">
        <v>43</v>
      </c>
      <c r="AC22878" s="5" t="s">
        <v>44</v>
      </c>
      <c r="AD22878" s="2"/>
      <c r="AE22878" s="1"/>
    </row>
    <row r="22879" spans="1:31" ht="14.45">
      <c r="A22879" s="11"/>
      <c r="B22879" s="20"/>
      <c r="C22879" s="2" t="s">
        <v>73516</v>
      </c>
      <c r="D22879" s="14" t="s">
        <v>73517</v>
      </c>
      <c r="E22879" s="2" t="s">
        <v>73518</v>
      </c>
      <c r="F22879" s="2" t="s">
        <v>73362</v>
      </c>
      <c r="G22879" s="8">
        <v>249</v>
      </c>
      <c r="H22879" s="5">
        <v>6</v>
      </c>
      <c r="I22879" s="5" t="s">
        <v>1518</v>
      </c>
      <c r="J22879" s="5" t="s">
        <v>69038</v>
      </c>
      <c r="K22879" s="2" t="s">
        <v>69039</v>
      </c>
      <c r="L22879" s="5" t="s">
        <v>69038</v>
      </c>
      <c r="M22879" s="2" t="s">
        <v>69039</v>
      </c>
      <c r="N22879" s="5" t="s">
        <v>1521</v>
      </c>
      <c r="O22879" s="5" t="s">
        <v>38</v>
      </c>
      <c r="P22879" s="5" t="s">
        <v>39</v>
      </c>
      <c r="Q22879" s="5" t="s">
        <v>40</v>
      </c>
      <c r="R22879" s="5" t="s">
        <v>1522</v>
      </c>
      <c r="S22879" s="5" t="s">
        <v>1523</v>
      </c>
      <c r="T22879" s="5" t="s">
        <v>42</v>
      </c>
      <c r="U22879" s="2">
        <v>2.4220000000000002</v>
      </c>
      <c r="V22879" s="2">
        <v>1.8520000000000001</v>
      </c>
      <c r="W22879" s="2">
        <v>1.4999999999999999E-2</v>
      </c>
      <c r="X22879" s="2">
        <v>118.9</v>
      </c>
      <c r="Y22879" s="2">
        <v>7.6</v>
      </c>
      <c r="Z22879" s="2">
        <v>16.7</v>
      </c>
      <c r="AA22879" s="5"/>
      <c r="AB22879" s="5" t="s">
        <v>43</v>
      </c>
      <c r="AC22879" s="5" t="s">
        <v>44</v>
      </c>
      <c r="AD22879" s="2"/>
      <c r="AE22879" s="1"/>
    </row>
    <row r="22880" spans="1:31" ht="14.45">
      <c r="A22880" s="11"/>
      <c r="B22880" s="20"/>
      <c r="C22880" s="2" t="s">
        <v>73519</v>
      </c>
      <c r="D22880" s="14" t="s">
        <v>73520</v>
      </c>
      <c r="E22880" s="2" t="s">
        <v>73521</v>
      </c>
      <c r="F22880" s="2" t="s">
        <v>7619</v>
      </c>
      <c r="G22880" s="8">
        <v>249</v>
      </c>
      <c r="H22880" s="5">
        <v>6</v>
      </c>
      <c r="I22880" s="5" t="s">
        <v>1518</v>
      </c>
      <c r="J22880" s="5" t="s">
        <v>69038</v>
      </c>
      <c r="K22880" s="2" t="s">
        <v>69039</v>
      </c>
      <c r="L22880" s="5" t="s">
        <v>69038</v>
      </c>
      <c r="M22880" s="2" t="s">
        <v>69039</v>
      </c>
      <c r="N22880" s="5" t="s">
        <v>1521</v>
      </c>
      <c r="O22880" s="5" t="s">
        <v>38</v>
      </c>
      <c r="P22880" s="5" t="s">
        <v>39</v>
      </c>
      <c r="Q22880" s="5" t="s">
        <v>40</v>
      </c>
      <c r="R22880" s="5" t="s">
        <v>1522</v>
      </c>
      <c r="S22880" s="5" t="s">
        <v>1523</v>
      </c>
      <c r="T22880" s="5" t="s">
        <v>42</v>
      </c>
      <c r="U22880" s="2">
        <v>2.4220000000000002</v>
      </c>
      <c r="V22880" s="2">
        <v>1.8520000000000001</v>
      </c>
      <c r="W22880" s="2">
        <v>1.4999999999999999E-2</v>
      </c>
      <c r="X22880" s="2">
        <v>118.9</v>
      </c>
      <c r="Y22880" s="2">
        <v>7.6</v>
      </c>
      <c r="Z22880" s="2">
        <v>16.7</v>
      </c>
      <c r="AA22880" s="5"/>
      <c r="AB22880" s="5" t="s">
        <v>43</v>
      </c>
      <c r="AC22880" s="5" t="s">
        <v>44</v>
      </c>
      <c r="AD22880" s="2"/>
      <c r="AE22880" s="1"/>
    </row>
    <row r="22881" spans="1:31" ht="14.45">
      <c r="A22881" s="11"/>
      <c r="B22881" s="20"/>
      <c r="C22881" s="2" t="s">
        <v>73522</v>
      </c>
      <c r="D22881" s="14" t="s">
        <v>73523</v>
      </c>
      <c r="E22881" s="2" t="s">
        <v>73524</v>
      </c>
      <c r="F22881" s="2" t="s">
        <v>16014</v>
      </c>
      <c r="G22881" s="8">
        <v>249</v>
      </c>
      <c r="H22881" s="5">
        <v>6</v>
      </c>
      <c r="I22881" s="5" t="s">
        <v>1518</v>
      </c>
      <c r="J22881" s="5" t="s">
        <v>69038</v>
      </c>
      <c r="K22881" s="2" t="s">
        <v>69039</v>
      </c>
      <c r="L22881" s="5" t="s">
        <v>69038</v>
      </c>
      <c r="M22881" s="2" t="s">
        <v>69039</v>
      </c>
      <c r="N22881" s="5" t="s">
        <v>1521</v>
      </c>
      <c r="O22881" s="5" t="s">
        <v>38</v>
      </c>
      <c r="P22881" s="5" t="s">
        <v>39</v>
      </c>
      <c r="Q22881" s="5" t="s">
        <v>40</v>
      </c>
      <c r="R22881" s="5" t="s">
        <v>1522</v>
      </c>
      <c r="S22881" s="5" t="s">
        <v>1523</v>
      </c>
      <c r="T22881" s="5" t="s">
        <v>42</v>
      </c>
      <c r="U22881" s="2">
        <v>2.3490000000000002</v>
      </c>
      <c r="V22881" s="2">
        <v>1.7789999999999999</v>
      </c>
      <c r="W22881" s="2">
        <v>1.4999999999999999E-2</v>
      </c>
      <c r="X22881" s="2">
        <v>118.9</v>
      </c>
      <c r="Y22881" s="2">
        <v>7.6</v>
      </c>
      <c r="Z22881" s="2">
        <v>16.7</v>
      </c>
      <c r="AA22881" s="5"/>
      <c r="AB22881" s="5" t="s">
        <v>43</v>
      </c>
      <c r="AC22881" s="5" t="s">
        <v>44</v>
      </c>
      <c r="AD22881" s="2"/>
      <c r="AE22881" s="1"/>
    </row>
    <row r="22882" spans="1:31" ht="14.45">
      <c r="A22882" s="11"/>
      <c r="B22882" s="20"/>
      <c r="C22882" s="2" t="s">
        <v>73525</v>
      </c>
      <c r="D22882" s="14" t="s">
        <v>73526</v>
      </c>
      <c r="E22882" s="2" t="s">
        <v>73527</v>
      </c>
      <c r="F22882" s="2" t="s">
        <v>7212</v>
      </c>
      <c r="G22882" s="8">
        <v>233</v>
      </c>
      <c r="H22882" s="5">
        <v>6</v>
      </c>
      <c r="I22882" s="5" t="s">
        <v>1518</v>
      </c>
      <c r="J22882" s="5" t="s">
        <v>69038</v>
      </c>
      <c r="K22882" s="2" t="s">
        <v>69039</v>
      </c>
      <c r="L22882" s="5" t="s">
        <v>69038</v>
      </c>
      <c r="M22882" s="2" t="s">
        <v>69039</v>
      </c>
      <c r="N22882" s="5" t="s">
        <v>1521</v>
      </c>
      <c r="O22882" s="5" t="s">
        <v>38</v>
      </c>
      <c r="P22882" s="5" t="s">
        <v>39</v>
      </c>
      <c r="Q22882" s="5" t="s">
        <v>40</v>
      </c>
      <c r="R22882" s="5" t="s">
        <v>1522</v>
      </c>
      <c r="S22882" s="5" t="s">
        <v>1523</v>
      </c>
      <c r="T22882" s="5" t="s">
        <v>42</v>
      </c>
      <c r="U22882" s="2">
        <v>2.3490000000000002</v>
      </c>
      <c r="V22882" s="2">
        <v>1.7789999999999999</v>
      </c>
      <c r="W22882" s="2">
        <v>1.4999999999999999E-2</v>
      </c>
      <c r="X22882" s="2">
        <v>118.9</v>
      </c>
      <c r="Y22882" s="2">
        <v>7.6</v>
      </c>
      <c r="Z22882" s="2">
        <v>16.7</v>
      </c>
      <c r="AA22882" s="5"/>
      <c r="AB22882" s="5" t="s">
        <v>43</v>
      </c>
      <c r="AC22882" s="5" t="s">
        <v>44</v>
      </c>
      <c r="AD22882" s="2"/>
      <c r="AE22882" s="1"/>
    </row>
    <row r="22883" spans="1:31" ht="14.45">
      <c r="A22883" s="11"/>
      <c r="B22883" s="20"/>
      <c r="C22883" s="2" t="s">
        <v>73528</v>
      </c>
      <c r="D22883" s="14" t="s">
        <v>73529</v>
      </c>
      <c r="E22883" s="2" t="s">
        <v>73530</v>
      </c>
      <c r="F22883" s="2" t="s">
        <v>7528</v>
      </c>
      <c r="G22883" s="8">
        <v>233</v>
      </c>
      <c r="H22883" s="5">
        <v>6</v>
      </c>
      <c r="I22883" s="5" t="s">
        <v>1518</v>
      </c>
      <c r="J22883" s="5" t="s">
        <v>69038</v>
      </c>
      <c r="K22883" s="2" t="s">
        <v>69039</v>
      </c>
      <c r="L22883" s="5" t="s">
        <v>69038</v>
      </c>
      <c r="M22883" s="2" t="s">
        <v>69039</v>
      </c>
      <c r="N22883" s="5" t="s">
        <v>1521</v>
      </c>
      <c r="O22883" s="5" t="s">
        <v>38</v>
      </c>
      <c r="P22883" s="5" t="s">
        <v>39</v>
      </c>
      <c r="Q22883" s="5" t="s">
        <v>40</v>
      </c>
      <c r="R22883" s="5" t="s">
        <v>1522</v>
      </c>
      <c r="S22883" s="5" t="s">
        <v>1523</v>
      </c>
      <c r="T22883" s="5" t="s">
        <v>42</v>
      </c>
      <c r="U22883" s="2">
        <v>2.4220000000000002</v>
      </c>
      <c r="V22883" s="2">
        <v>1.8520000000000001</v>
      </c>
      <c r="W22883" s="2">
        <v>1.4999999999999999E-2</v>
      </c>
      <c r="X22883" s="2">
        <v>118.9</v>
      </c>
      <c r="Y22883" s="2">
        <v>7.6</v>
      </c>
      <c r="Z22883" s="2">
        <v>16.7</v>
      </c>
      <c r="AA22883" s="5"/>
      <c r="AB22883" s="5" t="s">
        <v>43</v>
      </c>
      <c r="AC22883" s="5" t="s">
        <v>44</v>
      </c>
      <c r="AD22883" s="2"/>
      <c r="AE22883" s="1"/>
    </row>
    <row r="22884" spans="1:31" ht="14.45">
      <c r="A22884" s="11"/>
      <c r="B22884" s="20"/>
      <c r="C22884" s="2" t="s">
        <v>73531</v>
      </c>
      <c r="D22884" s="14" t="s">
        <v>73532</v>
      </c>
      <c r="E22884" s="2" t="s">
        <v>73533</v>
      </c>
      <c r="F22884" s="2" t="s">
        <v>16029</v>
      </c>
      <c r="G22884" s="8">
        <v>249</v>
      </c>
      <c r="H22884" s="5">
        <v>6</v>
      </c>
      <c r="I22884" s="5" t="s">
        <v>1518</v>
      </c>
      <c r="J22884" s="5" t="s">
        <v>69038</v>
      </c>
      <c r="K22884" s="2" t="s">
        <v>69039</v>
      </c>
      <c r="L22884" s="5" t="s">
        <v>69038</v>
      </c>
      <c r="M22884" s="2" t="s">
        <v>69039</v>
      </c>
      <c r="N22884" s="5" t="s">
        <v>1521</v>
      </c>
      <c r="O22884" s="5" t="s">
        <v>38</v>
      </c>
      <c r="P22884" s="5" t="s">
        <v>39</v>
      </c>
      <c r="Q22884" s="5" t="s">
        <v>40</v>
      </c>
      <c r="R22884" s="5" t="s">
        <v>1522</v>
      </c>
      <c r="S22884" s="5" t="s">
        <v>1523</v>
      </c>
      <c r="T22884" s="5" t="s">
        <v>42</v>
      </c>
      <c r="U22884" s="2">
        <v>2.3679999999999999</v>
      </c>
      <c r="V22884" s="2">
        <v>1.798</v>
      </c>
      <c r="W22884" s="2">
        <v>1.4999999999999999E-2</v>
      </c>
      <c r="X22884" s="2">
        <v>118.9</v>
      </c>
      <c r="Y22884" s="2">
        <v>7.6</v>
      </c>
      <c r="Z22884" s="2">
        <v>16.7</v>
      </c>
      <c r="AA22884" s="5"/>
      <c r="AB22884" s="5" t="s">
        <v>43</v>
      </c>
      <c r="AC22884" s="5" t="s">
        <v>44</v>
      </c>
      <c r="AD22884" s="2"/>
      <c r="AE22884" s="1"/>
    </row>
    <row r="22885" spans="1:31" ht="14.45">
      <c r="A22885" s="11"/>
      <c r="B22885" s="20"/>
      <c r="C22885" s="2" t="s">
        <v>73534</v>
      </c>
      <c r="D22885" s="14" t="s">
        <v>73535</v>
      </c>
      <c r="E22885" s="2" t="s">
        <v>73536</v>
      </c>
      <c r="F22885" s="2" t="s">
        <v>16033</v>
      </c>
      <c r="G22885" s="8">
        <v>249</v>
      </c>
      <c r="H22885" s="5">
        <v>6</v>
      </c>
      <c r="I22885" s="5" t="s">
        <v>1518</v>
      </c>
      <c r="J22885" s="5" t="s">
        <v>69038</v>
      </c>
      <c r="K22885" s="2" t="s">
        <v>69039</v>
      </c>
      <c r="L22885" s="5" t="s">
        <v>69038</v>
      </c>
      <c r="M22885" s="2" t="s">
        <v>69039</v>
      </c>
      <c r="N22885" s="5" t="s">
        <v>1521</v>
      </c>
      <c r="O22885" s="5" t="s">
        <v>38</v>
      </c>
      <c r="P22885" s="5" t="s">
        <v>39</v>
      </c>
      <c r="Q22885" s="5" t="s">
        <v>40</v>
      </c>
      <c r="R22885" s="5" t="s">
        <v>1522</v>
      </c>
      <c r="S22885" s="5" t="s">
        <v>1523</v>
      </c>
      <c r="T22885" s="5" t="s">
        <v>42</v>
      </c>
      <c r="U22885" s="2">
        <v>2.4409999999999998</v>
      </c>
      <c r="V22885" s="2">
        <v>1.871</v>
      </c>
      <c r="W22885" s="2">
        <v>1.4999999999999999E-2</v>
      </c>
      <c r="X22885" s="2">
        <v>118.9</v>
      </c>
      <c r="Y22885" s="2">
        <v>7.6</v>
      </c>
      <c r="Z22885" s="2">
        <v>16.7</v>
      </c>
      <c r="AA22885" s="5"/>
      <c r="AB22885" s="5" t="s">
        <v>43</v>
      </c>
      <c r="AC22885" s="5" t="s">
        <v>44</v>
      </c>
      <c r="AD22885" s="2"/>
      <c r="AE22885" s="1"/>
    </row>
    <row r="22886" spans="1:31" ht="14.45">
      <c r="A22886" s="11"/>
      <c r="B22886" s="20"/>
      <c r="C22886" s="2" t="s">
        <v>73537</v>
      </c>
      <c r="D22886" s="14" t="s">
        <v>73538</v>
      </c>
      <c r="E22886" s="2" t="s">
        <v>73539</v>
      </c>
      <c r="F22886" s="2" t="s">
        <v>7204</v>
      </c>
      <c r="G22886" s="8">
        <v>232</v>
      </c>
      <c r="H22886" s="5">
        <v>6</v>
      </c>
      <c r="I22886" s="5" t="s">
        <v>1518</v>
      </c>
      <c r="J22886" s="5" t="s">
        <v>69038</v>
      </c>
      <c r="K22886" s="2" t="s">
        <v>69039</v>
      </c>
      <c r="L22886" s="5" t="s">
        <v>69038</v>
      </c>
      <c r="M22886" s="2" t="s">
        <v>69039</v>
      </c>
      <c r="N22886" s="5" t="s">
        <v>1521</v>
      </c>
      <c r="O22886" s="5" t="s">
        <v>38</v>
      </c>
      <c r="P22886" s="5" t="s">
        <v>39</v>
      </c>
      <c r="Q22886" s="5" t="s">
        <v>40</v>
      </c>
      <c r="R22886" s="5" t="s">
        <v>1522</v>
      </c>
      <c r="S22886" s="5" t="s">
        <v>1523</v>
      </c>
      <c r="T22886" s="5" t="s">
        <v>42</v>
      </c>
      <c r="U22886" s="2">
        <v>2.258</v>
      </c>
      <c r="V22886" s="2">
        <v>1.786</v>
      </c>
      <c r="W22886" s="2">
        <v>1.0999999999999999E-2</v>
      </c>
      <c r="X22886" s="2">
        <v>82.9</v>
      </c>
      <c r="Y22886" s="2">
        <v>7.6</v>
      </c>
      <c r="Z22886" s="2">
        <v>16.7</v>
      </c>
      <c r="AA22886" s="5"/>
      <c r="AB22886" s="5" t="s">
        <v>43</v>
      </c>
      <c r="AC22886" s="5" t="s">
        <v>44</v>
      </c>
      <c r="AD22886" s="2"/>
      <c r="AE22886" s="1"/>
    </row>
    <row r="22887" spans="1:31" ht="14.45">
      <c r="A22887" s="11"/>
      <c r="B22887" s="20"/>
      <c r="C22887" s="2" t="s">
        <v>73540</v>
      </c>
      <c r="D22887" s="14" t="s">
        <v>73541</v>
      </c>
      <c r="E22887" s="2" t="s">
        <v>73542</v>
      </c>
      <c r="F22887" s="2" t="s">
        <v>16029</v>
      </c>
      <c r="G22887" s="8">
        <v>247</v>
      </c>
      <c r="H22887" s="5">
        <v>6</v>
      </c>
      <c r="I22887" s="5" t="s">
        <v>1518</v>
      </c>
      <c r="J22887" s="5" t="s">
        <v>69038</v>
      </c>
      <c r="K22887" s="2" t="s">
        <v>69039</v>
      </c>
      <c r="L22887" s="5" t="s">
        <v>69038</v>
      </c>
      <c r="M22887" s="2" t="s">
        <v>69039</v>
      </c>
      <c r="N22887" s="5" t="s">
        <v>1521</v>
      </c>
      <c r="O22887" s="5" t="s">
        <v>38</v>
      </c>
      <c r="P22887" s="5" t="s">
        <v>39</v>
      </c>
      <c r="Q22887" s="5" t="s">
        <v>40</v>
      </c>
      <c r="R22887" s="5" t="s">
        <v>1522</v>
      </c>
      <c r="S22887" s="5" t="s">
        <v>1523</v>
      </c>
      <c r="T22887" s="5" t="s">
        <v>42</v>
      </c>
      <c r="U22887" s="2">
        <v>2.2490000000000001</v>
      </c>
      <c r="V22887" s="2">
        <v>1.7769999999999999</v>
      </c>
      <c r="W22887" s="2">
        <v>1.0999999999999999E-2</v>
      </c>
      <c r="X22887" s="2">
        <v>82.9</v>
      </c>
      <c r="Y22887" s="2">
        <v>7.6</v>
      </c>
      <c r="Z22887" s="2">
        <v>16.7</v>
      </c>
      <c r="AA22887" s="5"/>
      <c r="AB22887" s="5" t="s">
        <v>43</v>
      </c>
      <c r="AC22887" s="5" t="s">
        <v>44</v>
      </c>
      <c r="AD22887" s="2"/>
      <c r="AE22887" s="1"/>
    </row>
    <row r="22888" spans="1:31" ht="14.45">
      <c r="A22888" s="11"/>
      <c r="B22888" s="20"/>
      <c r="C22888" s="2" t="s">
        <v>73543</v>
      </c>
      <c r="D22888" s="14" t="s">
        <v>73544</v>
      </c>
      <c r="E22888" s="2" t="s">
        <v>73545</v>
      </c>
      <c r="F22888" s="2" t="s">
        <v>16033</v>
      </c>
      <c r="G22888" s="8">
        <v>247</v>
      </c>
      <c r="H22888" s="5">
        <v>6</v>
      </c>
      <c r="I22888" s="5" t="s">
        <v>1518</v>
      </c>
      <c r="J22888" s="5" t="s">
        <v>69038</v>
      </c>
      <c r="K22888" s="2" t="s">
        <v>69039</v>
      </c>
      <c r="L22888" s="5" t="s">
        <v>69038</v>
      </c>
      <c r="M22888" s="2" t="s">
        <v>69039</v>
      </c>
      <c r="N22888" s="5" t="s">
        <v>1521</v>
      </c>
      <c r="O22888" s="5" t="s">
        <v>38</v>
      </c>
      <c r="P22888" s="5" t="s">
        <v>39</v>
      </c>
      <c r="Q22888" s="5" t="s">
        <v>40</v>
      </c>
      <c r="R22888" s="5" t="s">
        <v>1522</v>
      </c>
      <c r="S22888" s="5" t="s">
        <v>1523</v>
      </c>
      <c r="T22888" s="5" t="s">
        <v>42</v>
      </c>
      <c r="U22888" s="2">
        <v>2.3109999999999999</v>
      </c>
      <c r="V22888" s="2">
        <v>1.839</v>
      </c>
      <c r="W22888" s="2">
        <v>1.0999999999999999E-2</v>
      </c>
      <c r="X22888" s="2">
        <v>82.9</v>
      </c>
      <c r="Y22888" s="2">
        <v>7.6</v>
      </c>
      <c r="Z22888" s="2">
        <v>16.7</v>
      </c>
      <c r="AA22888" s="5"/>
      <c r="AB22888" s="5" t="s">
        <v>43</v>
      </c>
      <c r="AC22888" s="5" t="s">
        <v>44</v>
      </c>
      <c r="AD22888" s="2"/>
      <c r="AE22888" s="1"/>
    </row>
    <row r="22889" spans="1:31" ht="14.45">
      <c r="A22889" s="11"/>
      <c r="B22889" s="20"/>
      <c r="C22889" s="2" t="s">
        <v>73546</v>
      </c>
      <c r="D22889" s="14" t="s">
        <v>73547</v>
      </c>
      <c r="E22889" s="2" t="s">
        <v>73548</v>
      </c>
      <c r="F22889" s="2" t="s">
        <v>7204</v>
      </c>
      <c r="G22889" s="8">
        <v>243</v>
      </c>
      <c r="H22889" s="5">
        <v>6</v>
      </c>
      <c r="I22889" s="5" t="s">
        <v>1518</v>
      </c>
      <c r="J22889" s="5" t="s">
        <v>69038</v>
      </c>
      <c r="K22889" s="2" t="s">
        <v>69039</v>
      </c>
      <c r="L22889" s="5" t="s">
        <v>69038</v>
      </c>
      <c r="M22889" s="2" t="s">
        <v>69039</v>
      </c>
      <c r="N22889" s="5" t="s">
        <v>1521</v>
      </c>
      <c r="O22889" s="5" t="s">
        <v>38</v>
      </c>
      <c r="P22889" s="5" t="s">
        <v>39</v>
      </c>
      <c r="Q22889" s="5" t="s">
        <v>40</v>
      </c>
      <c r="R22889" s="5" t="s">
        <v>1522</v>
      </c>
      <c r="S22889" s="5" t="s">
        <v>1523</v>
      </c>
      <c r="T22889" s="5" t="s">
        <v>42</v>
      </c>
      <c r="U22889" s="2">
        <v>2.492</v>
      </c>
      <c r="V22889" s="2">
        <v>1.9410000000000001</v>
      </c>
      <c r="W22889" s="2">
        <v>1.2999999999999999E-2</v>
      </c>
      <c r="X22889" s="2">
        <v>99.1</v>
      </c>
      <c r="Y22889" s="2">
        <v>7.6</v>
      </c>
      <c r="Z22889" s="2">
        <v>16.7</v>
      </c>
      <c r="AA22889" s="5"/>
      <c r="AB22889" s="5" t="s">
        <v>43</v>
      </c>
      <c r="AC22889" s="5" t="s">
        <v>44</v>
      </c>
      <c r="AD22889" s="2"/>
      <c r="AE22889" s="1"/>
    </row>
    <row r="22890" spans="1:31" ht="14.45">
      <c r="A22890" s="11"/>
      <c r="B22890" s="20"/>
      <c r="C22890" s="2" t="s">
        <v>73549</v>
      </c>
      <c r="D22890" s="14" t="s">
        <v>73550</v>
      </c>
      <c r="E22890" s="2" t="s">
        <v>73551</v>
      </c>
      <c r="F22890" s="2" t="s">
        <v>7514</v>
      </c>
      <c r="G22890" s="8">
        <v>243</v>
      </c>
      <c r="H22890" s="5">
        <v>6</v>
      </c>
      <c r="I22890" s="5" t="s">
        <v>1518</v>
      </c>
      <c r="J22890" s="5" t="s">
        <v>69038</v>
      </c>
      <c r="K22890" s="2" t="s">
        <v>69039</v>
      </c>
      <c r="L22890" s="5" t="s">
        <v>69038</v>
      </c>
      <c r="M22890" s="2" t="s">
        <v>69039</v>
      </c>
      <c r="N22890" s="5" t="s">
        <v>1521</v>
      </c>
      <c r="O22890" s="5" t="s">
        <v>38</v>
      </c>
      <c r="P22890" s="5" t="s">
        <v>39</v>
      </c>
      <c r="Q22890" s="5" t="s">
        <v>40</v>
      </c>
      <c r="R22890" s="5" t="s">
        <v>1522</v>
      </c>
      <c r="S22890" s="5" t="s">
        <v>1523</v>
      </c>
      <c r="T22890" s="5" t="s">
        <v>42</v>
      </c>
      <c r="U22890" s="2">
        <v>2.5649999999999999</v>
      </c>
      <c r="V22890" s="2">
        <v>2.0139999999999998</v>
      </c>
      <c r="W22890" s="2">
        <v>1.2999999999999999E-2</v>
      </c>
      <c r="X22890" s="2">
        <v>99.1</v>
      </c>
      <c r="Y22890" s="2">
        <v>7.6</v>
      </c>
      <c r="Z22890" s="2">
        <v>16.7</v>
      </c>
      <c r="AA22890" s="5"/>
      <c r="AB22890" s="5" t="s">
        <v>43</v>
      </c>
      <c r="AC22890" s="5" t="s">
        <v>44</v>
      </c>
      <c r="AD22890" s="2"/>
      <c r="AE22890" s="1"/>
    </row>
    <row r="22891" spans="1:31" ht="14.45">
      <c r="A22891" s="11"/>
      <c r="B22891" s="20"/>
      <c r="C22891" s="2" t="s">
        <v>73552</v>
      </c>
      <c r="D22891" s="14" t="s">
        <v>73553</v>
      </c>
      <c r="E22891" s="2" t="s">
        <v>73554</v>
      </c>
      <c r="F22891" s="2" t="s">
        <v>7208</v>
      </c>
      <c r="G22891" s="8">
        <v>243</v>
      </c>
      <c r="H22891" s="5">
        <v>6</v>
      </c>
      <c r="I22891" s="5" t="s">
        <v>1518</v>
      </c>
      <c r="J22891" s="5" t="s">
        <v>69038</v>
      </c>
      <c r="K22891" s="2" t="s">
        <v>69039</v>
      </c>
      <c r="L22891" s="5" t="s">
        <v>69038</v>
      </c>
      <c r="M22891" s="2" t="s">
        <v>69039</v>
      </c>
      <c r="N22891" s="5" t="s">
        <v>1521</v>
      </c>
      <c r="O22891" s="5" t="s">
        <v>38</v>
      </c>
      <c r="P22891" s="5" t="s">
        <v>39</v>
      </c>
      <c r="Q22891" s="5" t="s">
        <v>40</v>
      </c>
      <c r="R22891" s="5" t="s">
        <v>1522</v>
      </c>
      <c r="S22891" s="5" t="s">
        <v>1523</v>
      </c>
      <c r="T22891" s="5" t="s">
        <v>42</v>
      </c>
      <c r="U22891" s="2">
        <v>2.492</v>
      </c>
      <c r="V22891" s="2">
        <v>1.9410000000000001</v>
      </c>
      <c r="W22891" s="2">
        <v>1.2999999999999999E-2</v>
      </c>
      <c r="X22891" s="2">
        <v>99.1</v>
      </c>
      <c r="Y22891" s="2">
        <v>7.6</v>
      </c>
      <c r="Z22891" s="2">
        <v>16.7</v>
      </c>
      <c r="AA22891" s="5"/>
      <c r="AB22891" s="5" t="s">
        <v>43</v>
      </c>
      <c r="AC22891" s="5" t="s">
        <v>44</v>
      </c>
      <c r="AD22891" s="2"/>
      <c r="AE22891" s="1"/>
    </row>
    <row r="22892" spans="1:31" ht="14.45">
      <c r="A22892" s="11"/>
      <c r="B22892" s="20"/>
      <c r="C22892" s="2" t="s">
        <v>73555</v>
      </c>
      <c r="D22892" s="14" t="s">
        <v>73556</v>
      </c>
      <c r="E22892" s="2" t="s">
        <v>73557</v>
      </c>
      <c r="F22892" s="2" t="s">
        <v>7521</v>
      </c>
      <c r="G22892" s="8">
        <v>243</v>
      </c>
      <c r="H22892" s="5">
        <v>6</v>
      </c>
      <c r="I22892" s="5" t="s">
        <v>1518</v>
      </c>
      <c r="J22892" s="5" t="s">
        <v>69038</v>
      </c>
      <c r="K22892" s="2" t="s">
        <v>69039</v>
      </c>
      <c r="L22892" s="5" t="s">
        <v>69038</v>
      </c>
      <c r="M22892" s="2" t="s">
        <v>69039</v>
      </c>
      <c r="N22892" s="5" t="s">
        <v>1521</v>
      </c>
      <c r="O22892" s="5" t="s">
        <v>38</v>
      </c>
      <c r="P22892" s="5" t="s">
        <v>39</v>
      </c>
      <c r="Q22892" s="5" t="s">
        <v>40</v>
      </c>
      <c r="R22892" s="5" t="s">
        <v>1522</v>
      </c>
      <c r="S22892" s="5" t="s">
        <v>1523</v>
      </c>
      <c r="T22892" s="5" t="s">
        <v>42</v>
      </c>
      <c r="U22892" s="2">
        <v>2.5649999999999999</v>
      </c>
      <c r="V22892" s="2">
        <v>2.0139999999999998</v>
      </c>
      <c r="W22892" s="2">
        <v>1.2999999999999999E-2</v>
      </c>
      <c r="X22892" s="2">
        <v>99.1</v>
      </c>
      <c r="Y22892" s="2">
        <v>7.6</v>
      </c>
      <c r="Z22892" s="2">
        <v>16.7</v>
      </c>
      <c r="AA22892" s="5"/>
      <c r="AB22892" s="5" t="s">
        <v>43</v>
      </c>
      <c r="AC22892" s="5" t="s">
        <v>44</v>
      </c>
      <c r="AD22892" s="2"/>
      <c r="AE22892" s="1"/>
    </row>
    <row r="22893" spans="1:31" ht="14.45">
      <c r="A22893" s="11"/>
      <c r="B22893" s="20"/>
      <c r="C22893" s="2" t="s">
        <v>73558</v>
      </c>
      <c r="D22893" s="14" t="s">
        <v>73559</v>
      </c>
      <c r="E22893" s="2" t="s">
        <v>73560</v>
      </c>
      <c r="F22893" s="2" t="s">
        <v>7539</v>
      </c>
      <c r="G22893" s="8">
        <v>259</v>
      </c>
      <c r="H22893" s="5">
        <v>6</v>
      </c>
      <c r="I22893" s="5" t="s">
        <v>1518</v>
      </c>
      <c r="J22893" s="5" t="s">
        <v>69038</v>
      </c>
      <c r="K22893" s="2" t="s">
        <v>69039</v>
      </c>
      <c r="L22893" s="5" t="s">
        <v>69038</v>
      </c>
      <c r="M22893" s="2" t="s">
        <v>69039</v>
      </c>
      <c r="N22893" s="5" t="s">
        <v>1521</v>
      </c>
      <c r="O22893" s="5" t="s">
        <v>38</v>
      </c>
      <c r="P22893" s="5" t="s">
        <v>39</v>
      </c>
      <c r="Q22893" s="5" t="s">
        <v>40</v>
      </c>
      <c r="R22893" s="5" t="s">
        <v>1522</v>
      </c>
      <c r="S22893" s="5" t="s">
        <v>1523</v>
      </c>
      <c r="T22893" s="5" t="s">
        <v>42</v>
      </c>
      <c r="U22893" s="2">
        <v>2.492</v>
      </c>
      <c r="V22893" s="2">
        <v>1.9410000000000001</v>
      </c>
      <c r="W22893" s="2">
        <v>1.2999999999999999E-2</v>
      </c>
      <c r="X22893" s="2">
        <v>99.1</v>
      </c>
      <c r="Y22893" s="2">
        <v>7.6</v>
      </c>
      <c r="Z22893" s="2">
        <v>16.7</v>
      </c>
      <c r="AA22893" s="5"/>
      <c r="AB22893" s="5" t="s">
        <v>43</v>
      </c>
      <c r="AC22893" s="5" t="s">
        <v>44</v>
      </c>
      <c r="AD22893" s="2"/>
      <c r="AE22893" s="1"/>
    </row>
    <row r="22894" spans="1:31" ht="14.45">
      <c r="A22894" s="11"/>
      <c r="B22894" s="20"/>
      <c r="C22894" s="2" t="s">
        <v>73561</v>
      </c>
      <c r="D22894" s="14" t="s">
        <v>73562</v>
      </c>
      <c r="E22894" s="2" t="s">
        <v>73563</v>
      </c>
      <c r="F22894" s="2" t="s">
        <v>7543</v>
      </c>
      <c r="G22894" s="8">
        <v>259</v>
      </c>
      <c r="H22894" s="5">
        <v>6</v>
      </c>
      <c r="I22894" s="5" t="s">
        <v>1518</v>
      </c>
      <c r="J22894" s="5" t="s">
        <v>69038</v>
      </c>
      <c r="K22894" s="2" t="s">
        <v>69039</v>
      </c>
      <c r="L22894" s="5" t="s">
        <v>69038</v>
      </c>
      <c r="M22894" s="2" t="s">
        <v>69039</v>
      </c>
      <c r="N22894" s="5" t="s">
        <v>1521</v>
      </c>
      <c r="O22894" s="5" t="s">
        <v>38</v>
      </c>
      <c r="P22894" s="5" t="s">
        <v>39</v>
      </c>
      <c r="Q22894" s="5" t="s">
        <v>40</v>
      </c>
      <c r="R22894" s="5" t="s">
        <v>1522</v>
      </c>
      <c r="S22894" s="5" t="s">
        <v>1523</v>
      </c>
      <c r="T22894" s="5" t="s">
        <v>42</v>
      </c>
      <c r="U22894" s="2">
        <v>2.5649999999999999</v>
      </c>
      <c r="V22894" s="2">
        <v>2.0139999999999998</v>
      </c>
      <c r="W22894" s="2">
        <v>1.2999999999999999E-2</v>
      </c>
      <c r="X22894" s="2">
        <v>99.1</v>
      </c>
      <c r="Y22894" s="2">
        <v>7.6</v>
      </c>
      <c r="Z22894" s="2">
        <v>16.7</v>
      </c>
      <c r="AA22894" s="5"/>
      <c r="AB22894" s="5" t="s">
        <v>43</v>
      </c>
      <c r="AC22894" s="5" t="s">
        <v>44</v>
      </c>
      <c r="AD22894" s="2"/>
      <c r="AE22894" s="1"/>
    </row>
    <row r="22895" spans="1:31" ht="14.45">
      <c r="A22895" s="11"/>
      <c r="B22895" s="20"/>
      <c r="C22895" s="2" t="s">
        <v>73564</v>
      </c>
      <c r="D22895" s="14" t="s">
        <v>73565</v>
      </c>
      <c r="E22895" s="2" t="s">
        <v>73566</v>
      </c>
      <c r="F22895" s="2" t="s">
        <v>7396</v>
      </c>
      <c r="G22895" s="8">
        <v>243</v>
      </c>
      <c r="H22895" s="5">
        <v>6</v>
      </c>
      <c r="I22895" s="5" t="s">
        <v>1518</v>
      </c>
      <c r="J22895" s="5" t="s">
        <v>69038</v>
      </c>
      <c r="K22895" s="2" t="s">
        <v>69039</v>
      </c>
      <c r="L22895" s="5" t="s">
        <v>69038</v>
      </c>
      <c r="M22895" s="2" t="s">
        <v>69039</v>
      </c>
      <c r="N22895" s="5" t="s">
        <v>1521</v>
      </c>
      <c r="O22895" s="5" t="s">
        <v>38</v>
      </c>
      <c r="P22895" s="5" t="s">
        <v>39</v>
      </c>
      <c r="Q22895" s="5" t="s">
        <v>40</v>
      </c>
      <c r="R22895" s="5" t="s">
        <v>1522</v>
      </c>
      <c r="S22895" s="5" t="s">
        <v>1523</v>
      </c>
      <c r="T22895" s="5" t="s">
        <v>42</v>
      </c>
      <c r="U22895" s="2">
        <v>2.492</v>
      </c>
      <c r="V22895" s="2">
        <v>1.9410000000000001</v>
      </c>
      <c r="W22895" s="2">
        <v>1.2999999999999999E-2</v>
      </c>
      <c r="X22895" s="2">
        <v>99.1</v>
      </c>
      <c r="Y22895" s="2">
        <v>7.6</v>
      </c>
      <c r="Z22895" s="2">
        <v>16.7</v>
      </c>
      <c r="AA22895" s="5"/>
      <c r="AB22895" s="5" t="s">
        <v>43</v>
      </c>
      <c r="AC22895" s="5" t="s">
        <v>44</v>
      </c>
      <c r="AD22895" s="2"/>
      <c r="AE22895" s="1"/>
    </row>
    <row r="22896" spans="1:31" ht="14.45">
      <c r="A22896" s="11"/>
      <c r="B22896" s="20"/>
      <c r="C22896" s="2" t="s">
        <v>73567</v>
      </c>
      <c r="D22896" s="14" t="s">
        <v>73568</v>
      </c>
      <c r="E22896" s="2" t="s">
        <v>73569</v>
      </c>
      <c r="F22896" s="2" t="s">
        <v>7507</v>
      </c>
      <c r="G22896" s="8">
        <v>243</v>
      </c>
      <c r="H22896" s="5">
        <v>6</v>
      </c>
      <c r="I22896" s="5" t="s">
        <v>1518</v>
      </c>
      <c r="J22896" s="5" t="s">
        <v>69038</v>
      </c>
      <c r="K22896" s="2" t="s">
        <v>69039</v>
      </c>
      <c r="L22896" s="5" t="s">
        <v>69038</v>
      </c>
      <c r="M22896" s="2" t="s">
        <v>69039</v>
      </c>
      <c r="N22896" s="5" t="s">
        <v>1521</v>
      </c>
      <c r="O22896" s="5" t="s">
        <v>38</v>
      </c>
      <c r="P22896" s="5" t="s">
        <v>39</v>
      </c>
      <c r="Q22896" s="5" t="s">
        <v>40</v>
      </c>
      <c r="R22896" s="5" t="s">
        <v>1522</v>
      </c>
      <c r="S22896" s="5" t="s">
        <v>1523</v>
      </c>
      <c r="T22896" s="5" t="s">
        <v>42</v>
      </c>
      <c r="U22896" s="2">
        <v>2.5649999999999999</v>
      </c>
      <c r="V22896" s="2">
        <v>2.0139999999999998</v>
      </c>
      <c r="W22896" s="2">
        <v>1.2999999999999999E-2</v>
      </c>
      <c r="X22896" s="2">
        <v>99.1</v>
      </c>
      <c r="Y22896" s="2">
        <v>7.6</v>
      </c>
      <c r="Z22896" s="2">
        <v>16.7</v>
      </c>
      <c r="AA22896" s="5"/>
      <c r="AB22896" s="5" t="s">
        <v>43</v>
      </c>
      <c r="AC22896" s="5" t="s">
        <v>44</v>
      </c>
      <c r="AD22896" s="2"/>
      <c r="AE22896" s="1"/>
    </row>
    <row r="22897" spans="1:31" ht="14.45">
      <c r="A22897" s="11"/>
      <c r="B22897" s="20"/>
      <c r="C22897" s="2" t="s">
        <v>73570</v>
      </c>
      <c r="D22897" s="14" t="s">
        <v>73571</v>
      </c>
      <c r="E22897" s="2" t="s">
        <v>73572</v>
      </c>
      <c r="F22897" s="2" t="s">
        <v>7547</v>
      </c>
      <c r="G22897" s="8">
        <v>259</v>
      </c>
      <c r="H22897" s="5">
        <v>6</v>
      </c>
      <c r="I22897" s="5" t="s">
        <v>1518</v>
      </c>
      <c r="J22897" s="5" t="s">
        <v>69038</v>
      </c>
      <c r="K22897" s="2" t="s">
        <v>69039</v>
      </c>
      <c r="L22897" s="5" t="s">
        <v>69038</v>
      </c>
      <c r="M22897" s="2" t="s">
        <v>69039</v>
      </c>
      <c r="N22897" s="5" t="s">
        <v>1521</v>
      </c>
      <c r="O22897" s="5" t="s">
        <v>38</v>
      </c>
      <c r="P22897" s="5" t="s">
        <v>39</v>
      </c>
      <c r="Q22897" s="5" t="s">
        <v>40</v>
      </c>
      <c r="R22897" s="5" t="s">
        <v>1522</v>
      </c>
      <c r="S22897" s="5" t="s">
        <v>1523</v>
      </c>
      <c r="T22897" s="5" t="s">
        <v>42</v>
      </c>
      <c r="U22897" s="2">
        <v>2.492</v>
      </c>
      <c r="V22897" s="2">
        <v>1.9410000000000001</v>
      </c>
      <c r="W22897" s="2">
        <v>1.2999999999999999E-2</v>
      </c>
      <c r="X22897" s="2">
        <v>99.1</v>
      </c>
      <c r="Y22897" s="2">
        <v>7.6</v>
      </c>
      <c r="Z22897" s="2">
        <v>16.7</v>
      </c>
      <c r="AA22897" s="5"/>
      <c r="AB22897" s="5" t="s">
        <v>43</v>
      </c>
      <c r="AC22897" s="5" t="s">
        <v>44</v>
      </c>
      <c r="AD22897" s="2"/>
      <c r="AE22897" s="1"/>
    </row>
    <row r="22898" spans="1:31" ht="14.45">
      <c r="A22898" s="11"/>
      <c r="B22898" s="20"/>
      <c r="C22898" s="2" t="s">
        <v>73573</v>
      </c>
      <c r="D22898" s="14" t="s">
        <v>73574</v>
      </c>
      <c r="E22898" s="2" t="s">
        <v>73575</v>
      </c>
      <c r="F22898" s="2" t="s">
        <v>7555</v>
      </c>
      <c r="G22898" s="8">
        <v>259</v>
      </c>
      <c r="H22898" s="5">
        <v>6</v>
      </c>
      <c r="I22898" s="5" t="s">
        <v>1518</v>
      </c>
      <c r="J22898" s="5" t="s">
        <v>69038</v>
      </c>
      <c r="K22898" s="2" t="s">
        <v>69039</v>
      </c>
      <c r="L22898" s="5" t="s">
        <v>69038</v>
      </c>
      <c r="M22898" s="2" t="s">
        <v>69039</v>
      </c>
      <c r="N22898" s="5" t="s">
        <v>1521</v>
      </c>
      <c r="O22898" s="5" t="s">
        <v>38</v>
      </c>
      <c r="P22898" s="5" t="s">
        <v>39</v>
      </c>
      <c r="Q22898" s="5" t="s">
        <v>40</v>
      </c>
      <c r="R22898" s="5" t="s">
        <v>1522</v>
      </c>
      <c r="S22898" s="5" t="s">
        <v>1523</v>
      </c>
      <c r="T22898" s="5" t="s">
        <v>42</v>
      </c>
      <c r="U22898" s="2">
        <v>2.492</v>
      </c>
      <c r="V22898" s="2">
        <v>1.9410000000000001</v>
      </c>
      <c r="W22898" s="2">
        <v>1.2999999999999999E-2</v>
      </c>
      <c r="X22898" s="2">
        <v>99.1</v>
      </c>
      <c r="Y22898" s="2">
        <v>7.6</v>
      </c>
      <c r="Z22898" s="2">
        <v>16.7</v>
      </c>
      <c r="AA22898" s="5"/>
      <c r="AB22898" s="5" t="s">
        <v>43</v>
      </c>
      <c r="AC22898" s="5" t="s">
        <v>44</v>
      </c>
      <c r="AD22898" s="2"/>
      <c r="AE22898" s="1"/>
    </row>
    <row r="22899" spans="1:31" ht="14.45">
      <c r="A22899" s="11"/>
      <c r="B22899" s="20"/>
      <c r="C22899" s="2" t="s">
        <v>73576</v>
      </c>
      <c r="D22899" s="14" t="s">
        <v>73577</v>
      </c>
      <c r="E22899" s="2" t="s">
        <v>73578</v>
      </c>
      <c r="F22899" s="2" t="s">
        <v>7449</v>
      </c>
      <c r="G22899" s="8">
        <v>259</v>
      </c>
      <c r="H22899" s="5">
        <v>6</v>
      </c>
      <c r="I22899" s="5" t="s">
        <v>1518</v>
      </c>
      <c r="J22899" s="5" t="s">
        <v>69038</v>
      </c>
      <c r="K22899" s="2" t="s">
        <v>69039</v>
      </c>
      <c r="L22899" s="5" t="s">
        <v>69038</v>
      </c>
      <c r="M22899" s="2" t="s">
        <v>69039</v>
      </c>
      <c r="N22899" s="5" t="s">
        <v>1521</v>
      </c>
      <c r="O22899" s="5" t="s">
        <v>38</v>
      </c>
      <c r="P22899" s="5" t="s">
        <v>39</v>
      </c>
      <c r="Q22899" s="5" t="s">
        <v>40</v>
      </c>
      <c r="R22899" s="5" t="s">
        <v>1522</v>
      </c>
      <c r="S22899" s="5" t="s">
        <v>1523</v>
      </c>
      <c r="T22899" s="5" t="s">
        <v>42</v>
      </c>
      <c r="U22899" s="2">
        <v>2.492</v>
      </c>
      <c r="V22899" s="2">
        <v>1.9410000000000001</v>
      </c>
      <c r="W22899" s="2">
        <v>1.2999999999999999E-2</v>
      </c>
      <c r="X22899" s="2">
        <v>99.1</v>
      </c>
      <c r="Y22899" s="2">
        <v>7.6</v>
      </c>
      <c r="Z22899" s="2">
        <v>16.7</v>
      </c>
      <c r="AA22899" s="5"/>
      <c r="AB22899" s="5" t="s">
        <v>43</v>
      </c>
      <c r="AC22899" s="5" t="s">
        <v>44</v>
      </c>
      <c r="AD22899" s="2"/>
      <c r="AE22899" s="1"/>
    </row>
    <row r="22900" spans="1:31" ht="14.45">
      <c r="A22900" s="11"/>
      <c r="B22900" s="20"/>
      <c r="C22900" s="2" t="s">
        <v>73579</v>
      </c>
      <c r="D22900" s="14" t="s">
        <v>73580</v>
      </c>
      <c r="E22900" s="2" t="s">
        <v>73581</v>
      </c>
      <c r="F22900" s="2" t="s">
        <v>7585</v>
      </c>
      <c r="G22900" s="8">
        <v>259</v>
      </c>
      <c r="H22900" s="5">
        <v>6</v>
      </c>
      <c r="I22900" s="5" t="s">
        <v>1518</v>
      </c>
      <c r="J22900" s="5" t="s">
        <v>69038</v>
      </c>
      <c r="K22900" s="2" t="s">
        <v>69039</v>
      </c>
      <c r="L22900" s="5" t="s">
        <v>69038</v>
      </c>
      <c r="M22900" s="2" t="s">
        <v>69039</v>
      </c>
      <c r="N22900" s="5" t="s">
        <v>1521</v>
      </c>
      <c r="O22900" s="5" t="s">
        <v>38</v>
      </c>
      <c r="P22900" s="5" t="s">
        <v>39</v>
      </c>
      <c r="Q22900" s="5" t="s">
        <v>40</v>
      </c>
      <c r="R22900" s="5" t="s">
        <v>1522</v>
      </c>
      <c r="S22900" s="5" t="s">
        <v>1523</v>
      </c>
      <c r="T22900" s="5" t="s">
        <v>42</v>
      </c>
      <c r="U22900" s="2">
        <v>2.492</v>
      </c>
      <c r="V22900" s="2">
        <v>1.9410000000000001</v>
      </c>
      <c r="W22900" s="2">
        <v>1.2999999999999999E-2</v>
      </c>
      <c r="X22900" s="2">
        <v>99.1</v>
      </c>
      <c r="Y22900" s="2">
        <v>7.6</v>
      </c>
      <c r="Z22900" s="2">
        <v>16.7</v>
      </c>
      <c r="AA22900" s="5"/>
      <c r="AB22900" s="5" t="s">
        <v>43</v>
      </c>
      <c r="AC22900" s="5" t="s">
        <v>44</v>
      </c>
      <c r="AD22900" s="2"/>
      <c r="AE22900" s="1"/>
    </row>
    <row r="22901" spans="1:31" ht="14.45">
      <c r="A22901" s="11"/>
      <c r="B22901" s="20"/>
      <c r="C22901" s="2" t="s">
        <v>73582</v>
      </c>
      <c r="D22901" s="14" t="s">
        <v>73583</v>
      </c>
      <c r="E22901" s="2" t="s">
        <v>73584</v>
      </c>
      <c r="F22901" s="2" t="s">
        <v>7593</v>
      </c>
      <c r="G22901" s="8">
        <v>259</v>
      </c>
      <c r="H22901" s="5">
        <v>6</v>
      </c>
      <c r="I22901" s="5" t="s">
        <v>1518</v>
      </c>
      <c r="J22901" s="5" t="s">
        <v>69038</v>
      </c>
      <c r="K22901" s="2" t="s">
        <v>69039</v>
      </c>
      <c r="L22901" s="5" t="s">
        <v>69038</v>
      </c>
      <c r="M22901" s="2" t="s">
        <v>69039</v>
      </c>
      <c r="N22901" s="5" t="s">
        <v>1521</v>
      </c>
      <c r="O22901" s="5" t="s">
        <v>38</v>
      </c>
      <c r="P22901" s="5" t="s">
        <v>39</v>
      </c>
      <c r="Q22901" s="5" t="s">
        <v>40</v>
      </c>
      <c r="R22901" s="5" t="s">
        <v>1522</v>
      </c>
      <c r="S22901" s="5" t="s">
        <v>1523</v>
      </c>
      <c r="T22901" s="5" t="s">
        <v>42</v>
      </c>
      <c r="U22901" s="2">
        <v>2.492</v>
      </c>
      <c r="V22901" s="2">
        <v>1.9410000000000001</v>
      </c>
      <c r="W22901" s="2">
        <v>1.2999999999999999E-2</v>
      </c>
      <c r="X22901" s="2">
        <v>99.1</v>
      </c>
      <c r="Y22901" s="2">
        <v>7.6</v>
      </c>
      <c r="Z22901" s="2">
        <v>16.7</v>
      </c>
      <c r="AA22901" s="5"/>
      <c r="AB22901" s="5" t="s">
        <v>43</v>
      </c>
      <c r="AC22901" s="5" t="s">
        <v>44</v>
      </c>
      <c r="AD22901" s="2"/>
      <c r="AE22901" s="1"/>
    </row>
    <row r="22902" spans="1:31" ht="14.45">
      <c r="A22902" s="11"/>
      <c r="B22902" s="20"/>
      <c r="C22902" s="2" t="s">
        <v>73585</v>
      </c>
      <c r="D22902" s="14" t="s">
        <v>73586</v>
      </c>
      <c r="E22902" s="2" t="s">
        <v>73587</v>
      </c>
      <c r="F22902" s="2" t="s">
        <v>73358</v>
      </c>
      <c r="G22902" s="8">
        <v>259</v>
      </c>
      <c r="H22902" s="5">
        <v>6</v>
      </c>
      <c r="I22902" s="5" t="s">
        <v>1518</v>
      </c>
      <c r="J22902" s="5" t="s">
        <v>69038</v>
      </c>
      <c r="K22902" s="2" t="s">
        <v>69039</v>
      </c>
      <c r="L22902" s="5" t="s">
        <v>69038</v>
      </c>
      <c r="M22902" s="2" t="s">
        <v>69039</v>
      </c>
      <c r="N22902" s="5" t="s">
        <v>1521</v>
      </c>
      <c r="O22902" s="5" t="s">
        <v>38</v>
      </c>
      <c r="P22902" s="5" t="s">
        <v>39</v>
      </c>
      <c r="Q22902" s="5" t="s">
        <v>40</v>
      </c>
      <c r="R22902" s="5" t="s">
        <v>1522</v>
      </c>
      <c r="S22902" s="5" t="s">
        <v>1523</v>
      </c>
      <c r="T22902" s="5" t="s">
        <v>42</v>
      </c>
      <c r="U22902" s="2">
        <v>2.492</v>
      </c>
      <c r="V22902" s="2">
        <v>1.9410000000000001</v>
      </c>
      <c r="W22902" s="2">
        <v>1.2999999999999999E-2</v>
      </c>
      <c r="X22902" s="2">
        <v>99.1</v>
      </c>
      <c r="Y22902" s="2">
        <v>7.6</v>
      </c>
      <c r="Z22902" s="2">
        <v>16.7</v>
      </c>
      <c r="AA22902" s="5"/>
      <c r="AB22902" s="5" t="s">
        <v>43</v>
      </c>
      <c r="AC22902" s="5" t="s">
        <v>44</v>
      </c>
      <c r="AD22902" s="2"/>
      <c r="AE22902" s="1"/>
    </row>
    <row r="22903" spans="1:31" ht="14.45">
      <c r="A22903" s="11"/>
      <c r="B22903" s="20"/>
      <c r="C22903" s="2" t="s">
        <v>73588</v>
      </c>
      <c r="D22903" s="14" t="s">
        <v>73589</v>
      </c>
      <c r="E22903" s="2" t="s">
        <v>73590</v>
      </c>
      <c r="F22903" s="2" t="s">
        <v>7212</v>
      </c>
      <c r="G22903" s="8">
        <v>243</v>
      </c>
      <c r="H22903" s="5">
        <v>6</v>
      </c>
      <c r="I22903" s="5" t="s">
        <v>1518</v>
      </c>
      <c r="J22903" s="5" t="s">
        <v>69038</v>
      </c>
      <c r="K22903" s="2" t="s">
        <v>69039</v>
      </c>
      <c r="L22903" s="5" t="s">
        <v>69038</v>
      </c>
      <c r="M22903" s="2" t="s">
        <v>69039</v>
      </c>
      <c r="N22903" s="5" t="s">
        <v>1521</v>
      </c>
      <c r="O22903" s="5" t="s">
        <v>38</v>
      </c>
      <c r="P22903" s="5" t="s">
        <v>39</v>
      </c>
      <c r="Q22903" s="5" t="s">
        <v>40</v>
      </c>
      <c r="R22903" s="5" t="s">
        <v>1522</v>
      </c>
      <c r="S22903" s="5" t="s">
        <v>1523</v>
      </c>
      <c r="T22903" s="5" t="s">
        <v>42</v>
      </c>
      <c r="U22903" s="2">
        <v>2.492</v>
      </c>
      <c r="V22903" s="2">
        <v>1.9410000000000001</v>
      </c>
      <c r="W22903" s="2">
        <v>1.2999999999999999E-2</v>
      </c>
      <c r="X22903" s="2">
        <v>99.1</v>
      </c>
      <c r="Y22903" s="2">
        <v>7.6</v>
      </c>
      <c r="Z22903" s="2">
        <v>16.7</v>
      </c>
      <c r="AA22903" s="5"/>
      <c r="AB22903" s="5" t="s">
        <v>43</v>
      </c>
      <c r="AC22903" s="5" t="s">
        <v>44</v>
      </c>
      <c r="AD22903" s="2"/>
      <c r="AE22903" s="1"/>
    </row>
    <row r="22904" spans="1:31" ht="14.45">
      <c r="A22904" s="11"/>
      <c r="B22904" s="20"/>
      <c r="C22904" s="2" t="s">
        <v>73591</v>
      </c>
      <c r="D22904" s="14" t="s">
        <v>73592</v>
      </c>
      <c r="E22904" s="2" t="s">
        <v>73593</v>
      </c>
      <c r="F22904" s="2" t="s">
        <v>16029</v>
      </c>
      <c r="G22904" s="8">
        <v>259</v>
      </c>
      <c r="H22904" s="5">
        <v>6</v>
      </c>
      <c r="I22904" s="5" t="s">
        <v>1518</v>
      </c>
      <c r="J22904" s="5" t="s">
        <v>69038</v>
      </c>
      <c r="K22904" s="2" t="s">
        <v>69039</v>
      </c>
      <c r="L22904" s="5" t="s">
        <v>69038</v>
      </c>
      <c r="M22904" s="2" t="s">
        <v>69039</v>
      </c>
      <c r="N22904" s="5" t="s">
        <v>1521</v>
      </c>
      <c r="O22904" s="5" t="s">
        <v>38</v>
      </c>
      <c r="P22904" s="5" t="s">
        <v>39</v>
      </c>
      <c r="Q22904" s="5" t="s">
        <v>40</v>
      </c>
      <c r="R22904" s="5" t="s">
        <v>1522</v>
      </c>
      <c r="S22904" s="5" t="s">
        <v>1523</v>
      </c>
      <c r="T22904" s="5" t="s">
        <v>42</v>
      </c>
      <c r="U22904" s="2">
        <v>2.4830000000000001</v>
      </c>
      <c r="V22904" s="2">
        <v>1.9319999999999999</v>
      </c>
      <c r="W22904" s="2">
        <v>1.2999999999999999E-2</v>
      </c>
      <c r="X22904" s="2">
        <v>99.1</v>
      </c>
      <c r="Y22904" s="2">
        <v>7.6</v>
      </c>
      <c r="Z22904" s="2">
        <v>16.7</v>
      </c>
      <c r="AA22904" s="5"/>
      <c r="AB22904" s="5" t="s">
        <v>43</v>
      </c>
      <c r="AC22904" s="5" t="s">
        <v>44</v>
      </c>
      <c r="AD22904" s="2"/>
      <c r="AE22904" s="1"/>
    </row>
    <row r="22905" spans="1:31" ht="14.45">
      <c r="A22905" s="11"/>
      <c r="B22905" s="20"/>
      <c r="C22905" s="2" t="s">
        <v>73594</v>
      </c>
      <c r="D22905" s="14" t="s">
        <v>73595</v>
      </c>
      <c r="E22905" s="2" t="s">
        <v>73596</v>
      </c>
      <c r="F22905" s="2" t="s">
        <v>16033</v>
      </c>
      <c r="G22905" s="8">
        <v>259</v>
      </c>
      <c r="H22905" s="5">
        <v>6</v>
      </c>
      <c r="I22905" s="5" t="s">
        <v>1518</v>
      </c>
      <c r="J22905" s="5" t="s">
        <v>69038</v>
      </c>
      <c r="K22905" s="2" t="s">
        <v>69039</v>
      </c>
      <c r="L22905" s="5" t="s">
        <v>69038</v>
      </c>
      <c r="M22905" s="2" t="s">
        <v>69039</v>
      </c>
      <c r="N22905" s="5" t="s">
        <v>1521</v>
      </c>
      <c r="O22905" s="5" t="s">
        <v>38</v>
      </c>
      <c r="P22905" s="5" t="s">
        <v>39</v>
      </c>
      <c r="Q22905" s="5" t="s">
        <v>40</v>
      </c>
      <c r="R22905" s="5" t="s">
        <v>1522</v>
      </c>
      <c r="S22905" s="5" t="s">
        <v>1523</v>
      </c>
      <c r="T22905" s="5" t="s">
        <v>42</v>
      </c>
      <c r="U22905" s="2">
        <v>2.556</v>
      </c>
      <c r="V22905" s="2">
        <v>2.0049999999999999</v>
      </c>
      <c r="W22905" s="2">
        <v>1.2999999999999999E-2</v>
      </c>
      <c r="X22905" s="2">
        <v>99.1</v>
      </c>
      <c r="Y22905" s="2">
        <v>7.6</v>
      </c>
      <c r="Z22905" s="2">
        <v>16.7</v>
      </c>
      <c r="AA22905" s="5"/>
      <c r="AB22905" s="5" t="s">
        <v>43</v>
      </c>
      <c r="AC22905" s="5" t="s">
        <v>44</v>
      </c>
      <c r="AD22905" s="2"/>
      <c r="AE22905" s="1"/>
    </row>
    <row r="22906" spans="1:31" ht="14.45">
      <c r="A22906" s="11"/>
      <c r="B22906" s="20"/>
      <c r="C22906" s="2" t="s">
        <v>73597</v>
      </c>
      <c r="D22906" s="14" t="s">
        <v>73598</v>
      </c>
      <c r="E22906" s="2" t="s">
        <v>73599</v>
      </c>
      <c r="F22906" s="2" t="s">
        <v>7204</v>
      </c>
      <c r="G22906" s="8">
        <v>246</v>
      </c>
      <c r="H22906" s="5">
        <v>6</v>
      </c>
      <c r="I22906" s="5" t="s">
        <v>1518</v>
      </c>
      <c r="J22906" s="5" t="s">
        <v>69038</v>
      </c>
      <c r="K22906" s="2" t="s">
        <v>69039</v>
      </c>
      <c r="L22906" s="5" t="s">
        <v>69038</v>
      </c>
      <c r="M22906" s="2" t="s">
        <v>69039</v>
      </c>
      <c r="N22906" s="5" t="s">
        <v>1521</v>
      </c>
      <c r="O22906" s="5" t="s">
        <v>38</v>
      </c>
      <c r="P22906" s="5" t="s">
        <v>39</v>
      </c>
      <c r="Q22906" s="5" t="s">
        <v>40</v>
      </c>
      <c r="R22906" s="5" t="s">
        <v>1522</v>
      </c>
      <c r="S22906" s="5" t="s">
        <v>1523</v>
      </c>
      <c r="T22906" s="5" t="s">
        <v>42</v>
      </c>
      <c r="U22906" s="2">
        <v>2.6469999999999998</v>
      </c>
      <c r="V22906" s="2">
        <v>2.0960000000000001</v>
      </c>
      <c r="W22906" s="2">
        <v>1.4999999999999999E-2</v>
      </c>
      <c r="X22906" s="2">
        <v>118.9</v>
      </c>
      <c r="Y22906" s="2">
        <v>7.6</v>
      </c>
      <c r="Z22906" s="2">
        <v>16.7</v>
      </c>
      <c r="AA22906" s="5"/>
      <c r="AB22906" s="5" t="s">
        <v>43</v>
      </c>
      <c r="AC22906" s="5" t="s">
        <v>44</v>
      </c>
      <c r="AD22906" s="2"/>
      <c r="AE22906" s="1"/>
    </row>
    <row r="22907" spans="1:31" ht="14.45">
      <c r="A22907" s="11"/>
      <c r="B22907" s="20"/>
      <c r="C22907" s="2" t="s">
        <v>73600</v>
      </c>
      <c r="D22907" s="14" t="s">
        <v>73601</v>
      </c>
      <c r="E22907" s="2" t="s">
        <v>73602</v>
      </c>
      <c r="F22907" s="2" t="s">
        <v>7514</v>
      </c>
      <c r="G22907" s="8">
        <v>246</v>
      </c>
      <c r="H22907" s="5">
        <v>6</v>
      </c>
      <c r="I22907" s="5" t="s">
        <v>1518</v>
      </c>
      <c r="J22907" s="5" t="s">
        <v>69038</v>
      </c>
      <c r="K22907" s="2" t="s">
        <v>69039</v>
      </c>
      <c r="L22907" s="5" t="s">
        <v>69038</v>
      </c>
      <c r="M22907" s="2" t="s">
        <v>69039</v>
      </c>
      <c r="N22907" s="5" t="s">
        <v>1521</v>
      </c>
      <c r="O22907" s="5" t="s">
        <v>38</v>
      </c>
      <c r="P22907" s="5" t="s">
        <v>39</v>
      </c>
      <c r="Q22907" s="5" t="s">
        <v>40</v>
      </c>
      <c r="R22907" s="5" t="s">
        <v>1522</v>
      </c>
      <c r="S22907" s="5" t="s">
        <v>1523</v>
      </c>
      <c r="T22907" s="5" t="s">
        <v>42</v>
      </c>
      <c r="U22907" s="2">
        <v>2.734</v>
      </c>
      <c r="V22907" s="2">
        <v>2.1829999999999998</v>
      </c>
      <c r="W22907" s="2">
        <v>1.4999999999999999E-2</v>
      </c>
      <c r="X22907" s="2">
        <v>118.9</v>
      </c>
      <c r="Y22907" s="2">
        <v>7.6</v>
      </c>
      <c r="Z22907" s="2">
        <v>16.7</v>
      </c>
      <c r="AA22907" s="5"/>
      <c r="AB22907" s="5" t="s">
        <v>43</v>
      </c>
      <c r="AC22907" s="5" t="s">
        <v>44</v>
      </c>
      <c r="AD22907" s="2"/>
      <c r="AE22907" s="1"/>
    </row>
    <row r="22908" spans="1:31" ht="14.45">
      <c r="A22908" s="11"/>
      <c r="B22908" s="20"/>
      <c r="C22908" s="2" t="s">
        <v>73603</v>
      </c>
      <c r="D22908" s="14" t="s">
        <v>73604</v>
      </c>
      <c r="E22908" s="2" t="s">
        <v>73605</v>
      </c>
      <c r="F22908" s="2" t="s">
        <v>7208</v>
      </c>
      <c r="G22908" s="8">
        <v>246</v>
      </c>
      <c r="H22908" s="5">
        <v>6</v>
      </c>
      <c r="I22908" s="5" t="s">
        <v>1518</v>
      </c>
      <c r="J22908" s="5" t="s">
        <v>69038</v>
      </c>
      <c r="K22908" s="2" t="s">
        <v>69039</v>
      </c>
      <c r="L22908" s="5" t="s">
        <v>69038</v>
      </c>
      <c r="M22908" s="2" t="s">
        <v>69039</v>
      </c>
      <c r="N22908" s="5" t="s">
        <v>1521</v>
      </c>
      <c r="O22908" s="5" t="s">
        <v>38</v>
      </c>
      <c r="P22908" s="5" t="s">
        <v>39</v>
      </c>
      <c r="Q22908" s="5" t="s">
        <v>40</v>
      </c>
      <c r="R22908" s="5" t="s">
        <v>1522</v>
      </c>
      <c r="S22908" s="5" t="s">
        <v>1523</v>
      </c>
      <c r="T22908" s="5" t="s">
        <v>42</v>
      </c>
      <c r="U22908" s="2">
        <v>2.6469999999999998</v>
      </c>
      <c r="V22908" s="2">
        <v>2.0960000000000001</v>
      </c>
      <c r="W22908" s="2">
        <v>1.4999999999999999E-2</v>
      </c>
      <c r="X22908" s="2">
        <v>118.9</v>
      </c>
      <c r="Y22908" s="2">
        <v>7.6</v>
      </c>
      <c r="Z22908" s="2">
        <v>16.7</v>
      </c>
      <c r="AA22908" s="5"/>
      <c r="AB22908" s="5" t="s">
        <v>43</v>
      </c>
      <c r="AC22908" s="5" t="s">
        <v>44</v>
      </c>
      <c r="AD22908" s="2"/>
      <c r="AE22908" s="1"/>
    </row>
    <row r="22909" spans="1:31" ht="14.45">
      <c r="A22909" s="11"/>
      <c r="B22909" s="20"/>
      <c r="C22909" s="2" t="s">
        <v>73606</v>
      </c>
      <c r="D22909" s="14" t="s">
        <v>73607</v>
      </c>
      <c r="E22909" s="2" t="s">
        <v>73608</v>
      </c>
      <c r="F22909" s="2" t="s">
        <v>7521</v>
      </c>
      <c r="G22909" s="8">
        <v>246</v>
      </c>
      <c r="H22909" s="5">
        <v>6</v>
      </c>
      <c r="I22909" s="5" t="s">
        <v>1518</v>
      </c>
      <c r="J22909" s="5" t="s">
        <v>69038</v>
      </c>
      <c r="K22909" s="2" t="s">
        <v>69039</v>
      </c>
      <c r="L22909" s="5" t="s">
        <v>69038</v>
      </c>
      <c r="M22909" s="2" t="s">
        <v>69039</v>
      </c>
      <c r="N22909" s="5" t="s">
        <v>1521</v>
      </c>
      <c r="O22909" s="5" t="s">
        <v>38</v>
      </c>
      <c r="P22909" s="5" t="s">
        <v>39</v>
      </c>
      <c r="Q22909" s="5" t="s">
        <v>40</v>
      </c>
      <c r="R22909" s="5" t="s">
        <v>1522</v>
      </c>
      <c r="S22909" s="5" t="s">
        <v>1523</v>
      </c>
      <c r="T22909" s="5" t="s">
        <v>42</v>
      </c>
      <c r="U22909" s="2">
        <v>2.734</v>
      </c>
      <c r="V22909" s="2">
        <v>2.1829999999999998</v>
      </c>
      <c r="W22909" s="2">
        <v>1.4999999999999999E-2</v>
      </c>
      <c r="X22909" s="2">
        <v>118.9</v>
      </c>
      <c r="Y22909" s="2">
        <v>7.6</v>
      </c>
      <c r="Z22909" s="2">
        <v>16.7</v>
      </c>
      <c r="AA22909" s="5"/>
      <c r="AB22909" s="5" t="s">
        <v>43</v>
      </c>
      <c r="AC22909" s="5" t="s">
        <v>44</v>
      </c>
      <c r="AD22909" s="2"/>
      <c r="AE22909" s="1"/>
    </row>
    <row r="22910" spans="1:31" ht="14.45">
      <c r="A22910" s="11"/>
      <c r="B22910" s="20"/>
      <c r="C22910" s="2" t="s">
        <v>73609</v>
      </c>
      <c r="D22910" s="14" t="s">
        <v>73610</v>
      </c>
      <c r="E22910" s="2" t="s">
        <v>73611</v>
      </c>
      <c r="F22910" s="2" t="s">
        <v>7528</v>
      </c>
      <c r="G22910" s="8">
        <v>246</v>
      </c>
      <c r="H22910" s="5">
        <v>6</v>
      </c>
      <c r="I22910" s="5" t="s">
        <v>1518</v>
      </c>
      <c r="J22910" s="5" t="s">
        <v>69038</v>
      </c>
      <c r="K22910" s="2" t="s">
        <v>69039</v>
      </c>
      <c r="L22910" s="5" t="s">
        <v>69038</v>
      </c>
      <c r="M22910" s="2" t="s">
        <v>69039</v>
      </c>
      <c r="N22910" s="5" t="s">
        <v>1521</v>
      </c>
      <c r="O22910" s="5" t="s">
        <v>38</v>
      </c>
      <c r="P22910" s="5" t="s">
        <v>39</v>
      </c>
      <c r="Q22910" s="5" t="s">
        <v>40</v>
      </c>
      <c r="R22910" s="5" t="s">
        <v>1522</v>
      </c>
      <c r="S22910" s="5" t="s">
        <v>1523</v>
      </c>
      <c r="T22910" s="5" t="s">
        <v>42</v>
      </c>
      <c r="U22910" s="2">
        <v>2.734</v>
      </c>
      <c r="V22910" s="2">
        <v>2.1829999999999998</v>
      </c>
      <c r="W22910" s="2">
        <v>1.4999999999999999E-2</v>
      </c>
      <c r="X22910" s="2">
        <v>118.9</v>
      </c>
      <c r="Y22910" s="2">
        <v>7.6</v>
      </c>
      <c r="Z22910" s="2">
        <v>16.7</v>
      </c>
      <c r="AA22910" s="5"/>
      <c r="AB22910" s="5" t="s">
        <v>43</v>
      </c>
      <c r="AC22910" s="5" t="s">
        <v>44</v>
      </c>
      <c r="AD22910" s="2"/>
      <c r="AE22910" s="1"/>
    </row>
    <row r="22911" spans="1:31" ht="14.45">
      <c r="A22911" s="11"/>
      <c r="B22911" s="20"/>
      <c r="C22911" s="2" t="s">
        <v>73612</v>
      </c>
      <c r="D22911" s="14" t="s">
        <v>73613</v>
      </c>
      <c r="E22911" s="2" t="s">
        <v>73614</v>
      </c>
      <c r="F22911" s="2" t="s">
        <v>16029</v>
      </c>
      <c r="G22911" s="8">
        <v>263</v>
      </c>
      <c r="H22911" s="5">
        <v>6</v>
      </c>
      <c r="I22911" s="5" t="s">
        <v>1518</v>
      </c>
      <c r="J22911" s="5" t="s">
        <v>69038</v>
      </c>
      <c r="K22911" s="2" t="s">
        <v>69039</v>
      </c>
      <c r="L22911" s="5" t="s">
        <v>69038</v>
      </c>
      <c r="M22911" s="2" t="s">
        <v>69039</v>
      </c>
      <c r="N22911" s="5" t="s">
        <v>1521</v>
      </c>
      <c r="O22911" s="5" t="s">
        <v>38</v>
      </c>
      <c r="P22911" s="5" t="s">
        <v>39</v>
      </c>
      <c r="Q22911" s="5" t="s">
        <v>40</v>
      </c>
      <c r="R22911" s="5" t="s">
        <v>1522</v>
      </c>
      <c r="S22911" s="5" t="s">
        <v>1523</v>
      </c>
      <c r="T22911" s="5" t="s">
        <v>42</v>
      </c>
      <c r="U22911" s="2">
        <v>2.6379999999999999</v>
      </c>
      <c r="V22911" s="2">
        <v>2.0870000000000002</v>
      </c>
      <c r="W22911" s="2">
        <v>1.4999999999999999E-2</v>
      </c>
      <c r="X22911" s="2">
        <v>118.9</v>
      </c>
      <c r="Y22911" s="2">
        <v>7.6</v>
      </c>
      <c r="Z22911" s="2">
        <v>16.7</v>
      </c>
      <c r="AA22911" s="5"/>
      <c r="AB22911" s="5" t="s">
        <v>43</v>
      </c>
      <c r="AC22911" s="5" t="s">
        <v>44</v>
      </c>
      <c r="AD22911" s="2"/>
      <c r="AE22911" s="1"/>
    </row>
    <row r="22912" spans="1:31" ht="14.45">
      <c r="A22912" s="11"/>
      <c r="B22912" s="20"/>
      <c r="C22912" s="2" t="s">
        <v>73615</v>
      </c>
      <c r="D22912" s="14" t="s">
        <v>73616</v>
      </c>
      <c r="E22912" s="2" t="s">
        <v>73617</v>
      </c>
      <c r="F22912" s="2" t="s">
        <v>16033</v>
      </c>
      <c r="G22912" s="8">
        <v>263</v>
      </c>
      <c r="H22912" s="5">
        <v>6</v>
      </c>
      <c r="I22912" s="5" t="s">
        <v>1518</v>
      </c>
      <c r="J22912" s="5" t="s">
        <v>69038</v>
      </c>
      <c r="K22912" s="2" t="s">
        <v>69039</v>
      </c>
      <c r="L22912" s="5" t="s">
        <v>69038</v>
      </c>
      <c r="M22912" s="2" t="s">
        <v>69039</v>
      </c>
      <c r="N22912" s="5" t="s">
        <v>1521</v>
      </c>
      <c r="O22912" s="5" t="s">
        <v>38</v>
      </c>
      <c r="P22912" s="5" t="s">
        <v>39</v>
      </c>
      <c r="Q22912" s="5" t="s">
        <v>40</v>
      </c>
      <c r="R22912" s="5" t="s">
        <v>1522</v>
      </c>
      <c r="S22912" s="5" t="s">
        <v>1523</v>
      </c>
      <c r="T22912" s="5" t="s">
        <v>42</v>
      </c>
      <c r="U22912" s="2">
        <v>2.7250000000000001</v>
      </c>
      <c r="V22912" s="2">
        <v>2.1739999999999999</v>
      </c>
      <c r="W22912" s="2">
        <v>1.4999999999999999E-2</v>
      </c>
      <c r="X22912" s="2">
        <v>118.9</v>
      </c>
      <c r="Y22912" s="2">
        <v>7.6</v>
      </c>
      <c r="Z22912" s="2">
        <v>16.7</v>
      </c>
      <c r="AA22912" s="5"/>
      <c r="AB22912" s="5" t="s">
        <v>43</v>
      </c>
      <c r="AC22912" s="5" t="s">
        <v>44</v>
      </c>
      <c r="AD22912" s="2"/>
      <c r="AE22912" s="1"/>
    </row>
    <row r="22913" spans="1:31" ht="14.45">
      <c r="A22913" s="11"/>
      <c r="B22913" s="20"/>
      <c r="C22913" s="2" t="s">
        <v>73618</v>
      </c>
      <c r="D22913" s="14" t="s">
        <v>73619</v>
      </c>
      <c r="E22913" s="2" t="s">
        <v>73620</v>
      </c>
      <c r="F22913" s="2" t="s">
        <v>7204</v>
      </c>
      <c r="G22913" s="8">
        <v>232</v>
      </c>
      <c r="H22913" s="5">
        <v>6</v>
      </c>
      <c r="I22913" s="5" t="s">
        <v>1518</v>
      </c>
      <c r="J22913" s="5" t="s">
        <v>69038</v>
      </c>
      <c r="K22913" s="2" t="s">
        <v>69039</v>
      </c>
      <c r="L22913" s="5" t="s">
        <v>69038</v>
      </c>
      <c r="M22913" s="2" t="s">
        <v>69039</v>
      </c>
      <c r="N22913" s="5" t="s">
        <v>1521</v>
      </c>
      <c r="O22913" s="5" t="s">
        <v>38</v>
      </c>
      <c r="P22913" s="5" t="s">
        <v>39</v>
      </c>
      <c r="Q22913" s="5" t="s">
        <v>40</v>
      </c>
      <c r="R22913" s="5" t="s">
        <v>1522</v>
      </c>
      <c r="S22913" s="5" t="s">
        <v>1523</v>
      </c>
      <c r="T22913" s="5" t="s">
        <v>42</v>
      </c>
      <c r="U22913" s="2">
        <v>2.2829999999999999</v>
      </c>
      <c r="V22913" s="2">
        <v>1.8129999999999999</v>
      </c>
      <c r="W22913" s="2">
        <v>1.0999999999999999E-2</v>
      </c>
      <c r="X22913" s="2">
        <v>82.9</v>
      </c>
      <c r="Y22913" s="2">
        <v>7.6</v>
      </c>
      <c r="Z22913" s="2">
        <v>16.7</v>
      </c>
      <c r="AA22913" s="5"/>
      <c r="AB22913" s="5" t="s">
        <v>43</v>
      </c>
      <c r="AC22913" s="5" t="s">
        <v>44</v>
      </c>
      <c r="AD22913" s="2"/>
      <c r="AE22913" s="1"/>
    </row>
    <row r="22914" spans="1:31" ht="14.45">
      <c r="A22914" s="11"/>
      <c r="B22914" s="20"/>
      <c r="C22914" s="2" t="s">
        <v>73621</v>
      </c>
      <c r="D22914" s="14" t="s">
        <v>73622</v>
      </c>
      <c r="E22914" s="2" t="s">
        <v>73623</v>
      </c>
      <c r="F22914" s="2" t="s">
        <v>7514</v>
      </c>
      <c r="G22914" s="8">
        <v>232</v>
      </c>
      <c r="H22914" s="5">
        <v>6</v>
      </c>
      <c r="I22914" s="5" t="s">
        <v>1518</v>
      </c>
      <c r="J22914" s="5" t="s">
        <v>69038</v>
      </c>
      <c r="K22914" s="2" t="s">
        <v>69039</v>
      </c>
      <c r="L22914" s="5" t="s">
        <v>69038</v>
      </c>
      <c r="M22914" s="2" t="s">
        <v>69039</v>
      </c>
      <c r="N22914" s="5" t="s">
        <v>1521</v>
      </c>
      <c r="O22914" s="5" t="s">
        <v>38</v>
      </c>
      <c r="P22914" s="5" t="s">
        <v>39</v>
      </c>
      <c r="Q22914" s="5" t="s">
        <v>40</v>
      </c>
      <c r="R22914" s="5" t="s">
        <v>1522</v>
      </c>
      <c r="S22914" s="5" t="s">
        <v>1523</v>
      </c>
      <c r="T22914" s="5" t="s">
        <v>42</v>
      </c>
      <c r="U22914" s="2">
        <v>2.3490000000000002</v>
      </c>
      <c r="V22914" s="2">
        <v>1.879</v>
      </c>
      <c r="W22914" s="2">
        <v>1.0999999999999999E-2</v>
      </c>
      <c r="X22914" s="2">
        <v>82.9</v>
      </c>
      <c r="Y22914" s="2">
        <v>7.6</v>
      </c>
      <c r="Z22914" s="2">
        <v>16.7</v>
      </c>
      <c r="AA22914" s="5"/>
      <c r="AB22914" s="5" t="s">
        <v>43</v>
      </c>
      <c r="AC22914" s="5" t="s">
        <v>44</v>
      </c>
      <c r="AD22914" s="2"/>
      <c r="AE22914" s="1"/>
    </row>
    <row r="22915" spans="1:31" ht="14.45">
      <c r="A22915" s="11"/>
      <c r="B22915" s="20"/>
      <c r="C22915" s="2" t="s">
        <v>73624</v>
      </c>
      <c r="D22915" s="14" t="s">
        <v>73625</v>
      </c>
      <c r="E22915" s="2" t="s">
        <v>73626</v>
      </c>
      <c r="F22915" s="2" t="s">
        <v>7208</v>
      </c>
      <c r="G22915" s="8">
        <v>232</v>
      </c>
      <c r="H22915" s="5">
        <v>6</v>
      </c>
      <c r="I22915" s="5" t="s">
        <v>1518</v>
      </c>
      <c r="J22915" s="5" t="s">
        <v>69038</v>
      </c>
      <c r="K22915" s="2" t="s">
        <v>69039</v>
      </c>
      <c r="L22915" s="5" t="s">
        <v>69038</v>
      </c>
      <c r="M22915" s="2" t="s">
        <v>69039</v>
      </c>
      <c r="N22915" s="5" t="s">
        <v>1521</v>
      </c>
      <c r="O22915" s="5" t="s">
        <v>38</v>
      </c>
      <c r="P22915" s="5" t="s">
        <v>39</v>
      </c>
      <c r="Q22915" s="5" t="s">
        <v>40</v>
      </c>
      <c r="R22915" s="5" t="s">
        <v>1522</v>
      </c>
      <c r="S22915" s="5" t="s">
        <v>1523</v>
      </c>
      <c r="T22915" s="5" t="s">
        <v>42</v>
      </c>
      <c r="U22915" s="2">
        <v>2.2829999999999999</v>
      </c>
      <c r="V22915" s="2">
        <v>1.8129999999999999</v>
      </c>
      <c r="W22915" s="2">
        <v>1.0999999999999999E-2</v>
      </c>
      <c r="X22915" s="2">
        <v>82.9</v>
      </c>
      <c r="Y22915" s="2">
        <v>7.6</v>
      </c>
      <c r="Z22915" s="2">
        <v>16.7</v>
      </c>
      <c r="AA22915" s="5"/>
      <c r="AB22915" s="5" t="s">
        <v>43</v>
      </c>
      <c r="AC22915" s="5" t="s">
        <v>44</v>
      </c>
      <c r="AD22915" s="2"/>
      <c r="AE22915" s="1"/>
    </row>
    <row r="22916" spans="1:31" ht="14.45">
      <c r="A22916" s="11"/>
      <c r="B22916" s="20"/>
      <c r="C22916" s="2" t="s">
        <v>73627</v>
      </c>
      <c r="D22916" s="14" t="s">
        <v>73628</v>
      </c>
      <c r="E22916" s="2" t="s">
        <v>73629</v>
      </c>
      <c r="F22916" s="2" t="s">
        <v>7521</v>
      </c>
      <c r="G22916" s="8">
        <v>232</v>
      </c>
      <c r="H22916" s="5">
        <v>6</v>
      </c>
      <c r="I22916" s="5" t="s">
        <v>1518</v>
      </c>
      <c r="J22916" s="5" t="s">
        <v>69038</v>
      </c>
      <c r="K22916" s="2" t="s">
        <v>69039</v>
      </c>
      <c r="L22916" s="5" t="s">
        <v>69038</v>
      </c>
      <c r="M22916" s="2" t="s">
        <v>69039</v>
      </c>
      <c r="N22916" s="5" t="s">
        <v>1521</v>
      </c>
      <c r="O22916" s="5" t="s">
        <v>38</v>
      </c>
      <c r="P22916" s="5" t="s">
        <v>39</v>
      </c>
      <c r="Q22916" s="5" t="s">
        <v>40</v>
      </c>
      <c r="R22916" s="5" t="s">
        <v>1522</v>
      </c>
      <c r="S22916" s="5" t="s">
        <v>1523</v>
      </c>
      <c r="T22916" s="5" t="s">
        <v>42</v>
      </c>
      <c r="U22916" s="2">
        <v>2.3490000000000002</v>
      </c>
      <c r="V22916" s="2">
        <v>1.879</v>
      </c>
      <c r="W22916" s="2">
        <v>1.0999999999999999E-2</v>
      </c>
      <c r="X22916" s="2">
        <v>82.9</v>
      </c>
      <c r="Y22916" s="2">
        <v>7.6</v>
      </c>
      <c r="Z22916" s="2">
        <v>16.7</v>
      </c>
      <c r="AA22916" s="5"/>
      <c r="AB22916" s="5" t="s">
        <v>43</v>
      </c>
      <c r="AC22916" s="5" t="s">
        <v>44</v>
      </c>
      <c r="AD22916" s="2"/>
      <c r="AE22916" s="1"/>
    </row>
    <row r="22917" spans="1:31" ht="14.45">
      <c r="A22917" s="11"/>
      <c r="B22917" s="20"/>
      <c r="C22917" s="2" t="s">
        <v>73630</v>
      </c>
      <c r="D22917" s="14" t="s">
        <v>73631</v>
      </c>
      <c r="E22917" s="2" t="s">
        <v>73632</v>
      </c>
      <c r="F22917" s="2" t="s">
        <v>7406</v>
      </c>
      <c r="G22917" s="8">
        <v>247</v>
      </c>
      <c r="H22917" s="5">
        <v>6</v>
      </c>
      <c r="I22917" s="5" t="s">
        <v>1518</v>
      </c>
      <c r="J22917" s="5" t="s">
        <v>69038</v>
      </c>
      <c r="K22917" s="2" t="s">
        <v>69039</v>
      </c>
      <c r="L22917" s="5" t="s">
        <v>69038</v>
      </c>
      <c r="M22917" s="2" t="s">
        <v>69039</v>
      </c>
      <c r="N22917" s="5" t="s">
        <v>1521</v>
      </c>
      <c r="O22917" s="5" t="s">
        <v>38</v>
      </c>
      <c r="P22917" s="5" t="s">
        <v>39</v>
      </c>
      <c r="Q22917" s="5" t="s">
        <v>40</v>
      </c>
      <c r="R22917" s="5" t="s">
        <v>1522</v>
      </c>
      <c r="S22917" s="5" t="s">
        <v>1523</v>
      </c>
      <c r="T22917" s="5" t="s">
        <v>42</v>
      </c>
      <c r="U22917" s="2">
        <v>2.2829999999999999</v>
      </c>
      <c r="V22917" s="2">
        <v>1.8129999999999999</v>
      </c>
      <c r="W22917" s="2">
        <v>1.0999999999999999E-2</v>
      </c>
      <c r="X22917" s="2">
        <v>82.9</v>
      </c>
      <c r="Y22917" s="2">
        <v>7.6</v>
      </c>
      <c r="Z22917" s="2">
        <v>16.7</v>
      </c>
      <c r="AA22917" s="5"/>
      <c r="AB22917" s="5" t="s">
        <v>43</v>
      </c>
      <c r="AC22917" s="5" t="s">
        <v>44</v>
      </c>
      <c r="AD22917" s="2"/>
      <c r="AE22917" s="1"/>
    </row>
    <row r="22918" spans="1:31" ht="14.45">
      <c r="A22918" s="11"/>
      <c r="B22918" s="20"/>
      <c r="C22918" s="2" t="s">
        <v>73633</v>
      </c>
      <c r="D22918" s="14" t="s">
        <v>73634</v>
      </c>
      <c r="E22918" s="2" t="s">
        <v>73635</v>
      </c>
      <c r="F22918" s="2" t="s">
        <v>7535</v>
      </c>
      <c r="G22918" s="8">
        <v>247</v>
      </c>
      <c r="H22918" s="5">
        <v>6</v>
      </c>
      <c r="I22918" s="5" t="s">
        <v>1518</v>
      </c>
      <c r="J22918" s="5" t="s">
        <v>69038</v>
      </c>
      <c r="K22918" s="2" t="s">
        <v>69039</v>
      </c>
      <c r="L22918" s="5" t="s">
        <v>69038</v>
      </c>
      <c r="M22918" s="2" t="s">
        <v>69039</v>
      </c>
      <c r="N22918" s="5" t="s">
        <v>1521</v>
      </c>
      <c r="O22918" s="5" t="s">
        <v>38</v>
      </c>
      <c r="P22918" s="5" t="s">
        <v>39</v>
      </c>
      <c r="Q22918" s="5" t="s">
        <v>40</v>
      </c>
      <c r="R22918" s="5" t="s">
        <v>1522</v>
      </c>
      <c r="S22918" s="5" t="s">
        <v>1523</v>
      </c>
      <c r="T22918" s="5" t="s">
        <v>42</v>
      </c>
      <c r="U22918" s="2">
        <v>2.3490000000000002</v>
      </c>
      <c r="V22918" s="2">
        <v>1.879</v>
      </c>
      <c r="W22918" s="2">
        <v>1.0999999999999999E-2</v>
      </c>
      <c r="X22918" s="2">
        <v>82.9</v>
      </c>
      <c r="Y22918" s="2">
        <v>7.6</v>
      </c>
      <c r="Z22918" s="2">
        <v>16.7</v>
      </c>
      <c r="AA22918" s="5"/>
      <c r="AB22918" s="5" t="s">
        <v>43</v>
      </c>
      <c r="AC22918" s="5" t="s">
        <v>44</v>
      </c>
      <c r="AD22918" s="2"/>
      <c r="AE22918" s="1"/>
    </row>
    <row r="22919" spans="1:31" ht="14.45">
      <c r="A22919" s="11"/>
      <c r="B22919" s="20"/>
      <c r="C22919" s="2" t="s">
        <v>73636</v>
      </c>
      <c r="D22919" s="14" t="s">
        <v>73637</v>
      </c>
      <c r="E22919" s="2" t="s">
        <v>73638</v>
      </c>
      <c r="F22919" s="2" t="s">
        <v>7539</v>
      </c>
      <c r="G22919" s="8">
        <v>247</v>
      </c>
      <c r="H22919" s="5">
        <v>6</v>
      </c>
      <c r="I22919" s="5" t="s">
        <v>1518</v>
      </c>
      <c r="J22919" s="5" t="s">
        <v>69038</v>
      </c>
      <c r="K22919" s="2" t="s">
        <v>69039</v>
      </c>
      <c r="L22919" s="5" t="s">
        <v>69038</v>
      </c>
      <c r="M22919" s="2" t="s">
        <v>69039</v>
      </c>
      <c r="N22919" s="5" t="s">
        <v>1521</v>
      </c>
      <c r="O22919" s="5" t="s">
        <v>38</v>
      </c>
      <c r="P22919" s="5" t="s">
        <v>39</v>
      </c>
      <c r="Q22919" s="5" t="s">
        <v>40</v>
      </c>
      <c r="R22919" s="5" t="s">
        <v>1522</v>
      </c>
      <c r="S22919" s="5" t="s">
        <v>1523</v>
      </c>
      <c r="T22919" s="5" t="s">
        <v>42</v>
      </c>
      <c r="U22919" s="2">
        <v>2.2829999999999999</v>
      </c>
      <c r="V22919" s="2">
        <v>1.8129999999999999</v>
      </c>
      <c r="W22919" s="2">
        <v>1.0999999999999999E-2</v>
      </c>
      <c r="X22919" s="2">
        <v>82.9</v>
      </c>
      <c r="Y22919" s="2">
        <v>7.6</v>
      </c>
      <c r="Z22919" s="2">
        <v>16.7</v>
      </c>
      <c r="AA22919" s="5"/>
      <c r="AB22919" s="5" t="s">
        <v>43</v>
      </c>
      <c r="AC22919" s="5" t="s">
        <v>44</v>
      </c>
      <c r="AD22919" s="2"/>
      <c r="AE22919" s="1"/>
    </row>
    <row r="22920" spans="1:31" ht="14.45">
      <c r="A22920" s="11"/>
      <c r="B22920" s="20"/>
      <c r="C22920" s="2" t="s">
        <v>73639</v>
      </c>
      <c r="D22920" s="14" t="s">
        <v>73640</v>
      </c>
      <c r="E22920" s="2" t="s">
        <v>73641</v>
      </c>
      <c r="F22920" s="2" t="s">
        <v>7543</v>
      </c>
      <c r="G22920" s="8">
        <v>247</v>
      </c>
      <c r="H22920" s="5">
        <v>6</v>
      </c>
      <c r="I22920" s="5" t="s">
        <v>1518</v>
      </c>
      <c r="J22920" s="5" t="s">
        <v>69038</v>
      </c>
      <c r="K22920" s="2" t="s">
        <v>69039</v>
      </c>
      <c r="L22920" s="5" t="s">
        <v>69038</v>
      </c>
      <c r="M22920" s="2" t="s">
        <v>69039</v>
      </c>
      <c r="N22920" s="5" t="s">
        <v>1521</v>
      </c>
      <c r="O22920" s="5" t="s">
        <v>38</v>
      </c>
      <c r="P22920" s="5" t="s">
        <v>39</v>
      </c>
      <c r="Q22920" s="5" t="s">
        <v>40</v>
      </c>
      <c r="R22920" s="5" t="s">
        <v>1522</v>
      </c>
      <c r="S22920" s="5" t="s">
        <v>1523</v>
      </c>
      <c r="T22920" s="5" t="s">
        <v>42</v>
      </c>
      <c r="U22920" s="2">
        <v>2.3490000000000002</v>
      </c>
      <c r="V22920" s="2">
        <v>1.879</v>
      </c>
      <c r="W22920" s="2">
        <v>1.0999999999999999E-2</v>
      </c>
      <c r="X22920" s="2">
        <v>82.9</v>
      </c>
      <c r="Y22920" s="2">
        <v>7.6</v>
      </c>
      <c r="Z22920" s="2">
        <v>16.7</v>
      </c>
      <c r="AA22920" s="5"/>
      <c r="AB22920" s="5" t="s">
        <v>43</v>
      </c>
      <c r="AC22920" s="5" t="s">
        <v>44</v>
      </c>
      <c r="AD22920" s="2"/>
      <c r="AE22920" s="1"/>
    </row>
    <row r="22921" spans="1:31" ht="14.45">
      <c r="A22921" s="11"/>
      <c r="B22921" s="20"/>
      <c r="C22921" s="2" t="s">
        <v>73642</v>
      </c>
      <c r="D22921" s="14" t="s">
        <v>73643</v>
      </c>
      <c r="E22921" s="2" t="s">
        <v>73644</v>
      </c>
      <c r="F22921" s="2" t="s">
        <v>7396</v>
      </c>
      <c r="G22921" s="8">
        <v>232</v>
      </c>
      <c r="H22921" s="5">
        <v>6</v>
      </c>
      <c r="I22921" s="5" t="s">
        <v>1518</v>
      </c>
      <c r="J22921" s="5" t="s">
        <v>69038</v>
      </c>
      <c r="K22921" s="2" t="s">
        <v>69039</v>
      </c>
      <c r="L22921" s="5" t="s">
        <v>69038</v>
      </c>
      <c r="M22921" s="2" t="s">
        <v>69039</v>
      </c>
      <c r="N22921" s="5" t="s">
        <v>1521</v>
      </c>
      <c r="O22921" s="5" t="s">
        <v>38</v>
      </c>
      <c r="P22921" s="5" t="s">
        <v>39</v>
      </c>
      <c r="Q22921" s="5" t="s">
        <v>40</v>
      </c>
      <c r="R22921" s="5" t="s">
        <v>1522</v>
      </c>
      <c r="S22921" s="5" t="s">
        <v>1523</v>
      </c>
      <c r="T22921" s="5" t="s">
        <v>42</v>
      </c>
      <c r="U22921" s="2">
        <v>2.2829999999999999</v>
      </c>
      <c r="V22921" s="2">
        <v>1.8129999999999999</v>
      </c>
      <c r="W22921" s="2">
        <v>1.0999999999999999E-2</v>
      </c>
      <c r="X22921" s="2">
        <v>82.9</v>
      </c>
      <c r="Y22921" s="2">
        <v>7.6</v>
      </c>
      <c r="Z22921" s="2">
        <v>16.7</v>
      </c>
      <c r="AA22921" s="5"/>
      <c r="AB22921" s="5" t="s">
        <v>43</v>
      </c>
      <c r="AC22921" s="5" t="s">
        <v>44</v>
      </c>
      <c r="AD22921" s="2"/>
      <c r="AE22921" s="1"/>
    </row>
    <row r="22922" spans="1:31" ht="14.45">
      <c r="A22922" s="11"/>
      <c r="B22922" s="20"/>
      <c r="C22922" s="2" t="s">
        <v>73645</v>
      </c>
      <c r="D22922" s="14" t="s">
        <v>73646</v>
      </c>
      <c r="E22922" s="2" t="s">
        <v>73647</v>
      </c>
      <c r="F22922" s="2" t="s">
        <v>7507</v>
      </c>
      <c r="G22922" s="8">
        <v>232</v>
      </c>
      <c r="H22922" s="5">
        <v>6</v>
      </c>
      <c r="I22922" s="5" t="s">
        <v>1518</v>
      </c>
      <c r="J22922" s="5" t="s">
        <v>69038</v>
      </c>
      <c r="K22922" s="2" t="s">
        <v>69039</v>
      </c>
      <c r="L22922" s="5" t="s">
        <v>69038</v>
      </c>
      <c r="M22922" s="2" t="s">
        <v>69039</v>
      </c>
      <c r="N22922" s="5" t="s">
        <v>1521</v>
      </c>
      <c r="O22922" s="5" t="s">
        <v>38</v>
      </c>
      <c r="P22922" s="5" t="s">
        <v>39</v>
      </c>
      <c r="Q22922" s="5" t="s">
        <v>40</v>
      </c>
      <c r="R22922" s="5" t="s">
        <v>1522</v>
      </c>
      <c r="S22922" s="5" t="s">
        <v>1523</v>
      </c>
      <c r="T22922" s="5" t="s">
        <v>42</v>
      </c>
      <c r="U22922" s="2">
        <v>2.3490000000000002</v>
      </c>
      <c r="V22922" s="2">
        <v>1.879</v>
      </c>
      <c r="W22922" s="2">
        <v>1.0999999999999999E-2</v>
      </c>
      <c r="X22922" s="2">
        <v>82.9</v>
      </c>
      <c r="Y22922" s="2">
        <v>7.6</v>
      </c>
      <c r="Z22922" s="2">
        <v>16.7</v>
      </c>
      <c r="AA22922" s="5"/>
      <c r="AB22922" s="5" t="s">
        <v>43</v>
      </c>
      <c r="AC22922" s="5" t="s">
        <v>44</v>
      </c>
      <c r="AD22922" s="2"/>
      <c r="AE22922" s="1"/>
    </row>
    <row r="22923" spans="1:31" ht="14.45">
      <c r="A22923" s="11"/>
      <c r="B22923" s="20"/>
      <c r="C22923" s="2" t="s">
        <v>73648</v>
      </c>
      <c r="D22923" s="14" t="s">
        <v>73649</v>
      </c>
      <c r="E22923" s="2" t="s">
        <v>73650</v>
      </c>
      <c r="F22923" s="2" t="s">
        <v>7567</v>
      </c>
      <c r="G22923" s="8">
        <v>247</v>
      </c>
      <c r="H22923" s="5">
        <v>6</v>
      </c>
      <c r="I22923" s="5" t="s">
        <v>1518</v>
      </c>
      <c r="J22923" s="5" t="s">
        <v>69038</v>
      </c>
      <c r="K22923" s="2" t="s">
        <v>69039</v>
      </c>
      <c r="L22923" s="5" t="s">
        <v>69038</v>
      </c>
      <c r="M22923" s="2" t="s">
        <v>69039</v>
      </c>
      <c r="N22923" s="5" t="s">
        <v>1521</v>
      </c>
      <c r="O22923" s="5" t="s">
        <v>38</v>
      </c>
      <c r="P22923" s="5" t="s">
        <v>39</v>
      </c>
      <c r="Q22923" s="5" t="s">
        <v>40</v>
      </c>
      <c r="R22923" s="5" t="s">
        <v>1522</v>
      </c>
      <c r="S22923" s="5" t="s">
        <v>1523</v>
      </c>
      <c r="T22923" s="5" t="s">
        <v>42</v>
      </c>
      <c r="U22923" s="2">
        <v>2.3490000000000002</v>
      </c>
      <c r="V22923" s="2">
        <v>1.879</v>
      </c>
      <c r="W22923" s="2">
        <v>1.0999999999999999E-2</v>
      </c>
      <c r="X22923" s="2">
        <v>82.9</v>
      </c>
      <c r="Y22923" s="2">
        <v>7.6</v>
      </c>
      <c r="Z22923" s="2">
        <v>16.7</v>
      </c>
      <c r="AA22923" s="5"/>
      <c r="AB22923" s="5" t="s">
        <v>43</v>
      </c>
      <c r="AC22923" s="5" t="s">
        <v>44</v>
      </c>
      <c r="AD22923" s="2"/>
      <c r="AE22923" s="1"/>
    </row>
    <row r="22924" spans="1:31" ht="14.45">
      <c r="A22924" s="11"/>
      <c r="B22924" s="20"/>
      <c r="C22924" s="2" t="s">
        <v>73651</v>
      </c>
      <c r="D22924" s="14" t="s">
        <v>73652</v>
      </c>
      <c r="E22924" s="2" t="s">
        <v>73653</v>
      </c>
      <c r="F22924" s="2" t="s">
        <v>7449</v>
      </c>
      <c r="G22924" s="8">
        <v>247</v>
      </c>
      <c r="H22924" s="5">
        <v>6</v>
      </c>
      <c r="I22924" s="5" t="s">
        <v>1518</v>
      </c>
      <c r="J22924" s="5" t="s">
        <v>69038</v>
      </c>
      <c r="K22924" s="2" t="s">
        <v>69039</v>
      </c>
      <c r="L22924" s="5" t="s">
        <v>69038</v>
      </c>
      <c r="M22924" s="2" t="s">
        <v>69039</v>
      </c>
      <c r="N22924" s="5" t="s">
        <v>1521</v>
      </c>
      <c r="O22924" s="5" t="s">
        <v>38</v>
      </c>
      <c r="P22924" s="5" t="s">
        <v>39</v>
      </c>
      <c r="Q22924" s="5" t="s">
        <v>40</v>
      </c>
      <c r="R22924" s="5" t="s">
        <v>1522</v>
      </c>
      <c r="S22924" s="5" t="s">
        <v>1523</v>
      </c>
      <c r="T22924" s="5" t="s">
        <v>42</v>
      </c>
      <c r="U22924" s="2">
        <v>2.2829999999999999</v>
      </c>
      <c r="V22924" s="2">
        <v>1.8129999999999999</v>
      </c>
      <c r="W22924" s="2">
        <v>1.0999999999999999E-2</v>
      </c>
      <c r="X22924" s="2">
        <v>82.9</v>
      </c>
      <c r="Y22924" s="2">
        <v>7.6</v>
      </c>
      <c r="Z22924" s="2">
        <v>16.7</v>
      </c>
      <c r="AA22924" s="5"/>
      <c r="AB22924" s="5" t="s">
        <v>43</v>
      </c>
      <c r="AC22924" s="5" t="s">
        <v>44</v>
      </c>
      <c r="AD22924" s="2"/>
      <c r="AE22924" s="1"/>
    </row>
    <row r="22925" spans="1:31" ht="14.45">
      <c r="A22925" s="11"/>
      <c r="B22925" s="20"/>
      <c r="C22925" s="2" t="s">
        <v>73654</v>
      </c>
      <c r="D22925" s="14" t="s">
        <v>73655</v>
      </c>
      <c r="E22925" s="2" t="s">
        <v>73656</v>
      </c>
      <c r="F22925" s="2" t="s">
        <v>7581</v>
      </c>
      <c r="G22925" s="8">
        <v>247</v>
      </c>
      <c r="H22925" s="5">
        <v>6</v>
      </c>
      <c r="I22925" s="5" t="s">
        <v>1518</v>
      </c>
      <c r="J22925" s="5" t="s">
        <v>69038</v>
      </c>
      <c r="K22925" s="2" t="s">
        <v>69039</v>
      </c>
      <c r="L22925" s="5" t="s">
        <v>69038</v>
      </c>
      <c r="M22925" s="2" t="s">
        <v>69039</v>
      </c>
      <c r="N22925" s="5" t="s">
        <v>1521</v>
      </c>
      <c r="O22925" s="5" t="s">
        <v>38</v>
      </c>
      <c r="P22925" s="5" t="s">
        <v>39</v>
      </c>
      <c r="Q22925" s="5" t="s">
        <v>40</v>
      </c>
      <c r="R22925" s="5" t="s">
        <v>1522</v>
      </c>
      <c r="S22925" s="5" t="s">
        <v>1523</v>
      </c>
      <c r="T22925" s="5" t="s">
        <v>42</v>
      </c>
      <c r="U22925" s="2">
        <v>2.3490000000000002</v>
      </c>
      <c r="V22925" s="2">
        <v>1.879</v>
      </c>
      <c r="W22925" s="2">
        <v>1.0999999999999999E-2</v>
      </c>
      <c r="X22925" s="2">
        <v>82.9</v>
      </c>
      <c r="Y22925" s="2">
        <v>7.6</v>
      </c>
      <c r="Z22925" s="2">
        <v>16.7</v>
      </c>
      <c r="AA22925" s="5"/>
      <c r="AB22925" s="5" t="s">
        <v>43</v>
      </c>
      <c r="AC22925" s="5" t="s">
        <v>44</v>
      </c>
      <c r="AD22925" s="2"/>
      <c r="AE22925" s="1"/>
    </row>
    <row r="22926" spans="1:31" ht="14.45">
      <c r="A22926" s="11"/>
      <c r="B22926" s="20"/>
      <c r="C22926" s="2" t="s">
        <v>73657</v>
      </c>
      <c r="D22926" s="14" t="s">
        <v>73658</v>
      </c>
      <c r="E22926" s="2" t="s">
        <v>73659</v>
      </c>
      <c r="F22926" s="2" t="s">
        <v>73358</v>
      </c>
      <c r="G22926" s="8">
        <v>247</v>
      </c>
      <c r="H22926" s="5">
        <v>6</v>
      </c>
      <c r="I22926" s="5" t="s">
        <v>1518</v>
      </c>
      <c r="J22926" s="5" t="s">
        <v>69038</v>
      </c>
      <c r="K22926" s="2" t="s">
        <v>69039</v>
      </c>
      <c r="L22926" s="5" t="s">
        <v>69038</v>
      </c>
      <c r="M22926" s="2" t="s">
        <v>69039</v>
      </c>
      <c r="N22926" s="5" t="s">
        <v>1521</v>
      </c>
      <c r="O22926" s="5" t="s">
        <v>38</v>
      </c>
      <c r="P22926" s="5" t="s">
        <v>39</v>
      </c>
      <c r="Q22926" s="5" t="s">
        <v>40</v>
      </c>
      <c r="R22926" s="5" t="s">
        <v>1522</v>
      </c>
      <c r="S22926" s="5" t="s">
        <v>1523</v>
      </c>
      <c r="T22926" s="5" t="s">
        <v>42</v>
      </c>
      <c r="U22926" s="2">
        <v>2.2829999999999999</v>
      </c>
      <c r="V22926" s="2">
        <v>1.8129999999999999</v>
      </c>
      <c r="W22926" s="2">
        <v>1.0999999999999999E-2</v>
      </c>
      <c r="X22926" s="2">
        <v>82.9</v>
      </c>
      <c r="Y22926" s="2">
        <v>7.6</v>
      </c>
      <c r="Z22926" s="2">
        <v>16.7</v>
      </c>
      <c r="AA22926" s="5"/>
      <c r="AB22926" s="5" t="s">
        <v>43</v>
      </c>
      <c r="AC22926" s="5" t="s">
        <v>44</v>
      </c>
      <c r="AD22926" s="2"/>
      <c r="AE22926" s="1"/>
    </row>
    <row r="22927" spans="1:31" ht="14.45">
      <c r="A22927" s="11"/>
      <c r="B22927" s="20"/>
      <c r="C22927" s="2" t="s">
        <v>73660</v>
      </c>
      <c r="D22927" s="14" t="s">
        <v>73661</v>
      </c>
      <c r="E22927" s="2" t="s">
        <v>73662</v>
      </c>
      <c r="F22927" s="2" t="s">
        <v>7615</v>
      </c>
      <c r="G22927" s="8">
        <v>247</v>
      </c>
      <c r="H22927" s="5">
        <v>6</v>
      </c>
      <c r="I22927" s="5" t="s">
        <v>1518</v>
      </c>
      <c r="J22927" s="5" t="s">
        <v>69038</v>
      </c>
      <c r="K22927" s="2" t="s">
        <v>69039</v>
      </c>
      <c r="L22927" s="5" t="s">
        <v>69038</v>
      </c>
      <c r="M22927" s="2" t="s">
        <v>69039</v>
      </c>
      <c r="N22927" s="5" t="s">
        <v>1521</v>
      </c>
      <c r="O22927" s="5" t="s">
        <v>38</v>
      </c>
      <c r="P22927" s="5" t="s">
        <v>39</v>
      </c>
      <c r="Q22927" s="5" t="s">
        <v>40</v>
      </c>
      <c r="R22927" s="5" t="s">
        <v>1522</v>
      </c>
      <c r="S22927" s="5" t="s">
        <v>1523</v>
      </c>
      <c r="T22927" s="5" t="s">
        <v>42</v>
      </c>
      <c r="U22927" s="2">
        <v>2.2829999999999999</v>
      </c>
      <c r="V22927" s="2">
        <v>1.8129999999999999</v>
      </c>
      <c r="W22927" s="2">
        <v>1.0999999999999999E-2</v>
      </c>
      <c r="X22927" s="2">
        <v>82.9</v>
      </c>
      <c r="Y22927" s="2">
        <v>7.6</v>
      </c>
      <c r="Z22927" s="2">
        <v>16.7</v>
      </c>
      <c r="AA22927" s="5"/>
      <c r="AB22927" s="5" t="s">
        <v>43</v>
      </c>
      <c r="AC22927" s="5" t="s">
        <v>44</v>
      </c>
      <c r="AD22927" s="2"/>
      <c r="AE22927" s="1"/>
    </row>
    <row r="22928" spans="1:31" ht="14.45">
      <c r="A22928" s="11"/>
      <c r="B22928" s="20"/>
      <c r="C22928" s="2" t="s">
        <v>73663</v>
      </c>
      <c r="D22928" s="14" t="s">
        <v>73664</v>
      </c>
      <c r="E22928" s="2" t="s">
        <v>73665</v>
      </c>
      <c r="F22928" s="2" t="s">
        <v>16029</v>
      </c>
      <c r="G22928" s="8">
        <v>247</v>
      </c>
      <c r="H22928" s="5">
        <v>6</v>
      </c>
      <c r="I22928" s="5" t="s">
        <v>1518</v>
      </c>
      <c r="J22928" s="5" t="s">
        <v>69038</v>
      </c>
      <c r="K22928" s="2" t="s">
        <v>69039</v>
      </c>
      <c r="L22928" s="5" t="s">
        <v>69038</v>
      </c>
      <c r="M22928" s="2" t="s">
        <v>69039</v>
      </c>
      <c r="N22928" s="5" t="s">
        <v>1521</v>
      </c>
      <c r="O22928" s="5" t="s">
        <v>38</v>
      </c>
      <c r="P22928" s="5" t="s">
        <v>39</v>
      </c>
      <c r="Q22928" s="5" t="s">
        <v>40</v>
      </c>
      <c r="R22928" s="5" t="s">
        <v>1522</v>
      </c>
      <c r="S22928" s="5" t="s">
        <v>1523</v>
      </c>
      <c r="T22928" s="5" t="s">
        <v>42</v>
      </c>
      <c r="U22928" s="2">
        <v>2.274</v>
      </c>
      <c r="V22928" s="2">
        <v>1.804</v>
      </c>
      <c r="W22928" s="2">
        <v>1.0999999999999999E-2</v>
      </c>
      <c r="X22928" s="2">
        <v>82.9</v>
      </c>
      <c r="Y22928" s="2">
        <v>7.6</v>
      </c>
      <c r="Z22928" s="2">
        <v>16.7</v>
      </c>
      <c r="AA22928" s="5"/>
      <c r="AB22928" s="5" t="s">
        <v>43</v>
      </c>
      <c r="AC22928" s="5" t="s">
        <v>44</v>
      </c>
      <c r="AD22928" s="2"/>
      <c r="AE22928" s="1"/>
    </row>
    <row r="22929" spans="1:31" ht="14.45">
      <c r="A22929" s="11"/>
      <c r="B22929" s="20"/>
      <c r="C22929" s="2" t="s">
        <v>73666</v>
      </c>
      <c r="D22929" s="14" t="s">
        <v>73667</v>
      </c>
      <c r="E22929" s="2" t="s">
        <v>73668</v>
      </c>
      <c r="F22929" s="2" t="s">
        <v>16033</v>
      </c>
      <c r="G22929" s="8">
        <v>247</v>
      </c>
      <c r="H22929" s="5">
        <v>6</v>
      </c>
      <c r="I22929" s="5" t="s">
        <v>1518</v>
      </c>
      <c r="J22929" s="5" t="s">
        <v>69038</v>
      </c>
      <c r="K22929" s="2" t="s">
        <v>69039</v>
      </c>
      <c r="L22929" s="5" t="s">
        <v>69038</v>
      </c>
      <c r="M22929" s="2" t="s">
        <v>69039</v>
      </c>
      <c r="N22929" s="5" t="s">
        <v>1521</v>
      </c>
      <c r="O22929" s="5" t="s">
        <v>38</v>
      </c>
      <c r="P22929" s="5" t="s">
        <v>39</v>
      </c>
      <c r="Q22929" s="5" t="s">
        <v>40</v>
      </c>
      <c r="R22929" s="5" t="s">
        <v>1522</v>
      </c>
      <c r="S22929" s="5" t="s">
        <v>1523</v>
      </c>
      <c r="T22929" s="5" t="s">
        <v>42</v>
      </c>
      <c r="U22929" s="2">
        <v>2.34</v>
      </c>
      <c r="V22929" s="2">
        <v>1.87</v>
      </c>
      <c r="W22929" s="2">
        <v>1.0999999999999999E-2</v>
      </c>
      <c r="X22929" s="2">
        <v>82.9</v>
      </c>
      <c r="Y22929" s="2">
        <v>7.6</v>
      </c>
      <c r="Z22929" s="2">
        <v>16.7</v>
      </c>
      <c r="AA22929" s="5"/>
      <c r="AB22929" s="5" t="s">
        <v>43</v>
      </c>
      <c r="AC22929" s="5" t="s">
        <v>44</v>
      </c>
      <c r="AD22929" s="2"/>
      <c r="AE22929" s="1"/>
    </row>
    <row r="22930" spans="1:31" ht="14.45">
      <c r="A22930" s="11"/>
      <c r="B22930" s="20"/>
      <c r="C22930" s="2" t="s">
        <v>73669</v>
      </c>
      <c r="D22930" s="14" t="s">
        <v>73670</v>
      </c>
      <c r="E22930" s="2" t="s">
        <v>73671</v>
      </c>
      <c r="F22930" s="2" t="s">
        <v>7204</v>
      </c>
      <c r="G22930" s="8">
        <v>243</v>
      </c>
      <c r="H22930" s="5">
        <v>6</v>
      </c>
      <c r="I22930" s="5" t="s">
        <v>1518</v>
      </c>
      <c r="J22930" s="5" t="s">
        <v>69038</v>
      </c>
      <c r="K22930" s="2" t="s">
        <v>69039</v>
      </c>
      <c r="L22930" s="5" t="s">
        <v>69038</v>
      </c>
      <c r="M22930" s="2" t="s">
        <v>69039</v>
      </c>
      <c r="N22930" s="5" t="s">
        <v>1521</v>
      </c>
      <c r="O22930" s="5" t="s">
        <v>38</v>
      </c>
      <c r="P22930" s="5" t="s">
        <v>39</v>
      </c>
      <c r="Q22930" s="5" t="s">
        <v>40</v>
      </c>
      <c r="R22930" s="5" t="s">
        <v>1522</v>
      </c>
      <c r="S22930" s="5" t="s">
        <v>1523</v>
      </c>
      <c r="T22930" s="5" t="s">
        <v>42</v>
      </c>
      <c r="U22930" s="2">
        <v>2.5249999999999999</v>
      </c>
      <c r="V22930" s="2">
        <v>1.968</v>
      </c>
      <c r="W22930" s="2">
        <v>1.4999999999999999E-2</v>
      </c>
      <c r="X22930" s="2">
        <v>118.9</v>
      </c>
      <c r="Y22930" s="2">
        <v>7.6</v>
      </c>
      <c r="Z22930" s="2">
        <v>16.7</v>
      </c>
      <c r="AA22930" s="5"/>
      <c r="AB22930" s="5" t="s">
        <v>43</v>
      </c>
      <c r="AC22930" s="5" t="s">
        <v>44</v>
      </c>
      <c r="AD22930" s="2"/>
      <c r="AE22930" s="1"/>
    </row>
    <row r="22931" spans="1:31" ht="14.45">
      <c r="A22931" s="11"/>
      <c r="B22931" s="20"/>
      <c r="C22931" s="2" t="s">
        <v>73672</v>
      </c>
      <c r="D22931" s="14" t="s">
        <v>73673</v>
      </c>
      <c r="E22931" s="2" t="s">
        <v>73674</v>
      </c>
      <c r="F22931" s="2" t="s">
        <v>7514</v>
      </c>
      <c r="G22931" s="8">
        <v>243</v>
      </c>
      <c r="H22931" s="5">
        <v>6</v>
      </c>
      <c r="I22931" s="5" t="s">
        <v>1518</v>
      </c>
      <c r="J22931" s="5" t="s">
        <v>69038</v>
      </c>
      <c r="K22931" s="2" t="s">
        <v>69039</v>
      </c>
      <c r="L22931" s="5" t="s">
        <v>69038</v>
      </c>
      <c r="M22931" s="2" t="s">
        <v>69039</v>
      </c>
      <c r="N22931" s="5" t="s">
        <v>1521</v>
      </c>
      <c r="O22931" s="5" t="s">
        <v>38</v>
      </c>
      <c r="P22931" s="5" t="s">
        <v>39</v>
      </c>
      <c r="Q22931" s="5" t="s">
        <v>40</v>
      </c>
      <c r="R22931" s="5" t="s">
        <v>1522</v>
      </c>
      <c r="S22931" s="5" t="s">
        <v>1523</v>
      </c>
      <c r="T22931" s="5" t="s">
        <v>42</v>
      </c>
      <c r="U22931" s="2">
        <v>2.6019999999999999</v>
      </c>
      <c r="V22931" s="2">
        <v>2.0449999999999999</v>
      </c>
      <c r="W22931" s="2">
        <v>1.4999999999999999E-2</v>
      </c>
      <c r="X22931" s="2">
        <v>118.9</v>
      </c>
      <c r="Y22931" s="2">
        <v>7.6</v>
      </c>
      <c r="Z22931" s="2">
        <v>16.7</v>
      </c>
      <c r="AA22931" s="5"/>
      <c r="AB22931" s="5" t="s">
        <v>43</v>
      </c>
      <c r="AC22931" s="5" t="s">
        <v>44</v>
      </c>
      <c r="AD22931" s="2"/>
      <c r="AE22931" s="1"/>
    </row>
    <row r="22932" spans="1:31" ht="14.45">
      <c r="A22932" s="11"/>
      <c r="B22932" s="20"/>
      <c r="C22932" s="2" t="s">
        <v>73675</v>
      </c>
      <c r="D22932" s="14" t="s">
        <v>73676</v>
      </c>
      <c r="E22932" s="2" t="s">
        <v>73677</v>
      </c>
      <c r="F22932" s="2" t="s">
        <v>7208</v>
      </c>
      <c r="G22932" s="8">
        <v>243</v>
      </c>
      <c r="H22932" s="5">
        <v>6</v>
      </c>
      <c r="I22932" s="5" t="s">
        <v>1518</v>
      </c>
      <c r="J22932" s="5" t="s">
        <v>69038</v>
      </c>
      <c r="K22932" s="2" t="s">
        <v>69039</v>
      </c>
      <c r="L22932" s="5" t="s">
        <v>69038</v>
      </c>
      <c r="M22932" s="2" t="s">
        <v>69039</v>
      </c>
      <c r="N22932" s="5" t="s">
        <v>1521</v>
      </c>
      <c r="O22932" s="5" t="s">
        <v>38</v>
      </c>
      <c r="P22932" s="5" t="s">
        <v>39</v>
      </c>
      <c r="Q22932" s="5" t="s">
        <v>40</v>
      </c>
      <c r="R22932" s="5" t="s">
        <v>1522</v>
      </c>
      <c r="S22932" s="5" t="s">
        <v>1523</v>
      </c>
      <c r="T22932" s="5" t="s">
        <v>42</v>
      </c>
      <c r="U22932" s="2">
        <v>2.5249999999999999</v>
      </c>
      <c r="V22932" s="2">
        <v>1.968</v>
      </c>
      <c r="W22932" s="2">
        <v>1.4999999999999999E-2</v>
      </c>
      <c r="X22932" s="2">
        <v>118.9</v>
      </c>
      <c r="Y22932" s="2">
        <v>7.6</v>
      </c>
      <c r="Z22932" s="2">
        <v>16.7</v>
      </c>
      <c r="AA22932" s="5"/>
      <c r="AB22932" s="5" t="s">
        <v>43</v>
      </c>
      <c r="AC22932" s="5" t="s">
        <v>44</v>
      </c>
      <c r="AD22932" s="2"/>
      <c r="AE22932" s="1"/>
    </row>
    <row r="22933" spans="1:31" ht="14.45">
      <c r="A22933" s="11"/>
      <c r="B22933" s="20"/>
      <c r="C22933" s="2" t="s">
        <v>73678</v>
      </c>
      <c r="D22933" s="14" t="s">
        <v>73679</v>
      </c>
      <c r="E22933" s="2" t="s">
        <v>73680</v>
      </c>
      <c r="F22933" s="2" t="s">
        <v>7521</v>
      </c>
      <c r="G22933" s="8">
        <v>243</v>
      </c>
      <c r="H22933" s="5">
        <v>6</v>
      </c>
      <c r="I22933" s="5" t="s">
        <v>1518</v>
      </c>
      <c r="J22933" s="5" t="s">
        <v>69038</v>
      </c>
      <c r="K22933" s="2" t="s">
        <v>69039</v>
      </c>
      <c r="L22933" s="5" t="s">
        <v>69038</v>
      </c>
      <c r="M22933" s="2" t="s">
        <v>69039</v>
      </c>
      <c r="N22933" s="5" t="s">
        <v>1521</v>
      </c>
      <c r="O22933" s="5" t="s">
        <v>38</v>
      </c>
      <c r="P22933" s="5" t="s">
        <v>39</v>
      </c>
      <c r="Q22933" s="5" t="s">
        <v>40</v>
      </c>
      <c r="R22933" s="5" t="s">
        <v>1522</v>
      </c>
      <c r="S22933" s="5" t="s">
        <v>1523</v>
      </c>
      <c r="T22933" s="5" t="s">
        <v>42</v>
      </c>
      <c r="U22933" s="2">
        <v>2.6019999999999999</v>
      </c>
      <c r="V22933" s="2">
        <v>2.0449999999999999</v>
      </c>
      <c r="W22933" s="2">
        <v>1.4999999999999999E-2</v>
      </c>
      <c r="X22933" s="2">
        <v>118.9</v>
      </c>
      <c r="Y22933" s="2">
        <v>7.6</v>
      </c>
      <c r="Z22933" s="2">
        <v>16.7</v>
      </c>
      <c r="AA22933" s="5"/>
      <c r="AB22933" s="5" t="s">
        <v>43</v>
      </c>
      <c r="AC22933" s="5" t="s">
        <v>44</v>
      </c>
      <c r="AD22933" s="2"/>
      <c r="AE22933" s="1"/>
    </row>
    <row r="22934" spans="1:31" ht="14.45">
      <c r="A22934" s="11"/>
      <c r="B22934" s="20"/>
      <c r="C22934" s="2" t="s">
        <v>73681</v>
      </c>
      <c r="D22934" s="14" t="s">
        <v>73682</v>
      </c>
      <c r="E22934" s="2" t="s">
        <v>73683</v>
      </c>
      <c r="F22934" s="2" t="s">
        <v>7406</v>
      </c>
      <c r="G22934" s="8">
        <v>259</v>
      </c>
      <c r="H22934" s="5">
        <v>6</v>
      </c>
      <c r="I22934" s="5" t="s">
        <v>1518</v>
      </c>
      <c r="J22934" s="5" t="s">
        <v>69038</v>
      </c>
      <c r="K22934" s="2" t="s">
        <v>69039</v>
      </c>
      <c r="L22934" s="5" t="s">
        <v>69038</v>
      </c>
      <c r="M22934" s="2" t="s">
        <v>69039</v>
      </c>
      <c r="N22934" s="5" t="s">
        <v>1521</v>
      </c>
      <c r="O22934" s="5" t="s">
        <v>38</v>
      </c>
      <c r="P22934" s="5" t="s">
        <v>39</v>
      </c>
      <c r="Q22934" s="5" t="s">
        <v>40</v>
      </c>
      <c r="R22934" s="5" t="s">
        <v>1522</v>
      </c>
      <c r="S22934" s="5" t="s">
        <v>1523</v>
      </c>
      <c r="T22934" s="5" t="s">
        <v>42</v>
      </c>
      <c r="U22934" s="2">
        <v>2.5249999999999999</v>
      </c>
      <c r="V22934" s="2">
        <v>1.968</v>
      </c>
      <c r="W22934" s="2">
        <v>1.4999999999999999E-2</v>
      </c>
      <c r="X22934" s="2">
        <v>118.9</v>
      </c>
      <c r="Y22934" s="2">
        <v>7.6</v>
      </c>
      <c r="Z22934" s="2">
        <v>16.7</v>
      </c>
      <c r="AA22934" s="5"/>
      <c r="AB22934" s="5" t="s">
        <v>43</v>
      </c>
      <c r="AC22934" s="5" t="s">
        <v>44</v>
      </c>
      <c r="AD22934" s="2"/>
      <c r="AE22934" s="1"/>
    </row>
    <row r="22935" spans="1:31" ht="14.45">
      <c r="A22935" s="11"/>
      <c r="B22935" s="20"/>
      <c r="C22935" s="2" t="s">
        <v>73684</v>
      </c>
      <c r="D22935" s="14" t="s">
        <v>73685</v>
      </c>
      <c r="E22935" s="2" t="s">
        <v>73686</v>
      </c>
      <c r="F22935" s="2" t="s">
        <v>7535</v>
      </c>
      <c r="G22935" s="8">
        <v>259</v>
      </c>
      <c r="H22935" s="5">
        <v>6</v>
      </c>
      <c r="I22935" s="5" t="s">
        <v>1518</v>
      </c>
      <c r="J22935" s="5" t="s">
        <v>69038</v>
      </c>
      <c r="K22935" s="2" t="s">
        <v>69039</v>
      </c>
      <c r="L22935" s="5" t="s">
        <v>69038</v>
      </c>
      <c r="M22935" s="2" t="s">
        <v>69039</v>
      </c>
      <c r="N22935" s="5" t="s">
        <v>1521</v>
      </c>
      <c r="O22935" s="5" t="s">
        <v>38</v>
      </c>
      <c r="P22935" s="5" t="s">
        <v>39</v>
      </c>
      <c r="Q22935" s="5" t="s">
        <v>40</v>
      </c>
      <c r="R22935" s="5" t="s">
        <v>1522</v>
      </c>
      <c r="S22935" s="5" t="s">
        <v>1523</v>
      </c>
      <c r="T22935" s="5" t="s">
        <v>42</v>
      </c>
      <c r="U22935" s="2">
        <v>2.6019999999999999</v>
      </c>
      <c r="V22935" s="2">
        <v>2.0449999999999999</v>
      </c>
      <c r="W22935" s="2">
        <v>1.4999999999999999E-2</v>
      </c>
      <c r="X22935" s="2">
        <v>118.9</v>
      </c>
      <c r="Y22935" s="2">
        <v>7.6</v>
      </c>
      <c r="Z22935" s="2">
        <v>16.7</v>
      </c>
      <c r="AA22935" s="5"/>
      <c r="AB22935" s="5" t="s">
        <v>43</v>
      </c>
      <c r="AC22935" s="5" t="s">
        <v>44</v>
      </c>
      <c r="AD22935" s="2"/>
      <c r="AE22935" s="1"/>
    </row>
    <row r="22936" spans="1:31" ht="14.45">
      <c r="A22936" s="11"/>
      <c r="B22936" s="20"/>
      <c r="C22936" s="2" t="s">
        <v>73687</v>
      </c>
      <c r="D22936" s="14" t="s">
        <v>73688</v>
      </c>
      <c r="E22936" s="2" t="s">
        <v>73689</v>
      </c>
      <c r="F22936" s="2" t="s">
        <v>7539</v>
      </c>
      <c r="G22936" s="8">
        <v>259</v>
      </c>
      <c r="H22936" s="5">
        <v>6</v>
      </c>
      <c r="I22936" s="5" t="s">
        <v>1518</v>
      </c>
      <c r="J22936" s="5" t="s">
        <v>69038</v>
      </c>
      <c r="K22936" s="2" t="s">
        <v>69039</v>
      </c>
      <c r="L22936" s="5" t="s">
        <v>69038</v>
      </c>
      <c r="M22936" s="2" t="s">
        <v>69039</v>
      </c>
      <c r="N22936" s="5" t="s">
        <v>1521</v>
      </c>
      <c r="O22936" s="5" t="s">
        <v>38</v>
      </c>
      <c r="P22936" s="5" t="s">
        <v>39</v>
      </c>
      <c r="Q22936" s="5" t="s">
        <v>40</v>
      </c>
      <c r="R22936" s="5" t="s">
        <v>1522</v>
      </c>
      <c r="S22936" s="5" t="s">
        <v>1523</v>
      </c>
      <c r="T22936" s="5" t="s">
        <v>42</v>
      </c>
      <c r="U22936" s="2">
        <v>2.5249999999999999</v>
      </c>
      <c r="V22936" s="2">
        <v>1.968</v>
      </c>
      <c r="W22936" s="2">
        <v>1.4999999999999999E-2</v>
      </c>
      <c r="X22936" s="2">
        <v>118.9</v>
      </c>
      <c r="Y22936" s="2">
        <v>7.6</v>
      </c>
      <c r="Z22936" s="2">
        <v>16.7</v>
      </c>
      <c r="AA22936" s="5"/>
      <c r="AB22936" s="5" t="s">
        <v>43</v>
      </c>
      <c r="AC22936" s="5" t="s">
        <v>44</v>
      </c>
      <c r="AD22936" s="2"/>
      <c r="AE22936" s="1"/>
    </row>
    <row r="22937" spans="1:31" ht="14.45">
      <c r="A22937" s="11"/>
      <c r="B22937" s="20"/>
      <c r="C22937" s="2" t="s">
        <v>73690</v>
      </c>
      <c r="D22937" s="14" t="s">
        <v>73691</v>
      </c>
      <c r="E22937" s="2" t="s">
        <v>73692</v>
      </c>
      <c r="F22937" s="2" t="s">
        <v>7543</v>
      </c>
      <c r="G22937" s="8">
        <v>259</v>
      </c>
      <c r="H22937" s="5">
        <v>6</v>
      </c>
      <c r="I22937" s="5" t="s">
        <v>1518</v>
      </c>
      <c r="J22937" s="5" t="s">
        <v>69038</v>
      </c>
      <c r="K22937" s="2" t="s">
        <v>69039</v>
      </c>
      <c r="L22937" s="5" t="s">
        <v>69038</v>
      </c>
      <c r="M22937" s="2" t="s">
        <v>69039</v>
      </c>
      <c r="N22937" s="5" t="s">
        <v>1521</v>
      </c>
      <c r="O22937" s="5" t="s">
        <v>38</v>
      </c>
      <c r="P22937" s="5" t="s">
        <v>39</v>
      </c>
      <c r="Q22937" s="5" t="s">
        <v>40</v>
      </c>
      <c r="R22937" s="5" t="s">
        <v>1522</v>
      </c>
      <c r="S22937" s="5" t="s">
        <v>1523</v>
      </c>
      <c r="T22937" s="5" t="s">
        <v>42</v>
      </c>
      <c r="U22937" s="2">
        <v>2.6019999999999999</v>
      </c>
      <c r="V22937" s="2">
        <v>2.0449999999999999</v>
      </c>
      <c r="W22937" s="2">
        <v>1.4999999999999999E-2</v>
      </c>
      <c r="X22937" s="2">
        <v>118.9</v>
      </c>
      <c r="Y22937" s="2">
        <v>7.6</v>
      </c>
      <c r="Z22937" s="2">
        <v>16.7</v>
      </c>
      <c r="AA22937" s="5"/>
      <c r="AB22937" s="5" t="s">
        <v>43</v>
      </c>
      <c r="AC22937" s="5" t="s">
        <v>44</v>
      </c>
      <c r="AD22937" s="2"/>
      <c r="AE22937" s="1"/>
    </row>
    <row r="22938" spans="1:31" ht="14.45">
      <c r="A22938" s="11"/>
      <c r="B22938" s="20"/>
      <c r="C22938" s="2" t="s">
        <v>73693</v>
      </c>
      <c r="D22938" s="14" t="s">
        <v>73694</v>
      </c>
      <c r="E22938" s="2" t="s">
        <v>73695</v>
      </c>
      <c r="F22938" s="2" t="s">
        <v>7396</v>
      </c>
      <c r="G22938" s="8">
        <v>243</v>
      </c>
      <c r="H22938" s="5">
        <v>6</v>
      </c>
      <c r="I22938" s="5" t="s">
        <v>1518</v>
      </c>
      <c r="J22938" s="5" t="s">
        <v>69038</v>
      </c>
      <c r="K22938" s="2" t="s">
        <v>69039</v>
      </c>
      <c r="L22938" s="5" t="s">
        <v>69038</v>
      </c>
      <c r="M22938" s="2" t="s">
        <v>69039</v>
      </c>
      <c r="N22938" s="5" t="s">
        <v>1521</v>
      </c>
      <c r="O22938" s="5" t="s">
        <v>38</v>
      </c>
      <c r="P22938" s="5" t="s">
        <v>39</v>
      </c>
      <c r="Q22938" s="5" t="s">
        <v>40</v>
      </c>
      <c r="R22938" s="5" t="s">
        <v>1522</v>
      </c>
      <c r="S22938" s="5" t="s">
        <v>1523</v>
      </c>
      <c r="T22938" s="5" t="s">
        <v>42</v>
      </c>
      <c r="U22938" s="2">
        <v>2.5249999999999999</v>
      </c>
      <c r="V22938" s="2">
        <v>1.968</v>
      </c>
      <c r="W22938" s="2">
        <v>1.4999999999999999E-2</v>
      </c>
      <c r="X22938" s="2">
        <v>118.9</v>
      </c>
      <c r="Y22938" s="2">
        <v>7.6</v>
      </c>
      <c r="Z22938" s="2">
        <v>16.7</v>
      </c>
      <c r="AA22938" s="5"/>
      <c r="AB22938" s="5" t="s">
        <v>43</v>
      </c>
      <c r="AC22938" s="5" t="s">
        <v>44</v>
      </c>
      <c r="AD22938" s="2"/>
      <c r="AE22938" s="1"/>
    </row>
    <row r="22939" spans="1:31" ht="14.45">
      <c r="A22939" s="11"/>
      <c r="B22939" s="20"/>
      <c r="C22939" s="2" t="s">
        <v>73696</v>
      </c>
      <c r="D22939" s="14" t="s">
        <v>73697</v>
      </c>
      <c r="E22939" s="2" t="s">
        <v>73698</v>
      </c>
      <c r="F22939" s="2" t="s">
        <v>7507</v>
      </c>
      <c r="G22939" s="8">
        <v>243</v>
      </c>
      <c r="H22939" s="5">
        <v>6</v>
      </c>
      <c r="I22939" s="5" t="s">
        <v>1518</v>
      </c>
      <c r="J22939" s="5" t="s">
        <v>69038</v>
      </c>
      <c r="K22939" s="2" t="s">
        <v>69039</v>
      </c>
      <c r="L22939" s="5" t="s">
        <v>69038</v>
      </c>
      <c r="M22939" s="2" t="s">
        <v>69039</v>
      </c>
      <c r="N22939" s="5" t="s">
        <v>1521</v>
      </c>
      <c r="O22939" s="5" t="s">
        <v>38</v>
      </c>
      <c r="P22939" s="5" t="s">
        <v>39</v>
      </c>
      <c r="Q22939" s="5" t="s">
        <v>40</v>
      </c>
      <c r="R22939" s="5" t="s">
        <v>1522</v>
      </c>
      <c r="S22939" s="5" t="s">
        <v>1523</v>
      </c>
      <c r="T22939" s="5" t="s">
        <v>42</v>
      </c>
      <c r="U22939" s="2">
        <v>2.6019999999999999</v>
      </c>
      <c r="V22939" s="2">
        <v>2.0449999999999999</v>
      </c>
      <c r="W22939" s="2">
        <v>1.4999999999999999E-2</v>
      </c>
      <c r="X22939" s="2">
        <v>118.9</v>
      </c>
      <c r="Y22939" s="2">
        <v>7.6</v>
      </c>
      <c r="Z22939" s="2">
        <v>16.7</v>
      </c>
      <c r="AA22939" s="5"/>
      <c r="AB22939" s="5" t="s">
        <v>43</v>
      </c>
      <c r="AC22939" s="5" t="s">
        <v>44</v>
      </c>
      <c r="AD22939" s="2"/>
      <c r="AE22939" s="1"/>
    </row>
    <row r="22940" spans="1:31" ht="14.45">
      <c r="A22940" s="11"/>
      <c r="B22940" s="20"/>
      <c r="C22940" s="2" t="s">
        <v>73699</v>
      </c>
      <c r="D22940" s="14" t="s">
        <v>73700</v>
      </c>
      <c r="E22940" s="2" t="s">
        <v>73701</v>
      </c>
      <c r="F22940" s="2" t="s">
        <v>7547</v>
      </c>
      <c r="G22940" s="8">
        <v>259</v>
      </c>
      <c r="H22940" s="5">
        <v>6</v>
      </c>
      <c r="I22940" s="5" t="s">
        <v>1518</v>
      </c>
      <c r="J22940" s="5" t="s">
        <v>69038</v>
      </c>
      <c r="K22940" s="2" t="s">
        <v>69039</v>
      </c>
      <c r="L22940" s="5" t="s">
        <v>69038</v>
      </c>
      <c r="M22940" s="2" t="s">
        <v>69039</v>
      </c>
      <c r="N22940" s="5" t="s">
        <v>1521</v>
      </c>
      <c r="O22940" s="5" t="s">
        <v>38</v>
      </c>
      <c r="P22940" s="5" t="s">
        <v>39</v>
      </c>
      <c r="Q22940" s="5" t="s">
        <v>40</v>
      </c>
      <c r="R22940" s="5" t="s">
        <v>1522</v>
      </c>
      <c r="S22940" s="5" t="s">
        <v>1523</v>
      </c>
      <c r="T22940" s="5" t="s">
        <v>42</v>
      </c>
      <c r="U22940" s="2">
        <v>2.5249999999999999</v>
      </c>
      <c r="V22940" s="2">
        <v>1.968</v>
      </c>
      <c r="W22940" s="2">
        <v>1.4999999999999999E-2</v>
      </c>
      <c r="X22940" s="2">
        <v>118.9</v>
      </c>
      <c r="Y22940" s="2">
        <v>7.6</v>
      </c>
      <c r="Z22940" s="2">
        <v>16.7</v>
      </c>
      <c r="AA22940" s="5"/>
      <c r="AB22940" s="5" t="s">
        <v>43</v>
      </c>
      <c r="AC22940" s="5" t="s">
        <v>44</v>
      </c>
      <c r="AD22940" s="2"/>
      <c r="AE22940" s="1"/>
    </row>
    <row r="22941" spans="1:31" ht="14.45">
      <c r="A22941" s="11"/>
      <c r="B22941" s="20"/>
      <c r="C22941" s="2" t="s">
        <v>73702</v>
      </c>
      <c r="D22941" s="14" t="s">
        <v>73703</v>
      </c>
      <c r="E22941" s="2" t="s">
        <v>73704</v>
      </c>
      <c r="F22941" s="2" t="s">
        <v>7563</v>
      </c>
      <c r="G22941" s="8">
        <v>259</v>
      </c>
      <c r="H22941" s="5">
        <v>6</v>
      </c>
      <c r="I22941" s="5" t="s">
        <v>1518</v>
      </c>
      <c r="J22941" s="5" t="s">
        <v>69038</v>
      </c>
      <c r="K22941" s="2" t="s">
        <v>69039</v>
      </c>
      <c r="L22941" s="5" t="s">
        <v>69038</v>
      </c>
      <c r="M22941" s="2" t="s">
        <v>69039</v>
      </c>
      <c r="N22941" s="5" t="s">
        <v>1521</v>
      </c>
      <c r="O22941" s="5" t="s">
        <v>38</v>
      </c>
      <c r="P22941" s="5" t="s">
        <v>39</v>
      </c>
      <c r="Q22941" s="5" t="s">
        <v>40</v>
      </c>
      <c r="R22941" s="5" t="s">
        <v>1522</v>
      </c>
      <c r="S22941" s="5" t="s">
        <v>1523</v>
      </c>
      <c r="T22941" s="5" t="s">
        <v>42</v>
      </c>
      <c r="U22941" s="2">
        <v>2.5249999999999999</v>
      </c>
      <c r="V22941" s="2">
        <v>1.968</v>
      </c>
      <c r="W22941" s="2">
        <v>1.4999999999999999E-2</v>
      </c>
      <c r="X22941" s="2">
        <v>118.9</v>
      </c>
      <c r="Y22941" s="2">
        <v>7.6</v>
      </c>
      <c r="Z22941" s="2">
        <v>16.7</v>
      </c>
      <c r="AA22941" s="5"/>
      <c r="AB22941" s="5" t="s">
        <v>43</v>
      </c>
      <c r="AC22941" s="5" t="s">
        <v>44</v>
      </c>
      <c r="AD22941" s="2"/>
      <c r="AE22941" s="1"/>
    </row>
    <row r="22942" spans="1:31" ht="14.45">
      <c r="A22942" s="11"/>
      <c r="B22942" s="20"/>
      <c r="C22942" s="2" t="s">
        <v>73705</v>
      </c>
      <c r="D22942" s="14" t="s">
        <v>73706</v>
      </c>
      <c r="E22942" s="2" t="s">
        <v>73707</v>
      </c>
      <c r="F22942" s="2" t="s">
        <v>7567</v>
      </c>
      <c r="G22942" s="8">
        <v>259</v>
      </c>
      <c r="H22942" s="5">
        <v>6</v>
      </c>
      <c r="I22942" s="5" t="s">
        <v>1518</v>
      </c>
      <c r="J22942" s="5" t="s">
        <v>69038</v>
      </c>
      <c r="K22942" s="2" t="s">
        <v>69039</v>
      </c>
      <c r="L22942" s="5" t="s">
        <v>69038</v>
      </c>
      <c r="M22942" s="2" t="s">
        <v>69039</v>
      </c>
      <c r="N22942" s="5" t="s">
        <v>1521</v>
      </c>
      <c r="O22942" s="5" t="s">
        <v>38</v>
      </c>
      <c r="P22942" s="5" t="s">
        <v>39</v>
      </c>
      <c r="Q22942" s="5" t="s">
        <v>40</v>
      </c>
      <c r="R22942" s="5" t="s">
        <v>1522</v>
      </c>
      <c r="S22942" s="5" t="s">
        <v>1523</v>
      </c>
      <c r="T22942" s="5" t="s">
        <v>42</v>
      </c>
      <c r="U22942" s="2">
        <v>2.6019999999999999</v>
      </c>
      <c r="V22942" s="2">
        <v>2.0449999999999999</v>
      </c>
      <c r="W22942" s="2">
        <v>1.4999999999999999E-2</v>
      </c>
      <c r="X22942" s="2">
        <v>118.9</v>
      </c>
      <c r="Y22942" s="2">
        <v>7.6</v>
      </c>
      <c r="Z22942" s="2">
        <v>16.7</v>
      </c>
      <c r="AA22942" s="5"/>
      <c r="AB22942" s="5" t="s">
        <v>43</v>
      </c>
      <c r="AC22942" s="5" t="s">
        <v>44</v>
      </c>
      <c r="AD22942" s="2"/>
      <c r="AE22942" s="1"/>
    </row>
    <row r="22943" spans="1:31" ht="14.45">
      <c r="A22943" s="11"/>
      <c r="B22943" s="20"/>
      <c r="C22943" s="2" t="s">
        <v>73708</v>
      </c>
      <c r="D22943" s="14" t="s">
        <v>73709</v>
      </c>
      <c r="E22943" s="2" t="s">
        <v>73710</v>
      </c>
      <c r="F22943" s="2" t="s">
        <v>7555</v>
      </c>
      <c r="G22943" s="8">
        <v>259</v>
      </c>
      <c r="H22943" s="5">
        <v>6</v>
      </c>
      <c r="I22943" s="5" t="s">
        <v>1518</v>
      </c>
      <c r="J22943" s="5" t="s">
        <v>69038</v>
      </c>
      <c r="K22943" s="2" t="s">
        <v>69039</v>
      </c>
      <c r="L22943" s="5" t="s">
        <v>69038</v>
      </c>
      <c r="M22943" s="2" t="s">
        <v>69039</v>
      </c>
      <c r="N22943" s="5" t="s">
        <v>1521</v>
      </c>
      <c r="O22943" s="5" t="s">
        <v>38</v>
      </c>
      <c r="P22943" s="5" t="s">
        <v>39</v>
      </c>
      <c r="Q22943" s="5" t="s">
        <v>40</v>
      </c>
      <c r="R22943" s="5" t="s">
        <v>1522</v>
      </c>
      <c r="S22943" s="5" t="s">
        <v>1523</v>
      </c>
      <c r="T22943" s="5" t="s">
        <v>42</v>
      </c>
      <c r="U22943" s="2">
        <v>2.5249999999999999</v>
      </c>
      <c r="V22943" s="2">
        <v>1.968</v>
      </c>
      <c r="W22943" s="2">
        <v>1.4999999999999999E-2</v>
      </c>
      <c r="X22943" s="2">
        <v>118.9</v>
      </c>
      <c r="Y22943" s="2">
        <v>7.6</v>
      </c>
      <c r="Z22943" s="2">
        <v>16.7</v>
      </c>
      <c r="AA22943" s="5"/>
      <c r="AB22943" s="5" t="s">
        <v>43</v>
      </c>
      <c r="AC22943" s="5" t="s">
        <v>44</v>
      </c>
      <c r="AD22943" s="2"/>
      <c r="AE22943" s="1"/>
    </row>
    <row r="22944" spans="1:31" ht="14.45">
      <c r="A22944" s="11"/>
      <c r="B22944" s="20"/>
      <c r="C22944" s="2" t="s">
        <v>73711</v>
      </c>
      <c r="D22944" s="14" t="s">
        <v>73712</v>
      </c>
      <c r="E22944" s="2" t="s">
        <v>73713</v>
      </c>
      <c r="F22944" s="2" t="s">
        <v>7559</v>
      </c>
      <c r="G22944" s="8">
        <v>259</v>
      </c>
      <c r="H22944" s="5">
        <v>6</v>
      </c>
      <c r="I22944" s="5" t="s">
        <v>1518</v>
      </c>
      <c r="J22944" s="5" t="s">
        <v>69038</v>
      </c>
      <c r="K22944" s="2" t="s">
        <v>69039</v>
      </c>
      <c r="L22944" s="5" t="s">
        <v>69038</v>
      </c>
      <c r="M22944" s="2" t="s">
        <v>69039</v>
      </c>
      <c r="N22944" s="5" t="s">
        <v>1521</v>
      </c>
      <c r="O22944" s="5" t="s">
        <v>38</v>
      </c>
      <c r="P22944" s="5" t="s">
        <v>39</v>
      </c>
      <c r="Q22944" s="5" t="s">
        <v>40</v>
      </c>
      <c r="R22944" s="5" t="s">
        <v>1522</v>
      </c>
      <c r="S22944" s="5" t="s">
        <v>1523</v>
      </c>
      <c r="T22944" s="5" t="s">
        <v>42</v>
      </c>
      <c r="U22944" s="2">
        <v>2.6019999999999999</v>
      </c>
      <c r="V22944" s="2">
        <v>2.0449999999999999</v>
      </c>
      <c r="W22944" s="2">
        <v>1.4999999999999999E-2</v>
      </c>
      <c r="X22944" s="2">
        <v>118.9</v>
      </c>
      <c r="Y22944" s="2">
        <v>7.6</v>
      </c>
      <c r="Z22944" s="2">
        <v>16.7</v>
      </c>
      <c r="AA22944" s="5"/>
      <c r="AB22944" s="5" t="s">
        <v>43</v>
      </c>
      <c r="AC22944" s="5" t="s">
        <v>44</v>
      </c>
      <c r="AD22944" s="2"/>
      <c r="AE22944" s="1"/>
    </row>
    <row r="22945" spans="1:31" ht="14.45">
      <c r="A22945" s="11"/>
      <c r="B22945" s="20"/>
      <c r="C22945" s="2" t="s">
        <v>73714</v>
      </c>
      <c r="D22945" s="14" t="s">
        <v>73715</v>
      </c>
      <c r="E22945" s="2" t="s">
        <v>73716</v>
      </c>
      <c r="F22945" s="2" t="s">
        <v>16079</v>
      </c>
      <c r="G22945" s="8">
        <v>259</v>
      </c>
      <c r="H22945" s="5">
        <v>6</v>
      </c>
      <c r="I22945" s="5" t="s">
        <v>1518</v>
      </c>
      <c r="J22945" s="5" t="s">
        <v>69038</v>
      </c>
      <c r="K22945" s="2" t="s">
        <v>69039</v>
      </c>
      <c r="L22945" s="5" t="s">
        <v>69038</v>
      </c>
      <c r="M22945" s="2" t="s">
        <v>69039</v>
      </c>
      <c r="N22945" s="5" t="s">
        <v>1521</v>
      </c>
      <c r="O22945" s="5" t="s">
        <v>38</v>
      </c>
      <c r="P22945" s="5" t="s">
        <v>39</v>
      </c>
      <c r="Q22945" s="5" t="s">
        <v>40</v>
      </c>
      <c r="R22945" s="5" t="s">
        <v>1522</v>
      </c>
      <c r="S22945" s="5" t="s">
        <v>1523</v>
      </c>
      <c r="T22945" s="5" t="s">
        <v>42</v>
      </c>
      <c r="U22945" s="2">
        <v>2.5249999999999999</v>
      </c>
      <c r="V22945" s="2">
        <v>1.968</v>
      </c>
      <c r="W22945" s="2">
        <v>1.4999999999999999E-2</v>
      </c>
      <c r="X22945" s="2">
        <v>118.9</v>
      </c>
      <c r="Y22945" s="2">
        <v>7.6</v>
      </c>
      <c r="Z22945" s="2">
        <v>16.7</v>
      </c>
      <c r="AA22945" s="5"/>
      <c r="AB22945" s="5" t="s">
        <v>43</v>
      </c>
      <c r="AC22945" s="5" t="s">
        <v>44</v>
      </c>
      <c r="AD22945" s="2"/>
      <c r="AE22945" s="1"/>
    </row>
    <row r="22946" spans="1:31" ht="14.45">
      <c r="A22946" s="11"/>
      <c r="B22946" s="20"/>
      <c r="C22946" s="2" t="s">
        <v>73717</v>
      </c>
      <c r="D22946" s="14" t="s">
        <v>73718</v>
      </c>
      <c r="E22946" s="2" t="s">
        <v>73719</v>
      </c>
      <c r="F22946" s="2" t="s">
        <v>16194</v>
      </c>
      <c r="G22946" s="8">
        <v>259</v>
      </c>
      <c r="H22946" s="5">
        <v>6</v>
      </c>
      <c r="I22946" s="5" t="s">
        <v>1518</v>
      </c>
      <c r="J22946" s="5" t="s">
        <v>69038</v>
      </c>
      <c r="K22946" s="2" t="s">
        <v>69039</v>
      </c>
      <c r="L22946" s="5" t="s">
        <v>69038</v>
      </c>
      <c r="M22946" s="2" t="s">
        <v>69039</v>
      </c>
      <c r="N22946" s="5" t="s">
        <v>1521</v>
      </c>
      <c r="O22946" s="5" t="s">
        <v>38</v>
      </c>
      <c r="P22946" s="5" t="s">
        <v>39</v>
      </c>
      <c r="Q22946" s="5" t="s">
        <v>40</v>
      </c>
      <c r="R22946" s="5" t="s">
        <v>1522</v>
      </c>
      <c r="S22946" s="5" t="s">
        <v>1523</v>
      </c>
      <c r="T22946" s="5" t="s">
        <v>42</v>
      </c>
      <c r="U22946" s="2">
        <v>2.6019999999999999</v>
      </c>
      <c r="V22946" s="2">
        <v>2.0449999999999999</v>
      </c>
      <c r="W22946" s="2">
        <v>1.4999999999999999E-2</v>
      </c>
      <c r="X22946" s="2">
        <v>118.9</v>
      </c>
      <c r="Y22946" s="2">
        <v>7.6</v>
      </c>
      <c r="Z22946" s="2">
        <v>16.7</v>
      </c>
      <c r="AA22946" s="5"/>
      <c r="AB22946" s="5" t="s">
        <v>43</v>
      </c>
      <c r="AC22946" s="5" t="s">
        <v>44</v>
      </c>
      <c r="AD22946" s="2"/>
      <c r="AE22946" s="1"/>
    </row>
    <row r="22947" spans="1:31" ht="14.45">
      <c r="A22947" s="11"/>
      <c r="B22947" s="20"/>
      <c r="C22947" s="2" t="s">
        <v>73720</v>
      </c>
      <c r="D22947" s="14" t="s">
        <v>73721</v>
      </c>
      <c r="E22947" s="2" t="s">
        <v>73722</v>
      </c>
      <c r="F22947" s="2" t="s">
        <v>7449</v>
      </c>
      <c r="G22947" s="8">
        <v>259</v>
      </c>
      <c r="H22947" s="5">
        <v>6</v>
      </c>
      <c r="I22947" s="5" t="s">
        <v>1518</v>
      </c>
      <c r="J22947" s="5" t="s">
        <v>69038</v>
      </c>
      <c r="K22947" s="2" t="s">
        <v>69039</v>
      </c>
      <c r="L22947" s="5" t="s">
        <v>69038</v>
      </c>
      <c r="M22947" s="2" t="s">
        <v>69039</v>
      </c>
      <c r="N22947" s="5" t="s">
        <v>1521</v>
      </c>
      <c r="O22947" s="5" t="s">
        <v>38</v>
      </c>
      <c r="P22947" s="5" t="s">
        <v>39</v>
      </c>
      <c r="Q22947" s="5" t="s">
        <v>40</v>
      </c>
      <c r="R22947" s="5" t="s">
        <v>1522</v>
      </c>
      <c r="S22947" s="5" t="s">
        <v>1523</v>
      </c>
      <c r="T22947" s="5" t="s">
        <v>42</v>
      </c>
      <c r="U22947" s="2">
        <v>2.5249999999999999</v>
      </c>
      <c r="V22947" s="2">
        <v>1.968</v>
      </c>
      <c r="W22947" s="2">
        <v>1.4999999999999999E-2</v>
      </c>
      <c r="X22947" s="2">
        <v>118.9</v>
      </c>
      <c r="Y22947" s="2">
        <v>7.6</v>
      </c>
      <c r="Z22947" s="2">
        <v>16.7</v>
      </c>
      <c r="AA22947" s="5"/>
      <c r="AB22947" s="5" t="s">
        <v>43</v>
      </c>
      <c r="AC22947" s="5" t="s">
        <v>44</v>
      </c>
      <c r="AD22947" s="2"/>
      <c r="AE22947" s="1"/>
    </row>
    <row r="22948" spans="1:31" ht="14.45">
      <c r="A22948" s="11"/>
      <c r="B22948" s="20"/>
      <c r="C22948" s="2" t="s">
        <v>73723</v>
      </c>
      <c r="D22948" s="14" t="s">
        <v>73724</v>
      </c>
      <c r="E22948" s="2" t="s">
        <v>73725</v>
      </c>
      <c r="F22948" s="2" t="s">
        <v>7581</v>
      </c>
      <c r="G22948" s="8">
        <v>259</v>
      </c>
      <c r="H22948" s="5">
        <v>6</v>
      </c>
      <c r="I22948" s="5" t="s">
        <v>1518</v>
      </c>
      <c r="J22948" s="5" t="s">
        <v>69038</v>
      </c>
      <c r="K22948" s="2" t="s">
        <v>69039</v>
      </c>
      <c r="L22948" s="5" t="s">
        <v>69038</v>
      </c>
      <c r="M22948" s="2" t="s">
        <v>69039</v>
      </c>
      <c r="N22948" s="5" t="s">
        <v>1521</v>
      </c>
      <c r="O22948" s="5" t="s">
        <v>38</v>
      </c>
      <c r="P22948" s="5" t="s">
        <v>39</v>
      </c>
      <c r="Q22948" s="5" t="s">
        <v>40</v>
      </c>
      <c r="R22948" s="5" t="s">
        <v>1522</v>
      </c>
      <c r="S22948" s="5" t="s">
        <v>1523</v>
      </c>
      <c r="T22948" s="5" t="s">
        <v>42</v>
      </c>
      <c r="U22948" s="2">
        <v>2.6019999999999999</v>
      </c>
      <c r="V22948" s="2">
        <v>2.0449999999999999</v>
      </c>
      <c r="W22948" s="2">
        <v>1.4999999999999999E-2</v>
      </c>
      <c r="X22948" s="2">
        <v>118.9</v>
      </c>
      <c r="Y22948" s="2">
        <v>7.6</v>
      </c>
      <c r="Z22948" s="2">
        <v>16.7</v>
      </c>
      <c r="AA22948" s="5"/>
      <c r="AB22948" s="5" t="s">
        <v>43</v>
      </c>
      <c r="AC22948" s="5" t="s">
        <v>44</v>
      </c>
      <c r="AD22948" s="2"/>
      <c r="AE22948" s="1"/>
    </row>
    <row r="22949" spans="1:31" ht="14.45">
      <c r="A22949" s="11"/>
      <c r="B22949" s="20"/>
      <c r="C22949" s="2" t="s">
        <v>73726</v>
      </c>
      <c r="D22949" s="14" t="s">
        <v>73727</v>
      </c>
      <c r="E22949" s="2" t="s">
        <v>73728</v>
      </c>
      <c r="F22949" s="2" t="s">
        <v>7589</v>
      </c>
      <c r="G22949" s="8">
        <v>259</v>
      </c>
      <c r="H22949" s="5">
        <v>6</v>
      </c>
      <c r="I22949" s="5" t="s">
        <v>1518</v>
      </c>
      <c r="J22949" s="5" t="s">
        <v>69038</v>
      </c>
      <c r="K22949" s="2" t="s">
        <v>69039</v>
      </c>
      <c r="L22949" s="5" t="s">
        <v>69038</v>
      </c>
      <c r="M22949" s="2" t="s">
        <v>69039</v>
      </c>
      <c r="N22949" s="5" t="s">
        <v>1521</v>
      </c>
      <c r="O22949" s="5" t="s">
        <v>38</v>
      </c>
      <c r="P22949" s="5" t="s">
        <v>39</v>
      </c>
      <c r="Q22949" s="5" t="s">
        <v>40</v>
      </c>
      <c r="R22949" s="5" t="s">
        <v>1522</v>
      </c>
      <c r="S22949" s="5" t="s">
        <v>1523</v>
      </c>
      <c r="T22949" s="5" t="s">
        <v>42</v>
      </c>
      <c r="U22949" s="2">
        <v>2.6019999999999999</v>
      </c>
      <c r="V22949" s="2">
        <v>2.0449999999999999</v>
      </c>
      <c r="W22949" s="2">
        <v>1.4999999999999999E-2</v>
      </c>
      <c r="X22949" s="2">
        <v>118.9</v>
      </c>
      <c r="Y22949" s="2">
        <v>7.6</v>
      </c>
      <c r="Z22949" s="2">
        <v>16.7</v>
      </c>
      <c r="AA22949" s="5"/>
      <c r="AB22949" s="5" t="s">
        <v>43</v>
      </c>
      <c r="AC22949" s="5" t="s">
        <v>44</v>
      </c>
      <c r="AD22949" s="2"/>
      <c r="AE22949" s="1"/>
    </row>
    <row r="22950" spans="1:31" ht="14.45">
      <c r="A22950" s="11"/>
      <c r="B22950" s="20"/>
      <c r="C22950" s="2" t="s">
        <v>73729</v>
      </c>
      <c r="D22950" s="14" t="s">
        <v>73730</v>
      </c>
      <c r="E22950" s="2" t="s">
        <v>73731</v>
      </c>
      <c r="F22950" s="2" t="s">
        <v>7597</v>
      </c>
      <c r="G22950" s="8">
        <v>259</v>
      </c>
      <c r="H22950" s="5">
        <v>6</v>
      </c>
      <c r="I22950" s="5" t="s">
        <v>1518</v>
      </c>
      <c r="J22950" s="5" t="s">
        <v>69038</v>
      </c>
      <c r="K22950" s="2" t="s">
        <v>69039</v>
      </c>
      <c r="L22950" s="5" t="s">
        <v>69038</v>
      </c>
      <c r="M22950" s="2" t="s">
        <v>69039</v>
      </c>
      <c r="N22950" s="5" t="s">
        <v>1521</v>
      </c>
      <c r="O22950" s="5" t="s">
        <v>38</v>
      </c>
      <c r="P22950" s="5" t="s">
        <v>39</v>
      </c>
      <c r="Q22950" s="5" t="s">
        <v>40</v>
      </c>
      <c r="R22950" s="5" t="s">
        <v>1522</v>
      </c>
      <c r="S22950" s="5" t="s">
        <v>1523</v>
      </c>
      <c r="T22950" s="5" t="s">
        <v>42</v>
      </c>
      <c r="U22950" s="2">
        <v>2.6019999999999999</v>
      </c>
      <c r="V22950" s="2">
        <v>2.0449999999999999</v>
      </c>
      <c r="W22950" s="2">
        <v>1.4999999999999999E-2</v>
      </c>
      <c r="X22950" s="2">
        <v>118.9</v>
      </c>
      <c r="Y22950" s="2">
        <v>7.6</v>
      </c>
      <c r="Z22950" s="2">
        <v>16.7</v>
      </c>
      <c r="AA22950" s="5"/>
      <c r="AB22950" s="5" t="s">
        <v>43</v>
      </c>
      <c r="AC22950" s="5" t="s">
        <v>44</v>
      </c>
      <c r="AD22950" s="2"/>
      <c r="AE22950" s="1"/>
    </row>
    <row r="22951" spans="1:31" ht="14.45">
      <c r="A22951" s="11"/>
      <c r="B22951" s="20"/>
      <c r="C22951" s="2" t="s">
        <v>73732</v>
      </c>
      <c r="D22951" s="14" t="s">
        <v>73733</v>
      </c>
      <c r="E22951" s="2" t="s">
        <v>73734</v>
      </c>
      <c r="F22951" s="2" t="s">
        <v>73358</v>
      </c>
      <c r="G22951" s="8">
        <v>259</v>
      </c>
      <c r="H22951" s="5">
        <v>6</v>
      </c>
      <c r="I22951" s="5" t="s">
        <v>1518</v>
      </c>
      <c r="J22951" s="5" t="s">
        <v>69038</v>
      </c>
      <c r="K22951" s="2" t="s">
        <v>69039</v>
      </c>
      <c r="L22951" s="5" t="s">
        <v>69038</v>
      </c>
      <c r="M22951" s="2" t="s">
        <v>69039</v>
      </c>
      <c r="N22951" s="5" t="s">
        <v>1521</v>
      </c>
      <c r="O22951" s="5" t="s">
        <v>38</v>
      </c>
      <c r="P22951" s="5" t="s">
        <v>39</v>
      </c>
      <c r="Q22951" s="5" t="s">
        <v>40</v>
      </c>
      <c r="R22951" s="5" t="s">
        <v>1522</v>
      </c>
      <c r="S22951" s="5" t="s">
        <v>1523</v>
      </c>
      <c r="T22951" s="5" t="s">
        <v>42</v>
      </c>
      <c r="U22951" s="2">
        <v>2.5249999999999999</v>
      </c>
      <c r="V22951" s="2">
        <v>1.968</v>
      </c>
      <c r="W22951" s="2">
        <v>1.4999999999999999E-2</v>
      </c>
      <c r="X22951" s="2">
        <v>118.9</v>
      </c>
      <c r="Y22951" s="2">
        <v>7.6</v>
      </c>
      <c r="Z22951" s="2">
        <v>16.7</v>
      </c>
      <c r="AA22951" s="5"/>
      <c r="AB22951" s="5" t="s">
        <v>43</v>
      </c>
      <c r="AC22951" s="5" t="s">
        <v>44</v>
      </c>
      <c r="AD22951" s="2"/>
      <c r="AE22951" s="1"/>
    </row>
    <row r="22952" spans="1:31" ht="14.45">
      <c r="A22952" s="11"/>
      <c r="B22952" s="20"/>
      <c r="C22952" s="2" t="s">
        <v>73735</v>
      </c>
      <c r="D22952" s="14" t="s">
        <v>73736</v>
      </c>
      <c r="E22952" s="2" t="s">
        <v>73737</v>
      </c>
      <c r="F22952" s="2" t="s">
        <v>73362</v>
      </c>
      <c r="G22952" s="8">
        <v>259</v>
      </c>
      <c r="H22952" s="5">
        <v>6</v>
      </c>
      <c r="I22952" s="5" t="s">
        <v>1518</v>
      </c>
      <c r="J22952" s="5" t="s">
        <v>69038</v>
      </c>
      <c r="K22952" s="2" t="s">
        <v>69039</v>
      </c>
      <c r="L22952" s="5" t="s">
        <v>69038</v>
      </c>
      <c r="M22952" s="2" t="s">
        <v>69039</v>
      </c>
      <c r="N22952" s="5" t="s">
        <v>1521</v>
      </c>
      <c r="O22952" s="5" t="s">
        <v>38</v>
      </c>
      <c r="P22952" s="5" t="s">
        <v>39</v>
      </c>
      <c r="Q22952" s="5" t="s">
        <v>40</v>
      </c>
      <c r="R22952" s="5" t="s">
        <v>1522</v>
      </c>
      <c r="S22952" s="5" t="s">
        <v>1523</v>
      </c>
      <c r="T22952" s="5" t="s">
        <v>42</v>
      </c>
      <c r="U22952" s="2">
        <v>2.6019999999999999</v>
      </c>
      <c r="V22952" s="2">
        <v>2.0449999999999999</v>
      </c>
      <c r="W22952" s="2">
        <v>1.4999999999999999E-2</v>
      </c>
      <c r="X22952" s="2">
        <v>118.9</v>
      </c>
      <c r="Y22952" s="2">
        <v>7.6</v>
      </c>
      <c r="Z22952" s="2">
        <v>16.7</v>
      </c>
      <c r="AA22952" s="5"/>
      <c r="AB22952" s="5" t="s">
        <v>43</v>
      </c>
      <c r="AC22952" s="5" t="s">
        <v>44</v>
      </c>
      <c r="AD22952" s="2"/>
      <c r="AE22952" s="1"/>
    </row>
    <row r="22953" spans="1:31" ht="14.45">
      <c r="A22953" s="11"/>
      <c r="B22953" s="20"/>
      <c r="C22953" s="2" t="s">
        <v>73738</v>
      </c>
      <c r="D22953" s="14" t="s">
        <v>73739</v>
      </c>
      <c r="E22953" s="2" t="s">
        <v>73740</v>
      </c>
      <c r="F22953" s="2" t="s">
        <v>7615</v>
      </c>
      <c r="G22953" s="8">
        <v>259</v>
      </c>
      <c r="H22953" s="5">
        <v>6</v>
      </c>
      <c r="I22953" s="5" t="s">
        <v>1518</v>
      </c>
      <c r="J22953" s="5" t="s">
        <v>69038</v>
      </c>
      <c r="K22953" s="2" t="s">
        <v>69039</v>
      </c>
      <c r="L22953" s="5" t="s">
        <v>69038</v>
      </c>
      <c r="M22953" s="2" t="s">
        <v>69039</v>
      </c>
      <c r="N22953" s="5" t="s">
        <v>1521</v>
      </c>
      <c r="O22953" s="5" t="s">
        <v>38</v>
      </c>
      <c r="P22953" s="5" t="s">
        <v>39</v>
      </c>
      <c r="Q22953" s="5" t="s">
        <v>40</v>
      </c>
      <c r="R22953" s="5" t="s">
        <v>1522</v>
      </c>
      <c r="S22953" s="5" t="s">
        <v>1523</v>
      </c>
      <c r="T22953" s="5" t="s">
        <v>42</v>
      </c>
      <c r="U22953" s="2">
        <v>2.5249999999999999</v>
      </c>
      <c r="V22953" s="2">
        <v>1.968</v>
      </c>
      <c r="W22953" s="2">
        <v>1.4999999999999999E-2</v>
      </c>
      <c r="X22953" s="2">
        <v>118.9</v>
      </c>
      <c r="Y22953" s="2">
        <v>7.6</v>
      </c>
      <c r="Z22953" s="2">
        <v>16.7</v>
      </c>
      <c r="AA22953" s="5"/>
      <c r="AB22953" s="5" t="s">
        <v>43</v>
      </c>
      <c r="AC22953" s="5" t="s">
        <v>44</v>
      </c>
      <c r="AD22953" s="2"/>
      <c r="AE22953" s="1"/>
    </row>
    <row r="22954" spans="1:31" ht="14.45">
      <c r="A22954" s="11"/>
      <c r="B22954" s="20"/>
      <c r="C22954" s="2" t="s">
        <v>73741</v>
      </c>
      <c r="D22954" s="14" t="s">
        <v>73742</v>
      </c>
      <c r="E22954" s="2" t="s">
        <v>73743</v>
      </c>
      <c r="F22954" s="2" t="s">
        <v>7619</v>
      </c>
      <c r="G22954" s="8">
        <v>259</v>
      </c>
      <c r="H22954" s="5">
        <v>6</v>
      </c>
      <c r="I22954" s="5" t="s">
        <v>1518</v>
      </c>
      <c r="J22954" s="5" t="s">
        <v>69038</v>
      </c>
      <c r="K22954" s="2" t="s">
        <v>69039</v>
      </c>
      <c r="L22954" s="5" t="s">
        <v>69038</v>
      </c>
      <c r="M22954" s="2" t="s">
        <v>69039</v>
      </c>
      <c r="N22954" s="5" t="s">
        <v>1521</v>
      </c>
      <c r="O22954" s="5" t="s">
        <v>38</v>
      </c>
      <c r="P22954" s="5" t="s">
        <v>39</v>
      </c>
      <c r="Q22954" s="5" t="s">
        <v>40</v>
      </c>
      <c r="R22954" s="5" t="s">
        <v>1522</v>
      </c>
      <c r="S22954" s="5" t="s">
        <v>1523</v>
      </c>
      <c r="T22954" s="5" t="s">
        <v>42</v>
      </c>
      <c r="U22954" s="2">
        <v>2.6019999999999999</v>
      </c>
      <c r="V22954" s="2">
        <v>2.0449999999999999</v>
      </c>
      <c r="W22954" s="2">
        <v>1.4999999999999999E-2</v>
      </c>
      <c r="X22954" s="2">
        <v>118.9</v>
      </c>
      <c r="Y22954" s="2">
        <v>7.6</v>
      </c>
      <c r="Z22954" s="2">
        <v>16.7</v>
      </c>
      <c r="AA22954" s="5"/>
      <c r="AB22954" s="5" t="s">
        <v>43</v>
      </c>
      <c r="AC22954" s="5" t="s">
        <v>44</v>
      </c>
      <c r="AD22954" s="2"/>
      <c r="AE22954" s="1"/>
    </row>
    <row r="22955" spans="1:31" ht="14.45">
      <c r="A22955" s="11"/>
      <c r="B22955" s="20"/>
      <c r="C22955" s="2" t="s">
        <v>73744</v>
      </c>
      <c r="D22955" s="14" t="s">
        <v>73745</v>
      </c>
      <c r="E22955" s="2" t="s">
        <v>73746</v>
      </c>
      <c r="F22955" s="2" t="s">
        <v>16014</v>
      </c>
      <c r="G22955" s="8">
        <v>259</v>
      </c>
      <c r="H22955" s="5">
        <v>6</v>
      </c>
      <c r="I22955" s="5" t="s">
        <v>1518</v>
      </c>
      <c r="J22955" s="5" t="s">
        <v>69038</v>
      </c>
      <c r="K22955" s="2" t="s">
        <v>69039</v>
      </c>
      <c r="L22955" s="5" t="s">
        <v>69038</v>
      </c>
      <c r="M22955" s="2" t="s">
        <v>69039</v>
      </c>
      <c r="N22955" s="5" t="s">
        <v>1521</v>
      </c>
      <c r="O22955" s="5" t="s">
        <v>38</v>
      </c>
      <c r="P22955" s="5" t="s">
        <v>39</v>
      </c>
      <c r="Q22955" s="5" t="s">
        <v>40</v>
      </c>
      <c r="R22955" s="5" t="s">
        <v>1522</v>
      </c>
      <c r="S22955" s="5" t="s">
        <v>1523</v>
      </c>
      <c r="T22955" s="5" t="s">
        <v>42</v>
      </c>
      <c r="U22955" s="2">
        <v>2.5249999999999999</v>
      </c>
      <c r="V22955" s="2">
        <v>1.968</v>
      </c>
      <c r="W22955" s="2">
        <v>1.4999999999999999E-2</v>
      </c>
      <c r="X22955" s="2">
        <v>118.9</v>
      </c>
      <c r="Y22955" s="2">
        <v>7.6</v>
      </c>
      <c r="Z22955" s="2">
        <v>16.7</v>
      </c>
      <c r="AA22955" s="5"/>
      <c r="AB22955" s="5" t="s">
        <v>43</v>
      </c>
      <c r="AC22955" s="5" t="s">
        <v>44</v>
      </c>
      <c r="AD22955" s="2"/>
      <c r="AE22955" s="1"/>
    </row>
    <row r="22956" spans="1:31" ht="14.45">
      <c r="A22956" s="11"/>
      <c r="B22956" s="20"/>
      <c r="C22956" s="2" t="s">
        <v>73747</v>
      </c>
      <c r="D22956" s="14" t="s">
        <v>73748</v>
      </c>
      <c r="E22956" s="2" t="s">
        <v>73749</v>
      </c>
      <c r="F22956" s="2" t="s">
        <v>16219</v>
      </c>
      <c r="G22956" s="8">
        <v>259</v>
      </c>
      <c r="H22956" s="5">
        <v>6</v>
      </c>
      <c r="I22956" s="5" t="s">
        <v>1518</v>
      </c>
      <c r="J22956" s="5" t="s">
        <v>69038</v>
      </c>
      <c r="K22956" s="2" t="s">
        <v>69039</v>
      </c>
      <c r="L22956" s="5" t="s">
        <v>69038</v>
      </c>
      <c r="M22956" s="2" t="s">
        <v>69039</v>
      </c>
      <c r="N22956" s="5" t="s">
        <v>1521</v>
      </c>
      <c r="O22956" s="5" t="s">
        <v>38</v>
      </c>
      <c r="P22956" s="5" t="s">
        <v>39</v>
      </c>
      <c r="Q22956" s="5" t="s">
        <v>40</v>
      </c>
      <c r="R22956" s="5" t="s">
        <v>1522</v>
      </c>
      <c r="S22956" s="5" t="s">
        <v>1523</v>
      </c>
      <c r="T22956" s="5" t="s">
        <v>42</v>
      </c>
      <c r="U22956" s="2">
        <v>2.6019999999999999</v>
      </c>
      <c r="V22956" s="2">
        <v>2.0449999999999999</v>
      </c>
      <c r="W22956" s="2">
        <v>1.4999999999999999E-2</v>
      </c>
      <c r="X22956" s="2">
        <v>118.9</v>
      </c>
      <c r="Y22956" s="2">
        <v>7.6</v>
      </c>
      <c r="Z22956" s="2">
        <v>16.7</v>
      </c>
      <c r="AA22956" s="5"/>
      <c r="AB22956" s="5" t="s">
        <v>43</v>
      </c>
      <c r="AC22956" s="5" t="s">
        <v>44</v>
      </c>
      <c r="AD22956" s="2"/>
      <c r="AE22956" s="1"/>
    </row>
    <row r="22957" spans="1:31" ht="14.45">
      <c r="A22957" s="11"/>
      <c r="B22957" s="20"/>
      <c r="C22957" s="2" t="s">
        <v>73750</v>
      </c>
      <c r="D22957" s="14" t="s">
        <v>73751</v>
      </c>
      <c r="E22957" s="2" t="s">
        <v>73752</v>
      </c>
      <c r="F22957" s="2" t="s">
        <v>7212</v>
      </c>
      <c r="G22957" s="8">
        <v>243</v>
      </c>
      <c r="H22957" s="5">
        <v>6</v>
      </c>
      <c r="I22957" s="5" t="s">
        <v>1518</v>
      </c>
      <c r="J22957" s="5" t="s">
        <v>69038</v>
      </c>
      <c r="K22957" s="2" t="s">
        <v>69039</v>
      </c>
      <c r="L22957" s="5" t="s">
        <v>69038</v>
      </c>
      <c r="M22957" s="2" t="s">
        <v>69039</v>
      </c>
      <c r="N22957" s="5" t="s">
        <v>1521</v>
      </c>
      <c r="O22957" s="5" t="s">
        <v>38</v>
      </c>
      <c r="P22957" s="5" t="s">
        <v>39</v>
      </c>
      <c r="Q22957" s="5" t="s">
        <v>40</v>
      </c>
      <c r="R22957" s="5" t="s">
        <v>1522</v>
      </c>
      <c r="S22957" s="5" t="s">
        <v>1523</v>
      </c>
      <c r="T22957" s="5" t="s">
        <v>42</v>
      </c>
      <c r="U22957" s="2">
        <v>2.5249999999999999</v>
      </c>
      <c r="V22957" s="2">
        <v>1.968</v>
      </c>
      <c r="W22957" s="2">
        <v>1.4999999999999999E-2</v>
      </c>
      <c r="X22957" s="2">
        <v>118.9</v>
      </c>
      <c r="Y22957" s="2">
        <v>7.6</v>
      </c>
      <c r="Z22957" s="2">
        <v>16.7</v>
      </c>
      <c r="AA22957" s="5"/>
      <c r="AB22957" s="5" t="s">
        <v>43</v>
      </c>
      <c r="AC22957" s="5" t="s">
        <v>44</v>
      </c>
      <c r="AD22957" s="2"/>
      <c r="AE22957" s="1"/>
    </row>
    <row r="22958" spans="1:31" ht="14.45">
      <c r="A22958" s="11"/>
      <c r="B22958" s="20"/>
      <c r="C22958" s="2" t="s">
        <v>73753</v>
      </c>
      <c r="D22958" s="14" t="s">
        <v>73754</v>
      </c>
      <c r="E22958" s="2" t="s">
        <v>73755</v>
      </c>
      <c r="F22958" s="2" t="s">
        <v>7528</v>
      </c>
      <c r="G22958" s="8">
        <v>243</v>
      </c>
      <c r="H22958" s="5">
        <v>6</v>
      </c>
      <c r="I22958" s="5" t="s">
        <v>1518</v>
      </c>
      <c r="J22958" s="5" t="s">
        <v>69038</v>
      </c>
      <c r="K22958" s="2" t="s">
        <v>69039</v>
      </c>
      <c r="L22958" s="5" t="s">
        <v>69038</v>
      </c>
      <c r="M22958" s="2" t="s">
        <v>69039</v>
      </c>
      <c r="N22958" s="5" t="s">
        <v>1521</v>
      </c>
      <c r="O22958" s="5" t="s">
        <v>38</v>
      </c>
      <c r="P22958" s="5" t="s">
        <v>39</v>
      </c>
      <c r="Q22958" s="5" t="s">
        <v>40</v>
      </c>
      <c r="R22958" s="5" t="s">
        <v>1522</v>
      </c>
      <c r="S22958" s="5" t="s">
        <v>1523</v>
      </c>
      <c r="T22958" s="5" t="s">
        <v>42</v>
      </c>
      <c r="U22958" s="2">
        <v>2.6019999999999999</v>
      </c>
      <c r="V22958" s="2">
        <v>2.0449999999999999</v>
      </c>
      <c r="W22958" s="2">
        <v>1.4999999999999999E-2</v>
      </c>
      <c r="X22958" s="2">
        <v>118.9</v>
      </c>
      <c r="Y22958" s="2">
        <v>7.6</v>
      </c>
      <c r="Z22958" s="2">
        <v>16.7</v>
      </c>
      <c r="AA22958" s="5"/>
      <c r="AB22958" s="5" t="s">
        <v>43</v>
      </c>
      <c r="AC22958" s="5" t="s">
        <v>44</v>
      </c>
      <c r="AD22958" s="2"/>
      <c r="AE22958" s="1"/>
    </row>
    <row r="22959" spans="1:31" ht="14.45">
      <c r="A22959" s="11"/>
      <c r="B22959" s="20"/>
      <c r="C22959" s="2" t="s">
        <v>73756</v>
      </c>
      <c r="D22959" s="14" t="s">
        <v>73757</v>
      </c>
      <c r="E22959" s="2" t="s">
        <v>73758</v>
      </c>
      <c r="F22959" s="2" t="s">
        <v>16029</v>
      </c>
      <c r="G22959" s="8">
        <v>259</v>
      </c>
      <c r="H22959" s="5">
        <v>6</v>
      </c>
      <c r="I22959" s="5" t="s">
        <v>1518</v>
      </c>
      <c r="J22959" s="5" t="s">
        <v>69038</v>
      </c>
      <c r="K22959" s="2" t="s">
        <v>69039</v>
      </c>
      <c r="L22959" s="5" t="s">
        <v>69038</v>
      </c>
      <c r="M22959" s="2" t="s">
        <v>69039</v>
      </c>
      <c r="N22959" s="5" t="s">
        <v>1521</v>
      </c>
      <c r="O22959" s="5" t="s">
        <v>38</v>
      </c>
      <c r="P22959" s="5" t="s">
        <v>39</v>
      </c>
      <c r="Q22959" s="5" t="s">
        <v>40</v>
      </c>
      <c r="R22959" s="5" t="s">
        <v>1522</v>
      </c>
      <c r="S22959" s="5" t="s">
        <v>1523</v>
      </c>
      <c r="T22959" s="5" t="s">
        <v>42</v>
      </c>
      <c r="U22959" s="2">
        <v>2.516</v>
      </c>
      <c r="V22959" s="2">
        <v>1.9590000000000001</v>
      </c>
      <c r="W22959" s="2">
        <v>1.4999999999999999E-2</v>
      </c>
      <c r="X22959" s="2">
        <v>118.9</v>
      </c>
      <c r="Y22959" s="2">
        <v>7.6</v>
      </c>
      <c r="Z22959" s="2">
        <v>16.7</v>
      </c>
      <c r="AA22959" s="5"/>
      <c r="AB22959" s="5" t="s">
        <v>43</v>
      </c>
      <c r="AC22959" s="5" t="s">
        <v>44</v>
      </c>
      <c r="AD22959" s="2"/>
      <c r="AE22959" s="1"/>
    </row>
    <row r="22960" spans="1:31" ht="14.45">
      <c r="A22960" s="11"/>
      <c r="B22960" s="20"/>
      <c r="C22960" s="2" t="s">
        <v>73759</v>
      </c>
      <c r="D22960" s="14" t="s">
        <v>73760</v>
      </c>
      <c r="E22960" s="2" t="s">
        <v>73761</v>
      </c>
      <c r="F22960" s="2" t="s">
        <v>16033</v>
      </c>
      <c r="G22960" s="8">
        <v>259</v>
      </c>
      <c r="H22960" s="5">
        <v>6</v>
      </c>
      <c r="I22960" s="5" t="s">
        <v>1518</v>
      </c>
      <c r="J22960" s="5" t="s">
        <v>69038</v>
      </c>
      <c r="K22960" s="2" t="s">
        <v>69039</v>
      </c>
      <c r="L22960" s="5" t="s">
        <v>69038</v>
      </c>
      <c r="M22960" s="2" t="s">
        <v>69039</v>
      </c>
      <c r="N22960" s="5" t="s">
        <v>1521</v>
      </c>
      <c r="O22960" s="5" t="s">
        <v>38</v>
      </c>
      <c r="P22960" s="5" t="s">
        <v>39</v>
      </c>
      <c r="Q22960" s="5" t="s">
        <v>40</v>
      </c>
      <c r="R22960" s="5" t="s">
        <v>1522</v>
      </c>
      <c r="S22960" s="5" t="s">
        <v>1523</v>
      </c>
      <c r="T22960" s="5" t="s">
        <v>42</v>
      </c>
      <c r="U22960" s="2">
        <v>2.593</v>
      </c>
      <c r="V22960" s="2">
        <v>2.036</v>
      </c>
      <c r="W22960" s="2">
        <v>1.4999999999999999E-2</v>
      </c>
      <c r="X22960" s="2">
        <v>118.9</v>
      </c>
      <c r="Y22960" s="2">
        <v>7.6</v>
      </c>
      <c r="Z22960" s="2">
        <v>16.7</v>
      </c>
      <c r="AA22960" s="5"/>
      <c r="AB22960" s="5" t="s">
        <v>43</v>
      </c>
      <c r="AC22960" s="5" t="s">
        <v>44</v>
      </c>
      <c r="AD22960" s="2"/>
      <c r="AE22960" s="1"/>
    </row>
    <row r="22961" spans="1:31" ht="14.45">
      <c r="A22961" s="11"/>
      <c r="B22961" s="20"/>
      <c r="C22961" s="2" t="s">
        <v>73762</v>
      </c>
      <c r="D22961" s="14" t="s">
        <v>73763</v>
      </c>
      <c r="E22961" s="2" t="s">
        <v>73764</v>
      </c>
      <c r="F22961" s="2" t="s">
        <v>7204</v>
      </c>
      <c r="G22961" s="8">
        <v>246</v>
      </c>
      <c r="H22961" s="5">
        <v>6</v>
      </c>
      <c r="I22961" s="5" t="s">
        <v>1518</v>
      </c>
      <c r="J22961" s="5" t="s">
        <v>69038</v>
      </c>
      <c r="K22961" s="2" t="s">
        <v>69039</v>
      </c>
      <c r="L22961" s="5" t="s">
        <v>69038</v>
      </c>
      <c r="M22961" s="2" t="s">
        <v>69039</v>
      </c>
      <c r="N22961" s="5" t="s">
        <v>1521</v>
      </c>
      <c r="O22961" s="5" t="s">
        <v>38</v>
      </c>
      <c r="P22961" s="5" t="s">
        <v>39</v>
      </c>
      <c r="Q22961" s="5" t="s">
        <v>40</v>
      </c>
      <c r="R22961" s="5" t="s">
        <v>1522</v>
      </c>
      <c r="S22961" s="5" t="s">
        <v>1523</v>
      </c>
      <c r="T22961" s="5" t="s">
        <v>42</v>
      </c>
      <c r="U22961" s="2">
        <v>2.7679999999999998</v>
      </c>
      <c r="V22961" s="2">
        <v>2.137</v>
      </c>
      <c r="W22961" s="2">
        <v>1.7999999999999999E-2</v>
      </c>
      <c r="X22961" s="2">
        <v>139.1</v>
      </c>
      <c r="Y22961" s="2">
        <v>7.6</v>
      </c>
      <c r="Z22961" s="2">
        <v>16.7</v>
      </c>
      <c r="AA22961" s="5"/>
      <c r="AB22961" s="5" t="s">
        <v>43</v>
      </c>
      <c r="AC22961" s="5" t="s">
        <v>44</v>
      </c>
      <c r="AD22961" s="2"/>
      <c r="AE22961" s="1"/>
    </row>
    <row r="22962" spans="1:31" ht="14.45">
      <c r="A22962" s="11"/>
      <c r="B22962" s="20"/>
      <c r="C22962" s="2" t="s">
        <v>73765</v>
      </c>
      <c r="D22962" s="14" t="s">
        <v>73766</v>
      </c>
      <c r="E22962" s="2" t="s">
        <v>73767</v>
      </c>
      <c r="F22962" s="2" t="s">
        <v>7514</v>
      </c>
      <c r="G22962" s="8">
        <v>246</v>
      </c>
      <c r="H22962" s="5">
        <v>6</v>
      </c>
      <c r="I22962" s="5" t="s">
        <v>1518</v>
      </c>
      <c r="J22962" s="5" t="s">
        <v>69038</v>
      </c>
      <c r="K22962" s="2" t="s">
        <v>69039</v>
      </c>
      <c r="L22962" s="5" t="s">
        <v>69038</v>
      </c>
      <c r="M22962" s="2" t="s">
        <v>69039</v>
      </c>
      <c r="N22962" s="5" t="s">
        <v>1521</v>
      </c>
      <c r="O22962" s="5" t="s">
        <v>38</v>
      </c>
      <c r="P22962" s="5" t="s">
        <v>39</v>
      </c>
      <c r="Q22962" s="5" t="s">
        <v>40</v>
      </c>
      <c r="R22962" s="5" t="s">
        <v>1522</v>
      </c>
      <c r="S22962" s="5" t="s">
        <v>1523</v>
      </c>
      <c r="T22962" s="5" t="s">
        <v>42</v>
      </c>
      <c r="U22962" s="2">
        <v>2.8570000000000002</v>
      </c>
      <c r="V22962" s="2">
        <v>2.226</v>
      </c>
      <c r="W22962" s="2">
        <v>1.7999999999999999E-2</v>
      </c>
      <c r="X22962" s="2">
        <v>139.1</v>
      </c>
      <c r="Y22962" s="2">
        <v>7.6</v>
      </c>
      <c r="Z22962" s="2">
        <v>16.7</v>
      </c>
      <c r="AA22962" s="5"/>
      <c r="AB22962" s="5" t="s">
        <v>43</v>
      </c>
      <c r="AC22962" s="5" t="s">
        <v>44</v>
      </c>
      <c r="AD22962" s="2"/>
      <c r="AE22962" s="1"/>
    </row>
    <row r="22963" spans="1:31" ht="14.45">
      <c r="A22963" s="11"/>
      <c r="B22963" s="20"/>
      <c r="C22963" s="2" t="s">
        <v>73768</v>
      </c>
      <c r="D22963" s="14" t="s">
        <v>73769</v>
      </c>
      <c r="E22963" s="2" t="s">
        <v>73770</v>
      </c>
      <c r="F22963" s="2" t="s">
        <v>7208</v>
      </c>
      <c r="G22963" s="8">
        <v>246</v>
      </c>
      <c r="H22963" s="5">
        <v>6</v>
      </c>
      <c r="I22963" s="5" t="s">
        <v>1518</v>
      </c>
      <c r="J22963" s="5" t="s">
        <v>69038</v>
      </c>
      <c r="K22963" s="2" t="s">
        <v>69039</v>
      </c>
      <c r="L22963" s="5" t="s">
        <v>69038</v>
      </c>
      <c r="M22963" s="2" t="s">
        <v>69039</v>
      </c>
      <c r="N22963" s="5" t="s">
        <v>1521</v>
      </c>
      <c r="O22963" s="5" t="s">
        <v>38</v>
      </c>
      <c r="P22963" s="5" t="s">
        <v>39</v>
      </c>
      <c r="Q22963" s="5" t="s">
        <v>40</v>
      </c>
      <c r="R22963" s="5" t="s">
        <v>1522</v>
      </c>
      <c r="S22963" s="5" t="s">
        <v>1523</v>
      </c>
      <c r="T22963" s="5" t="s">
        <v>42</v>
      </c>
      <c r="U22963" s="2">
        <v>2.7679999999999998</v>
      </c>
      <c r="V22963" s="2">
        <v>2.137</v>
      </c>
      <c r="W22963" s="2">
        <v>1.7999999999999999E-2</v>
      </c>
      <c r="X22963" s="2">
        <v>139.1</v>
      </c>
      <c r="Y22963" s="2">
        <v>7.6</v>
      </c>
      <c r="Z22963" s="2">
        <v>16.7</v>
      </c>
      <c r="AA22963" s="5"/>
      <c r="AB22963" s="5" t="s">
        <v>43</v>
      </c>
      <c r="AC22963" s="5" t="s">
        <v>44</v>
      </c>
      <c r="AD22963" s="2"/>
      <c r="AE22963" s="1"/>
    </row>
    <row r="22964" spans="1:31" ht="14.45">
      <c r="A22964" s="11"/>
      <c r="B22964" s="20"/>
      <c r="C22964" s="2" t="s">
        <v>73771</v>
      </c>
      <c r="D22964" s="14" t="s">
        <v>73772</v>
      </c>
      <c r="E22964" s="2" t="s">
        <v>73773</v>
      </c>
      <c r="F22964" s="2" t="s">
        <v>7521</v>
      </c>
      <c r="G22964" s="8">
        <v>246</v>
      </c>
      <c r="H22964" s="5">
        <v>6</v>
      </c>
      <c r="I22964" s="5" t="s">
        <v>1518</v>
      </c>
      <c r="J22964" s="5" t="s">
        <v>69038</v>
      </c>
      <c r="K22964" s="2" t="s">
        <v>69039</v>
      </c>
      <c r="L22964" s="5" t="s">
        <v>69038</v>
      </c>
      <c r="M22964" s="2" t="s">
        <v>69039</v>
      </c>
      <c r="N22964" s="5" t="s">
        <v>1521</v>
      </c>
      <c r="O22964" s="5" t="s">
        <v>38</v>
      </c>
      <c r="P22964" s="5" t="s">
        <v>39</v>
      </c>
      <c r="Q22964" s="5" t="s">
        <v>40</v>
      </c>
      <c r="R22964" s="5" t="s">
        <v>1522</v>
      </c>
      <c r="S22964" s="5" t="s">
        <v>1523</v>
      </c>
      <c r="T22964" s="5" t="s">
        <v>42</v>
      </c>
      <c r="U22964" s="2">
        <v>2.8570000000000002</v>
      </c>
      <c r="V22964" s="2">
        <v>2.226</v>
      </c>
      <c r="W22964" s="2">
        <v>1.7999999999999999E-2</v>
      </c>
      <c r="X22964" s="2">
        <v>139.1</v>
      </c>
      <c r="Y22964" s="2">
        <v>7.6</v>
      </c>
      <c r="Z22964" s="2">
        <v>16.7</v>
      </c>
      <c r="AA22964" s="5"/>
      <c r="AB22964" s="5" t="s">
        <v>43</v>
      </c>
      <c r="AC22964" s="5" t="s">
        <v>44</v>
      </c>
      <c r="AD22964" s="2"/>
      <c r="AE22964" s="1"/>
    </row>
    <row r="22965" spans="1:31" ht="14.45">
      <c r="A22965" s="11"/>
      <c r="B22965" s="20"/>
      <c r="C22965" s="2" t="s">
        <v>73774</v>
      </c>
      <c r="D22965" s="14" t="s">
        <v>73775</v>
      </c>
      <c r="E22965" s="2" t="s">
        <v>73776</v>
      </c>
      <c r="F22965" s="2" t="s">
        <v>7406</v>
      </c>
      <c r="G22965" s="8">
        <v>263</v>
      </c>
      <c r="H22965" s="5">
        <v>6</v>
      </c>
      <c r="I22965" s="5" t="s">
        <v>1518</v>
      </c>
      <c r="J22965" s="5" t="s">
        <v>69038</v>
      </c>
      <c r="K22965" s="2" t="s">
        <v>69039</v>
      </c>
      <c r="L22965" s="5" t="s">
        <v>69038</v>
      </c>
      <c r="M22965" s="2" t="s">
        <v>69039</v>
      </c>
      <c r="N22965" s="5" t="s">
        <v>1521</v>
      </c>
      <c r="O22965" s="5" t="s">
        <v>38</v>
      </c>
      <c r="P22965" s="5" t="s">
        <v>39</v>
      </c>
      <c r="Q22965" s="5" t="s">
        <v>40</v>
      </c>
      <c r="R22965" s="5" t="s">
        <v>1522</v>
      </c>
      <c r="S22965" s="5" t="s">
        <v>1523</v>
      </c>
      <c r="T22965" s="5" t="s">
        <v>42</v>
      </c>
      <c r="U22965" s="2">
        <v>2.7679999999999998</v>
      </c>
      <c r="V22965" s="2">
        <v>2.137</v>
      </c>
      <c r="W22965" s="2">
        <v>1.7999999999999999E-2</v>
      </c>
      <c r="X22965" s="2">
        <v>139.1</v>
      </c>
      <c r="Y22965" s="2">
        <v>7.6</v>
      </c>
      <c r="Z22965" s="2">
        <v>16.7</v>
      </c>
      <c r="AA22965" s="5"/>
      <c r="AB22965" s="5" t="s">
        <v>43</v>
      </c>
      <c r="AC22965" s="5" t="s">
        <v>44</v>
      </c>
      <c r="AD22965" s="2"/>
      <c r="AE22965" s="1"/>
    </row>
    <row r="22966" spans="1:31" ht="14.45">
      <c r="A22966" s="11"/>
      <c r="B22966" s="20"/>
      <c r="C22966" s="2" t="s">
        <v>73777</v>
      </c>
      <c r="D22966" s="14" t="s">
        <v>73778</v>
      </c>
      <c r="E22966" s="2" t="s">
        <v>73779</v>
      </c>
      <c r="F22966" s="2" t="s">
        <v>7535</v>
      </c>
      <c r="G22966" s="8">
        <v>263</v>
      </c>
      <c r="H22966" s="5">
        <v>6</v>
      </c>
      <c r="I22966" s="5" t="s">
        <v>1518</v>
      </c>
      <c r="J22966" s="5" t="s">
        <v>69038</v>
      </c>
      <c r="K22966" s="2" t="s">
        <v>69039</v>
      </c>
      <c r="L22966" s="5" t="s">
        <v>69038</v>
      </c>
      <c r="M22966" s="2" t="s">
        <v>69039</v>
      </c>
      <c r="N22966" s="5" t="s">
        <v>1521</v>
      </c>
      <c r="O22966" s="5" t="s">
        <v>38</v>
      </c>
      <c r="P22966" s="5" t="s">
        <v>39</v>
      </c>
      <c r="Q22966" s="5" t="s">
        <v>40</v>
      </c>
      <c r="R22966" s="5" t="s">
        <v>1522</v>
      </c>
      <c r="S22966" s="5" t="s">
        <v>1523</v>
      </c>
      <c r="T22966" s="5" t="s">
        <v>42</v>
      </c>
      <c r="U22966" s="2">
        <v>2.8570000000000002</v>
      </c>
      <c r="V22966" s="2">
        <v>2.226</v>
      </c>
      <c r="W22966" s="2">
        <v>1.7999999999999999E-2</v>
      </c>
      <c r="X22966" s="2">
        <v>139.1</v>
      </c>
      <c r="Y22966" s="2">
        <v>7.6</v>
      </c>
      <c r="Z22966" s="2">
        <v>16.7</v>
      </c>
      <c r="AA22966" s="5"/>
      <c r="AB22966" s="5" t="s">
        <v>43</v>
      </c>
      <c r="AC22966" s="5" t="s">
        <v>44</v>
      </c>
      <c r="AD22966" s="2"/>
      <c r="AE22966" s="1"/>
    </row>
    <row r="22967" spans="1:31" ht="14.45">
      <c r="A22967" s="11"/>
      <c r="B22967" s="20"/>
      <c r="C22967" s="2" t="s">
        <v>73780</v>
      </c>
      <c r="D22967" s="14" t="s">
        <v>73781</v>
      </c>
      <c r="E22967" s="2" t="s">
        <v>73782</v>
      </c>
      <c r="F22967" s="2" t="s">
        <v>7539</v>
      </c>
      <c r="G22967" s="8">
        <v>263</v>
      </c>
      <c r="H22967" s="5">
        <v>6</v>
      </c>
      <c r="I22967" s="5" t="s">
        <v>1518</v>
      </c>
      <c r="J22967" s="5" t="s">
        <v>69038</v>
      </c>
      <c r="K22967" s="2" t="s">
        <v>69039</v>
      </c>
      <c r="L22967" s="5" t="s">
        <v>69038</v>
      </c>
      <c r="M22967" s="2" t="s">
        <v>69039</v>
      </c>
      <c r="N22967" s="5" t="s">
        <v>1521</v>
      </c>
      <c r="O22967" s="5" t="s">
        <v>38</v>
      </c>
      <c r="P22967" s="5" t="s">
        <v>39</v>
      </c>
      <c r="Q22967" s="5" t="s">
        <v>40</v>
      </c>
      <c r="R22967" s="5" t="s">
        <v>1522</v>
      </c>
      <c r="S22967" s="5" t="s">
        <v>1523</v>
      </c>
      <c r="T22967" s="5" t="s">
        <v>42</v>
      </c>
      <c r="U22967" s="2">
        <v>2.7679999999999998</v>
      </c>
      <c r="V22967" s="2">
        <v>2.137</v>
      </c>
      <c r="W22967" s="2">
        <v>1.7999999999999999E-2</v>
      </c>
      <c r="X22967" s="2">
        <v>139.1</v>
      </c>
      <c r="Y22967" s="2">
        <v>7.6</v>
      </c>
      <c r="Z22967" s="2">
        <v>16.7</v>
      </c>
      <c r="AA22967" s="5"/>
      <c r="AB22967" s="5" t="s">
        <v>43</v>
      </c>
      <c r="AC22967" s="5" t="s">
        <v>44</v>
      </c>
      <c r="AD22967" s="2"/>
      <c r="AE22967" s="1"/>
    </row>
    <row r="22968" spans="1:31" ht="14.45">
      <c r="A22968" s="11"/>
      <c r="B22968" s="20"/>
      <c r="C22968" s="2" t="s">
        <v>73783</v>
      </c>
      <c r="D22968" s="14" t="s">
        <v>73784</v>
      </c>
      <c r="E22968" s="2" t="s">
        <v>73785</v>
      </c>
      <c r="F22968" s="2" t="s">
        <v>7543</v>
      </c>
      <c r="G22968" s="8">
        <v>263</v>
      </c>
      <c r="H22968" s="5">
        <v>6</v>
      </c>
      <c r="I22968" s="5" t="s">
        <v>1518</v>
      </c>
      <c r="J22968" s="5" t="s">
        <v>69038</v>
      </c>
      <c r="K22968" s="2" t="s">
        <v>69039</v>
      </c>
      <c r="L22968" s="5" t="s">
        <v>69038</v>
      </c>
      <c r="M22968" s="2" t="s">
        <v>69039</v>
      </c>
      <c r="N22968" s="5" t="s">
        <v>1521</v>
      </c>
      <c r="O22968" s="5" t="s">
        <v>38</v>
      </c>
      <c r="P22968" s="5" t="s">
        <v>39</v>
      </c>
      <c r="Q22968" s="5" t="s">
        <v>40</v>
      </c>
      <c r="R22968" s="5" t="s">
        <v>1522</v>
      </c>
      <c r="S22968" s="5" t="s">
        <v>1523</v>
      </c>
      <c r="T22968" s="5" t="s">
        <v>42</v>
      </c>
      <c r="U22968" s="2">
        <v>2.8570000000000002</v>
      </c>
      <c r="V22968" s="2">
        <v>2.226</v>
      </c>
      <c r="W22968" s="2">
        <v>1.7999999999999999E-2</v>
      </c>
      <c r="X22968" s="2">
        <v>139.1</v>
      </c>
      <c r="Y22968" s="2">
        <v>7.6</v>
      </c>
      <c r="Z22968" s="2">
        <v>16.7</v>
      </c>
      <c r="AA22968" s="5"/>
      <c r="AB22968" s="5" t="s">
        <v>43</v>
      </c>
      <c r="AC22968" s="5" t="s">
        <v>44</v>
      </c>
      <c r="AD22968" s="2"/>
      <c r="AE22968" s="1"/>
    </row>
    <row r="22969" spans="1:31" ht="14.45">
      <c r="A22969" s="11"/>
      <c r="B22969" s="20"/>
      <c r="C22969" s="2" t="s">
        <v>73786</v>
      </c>
      <c r="D22969" s="14" t="s">
        <v>73787</v>
      </c>
      <c r="E22969" s="2" t="s">
        <v>73788</v>
      </c>
      <c r="F22969" s="2" t="s">
        <v>7396</v>
      </c>
      <c r="G22969" s="8">
        <v>246</v>
      </c>
      <c r="H22969" s="5">
        <v>6</v>
      </c>
      <c r="I22969" s="5" t="s">
        <v>1518</v>
      </c>
      <c r="J22969" s="5" t="s">
        <v>69038</v>
      </c>
      <c r="K22969" s="2" t="s">
        <v>69039</v>
      </c>
      <c r="L22969" s="5" t="s">
        <v>69038</v>
      </c>
      <c r="M22969" s="2" t="s">
        <v>69039</v>
      </c>
      <c r="N22969" s="5" t="s">
        <v>1521</v>
      </c>
      <c r="O22969" s="5" t="s">
        <v>38</v>
      </c>
      <c r="P22969" s="5" t="s">
        <v>39</v>
      </c>
      <c r="Q22969" s="5" t="s">
        <v>40</v>
      </c>
      <c r="R22969" s="5" t="s">
        <v>1522</v>
      </c>
      <c r="S22969" s="5" t="s">
        <v>1523</v>
      </c>
      <c r="T22969" s="5" t="s">
        <v>42</v>
      </c>
      <c r="U22969" s="2">
        <v>2.7679999999999998</v>
      </c>
      <c r="V22969" s="2">
        <v>2.137</v>
      </c>
      <c r="W22969" s="2">
        <v>1.7999999999999999E-2</v>
      </c>
      <c r="X22969" s="2">
        <v>139.1</v>
      </c>
      <c r="Y22969" s="2">
        <v>7.6</v>
      </c>
      <c r="Z22969" s="2">
        <v>16.7</v>
      </c>
      <c r="AA22969" s="5"/>
      <c r="AB22969" s="5" t="s">
        <v>43</v>
      </c>
      <c r="AC22969" s="5" t="s">
        <v>44</v>
      </c>
      <c r="AD22969" s="2"/>
      <c r="AE22969" s="1"/>
    </row>
    <row r="22970" spans="1:31" ht="14.45">
      <c r="A22970" s="11"/>
      <c r="B22970" s="20"/>
      <c r="C22970" s="2" t="s">
        <v>73789</v>
      </c>
      <c r="D22970" s="14" t="s">
        <v>73790</v>
      </c>
      <c r="E22970" s="2" t="s">
        <v>73791</v>
      </c>
      <c r="F22970" s="2" t="s">
        <v>7507</v>
      </c>
      <c r="G22970" s="8">
        <v>246</v>
      </c>
      <c r="H22970" s="5">
        <v>6</v>
      </c>
      <c r="I22970" s="5" t="s">
        <v>1518</v>
      </c>
      <c r="J22970" s="5" t="s">
        <v>69038</v>
      </c>
      <c r="K22970" s="2" t="s">
        <v>69039</v>
      </c>
      <c r="L22970" s="5" t="s">
        <v>69038</v>
      </c>
      <c r="M22970" s="2" t="s">
        <v>69039</v>
      </c>
      <c r="N22970" s="5" t="s">
        <v>1521</v>
      </c>
      <c r="O22970" s="5" t="s">
        <v>38</v>
      </c>
      <c r="P22970" s="5" t="s">
        <v>39</v>
      </c>
      <c r="Q22970" s="5" t="s">
        <v>40</v>
      </c>
      <c r="R22970" s="5" t="s">
        <v>1522</v>
      </c>
      <c r="S22970" s="5" t="s">
        <v>1523</v>
      </c>
      <c r="T22970" s="5" t="s">
        <v>42</v>
      </c>
      <c r="U22970" s="2">
        <v>2.8570000000000002</v>
      </c>
      <c r="V22970" s="2">
        <v>2.226</v>
      </c>
      <c r="W22970" s="2">
        <v>1.7999999999999999E-2</v>
      </c>
      <c r="X22970" s="2">
        <v>139.1</v>
      </c>
      <c r="Y22970" s="2">
        <v>7.6</v>
      </c>
      <c r="Z22970" s="2">
        <v>16.7</v>
      </c>
      <c r="AA22970" s="5"/>
      <c r="AB22970" s="5" t="s">
        <v>43</v>
      </c>
      <c r="AC22970" s="5" t="s">
        <v>44</v>
      </c>
      <c r="AD22970" s="2"/>
      <c r="AE22970" s="1"/>
    </row>
    <row r="22971" spans="1:31" ht="14.45">
      <c r="A22971" s="11"/>
      <c r="B22971" s="20"/>
      <c r="C22971" s="2" t="s">
        <v>73792</v>
      </c>
      <c r="D22971" s="14" t="s">
        <v>73793</v>
      </c>
      <c r="E22971" s="2" t="s">
        <v>73794</v>
      </c>
      <c r="F22971" s="2" t="s">
        <v>7563</v>
      </c>
      <c r="G22971" s="8">
        <v>263</v>
      </c>
      <c r="H22971" s="5">
        <v>6</v>
      </c>
      <c r="I22971" s="5" t="s">
        <v>1518</v>
      </c>
      <c r="J22971" s="5" t="s">
        <v>69038</v>
      </c>
      <c r="K22971" s="2" t="s">
        <v>69039</v>
      </c>
      <c r="L22971" s="5" t="s">
        <v>69038</v>
      </c>
      <c r="M22971" s="2" t="s">
        <v>69039</v>
      </c>
      <c r="N22971" s="5" t="s">
        <v>1521</v>
      </c>
      <c r="O22971" s="5" t="s">
        <v>38</v>
      </c>
      <c r="P22971" s="5" t="s">
        <v>39</v>
      </c>
      <c r="Q22971" s="5" t="s">
        <v>40</v>
      </c>
      <c r="R22971" s="5" t="s">
        <v>1522</v>
      </c>
      <c r="S22971" s="5" t="s">
        <v>1523</v>
      </c>
      <c r="T22971" s="5" t="s">
        <v>42</v>
      </c>
      <c r="U22971" s="2">
        <v>2.7679999999999998</v>
      </c>
      <c r="V22971" s="2">
        <v>2.137</v>
      </c>
      <c r="W22971" s="2">
        <v>1.7999999999999999E-2</v>
      </c>
      <c r="X22971" s="2">
        <v>139.1</v>
      </c>
      <c r="Y22971" s="2">
        <v>7.6</v>
      </c>
      <c r="Z22971" s="2">
        <v>16.7</v>
      </c>
      <c r="AA22971" s="5"/>
      <c r="AB22971" s="5" t="s">
        <v>43</v>
      </c>
      <c r="AC22971" s="5" t="s">
        <v>44</v>
      </c>
      <c r="AD22971" s="2"/>
      <c r="AE22971" s="1"/>
    </row>
    <row r="22972" spans="1:31" ht="14.45">
      <c r="A22972" s="11"/>
      <c r="B22972" s="20"/>
      <c r="C22972" s="2" t="s">
        <v>73795</v>
      </c>
      <c r="D22972" s="14" t="s">
        <v>73796</v>
      </c>
      <c r="E22972" s="2" t="s">
        <v>73797</v>
      </c>
      <c r="F22972" s="2" t="s">
        <v>7567</v>
      </c>
      <c r="G22972" s="8">
        <v>263</v>
      </c>
      <c r="H22972" s="5">
        <v>6</v>
      </c>
      <c r="I22972" s="5" t="s">
        <v>1518</v>
      </c>
      <c r="J22972" s="5" t="s">
        <v>69038</v>
      </c>
      <c r="K22972" s="2" t="s">
        <v>69039</v>
      </c>
      <c r="L22972" s="5" t="s">
        <v>69038</v>
      </c>
      <c r="M22972" s="2" t="s">
        <v>69039</v>
      </c>
      <c r="N22972" s="5" t="s">
        <v>1521</v>
      </c>
      <c r="O22972" s="5" t="s">
        <v>38</v>
      </c>
      <c r="P22972" s="5" t="s">
        <v>39</v>
      </c>
      <c r="Q22972" s="5" t="s">
        <v>40</v>
      </c>
      <c r="R22972" s="5" t="s">
        <v>1522</v>
      </c>
      <c r="S22972" s="5" t="s">
        <v>1523</v>
      </c>
      <c r="T22972" s="5" t="s">
        <v>42</v>
      </c>
      <c r="U22972" s="2">
        <v>2.8570000000000002</v>
      </c>
      <c r="V22972" s="2">
        <v>2.226</v>
      </c>
      <c r="W22972" s="2">
        <v>1.7999999999999999E-2</v>
      </c>
      <c r="X22972" s="2">
        <v>139.1</v>
      </c>
      <c r="Y22972" s="2">
        <v>7.6</v>
      </c>
      <c r="Z22972" s="2">
        <v>16.7</v>
      </c>
      <c r="AA22972" s="5"/>
      <c r="AB22972" s="5" t="s">
        <v>43</v>
      </c>
      <c r="AC22972" s="5" t="s">
        <v>44</v>
      </c>
      <c r="AD22972" s="2"/>
      <c r="AE22972" s="1"/>
    </row>
    <row r="22973" spans="1:31" ht="14.45">
      <c r="A22973" s="11"/>
      <c r="B22973" s="20"/>
      <c r="C22973" s="2" t="s">
        <v>73798</v>
      </c>
      <c r="D22973" s="14" t="s">
        <v>73799</v>
      </c>
      <c r="E22973" s="2" t="s">
        <v>73800</v>
      </c>
      <c r="F22973" s="2" t="s">
        <v>7585</v>
      </c>
      <c r="G22973" s="8">
        <v>263</v>
      </c>
      <c r="H22973" s="5">
        <v>6</v>
      </c>
      <c r="I22973" s="5" t="s">
        <v>1518</v>
      </c>
      <c r="J22973" s="5" t="s">
        <v>69038</v>
      </c>
      <c r="K22973" s="2" t="s">
        <v>69039</v>
      </c>
      <c r="L22973" s="5" t="s">
        <v>69038</v>
      </c>
      <c r="M22973" s="2" t="s">
        <v>69039</v>
      </c>
      <c r="N22973" s="5" t="s">
        <v>1521</v>
      </c>
      <c r="O22973" s="5" t="s">
        <v>38</v>
      </c>
      <c r="P22973" s="5" t="s">
        <v>39</v>
      </c>
      <c r="Q22973" s="5" t="s">
        <v>40</v>
      </c>
      <c r="R22973" s="5" t="s">
        <v>1522</v>
      </c>
      <c r="S22973" s="5" t="s">
        <v>1523</v>
      </c>
      <c r="T22973" s="5" t="s">
        <v>42</v>
      </c>
      <c r="U22973" s="2">
        <v>2.7679999999999998</v>
      </c>
      <c r="V22973" s="2">
        <v>2.137</v>
      </c>
      <c r="W22973" s="2">
        <v>1.7999999999999999E-2</v>
      </c>
      <c r="X22973" s="2">
        <v>139.1</v>
      </c>
      <c r="Y22973" s="2">
        <v>7.6</v>
      </c>
      <c r="Z22973" s="2">
        <v>16.7</v>
      </c>
      <c r="AA22973" s="5"/>
      <c r="AB22973" s="5" t="s">
        <v>43</v>
      </c>
      <c r="AC22973" s="5" t="s">
        <v>44</v>
      </c>
      <c r="AD22973" s="2"/>
      <c r="AE22973" s="1"/>
    </row>
    <row r="22974" spans="1:31" ht="14.45">
      <c r="A22974" s="11"/>
      <c r="B22974" s="20"/>
      <c r="C22974" s="2" t="s">
        <v>73801</v>
      </c>
      <c r="D22974" s="14" t="s">
        <v>73802</v>
      </c>
      <c r="E22974" s="2" t="s">
        <v>73803</v>
      </c>
      <c r="F22974" s="2" t="s">
        <v>7589</v>
      </c>
      <c r="G22974" s="8">
        <v>263</v>
      </c>
      <c r="H22974" s="5">
        <v>6</v>
      </c>
      <c r="I22974" s="5" t="s">
        <v>1518</v>
      </c>
      <c r="J22974" s="5" t="s">
        <v>69038</v>
      </c>
      <c r="K22974" s="2" t="s">
        <v>69039</v>
      </c>
      <c r="L22974" s="5" t="s">
        <v>69038</v>
      </c>
      <c r="M22974" s="2" t="s">
        <v>69039</v>
      </c>
      <c r="N22974" s="5" t="s">
        <v>1521</v>
      </c>
      <c r="O22974" s="5" t="s">
        <v>38</v>
      </c>
      <c r="P22974" s="5" t="s">
        <v>39</v>
      </c>
      <c r="Q22974" s="5" t="s">
        <v>40</v>
      </c>
      <c r="R22974" s="5" t="s">
        <v>1522</v>
      </c>
      <c r="S22974" s="5" t="s">
        <v>1523</v>
      </c>
      <c r="T22974" s="5" t="s">
        <v>42</v>
      </c>
      <c r="U22974" s="2">
        <v>2.8570000000000002</v>
      </c>
      <c r="V22974" s="2">
        <v>2.226</v>
      </c>
      <c r="W22974" s="2">
        <v>1.7999999999999999E-2</v>
      </c>
      <c r="X22974" s="2">
        <v>139.1</v>
      </c>
      <c r="Y22974" s="2">
        <v>7.6</v>
      </c>
      <c r="Z22974" s="2">
        <v>16.7</v>
      </c>
      <c r="AA22974" s="5"/>
      <c r="AB22974" s="5" t="s">
        <v>43</v>
      </c>
      <c r="AC22974" s="5" t="s">
        <v>44</v>
      </c>
      <c r="AD22974" s="2"/>
      <c r="AE22974" s="1"/>
    </row>
    <row r="22975" spans="1:31" ht="14.45">
      <c r="A22975" s="11"/>
      <c r="B22975" s="20"/>
      <c r="C22975" s="2" t="s">
        <v>73804</v>
      </c>
      <c r="D22975" s="14" t="s">
        <v>73805</v>
      </c>
      <c r="E22975" s="2" t="s">
        <v>73806</v>
      </c>
      <c r="F22975" s="2" t="s">
        <v>7593</v>
      </c>
      <c r="G22975" s="8">
        <v>263</v>
      </c>
      <c r="H22975" s="5">
        <v>6</v>
      </c>
      <c r="I22975" s="5" t="s">
        <v>1518</v>
      </c>
      <c r="J22975" s="5" t="s">
        <v>69038</v>
      </c>
      <c r="K22975" s="2" t="s">
        <v>69039</v>
      </c>
      <c r="L22975" s="5" t="s">
        <v>69038</v>
      </c>
      <c r="M22975" s="2" t="s">
        <v>69039</v>
      </c>
      <c r="N22975" s="5" t="s">
        <v>1521</v>
      </c>
      <c r="O22975" s="5" t="s">
        <v>38</v>
      </c>
      <c r="P22975" s="5" t="s">
        <v>39</v>
      </c>
      <c r="Q22975" s="5" t="s">
        <v>40</v>
      </c>
      <c r="R22975" s="5" t="s">
        <v>1522</v>
      </c>
      <c r="S22975" s="5" t="s">
        <v>1523</v>
      </c>
      <c r="T22975" s="5" t="s">
        <v>42</v>
      </c>
      <c r="U22975" s="2">
        <v>2.7679999999999998</v>
      </c>
      <c r="V22975" s="2">
        <v>2.137</v>
      </c>
      <c r="W22975" s="2">
        <v>1.7999999999999999E-2</v>
      </c>
      <c r="X22975" s="2">
        <v>139.1</v>
      </c>
      <c r="Y22975" s="2">
        <v>7.6</v>
      </c>
      <c r="Z22975" s="2">
        <v>16.7</v>
      </c>
      <c r="AA22975" s="5"/>
      <c r="AB22975" s="5" t="s">
        <v>43</v>
      </c>
      <c r="AC22975" s="5" t="s">
        <v>44</v>
      </c>
      <c r="AD22975" s="2"/>
      <c r="AE22975" s="1"/>
    </row>
    <row r="22976" spans="1:31" ht="14.45">
      <c r="A22976" s="11"/>
      <c r="B22976" s="20"/>
      <c r="C22976" s="2" t="s">
        <v>73807</v>
      </c>
      <c r="D22976" s="14" t="s">
        <v>73808</v>
      </c>
      <c r="E22976" s="2" t="s">
        <v>73809</v>
      </c>
      <c r="F22976" s="2" t="s">
        <v>73358</v>
      </c>
      <c r="G22976" s="8">
        <v>263</v>
      </c>
      <c r="H22976" s="5">
        <v>6</v>
      </c>
      <c r="I22976" s="5" t="s">
        <v>1518</v>
      </c>
      <c r="J22976" s="5" t="s">
        <v>69038</v>
      </c>
      <c r="K22976" s="2" t="s">
        <v>69039</v>
      </c>
      <c r="L22976" s="5" t="s">
        <v>69038</v>
      </c>
      <c r="M22976" s="2" t="s">
        <v>69039</v>
      </c>
      <c r="N22976" s="5" t="s">
        <v>1521</v>
      </c>
      <c r="O22976" s="5" t="s">
        <v>38</v>
      </c>
      <c r="P22976" s="5" t="s">
        <v>39</v>
      </c>
      <c r="Q22976" s="5" t="s">
        <v>40</v>
      </c>
      <c r="R22976" s="5" t="s">
        <v>1522</v>
      </c>
      <c r="S22976" s="5" t="s">
        <v>1523</v>
      </c>
      <c r="T22976" s="5" t="s">
        <v>42</v>
      </c>
      <c r="U22976" s="2">
        <v>2.7679999999999998</v>
      </c>
      <c r="V22976" s="2">
        <v>2.137</v>
      </c>
      <c r="W22976" s="2">
        <v>1.7999999999999999E-2</v>
      </c>
      <c r="X22976" s="2">
        <v>139.1</v>
      </c>
      <c r="Y22976" s="2">
        <v>7.6</v>
      </c>
      <c r="Z22976" s="2">
        <v>16.7</v>
      </c>
      <c r="AA22976" s="5"/>
      <c r="AB22976" s="5" t="s">
        <v>43</v>
      </c>
      <c r="AC22976" s="5" t="s">
        <v>44</v>
      </c>
      <c r="AD22976" s="2"/>
      <c r="AE22976" s="1"/>
    </row>
    <row r="22977" spans="1:31" ht="14.45">
      <c r="A22977" s="11"/>
      <c r="B22977" s="20"/>
      <c r="C22977" s="2" t="s">
        <v>73810</v>
      </c>
      <c r="D22977" s="14" t="s">
        <v>73811</v>
      </c>
      <c r="E22977" s="2" t="s">
        <v>73812</v>
      </c>
      <c r="F22977" s="2" t="s">
        <v>73362</v>
      </c>
      <c r="G22977" s="8">
        <v>263</v>
      </c>
      <c r="H22977" s="5">
        <v>6</v>
      </c>
      <c r="I22977" s="5" t="s">
        <v>1518</v>
      </c>
      <c r="J22977" s="5" t="s">
        <v>69038</v>
      </c>
      <c r="K22977" s="2" t="s">
        <v>69039</v>
      </c>
      <c r="L22977" s="5" t="s">
        <v>69038</v>
      </c>
      <c r="M22977" s="2" t="s">
        <v>69039</v>
      </c>
      <c r="N22977" s="5" t="s">
        <v>1521</v>
      </c>
      <c r="O22977" s="5" t="s">
        <v>38</v>
      </c>
      <c r="P22977" s="5" t="s">
        <v>39</v>
      </c>
      <c r="Q22977" s="5" t="s">
        <v>40</v>
      </c>
      <c r="R22977" s="5" t="s">
        <v>1522</v>
      </c>
      <c r="S22977" s="5" t="s">
        <v>1523</v>
      </c>
      <c r="T22977" s="5" t="s">
        <v>42</v>
      </c>
      <c r="U22977" s="2">
        <v>2.8570000000000002</v>
      </c>
      <c r="V22977" s="2">
        <v>2.226</v>
      </c>
      <c r="W22977" s="2">
        <v>1.7999999999999999E-2</v>
      </c>
      <c r="X22977" s="2">
        <v>139.1</v>
      </c>
      <c r="Y22977" s="2">
        <v>7.6</v>
      </c>
      <c r="Z22977" s="2">
        <v>16.7</v>
      </c>
      <c r="AA22977" s="5"/>
      <c r="AB22977" s="5" t="s">
        <v>43</v>
      </c>
      <c r="AC22977" s="5" t="s">
        <v>44</v>
      </c>
      <c r="AD22977" s="2"/>
      <c r="AE22977" s="1"/>
    </row>
    <row r="22978" spans="1:31" ht="14.45">
      <c r="A22978" s="11"/>
      <c r="B22978" s="20"/>
      <c r="C22978" s="2" t="s">
        <v>73813</v>
      </c>
      <c r="D22978" s="14" t="s">
        <v>73814</v>
      </c>
      <c r="E22978" s="2" t="s">
        <v>73815</v>
      </c>
      <c r="F22978" s="2" t="s">
        <v>7615</v>
      </c>
      <c r="G22978" s="8">
        <v>263</v>
      </c>
      <c r="H22978" s="5">
        <v>6</v>
      </c>
      <c r="I22978" s="5" t="s">
        <v>1518</v>
      </c>
      <c r="J22978" s="5" t="s">
        <v>69038</v>
      </c>
      <c r="K22978" s="2" t="s">
        <v>69039</v>
      </c>
      <c r="L22978" s="5" t="s">
        <v>69038</v>
      </c>
      <c r="M22978" s="2" t="s">
        <v>69039</v>
      </c>
      <c r="N22978" s="5" t="s">
        <v>1521</v>
      </c>
      <c r="O22978" s="5" t="s">
        <v>38</v>
      </c>
      <c r="P22978" s="5" t="s">
        <v>39</v>
      </c>
      <c r="Q22978" s="5" t="s">
        <v>40</v>
      </c>
      <c r="R22978" s="5" t="s">
        <v>1522</v>
      </c>
      <c r="S22978" s="5" t="s">
        <v>1523</v>
      </c>
      <c r="T22978" s="5" t="s">
        <v>42</v>
      </c>
      <c r="U22978" s="2">
        <v>2.7679999999999998</v>
      </c>
      <c r="V22978" s="2">
        <v>2.137</v>
      </c>
      <c r="W22978" s="2">
        <v>1.7999999999999999E-2</v>
      </c>
      <c r="X22978" s="2">
        <v>139.1</v>
      </c>
      <c r="Y22978" s="2">
        <v>7.6</v>
      </c>
      <c r="Z22978" s="2">
        <v>16.7</v>
      </c>
      <c r="AA22978" s="5"/>
      <c r="AB22978" s="5" t="s">
        <v>43</v>
      </c>
      <c r="AC22978" s="5" t="s">
        <v>44</v>
      </c>
      <c r="AD22978" s="2"/>
      <c r="AE22978" s="1"/>
    </row>
    <row r="22979" spans="1:31" ht="14.45">
      <c r="A22979" s="11"/>
      <c r="B22979" s="20"/>
      <c r="C22979" s="2" t="s">
        <v>73816</v>
      </c>
      <c r="D22979" s="14" t="s">
        <v>73817</v>
      </c>
      <c r="E22979" s="2" t="s">
        <v>73818</v>
      </c>
      <c r="F22979" s="2" t="s">
        <v>7619</v>
      </c>
      <c r="G22979" s="8">
        <v>263</v>
      </c>
      <c r="H22979" s="5">
        <v>6</v>
      </c>
      <c r="I22979" s="5" t="s">
        <v>1518</v>
      </c>
      <c r="J22979" s="5" t="s">
        <v>69038</v>
      </c>
      <c r="K22979" s="2" t="s">
        <v>69039</v>
      </c>
      <c r="L22979" s="5" t="s">
        <v>69038</v>
      </c>
      <c r="M22979" s="2" t="s">
        <v>69039</v>
      </c>
      <c r="N22979" s="5" t="s">
        <v>1521</v>
      </c>
      <c r="O22979" s="5" t="s">
        <v>38</v>
      </c>
      <c r="P22979" s="5" t="s">
        <v>39</v>
      </c>
      <c r="Q22979" s="5" t="s">
        <v>40</v>
      </c>
      <c r="R22979" s="5" t="s">
        <v>1522</v>
      </c>
      <c r="S22979" s="5" t="s">
        <v>1523</v>
      </c>
      <c r="T22979" s="5" t="s">
        <v>42</v>
      </c>
      <c r="U22979" s="2">
        <v>2.8570000000000002</v>
      </c>
      <c r="V22979" s="2">
        <v>2.226</v>
      </c>
      <c r="W22979" s="2">
        <v>1.7999999999999999E-2</v>
      </c>
      <c r="X22979" s="2">
        <v>139.1</v>
      </c>
      <c r="Y22979" s="2">
        <v>7.6</v>
      </c>
      <c r="Z22979" s="2">
        <v>16.7</v>
      </c>
      <c r="AA22979" s="5"/>
      <c r="AB22979" s="5" t="s">
        <v>43</v>
      </c>
      <c r="AC22979" s="5" t="s">
        <v>44</v>
      </c>
      <c r="AD22979" s="2"/>
      <c r="AE22979" s="1"/>
    </row>
    <row r="22980" spans="1:31" ht="14.45">
      <c r="A22980" s="11"/>
      <c r="B22980" s="20"/>
      <c r="C22980" s="2" t="s">
        <v>73819</v>
      </c>
      <c r="D22980" s="14" t="s">
        <v>73820</v>
      </c>
      <c r="E22980" s="2" t="s">
        <v>73821</v>
      </c>
      <c r="F22980" s="2" t="s">
        <v>16014</v>
      </c>
      <c r="G22980" s="8">
        <v>263</v>
      </c>
      <c r="H22980" s="5">
        <v>6</v>
      </c>
      <c r="I22980" s="5" t="s">
        <v>1518</v>
      </c>
      <c r="J22980" s="5" t="s">
        <v>69038</v>
      </c>
      <c r="K22980" s="2" t="s">
        <v>69039</v>
      </c>
      <c r="L22980" s="5" t="s">
        <v>69038</v>
      </c>
      <c r="M22980" s="2" t="s">
        <v>69039</v>
      </c>
      <c r="N22980" s="5" t="s">
        <v>1521</v>
      </c>
      <c r="O22980" s="5" t="s">
        <v>38</v>
      </c>
      <c r="P22980" s="5" t="s">
        <v>39</v>
      </c>
      <c r="Q22980" s="5" t="s">
        <v>40</v>
      </c>
      <c r="R22980" s="5" t="s">
        <v>1522</v>
      </c>
      <c r="S22980" s="5" t="s">
        <v>1523</v>
      </c>
      <c r="T22980" s="5" t="s">
        <v>42</v>
      </c>
      <c r="U22980" s="2">
        <v>2.7679999999999998</v>
      </c>
      <c r="V22980" s="2">
        <v>2.137</v>
      </c>
      <c r="W22980" s="2">
        <v>1.7999999999999999E-2</v>
      </c>
      <c r="X22980" s="2">
        <v>139.1</v>
      </c>
      <c r="Y22980" s="2">
        <v>7.6</v>
      </c>
      <c r="Z22980" s="2">
        <v>16.7</v>
      </c>
      <c r="AA22980" s="5"/>
      <c r="AB22980" s="5" t="s">
        <v>43</v>
      </c>
      <c r="AC22980" s="5" t="s">
        <v>44</v>
      </c>
      <c r="AD22980" s="2"/>
      <c r="AE22980" s="1"/>
    </row>
    <row r="22981" spans="1:31" ht="14.45">
      <c r="A22981" s="11"/>
      <c r="B22981" s="20"/>
      <c r="C22981" s="2" t="s">
        <v>73822</v>
      </c>
      <c r="D22981" s="14" t="s">
        <v>73823</v>
      </c>
      <c r="E22981" s="2" t="s">
        <v>73824</v>
      </c>
      <c r="F22981" s="2" t="s">
        <v>7212</v>
      </c>
      <c r="G22981" s="8">
        <v>246</v>
      </c>
      <c r="H22981" s="5">
        <v>6</v>
      </c>
      <c r="I22981" s="5" t="s">
        <v>1518</v>
      </c>
      <c r="J22981" s="5" t="s">
        <v>69038</v>
      </c>
      <c r="K22981" s="2" t="s">
        <v>69039</v>
      </c>
      <c r="L22981" s="5" t="s">
        <v>69038</v>
      </c>
      <c r="M22981" s="2" t="s">
        <v>69039</v>
      </c>
      <c r="N22981" s="5" t="s">
        <v>1521</v>
      </c>
      <c r="O22981" s="5" t="s">
        <v>38</v>
      </c>
      <c r="P22981" s="5" t="s">
        <v>39</v>
      </c>
      <c r="Q22981" s="5" t="s">
        <v>40</v>
      </c>
      <c r="R22981" s="5" t="s">
        <v>1522</v>
      </c>
      <c r="S22981" s="5" t="s">
        <v>1523</v>
      </c>
      <c r="T22981" s="5" t="s">
        <v>42</v>
      </c>
      <c r="U22981" s="2">
        <v>2.7679999999999998</v>
      </c>
      <c r="V22981" s="2">
        <v>2.137</v>
      </c>
      <c r="W22981" s="2">
        <v>1.7999999999999999E-2</v>
      </c>
      <c r="X22981" s="2">
        <v>139.1</v>
      </c>
      <c r="Y22981" s="2">
        <v>7.6</v>
      </c>
      <c r="Z22981" s="2">
        <v>16.7</v>
      </c>
      <c r="AA22981" s="5"/>
      <c r="AB22981" s="5" t="s">
        <v>43</v>
      </c>
      <c r="AC22981" s="5" t="s">
        <v>44</v>
      </c>
      <c r="AD22981" s="2"/>
      <c r="AE22981" s="1"/>
    </row>
    <row r="22982" spans="1:31" ht="14.45">
      <c r="A22982" s="11"/>
      <c r="B22982" s="20"/>
      <c r="C22982" s="2" t="s">
        <v>73825</v>
      </c>
      <c r="D22982" s="14" t="s">
        <v>73826</v>
      </c>
      <c r="E22982" s="2" t="s">
        <v>73827</v>
      </c>
      <c r="F22982" s="2" t="s">
        <v>7528</v>
      </c>
      <c r="G22982" s="8">
        <v>246</v>
      </c>
      <c r="H22982" s="5">
        <v>6</v>
      </c>
      <c r="I22982" s="5" t="s">
        <v>1518</v>
      </c>
      <c r="J22982" s="5" t="s">
        <v>69038</v>
      </c>
      <c r="K22982" s="2" t="s">
        <v>69039</v>
      </c>
      <c r="L22982" s="5" t="s">
        <v>69038</v>
      </c>
      <c r="M22982" s="2" t="s">
        <v>69039</v>
      </c>
      <c r="N22982" s="5" t="s">
        <v>1521</v>
      </c>
      <c r="O22982" s="5" t="s">
        <v>38</v>
      </c>
      <c r="P22982" s="5" t="s">
        <v>39</v>
      </c>
      <c r="Q22982" s="5" t="s">
        <v>40</v>
      </c>
      <c r="R22982" s="5" t="s">
        <v>1522</v>
      </c>
      <c r="S22982" s="5" t="s">
        <v>1523</v>
      </c>
      <c r="T22982" s="5" t="s">
        <v>42</v>
      </c>
      <c r="U22982" s="2">
        <v>2.8570000000000002</v>
      </c>
      <c r="V22982" s="2">
        <v>2.226</v>
      </c>
      <c r="W22982" s="2">
        <v>1.7999999999999999E-2</v>
      </c>
      <c r="X22982" s="2">
        <v>139.1</v>
      </c>
      <c r="Y22982" s="2">
        <v>7.6</v>
      </c>
      <c r="Z22982" s="2">
        <v>16.7</v>
      </c>
      <c r="AA22982" s="5"/>
      <c r="AB22982" s="5" t="s">
        <v>43</v>
      </c>
      <c r="AC22982" s="5" t="s">
        <v>44</v>
      </c>
      <c r="AD22982" s="2"/>
      <c r="AE22982" s="1"/>
    </row>
    <row r="22983" spans="1:31" ht="14.45">
      <c r="A22983" s="11"/>
      <c r="B22983" s="20"/>
      <c r="C22983" s="2" t="s">
        <v>73828</v>
      </c>
      <c r="D22983" s="14" t="s">
        <v>73829</v>
      </c>
      <c r="E22983" s="2" t="s">
        <v>73830</v>
      </c>
      <c r="F22983" s="2" t="s">
        <v>16029</v>
      </c>
      <c r="G22983" s="8">
        <v>263</v>
      </c>
      <c r="H22983" s="5">
        <v>6</v>
      </c>
      <c r="I22983" s="5" t="s">
        <v>1518</v>
      </c>
      <c r="J22983" s="5" t="s">
        <v>69038</v>
      </c>
      <c r="K22983" s="2" t="s">
        <v>69039</v>
      </c>
      <c r="L22983" s="5" t="s">
        <v>69038</v>
      </c>
      <c r="M22983" s="2" t="s">
        <v>69039</v>
      </c>
      <c r="N22983" s="5" t="s">
        <v>1521</v>
      </c>
      <c r="O22983" s="5" t="s">
        <v>38</v>
      </c>
      <c r="P22983" s="5" t="s">
        <v>39</v>
      </c>
      <c r="Q22983" s="5" t="s">
        <v>40</v>
      </c>
      <c r="R22983" s="5" t="s">
        <v>1522</v>
      </c>
      <c r="S22983" s="5" t="s">
        <v>1523</v>
      </c>
      <c r="T22983" s="5" t="s">
        <v>42</v>
      </c>
      <c r="U22983" s="2">
        <v>2.7589999999999999</v>
      </c>
      <c r="V22983" s="2">
        <v>2.1280000000000001</v>
      </c>
      <c r="W22983" s="2">
        <v>1.7999999999999999E-2</v>
      </c>
      <c r="X22983" s="2">
        <v>139.1</v>
      </c>
      <c r="Y22983" s="2">
        <v>7.6</v>
      </c>
      <c r="Z22983" s="2">
        <v>16.7</v>
      </c>
      <c r="AA22983" s="5"/>
      <c r="AB22983" s="5" t="s">
        <v>43</v>
      </c>
      <c r="AC22983" s="5" t="s">
        <v>44</v>
      </c>
      <c r="AD22983" s="2"/>
      <c r="AE22983" s="1"/>
    </row>
    <row r="22984" spans="1:31" ht="14.45">
      <c r="A22984" s="11"/>
      <c r="B22984" s="20"/>
      <c r="C22984" s="2" t="s">
        <v>73831</v>
      </c>
      <c r="D22984" s="14" t="s">
        <v>73832</v>
      </c>
      <c r="E22984" s="2" t="s">
        <v>73833</v>
      </c>
      <c r="F22984" s="2" t="s">
        <v>16033</v>
      </c>
      <c r="G22984" s="8">
        <v>263</v>
      </c>
      <c r="H22984" s="5">
        <v>6</v>
      </c>
      <c r="I22984" s="5" t="s">
        <v>1518</v>
      </c>
      <c r="J22984" s="5" t="s">
        <v>69038</v>
      </c>
      <c r="K22984" s="2" t="s">
        <v>69039</v>
      </c>
      <c r="L22984" s="5" t="s">
        <v>69038</v>
      </c>
      <c r="M22984" s="2" t="s">
        <v>69039</v>
      </c>
      <c r="N22984" s="5" t="s">
        <v>1521</v>
      </c>
      <c r="O22984" s="5" t="s">
        <v>38</v>
      </c>
      <c r="P22984" s="5" t="s">
        <v>39</v>
      </c>
      <c r="Q22984" s="5" t="s">
        <v>40</v>
      </c>
      <c r="R22984" s="5" t="s">
        <v>1522</v>
      </c>
      <c r="S22984" s="5" t="s">
        <v>1523</v>
      </c>
      <c r="T22984" s="5" t="s">
        <v>42</v>
      </c>
      <c r="U22984" s="2">
        <v>2.8479999999999999</v>
      </c>
      <c r="V22984" s="2">
        <v>2.2170000000000001</v>
      </c>
      <c r="W22984" s="2">
        <v>1.7999999999999999E-2</v>
      </c>
      <c r="X22984" s="2">
        <v>139.1</v>
      </c>
      <c r="Y22984" s="2">
        <v>7.6</v>
      </c>
      <c r="Z22984" s="2">
        <v>16.7</v>
      </c>
      <c r="AA22984" s="5"/>
      <c r="AB22984" s="5" t="s">
        <v>43</v>
      </c>
      <c r="AC22984" s="5" t="s">
        <v>44</v>
      </c>
      <c r="AD22984" s="2"/>
      <c r="AE22984" s="1"/>
    </row>
    <row r="22985" spans="1:31" ht="14.45">
      <c r="A22985" s="11"/>
      <c r="B22985" s="20"/>
      <c r="C22985" s="2" t="s">
        <v>73834</v>
      </c>
      <c r="D22985" s="14" t="s">
        <v>73835</v>
      </c>
      <c r="E22985" s="2" t="s">
        <v>73836</v>
      </c>
      <c r="F22985" s="2" t="s">
        <v>7204</v>
      </c>
      <c r="G22985" s="8">
        <v>237</v>
      </c>
      <c r="H22985" s="5">
        <v>6</v>
      </c>
      <c r="I22985" s="5" t="s">
        <v>1518</v>
      </c>
      <c r="J22985" s="5" t="s">
        <v>69038</v>
      </c>
      <c r="K22985" s="2" t="s">
        <v>69039</v>
      </c>
      <c r="L22985" s="5" t="s">
        <v>69038</v>
      </c>
      <c r="M22985" s="2" t="s">
        <v>69039</v>
      </c>
      <c r="N22985" s="5" t="s">
        <v>1521</v>
      </c>
      <c r="O22985" s="5" t="s">
        <v>38</v>
      </c>
      <c r="P22985" s="5" t="s">
        <v>39</v>
      </c>
      <c r="Q22985" s="5" t="s">
        <v>40</v>
      </c>
      <c r="R22985" s="5" t="s">
        <v>1522</v>
      </c>
      <c r="S22985" s="5" t="s">
        <v>1523</v>
      </c>
      <c r="T22985" s="5" t="s">
        <v>42</v>
      </c>
      <c r="U22985" s="2">
        <v>2.5009999999999999</v>
      </c>
      <c r="V22985" s="2">
        <v>1.9550000000000001</v>
      </c>
      <c r="W22985" s="2">
        <v>1.2999999999999999E-2</v>
      </c>
      <c r="X22985" s="2">
        <v>99.1</v>
      </c>
      <c r="Y22985" s="2">
        <v>7.6</v>
      </c>
      <c r="Z22985" s="2">
        <v>16.7</v>
      </c>
      <c r="AA22985" s="5"/>
      <c r="AB22985" s="5" t="s">
        <v>43</v>
      </c>
      <c r="AC22985" s="5" t="s">
        <v>44</v>
      </c>
      <c r="AD22985" s="2"/>
      <c r="AE22985" s="1"/>
    </row>
    <row r="22986" spans="1:31" ht="14.45">
      <c r="A22986" s="11"/>
      <c r="B22986" s="20"/>
      <c r="C22986" s="2" t="s">
        <v>73837</v>
      </c>
      <c r="D22986" s="14" t="s">
        <v>73838</v>
      </c>
      <c r="E22986" s="2" t="s">
        <v>73839</v>
      </c>
      <c r="F22986" s="2" t="s">
        <v>7514</v>
      </c>
      <c r="G22986" s="8">
        <v>237</v>
      </c>
      <c r="H22986" s="5">
        <v>6</v>
      </c>
      <c r="I22986" s="5" t="s">
        <v>1518</v>
      </c>
      <c r="J22986" s="5" t="s">
        <v>69038</v>
      </c>
      <c r="K22986" s="2" t="s">
        <v>69039</v>
      </c>
      <c r="L22986" s="5" t="s">
        <v>69038</v>
      </c>
      <c r="M22986" s="2" t="s">
        <v>69039</v>
      </c>
      <c r="N22986" s="5" t="s">
        <v>1521</v>
      </c>
      <c r="O22986" s="5" t="s">
        <v>38</v>
      </c>
      <c r="P22986" s="5" t="s">
        <v>39</v>
      </c>
      <c r="Q22986" s="5" t="s">
        <v>40</v>
      </c>
      <c r="R22986" s="5" t="s">
        <v>1522</v>
      </c>
      <c r="S22986" s="5" t="s">
        <v>1523</v>
      </c>
      <c r="T22986" s="5" t="s">
        <v>42</v>
      </c>
      <c r="U22986" s="2">
        <v>2.5680000000000001</v>
      </c>
      <c r="V22986" s="2">
        <v>2.0219999999999998</v>
      </c>
      <c r="W22986" s="2">
        <v>1.2999999999999999E-2</v>
      </c>
      <c r="X22986" s="2">
        <v>99.1</v>
      </c>
      <c r="Y22986" s="2">
        <v>7.6</v>
      </c>
      <c r="Z22986" s="2">
        <v>16.7</v>
      </c>
      <c r="AA22986" s="5"/>
      <c r="AB22986" s="5" t="s">
        <v>43</v>
      </c>
      <c r="AC22986" s="5" t="s">
        <v>44</v>
      </c>
      <c r="AD22986" s="2"/>
      <c r="AE22986" s="1"/>
    </row>
    <row r="22987" spans="1:31" ht="14.45">
      <c r="A22987" s="11"/>
      <c r="B22987" s="20"/>
      <c r="C22987" s="2" t="s">
        <v>73840</v>
      </c>
      <c r="D22987" s="14" t="s">
        <v>73841</v>
      </c>
      <c r="E22987" s="2" t="s">
        <v>73842</v>
      </c>
      <c r="F22987" s="2" t="s">
        <v>7208</v>
      </c>
      <c r="G22987" s="8">
        <v>237</v>
      </c>
      <c r="H22987" s="5">
        <v>6</v>
      </c>
      <c r="I22987" s="5" t="s">
        <v>1518</v>
      </c>
      <c r="J22987" s="5" t="s">
        <v>69038</v>
      </c>
      <c r="K22987" s="2" t="s">
        <v>69039</v>
      </c>
      <c r="L22987" s="5" t="s">
        <v>69038</v>
      </c>
      <c r="M22987" s="2" t="s">
        <v>69039</v>
      </c>
      <c r="N22987" s="5" t="s">
        <v>1521</v>
      </c>
      <c r="O22987" s="5" t="s">
        <v>38</v>
      </c>
      <c r="P22987" s="5" t="s">
        <v>39</v>
      </c>
      <c r="Q22987" s="5" t="s">
        <v>40</v>
      </c>
      <c r="R22987" s="5" t="s">
        <v>1522</v>
      </c>
      <c r="S22987" s="5" t="s">
        <v>1523</v>
      </c>
      <c r="T22987" s="5" t="s">
        <v>42</v>
      </c>
      <c r="U22987" s="2">
        <v>2.5009999999999999</v>
      </c>
      <c r="V22987" s="2">
        <v>1.9550000000000001</v>
      </c>
      <c r="W22987" s="2">
        <v>1.2999999999999999E-2</v>
      </c>
      <c r="X22987" s="2">
        <v>99.1</v>
      </c>
      <c r="Y22987" s="2">
        <v>7.6</v>
      </c>
      <c r="Z22987" s="2">
        <v>16.7</v>
      </c>
      <c r="AA22987" s="5"/>
      <c r="AB22987" s="5" t="s">
        <v>43</v>
      </c>
      <c r="AC22987" s="5" t="s">
        <v>44</v>
      </c>
      <c r="AD22987" s="2"/>
      <c r="AE22987" s="1"/>
    </row>
    <row r="22988" spans="1:31" ht="14.45">
      <c r="A22988" s="11"/>
      <c r="B22988" s="20"/>
      <c r="C22988" s="2" t="s">
        <v>73843</v>
      </c>
      <c r="D22988" s="14" t="s">
        <v>73844</v>
      </c>
      <c r="E22988" s="2" t="s">
        <v>73845</v>
      </c>
      <c r="F22988" s="2" t="s">
        <v>7521</v>
      </c>
      <c r="G22988" s="8">
        <v>237</v>
      </c>
      <c r="H22988" s="5">
        <v>6</v>
      </c>
      <c r="I22988" s="5" t="s">
        <v>1518</v>
      </c>
      <c r="J22988" s="5" t="s">
        <v>69038</v>
      </c>
      <c r="K22988" s="2" t="s">
        <v>69039</v>
      </c>
      <c r="L22988" s="5" t="s">
        <v>69038</v>
      </c>
      <c r="M22988" s="2" t="s">
        <v>69039</v>
      </c>
      <c r="N22988" s="5" t="s">
        <v>1521</v>
      </c>
      <c r="O22988" s="5" t="s">
        <v>38</v>
      </c>
      <c r="P22988" s="5" t="s">
        <v>39</v>
      </c>
      <c r="Q22988" s="5" t="s">
        <v>40</v>
      </c>
      <c r="R22988" s="5" t="s">
        <v>1522</v>
      </c>
      <c r="S22988" s="5" t="s">
        <v>1523</v>
      </c>
      <c r="T22988" s="5" t="s">
        <v>42</v>
      </c>
      <c r="U22988" s="2">
        <v>2.5680000000000001</v>
      </c>
      <c r="V22988" s="2">
        <v>2.0219999999999998</v>
      </c>
      <c r="W22988" s="2">
        <v>1.2999999999999999E-2</v>
      </c>
      <c r="X22988" s="2">
        <v>99.1</v>
      </c>
      <c r="Y22988" s="2">
        <v>7.6</v>
      </c>
      <c r="Z22988" s="2">
        <v>16.7</v>
      </c>
      <c r="AA22988" s="5"/>
      <c r="AB22988" s="5" t="s">
        <v>43</v>
      </c>
      <c r="AC22988" s="5" t="s">
        <v>44</v>
      </c>
      <c r="AD22988" s="2"/>
      <c r="AE22988" s="1"/>
    </row>
    <row r="22989" spans="1:31" ht="14.45">
      <c r="A22989" s="11"/>
      <c r="B22989" s="20"/>
      <c r="C22989" s="2" t="s">
        <v>73846</v>
      </c>
      <c r="D22989" s="14" t="s">
        <v>73847</v>
      </c>
      <c r="E22989" s="2" t="s">
        <v>73848</v>
      </c>
      <c r="F22989" s="2" t="s">
        <v>7406</v>
      </c>
      <c r="G22989" s="8">
        <v>253</v>
      </c>
      <c r="H22989" s="5">
        <v>6</v>
      </c>
      <c r="I22989" s="5" t="s">
        <v>1518</v>
      </c>
      <c r="J22989" s="5" t="s">
        <v>69038</v>
      </c>
      <c r="K22989" s="2" t="s">
        <v>69039</v>
      </c>
      <c r="L22989" s="5" t="s">
        <v>69038</v>
      </c>
      <c r="M22989" s="2" t="s">
        <v>69039</v>
      </c>
      <c r="N22989" s="5" t="s">
        <v>1521</v>
      </c>
      <c r="O22989" s="5" t="s">
        <v>38</v>
      </c>
      <c r="P22989" s="5" t="s">
        <v>39</v>
      </c>
      <c r="Q22989" s="5" t="s">
        <v>40</v>
      </c>
      <c r="R22989" s="5" t="s">
        <v>1522</v>
      </c>
      <c r="S22989" s="5" t="s">
        <v>1523</v>
      </c>
      <c r="T22989" s="5" t="s">
        <v>42</v>
      </c>
      <c r="U22989" s="2">
        <v>2.5009999999999999</v>
      </c>
      <c r="V22989" s="2">
        <v>1.9550000000000001</v>
      </c>
      <c r="W22989" s="2">
        <v>1.2999999999999999E-2</v>
      </c>
      <c r="X22989" s="2">
        <v>99.1</v>
      </c>
      <c r="Y22989" s="2">
        <v>7.6</v>
      </c>
      <c r="Z22989" s="2">
        <v>16.7</v>
      </c>
      <c r="AA22989" s="5"/>
      <c r="AB22989" s="5" t="s">
        <v>43</v>
      </c>
      <c r="AC22989" s="5" t="s">
        <v>44</v>
      </c>
      <c r="AD22989" s="2"/>
      <c r="AE22989" s="1"/>
    </row>
    <row r="22990" spans="1:31" ht="14.45">
      <c r="A22990" s="11"/>
      <c r="B22990" s="20"/>
      <c r="C22990" s="2" t="s">
        <v>73849</v>
      </c>
      <c r="D22990" s="14" t="s">
        <v>73850</v>
      </c>
      <c r="E22990" s="2" t="s">
        <v>73851</v>
      </c>
      <c r="F22990" s="2" t="s">
        <v>7539</v>
      </c>
      <c r="G22990" s="8">
        <v>253</v>
      </c>
      <c r="H22990" s="5">
        <v>6</v>
      </c>
      <c r="I22990" s="5" t="s">
        <v>1518</v>
      </c>
      <c r="J22990" s="5" t="s">
        <v>69038</v>
      </c>
      <c r="K22990" s="2" t="s">
        <v>69039</v>
      </c>
      <c r="L22990" s="5" t="s">
        <v>69038</v>
      </c>
      <c r="M22990" s="2" t="s">
        <v>69039</v>
      </c>
      <c r="N22990" s="5" t="s">
        <v>1521</v>
      </c>
      <c r="O22990" s="5" t="s">
        <v>38</v>
      </c>
      <c r="P22990" s="5" t="s">
        <v>39</v>
      </c>
      <c r="Q22990" s="5" t="s">
        <v>40</v>
      </c>
      <c r="R22990" s="5" t="s">
        <v>1522</v>
      </c>
      <c r="S22990" s="5" t="s">
        <v>1523</v>
      </c>
      <c r="T22990" s="5" t="s">
        <v>42</v>
      </c>
      <c r="U22990" s="2">
        <v>2.5009999999999999</v>
      </c>
      <c r="V22990" s="2">
        <v>1.9550000000000001</v>
      </c>
      <c r="W22990" s="2">
        <v>1.2999999999999999E-2</v>
      </c>
      <c r="X22990" s="2">
        <v>99.1</v>
      </c>
      <c r="Y22990" s="2">
        <v>7.6</v>
      </c>
      <c r="Z22990" s="2">
        <v>16.7</v>
      </c>
      <c r="AA22990" s="5"/>
      <c r="AB22990" s="5" t="s">
        <v>43</v>
      </c>
      <c r="AC22990" s="5" t="s">
        <v>44</v>
      </c>
      <c r="AD22990" s="2"/>
      <c r="AE22990" s="1"/>
    </row>
    <row r="22991" spans="1:31" ht="14.45">
      <c r="A22991" s="11"/>
      <c r="B22991" s="20"/>
      <c r="C22991" s="2" t="s">
        <v>73852</v>
      </c>
      <c r="D22991" s="14" t="s">
        <v>73853</v>
      </c>
      <c r="E22991" s="2" t="s">
        <v>73854</v>
      </c>
      <c r="F22991" s="2" t="s">
        <v>7543</v>
      </c>
      <c r="G22991" s="8">
        <v>253</v>
      </c>
      <c r="H22991" s="5">
        <v>6</v>
      </c>
      <c r="I22991" s="5" t="s">
        <v>1518</v>
      </c>
      <c r="J22991" s="5" t="s">
        <v>69038</v>
      </c>
      <c r="K22991" s="2" t="s">
        <v>69039</v>
      </c>
      <c r="L22991" s="5" t="s">
        <v>69038</v>
      </c>
      <c r="M22991" s="2" t="s">
        <v>69039</v>
      </c>
      <c r="N22991" s="5" t="s">
        <v>1521</v>
      </c>
      <c r="O22991" s="5" t="s">
        <v>38</v>
      </c>
      <c r="P22991" s="5" t="s">
        <v>39</v>
      </c>
      <c r="Q22991" s="5" t="s">
        <v>40</v>
      </c>
      <c r="R22991" s="5" t="s">
        <v>1522</v>
      </c>
      <c r="S22991" s="5" t="s">
        <v>1523</v>
      </c>
      <c r="T22991" s="5" t="s">
        <v>42</v>
      </c>
      <c r="U22991" s="2">
        <v>2.5680000000000001</v>
      </c>
      <c r="V22991" s="2">
        <v>2.0219999999999998</v>
      </c>
      <c r="W22991" s="2">
        <v>1.2999999999999999E-2</v>
      </c>
      <c r="X22991" s="2">
        <v>99.1</v>
      </c>
      <c r="Y22991" s="2">
        <v>7.6</v>
      </c>
      <c r="Z22991" s="2">
        <v>16.7</v>
      </c>
      <c r="AA22991" s="5"/>
      <c r="AB22991" s="5" t="s">
        <v>43</v>
      </c>
      <c r="AC22991" s="5" t="s">
        <v>44</v>
      </c>
      <c r="AD22991" s="2"/>
      <c r="AE22991" s="1"/>
    </row>
    <row r="22992" spans="1:31" ht="14.45">
      <c r="A22992" s="11"/>
      <c r="B22992" s="20"/>
      <c r="C22992" s="2" t="s">
        <v>73855</v>
      </c>
      <c r="D22992" s="14" t="s">
        <v>73856</v>
      </c>
      <c r="E22992" s="2" t="s">
        <v>73857</v>
      </c>
      <c r="F22992" s="2" t="s">
        <v>7396</v>
      </c>
      <c r="G22992" s="8">
        <v>237</v>
      </c>
      <c r="H22992" s="5">
        <v>6</v>
      </c>
      <c r="I22992" s="5" t="s">
        <v>1518</v>
      </c>
      <c r="J22992" s="5" t="s">
        <v>69038</v>
      </c>
      <c r="K22992" s="2" t="s">
        <v>69039</v>
      </c>
      <c r="L22992" s="5" t="s">
        <v>69038</v>
      </c>
      <c r="M22992" s="2" t="s">
        <v>69039</v>
      </c>
      <c r="N22992" s="5" t="s">
        <v>1521</v>
      </c>
      <c r="O22992" s="5" t="s">
        <v>38</v>
      </c>
      <c r="P22992" s="5" t="s">
        <v>39</v>
      </c>
      <c r="Q22992" s="5" t="s">
        <v>40</v>
      </c>
      <c r="R22992" s="5" t="s">
        <v>1522</v>
      </c>
      <c r="S22992" s="5" t="s">
        <v>1523</v>
      </c>
      <c r="T22992" s="5" t="s">
        <v>42</v>
      </c>
      <c r="U22992" s="2">
        <v>2.5009999999999999</v>
      </c>
      <c r="V22992" s="2">
        <v>1.9550000000000001</v>
      </c>
      <c r="W22992" s="2">
        <v>1.2999999999999999E-2</v>
      </c>
      <c r="X22992" s="2">
        <v>99.1</v>
      </c>
      <c r="Y22992" s="2">
        <v>7.6</v>
      </c>
      <c r="Z22992" s="2">
        <v>16.7</v>
      </c>
      <c r="AA22992" s="5"/>
      <c r="AB22992" s="5" t="s">
        <v>43</v>
      </c>
      <c r="AC22992" s="5" t="s">
        <v>44</v>
      </c>
      <c r="AD22992" s="2"/>
      <c r="AE22992" s="1"/>
    </row>
    <row r="22993" spans="1:31" ht="14.45">
      <c r="A22993" s="11"/>
      <c r="B22993" s="20"/>
      <c r="C22993" s="2" t="s">
        <v>73858</v>
      </c>
      <c r="D22993" s="14" t="s">
        <v>73859</v>
      </c>
      <c r="E22993" s="2" t="s">
        <v>73860</v>
      </c>
      <c r="F22993" s="2" t="s">
        <v>7507</v>
      </c>
      <c r="G22993" s="8">
        <v>237</v>
      </c>
      <c r="H22993" s="5">
        <v>6</v>
      </c>
      <c r="I22993" s="5" t="s">
        <v>1518</v>
      </c>
      <c r="J22993" s="5" t="s">
        <v>69038</v>
      </c>
      <c r="K22993" s="2" t="s">
        <v>69039</v>
      </c>
      <c r="L22993" s="5" t="s">
        <v>69038</v>
      </c>
      <c r="M22993" s="2" t="s">
        <v>69039</v>
      </c>
      <c r="N22993" s="5" t="s">
        <v>1521</v>
      </c>
      <c r="O22993" s="5" t="s">
        <v>38</v>
      </c>
      <c r="P22993" s="5" t="s">
        <v>39</v>
      </c>
      <c r="Q22993" s="5" t="s">
        <v>40</v>
      </c>
      <c r="R22993" s="5" t="s">
        <v>1522</v>
      </c>
      <c r="S22993" s="5" t="s">
        <v>1523</v>
      </c>
      <c r="T22993" s="5" t="s">
        <v>42</v>
      </c>
      <c r="U22993" s="2">
        <v>2.5680000000000001</v>
      </c>
      <c r="V22993" s="2">
        <v>2.0219999999999998</v>
      </c>
      <c r="W22993" s="2">
        <v>1.2999999999999999E-2</v>
      </c>
      <c r="X22993" s="2">
        <v>99.1</v>
      </c>
      <c r="Y22993" s="2">
        <v>7.6</v>
      </c>
      <c r="Z22993" s="2">
        <v>16.7</v>
      </c>
      <c r="AA22993" s="5"/>
      <c r="AB22993" s="5" t="s">
        <v>43</v>
      </c>
      <c r="AC22993" s="5" t="s">
        <v>44</v>
      </c>
      <c r="AD22993" s="2"/>
      <c r="AE22993" s="1"/>
    </row>
    <row r="22994" spans="1:31" ht="14.45">
      <c r="A22994" s="11"/>
      <c r="B22994" s="20"/>
      <c r="C22994" s="2" t="s">
        <v>73861</v>
      </c>
      <c r="D22994" s="14" t="s">
        <v>73862</v>
      </c>
      <c r="E22994" s="2" t="s">
        <v>73863</v>
      </c>
      <c r="F22994" s="2" t="s">
        <v>7563</v>
      </c>
      <c r="G22994" s="8">
        <v>253</v>
      </c>
      <c r="H22994" s="5">
        <v>6</v>
      </c>
      <c r="I22994" s="5" t="s">
        <v>1518</v>
      </c>
      <c r="J22994" s="5" t="s">
        <v>69038</v>
      </c>
      <c r="K22994" s="2" t="s">
        <v>69039</v>
      </c>
      <c r="L22994" s="5" t="s">
        <v>69038</v>
      </c>
      <c r="M22994" s="2" t="s">
        <v>69039</v>
      </c>
      <c r="N22994" s="5" t="s">
        <v>1521</v>
      </c>
      <c r="O22994" s="5" t="s">
        <v>38</v>
      </c>
      <c r="P22994" s="5" t="s">
        <v>39</v>
      </c>
      <c r="Q22994" s="5" t="s">
        <v>40</v>
      </c>
      <c r="R22994" s="5" t="s">
        <v>1522</v>
      </c>
      <c r="S22994" s="5" t="s">
        <v>1523</v>
      </c>
      <c r="T22994" s="5" t="s">
        <v>42</v>
      </c>
      <c r="U22994" s="2">
        <v>2.5009999999999999</v>
      </c>
      <c r="V22994" s="2">
        <v>1.9550000000000001</v>
      </c>
      <c r="W22994" s="2">
        <v>1.2999999999999999E-2</v>
      </c>
      <c r="X22994" s="2">
        <v>99.1</v>
      </c>
      <c r="Y22994" s="2">
        <v>7.6</v>
      </c>
      <c r="Z22994" s="2">
        <v>16.7</v>
      </c>
      <c r="AA22994" s="5"/>
      <c r="AB22994" s="5" t="s">
        <v>43</v>
      </c>
      <c r="AC22994" s="5" t="s">
        <v>44</v>
      </c>
      <c r="AD22994" s="2"/>
      <c r="AE22994" s="1"/>
    </row>
    <row r="22995" spans="1:31" ht="14.45">
      <c r="A22995" s="11"/>
      <c r="B22995" s="20"/>
      <c r="C22995" s="2" t="s">
        <v>73864</v>
      </c>
      <c r="D22995" s="14" t="s">
        <v>73865</v>
      </c>
      <c r="E22995" s="2" t="s">
        <v>73866</v>
      </c>
      <c r="F22995" s="2" t="s">
        <v>7567</v>
      </c>
      <c r="G22995" s="8">
        <v>253</v>
      </c>
      <c r="H22995" s="5">
        <v>6</v>
      </c>
      <c r="I22995" s="5" t="s">
        <v>1518</v>
      </c>
      <c r="J22995" s="5" t="s">
        <v>69038</v>
      </c>
      <c r="K22995" s="2" t="s">
        <v>69039</v>
      </c>
      <c r="L22995" s="5" t="s">
        <v>69038</v>
      </c>
      <c r="M22995" s="2" t="s">
        <v>69039</v>
      </c>
      <c r="N22995" s="5" t="s">
        <v>1521</v>
      </c>
      <c r="O22995" s="5" t="s">
        <v>38</v>
      </c>
      <c r="P22995" s="5" t="s">
        <v>39</v>
      </c>
      <c r="Q22995" s="5" t="s">
        <v>40</v>
      </c>
      <c r="R22995" s="5" t="s">
        <v>1522</v>
      </c>
      <c r="S22995" s="5" t="s">
        <v>1523</v>
      </c>
      <c r="T22995" s="5" t="s">
        <v>42</v>
      </c>
      <c r="U22995" s="2">
        <v>2.5680000000000001</v>
      </c>
      <c r="V22995" s="2">
        <v>2.0219999999999998</v>
      </c>
      <c r="W22995" s="2">
        <v>1.2999999999999999E-2</v>
      </c>
      <c r="X22995" s="2">
        <v>99.1</v>
      </c>
      <c r="Y22995" s="2">
        <v>7.6</v>
      </c>
      <c r="Z22995" s="2">
        <v>16.7</v>
      </c>
      <c r="AA22995" s="5"/>
      <c r="AB22995" s="5" t="s">
        <v>43</v>
      </c>
      <c r="AC22995" s="5" t="s">
        <v>44</v>
      </c>
      <c r="AD22995" s="2"/>
      <c r="AE22995" s="1"/>
    </row>
    <row r="22996" spans="1:31" ht="14.45">
      <c r="A22996" s="11"/>
      <c r="B22996" s="20"/>
      <c r="C22996" s="2" t="s">
        <v>73867</v>
      </c>
      <c r="D22996" s="14" t="s">
        <v>73868</v>
      </c>
      <c r="E22996" s="2" t="s">
        <v>73869</v>
      </c>
      <c r="F22996" s="2" t="s">
        <v>7593</v>
      </c>
      <c r="G22996" s="8">
        <v>253</v>
      </c>
      <c r="H22996" s="5">
        <v>6</v>
      </c>
      <c r="I22996" s="5" t="s">
        <v>1518</v>
      </c>
      <c r="J22996" s="5" t="s">
        <v>69038</v>
      </c>
      <c r="K22996" s="2" t="s">
        <v>69039</v>
      </c>
      <c r="L22996" s="5" t="s">
        <v>69038</v>
      </c>
      <c r="M22996" s="2" t="s">
        <v>69039</v>
      </c>
      <c r="N22996" s="5" t="s">
        <v>1521</v>
      </c>
      <c r="O22996" s="5" t="s">
        <v>38</v>
      </c>
      <c r="P22996" s="5" t="s">
        <v>39</v>
      </c>
      <c r="Q22996" s="5" t="s">
        <v>40</v>
      </c>
      <c r="R22996" s="5" t="s">
        <v>1522</v>
      </c>
      <c r="S22996" s="5" t="s">
        <v>1523</v>
      </c>
      <c r="T22996" s="5" t="s">
        <v>42</v>
      </c>
      <c r="U22996" s="2">
        <v>2.5009999999999999</v>
      </c>
      <c r="V22996" s="2">
        <v>1.9550000000000001</v>
      </c>
      <c r="W22996" s="2">
        <v>1.2999999999999999E-2</v>
      </c>
      <c r="X22996" s="2">
        <v>99.1</v>
      </c>
      <c r="Y22996" s="2">
        <v>7.6</v>
      </c>
      <c r="Z22996" s="2">
        <v>16.7</v>
      </c>
      <c r="AA22996" s="5"/>
      <c r="AB22996" s="5" t="s">
        <v>43</v>
      </c>
      <c r="AC22996" s="5" t="s">
        <v>44</v>
      </c>
      <c r="AD22996" s="2"/>
      <c r="AE22996" s="1"/>
    </row>
    <row r="22997" spans="1:31" ht="14.45">
      <c r="A22997" s="11"/>
      <c r="B22997" s="20"/>
      <c r="C22997" s="2" t="s">
        <v>73870</v>
      </c>
      <c r="D22997" s="14" t="s">
        <v>73871</v>
      </c>
      <c r="E22997" s="2" t="s">
        <v>73872</v>
      </c>
      <c r="F22997" s="2" t="s">
        <v>73358</v>
      </c>
      <c r="G22997" s="8">
        <v>253</v>
      </c>
      <c r="H22997" s="5">
        <v>6</v>
      </c>
      <c r="I22997" s="5" t="s">
        <v>1518</v>
      </c>
      <c r="J22997" s="5" t="s">
        <v>69038</v>
      </c>
      <c r="K22997" s="2" t="s">
        <v>69039</v>
      </c>
      <c r="L22997" s="5" t="s">
        <v>69038</v>
      </c>
      <c r="M22997" s="2" t="s">
        <v>69039</v>
      </c>
      <c r="N22997" s="5" t="s">
        <v>1521</v>
      </c>
      <c r="O22997" s="5" t="s">
        <v>38</v>
      </c>
      <c r="P22997" s="5" t="s">
        <v>39</v>
      </c>
      <c r="Q22997" s="5" t="s">
        <v>40</v>
      </c>
      <c r="R22997" s="5" t="s">
        <v>1522</v>
      </c>
      <c r="S22997" s="5" t="s">
        <v>1523</v>
      </c>
      <c r="T22997" s="5" t="s">
        <v>42</v>
      </c>
      <c r="U22997" s="2">
        <v>2.5009999999999999</v>
      </c>
      <c r="V22997" s="2">
        <v>1.9550000000000001</v>
      </c>
      <c r="W22997" s="2">
        <v>1.2999999999999999E-2</v>
      </c>
      <c r="X22997" s="2">
        <v>99.1</v>
      </c>
      <c r="Y22997" s="2">
        <v>7.6</v>
      </c>
      <c r="Z22997" s="2">
        <v>16.7</v>
      </c>
      <c r="AA22997" s="5"/>
      <c r="AB22997" s="5" t="s">
        <v>43</v>
      </c>
      <c r="AC22997" s="5" t="s">
        <v>44</v>
      </c>
      <c r="AD22997" s="2"/>
      <c r="AE22997" s="1"/>
    </row>
    <row r="22998" spans="1:31" ht="14.45">
      <c r="A22998" s="11"/>
      <c r="B22998" s="20"/>
      <c r="C22998" s="2" t="s">
        <v>73873</v>
      </c>
      <c r="D22998" s="14" t="s">
        <v>73874</v>
      </c>
      <c r="E22998" s="2" t="s">
        <v>73875</v>
      </c>
      <c r="F22998" s="2" t="s">
        <v>73362</v>
      </c>
      <c r="G22998" s="8">
        <v>253</v>
      </c>
      <c r="H22998" s="5">
        <v>6</v>
      </c>
      <c r="I22998" s="5" t="s">
        <v>1518</v>
      </c>
      <c r="J22998" s="5" t="s">
        <v>69038</v>
      </c>
      <c r="K22998" s="2" t="s">
        <v>69039</v>
      </c>
      <c r="L22998" s="5" t="s">
        <v>69038</v>
      </c>
      <c r="M22998" s="2" t="s">
        <v>69039</v>
      </c>
      <c r="N22998" s="5" t="s">
        <v>1521</v>
      </c>
      <c r="O22998" s="5" t="s">
        <v>38</v>
      </c>
      <c r="P22998" s="5" t="s">
        <v>39</v>
      </c>
      <c r="Q22998" s="5" t="s">
        <v>40</v>
      </c>
      <c r="R22998" s="5" t="s">
        <v>1522</v>
      </c>
      <c r="S22998" s="5" t="s">
        <v>1523</v>
      </c>
      <c r="T22998" s="5" t="s">
        <v>42</v>
      </c>
      <c r="U22998" s="2">
        <v>2.5680000000000001</v>
      </c>
      <c r="V22998" s="2">
        <v>2.0219999999999998</v>
      </c>
      <c r="W22998" s="2">
        <v>1.2999999999999999E-2</v>
      </c>
      <c r="X22998" s="2">
        <v>99.1</v>
      </c>
      <c r="Y22998" s="2">
        <v>7.6</v>
      </c>
      <c r="Z22998" s="2">
        <v>16.7</v>
      </c>
      <c r="AA22998" s="5"/>
      <c r="AB22998" s="5" t="s">
        <v>43</v>
      </c>
      <c r="AC22998" s="5" t="s">
        <v>44</v>
      </c>
      <c r="AD22998" s="2"/>
      <c r="AE22998" s="1"/>
    </row>
    <row r="22999" spans="1:31" ht="14.45">
      <c r="A22999" s="11"/>
      <c r="B22999" s="20"/>
      <c r="C22999" s="2" t="s">
        <v>73876</v>
      </c>
      <c r="D22999" s="14" t="s">
        <v>73877</v>
      </c>
      <c r="E22999" s="2" t="s">
        <v>73878</v>
      </c>
      <c r="F22999" s="2" t="s">
        <v>7619</v>
      </c>
      <c r="G22999" s="8">
        <v>253</v>
      </c>
      <c r="H22999" s="5">
        <v>6</v>
      </c>
      <c r="I22999" s="5" t="s">
        <v>1518</v>
      </c>
      <c r="J22999" s="5" t="s">
        <v>69038</v>
      </c>
      <c r="K22999" s="2" t="s">
        <v>69039</v>
      </c>
      <c r="L22999" s="5" t="s">
        <v>69038</v>
      </c>
      <c r="M22999" s="2" t="s">
        <v>69039</v>
      </c>
      <c r="N22999" s="5" t="s">
        <v>1521</v>
      </c>
      <c r="O22999" s="5" t="s">
        <v>38</v>
      </c>
      <c r="P22999" s="5" t="s">
        <v>39</v>
      </c>
      <c r="Q22999" s="5" t="s">
        <v>40</v>
      </c>
      <c r="R22999" s="5" t="s">
        <v>1522</v>
      </c>
      <c r="S22999" s="5" t="s">
        <v>1523</v>
      </c>
      <c r="T22999" s="5" t="s">
        <v>42</v>
      </c>
      <c r="U22999" s="2">
        <v>2.5680000000000001</v>
      </c>
      <c r="V22999" s="2">
        <v>2.0219999999999998</v>
      </c>
      <c r="W22999" s="2">
        <v>1.2999999999999999E-2</v>
      </c>
      <c r="X22999" s="2">
        <v>99.1</v>
      </c>
      <c r="Y22999" s="2">
        <v>7.6</v>
      </c>
      <c r="Z22999" s="2">
        <v>16.7</v>
      </c>
      <c r="AA22999" s="5"/>
      <c r="AB22999" s="5" t="s">
        <v>43</v>
      </c>
      <c r="AC22999" s="5" t="s">
        <v>44</v>
      </c>
      <c r="AD22999" s="2"/>
      <c r="AE22999" s="1"/>
    </row>
    <row r="23000" spans="1:31" ht="14.45">
      <c r="A23000" s="11"/>
      <c r="B23000" s="20"/>
      <c r="C23000" s="2" t="s">
        <v>73879</v>
      </c>
      <c r="D23000" s="14" t="s">
        <v>73880</v>
      </c>
      <c r="E23000" s="2" t="s">
        <v>73881</v>
      </c>
      <c r="F23000" s="2" t="s">
        <v>16014</v>
      </c>
      <c r="G23000" s="8">
        <v>253</v>
      </c>
      <c r="H23000" s="5">
        <v>6</v>
      </c>
      <c r="I23000" s="5" t="s">
        <v>1518</v>
      </c>
      <c r="J23000" s="5" t="s">
        <v>69038</v>
      </c>
      <c r="K23000" s="2" t="s">
        <v>69039</v>
      </c>
      <c r="L23000" s="5" t="s">
        <v>69038</v>
      </c>
      <c r="M23000" s="2" t="s">
        <v>69039</v>
      </c>
      <c r="N23000" s="5" t="s">
        <v>1521</v>
      </c>
      <c r="O23000" s="5" t="s">
        <v>38</v>
      </c>
      <c r="P23000" s="5" t="s">
        <v>39</v>
      </c>
      <c r="Q23000" s="5" t="s">
        <v>40</v>
      </c>
      <c r="R23000" s="5" t="s">
        <v>1522</v>
      </c>
      <c r="S23000" s="5" t="s">
        <v>1523</v>
      </c>
      <c r="T23000" s="5" t="s">
        <v>42</v>
      </c>
      <c r="U23000" s="2">
        <v>2.5009999999999999</v>
      </c>
      <c r="V23000" s="2">
        <v>1.9550000000000001</v>
      </c>
      <c r="W23000" s="2">
        <v>1.2999999999999999E-2</v>
      </c>
      <c r="X23000" s="2">
        <v>99.1</v>
      </c>
      <c r="Y23000" s="2">
        <v>7.6</v>
      </c>
      <c r="Z23000" s="2">
        <v>16.7</v>
      </c>
      <c r="AA23000" s="5"/>
      <c r="AB23000" s="5" t="s">
        <v>43</v>
      </c>
      <c r="AC23000" s="5" t="s">
        <v>44</v>
      </c>
      <c r="AD23000" s="2"/>
      <c r="AE23000" s="1"/>
    </row>
    <row r="23001" spans="1:31" ht="14.45">
      <c r="A23001" s="11"/>
      <c r="B23001" s="20"/>
      <c r="C23001" s="2" t="s">
        <v>73882</v>
      </c>
      <c r="D23001" s="14" t="s">
        <v>73883</v>
      </c>
      <c r="E23001" s="2" t="s">
        <v>73884</v>
      </c>
      <c r="F23001" s="2" t="s">
        <v>16219</v>
      </c>
      <c r="G23001" s="8">
        <v>253</v>
      </c>
      <c r="H23001" s="5">
        <v>6</v>
      </c>
      <c r="I23001" s="5" t="s">
        <v>1518</v>
      </c>
      <c r="J23001" s="5" t="s">
        <v>69038</v>
      </c>
      <c r="K23001" s="2" t="s">
        <v>69039</v>
      </c>
      <c r="L23001" s="5" t="s">
        <v>69038</v>
      </c>
      <c r="M23001" s="2" t="s">
        <v>69039</v>
      </c>
      <c r="N23001" s="5" t="s">
        <v>1521</v>
      </c>
      <c r="O23001" s="5" t="s">
        <v>38</v>
      </c>
      <c r="P23001" s="5" t="s">
        <v>39</v>
      </c>
      <c r="Q23001" s="5" t="s">
        <v>40</v>
      </c>
      <c r="R23001" s="5" t="s">
        <v>1522</v>
      </c>
      <c r="S23001" s="5" t="s">
        <v>1523</v>
      </c>
      <c r="T23001" s="5" t="s">
        <v>42</v>
      </c>
      <c r="U23001" s="2">
        <v>2.5680000000000001</v>
      </c>
      <c r="V23001" s="2">
        <v>2.0219999999999998</v>
      </c>
      <c r="W23001" s="2">
        <v>1.2999999999999999E-2</v>
      </c>
      <c r="X23001" s="2">
        <v>99.1</v>
      </c>
      <c r="Y23001" s="2">
        <v>7.6</v>
      </c>
      <c r="Z23001" s="2">
        <v>16.7</v>
      </c>
      <c r="AA23001" s="5"/>
      <c r="AB23001" s="5" t="s">
        <v>43</v>
      </c>
      <c r="AC23001" s="5" t="s">
        <v>44</v>
      </c>
      <c r="AD23001" s="2"/>
      <c r="AE23001" s="1"/>
    </row>
    <row r="23002" spans="1:31" ht="14.45">
      <c r="A23002" s="11"/>
      <c r="B23002" s="20"/>
      <c r="C23002" s="2" t="s">
        <v>73885</v>
      </c>
      <c r="D23002" s="14" t="s">
        <v>73886</v>
      </c>
      <c r="E23002" s="2" t="s">
        <v>73887</v>
      </c>
      <c r="F23002" s="2" t="s">
        <v>7212</v>
      </c>
      <c r="G23002" s="8">
        <v>237</v>
      </c>
      <c r="H23002" s="5">
        <v>6</v>
      </c>
      <c r="I23002" s="5" t="s">
        <v>1518</v>
      </c>
      <c r="J23002" s="5" t="s">
        <v>69038</v>
      </c>
      <c r="K23002" s="2" t="s">
        <v>69039</v>
      </c>
      <c r="L23002" s="5" t="s">
        <v>69038</v>
      </c>
      <c r="M23002" s="2" t="s">
        <v>69039</v>
      </c>
      <c r="N23002" s="5" t="s">
        <v>1521</v>
      </c>
      <c r="O23002" s="5" t="s">
        <v>38</v>
      </c>
      <c r="P23002" s="5" t="s">
        <v>39</v>
      </c>
      <c r="Q23002" s="5" t="s">
        <v>40</v>
      </c>
      <c r="R23002" s="5" t="s">
        <v>1522</v>
      </c>
      <c r="S23002" s="5" t="s">
        <v>1523</v>
      </c>
      <c r="T23002" s="5" t="s">
        <v>42</v>
      </c>
      <c r="U23002" s="2">
        <v>2.5009999999999999</v>
      </c>
      <c r="V23002" s="2">
        <v>1.9550000000000001</v>
      </c>
      <c r="W23002" s="2">
        <v>1.2999999999999999E-2</v>
      </c>
      <c r="X23002" s="2">
        <v>99.1</v>
      </c>
      <c r="Y23002" s="2">
        <v>7.6</v>
      </c>
      <c r="Z23002" s="2">
        <v>16.7</v>
      </c>
      <c r="AA23002" s="5"/>
      <c r="AB23002" s="5" t="s">
        <v>43</v>
      </c>
      <c r="AC23002" s="5" t="s">
        <v>44</v>
      </c>
      <c r="AD23002" s="2"/>
      <c r="AE23002" s="1"/>
    </row>
    <row r="23003" spans="1:31" ht="14.45">
      <c r="A23003" s="11"/>
      <c r="B23003" s="20"/>
      <c r="C23003" s="2" t="s">
        <v>73888</v>
      </c>
      <c r="D23003" s="14" t="s">
        <v>73889</v>
      </c>
      <c r="E23003" s="2" t="s">
        <v>73890</v>
      </c>
      <c r="F23003" s="2" t="s">
        <v>7528</v>
      </c>
      <c r="G23003" s="8">
        <v>237</v>
      </c>
      <c r="H23003" s="5">
        <v>6</v>
      </c>
      <c r="I23003" s="5" t="s">
        <v>1518</v>
      </c>
      <c r="J23003" s="5" t="s">
        <v>69038</v>
      </c>
      <c r="K23003" s="2" t="s">
        <v>69039</v>
      </c>
      <c r="L23003" s="5" t="s">
        <v>69038</v>
      </c>
      <c r="M23003" s="2" t="s">
        <v>69039</v>
      </c>
      <c r="N23003" s="5" t="s">
        <v>1521</v>
      </c>
      <c r="O23003" s="5" t="s">
        <v>38</v>
      </c>
      <c r="P23003" s="5" t="s">
        <v>39</v>
      </c>
      <c r="Q23003" s="5" t="s">
        <v>40</v>
      </c>
      <c r="R23003" s="5" t="s">
        <v>1522</v>
      </c>
      <c r="S23003" s="5" t="s">
        <v>1523</v>
      </c>
      <c r="T23003" s="5" t="s">
        <v>42</v>
      </c>
      <c r="U23003" s="2">
        <v>2.5680000000000001</v>
      </c>
      <c r="V23003" s="2">
        <v>2.0219999999999998</v>
      </c>
      <c r="W23003" s="2">
        <v>1.2999999999999999E-2</v>
      </c>
      <c r="X23003" s="2">
        <v>99.1</v>
      </c>
      <c r="Y23003" s="2">
        <v>7.6</v>
      </c>
      <c r="Z23003" s="2">
        <v>16.7</v>
      </c>
      <c r="AA23003" s="5"/>
      <c r="AB23003" s="5" t="s">
        <v>43</v>
      </c>
      <c r="AC23003" s="5" t="s">
        <v>44</v>
      </c>
      <c r="AD23003" s="2"/>
      <c r="AE23003" s="1"/>
    </row>
    <row r="23004" spans="1:31" ht="14.45">
      <c r="A23004" s="11"/>
      <c r="B23004" s="20"/>
      <c r="C23004" s="2" t="s">
        <v>73891</v>
      </c>
      <c r="D23004" s="14" t="s">
        <v>73892</v>
      </c>
      <c r="E23004" s="2" t="s">
        <v>73893</v>
      </c>
      <c r="F23004" s="2" t="s">
        <v>16029</v>
      </c>
      <c r="G23004" s="8">
        <v>253</v>
      </c>
      <c r="H23004" s="5">
        <v>6</v>
      </c>
      <c r="I23004" s="5" t="s">
        <v>1518</v>
      </c>
      <c r="J23004" s="5" t="s">
        <v>69038</v>
      </c>
      <c r="K23004" s="2" t="s">
        <v>69039</v>
      </c>
      <c r="L23004" s="5" t="s">
        <v>69038</v>
      </c>
      <c r="M23004" s="2" t="s">
        <v>69039</v>
      </c>
      <c r="N23004" s="5" t="s">
        <v>1521</v>
      </c>
      <c r="O23004" s="5" t="s">
        <v>38</v>
      </c>
      <c r="P23004" s="5" t="s">
        <v>39</v>
      </c>
      <c r="Q23004" s="5" t="s">
        <v>40</v>
      </c>
      <c r="R23004" s="5" t="s">
        <v>1522</v>
      </c>
      <c r="S23004" s="5" t="s">
        <v>1523</v>
      </c>
      <c r="T23004" s="5" t="s">
        <v>42</v>
      </c>
      <c r="U23004" s="2">
        <v>2.5179999999999998</v>
      </c>
      <c r="V23004" s="2">
        <v>1.972</v>
      </c>
      <c r="W23004" s="2">
        <v>1.2999999999999999E-2</v>
      </c>
      <c r="X23004" s="2">
        <v>99.1</v>
      </c>
      <c r="Y23004" s="2">
        <v>7.6</v>
      </c>
      <c r="Z23004" s="2">
        <v>16.7</v>
      </c>
      <c r="AA23004" s="5"/>
      <c r="AB23004" s="5" t="s">
        <v>43</v>
      </c>
      <c r="AC23004" s="5" t="s">
        <v>44</v>
      </c>
      <c r="AD23004" s="2"/>
      <c r="AE23004" s="1"/>
    </row>
    <row r="23005" spans="1:31" ht="14.45">
      <c r="A23005" s="11"/>
      <c r="B23005" s="20"/>
      <c r="C23005" s="2" t="s">
        <v>73894</v>
      </c>
      <c r="D23005" s="14" t="s">
        <v>73895</v>
      </c>
      <c r="E23005" s="2" t="s">
        <v>73896</v>
      </c>
      <c r="F23005" s="2" t="s">
        <v>16033</v>
      </c>
      <c r="G23005" s="8">
        <v>253</v>
      </c>
      <c r="H23005" s="5">
        <v>6</v>
      </c>
      <c r="I23005" s="5" t="s">
        <v>1518</v>
      </c>
      <c r="J23005" s="5" t="s">
        <v>69038</v>
      </c>
      <c r="K23005" s="2" t="s">
        <v>69039</v>
      </c>
      <c r="L23005" s="5" t="s">
        <v>69038</v>
      </c>
      <c r="M23005" s="2" t="s">
        <v>69039</v>
      </c>
      <c r="N23005" s="5" t="s">
        <v>1521</v>
      </c>
      <c r="O23005" s="5" t="s">
        <v>38</v>
      </c>
      <c r="P23005" s="5" t="s">
        <v>39</v>
      </c>
      <c r="Q23005" s="5" t="s">
        <v>40</v>
      </c>
      <c r="R23005" s="5" t="s">
        <v>1522</v>
      </c>
      <c r="S23005" s="5" t="s">
        <v>1523</v>
      </c>
      <c r="T23005" s="5" t="s">
        <v>42</v>
      </c>
      <c r="U23005" s="2">
        <v>2.585</v>
      </c>
      <c r="V23005" s="2">
        <v>2.0390000000000001</v>
      </c>
      <c r="W23005" s="2">
        <v>1.2999999999999999E-2</v>
      </c>
      <c r="X23005" s="2">
        <v>99.1</v>
      </c>
      <c r="Y23005" s="2">
        <v>7.6</v>
      </c>
      <c r="Z23005" s="2">
        <v>16.7</v>
      </c>
      <c r="AA23005" s="5"/>
      <c r="AB23005" s="5" t="s">
        <v>43</v>
      </c>
      <c r="AC23005" s="5" t="s">
        <v>44</v>
      </c>
      <c r="AD23005" s="2"/>
      <c r="AE23005" s="1"/>
    </row>
    <row r="23006" spans="1:31" ht="14.45">
      <c r="A23006" s="11"/>
      <c r="B23006" s="20"/>
      <c r="C23006" s="2" t="s">
        <v>73897</v>
      </c>
      <c r="D23006" s="14" t="s">
        <v>73898</v>
      </c>
      <c r="E23006" s="2" t="s">
        <v>73899</v>
      </c>
      <c r="F23006" s="2" t="s">
        <v>7204</v>
      </c>
      <c r="G23006" s="8">
        <v>246</v>
      </c>
      <c r="H23006" s="5">
        <v>6</v>
      </c>
      <c r="I23006" s="5" t="s">
        <v>1518</v>
      </c>
      <c r="J23006" s="5" t="s">
        <v>69038</v>
      </c>
      <c r="K23006" s="2" t="s">
        <v>69039</v>
      </c>
      <c r="L23006" s="5" t="s">
        <v>69038</v>
      </c>
      <c r="M23006" s="2" t="s">
        <v>69039</v>
      </c>
      <c r="N23006" s="5" t="s">
        <v>1521</v>
      </c>
      <c r="O23006" s="5" t="s">
        <v>38</v>
      </c>
      <c r="P23006" s="5" t="s">
        <v>39</v>
      </c>
      <c r="Q23006" s="5" t="s">
        <v>40</v>
      </c>
      <c r="R23006" s="5" t="s">
        <v>1522</v>
      </c>
      <c r="S23006" s="5" t="s">
        <v>1523</v>
      </c>
      <c r="T23006" s="5" t="s">
        <v>42</v>
      </c>
      <c r="U23006" s="2">
        <v>2.65</v>
      </c>
      <c r="V23006" s="2">
        <v>2.113</v>
      </c>
      <c r="W23006" s="2">
        <v>1.2999999999999999E-2</v>
      </c>
      <c r="X23006" s="2">
        <v>99.1</v>
      </c>
      <c r="Y23006" s="2">
        <v>7.6</v>
      </c>
      <c r="Z23006" s="2">
        <v>16.7</v>
      </c>
      <c r="AA23006" s="5"/>
      <c r="AB23006" s="5" t="s">
        <v>43</v>
      </c>
      <c r="AC23006" s="5" t="s">
        <v>44</v>
      </c>
      <c r="AD23006" s="2"/>
      <c r="AE23006" s="1"/>
    </row>
    <row r="23007" spans="1:31" ht="14.45">
      <c r="A23007" s="11"/>
      <c r="B23007" s="20"/>
      <c r="C23007" s="2" t="s">
        <v>73900</v>
      </c>
      <c r="D23007" s="14" t="s">
        <v>73901</v>
      </c>
      <c r="E23007" s="2" t="s">
        <v>73902</v>
      </c>
      <c r="F23007" s="2" t="s">
        <v>7514</v>
      </c>
      <c r="G23007" s="8">
        <v>246</v>
      </c>
      <c r="H23007" s="5">
        <v>6</v>
      </c>
      <c r="I23007" s="5" t="s">
        <v>1518</v>
      </c>
      <c r="J23007" s="5" t="s">
        <v>69038</v>
      </c>
      <c r="K23007" s="2" t="s">
        <v>69039</v>
      </c>
      <c r="L23007" s="5" t="s">
        <v>69038</v>
      </c>
      <c r="M23007" s="2" t="s">
        <v>69039</v>
      </c>
      <c r="N23007" s="5" t="s">
        <v>1521</v>
      </c>
      <c r="O23007" s="5" t="s">
        <v>38</v>
      </c>
      <c r="P23007" s="5" t="s">
        <v>39</v>
      </c>
      <c r="Q23007" s="5" t="s">
        <v>40</v>
      </c>
      <c r="R23007" s="5" t="s">
        <v>1522</v>
      </c>
      <c r="S23007" s="5" t="s">
        <v>1523</v>
      </c>
      <c r="T23007" s="5" t="s">
        <v>42</v>
      </c>
      <c r="U23007" s="2">
        <v>2.7280000000000002</v>
      </c>
      <c r="V23007" s="2">
        <v>2.1909999999999998</v>
      </c>
      <c r="W23007" s="2">
        <v>1.2999999999999999E-2</v>
      </c>
      <c r="X23007" s="2">
        <v>99.1</v>
      </c>
      <c r="Y23007" s="2">
        <v>7.6</v>
      </c>
      <c r="Z23007" s="2">
        <v>16.7</v>
      </c>
      <c r="AA23007" s="5"/>
      <c r="AB23007" s="5" t="s">
        <v>43</v>
      </c>
      <c r="AC23007" s="5" t="s">
        <v>44</v>
      </c>
      <c r="AD23007" s="2"/>
      <c r="AE23007" s="1"/>
    </row>
    <row r="23008" spans="1:31" ht="14.45">
      <c r="A23008" s="11"/>
      <c r="B23008" s="20"/>
      <c r="C23008" s="2" t="s">
        <v>73903</v>
      </c>
      <c r="D23008" s="14" t="s">
        <v>73904</v>
      </c>
      <c r="E23008" s="2" t="s">
        <v>73905</v>
      </c>
      <c r="F23008" s="2" t="s">
        <v>7208</v>
      </c>
      <c r="G23008" s="8">
        <v>246</v>
      </c>
      <c r="H23008" s="5">
        <v>6</v>
      </c>
      <c r="I23008" s="5" t="s">
        <v>1518</v>
      </c>
      <c r="J23008" s="5" t="s">
        <v>69038</v>
      </c>
      <c r="K23008" s="2" t="s">
        <v>69039</v>
      </c>
      <c r="L23008" s="5" t="s">
        <v>69038</v>
      </c>
      <c r="M23008" s="2" t="s">
        <v>69039</v>
      </c>
      <c r="N23008" s="5" t="s">
        <v>1521</v>
      </c>
      <c r="O23008" s="5" t="s">
        <v>38</v>
      </c>
      <c r="P23008" s="5" t="s">
        <v>39</v>
      </c>
      <c r="Q23008" s="5" t="s">
        <v>40</v>
      </c>
      <c r="R23008" s="5" t="s">
        <v>1522</v>
      </c>
      <c r="S23008" s="5" t="s">
        <v>1523</v>
      </c>
      <c r="T23008" s="5" t="s">
        <v>42</v>
      </c>
      <c r="U23008" s="2">
        <v>2.65</v>
      </c>
      <c r="V23008" s="2">
        <v>2.113</v>
      </c>
      <c r="W23008" s="2">
        <v>1.2999999999999999E-2</v>
      </c>
      <c r="X23008" s="2">
        <v>99.1</v>
      </c>
      <c r="Y23008" s="2">
        <v>7.6</v>
      </c>
      <c r="Z23008" s="2">
        <v>16.7</v>
      </c>
      <c r="AA23008" s="5"/>
      <c r="AB23008" s="5" t="s">
        <v>43</v>
      </c>
      <c r="AC23008" s="5" t="s">
        <v>44</v>
      </c>
      <c r="AD23008" s="2"/>
      <c r="AE23008" s="1"/>
    </row>
    <row r="23009" spans="1:31" ht="14.45">
      <c r="A23009" s="11"/>
      <c r="B23009" s="20"/>
      <c r="C23009" s="2" t="s">
        <v>73906</v>
      </c>
      <c r="D23009" s="14" t="s">
        <v>73907</v>
      </c>
      <c r="E23009" s="2" t="s">
        <v>73908</v>
      </c>
      <c r="F23009" s="2" t="s">
        <v>7521</v>
      </c>
      <c r="G23009" s="8">
        <v>246</v>
      </c>
      <c r="H23009" s="5">
        <v>6</v>
      </c>
      <c r="I23009" s="5" t="s">
        <v>1518</v>
      </c>
      <c r="J23009" s="5" t="s">
        <v>69038</v>
      </c>
      <c r="K23009" s="2" t="s">
        <v>69039</v>
      </c>
      <c r="L23009" s="5" t="s">
        <v>69038</v>
      </c>
      <c r="M23009" s="2" t="s">
        <v>69039</v>
      </c>
      <c r="N23009" s="5" t="s">
        <v>1521</v>
      </c>
      <c r="O23009" s="5" t="s">
        <v>38</v>
      </c>
      <c r="P23009" s="5" t="s">
        <v>39</v>
      </c>
      <c r="Q23009" s="5" t="s">
        <v>40</v>
      </c>
      <c r="R23009" s="5" t="s">
        <v>1522</v>
      </c>
      <c r="S23009" s="5" t="s">
        <v>1523</v>
      </c>
      <c r="T23009" s="5" t="s">
        <v>42</v>
      </c>
      <c r="U23009" s="2">
        <v>2.7280000000000002</v>
      </c>
      <c r="V23009" s="2">
        <v>2.1909999999999998</v>
      </c>
      <c r="W23009" s="2">
        <v>1.2999999999999999E-2</v>
      </c>
      <c r="X23009" s="2">
        <v>99.1</v>
      </c>
      <c r="Y23009" s="2">
        <v>7.6</v>
      </c>
      <c r="Z23009" s="2">
        <v>16.7</v>
      </c>
      <c r="AA23009" s="5"/>
      <c r="AB23009" s="5" t="s">
        <v>43</v>
      </c>
      <c r="AC23009" s="5" t="s">
        <v>44</v>
      </c>
      <c r="AD23009" s="2"/>
      <c r="AE23009" s="1"/>
    </row>
    <row r="23010" spans="1:31" ht="14.45">
      <c r="A23010" s="11"/>
      <c r="B23010" s="20"/>
      <c r="C23010" s="2" t="s">
        <v>73909</v>
      </c>
      <c r="D23010" s="14" t="s">
        <v>73910</v>
      </c>
      <c r="E23010" s="2" t="s">
        <v>73911</v>
      </c>
      <c r="F23010" s="2" t="s">
        <v>7535</v>
      </c>
      <c r="G23010" s="8">
        <v>263</v>
      </c>
      <c r="H23010" s="5">
        <v>6</v>
      </c>
      <c r="I23010" s="5" t="s">
        <v>1518</v>
      </c>
      <c r="J23010" s="5" t="s">
        <v>69038</v>
      </c>
      <c r="K23010" s="2" t="s">
        <v>69039</v>
      </c>
      <c r="L23010" s="5" t="s">
        <v>69038</v>
      </c>
      <c r="M23010" s="2" t="s">
        <v>69039</v>
      </c>
      <c r="N23010" s="5" t="s">
        <v>1521</v>
      </c>
      <c r="O23010" s="5" t="s">
        <v>38</v>
      </c>
      <c r="P23010" s="5" t="s">
        <v>39</v>
      </c>
      <c r="Q23010" s="5" t="s">
        <v>40</v>
      </c>
      <c r="R23010" s="5" t="s">
        <v>1522</v>
      </c>
      <c r="S23010" s="5" t="s">
        <v>1523</v>
      </c>
      <c r="T23010" s="5" t="s">
        <v>42</v>
      </c>
      <c r="U23010" s="2">
        <v>2.7280000000000002</v>
      </c>
      <c r="V23010" s="2">
        <v>2.1909999999999998</v>
      </c>
      <c r="W23010" s="2">
        <v>1.2999999999999999E-2</v>
      </c>
      <c r="X23010" s="2">
        <v>99.1</v>
      </c>
      <c r="Y23010" s="2">
        <v>7.6</v>
      </c>
      <c r="Z23010" s="2">
        <v>16.7</v>
      </c>
      <c r="AA23010" s="5"/>
      <c r="AB23010" s="5" t="s">
        <v>43</v>
      </c>
      <c r="AC23010" s="5" t="s">
        <v>44</v>
      </c>
      <c r="AD23010" s="2"/>
      <c r="AE23010" s="1"/>
    </row>
    <row r="23011" spans="1:31" ht="14.45">
      <c r="A23011" s="11"/>
      <c r="B23011" s="20"/>
      <c r="C23011" s="2" t="s">
        <v>73912</v>
      </c>
      <c r="D23011" s="14" t="s">
        <v>73913</v>
      </c>
      <c r="E23011" s="2" t="s">
        <v>73914</v>
      </c>
      <c r="F23011" s="2" t="s">
        <v>7539</v>
      </c>
      <c r="G23011" s="8">
        <v>263</v>
      </c>
      <c r="H23011" s="5">
        <v>6</v>
      </c>
      <c r="I23011" s="5" t="s">
        <v>1518</v>
      </c>
      <c r="J23011" s="5" t="s">
        <v>69038</v>
      </c>
      <c r="K23011" s="2" t="s">
        <v>69039</v>
      </c>
      <c r="L23011" s="5" t="s">
        <v>69038</v>
      </c>
      <c r="M23011" s="2" t="s">
        <v>69039</v>
      </c>
      <c r="N23011" s="5" t="s">
        <v>1521</v>
      </c>
      <c r="O23011" s="5" t="s">
        <v>38</v>
      </c>
      <c r="P23011" s="5" t="s">
        <v>39</v>
      </c>
      <c r="Q23011" s="5" t="s">
        <v>40</v>
      </c>
      <c r="R23011" s="5" t="s">
        <v>1522</v>
      </c>
      <c r="S23011" s="5" t="s">
        <v>1523</v>
      </c>
      <c r="T23011" s="5" t="s">
        <v>42</v>
      </c>
      <c r="U23011" s="2">
        <v>2.65</v>
      </c>
      <c r="V23011" s="2">
        <v>2.113</v>
      </c>
      <c r="W23011" s="2">
        <v>1.2999999999999999E-2</v>
      </c>
      <c r="X23011" s="2">
        <v>99.1</v>
      </c>
      <c r="Y23011" s="2">
        <v>7.6</v>
      </c>
      <c r="Z23011" s="2">
        <v>16.7</v>
      </c>
      <c r="AA23011" s="5"/>
      <c r="AB23011" s="5" t="s">
        <v>43</v>
      </c>
      <c r="AC23011" s="5" t="s">
        <v>44</v>
      </c>
      <c r="AD23011" s="2"/>
      <c r="AE23011" s="1"/>
    </row>
    <row r="23012" spans="1:31" ht="14.45">
      <c r="A23012" s="11"/>
      <c r="B23012" s="20"/>
      <c r="C23012" s="2" t="s">
        <v>73915</v>
      </c>
      <c r="D23012" s="14" t="s">
        <v>73916</v>
      </c>
      <c r="E23012" s="2" t="s">
        <v>73917</v>
      </c>
      <c r="F23012" s="2" t="s">
        <v>7396</v>
      </c>
      <c r="G23012" s="8">
        <v>246</v>
      </c>
      <c r="H23012" s="5">
        <v>6</v>
      </c>
      <c r="I23012" s="5" t="s">
        <v>1518</v>
      </c>
      <c r="J23012" s="5" t="s">
        <v>69038</v>
      </c>
      <c r="K23012" s="2" t="s">
        <v>69039</v>
      </c>
      <c r="L23012" s="5" t="s">
        <v>69038</v>
      </c>
      <c r="M23012" s="2" t="s">
        <v>69039</v>
      </c>
      <c r="N23012" s="5" t="s">
        <v>1521</v>
      </c>
      <c r="O23012" s="5" t="s">
        <v>38</v>
      </c>
      <c r="P23012" s="5" t="s">
        <v>39</v>
      </c>
      <c r="Q23012" s="5" t="s">
        <v>40</v>
      </c>
      <c r="R23012" s="5" t="s">
        <v>1522</v>
      </c>
      <c r="S23012" s="5" t="s">
        <v>1523</v>
      </c>
      <c r="T23012" s="5" t="s">
        <v>42</v>
      </c>
      <c r="U23012" s="2">
        <v>2.65</v>
      </c>
      <c r="V23012" s="2">
        <v>2.113</v>
      </c>
      <c r="W23012" s="2">
        <v>1.2999999999999999E-2</v>
      </c>
      <c r="X23012" s="2">
        <v>99.1</v>
      </c>
      <c r="Y23012" s="2">
        <v>7.6</v>
      </c>
      <c r="Z23012" s="2">
        <v>16.7</v>
      </c>
      <c r="AA23012" s="5"/>
      <c r="AB23012" s="5" t="s">
        <v>43</v>
      </c>
      <c r="AC23012" s="5" t="s">
        <v>44</v>
      </c>
      <c r="AD23012" s="2"/>
      <c r="AE23012" s="1"/>
    </row>
    <row r="23013" spans="1:31" ht="14.45">
      <c r="A23013" s="11"/>
      <c r="B23013" s="20"/>
      <c r="C23013" s="2" t="s">
        <v>73918</v>
      </c>
      <c r="D23013" s="14" t="s">
        <v>73919</v>
      </c>
      <c r="E23013" s="2" t="s">
        <v>73920</v>
      </c>
      <c r="F23013" s="2" t="s">
        <v>7507</v>
      </c>
      <c r="G23013" s="8">
        <v>246</v>
      </c>
      <c r="H23013" s="5">
        <v>6</v>
      </c>
      <c r="I23013" s="5" t="s">
        <v>1518</v>
      </c>
      <c r="J23013" s="5" t="s">
        <v>69038</v>
      </c>
      <c r="K23013" s="2" t="s">
        <v>69039</v>
      </c>
      <c r="L23013" s="5" t="s">
        <v>69038</v>
      </c>
      <c r="M23013" s="2" t="s">
        <v>69039</v>
      </c>
      <c r="N23013" s="5" t="s">
        <v>1521</v>
      </c>
      <c r="O23013" s="5" t="s">
        <v>38</v>
      </c>
      <c r="P23013" s="5" t="s">
        <v>39</v>
      </c>
      <c r="Q23013" s="5" t="s">
        <v>40</v>
      </c>
      <c r="R23013" s="5" t="s">
        <v>1522</v>
      </c>
      <c r="S23013" s="5" t="s">
        <v>1523</v>
      </c>
      <c r="T23013" s="5" t="s">
        <v>42</v>
      </c>
      <c r="U23013" s="2">
        <v>2.7280000000000002</v>
      </c>
      <c r="V23013" s="2">
        <v>2.1909999999999998</v>
      </c>
      <c r="W23013" s="2">
        <v>1.2999999999999999E-2</v>
      </c>
      <c r="X23013" s="2">
        <v>99.1</v>
      </c>
      <c r="Y23013" s="2">
        <v>7.6</v>
      </c>
      <c r="Z23013" s="2">
        <v>16.7</v>
      </c>
      <c r="AA23013" s="5"/>
      <c r="AB23013" s="5" t="s">
        <v>43</v>
      </c>
      <c r="AC23013" s="5" t="s">
        <v>44</v>
      </c>
      <c r="AD23013" s="2"/>
      <c r="AE23013" s="1"/>
    </row>
    <row r="23014" spans="1:31" ht="14.45">
      <c r="A23014" s="11"/>
      <c r="B23014" s="20"/>
      <c r="C23014" s="2" t="s">
        <v>73921</v>
      </c>
      <c r="D23014" s="14" t="s">
        <v>73922</v>
      </c>
      <c r="E23014" s="2" t="s">
        <v>73923</v>
      </c>
      <c r="F23014" s="2" t="s">
        <v>7567</v>
      </c>
      <c r="G23014" s="8">
        <v>263</v>
      </c>
      <c r="H23014" s="5">
        <v>6</v>
      </c>
      <c r="I23014" s="5" t="s">
        <v>1518</v>
      </c>
      <c r="J23014" s="5" t="s">
        <v>69038</v>
      </c>
      <c r="K23014" s="2" t="s">
        <v>69039</v>
      </c>
      <c r="L23014" s="5" t="s">
        <v>69038</v>
      </c>
      <c r="M23014" s="2" t="s">
        <v>69039</v>
      </c>
      <c r="N23014" s="5" t="s">
        <v>1521</v>
      </c>
      <c r="O23014" s="5" t="s">
        <v>38</v>
      </c>
      <c r="P23014" s="5" t="s">
        <v>39</v>
      </c>
      <c r="Q23014" s="5" t="s">
        <v>40</v>
      </c>
      <c r="R23014" s="5" t="s">
        <v>1522</v>
      </c>
      <c r="S23014" s="5" t="s">
        <v>1523</v>
      </c>
      <c r="T23014" s="5" t="s">
        <v>42</v>
      </c>
      <c r="U23014" s="2">
        <v>2.7280000000000002</v>
      </c>
      <c r="V23014" s="2">
        <v>2.1909999999999998</v>
      </c>
      <c r="W23014" s="2">
        <v>1.2999999999999999E-2</v>
      </c>
      <c r="X23014" s="2">
        <v>99.1</v>
      </c>
      <c r="Y23014" s="2">
        <v>7.6</v>
      </c>
      <c r="Z23014" s="2">
        <v>16.7</v>
      </c>
      <c r="AA23014" s="5"/>
      <c r="AB23014" s="5" t="s">
        <v>43</v>
      </c>
      <c r="AC23014" s="5" t="s">
        <v>44</v>
      </c>
      <c r="AD23014" s="2"/>
      <c r="AE23014" s="1"/>
    </row>
    <row r="23015" spans="1:31" ht="14.45">
      <c r="A23015" s="11"/>
      <c r="B23015" s="20"/>
      <c r="C23015" s="2" t="s">
        <v>73924</v>
      </c>
      <c r="D23015" s="14" t="s">
        <v>73925</v>
      </c>
      <c r="E23015" s="2" t="s">
        <v>73926</v>
      </c>
      <c r="F23015" s="2" t="s">
        <v>16079</v>
      </c>
      <c r="G23015" s="8">
        <v>263</v>
      </c>
      <c r="H23015" s="5">
        <v>6</v>
      </c>
      <c r="I23015" s="5" t="s">
        <v>1518</v>
      </c>
      <c r="J23015" s="5" t="s">
        <v>69038</v>
      </c>
      <c r="K23015" s="2" t="s">
        <v>69039</v>
      </c>
      <c r="L23015" s="5" t="s">
        <v>69038</v>
      </c>
      <c r="M23015" s="2" t="s">
        <v>69039</v>
      </c>
      <c r="N23015" s="5" t="s">
        <v>1521</v>
      </c>
      <c r="O23015" s="5" t="s">
        <v>38</v>
      </c>
      <c r="P23015" s="5" t="s">
        <v>39</v>
      </c>
      <c r="Q23015" s="5" t="s">
        <v>40</v>
      </c>
      <c r="R23015" s="5" t="s">
        <v>1522</v>
      </c>
      <c r="S23015" s="5" t="s">
        <v>1523</v>
      </c>
      <c r="T23015" s="5" t="s">
        <v>42</v>
      </c>
      <c r="U23015" s="2">
        <v>2.65</v>
      </c>
      <c r="V23015" s="2">
        <v>2.113</v>
      </c>
      <c r="W23015" s="2">
        <v>1.2999999999999999E-2</v>
      </c>
      <c r="X23015" s="2">
        <v>99.1</v>
      </c>
      <c r="Y23015" s="2">
        <v>7.6</v>
      </c>
      <c r="Z23015" s="2">
        <v>16.7</v>
      </c>
      <c r="AA23015" s="5"/>
      <c r="AB23015" s="5" t="s">
        <v>43</v>
      </c>
      <c r="AC23015" s="5" t="s">
        <v>44</v>
      </c>
      <c r="AD23015" s="2"/>
      <c r="AE23015" s="1"/>
    </row>
    <row r="23016" spans="1:31" ht="14.45">
      <c r="A23016" s="11"/>
      <c r="B23016" s="20"/>
      <c r="C23016" s="2" t="s">
        <v>73927</v>
      </c>
      <c r="D23016" s="14" t="s">
        <v>73928</v>
      </c>
      <c r="E23016" s="2" t="s">
        <v>73929</v>
      </c>
      <c r="F23016" s="2" t="s">
        <v>7585</v>
      </c>
      <c r="G23016" s="8">
        <v>263</v>
      </c>
      <c r="H23016" s="5">
        <v>6</v>
      </c>
      <c r="I23016" s="5" t="s">
        <v>1518</v>
      </c>
      <c r="J23016" s="5" t="s">
        <v>69038</v>
      </c>
      <c r="K23016" s="2" t="s">
        <v>69039</v>
      </c>
      <c r="L23016" s="5" t="s">
        <v>69038</v>
      </c>
      <c r="M23016" s="2" t="s">
        <v>69039</v>
      </c>
      <c r="N23016" s="5" t="s">
        <v>1521</v>
      </c>
      <c r="O23016" s="5" t="s">
        <v>38</v>
      </c>
      <c r="P23016" s="5" t="s">
        <v>39</v>
      </c>
      <c r="Q23016" s="5" t="s">
        <v>40</v>
      </c>
      <c r="R23016" s="5" t="s">
        <v>1522</v>
      </c>
      <c r="S23016" s="5" t="s">
        <v>1523</v>
      </c>
      <c r="T23016" s="5" t="s">
        <v>42</v>
      </c>
      <c r="U23016" s="2">
        <v>2.65</v>
      </c>
      <c r="V23016" s="2">
        <v>2.113</v>
      </c>
      <c r="W23016" s="2">
        <v>1.2999999999999999E-2</v>
      </c>
      <c r="X23016" s="2">
        <v>99.1</v>
      </c>
      <c r="Y23016" s="2">
        <v>7.6</v>
      </c>
      <c r="Z23016" s="2">
        <v>16.7</v>
      </c>
      <c r="AA23016" s="5"/>
      <c r="AB23016" s="5" t="s">
        <v>43</v>
      </c>
      <c r="AC23016" s="5" t="s">
        <v>44</v>
      </c>
      <c r="AD23016" s="2"/>
      <c r="AE23016" s="1"/>
    </row>
    <row r="23017" spans="1:31" ht="14.45">
      <c r="A23017" s="11"/>
      <c r="B23017" s="20"/>
      <c r="C23017" s="2" t="s">
        <v>73930</v>
      </c>
      <c r="D23017" s="14" t="s">
        <v>73931</v>
      </c>
      <c r="E23017" s="2" t="s">
        <v>73932</v>
      </c>
      <c r="F23017" s="2" t="s">
        <v>73358</v>
      </c>
      <c r="G23017" s="8">
        <v>263</v>
      </c>
      <c r="H23017" s="5">
        <v>6</v>
      </c>
      <c r="I23017" s="5" t="s">
        <v>1518</v>
      </c>
      <c r="J23017" s="5" t="s">
        <v>69038</v>
      </c>
      <c r="K23017" s="2" t="s">
        <v>69039</v>
      </c>
      <c r="L23017" s="5" t="s">
        <v>69038</v>
      </c>
      <c r="M23017" s="2" t="s">
        <v>69039</v>
      </c>
      <c r="N23017" s="5" t="s">
        <v>1521</v>
      </c>
      <c r="O23017" s="5" t="s">
        <v>38</v>
      </c>
      <c r="P23017" s="5" t="s">
        <v>39</v>
      </c>
      <c r="Q23017" s="5" t="s">
        <v>40</v>
      </c>
      <c r="R23017" s="5" t="s">
        <v>1522</v>
      </c>
      <c r="S23017" s="5" t="s">
        <v>1523</v>
      </c>
      <c r="T23017" s="5" t="s">
        <v>42</v>
      </c>
      <c r="U23017" s="2">
        <v>2.65</v>
      </c>
      <c r="V23017" s="2">
        <v>2.113</v>
      </c>
      <c r="W23017" s="2">
        <v>1.2999999999999999E-2</v>
      </c>
      <c r="X23017" s="2">
        <v>99.1</v>
      </c>
      <c r="Y23017" s="2">
        <v>7.6</v>
      </c>
      <c r="Z23017" s="2">
        <v>16.7</v>
      </c>
      <c r="AA23017" s="5"/>
      <c r="AB23017" s="5" t="s">
        <v>43</v>
      </c>
      <c r="AC23017" s="5" t="s">
        <v>44</v>
      </c>
      <c r="AD23017" s="2"/>
      <c r="AE23017" s="1"/>
    </row>
    <row r="23018" spans="1:31" ht="14.45">
      <c r="A23018" s="11"/>
      <c r="B23018" s="20"/>
      <c r="C23018" s="2" t="s">
        <v>73933</v>
      </c>
      <c r="D23018" s="14" t="s">
        <v>73934</v>
      </c>
      <c r="E23018" s="2" t="s">
        <v>73935</v>
      </c>
      <c r="F23018" s="2" t="s">
        <v>73362</v>
      </c>
      <c r="G23018" s="8">
        <v>263</v>
      </c>
      <c r="H23018" s="5">
        <v>6</v>
      </c>
      <c r="I23018" s="5" t="s">
        <v>1518</v>
      </c>
      <c r="J23018" s="5" t="s">
        <v>69038</v>
      </c>
      <c r="K23018" s="2" t="s">
        <v>69039</v>
      </c>
      <c r="L23018" s="5" t="s">
        <v>69038</v>
      </c>
      <c r="M23018" s="2" t="s">
        <v>69039</v>
      </c>
      <c r="N23018" s="5" t="s">
        <v>1521</v>
      </c>
      <c r="O23018" s="5" t="s">
        <v>38</v>
      </c>
      <c r="P23018" s="5" t="s">
        <v>39</v>
      </c>
      <c r="Q23018" s="5" t="s">
        <v>40</v>
      </c>
      <c r="R23018" s="5" t="s">
        <v>1522</v>
      </c>
      <c r="S23018" s="5" t="s">
        <v>1523</v>
      </c>
      <c r="T23018" s="5" t="s">
        <v>42</v>
      </c>
      <c r="U23018" s="2">
        <v>2.7280000000000002</v>
      </c>
      <c r="V23018" s="2">
        <v>2.1909999999999998</v>
      </c>
      <c r="W23018" s="2">
        <v>1.2999999999999999E-2</v>
      </c>
      <c r="X23018" s="2">
        <v>99.1</v>
      </c>
      <c r="Y23018" s="2">
        <v>7.6</v>
      </c>
      <c r="Z23018" s="2">
        <v>16.7</v>
      </c>
      <c r="AA23018" s="5"/>
      <c r="AB23018" s="5" t="s">
        <v>43</v>
      </c>
      <c r="AC23018" s="5" t="s">
        <v>44</v>
      </c>
      <c r="AD23018" s="2"/>
      <c r="AE23018" s="1"/>
    </row>
    <row r="23019" spans="1:31" ht="14.45">
      <c r="A23019" s="11"/>
      <c r="B23019" s="20"/>
      <c r="C23019" s="2" t="s">
        <v>73936</v>
      </c>
      <c r="D23019" s="14" t="s">
        <v>73937</v>
      </c>
      <c r="E23019" s="2" t="s">
        <v>73938</v>
      </c>
      <c r="F23019" s="2" t="s">
        <v>16014</v>
      </c>
      <c r="G23019" s="8">
        <v>263</v>
      </c>
      <c r="H23019" s="5">
        <v>6</v>
      </c>
      <c r="I23019" s="5" t="s">
        <v>1518</v>
      </c>
      <c r="J23019" s="5" t="s">
        <v>69038</v>
      </c>
      <c r="K23019" s="2" t="s">
        <v>69039</v>
      </c>
      <c r="L23019" s="5" t="s">
        <v>69038</v>
      </c>
      <c r="M23019" s="2" t="s">
        <v>69039</v>
      </c>
      <c r="N23019" s="5" t="s">
        <v>1521</v>
      </c>
      <c r="O23019" s="5" t="s">
        <v>38</v>
      </c>
      <c r="P23019" s="5" t="s">
        <v>39</v>
      </c>
      <c r="Q23019" s="5" t="s">
        <v>40</v>
      </c>
      <c r="R23019" s="5" t="s">
        <v>1522</v>
      </c>
      <c r="S23019" s="5" t="s">
        <v>1523</v>
      </c>
      <c r="T23019" s="5" t="s">
        <v>42</v>
      </c>
      <c r="U23019" s="2">
        <v>2.65</v>
      </c>
      <c r="V23019" s="2">
        <v>2.113</v>
      </c>
      <c r="W23019" s="2">
        <v>1.2999999999999999E-2</v>
      </c>
      <c r="X23019" s="2">
        <v>99.1</v>
      </c>
      <c r="Y23019" s="2">
        <v>7.6</v>
      </c>
      <c r="Z23019" s="2">
        <v>16.7</v>
      </c>
      <c r="AA23019" s="5"/>
      <c r="AB23019" s="5" t="s">
        <v>43</v>
      </c>
      <c r="AC23019" s="5" t="s">
        <v>44</v>
      </c>
      <c r="AD23019" s="2"/>
      <c r="AE23019" s="1"/>
    </row>
    <row r="23020" spans="1:31" ht="14.45">
      <c r="A23020" s="11"/>
      <c r="B23020" s="20"/>
      <c r="C23020" s="2" t="s">
        <v>73939</v>
      </c>
      <c r="D23020" s="14" t="s">
        <v>73940</v>
      </c>
      <c r="E23020" s="2" t="s">
        <v>73941</v>
      </c>
      <c r="F23020" s="2" t="s">
        <v>16029</v>
      </c>
      <c r="G23020" s="8">
        <v>263</v>
      </c>
      <c r="H23020" s="5">
        <v>6</v>
      </c>
      <c r="I23020" s="5" t="s">
        <v>1518</v>
      </c>
      <c r="J23020" s="5" t="s">
        <v>69038</v>
      </c>
      <c r="K23020" s="2" t="s">
        <v>69039</v>
      </c>
      <c r="L23020" s="5" t="s">
        <v>69038</v>
      </c>
      <c r="M23020" s="2" t="s">
        <v>69039</v>
      </c>
      <c r="N23020" s="5" t="s">
        <v>1521</v>
      </c>
      <c r="O23020" s="5" t="s">
        <v>38</v>
      </c>
      <c r="P23020" s="5" t="s">
        <v>39</v>
      </c>
      <c r="Q23020" s="5" t="s">
        <v>40</v>
      </c>
      <c r="R23020" s="5" t="s">
        <v>1522</v>
      </c>
      <c r="S23020" s="5" t="s">
        <v>1523</v>
      </c>
      <c r="T23020" s="5" t="s">
        <v>42</v>
      </c>
      <c r="U23020" s="2">
        <v>2.6669999999999998</v>
      </c>
      <c r="V23020" s="2">
        <v>2.13</v>
      </c>
      <c r="W23020" s="2">
        <v>1.2999999999999999E-2</v>
      </c>
      <c r="X23020" s="2">
        <v>99.1</v>
      </c>
      <c r="Y23020" s="2">
        <v>7.6</v>
      </c>
      <c r="Z23020" s="2">
        <v>16.7</v>
      </c>
      <c r="AA23020" s="5"/>
      <c r="AB23020" s="5" t="s">
        <v>43</v>
      </c>
      <c r="AC23020" s="5" t="s">
        <v>44</v>
      </c>
      <c r="AD23020" s="2"/>
      <c r="AE23020" s="1"/>
    </row>
    <row r="23021" spans="1:31" ht="14.45">
      <c r="A23021" s="11"/>
      <c r="B23021" s="20"/>
      <c r="C23021" s="2" t="s">
        <v>73942</v>
      </c>
      <c r="D23021" s="14" t="s">
        <v>73943</v>
      </c>
      <c r="E23021" s="2" t="s">
        <v>73944</v>
      </c>
      <c r="F23021" s="2" t="s">
        <v>16033</v>
      </c>
      <c r="G23021" s="8">
        <v>263</v>
      </c>
      <c r="H23021" s="5">
        <v>6</v>
      </c>
      <c r="I23021" s="5" t="s">
        <v>1518</v>
      </c>
      <c r="J23021" s="5" t="s">
        <v>69038</v>
      </c>
      <c r="K23021" s="2" t="s">
        <v>69039</v>
      </c>
      <c r="L23021" s="5" t="s">
        <v>69038</v>
      </c>
      <c r="M23021" s="2" t="s">
        <v>69039</v>
      </c>
      <c r="N23021" s="5" t="s">
        <v>1521</v>
      </c>
      <c r="O23021" s="5" t="s">
        <v>38</v>
      </c>
      <c r="P23021" s="5" t="s">
        <v>39</v>
      </c>
      <c r="Q23021" s="5" t="s">
        <v>40</v>
      </c>
      <c r="R23021" s="5" t="s">
        <v>1522</v>
      </c>
      <c r="S23021" s="5" t="s">
        <v>1523</v>
      </c>
      <c r="T23021" s="5" t="s">
        <v>42</v>
      </c>
      <c r="U23021" s="2">
        <v>2.7450000000000001</v>
      </c>
      <c r="V23021" s="2">
        <v>2.2080000000000002</v>
      </c>
      <c r="W23021" s="2">
        <v>1.2999999999999999E-2</v>
      </c>
      <c r="X23021" s="2">
        <v>99.1</v>
      </c>
      <c r="Y23021" s="2">
        <v>7.6</v>
      </c>
      <c r="Z23021" s="2">
        <v>16.7</v>
      </c>
      <c r="AA23021" s="5"/>
      <c r="AB23021" s="5" t="s">
        <v>43</v>
      </c>
      <c r="AC23021" s="5" t="s">
        <v>44</v>
      </c>
      <c r="AD23021" s="2"/>
      <c r="AE23021" s="1"/>
    </row>
    <row r="23022" spans="1:31" ht="14.45">
      <c r="A23022" s="11"/>
      <c r="B23022" s="20"/>
      <c r="C23022" s="2" t="s">
        <v>73945</v>
      </c>
      <c r="D23022" s="14" t="s">
        <v>73946</v>
      </c>
      <c r="E23022" s="2" t="s">
        <v>73947</v>
      </c>
      <c r="F23022" s="2" t="s">
        <v>7204</v>
      </c>
      <c r="G23022" s="8">
        <v>249</v>
      </c>
      <c r="H23022" s="5">
        <v>6</v>
      </c>
      <c r="I23022" s="5" t="s">
        <v>1518</v>
      </c>
      <c r="J23022" s="5" t="s">
        <v>69038</v>
      </c>
      <c r="K23022" s="2" t="s">
        <v>69039</v>
      </c>
      <c r="L23022" s="5" t="s">
        <v>69038</v>
      </c>
      <c r="M23022" s="2" t="s">
        <v>69039</v>
      </c>
      <c r="N23022" s="5" t="s">
        <v>1521</v>
      </c>
      <c r="O23022" s="5" t="s">
        <v>38</v>
      </c>
      <c r="P23022" s="5" t="s">
        <v>39</v>
      </c>
      <c r="Q23022" s="5" t="s">
        <v>40</v>
      </c>
      <c r="R23022" s="5" t="s">
        <v>1522</v>
      </c>
      <c r="S23022" s="5" t="s">
        <v>1523</v>
      </c>
      <c r="T23022" s="5" t="s">
        <v>42</v>
      </c>
      <c r="U23022" s="2">
        <v>2.81</v>
      </c>
      <c r="V23022" s="2">
        <v>2.2730000000000001</v>
      </c>
      <c r="W23022" s="2">
        <v>1.4999999999999999E-2</v>
      </c>
      <c r="X23022" s="2">
        <v>118.9</v>
      </c>
      <c r="Y23022" s="2">
        <v>7.6</v>
      </c>
      <c r="Z23022" s="2">
        <v>16.7</v>
      </c>
      <c r="AA23022" s="5"/>
      <c r="AB23022" s="5" t="s">
        <v>43</v>
      </c>
      <c r="AC23022" s="5" t="s">
        <v>44</v>
      </c>
      <c r="AD23022" s="2"/>
      <c r="AE23022" s="1"/>
    </row>
    <row r="23023" spans="1:31" ht="14.45">
      <c r="A23023" s="11"/>
      <c r="B23023" s="20"/>
      <c r="C23023" s="2" t="s">
        <v>73948</v>
      </c>
      <c r="D23023" s="14" t="s">
        <v>73949</v>
      </c>
      <c r="E23023" s="2" t="s">
        <v>73950</v>
      </c>
      <c r="F23023" s="2" t="s">
        <v>7514</v>
      </c>
      <c r="G23023" s="8">
        <v>249</v>
      </c>
      <c r="H23023" s="5">
        <v>6</v>
      </c>
      <c r="I23023" s="5" t="s">
        <v>1518</v>
      </c>
      <c r="J23023" s="5" t="s">
        <v>69038</v>
      </c>
      <c r="K23023" s="2" t="s">
        <v>69039</v>
      </c>
      <c r="L23023" s="5" t="s">
        <v>69038</v>
      </c>
      <c r="M23023" s="2" t="s">
        <v>69039</v>
      </c>
      <c r="N23023" s="5" t="s">
        <v>1521</v>
      </c>
      <c r="O23023" s="5" t="s">
        <v>38</v>
      </c>
      <c r="P23023" s="5" t="s">
        <v>39</v>
      </c>
      <c r="Q23023" s="5" t="s">
        <v>40</v>
      </c>
      <c r="R23023" s="5" t="s">
        <v>1522</v>
      </c>
      <c r="S23023" s="5" t="s">
        <v>1523</v>
      </c>
      <c r="T23023" s="5" t="s">
        <v>42</v>
      </c>
      <c r="U23023" s="2">
        <v>2.9020000000000001</v>
      </c>
      <c r="V23023" s="2">
        <v>2.3650000000000002</v>
      </c>
      <c r="W23023" s="2">
        <v>1.4999999999999999E-2</v>
      </c>
      <c r="X23023" s="2">
        <v>118.9</v>
      </c>
      <c r="Y23023" s="2">
        <v>7.6</v>
      </c>
      <c r="Z23023" s="2">
        <v>16.7</v>
      </c>
      <c r="AA23023" s="5"/>
      <c r="AB23023" s="5" t="s">
        <v>43</v>
      </c>
      <c r="AC23023" s="5" t="s">
        <v>44</v>
      </c>
      <c r="AD23023" s="2"/>
      <c r="AE23023" s="1"/>
    </row>
    <row r="23024" spans="1:31" ht="14.45">
      <c r="A23024" s="11"/>
      <c r="B23024" s="20"/>
      <c r="C23024" s="2" t="s">
        <v>73951</v>
      </c>
      <c r="D23024" s="14" t="s">
        <v>73952</v>
      </c>
      <c r="E23024" s="2" t="s">
        <v>73953</v>
      </c>
      <c r="F23024" s="2" t="s">
        <v>7208</v>
      </c>
      <c r="G23024" s="8">
        <v>249</v>
      </c>
      <c r="H23024" s="5">
        <v>6</v>
      </c>
      <c r="I23024" s="5" t="s">
        <v>1518</v>
      </c>
      <c r="J23024" s="5" t="s">
        <v>69038</v>
      </c>
      <c r="K23024" s="2" t="s">
        <v>69039</v>
      </c>
      <c r="L23024" s="5" t="s">
        <v>69038</v>
      </c>
      <c r="M23024" s="2" t="s">
        <v>69039</v>
      </c>
      <c r="N23024" s="5" t="s">
        <v>1521</v>
      </c>
      <c r="O23024" s="5" t="s">
        <v>38</v>
      </c>
      <c r="P23024" s="5" t="s">
        <v>39</v>
      </c>
      <c r="Q23024" s="5" t="s">
        <v>40</v>
      </c>
      <c r="R23024" s="5" t="s">
        <v>1522</v>
      </c>
      <c r="S23024" s="5" t="s">
        <v>1523</v>
      </c>
      <c r="T23024" s="5" t="s">
        <v>42</v>
      </c>
      <c r="U23024" s="2">
        <v>2.81</v>
      </c>
      <c r="V23024" s="2">
        <v>2.2730000000000001</v>
      </c>
      <c r="W23024" s="2">
        <v>1.4999999999999999E-2</v>
      </c>
      <c r="X23024" s="2">
        <v>118.9</v>
      </c>
      <c r="Y23024" s="2">
        <v>7.6</v>
      </c>
      <c r="Z23024" s="2">
        <v>16.7</v>
      </c>
      <c r="AA23024" s="5"/>
      <c r="AB23024" s="5" t="s">
        <v>43</v>
      </c>
      <c r="AC23024" s="5" t="s">
        <v>44</v>
      </c>
      <c r="AD23024" s="2"/>
      <c r="AE23024" s="1"/>
    </row>
    <row r="23025" spans="1:31" ht="14.45">
      <c r="A23025" s="11"/>
      <c r="B23025" s="20"/>
      <c r="C23025" s="2" t="s">
        <v>73954</v>
      </c>
      <c r="D23025" s="14" t="s">
        <v>73955</v>
      </c>
      <c r="E23025" s="2" t="s">
        <v>73956</v>
      </c>
      <c r="F23025" s="2" t="s">
        <v>7521</v>
      </c>
      <c r="G23025" s="8">
        <v>249</v>
      </c>
      <c r="H23025" s="5">
        <v>6</v>
      </c>
      <c r="I23025" s="5" t="s">
        <v>1518</v>
      </c>
      <c r="J23025" s="5" t="s">
        <v>69038</v>
      </c>
      <c r="K23025" s="2" t="s">
        <v>69039</v>
      </c>
      <c r="L23025" s="5" t="s">
        <v>69038</v>
      </c>
      <c r="M23025" s="2" t="s">
        <v>69039</v>
      </c>
      <c r="N23025" s="5" t="s">
        <v>1521</v>
      </c>
      <c r="O23025" s="5" t="s">
        <v>38</v>
      </c>
      <c r="P23025" s="5" t="s">
        <v>39</v>
      </c>
      <c r="Q23025" s="5" t="s">
        <v>40</v>
      </c>
      <c r="R23025" s="5" t="s">
        <v>1522</v>
      </c>
      <c r="S23025" s="5" t="s">
        <v>1523</v>
      </c>
      <c r="T23025" s="5" t="s">
        <v>42</v>
      </c>
      <c r="U23025" s="2">
        <v>2.9020000000000001</v>
      </c>
      <c r="V23025" s="2">
        <v>2.3650000000000002</v>
      </c>
      <c r="W23025" s="2">
        <v>1.4999999999999999E-2</v>
      </c>
      <c r="X23025" s="2">
        <v>118.9</v>
      </c>
      <c r="Y23025" s="2">
        <v>7.6</v>
      </c>
      <c r="Z23025" s="2">
        <v>16.7</v>
      </c>
      <c r="AA23025" s="5"/>
      <c r="AB23025" s="5" t="s">
        <v>43</v>
      </c>
      <c r="AC23025" s="5" t="s">
        <v>44</v>
      </c>
      <c r="AD23025" s="2"/>
      <c r="AE23025" s="1"/>
    </row>
    <row r="23026" spans="1:31" ht="14.45">
      <c r="A23026" s="11"/>
      <c r="B23026" s="20"/>
      <c r="C23026" s="2" t="s">
        <v>73957</v>
      </c>
      <c r="D23026" s="14" t="s">
        <v>73958</v>
      </c>
      <c r="E23026" s="2" t="s">
        <v>73959</v>
      </c>
      <c r="F23026" s="2" t="s">
        <v>7406</v>
      </c>
      <c r="G23026" s="8">
        <v>267</v>
      </c>
      <c r="H23026" s="5">
        <v>6</v>
      </c>
      <c r="I23026" s="5" t="s">
        <v>1518</v>
      </c>
      <c r="J23026" s="5" t="s">
        <v>69038</v>
      </c>
      <c r="K23026" s="2" t="s">
        <v>69039</v>
      </c>
      <c r="L23026" s="5" t="s">
        <v>69038</v>
      </c>
      <c r="M23026" s="2" t="s">
        <v>69039</v>
      </c>
      <c r="N23026" s="5" t="s">
        <v>1521</v>
      </c>
      <c r="O23026" s="5" t="s">
        <v>38</v>
      </c>
      <c r="P23026" s="5" t="s">
        <v>39</v>
      </c>
      <c r="Q23026" s="5" t="s">
        <v>40</v>
      </c>
      <c r="R23026" s="5" t="s">
        <v>1522</v>
      </c>
      <c r="S23026" s="5" t="s">
        <v>1523</v>
      </c>
      <c r="T23026" s="5" t="s">
        <v>42</v>
      </c>
      <c r="U23026" s="2">
        <v>2.81</v>
      </c>
      <c r="V23026" s="2">
        <v>2.2730000000000001</v>
      </c>
      <c r="W23026" s="2">
        <v>1.4999999999999999E-2</v>
      </c>
      <c r="X23026" s="2">
        <v>118.9</v>
      </c>
      <c r="Y23026" s="2">
        <v>7.6</v>
      </c>
      <c r="Z23026" s="2">
        <v>16.7</v>
      </c>
      <c r="AA23026" s="5"/>
      <c r="AB23026" s="5" t="s">
        <v>43</v>
      </c>
      <c r="AC23026" s="5" t="s">
        <v>44</v>
      </c>
      <c r="AD23026" s="2"/>
      <c r="AE23026" s="1"/>
    </row>
    <row r="23027" spans="1:31" ht="14.45">
      <c r="A23027" s="11"/>
      <c r="B23027" s="20"/>
      <c r="C23027" s="2" t="s">
        <v>73960</v>
      </c>
      <c r="D23027" s="14" t="s">
        <v>73961</v>
      </c>
      <c r="E23027" s="2" t="s">
        <v>73962</v>
      </c>
      <c r="F23027" s="2" t="s">
        <v>7535</v>
      </c>
      <c r="G23027" s="8">
        <v>267</v>
      </c>
      <c r="H23027" s="5">
        <v>6</v>
      </c>
      <c r="I23027" s="5" t="s">
        <v>1518</v>
      </c>
      <c r="J23027" s="5" t="s">
        <v>69038</v>
      </c>
      <c r="K23027" s="2" t="s">
        <v>69039</v>
      </c>
      <c r="L23027" s="5" t="s">
        <v>69038</v>
      </c>
      <c r="M23027" s="2" t="s">
        <v>69039</v>
      </c>
      <c r="N23027" s="5" t="s">
        <v>1521</v>
      </c>
      <c r="O23027" s="5" t="s">
        <v>38</v>
      </c>
      <c r="P23027" s="5" t="s">
        <v>39</v>
      </c>
      <c r="Q23027" s="5" t="s">
        <v>40</v>
      </c>
      <c r="R23027" s="5" t="s">
        <v>1522</v>
      </c>
      <c r="S23027" s="5" t="s">
        <v>1523</v>
      </c>
      <c r="T23027" s="5" t="s">
        <v>42</v>
      </c>
      <c r="U23027" s="2">
        <v>2.9020000000000001</v>
      </c>
      <c r="V23027" s="2">
        <v>2.3650000000000002</v>
      </c>
      <c r="W23027" s="2">
        <v>1.4999999999999999E-2</v>
      </c>
      <c r="X23027" s="2">
        <v>118.9</v>
      </c>
      <c r="Y23027" s="2">
        <v>7.6</v>
      </c>
      <c r="Z23027" s="2">
        <v>16.7</v>
      </c>
      <c r="AA23027" s="5"/>
      <c r="AB23027" s="5" t="s">
        <v>43</v>
      </c>
      <c r="AC23027" s="5" t="s">
        <v>44</v>
      </c>
      <c r="AD23027" s="2"/>
      <c r="AE23027" s="1"/>
    </row>
    <row r="23028" spans="1:31" ht="14.45">
      <c r="A23028" s="11"/>
      <c r="B23028" s="20"/>
      <c r="C23028" s="2" t="s">
        <v>73963</v>
      </c>
      <c r="D23028" s="14" t="s">
        <v>73964</v>
      </c>
      <c r="E23028" s="2" t="s">
        <v>73965</v>
      </c>
      <c r="F23028" s="2" t="s">
        <v>7539</v>
      </c>
      <c r="G23028" s="8">
        <v>267</v>
      </c>
      <c r="H23028" s="5">
        <v>6</v>
      </c>
      <c r="I23028" s="5" t="s">
        <v>1518</v>
      </c>
      <c r="J23028" s="5" t="s">
        <v>69038</v>
      </c>
      <c r="K23028" s="2" t="s">
        <v>69039</v>
      </c>
      <c r="L23028" s="5" t="s">
        <v>69038</v>
      </c>
      <c r="M23028" s="2" t="s">
        <v>69039</v>
      </c>
      <c r="N23028" s="5" t="s">
        <v>1521</v>
      </c>
      <c r="O23028" s="5" t="s">
        <v>38</v>
      </c>
      <c r="P23028" s="5" t="s">
        <v>39</v>
      </c>
      <c r="Q23028" s="5" t="s">
        <v>40</v>
      </c>
      <c r="R23028" s="5" t="s">
        <v>1522</v>
      </c>
      <c r="S23028" s="5" t="s">
        <v>1523</v>
      </c>
      <c r="T23028" s="5" t="s">
        <v>42</v>
      </c>
      <c r="U23028" s="2">
        <v>2.81</v>
      </c>
      <c r="V23028" s="2">
        <v>2.2730000000000001</v>
      </c>
      <c r="W23028" s="2">
        <v>1.4999999999999999E-2</v>
      </c>
      <c r="X23028" s="2">
        <v>118.9</v>
      </c>
      <c r="Y23028" s="2">
        <v>7.6</v>
      </c>
      <c r="Z23028" s="2">
        <v>16.7</v>
      </c>
      <c r="AA23028" s="5"/>
      <c r="AB23028" s="5" t="s">
        <v>43</v>
      </c>
      <c r="AC23028" s="5" t="s">
        <v>44</v>
      </c>
      <c r="AD23028" s="2"/>
      <c r="AE23028" s="1"/>
    </row>
    <row r="23029" spans="1:31" ht="14.45">
      <c r="A23029" s="11"/>
      <c r="B23029" s="20"/>
      <c r="C23029" s="2" t="s">
        <v>73966</v>
      </c>
      <c r="D23029" s="14" t="s">
        <v>73967</v>
      </c>
      <c r="E23029" s="2" t="s">
        <v>73968</v>
      </c>
      <c r="F23029" s="2" t="s">
        <v>7543</v>
      </c>
      <c r="G23029" s="8">
        <v>267</v>
      </c>
      <c r="H23029" s="5">
        <v>6</v>
      </c>
      <c r="I23029" s="5" t="s">
        <v>1518</v>
      </c>
      <c r="J23029" s="5" t="s">
        <v>69038</v>
      </c>
      <c r="K23029" s="2" t="s">
        <v>69039</v>
      </c>
      <c r="L23029" s="5" t="s">
        <v>69038</v>
      </c>
      <c r="M23029" s="2" t="s">
        <v>69039</v>
      </c>
      <c r="N23029" s="5" t="s">
        <v>1521</v>
      </c>
      <c r="O23029" s="5" t="s">
        <v>38</v>
      </c>
      <c r="P23029" s="5" t="s">
        <v>39</v>
      </c>
      <c r="Q23029" s="5" t="s">
        <v>40</v>
      </c>
      <c r="R23029" s="5" t="s">
        <v>1522</v>
      </c>
      <c r="S23029" s="5" t="s">
        <v>1523</v>
      </c>
      <c r="T23029" s="5" t="s">
        <v>42</v>
      </c>
      <c r="U23029" s="2">
        <v>2.9020000000000001</v>
      </c>
      <c r="V23029" s="2">
        <v>2.3650000000000002</v>
      </c>
      <c r="W23029" s="2">
        <v>1.4999999999999999E-2</v>
      </c>
      <c r="X23029" s="2">
        <v>118.9</v>
      </c>
      <c r="Y23029" s="2">
        <v>7.6</v>
      </c>
      <c r="Z23029" s="2">
        <v>16.7</v>
      </c>
      <c r="AA23029" s="5"/>
      <c r="AB23029" s="5" t="s">
        <v>43</v>
      </c>
      <c r="AC23029" s="5" t="s">
        <v>44</v>
      </c>
      <c r="AD23029" s="2"/>
      <c r="AE23029" s="1"/>
    </row>
    <row r="23030" spans="1:31" ht="14.45">
      <c r="A23030" s="11"/>
      <c r="B23030" s="20"/>
      <c r="C23030" s="2" t="s">
        <v>73969</v>
      </c>
      <c r="D23030" s="14" t="s">
        <v>73970</v>
      </c>
      <c r="E23030" s="2" t="s">
        <v>73971</v>
      </c>
      <c r="F23030" s="2" t="s">
        <v>7396</v>
      </c>
      <c r="G23030" s="8">
        <v>249</v>
      </c>
      <c r="H23030" s="5">
        <v>6</v>
      </c>
      <c r="I23030" s="5" t="s">
        <v>1518</v>
      </c>
      <c r="J23030" s="5" t="s">
        <v>69038</v>
      </c>
      <c r="K23030" s="2" t="s">
        <v>69039</v>
      </c>
      <c r="L23030" s="5" t="s">
        <v>69038</v>
      </c>
      <c r="M23030" s="2" t="s">
        <v>69039</v>
      </c>
      <c r="N23030" s="5" t="s">
        <v>1521</v>
      </c>
      <c r="O23030" s="5" t="s">
        <v>38</v>
      </c>
      <c r="P23030" s="5" t="s">
        <v>39</v>
      </c>
      <c r="Q23030" s="5" t="s">
        <v>40</v>
      </c>
      <c r="R23030" s="5" t="s">
        <v>1522</v>
      </c>
      <c r="S23030" s="5" t="s">
        <v>1523</v>
      </c>
      <c r="T23030" s="5" t="s">
        <v>42</v>
      </c>
      <c r="U23030" s="2">
        <v>2.81</v>
      </c>
      <c r="V23030" s="2">
        <v>2.2730000000000001</v>
      </c>
      <c r="W23030" s="2">
        <v>1.4999999999999999E-2</v>
      </c>
      <c r="X23030" s="2">
        <v>118.9</v>
      </c>
      <c r="Y23030" s="2">
        <v>7.6</v>
      </c>
      <c r="Z23030" s="2">
        <v>16.7</v>
      </c>
      <c r="AA23030" s="5"/>
      <c r="AB23030" s="5" t="s">
        <v>43</v>
      </c>
      <c r="AC23030" s="5" t="s">
        <v>44</v>
      </c>
      <c r="AD23030" s="2"/>
      <c r="AE23030" s="1"/>
    </row>
    <row r="23031" spans="1:31" ht="14.45">
      <c r="A23031" s="11"/>
      <c r="B23031" s="20"/>
      <c r="C23031" s="2" t="s">
        <v>73972</v>
      </c>
      <c r="D23031" s="14" t="s">
        <v>73973</v>
      </c>
      <c r="E23031" s="2" t="s">
        <v>73974</v>
      </c>
      <c r="F23031" s="2" t="s">
        <v>7507</v>
      </c>
      <c r="G23031" s="8">
        <v>249</v>
      </c>
      <c r="H23031" s="5">
        <v>6</v>
      </c>
      <c r="I23031" s="5" t="s">
        <v>1518</v>
      </c>
      <c r="J23031" s="5" t="s">
        <v>69038</v>
      </c>
      <c r="K23031" s="2" t="s">
        <v>69039</v>
      </c>
      <c r="L23031" s="5" t="s">
        <v>69038</v>
      </c>
      <c r="M23031" s="2" t="s">
        <v>69039</v>
      </c>
      <c r="N23031" s="5" t="s">
        <v>1521</v>
      </c>
      <c r="O23031" s="5" t="s">
        <v>38</v>
      </c>
      <c r="P23031" s="5" t="s">
        <v>39</v>
      </c>
      <c r="Q23031" s="5" t="s">
        <v>40</v>
      </c>
      <c r="R23031" s="5" t="s">
        <v>1522</v>
      </c>
      <c r="S23031" s="5" t="s">
        <v>1523</v>
      </c>
      <c r="T23031" s="5" t="s">
        <v>42</v>
      </c>
      <c r="U23031" s="2">
        <v>2.9020000000000001</v>
      </c>
      <c r="V23031" s="2">
        <v>2.3650000000000002</v>
      </c>
      <c r="W23031" s="2">
        <v>1.4999999999999999E-2</v>
      </c>
      <c r="X23031" s="2">
        <v>118.9</v>
      </c>
      <c r="Y23031" s="2">
        <v>7.6</v>
      </c>
      <c r="Z23031" s="2">
        <v>16.7</v>
      </c>
      <c r="AA23031" s="5"/>
      <c r="AB23031" s="5" t="s">
        <v>43</v>
      </c>
      <c r="AC23031" s="5" t="s">
        <v>44</v>
      </c>
      <c r="AD23031" s="2"/>
      <c r="AE23031" s="1"/>
    </row>
    <row r="23032" spans="1:31" ht="14.45">
      <c r="A23032" s="11"/>
      <c r="B23032" s="20"/>
      <c r="C23032" s="2" t="s">
        <v>73975</v>
      </c>
      <c r="D23032" s="14" t="s">
        <v>73976</v>
      </c>
      <c r="E23032" s="2" t="s">
        <v>73977</v>
      </c>
      <c r="F23032" s="2" t="s">
        <v>7563</v>
      </c>
      <c r="G23032" s="8">
        <v>267</v>
      </c>
      <c r="H23032" s="5">
        <v>6</v>
      </c>
      <c r="I23032" s="5" t="s">
        <v>1518</v>
      </c>
      <c r="J23032" s="5" t="s">
        <v>69038</v>
      </c>
      <c r="K23032" s="2" t="s">
        <v>69039</v>
      </c>
      <c r="L23032" s="5" t="s">
        <v>69038</v>
      </c>
      <c r="M23032" s="2" t="s">
        <v>69039</v>
      </c>
      <c r="N23032" s="5" t="s">
        <v>1521</v>
      </c>
      <c r="O23032" s="5" t="s">
        <v>38</v>
      </c>
      <c r="P23032" s="5" t="s">
        <v>39</v>
      </c>
      <c r="Q23032" s="5" t="s">
        <v>40</v>
      </c>
      <c r="R23032" s="5" t="s">
        <v>1522</v>
      </c>
      <c r="S23032" s="5" t="s">
        <v>1523</v>
      </c>
      <c r="T23032" s="5" t="s">
        <v>42</v>
      </c>
      <c r="U23032" s="2">
        <v>2.81</v>
      </c>
      <c r="V23032" s="2">
        <v>2.2730000000000001</v>
      </c>
      <c r="W23032" s="2">
        <v>1.4999999999999999E-2</v>
      </c>
      <c r="X23032" s="2">
        <v>118.9</v>
      </c>
      <c r="Y23032" s="2">
        <v>7.6</v>
      </c>
      <c r="Z23032" s="2">
        <v>16.7</v>
      </c>
      <c r="AA23032" s="5"/>
      <c r="AB23032" s="5" t="s">
        <v>43</v>
      </c>
      <c r="AC23032" s="5" t="s">
        <v>44</v>
      </c>
      <c r="AD23032" s="2"/>
      <c r="AE23032" s="1"/>
    </row>
    <row r="23033" spans="1:31" ht="14.45">
      <c r="A23033" s="11"/>
      <c r="B23033" s="20"/>
      <c r="C23033" s="2" t="s">
        <v>73978</v>
      </c>
      <c r="D23033" s="14" t="s">
        <v>73979</v>
      </c>
      <c r="E23033" s="2" t="s">
        <v>73980</v>
      </c>
      <c r="F23033" s="2" t="s">
        <v>7567</v>
      </c>
      <c r="G23033" s="8">
        <v>267</v>
      </c>
      <c r="H23033" s="5">
        <v>6</v>
      </c>
      <c r="I23033" s="5" t="s">
        <v>1518</v>
      </c>
      <c r="J23033" s="5" t="s">
        <v>69038</v>
      </c>
      <c r="K23033" s="2" t="s">
        <v>69039</v>
      </c>
      <c r="L23033" s="5" t="s">
        <v>69038</v>
      </c>
      <c r="M23033" s="2" t="s">
        <v>69039</v>
      </c>
      <c r="N23033" s="5" t="s">
        <v>1521</v>
      </c>
      <c r="O23033" s="5" t="s">
        <v>38</v>
      </c>
      <c r="P23033" s="5" t="s">
        <v>39</v>
      </c>
      <c r="Q23033" s="5" t="s">
        <v>40</v>
      </c>
      <c r="R23033" s="5" t="s">
        <v>1522</v>
      </c>
      <c r="S23033" s="5" t="s">
        <v>1523</v>
      </c>
      <c r="T23033" s="5" t="s">
        <v>42</v>
      </c>
      <c r="U23033" s="2">
        <v>2.9020000000000001</v>
      </c>
      <c r="V23033" s="2">
        <v>2.3650000000000002</v>
      </c>
      <c r="W23033" s="2">
        <v>1.4999999999999999E-2</v>
      </c>
      <c r="X23033" s="2">
        <v>118.9</v>
      </c>
      <c r="Y23033" s="2">
        <v>7.6</v>
      </c>
      <c r="Z23033" s="2">
        <v>16.7</v>
      </c>
      <c r="AA23033" s="5"/>
      <c r="AB23033" s="5" t="s">
        <v>43</v>
      </c>
      <c r="AC23033" s="5" t="s">
        <v>44</v>
      </c>
      <c r="AD23033" s="2"/>
      <c r="AE23033" s="1"/>
    </row>
    <row r="23034" spans="1:31" ht="14.45">
      <c r="A23034" s="11"/>
      <c r="B23034" s="20"/>
      <c r="C23034" s="2" t="s">
        <v>73981</v>
      </c>
      <c r="D23034" s="14" t="s">
        <v>73982</v>
      </c>
      <c r="E23034" s="2" t="s">
        <v>73983</v>
      </c>
      <c r="F23034" s="2" t="s">
        <v>7555</v>
      </c>
      <c r="G23034" s="8">
        <v>267</v>
      </c>
      <c r="H23034" s="5">
        <v>6</v>
      </c>
      <c r="I23034" s="5" t="s">
        <v>1518</v>
      </c>
      <c r="J23034" s="5" t="s">
        <v>69038</v>
      </c>
      <c r="K23034" s="2" t="s">
        <v>69039</v>
      </c>
      <c r="L23034" s="5" t="s">
        <v>69038</v>
      </c>
      <c r="M23034" s="2" t="s">
        <v>69039</v>
      </c>
      <c r="N23034" s="5" t="s">
        <v>1521</v>
      </c>
      <c r="O23034" s="5" t="s">
        <v>38</v>
      </c>
      <c r="P23034" s="5" t="s">
        <v>39</v>
      </c>
      <c r="Q23034" s="5" t="s">
        <v>40</v>
      </c>
      <c r="R23034" s="5" t="s">
        <v>1522</v>
      </c>
      <c r="S23034" s="5" t="s">
        <v>1523</v>
      </c>
      <c r="T23034" s="5" t="s">
        <v>42</v>
      </c>
      <c r="U23034" s="2">
        <v>2.81</v>
      </c>
      <c r="V23034" s="2">
        <v>2.2730000000000001</v>
      </c>
      <c r="W23034" s="2">
        <v>1.4999999999999999E-2</v>
      </c>
      <c r="X23034" s="2">
        <v>118.9</v>
      </c>
      <c r="Y23034" s="2">
        <v>7.6</v>
      </c>
      <c r="Z23034" s="2">
        <v>16.7</v>
      </c>
      <c r="AA23034" s="5"/>
      <c r="AB23034" s="5" t="s">
        <v>43</v>
      </c>
      <c r="AC23034" s="5" t="s">
        <v>44</v>
      </c>
      <c r="AD23034" s="2"/>
      <c r="AE23034" s="1"/>
    </row>
    <row r="23035" spans="1:31" ht="14.45">
      <c r="A23035" s="11"/>
      <c r="B23035" s="20"/>
      <c r="C23035" s="2" t="s">
        <v>73984</v>
      </c>
      <c r="D23035" s="14" t="s">
        <v>73985</v>
      </c>
      <c r="E23035" s="2" t="s">
        <v>73986</v>
      </c>
      <c r="F23035" s="2" t="s">
        <v>16079</v>
      </c>
      <c r="G23035" s="8">
        <v>267</v>
      </c>
      <c r="H23035" s="5">
        <v>6</v>
      </c>
      <c r="I23035" s="5" t="s">
        <v>1518</v>
      </c>
      <c r="J23035" s="5" t="s">
        <v>69038</v>
      </c>
      <c r="K23035" s="2" t="s">
        <v>69039</v>
      </c>
      <c r="L23035" s="5" t="s">
        <v>69038</v>
      </c>
      <c r="M23035" s="2" t="s">
        <v>69039</v>
      </c>
      <c r="N23035" s="5" t="s">
        <v>1521</v>
      </c>
      <c r="O23035" s="5" t="s">
        <v>38</v>
      </c>
      <c r="P23035" s="5" t="s">
        <v>39</v>
      </c>
      <c r="Q23035" s="5" t="s">
        <v>40</v>
      </c>
      <c r="R23035" s="5" t="s">
        <v>1522</v>
      </c>
      <c r="S23035" s="5" t="s">
        <v>1523</v>
      </c>
      <c r="T23035" s="5" t="s">
        <v>42</v>
      </c>
      <c r="U23035" s="2">
        <v>2.81</v>
      </c>
      <c r="V23035" s="2">
        <v>2.2730000000000001</v>
      </c>
      <c r="W23035" s="2">
        <v>1.4999999999999999E-2</v>
      </c>
      <c r="X23035" s="2">
        <v>118.9</v>
      </c>
      <c r="Y23035" s="2">
        <v>7.6</v>
      </c>
      <c r="Z23035" s="2">
        <v>16.7</v>
      </c>
      <c r="AA23035" s="5"/>
      <c r="AB23035" s="5" t="s">
        <v>43</v>
      </c>
      <c r="AC23035" s="5" t="s">
        <v>44</v>
      </c>
      <c r="AD23035" s="2"/>
      <c r="AE23035" s="1"/>
    </row>
    <row r="23036" spans="1:31" ht="14.45">
      <c r="A23036" s="11"/>
      <c r="B23036" s="20"/>
      <c r="C23036" s="2" t="s">
        <v>73987</v>
      </c>
      <c r="D23036" s="14" t="s">
        <v>73988</v>
      </c>
      <c r="E23036" s="2" t="s">
        <v>73989</v>
      </c>
      <c r="F23036" s="2" t="s">
        <v>16194</v>
      </c>
      <c r="G23036" s="8">
        <v>267</v>
      </c>
      <c r="H23036" s="5">
        <v>6</v>
      </c>
      <c r="I23036" s="5" t="s">
        <v>1518</v>
      </c>
      <c r="J23036" s="5" t="s">
        <v>69038</v>
      </c>
      <c r="K23036" s="2" t="s">
        <v>69039</v>
      </c>
      <c r="L23036" s="5" t="s">
        <v>69038</v>
      </c>
      <c r="M23036" s="2" t="s">
        <v>69039</v>
      </c>
      <c r="N23036" s="5" t="s">
        <v>1521</v>
      </c>
      <c r="O23036" s="5" t="s">
        <v>38</v>
      </c>
      <c r="P23036" s="5" t="s">
        <v>39</v>
      </c>
      <c r="Q23036" s="5" t="s">
        <v>40</v>
      </c>
      <c r="R23036" s="5" t="s">
        <v>1522</v>
      </c>
      <c r="S23036" s="5" t="s">
        <v>1523</v>
      </c>
      <c r="T23036" s="5" t="s">
        <v>42</v>
      </c>
      <c r="U23036" s="2">
        <v>2.9020000000000001</v>
      </c>
      <c r="V23036" s="2">
        <v>2.3650000000000002</v>
      </c>
      <c r="W23036" s="2">
        <v>1.4999999999999999E-2</v>
      </c>
      <c r="X23036" s="2">
        <v>118.9</v>
      </c>
      <c r="Y23036" s="2">
        <v>7.6</v>
      </c>
      <c r="Z23036" s="2">
        <v>16.7</v>
      </c>
      <c r="AA23036" s="5"/>
      <c r="AB23036" s="5" t="s">
        <v>43</v>
      </c>
      <c r="AC23036" s="5" t="s">
        <v>44</v>
      </c>
      <c r="AD23036" s="2"/>
      <c r="AE23036" s="1"/>
    </row>
    <row r="23037" spans="1:31" ht="14.45">
      <c r="A23037" s="11"/>
      <c r="B23037" s="20"/>
      <c r="C23037" s="2" t="s">
        <v>73990</v>
      </c>
      <c r="D23037" s="14" t="s">
        <v>73991</v>
      </c>
      <c r="E23037" s="2" t="s">
        <v>73992</v>
      </c>
      <c r="F23037" s="2" t="s">
        <v>7449</v>
      </c>
      <c r="G23037" s="8">
        <v>267</v>
      </c>
      <c r="H23037" s="5">
        <v>6</v>
      </c>
      <c r="I23037" s="5" t="s">
        <v>1518</v>
      </c>
      <c r="J23037" s="5" t="s">
        <v>69038</v>
      </c>
      <c r="K23037" s="2" t="s">
        <v>69039</v>
      </c>
      <c r="L23037" s="5" t="s">
        <v>69038</v>
      </c>
      <c r="M23037" s="2" t="s">
        <v>69039</v>
      </c>
      <c r="N23037" s="5" t="s">
        <v>1521</v>
      </c>
      <c r="O23037" s="5" t="s">
        <v>38</v>
      </c>
      <c r="P23037" s="5" t="s">
        <v>39</v>
      </c>
      <c r="Q23037" s="5" t="s">
        <v>40</v>
      </c>
      <c r="R23037" s="5" t="s">
        <v>1522</v>
      </c>
      <c r="S23037" s="5" t="s">
        <v>1523</v>
      </c>
      <c r="T23037" s="5" t="s">
        <v>42</v>
      </c>
      <c r="U23037" s="2">
        <v>2.81</v>
      </c>
      <c r="V23037" s="2">
        <v>2.2730000000000001</v>
      </c>
      <c r="W23037" s="2">
        <v>1.4999999999999999E-2</v>
      </c>
      <c r="X23037" s="2">
        <v>118.9</v>
      </c>
      <c r="Y23037" s="2">
        <v>7.6</v>
      </c>
      <c r="Z23037" s="2">
        <v>16.7</v>
      </c>
      <c r="AA23037" s="5"/>
      <c r="AB23037" s="5" t="s">
        <v>43</v>
      </c>
      <c r="AC23037" s="5" t="s">
        <v>44</v>
      </c>
      <c r="AD23037" s="2"/>
      <c r="AE23037" s="1"/>
    </row>
    <row r="23038" spans="1:31" ht="14.45">
      <c r="A23038" s="11"/>
      <c r="B23038" s="20"/>
      <c r="C23038" s="2" t="s">
        <v>73993</v>
      </c>
      <c r="D23038" s="14" t="s">
        <v>73994</v>
      </c>
      <c r="E23038" s="2" t="s">
        <v>73995</v>
      </c>
      <c r="F23038" s="2" t="s">
        <v>7581</v>
      </c>
      <c r="G23038" s="8">
        <v>267</v>
      </c>
      <c r="H23038" s="5">
        <v>6</v>
      </c>
      <c r="I23038" s="5" t="s">
        <v>1518</v>
      </c>
      <c r="J23038" s="5" t="s">
        <v>69038</v>
      </c>
      <c r="K23038" s="2" t="s">
        <v>69039</v>
      </c>
      <c r="L23038" s="5" t="s">
        <v>69038</v>
      </c>
      <c r="M23038" s="2" t="s">
        <v>69039</v>
      </c>
      <c r="N23038" s="5" t="s">
        <v>1521</v>
      </c>
      <c r="O23038" s="5" t="s">
        <v>38</v>
      </c>
      <c r="P23038" s="5" t="s">
        <v>39</v>
      </c>
      <c r="Q23038" s="5" t="s">
        <v>40</v>
      </c>
      <c r="R23038" s="5" t="s">
        <v>1522</v>
      </c>
      <c r="S23038" s="5" t="s">
        <v>1523</v>
      </c>
      <c r="T23038" s="5" t="s">
        <v>42</v>
      </c>
      <c r="U23038" s="2">
        <v>2.9020000000000001</v>
      </c>
      <c r="V23038" s="2">
        <v>2.3650000000000002</v>
      </c>
      <c r="W23038" s="2">
        <v>1.4999999999999999E-2</v>
      </c>
      <c r="X23038" s="2">
        <v>118.9</v>
      </c>
      <c r="Y23038" s="2">
        <v>7.6</v>
      </c>
      <c r="Z23038" s="2">
        <v>16.7</v>
      </c>
      <c r="AA23038" s="5"/>
      <c r="AB23038" s="5" t="s">
        <v>43</v>
      </c>
      <c r="AC23038" s="5" t="s">
        <v>44</v>
      </c>
      <c r="AD23038" s="2"/>
      <c r="AE23038" s="1"/>
    </row>
    <row r="23039" spans="1:31" ht="14.45">
      <c r="A23039" s="11"/>
      <c r="B23039" s="20"/>
      <c r="C23039" s="2" t="s">
        <v>73996</v>
      </c>
      <c r="D23039" s="14" t="s">
        <v>73997</v>
      </c>
      <c r="E23039" s="2" t="s">
        <v>73998</v>
      </c>
      <c r="F23039" s="2" t="s">
        <v>7585</v>
      </c>
      <c r="G23039" s="8">
        <v>267</v>
      </c>
      <c r="H23039" s="5">
        <v>6</v>
      </c>
      <c r="I23039" s="5" t="s">
        <v>1518</v>
      </c>
      <c r="J23039" s="5" t="s">
        <v>69038</v>
      </c>
      <c r="K23039" s="2" t="s">
        <v>69039</v>
      </c>
      <c r="L23039" s="5" t="s">
        <v>69038</v>
      </c>
      <c r="M23039" s="2" t="s">
        <v>69039</v>
      </c>
      <c r="N23039" s="5" t="s">
        <v>1521</v>
      </c>
      <c r="O23039" s="5" t="s">
        <v>38</v>
      </c>
      <c r="P23039" s="5" t="s">
        <v>39</v>
      </c>
      <c r="Q23039" s="5" t="s">
        <v>40</v>
      </c>
      <c r="R23039" s="5" t="s">
        <v>1522</v>
      </c>
      <c r="S23039" s="5" t="s">
        <v>1523</v>
      </c>
      <c r="T23039" s="5" t="s">
        <v>42</v>
      </c>
      <c r="U23039" s="2">
        <v>2.81</v>
      </c>
      <c r="V23039" s="2">
        <v>2.2730000000000001</v>
      </c>
      <c r="W23039" s="2">
        <v>1.4999999999999999E-2</v>
      </c>
      <c r="X23039" s="2">
        <v>118.9</v>
      </c>
      <c r="Y23039" s="2">
        <v>7.6</v>
      </c>
      <c r="Z23039" s="2">
        <v>16.7</v>
      </c>
      <c r="AA23039" s="5"/>
      <c r="AB23039" s="5" t="s">
        <v>43</v>
      </c>
      <c r="AC23039" s="5" t="s">
        <v>44</v>
      </c>
      <c r="AD23039" s="2"/>
      <c r="AE23039" s="1"/>
    </row>
    <row r="23040" spans="1:31" ht="14.45">
      <c r="A23040" s="11"/>
      <c r="B23040" s="20"/>
      <c r="C23040" s="2" t="s">
        <v>73999</v>
      </c>
      <c r="D23040" s="14" t="s">
        <v>74000</v>
      </c>
      <c r="E23040" s="2" t="s">
        <v>74001</v>
      </c>
      <c r="F23040" s="2" t="s">
        <v>73358</v>
      </c>
      <c r="G23040" s="8">
        <v>267</v>
      </c>
      <c r="H23040" s="5">
        <v>6</v>
      </c>
      <c r="I23040" s="5" t="s">
        <v>1518</v>
      </c>
      <c r="J23040" s="5" t="s">
        <v>69038</v>
      </c>
      <c r="K23040" s="2" t="s">
        <v>69039</v>
      </c>
      <c r="L23040" s="5" t="s">
        <v>69038</v>
      </c>
      <c r="M23040" s="2" t="s">
        <v>69039</v>
      </c>
      <c r="N23040" s="5" t="s">
        <v>1521</v>
      </c>
      <c r="O23040" s="5" t="s">
        <v>38</v>
      </c>
      <c r="P23040" s="5" t="s">
        <v>39</v>
      </c>
      <c r="Q23040" s="5" t="s">
        <v>40</v>
      </c>
      <c r="R23040" s="5" t="s">
        <v>1522</v>
      </c>
      <c r="S23040" s="5" t="s">
        <v>1523</v>
      </c>
      <c r="T23040" s="5" t="s">
        <v>42</v>
      </c>
      <c r="U23040" s="2">
        <v>2.81</v>
      </c>
      <c r="V23040" s="2">
        <v>2.2730000000000001</v>
      </c>
      <c r="W23040" s="2">
        <v>1.4999999999999999E-2</v>
      </c>
      <c r="X23040" s="2">
        <v>118.9</v>
      </c>
      <c r="Y23040" s="2">
        <v>7.6</v>
      </c>
      <c r="Z23040" s="2">
        <v>16.7</v>
      </c>
      <c r="AA23040" s="5"/>
      <c r="AB23040" s="5" t="s">
        <v>43</v>
      </c>
      <c r="AC23040" s="5" t="s">
        <v>44</v>
      </c>
      <c r="AD23040" s="2"/>
      <c r="AE23040" s="1"/>
    </row>
    <row r="23041" spans="1:31" ht="14.45">
      <c r="A23041" s="11"/>
      <c r="B23041" s="20"/>
      <c r="C23041" s="2" t="s">
        <v>74002</v>
      </c>
      <c r="D23041" s="14" t="s">
        <v>74003</v>
      </c>
      <c r="E23041" s="2" t="s">
        <v>74004</v>
      </c>
      <c r="F23041" s="2" t="s">
        <v>73362</v>
      </c>
      <c r="G23041" s="8">
        <v>267</v>
      </c>
      <c r="H23041" s="5">
        <v>6</v>
      </c>
      <c r="I23041" s="5" t="s">
        <v>1518</v>
      </c>
      <c r="J23041" s="5" t="s">
        <v>69038</v>
      </c>
      <c r="K23041" s="2" t="s">
        <v>69039</v>
      </c>
      <c r="L23041" s="5" t="s">
        <v>69038</v>
      </c>
      <c r="M23041" s="2" t="s">
        <v>69039</v>
      </c>
      <c r="N23041" s="5" t="s">
        <v>1521</v>
      </c>
      <c r="O23041" s="5" t="s">
        <v>38</v>
      </c>
      <c r="P23041" s="5" t="s">
        <v>39</v>
      </c>
      <c r="Q23041" s="5" t="s">
        <v>40</v>
      </c>
      <c r="R23041" s="5" t="s">
        <v>1522</v>
      </c>
      <c r="S23041" s="5" t="s">
        <v>1523</v>
      </c>
      <c r="T23041" s="5" t="s">
        <v>42</v>
      </c>
      <c r="U23041" s="2">
        <v>2.9020000000000001</v>
      </c>
      <c r="V23041" s="2">
        <v>2.3650000000000002</v>
      </c>
      <c r="W23041" s="2">
        <v>1.4999999999999999E-2</v>
      </c>
      <c r="X23041" s="2">
        <v>118.9</v>
      </c>
      <c r="Y23041" s="2">
        <v>7.6</v>
      </c>
      <c r="Z23041" s="2">
        <v>16.7</v>
      </c>
      <c r="AA23041" s="5"/>
      <c r="AB23041" s="5" t="s">
        <v>43</v>
      </c>
      <c r="AC23041" s="5" t="s">
        <v>44</v>
      </c>
      <c r="AD23041" s="2"/>
      <c r="AE23041" s="1"/>
    </row>
    <row r="23042" spans="1:31" ht="14.45">
      <c r="A23042" s="11"/>
      <c r="B23042" s="20"/>
      <c r="C23042" s="2" t="s">
        <v>74005</v>
      </c>
      <c r="D23042" s="14" t="s">
        <v>74006</v>
      </c>
      <c r="E23042" s="2" t="s">
        <v>74007</v>
      </c>
      <c r="F23042" s="2" t="s">
        <v>7615</v>
      </c>
      <c r="G23042" s="8">
        <v>267</v>
      </c>
      <c r="H23042" s="5">
        <v>6</v>
      </c>
      <c r="I23042" s="5" t="s">
        <v>1518</v>
      </c>
      <c r="J23042" s="5" t="s">
        <v>69038</v>
      </c>
      <c r="K23042" s="2" t="s">
        <v>69039</v>
      </c>
      <c r="L23042" s="5" t="s">
        <v>69038</v>
      </c>
      <c r="M23042" s="2" t="s">
        <v>69039</v>
      </c>
      <c r="N23042" s="5" t="s">
        <v>1521</v>
      </c>
      <c r="O23042" s="5" t="s">
        <v>38</v>
      </c>
      <c r="P23042" s="5" t="s">
        <v>39</v>
      </c>
      <c r="Q23042" s="5" t="s">
        <v>40</v>
      </c>
      <c r="R23042" s="5" t="s">
        <v>1522</v>
      </c>
      <c r="S23042" s="5" t="s">
        <v>1523</v>
      </c>
      <c r="T23042" s="5" t="s">
        <v>42</v>
      </c>
      <c r="U23042" s="2">
        <v>2.81</v>
      </c>
      <c r="V23042" s="2">
        <v>2.2730000000000001</v>
      </c>
      <c r="W23042" s="2">
        <v>1.4999999999999999E-2</v>
      </c>
      <c r="X23042" s="2">
        <v>118.9</v>
      </c>
      <c r="Y23042" s="2">
        <v>7.6</v>
      </c>
      <c r="Z23042" s="2">
        <v>16.7</v>
      </c>
      <c r="AA23042" s="5"/>
      <c r="AB23042" s="5" t="s">
        <v>43</v>
      </c>
      <c r="AC23042" s="5" t="s">
        <v>44</v>
      </c>
      <c r="AD23042" s="2"/>
      <c r="AE23042" s="1"/>
    </row>
    <row r="23043" spans="1:31" ht="14.45">
      <c r="A23043" s="11"/>
      <c r="B23043" s="20"/>
      <c r="C23043" s="2" t="s">
        <v>74008</v>
      </c>
      <c r="D23043" s="14" t="s">
        <v>74009</v>
      </c>
      <c r="E23043" s="2" t="s">
        <v>74010</v>
      </c>
      <c r="F23043" s="2" t="s">
        <v>7619</v>
      </c>
      <c r="G23043" s="8">
        <v>267</v>
      </c>
      <c r="H23043" s="5">
        <v>6</v>
      </c>
      <c r="I23043" s="5" t="s">
        <v>1518</v>
      </c>
      <c r="J23043" s="5" t="s">
        <v>69038</v>
      </c>
      <c r="K23043" s="2" t="s">
        <v>69039</v>
      </c>
      <c r="L23043" s="5" t="s">
        <v>69038</v>
      </c>
      <c r="M23043" s="2" t="s">
        <v>69039</v>
      </c>
      <c r="N23043" s="5" t="s">
        <v>1521</v>
      </c>
      <c r="O23043" s="5" t="s">
        <v>38</v>
      </c>
      <c r="P23043" s="5" t="s">
        <v>39</v>
      </c>
      <c r="Q23043" s="5" t="s">
        <v>40</v>
      </c>
      <c r="R23043" s="5" t="s">
        <v>1522</v>
      </c>
      <c r="S23043" s="5" t="s">
        <v>1523</v>
      </c>
      <c r="T23043" s="5" t="s">
        <v>42</v>
      </c>
      <c r="U23043" s="2">
        <v>2.9020000000000001</v>
      </c>
      <c r="V23043" s="2">
        <v>2.3650000000000002</v>
      </c>
      <c r="W23043" s="2">
        <v>1.4999999999999999E-2</v>
      </c>
      <c r="X23043" s="2">
        <v>118.9</v>
      </c>
      <c r="Y23043" s="2">
        <v>7.6</v>
      </c>
      <c r="Z23043" s="2">
        <v>16.7</v>
      </c>
      <c r="AA23043" s="5"/>
      <c r="AB23043" s="5" t="s">
        <v>43</v>
      </c>
      <c r="AC23043" s="5" t="s">
        <v>44</v>
      </c>
      <c r="AD23043" s="2"/>
      <c r="AE23043" s="1"/>
    </row>
    <row r="23044" spans="1:31" ht="14.45">
      <c r="A23044" s="11"/>
      <c r="B23044" s="20"/>
      <c r="C23044" s="2" t="s">
        <v>74011</v>
      </c>
      <c r="D23044" s="14" t="s">
        <v>74012</v>
      </c>
      <c r="E23044" s="2" t="s">
        <v>74013</v>
      </c>
      <c r="F23044" s="2" t="s">
        <v>16014</v>
      </c>
      <c r="G23044" s="8">
        <v>267</v>
      </c>
      <c r="H23044" s="5">
        <v>6</v>
      </c>
      <c r="I23044" s="5" t="s">
        <v>1518</v>
      </c>
      <c r="J23044" s="5" t="s">
        <v>69038</v>
      </c>
      <c r="K23044" s="2" t="s">
        <v>69039</v>
      </c>
      <c r="L23044" s="5" t="s">
        <v>69038</v>
      </c>
      <c r="M23044" s="2" t="s">
        <v>69039</v>
      </c>
      <c r="N23044" s="5" t="s">
        <v>1521</v>
      </c>
      <c r="O23044" s="5" t="s">
        <v>38</v>
      </c>
      <c r="P23044" s="5" t="s">
        <v>39</v>
      </c>
      <c r="Q23044" s="5" t="s">
        <v>40</v>
      </c>
      <c r="R23044" s="5" t="s">
        <v>1522</v>
      </c>
      <c r="S23044" s="5" t="s">
        <v>1523</v>
      </c>
      <c r="T23044" s="5" t="s">
        <v>42</v>
      </c>
      <c r="U23044" s="2">
        <v>2.81</v>
      </c>
      <c r="V23044" s="2">
        <v>2.2730000000000001</v>
      </c>
      <c r="W23044" s="2">
        <v>1.4999999999999999E-2</v>
      </c>
      <c r="X23044" s="2">
        <v>118.9</v>
      </c>
      <c r="Y23044" s="2">
        <v>7.6</v>
      </c>
      <c r="Z23044" s="2">
        <v>16.7</v>
      </c>
      <c r="AA23044" s="5"/>
      <c r="AB23044" s="5" t="s">
        <v>43</v>
      </c>
      <c r="AC23044" s="5" t="s">
        <v>44</v>
      </c>
      <c r="AD23044" s="2"/>
      <c r="AE23044" s="1"/>
    </row>
    <row r="23045" spans="1:31" ht="14.45">
      <c r="A23045" s="11"/>
      <c r="B23045" s="20"/>
      <c r="C23045" s="2" t="s">
        <v>74014</v>
      </c>
      <c r="D23045" s="14" t="s">
        <v>74015</v>
      </c>
      <c r="E23045" s="2" t="s">
        <v>74016</v>
      </c>
      <c r="F23045" s="2" t="s">
        <v>16219</v>
      </c>
      <c r="G23045" s="8">
        <v>267</v>
      </c>
      <c r="H23045" s="5">
        <v>6</v>
      </c>
      <c r="I23045" s="5" t="s">
        <v>1518</v>
      </c>
      <c r="J23045" s="5" t="s">
        <v>69038</v>
      </c>
      <c r="K23045" s="2" t="s">
        <v>69039</v>
      </c>
      <c r="L23045" s="5" t="s">
        <v>69038</v>
      </c>
      <c r="M23045" s="2" t="s">
        <v>69039</v>
      </c>
      <c r="N23045" s="5" t="s">
        <v>1521</v>
      </c>
      <c r="O23045" s="5" t="s">
        <v>38</v>
      </c>
      <c r="P23045" s="5" t="s">
        <v>39</v>
      </c>
      <c r="Q23045" s="5" t="s">
        <v>40</v>
      </c>
      <c r="R23045" s="5" t="s">
        <v>1522</v>
      </c>
      <c r="S23045" s="5" t="s">
        <v>1523</v>
      </c>
      <c r="T23045" s="5" t="s">
        <v>42</v>
      </c>
      <c r="U23045" s="2">
        <v>2.9020000000000001</v>
      </c>
      <c r="V23045" s="2">
        <v>2.3650000000000002</v>
      </c>
      <c r="W23045" s="2">
        <v>1.4999999999999999E-2</v>
      </c>
      <c r="X23045" s="2">
        <v>118.9</v>
      </c>
      <c r="Y23045" s="2">
        <v>7.6</v>
      </c>
      <c r="Z23045" s="2">
        <v>16.7</v>
      </c>
      <c r="AA23045" s="5"/>
      <c r="AB23045" s="5" t="s">
        <v>43</v>
      </c>
      <c r="AC23045" s="5" t="s">
        <v>44</v>
      </c>
      <c r="AD23045" s="2"/>
      <c r="AE23045" s="1"/>
    </row>
    <row r="23046" spans="1:31" ht="14.45">
      <c r="A23046" s="11"/>
      <c r="B23046" s="20"/>
      <c r="C23046" s="2" t="s">
        <v>74017</v>
      </c>
      <c r="D23046" s="14" t="s">
        <v>74018</v>
      </c>
      <c r="E23046" s="2" t="s">
        <v>74019</v>
      </c>
      <c r="F23046" s="2" t="s">
        <v>7212</v>
      </c>
      <c r="G23046" s="8">
        <v>249</v>
      </c>
      <c r="H23046" s="5">
        <v>6</v>
      </c>
      <c r="I23046" s="5" t="s">
        <v>1518</v>
      </c>
      <c r="J23046" s="5" t="s">
        <v>69038</v>
      </c>
      <c r="K23046" s="2" t="s">
        <v>69039</v>
      </c>
      <c r="L23046" s="5" t="s">
        <v>69038</v>
      </c>
      <c r="M23046" s="2" t="s">
        <v>69039</v>
      </c>
      <c r="N23046" s="5" t="s">
        <v>1521</v>
      </c>
      <c r="O23046" s="5" t="s">
        <v>38</v>
      </c>
      <c r="P23046" s="5" t="s">
        <v>39</v>
      </c>
      <c r="Q23046" s="5" t="s">
        <v>40</v>
      </c>
      <c r="R23046" s="5" t="s">
        <v>1522</v>
      </c>
      <c r="S23046" s="5" t="s">
        <v>1523</v>
      </c>
      <c r="T23046" s="5" t="s">
        <v>42</v>
      </c>
      <c r="U23046" s="2">
        <v>2.81</v>
      </c>
      <c r="V23046" s="2">
        <v>2.2730000000000001</v>
      </c>
      <c r="W23046" s="2">
        <v>1.4999999999999999E-2</v>
      </c>
      <c r="X23046" s="2">
        <v>118.9</v>
      </c>
      <c r="Y23046" s="2">
        <v>7.6</v>
      </c>
      <c r="Z23046" s="2">
        <v>16.7</v>
      </c>
      <c r="AA23046" s="5"/>
      <c r="AB23046" s="5" t="s">
        <v>43</v>
      </c>
      <c r="AC23046" s="5" t="s">
        <v>44</v>
      </c>
      <c r="AD23046" s="2"/>
      <c r="AE23046" s="1"/>
    </row>
    <row r="23047" spans="1:31" ht="14.45">
      <c r="A23047" s="11"/>
      <c r="B23047" s="20"/>
      <c r="C23047" s="2" t="s">
        <v>74020</v>
      </c>
      <c r="D23047" s="14" t="s">
        <v>74021</v>
      </c>
      <c r="E23047" s="2" t="s">
        <v>74022</v>
      </c>
      <c r="F23047" s="2" t="s">
        <v>7528</v>
      </c>
      <c r="G23047" s="8">
        <v>249</v>
      </c>
      <c r="H23047" s="5">
        <v>6</v>
      </c>
      <c r="I23047" s="5" t="s">
        <v>1518</v>
      </c>
      <c r="J23047" s="5" t="s">
        <v>69038</v>
      </c>
      <c r="K23047" s="2" t="s">
        <v>69039</v>
      </c>
      <c r="L23047" s="5" t="s">
        <v>69038</v>
      </c>
      <c r="M23047" s="2" t="s">
        <v>69039</v>
      </c>
      <c r="N23047" s="5" t="s">
        <v>1521</v>
      </c>
      <c r="O23047" s="5" t="s">
        <v>38</v>
      </c>
      <c r="P23047" s="5" t="s">
        <v>39</v>
      </c>
      <c r="Q23047" s="5" t="s">
        <v>40</v>
      </c>
      <c r="R23047" s="5" t="s">
        <v>1522</v>
      </c>
      <c r="S23047" s="5" t="s">
        <v>1523</v>
      </c>
      <c r="T23047" s="5" t="s">
        <v>42</v>
      </c>
      <c r="U23047" s="2">
        <v>2.9020000000000001</v>
      </c>
      <c r="V23047" s="2">
        <v>2.3650000000000002</v>
      </c>
      <c r="W23047" s="2">
        <v>1.4999999999999999E-2</v>
      </c>
      <c r="X23047" s="2">
        <v>118.9</v>
      </c>
      <c r="Y23047" s="2">
        <v>7.6</v>
      </c>
      <c r="Z23047" s="2">
        <v>16.7</v>
      </c>
      <c r="AA23047" s="5"/>
      <c r="AB23047" s="5" t="s">
        <v>43</v>
      </c>
      <c r="AC23047" s="5" t="s">
        <v>44</v>
      </c>
      <c r="AD23047" s="2"/>
      <c r="AE23047" s="1"/>
    </row>
    <row r="23048" spans="1:31" ht="14.45">
      <c r="A23048" s="11"/>
      <c r="B23048" s="20"/>
      <c r="C23048" s="2" t="s">
        <v>74023</v>
      </c>
      <c r="D23048" s="14" t="s">
        <v>74024</v>
      </c>
      <c r="E23048" s="2" t="s">
        <v>74025</v>
      </c>
      <c r="F23048" s="2" t="s">
        <v>16029</v>
      </c>
      <c r="G23048" s="8">
        <v>267</v>
      </c>
      <c r="H23048" s="5">
        <v>6</v>
      </c>
      <c r="I23048" s="5" t="s">
        <v>1518</v>
      </c>
      <c r="J23048" s="5" t="s">
        <v>69038</v>
      </c>
      <c r="K23048" s="2" t="s">
        <v>69039</v>
      </c>
      <c r="L23048" s="5" t="s">
        <v>69038</v>
      </c>
      <c r="M23048" s="2" t="s">
        <v>69039</v>
      </c>
      <c r="N23048" s="5" t="s">
        <v>1521</v>
      </c>
      <c r="O23048" s="5" t="s">
        <v>38</v>
      </c>
      <c r="P23048" s="5" t="s">
        <v>39</v>
      </c>
      <c r="Q23048" s="5" t="s">
        <v>40</v>
      </c>
      <c r="R23048" s="5" t="s">
        <v>1522</v>
      </c>
      <c r="S23048" s="5" t="s">
        <v>1523</v>
      </c>
      <c r="T23048" s="5" t="s">
        <v>42</v>
      </c>
      <c r="U23048" s="2">
        <v>2.827</v>
      </c>
      <c r="V23048" s="2">
        <v>2.29</v>
      </c>
      <c r="W23048" s="2">
        <v>1.4999999999999999E-2</v>
      </c>
      <c r="X23048" s="2">
        <v>118.9</v>
      </c>
      <c r="Y23048" s="2">
        <v>7.6</v>
      </c>
      <c r="Z23048" s="2">
        <v>16.7</v>
      </c>
      <c r="AA23048" s="5"/>
      <c r="AB23048" s="5" t="s">
        <v>43</v>
      </c>
      <c r="AC23048" s="5" t="s">
        <v>44</v>
      </c>
      <c r="AD23048" s="2"/>
      <c r="AE23048" s="1"/>
    </row>
    <row r="23049" spans="1:31" ht="14.45">
      <c r="A23049" s="11"/>
      <c r="B23049" s="20"/>
      <c r="C23049" s="2" t="s">
        <v>74026</v>
      </c>
      <c r="D23049" s="14" t="s">
        <v>74027</v>
      </c>
      <c r="E23049" s="2" t="s">
        <v>74028</v>
      </c>
      <c r="F23049" s="2" t="s">
        <v>16033</v>
      </c>
      <c r="G23049" s="8">
        <v>267</v>
      </c>
      <c r="H23049" s="5">
        <v>6</v>
      </c>
      <c r="I23049" s="5" t="s">
        <v>1518</v>
      </c>
      <c r="J23049" s="5" t="s">
        <v>69038</v>
      </c>
      <c r="K23049" s="2" t="s">
        <v>69039</v>
      </c>
      <c r="L23049" s="5" t="s">
        <v>69038</v>
      </c>
      <c r="M23049" s="2" t="s">
        <v>69039</v>
      </c>
      <c r="N23049" s="5" t="s">
        <v>1521</v>
      </c>
      <c r="O23049" s="5" t="s">
        <v>38</v>
      </c>
      <c r="P23049" s="5" t="s">
        <v>39</v>
      </c>
      <c r="Q23049" s="5" t="s">
        <v>40</v>
      </c>
      <c r="R23049" s="5" t="s">
        <v>1522</v>
      </c>
      <c r="S23049" s="5" t="s">
        <v>1523</v>
      </c>
      <c r="T23049" s="5" t="s">
        <v>42</v>
      </c>
      <c r="U23049" s="2">
        <v>2.919</v>
      </c>
      <c r="V23049" s="2">
        <v>2.3820000000000001</v>
      </c>
      <c r="W23049" s="2">
        <v>1.4999999999999999E-2</v>
      </c>
      <c r="X23049" s="2">
        <v>118.9</v>
      </c>
      <c r="Y23049" s="2">
        <v>7.6</v>
      </c>
      <c r="Z23049" s="2">
        <v>16.7</v>
      </c>
      <c r="AA23049" s="5"/>
      <c r="AB23049" s="5" t="s">
        <v>43</v>
      </c>
      <c r="AC23049" s="5" t="s">
        <v>44</v>
      </c>
      <c r="AD23049" s="2"/>
      <c r="AE23049" s="1"/>
    </row>
    <row r="23050" spans="1:31" ht="14.45">
      <c r="A23050" s="11"/>
      <c r="B23050" s="20"/>
      <c r="C23050" s="2" t="s">
        <v>74029</v>
      </c>
      <c r="D23050" s="14" t="s">
        <v>74030</v>
      </c>
      <c r="E23050" s="2" t="s">
        <v>74031</v>
      </c>
      <c r="F23050" s="2" t="s">
        <v>7204</v>
      </c>
      <c r="G23050" s="8">
        <v>256</v>
      </c>
      <c r="H23050" s="5">
        <v>6</v>
      </c>
      <c r="I23050" s="5" t="s">
        <v>1518</v>
      </c>
      <c r="J23050" s="5" t="s">
        <v>69038</v>
      </c>
      <c r="K23050" s="2" t="s">
        <v>69039</v>
      </c>
      <c r="L23050" s="5" t="s">
        <v>69038</v>
      </c>
      <c r="M23050" s="2" t="s">
        <v>69039</v>
      </c>
      <c r="N23050" s="5" t="s">
        <v>1521</v>
      </c>
      <c r="O23050" s="5" t="s">
        <v>38</v>
      </c>
      <c r="P23050" s="5" t="s">
        <v>39</v>
      </c>
      <c r="Q23050" s="5" t="s">
        <v>40</v>
      </c>
      <c r="R23050" s="5" t="s">
        <v>1522</v>
      </c>
      <c r="S23050" s="5" t="s">
        <v>1523</v>
      </c>
      <c r="T23050" s="5" t="s">
        <v>42</v>
      </c>
      <c r="U23050" s="2">
        <v>3.0489999999999999</v>
      </c>
      <c r="V23050" s="2">
        <v>2.4359999999999999</v>
      </c>
      <c r="W23050" s="2">
        <v>1.7999999999999999E-2</v>
      </c>
      <c r="X23050" s="2">
        <v>139.1</v>
      </c>
      <c r="Y23050" s="2">
        <v>7.6</v>
      </c>
      <c r="Z23050" s="2">
        <v>16.7</v>
      </c>
      <c r="AA23050" s="5"/>
      <c r="AB23050" s="5" t="s">
        <v>43</v>
      </c>
      <c r="AC23050" s="5" t="s">
        <v>44</v>
      </c>
      <c r="AD23050" s="2"/>
      <c r="AE23050" s="1"/>
    </row>
    <row r="23051" spans="1:31" ht="14.45">
      <c r="A23051" s="11"/>
      <c r="B23051" s="20"/>
      <c r="C23051" s="2" t="s">
        <v>74032</v>
      </c>
      <c r="D23051" s="14" t="s">
        <v>74033</v>
      </c>
      <c r="E23051" s="2" t="s">
        <v>74034</v>
      </c>
      <c r="F23051" s="2" t="s">
        <v>7514</v>
      </c>
      <c r="G23051" s="8">
        <v>256</v>
      </c>
      <c r="H23051" s="5">
        <v>6</v>
      </c>
      <c r="I23051" s="5" t="s">
        <v>1518</v>
      </c>
      <c r="J23051" s="5" t="s">
        <v>69038</v>
      </c>
      <c r="K23051" s="2" t="s">
        <v>69039</v>
      </c>
      <c r="L23051" s="5" t="s">
        <v>69038</v>
      </c>
      <c r="M23051" s="2" t="s">
        <v>69039</v>
      </c>
      <c r="N23051" s="5" t="s">
        <v>1521</v>
      </c>
      <c r="O23051" s="5" t="s">
        <v>38</v>
      </c>
      <c r="P23051" s="5" t="s">
        <v>39</v>
      </c>
      <c r="Q23051" s="5" t="s">
        <v>40</v>
      </c>
      <c r="R23051" s="5" t="s">
        <v>1522</v>
      </c>
      <c r="S23051" s="5" t="s">
        <v>1523</v>
      </c>
      <c r="T23051" s="5" t="s">
        <v>42</v>
      </c>
      <c r="U23051" s="2">
        <v>3.1509999999999998</v>
      </c>
      <c r="V23051" s="2">
        <v>2.5379999999999998</v>
      </c>
      <c r="W23051" s="2">
        <v>1.7999999999999999E-2</v>
      </c>
      <c r="X23051" s="2">
        <v>139.1</v>
      </c>
      <c r="Y23051" s="2">
        <v>7.6</v>
      </c>
      <c r="Z23051" s="2">
        <v>16.7</v>
      </c>
      <c r="AA23051" s="5"/>
      <c r="AB23051" s="5" t="s">
        <v>43</v>
      </c>
      <c r="AC23051" s="5" t="s">
        <v>44</v>
      </c>
      <c r="AD23051" s="2"/>
      <c r="AE23051" s="1"/>
    </row>
    <row r="23052" spans="1:31" ht="14.45">
      <c r="A23052" s="11"/>
      <c r="B23052" s="20"/>
      <c r="C23052" s="2" t="s">
        <v>74035</v>
      </c>
      <c r="D23052" s="14" t="s">
        <v>74036</v>
      </c>
      <c r="E23052" s="2" t="s">
        <v>74037</v>
      </c>
      <c r="F23052" s="2" t="s">
        <v>7208</v>
      </c>
      <c r="G23052" s="8">
        <v>256</v>
      </c>
      <c r="H23052" s="5">
        <v>6</v>
      </c>
      <c r="I23052" s="5" t="s">
        <v>1518</v>
      </c>
      <c r="J23052" s="5" t="s">
        <v>69038</v>
      </c>
      <c r="K23052" s="2" t="s">
        <v>69039</v>
      </c>
      <c r="L23052" s="5" t="s">
        <v>69038</v>
      </c>
      <c r="M23052" s="2" t="s">
        <v>69039</v>
      </c>
      <c r="N23052" s="5" t="s">
        <v>1521</v>
      </c>
      <c r="O23052" s="5" t="s">
        <v>38</v>
      </c>
      <c r="P23052" s="5" t="s">
        <v>39</v>
      </c>
      <c r="Q23052" s="5" t="s">
        <v>40</v>
      </c>
      <c r="R23052" s="5" t="s">
        <v>1522</v>
      </c>
      <c r="S23052" s="5" t="s">
        <v>1523</v>
      </c>
      <c r="T23052" s="5" t="s">
        <v>42</v>
      </c>
      <c r="U23052" s="2">
        <v>3.0489999999999999</v>
      </c>
      <c r="V23052" s="2">
        <v>2.4359999999999999</v>
      </c>
      <c r="W23052" s="2">
        <v>1.7999999999999999E-2</v>
      </c>
      <c r="X23052" s="2">
        <v>139.1</v>
      </c>
      <c r="Y23052" s="2">
        <v>7.6</v>
      </c>
      <c r="Z23052" s="2">
        <v>16.7</v>
      </c>
      <c r="AA23052" s="5"/>
      <c r="AB23052" s="5" t="s">
        <v>43</v>
      </c>
      <c r="AC23052" s="5" t="s">
        <v>44</v>
      </c>
      <c r="AD23052" s="2"/>
      <c r="AE23052" s="1"/>
    </row>
    <row r="23053" spans="1:31" ht="14.45">
      <c r="A23053" s="11"/>
      <c r="B23053" s="20"/>
      <c r="C23053" s="2" t="s">
        <v>74038</v>
      </c>
      <c r="D23053" s="14" t="s">
        <v>74039</v>
      </c>
      <c r="E23053" s="2" t="s">
        <v>74040</v>
      </c>
      <c r="F23053" s="2" t="s">
        <v>7521</v>
      </c>
      <c r="G23053" s="8">
        <v>256</v>
      </c>
      <c r="H23053" s="5">
        <v>6</v>
      </c>
      <c r="I23053" s="5" t="s">
        <v>1518</v>
      </c>
      <c r="J23053" s="5" t="s">
        <v>69038</v>
      </c>
      <c r="K23053" s="2" t="s">
        <v>69039</v>
      </c>
      <c r="L23053" s="5" t="s">
        <v>69038</v>
      </c>
      <c r="M23053" s="2" t="s">
        <v>69039</v>
      </c>
      <c r="N23053" s="5" t="s">
        <v>1521</v>
      </c>
      <c r="O23053" s="5" t="s">
        <v>38</v>
      </c>
      <c r="P23053" s="5" t="s">
        <v>39</v>
      </c>
      <c r="Q23053" s="5" t="s">
        <v>40</v>
      </c>
      <c r="R23053" s="5" t="s">
        <v>1522</v>
      </c>
      <c r="S23053" s="5" t="s">
        <v>1523</v>
      </c>
      <c r="T23053" s="5" t="s">
        <v>42</v>
      </c>
      <c r="U23053" s="2">
        <v>3.1509999999999998</v>
      </c>
      <c r="V23053" s="2">
        <v>2.5379999999999998</v>
      </c>
      <c r="W23053" s="2">
        <v>1.7999999999999999E-2</v>
      </c>
      <c r="X23053" s="2">
        <v>139.1</v>
      </c>
      <c r="Y23053" s="2">
        <v>7.6</v>
      </c>
      <c r="Z23053" s="2">
        <v>16.7</v>
      </c>
      <c r="AA23053" s="5"/>
      <c r="AB23053" s="5" t="s">
        <v>43</v>
      </c>
      <c r="AC23053" s="5" t="s">
        <v>44</v>
      </c>
      <c r="AD23053" s="2"/>
      <c r="AE23053" s="1"/>
    </row>
    <row r="23054" spans="1:31" ht="14.45">
      <c r="A23054" s="11"/>
      <c r="B23054" s="20"/>
      <c r="C23054" s="2" t="s">
        <v>74041</v>
      </c>
      <c r="D23054" s="14" t="s">
        <v>74042</v>
      </c>
      <c r="E23054" s="2" t="s">
        <v>74043</v>
      </c>
      <c r="F23054" s="2" t="s">
        <v>7507</v>
      </c>
      <c r="G23054" s="8">
        <v>256</v>
      </c>
      <c r="H23054" s="5">
        <v>6</v>
      </c>
      <c r="I23054" s="5" t="s">
        <v>1518</v>
      </c>
      <c r="J23054" s="5" t="s">
        <v>69038</v>
      </c>
      <c r="K23054" s="2" t="s">
        <v>69039</v>
      </c>
      <c r="L23054" s="5" t="s">
        <v>69038</v>
      </c>
      <c r="M23054" s="2" t="s">
        <v>69039</v>
      </c>
      <c r="N23054" s="5" t="s">
        <v>1521</v>
      </c>
      <c r="O23054" s="5" t="s">
        <v>38</v>
      </c>
      <c r="P23054" s="5" t="s">
        <v>39</v>
      </c>
      <c r="Q23054" s="5" t="s">
        <v>40</v>
      </c>
      <c r="R23054" s="5" t="s">
        <v>1522</v>
      </c>
      <c r="S23054" s="5" t="s">
        <v>1523</v>
      </c>
      <c r="T23054" s="5" t="s">
        <v>42</v>
      </c>
      <c r="U23054" s="2">
        <v>3.1509999999999998</v>
      </c>
      <c r="V23054" s="2">
        <v>2.5379999999999998</v>
      </c>
      <c r="W23054" s="2">
        <v>1.7999999999999999E-2</v>
      </c>
      <c r="X23054" s="2">
        <v>139.1</v>
      </c>
      <c r="Y23054" s="2">
        <v>7.6</v>
      </c>
      <c r="Z23054" s="2">
        <v>16.7</v>
      </c>
      <c r="AA23054" s="5"/>
      <c r="AB23054" s="5" t="s">
        <v>43</v>
      </c>
      <c r="AC23054" s="5" t="s">
        <v>44</v>
      </c>
      <c r="AD23054" s="2"/>
      <c r="AE23054" s="1"/>
    </row>
    <row r="23055" spans="1:31" ht="14.45">
      <c r="A23055" s="11"/>
      <c r="B23055" s="20"/>
      <c r="C23055" s="2" t="s">
        <v>74044</v>
      </c>
      <c r="D23055" s="14" t="s">
        <v>74045</v>
      </c>
      <c r="E23055" s="2" t="s">
        <v>74046</v>
      </c>
      <c r="F23055" s="2" t="s">
        <v>16029</v>
      </c>
      <c r="G23055" s="8">
        <v>275</v>
      </c>
      <c r="H23055" s="5">
        <v>6</v>
      </c>
      <c r="I23055" s="5" t="s">
        <v>1518</v>
      </c>
      <c r="J23055" s="5" t="s">
        <v>69038</v>
      </c>
      <c r="K23055" s="2" t="s">
        <v>69039</v>
      </c>
      <c r="L23055" s="5" t="s">
        <v>69038</v>
      </c>
      <c r="M23055" s="2" t="s">
        <v>69039</v>
      </c>
      <c r="N23055" s="5" t="s">
        <v>1521</v>
      </c>
      <c r="O23055" s="5" t="s">
        <v>38</v>
      </c>
      <c r="P23055" s="5" t="s">
        <v>39</v>
      </c>
      <c r="Q23055" s="5" t="s">
        <v>40</v>
      </c>
      <c r="R23055" s="5" t="s">
        <v>1522</v>
      </c>
      <c r="S23055" s="5" t="s">
        <v>1523</v>
      </c>
      <c r="T23055" s="5" t="s">
        <v>42</v>
      </c>
      <c r="U23055" s="2">
        <v>3.0659999999999998</v>
      </c>
      <c r="V23055" s="2">
        <v>2.4529999999999998</v>
      </c>
      <c r="W23055" s="2">
        <v>1.7999999999999999E-2</v>
      </c>
      <c r="X23055" s="2">
        <v>139.1</v>
      </c>
      <c r="Y23055" s="2">
        <v>7.6</v>
      </c>
      <c r="Z23055" s="2">
        <v>16.7</v>
      </c>
      <c r="AA23055" s="5"/>
      <c r="AB23055" s="5" t="s">
        <v>43</v>
      </c>
      <c r="AC23055" s="5" t="s">
        <v>44</v>
      </c>
      <c r="AD23055" s="2"/>
      <c r="AE23055" s="1"/>
    </row>
    <row r="23056" spans="1:31" ht="14.45">
      <c r="A23056" s="11"/>
      <c r="B23056" s="20"/>
      <c r="C23056" s="2" t="s">
        <v>74047</v>
      </c>
      <c r="D23056" s="14" t="s">
        <v>74048</v>
      </c>
      <c r="E23056" s="2" t="s">
        <v>74049</v>
      </c>
      <c r="F23056" s="2" t="s">
        <v>16033</v>
      </c>
      <c r="G23056" s="8">
        <v>275</v>
      </c>
      <c r="H23056" s="5">
        <v>6</v>
      </c>
      <c r="I23056" s="5" t="s">
        <v>1518</v>
      </c>
      <c r="J23056" s="5" t="s">
        <v>69038</v>
      </c>
      <c r="K23056" s="2" t="s">
        <v>69039</v>
      </c>
      <c r="L23056" s="5" t="s">
        <v>69038</v>
      </c>
      <c r="M23056" s="2" t="s">
        <v>69039</v>
      </c>
      <c r="N23056" s="5" t="s">
        <v>1521</v>
      </c>
      <c r="O23056" s="5" t="s">
        <v>38</v>
      </c>
      <c r="P23056" s="5" t="s">
        <v>39</v>
      </c>
      <c r="Q23056" s="5" t="s">
        <v>40</v>
      </c>
      <c r="R23056" s="5" t="s">
        <v>1522</v>
      </c>
      <c r="S23056" s="5" t="s">
        <v>1523</v>
      </c>
      <c r="T23056" s="5" t="s">
        <v>42</v>
      </c>
      <c r="U23056" s="2">
        <v>3.1680000000000001</v>
      </c>
      <c r="V23056" s="2">
        <v>2.5550000000000002</v>
      </c>
      <c r="W23056" s="2">
        <v>1.7999999999999999E-2</v>
      </c>
      <c r="X23056" s="2">
        <v>139.1</v>
      </c>
      <c r="Y23056" s="2">
        <v>7.6</v>
      </c>
      <c r="Z23056" s="2">
        <v>16.7</v>
      </c>
      <c r="AA23056" s="5"/>
      <c r="AB23056" s="5" t="s">
        <v>43</v>
      </c>
      <c r="AC23056" s="5" t="s">
        <v>44</v>
      </c>
      <c r="AD23056" s="2"/>
      <c r="AE23056" s="1"/>
    </row>
    <row r="23057" spans="1:31" ht="14.45">
      <c r="A23057" s="11"/>
      <c r="B23057" s="20"/>
      <c r="C23057" s="2" t="s">
        <v>74050</v>
      </c>
      <c r="D23057" s="14" t="s">
        <v>74051</v>
      </c>
      <c r="E23057" s="2" t="s">
        <v>74052</v>
      </c>
      <c r="F23057" s="2" t="s">
        <v>7204</v>
      </c>
      <c r="G23057" s="8">
        <v>237</v>
      </c>
      <c r="H23057" s="5">
        <v>6</v>
      </c>
      <c r="I23057" s="5" t="s">
        <v>1518</v>
      </c>
      <c r="J23057" s="5" t="s">
        <v>69038</v>
      </c>
      <c r="K23057" s="2" t="s">
        <v>69039</v>
      </c>
      <c r="L23057" s="5" t="s">
        <v>69038</v>
      </c>
      <c r="M23057" s="2" t="s">
        <v>69039</v>
      </c>
      <c r="N23057" s="5" t="s">
        <v>1521</v>
      </c>
      <c r="O23057" s="5" t="s">
        <v>38</v>
      </c>
      <c r="P23057" s="5" t="s">
        <v>39</v>
      </c>
      <c r="Q23057" s="5" t="s">
        <v>40</v>
      </c>
      <c r="R23057" s="5" t="s">
        <v>1522</v>
      </c>
      <c r="S23057" s="5" t="s">
        <v>1523</v>
      </c>
      <c r="T23057" s="5" t="s">
        <v>42</v>
      </c>
      <c r="U23057" s="2">
        <v>2.5259999999999998</v>
      </c>
      <c r="V23057" s="2">
        <v>1.9830000000000001</v>
      </c>
      <c r="W23057" s="2">
        <v>1.2999999999999999E-2</v>
      </c>
      <c r="X23057" s="2">
        <v>99.1</v>
      </c>
      <c r="Y23057" s="2">
        <v>7.6</v>
      </c>
      <c r="Z23057" s="2">
        <v>16.7</v>
      </c>
      <c r="AA23057" s="5"/>
      <c r="AB23057" s="5" t="s">
        <v>43</v>
      </c>
      <c r="AC23057" s="5" t="s">
        <v>44</v>
      </c>
      <c r="AD23057" s="2"/>
      <c r="AE23057" s="1"/>
    </row>
    <row r="23058" spans="1:31" ht="14.45">
      <c r="A23058" s="11"/>
      <c r="B23058" s="20"/>
      <c r="C23058" s="2" t="s">
        <v>74053</v>
      </c>
      <c r="D23058" s="14" t="s">
        <v>74054</v>
      </c>
      <c r="E23058" s="2" t="s">
        <v>74055</v>
      </c>
      <c r="F23058" s="2" t="s">
        <v>7514</v>
      </c>
      <c r="G23058" s="8">
        <v>237</v>
      </c>
      <c r="H23058" s="5">
        <v>6</v>
      </c>
      <c r="I23058" s="5" t="s">
        <v>1518</v>
      </c>
      <c r="J23058" s="5" t="s">
        <v>69038</v>
      </c>
      <c r="K23058" s="2" t="s">
        <v>69039</v>
      </c>
      <c r="L23058" s="5" t="s">
        <v>69038</v>
      </c>
      <c r="M23058" s="2" t="s">
        <v>69039</v>
      </c>
      <c r="N23058" s="5" t="s">
        <v>1521</v>
      </c>
      <c r="O23058" s="5" t="s">
        <v>38</v>
      </c>
      <c r="P23058" s="5" t="s">
        <v>39</v>
      </c>
      <c r="Q23058" s="5" t="s">
        <v>40</v>
      </c>
      <c r="R23058" s="5" t="s">
        <v>1522</v>
      </c>
      <c r="S23058" s="5" t="s">
        <v>1523</v>
      </c>
      <c r="T23058" s="5" t="s">
        <v>42</v>
      </c>
      <c r="U23058" s="2">
        <v>2.597</v>
      </c>
      <c r="V23058" s="2">
        <v>2.0539999999999998</v>
      </c>
      <c r="W23058" s="2">
        <v>1.2999999999999999E-2</v>
      </c>
      <c r="X23058" s="2">
        <v>99.1</v>
      </c>
      <c r="Y23058" s="2">
        <v>7.6</v>
      </c>
      <c r="Z23058" s="2">
        <v>16.7</v>
      </c>
      <c r="AA23058" s="5"/>
      <c r="AB23058" s="5" t="s">
        <v>43</v>
      </c>
      <c r="AC23058" s="5" t="s">
        <v>44</v>
      </c>
      <c r="AD23058" s="2"/>
      <c r="AE23058" s="1"/>
    </row>
    <row r="23059" spans="1:31" ht="14.45">
      <c r="A23059" s="11"/>
      <c r="B23059" s="20"/>
      <c r="C23059" s="2" t="s">
        <v>74056</v>
      </c>
      <c r="D23059" s="14" t="s">
        <v>74057</v>
      </c>
      <c r="E23059" s="2" t="s">
        <v>74058</v>
      </c>
      <c r="F23059" s="2" t="s">
        <v>7208</v>
      </c>
      <c r="G23059" s="8">
        <v>237</v>
      </c>
      <c r="H23059" s="5">
        <v>6</v>
      </c>
      <c r="I23059" s="5" t="s">
        <v>1518</v>
      </c>
      <c r="J23059" s="5" t="s">
        <v>69038</v>
      </c>
      <c r="K23059" s="2" t="s">
        <v>69039</v>
      </c>
      <c r="L23059" s="5" t="s">
        <v>69038</v>
      </c>
      <c r="M23059" s="2" t="s">
        <v>69039</v>
      </c>
      <c r="N23059" s="5" t="s">
        <v>1521</v>
      </c>
      <c r="O23059" s="5" t="s">
        <v>38</v>
      </c>
      <c r="P23059" s="5" t="s">
        <v>39</v>
      </c>
      <c r="Q23059" s="5" t="s">
        <v>40</v>
      </c>
      <c r="R23059" s="5" t="s">
        <v>1522</v>
      </c>
      <c r="S23059" s="5" t="s">
        <v>1523</v>
      </c>
      <c r="T23059" s="5" t="s">
        <v>42</v>
      </c>
      <c r="U23059" s="2">
        <v>2.5259999999999998</v>
      </c>
      <c r="V23059" s="2">
        <v>1.9830000000000001</v>
      </c>
      <c r="W23059" s="2">
        <v>1.2999999999999999E-2</v>
      </c>
      <c r="X23059" s="2">
        <v>99.1</v>
      </c>
      <c r="Y23059" s="2">
        <v>7.6</v>
      </c>
      <c r="Z23059" s="2">
        <v>16.7</v>
      </c>
      <c r="AA23059" s="5"/>
      <c r="AB23059" s="5" t="s">
        <v>43</v>
      </c>
      <c r="AC23059" s="5" t="s">
        <v>44</v>
      </c>
      <c r="AD23059" s="2"/>
      <c r="AE23059" s="1"/>
    </row>
    <row r="23060" spans="1:31" ht="14.45">
      <c r="A23060" s="11"/>
      <c r="B23060" s="20"/>
      <c r="C23060" s="2" t="s">
        <v>74059</v>
      </c>
      <c r="D23060" s="14" t="s">
        <v>74060</v>
      </c>
      <c r="E23060" s="2" t="s">
        <v>74061</v>
      </c>
      <c r="F23060" s="2" t="s">
        <v>7521</v>
      </c>
      <c r="G23060" s="8">
        <v>237</v>
      </c>
      <c r="H23060" s="5">
        <v>6</v>
      </c>
      <c r="I23060" s="5" t="s">
        <v>1518</v>
      </c>
      <c r="J23060" s="5" t="s">
        <v>69038</v>
      </c>
      <c r="K23060" s="2" t="s">
        <v>69039</v>
      </c>
      <c r="L23060" s="5" t="s">
        <v>69038</v>
      </c>
      <c r="M23060" s="2" t="s">
        <v>69039</v>
      </c>
      <c r="N23060" s="5" t="s">
        <v>1521</v>
      </c>
      <c r="O23060" s="5" t="s">
        <v>38</v>
      </c>
      <c r="P23060" s="5" t="s">
        <v>39</v>
      </c>
      <c r="Q23060" s="5" t="s">
        <v>40</v>
      </c>
      <c r="R23060" s="5" t="s">
        <v>1522</v>
      </c>
      <c r="S23060" s="5" t="s">
        <v>1523</v>
      </c>
      <c r="T23060" s="5" t="s">
        <v>42</v>
      </c>
      <c r="U23060" s="2">
        <v>2.597</v>
      </c>
      <c r="V23060" s="2">
        <v>2.0539999999999998</v>
      </c>
      <c r="W23060" s="2">
        <v>1.2999999999999999E-2</v>
      </c>
      <c r="X23060" s="2">
        <v>99.1</v>
      </c>
      <c r="Y23060" s="2">
        <v>7.6</v>
      </c>
      <c r="Z23060" s="2">
        <v>16.7</v>
      </c>
      <c r="AA23060" s="5"/>
      <c r="AB23060" s="5" t="s">
        <v>43</v>
      </c>
      <c r="AC23060" s="5" t="s">
        <v>44</v>
      </c>
      <c r="AD23060" s="2"/>
      <c r="AE23060" s="1"/>
    </row>
    <row r="23061" spans="1:31" ht="14.45">
      <c r="A23061" s="11"/>
      <c r="B23061" s="20"/>
      <c r="C23061" s="2" t="s">
        <v>74062</v>
      </c>
      <c r="D23061" s="14" t="s">
        <v>74063</v>
      </c>
      <c r="E23061" s="2" t="s">
        <v>74064</v>
      </c>
      <c r="F23061" s="2" t="s">
        <v>7406</v>
      </c>
      <c r="G23061" s="8">
        <v>253</v>
      </c>
      <c r="H23061" s="5">
        <v>6</v>
      </c>
      <c r="I23061" s="5" t="s">
        <v>1518</v>
      </c>
      <c r="J23061" s="5" t="s">
        <v>69038</v>
      </c>
      <c r="K23061" s="2" t="s">
        <v>69039</v>
      </c>
      <c r="L23061" s="5" t="s">
        <v>69038</v>
      </c>
      <c r="M23061" s="2" t="s">
        <v>69039</v>
      </c>
      <c r="N23061" s="5" t="s">
        <v>1521</v>
      </c>
      <c r="O23061" s="5" t="s">
        <v>38</v>
      </c>
      <c r="P23061" s="5" t="s">
        <v>39</v>
      </c>
      <c r="Q23061" s="5" t="s">
        <v>40</v>
      </c>
      <c r="R23061" s="5" t="s">
        <v>1522</v>
      </c>
      <c r="S23061" s="5" t="s">
        <v>1523</v>
      </c>
      <c r="T23061" s="5" t="s">
        <v>42</v>
      </c>
      <c r="U23061" s="2">
        <v>2.5259999999999998</v>
      </c>
      <c r="V23061" s="2">
        <v>1.9830000000000001</v>
      </c>
      <c r="W23061" s="2">
        <v>1.2999999999999999E-2</v>
      </c>
      <c r="X23061" s="2">
        <v>99.1</v>
      </c>
      <c r="Y23061" s="2">
        <v>7.6</v>
      </c>
      <c r="Z23061" s="2">
        <v>16.7</v>
      </c>
      <c r="AA23061" s="5"/>
      <c r="AB23061" s="5" t="s">
        <v>43</v>
      </c>
      <c r="AC23061" s="5" t="s">
        <v>44</v>
      </c>
      <c r="AD23061" s="2"/>
      <c r="AE23061" s="1"/>
    </row>
    <row r="23062" spans="1:31" ht="14.45">
      <c r="A23062" s="11"/>
      <c r="B23062" s="20"/>
      <c r="C23062" s="2" t="s">
        <v>74065</v>
      </c>
      <c r="D23062" s="14" t="s">
        <v>74066</v>
      </c>
      <c r="E23062" s="2" t="s">
        <v>74067</v>
      </c>
      <c r="F23062" s="2" t="s">
        <v>7535</v>
      </c>
      <c r="G23062" s="8">
        <v>253</v>
      </c>
      <c r="H23062" s="5">
        <v>6</v>
      </c>
      <c r="I23062" s="5" t="s">
        <v>1518</v>
      </c>
      <c r="J23062" s="5" t="s">
        <v>69038</v>
      </c>
      <c r="K23062" s="2" t="s">
        <v>69039</v>
      </c>
      <c r="L23062" s="5" t="s">
        <v>69038</v>
      </c>
      <c r="M23062" s="2" t="s">
        <v>69039</v>
      </c>
      <c r="N23062" s="5" t="s">
        <v>1521</v>
      </c>
      <c r="O23062" s="5" t="s">
        <v>38</v>
      </c>
      <c r="P23062" s="5" t="s">
        <v>39</v>
      </c>
      <c r="Q23062" s="5" t="s">
        <v>40</v>
      </c>
      <c r="R23062" s="5" t="s">
        <v>1522</v>
      </c>
      <c r="S23062" s="5" t="s">
        <v>1523</v>
      </c>
      <c r="T23062" s="5" t="s">
        <v>42</v>
      </c>
      <c r="U23062" s="2">
        <v>2.597</v>
      </c>
      <c r="V23062" s="2">
        <v>2.0539999999999998</v>
      </c>
      <c r="W23062" s="2">
        <v>1.2999999999999999E-2</v>
      </c>
      <c r="X23062" s="2">
        <v>99.1</v>
      </c>
      <c r="Y23062" s="2">
        <v>7.6</v>
      </c>
      <c r="Z23062" s="2">
        <v>16.7</v>
      </c>
      <c r="AA23062" s="5"/>
      <c r="AB23062" s="5" t="s">
        <v>43</v>
      </c>
      <c r="AC23062" s="5" t="s">
        <v>44</v>
      </c>
      <c r="AD23062" s="2"/>
      <c r="AE23062" s="1"/>
    </row>
    <row r="23063" spans="1:31" ht="14.45">
      <c r="A23063" s="11"/>
      <c r="B23063" s="20"/>
      <c r="C23063" s="2" t="s">
        <v>74068</v>
      </c>
      <c r="D23063" s="14" t="s">
        <v>74069</v>
      </c>
      <c r="E23063" s="2" t="s">
        <v>74070</v>
      </c>
      <c r="F23063" s="2" t="s">
        <v>7539</v>
      </c>
      <c r="G23063" s="8">
        <v>253</v>
      </c>
      <c r="H23063" s="5">
        <v>6</v>
      </c>
      <c r="I23063" s="5" t="s">
        <v>1518</v>
      </c>
      <c r="J23063" s="5" t="s">
        <v>69038</v>
      </c>
      <c r="K23063" s="2" t="s">
        <v>69039</v>
      </c>
      <c r="L23063" s="5" t="s">
        <v>69038</v>
      </c>
      <c r="M23063" s="2" t="s">
        <v>69039</v>
      </c>
      <c r="N23063" s="5" t="s">
        <v>1521</v>
      </c>
      <c r="O23063" s="5" t="s">
        <v>38</v>
      </c>
      <c r="P23063" s="5" t="s">
        <v>39</v>
      </c>
      <c r="Q23063" s="5" t="s">
        <v>40</v>
      </c>
      <c r="R23063" s="5" t="s">
        <v>1522</v>
      </c>
      <c r="S23063" s="5" t="s">
        <v>1523</v>
      </c>
      <c r="T23063" s="5" t="s">
        <v>42</v>
      </c>
      <c r="U23063" s="2">
        <v>2.5259999999999998</v>
      </c>
      <c r="V23063" s="2">
        <v>1.9830000000000001</v>
      </c>
      <c r="W23063" s="2">
        <v>1.2999999999999999E-2</v>
      </c>
      <c r="X23063" s="2">
        <v>99.1</v>
      </c>
      <c r="Y23063" s="2">
        <v>7.6</v>
      </c>
      <c r="Z23063" s="2">
        <v>16.7</v>
      </c>
      <c r="AA23063" s="5"/>
      <c r="AB23063" s="5" t="s">
        <v>43</v>
      </c>
      <c r="AC23063" s="5" t="s">
        <v>44</v>
      </c>
      <c r="AD23063" s="2"/>
      <c r="AE23063" s="1"/>
    </row>
    <row r="23064" spans="1:31" ht="14.45">
      <c r="A23064" s="11"/>
      <c r="B23064" s="20"/>
      <c r="C23064" s="2" t="s">
        <v>74071</v>
      </c>
      <c r="D23064" s="14" t="s">
        <v>74072</v>
      </c>
      <c r="E23064" s="2" t="s">
        <v>74073</v>
      </c>
      <c r="F23064" s="2" t="s">
        <v>7543</v>
      </c>
      <c r="G23064" s="8">
        <v>253</v>
      </c>
      <c r="H23064" s="5">
        <v>6</v>
      </c>
      <c r="I23064" s="5" t="s">
        <v>1518</v>
      </c>
      <c r="J23064" s="5" t="s">
        <v>69038</v>
      </c>
      <c r="K23064" s="2" t="s">
        <v>69039</v>
      </c>
      <c r="L23064" s="5" t="s">
        <v>69038</v>
      </c>
      <c r="M23064" s="2" t="s">
        <v>69039</v>
      </c>
      <c r="N23064" s="5" t="s">
        <v>1521</v>
      </c>
      <c r="O23064" s="5" t="s">
        <v>38</v>
      </c>
      <c r="P23064" s="5" t="s">
        <v>39</v>
      </c>
      <c r="Q23064" s="5" t="s">
        <v>40</v>
      </c>
      <c r="R23064" s="5" t="s">
        <v>1522</v>
      </c>
      <c r="S23064" s="5" t="s">
        <v>1523</v>
      </c>
      <c r="T23064" s="5" t="s">
        <v>42</v>
      </c>
      <c r="U23064" s="2">
        <v>2.597</v>
      </c>
      <c r="V23064" s="2">
        <v>2.0539999999999998</v>
      </c>
      <c r="W23064" s="2">
        <v>1.2999999999999999E-2</v>
      </c>
      <c r="X23064" s="2">
        <v>99.1</v>
      </c>
      <c r="Y23064" s="2">
        <v>7.6</v>
      </c>
      <c r="Z23064" s="2">
        <v>16.7</v>
      </c>
      <c r="AA23064" s="5"/>
      <c r="AB23064" s="5" t="s">
        <v>43</v>
      </c>
      <c r="AC23064" s="5" t="s">
        <v>44</v>
      </c>
      <c r="AD23064" s="2"/>
      <c r="AE23064" s="1"/>
    </row>
    <row r="23065" spans="1:31" ht="14.45">
      <c r="A23065" s="11"/>
      <c r="B23065" s="20"/>
      <c r="C23065" s="2" t="s">
        <v>74074</v>
      </c>
      <c r="D23065" s="14" t="s">
        <v>74075</v>
      </c>
      <c r="E23065" s="2" t="s">
        <v>74076</v>
      </c>
      <c r="F23065" s="2" t="s">
        <v>7396</v>
      </c>
      <c r="G23065" s="8">
        <v>237</v>
      </c>
      <c r="H23065" s="5">
        <v>6</v>
      </c>
      <c r="I23065" s="5" t="s">
        <v>1518</v>
      </c>
      <c r="J23065" s="5" t="s">
        <v>69038</v>
      </c>
      <c r="K23065" s="2" t="s">
        <v>69039</v>
      </c>
      <c r="L23065" s="5" t="s">
        <v>69038</v>
      </c>
      <c r="M23065" s="2" t="s">
        <v>69039</v>
      </c>
      <c r="N23065" s="5" t="s">
        <v>1521</v>
      </c>
      <c r="O23065" s="5" t="s">
        <v>38</v>
      </c>
      <c r="P23065" s="5" t="s">
        <v>39</v>
      </c>
      <c r="Q23065" s="5" t="s">
        <v>40</v>
      </c>
      <c r="R23065" s="5" t="s">
        <v>1522</v>
      </c>
      <c r="S23065" s="5" t="s">
        <v>1523</v>
      </c>
      <c r="T23065" s="5" t="s">
        <v>42</v>
      </c>
      <c r="U23065" s="2">
        <v>2.5259999999999998</v>
      </c>
      <c r="V23065" s="2">
        <v>1.9830000000000001</v>
      </c>
      <c r="W23065" s="2">
        <v>1.2999999999999999E-2</v>
      </c>
      <c r="X23065" s="2">
        <v>99.1</v>
      </c>
      <c r="Y23065" s="2">
        <v>7.6</v>
      </c>
      <c r="Z23065" s="2">
        <v>16.7</v>
      </c>
      <c r="AA23065" s="5"/>
      <c r="AB23065" s="5" t="s">
        <v>43</v>
      </c>
      <c r="AC23065" s="5" t="s">
        <v>44</v>
      </c>
      <c r="AD23065" s="2"/>
      <c r="AE23065" s="1"/>
    </row>
    <row r="23066" spans="1:31" ht="14.45">
      <c r="A23066" s="11"/>
      <c r="B23066" s="20"/>
      <c r="C23066" s="2" t="s">
        <v>74077</v>
      </c>
      <c r="D23066" s="14" t="s">
        <v>74078</v>
      </c>
      <c r="E23066" s="2" t="s">
        <v>74079</v>
      </c>
      <c r="F23066" s="2" t="s">
        <v>7507</v>
      </c>
      <c r="G23066" s="8">
        <v>237</v>
      </c>
      <c r="H23066" s="5">
        <v>6</v>
      </c>
      <c r="I23066" s="5" t="s">
        <v>1518</v>
      </c>
      <c r="J23066" s="5" t="s">
        <v>69038</v>
      </c>
      <c r="K23066" s="2" t="s">
        <v>69039</v>
      </c>
      <c r="L23066" s="5" t="s">
        <v>69038</v>
      </c>
      <c r="M23066" s="2" t="s">
        <v>69039</v>
      </c>
      <c r="N23066" s="5" t="s">
        <v>1521</v>
      </c>
      <c r="O23066" s="5" t="s">
        <v>38</v>
      </c>
      <c r="P23066" s="5" t="s">
        <v>39</v>
      </c>
      <c r="Q23066" s="5" t="s">
        <v>40</v>
      </c>
      <c r="R23066" s="5" t="s">
        <v>1522</v>
      </c>
      <c r="S23066" s="5" t="s">
        <v>1523</v>
      </c>
      <c r="T23066" s="5" t="s">
        <v>42</v>
      </c>
      <c r="U23066" s="2">
        <v>2.597</v>
      </c>
      <c r="V23066" s="2">
        <v>2.0539999999999998</v>
      </c>
      <c r="W23066" s="2">
        <v>1.2999999999999999E-2</v>
      </c>
      <c r="X23066" s="2">
        <v>99.1</v>
      </c>
      <c r="Y23066" s="2">
        <v>7.6</v>
      </c>
      <c r="Z23066" s="2">
        <v>16.7</v>
      </c>
      <c r="AA23066" s="5"/>
      <c r="AB23066" s="5" t="s">
        <v>43</v>
      </c>
      <c r="AC23066" s="5" t="s">
        <v>44</v>
      </c>
      <c r="AD23066" s="2"/>
      <c r="AE23066" s="1"/>
    </row>
    <row r="23067" spans="1:31" ht="14.45">
      <c r="A23067" s="11"/>
      <c r="B23067" s="20"/>
      <c r="C23067" s="2" t="s">
        <v>74080</v>
      </c>
      <c r="D23067" s="14" t="s">
        <v>74081</v>
      </c>
      <c r="E23067" s="2" t="s">
        <v>74082</v>
      </c>
      <c r="F23067" s="2" t="s">
        <v>7547</v>
      </c>
      <c r="G23067" s="8">
        <v>253</v>
      </c>
      <c r="H23067" s="5">
        <v>6</v>
      </c>
      <c r="I23067" s="5" t="s">
        <v>1518</v>
      </c>
      <c r="J23067" s="5" t="s">
        <v>69038</v>
      </c>
      <c r="K23067" s="2" t="s">
        <v>69039</v>
      </c>
      <c r="L23067" s="5" t="s">
        <v>69038</v>
      </c>
      <c r="M23067" s="2" t="s">
        <v>69039</v>
      </c>
      <c r="N23067" s="5" t="s">
        <v>1521</v>
      </c>
      <c r="O23067" s="5" t="s">
        <v>38</v>
      </c>
      <c r="P23067" s="5" t="s">
        <v>39</v>
      </c>
      <c r="Q23067" s="5" t="s">
        <v>40</v>
      </c>
      <c r="R23067" s="5" t="s">
        <v>1522</v>
      </c>
      <c r="S23067" s="5" t="s">
        <v>1523</v>
      </c>
      <c r="T23067" s="5" t="s">
        <v>42</v>
      </c>
      <c r="U23067" s="2">
        <v>2.5259999999999998</v>
      </c>
      <c r="V23067" s="2">
        <v>1.9830000000000001</v>
      </c>
      <c r="W23067" s="2">
        <v>1.2999999999999999E-2</v>
      </c>
      <c r="X23067" s="2">
        <v>99.1</v>
      </c>
      <c r="Y23067" s="2">
        <v>7.6</v>
      </c>
      <c r="Z23067" s="2">
        <v>16.7</v>
      </c>
      <c r="AA23067" s="5"/>
      <c r="AB23067" s="5" t="s">
        <v>43</v>
      </c>
      <c r="AC23067" s="5" t="s">
        <v>44</v>
      </c>
      <c r="AD23067" s="2"/>
      <c r="AE23067" s="1"/>
    </row>
    <row r="23068" spans="1:31" ht="14.45">
      <c r="A23068" s="11"/>
      <c r="B23068" s="20"/>
      <c r="C23068" s="2" t="s">
        <v>74083</v>
      </c>
      <c r="D23068" s="14" t="s">
        <v>74084</v>
      </c>
      <c r="E23068" s="2" t="s">
        <v>74085</v>
      </c>
      <c r="F23068" s="2" t="s">
        <v>7563</v>
      </c>
      <c r="G23068" s="8">
        <v>253</v>
      </c>
      <c r="H23068" s="5">
        <v>6</v>
      </c>
      <c r="I23068" s="5" t="s">
        <v>1518</v>
      </c>
      <c r="J23068" s="5" t="s">
        <v>69038</v>
      </c>
      <c r="K23068" s="2" t="s">
        <v>69039</v>
      </c>
      <c r="L23068" s="5" t="s">
        <v>69038</v>
      </c>
      <c r="M23068" s="2" t="s">
        <v>69039</v>
      </c>
      <c r="N23068" s="5" t="s">
        <v>1521</v>
      </c>
      <c r="O23068" s="5" t="s">
        <v>38</v>
      </c>
      <c r="P23068" s="5" t="s">
        <v>39</v>
      </c>
      <c r="Q23068" s="5" t="s">
        <v>40</v>
      </c>
      <c r="R23068" s="5" t="s">
        <v>1522</v>
      </c>
      <c r="S23068" s="5" t="s">
        <v>1523</v>
      </c>
      <c r="T23068" s="5" t="s">
        <v>42</v>
      </c>
      <c r="U23068" s="2">
        <v>2.5259999999999998</v>
      </c>
      <c r="V23068" s="2">
        <v>1.9830000000000001</v>
      </c>
      <c r="W23068" s="2">
        <v>1.2999999999999999E-2</v>
      </c>
      <c r="X23068" s="2">
        <v>99.1</v>
      </c>
      <c r="Y23068" s="2">
        <v>7.6</v>
      </c>
      <c r="Z23068" s="2">
        <v>16.7</v>
      </c>
      <c r="AA23068" s="5"/>
      <c r="AB23068" s="5" t="s">
        <v>43</v>
      </c>
      <c r="AC23068" s="5" t="s">
        <v>44</v>
      </c>
      <c r="AD23068" s="2"/>
      <c r="AE23068" s="1"/>
    </row>
    <row r="23069" spans="1:31" ht="14.45">
      <c r="A23069" s="11"/>
      <c r="B23069" s="20"/>
      <c r="C23069" s="2" t="s">
        <v>74086</v>
      </c>
      <c r="D23069" s="14" t="s">
        <v>74087</v>
      </c>
      <c r="E23069" s="2" t="s">
        <v>74088</v>
      </c>
      <c r="F23069" s="2" t="s">
        <v>7567</v>
      </c>
      <c r="G23069" s="8">
        <v>253</v>
      </c>
      <c r="H23069" s="5">
        <v>6</v>
      </c>
      <c r="I23069" s="5" t="s">
        <v>1518</v>
      </c>
      <c r="J23069" s="5" t="s">
        <v>69038</v>
      </c>
      <c r="K23069" s="2" t="s">
        <v>69039</v>
      </c>
      <c r="L23069" s="5" t="s">
        <v>69038</v>
      </c>
      <c r="M23069" s="2" t="s">
        <v>69039</v>
      </c>
      <c r="N23069" s="5" t="s">
        <v>1521</v>
      </c>
      <c r="O23069" s="5" t="s">
        <v>38</v>
      </c>
      <c r="P23069" s="5" t="s">
        <v>39</v>
      </c>
      <c r="Q23069" s="5" t="s">
        <v>40</v>
      </c>
      <c r="R23069" s="5" t="s">
        <v>1522</v>
      </c>
      <c r="S23069" s="5" t="s">
        <v>1523</v>
      </c>
      <c r="T23069" s="5" t="s">
        <v>42</v>
      </c>
      <c r="U23069" s="2">
        <v>2.597</v>
      </c>
      <c r="V23069" s="2">
        <v>2.0539999999999998</v>
      </c>
      <c r="W23069" s="2">
        <v>1.2999999999999999E-2</v>
      </c>
      <c r="X23069" s="2">
        <v>99.1</v>
      </c>
      <c r="Y23069" s="2">
        <v>7.6</v>
      </c>
      <c r="Z23069" s="2">
        <v>16.7</v>
      </c>
      <c r="AA23069" s="5"/>
      <c r="AB23069" s="5" t="s">
        <v>43</v>
      </c>
      <c r="AC23069" s="5" t="s">
        <v>44</v>
      </c>
      <c r="AD23069" s="2"/>
      <c r="AE23069" s="1"/>
    </row>
    <row r="23070" spans="1:31" ht="14.45">
      <c r="A23070" s="11"/>
      <c r="B23070" s="20"/>
      <c r="C23070" s="2" t="s">
        <v>74089</v>
      </c>
      <c r="D23070" s="14" t="s">
        <v>74090</v>
      </c>
      <c r="E23070" s="2" t="s">
        <v>74091</v>
      </c>
      <c r="F23070" s="2" t="s">
        <v>7555</v>
      </c>
      <c r="G23070" s="8">
        <v>253</v>
      </c>
      <c r="H23070" s="5">
        <v>6</v>
      </c>
      <c r="I23070" s="5" t="s">
        <v>1518</v>
      </c>
      <c r="J23070" s="5" t="s">
        <v>69038</v>
      </c>
      <c r="K23070" s="2" t="s">
        <v>69039</v>
      </c>
      <c r="L23070" s="5" t="s">
        <v>69038</v>
      </c>
      <c r="M23070" s="2" t="s">
        <v>69039</v>
      </c>
      <c r="N23070" s="5" t="s">
        <v>1521</v>
      </c>
      <c r="O23070" s="5" t="s">
        <v>38</v>
      </c>
      <c r="P23070" s="5" t="s">
        <v>39</v>
      </c>
      <c r="Q23070" s="5" t="s">
        <v>40</v>
      </c>
      <c r="R23070" s="5" t="s">
        <v>1522</v>
      </c>
      <c r="S23070" s="5" t="s">
        <v>1523</v>
      </c>
      <c r="T23070" s="5" t="s">
        <v>42</v>
      </c>
      <c r="U23070" s="2">
        <v>2.5259999999999998</v>
      </c>
      <c r="V23070" s="2">
        <v>1.9830000000000001</v>
      </c>
      <c r="W23070" s="2">
        <v>1.2999999999999999E-2</v>
      </c>
      <c r="X23070" s="2">
        <v>99.1</v>
      </c>
      <c r="Y23070" s="2">
        <v>7.6</v>
      </c>
      <c r="Z23070" s="2">
        <v>16.7</v>
      </c>
      <c r="AA23070" s="5"/>
      <c r="AB23070" s="5" t="s">
        <v>43</v>
      </c>
      <c r="AC23070" s="5" t="s">
        <v>44</v>
      </c>
      <c r="AD23070" s="2"/>
      <c r="AE23070" s="1"/>
    </row>
    <row r="23071" spans="1:31" ht="14.45">
      <c r="A23071" s="11"/>
      <c r="B23071" s="20"/>
      <c r="C23071" s="2" t="s">
        <v>74092</v>
      </c>
      <c r="D23071" s="14" t="s">
        <v>74093</v>
      </c>
      <c r="E23071" s="2" t="s">
        <v>74094</v>
      </c>
      <c r="F23071" s="2" t="s">
        <v>7559</v>
      </c>
      <c r="G23071" s="8">
        <v>253</v>
      </c>
      <c r="H23071" s="5">
        <v>6</v>
      </c>
      <c r="I23071" s="5" t="s">
        <v>1518</v>
      </c>
      <c r="J23071" s="5" t="s">
        <v>69038</v>
      </c>
      <c r="K23071" s="2" t="s">
        <v>69039</v>
      </c>
      <c r="L23071" s="5" t="s">
        <v>69038</v>
      </c>
      <c r="M23071" s="2" t="s">
        <v>69039</v>
      </c>
      <c r="N23071" s="5" t="s">
        <v>1521</v>
      </c>
      <c r="O23071" s="5" t="s">
        <v>38</v>
      </c>
      <c r="P23071" s="5" t="s">
        <v>39</v>
      </c>
      <c r="Q23071" s="5" t="s">
        <v>40</v>
      </c>
      <c r="R23071" s="5" t="s">
        <v>1522</v>
      </c>
      <c r="S23071" s="5" t="s">
        <v>1523</v>
      </c>
      <c r="T23071" s="5" t="s">
        <v>42</v>
      </c>
      <c r="U23071" s="2">
        <v>2.597</v>
      </c>
      <c r="V23071" s="2">
        <v>2.0539999999999998</v>
      </c>
      <c r="W23071" s="2">
        <v>1.2999999999999999E-2</v>
      </c>
      <c r="X23071" s="2">
        <v>99.1</v>
      </c>
      <c r="Y23071" s="2">
        <v>7.6</v>
      </c>
      <c r="Z23071" s="2">
        <v>16.7</v>
      </c>
      <c r="AA23071" s="5"/>
      <c r="AB23071" s="5" t="s">
        <v>43</v>
      </c>
      <c r="AC23071" s="5" t="s">
        <v>44</v>
      </c>
      <c r="AD23071" s="2"/>
      <c r="AE23071" s="1"/>
    </row>
    <row r="23072" spans="1:31" ht="14.45">
      <c r="A23072" s="11"/>
      <c r="B23072" s="20"/>
      <c r="C23072" s="2" t="s">
        <v>74095</v>
      </c>
      <c r="D23072" s="14" t="s">
        <v>74096</v>
      </c>
      <c r="E23072" s="2" t="s">
        <v>74097</v>
      </c>
      <c r="F23072" s="2" t="s">
        <v>16079</v>
      </c>
      <c r="G23072" s="8">
        <v>253</v>
      </c>
      <c r="H23072" s="5">
        <v>6</v>
      </c>
      <c r="I23072" s="5" t="s">
        <v>1518</v>
      </c>
      <c r="J23072" s="5" t="s">
        <v>69038</v>
      </c>
      <c r="K23072" s="2" t="s">
        <v>69039</v>
      </c>
      <c r="L23072" s="5" t="s">
        <v>69038</v>
      </c>
      <c r="M23072" s="2" t="s">
        <v>69039</v>
      </c>
      <c r="N23072" s="5" t="s">
        <v>1521</v>
      </c>
      <c r="O23072" s="5" t="s">
        <v>38</v>
      </c>
      <c r="P23072" s="5" t="s">
        <v>39</v>
      </c>
      <c r="Q23072" s="5" t="s">
        <v>40</v>
      </c>
      <c r="R23072" s="5" t="s">
        <v>1522</v>
      </c>
      <c r="S23072" s="5" t="s">
        <v>1523</v>
      </c>
      <c r="T23072" s="5" t="s">
        <v>42</v>
      </c>
      <c r="U23072" s="2">
        <v>2.5259999999999998</v>
      </c>
      <c r="V23072" s="2">
        <v>1.9830000000000001</v>
      </c>
      <c r="W23072" s="2">
        <v>1.2999999999999999E-2</v>
      </c>
      <c r="X23072" s="2">
        <v>99.1</v>
      </c>
      <c r="Y23072" s="2">
        <v>7.6</v>
      </c>
      <c r="Z23072" s="2">
        <v>16.7</v>
      </c>
      <c r="AA23072" s="5"/>
      <c r="AB23072" s="5" t="s">
        <v>43</v>
      </c>
      <c r="AC23072" s="5" t="s">
        <v>44</v>
      </c>
      <c r="AD23072" s="2"/>
      <c r="AE23072" s="1"/>
    </row>
    <row r="23073" spans="1:31" ht="14.45">
      <c r="A23073" s="11"/>
      <c r="B23073" s="20"/>
      <c r="C23073" s="2" t="s">
        <v>74098</v>
      </c>
      <c r="D23073" s="14" t="s">
        <v>74099</v>
      </c>
      <c r="E23073" s="2" t="s">
        <v>74100</v>
      </c>
      <c r="F23073" s="2" t="s">
        <v>16194</v>
      </c>
      <c r="G23073" s="8">
        <v>253</v>
      </c>
      <c r="H23073" s="5">
        <v>6</v>
      </c>
      <c r="I23073" s="5" t="s">
        <v>1518</v>
      </c>
      <c r="J23073" s="5" t="s">
        <v>69038</v>
      </c>
      <c r="K23073" s="2" t="s">
        <v>69039</v>
      </c>
      <c r="L23073" s="5" t="s">
        <v>69038</v>
      </c>
      <c r="M23073" s="2" t="s">
        <v>69039</v>
      </c>
      <c r="N23073" s="5" t="s">
        <v>1521</v>
      </c>
      <c r="O23073" s="5" t="s">
        <v>38</v>
      </c>
      <c r="P23073" s="5" t="s">
        <v>39</v>
      </c>
      <c r="Q23073" s="5" t="s">
        <v>40</v>
      </c>
      <c r="R23073" s="5" t="s">
        <v>1522</v>
      </c>
      <c r="S23073" s="5" t="s">
        <v>1523</v>
      </c>
      <c r="T23073" s="5" t="s">
        <v>42</v>
      </c>
      <c r="U23073" s="2">
        <v>2.597</v>
      </c>
      <c r="V23073" s="2">
        <v>2.0539999999999998</v>
      </c>
      <c r="W23073" s="2">
        <v>1.2999999999999999E-2</v>
      </c>
      <c r="X23073" s="2">
        <v>99.1</v>
      </c>
      <c r="Y23073" s="2">
        <v>7.6</v>
      </c>
      <c r="Z23073" s="2">
        <v>16.7</v>
      </c>
      <c r="AA23073" s="5"/>
      <c r="AB23073" s="5" t="s">
        <v>43</v>
      </c>
      <c r="AC23073" s="5" t="s">
        <v>44</v>
      </c>
      <c r="AD23073" s="2"/>
      <c r="AE23073" s="1"/>
    </row>
    <row r="23074" spans="1:31" ht="14.45">
      <c r="A23074" s="11"/>
      <c r="B23074" s="20"/>
      <c r="C23074" s="2" t="s">
        <v>74101</v>
      </c>
      <c r="D23074" s="14" t="s">
        <v>74102</v>
      </c>
      <c r="E23074" s="2" t="s">
        <v>74103</v>
      </c>
      <c r="F23074" s="2" t="s">
        <v>7449</v>
      </c>
      <c r="G23074" s="8">
        <v>253</v>
      </c>
      <c r="H23074" s="5">
        <v>6</v>
      </c>
      <c r="I23074" s="5" t="s">
        <v>1518</v>
      </c>
      <c r="J23074" s="5" t="s">
        <v>69038</v>
      </c>
      <c r="K23074" s="2" t="s">
        <v>69039</v>
      </c>
      <c r="L23074" s="5" t="s">
        <v>69038</v>
      </c>
      <c r="M23074" s="2" t="s">
        <v>69039</v>
      </c>
      <c r="N23074" s="5" t="s">
        <v>1521</v>
      </c>
      <c r="O23074" s="5" t="s">
        <v>38</v>
      </c>
      <c r="P23074" s="5" t="s">
        <v>39</v>
      </c>
      <c r="Q23074" s="5" t="s">
        <v>40</v>
      </c>
      <c r="R23074" s="5" t="s">
        <v>1522</v>
      </c>
      <c r="S23074" s="5" t="s">
        <v>1523</v>
      </c>
      <c r="T23074" s="5" t="s">
        <v>42</v>
      </c>
      <c r="U23074" s="2">
        <v>2.5259999999999998</v>
      </c>
      <c r="V23074" s="2">
        <v>1.9830000000000001</v>
      </c>
      <c r="W23074" s="2">
        <v>1.2999999999999999E-2</v>
      </c>
      <c r="X23074" s="2">
        <v>99.1</v>
      </c>
      <c r="Y23074" s="2">
        <v>7.6</v>
      </c>
      <c r="Z23074" s="2">
        <v>16.7</v>
      </c>
      <c r="AA23074" s="5"/>
      <c r="AB23074" s="5" t="s">
        <v>43</v>
      </c>
      <c r="AC23074" s="5" t="s">
        <v>44</v>
      </c>
      <c r="AD23074" s="2"/>
      <c r="AE23074" s="1"/>
    </row>
    <row r="23075" spans="1:31" ht="14.45">
      <c r="A23075" s="11"/>
      <c r="B23075" s="20"/>
      <c r="C23075" s="2" t="s">
        <v>74104</v>
      </c>
      <c r="D23075" s="14" t="s">
        <v>74105</v>
      </c>
      <c r="E23075" s="2" t="s">
        <v>74106</v>
      </c>
      <c r="F23075" s="2" t="s">
        <v>7581</v>
      </c>
      <c r="G23075" s="8">
        <v>253</v>
      </c>
      <c r="H23075" s="5">
        <v>6</v>
      </c>
      <c r="I23075" s="5" t="s">
        <v>1518</v>
      </c>
      <c r="J23075" s="5" t="s">
        <v>69038</v>
      </c>
      <c r="K23075" s="2" t="s">
        <v>69039</v>
      </c>
      <c r="L23075" s="5" t="s">
        <v>69038</v>
      </c>
      <c r="M23075" s="2" t="s">
        <v>69039</v>
      </c>
      <c r="N23075" s="5" t="s">
        <v>1521</v>
      </c>
      <c r="O23075" s="5" t="s">
        <v>38</v>
      </c>
      <c r="P23075" s="5" t="s">
        <v>39</v>
      </c>
      <c r="Q23075" s="5" t="s">
        <v>40</v>
      </c>
      <c r="R23075" s="5" t="s">
        <v>1522</v>
      </c>
      <c r="S23075" s="5" t="s">
        <v>1523</v>
      </c>
      <c r="T23075" s="5" t="s">
        <v>42</v>
      </c>
      <c r="U23075" s="2">
        <v>2.597</v>
      </c>
      <c r="V23075" s="2">
        <v>2.0539999999999998</v>
      </c>
      <c r="W23075" s="2">
        <v>1.2999999999999999E-2</v>
      </c>
      <c r="X23075" s="2">
        <v>99.1</v>
      </c>
      <c r="Y23075" s="2">
        <v>7.6</v>
      </c>
      <c r="Z23075" s="2">
        <v>16.7</v>
      </c>
      <c r="AA23075" s="5"/>
      <c r="AB23075" s="5" t="s">
        <v>43</v>
      </c>
      <c r="AC23075" s="5" t="s">
        <v>44</v>
      </c>
      <c r="AD23075" s="2"/>
      <c r="AE23075" s="1"/>
    </row>
    <row r="23076" spans="1:31" ht="14.45">
      <c r="A23076" s="11"/>
      <c r="B23076" s="20"/>
      <c r="C23076" s="2" t="s">
        <v>74107</v>
      </c>
      <c r="D23076" s="14" t="s">
        <v>74108</v>
      </c>
      <c r="E23076" s="2" t="s">
        <v>74109</v>
      </c>
      <c r="F23076" s="2" t="s">
        <v>7585</v>
      </c>
      <c r="G23076" s="8">
        <v>253</v>
      </c>
      <c r="H23076" s="5">
        <v>6</v>
      </c>
      <c r="I23076" s="5" t="s">
        <v>1518</v>
      </c>
      <c r="J23076" s="5" t="s">
        <v>69038</v>
      </c>
      <c r="K23076" s="2" t="s">
        <v>69039</v>
      </c>
      <c r="L23076" s="5" t="s">
        <v>69038</v>
      </c>
      <c r="M23076" s="2" t="s">
        <v>69039</v>
      </c>
      <c r="N23076" s="5" t="s">
        <v>1521</v>
      </c>
      <c r="O23076" s="5" t="s">
        <v>38</v>
      </c>
      <c r="P23076" s="5" t="s">
        <v>39</v>
      </c>
      <c r="Q23076" s="5" t="s">
        <v>40</v>
      </c>
      <c r="R23076" s="5" t="s">
        <v>1522</v>
      </c>
      <c r="S23076" s="5" t="s">
        <v>1523</v>
      </c>
      <c r="T23076" s="5" t="s">
        <v>42</v>
      </c>
      <c r="U23076" s="2">
        <v>2.5259999999999998</v>
      </c>
      <c r="V23076" s="2">
        <v>1.9830000000000001</v>
      </c>
      <c r="W23076" s="2">
        <v>1.2999999999999999E-2</v>
      </c>
      <c r="X23076" s="2">
        <v>99.1</v>
      </c>
      <c r="Y23076" s="2">
        <v>7.6</v>
      </c>
      <c r="Z23076" s="2">
        <v>16.7</v>
      </c>
      <c r="AA23076" s="5"/>
      <c r="AB23076" s="5" t="s">
        <v>43</v>
      </c>
      <c r="AC23076" s="5" t="s">
        <v>44</v>
      </c>
      <c r="AD23076" s="2"/>
      <c r="AE23076" s="1"/>
    </row>
    <row r="23077" spans="1:31" ht="14.45">
      <c r="A23077" s="11"/>
      <c r="B23077" s="20"/>
      <c r="C23077" s="2" t="s">
        <v>74110</v>
      </c>
      <c r="D23077" s="14" t="s">
        <v>74111</v>
      </c>
      <c r="E23077" s="2" t="s">
        <v>74112</v>
      </c>
      <c r="F23077" s="2" t="s">
        <v>7589</v>
      </c>
      <c r="G23077" s="8">
        <v>253</v>
      </c>
      <c r="H23077" s="5">
        <v>6</v>
      </c>
      <c r="I23077" s="5" t="s">
        <v>1518</v>
      </c>
      <c r="J23077" s="5" t="s">
        <v>69038</v>
      </c>
      <c r="K23077" s="2" t="s">
        <v>69039</v>
      </c>
      <c r="L23077" s="5" t="s">
        <v>69038</v>
      </c>
      <c r="M23077" s="2" t="s">
        <v>69039</v>
      </c>
      <c r="N23077" s="5" t="s">
        <v>1521</v>
      </c>
      <c r="O23077" s="5" t="s">
        <v>38</v>
      </c>
      <c r="P23077" s="5" t="s">
        <v>39</v>
      </c>
      <c r="Q23077" s="5" t="s">
        <v>40</v>
      </c>
      <c r="R23077" s="5" t="s">
        <v>1522</v>
      </c>
      <c r="S23077" s="5" t="s">
        <v>1523</v>
      </c>
      <c r="T23077" s="5" t="s">
        <v>42</v>
      </c>
      <c r="U23077" s="2">
        <v>2.597</v>
      </c>
      <c r="V23077" s="2">
        <v>2.0539999999999998</v>
      </c>
      <c r="W23077" s="2">
        <v>1.2999999999999999E-2</v>
      </c>
      <c r="X23077" s="2">
        <v>99.1</v>
      </c>
      <c r="Y23077" s="2">
        <v>7.6</v>
      </c>
      <c r="Z23077" s="2">
        <v>16.7</v>
      </c>
      <c r="AA23077" s="5"/>
      <c r="AB23077" s="5" t="s">
        <v>43</v>
      </c>
      <c r="AC23077" s="5" t="s">
        <v>44</v>
      </c>
      <c r="AD23077" s="2"/>
      <c r="AE23077" s="1"/>
    </row>
    <row r="23078" spans="1:31" ht="14.45">
      <c r="A23078" s="11"/>
      <c r="B23078" s="20"/>
      <c r="C23078" s="2" t="s">
        <v>74113</v>
      </c>
      <c r="D23078" s="14" t="s">
        <v>74114</v>
      </c>
      <c r="E23078" s="2" t="s">
        <v>74115</v>
      </c>
      <c r="F23078" s="2" t="s">
        <v>7593</v>
      </c>
      <c r="G23078" s="8">
        <v>253</v>
      </c>
      <c r="H23078" s="5">
        <v>6</v>
      </c>
      <c r="I23078" s="5" t="s">
        <v>1518</v>
      </c>
      <c r="J23078" s="5" t="s">
        <v>69038</v>
      </c>
      <c r="K23078" s="2" t="s">
        <v>69039</v>
      </c>
      <c r="L23078" s="5" t="s">
        <v>69038</v>
      </c>
      <c r="M23078" s="2" t="s">
        <v>69039</v>
      </c>
      <c r="N23078" s="5" t="s">
        <v>1521</v>
      </c>
      <c r="O23078" s="5" t="s">
        <v>38</v>
      </c>
      <c r="P23078" s="5" t="s">
        <v>39</v>
      </c>
      <c r="Q23078" s="5" t="s">
        <v>40</v>
      </c>
      <c r="R23078" s="5" t="s">
        <v>1522</v>
      </c>
      <c r="S23078" s="5" t="s">
        <v>1523</v>
      </c>
      <c r="T23078" s="5" t="s">
        <v>42</v>
      </c>
      <c r="U23078" s="2">
        <v>2.5259999999999998</v>
      </c>
      <c r="V23078" s="2">
        <v>1.9830000000000001</v>
      </c>
      <c r="W23078" s="2">
        <v>1.2999999999999999E-2</v>
      </c>
      <c r="X23078" s="2">
        <v>99.1</v>
      </c>
      <c r="Y23078" s="2">
        <v>7.6</v>
      </c>
      <c r="Z23078" s="2">
        <v>16.7</v>
      </c>
      <c r="AA23078" s="5"/>
      <c r="AB23078" s="5" t="s">
        <v>43</v>
      </c>
      <c r="AC23078" s="5" t="s">
        <v>44</v>
      </c>
      <c r="AD23078" s="2"/>
      <c r="AE23078" s="1"/>
    </row>
    <row r="23079" spans="1:31" ht="14.45">
      <c r="A23079" s="11"/>
      <c r="B23079" s="20"/>
      <c r="C23079" s="2" t="s">
        <v>74116</v>
      </c>
      <c r="D23079" s="14" t="s">
        <v>74117</v>
      </c>
      <c r="E23079" s="2" t="s">
        <v>74118</v>
      </c>
      <c r="F23079" s="2" t="s">
        <v>7597</v>
      </c>
      <c r="G23079" s="8">
        <v>253</v>
      </c>
      <c r="H23079" s="5">
        <v>6</v>
      </c>
      <c r="I23079" s="5" t="s">
        <v>1518</v>
      </c>
      <c r="J23079" s="5" t="s">
        <v>69038</v>
      </c>
      <c r="K23079" s="2" t="s">
        <v>69039</v>
      </c>
      <c r="L23079" s="5" t="s">
        <v>69038</v>
      </c>
      <c r="M23079" s="2" t="s">
        <v>69039</v>
      </c>
      <c r="N23079" s="5" t="s">
        <v>1521</v>
      </c>
      <c r="O23079" s="5" t="s">
        <v>38</v>
      </c>
      <c r="P23079" s="5" t="s">
        <v>39</v>
      </c>
      <c r="Q23079" s="5" t="s">
        <v>40</v>
      </c>
      <c r="R23079" s="5" t="s">
        <v>1522</v>
      </c>
      <c r="S23079" s="5" t="s">
        <v>1523</v>
      </c>
      <c r="T23079" s="5" t="s">
        <v>42</v>
      </c>
      <c r="U23079" s="2">
        <v>2.597</v>
      </c>
      <c r="V23079" s="2">
        <v>2.0539999999999998</v>
      </c>
      <c r="W23079" s="2">
        <v>1.2999999999999999E-2</v>
      </c>
      <c r="X23079" s="2">
        <v>99.1</v>
      </c>
      <c r="Y23079" s="2">
        <v>7.6</v>
      </c>
      <c r="Z23079" s="2">
        <v>16.7</v>
      </c>
      <c r="AA23079" s="5"/>
      <c r="AB23079" s="5" t="s">
        <v>43</v>
      </c>
      <c r="AC23079" s="5" t="s">
        <v>44</v>
      </c>
      <c r="AD23079" s="2"/>
      <c r="AE23079" s="1"/>
    </row>
    <row r="23080" spans="1:31" ht="14.45">
      <c r="A23080" s="11"/>
      <c r="B23080" s="20"/>
      <c r="C23080" s="2" t="s">
        <v>74119</v>
      </c>
      <c r="D23080" s="14" t="s">
        <v>74120</v>
      </c>
      <c r="E23080" s="2" t="s">
        <v>74121</v>
      </c>
      <c r="F23080" s="2" t="s">
        <v>73358</v>
      </c>
      <c r="G23080" s="8">
        <v>253</v>
      </c>
      <c r="H23080" s="5">
        <v>6</v>
      </c>
      <c r="I23080" s="5" t="s">
        <v>1518</v>
      </c>
      <c r="J23080" s="5" t="s">
        <v>69038</v>
      </c>
      <c r="K23080" s="2" t="s">
        <v>69039</v>
      </c>
      <c r="L23080" s="5" t="s">
        <v>69038</v>
      </c>
      <c r="M23080" s="2" t="s">
        <v>69039</v>
      </c>
      <c r="N23080" s="5" t="s">
        <v>1521</v>
      </c>
      <c r="O23080" s="5" t="s">
        <v>38</v>
      </c>
      <c r="P23080" s="5" t="s">
        <v>39</v>
      </c>
      <c r="Q23080" s="5" t="s">
        <v>40</v>
      </c>
      <c r="R23080" s="5" t="s">
        <v>1522</v>
      </c>
      <c r="S23080" s="5" t="s">
        <v>1523</v>
      </c>
      <c r="T23080" s="5" t="s">
        <v>42</v>
      </c>
      <c r="U23080" s="2">
        <v>2.5259999999999998</v>
      </c>
      <c r="V23080" s="2">
        <v>1.9830000000000001</v>
      </c>
      <c r="W23080" s="2">
        <v>1.2999999999999999E-2</v>
      </c>
      <c r="X23080" s="2">
        <v>99.1</v>
      </c>
      <c r="Y23080" s="2">
        <v>7.6</v>
      </c>
      <c r="Z23080" s="2">
        <v>16.7</v>
      </c>
      <c r="AA23080" s="5"/>
      <c r="AB23080" s="5" t="s">
        <v>43</v>
      </c>
      <c r="AC23080" s="5" t="s">
        <v>44</v>
      </c>
      <c r="AD23080" s="2"/>
      <c r="AE23080" s="1"/>
    </row>
    <row r="23081" spans="1:31" ht="14.45">
      <c r="A23081" s="11"/>
      <c r="B23081" s="20"/>
      <c r="C23081" s="2" t="s">
        <v>74122</v>
      </c>
      <c r="D23081" s="14" t="s">
        <v>74123</v>
      </c>
      <c r="E23081" s="2" t="s">
        <v>74124</v>
      </c>
      <c r="F23081" s="2" t="s">
        <v>73362</v>
      </c>
      <c r="G23081" s="8">
        <v>253</v>
      </c>
      <c r="H23081" s="5">
        <v>6</v>
      </c>
      <c r="I23081" s="5" t="s">
        <v>1518</v>
      </c>
      <c r="J23081" s="5" t="s">
        <v>69038</v>
      </c>
      <c r="K23081" s="2" t="s">
        <v>69039</v>
      </c>
      <c r="L23081" s="5" t="s">
        <v>69038</v>
      </c>
      <c r="M23081" s="2" t="s">
        <v>69039</v>
      </c>
      <c r="N23081" s="5" t="s">
        <v>1521</v>
      </c>
      <c r="O23081" s="5" t="s">
        <v>38</v>
      </c>
      <c r="P23081" s="5" t="s">
        <v>39</v>
      </c>
      <c r="Q23081" s="5" t="s">
        <v>40</v>
      </c>
      <c r="R23081" s="5" t="s">
        <v>1522</v>
      </c>
      <c r="S23081" s="5" t="s">
        <v>1523</v>
      </c>
      <c r="T23081" s="5" t="s">
        <v>42</v>
      </c>
      <c r="U23081" s="2">
        <v>2.597</v>
      </c>
      <c r="V23081" s="2">
        <v>2.0539999999999998</v>
      </c>
      <c r="W23081" s="2">
        <v>1.2999999999999999E-2</v>
      </c>
      <c r="X23081" s="2">
        <v>99.1</v>
      </c>
      <c r="Y23081" s="2">
        <v>7.6</v>
      </c>
      <c r="Z23081" s="2">
        <v>16.7</v>
      </c>
      <c r="AA23081" s="5"/>
      <c r="AB23081" s="5" t="s">
        <v>43</v>
      </c>
      <c r="AC23081" s="5" t="s">
        <v>44</v>
      </c>
      <c r="AD23081" s="2"/>
      <c r="AE23081" s="1"/>
    </row>
    <row r="23082" spans="1:31" ht="14.45">
      <c r="A23082" s="11"/>
      <c r="B23082" s="20"/>
      <c r="C23082" s="2" t="s">
        <v>74125</v>
      </c>
      <c r="D23082" s="14" t="s">
        <v>74126</v>
      </c>
      <c r="E23082" s="2" t="s">
        <v>74127</v>
      </c>
      <c r="F23082" s="2" t="s">
        <v>7615</v>
      </c>
      <c r="G23082" s="8">
        <v>253</v>
      </c>
      <c r="H23082" s="5">
        <v>6</v>
      </c>
      <c r="I23082" s="5" t="s">
        <v>1518</v>
      </c>
      <c r="J23082" s="5" t="s">
        <v>69038</v>
      </c>
      <c r="K23082" s="2" t="s">
        <v>69039</v>
      </c>
      <c r="L23082" s="5" t="s">
        <v>69038</v>
      </c>
      <c r="M23082" s="2" t="s">
        <v>69039</v>
      </c>
      <c r="N23082" s="5" t="s">
        <v>1521</v>
      </c>
      <c r="O23082" s="5" t="s">
        <v>38</v>
      </c>
      <c r="P23082" s="5" t="s">
        <v>39</v>
      </c>
      <c r="Q23082" s="5" t="s">
        <v>40</v>
      </c>
      <c r="R23082" s="5" t="s">
        <v>1522</v>
      </c>
      <c r="S23082" s="5" t="s">
        <v>1523</v>
      </c>
      <c r="T23082" s="5" t="s">
        <v>42</v>
      </c>
      <c r="U23082" s="2">
        <v>2.5259999999999998</v>
      </c>
      <c r="V23082" s="2">
        <v>1.9830000000000001</v>
      </c>
      <c r="W23082" s="2">
        <v>1.2999999999999999E-2</v>
      </c>
      <c r="X23082" s="2">
        <v>99.1</v>
      </c>
      <c r="Y23082" s="2">
        <v>7.6</v>
      </c>
      <c r="Z23082" s="2">
        <v>16.7</v>
      </c>
      <c r="AA23082" s="5"/>
      <c r="AB23082" s="5" t="s">
        <v>43</v>
      </c>
      <c r="AC23082" s="5" t="s">
        <v>44</v>
      </c>
      <c r="AD23082" s="2"/>
      <c r="AE23082" s="1"/>
    </row>
    <row r="23083" spans="1:31" ht="14.45">
      <c r="A23083" s="11"/>
      <c r="B23083" s="20"/>
      <c r="C23083" s="2" t="s">
        <v>74128</v>
      </c>
      <c r="D23083" s="14" t="s">
        <v>74129</v>
      </c>
      <c r="E23083" s="2" t="s">
        <v>74130</v>
      </c>
      <c r="F23083" s="2" t="s">
        <v>7619</v>
      </c>
      <c r="G23083" s="8">
        <v>253</v>
      </c>
      <c r="H23083" s="5">
        <v>6</v>
      </c>
      <c r="I23083" s="5" t="s">
        <v>1518</v>
      </c>
      <c r="J23083" s="5" t="s">
        <v>69038</v>
      </c>
      <c r="K23083" s="2" t="s">
        <v>69039</v>
      </c>
      <c r="L23083" s="5" t="s">
        <v>69038</v>
      </c>
      <c r="M23083" s="2" t="s">
        <v>69039</v>
      </c>
      <c r="N23083" s="5" t="s">
        <v>1521</v>
      </c>
      <c r="O23083" s="5" t="s">
        <v>38</v>
      </c>
      <c r="P23083" s="5" t="s">
        <v>39</v>
      </c>
      <c r="Q23083" s="5" t="s">
        <v>40</v>
      </c>
      <c r="R23083" s="5" t="s">
        <v>1522</v>
      </c>
      <c r="S23083" s="5" t="s">
        <v>1523</v>
      </c>
      <c r="T23083" s="5" t="s">
        <v>42</v>
      </c>
      <c r="U23083" s="2">
        <v>2.597</v>
      </c>
      <c r="V23083" s="2">
        <v>2.0539999999999998</v>
      </c>
      <c r="W23083" s="2">
        <v>1.2999999999999999E-2</v>
      </c>
      <c r="X23083" s="2">
        <v>99.1</v>
      </c>
      <c r="Y23083" s="2">
        <v>7.6</v>
      </c>
      <c r="Z23083" s="2">
        <v>16.7</v>
      </c>
      <c r="AA23083" s="5"/>
      <c r="AB23083" s="5" t="s">
        <v>43</v>
      </c>
      <c r="AC23083" s="5" t="s">
        <v>44</v>
      </c>
      <c r="AD23083" s="2"/>
      <c r="AE23083" s="1"/>
    </row>
    <row r="23084" spans="1:31" ht="14.45">
      <c r="A23084" s="11"/>
      <c r="B23084" s="20"/>
      <c r="C23084" s="2" t="s">
        <v>74131</v>
      </c>
      <c r="D23084" s="14" t="s">
        <v>74132</v>
      </c>
      <c r="E23084" s="2" t="s">
        <v>74133</v>
      </c>
      <c r="F23084" s="2" t="s">
        <v>16014</v>
      </c>
      <c r="G23084" s="8">
        <v>253</v>
      </c>
      <c r="H23084" s="5">
        <v>6</v>
      </c>
      <c r="I23084" s="5" t="s">
        <v>1518</v>
      </c>
      <c r="J23084" s="5" t="s">
        <v>69038</v>
      </c>
      <c r="K23084" s="2" t="s">
        <v>69039</v>
      </c>
      <c r="L23084" s="5" t="s">
        <v>69038</v>
      </c>
      <c r="M23084" s="2" t="s">
        <v>69039</v>
      </c>
      <c r="N23084" s="5" t="s">
        <v>1521</v>
      </c>
      <c r="O23084" s="5" t="s">
        <v>38</v>
      </c>
      <c r="P23084" s="5" t="s">
        <v>39</v>
      </c>
      <c r="Q23084" s="5" t="s">
        <v>40</v>
      </c>
      <c r="R23084" s="5" t="s">
        <v>1522</v>
      </c>
      <c r="S23084" s="5" t="s">
        <v>1523</v>
      </c>
      <c r="T23084" s="5" t="s">
        <v>42</v>
      </c>
      <c r="U23084" s="2">
        <v>2.5259999999999998</v>
      </c>
      <c r="V23084" s="2">
        <v>1.9830000000000001</v>
      </c>
      <c r="W23084" s="2">
        <v>1.2999999999999999E-2</v>
      </c>
      <c r="X23084" s="2">
        <v>99.1</v>
      </c>
      <c r="Y23084" s="2">
        <v>7.6</v>
      </c>
      <c r="Z23084" s="2">
        <v>16.7</v>
      </c>
      <c r="AA23084" s="5"/>
      <c r="AB23084" s="5" t="s">
        <v>43</v>
      </c>
      <c r="AC23084" s="5" t="s">
        <v>44</v>
      </c>
      <c r="AD23084" s="2"/>
      <c r="AE23084" s="1"/>
    </row>
    <row r="23085" spans="1:31" ht="14.45">
      <c r="A23085" s="11"/>
      <c r="B23085" s="20"/>
      <c r="C23085" s="2" t="s">
        <v>74134</v>
      </c>
      <c r="D23085" s="14" t="s">
        <v>74135</v>
      </c>
      <c r="E23085" s="2" t="s">
        <v>74136</v>
      </c>
      <c r="F23085" s="2" t="s">
        <v>16219</v>
      </c>
      <c r="G23085" s="8">
        <v>253</v>
      </c>
      <c r="H23085" s="5">
        <v>6</v>
      </c>
      <c r="I23085" s="5" t="s">
        <v>1518</v>
      </c>
      <c r="J23085" s="5" t="s">
        <v>69038</v>
      </c>
      <c r="K23085" s="2" t="s">
        <v>69039</v>
      </c>
      <c r="L23085" s="5" t="s">
        <v>69038</v>
      </c>
      <c r="M23085" s="2" t="s">
        <v>69039</v>
      </c>
      <c r="N23085" s="5" t="s">
        <v>1521</v>
      </c>
      <c r="O23085" s="5" t="s">
        <v>38</v>
      </c>
      <c r="P23085" s="5" t="s">
        <v>39</v>
      </c>
      <c r="Q23085" s="5" t="s">
        <v>40</v>
      </c>
      <c r="R23085" s="5" t="s">
        <v>1522</v>
      </c>
      <c r="S23085" s="5" t="s">
        <v>1523</v>
      </c>
      <c r="T23085" s="5" t="s">
        <v>42</v>
      </c>
      <c r="U23085" s="2">
        <v>2.597</v>
      </c>
      <c r="V23085" s="2">
        <v>2.0539999999999998</v>
      </c>
      <c r="W23085" s="2">
        <v>1.2999999999999999E-2</v>
      </c>
      <c r="X23085" s="2">
        <v>99.1</v>
      </c>
      <c r="Y23085" s="2">
        <v>7.6</v>
      </c>
      <c r="Z23085" s="2">
        <v>16.7</v>
      </c>
      <c r="AA23085" s="5"/>
      <c r="AB23085" s="5" t="s">
        <v>43</v>
      </c>
      <c r="AC23085" s="5" t="s">
        <v>44</v>
      </c>
      <c r="AD23085" s="2"/>
      <c r="AE23085" s="1"/>
    </row>
    <row r="23086" spans="1:31" ht="14.45">
      <c r="A23086" s="11"/>
      <c r="B23086" s="20"/>
      <c r="C23086" s="2" t="s">
        <v>74137</v>
      </c>
      <c r="D23086" s="14" t="s">
        <v>74138</v>
      </c>
      <c r="E23086" s="2" t="s">
        <v>74139</v>
      </c>
      <c r="F23086" s="2" t="s">
        <v>7212</v>
      </c>
      <c r="G23086" s="8">
        <v>237</v>
      </c>
      <c r="H23086" s="5">
        <v>6</v>
      </c>
      <c r="I23086" s="5" t="s">
        <v>1518</v>
      </c>
      <c r="J23086" s="5" t="s">
        <v>69038</v>
      </c>
      <c r="K23086" s="2" t="s">
        <v>69039</v>
      </c>
      <c r="L23086" s="5" t="s">
        <v>69038</v>
      </c>
      <c r="M23086" s="2" t="s">
        <v>69039</v>
      </c>
      <c r="N23086" s="5" t="s">
        <v>1521</v>
      </c>
      <c r="O23086" s="5" t="s">
        <v>38</v>
      </c>
      <c r="P23086" s="5" t="s">
        <v>39</v>
      </c>
      <c r="Q23086" s="5" t="s">
        <v>40</v>
      </c>
      <c r="R23086" s="5" t="s">
        <v>1522</v>
      </c>
      <c r="S23086" s="5" t="s">
        <v>1523</v>
      </c>
      <c r="T23086" s="5" t="s">
        <v>42</v>
      </c>
      <c r="U23086" s="2">
        <v>2.5259999999999998</v>
      </c>
      <c r="V23086" s="2">
        <v>1.9830000000000001</v>
      </c>
      <c r="W23086" s="2">
        <v>1.2999999999999999E-2</v>
      </c>
      <c r="X23086" s="2">
        <v>99.1</v>
      </c>
      <c r="Y23086" s="2">
        <v>7.6</v>
      </c>
      <c r="Z23086" s="2">
        <v>16.7</v>
      </c>
      <c r="AA23086" s="5"/>
      <c r="AB23086" s="5" t="s">
        <v>43</v>
      </c>
      <c r="AC23086" s="5" t="s">
        <v>44</v>
      </c>
      <c r="AD23086" s="2"/>
      <c r="AE23086" s="1"/>
    </row>
    <row r="23087" spans="1:31" ht="14.45">
      <c r="A23087" s="11"/>
      <c r="B23087" s="20"/>
      <c r="C23087" s="2" t="s">
        <v>74140</v>
      </c>
      <c r="D23087" s="14" t="s">
        <v>74141</v>
      </c>
      <c r="E23087" s="2" t="s">
        <v>74142</v>
      </c>
      <c r="F23087" s="2" t="s">
        <v>7528</v>
      </c>
      <c r="G23087" s="8">
        <v>237</v>
      </c>
      <c r="H23087" s="5">
        <v>6</v>
      </c>
      <c r="I23087" s="5" t="s">
        <v>1518</v>
      </c>
      <c r="J23087" s="5" t="s">
        <v>69038</v>
      </c>
      <c r="K23087" s="2" t="s">
        <v>69039</v>
      </c>
      <c r="L23087" s="5" t="s">
        <v>69038</v>
      </c>
      <c r="M23087" s="2" t="s">
        <v>69039</v>
      </c>
      <c r="N23087" s="5" t="s">
        <v>1521</v>
      </c>
      <c r="O23087" s="5" t="s">
        <v>38</v>
      </c>
      <c r="P23087" s="5" t="s">
        <v>39</v>
      </c>
      <c r="Q23087" s="5" t="s">
        <v>40</v>
      </c>
      <c r="R23087" s="5" t="s">
        <v>1522</v>
      </c>
      <c r="S23087" s="5" t="s">
        <v>1523</v>
      </c>
      <c r="T23087" s="5" t="s">
        <v>42</v>
      </c>
      <c r="U23087" s="2">
        <v>2.597</v>
      </c>
      <c r="V23087" s="2">
        <v>2.0539999999999998</v>
      </c>
      <c r="W23087" s="2">
        <v>1.2999999999999999E-2</v>
      </c>
      <c r="X23087" s="2">
        <v>99.1</v>
      </c>
      <c r="Y23087" s="2">
        <v>7.6</v>
      </c>
      <c r="Z23087" s="2">
        <v>16.7</v>
      </c>
      <c r="AA23087" s="5"/>
      <c r="AB23087" s="5" t="s">
        <v>43</v>
      </c>
      <c r="AC23087" s="5" t="s">
        <v>44</v>
      </c>
      <c r="AD23087" s="2"/>
      <c r="AE23087" s="1"/>
    </row>
    <row r="23088" spans="1:31" ht="14.45">
      <c r="A23088" s="11"/>
      <c r="B23088" s="20"/>
      <c r="C23088" s="2" t="s">
        <v>74143</v>
      </c>
      <c r="D23088" s="14" t="s">
        <v>74144</v>
      </c>
      <c r="E23088" s="2" t="s">
        <v>74145</v>
      </c>
      <c r="F23088" s="2" t="s">
        <v>16029</v>
      </c>
      <c r="G23088" s="8">
        <v>253</v>
      </c>
      <c r="H23088" s="5">
        <v>6</v>
      </c>
      <c r="I23088" s="5" t="s">
        <v>1518</v>
      </c>
      <c r="J23088" s="5" t="s">
        <v>69038</v>
      </c>
      <c r="K23088" s="2" t="s">
        <v>69039</v>
      </c>
      <c r="L23088" s="5" t="s">
        <v>69038</v>
      </c>
      <c r="M23088" s="2" t="s">
        <v>69039</v>
      </c>
      <c r="N23088" s="5" t="s">
        <v>1521</v>
      </c>
      <c r="O23088" s="5" t="s">
        <v>38</v>
      </c>
      <c r="P23088" s="5" t="s">
        <v>39</v>
      </c>
      <c r="Q23088" s="5" t="s">
        <v>40</v>
      </c>
      <c r="R23088" s="5" t="s">
        <v>1522</v>
      </c>
      <c r="S23088" s="5" t="s">
        <v>1523</v>
      </c>
      <c r="T23088" s="5" t="s">
        <v>42</v>
      </c>
      <c r="U23088" s="2">
        <v>2.5430000000000001</v>
      </c>
      <c r="V23088" s="2">
        <v>2</v>
      </c>
      <c r="W23088" s="2">
        <v>1.2999999999999999E-2</v>
      </c>
      <c r="X23088" s="2">
        <v>99.1</v>
      </c>
      <c r="Y23088" s="2">
        <v>7.6</v>
      </c>
      <c r="Z23088" s="2">
        <v>16.7</v>
      </c>
      <c r="AA23088" s="5"/>
      <c r="AB23088" s="5" t="s">
        <v>43</v>
      </c>
      <c r="AC23088" s="5" t="s">
        <v>44</v>
      </c>
      <c r="AD23088" s="2"/>
      <c r="AE23088" s="1"/>
    </row>
    <row r="23089" spans="1:31" ht="14.45">
      <c r="A23089" s="11"/>
      <c r="B23089" s="20"/>
      <c r="C23089" s="2" t="s">
        <v>74146</v>
      </c>
      <c r="D23089" s="14" t="s">
        <v>74147</v>
      </c>
      <c r="E23089" s="2" t="s">
        <v>74148</v>
      </c>
      <c r="F23089" s="2" t="s">
        <v>16033</v>
      </c>
      <c r="G23089" s="8">
        <v>253</v>
      </c>
      <c r="H23089" s="5">
        <v>6</v>
      </c>
      <c r="I23089" s="5" t="s">
        <v>1518</v>
      </c>
      <c r="J23089" s="5" t="s">
        <v>69038</v>
      </c>
      <c r="K23089" s="2" t="s">
        <v>69039</v>
      </c>
      <c r="L23089" s="5" t="s">
        <v>69038</v>
      </c>
      <c r="M23089" s="2" t="s">
        <v>69039</v>
      </c>
      <c r="N23089" s="5" t="s">
        <v>1521</v>
      </c>
      <c r="O23089" s="5" t="s">
        <v>38</v>
      </c>
      <c r="P23089" s="5" t="s">
        <v>39</v>
      </c>
      <c r="Q23089" s="5" t="s">
        <v>40</v>
      </c>
      <c r="R23089" s="5" t="s">
        <v>1522</v>
      </c>
      <c r="S23089" s="5" t="s">
        <v>1523</v>
      </c>
      <c r="T23089" s="5" t="s">
        <v>42</v>
      </c>
      <c r="U23089" s="2">
        <v>2.6139999999999999</v>
      </c>
      <c r="V23089" s="2">
        <v>2.0710000000000002</v>
      </c>
      <c r="W23089" s="2">
        <v>1.2999999999999999E-2</v>
      </c>
      <c r="X23089" s="2">
        <v>99.1</v>
      </c>
      <c r="Y23089" s="2">
        <v>7.6</v>
      </c>
      <c r="Z23089" s="2">
        <v>16.7</v>
      </c>
      <c r="AA23089" s="5"/>
      <c r="AB23089" s="5" t="s">
        <v>43</v>
      </c>
      <c r="AC23089" s="5" t="s">
        <v>44</v>
      </c>
      <c r="AD23089" s="2"/>
      <c r="AE23089" s="1"/>
    </row>
    <row r="23090" spans="1:31" ht="14.45">
      <c r="A23090" s="11"/>
      <c r="B23090" s="20"/>
      <c r="C23090" s="2" t="s">
        <v>74149</v>
      </c>
      <c r="D23090" s="14" t="s">
        <v>74150</v>
      </c>
      <c r="E23090" s="2" t="s">
        <v>74151</v>
      </c>
      <c r="F23090" s="2" t="s">
        <v>7204</v>
      </c>
      <c r="G23090" s="8">
        <v>246</v>
      </c>
      <c r="H23090" s="5">
        <v>6</v>
      </c>
      <c r="I23090" s="5" t="s">
        <v>1518</v>
      </c>
      <c r="J23090" s="5" t="s">
        <v>69038</v>
      </c>
      <c r="K23090" s="2" t="s">
        <v>69039</v>
      </c>
      <c r="L23090" s="5" t="s">
        <v>69038</v>
      </c>
      <c r="M23090" s="2" t="s">
        <v>69039</v>
      </c>
      <c r="N23090" s="5" t="s">
        <v>1521</v>
      </c>
      <c r="O23090" s="5" t="s">
        <v>38</v>
      </c>
      <c r="P23090" s="5" t="s">
        <v>39</v>
      </c>
      <c r="Q23090" s="5" t="s">
        <v>40</v>
      </c>
      <c r="R23090" s="5" t="s">
        <v>1522</v>
      </c>
      <c r="S23090" s="5" t="s">
        <v>1523</v>
      </c>
      <c r="T23090" s="5" t="s">
        <v>42</v>
      </c>
      <c r="U23090" s="2">
        <v>2.6840000000000002</v>
      </c>
      <c r="V23090" s="2">
        <v>2.141</v>
      </c>
      <c r="W23090" s="2">
        <v>1.4999999999999999E-2</v>
      </c>
      <c r="X23090" s="2">
        <v>118.9</v>
      </c>
      <c r="Y23090" s="2">
        <v>7.6</v>
      </c>
      <c r="Z23090" s="2">
        <v>16.7</v>
      </c>
      <c r="AA23090" s="5"/>
      <c r="AB23090" s="5" t="s">
        <v>43</v>
      </c>
      <c r="AC23090" s="5" t="s">
        <v>44</v>
      </c>
      <c r="AD23090" s="2"/>
      <c r="AE23090" s="1"/>
    </row>
    <row r="23091" spans="1:31" ht="14.45">
      <c r="A23091" s="11"/>
      <c r="B23091" s="20"/>
      <c r="C23091" s="2" t="s">
        <v>74152</v>
      </c>
      <c r="D23091" s="14" t="s">
        <v>74153</v>
      </c>
      <c r="E23091" s="2" t="s">
        <v>74154</v>
      </c>
      <c r="F23091" s="2" t="s">
        <v>7514</v>
      </c>
      <c r="G23091" s="8">
        <v>246</v>
      </c>
      <c r="H23091" s="5">
        <v>6</v>
      </c>
      <c r="I23091" s="5" t="s">
        <v>1518</v>
      </c>
      <c r="J23091" s="5" t="s">
        <v>69038</v>
      </c>
      <c r="K23091" s="2" t="s">
        <v>69039</v>
      </c>
      <c r="L23091" s="5" t="s">
        <v>69038</v>
      </c>
      <c r="M23091" s="2" t="s">
        <v>69039</v>
      </c>
      <c r="N23091" s="5" t="s">
        <v>1521</v>
      </c>
      <c r="O23091" s="5" t="s">
        <v>38</v>
      </c>
      <c r="P23091" s="5" t="s">
        <v>39</v>
      </c>
      <c r="Q23091" s="5" t="s">
        <v>40</v>
      </c>
      <c r="R23091" s="5" t="s">
        <v>1522</v>
      </c>
      <c r="S23091" s="5" t="s">
        <v>1523</v>
      </c>
      <c r="T23091" s="5" t="s">
        <v>42</v>
      </c>
      <c r="U23091" s="2">
        <v>2.766</v>
      </c>
      <c r="V23091" s="2">
        <v>2.2229999999999999</v>
      </c>
      <c r="W23091" s="2">
        <v>1.4999999999999999E-2</v>
      </c>
      <c r="X23091" s="2">
        <v>118.9</v>
      </c>
      <c r="Y23091" s="2">
        <v>7.6</v>
      </c>
      <c r="Z23091" s="2">
        <v>16.7</v>
      </c>
      <c r="AA23091" s="5"/>
      <c r="AB23091" s="5" t="s">
        <v>43</v>
      </c>
      <c r="AC23091" s="5" t="s">
        <v>44</v>
      </c>
      <c r="AD23091" s="2"/>
      <c r="AE23091" s="1"/>
    </row>
    <row r="23092" spans="1:31" ht="14.45">
      <c r="A23092" s="11"/>
      <c r="B23092" s="20"/>
      <c r="C23092" s="2" t="s">
        <v>74155</v>
      </c>
      <c r="D23092" s="14" t="s">
        <v>74156</v>
      </c>
      <c r="E23092" s="2" t="s">
        <v>74157</v>
      </c>
      <c r="F23092" s="2" t="s">
        <v>7208</v>
      </c>
      <c r="G23092" s="8">
        <v>246</v>
      </c>
      <c r="H23092" s="5">
        <v>6</v>
      </c>
      <c r="I23092" s="5" t="s">
        <v>1518</v>
      </c>
      <c r="J23092" s="5" t="s">
        <v>69038</v>
      </c>
      <c r="K23092" s="2" t="s">
        <v>69039</v>
      </c>
      <c r="L23092" s="5" t="s">
        <v>69038</v>
      </c>
      <c r="M23092" s="2" t="s">
        <v>69039</v>
      </c>
      <c r="N23092" s="5" t="s">
        <v>1521</v>
      </c>
      <c r="O23092" s="5" t="s">
        <v>38</v>
      </c>
      <c r="P23092" s="5" t="s">
        <v>39</v>
      </c>
      <c r="Q23092" s="5" t="s">
        <v>40</v>
      </c>
      <c r="R23092" s="5" t="s">
        <v>1522</v>
      </c>
      <c r="S23092" s="5" t="s">
        <v>1523</v>
      </c>
      <c r="T23092" s="5" t="s">
        <v>42</v>
      </c>
      <c r="U23092" s="2">
        <v>2.6840000000000002</v>
      </c>
      <c r="V23092" s="2">
        <v>2.141</v>
      </c>
      <c r="W23092" s="2">
        <v>1.4999999999999999E-2</v>
      </c>
      <c r="X23092" s="2">
        <v>118.9</v>
      </c>
      <c r="Y23092" s="2">
        <v>7.6</v>
      </c>
      <c r="Z23092" s="2">
        <v>16.7</v>
      </c>
      <c r="AA23092" s="5"/>
      <c r="AB23092" s="5" t="s">
        <v>43</v>
      </c>
      <c r="AC23092" s="5" t="s">
        <v>44</v>
      </c>
      <c r="AD23092" s="2"/>
      <c r="AE23092" s="1"/>
    </row>
    <row r="23093" spans="1:31" ht="14.45">
      <c r="A23093" s="11"/>
      <c r="B23093" s="20"/>
      <c r="C23093" s="2" t="s">
        <v>74158</v>
      </c>
      <c r="D23093" s="14" t="s">
        <v>74159</v>
      </c>
      <c r="E23093" s="2" t="s">
        <v>74160</v>
      </c>
      <c r="F23093" s="2" t="s">
        <v>7521</v>
      </c>
      <c r="G23093" s="8">
        <v>246</v>
      </c>
      <c r="H23093" s="5">
        <v>6</v>
      </c>
      <c r="I23093" s="5" t="s">
        <v>1518</v>
      </c>
      <c r="J23093" s="5" t="s">
        <v>69038</v>
      </c>
      <c r="K23093" s="2" t="s">
        <v>69039</v>
      </c>
      <c r="L23093" s="5" t="s">
        <v>69038</v>
      </c>
      <c r="M23093" s="2" t="s">
        <v>69039</v>
      </c>
      <c r="N23093" s="5" t="s">
        <v>1521</v>
      </c>
      <c r="O23093" s="5" t="s">
        <v>38</v>
      </c>
      <c r="P23093" s="5" t="s">
        <v>39</v>
      </c>
      <c r="Q23093" s="5" t="s">
        <v>40</v>
      </c>
      <c r="R23093" s="5" t="s">
        <v>1522</v>
      </c>
      <c r="S23093" s="5" t="s">
        <v>1523</v>
      </c>
      <c r="T23093" s="5" t="s">
        <v>42</v>
      </c>
      <c r="U23093" s="2">
        <v>2.766</v>
      </c>
      <c r="V23093" s="2">
        <v>2.2229999999999999</v>
      </c>
      <c r="W23093" s="2">
        <v>1.4999999999999999E-2</v>
      </c>
      <c r="X23093" s="2">
        <v>118.9</v>
      </c>
      <c r="Y23093" s="2">
        <v>7.6</v>
      </c>
      <c r="Z23093" s="2">
        <v>16.7</v>
      </c>
      <c r="AA23093" s="5"/>
      <c r="AB23093" s="5" t="s">
        <v>43</v>
      </c>
      <c r="AC23093" s="5" t="s">
        <v>44</v>
      </c>
      <c r="AD23093" s="2"/>
      <c r="AE23093" s="1"/>
    </row>
    <row r="23094" spans="1:31" ht="14.45">
      <c r="A23094" s="11"/>
      <c r="B23094" s="20"/>
      <c r="C23094" s="2" t="s">
        <v>74161</v>
      </c>
      <c r="D23094" s="14" t="s">
        <v>74162</v>
      </c>
      <c r="E23094" s="2" t="s">
        <v>74163</v>
      </c>
      <c r="F23094" s="2" t="s">
        <v>7406</v>
      </c>
      <c r="G23094" s="8">
        <v>263</v>
      </c>
      <c r="H23094" s="5">
        <v>6</v>
      </c>
      <c r="I23094" s="5" t="s">
        <v>1518</v>
      </c>
      <c r="J23094" s="5" t="s">
        <v>69038</v>
      </c>
      <c r="K23094" s="2" t="s">
        <v>69039</v>
      </c>
      <c r="L23094" s="5" t="s">
        <v>69038</v>
      </c>
      <c r="M23094" s="2" t="s">
        <v>69039</v>
      </c>
      <c r="N23094" s="5" t="s">
        <v>1521</v>
      </c>
      <c r="O23094" s="5" t="s">
        <v>38</v>
      </c>
      <c r="P23094" s="5" t="s">
        <v>39</v>
      </c>
      <c r="Q23094" s="5" t="s">
        <v>40</v>
      </c>
      <c r="R23094" s="5" t="s">
        <v>1522</v>
      </c>
      <c r="S23094" s="5" t="s">
        <v>1523</v>
      </c>
      <c r="T23094" s="5" t="s">
        <v>42</v>
      </c>
      <c r="U23094" s="2">
        <v>2.6840000000000002</v>
      </c>
      <c r="V23094" s="2">
        <v>2.141</v>
      </c>
      <c r="W23094" s="2">
        <v>1.4999999999999999E-2</v>
      </c>
      <c r="X23094" s="2">
        <v>118.9</v>
      </c>
      <c r="Y23094" s="2">
        <v>7.6</v>
      </c>
      <c r="Z23094" s="2">
        <v>16.7</v>
      </c>
      <c r="AA23094" s="5"/>
      <c r="AB23094" s="5" t="s">
        <v>43</v>
      </c>
      <c r="AC23094" s="5" t="s">
        <v>44</v>
      </c>
      <c r="AD23094" s="2"/>
      <c r="AE23094" s="1"/>
    </row>
    <row r="23095" spans="1:31" ht="14.45">
      <c r="A23095" s="11"/>
      <c r="B23095" s="20"/>
      <c r="C23095" s="2" t="s">
        <v>74164</v>
      </c>
      <c r="D23095" s="14" t="s">
        <v>74165</v>
      </c>
      <c r="E23095" s="2" t="s">
        <v>74166</v>
      </c>
      <c r="F23095" s="2" t="s">
        <v>7535</v>
      </c>
      <c r="G23095" s="8">
        <v>263</v>
      </c>
      <c r="H23095" s="5">
        <v>6</v>
      </c>
      <c r="I23095" s="5" t="s">
        <v>1518</v>
      </c>
      <c r="J23095" s="5" t="s">
        <v>69038</v>
      </c>
      <c r="K23095" s="2" t="s">
        <v>69039</v>
      </c>
      <c r="L23095" s="5" t="s">
        <v>69038</v>
      </c>
      <c r="M23095" s="2" t="s">
        <v>69039</v>
      </c>
      <c r="N23095" s="5" t="s">
        <v>1521</v>
      </c>
      <c r="O23095" s="5" t="s">
        <v>38</v>
      </c>
      <c r="P23095" s="5" t="s">
        <v>39</v>
      </c>
      <c r="Q23095" s="5" t="s">
        <v>40</v>
      </c>
      <c r="R23095" s="5" t="s">
        <v>1522</v>
      </c>
      <c r="S23095" s="5" t="s">
        <v>1523</v>
      </c>
      <c r="T23095" s="5" t="s">
        <v>42</v>
      </c>
      <c r="U23095" s="2">
        <v>2.766</v>
      </c>
      <c r="V23095" s="2">
        <v>2.2229999999999999</v>
      </c>
      <c r="W23095" s="2">
        <v>1.4999999999999999E-2</v>
      </c>
      <c r="X23095" s="2">
        <v>118.9</v>
      </c>
      <c r="Y23095" s="2">
        <v>7.6</v>
      </c>
      <c r="Z23095" s="2">
        <v>16.7</v>
      </c>
      <c r="AA23095" s="5"/>
      <c r="AB23095" s="5" t="s">
        <v>43</v>
      </c>
      <c r="AC23095" s="5" t="s">
        <v>44</v>
      </c>
      <c r="AD23095" s="2"/>
      <c r="AE23095" s="1"/>
    </row>
    <row r="23096" spans="1:31" ht="14.45">
      <c r="A23096" s="11"/>
      <c r="B23096" s="20"/>
      <c r="C23096" s="2" t="s">
        <v>74167</v>
      </c>
      <c r="D23096" s="14" t="s">
        <v>74168</v>
      </c>
      <c r="E23096" s="2" t="s">
        <v>74169</v>
      </c>
      <c r="F23096" s="2" t="s">
        <v>7539</v>
      </c>
      <c r="G23096" s="8">
        <v>263</v>
      </c>
      <c r="H23096" s="5">
        <v>6</v>
      </c>
      <c r="I23096" s="5" t="s">
        <v>1518</v>
      </c>
      <c r="J23096" s="5" t="s">
        <v>69038</v>
      </c>
      <c r="K23096" s="2" t="s">
        <v>69039</v>
      </c>
      <c r="L23096" s="5" t="s">
        <v>69038</v>
      </c>
      <c r="M23096" s="2" t="s">
        <v>69039</v>
      </c>
      <c r="N23096" s="5" t="s">
        <v>1521</v>
      </c>
      <c r="O23096" s="5" t="s">
        <v>38</v>
      </c>
      <c r="P23096" s="5" t="s">
        <v>39</v>
      </c>
      <c r="Q23096" s="5" t="s">
        <v>40</v>
      </c>
      <c r="R23096" s="5" t="s">
        <v>1522</v>
      </c>
      <c r="S23096" s="5" t="s">
        <v>1523</v>
      </c>
      <c r="T23096" s="5" t="s">
        <v>42</v>
      </c>
      <c r="U23096" s="2">
        <v>2.6840000000000002</v>
      </c>
      <c r="V23096" s="2">
        <v>2.141</v>
      </c>
      <c r="W23096" s="2">
        <v>1.4999999999999999E-2</v>
      </c>
      <c r="X23096" s="2">
        <v>118.9</v>
      </c>
      <c r="Y23096" s="2">
        <v>7.6</v>
      </c>
      <c r="Z23096" s="2">
        <v>16.7</v>
      </c>
      <c r="AA23096" s="5"/>
      <c r="AB23096" s="5" t="s">
        <v>43</v>
      </c>
      <c r="AC23096" s="5" t="s">
        <v>44</v>
      </c>
      <c r="AD23096" s="2"/>
      <c r="AE23096" s="1"/>
    </row>
    <row r="23097" spans="1:31" ht="14.45">
      <c r="A23097" s="11"/>
      <c r="B23097" s="20"/>
      <c r="C23097" s="2" t="s">
        <v>74170</v>
      </c>
      <c r="D23097" s="14" t="s">
        <v>74171</v>
      </c>
      <c r="E23097" s="2" t="s">
        <v>74172</v>
      </c>
      <c r="F23097" s="2" t="s">
        <v>7543</v>
      </c>
      <c r="G23097" s="8">
        <v>263</v>
      </c>
      <c r="H23097" s="5">
        <v>6</v>
      </c>
      <c r="I23097" s="5" t="s">
        <v>1518</v>
      </c>
      <c r="J23097" s="5" t="s">
        <v>69038</v>
      </c>
      <c r="K23097" s="2" t="s">
        <v>69039</v>
      </c>
      <c r="L23097" s="5" t="s">
        <v>69038</v>
      </c>
      <c r="M23097" s="2" t="s">
        <v>69039</v>
      </c>
      <c r="N23097" s="5" t="s">
        <v>1521</v>
      </c>
      <c r="O23097" s="5" t="s">
        <v>38</v>
      </c>
      <c r="P23097" s="5" t="s">
        <v>39</v>
      </c>
      <c r="Q23097" s="5" t="s">
        <v>40</v>
      </c>
      <c r="R23097" s="5" t="s">
        <v>1522</v>
      </c>
      <c r="S23097" s="5" t="s">
        <v>1523</v>
      </c>
      <c r="T23097" s="5" t="s">
        <v>42</v>
      </c>
      <c r="U23097" s="2">
        <v>2.766</v>
      </c>
      <c r="V23097" s="2">
        <v>2.2229999999999999</v>
      </c>
      <c r="W23097" s="2">
        <v>1.4999999999999999E-2</v>
      </c>
      <c r="X23097" s="2">
        <v>118.9</v>
      </c>
      <c r="Y23097" s="2">
        <v>7.6</v>
      </c>
      <c r="Z23097" s="2">
        <v>16.7</v>
      </c>
      <c r="AA23097" s="5"/>
      <c r="AB23097" s="5" t="s">
        <v>43</v>
      </c>
      <c r="AC23097" s="5" t="s">
        <v>44</v>
      </c>
      <c r="AD23097" s="2"/>
      <c r="AE23097" s="1"/>
    </row>
    <row r="23098" spans="1:31" ht="14.45">
      <c r="A23098" s="11"/>
      <c r="B23098" s="20"/>
      <c r="C23098" s="2" t="s">
        <v>74173</v>
      </c>
      <c r="D23098" s="14" t="s">
        <v>74174</v>
      </c>
      <c r="E23098" s="2" t="s">
        <v>74175</v>
      </c>
      <c r="F23098" s="2" t="s">
        <v>7396</v>
      </c>
      <c r="G23098" s="8">
        <v>246</v>
      </c>
      <c r="H23098" s="5">
        <v>6</v>
      </c>
      <c r="I23098" s="5" t="s">
        <v>1518</v>
      </c>
      <c r="J23098" s="5" t="s">
        <v>69038</v>
      </c>
      <c r="K23098" s="2" t="s">
        <v>69039</v>
      </c>
      <c r="L23098" s="5" t="s">
        <v>69038</v>
      </c>
      <c r="M23098" s="2" t="s">
        <v>69039</v>
      </c>
      <c r="N23098" s="5" t="s">
        <v>1521</v>
      </c>
      <c r="O23098" s="5" t="s">
        <v>38</v>
      </c>
      <c r="P23098" s="5" t="s">
        <v>39</v>
      </c>
      <c r="Q23098" s="5" t="s">
        <v>40</v>
      </c>
      <c r="R23098" s="5" t="s">
        <v>1522</v>
      </c>
      <c r="S23098" s="5" t="s">
        <v>1523</v>
      </c>
      <c r="T23098" s="5" t="s">
        <v>42</v>
      </c>
      <c r="U23098" s="2">
        <v>2.6840000000000002</v>
      </c>
      <c r="V23098" s="2">
        <v>2.141</v>
      </c>
      <c r="W23098" s="2">
        <v>1.4999999999999999E-2</v>
      </c>
      <c r="X23098" s="2">
        <v>118.9</v>
      </c>
      <c r="Y23098" s="2">
        <v>7.6</v>
      </c>
      <c r="Z23098" s="2">
        <v>16.7</v>
      </c>
      <c r="AA23098" s="5"/>
      <c r="AB23098" s="5" t="s">
        <v>43</v>
      </c>
      <c r="AC23098" s="5" t="s">
        <v>44</v>
      </c>
      <c r="AD23098" s="2"/>
      <c r="AE23098" s="1"/>
    </row>
    <row r="23099" spans="1:31" ht="14.45">
      <c r="A23099" s="11"/>
      <c r="B23099" s="20"/>
      <c r="C23099" s="2" t="s">
        <v>74176</v>
      </c>
      <c r="D23099" s="14" t="s">
        <v>74177</v>
      </c>
      <c r="E23099" s="2" t="s">
        <v>74178</v>
      </c>
      <c r="F23099" s="2" t="s">
        <v>7507</v>
      </c>
      <c r="G23099" s="8">
        <v>246</v>
      </c>
      <c r="H23099" s="5">
        <v>6</v>
      </c>
      <c r="I23099" s="5" t="s">
        <v>1518</v>
      </c>
      <c r="J23099" s="5" t="s">
        <v>69038</v>
      </c>
      <c r="K23099" s="2" t="s">
        <v>69039</v>
      </c>
      <c r="L23099" s="5" t="s">
        <v>69038</v>
      </c>
      <c r="M23099" s="2" t="s">
        <v>69039</v>
      </c>
      <c r="N23099" s="5" t="s">
        <v>1521</v>
      </c>
      <c r="O23099" s="5" t="s">
        <v>38</v>
      </c>
      <c r="P23099" s="5" t="s">
        <v>39</v>
      </c>
      <c r="Q23099" s="5" t="s">
        <v>40</v>
      </c>
      <c r="R23099" s="5" t="s">
        <v>1522</v>
      </c>
      <c r="S23099" s="5" t="s">
        <v>1523</v>
      </c>
      <c r="T23099" s="5" t="s">
        <v>42</v>
      </c>
      <c r="U23099" s="2">
        <v>2.766</v>
      </c>
      <c r="V23099" s="2">
        <v>2.2229999999999999</v>
      </c>
      <c r="W23099" s="2">
        <v>1.4999999999999999E-2</v>
      </c>
      <c r="X23099" s="2">
        <v>118.9</v>
      </c>
      <c r="Y23099" s="2">
        <v>7.6</v>
      </c>
      <c r="Z23099" s="2">
        <v>16.7</v>
      </c>
      <c r="AA23099" s="5"/>
      <c r="AB23099" s="5" t="s">
        <v>43</v>
      </c>
      <c r="AC23099" s="5" t="s">
        <v>44</v>
      </c>
      <c r="AD23099" s="2"/>
      <c r="AE23099" s="1"/>
    </row>
    <row r="23100" spans="1:31" ht="14.45">
      <c r="A23100" s="11"/>
      <c r="B23100" s="20"/>
      <c r="C23100" s="2" t="s">
        <v>74179</v>
      </c>
      <c r="D23100" s="14" t="s">
        <v>74180</v>
      </c>
      <c r="E23100" s="2" t="s">
        <v>74181</v>
      </c>
      <c r="F23100" s="2" t="s">
        <v>7547</v>
      </c>
      <c r="G23100" s="8">
        <v>263</v>
      </c>
      <c r="H23100" s="5">
        <v>6</v>
      </c>
      <c r="I23100" s="5" t="s">
        <v>1518</v>
      </c>
      <c r="J23100" s="5" t="s">
        <v>69038</v>
      </c>
      <c r="K23100" s="2" t="s">
        <v>69039</v>
      </c>
      <c r="L23100" s="5" t="s">
        <v>69038</v>
      </c>
      <c r="M23100" s="2" t="s">
        <v>69039</v>
      </c>
      <c r="N23100" s="5" t="s">
        <v>1521</v>
      </c>
      <c r="O23100" s="5" t="s">
        <v>38</v>
      </c>
      <c r="P23100" s="5" t="s">
        <v>39</v>
      </c>
      <c r="Q23100" s="5" t="s">
        <v>40</v>
      </c>
      <c r="R23100" s="5" t="s">
        <v>1522</v>
      </c>
      <c r="S23100" s="5" t="s">
        <v>1523</v>
      </c>
      <c r="T23100" s="5" t="s">
        <v>42</v>
      </c>
      <c r="U23100" s="2">
        <v>2.6840000000000002</v>
      </c>
      <c r="V23100" s="2">
        <v>2.141</v>
      </c>
      <c r="W23100" s="2">
        <v>1.4999999999999999E-2</v>
      </c>
      <c r="X23100" s="2">
        <v>118.9</v>
      </c>
      <c r="Y23100" s="2">
        <v>7.6</v>
      </c>
      <c r="Z23100" s="2">
        <v>16.7</v>
      </c>
      <c r="AA23100" s="5"/>
      <c r="AB23100" s="5" t="s">
        <v>43</v>
      </c>
      <c r="AC23100" s="5" t="s">
        <v>44</v>
      </c>
      <c r="AD23100" s="2"/>
      <c r="AE23100" s="1"/>
    </row>
    <row r="23101" spans="1:31" ht="14.45">
      <c r="A23101" s="11"/>
      <c r="B23101" s="20"/>
      <c r="C23101" s="2" t="s">
        <v>74182</v>
      </c>
      <c r="D23101" s="14" t="s">
        <v>74183</v>
      </c>
      <c r="E23101" s="2" t="s">
        <v>74184</v>
      </c>
      <c r="F23101" s="2" t="s">
        <v>7551</v>
      </c>
      <c r="G23101" s="8">
        <v>263</v>
      </c>
      <c r="H23101" s="5">
        <v>6</v>
      </c>
      <c r="I23101" s="5" t="s">
        <v>1518</v>
      </c>
      <c r="J23101" s="5" t="s">
        <v>69038</v>
      </c>
      <c r="K23101" s="2" t="s">
        <v>69039</v>
      </c>
      <c r="L23101" s="5" t="s">
        <v>69038</v>
      </c>
      <c r="M23101" s="2" t="s">
        <v>69039</v>
      </c>
      <c r="N23101" s="5" t="s">
        <v>1521</v>
      </c>
      <c r="O23101" s="5" t="s">
        <v>38</v>
      </c>
      <c r="P23101" s="5" t="s">
        <v>39</v>
      </c>
      <c r="Q23101" s="5" t="s">
        <v>40</v>
      </c>
      <c r="R23101" s="5" t="s">
        <v>1522</v>
      </c>
      <c r="S23101" s="5" t="s">
        <v>1523</v>
      </c>
      <c r="T23101" s="5" t="s">
        <v>42</v>
      </c>
      <c r="U23101" s="2">
        <v>2.766</v>
      </c>
      <c r="V23101" s="2">
        <v>2.2229999999999999</v>
      </c>
      <c r="W23101" s="2">
        <v>1.4999999999999999E-2</v>
      </c>
      <c r="X23101" s="2">
        <v>118.9</v>
      </c>
      <c r="Y23101" s="2">
        <v>7.6</v>
      </c>
      <c r="Z23101" s="2">
        <v>16.7</v>
      </c>
      <c r="AA23101" s="5"/>
      <c r="AB23101" s="5" t="s">
        <v>43</v>
      </c>
      <c r="AC23101" s="5" t="s">
        <v>44</v>
      </c>
      <c r="AD23101" s="2"/>
      <c r="AE23101" s="1"/>
    </row>
    <row r="23102" spans="1:31" ht="14.45">
      <c r="A23102" s="11"/>
      <c r="B23102" s="20"/>
      <c r="C23102" s="2" t="s">
        <v>74185</v>
      </c>
      <c r="D23102" s="14" t="s">
        <v>74186</v>
      </c>
      <c r="E23102" s="2" t="s">
        <v>74187</v>
      </c>
      <c r="F23102" s="2" t="s">
        <v>7563</v>
      </c>
      <c r="G23102" s="8">
        <v>263</v>
      </c>
      <c r="H23102" s="5">
        <v>6</v>
      </c>
      <c r="I23102" s="5" t="s">
        <v>1518</v>
      </c>
      <c r="J23102" s="5" t="s">
        <v>69038</v>
      </c>
      <c r="K23102" s="2" t="s">
        <v>69039</v>
      </c>
      <c r="L23102" s="5" t="s">
        <v>69038</v>
      </c>
      <c r="M23102" s="2" t="s">
        <v>69039</v>
      </c>
      <c r="N23102" s="5" t="s">
        <v>1521</v>
      </c>
      <c r="O23102" s="5" t="s">
        <v>38</v>
      </c>
      <c r="P23102" s="5" t="s">
        <v>39</v>
      </c>
      <c r="Q23102" s="5" t="s">
        <v>40</v>
      </c>
      <c r="R23102" s="5" t="s">
        <v>1522</v>
      </c>
      <c r="S23102" s="5" t="s">
        <v>1523</v>
      </c>
      <c r="T23102" s="5" t="s">
        <v>42</v>
      </c>
      <c r="U23102" s="2">
        <v>2.6840000000000002</v>
      </c>
      <c r="V23102" s="2">
        <v>2.141</v>
      </c>
      <c r="W23102" s="2">
        <v>1.4999999999999999E-2</v>
      </c>
      <c r="X23102" s="2">
        <v>118.9</v>
      </c>
      <c r="Y23102" s="2">
        <v>7.6</v>
      </c>
      <c r="Z23102" s="2">
        <v>16.7</v>
      </c>
      <c r="AA23102" s="5"/>
      <c r="AB23102" s="5" t="s">
        <v>43</v>
      </c>
      <c r="AC23102" s="5" t="s">
        <v>44</v>
      </c>
      <c r="AD23102" s="2"/>
      <c r="AE23102" s="1"/>
    </row>
    <row r="23103" spans="1:31" ht="14.45">
      <c r="A23103" s="11"/>
      <c r="B23103" s="20"/>
      <c r="C23103" s="2" t="s">
        <v>74188</v>
      </c>
      <c r="D23103" s="14" t="s">
        <v>74189</v>
      </c>
      <c r="E23103" s="2" t="s">
        <v>74190</v>
      </c>
      <c r="F23103" s="2" t="s">
        <v>7567</v>
      </c>
      <c r="G23103" s="8">
        <v>263</v>
      </c>
      <c r="H23103" s="5">
        <v>6</v>
      </c>
      <c r="I23103" s="5" t="s">
        <v>1518</v>
      </c>
      <c r="J23103" s="5" t="s">
        <v>69038</v>
      </c>
      <c r="K23103" s="2" t="s">
        <v>69039</v>
      </c>
      <c r="L23103" s="5" t="s">
        <v>69038</v>
      </c>
      <c r="M23103" s="2" t="s">
        <v>69039</v>
      </c>
      <c r="N23103" s="5" t="s">
        <v>1521</v>
      </c>
      <c r="O23103" s="5" t="s">
        <v>38</v>
      </c>
      <c r="P23103" s="5" t="s">
        <v>39</v>
      </c>
      <c r="Q23103" s="5" t="s">
        <v>40</v>
      </c>
      <c r="R23103" s="5" t="s">
        <v>1522</v>
      </c>
      <c r="S23103" s="5" t="s">
        <v>1523</v>
      </c>
      <c r="T23103" s="5" t="s">
        <v>42</v>
      </c>
      <c r="U23103" s="2">
        <v>2.766</v>
      </c>
      <c r="V23103" s="2">
        <v>2.2229999999999999</v>
      </c>
      <c r="W23103" s="2">
        <v>1.4999999999999999E-2</v>
      </c>
      <c r="X23103" s="2">
        <v>118.9</v>
      </c>
      <c r="Y23103" s="2">
        <v>7.6</v>
      </c>
      <c r="Z23103" s="2">
        <v>16.7</v>
      </c>
      <c r="AA23103" s="5"/>
      <c r="AB23103" s="5" t="s">
        <v>43</v>
      </c>
      <c r="AC23103" s="5" t="s">
        <v>44</v>
      </c>
      <c r="AD23103" s="2"/>
      <c r="AE23103" s="1"/>
    </row>
    <row r="23104" spans="1:31" ht="14.45">
      <c r="A23104" s="11"/>
      <c r="B23104" s="20"/>
      <c r="C23104" s="2" t="s">
        <v>74191</v>
      </c>
      <c r="D23104" s="14" t="s">
        <v>74192</v>
      </c>
      <c r="E23104" s="2" t="s">
        <v>74193</v>
      </c>
      <c r="F23104" s="2" t="s">
        <v>7555</v>
      </c>
      <c r="G23104" s="8">
        <v>263</v>
      </c>
      <c r="H23104" s="5">
        <v>6</v>
      </c>
      <c r="I23104" s="5" t="s">
        <v>1518</v>
      </c>
      <c r="J23104" s="5" t="s">
        <v>69038</v>
      </c>
      <c r="K23104" s="2" t="s">
        <v>69039</v>
      </c>
      <c r="L23104" s="5" t="s">
        <v>69038</v>
      </c>
      <c r="M23104" s="2" t="s">
        <v>69039</v>
      </c>
      <c r="N23104" s="5" t="s">
        <v>1521</v>
      </c>
      <c r="O23104" s="5" t="s">
        <v>38</v>
      </c>
      <c r="P23104" s="5" t="s">
        <v>39</v>
      </c>
      <c r="Q23104" s="5" t="s">
        <v>40</v>
      </c>
      <c r="R23104" s="5" t="s">
        <v>1522</v>
      </c>
      <c r="S23104" s="5" t="s">
        <v>1523</v>
      </c>
      <c r="T23104" s="5" t="s">
        <v>42</v>
      </c>
      <c r="U23104" s="2">
        <v>2.6840000000000002</v>
      </c>
      <c r="V23104" s="2">
        <v>2.141</v>
      </c>
      <c r="W23104" s="2">
        <v>1.4999999999999999E-2</v>
      </c>
      <c r="X23104" s="2">
        <v>118.9</v>
      </c>
      <c r="Y23104" s="2">
        <v>7.6</v>
      </c>
      <c r="Z23104" s="2">
        <v>16.7</v>
      </c>
      <c r="AA23104" s="5"/>
      <c r="AB23104" s="5" t="s">
        <v>43</v>
      </c>
      <c r="AC23104" s="5" t="s">
        <v>44</v>
      </c>
      <c r="AD23104" s="2"/>
      <c r="AE23104" s="1"/>
    </row>
    <row r="23105" spans="1:31" ht="14.45">
      <c r="A23105" s="11"/>
      <c r="B23105" s="20"/>
      <c r="C23105" s="2" t="s">
        <v>74194</v>
      </c>
      <c r="D23105" s="14" t="s">
        <v>74195</v>
      </c>
      <c r="E23105" s="2" t="s">
        <v>74196</v>
      </c>
      <c r="F23105" s="2" t="s">
        <v>7559</v>
      </c>
      <c r="G23105" s="8">
        <v>263</v>
      </c>
      <c r="H23105" s="5">
        <v>6</v>
      </c>
      <c r="I23105" s="5" t="s">
        <v>1518</v>
      </c>
      <c r="J23105" s="5" t="s">
        <v>69038</v>
      </c>
      <c r="K23105" s="2" t="s">
        <v>69039</v>
      </c>
      <c r="L23105" s="5" t="s">
        <v>69038</v>
      </c>
      <c r="M23105" s="2" t="s">
        <v>69039</v>
      </c>
      <c r="N23105" s="5" t="s">
        <v>1521</v>
      </c>
      <c r="O23105" s="5" t="s">
        <v>38</v>
      </c>
      <c r="P23105" s="5" t="s">
        <v>39</v>
      </c>
      <c r="Q23105" s="5" t="s">
        <v>40</v>
      </c>
      <c r="R23105" s="5" t="s">
        <v>1522</v>
      </c>
      <c r="S23105" s="5" t="s">
        <v>1523</v>
      </c>
      <c r="T23105" s="5" t="s">
        <v>42</v>
      </c>
      <c r="U23105" s="2">
        <v>2.766</v>
      </c>
      <c r="V23105" s="2">
        <v>2.2229999999999999</v>
      </c>
      <c r="W23105" s="2">
        <v>1.4999999999999999E-2</v>
      </c>
      <c r="X23105" s="2">
        <v>118.9</v>
      </c>
      <c r="Y23105" s="2">
        <v>7.6</v>
      </c>
      <c r="Z23105" s="2">
        <v>16.7</v>
      </c>
      <c r="AA23105" s="5"/>
      <c r="AB23105" s="5" t="s">
        <v>43</v>
      </c>
      <c r="AC23105" s="5" t="s">
        <v>44</v>
      </c>
      <c r="AD23105" s="2"/>
      <c r="AE23105" s="1"/>
    </row>
    <row r="23106" spans="1:31" ht="14.45">
      <c r="A23106" s="11"/>
      <c r="B23106" s="20"/>
      <c r="C23106" s="2" t="s">
        <v>74197</v>
      </c>
      <c r="D23106" s="14" t="s">
        <v>74198</v>
      </c>
      <c r="E23106" s="2" t="s">
        <v>74199</v>
      </c>
      <c r="F23106" s="2" t="s">
        <v>16079</v>
      </c>
      <c r="G23106" s="8">
        <v>263</v>
      </c>
      <c r="H23106" s="5">
        <v>6</v>
      </c>
      <c r="I23106" s="5" t="s">
        <v>1518</v>
      </c>
      <c r="J23106" s="5" t="s">
        <v>69038</v>
      </c>
      <c r="K23106" s="2" t="s">
        <v>69039</v>
      </c>
      <c r="L23106" s="5" t="s">
        <v>69038</v>
      </c>
      <c r="M23106" s="2" t="s">
        <v>69039</v>
      </c>
      <c r="N23106" s="5" t="s">
        <v>1521</v>
      </c>
      <c r="O23106" s="5" t="s">
        <v>38</v>
      </c>
      <c r="P23106" s="5" t="s">
        <v>39</v>
      </c>
      <c r="Q23106" s="5" t="s">
        <v>40</v>
      </c>
      <c r="R23106" s="5" t="s">
        <v>1522</v>
      </c>
      <c r="S23106" s="5" t="s">
        <v>1523</v>
      </c>
      <c r="T23106" s="5" t="s">
        <v>42</v>
      </c>
      <c r="U23106" s="2">
        <v>2.6840000000000002</v>
      </c>
      <c r="V23106" s="2">
        <v>2.141</v>
      </c>
      <c r="W23106" s="2">
        <v>1.4999999999999999E-2</v>
      </c>
      <c r="X23106" s="2">
        <v>118.9</v>
      </c>
      <c r="Y23106" s="2">
        <v>7.6</v>
      </c>
      <c r="Z23106" s="2">
        <v>16.7</v>
      </c>
      <c r="AA23106" s="5"/>
      <c r="AB23106" s="5" t="s">
        <v>43</v>
      </c>
      <c r="AC23106" s="5" t="s">
        <v>44</v>
      </c>
      <c r="AD23106" s="2"/>
      <c r="AE23106" s="1"/>
    </row>
    <row r="23107" spans="1:31" ht="14.45">
      <c r="A23107" s="11"/>
      <c r="B23107" s="20"/>
      <c r="C23107" s="2" t="s">
        <v>74200</v>
      </c>
      <c r="D23107" s="14" t="s">
        <v>74201</v>
      </c>
      <c r="E23107" s="2" t="s">
        <v>74202</v>
      </c>
      <c r="F23107" s="2" t="s">
        <v>16194</v>
      </c>
      <c r="G23107" s="8">
        <v>263</v>
      </c>
      <c r="H23107" s="5">
        <v>6</v>
      </c>
      <c r="I23107" s="5" t="s">
        <v>1518</v>
      </c>
      <c r="J23107" s="5" t="s">
        <v>69038</v>
      </c>
      <c r="K23107" s="2" t="s">
        <v>69039</v>
      </c>
      <c r="L23107" s="5" t="s">
        <v>69038</v>
      </c>
      <c r="M23107" s="2" t="s">
        <v>69039</v>
      </c>
      <c r="N23107" s="5" t="s">
        <v>1521</v>
      </c>
      <c r="O23107" s="5" t="s">
        <v>38</v>
      </c>
      <c r="P23107" s="5" t="s">
        <v>39</v>
      </c>
      <c r="Q23107" s="5" t="s">
        <v>40</v>
      </c>
      <c r="R23107" s="5" t="s">
        <v>1522</v>
      </c>
      <c r="S23107" s="5" t="s">
        <v>1523</v>
      </c>
      <c r="T23107" s="5" t="s">
        <v>42</v>
      </c>
      <c r="U23107" s="2">
        <v>2.766</v>
      </c>
      <c r="V23107" s="2">
        <v>2.2229999999999999</v>
      </c>
      <c r="W23107" s="2">
        <v>1.4999999999999999E-2</v>
      </c>
      <c r="X23107" s="2">
        <v>118.9</v>
      </c>
      <c r="Y23107" s="2">
        <v>7.6</v>
      </c>
      <c r="Z23107" s="2">
        <v>16.7</v>
      </c>
      <c r="AA23107" s="5"/>
      <c r="AB23107" s="5" t="s">
        <v>43</v>
      </c>
      <c r="AC23107" s="5" t="s">
        <v>44</v>
      </c>
      <c r="AD23107" s="2"/>
      <c r="AE23107" s="1"/>
    </row>
    <row r="23108" spans="1:31" ht="14.45">
      <c r="A23108" s="11"/>
      <c r="B23108" s="20"/>
      <c r="C23108" s="2" t="s">
        <v>74203</v>
      </c>
      <c r="D23108" s="14" t="s">
        <v>74204</v>
      </c>
      <c r="E23108" s="2" t="s">
        <v>74205</v>
      </c>
      <c r="F23108" s="2" t="s">
        <v>7449</v>
      </c>
      <c r="G23108" s="8">
        <v>263</v>
      </c>
      <c r="H23108" s="5">
        <v>6</v>
      </c>
      <c r="I23108" s="5" t="s">
        <v>1518</v>
      </c>
      <c r="J23108" s="5" t="s">
        <v>69038</v>
      </c>
      <c r="K23108" s="2" t="s">
        <v>69039</v>
      </c>
      <c r="L23108" s="5" t="s">
        <v>69038</v>
      </c>
      <c r="M23108" s="2" t="s">
        <v>69039</v>
      </c>
      <c r="N23108" s="5" t="s">
        <v>1521</v>
      </c>
      <c r="O23108" s="5" t="s">
        <v>38</v>
      </c>
      <c r="P23108" s="5" t="s">
        <v>39</v>
      </c>
      <c r="Q23108" s="5" t="s">
        <v>40</v>
      </c>
      <c r="R23108" s="5" t="s">
        <v>1522</v>
      </c>
      <c r="S23108" s="5" t="s">
        <v>1523</v>
      </c>
      <c r="T23108" s="5" t="s">
        <v>42</v>
      </c>
      <c r="U23108" s="2">
        <v>2.6840000000000002</v>
      </c>
      <c r="V23108" s="2">
        <v>2.141</v>
      </c>
      <c r="W23108" s="2">
        <v>1.4999999999999999E-2</v>
      </c>
      <c r="X23108" s="2">
        <v>118.9</v>
      </c>
      <c r="Y23108" s="2">
        <v>7.6</v>
      </c>
      <c r="Z23108" s="2">
        <v>16.7</v>
      </c>
      <c r="AA23108" s="5"/>
      <c r="AB23108" s="5" t="s">
        <v>43</v>
      </c>
      <c r="AC23108" s="5" t="s">
        <v>44</v>
      </c>
      <c r="AD23108" s="2"/>
      <c r="AE23108" s="1"/>
    </row>
    <row r="23109" spans="1:31" ht="14.45">
      <c r="A23109" s="11"/>
      <c r="B23109" s="20"/>
      <c r="C23109" s="2" t="s">
        <v>74206</v>
      </c>
      <c r="D23109" s="14" t="s">
        <v>74207</v>
      </c>
      <c r="E23109" s="2" t="s">
        <v>74208</v>
      </c>
      <c r="F23109" s="2" t="s">
        <v>7581</v>
      </c>
      <c r="G23109" s="8">
        <v>263</v>
      </c>
      <c r="H23109" s="5">
        <v>6</v>
      </c>
      <c r="I23109" s="5" t="s">
        <v>1518</v>
      </c>
      <c r="J23109" s="5" t="s">
        <v>69038</v>
      </c>
      <c r="K23109" s="2" t="s">
        <v>69039</v>
      </c>
      <c r="L23109" s="5" t="s">
        <v>69038</v>
      </c>
      <c r="M23109" s="2" t="s">
        <v>69039</v>
      </c>
      <c r="N23109" s="5" t="s">
        <v>1521</v>
      </c>
      <c r="O23109" s="5" t="s">
        <v>38</v>
      </c>
      <c r="P23109" s="5" t="s">
        <v>39</v>
      </c>
      <c r="Q23109" s="5" t="s">
        <v>40</v>
      </c>
      <c r="R23109" s="5" t="s">
        <v>1522</v>
      </c>
      <c r="S23109" s="5" t="s">
        <v>1523</v>
      </c>
      <c r="T23109" s="5" t="s">
        <v>42</v>
      </c>
      <c r="U23109" s="2">
        <v>2.766</v>
      </c>
      <c r="V23109" s="2">
        <v>2.2229999999999999</v>
      </c>
      <c r="W23109" s="2">
        <v>1.4999999999999999E-2</v>
      </c>
      <c r="X23109" s="2">
        <v>118.9</v>
      </c>
      <c r="Y23109" s="2">
        <v>7.6</v>
      </c>
      <c r="Z23109" s="2">
        <v>16.7</v>
      </c>
      <c r="AA23109" s="5"/>
      <c r="AB23109" s="5" t="s">
        <v>43</v>
      </c>
      <c r="AC23109" s="5" t="s">
        <v>44</v>
      </c>
      <c r="AD23109" s="2"/>
      <c r="AE23109" s="1"/>
    </row>
    <row r="23110" spans="1:31" ht="14.45">
      <c r="A23110" s="11"/>
      <c r="B23110" s="20"/>
      <c r="C23110" s="2" t="s">
        <v>74209</v>
      </c>
      <c r="D23110" s="14" t="s">
        <v>74210</v>
      </c>
      <c r="E23110" s="2" t="s">
        <v>74211</v>
      </c>
      <c r="F23110" s="2" t="s">
        <v>7585</v>
      </c>
      <c r="G23110" s="8">
        <v>263</v>
      </c>
      <c r="H23110" s="5">
        <v>6</v>
      </c>
      <c r="I23110" s="5" t="s">
        <v>1518</v>
      </c>
      <c r="J23110" s="5" t="s">
        <v>69038</v>
      </c>
      <c r="K23110" s="2" t="s">
        <v>69039</v>
      </c>
      <c r="L23110" s="5" t="s">
        <v>69038</v>
      </c>
      <c r="M23110" s="2" t="s">
        <v>69039</v>
      </c>
      <c r="N23110" s="5" t="s">
        <v>1521</v>
      </c>
      <c r="O23110" s="5" t="s">
        <v>38</v>
      </c>
      <c r="P23110" s="5" t="s">
        <v>39</v>
      </c>
      <c r="Q23110" s="5" t="s">
        <v>40</v>
      </c>
      <c r="R23110" s="5" t="s">
        <v>1522</v>
      </c>
      <c r="S23110" s="5" t="s">
        <v>1523</v>
      </c>
      <c r="T23110" s="5" t="s">
        <v>42</v>
      </c>
      <c r="U23110" s="2">
        <v>2.6840000000000002</v>
      </c>
      <c r="V23110" s="2">
        <v>2.141</v>
      </c>
      <c r="W23110" s="2">
        <v>1.4999999999999999E-2</v>
      </c>
      <c r="X23110" s="2">
        <v>118.9</v>
      </c>
      <c r="Y23110" s="2">
        <v>7.6</v>
      </c>
      <c r="Z23110" s="2">
        <v>16.7</v>
      </c>
      <c r="AA23110" s="5"/>
      <c r="AB23110" s="5" t="s">
        <v>43</v>
      </c>
      <c r="AC23110" s="5" t="s">
        <v>44</v>
      </c>
      <c r="AD23110" s="2"/>
      <c r="AE23110" s="1"/>
    </row>
    <row r="23111" spans="1:31" ht="14.45">
      <c r="A23111" s="11"/>
      <c r="B23111" s="20"/>
      <c r="C23111" s="2" t="s">
        <v>74212</v>
      </c>
      <c r="D23111" s="14" t="s">
        <v>74213</v>
      </c>
      <c r="E23111" s="2" t="s">
        <v>74214</v>
      </c>
      <c r="F23111" s="2" t="s">
        <v>7589</v>
      </c>
      <c r="G23111" s="8">
        <v>263</v>
      </c>
      <c r="H23111" s="5">
        <v>6</v>
      </c>
      <c r="I23111" s="5" t="s">
        <v>1518</v>
      </c>
      <c r="J23111" s="5" t="s">
        <v>69038</v>
      </c>
      <c r="K23111" s="2" t="s">
        <v>69039</v>
      </c>
      <c r="L23111" s="5" t="s">
        <v>69038</v>
      </c>
      <c r="M23111" s="2" t="s">
        <v>69039</v>
      </c>
      <c r="N23111" s="5" t="s">
        <v>1521</v>
      </c>
      <c r="O23111" s="5" t="s">
        <v>38</v>
      </c>
      <c r="P23111" s="5" t="s">
        <v>39</v>
      </c>
      <c r="Q23111" s="5" t="s">
        <v>40</v>
      </c>
      <c r="R23111" s="5" t="s">
        <v>1522</v>
      </c>
      <c r="S23111" s="5" t="s">
        <v>1523</v>
      </c>
      <c r="T23111" s="5" t="s">
        <v>42</v>
      </c>
      <c r="U23111" s="2">
        <v>2.766</v>
      </c>
      <c r="V23111" s="2">
        <v>2.2229999999999999</v>
      </c>
      <c r="W23111" s="2">
        <v>1.4999999999999999E-2</v>
      </c>
      <c r="X23111" s="2">
        <v>118.9</v>
      </c>
      <c r="Y23111" s="2">
        <v>7.6</v>
      </c>
      <c r="Z23111" s="2">
        <v>16.7</v>
      </c>
      <c r="AA23111" s="5"/>
      <c r="AB23111" s="5" t="s">
        <v>43</v>
      </c>
      <c r="AC23111" s="5" t="s">
        <v>44</v>
      </c>
      <c r="AD23111" s="2"/>
      <c r="AE23111" s="1"/>
    </row>
    <row r="23112" spans="1:31" ht="14.45">
      <c r="A23112" s="11"/>
      <c r="B23112" s="20"/>
      <c r="C23112" s="2" t="s">
        <v>74215</v>
      </c>
      <c r="D23112" s="14" t="s">
        <v>74216</v>
      </c>
      <c r="E23112" s="2" t="s">
        <v>74217</v>
      </c>
      <c r="F23112" s="2" t="s">
        <v>7597</v>
      </c>
      <c r="G23112" s="8">
        <v>263</v>
      </c>
      <c r="H23112" s="5">
        <v>6</v>
      </c>
      <c r="I23112" s="5" t="s">
        <v>1518</v>
      </c>
      <c r="J23112" s="5" t="s">
        <v>69038</v>
      </c>
      <c r="K23112" s="2" t="s">
        <v>69039</v>
      </c>
      <c r="L23112" s="5" t="s">
        <v>69038</v>
      </c>
      <c r="M23112" s="2" t="s">
        <v>69039</v>
      </c>
      <c r="N23112" s="5" t="s">
        <v>1521</v>
      </c>
      <c r="O23112" s="5" t="s">
        <v>38</v>
      </c>
      <c r="P23112" s="5" t="s">
        <v>39</v>
      </c>
      <c r="Q23112" s="5" t="s">
        <v>40</v>
      </c>
      <c r="R23112" s="5" t="s">
        <v>1522</v>
      </c>
      <c r="S23112" s="5" t="s">
        <v>1523</v>
      </c>
      <c r="T23112" s="5" t="s">
        <v>42</v>
      </c>
      <c r="U23112" s="2">
        <v>2.766</v>
      </c>
      <c r="V23112" s="2">
        <v>2.2229999999999999</v>
      </c>
      <c r="W23112" s="2">
        <v>1.4999999999999999E-2</v>
      </c>
      <c r="X23112" s="2">
        <v>118.9</v>
      </c>
      <c r="Y23112" s="2">
        <v>7.6</v>
      </c>
      <c r="Z23112" s="2">
        <v>16.7</v>
      </c>
      <c r="AA23112" s="5"/>
      <c r="AB23112" s="5" t="s">
        <v>43</v>
      </c>
      <c r="AC23112" s="5" t="s">
        <v>44</v>
      </c>
      <c r="AD23112" s="2"/>
      <c r="AE23112" s="1"/>
    </row>
    <row r="23113" spans="1:31" ht="14.45">
      <c r="A23113" s="11"/>
      <c r="B23113" s="20"/>
      <c r="C23113" s="2" t="s">
        <v>74218</v>
      </c>
      <c r="D23113" s="14" t="s">
        <v>74219</v>
      </c>
      <c r="E23113" s="2" t="s">
        <v>74220</v>
      </c>
      <c r="F23113" s="2" t="s">
        <v>73358</v>
      </c>
      <c r="G23113" s="8">
        <v>263</v>
      </c>
      <c r="H23113" s="5">
        <v>6</v>
      </c>
      <c r="I23113" s="5" t="s">
        <v>1518</v>
      </c>
      <c r="J23113" s="5" t="s">
        <v>69038</v>
      </c>
      <c r="K23113" s="2" t="s">
        <v>69039</v>
      </c>
      <c r="L23113" s="5" t="s">
        <v>69038</v>
      </c>
      <c r="M23113" s="2" t="s">
        <v>69039</v>
      </c>
      <c r="N23113" s="5" t="s">
        <v>1521</v>
      </c>
      <c r="O23113" s="5" t="s">
        <v>38</v>
      </c>
      <c r="P23113" s="5" t="s">
        <v>39</v>
      </c>
      <c r="Q23113" s="5" t="s">
        <v>40</v>
      </c>
      <c r="R23113" s="5" t="s">
        <v>1522</v>
      </c>
      <c r="S23113" s="5" t="s">
        <v>1523</v>
      </c>
      <c r="T23113" s="5" t="s">
        <v>42</v>
      </c>
      <c r="U23113" s="2">
        <v>2.6840000000000002</v>
      </c>
      <c r="V23113" s="2">
        <v>2.141</v>
      </c>
      <c r="W23113" s="2">
        <v>1.4999999999999999E-2</v>
      </c>
      <c r="X23113" s="2">
        <v>118.9</v>
      </c>
      <c r="Y23113" s="2">
        <v>7.6</v>
      </c>
      <c r="Z23113" s="2">
        <v>16.7</v>
      </c>
      <c r="AA23113" s="5"/>
      <c r="AB23113" s="5" t="s">
        <v>43</v>
      </c>
      <c r="AC23113" s="5" t="s">
        <v>44</v>
      </c>
      <c r="AD23113" s="2"/>
      <c r="AE23113" s="1"/>
    </row>
    <row r="23114" spans="1:31" ht="14.45">
      <c r="A23114" s="11"/>
      <c r="B23114" s="20"/>
      <c r="C23114" s="2" t="s">
        <v>74221</v>
      </c>
      <c r="D23114" s="14" t="s">
        <v>74222</v>
      </c>
      <c r="E23114" s="2" t="s">
        <v>74223</v>
      </c>
      <c r="F23114" s="2" t="s">
        <v>73362</v>
      </c>
      <c r="G23114" s="8">
        <v>263</v>
      </c>
      <c r="H23114" s="5">
        <v>6</v>
      </c>
      <c r="I23114" s="5" t="s">
        <v>1518</v>
      </c>
      <c r="J23114" s="5" t="s">
        <v>69038</v>
      </c>
      <c r="K23114" s="2" t="s">
        <v>69039</v>
      </c>
      <c r="L23114" s="5" t="s">
        <v>69038</v>
      </c>
      <c r="M23114" s="2" t="s">
        <v>69039</v>
      </c>
      <c r="N23114" s="5" t="s">
        <v>1521</v>
      </c>
      <c r="O23114" s="5" t="s">
        <v>38</v>
      </c>
      <c r="P23114" s="5" t="s">
        <v>39</v>
      </c>
      <c r="Q23114" s="5" t="s">
        <v>40</v>
      </c>
      <c r="R23114" s="5" t="s">
        <v>1522</v>
      </c>
      <c r="S23114" s="5" t="s">
        <v>1523</v>
      </c>
      <c r="T23114" s="5" t="s">
        <v>42</v>
      </c>
      <c r="U23114" s="2">
        <v>2.766</v>
      </c>
      <c r="V23114" s="2">
        <v>2.2229999999999999</v>
      </c>
      <c r="W23114" s="2">
        <v>1.4999999999999999E-2</v>
      </c>
      <c r="X23114" s="2">
        <v>118.9</v>
      </c>
      <c r="Y23114" s="2">
        <v>7.6</v>
      </c>
      <c r="Z23114" s="2">
        <v>16.7</v>
      </c>
      <c r="AA23114" s="5"/>
      <c r="AB23114" s="5" t="s">
        <v>43</v>
      </c>
      <c r="AC23114" s="5" t="s">
        <v>44</v>
      </c>
      <c r="AD23114" s="2"/>
      <c r="AE23114" s="1"/>
    </row>
    <row r="23115" spans="1:31" ht="14.45">
      <c r="A23115" s="11"/>
      <c r="B23115" s="20"/>
      <c r="C23115" s="2" t="s">
        <v>74224</v>
      </c>
      <c r="D23115" s="14" t="s">
        <v>74225</v>
      </c>
      <c r="E23115" s="2" t="s">
        <v>74226</v>
      </c>
      <c r="F23115" s="2" t="s">
        <v>7615</v>
      </c>
      <c r="G23115" s="8">
        <v>263</v>
      </c>
      <c r="H23115" s="5">
        <v>6</v>
      </c>
      <c r="I23115" s="5" t="s">
        <v>1518</v>
      </c>
      <c r="J23115" s="5" t="s">
        <v>69038</v>
      </c>
      <c r="K23115" s="2" t="s">
        <v>69039</v>
      </c>
      <c r="L23115" s="5" t="s">
        <v>69038</v>
      </c>
      <c r="M23115" s="2" t="s">
        <v>69039</v>
      </c>
      <c r="N23115" s="5" t="s">
        <v>1521</v>
      </c>
      <c r="O23115" s="5" t="s">
        <v>38</v>
      </c>
      <c r="P23115" s="5" t="s">
        <v>39</v>
      </c>
      <c r="Q23115" s="5" t="s">
        <v>40</v>
      </c>
      <c r="R23115" s="5" t="s">
        <v>1522</v>
      </c>
      <c r="S23115" s="5" t="s">
        <v>1523</v>
      </c>
      <c r="T23115" s="5" t="s">
        <v>42</v>
      </c>
      <c r="U23115" s="2">
        <v>2.6840000000000002</v>
      </c>
      <c r="V23115" s="2">
        <v>2.141</v>
      </c>
      <c r="W23115" s="2">
        <v>1.4999999999999999E-2</v>
      </c>
      <c r="X23115" s="2">
        <v>118.9</v>
      </c>
      <c r="Y23115" s="2">
        <v>7.6</v>
      </c>
      <c r="Z23115" s="2">
        <v>16.7</v>
      </c>
      <c r="AA23115" s="5"/>
      <c r="AB23115" s="5" t="s">
        <v>43</v>
      </c>
      <c r="AC23115" s="5" t="s">
        <v>44</v>
      </c>
      <c r="AD23115" s="2"/>
      <c r="AE23115" s="1"/>
    </row>
    <row r="23116" spans="1:31" ht="14.45">
      <c r="A23116" s="11"/>
      <c r="B23116" s="20"/>
      <c r="C23116" s="2" t="s">
        <v>74227</v>
      </c>
      <c r="D23116" s="14" t="s">
        <v>74228</v>
      </c>
      <c r="E23116" s="2" t="s">
        <v>74229</v>
      </c>
      <c r="F23116" s="2" t="s">
        <v>7619</v>
      </c>
      <c r="G23116" s="8">
        <v>263</v>
      </c>
      <c r="H23116" s="5">
        <v>6</v>
      </c>
      <c r="I23116" s="5" t="s">
        <v>1518</v>
      </c>
      <c r="J23116" s="5" t="s">
        <v>69038</v>
      </c>
      <c r="K23116" s="2" t="s">
        <v>69039</v>
      </c>
      <c r="L23116" s="5" t="s">
        <v>69038</v>
      </c>
      <c r="M23116" s="2" t="s">
        <v>69039</v>
      </c>
      <c r="N23116" s="5" t="s">
        <v>1521</v>
      </c>
      <c r="O23116" s="5" t="s">
        <v>38</v>
      </c>
      <c r="P23116" s="5" t="s">
        <v>39</v>
      </c>
      <c r="Q23116" s="5" t="s">
        <v>40</v>
      </c>
      <c r="R23116" s="5" t="s">
        <v>1522</v>
      </c>
      <c r="S23116" s="5" t="s">
        <v>1523</v>
      </c>
      <c r="T23116" s="5" t="s">
        <v>42</v>
      </c>
      <c r="U23116" s="2">
        <v>2.766</v>
      </c>
      <c r="V23116" s="2">
        <v>2.2229999999999999</v>
      </c>
      <c r="W23116" s="2">
        <v>1.4999999999999999E-2</v>
      </c>
      <c r="X23116" s="2">
        <v>118.9</v>
      </c>
      <c r="Y23116" s="2">
        <v>7.6</v>
      </c>
      <c r="Z23116" s="2">
        <v>16.7</v>
      </c>
      <c r="AA23116" s="5"/>
      <c r="AB23116" s="5" t="s">
        <v>43</v>
      </c>
      <c r="AC23116" s="5" t="s">
        <v>44</v>
      </c>
      <c r="AD23116" s="2"/>
      <c r="AE23116" s="1"/>
    </row>
    <row r="23117" spans="1:31" ht="14.45">
      <c r="A23117" s="11"/>
      <c r="B23117" s="20"/>
      <c r="C23117" s="2" t="s">
        <v>74230</v>
      </c>
      <c r="D23117" s="14" t="s">
        <v>74231</v>
      </c>
      <c r="E23117" s="2" t="s">
        <v>74232</v>
      </c>
      <c r="F23117" s="2" t="s">
        <v>16014</v>
      </c>
      <c r="G23117" s="8">
        <v>263</v>
      </c>
      <c r="H23117" s="5">
        <v>6</v>
      </c>
      <c r="I23117" s="5" t="s">
        <v>1518</v>
      </c>
      <c r="J23117" s="5" t="s">
        <v>69038</v>
      </c>
      <c r="K23117" s="2" t="s">
        <v>69039</v>
      </c>
      <c r="L23117" s="5" t="s">
        <v>69038</v>
      </c>
      <c r="M23117" s="2" t="s">
        <v>69039</v>
      </c>
      <c r="N23117" s="5" t="s">
        <v>1521</v>
      </c>
      <c r="O23117" s="5" t="s">
        <v>38</v>
      </c>
      <c r="P23117" s="5" t="s">
        <v>39</v>
      </c>
      <c r="Q23117" s="5" t="s">
        <v>40</v>
      </c>
      <c r="R23117" s="5" t="s">
        <v>1522</v>
      </c>
      <c r="S23117" s="5" t="s">
        <v>1523</v>
      </c>
      <c r="T23117" s="5" t="s">
        <v>42</v>
      </c>
      <c r="U23117" s="2">
        <v>2.6840000000000002</v>
      </c>
      <c r="V23117" s="2">
        <v>2.141</v>
      </c>
      <c r="W23117" s="2">
        <v>1.4999999999999999E-2</v>
      </c>
      <c r="X23117" s="2">
        <v>118.9</v>
      </c>
      <c r="Y23117" s="2">
        <v>7.6</v>
      </c>
      <c r="Z23117" s="2">
        <v>16.7</v>
      </c>
      <c r="AA23117" s="5"/>
      <c r="AB23117" s="5" t="s">
        <v>43</v>
      </c>
      <c r="AC23117" s="5" t="s">
        <v>44</v>
      </c>
      <c r="AD23117" s="2"/>
      <c r="AE23117" s="1"/>
    </row>
    <row r="23118" spans="1:31" ht="14.45">
      <c r="A23118" s="11"/>
      <c r="B23118" s="20"/>
      <c r="C23118" s="2" t="s">
        <v>74233</v>
      </c>
      <c r="D23118" s="14" t="s">
        <v>74234</v>
      </c>
      <c r="E23118" s="2" t="s">
        <v>74235</v>
      </c>
      <c r="F23118" s="2" t="s">
        <v>16219</v>
      </c>
      <c r="G23118" s="8">
        <v>263</v>
      </c>
      <c r="H23118" s="5">
        <v>6</v>
      </c>
      <c r="I23118" s="5" t="s">
        <v>1518</v>
      </c>
      <c r="J23118" s="5" t="s">
        <v>69038</v>
      </c>
      <c r="K23118" s="2" t="s">
        <v>69039</v>
      </c>
      <c r="L23118" s="5" t="s">
        <v>69038</v>
      </c>
      <c r="M23118" s="2" t="s">
        <v>69039</v>
      </c>
      <c r="N23118" s="5" t="s">
        <v>1521</v>
      </c>
      <c r="O23118" s="5" t="s">
        <v>38</v>
      </c>
      <c r="P23118" s="5" t="s">
        <v>39</v>
      </c>
      <c r="Q23118" s="5" t="s">
        <v>40</v>
      </c>
      <c r="R23118" s="5" t="s">
        <v>1522</v>
      </c>
      <c r="S23118" s="5" t="s">
        <v>1523</v>
      </c>
      <c r="T23118" s="5" t="s">
        <v>42</v>
      </c>
      <c r="U23118" s="2">
        <v>2.766</v>
      </c>
      <c r="V23118" s="2">
        <v>2.2229999999999999</v>
      </c>
      <c r="W23118" s="2">
        <v>1.4999999999999999E-2</v>
      </c>
      <c r="X23118" s="2">
        <v>118.9</v>
      </c>
      <c r="Y23118" s="2">
        <v>7.6</v>
      </c>
      <c r="Z23118" s="2">
        <v>16.7</v>
      </c>
      <c r="AA23118" s="5"/>
      <c r="AB23118" s="5" t="s">
        <v>43</v>
      </c>
      <c r="AC23118" s="5" t="s">
        <v>44</v>
      </c>
      <c r="AD23118" s="2"/>
      <c r="AE23118" s="1"/>
    </row>
    <row r="23119" spans="1:31" ht="14.45">
      <c r="A23119" s="11"/>
      <c r="B23119" s="20"/>
      <c r="C23119" s="2" t="s">
        <v>74236</v>
      </c>
      <c r="D23119" s="14" t="s">
        <v>74237</v>
      </c>
      <c r="E23119" s="2" t="s">
        <v>74238</v>
      </c>
      <c r="F23119" s="2" t="s">
        <v>7212</v>
      </c>
      <c r="G23119" s="8">
        <v>246</v>
      </c>
      <c r="H23119" s="5">
        <v>6</v>
      </c>
      <c r="I23119" s="5" t="s">
        <v>1518</v>
      </c>
      <c r="J23119" s="5" t="s">
        <v>69038</v>
      </c>
      <c r="K23119" s="2" t="s">
        <v>69039</v>
      </c>
      <c r="L23119" s="5" t="s">
        <v>69038</v>
      </c>
      <c r="M23119" s="2" t="s">
        <v>69039</v>
      </c>
      <c r="N23119" s="5" t="s">
        <v>1521</v>
      </c>
      <c r="O23119" s="5" t="s">
        <v>38</v>
      </c>
      <c r="P23119" s="5" t="s">
        <v>39</v>
      </c>
      <c r="Q23119" s="5" t="s">
        <v>40</v>
      </c>
      <c r="R23119" s="5" t="s">
        <v>1522</v>
      </c>
      <c r="S23119" s="5" t="s">
        <v>1523</v>
      </c>
      <c r="T23119" s="5" t="s">
        <v>42</v>
      </c>
      <c r="U23119" s="2">
        <v>2.6840000000000002</v>
      </c>
      <c r="V23119" s="2">
        <v>2.141</v>
      </c>
      <c r="W23119" s="2">
        <v>1.4999999999999999E-2</v>
      </c>
      <c r="X23119" s="2">
        <v>118.9</v>
      </c>
      <c r="Y23119" s="2">
        <v>7.6</v>
      </c>
      <c r="Z23119" s="2">
        <v>16.7</v>
      </c>
      <c r="AA23119" s="5"/>
      <c r="AB23119" s="5" t="s">
        <v>43</v>
      </c>
      <c r="AC23119" s="5" t="s">
        <v>44</v>
      </c>
      <c r="AD23119" s="2"/>
      <c r="AE23119" s="1"/>
    </row>
    <row r="23120" spans="1:31" ht="14.45">
      <c r="A23120" s="11"/>
      <c r="B23120" s="20"/>
      <c r="C23120" s="2" t="s">
        <v>74239</v>
      </c>
      <c r="D23120" s="14" t="s">
        <v>74240</v>
      </c>
      <c r="E23120" s="2" t="s">
        <v>74241</v>
      </c>
      <c r="F23120" s="2" t="s">
        <v>7528</v>
      </c>
      <c r="G23120" s="8">
        <v>246</v>
      </c>
      <c r="H23120" s="5">
        <v>6</v>
      </c>
      <c r="I23120" s="5" t="s">
        <v>1518</v>
      </c>
      <c r="J23120" s="5" t="s">
        <v>69038</v>
      </c>
      <c r="K23120" s="2" t="s">
        <v>69039</v>
      </c>
      <c r="L23120" s="5" t="s">
        <v>69038</v>
      </c>
      <c r="M23120" s="2" t="s">
        <v>69039</v>
      </c>
      <c r="N23120" s="5" t="s">
        <v>1521</v>
      </c>
      <c r="O23120" s="5" t="s">
        <v>38</v>
      </c>
      <c r="P23120" s="5" t="s">
        <v>39</v>
      </c>
      <c r="Q23120" s="5" t="s">
        <v>40</v>
      </c>
      <c r="R23120" s="5" t="s">
        <v>1522</v>
      </c>
      <c r="S23120" s="5" t="s">
        <v>1523</v>
      </c>
      <c r="T23120" s="5" t="s">
        <v>42</v>
      </c>
      <c r="U23120" s="2">
        <v>2.766</v>
      </c>
      <c r="V23120" s="2">
        <v>2.2229999999999999</v>
      </c>
      <c r="W23120" s="2">
        <v>1.4999999999999999E-2</v>
      </c>
      <c r="X23120" s="2">
        <v>118.9</v>
      </c>
      <c r="Y23120" s="2">
        <v>7.6</v>
      </c>
      <c r="Z23120" s="2">
        <v>16.7</v>
      </c>
      <c r="AA23120" s="5"/>
      <c r="AB23120" s="5" t="s">
        <v>43</v>
      </c>
      <c r="AC23120" s="5" t="s">
        <v>44</v>
      </c>
      <c r="AD23120" s="2"/>
      <c r="AE23120" s="1"/>
    </row>
    <row r="23121" spans="1:31" ht="14.45">
      <c r="A23121" s="11"/>
      <c r="B23121" s="20"/>
      <c r="C23121" s="2" t="s">
        <v>74242</v>
      </c>
      <c r="D23121" s="14" t="s">
        <v>74243</v>
      </c>
      <c r="E23121" s="2" t="s">
        <v>74244</v>
      </c>
      <c r="F23121" s="2" t="s">
        <v>16029</v>
      </c>
      <c r="G23121" s="8">
        <v>263</v>
      </c>
      <c r="H23121" s="5">
        <v>6</v>
      </c>
      <c r="I23121" s="5" t="s">
        <v>1518</v>
      </c>
      <c r="J23121" s="5" t="s">
        <v>69038</v>
      </c>
      <c r="K23121" s="2" t="s">
        <v>69039</v>
      </c>
      <c r="L23121" s="5" t="s">
        <v>69038</v>
      </c>
      <c r="M23121" s="2" t="s">
        <v>69039</v>
      </c>
      <c r="N23121" s="5" t="s">
        <v>1521</v>
      </c>
      <c r="O23121" s="5" t="s">
        <v>38</v>
      </c>
      <c r="P23121" s="5" t="s">
        <v>39</v>
      </c>
      <c r="Q23121" s="5" t="s">
        <v>40</v>
      </c>
      <c r="R23121" s="5" t="s">
        <v>1522</v>
      </c>
      <c r="S23121" s="5" t="s">
        <v>1523</v>
      </c>
      <c r="T23121" s="5" t="s">
        <v>42</v>
      </c>
      <c r="U23121" s="2">
        <v>2.7010000000000001</v>
      </c>
      <c r="V23121" s="2">
        <v>2.1579999999999999</v>
      </c>
      <c r="W23121" s="2">
        <v>1.4999999999999999E-2</v>
      </c>
      <c r="X23121" s="2">
        <v>118.9</v>
      </c>
      <c r="Y23121" s="2">
        <v>7.6</v>
      </c>
      <c r="Z23121" s="2">
        <v>16.7</v>
      </c>
      <c r="AA23121" s="5"/>
      <c r="AB23121" s="5" t="s">
        <v>43</v>
      </c>
      <c r="AC23121" s="5" t="s">
        <v>44</v>
      </c>
      <c r="AD23121" s="2"/>
      <c r="AE23121" s="1"/>
    </row>
    <row r="23122" spans="1:31" ht="14.45">
      <c r="A23122" s="11"/>
      <c r="B23122" s="20"/>
      <c r="C23122" s="2" t="s">
        <v>74245</v>
      </c>
      <c r="D23122" s="14" t="s">
        <v>74246</v>
      </c>
      <c r="E23122" s="2" t="s">
        <v>74247</v>
      </c>
      <c r="F23122" s="2" t="s">
        <v>16033</v>
      </c>
      <c r="G23122" s="8">
        <v>263</v>
      </c>
      <c r="H23122" s="5">
        <v>6</v>
      </c>
      <c r="I23122" s="5" t="s">
        <v>1518</v>
      </c>
      <c r="J23122" s="5" t="s">
        <v>69038</v>
      </c>
      <c r="K23122" s="2" t="s">
        <v>69039</v>
      </c>
      <c r="L23122" s="5" t="s">
        <v>69038</v>
      </c>
      <c r="M23122" s="2" t="s">
        <v>69039</v>
      </c>
      <c r="N23122" s="5" t="s">
        <v>1521</v>
      </c>
      <c r="O23122" s="5" t="s">
        <v>38</v>
      </c>
      <c r="P23122" s="5" t="s">
        <v>39</v>
      </c>
      <c r="Q23122" s="5" t="s">
        <v>40</v>
      </c>
      <c r="R23122" s="5" t="s">
        <v>1522</v>
      </c>
      <c r="S23122" s="5" t="s">
        <v>1523</v>
      </c>
      <c r="T23122" s="5" t="s">
        <v>42</v>
      </c>
      <c r="U23122" s="2">
        <v>2.7829999999999999</v>
      </c>
      <c r="V23122" s="2">
        <v>2.2400000000000002</v>
      </c>
      <c r="W23122" s="2">
        <v>1.4999999999999999E-2</v>
      </c>
      <c r="X23122" s="2">
        <v>118.9</v>
      </c>
      <c r="Y23122" s="2">
        <v>7.6</v>
      </c>
      <c r="Z23122" s="2">
        <v>16.7</v>
      </c>
      <c r="AA23122" s="5"/>
      <c r="AB23122" s="5" t="s">
        <v>43</v>
      </c>
      <c r="AC23122" s="5" t="s">
        <v>44</v>
      </c>
      <c r="AD23122" s="2"/>
      <c r="AE23122" s="1"/>
    </row>
    <row r="23123" spans="1:31" ht="14.45">
      <c r="A23123" s="11"/>
      <c r="B23123" s="20"/>
      <c r="C23123" s="2" t="s">
        <v>74248</v>
      </c>
      <c r="D23123" s="14" t="s">
        <v>74249</v>
      </c>
      <c r="E23123" s="2" t="s">
        <v>74250</v>
      </c>
      <c r="F23123" s="2" t="s">
        <v>7204</v>
      </c>
      <c r="G23123" s="8">
        <v>249</v>
      </c>
      <c r="H23123" s="5">
        <v>6</v>
      </c>
      <c r="I23123" s="5" t="s">
        <v>1518</v>
      </c>
      <c r="J23123" s="5" t="s">
        <v>69038</v>
      </c>
      <c r="K23123" s="2" t="s">
        <v>69039</v>
      </c>
      <c r="L23123" s="5" t="s">
        <v>69038</v>
      </c>
      <c r="M23123" s="2" t="s">
        <v>69039</v>
      </c>
      <c r="N23123" s="5" t="s">
        <v>1521</v>
      </c>
      <c r="O23123" s="5" t="s">
        <v>38</v>
      </c>
      <c r="P23123" s="5" t="s">
        <v>39</v>
      </c>
      <c r="Q23123" s="5" t="s">
        <v>40</v>
      </c>
      <c r="R23123" s="5" t="s">
        <v>1522</v>
      </c>
      <c r="S23123" s="5" t="s">
        <v>1523</v>
      </c>
      <c r="T23123" s="5" t="s">
        <v>42</v>
      </c>
      <c r="U23123" s="2">
        <v>2.9319999999999999</v>
      </c>
      <c r="V23123" s="2">
        <v>2.3149999999999999</v>
      </c>
      <c r="W23123" s="2">
        <v>1.7999999999999999E-2</v>
      </c>
      <c r="X23123" s="2">
        <v>139.1</v>
      </c>
      <c r="Y23123" s="2">
        <v>7.6</v>
      </c>
      <c r="Z23123" s="2">
        <v>16.7</v>
      </c>
      <c r="AA23123" s="5"/>
      <c r="AB23123" s="5" t="s">
        <v>43</v>
      </c>
      <c r="AC23123" s="5" t="s">
        <v>44</v>
      </c>
      <c r="AD23123" s="2"/>
      <c r="AE23123" s="1"/>
    </row>
    <row r="23124" spans="1:31" ht="14.45">
      <c r="A23124" s="11"/>
      <c r="B23124" s="20"/>
      <c r="C23124" s="2" t="s">
        <v>74251</v>
      </c>
      <c r="D23124" s="14" t="s">
        <v>74252</v>
      </c>
      <c r="E23124" s="2" t="s">
        <v>74253</v>
      </c>
      <c r="F23124" s="2" t="s">
        <v>7514</v>
      </c>
      <c r="G23124" s="8">
        <v>249</v>
      </c>
      <c r="H23124" s="5">
        <v>6</v>
      </c>
      <c r="I23124" s="5" t="s">
        <v>1518</v>
      </c>
      <c r="J23124" s="5" t="s">
        <v>69038</v>
      </c>
      <c r="K23124" s="2" t="s">
        <v>69039</v>
      </c>
      <c r="L23124" s="5" t="s">
        <v>69038</v>
      </c>
      <c r="M23124" s="2" t="s">
        <v>69039</v>
      </c>
      <c r="N23124" s="5" t="s">
        <v>1521</v>
      </c>
      <c r="O23124" s="5" t="s">
        <v>38</v>
      </c>
      <c r="P23124" s="5" t="s">
        <v>39</v>
      </c>
      <c r="Q23124" s="5" t="s">
        <v>40</v>
      </c>
      <c r="R23124" s="5" t="s">
        <v>1522</v>
      </c>
      <c r="S23124" s="5" t="s">
        <v>1523</v>
      </c>
      <c r="T23124" s="5" t="s">
        <v>42</v>
      </c>
      <c r="U23124" s="2">
        <v>3.0259999999999998</v>
      </c>
      <c r="V23124" s="2">
        <v>2.4089999999999998</v>
      </c>
      <c r="W23124" s="2">
        <v>1.7999999999999999E-2</v>
      </c>
      <c r="X23124" s="2">
        <v>139.1</v>
      </c>
      <c r="Y23124" s="2">
        <v>7.6</v>
      </c>
      <c r="Z23124" s="2">
        <v>16.7</v>
      </c>
      <c r="AA23124" s="5"/>
      <c r="AB23124" s="5" t="s">
        <v>43</v>
      </c>
      <c r="AC23124" s="5" t="s">
        <v>44</v>
      </c>
      <c r="AD23124" s="2"/>
      <c r="AE23124" s="1"/>
    </row>
    <row r="23125" spans="1:31" ht="14.45">
      <c r="A23125" s="11"/>
      <c r="B23125" s="20"/>
      <c r="C23125" s="2" t="s">
        <v>74254</v>
      </c>
      <c r="D23125" s="14" t="s">
        <v>74255</v>
      </c>
      <c r="E23125" s="2" t="s">
        <v>74256</v>
      </c>
      <c r="F23125" s="2" t="s">
        <v>7208</v>
      </c>
      <c r="G23125" s="8">
        <v>249</v>
      </c>
      <c r="H23125" s="5">
        <v>6</v>
      </c>
      <c r="I23125" s="5" t="s">
        <v>1518</v>
      </c>
      <c r="J23125" s="5" t="s">
        <v>69038</v>
      </c>
      <c r="K23125" s="2" t="s">
        <v>69039</v>
      </c>
      <c r="L23125" s="5" t="s">
        <v>69038</v>
      </c>
      <c r="M23125" s="2" t="s">
        <v>69039</v>
      </c>
      <c r="N23125" s="5" t="s">
        <v>1521</v>
      </c>
      <c r="O23125" s="5" t="s">
        <v>38</v>
      </c>
      <c r="P23125" s="5" t="s">
        <v>39</v>
      </c>
      <c r="Q23125" s="5" t="s">
        <v>40</v>
      </c>
      <c r="R23125" s="5" t="s">
        <v>1522</v>
      </c>
      <c r="S23125" s="5" t="s">
        <v>1523</v>
      </c>
      <c r="T23125" s="5" t="s">
        <v>42</v>
      </c>
      <c r="U23125" s="2">
        <v>2.9319999999999999</v>
      </c>
      <c r="V23125" s="2">
        <v>2.3149999999999999</v>
      </c>
      <c r="W23125" s="2">
        <v>1.7999999999999999E-2</v>
      </c>
      <c r="X23125" s="2">
        <v>139.1</v>
      </c>
      <c r="Y23125" s="2">
        <v>7.6</v>
      </c>
      <c r="Z23125" s="2">
        <v>16.7</v>
      </c>
      <c r="AA23125" s="5"/>
      <c r="AB23125" s="5" t="s">
        <v>43</v>
      </c>
      <c r="AC23125" s="5" t="s">
        <v>44</v>
      </c>
      <c r="AD23125" s="2"/>
      <c r="AE23125" s="1"/>
    </row>
    <row r="23126" spans="1:31" ht="14.45">
      <c r="A23126" s="11"/>
      <c r="B23126" s="20"/>
      <c r="C23126" s="2" t="s">
        <v>74257</v>
      </c>
      <c r="D23126" s="14" t="s">
        <v>74258</v>
      </c>
      <c r="E23126" s="2" t="s">
        <v>74259</v>
      </c>
      <c r="F23126" s="2" t="s">
        <v>7521</v>
      </c>
      <c r="G23126" s="8">
        <v>249</v>
      </c>
      <c r="H23126" s="5">
        <v>6</v>
      </c>
      <c r="I23126" s="5" t="s">
        <v>1518</v>
      </c>
      <c r="J23126" s="5" t="s">
        <v>69038</v>
      </c>
      <c r="K23126" s="2" t="s">
        <v>69039</v>
      </c>
      <c r="L23126" s="5" t="s">
        <v>69038</v>
      </c>
      <c r="M23126" s="2" t="s">
        <v>69039</v>
      </c>
      <c r="N23126" s="5" t="s">
        <v>1521</v>
      </c>
      <c r="O23126" s="5" t="s">
        <v>38</v>
      </c>
      <c r="P23126" s="5" t="s">
        <v>39</v>
      </c>
      <c r="Q23126" s="5" t="s">
        <v>40</v>
      </c>
      <c r="R23126" s="5" t="s">
        <v>1522</v>
      </c>
      <c r="S23126" s="5" t="s">
        <v>1523</v>
      </c>
      <c r="T23126" s="5" t="s">
        <v>42</v>
      </c>
      <c r="U23126" s="2">
        <v>3.0259999999999998</v>
      </c>
      <c r="V23126" s="2">
        <v>2.4089999999999998</v>
      </c>
      <c r="W23126" s="2">
        <v>1.7999999999999999E-2</v>
      </c>
      <c r="X23126" s="2">
        <v>139.1</v>
      </c>
      <c r="Y23126" s="2">
        <v>7.6</v>
      </c>
      <c r="Z23126" s="2">
        <v>16.7</v>
      </c>
      <c r="AA23126" s="5"/>
      <c r="AB23126" s="5" t="s">
        <v>43</v>
      </c>
      <c r="AC23126" s="5" t="s">
        <v>44</v>
      </c>
      <c r="AD23126" s="2"/>
      <c r="AE23126" s="1"/>
    </row>
    <row r="23127" spans="1:31" ht="14.45">
      <c r="A23127" s="11"/>
      <c r="B23127" s="20"/>
      <c r="C23127" s="2" t="s">
        <v>74260</v>
      </c>
      <c r="D23127" s="14" t="s">
        <v>74261</v>
      </c>
      <c r="E23127" s="2" t="s">
        <v>74262</v>
      </c>
      <c r="F23127" s="2" t="s">
        <v>7406</v>
      </c>
      <c r="G23127" s="8">
        <v>267</v>
      </c>
      <c r="H23127" s="5">
        <v>6</v>
      </c>
      <c r="I23127" s="5" t="s">
        <v>1518</v>
      </c>
      <c r="J23127" s="5" t="s">
        <v>69038</v>
      </c>
      <c r="K23127" s="2" t="s">
        <v>69039</v>
      </c>
      <c r="L23127" s="5" t="s">
        <v>69038</v>
      </c>
      <c r="M23127" s="2" t="s">
        <v>69039</v>
      </c>
      <c r="N23127" s="5" t="s">
        <v>1521</v>
      </c>
      <c r="O23127" s="5" t="s">
        <v>38</v>
      </c>
      <c r="P23127" s="5" t="s">
        <v>39</v>
      </c>
      <c r="Q23127" s="5" t="s">
        <v>40</v>
      </c>
      <c r="R23127" s="5" t="s">
        <v>1522</v>
      </c>
      <c r="S23127" s="5" t="s">
        <v>1523</v>
      </c>
      <c r="T23127" s="5" t="s">
        <v>42</v>
      </c>
      <c r="U23127" s="2">
        <v>2.9319999999999999</v>
      </c>
      <c r="V23127" s="2">
        <v>2.3149999999999999</v>
      </c>
      <c r="W23127" s="2">
        <v>1.7999999999999999E-2</v>
      </c>
      <c r="X23127" s="2">
        <v>139.1</v>
      </c>
      <c r="Y23127" s="2">
        <v>7.6</v>
      </c>
      <c r="Z23127" s="2">
        <v>16.7</v>
      </c>
      <c r="AA23127" s="5"/>
      <c r="AB23127" s="5" t="s">
        <v>43</v>
      </c>
      <c r="AC23127" s="5" t="s">
        <v>44</v>
      </c>
      <c r="AD23127" s="2"/>
      <c r="AE23127" s="1"/>
    </row>
    <row r="23128" spans="1:31" ht="14.45">
      <c r="A23128" s="11"/>
      <c r="B23128" s="20"/>
      <c r="C23128" s="2" t="s">
        <v>74263</v>
      </c>
      <c r="D23128" s="14" t="s">
        <v>74264</v>
      </c>
      <c r="E23128" s="2" t="s">
        <v>74265</v>
      </c>
      <c r="F23128" s="2" t="s">
        <v>7535</v>
      </c>
      <c r="G23128" s="8">
        <v>267</v>
      </c>
      <c r="H23128" s="5">
        <v>6</v>
      </c>
      <c r="I23128" s="5" t="s">
        <v>1518</v>
      </c>
      <c r="J23128" s="5" t="s">
        <v>69038</v>
      </c>
      <c r="K23128" s="2" t="s">
        <v>69039</v>
      </c>
      <c r="L23128" s="5" t="s">
        <v>69038</v>
      </c>
      <c r="M23128" s="2" t="s">
        <v>69039</v>
      </c>
      <c r="N23128" s="5" t="s">
        <v>1521</v>
      </c>
      <c r="O23128" s="5" t="s">
        <v>38</v>
      </c>
      <c r="P23128" s="5" t="s">
        <v>39</v>
      </c>
      <c r="Q23128" s="5" t="s">
        <v>40</v>
      </c>
      <c r="R23128" s="5" t="s">
        <v>1522</v>
      </c>
      <c r="S23128" s="5" t="s">
        <v>1523</v>
      </c>
      <c r="T23128" s="5" t="s">
        <v>42</v>
      </c>
      <c r="U23128" s="2">
        <v>3.0259999999999998</v>
      </c>
      <c r="V23128" s="2">
        <v>2.4089999999999998</v>
      </c>
      <c r="W23128" s="2">
        <v>1.7999999999999999E-2</v>
      </c>
      <c r="X23128" s="2">
        <v>139.1</v>
      </c>
      <c r="Y23128" s="2">
        <v>7.6</v>
      </c>
      <c r="Z23128" s="2">
        <v>16.7</v>
      </c>
      <c r="AA23128" s="5"/>
      <c r="AB23128" s="5" t="s">
        <v>43</v>
      </c>
      <c r="AC23128" s="5" t="s">
        <v>44</v>
      </c>
      <c r="AD23128" s="2"/>
      <c r="AE23128" s="1"/>
    </row>
    <row r="23129" spans="1:31" ht="14.45">
      <c r="A23129" s="11"/>
      <c r="B23129" s="20"/>
      <c r="C23129" s="2" t="s">
        <v>74266</v>
      </c>
      <c r="D23129" s="14" t="s">
        <v>74267</v>
      </c>
      <c r="E23129" s="2" t="s">
        <v>74268</v>
      </c>
      <c r="F23129" s="2" t="s">
        <v>7539</v>
      </c>
      <c r="G23129" s="8">
        <v>267</v>
      </c>
      <c r="H23129" s="5">
        <v>6</v>
      </c>
      <c r="I23129" s="5" t="s">
        <v>1518</v>
      </c>
      <c r="J23129" s="5" t="s">
        <v>69038</v>
      </c>
      <c r="K23129" s="2" t="s">
        <v>69039</v>
      </c>
      <c r="L23129" s="5" t="s">
        <v>69038</v>
      </c>
      <c r="M23129" s="2" t="s">
        <v>69039</v>
      </c>
      <c r="N23129" s="5" t="s">
        <v>1521</v>
      </c>
      <c r="O23129" s="5" t="s">
        <v>38</v>
      </c>
      <c r="P23129" s="5" t="s">
        <v>39</v>
      </c>
      <c r="Q23129" s="5" t="s">
        <v>40</v>
      </c>
      <c r="R23129" s="5" t="s">
        <v>1522</v>
      </c>
      <c r="S23129" s="5" t="s">
        <v>1523</v>
      </c>
      <c r="T23129" s="5" t="s">
        <v>42</v>
      </c>
      <c r="U23129" s="2">
        <v>2.9319999999999999</v>
      </c>
      <c r="V23129" s="2">
        <v>2.3149999999999999</v>
      </c>
      <c r="W23129" s="2">
        <v>1.7999999999999999E-2</v>
      </c>
      <c r="X23129" s="2">
        <v>139.1</v>
      </c>
      <c r="Y23129" s="2">
        <v>7.6</v>
      </c>
      <c r="Z23129" s="2">
        <v>16.7</v>
      </c>
      <c r="AA23129" s="5"/>
      <c r="AB23129" s="5" t="s">
        <v>43</v>
      </c>
      <c r="AC23129" s="5" t="s">
        <v>44</v>
      </c>
      <c r="AD23129" s="2"/>
      <c r="AE23129" s="1"/>
    </row>
    <row r="23130" spans="1:31" ht="14.45">
      <c r="A23130" s="11"/>
      <c r="B23130" s="20"/>
      <c r="C23130" s="2" t="s">
        <v>74269</v>
      </c>
      <c r="D23130" s="14" t="s">
        <v>74270</v>
      </c>
      <c r="E23130" s="2" t="s">
        <v>74271</v>
      </c>
      <c r="F23130" s="2" t="s">
        <v>7543</v>
      </c>
      <c r="G23130" s="8">
        <v>267</v>
      </c>
      <c r="H23130" s="5">
        <v>6</v>
      </c>
      <c r="I23130" s="5" t="s">
        <v>1518</v>
      </c>
      <c r="J23130" s="5" t="s">
        <v>69038</v>
      </c>
      <c r="K23130" s="2" t="s">
        <v>69039</v>
      </c>
      <c r="L23130" s="5" t="s">
        <v>69038</v>
      </c>
      <c r="M23130" s="2" t="s">
        <v>69039</v>
      </c>
      <c r="N23130" s="5" t="s">
        <v>1521</v>
      </c>
      <c r="O23130" s="5" t="s">
        <v>38</v>
      </c>
      <c r="P23130" s="5" t="s">
        <v>39</v>
      </c>
      <c r="Q23130" s="5" t="s">
        <v>40</v>
      </c>
      <c r="R23130" s="5" t="s">
        <v>1522</v>
      </c>
      <c r="S23130" s="5" t="s">
        <v>1523</v>
      </c>
      <c r="T23130" s="5" t="s">
        <v>42</v>
      </c>
      <c r="U23130" s="2">
        <v>3.0259999999999998</v>
      </c>
      <c r="V23130" s="2">
        <v>2.4089999999999998</v>
      </c>
      <c r="W23130" s="2">
        <v>1.7999999999999999E-2</v>
      </c>
      <c r="X23130" s="2">
        <v>139.1</v>
      </c>
      <c r="Y23130" s="2">
        <v>7.6</v>
      </c>
      <c r="Z23130" s="2">
        <v>16.7</v>
      </c>
      <c r="AA23130" s="5"/>
      <c r="AB23130" s="5" t="s">
        <v>43</v>
      </c>
      <c r="AC23130" s="5" t="s">
        <v>44</v>
      </c>
      <c r="AD23130" s="2"/>
      <c r="AE23130" s="1"/>
    </row>
    <row r="23131" spans="1:31" ht="14.45">
      <c r="A23131" s="11"/>
      <c r="B23131" s="20"/>
      <c r="C23131" s="2" t="s">
        <v>74272</v>
      </c>
      <c r="D23131" s="14" t="s">
        <v>74273</v>
      </c>
      <c r="E23131" s="2" t="s">
        <v>74274</v>
      </c>
      <c r="F23131" s="2" t="s">
        <v>7396</v>
      </c>
      <c r="G23131" s="8">
        <v>249</v>
      </c>
      <c r="H23131" s="5">
        <v>6</v>
      </c>
      <c r="I23131" s="5" t="s">
        <v>1518</v>
      </c>
      <c r="J23131" s="5" t="s">
        <v>69038</v>
      </c>
      <c r="K23131" s="2" t="s">
        <v>69039</v>
      </c>
      <c r="L23131" s="5" t="s">
        <v>69038</v>
      </c>
      <c r="M23131" s="2" t="s">
        <v>69039</v>
      </c>
      <c r="N23131" s="5" t="s">
        <v>1521</v>
      </c>
      <c r="O23131" s="5" t="s">
        <v>38</v>
      </c>
      <c r="P23131" s="5" t="s">
        <v>39</v>
      </c>
      <c r="Q23131" s="5" t="s">
        <v>40</v>
      </c>
      <c r="R23131" s="5" t="s">
        <v>1522</v>
      </c>
      <c r="S23131" s="5" t="s">
        <v>1523</v>
      </c>
      <c r="T23131" s="5" t="s">
        <v>42</v>
      </c>
      <c r="U23131" s="2">
        <v>2.9319999999999999</v>
      </c>
      <c r="V23131" s="2">
        <v>2.3149999999999999</v>
      </c>
      <c r="W23131" s="2">
        <v>1.7999999999999999E-2</v>
      </c>
      <c r="X23131" s="2">
        <v>139.1</v>
      </c>
      <c r="Y23131" s="2">
        <v>7.6</v>
      </c>
      <c r="Z23131" s="2">
        <v>16.7</v>
      </c>
      <c r="AA23131" s="5"/>
      <c r="AB23131" s="5" t="s">
        <v>43</v>
      </c>
      <c r="AC23131" s="5" t="s">
        <v>44</v>
      </c>
      <c r="AD23131" s="2"/>
      <c r="AE23131" s="1"/>
    </row>
    <row r="23132" spans="1:31" ht="14.45">
      <c r="A23132" s="11"/>
      <c r="B23132" s="20"/>
      <c r="C23132" s="2" t="s">
        <v>74275</v>
      </c>
      <c r="D23132" s="14" t="s">
        <v>74276</v>
      </c>
      <c r="E23132" s="2" t="s">
        <v>74277</v>
      </c>
      <c r="F23132" s="2" t="s">
        <v>7507</v>
      </c>
      <c r="G23132" s="8">
        <v>249</v>
      </c>
      <c r="H23132" s="5">
        <v>6</v>
      </c>
      <c r="I23132" s="5" t="s">
        <v>1518</v>
      </c>
      <c r="J23132" s="5" t="s">
        <v>69038</v>
      </c>
      <c r="K23132" s="2" t="s">
        <v>69039</v>
      </c>
      <c r="L23132" s="5" t="s">
        <v>69038</v>
      </c>
      <c r="M23132" s="2" t="s">
        <v>69039</v>
      </c>
      <c r="N23132" s="5" t="s">
        <v>1521</v>
      </c>
      <c r="O23132" s="5" t="s">
        <v>38</v>
      </c>
      <c r="P23132" s="5" t="s">
        <v>39</v>
      </c>
      <c r="Q23132" s="5" t="s">
        <v>40</v>
      </c>
      <c r="R23132" s="5" t="s">
        <v>1522</v>
      </c>
      <c r="S23132" s="5" t="s">
        <v>1523</v>
      </c>
      <c r="T23132" s="5" t="s">
        <v>42</v>
      </c>
      <c r="U23132" s="2">
        <v>3.0259999999999998</v>
      </c>
      <c r="V23132" s="2">
        <v>2.4089999999999998</v>
      </c>
      <c r="W23132" s="2">
        <v>1.7999999999999999E-2</v>
      </c>
      <c r="X23132" s="2">
        <v>139.1</v>
      </c>
      <c r="Y23132" s="2">
        <v>7.6</v>
      </c>
      <c r="Z23132" s="2">
        <v>16.7</v>
      </c>
      <c r="AA23132" s="5"/>
      <c r="AB23132" s="5" t="s">
        <v>43</v>
      </c>
      <c r="AC23132" s="5" t="s">
        <v>44</v>
      </c>
      <c r="AD23132" s="2"/>
      <c r="AE23132" s="1"/>
    </row>
    <row r="23133" spans="1:31" ht="14.45">
      <c r="A23133" s="11"/>
      <c r="B23133" s="20"/>
      <c r="C23133" s="2" t="s">
        <v>74278</v>
      </c>
      <c r="D23133" s="14" t="s">
        <v>74279</v>
      </c>
      <c r="E23133" s="2" t="s">
        <v>74280</v>
      </c>
      <c r="F23133" s="2" t="s">
        <v>7547</v>
      </c>
      <c r="G23133" s="8">
        <v>267</v>
      </c>
      <c r="H23133" s="5">
        <v>6</v>
      </c>
      <c r="I23133" s="5" t="s">
        <v>1518</v>
      </c>
      <c r="J23133" s="5" t="s">
        <v>69038</v>
      </c>
      <c r="K23133" s="2" t="s">
        <v>69039</v>
      </c>
      <c r="L23133" s="5" t="s">
        <v>69038</v>
      </c>
      <c r="M23133" s="2" t="s">
        <v>69039</v>
      </c>
      <c r="N23133" s="5" t="s">
        <v>1521</v>
      </c>
      <c r="O23133" s="5" t="s">
        <v>38</v>
      </c>
      <c r="P23133" s="5" t="s">
        <v>39</v>
      </c>
      <c r="Q23133" s="5" t="s">
        <v>40</v>
      </c>
      <c r="R23133" s="5" t="s">
        <v>1522</v>
      </c>
      <c r="S23133" s="5" t="s">
        <v>1523</v>
      </c>
      <c r="T23133" s="5" t="s">
        <v>42</v>
      </c>
      <c r="U23133" s="2">
        <v>2.9319999999999999</v>
      </c>
      <c r="V23133" s="2">
        <v>2.3149999999999999</v>
      </c>
      <c r="W23133" s="2">
        <v>1.7999999999999999E-2</v>
      </c>
      <c r="X23133" s="2">
        <v>139.1</v>
      </c>
      <c r="Y23133" s="2">
        <v>7.6</v>
      </c>
      <c r="Z23133" s="2">
        <v>16.7</v>
      </c>
      <c r="AA23133" s="5"/>
      <c r="AB23133" s="5" t="s">
        <v>43</v>
      </c>
      <c r="AC23133" s="5" t="s">
        <v>44</v>
      </c>
      <c r="AD23133" s="2"/>
      <c r="AE23133" s="1"/>
    </row>
    <row r="23134" spans="1:31" ht="14.45">
      <c r="A23134" s="11"/>
      <c r="B23134" s="20"/>
      <c r="C23134" s="2" t="s">
        <v>74281</v>
      </c>
      <c r="D23134" s="14" t="s">
        <v>74282</v>
      </c>
      <c r="E23134" s="2" t="s">
        <v>74283</v>
      </c>
      <c r="F23134" s="2" t="s">
        <v>7563</v>
      </c>
      <c r="G23134" s="8">
        <v>267</v>
      </c>
      <c r="H23134" s="5">
        <v>6</v>
      </c>
      <c r="I23134" s="5" t="s">
        <v>1518</v>
      </c>
      <c r="J23134" s="5" t="s">
        <v>69038</v>
      </c>
      <c r="K23134" s="2" t="s">
        <v>69039</v>
      </c>
      <c r="L23134" s="5" t="s">
        <v>69038</v>
      </c>
      <c r="M23134" s="2" t="s">
        <v>69039</v>
      </c>
      <c r="N23134" s="5" t="s">
        <v>1521</v>
      </c>
      <c r="O23134" s="5" t="s">
        <v>38</v>
      </c>
      <c r="P23134" s="5" t="s">
        <v>39</v>
      </c>
      <c r="Q23134" s="5" t="s">
        <v>40</v>
      </c>
      <c r="R23134" s="5" t="s">
        <v>1522</v>
      </c>
      <c r="S23134" s="5" t="s">
        <v>1523</v>
      </c>
      <c r="T23134" s="5" t="s">
        <v>42</v>
      </c>
      <c r="U23134" s="2">
        <v>2.9319999999999999</v>
      </c>
      <c r="V23134" s="2">
        <v>2.3149999999999999</v>
      </c>
      <c r="W23134" s="2">
        <v>1.7999999999999999E-2</v>
      </c>
      <c r="X23134" s="2">
        <v>139.1</v>
      </c>
      <c r="Y23134" s="2">
        <v>7.6</v>
      </c>
      <c r="Z23134" s="2">
        <v>16.7</v>
      </c>
      <c r="AA23134" s="5"/>
      <c r="AB23134" s="5" t="s">
        <v>43</v>
      </c>
      <c r="AC23134" s="5" t="s">
        <v>44</v>
      </c>
      <c r="AD23134" s="2"/>
      <c r="AE23134" s="1"/>
    </row>
    <row r="23135" spans="1:31" ht="14.45">
      <c r="A23135" s="11"/>
      <c r="B23135" s="20"/>
      <c r="C23135" s="2" t="s">
        <v>74284</v>
      </c>
      <c r="D23135" s="14" t="s">
        <v>74285</v>
      </c>
      <c r="E23135" s="2" t="s">
        <v>74286</v>
      </c>
      <c r="F23135" s="2" t="s">
        <v>7567</v>
      </c>
      <c r="G23135" s="8">
        <v>267</v>
      </c>
      <c r="H23135" s="5">
        <v>6</v>
      </c>
      <c r="I23135" s="5" t="s">
        <v>1518</v>
      </c>
      <c r="J23135" s="5" t="s">
        <v>69038</v>
      </c>
      <c r="K23135" s="2" t="s">
        <v>69039</v>
      </c>
      <c r="L23135" s="5" t="s">
        <v>69038</v>
      </c>
      <c r="M23135" s="2" t="s">
        <v>69039</v>
      </c>
      <c r="N23135" s="5" t="s">
        <v>1521</v>
      </c>
      <c r="O23135" s="5" t="s">
        <v>38</v>
      </c>
      <c r="P23135" s="5" t="s">
        <v>39</v>
      </c>
      <c r="Q23135" s="5" t="s">
        <v>40</v>
      </c>
      <c r="R23135" s="5" t="s">
        <v>1522</v>
      </c>
      <c r="S23135" s="5" t="s">
        <v>1523</v>
      </c>
      <c r="T23135" s="5" t="s">
        <v>42</v>
      </c>
      <c r="U23135" s="2">
        <v>3.0259999999999998</v>
      </c>
      <c r="V23135" s="2">
        <v>2.4089999999999998</v>
      </c>
      <c r="W23135" s="2">
        <v>1.7999999999999999E-2</v>
      </c>
      <c r="X23135" s="2">
        <v>139.1</v>
      </c>
      <c r="Y23135" s="2">
        <v>7.6</v>
      </c>
      <c r="Z23135" s="2">
        <v>16.7</v>
      </c>
      <c r="AA23135" s="5"/>
      <c r="AB23135" s="5" t="s">
        <v>43</v>
      </c>
      <c r="AC23135" s="5" t="s">
        <v>44</v>
      </c>
      <c r="AD23135" s="2"/>
      <c r="AE23135" s="1"/>
    </row>
    <row r="23136" spans="1:31" ht="14.45">
      <c r="A23136" s="11"/>
      <c r="B23136" s="20"/>
      <c r="C23136" s="2" t="s">
        <v>74287</v>
      </c>
      <c r="D23136" s="14" t="s">
        <v>74288</v>
      </c>
      <c r="E23136" s="2" t="s">
        <v>74289</v>
      </c>
      <c r="F23136" s="2" t="s">
        <v>7559</v>
      </c>
      <c r="G23136" s="8">
        <v>267</v>
      </c>
      <c r="H23136" s="5">
        <v>6</v>
      </c>
      <c r="I23136" s="5" t="s">
        <v>1518</v>
      </c>
      <c r="J23136" s="5" t="s">
        <v>69038</v>
      </c>
      <c r="K23136" s="2" t="s">
        <v>69039</v>
      </c>
      <c r="L23136" s="5" t="s">
        <v>69038</v>
      </c>
      <c r="M23136" s="2" t="s">
        <v>69039</v>
      </c>
      <c r="N23136" s="5" t="s">
        <v>1521</v>
      </c>
      <c r="O23136" s="5" t="s">
        <v>38</v>
      </c>
      <c r="P23136" s="5" t="s">
        <v>39</v>
      </c>
      <c r="Q23136" s="5" t="s">
        <v>40</v>
      </c>
      <c r="R23136" s="5" t="s">
        <v>1522</v>
      </c>
      <c r="S23136" s="5" t="s">
        <v>1523</v>
      </c>
      <c r="T23136" s="5" t="s">
        <v>42</v>
      </c>
      <c r="U23136" s="2">
        <v>3.0259999999999998</v>
      </c>
      <c r="V23136" s="2">
        <v>2.4089999999999998</v>
      </c>
      <c r="W23136" s="2">
        <v>1.7999999999999999E-2</v>
      </c>
      <c r="X23136" s="2">
        <v>139.1</v>
      </c>
      <c r="Y23136" s="2">
        <v>7.6</v>
      </c>
      <c r="Z23136" s="2">
        <v>16.7</v>
      </c>
      <c r="AA23136" s="5"/>
      <c r="AB23136" s="5" t="s">
        <v>43</v>
      </c>
      <c r="AC23136" s="5" t="s">
        <v>44</v>
      </c>
      <c r="AD23136" s="2"/>
      <c r="AE23136" s="1"/>
    </row>
    <row r="23137" spans="1:31" ht="14.45">
      <c r="A23137" s="11"/>
      <c r="B23137" s="20"/>
      <c r="C23137" s="2" t="s">
        <v>74290</v>
      </c>
      <c r="D23137" s="14" t="s">
        <v>74291</v>
      </c>
      <c r="E23137" s="2" t="s">
        <v>74292</v>
      </c>
      <c r="F23137" s="2" t="s">
        <v>16079</v>
      </c>
      <c r="G23137" s="8">
        <v>267</v>
      </c>
      <c r="H23137" s="5">
        <v>6</v>
      </c>
      <c r="I23137" s="5" t="s">
        <v>1518</v>
      </c>
      <c r="J23137" s="5" t="s">
        <v>69038</v>
      </c>
      <c r="K23137" s="2" t="s">
        <v>69039</v>
      </c>
      <c r="L23137" s="5" t="s">
        <v>69038</v>
      </c>
      <c r="M23137" s="2" t="s">
        <v>69039</v>
      </c>
      <c r="N23137" s="5" t="s">
        <v>1521</v>
      </c>
      <c r="O23137" s="5" t="s">
        <v>38</v>
      </c>
      <c r="P23137" s="5" t="s">
        <v>39</v>
      </c>
      <c r="Q23137" s="5" t="s">
        <v>40</v>
      </c>
      <c r="R23137" s="5" t="s">
        <v>1522</v>
      </c>
      <c r="S23137" s="5" t="s">
        <v>1523</v>
      </c>
      <c r="T23137" s="5" t="s">
        <v>42</v>
      </c>
      <c r="U23137" s="2">
        <v>2.9319999999999999</v>
      </c>
      <c r="V23137" s="2">
        <v>2.3149999999999999</v>
      </c>
      <c r="W23137" s="2">
        <v>1.7999999999999999E-2</v>
      </c>
      <c r="X23137" s="2">
        <v>139.1</v>
      </c>
      <c r="Y23137" s="2">
        <v>7.6</v>
      </c>
      <c r="Z23137" s="2">
        <v>16.7</v>
      </c>
      <c r="AA23137" s="5"/>
      <c r="AB23137" s="5" t="s">
        <v>43</v>
      </c>
      <c r="AC23137" s="5" t="s">
        <v>44</v>
      </c>
      <c r="AD23137" s="2"/>
      <c r="AE23137" s="1"/>
    </row>
    <row r="23138" spans="1:31" ht="14.45">
      <c r="A23138" s="11"/>
      <c r="B23138" s="20"/>
      <c r="C23138" s="2" t="s">
        <v>74293</v>
      </c>
      <c r="D23138" s="14" t="s">
        <v>74294</v>
      </c>
      <c r="E23138" s="2" t="s">
        <v>74295</v>
      </c>
      <c r="F23138" s="2" t="s">
        <v>16194</v>
      </c>
      <c r="G23138" s="8">
        <v>267</v>
      </c>
      <c r="H23138" s="5">
        <v>6</v>
      </c>
      <c r="I23138" s="5" t="s">
        <v>1518</v>
      </c>
      <c r="J23138" s="5" t="s">
        <v>69038</v>
      </c>
      <c r="K23138" s="2" t="s">
        <v>69039</v>
      </c>
      <c r="L23138" s="5" t="s">
        <v>69038</v>
      </c>
      <c r="M23138" s="2" t="s">
        <v>69039</v>
      </c>
      <c r="N23138" s="5" t="s">
        <v>1521</v>
      </c>
      <c r="O23138" s="5" t="s">
        <v>38</v>
      </c>
      <c r="P23138" s="5" t="s">
        <v>39</v>
      </c>
      <c r="Q23138" s="5" t="s">
        <v>40</v>
      </c>
      <c r="R23138" s="5" t="s">
        <v>1522</v>
      </c>
      <c r="S23138" s="5" t="s">
        <v>1523</v>
      </c>
      <c r="T23138" s="5" t="s">
        <v>42</v>
      </c>
      <c r="U23138" s="2">
        <v>3.0259999999999998</v>
      </c>
      <c r="V23138" s="2">
        <v>2.4089999999999998</v>
      </c>
      <c r="W23138" s="2">
        <v>1.7999999999999999E-2</v>
      </c>
      <c r="X23138" s="2">
        <v>139.1</v>
      </c>
      <c r="Y23138" s="2">
        <v>7.6</v>
      </c>
      <c r="Z23138" s="2">
        <v>16.7</v>
      </c>
      <c r="AA23138" s="5"/>
      <c r="AB23138" s="5" t="s">
        <v>43</v>
      </c>
      <c r="AC23138" s="5" t="s">
        <v>44</v>
      </c>
      <c r="AD23138" s="2"/>
      <c r="AE23138" s="1"/>
    </row>
    <row r="23139" spans="1:31" ht="14.45">
      <c r="A23139" s="11"/>
      <c r="B23139" s="20"/>
      <c r="C23139" s="2" t="s">
        <v>74296</v>
      </c>
      <c r="D23139" s="14" t="s">
        <v>74297</v>
      </c>
      <c r="E23139" s="2" t="s">
        <v>74298</v>
      </c>
      <c r="F23139" s="2" t="s">
        <v>7449</v>
      </c>
      <c r="G23139" s="8">
        <v>267</v>
      </c>
      <c r="H23139" s="5">
        <v>6</v>
      </c>
      <c r="I23139" s="5" t="s">
        <v>1518</v>
      </c>
      <c r="J23139" s="5" t="s">
        <v>69038</v>
      </c>
      <c r="K23139" s="2" t="s">
        <v>69039</v>
      </c>
      <c r="L23139" s="5" t="s">
        <v>69038</v>
      </c>
      <c r="M23139" s="2" t="s">
        <v>69039</v>
      </c>
      <c r="N23139" s="5" t="s">
        <v>1521</v>
      </c>
      <c r="O23139" s="5" t="s">
        <v>38</v>
      </c>
      <c r="P23139" s="5" t="s">
        <v>39</v>
      </c>
      <c r="Q23139" s="5" t="s">
        <v>40</v>
      </c>
      <c r="R23139" s="5" t="s">
        <v>1522</v>
      </c>
      <c r="S23139" s="5" t="s">
        <v>1523</v>
      </c>
      <c r="T23139" s="5" t="s">
        <v>42</v>
      </c>
      <c r="U23139" s="2">
        <v>2.9319999999999999</v>
      </c>
      <c r="V23139" s="2">
        <v>2.3149999999999999</v>
      </c>
      <c r="W23139" s="2">
        <v>1.7999999999999999E-2</v>
      </c>
      <c r="X23139" s="2">
        <v>139.1</v>
      </c>
      <c r="Y23139" s="2">
        <v>7.6</v>
      </c>
      <c r="Z23139" s="2">
        <v>16.7</v>
      </c>
      <c r="AA23139" s="5"/>
      <c r="AB23139" s="5" t="s">
        <v>43</v>
      </c>
      <c r="AC23139" s="5" t="s">
        <v>44</v>
      </c>
      <c r="AD23139" s="2"/>
      <c r="AE23139" s="1"/>
    </row>
    <row r="23140" spans="1:31" ht="14.45">
      <c r="A23140" s="11"/>
      <c r="B23140" s="20"/>
      <c r="C23140" s="2" t="s">
        <v>74299</v>
      </c>
      <c r="D23140" s="14" t="s">
        <v>74300</v>
      </c>
      <c r="E23140" s="2" t="s">
        <v>74301</v>
      </c>
      <c r="F23140" s="2" t="s">
        <v>7581</v>
      </c>
      <c r="G23140" s="8">
        <v>267</v>
      </c>
      <c r="H23140" s="5">
        <v>6</v>
      </c>
      <c r="I23140" s="5" t="s">
        <v>1518</v>
      </c>
      <c r="J23140" s="5" t="s">
        <v>69038</v>
      </c>
      <c r="K23140" s="2" t="s">
        <v>69039</v>
      </c>
      <c r="L23140" s="5" t="s">
        <v>69038</v>
      </c>
      <c r="M23140" s="2" t="s">
        <v>69039</v>
      </c>
      <c r="N23140" s="5" t="s">
        <v>1521</v>
      </c>
      <c r="O23140" s="5" t="s">
        <v>38</v>
      </c>
      <c r="P23140" s="5" t="s">
        <v>39</v>
      </c>
      <c r="Q23140" s="5" t="s">
        <v>40</v>
      </c>
      <c r="R23140" s="5" t="s">
        <v>1522</v>
      </c>
      <c r="S23140" s="5" t="s">
        <v>1523</v>
      </c>
      <c r="T23140" s="5" t="s">
        <v>42</v>
      </c>
      <c r="U23140" s="2">
        <v>3.0259999999999998</v>
      </c>
      <c r="V23140" s="2">
        <v>2.4089999999999998</v>
      </c>
      <c r="W23140" s="2">
        <v>1.7999999999999999E-2</v>
      </c>
      <c r="X23140" s="2">
        <v>139.1</v>
      </c>
      <c r="Y23140" s="2">
        <v>7.6</v>
      </c>
      <c r="Z23140" s="2">
        <v>16.7</v>
      </c>
      <c r="AA23140" s="5"/>
      <c r="AB23140" s="5" t="s">
        <v>43</v>
      </c>
      <c r="AC23140" s="5" t="s">
        <v>44</v>
      </c>
      <c r="AD23140" s="2"/>
      <c r="AE23140" s="1"/>
    </row>
    <row r="23141" spans="1:31" ht="14.45">
      <c r="A23141" s="11"/>
      <c r="B23141" s="20"/>
      <c r="C23141" s="2" t="s">
        <v>74302</v>
      </c>
      <c r="D23141" s="14" t="s">
        <v>74303</v>
      </c>
      <c r="E23141" s="2" t="s">
        <v>74304</v>
      </c>
      <c r="F23141" s="2" t="s">
        <v>7585</v>
      </c>
      <c r="G23141" s="8">
        <v>267</v>
      </c>
      <c r="H23141" s="5">
        <v>6</v>
      </c>
      <c r="I23141" s="5" t="s">
        <v>1518</v>
      </c>
      <c r="J23141" s="5" t="s">
        <v>69038</v>
      </c>
      <c r="K23141" s="2" t="s">
        <v>69039</v>
      </c>
      <c r="L23141" s="5" t="s">
        <v>69038</v>
      </c>
      <c r="M23141" s="2" t="s">
        <v>69039</v>
      </c>
      <c r="N23141" s="5" t="s">
        <v>1521</v>
      </c>
      <c r="O23141" s="5" t="s">
        <v>38</v>
      </c>
      <c r="P23141" s="5" t="s">
        <v>39</v>
      </c>
      <c r="Q23141" s="5" t="s">
        <v>40</v>
      </c>
      <c r="R23141" s="5" t="s">
        <v>1522</v>
      </c>
      <c r="S23141" s="5" t="s">
        <v>1523</v>
      </c>
      <c r="T23141" s="5" t="s">
        <v>42</v>
      </c>
      <c r="U23141" s="2">
        <v>2.9319999999999999</v>
      </c>
      <c r="V23141" s="2">
        <v>2.3149999999999999</v>
      </c>
      <c r="W23141" s="2">
        <v>1.7999999999999999E-2</v>
      </c>
      <c r="X23141" s="2">
        <v>139.1</v>
      </c>
      <c r="Y23141" s="2">
        <v>7.6</v>
      </c>
      <c r="Z23141" s="2">
        <v>16.7</v>
      </c>
      <c r="AA23141" s="5"/>
      <c r="AB23141" s="5" t="s">
        <v>43</v>
      </c>
      <c r="AC23141" s="5" t="s">
        <v>44</v>
      </c>
      <c r="AD23141" s="2"/>
      <c r="AE23141" s="1"/>
    </row>
    <row r="23142" spans="1:31" ht="14.45">
      <c r="A23142" s="11"/>
      <c r="B23142" s="20"/>
      <c r="C23142" s="2" t="s">
        <v>74305</v>
      </c>
      <c r="D23142" s="14" t="s">
        <v>74306</v>
      </c>
      <c r="E23142" s="2" t="s">
        <v>74307</v>
      </c>
      <c r="F23142" s="2" t="s">
        <v>7589</v>
      </c>
      <c r="G23142" s="8">
        <v>267</v>
      </c>
      <c r="H23142" s="5">
        <v>6</v>
      </c>
      <c r="I23142" s="5" t="s">
        <v>1518</v>
      </c>
      <c r="J23142" s="5" t="s">
        <v>69038</v>
      </c>
      <c r="K23142" s="2" t="s">
        <v>69039</v>
      </c>
      <c r="L23142" s="5" t="s">
        <v>69038</v>
      </c>
      <c r="M23142" s="2" t="s">
        <v>69039</v>
      </c>
      <c r="N23142" s="5" t="s">
        <v>1521</v>
      </c>
      <c r="O23142" s="5" t="s">
        <v>38</v>
      </c>
      <c r="P23142" s="5" t="s">
        <v>39</v>
      </c>
      <c r="Q23142" s="5" t="s">
        <v>40</v>
      </c>
      <c r="R23142" s="5" t="s">
        <v>1522</v>
      </c>
      <c r="S23142" s="5" t="s">
        <v>1523</v>
      </c>
      <c r="T23142" s="5" t="s">
        <v>42</v>
      </c>
      <c r="U23142" s="2">
        <v>3.0259999999999998</v>
      </c>
      <c r="V23142" s="2">
        <v>2.4089999999999998</v>
      </c>
      <c r="W23142" s="2">
        <v>1.7999999999999999E-2</v>
      </c>
      <c r="X23142" s="2">
        <v>139.1</v>
      </c>
      <c r="Y23142" s="2">
        <v>7.6</v>
      </c>
      <c r="Z23142" s="2">
        <v>16.7</v>
      </c>
      <c r="AA23142" s="5"/>
      <c r="AB23142" s="5" t="s">
        <v>43</v>
      </c>
      <c r="AC23142" s="5" t="s">
        <v>44</v>
      </c>
      <c r="AD23142" s="2"/>
      <c r="AE23142" s="1"/>
    </row>
    <row r="23143" spans="1:31" ht="14.45">
      <c r="A23143" s="11"/>
      <c r="B23143" s="20"/>
      <c r="C23143" s="2" t="s">
        <v>74308</v>
      </c>
      <c r="D23143" s="14" t="s">
        <v>74309</v>
      </c>
      <c r="E23143" s="2" t="s">
        <v>74310</v>
      </c>
      <c r="F23143" s="2" t="s">
        <v>7593</v>
      </c>
      <c r="G23143" s="8">
        <v>267</v>
      </c>
      <c r="H23143" s="5">
        <v>6</v>
      </c>
      <c r="I23143" s="5" t="s">
        <v>1518</v>
      </c>
      <c r="J23143" s="5" t="s">
        <v>69038</v>
      </c>
      <c r="K23143" s="2" t="s">
        <v>69039</v>
      </c>
      <c r="L23143" s="5" t="s">
        <v>69038</v>
      </c>
      <c r="M23143" s="2" t="s">
        <v>69039</v>
      </c>
      <c r="N23143" s="5" t="s">
        <v>1521</v>
      </c>
      <c r="O23143" s="5" t="s">
        <v>38</v>
      </c>
      <c r="P23143" s="5" t="s">
        <v>39</v>
      </c>
      <c r="Q23143" s="5" t="s">
        <v>40</v>
      </c>
      <c r="R23143" s="5" t="s">
        <v>1522</v>
      </c>
      <c r="S23143" s="5" t="s">
        <v>1523</v>
      </c>
      <c r="T23143" s="5" t="s">
        <v>42</v>
      </c>
      <c r="U23143" s="2">
        <v>2.9319999999999999</v>
      </c>
      <c r="V23143" s="2">
        <v>2.3149999999999999</v>
      </c>
      <c r="W23143" s="2">
        <v>1.7999999999999999E-2</v>
      </c>
      <c r="X23143" s="2">
        <v>139.1</v>
      </c>
      <c r="Y23143" s="2">
        <v>7.6</v>
      </c>
      <c r="Z23143" s="2">
        <v>16.7</v>
      </c>
      <c r="AA23143" s="5"/>
      <c r="AB23143" s="5" t="s">
        <v>43</v>
      </c>
      <c r="AC23143" s="5" t="s">
        <v>44</v>
      </c>
      <c r="AD23143" s="2"/>
      <c r="AE23143" s="1"/>
    </row>
    <row r="23144" spans="1:31" ht="14.45">
      <c r="A23144" s="11"/>
      <c r="B23144" s="20"/>
      <c r="C23144" s="2" t="s">
        <v>74311</v>
      </c>
      <c r="D23144" s="14" t="s">
        <v>74312</v>
      </c>
      <c r="E23144" s="2" t="s">
        <v>74313</v>
      </c>
      <c r="F23144" s="2" t="s">
        <v>7597</v>
      </c>
      <c r="G23144" s="8">
        <v>267</v>
      </c>
      <c r="H23144" s="5">
        <v>6</v>
      </c>
      <c r="I23144" s="5" t="s">
        <v>1518</v>
      </c>
      <c r="J23144" s="5" t="s">
        <v>69038</v>
      </c>
      <c r="K23144" s="2" t="s">
        <v>69039</v>
      </c>
      <c r="L23144" s="5" t="s">
        <v>69038</v>
      </c>
      <c r="M23144" s="2" t="s">
        <v>69039</v>
      </c>
      <c r="N23144" s="5" t="s">
        <v>1521</v>
      </c>
      <c r="O23144" s="5" t="s">
        <v>38</v>
      </c>
      <c r="P23144" s="5" t="s">
        <v>39</v>
      </c>
      <c r="Q23144" s="5" t="s">
        <v>40</v>
      </c>
      <c r="R23144" s="5" t="s">
        <v>1522</v>
      </c>
      <c r="S23144" s="5" t="s">
        <v>1523</v>
      </c>
      <c r="T23144" s="5" t="s">
        <v>42</v>
      </c>
      <c r="U23144" s="2">
        <v>3.0259999999999998</v>
      </c>
      <c r="V23144" s="2">
        <v>2.4089999999999998</v>
      </c>
      <c r="W23144" s="2">
        <v>1.7999999999999999E-2</v>
      </c>
      <c r="X23144" s="2">
        <v>139.1</v>
      </c>
      <c r="Y23144" s="2">
        <v>7.6</v>
      </c>
      <c r="Z23144" s="2">
        <v>16.7</v>
      </c>
      <c r="AA23144" s="5"/>
      <c r="AB23144" s="5" t="s">
        <v>43</v>
      </c>
      <c r="AC23144" s="5" t="s">
        <v>44</v>
      </c>
      <c r="AD23144" s="2"/>
      <c r="AE23144" s="1"/>
    </row>
    <row r="23145" spans="1:31" ht="14.45">
      <c r="A23145" s="11"/>
      <c r="B23145" s="20"/>
      <c r="C23145" s="2" t="s">
        <v>74314</v>
      </c>
      <c r="D23145" s="14" t="s">
        <v>74315</v>
      </c>
      <c r="E23145" s="2" t="s">
        <v>74316</v>
      </c>
      <c r="F23145" s="2" t="s">
        <v>73358</v>
      </c>
      <c r="G23145" s="8">
        <v>267</v>
      </c>
      <c r="H23145" s="5">
        <v>6</v>
      </c>
      <c r="I23145" s="5" t="s">
        <v>1518</v>
      </c>
      <c r="J23145" s="5" t="s">
        <v>69038</v>
      </c>
      <c r="K23145" s="2" t="s">
        <v>69039</v>
      </c>
      <c r="L23145" s="5" t="s">
        <v>69038</v>
      </c>
      <c r="M23145" s="2" t="s">
        <v>69039</v>
      </c>
      <c r="N23145" s="5" t="s">
        <v>1521</v>
      </c>
      <c r="O23145" s="5" t="s">
        <v>38</v>
      </c>
      <c r="P23145" s="5" t="s">
        <v>39</v>
      </c>
      <c r="Q23145" s="5" t="s">
        <v>40</v>
      </c>
      <c r="R23145" s="5" t="s">
        <v>1522</v>
      </c>
      <c r="S23145" s="5" t="s">
        <v>1523</v>
      </c>
      <c r="T23145" s="5" t="s">
        <v>42</v>
      </c>
      <c r="U23145" s="2">
        <v>2.9319999999999999</v>
      </c>
      <c r="V23145" s="2">
        <v>2.3149999999999999</v>
      </c>
      <c r="W23145" s="2">
        <v>1.7999999999999999E-2</v>
      </c>
      <c r="X23145" s="2">
        <v>139.1</v>
      </c>
      <c r="Y23145" s="2">
        <v>7.6</v>
      </c>
      <c r="Z23145" s="2">
        <v>16.7</v>
      </c>
      <c r="AA23145" s="5"/>
      <c r="AB23145" s="5" t="s">
        <v>43</v>
      </c>
      <c r="AC23145" s="5" t="s">
        <v>44</v>
      </c>
      <c r="AD23145" s="2"/>
      <c r="AE23145" s="1"/>
    </row>
    <row r="23146" spans="1:31" ht="14.45">
      <c r="A23146" s="11"/>
      <c r="B23146" s="20"/>
      <c r="C23146" s="2" t="s">
        <v>74317</v>
      </c>
      <c r="D23146" s="14" t="s">
        <v>74318</v>
      </c>
      <c r="E23146" s="2" t="s">
        <v>74319</v>
      </c>
      <c r="F23146" s="2" t="s">
        <v>73362</v>
      </c>
      <c r="G23146" s="8">
        <v>267</v>
      </c>
      <c r="H23146" s="5">
        <v>6</v>
      </c>
      <c r="I23146" s="5" t="s">
        <v>1518</v>
      </c>
      <c r="J23146" s="5" t="s">
        <v>69038</v>
      </c>
      <c r="K23146" s="2" t="s">
        <v>69039</v>
      </c>
      <c r="L23146" s="5" t="s">
        <v>69038</v>
      </c>
      <c r="M23146" s="2" t="s">
        <v>69039</v>
      </c>
      <c r="N23146" s="5" t="s">
        <v>1521</v>
      </c>
      <c r="O23146" s="5" t="s">
        <v>38</v>
      </c>
      <c r="P23146" s="5" t="s">
        <v>39</v>
      </c>
      <c r="Q23146" s="5" t="s">
        <v>40</v>
      </c>
      <c r="R23146" s="5" t="s">
        <v>1522</v>
      </c>
      <c r="S23146" s="5" t="s">
        <v>1523</v>
      </c>
      <c r="T23146" s="5" t="s">
        <v>42</v>
      </c>
      <c r="U23146" s="2">
        <v>3.0259999999999998</v>
      </c>
      <c r="V23146" s="2">
        <v>2.4089999999999998</v>
      </c>
      <c r="W23146" s="2">
        <v>1.7999999999999999E-2</v>
      </c>
      <c r="X23146" s="2">
        <v>139.1</v>
      </c>
      <c r="Y23146" s="2">
        <v>7.6</v>
      </c>
      <c r="Z23146" s="2">
        <v>16.7</v>
      </c>
      <c r="AA23146" s="5"/>
      <c r="AB23146" s="5" t="s">
        <v>43</v>
      </c>
      <c r="AC23146" s="5" t="s">
        <v>44</v>
      </c>
      <c r="AD23146" s="2"/>
      <c r="AE23146" s="1"/>
    </row>
    <row r="23147" spans="1:31" ht="14.45">
      <c r="A23147" s="11"/>
      <c r="B23147" s="20"/>
      <c r="C23147" s="2" t="s">
        <v>74320</v>
      </c>
      <c r="D23147" s="14" t="s">
        <v>74321</v>
      </c>
      <c r="E23147" s="2" t="s">
        <v>74322</v>
      </c>
      <c r="F23147" s="2" t="s">
        <v>7615</v>
      </c>
      <c r="G23147" s="8">
        <v>267</v>
      </c>
      <c r="H23147" s="5">
        <v>6</v>
      </c>
      <c r="I23147" s="5" t="s">
        <v>1518</v>
      </c>
      <c r="J23147" s="5" t="s">
        <v>69038</v>
      </c>
      <c r="K23147" s="2" t="s">
        <v>69039</v>
      </c>
      <c r="L23147" s="5" t="s">
        <v>69038</v>
      </c>
      <c r="M23147" s="2" t="s">
        <v>69039</v>
      </c>
      <c r="N23147" s="5" t="s">
        <v>1521</v>
      </c>
      <c r="O23147" s="5" t="s">
        <v>38</v>
      </c>
      <c r="P23147" s="5" t="s">
        <v>39</v>
      </c>
      <c r="Q23147" s="5" t="s">
        <v>40</v>
      </c>
      <c r="R23147" s="5" t="s">
        <v>1522</v>
      </c>
      <c r="S23147" s="5" t="s">
        <v>1523</v>
      </c>
      <c r="T23147" s="5" t="s">
        <v>42</v>
      </c>
      <c r="U23147" s="2">
        <v>2.9319999999999999</v>
      </c>
      <c r="V23147" s="2">
        <v>2.3149999999999999</v>
      </c>
      <c r="W23147" s="2">
        <v>1.7999999999999999E-2</v>
      </c>
      <c r="X23147" s="2">
        <v>139.1</v>
      </c>
      <c r="Y23147" s="2">
        <v>7.6</v>
      </c>
      <c r="Z23147" s="2">
        <v>16.7</v>
      </c>
      <c r="AA23147" s="5"/>
      <c r="AB23147" s="5" t="s">
        <v>43</v>
      </c>
      <c r="AC23147" s="5" t="s">
        <v>44</v>
      </c>
      <c r="AD23147" s="2"/>
      <c r="AE23147" s="1"/>
    </row>
    <row r="23148" spans="1:31" ht="14.45">
      <c r="A23148" s="11"/>
      <c r="B23148" s="20"/>
      <c r="C23148" s="2" t="s">
        <v>74323</v>
      </c>
      <c r="D23148" s="14" t="s">
        <v>74324</v>
      </c>
      <c r="E23148" s="2" t="s">
        <v>74325</v>
      </c>
      <c r="F23148" s="2" t="s">
        <v>7619</v>
      </c>
      <c r="G23148" s="8">
        <v>267</v>
      </c>
      <c r="H23148" s="5">
        <v>6</v>
      </c>
      <c r="I23148" s="5" t="s">
        <v>1518</v>
      </c>
      <c r="J23148" s="5" t="s">
        <v>69038</v>
      </c>
      <c r="K23148" s="2" t="s">
        <v>69039</v>
      </c>
      <c r="L23148" s="5" t="s">
        <v>69038</v>
      </c>
      <c r="M23148" s="2" t="s">
        <v>69039</v>
      </c>
      <c r="N23148" s="5" t="s">
        <v>1521</v>
      </c>
      <c r="O23148" s="5" t="s">
        <v>38</v>
      </c>
      <c r="P23148" s="5" t="s">
        <v>39</v>
      </c>
      <c r="Q23148" s="5" t="s">
        <v>40</v>
      </c>
      <c r="R23148" s="5" t="s">
        <v>1522</v>
      </c>
      <c r="S23148" s="5" t="s">
        <v>1523</v>
      </c>
      <c r="T23148" s="5" t="s">
        <v>42</v>
      </c>
      <c r="U23148" s="2">
        <v>3.0259999999999998</v>
      </c>
      <c r="V23148" s="2">
        <v>2.4089999999999998</v>
      </c>
      <c r="W23148" s="2">
        <v>1.7999999999999999E-2</v>
      </c>
      <c r="X23148" s="2">
        <v>139.1</v>
      </c>
      <c r="Y23148" s="2">
        <v>7.6</v>
      </c>
      <c r="Z23148" s="2">
        <v>16.7</v>
      </c>
      <c r="AA23148" s="5"/>
      <c r="AB23148" s="5" t="s">
        <v>43</v>
      </c>
      <c r="AC23148" s="5" t="s">
        <v>44</v>
      </c>
      <c r="AD23148" s="2"/>
      <c r="AE23148" s="1"/>
    </row>
    <row r="23149" spans="1:31" ht="14.45">
      <c r="A23149" s="11"/>
      <c r="B23149" s="20"/>
      <c r="C23149" s="2" t="s">
        <v>74326</v>
      </c>
      <c r="D23149" s="14" t="s">
        <v>74327</v>
      </c>
      <c r="E23149" s="2" t="s">
        <v>74328</v>
      </c>
      <c r="F23149" s="2" t="s">
        <v>16219</v>
      </c>
      <c r="G23149" s="8">
        <v>267</v>
      </c>
      <c r="H23149" s="5">
        <v>6</v>
      </c>
      <c r="I23149" s="5" t="s">
        <v>1518</v>
      </c>
      <c r="J23149" s="5" t="s">
        <v>69038</v>
      </c>
      <c r="K23149" s="2" t="s">
        <v>69039</v>
      </c>
      <c r="L23149" s="5" t="s">
        <v>69038</v>
      </c>
      <c r="M23149" s="2" t="s">
        <v>69039</v>
      </c>
      <c r="N23149" s="5" t="s">
        <v>1521</v>
      </c>
      <c r="O23149" s="5" t="s">
        <v>38</v>
      </c>
      <c r="P23149" s="5" t="s">
        <v>39</v>
      </c>
      <c r="Q23149" s="5" t="s">
        <v>40</v>
      </c>
      <c r="R23149" s="5" t="s">
        <v>1522</v>
      </c>
      <c r="S23149" s="5" t="s">
        <v>1523</v>
      </c>
      <c r="T23149" s="5" t="s">
        <v>42</v>
      </c>
      <c r="U23149" s="2">
        <v>3.0259999999999998</v>
      </c>
      <c r="V23149" s="2">
        <v>2.4089999999999998</v>
      </c>
      <c r="W23149" s="2">
        <v>1.7999999999999999E-2</v>
      </c>
      <c r="X23149" s="2">
        <v>139.1</v>
      </c>
      <c r="Y23149" s="2">
        <v>7.6</v>
      </c>
      <c r="Z23149" s="2">
        <v>16.7</v>
      </c>
      <c r="AA23149" s="5"/>
      <c r="AB23149" s="5" t="s">
        <v>43</v>
      </c>
      <c r="AC23149" s="5" t="s">
        <v>44</v>
      </c>
      <c r="AD23149" s="2"/>
      <c r="AE23149" s="1"/>
    </row>
    <row r="23150" spans="1:31" ht="14.45">
      <c r="A23150" s="11"/>
      <c r="B23150" s="20"/>
      <c r="C23150" s="2" t="s">
        <v>74329</v>
      </c>
      <c r="D23150" s="14" t="s">
        <v>74330</v>
      </c>
      <c r="E23150" s="2" t="s">
        <v>74331</v>
      </c>
      <c r="F23150" s="2" t="s">
        <v>7212</v>
      </c>
      <c r="G23150" s="8">
        <v>249</v>
      </c>
      <c r="H23150" s="5">
        <v>6</v>
      </c>
      <c r="I23150" s="5" t="s">
        <v>1518</v>
      </c>
      <c r="J23150" s="5" t="s">
        <v>69038</v>
      </c>
      <c r="K23150" s="2" t="s">
        <v>69039</v>
      </c>
      <c r="L23150" s="5" t="s">
        <v>69038</v>
      </c>
      <c r="M23150" s="2" t="s">
        <v>69039</v>
      </c>
      <c r="N23150" s="5" t="s">
        <v>1521</v>
      </c>
      <c r="O23150" s="5" t="s">
        <v>38</v>
      </c>
      <c r="P23150" s="5" t="s">
        <v>39</v>
      </c>
      <c r="Q23150" s="5" t="s">
        <v>40</v>
      </c>
      <c r="R23150" s="5" t="s">
        <v>1522</v>
      </c>
      <c r="S23150" s="5" t="s">
        <v>1523</v>
      </c>
      <c r="T23150" s="5" t="s">
        <v>42</v>
      </c>
      <c r="U23150" s="2">
        <v>2.9319999999999999</v>
      </c>
      <c r="V23150" s="2">
        <v>2.3149999999999999</v>
      </c>
      <c r="W23150" s="2">
        <v>1.7999999999999999E-2</v>
      </c>
      <c r="X23150" s="2">
        <v>139.1</v>
      </c>
      <c r="Y23150" s="2">
        <v>7.6</v>
      </c>
      <c r="Z23150" s="2">
        <v>16.7</v>
      </c>
      <c r="AA23150" s="5"/>
      <c r="AB23150" s="5" t="s">
        <v>43</v>
      </c>
      <c r="AC23150" s="5" t="s">
        <v>44</v>
      </c>
      <c r="AD23150" s="2"/>
      <c r="AE23150" s="1"/>
    </row>
    <row r="23151" spans="1:31" ht="14.45">
      <c r="A23151" s="11"/>
      <c r="B23151" s="20"/>
      <c r="C23151" s="2" t="s">
        <v>74332</v>
      </c>
      <c r="D23151" s="14" t="s">
        <v>74333</v>
      </c>
      <c r="E23151" s="2" t="s">
        <v>74334</v>
      </c>
      <c r="F23151" s="2" t="s">
        <v>7528</v>
      </c>
      <c r="G23151" s="8">
        <v>249</v>
      </c>
      <c r="H23151" s="5">
        <v>6</v>
      </c>
      <c r="I23151" s="5" t="s">
        <v>1518</v>
      </c>
      <c r="J23151" s="5" t="s">
        <v>69038</v>
      </c>
      <c r="K23151" s="2" t="s">
        <v>69039</v>
      </c>
      <c r="L23151" s="5" t="s">
        <v>69038</v>
      </c>
      <c r="M23151" s="2" t="s">
        <v>69039</v>
      </c>
      <c r="N23151" s="5" t="s">
        <v>1521</v>
      </c>
      <c r="O23151" s="5" t="s">
        <v>38</v>
      </c>
      <c r="P23151" s="5" t="s">
        <v>39</v>
      </c>
      <c r="Q23151" s="5" t="s">
        <v>40</v>
      </c>
      <c r="R23151" s="5" t="s">
        <v>1522</v>
      </c>
      <c r="S23151" s="5" t="s">
        <v>1523</v>
      </c>
      <c r="T23151" s="5" t="s">
        <v>42</v>
      </c>
      <c r="U23151" s="2">
        <v>3.0259999999999998</v>
      </c>
      <c r="V23151" s="2">
        <v>2.4089999999999998</v>
      </c>
      <c r="W23151" s="2">
        <v>1.7999999999999999E-2</v>
      </c>
      <c r="X23151" s="2">
        <v>139.1</v>
      </c>
      <c r="Y23151" s="2">
        <v>7.6</v>
      </c>
      <c r="Z23151" s="2">
        <v>16.7</v>
      </c>
      <c r="AA23151" s="5"/>
      <c r="AB23151" s="5" t="s">
        <v>43</v>
      </c>
      <c r="AC23151" s="5" t="s">
        <v>44</v>
      </c>
      <c r="AD23151" s="2"/>
      <c r="AE23151" s="1"/>
    </row>
    <row r="23152" spans="1:31" ht="14.45">
      <c r="A23152" s="11"/>
      <c r="B23152" s="20"/>
      <c r="C23152" s="2" t="s">
        <v>74335</v>
      </c>
      <c r="D23152" s="14" t="s">
        <v>74336</v>
      </c>
      <c r="E23152" s="2" t="s">
        <v>74337</v>
      </c>
      <c r="F23152" s="2" t="s">
        <v>16029</v>
      </c>
      <c r="G23152" s="8">
        <v>267</v>
      </c>
      <c r="H23152" s="5">
        <v>6</v>
      </c>
      <c r="I23152" s="5" t="s">
        <v>1518</v>
      </c>
      <c r="J23152" s="5" t="s">
        <v>69038</v>
      </c>
      <c r="K23152" s="2" t="s">
        <v>69039</v>
      </c>
      <c r="L23152" s="5" t="s">
        <v>69038</v>
      </c>
      <c r="M23152" s="2" t="s">
        <v>69039</v>
      </c>
      <c r="N23152" s="5" t="s">
        <v>1521</v>
      </c>
      <c r="O23152" s="5" t="s">
        <v>38</v>
      </c>
      <c r="P23152" s="5" t="s">
        <v>39</v>
      </c>
      <c r="Q23152" s="5" t="s">
        <v>40</v>
      </c>
      <c r="R23152" s="5" t="s">
        <v>1522</v>
      </c>
      <c r="S23152" s="5" t="s">
        <v>1523</v>
      </c>
      <c r="T23152" s="5" t="s">
        <v>42</v>
      </c>
      <c r="U23152" s="2">
        <v>2.9489999999999998</v>
      </c>
      <c r="V23152" s="2">
        <v>2.3319999999999999</v>
      </c>
      <c r="W23152" s="2">
        <v>1.7999999999999999E-2</v>
      </c>
      <c r="X23152" s="2">
        <v>139.1</v>
      </c>
      <c r="Y23152" s="2">
        <v>7.6</v>
      </c>
      <c r="Z23152" s="2">
        <v>16.7</v>
      </c>
      <c r="AA23152" s="5"/>
      <c r="AB23152" s="5" t="s">
        <v>43</v>
      </c>
      <c r="AC23152" s="5" t="s">
        <v>44</v>
      </c>
      <c r="AD23152" s="2"/>
      <c r="AE23152" s="1"/>
    </row>
    <row r="23153" spans="1:31" ht="14.45">
      <c r="A23153" s="11"/>
      <c r="B23153" s="20"/>
      <c r="C23153" s="2" t="s">
        <v>74338</v>
      </c>
      <c r="D23153" s="14" t="s">
        <v>74339</v>
      </c>
      <c r="E23153" s="2" t="s">
        <v>74340</v>
      </c>
      <c r="F23153" s="2" t="s">
        <v>16033</v>
      </c>
      <c r="G23153" s="8">
        <v>267</v>
      </c>
      <c r="H23153" s="5">
        <v>6</v>
      </c>
      <c r="I23153" s="5" t="s">
        <v>1518</v>
      </c>
      <c r="J23153" s="5" t="s">
        <v>69038</v>
      </c>
      <c r="K23153" s="2" t="s">
        <v>69039</v>
      </c>
      <c r="L23153" s="5" t="s">
        <v>69038</v>
      </c>
      <c r="M23153" s="2" t="s">
        <v>69039</v>
      </c>
      <c r="N23153" s="5" t="s">
        <v>1521</v>
      </c>
      <c r="O23153" s="5" t="s">
        <v>38</v>
      </c>
      <c r="P23153" s="5" t="s">
        <v>39</v>
      </c>
      <c r="Q23153" s="5" t="s">
        <v>40</v>
      </c>
      <c r="R23153" s="5" t="s">
        <v>1522</v>
      </c>
      <c r="S23153" s="5" t="s">
        <v>1523</v>
      </c>
      <c r="T23153" s="5" t="s">
        <v>42</v>
      </c>
      <c r="U23153" s="2">
        <v>3.0430000000000001</v>
      </c>
      <c r="V23153" s="2">
        <v>2.4260000000000002</v>
      </c>
      <c r="W23153" s="2">
        <v>1.7999999999999999E-2</v>
      </c>
      <c r="X23153" s="2">
        <v>139.1</v>
      </c>
      <c r="Y23153" s="2">
        <v>7.6</v>
      </c>
      <c r="Z23153" s="2">
        <v>16.7</v>
      </c>
      <c r="AA23153" s="5"/>
      <c r="AB23153" s="5" t="s">
        <v>43</v>
      </c>
      <c r="AC23153" s="5" t="s">
        <v>44</v>
      </c>
      <c r="AD23153" s="2"/>
      <c r="AE23153" s="1"/>
    </row>
    <row r="23154" spans="1:31" ht="14.45">
      <c r="A23154" s="11"/>
      <c r="B23154" s="20"/>
      <c r="C23154" s="2" t="s">
        <v>74341</v>
      </c>
      <c r="D23154" s="14" t="s">
        <v>74342</v>
      </c>
      <c r="E23154" s="2" t="s">
        <v>74343</v>
      </c>
      <c r="F23154" s="2" t="s">
        <v>7204</v>
      </c>
      <c r="G23154" s="8">
        <v>256</v>
      </c>
      <c r="H23154" s="5">
        <v>6</v>
      </c>
      <c r="I23154" s="5" t="s">
        <v>1518</v>
      </c>
      <c r="J23154" s="5" t="s">
        <v>69038</v>
      </c>
      <c r="K23154" s="2" t="s">
        <v>69039</v>
      </c>
      <c r="L23154" s="5" t="s">
        <v>69038</v>
      </c>
      <c r="M23154" s="2" t="s">
        <v>69039</v>
      </c>
      <c r="N23154" s="5" t="s">
        <v>1521</v>
      </c>
      <c r="O23154" s="5" t="s">
        <v>38</v>
      </c>
      <c r="P23154" s="5" t="s">
        <v>39</v>
      </c>
      <c r="Q23154" s="5" t="s">
        <v>40</v>
      </c>
      <c r="R23154" s="5" t="s">
        <v>1522</v>
      </c>
      <c r="S23154" s="5" t="s">
        <v>1523</v>
      </c>
      <c r="T23154" s="5" t="s">
        <v>42</v>
      </c>
      <c r="U23154" s="2">
        <v>3.1749999999999998</v>
      </c>
      <c r="V23154" s="2">
        <v>2.4750000000000001</v>
      </c>
      <c r="W23154" s="2">
        <v>0.02</v>
      </c>
      <c r="X23154" s="2">
        <v>159.1</v>
      </c>
      <c r="Y23154" s="2">
        <v>7.6</v>
      </c>
      <c r="Z23154" s="2">
        <v>16.7</v>
      </c>
      <c r="AA23154" s="5"/>
      <c r="AB23154" s="5" t="s">
        <v>43</v>
      </c>
      <c r="AC23154" s="5" t="s">
        <v>44</v>
      </c>
      <c r="AD23154" s="2"/>
      <c r="AE23154" s="1"/>
    </row>
    <row r="23155" spans="1:31" ht="14.45">
      <c r="A23155" s="11"/>
      <c r="B23155" s="20"/>
      <c r="C23155" s="2" t="s">
        <v>74344</v>
      </c>
      <c r="D23155" s="14" t="s">
        <v>74345</v>
      </c>
      <c r="E23155" s="2" t="s">
        <v>74346</v>
      </c>
      <c r="F23155" s="2" t="s">
        <v>7514</v>
      </c>
      <c r="G23155" s="8">
        <v>256</v>
      </c>
      <c r="H23155" s="5">
        <v>6</v>
      </c>
      <c r="I23155" s="5" t="s">
        <v>1518</v>
      </c>
      <c r="J23155" s="5" t="s">
        <v>69038</v>
      </c>
      <c r="K23155" s="2" t="s">
        <v>69039</v>
      </c>
      <c r="L23155" s="5" t="s">
        <v>69038</v>
      </c>
      <c r="M23155" s="2" t="s">
        <v>69039</v>
      </c>
      <c r="N23155" s="5" t="s">
        <v>1521</v>
      </c>
      <c r="O23155" s="5" t="s">
        <v>38</v>
      </c>
      <c r="P23155" s="5" t="s">
        <v>39</v>
      </c>
      <c r="Q23155" s="5" t="s">
        <v>40</v>
      </c>
      <c r="R23155" s="5" t="s">
        <v>1522</v>
      </c>
      <c r="S23155" s="5" t="s">
        <v>1523</v>
      </c>
      <c r="T23155" s="5" t="s">
        <v>42</v>
      </c>
      <c r="U23155" s="2">
        <v>3.2810000000000001</v>
      </c>
      <c r="V23155" s="2">
        <v>2.581</v>
      </c>
      <c r="W23155" s="2">
        <v>0.02</v>
      </c>
      <c r="X23155" s="2">
        <v>159.1</v>
      </c>
      <c r="Y23155" s="2">
        <v>7.6</v>
      </c>
      <c r="Z23155" s="2">
        <v>16.7</v>
      </c>
      <c r="AA23155" s="5"/>
      <c r="AB23155" s="5" t="s">
        <v>43</v>
      </c>
      <c r="AC23155" s="5" t="s">
        <v>44</v>
      </c>
      <c r="AD23155" s="2"/>
      <c r="AE23155" s="1"/>
    </row>
    <row r="23156" spans="1:31" ht="14.45">
      <c r="A23156" s="11"/>
      <c r="B23156" s="20"/>
      <c r="C23156" s="2" t="s">
        <v>74347</v>
      </c>
      <c r="D23156" s="14" t="s">
        <v>74348</v>
      </c>
      <c r="E23156" s="2" t="s">
        <v>74349</v>
      </c>
      <c r="F23156" s="2" t="s">
        <v>7208</v>
      </c>
      <c r="G23156" s="8">
        <v>256</v>
      </c>
      <c r="H23156" s="5">
        <v>6</v>
      </c>
      <c r="I23156" s="5" t="s">
        <v>1518</v>
      </c>
      <c r="J23156" s="5" t="s">
        <v>69038</v>
      </c>
      <c r="K23156" s="2" t="s">
        <v>69039</v>
      </c>
      <c r="L23156" s="5" t="s">
        <v>69038</v>
      </c>
      <c r="M23156" s="2" t="s">
        <v>69039</v>
      </c>
      <c r="N23156" s="5" t="s">
        <v>1521</v>
      </c>
      <c r="O23156" s="5" t="s">
        <v>38</v>
      </c>
      <c r="P23156" s="5" t="s">
        <v>39</v>
      </c>
      <c r="Q23156" s="5" t="s">
        <v>40</v>
      </c>
      <c r="R23156" s="5" t="s">
        <v>1522</v>
      </c>
      <c r="S23156" s="5" t="s">
        <v>1523</v>
      </c>
      <c r="T23156" s="5" t="s">
        <v>42</v>
      </c>
      <c r="U23156" s="2">
        <v>3.1749999999999998</v>
      </c>
      <c r="V23156" s="2">
        <v>2.4750000000000001</v>
      </c>
      <c r="W23156" s="2">
        <v>0.02</v>
      </c>
      <c r="X23156" s="2">
        <v>159.1</v>
      </c>
      <c r="Y23156" s="2">
        <v>7.6</v>
      </c>
      <c r="Z23156" s="2">
        <v>16.7</v>
      </c>
      <c r="AA23156" s="5"/>
      <c r="AB23156" s="5" t="s">
        <v>43</v>
      </c>
      <c r="AC23156" s="5" t="s">
        <v>44</v>
      </c>
      <c r="AD23156" s="2"/>
      <c r="AE23156" s="1"/>
    </row>
    <row r="23157" spans="1:31" ht="14.45">
      <c r="A23157" s="11"/>
      <c r="B23157" s="20"/>
      <c r="C23157" s="2" t="s">
        <v>74350</v>
      </c>
      <c r="D23157" s="14" t="s">
        <v>74351</v>
      </c>
      <c r="E23157" s="2" t="s">
        <v>74352</v>
      </c>
      <c r="F23157" s="2" t="s">
        <v>7521</v>
      </c>
      <c r="G23157" s="8">
        <v>256</v>
      </c>
      <c r="H23157" s="5">
        <v>6</v>
      </c>
      <c r="I23157" s="5" t="s">
        <v>1518</v>
      </c>
      <c r="J23157" s="5" t="s">
        <v>69038</v>
      </c>
      <c r="K23157" s="2" t="s">
        <v>69039</v>
      </c>
      <c r="L23157" s="5" t="s">
        <v>69038</v>
      </c>
      <c r="M23157" s="2" t="s">
        <v>69039</v>
      </c>
      <c r="N23157" s="5" t="s">
        <v>1521</v>
      </c>
      <c r="O23157" s="5" t="s">
        <v>38</v>
      </c>
      <c r="P23157" s="5" t="s">
        <v>39</v>
      </c>
      <c r="Q23157" s="5" t="s">
        <v>40</v>
      </c>
      <c r="R23157" s="5" t="s">
        <v>1522</v>
      </c>
      <c r="S23157" s="5" t="s">
        <v>1523</v>
      </c>
      <c r="T23157" s="5" t="s">
        <v>42</v>
      </c>
      <c r="U23157" s="2">
        <v>3.2810000000000001</v>
      </c>
      <c r="V23157" s="2">
        <v>2.581</v>
      </c>
      <c r="W23157" s="2">
        <v>0.02</v>
      </c>
      <c r="X23157" s="2">
        <v>159.1</v>
      </c>
      <c r="Y23157" s="2">
        <v>7.6</v>
      </c>
      <c r="Z23157" s="2">
        <v>16.7</v>
      </c>
      <c r="AA23157" s="5"/>
      <c r="AB23157" s="5" t="s">
        <v>43</v>
      </c>
      <c r="AC23157" s="5" t="s">
        <v>44</v>
      </c>
      <c r="AD23157" s="2"/>
      <c r="AE23157" s="1"/>
    </row>
    <row r="23158" spans="1:31" ht="14.45">
      <c r="A23158" s="11"/>
      <c r="B23158" s="20"/>
      <c r="C23158" s="2" t="s">
        <v>74353</v>
      </c>
      <c r="D23158" s="14" t="s">
        <v>74354</v>
      </c>
      <c r="E23158" s="2" t="s">
        <v>74355</v>
      </c>
      <c r="F23158" s="2" t="s">
        <v>7406</v>
      </c>
      <c r="G23158" s="8">
        <v>275</v>
      </c>
      <c r="H23158" s="5">
        <v>6</v>
      </c>
      <c r="I23158" s="5" t="s">
        <v>1518</v>
      </c>
      <c r="J23158" s="5" t="s">
        <v>69038</v>
      </c>
      <c r="K23158" s="2" t="s">
        <v>69039</v>
      </c>
      <c r="L23158" s="5" t="s">
        <v>69038</v>
      </c>
      <c r="M23158" s="2" t="s">
        <v>69039</v>
      </c>
      <c r="N23158" s="5" t="s">
        <v>1521</v>
      </c>
      <c r="O23158" s="5" t="s">
        <v>38</v>
      </c>
      <c r="P23158" s="5" t="s">
        <v>39</v>
      </c>
      <c r="Q23158" s="5" t="s">
        <v>40</v>
      </c>
      <c r="R23158" s="5" t="s">
        <v>1522</v>
      </c>
      <c r="S23158" s="5" t="s">
        <v>1523</v>
      </c>
      <c r="T23158" s="5" t="s">
        <v>42</v>
      </c>
      <c r="U23158" s="2">
        <v>3.1749999999999998</v>
      </c>
      <c r="V23158" s="2">
        <v>2.4750000000000001</v>
      </c>
      <c r="W23158" s="2">
        <v>0.02</v>
      </c>
      <c r="X23158" s="2">
        <v>159.1</v>
      </c>
      <c r="Y23158" s="2">
        <v>7.6</v>
      </c>
      <c r="Z23158" s="2">
        <v>16.7</v>
      </c>
      <c r="AA23158" s="5"/>
      <c r="AB23158" s="5" t="s">
        <v>43</v>
      </c>
      <c r="AC23158" s="5" t="s">
        <v>44</v>
      </c>
      <c r="AD23158" s="2"/>
      <c r="AE23158" s="1"/>
    </row>
    <row r="23159" spans="1:31" ht="14.45">
      <c r="A23159" s="11"/>
      <c r="B23159" s="20"/>
      <c r="C23159" s="2" t="s">
        <v>74356</v>
      </c>
      <c r="D23159" s="14" t="s">
        <v>74357</v>
      </c>
      <c r="E23159" s="2" t="s">
        <v>74358</v>
      </c>
      <c r="F23159" s="2" t="s">
        <v>7535</v>
      </c>
      <c r="G23159" s="8">
        <v>275</v>
      </c>
      <c r="H23159" s="5">
        <v>6</v>
      </c>
      <c r="I23159" s="5" t="s">
        <v>1518</v>
      </c>
      <c r="J23159" s="5" t="s">
        <v>69038</v>
      </c>
      <c r="K23159" s="2" t="s">
        <v>69039</v>
      </c>
      <c r="L23159" s="5" t="s">
        <v>69038</v>
      </c>
      <c r="M23159" s="2" t="s">
        <v>69039</v>
      </c>
      <c r="N23159" s="5" t="s">
        <v>1521</v>
      </c>
      <c r="O23159" s="5" t="s">
        <v>38</v>
      </c>
      <c r="P23159" s="5" t="s">
        <v>39</v>
      </c>
      <c r="Q23159" s="5" t="s">
        <v>40</v>
      </c>
      <c r="R23159" s="5" t="s">
        <v>1522</v>
      </c>
      <c r="S23159" s="5" t="s">
        <v>1523</v>
      </c>
      <c r="T23159" s="5" t="s">
        <v>42</v>
      </c>
      <c r="U23159" s="2">
        <v>3.2810000000000001</v>
      </c>
      <c r="V23159" s="2">
        <v>2.581</v>
      </c>
      <c r="W23159" s="2">
        <v>0.02</v>
      </c>
      <c r="X23159" s="2">
        <v>159.1</v>
      </c>
      <c r="Y23159" s="2">
        <v>7.6</v>
      </c>
      <c r="Z23159" s="2">
        <v>16.7</v>
      </c>
      <c r="AA23159" s="5"/>
      <c r="AB23159" s="5" t="s">
        <v>43</v>
      </c>
      <c r="AC23159" s="5" t="s">
        <v>44</v>
      </c>
      <c r="AD23159" s="2"/>
      <c r="AE23159" s="1"/>
    </row>
    <row r="23160" spans="1:31" ht="14.45">
      <c r="A23160" s="11"/>
      <c r="B23160" s="20"/>
      <c r="C23160" s="2" t="s">
        <v>74359</v>
      </c>
      <c r="D23160" s="14" t="s">
        <v>74360</v>
      </c>
      <c r="E23160" s="2" t="s">
        <v>74361</v>
      </c>
      <c r="F23160" s="2" t="s">
        <v>7539</v>
      </c>
      <c r="G23160" s="8">
        <v>275</v>
      </c>
      <c r="H23160" s="5">
        <v>6</v>
      </c>
      <c r="I23160" s="5" t="s">
        <v>1518</v>
      </c>
      <c r="J23160" s="5" t="s">
        <v>69038</v>
      </c>
      <c r="K23160" s="2" t="s">
        <v>69039</v>
      </c>
      <c r="L23160" s="5" t="s">
        <v>69038</v>
      </c>
      <c r="M23160" s="2" t="s">
        <v>69039</v>
      </c>
      <c r="N23160" s="5" t="s">
        <v>1521</v>
      </c>
      <c r="O23160" s="5" t="s">
        <v>38</v>
      </c>
      <c r="P23160" s="5" t="s">
        <v>39</v>
      </c>
      <c r="Q23160" s="5" t="s">
        <v>40</v>
      </c>
      <c r="R23160" s="5" t="s">
        <v>1522</v>
      </c>
      <c r="S23160" s="5" t="s">
        <v>1523</v>
      </c>
      <c r="T23160" s="5" t="s">
        <v>42</v>
      </c>
      <c r="U23160" s="2">
        <v>3.1749999999999998</v>
      </c>
      <c r="V23160" s="2">
        <v>2.4750000000000001</v>
      </c>
      <c r="W23160" s="2">
        <v>0.02</v>
      </c>
      <c r="X23160" s="2">
        <v>159.1</v>
      </c>
      <c r="Y23160" s="2">
        <v>7.6</v>
      </c>
      <c r="Z23160" s="2">
        <v>16.7</v>
      </c>
      <c r="AA23160" s="5"/>
      <c r="AB23160" s="5" t="s">
        <v>43</v>
      </c>
      <c r="AC23160" s="5" t="s">
        <v>44</v>
      </c>
      <c r="AD23160" s="2"/>
      <c r="AE23160" s="1"/>
    </row>
    <row r="23161" spans="1:31" ht="14.45">
      <c r="A23161" s="11"/>
      <c r="B23161" s="20"/>
      <c r="C23161" s="2" t="s">
        <v>74362</v>
      </c>
      <c r="D23161" s="14" t="s">
        <v>74363</v>
      </c>
      <c r="E23161" s="2" t="s">
        <v>74364</v>
      </c>
      <c r="F23161" s="2" t="s">
        <v>7543</v>
      </c>
      <c r="G23161" s="8">
        <v>275</v>
      </c>
      <c r="H23161" s="5">
        <v>6</v>
      </c>
      <c r="I23161" s="5" t="s">
        <v>1518</v>
      </c>
      <c r="J23161" s="5" t="s">
        <v>69038</v>
      </c>
      <c r="K23161" s="2" t="s">
        <v>69039</v>
      </c>
      <c r="L23161" s="5" t="s">
        <v>69038</v>
      </c>
      <c r="M23161" s="2" t="s">
        <v>69039</v>
      </c>
      <c r="N23161" s="5" t="s">
        <v>1521</v>
      </c>
      <c r="O23161" s="5" t="s">
        <v>38</v>
      </c>
      <c r="P23161" s="5" t="s">
        <v>39</v>
      </c>
      <c r="Q23161" s="5" t="s">
        <v>40</v>
      </c>
      <c r="R23161" s="5" t="s">
        <v>1522</v>
      </c>
      <c r="S23161" s="5" t="s">
        <v>1523</v>
      </c>
      <c r="T23161" s="5" t="s">
        <v>42</v>
      </c>
      <c r="U23161" s="2">
        <v>3.2810000000000001</v>
      </c>
      <c r="V23161" s="2">
        <v>2.581</v>
      </c>
      <c r="W23161" s="2">
        <v>0.02</v>
      </c>
      <c r="X23161" s="2">
        <v>159.1</v>
      </c>
      <c r="Y23161" s="2">
        <v>7.6</v>
      </c>
      <c r="Z23161" s="2">
        <v>16.7</v>
      </c>
      <c r="AA23161" s="5"/>
      <c r="AB23161" s="5" t="s">
        <v>43</v>
      </c>
      <c r="AC23161" s="5" t="s">
        <v>44</v>
      </c>
      <c r="AD23161" s="2"/>
      <c r="AE23161" s="1"/>
    </row>
    <row r="23162" spans="1:31" ht="14.45">
      <c r="A23162" s="11"/>
      <c r="B23162" s="20"/>
      <c r="C23162" s="2" t="s">
        <v>74365</v>
      </c>
      <c r="D23162" s="14" t="s">
        <v>74366</v>
      </c>
      <c r="E23162" s="2" t="s">
        <v>74367</v>
      </c>
      <c r="F23162" s="2" t="s">
        <v>7396</v>
      </c>
      <c r="G23162" s="8">
        <v>256</v>
      </c>
      <c r="H23162" s="5">
        <v>6</v>
      </c>
      <c r="I23162" s="5" t="s">
        <v>1518</v>
      </c>
      <c r="J23162" s="5" t="s">
        <v>69038</v>
      </c>
      <c r="K23162" s="2" t="s">
        <v>69039</v>
      </c>
      <c r="L23162" s="5" t="s">
        <v>69038</v>
      </c>
      <c r="M23162" s="2" t="s">
        <v>69039</v>
      </c>
      <c r="N23162" s="5" t="s">
        <v>1521</v>
      </c>
      <c r="O23162" s="5" t="s">
        <v>38</v>
      </c>
      <c r="P23162" s="5" t="s">
        <v>39</v>
      </c>
      <c r="Q23162" s="5" t="s">
        <v>40</v>
      </c>
      <c r="R23162" s="5" t="s">
        <v>1522</v>
      </c>
      <c r="S23162" s="5" t="s">
        <v>1523</v>
      </c>
      <c r="T23162" s="5" t="s">
        <v>42</v>
      </c>
      <c r="U23162" s="2">
        <v>3.1749999999999998</v>
      </c>
      <c r="V23162" s="2">
        <v>2.4750000000000001</v>
      </c>
      <c r="W23162" s="2">
        <v>0.02</v>
      </c>
      <c r="X23162" s="2">
        <v>159.1</v>
      </c>
      <c r="Y23162" s="2">
        <v>7.6</v>
      </c>
      <c r="Z23162" s="2">
        <v>16.7</v>
      </c>
      <c r="AA23162" s="5"/>
      <c r="AB23162" s="5" t="s">
        <v>43</v>
      </c>
      <c r="AC23162" s="5" t="s">
        <v>44</v>
      </c>
      <c r="AD23162" s="2"/>
      <c r="AE23162" s="1"/>
    </row>
    <row r="23163" spans="1:31" ht="14.45">
      <c r="A23163" s="11"/>
      <c r="B23163" s="20"/>
      <c r="C23163" s="2" t="s">
        <v>74368</v>
      </c>
      <c r="D23163" s="14" t="s">
        <v>74369</v>
      </c>
      <c r="E23163" s="2" t="s">
        <v>74370</v>
      </c>
      <c r="F23163" s="2" t="s">
        <v>7507</v>
      </c>
      <c r="G23163" s="8">
        <v>256</v>
      </c>
      <c r="H23163" s="5">
        <v>6</v>
      </c>
      <c r="I23163" s="5" t="s">
        <v>1518</v>
      </c>
      <c r="J23163" s="5" t="s">
        <v>69038</v>
      </c>
      <c r="K23163" s="2" t="s">
        <v>69039</v>
      </c>
      <c r="L23163" s="5" t="s">
        <v>69038</v>
      </c>
      <c r="M23163" s="2" t="s">
        <v>69039</v>
      </c>
      <c r="N23163" s="5" t="s">
        <v>1521</v>
      </c>
      <c r="O23163" s="5" t="s">
        <v>38</v>
      </c>
      <c r="P23163" s="5" t="s">
        <v>39</v>
      </c>
      <c r="Q23163" s="5" t="s">
        <v>40</v>
      </c>
      <c r="R23163" s="5" t="s">
        <v>1522</v>
      </c>
      <c r="S23163" s="5" t="s">
        <v>1523</v>
      </c>
      <c r="T23163" s="5" t="s">
        <v>42</v>
      </c>
      <c r="U23163" s="2">
        <v>3.2810000000000001</v>
      </c>
      <c r="V23163" s="2">
        <v>2.581</v>
      </c>
      <c r="W23163" s="2">
        <v>0.02</v>
      </c>
      <c r="X23163" s="2">
        <v>159.1</v>
      </c>
      <c r="Y23163" s="2">
        <v>7.6</v>
      </c>
      <c r="Z23163" s="2">
        <v>16.7</v>
      </c>
      <c r="AA23163" s="5"/>
      <c r="AB23163" s="5" t="s">
        <v>43</v>
      </c>
      <c r="AC23163" s="5" t="s">
        <v>44</v>
      </c>
      <c r="AD23163" s="2"/>
      <c r="AE23163" s="1"/>
    </row>
    <row r="23164" spans="1:31" ht="14.45">
      <c r="A23164" s="11"/>
      <c r="B23164" s="20"/>
      <c r="C23164" s="2" t="s">
        <v>74371</v>
      </c>
      <c r="D23164" s="14" t="s">
        <v>74372</v>
      </c>
      <c r="E23164" s="2" t="s">
        <v>74373</v>
      </c>
      <c r="F23164" s="2" t="s">
        <v>7563</v>
      </c>
      <c r="G23164" s="8">
        <v>275</v>
      </c>
      <c r="H23164" s="5">
        <v>6</v>
      </c>
      <c r="I23164" s="5" t="s">
        <v>1518</v>
      </c>
      <c r="J23164" s="5" t="s">
        <v>69038</v>
      </c>
      <c r="K23164" s="2" t="s">
        <v>69039</v>
      </c>
      <c r="L23164" s="5" t="s">
        <v>69038</v>
      </c>
      <c r="M23164" s="2" t="s">
        <v>69039</v>
      </c>
      <c r="N23164" s="5" t="s">
        <v>1521</v>
      </c>
      <c r="O23164" s="5" t="s">
        <v>38</v>
      </c>
      <c r="P23164" s="5" t="s">
        <v>39</v>
      </c>
      <c r="Q23164" s="5" t="s">
        <v>40</v>
      </c>
      <c r="R23164" s="5" t="s">
        <v>1522</v>
      </c>
      <c r="S23164" s="5" t="s">
        <v>1523</v>
      </c>
      <c r="T23164" s="5" t="s">
        <v>42</v>
      </c>
      <c r="U23164" s="2">
        <v>3.1749999999999998</v>
      </c>
      <c r="V23164" s="2">
        <v>2.4750000000000001</v>
      </c>
      <c r="W23164" s="2">
        <v>0.02</v>
      </c>
      <c r="X23164" s="2">
        <v>159.1</v>
      </c>
      <c r="Y23164" s="2">
        <v>7.6</v>
      </c>
      <c r="Z23164" s="2">
        <v>16.7</v>
      </c>
      <c r="AA23164" s="5"/>
      <c r="AB23164" s="5" t="s">
        <v>43</v>
      </c>
      <c r="AC23164" s="5" t="s">
        <v>44</v>
      </c>
      <c r="AD23164" s="2"/>
      <c r="AE23164" s="1"/>
    </row>
    <row r="23165" spans="1:31" ht="14.45">
      <c r="A23165" s="11"/>
      <c r="B23165" s="20"/>
      <c r="C23165" s="2" t="s">
        <v>74374</v>
      </c>
      <c r="D23165" s="14" t="s">
        <v>74375</v>
      </c>
      <c r="E23165" s="2" t="s">
        <v>74376</v>
      </c>
      <c r="F23165" s="2" t="s">
        <v>7567</v>
      </c>
      <c r="G23165" s="8">
        <v>275</v>
      </c>
      <c r="H23165" s="5">
        <v>6</v>
      </c>
      <c r="I23165" s="5" t="s">
        <v>1518</v>
      </c>
      <c r="J23165" s="5" t="s">
        <v>69038</v>
      </c>
      <c r="K23165" s="2" t="s">
        <v>69039</v>
      </c>
      <c r="L23165" s="5" t="s">
        <v>69038</v>
      </c>
      <c r="M23165" s="2" t="s">
        <v>69039</v>
      </c>
      <c r="N23165" s="5" t="s">
        <v>1521</v>
      </c>
      <c r="O23165" s="5" t="s">
        <v>38</v>
      </c>
      <c r="P23165" s="5" t="s">
        <v>39</v>
      </c>
      <c r="Q23165" s="5" t="s">
        <v>40</v>
      </c>
      <c r="R23165" s="5" t="s">
        <v>1522</v>
      </c>
      <c r="S23165" s="5" t="s">
        <v>1523</v>
      </c>
      <c r="T23165" s="5" t="s">
        <v>42</v>
      </c>
      <c r="U23165" s="2">
        <v>3.2810000000000001</v>
      </c>
      <c r="V23165" s="2">
        <v>2.581</v>
      </c>
      <c r="W23165" s="2">
        <v>0.02</v>
      </c>
      <c r="X23165" s="2">
        <v>159.1</v>
      </c>
      <c r="Y23165" s="2">
        <v>7.6</v>
      </c>
      <c r="Z23165" s="2">
        <v>16.7</v>
      </c>
      <c r="AA23165" s="5"/>
      <c r="AB23165" s="5" t="s">
        <v>43</v>
      </c>
      <c r="AC23165" s="5" t="s">
        <v>44</v>
      </c>
      <c r="AD23165" s="2"/>
      <c r="AE23165" s="1"/>
    </row>
    <row r="23166" spans="1:31" ht="14.45">
      <c r="A23166" s="11"/>
      <c r="B23166" s="20"/>
      <c r="C23166" s="2" t="s">
        <v>74377</v>
      </c>
      <c r="D23166" s="14" t="s">
        <v>74378</v>
      </c>
      <c r="E23166" s="2" t="s">
        <v>74379</v>
      </c>
      <c r="F23166" s="2" t="s">
        <v>16194</v>
      </c>
      <c r="G23166" s="8">
        <v>275</v>
      </c>
      <c r="H23166" s="5">
        <v>6</v>
      </c>
      <c r="I23166" s="5" t="s">
        <v>1518</v>
      </c>
      <c r="J23166" s="5" t="s">
        <v>69038</v>
      </c>
      <c r="K23166" s="2" t="s">
        <v>69039</v>
      </c>
      <c r="L23166" s="5" t="s">
        <v>69038</v>
      </c>
      <c r="M23166" s="2" t="s">
        <v>69039</v>
      </c>
      <c r="N23166" s="5" t="s">
        <v>1521</v>
      </c>
      <c r="O23166" s="5" t="s">
        <v>38</v>
      </c>
      <c r="P23166" s="5" t="s">
        <v>39</v>
      </c>
      <c r="Q23166" s="5" t="s">
        <v>40</v>
      </c>
      <c r="R23166" s="5" t="s">
        <v>1522</v>
      </c>
      <c r="S23166" s="5" t="s">
        <v>1523</v>
      </c>
      <c r="T23166" s="5" t="s">
        <v>42</v>
      </c>
      <c r="U23166" s="2">
        <v>3.2810000000000001</v>
      </c>
      <c r="V23166" s="2">
        <v>2.581</v>
      </c>
      <c r="W23166" s="2">
        <v>0.02</v>
      </c>
      <c r="X23166" s="2">
        <v>159.1</v>
      </c>
      <c r="Y23166" s="2">
        <v>7.6</v>
      </c>
      <c r="Z23166" s="2">
        <v>16.7</v>
      </c>
      <c r="AA23166" s="5"/>
      <c r="AB23166" s="5" t="s">
        <v>43</v>
      </c>
      <c r="AC23166" s="5" t="s">
        <v>44</v>
      </c>
      <c r="AD23166" s="2"/>
      <c r="AE23166" s="1"/>
    </row>
    <row r="23167" spans="1:31" ht="14.45">
      <c r="A23167" s="11"/>
      <c r="B23167" s="20"/>
      <c r="C23167" s="2" t="s">
        <v>74380</v>
      </c>
      <c r="D23167" s="14" t="s">
        <v>74381</v>
      </c>
      <c r="E23167" s="2" t="s">
        <v>74382</v>
      </c>
      <c r="F23167" s="2" t="s">
        <v>7581</v>
      </c>
      <c r="G23167" s="8">
        <v>275</v>
      </c>
      <c r="H23167" s="5">
        <v>6</v>
      </c>
      <c r="I23167" s="5" t="s">
        <v>1518</v>
      </c>
      <c r="J23167" s="5" t="s">
        <v>69038</v>
      </c>
      <c r="K23167" s="2" t="s">
        <v>69039</v>
      </c>
      <c r="L23167" s="5" t="s">
        <v>69038</v>
      </c>
      <c r="M23167" s="2" t="s">
        <v>69039</v>
      </c>
      <c r="N23167" s="5" t="s">
        <v>1521</v>
      </c>
      <c r="O23167" s="5" t="s">
        <v>38</v>
      </c>
      <c r="P23167" s="5" t="s">
        <v>39</v>
      </c>
      <c r="Q23167" s="5" t="s">
        <v>40</v>
      </c>
      <c r="R23167" s="5" t="s">
        <v>1522</v>
      </c>
      <c r="S23167" s="5" t="s">
        <v>1523</v>
      </c>
      <c r="T23167" s="5" t="s">
        <v>42</v>
      </c>
      <c r="U23167" s="2">
        <v>3.2810000000000001</v>
      </c>
      <c r="V23167" s="2">
        <v>2.581</v>
      </c>
      <c r="W23167" s="2">
        <v>0.02</v>
      </c>
      <c r="X23167" s="2">
        <v>159.1</v>
      </c>
      <c r="Y23167" s="2">
        <v>7.6</v>
      </c>
      <c r="Z23167" s="2">
        <v>16.7</v>
      </c>
      <c r="AA23167" s="5"/>
      <c r="AB23167" s="5" t="s">
        <v>43</v>
      </c>
      <c r="AC23167" s="5" t="s">
        <v>44</v>
      </c>
      <c r="AD23167" s="2"/>
      <c r="AE23167" s="1"/>
    </row>
    <row r="23168" spans="1:31" ht="14.45">
      <c r="A23168" s="11"/>
      <c r="B23168" s="20"/>
      <c r="C23168" s="2" t="s">
        <v>74383</v>
      </c>
      <c r="D23168" s="14" t="s">
        <v>74384</v>
      </c>
      <c r="E23168" s="2" t="s">
        <v>74385</v>
      </c>
      <c r="F23168" s="2" t="s">
        <v>7589</v>
      </c>
      <c r="G23168" s="8">
        <v>275</v>
      </c>
      <c r="H23168" s="5">
        <v>6</v>
      </c>
      <c r="I23168" s="5" t="s">
        <v>1518</v>
      </c>
      <c r="J23168" s="5" t="s">
        <v>69038</v>
      </c>
      <c r="K23168" s="2" t="s">
        <v>69039</v>
      </c>
      <c r="L23168" s="5" t="s">
        <v>69038</v>
      </c>
      <c r="M23168" s="2" t="s">
        <v>69039</v>
      </c>
      <c r="N23168" s="5" t="s">
        <v>1521</v>
      </c>
      <c r="O23168" s="5" t="s">
        <v>38</v>
      </c>
      <c r="P23168" s="5" t="s">
        <v>39</v>
      </c>
      <c r="Q23168" s="5" t="s">
        <v>40</v>
      </c>
      <c r="R23168" s="5" t="s">
        <v>1522</v>
      </c>
      <c r="S23168" s="5" t="s">
        <v>1523</v>
      </c>
      <c r="T23168" s="5" t="s">
        <v>42</v>
      </c>
      <c r="U23168" s="2">
        <v>3.2810000000000001</v>
      </c>
      <c r="V23168" s="2">
        <v>2.581</v>
      </c>
      <c r="W23168" s="2">
        <v>0.02</v>
      </c>
      <c r="X23168" s="2">
        <v>159.1</v>
      </c>
      <c r="Y23168" s="2">
        <v>7.6</v>
      </c>
      <c r="Z23168" s="2">
        <v>16.7</v>
      </c>
      <c r="AA23168" s="5"/>
      <c r="AB23168" s="5" t="s">
        <v>43</v>
      </c>
      <c r="AC23168" s="5" t="s">
        <v>44</v>
      </c>
      <c r="AD23168" s="2"/>
      <c r="AE23168" s="1"/>
    </row>
    <row r="23169" spans="1:31" ht="14.45">
      <c r="A23169" s="11"/>
      <c r="B23169" s="20"/>
      <c r="C23169" s="2" t="s">
        <v>74386</v>
      </c>
      <c r="D23169" s="14" t="s">
        <v>74387</v>
      </c>
      <c r="E23169" s="2" t="s">
        <v>74388</v>
      </c>
      <c r="F23169" s="2" t="s">
        <v>73358</v>
      </c>
      <c r="G23169" s="8">
        <v>275</v>
      </c>
      <c r="H23169" s="5">
        <v>6</v>
      </c>
      <c r="I23169" s="5" t="s">
        <v>1518</v>
      </c>
      <c r="J23169" s="5" t="s">
        <v>69038</v>
      </c>
      <c r="K23169" s="2" t="s">
        <v>69039</v>
      </c>
      <c r="L23169" s="5" t="s">
        <v>69038</v>
      </c>
      <c r="M23169" s="2" t="s">
        <v>69039</v>
      </c>
      <c r="N23169" s="5" t="s">
        <v>1521</v>
      </c>
      <c r="O23169" s="5" t="s">
        <v>38</v>
      </c>
      <c r="P23169" s="5" t="s">
        <v>39</v>
      </c>
      <c r="Q23169" s="5" t="s">
        <v>40</v>
      </c>
      <c r="R23169" s="5" t="s">
        <v>1522</v>
      </c>
      <c r="S23169" s="5" t="s">
        <v>1523</v>
      </c>
      <c r="T23169" s="5" t="s">
        <v>42</v>
      </c>
      <c r="U23169" s="2">
        <v>3.1749999999999998</v>
      </c>
      <c r="V23169" s="2">
        <v>2.4750000000000001</v>
      </c>
      <c r="W23169" s="2">
        <v>0.02</v>
      </c>
      <c r="X23169" s="2">
        <v>159.1</v>
      </c>
      <c r="Y23169" s="2">
        <v>7.6</v>
      </c>
      <c r="Z23169" s="2">
        <v>16.7</v>
      </c>
      <c r="AA23169" s="5"/>
      <c r="AB23169" s="5" t="s">
        <v>43</v>
      </c>
      <c r="AC23169" s="5" t="s">
        <v>44</v>
      </c>
      <c r="AD23169" s="2"/>
      <c r="AE23169" s="1"/>
    </row>
    <row r="23170" spans="1:31" ht="14.45">
      <c r="A23170" s="11"/>
      <c r="B23170" s="20"/>
      <c r="C23170" s="2" t="s">
        <v>74389</v>
      </c>
      <c r="D23170" s="14" t="s">
        <v>74390</v>
      </c>
      <c r="E23170" s="2" t="s">
        <v>74391</v>
      </c>
      <c r="F23170" s="2" t="s">
        <v>7615</v>
      </c>
      <c r="G23170" s="8">
        <v>275</v>
      </c>
      <c r="H23170" s="5">
        <v>6</v>
      </c>
      <c r="I23170" s="5" t="s">
        <v>1518</v>
      </c>
      <c r="J23170" s="5" t="s">
        <v>69038</v>
      </c>
      <c r="K23170" s="2" t="s">
        <v>69039</v>
      </c>
      <c r="L23170" s="5" t="s">
        <v>69038</v>
      </c>
      <c r="M23170" s="2" t="s">
        <v>69039</v>
      </c>
      <c r="N23170" s="5" t="s">
        <v>1521</v>
      </c>
      <c r="O23170" s="5" t="s">
        <v>38</v>
      </c>
      <c r="P23170" s="5" t="s">
        <v>39</v>
      </c>
      <c r="Q23170" s="5" t="s">
        <v>40</v>
      </c>
      <c r="R23170" s="5" t="s">
        <v>1522</v>
      </c>
      <c r="S23170" s="5" t="s">
        <v>1523</v>
      </c>
      <c r="T23170" s="5" t="s">
        <v>42</v>
      </c>
      <c r="U23170" s="2">
        <v>3.1749999999999998</v>
      </c>
      <c r="V23170" s="2">
        <v>2.4750000000000001</v>
      </c>
      <c r="W23170" s="2">
        <v>0.02</v>
      </c>
      <c r="X23170" s="2">
        <v>159.1</v>
      </c>
      <c r="Y23170" s="2">
        <v>7.6</v>
      </c>
      <c r="Z23170" s="2">
        <v>16.7</v>
      </c>
      <c r="AA23170" s="5"/>
      <c r="AB23170" s="5" t="s">
        <v>43</v>
      </c>
      <c r="AC23170" s="5" t="s">
        <v>44</v>
      </c>
      <c r="AD23170" s="2"/>
      <c r="AE23170" s="1"/>
    </row>
    <row r="23171" spans="1:31" ht="14.45">
      <c r="A23171" s="11"/>
      <c r="B23171" s="20"/>
      <c r="C23171" s="2" t="s">
        <v>74392</v>
      </c>
      <c r="D23171" s="14" t="s">
        <v>74393</v>
      </c>
      <c r="E23171" s="2" t="s">
        <v>74394</v>
      </c>
      <c r="F23171" s="2" t="s">
        <v>7619</v>
      </c>
      <c r="G23171" s="8">
        <v>275</v>
      </c>
      <c r="H23171" s="5">
        <v>6</v>
      </c>
      <c r="I23171" s="5" t="s">
        <v>1518</v>
      </c>
      <c r="J23171" s="5" t="s">
        <v>69038</v>
      </c>
      <c r="K23171" s="2" t="s">
        <v>69039</v>
      </c>
      <c r="L23171" s="5" t="s">
        <v>69038</v>
      </c>
      <c r="M23171" s="2" t="s">
        <v>69039</v>
      </c>
      <c r="N23171" s="5" t="s">
        <v>1521</v>
      </c>
      <c r="O23171" s="5" t="s">
        <v>38</v>
      </c>
      <c r="P23171" s="5" t="s">
        <v>39</v>
      </c>
      <c r="Q23171" s="5" t="s">
        <v>40</v>
      </c>
      <c r="R23171" s="5" t="s">
        <v>1522</v>
      </c>
      <c r="S23171" s="5" t="s">
        <v>1523</v>
      </c>
      <c r="T23171" s="5" t="s">
        <v>42</v>
      </c>
      <c r="U23171" s="2">
        <v>3.2810000000000001</v>
      </c>
      <c r="V23171" s="2">
        <v>2.581</v>
      </c>
      <c r="W23171" s="2">
        <v>0.02</v>
      </c>
      <c r="X23171" s="2">
        <v>159.1</v>
      </c>
      <c r="Y23171" s="2">
        <v>7.6</v>
      </c>
      <c r="Z23171" s="2">
        <v>16.7</v>
      </c>
      <c r="AA23171" s="5"/>
      <c r="AB23171" s="5" t="s">
        <v>43</v>
      </c>
      <c r="AC23171" s="5" t="s">
        <v>44</v>
      </c>
      <c r="AD23171" s="2"/>
      <c r="AE23171" s="1"/>
    </row>
    <row r="23172" spans="1:31" ht="14.45">
      <c r="A23172" s="11"/>
      <c r="B23172" s="20"/>
      <c r="C23172" s="2" t="s">
        <v>74395</v>
      </c>
      <c r="D23172" s="14" t="s">
        <v>74396</v>
      </c>
      <c r="E23172" s="2" t="s">
        <v>74397</v>
      </c>
      <c r="F23172" s="2" t="s">
        <v>16219</v>
      </c>
      <c r="G23172" s="8">
        <v>275</v>
      </c>
      <c r="H23172" s="5">
        <v>6</v>
      </c>
      <c r="I23172" s="5" t="s">
        <v>1518</v>
      </c>
      <c r="J23172" s="5" t="s">
        <v>69038</v>
      </c>
      <c r="K23172" s="2" t="s">
        <v>69039</v>
      </c>
      <c r="L23172" s="5" t="s">
        <v>69038</v>
      </c>
      <c r="M23172" s="2" t="s">
        <v>69039</v>
      </c>
      <c r="N23172" s="5" t="s">
        <v>1521</v>
      </c>
      <c r="O23172" s="5" t="s">
        <v>38</v>
      </c>
      <c r="P23172" s="5" t="s">
        <v>39</v>
      </c>
      <c r="Q23172" s="5" t="s">
        <v>40</v>
      </c>
      <c r="R23172" s="5" t="s">
        <v>1522</v>
      </c>
      <c r="S23172" s="5" t="s">
        <v>1523</v>
      </c>
      <c r="T23172" s="5" t="s">
        <v>42</v>
      </c>
      <c r="U23172" s="2">
        <v>3.2810000000000001</v>
      </c>
      <c r="V23172" s="2">
        <v>2.581</v>
      </c>
      <c r="W23172" s="2">
        <v>0.02</v>
      </c>
      <c r="X23172" s="2">
        <v>159.1</v>
      </c>
      <c r="Y23172" s="2">
        <v>7.6</v>
      </c>
      <c r="Z23172" s="2">
        <v>16.7</v>
      </c>
      <c r="AA23172" s="5"/>
      <c r="AB23172" s="5" t="s">
        <v>43</v>
      </c>
      <c r="AC23172" s="5" t="s">
        <v>44</v>
      </c>
      <c r="AD23172" s="2"/>
      <c r="AE23172" s="1"/>
    </row>
    <row r="23173" spans="1:31" ht="14.45">
      <c r="A23173" s="11"/>
      <c r="B23173" s="20"/>
      <c r="C23173" s="2" t="s">
        <v>74398</v>
      </c>
      <c r="D23173" s="14" t="s">
        <v>74399</v>
      </c>
      <c r="E23173" s="2" t="s">
        <v>74400</v>
      </c>
      <c r="F23173" s="2" t="s">
        <v>7528</v>
      </c>
      <c r="G23173" s="8">
        <v>256</v>
      </c>
      <c r="H23173" s="5">
        <v>6</v>
      </c>
      <c r="I23173" s="5" t="s">
        <v>1518</v>
      </c>
      <c r="J23173" s="5" t="s">
        <v>69038</v>
      </c>
      <c r="K23173" s="2" t="s">
        <v>69039</v>
      </c>
      <c r="L23173" s="5" t="s">
        <v>69038</v>
      </c>
      <c r="M23173" s="2" t="s">
        <v>69039</v>
      </c>
      <c r="N23173" s="5" t="s">
        <v>1521</v>
      </c>
      <c r="O23173" s="5" t="s">
        <v>38</v>
      </c>
      <c r="P23173" s="5" t="s">
        <v>39</v>
      </c>
      <c r="Q23173" s="5" t="s">
        <v>40</v>
      </c>
      <c r="R23173" s="5" t="s">
        <v>1522</v>
      </c>
      <c r="S23173" s="5" t="s">
        <v>1523</v>
      </c>
      <c r="T23173" s="5" t="s">
        <v>42</v>
      </c>
      <c r="U23173" s="2">
        <v>3.2810000000000001</v>
      </c>
      <c r="V23173" s="2">
        <v>2.581</v>
      </c>
      <c r="W23173" s="2">
        <v>0.02</v>
      </c>
      <c r="X23173" s="2">
        <v>159.1</v>
      </c>
      <c r="Y23173" s="2">
        <v>7.6</v>
      </c>
      <c r="Z23173" s="2">
        <v>16.7</v>
      </c>
      <c r="AA23173" s="5"/>
      <c r="AB23173" s="5" t="s">
        <v>43</v>
      </c>
      <c r="AC23173" s="5" t="s">
        <v>44</v>
      </c>
      <c r="AD23173" s="2"/>
      <c r="AE23173" s="1"/>
    </row>
    <row r="23174" spans="1:31" ht="14.45">
      <c r="A23174" s="11"/>
      <c r="B23174" s="20"/>
      <c r="C23174" s="2" t="s">
        <v>74401</v>
      </c>
      <c r="D23174" s="14" t="s">
        <v>74402</v>
      </c>
      <c r="E23174" s="2" t="s">
        <v>74403</v>
      </c>
      <c r="F23174" s="2" t="s">
        <v>16029</v>
      </c>
      <c r="G23174" s="8">
        <v>275</v>
      </c>
      <c r="H23174" s="5">
        <v>6</v>
      </c>
      <c r="I23174" s="5" t="s">
        <v>1518</v>
      </c>
      <c r="J23174" s="5" t="s">
        <v>69038</v>
      </c>
      <c r="K23174" s="2" t="s">
        <v>69039</v>
      </c>
      <c r="L23174" s="5" t="s">
        <v>69038</v>
      </c>
      <c r="M23174" s="2" t="s">
        <v>69039</v>
      </c>
      <c r="N23174" s="5" t="s">
        <v>1521</v>
      </c>
      <c r="O23174" s="5" t="s">
        <v>38</v>
      </c>
      <c r="P23174" s="5" t="s">
        <v>39</v>
      </c>
      <c r="Q23174" s="5" t="s">
        <v>40</v>
      </c>
      <c r="R23174" s="5" t="s">
        <v>1522</v>
      </c>
      <c r="S23174" s="5" t="s">
        <v>1523</v>
      </c>
      <c r="T23174" s="5" t="s">
        <v>42</v>
      </c>
      <c r="U23174" s="2">
        <v>3.1920000000000002</v>
      </c>
      <c r="V23174" s="2">
        <v>2.492</v>
      </c>
      <c r="W23174" s="2">
        <v>0.02</v>
      </c>
      <c r="X23174" s="2">
        <v>159.1</v>
      </c>
      <c r="Y23174" s="2">
        <v>7.6</v>
      </c>
      <c r="Z23174" s="2">
        <v>16.7</v>
      </c>
      <c r="AA23174" s="5"/>
      <c r="AB23174" s="5" t="s">
        <v>43</v>
      </c>
      <c r="AC23174" s="5" t="s">
        <v>44</v>
      </c>
      <c r="AD23174" s="2"/>
      <c r="AE23174" s="1"/>
    </row>
    <row r="23175" spans="1:31" ht="14.45">
      <c r="A23175" s="11"/>
      <c r="B23175" s="20"/>
      <c r="C23175" s="2" t="s">
        <v>74404</v>
      </c>
      <c r="D23175" s="14" t="s">
        <v>74405</v>
      </c>
      <c r="E23175" s="2" t="s">
        <v>74406</v>
      </c>
      <c r="F23175" s="2" t="s">
        <v>16033</v>
      </c>
      <c r="G23175" s="8">
        <v>275</v>
      </c>
      <c r="H23175" s="5">
        <v>6</v>
      </c>
      <c r="I23175" s="5" t="s">
        <v>1518</v>
      </c>
      <c r="J23175" s="5" t="s">
        <v>69038</v>
      </c>
      <c r="K23175" s="2" t="s">
        <v>69039</v>
      </c>
      <c r="L23175" s="5" t="s">
        <v>69038</v>
      </c>
      <c r="M23175" s="2" t="s">
        <v>69039</v>
      </c>
      <c r="N23175" s="5" t="s">
        <v>1521</v>
      </c>
      <c r="O23175" s="5" t="s">
        <v>38</v>
      </c>
      <c r="P23175" s="5" t="s">
        <v>39</v>
      </c>
      <c r="Q23175" s="5" t="s">
        <v>40</v>
      </c>
      <c r="R23175" s="5" t="s">
        <v>1522</v>
      </c>
      <c r="S23175" s="5" t="s">
        <v>1523</v>
      </c>
      <c r="T23175" s="5" t="s">
        <v>42</v>
      </c>
      <c r="U23175" s="2">
        <v>3.298</v>
      </c>
      <c r="V23175" s="2">
        <v>2.5979999999999999</v>
      </c>
      <c r="W23175" s="2">
        <v>0.02</v>
      </c>
      <c r="X23175" s="2">
        <v>159.1</v>
      </c>
      <c r="Y23175" s="2">
        <v>7.6</v>
      </c>
      <c r="Z23175" s="2">
        <v>16.7</v>
      </c>
      <c r="AA23175" s="5"/>
      <c r="AB23175" s="5" t="s">
        <v>43</v>
      </c>
      <c r="AC23175" s="5" t="s">
        <v>44</v>
      </c>
      <c r="AD23175" s="2"/>
      <c r="AE23175" s="1"/>
    </row>
    <row r="23176" spans="1:31" ht="14.45">
      <c r="A23176" s="11"/>
      <c r="B23176" s="20"/>
      <c r="C23176" s="2" t="s">
        <v>74407</v>
      </c>
      <c r="D23176" s="14" t="s">
        <v>74408</v>
      </c>
      <c r="E23176" s="2" t="s">
        <v>74409</v>
      </c>
      <c r="F23176" s="2" t="s">
        <v>7204</v>
      </c>
      <c r="G23176" s="8">
        <v>267</v>
      </c>
      <c r="H23176" s="5">
        <v>6</v>
      </c>
      <c r="I23176" s="5" t="s">
        <v>1518</v>
      </c>
      <c r="J23176" s="5" t="s">
        <v>69038</v>
      </c>
      <c r="K23176" s="2" t="s">
        <v>69039</v>
      </c>
      <c r="L23176" s="5" t="s">
        <v>69038</v>
      </c>
      <c r="M23176" s="2" t="s">
        <v>69039</v>
      </c>
      <c r="N23176" s="5" t="s">
        <v>1521</v>
      </c>
      <c r="O23176" s="5" t="s">
        <v>38</v>
      </c>
      <c r="P23176" s="5" t="s">
        <v>39</v>
      </c>
      <c r="Q23176" s="5" t="s">
        <v>40</v>
      </c>
      <c r="R23176" s="5" t="s">
        <v>1522</v>
      </c>
      <c r="S23176" s="5" t="s">
        <v>1523</v>
      </c>
      <c r="T23176" s="5" t="s">
        <v>42</v>
      </c>
      <c r="U23176" s="2">
        <v>3.391</v>
      </c>
      <c r="V23176" s="2">
        <v>2.6230000000000002</v>
      </c>
      <c r="W23176" s="2">
        <v>2.1000000000000001E-2</v>
      </c>
      <c r="X23176" s="2">
        <v>165.1</v>
      </c>
      <c r="Y23176" s="2">
        <v>7.6</v>
      </c>
      <c r="Z23176" s="2">
        <v>16.7</v>
      </c>
      <c r="AA23176" s="5"/>
      <c r="AB23176" s="5" t="s">
        <v>43</v>
      </c>
      <c r="AC23176" s="5" t="s">
        <v>44</v>
      </c>
      <c r="AD23176" s="2"/>
      <c r="AE23176" s="1"/>
    </row>
    <row r="23177" spans="1:31" ht="14.45">
      <c r="A23177" s="11"/>
      <c r="B23177" s="20"/>
      <c r="C23177" s="2" t="s">
        <v>74410</v>
      </c>
      <c r="D23177" s="14" t="s">
        <v>74411</v>
      </c>
      <c r="E23177" s="2" t="s">
        <v>74412</v>
      </c>
      <c r="F23177" s="2" t="s">
        <v>7514</v>
      </c>
      <c r="G23177" s="8">
        <v>267</v>
      </c>
      <c r="H23177" s="5">
        <v>6</v>
      </c>
      <c r="I23177" s="5" t="s">
        <v>1518</v>
      </c>
      <c r="J23177" s="5" t="s">
        <v>69038</v>
      </c>
      <c r="K23177" s="2" t="s">
        <v>69039</v>
      </c>
      <c r="L23177" s="5" t="s">
        <v>69038</v>
      </c>
      <c r="M23177" s="2" t="s">
        <v>69039</v>
      </c>
      <c r="N23177" s="5" t="s">
        <v>1521</v>
      </c>
      <c r="O23177" s="5" t="s">
        <v>38</v>
      </c>
      <c r="P23177" s="5" t="s">
        <v>39</v>
      </c>
      <c r="Q23177" s="5" t="s">
        <v>40</v>
      </c>
      <c r="R23177" s="5" t="s">
        <v>1522</v>
      </c>
      <c r="S23177" s="5" t="s">
        <v>1523</v>
      </c>
      <c r="T23177" s="5" t="s">
        <v>42</v>
      </c>
      <c r="U23177" s="2">
        <v>3.508</v>
      </c>
      <c r="V23177" s="2">
        <v>2.74</v>
      </c>
      <c r="W23177" s="2">
        <v>2.1000000000000001E-2</v>
      </c>
      <c r="X23177" s="2">
        <v>165.1</v>
      </c>
      <c r="Y23177" s="2">
        <v>7.6</v>
      </c>
      <c r="Z23177" s="2">
        <v>16.7</v>
      </c>
      <c r="AA23177" s="5"/>
      <c r="AB23177" s="5" t="s">
        <v>43</v>
      </c>
      <c r="AC23177" s="5" t="s">
        <v>44</v>
      </c>
      <c r="AD23177" s="2"/>
      <c r="AE23177" s="1"/>
    </row>
    <row r="23178" spans="1:31" ht="14.45">
      <c r="A23178" s="11"/>
      <c r="B23178" s="20"/>
      <c r="C23178" s="2" t="s">
        <v>74413</v>
      </c>
      <c r="D23178" s="14" t="s">
        <v>74414</v>
      </c>
      <c r="E23178" s="2" t="s">
        <v>74415</v>
      </c>
      <c r="F23178" s="2" t="s">
        <v>7208</v>
      </c>
      <c r="G23178" s="8">
        <v>267</v>
      </c>
      <c r="H23178" s="5">
        <v>6</v>
      </c>
      <c r="I23178" s="5" t="s">
        <v>1518</v>
      </c>
      <c r="J23178" s="5" t="s">
        <v>69038</v>
      </c>
      <c r="K23178" s="2" t="s">
        <v>69039</v>
      </c>
      <c r="L23178" s="5" t="s">
        <v>69038</v>
      </c>
      <c r="M23178" s="2" t="s">
        <v>69039</v>
      </c>
      <c r="N23178" s="5" t="s">
        <v>1521</v>
      </c>
      <c r="O23178" s="5" t="s">
        <v>38</v>
      </c>
      <c r="P23178" s="5" t="s">
        <v>39</v>
      </c>
      <c r="Q23178" s="5" t="s">
        <v>40</v>
      </c>
      <c r="R23178" s="5" t="s">
        <v>1522</v>
      </c>
      <c r="S23178" s="5" t="s">
        <v>1523</v>
      </c>
      <c r="T23178" s="5" t="s">
        <v>42</v>
      </c>
      <c r="U23178" s="2">
        <v>3.391</v>
      </c>
      <c r="V23178" s="2">
        <v>2.6230000000000002</v>
      </c>
      <c r="W23178" s="2">
        <v>2.1000000000000001E-2</v>
      </c>
      <c r="X23178" s="2">
        <v>165.1</v>
      </c>
      <c r="Y23178" s="2">
        <v>7.6</v>
      </c>
      <c r="Z23178" s="2">
        <v>16.7</v>
      </c>
      <c r="AA23178" s="5"/>
      <c r="AB23178" s="5" t="s">
        <v>43</v>
      </c>
      <c r="AC23178" s="5" t="s">
        <v>44</v>
      </c>
      <c r="AD23178" s="2"/>
      <c r="AE23178" s="1"/>
    </row>
    <row r="23179" spans="1:31" ht="14.45">
      <c r="A23179" s="11"/>
      <c r="B23179" s="20"/>
      <c r="C23179" s="2" t="s">
        <v>74416</v>
      </c>
      <c r="D23179" s="14" t="s">
        <v>74417</v>
      </c>
      <c r="E23179" s="2" t="s">
        <v>74418</v>
      </c>
      <c r="F23179" s="2" t="s">
        <v>7521</v>
      </c>
      <c r="G23179" s="8">
        <v>267</v>
      </c>
      <c r="H23179" s="5">
        <v>6</v>
      </c>
      <c r="I23179" s="5" t="s">
        <v>1518</v>
      </c>
      <c r="J23179" s="5" t="s">
        <v>69038</v>
      </c>
      <c r="K23179" s="2" t="s">
        <v>69039</v>
      </c>
      <c r="L23179" s="5" t="s">
        <v>69038</v>
      </c>
      <c r="M23179" s="2" t="s">
        <v>69039</v>
      </c>
      <c r="N23179" s="5" t="s">
        <v>1521</v>
      </c>
      <c r="O23179" s="5" t="s">
        <v>38</v>
      </c>
      <c r="P23179" s="5" t="s">
        <v>39</v>
      </c>
      <c r="Q23179" s="5" t="s">
        <v>40</v>
      </c>
      <c r="R23179" s="5" t="s">
        <v>1522</v>
      </c>
      <c r="S23179" s="5" t="s">
        <v>1523</v>
      </c>
      <c r="T23179" s="5" t="s">
        <v>42</v>
      </c>
      <c r="U23179" s="2">
        <v>3.508</v>
      </c>
      <c r="V23179" s="2">
        <v>2.74</v>
      </c>
      <c r="W23179" s="2">
        <v>2.1000000000000001E-2</v>
      </c>
      <c r="X23179" s="2">
        <v>165.1</v>
      </c>
      <c r="Y23179" s="2">
        <v>7.6</v>
      </c>
      <c r="Z23179" s="2">
        <v>16.7</v>
      </c>
      <c r="AA23179" s="5"/>
      <c r="AB23179" s="5" t="s">
        <v>43</v>
      </c>
      <c r="AC23179" s="5" t="s">
        <v>44</v>
      </c>
      <c r="AD23179" s="2"/>
      <c r="AE23179" s="1"/>
    </row>
    <row r="23180" spans="1:31" ht="14.45">
      <c r="A23180" s="11"/>
      <c r="B23180" s="20"/>
      <c r="C23180" s="2" t="s">
        <v>74419</v>
      </c>
      <c r="D23180" s="14" t="s">
        <v>74420</v>
      </c>
      <c r="E23180" s="2" t="s">
        <v>74421</v>
      </c>
      <c r="F23180" s="2" t="s">
        <v>7535</v>
      </c>
      <c r="G23180" s="8">
        <v>287</v>
      </c>
      <c r="H23180" s="5">
        <v>6</v>
      </c>
      <c r="I23180" s="5" t="s">
        <v>1518</v>
      </c>
      <c r="J23180" s="5" t="s">
        <v>69038</v>
      </c>
      <c r="K23180" s="2" t="s">
        <v>69039</v>
      </c>
      <c r="L23180" s="5" t="s">
        <v>69038</v>
      </c>
      <c r="M23180" s="2" t="s">
        <v>69039</v>
      </c>
      <c r="N23180" s="5" t="s">
        <v>1521</v>
      </c>
      <c r="O23180" s="5" t="s">
        <v>38</v>
      </c>
      <c r="P23180" s="5" t="s">
        <v>39</v>
      </c>
      <c r="Q23180" s="5" t="s">
        <v>40</v>
      </c>
      <c r="R23180" s="5" t="s">
        <v>1522</v>
      </c>
      <c r="S23180" s="5" t="s">
        <v>1523</v>
      </c>
      <c r="T23180" s="5" t="s">
        <v>42</v>
      </c>
      <c r="U23180" s="2">
        <v>3.508</v>
      </c>
      <c r="V23180" s="2">
        <v>2.74</v>
      </c>
      <c r="W23180" s="2">
        <v>2.1000000000000001E-2</v>
      </c>
      <c r="X23180" s="2">
        <v>165.1</v>
      </c>
      <c r="Y23180" s="2">
        <v>7.6</v>
      </c>
      <c r="Z23180" s="2">
        <v>16.7</v>
      </c>
      <c r="AA23180" s="5"/>
      <c r="AB23180" s="5" t="s">
        <v>43</v>
      </c>
      <c r="AC23180" s="5" t="s">
        <v>44</v>
      </c>
      <c r="AD23180" s="2"/>
      <c r="AE23180" s="1"/>
    </row>
    <row r="23181" spans="1:31" ht="14.45">
      <c r="A23181" s="11"/>
      <c r="B23181" s="20"/>
      <c r="C23181" s="2" t="s">
        <v>74422</v>
      </c>
      <c r="D23181" s="14" t="s">
        <v>74423</v>
      </c>
      <c r="E23181" s="2" t="s">
        <v>74424</v>
      </c>
      <c r="F23181" s="2" t="s">
        <v>7539</v>
      </c>
      <c r="G23181" s="8">
        <v>287</v>
      </c>
      <c r="H23181" s="5">
        <v>6</v>
      </c>
      <c r="I23181" s="5" t="s">
        <v>1518</v>
      </c>
      <c r="J23181" s="5" t="s">
        <v>69038</v>
      </c>
      <c r="K23181" s="2" t="s">
        <v>69039</v>
      </c>
      <c r="L23181" s="5" t="s">
        <v>69038</v>
      </c>
      <c r="M23181" s="2" t="s">
        <v>69039</v>
      </c>
      <c r="N23181" s="5" t="s">
        <v>1521</v>
      </c>
      <c r="O23181" s="5" t="s">
        <v>38</v>
      </c>
      <c r="P23181" s="5" t="s">
        <v>39</v>
      </c>
      <c r="Q23181" s="5" t="s">
        <v>40</v>
      </c>
      <c r="R23181" s="5" t="s">
        <v>1522</v>
      </c>
      <c r="S23181" s="5" t="s">
        <v>1523</v>
      </c>
      <c r="T23181" s="5" t="s">
        <v>42</v>
      </c>
      <c r="U23181" s="2">
        <v>3.391</v>
      </c>
      <c r="V23181" s="2">
        <v>2.6230000000000002</v>
      </c>
      <c r="W23181" s="2">
        <v>2.1000000000000001E-2</v>
      </c>
      <c r="X23181" s="2">
        <v>165.1</v>
      </c>
      <c r="Y23181" s="2">
        <v>7.6</v>
      </c>
      <c r="Z23181" s="2">
        <v>16.7</v>
      </c>
      <c r="AA23181" s="5"/>
      <c r="AB23181" s="5" t="s">
        <v>43</v>
      </c>
      <c r="AC23181" s="5" t="s">
        <v>44</v>
      </c>
      <c r="AD23181" s="2"/>
      <c r="AE23181" s="1"/>
    </row>
    <row r="23182" spans="1:31" ht="14.45">
      <c r="A23182" s="11"/>
      <c r="B23182" s="20"/>
      <c r="C23182" s="2" t="s">
        <v>74425</v>
      </c>
      <c r="D23182" s="14" t="s">
        <v>74426</v>
      </c>
      <c r="E23182" s="2" t="s">
        <v>74427</v>
      </c>
      <c r="F23182" s="2" t="s">
        <v>7543</v>
      </c>
      <c r="G23182" s="8">
        <v>287</v>
      </c>
      <c r="H23182" s="5">
        <v>6</v>
      </c>
      <c r="I23182" s="5" t="s">
        <v>1518</v>
      </c>
      <c r="J23182" s="5" t="s">
        <v>69038</v>
      </c>
      <c r="K23182" s="2" t="s">
        <v>69039</v>
      </c>
      <c r="L23182" s="5" t="s">
        <v>69038</v>
      </c>
      <c r="M23182" s="2" t="s">
        <v>69039</v>
      </c>
      <c r="N23182" s="5" t="s">
        <v>1521</v>
      </c>
      <c r="O23182" s="5" t="s">
        <v>38</v>
      </c>
      <c r="P23182" s="5" t="s">
        <v>39</v>
      </c>
      <c r="Q23182" s="5" t="s">
        <v>40</v>
      </c>
      <c r="R23182" s="5" t="s">
        <v>1522</v>
      </c>
      <c r="S23182" s="5" t="s">
        <v>1523</v>
      </c>
      <c r="T23182" s="5" t="s">
        <v>42</v>
      </c>
      <c r="U23182" s="2">
        <v>3.508</v>
      </c>
      <c r="V23182" s="2">
        <v>2.74</v>
      </c>
      <c r="W23182" s="2">
        <v>2.1000000000000001E-2</v>
      </c>
      <c r="X23182" s="2">
        <v>165.1</v>
      </c>
      <c r="Y23182" s="2">
        <v>7.6</v>
      </c>
      <c r="Z23182" s="2">
        <v>16.7</v>
      </c>
      <c r="AA23182" s="5"/>
      <c r="AB23182" s="5" t="s">
        <v>43</v>
      </c>
      <c r="AC23182" s="5" t="s">
        <v>44</v>
      </c>
      <c r="AD23182" s="2"/>
      <c r="AE23182" s="1"/>
    </row>
    <row r="23183" spans="1:31" ht="14.45">
      <c r="A23183" s="11"/>
      <c r="B23183" s="20"/>
      <c r="C23183" s="2" t="s">
        <v>74428</v>
      </c>
      <c r="D23183" s="14" t="s">
        <v>74429</v>
      </c>
      <c r="E23183" s="2" t="s">
        <v>74430</v>
      </c>
      <c r="F23183" s="2" t="s">
        <v>7396</v>
      </c>
      <c r="G23183" s="8">
        <v>267</v>
      </c>
      <c r="H23183" s="5">
        <v>6</v>
      </c>
      <c r="I23183" s="5" t="s">
        <v>1518</v>
      </c>
      <c r="J23183" s="5" t="s">
        <v>69038</v>
      </c>
      <c r="K23183" s="2" t="s">
        <v>69039</v>
      </c>
      <c r="L23183" s="5" t="s">
        <v>69038</v>
      </c>
      <c r="M23183" s="2" t="s">
        <v>69039</v>
      </c>
      <c r="N23183" s="5" t="s">
        <v>1521</v>
      </c>
      <c r="O23183" s="5" t="s">
        <v>38</v>
      </c>
      <c r="P23183" s="5" t="s">
        <v>39</v>
      </c>
      <c r="Q23183" s="5" t="s">
        <v>40</v>
      </c>
      <c r="R23183" s="5" t="s">
        <v>1522</v>
      </c>
      <c r="S23183" s="5" t="s">
        <v>1523</v>
      </c>
      <c r="T23183" s="5" t="s">
        <v>42</v>
      </c>
      <c r="U23183" s="2">
        <v>3.391</v>
      </c>
      <c r="V23183" s="2">
        <v>2.6230000000000002</v>
      </c>
      <c r="W23183" s="2">
        <v>2.1000000000000001E-2</v>
      </c>
      <c r="X23183" s="2">
        <v>165.1</v>
      </c>
      <c r="Y23183" s="2">
        <v>7.6</v>
      </c>
      <c r="Z23183" s="2">
        <v>16.7</v>
      </c>
      <c r="AA23183" s="5"/>
      <c r="AB23183" s="5" t="s">
        <v>43</v>
      </c>
      <c r="AC23183" s="5" t="s">
        <v>44</v>
      </c>
      <c r="AD23183" s="2"/>
      <c r="AE23183" s="1"/>
    </row>
    <row r="23184" spans="1:31" ht="14.45">
      <c r="A23184" s="11"/>
      <c r="B23184" s="20"/>
      <c r="C23184" s="2" t="s">
        <v>74431</v>
      </c>
      <c r="D23184" s="14" t="s">
        <v>74432</v>
      </c>
      <c r="E23184" s="2" t="s">
        <v>74433</v>
      </c>
      <c r="F23184" s="2" t="s">
        <v>7507</v>
      </c>
      <c r="G23184" s="8">
        <v>267</v>
      </c>
      <c r="H23184" s="5">
        <v>6</v>
      </c>
      <c r="I23184" s="5" t="s">
        <v>1518</v>
      </c>
      <c r="J23184" s="5" t="s">
        <v>69038</v>
      </c>
      <c r="K23184" s="2" t="s">
        <v>69039</v>
      </c>
      <c r="L23184" s="5" t="s">
        <v>69038</v>
      </c>
      <c r="M23184" s="2" t="s">
        <v>69039</v>
      </c>
      <c r="N23184" s="5" t="s">
        <v>1521</v>
      </c>
      <c r="O23184" s="5" t="s">
        <v>38</v>
      </c>
      <c r="P23184" s="5" t="s">
        <v>39</v>
      </c>
      <c r="Q23184" s="5" t="s">
        <v>40</v>
      </c>
      <c r="R23184" s="5" t="s">
        <v>1522</v>
      </c>
      <c r="S23184" s="5" t="s">
        <v>1523</v>
      </c>
      <c r="T23184" s="5" t="s">
        <v>42</v>
      </c>
      <c r="U23184" s="2">
        <v>3.508</v>
      </c>
      <c r="V23184" s="2">
        <v>2.74</v>
      </c>
      <c r="W23184" s="2">
        <v>2.1000000000000001E-2</v>
      </c>
      <c r="X23184" s="2">
        <v>165.1</v>
      </c>
      <c r="Y23184" s="2">
        <v>7.6</v>
      </c>
      <c r="Z23184" s="2">
        <v>16.7</v>
      </c>
      <c r="AA23184" s="5"/>
      <c r="AB23184" s="5" t="s">
        <v>43</v>
      </c>
      <c r="AC23184" s="5" t="s">
        <v>44</v>
      </c>
      <c r="AD23184" s="2"/>
      <c r="AE23184" s="1"/>
    </row>
    <row r="23185" spans="1:31" ht="14.45">
      <c r="A23185" s="11"/>
      <c r="B23185" s="20"/>
      <c r="C23185" s="2" t="s">
        <v>74434</v>
      </c>
      <c r="D23185" s="14" t="s">
        <v>74435</v>
      </c>
      <c r="E23185" s="2" t="s">
        <v>74436</v>
      </c>
      <c r="F23185" s="2" t="s">
        <v>7567</v>
      </c>
      <c r="G23185" s="8">
        <v>287</v>
      </c>
      <c r="H23185" s="5">
        <v>6</v>
      </c>
      <c r="I23185" s="5" t="s">
        <v>1518</v>
      </c>
      <c r="J23185" s="5" t="s">
        <v>69038</v>
      </c>
      <c r="K23185" s="2" t="s">
        <v>69039</v>
      </c>
      <c r="L23185" s="5" t="s">
        <v>69038</v>
      </c>
      <c r="M23185" s="2" t="s">
        <v>69039</v>
      </c>
      <c r="N23185" s="5" t="s">
        <v>1521</v>
      </c>
      <c r="O23185" s="5" t="s">
        <v>38</v>
      </c>
      <c r="P23185" s="5" t="s">
        <v>39</v>
      </c>
      <c r="Q23185" s="5" t="s">
        <v>40</v>
      </c>
      <c r="R23185" s="5" t="s">
        <v>1522</v>
      </c>
      <c r="S23185" s="5" t="s">
        <v>1523</v>
      </c>
      <c r="T23185" s="5" t="s">
        <v>42</v>
      </c>
      <c r="U23185" s="2">
        <v>3.508</v>
      </c>
      <c r="V23185" s="2">
        <v>2.74</v>
      </c>
      <c r="W23185" s="2">
        <v>2.1000000000000001E-2</v>
      </c>
      <c r="X23185" s="2">
        <v>165.1</v>
      </c>
      <c r="Y23185" s="2">
        <v>7.6</v>
      </c>
      <c r="Z23185" s="2">
        <v>16.7</v>
      </c>
      <c r="AA23185" s="5"/>
      <c r="AB23185" s="5" t="s">
        <v>43</v>
      </c>
      <c r="AC23185" s="5" t="s">
        <v>44</v>
      </c>
      <c r="AD23185" s="2"/>
      <c r="AE23185" s="1"/>
    </row>
    <row r="23186" spans="1:31" ht="14.45">
      <c r="A23186" s="11"/>
      <c r="B23186" s="20"/>
      <c r="C23186" s="2" t="s">
        <v>74437</v>
      </c>
      <c r="D23186" s="14" t="s">
        <v>74438</v>
      </c>
      <c r="E23186" s="2" t="s">
        <v>74439</v>
      </c>
      <c r="F23186" s="2" t="s">
        <v>73358</v>
      </c>
      <c r="G23186" s="8">
        <v>287</v>
      </c>
      <c r="H23186" s="5">
        <v>6</v>
      </c>
      <c r="I23186" s="5" t="s">
        <v>1518</v>
      </c>
      <c r="J23186" s="5" t="s">
        <v>69038</v>
      </c>
      <c r="K23186" s="2" t="s">
        <v>69039</v>
      </c>
      <c r="L23186" s="5" t="s">
        <v>69038</v>
      </c>
      <c r="M23186" s="2" t="s">
        <v>69039</v>
      </c>
      <c r="N23186" s="5" t="s">
        <v>1521</v>
      </c>
      <c r="O23186" s="5" t="s">
        <v>38</v>
      </c>
      <c r="P23186" s="5" t="s">
        <v>39</v>
      </c>
      <c r="Q23186" s="5" t="s">
        <v>40</v>
      </c>
      <c r="R23186" s="5" t="s">
        <v>1522</v>
      </c>
      <c r="S23186" s="5" t="s">
        <v>1523</v>
      </c>
      <c r="T23186" s="5" t="s">
        <v>42</v>
      </c>
      <c r="U23186" s="2">
        <v>3.391</v>
      </c>
      <c r="V23186" s="2">
        <v>2.6230000000000002</v>
      </c>
      <c r="W23186" s="2">
        <v>2.1000000000000001E-2</v>
      </c>
      <c r="X23186" s="2">
        <v>165.1</v>
      </c>
      <c r="Y23186" s="2">
        <v>7.6</v>
      </c>
      <c r="Z23186" s="2">
        <v>16.7</v>
      </c>
      <c r="AA23186" s="5"/>
      <c r="AB23186" s="5" t="s">
        <v>43</v>
      </c>
      <c r="AC23186" s="5" t="s">
        <v>44</v>
      </c>
      <c r="AD23186" s="2"/>
      <c r="AE23186" s="1"/>
    </row>
    <row r="23187" spans="1:31" ht="14.45">
      <c r="A23187" s="11"/>
      <c r="B23187" s="20"/>
      <c r="C23187" s="2" t="s">
        <v>74440</v>
      </c>
      <c r="D23187" s="14" t="s">
        <v>74441</v>
      </c>
      <c r="E23187" s="2" t="s">
        <v>74442</v>
      </c>
      <c r="F23187" s="2" t="s">
        <v>73362</v>
      </c>
      <c r="G23187" s="8">
        <v>287</v>
      </c>
      <c r="H23187" s="5">
        <v>6</v>
      </c>
      <c r="I23187" s="5" t="s">
        <v>1518</v>
      </c>
      <c r="J23187" s="5" t="s">
        <v>69038</v>
      </c>
      <c r="K23187" s="2" t="s">
        <v>69039</v>
      </c>
      <c r="L23187" s="5" t="s">
        <v>69038</v>
      </c>
      <c r="M23187" s="2" t="s">
        <v>69039</v>
      </c>
      <c r="N23187" s="5" t="s">
        <v>1521</v>
      </c>
      <c r="O23187" s="5" t="s">
        <v>38</v>
      </c>
      <c r="P23187" s="5" t="s">
        <v>39</v>
      </c>
      <c r="Q23187" s="5" t="s">
        <v>40</v>
      </c>
      <c r="R23187" s="5" t="s">
        <v>1522</v>
      </c>
      <c r="S23187" s="5" t="s">
        <v>1523</v>
      </c>
      <c r="T23187" s="5" t="s">
        <v>42</v>
      </c>
      <c r="U23187" s="2">
        <v>3.508</v>
      </c>
      <c r="V23187" s="2">
        <v>2.74</v>
      </c>
      <c r="W23187" s="2">
        <v>2.1000000000000001E-2</v>
      </c>
      <c r="X23187" s="2">
        <v>165.1</v>
      </c>
      <c r="Y23187" s="2">
        <v>7.6</v>
      </c>
      <c r="Z23187" s="2">
        <v>16.7</v>
      </c>
      <c r="AA23187" s="5"/>
      <c r="AB23187" s="5" t="s">
        <v>43</v>
      </c>
      <c r="AC23187" s="5" t="s">
        <v>44</v>
      </c>
      <c r="AD23187" s="2"/>
      <c r="AE23187" s="1"/>
    </row>
    <row r="23188" spans="1:31" ht="14.45">
      <c r="A23188" s="11"/>
      <c r="B23188" s="20"/>
      <c r="C23188" s="2" t="s">
        <v>74443</v>
      </c>
      <c r="D23188" s="14" t="s">
        <v>74444</v>
      </c>
      <c r="E23188" s="2" t="s">
        <v>74445</v>
      </c>
      <c r="F23188" s="2" t="s">
        <v>7619</v>
      </c>
      <c r="G23188" s="8">
        <v>287</v>
      </c>
      <c r="H23188" s="5">
        <v>6</v>
      </c>
      <c r="I23188" s="5" t="s">
        <v>1518</v>
      </c>
      <c r="J23188" s="5" t="s">
        <v>69038</v>
      </c>
      <c r="K23188" s="2" t="s">
        <v>69039</v>
      </c>
      <c r="L23188" s="5" t="s">
        <v>69038</v>
      </c>
      <c r="M23188" s="2" t="s">
        <v>69039</v>
      </c>
      <c r="N23188" s="5" t="s">
        <v>1521</v>
      </c>
      <c r="O23188" s="5" t="s">
        <v>38</v>
      </c>
      <c r="P23188" s="5" t="s">
        <v>39</v>
      </c>
      <c r="Q23188" s="5" t="s">
        <v>40</v>
      </c>
      <c r="R23188" s="5" t="s">
        <v>1522</v>
      </c>
      <c r="S23188" s="5" t="s">
        <v>1523</v>
      </c>
      <c r="T23188" s="5" t="s">
        <v>42</v>
      </c>
      <c r="U23188" s="2">
        <v>3.508</v>
      </c>
      <c r="V23188" s="2">
        <v>2.74</v>
      </c>
      <c r="W23188" s="2">
        <v>2.1000000000000001E-2</v>
      </c>
      <c r="X23188" s="2">
        <v>165.1</v>
      </c>
      <c r="Y23188" s="2">
        <v>7.6</v>
      </c>
      <c r="Z23188" s="2">
        <v>16.7</v>
      </c>
      <c r="AA23188" s="5"/>
      <c r="AB23188" s="5" t="s">
        <v>43</v>
      </c>
      <c r="AC23188" s="5" t="s">
        <v>44</v>
      </c>
      <c r="AD23188" s="2"/>
      <c r="AE23188" s="1"/>
    </row>
    <row r="23189" spans="1:31" ht="14.45">
      <c r="A23189" s="11"/>
      <c r="B23189" s="20"/>
      <c r="C23189" s="2" t="s">
        <v>74446</v>
      </c>
      <c r="D23189" s="14" t="s">
        <v>74447</v>
      </c>
      <c r="E23189" s="2" t="s">
        <v>74448</v>
      </c>
      <c r="F23189" s="2" t="s">
        <v>16029</v>
      </c>
      <c r="G23189" s="8">
        <v>287</v>
      </c>
      <c r="H23189" s="5">
        <v>6</v>
      </c>
      <c r="I23189" s="5" t="s">
        <v>1518</v>
      </c>
      <c r="J23189" s="5" t="s">
        <v>69038</v>
      </c>
      <c r="K23189" s="2" t="s">
        <v>69039</v>
      </c>
      <c r="L23189" s="5" t="s">
        <v>69038</v>
      </c>
      <c r="M23189" s="2" t="s">
        <v>69039</v>
      </c>
      <c r="N23189" s="5" t="s">
        <v>1521</v>
      </c>
      <c r="O23189" s="5" t="s">
        <v>38</v>
      </c>
      <c r="P23189" s="5" t="s">
        <v>39</v>
      </c>
      <c r="Q23189" s="5" t="s">
        <v>40</v>
      </c>
      <c r="R23189" s="5" t="s">
        <v>1522</v>
      </c>
      <c r="S23189" s="5" t="s">
        <v>1523</v>
      </c>
      <c r="T23189" s="5" t="s">
        <v>42</v>
      </c>
      <c r="U23189" s="2">
        <v>3.4079999999999999</v>
      </c>
      <c r="V23189" s="2">
        <v>2.64</v>
      </c>
      <c r="W23189" s="2">
        <v>2.1000000000000001E-2</v>
      </c>
      <c r="X23189" s="2">
        <v>165.1</v>
      </c>
      <c r="Y23189" s="2">
        <v>7.6</v>
      </c>
      <c r="Z23189" s="2">
        <v>16.7</v>
      </c>
      <c r="AA23189" s="5"/>
      <c r="AB23189" s="5" t="s">
        <v>43</v>
      </c>
      <c r="AC23189" s="5" t="s">
        <v>44</v>
      </c>
      <c r="AD23189" s="2"/>
      <c r="AE23189" s="1"/>
    </row>
    <row r="23190" spans="1:31" ht="14.45">
      <c r="A23190" s="11"/>
      <c r="B23190" s="20"/>
      <c r="C23190" s="2" t="s">
        <v>74449</v>
      </c>
      <c r="D23190" s="14" t="s">
        <v>74450</v>
      </c>
      <c r="E23190" s="2" t="s">
        <v>74451</v>
      </c>
      <c r="F23190" s="2" t="s">
        <v>16033</v>
      </c>
      <c r="G23190" s="8">
        <v>287</v>
      </c>
      <c r="H23190" s="5">
        <v>6</v>
      </c>
      <c r="I23190" s="5" t="s">
        <v>1518</v>
      </c>
      <c r="J23190" s="5" t="s">
        <v>69038</v>
      </c>
      <c r="K23190" s="2" t="s">
        <v>69039</v>
      </c>
      <c r="L23190" s="5" t="s">
        <v>69038</v>
      </c>
      <c r="M23190" s="2" t="s">
        <v>69039</v>
      </c>
      <c r="N23190" s="5" t="s">
        <v>1521</v>
      </c>
      <c r="O23190" s="5" t="s">
        <v>38</v>
      </c>
      <c r="P23190" s="5" t="s">
        <v>39</v>
      </c>
      <c r="Q23190" s="5" t="s">
        <v>40</v>
      </c>
      <c r="R23190" s="5" t="s">
        <v>1522</v>
      </c>
      <c r="S23190" s="5" t="s">
        <v>1523</v>
      </c>
      <c r="T23190" s="5" t="s">
        <v>42</v>
      </c>
      <c r="U23190" s="2">
        <v>3.5249999999999999</v>
      </c>
      <c r="V23190" s="2">
        <v>2.7570000000000001</v>
      </c>
      <c r="W23190" s="2">
        <v>2.1000000000000001E-2</v>
      </c>
      <c r="X23190" s="2">
        <v>165.1</v>
      </c>
      <c r="Y23190" s="2">
        <v>7.6</v>
      </c>
      <c r="Z23190" s="2">
        <v>16.7</v>
      </c>
      <c r="AA23190" s="5"/>
      <c r="AB23190" s="5" t="s">
        <v>43</v>
      </c>
      <c r="AC23190" s="5" t="s">
        <v>44</v>
      </c>
      <c r="AD23190" s="2"/>
      <c r="AE23190" s="1"/>
    </row>
    <row r="23191" spans="1:31" ht="14.45">
      <c r="A23191" s="11"/>
      <c r="B23191" s="20"/>
      <c r="C23191" s="2" t="s">
        <v>74452</v>
      </c>
      <c r="D23191" s="14" t="s">
        <v>74453</v>
      </c>
      <c r="E23191" s="2" t="s">
        <v>74454</v>
      </c>
      <c r="F23191" s="2" t="s">
        <v>7204</v>
      </c>
      <c r="G23191" s="8">
        <v>254</v>
      </c>
      <c r="H23191" s="5">
        <v>6</v>
      </c>
      <c r="I23191" s="5" t="s">
        <v>1518</v>
      </c>
      <c r="J23191" s="5" t="s">
        <v>69038</v>
      </c>
      <c r="K23191" s="2" t="s">
        <v>69039</v>
      </c>
      <c r="L23191" s="5" t="s">
        <v>69038</v>
      </c>
      <c r="M23191" s="2" t="s">
        <v>69039</v>
      </c>
      <c r="N23191" s="5" t="s">
        <v>1521</v>
      </c>
      <c r="O23191" s="5" t="s">
        <v>38</v>
      </c>
      <c r="P23191" s="5" t="s">
        <v>39</v>
      </c>
      <c r="Q23191" s="5" t="s">
        <v>40</v>
      </c>
      <c r="R23191" s="5" t="s">
        <v>1522</v>
      </c>
      <c r="S23191" s="5" t="s">
        <v>1523</v>
      </c>
      <c r="T23191" s="5" t="s">
        <v>42</v>
      </c>
      <c r="U23191" s="2">
        <v>2.72</v>
      </c>
      <c r="V23191" s="2">
        <v>2.1850000000000001</v>
      </c>
      <c r="W23191" s="2">
        <v>1.4999999999999999E-2</v>
      </c>
      <c r="X23191" s="2">
        <v>118.9</v>
      </c>
      <c r="Y23191" s="2">
        <v>7.6</v>
      </c>
      <c r="Z23191" s="2">
        <v>16.7</v>
      </c>
      <c r="AA23191" s="5"/>
      <c r="AB23191" s="5" t="s">
        <v>43</v>
      </c>
      <c r="AC23191" s="5" t="s">
        <v>44</v>
      </c>
      <c r="AD23191" s="2"/>
      <c r="AE23191" s="1"/>
    </row>
    <row r="23192" spans="1:31" ht="14.45">
      <c r="A23192" s="11"/>
      <c r="B23192" s="20"/>
      <c r="C23192" s="2" t="s">
        <v>74455</v>
      </c>
      <c r="D23192" s="14" t="s">
        <v>74456</v>
      </c>
      <c r="E23192" s="2" t="s">
        <v>74457</v>
      </c>
      <c r="F23192" s="2" t="s">
        <v>7514</v>
      </c>
      <c r="G23192" s="8">
        <v>254</v>
      </c>
      <c r="H23192" s="5">
        <v>6</v>
      </c>
      <c r="I23192" s="5" t="s">
        <v>1518</v>
      </c>
      <c r="J23192" s="5" t="s">
        <v>69038</v>
      </c>
      <c r="K23192" s="2" t="s">
        <v>69039</v>
      </c>
      <c r="L23192" s="5" t="s">
        <v>69038</v>
      </c>
      <c r="M23192" s="2" t="s">
        <v>69039</v>
      </c>
      <c r="N23192" s="5" t="s">
        <v>1521</v>
      </c>
      <c r="O23192" s="5" t="s">
        <v>38</v>
      </c>
      <c r="P23192" s="5" t="s">
        <v>39</v>
      </c>
      <c r="Q23192" s="5" t="s">
        <v>40</v>
      </c>
      <c r="R23192" s="5" t="s">
        <v>1522</v>
      </c>
      <c r="S23192" s="5" t="s">
        <v>1523</v>
      </c>
      <c r="T23192" s="5" t="s">
        <v>42</v>
      </c>
      <c r="U23192" s="2">
        <v>2.7949999999999999</v>
      </c>
      <c r="V23192" s="2">
        <v>2.2599999999999998</v>
      </c>
      <c r="W23192" s="2">
        <v>1.4999999999999999E-2</v>
      </c>
      <c r="X23192" s="2">
        <v>118.9</v>
      </c>
      <c r="Y23192" s="2">
        <v>7.6</v>
      </c>
      <c r="Z23192" s="2">
        <v>16.7</v>
      </c>
      <c r="AA23192" s="5"/>
      <c r="AB23192" s="5" t="s">
        <v>43</v>
      </c>
      <c r="AC23192" s="5" t="s">
        <v>44</v>
      </c>
      <c r="AD23192" s="2"/>
      <c r="AE23192" s="1"/>
    </row>
    <row r="23193" spans="1:31" ht="14.45">
      <c r="A23193" s="11"/>
      <c r="B23193" s="20"/>
      <c r="C23193" s="2" t="s">
        <v>74458</v>
      </c>
      <c r="D23193" s="14" t="s">
        <v>74459</v>
      </c>
      <c r="E23193" s="2" t="s">
        <v>74460</v>
      </c>
      <c r="F23193" s="2" t="s">
        <v>7208</v>
      </c>
      <c r="G23193" s="8">
        <v>254</v>
      </c>
      <c r="H23193" s="5">
        <v>6</v>
      </c>
      <c r="I23193" s="5" t="s">
        <v>1518</v>
      </c>
      <c r="J23193" s="5" t="s">
        <v>69038</v>
      </c>
      <c r="K23193" s="2" t="s">
        <v>69039</v>
      </c>
      <c r="L23193" s="5" t="s">
        <v>69038</v>
      </c>
      <c r="M23193" s="2" t="s">
        <v>69039</v>
      </c>
      <c r="N23193" s="5" t="s">
        <v>1521</v>
      </c>
      <c r="O23193" s="5" t="s">
        <v>38</v>
      </c>
      <c r="P23193" s="5" t="s">
        <v>39</v>
      </c>
      <c r="Q23193" s="5" t="s">
        <v>40</v>
      </c>
      <c r="R23193" s="5" t="s">
        <v>1522</v>
      </c>
      <c r="S23193" s="5" t="s">
        <v>1523</v>
      </c>
      <c r="T23193" s="5" t="s">
        <v>42</v>
      </c>
      <c r="U23193" s="2">
        <v>2.72</v>
      </c>
      <c r="V23193" s="2">
        <v>2.1850000000000001</v>
      </c>
      <c r="W23193" s="2">
        <v>1.4999999999999999E-2</v>
      </c>
      <c r="X23193" s="2">
        <v>118.9</v>
      </c>
      <c r="Y23193" s="2">
        <v>7.6</v>
      </c>
      <c r="Z23193" s="2">
        <v>16.7</v>
      </c>
      <c r="AA23193" s="5"/>
      <c r="AB23193" s="5" t="s">
        <v>43</v>
      </c>
      <c r="AC23193" s="5" t="s">
        <v>44</v>
      </c>
      <c r="AD23193" s="2"/>
      <c r="AE23193" s="1"/>
    </row>
    <row r="23194" spans="1:31" ht="14.45">
      <c r="A23194" s="11"/>
      <c r="B23194" s="20"/>
      <c r="C23194" s="2" t="s">
        <v>74461</v>
      </c>
      <c r="D23194" s="14" t="s">
        <v>74462</v>
      </c>
      <c r="E23194" s="2" t="s">
        <v>74463</v>
      </c>
      <c r="F23194" s="2" t="s">
        <v>7539</v>
      </c>
      <c r="G23194" s="8">
        <v>272</v>
      </c>
      <c r="H23194" s="5">
        <v>6</v>
      </c>
      <c r="I23194" s="5" t="s">
        <v>1518</v>
      </c>
      <c r="J23194" s="5" t="s">
        <v>69038</v>
      </c>
      <c r="K23194" s="2" t="s">
        <v>69039</v>
      </c>
      <c r="L23194" s="5" t="s">
        <v>69038</v>
      </c>
      <c r="M23194" s="2" t="s">
        <v>69039</v>
      </c>
      <c r="N23194" s="5" t="s">
        <v>1521</v>
      </c>
      <c r="O23194" s="5" t="s">
        <v>38</v>
      </c>
      <c r="P23194" s="5" t="s">
        <v>39</v>
      </c>
      <c r="Q23194" s="5" t="s">
        <v>40</v>
      </c>
      <c r="R23194" s="5" t="s">
        <v>1522</v>
      </c>
      <c r="S23194" s="5" t="s">
        <v>1523</v>
      </c>
      <c r="T23194" s="5" t="s">
        <v>42</v>
      </c>
      <c r="U23194" s="2">
        <v>2.72</v>
      </c>
      <c r="V23194" s="2">
        <v>2.1850000000000001</v>
      </c>
      <c r="W23194" s="2">
        <v>1.4999999999999999E-2</v>
      </c>
      <c r="X23194" s="2">
        <v>118.9</v>
      </c>
      <c r="Y23194" s="2">
        <v>7.6</v>
      </c>
      <c r="Z23194" s="2">
        <v>16.7</v>
      </c>
      <c r="AA23194" s="5"/>
      <c r="AB23194" s="5" t="s">
        <v>43</v>
      </c>
      <c r="AC23194" s="5" t="s">
        <v>44</v>
      </c>
      <c r="AD23194" s="2"/>
      <c r="AE23194" s="1"/>
    </row>
    <row r="23195" spans="1:31" ht="14.45">
      <c r="A23195" s="11"/>
      <c r="B23195" s="20"/>
      <c r="C23195" s="2" t="s">
        <v>74464</v>
      </c>
      <c r="D23195" s="14" t="s">
        <v>74465</v>
      </c>
      <c r="E23195" s="2" t="s">
        <v>74466</v>
      </c>
      <c r="F23195" s="2" t="s">
        <v>7396</v>
      </c>
      <c r="G23195" s="8">
        <v>254</v>
      </c>
      <c r="H23195" s="5">
        <v>6</v>
      </c>
      <c r="I23195" s="5" t="s">
        <v>1518</v>
      </c>
      <c r="J23195" s="5" t="s">
        <v>69038</v>
      </c>
      <c r="K23195" s="2" t="s">
        <v>69039</v>
      </c>
      <c r="L23195" s="5" t="s">
        <v>69038</v>
      </c>
      <c r="M23195" s="2" t="s">
        <v>69039</v>
      </c>
      <c r="N23195" s="5" t="s">
        <v>1521</v>
      </c>
      <c r="O23195" s="5" t="s">
        <v>38</v>
      </c>
      <c r="P23195" s="5" t="s">
        <v>39</v>
      </c>
      <c r="Q23195" s="5" t="s">
        <v>40</v>
      </c>
      <c r="R23195" s="5" t="s">
        <v>1522</v>
      </c>
      <c r="S23195" s="5" t="s">
        <v>1523</v>
      </c>
      <c r="T23195" s="5" t="s">
        <v>42</v>
      </c>
      <c r="U23195" s="2">
        <v>2.72</v>
      </c>
      <c r="V23195" s="2">
        <v>2.1850000000000001</v>
      </c>
      <c r="W23195" s="2">
        <v>1.4999999999999999E-2</v>
      </c>
      <c r="X23195" s="2">
        <v>118.9</v>
      </c>
      <c r="Y23195" s="2">
        <v>7.6</v>
      </c>
      <c r="Z23195" s="2">
        <v>16.7</v>
      </c>
      <c r="AA23195" s="5"/>
      <c r="AB23195" s="5" t="s">
        <v>43</v>
      </c>
      <c r="AC23195" s="5" t="s">
        <v>44</v>
      </c>
      <c r="AD23195" s="2"/>
      <c r="AE23195" s="1"/>
    </row>
    <row r="23196" spans="1:31" ht="14.45">
      <c r="A23196" s="11"/>
      <c r="B23196" s="20"/>
      <c r="C23196" s="2" t="s">
        <v>74467</v>
      </c>
      <c r="D23196" s="14" t="s">
        <v>74468</v>
      </c>
      <c r="E23196" s="2" t="s">
        <v>74469</v>
      </c>
      <c r="F23196" s="2" t="s">
        <v>7563</v>
      </c>
      <c r="G23196" s="8">
        <v>272</v>
      </c>
      <c r="H23196" s="5">
        <v>6</v>
      </c>
      <c r="I23196" s="5" t="s">
        <v>1518</v>
      </c>
      <c r="J23196" s="5" t="s">
        <v>69038</v>
      </c>
      <c r="K23196" s="2" t="s">
        <v>69039</v>
      </c>
      <c r="L23196" s="5" t="s">
        <v>69038</v>
      </c>
      <c r="M23196" s="2" t="s">
        <v>69039</v>
      </c>
      <c r="N23196" s="5" t="s">
        <v>1521</v>
      </c>
      <c r="O23196" s="5" t="s">
        <v>38</v>
      </c>
      <c r="P23196" s="5" t="s">
        <v>39</v>
      </c>
      <c r="Q23196" s="5" t="s">
        <v>40</v>
      </c>
      <c r="R23196" s="5" t="s">
        <v>1522</v>
      </c>
      <c r="S23196" s="5" t="s">
        <v>1523</v>
      </c>
      <c r="T23196" s="5" t="s">
        <v>42</v>
      </c>
      <c r="U23196" s="2">
        <v>2.72</v>
      </c>
      <c r="V23196" s="2">
        <v>2.1850000000000001</v>
      </c>
      <c r="W23196" s="2">
        <v>1.4999999999999999E-2</v>
      </c>
      <c r="X23196" s="2">
        <v>118.9</v>
      </c>
      <c r="Y23196" s="2">
        <v>7.6</v>
      </c>
      <c r="Z23196" s="2">
        <v>16.7</v>
      </c>
      <c r="AA23196" s="5"/>
      <c r="AB23196" s="5" t="s">
        <v>43</v>
      </c>
      <c r="AC23196" s="5" t="s">
        <v>44</v>
      </c>
      <c r="AD23196" s="2"/>
      <c r="AE23196" s="1"/>
    </row>
    <row r="23197" spans="1:31" ht="14.45">
      <c r="A23197" s="11"/>
      <c r="B23197" s="20"/>
      <c r="C23197" s="2" t="s">
        <v>74470</v>
      </c>
      <c r="D23197" s="14" t="s">
        <v>74471</v>
      </c>
      <c r="E23197" s="2" t="s">
        <v>74472</v>
      </c>
      <c r="F23197" s="2" t="s">
        <v>7555</v>
      </c>
      <c r="G23197" s="8">
        <v>272</v>
      </c>
      <c r="H23197" s="5">
        <v>6</v>
      </c>
      <c r="I23197" s="5" t="s">
        <v>1518</v>
      </c>
      <c r="J23197" s="5" t="s">
        <v>69038</v>
      </c>
      <c r="K23197" s="2" t="s">
        <v>69039</v>
      </c>
      <c r="L23197" s="5" t="s">
        <v>69038</v>
      </c>
      <c r="M23197" s="2" t="s">
        <v>69039</v>
      </c>
      <c r="N23197" s="5" t="s">
        <v>1521</v>
      </c>
      <c r="O23197" s="5" t="s">
        <v>38</v>
      </c>
      <c r="P23197" s="5" t="s">
        <v>39</v>
      </c>
      <c r="Q23197" s="5" t="s">
        <v>40</v>
      </c>
      <c r="R23197" s="5" t="s">
        <v>1522</v>
      </c>
      <c r="S23197" s="5" t="s">
        <v>1523</v>
      </c>
      <c r="T23197" s="5" t="s">
        <v>42</v>
      </c>
      <c r="U23197" s="2">
        <v>2.72</v>
      </c>
      <c r="V23197" s="2">
        <v>2.1850000000000001</v>
      </c>
      <c r="W23197" s="2">
        <v>1.4999999999999999E-2</v>
      </c>
      <c r="X23197" s="2">
        <v>118.9</v>
      </c>
      <c r="Y23197" s="2">
        <v>7.6</v>
      </c>
      <c r="Z23197" s="2">
        <v>16.7</v>
      </c>
      <c r="AA23197" s="5"/>
      <c r="AB23197" s="5" t="s">
        <v>43</v>
      </c>
      <c r="AC23197" s="5" t="s">
        <v>44</v>
      </c>
      <c r="AD23197" s="2"/>
      <c r="AE23197" s="1"/>
    </row>
    <row r="23198" spans="1:31" ht="14.45">
      <c r="A23198" s="11"/>
      <c r="B23198" s="20"/>
      <c r="C23198" s="2" t="s">
        <v>74473</v>
      </c>
      <c r="D23198" s="14" t="s">
        <v>74474</v>
      </c>
      <c r="E23198" s="2" t="s">
        <v>74475</v>
      </c>
      <c r="F23198" s="2" t="s">
        <v>7449</v>
      </c>
      <c r="G23198" s="8">
        <v>272</v>
      </c>
      <c r="H23198" s="5">
        <v>6</v>
      </c>
      <c r="I23198" s="5" t="s">
        <v>1518</v>
      </c>
      <c r="J23198" s="5" t="s">
        <v>69038</v>
      </c>
      <c r="K23198" s="2" t="s">
        <v>69039</v>
      </c>
      <c r="L23198" s="5" t="s">
        <v>69038</v>
      </c>
      <c r="M23198" s="2" t="s">
        <v>69039</v>
      </c>
      <c r="N23198" s="5" t="s">
        <v>1521</v>
      </c>
      <c r="O23198" s="5" t="s">
        <v>38</v>
      </c>
      <c r="P23198" s="5" t="s">
        <v>39</v>
      </c>
      <c r="Q23198" s="5" t="s">
        <v>40</v>
      </c>
      <c r="R23198" s="5" t="s">
        <v>1522</v>
      </c>
      <c r="S23198" s="5" t="s">
        <v>1523</v>
      </c>
      <c r="T23198" s="5" t="s">
        <v>42</v>
      </c>
      <c r="U23198" s="2">
        <v>2.72</v>
      </c>
      <c r="V23198" s="2">
        <v>2.1850000000000001</v>
      </c>
      <c r="W23198" s="2">
        <v>1.4999999999999999E-2</v>
      </c>
      <c r="X23198" s="2">
        <v>118.9</v>
      </c>
      <c r="Y23198" s="2">
        <v>7.6</v>
      </c>
      <c r="Z23198" s="2">
        <v>16.7</v>
      </c>
      <c r="AA23198" s="5"/>
      <c r="AB23198" s="5" t="s">
        <v>43</v>
      </c>
      <c r="AC23198" s="5" t="s">
        <v>44</v>
      </c>
      <c r="AD23198" s="2"/>
      <c r="AE23198" s="1"/>
    </row>
    <row r="23199" spans="1:31" ht="14.45">
      <c r="A23199" s="11"/>
      <c r="B23199" s="20"/>
      <c r="C23199" s="2" t="s">
        <v>74476</v>
      </c>
      <c r="D23199" s="14" t="s">
        <v>74477</v>
      </c>
      <c r="E23199" s="2" t="s">
        <v>74478</v>
      </c>
      <c r="F23199" s="2" t="s">
        <v>7585</v>
      </c>
      <c r="G23199" s="8">
        <v>272</v>
      </c>
      <c r="H23199" s="5">
        <v>6</v>
      </c>
      <c r="I23199" s="5" t="s">
        <v>1518</v>
      </c>
      <c r="J23199" s="5" t="s">
        <v>69038</v>
      </c>
      <c r="K23199" s="2" t="s">
        <v>69039</v>
      </c>
      <c r="L23199" s="5" t="s">
        <v>69038</v>
      </c>
      <c r="M23199" s="2" t="s">
        <v>69039</v>
      </c>
      <c r="N23199" s="5" t="s">
        <v>1521</v>
      </c>
      <c r="O23199" s="5" t="s">
        <v>38</v>
      </c>
      <c r="P23199" s="5" t="s">
        <v>39</v>
      </c>
      <c r="Q23199" s="5" t="s">
        <v>40</v>
      </c>
      <c r="R23199" s="5" t="s">
        <v>1522</v>
      </c>
      <c r="S23199" s="5" t="s">
        <v>1523</v>
      </c>
      <c r="T23199" s="5" t="s">
        <v>42</v>
      </c>
      <c r="U23199" s="2">
        <v>2.72</v>
      </c>
      <c r="V23199" s="2">
        <v>2.1850000000000001</v>
      </c>
      <c r="W23199" s="2">
        <v>1.4999999999999999E-2</v>
      </c>
      <c r="X23199" s="2">
        <v>118.9</v>
      </c>
      <c r="Y23199" s="2">
        <v>7.6</v>
      </c>
      <c r="Z23199" s="2">
        <v>16.7</v>
      </c>
      <c r="AA23199" s="5"/>
      <c r="AB23199" s="5" t="s">
        <v>43</v>
      </c>
      <c r="AC23199" s="5" t="s">
        <v>44</v>
      </c>
      <c r="AD23199" s="2"/>
      <c r="AE23199" s="1"/>
    </row>
    <row r="23200" spans="1:31" ht="14.45">
      <c r="A23200" s="11"/>
      <c r="B23200" s="20"/>
      <c r="C23200" s="2" t="s">
        <v>74479</v>
      </c>
      <c r="D23200" s="14" t="s">
        <v>74480</v>
      </c>
      <c r="E23200" s="2" t="s">
        <v>74481</v>
      </c>
      <c r="F23200" s="2" t="s">
        <v>16014</v>
      </c>
      <c r="G23200" s="8">
        <v>272</v>
      </c>
      <c r="H23200" s="5">
        <v>6</v>
      </c>
      <c r="I23200" s="5" t="s">
        <v>1518</v>
      </c>
      <c r="J23200" s="5" t="s">
        <v>69038</v>
      </c>
      <c r="K23200" s="2" t="s">
        <v>69039</v>
      </c>
      <c r="L23200" s="5" t="s">
        <v>69038</v>
      </c>
      <c r="M23200" s="2" t="s">
        <v>69039</v>
      </c>
      <c r="N23200" s="5" t="s">
        <v>1521</v>
      </c>
      <c r="O23200" s="5" t="s">
        <v>38</v>
      </c>
      <c r="P23200" s="5" t="s">
        <v>39</v>
      </c>
      <c r="Q23200" s="5" t="s">
        <v>40</v>
      </c>
      <c r="R23200" s="5" t="s">
        <v>1522</v>
      </c>
      <c r="S23200" s="5" t="s">
        <v>1523</v>
      </c>
      <c r="T23200" s="5" t="s">
        <v>42</v>
      </c>
      <c r="U23200" s="2">
        <v>2.72</v>
      </c>
      <c r="V23200" s="2">
        <v>2.1850000000000001</v>
      </c>
      <c r="W23200" s="2">
        <v>1.4999999999999999E-2</v>
      </c>
      <c r="X23200" s="2">
        <v>118.9</v>
      </c>
      <c r="Y23200" s="2">
        <v>7.6</v>
      </c>
      <c r="Z23200" s="2">
        <v>16.7</v>
      </c>
      <c r="AA23200" s="5"/>
      <c r="AB23200" s="5" t="s">
        <v>43</v>
      </c>
      <c r="AC23200" s="5" t="s">
        <v>44</v>
      </c>
      <c r="AD23200" s="2"/>
      <c r="AE23200" s="1"/>
    </row>
    <row r="23201" spans="1:31" ht="14.45">
      <c r="A23201" s="11"/>
      <c r="B23201" s="20"/>
      <c r="C23201" s="2" t="s">
        <v>74482</v>
      </c>
      <c r="D23201" s="14" t="s">
        <v>74483</v>
      </c>
      <c r="E23201" s="2" t="s">
        <v>74484</v>
      </c>
      <c r="F23201" s="2" t="s">
        <v>7212</v>
      </c>
      <c r="G23201" s="8">
        <v>254</v>
      </c>
      <c r="H23201" s="5">
        <v>6</v>
      </c>
      <c r="I23201" s="5" t="s">
        <v>1518</v>
      </c>
      <c r="J23201" s="5" t="s">
        <v>69038</v>
      </c>
      <c r="K23201" s="2" t="s">
        <v>69039</v>
      </c>
      <c r="L23201" s="5" t="s">
        <v>69038</v>
      </c>
      <c r="M23201" s="2" t="s">
        <v>69039</v>
      </c>
      <c r="N23201" s="5" t="s">
        <v>1521</v>
      </c>
      <c r="O23201" s="5" t="s">
        <v>38</v>
      </c>
      <c r="P23201" s="5" t="s">
        <v>39</v>
      </c>
      <c r="Q23201" s="5" t="s">
        <v>40</v>
      </c>
      <c r="R23201" s="5" t="s">
        <v>1522</v>
      </c>
      <c r="S23201" s="5" t="s">
        <v>1523</v>
      </c>
      <c r="T23201" s="5" t="s">
        <v>42</v>
      </c>
      <c r="U23201" s="2">
        <v>2.72</v>
      </c>
      <c r="V23201" s="2">
        <v>2.1850000000000001</v>
      </c>
      <c r="W23201" s="2">
        <v>1.4999999999999999E-2</v>
      </c>
      <c r="X23201" s="2">
        <v>118.9</v>
      </c>
      <c r="Y23201" s="2">
        <v>7.6</v>
      </c>
      <c r="Z23201" s="2">
        <v>16.7</v>
      </c>
      <c r="AA23201" s="5"/>
      <c r="AB23201" s="5" t="s">
        <v>43</v>
      </c>
      <c r="AC23201" s="5" t="s">
        <v>44</v>
      </c>
      <c r="AD23201" s="2"/>
      <c r="AE23201" s="1"/>
    </row>
    <row r="23202" spans="1:31" ht="14.45">
      <c r="A23202" s="11"/>
      <c r="B23202" s="20"/>
      <c r="C23202" s="2" t="s">
        <v>74485</v>
      </c>
      <c r="D23202" s="14" t="s">
        <v>74486</v>
      </c>
      <c r="E23202" s="2" t="s">
        <v>74487</v>
      </c>
      <c r="F23202" s="2" t="s">
        <v>16029</v>
      </c>
      <c r="G23202" s="8">
        <v>272</v>
      </c>
      <c r="H23202" s="5">
        <v>6</v>
      </c>
      <c r="I23202" s="5" t="s">
        <v>1518</v>
      </c>
      <c r="J23202" s="5" t="s">
        <v>69038</v>
      </c>
      <c r="K23202" s="2" t="s">
        <v>69039</v>
      </c>
      <c r="L23202" s="5" t="s">
        <v>69038</v>
      </c>
      <c r="M23202" s="2" t="s">
        <v>69039</v>
      </c>
      <c r="N23202" s="5" t="s">
        <v>1521</v>
      </c>
      <c r="O23202" s="5" t="s">
        <v>38</v>
      </c>
      <c r="P23202" s="5" t="s">
        <v>39</v>
      </c>
      <c r="Q23202" s="5" t="s">
        <v>40</v>
      </c>
      <c r="R23202" s="5" t="s">
        <v>1522</v>
      </c>
      <c r="S23202" s="5" t="s">
        <v>1523</v>
      </c>
      <c r="T23202" s="5" t="s">
        <v>42</v>
      </c>
      <c r="U23202" s="2">
        <v>2.7349999999999999</v>
      </c>
      <c r="V23202" s="2">
        <v>2.2000000000000002</v>
      </c>
      <c r="W23202" s="2">
        <v>1.4999999999999999E-2</v>
      </c>
      <c r="X23202" s="2">
        <v>118.9</v>
      </c>
      <c r="Y23202" s="2">
        <v>7.6</v>
      </c>
      <c r="Z23202" s="2">
        <v>16.7</v>
      </c>
      <c r="AA23202" s="5"/>
      <c r="AB23202" s="5" t="s">
        <v>43</v>
      </c>
      <c r="AC23202" s="5" t="s">
        <v>44</v>
      </c>
      <c r="AD23202" s="2"/>
      <c r="AE23202" s="1"/>
    </row>
    <row r="23203" spans="1:31" ht="14.45">
      <c r="A23203" s="11"/>
      <c r="B23203" s="20"/>
      <c r="C23203" s="2" t="s">
        <v>74488</v>
      </c>
      <c r="D23203" s="14" t="s">
        <v>74489</v>
      </c>
      <c r="E23203" s="2" t="s">
        <v>74490</v>
      </c>
      <c r="F23203" s="2" t="s">
        <v>16033</v>
      </c>
      <c r="G23203" s="8">
        <v>272</v>
      </c>
      <c r="H23203" s="5">
        <v>6</v>
      </c>
      <c r="I23203" s="5" t="s">
        <v>1518</v>
      </c>
      <c r="J23203" s="5" t="s">
        <v>69038</v>
      </c>
      <c r="K23203" s="2" t="s">
        <v>69039</v>
      </c>
      <c r="L23203" s="5" t="s">
        <v>69038</v>
      </c>
      <c r="M23203" s="2" t="s">
        <v>69039</v>
      </c>
      <c r="N23203" s="5" t="s">
        <v>1521</v>
      </c>
      <c r="O23203" s="5" t="s">
        <v>38</v>
      </c>
      <c r="P23203" s="5" t="s">
        <v>39</v>
      </c>
      <c r="Q23203" s="5" t="s">
        <v>40</v>
      </c>
      <c r="R23203" s="5" t="s">
        <v>1522</v>
      </c>
      <c r="S23203" s="5" t="s">
        <v>1523</v>
      </c>
      <c r="T23203" s="5" t="s">
        <v>42</v>
      </c>
      <c r="U23203" s="2">
        <v>2.81</v>
      </c>
      <c r="V23203" s="2">
        <v>2.2749999999999999</v>
      </c>
      <c r="W23203" s="2">
        <v>1.4999999999999999E-2</v>
      </c>
      <c r="X23203" s="2">
        <v>118.9</v>
      </c>
      <c r="Y23203" s="2">
        <v>7.6</v>
      </c>
      <c r="Z23203" s="2">
        <v>16.7</v>
      </c>
      <c r="AA23203" s="5"/>
      <c r="AB23203" s="5" t="s">
        <v>43</v>
      </c>
      <c r="AC23203" s="5" t="s">
        <v>44</v>
      </c>
      <c r="AD23203" s="2"/>
      <c r="AE23203" s="1"/>
    </row>
    <row r="23204" spans="1:31" ht="14.45">
      <c r="A23204" s="11"/>
      <c r="B23204" s="20"/>
      <c r="C23204" s="2" t="s">
        <v>74491</v>
      </c>
      <c r="D23204" s="14" t="s">
        <v>74492</v>
      </c>
      <c r="E23204" s="2" t="s">
        <v>74493</v>
      </c>
      <c r="F23204" s="2" t="s">
        <v>7204</v>
      </c>
      <c r="G23204" s="8">
        <v>254</v>
      </c>
      <c r="H23204" s="5">
        <v>6</v>
      </c>
      <c r="I23204" s="5" t="s">
        <v>1518</v>
      </c>
      <c r="J23204" s="5" t="s">
        <v>69038</v>
      </c>
      <c r="K23204" s="2" t="s">
        <v>69039</v>
      </c>
      <c r="L23204" s="5" t="s">
        <v>69038</v>
      </c>
      <c r="M23204" s="2" t="s">
        <v>69039</v>
      </c>
      <c r="N23204" s="5" t="s">
        <v>1521</v>
      </c>
      <c r="O23204" s="5" t="s">
        <v>38</v>
      </c>
      <c r="P23204" s="5" t="s">
        <v>39</v>
      </c>
      <c r="Q23204" s="5" t="s">
        <v>40</v>
      </c>
      <c r="R23204" s="5" t="s">
        <v>1522</v>
      </c>
      <c r="S23204" s="5" t="s">
        <v>1523</v>
      </c>
      <c r="T23204" s="5" t="s">
        <v>42</v>
      </c>
      <c r="U23204" s="2">
        <v>2.8759999999999999</v>
      </c>
      <c r="V23204" s="2">
        <v>2.3490000000000002</v>
      </c>
      <c r="W23204" s="2">
        <v>1.4999999999999999E-2</v>
      </c>
      <c r="X23204" s="2">
        <v>118.9</v>
      </c>
      <c r="Y23204" s="2">
        <v>7.6</v>
      </c>
      <c r="Z23204" s="2">
        <v>16.7</v>
      </c>
      <c r="AA23204" s="5"/>
      <c r="AB23204" s="5" t="s">
        <v>43</v>
      </c>
      <c r="AC23204" s="5" t="s">
        <v>44</v>
      </c>
      <c r="AD23204" s="2"/>
      <c r="AE23204" s="1"/>
    </row>
    <row r="23205" spans="1:31" ht="14.45">
      <c r="A23205" s="11"/>
      <c r="B23205" s="20"/>
      <c r="C23205" s="2" t="s">
        <v>74494</v>
      </c>
      <c r="D23205" s="14" t="s">
        <v>74495</v>
      </c>
      <c r="E23205" s="2" t="s">
        <v>74496</v>
      </c>
      <c r="F23205" s="2" t="s">
        <v>7514</v>
      </c>
      <c r="G23205" s="8">
        <v>254</v>
      </c>
      <c r="H23205" s="5">
        <v>6</v>
      </c>
      <c r="I23205" s="5" t="s">
        <v>1518</v>
      </c>
      <c r="J23205" s="5" t="s">
        <v>69038</v>
      </c>
      <c r="K23205" s="2" t="s">
        <v>69039</v>
      </c>
      <c r="L23205" s="5" t="s">
        <v>69038</v>
      </c>
      <c r="M23205" s="2" t="s">
        <v>69039</v>
      </c>
      <c r="N23205" s="5" t="s">
        <v>1521</v>
      </c>
      <c r="O23205" s="5" t="s">
        <v>38</v>
      </c>
      <c r="P23205" s="5" t="s">
        <v>39</v>
      </c>
      <c r="Q23205" s="5" t="s">
        <v>40</v>
      </c>
      <c r="R23205" s="5" t="s">
        <v>1522</v>
      </c>
      <c r="S23205" s="5" t="s">
        <v>1523</v>
      </c>
      <c r="T23205" s="5" t="s">
        <v>42</v>
      </c>
      <c r="U23205" s="2">
        <v>2.9620000000000002</v>
      </c>
      <c r="V23205" s="2">
        <v>2.4350000000000001</v>
      </c>
      <c r="W23205" s="2">
        <v>1.4999999999999999E-2</v>
      </c>
      <c r="X23205" s="2">
        <v>118.9</v>
      </c>
      <c r="Y23205" s="2">
        <v>7.6</v>
      </c>
      <c r="Z23205" s="2">
        <v>16.7</v>
      </c>
      <c r="AA23205" s="5"/>
      <c r="AB23205" s="5" t="s">
        <v>43</v>
      </c>
      <c r="AC23205" s="5" t="s">
        <v>44</v>
      </c>
      <c r="AD23205" s="2"/>
      <c r="AE23205" s="1"/>
    </row>
    <row r="23206" spans="1:31" ht="14.45">
      <c r="A23206" s="11"/>
      <c r="B23206" s="20"/>
      <c r="C23206" s="2" t="s">
        <v>74497</v>
      </c>
      <c r="D23206" s="14" t="s">
        <v>74498</v>
      </c>
      <c r="E23206" s="2" t="s">
        <v>74499</v>
      </c>
      <c r="F23206" s="2" t="s">
        <v>7208</v>
      </c>
      <c r="G23206" s="8">
        <v>254</v>
      </c>
      <c r="H23206" s="5">
        <v>6</v>
      </c>
      <c r="I23206" s="5" t="s">
        <v>1518</v>
      </c>
      <c r="J23206" s="5" t="s">
        <v>69038</v>
      </c>
      <c r="K23206" s="2" t="s">
        <v>69039</v>
      </c>
      <c r="L23206" s="5" t="s">
        <v>69038</v>
      </c>
      <c r="M23206" s="2" t="s">
        <v>69039</v>
      </c>
      <c r="N23206" s="5" t="s">
        <v>1521</v>
      </c>
      <c r="O23206" s="5" t="s">
        <v>38</v>
      </c>
      <c r="P23206" s="5" t="s">
        <v>39</v>
      </c>
      <c r="Q23206" s="5" t="s">
        <v>40</v>
      </c>
      <c r="R23206" s="5" t="s">
        <v>1522</v>
      </c>
      <c r="S23206" s="5" t="s">
        <v>1523</v>
      </c>
      <c r="T23206" s="5" t="s">
        <v>42</v>
      </c>
      <c r="U23206" s="2">
        <v>2.8759999999999999</v>
      </c>
      <c r="V23206" s="2">
        <v>2.3490000000000002</v>
      </c>
      <c r="W23206" s="2">
        <v>1.4999999999999999E-2</v>
      </c>
      <c r="X23206" s="2">
        <v>118.9</v>
      </c>
      <c r="Y23206" s="2">
        <v>7.6</v>
      </c>
      <c r="Z23206" s="2">
        <v>16.7</v>
      </c>
      <c r="AA23206" s="5"/>
      <c r="AB23206" s="5" t="s">
        <v>43</v>
      </c>
      <c r="AC23206" s="5" t="s">
        <v>44</v>
      </c>
      <c r="AD23206" s="2"/>
      <c r="AE23206" s="1"/>
    </row>
    <row r="23207" spans="1:31" ht="14.45">
      <c r="A23207" s="11"/>
      <c r="B23207" s="20"/>
      <c r="C23207" s="2" t="s">
        <v>74500</v>
      </c>
      <c r="D23207" s="14" t="s">
        <v>74501</v>
      </c>
      <c r="E23207" s="2" t="s">
        <v>74502</v>
      </c>
      <c r="F23207" s="2" t="s">
        <v>7521</v>
      </c>
      <c r="G23207" s="8">
        <v>254</v>
      </c>
      <c r="H23207" s="5">
        <v>6</v>
      </c>
      <c r="I23207" s="5" t="s">
        <v>1518</v>
      </c>
      <c r="J23207" s="5" t="s">
        <v>69038</v>
      </c>
      <c r="K23207" s="2" t="s">
        <v>69039</v>
      </c>
      <c r="L23207" s="5" t="s">
        <v>69038</v>
      </c>
      <c r="M23207" s="2" t="s">
        <v>69039</v>
      </c>
      <c r="N23207" s="5" t="s">
        <v>1521</v>
      </c>
      <c r="O23207" s="5" t="s">
        <v>38</v>
      </c>
      <c r="P23207" s="5" t="s">
        <v>39</v>
      </c>
      <c r="Q23207" s="5" t="s">
        <v>40</v>
      </c>
      <c r="R23207" s="5" t="s">
        <v>1522</v>
      </c>
      <c r="S23207" s="5" t="s">
        <v>1523</v>
      </c>
      <c r="T23207" s="5" t="s">
        <v>42</v>
      </c>
      <c r="U23207" s="2">
        <v>2.9620000000000002</v>
      </c>
      <c r="V23207" s="2">
        <v>2.4350000000000001</v>
      </c>
      <c r="W23207" s="2">
        <v>1.4999999999999999E-2</v>
      </c>
      <c r="X23207" s="2">
        <v>118.9</v>
      </c>
      <c r="Y23207" s="2">
        <v>7.6</v>
      </c>
      <c r="Z23207" s="2">
        <v>16.7</v>
      </c>
      <c r="AA23207" s="5"/>
      <c r="AB23207" s="5" t="s">
        <v>43</v>
      </c>
      <c r="AC23207" s="5" t="s">
        <v>44</v>
      </c>
      <c r="AD23207" s="2"/>
      <c r="AE23207" s="1"/>
    </row>
    <row r="23208" spans="1:31" ht="14.45">
      <c r="A23208" s="11"/>
      <c r="B23208" s="20"/>
      <c r="C23208" s="2" t="s">
        <v>74503</v>
      </c>
      <c r="D23208" s="14" t="s">
        <v>74504</v>
      </c>
      <c r="E23208" s="2" t="s">
        <v>74505</v>
      </c>
      <c r="F23208" s="2" t="s">
        <v>7539</v>
      </c>
      <c r="G23208" s="8">
        <v>272</v>
      </c>
      <c r="H23208" s="5">
        <v>6</v>
      </c>
      <c r="I23208" s="5" t="s">
        <v>1518</v>
      </c>
      <c r="J23208" s="5" t="s">
        <v>69038</v>
      </c>
      <c r="K23208" s="2" t="s">
        <v>69039</v>
      </c>
      <c r="L23208" s="5" t="s">
        <v>69038</v>
      </c>
      <c r="M23208" s="2" t="s">
        <v>69039</v>
      </c>
      <c r="N23208" s="5" t="s">
        <v>1521</v>
      </c>
      <c r="O23208" s="5" t="s">
        <v>38</v>
      </c>
      <c r="P23208" s="5" t="s">
        <v>39</v>
      </c>
      <c r="Q23208" s="5" t="s">
        <v>40</v>
      </c>
      <c r="R23208" s="5" t="s">
        <v>1522</v>
      </c>
      <c r="S23208" s="5" t="s">
        <v>1523</v>
      </c>
      <c r="T23208" s="5" t="s">
        <v>42</v>
      </c>
      <c r="U23208" s="2">
        <v>2.8759999999999999</v>
      </c>
      <c r="V23208" s="2">
        <v>2.3490000000000002</v>
      </c>
      <c r="W23208" s="2">
        <v>1.4999999999999999E-2</v>
      </c>
      <c r="X23208" s="2">
        <v>118.9</v>
      </c>
      <c r="Y23208" s="2">
        <v>7.6</v>
      </c>
      <c r="Z23208" s="2">
        <v>16.7</v>
      </c>
      <c r="AA23208" s="5"/>
      <c r="AB23208" s="5" t="s">
        <v>43</v>
      </c>
      <c r="AC23208" s="5" t="s">
        <v>44</v>
      </c>
      <c r="AD23208" s="2"/>
      <c r="AE23208" s="1"/>
    </row>
    <row r="23209" spans="1:31" ht="14.45">
      <c r="A23209" s="11"/>
      <c r="B23209" s="20"/>
      <c r="C23209" s="2" t="s">
        <v>74506</v>
      </c>
      <c r="D23209" s="14" t="s">
        <v>74507</v>
      </c>
      <c r="E23209" s="2" t="s">
        <v>74508</v>
      </c>
      <c r="F23209" s="2" t="s">
        <v>7507</v>
      </c>
      <c r="G23209" s="8">
        <v>254</v>
      </c>
      <c r="H23209" s="5">
        <v>6</v>
      </c>
      <c r="I23209" s="5" t="s">
        <v>1518</v>
      </c>
      <c r="J23209" s="5" t="s">
        <v>69038</v>
      </c>
      <c r="K23209" s="2" t="s">
        <v>69039</v>
      </c>
      <c r="L23209" s="5" t="s">
        <v>69038</v>
      </c>
      <c r="M23209" s="2" t="s">
        <v>69039</v>
      </c>
      <c r="N23209" s="5" t="s">
        <v>1521</v>
      </c>
      <c r="O23209" s="5" t="s">
        <v>38</v>
      </c>
      <c r="P23209" s="5" t="s">
        <v>39</v>
      </c>
      <c r="Q23209" s="5" t="s">
        <v>40</v>
      </c>
      <c r="R23209" s="5" t="s">
        <v>1522</v>
      </c>
      <c r="S23209" s="5" t="s">
        <v>1523</v>
      </c>
      <c r="T23209" s="5" t="s">
        <v>42</v>
      </c>
      <c r="U23209" s="2">
        <v>2.9620000000000002</v>
      </c>
      <c r="V23209" s="2">
        <v>2.4350000000000001</v>
      </c>
      <c r="W23209" s="2">
        <v>1.4999999999999999E-2</v>
      </c>
      <c r="X23209" s="2">
        <v>118.9</v>
      </c>
      <c r="Y23209" s="2">
        <v>7.6</v>
      </c>
      <c r="Z23209" s="2">
        <v>16.7</v>
      </c>
      <c r="AA23209" s="5"/>
      <c r="AB23209" s="5" t="s">
        <v>43</v>
      </c>
      <c r="AC23209" s="5" t="s">
        <v>44</v>
      </c>
      <c r="AD23209" s="2"/>
      <c r="AE23209" s="1"/>
    </row>
    <row r="23210" spans="1:31" ht="14.45">
      <c r="A23210" s="11"/>
      <c r="B23210" s="20"/>
      <c r="C23210" s="2" t="s">
        <v>74509</v>
      </c>
      <c r="D23210" s="14" t="s">
        <v>74510</v>
      </c>
      <c r="E23210" s="2" t="s">
        <v>74511</v>
      </c>
      <c r="F23210" s="2" t="s">
        <v>7563</v>
      </c>
      <c r="G23210" s="8">
        <v>272</v>
      </c>
      <c r="H23210" s="5">
        <v>6</v>
      </c>
      <c r="I23210" s="5" t="s">
        <v>1518</v>
      </c>
      <c r="J23210" s="5" t="s">
        <v>69038</v>
      </c>
      <c r="K23210" s="2" t="s">
        <v>69039</v>
      </c>
      <c r="L23210" s="5" t="s">
        <v>69038</v>
      </c>
      <c r="M23210" s="2" t="s">
        <v>69039</v>
      </c>
      <c r="N23210" s="5" t="s">
        <v>1521</v>
      </c>
      <c r="O23210" s="5" t="s">
        <v>38</v>
      </c>
      <c r="P23210" s="5" t="s">
        <v>39</v>
      </c>
      <c r="Q23210" s="5" t="s">
        <v>40</v>
      </c>
      <c r="R23210" s="5" t="s">
        <v>1522</v>
      </c>
      <c r="S23210" s="5" t="s">
        <v>1523</v>
      </c>
      <c r="T23210" s="5" t="s">
        <v>42</v>
      </c>
      <c r="U23210" s="2">
        <v>2.8759999999999999</v>
      </c>
      <c r="V23210" s="2">
        <v>2.3490000000000002</v>
      </c>
      <c r="W23210" s="2">
        <v>1.4999999999999999E-2</v>
      </c>
      <c r="X23210" s="2">
        <v>118.9</v>
      </c>
      <c r="Y23210" s="2">
        <v>7.6</v>
      </c>
      <c r="Z23210" s="2">
        <v>16.7</v>
      </c>
      <c r="AA23210" s="5"/>
      <c r="AB23210" s="5" t="s">
        <v>43</v>
      </c>
      <c r="AC23210" s="5" t="s">
        <v>44</v>
      </c>
      <c r="AD23210" s="2"/>
      <c r="AE23210" s="1"/>
    </row>
    <row r="23211" spans="1:31" ht="14.45">
      <c r="A23211" s="11"/>
      <c r="B23211" s="20"/>
      <c r="C23211" s="2" t="s">
        <v>74512</v>
      </c>
      <c r="D23211" s="14" t="s">
        <v>74513</v>
      </c>
      <c r="E23211" s="2" t="s">
        <v>74514</v>
      </c>
      <c r="F23211" s="2" t="s">
        <v>73358</v>
      </c>
      <c r="G23211" s="8">
        <v>272</v>
      </c>
      <c r="H23211" s="5">
        <v>6</v>
      </c>
      <c r="I23211" s="5" t="s">
        <v>1518</v>
      </c>
      <c r="J23211" s="5" t="s">
        <v>69038</v>
      </c>
      <c r="K23211" s="2" t="s">
        <v>69039</v>
      </c>
      <c r="L23211" s="5" t="s">
        <v>69038</v>
      </c>
      <c r="M23211" s="2" t="s">
        <v>69039</v>
      </c>
      <c r="N23211" s="5" t="s">
        <v>1521</v>
      </c>
      <c r="O23211" s="5" t="s">
        <v>38</v>
      </c>
      <c r="P23211" s="5" t="s">
        <v>39</v>
      </c>
      <c r="Q23211" s="5" t="s">
        <v>40</v>
      </c>
      <c r="R23211" s="5" t="s">
        <v>1522</v>
      </c>
      <c r="S23211" s="5" t="s">
        <v>1523</v>
      </c>
      <c r="T23211" s="5" t="s">
        <v>42</v>
      </c>
      <c r="U23211" s="2">
        <v>2.8759999999999999</v>
      </c>
      <c r="V23211" s="2">
        <v>2.3490000000000002</v>
      </c>
      <c r="W23211" s="2">
        <v>1.4999999999999999E-2</v>
      </c>
      <c r="X23211" s="2">
        <v>118.9</v>
      </c>
      <c r="Y23211" s="2">
        <v>7.6</v>
      </c>
      <c r="Z23211" s="2">
        <v>16.7</v>
      </c>
      <c r="AA23211" s="5"/>
      <c r="AB23211" s="5" t="s">
        <v>43</v>
      </c>
      <c r="AC23211" s="5" t="s">
        <v>44</v>
      </c>
      <c r="AD23211" s="2"/>
      <c r="AE23211" s="1"/>
    </row>
    <row r="23212" spans="1:31" ht="14.45">
      <c r="A23212" s="11"/>
      <c r="B23212" s="20"/>
      <c r="C23212" s="2" t="s">
        <v>74515</v>
      </c>
      <c r="D23212" s="14" t="s">
        <v>74516</v>
      </c>
      <c r="E23212" s="2" t="s">
        <v>74517</v>
      </c>
      <c r="F23212" s="2" t="s">
        <v>7619</v>
      </c>
      <c r="G23212" s="8">
        <v>272</v>
      </c>
      <c r="H23212" s="5">
        <v>6</v>
      </c>
      <c r="I23212" s="5" t="s">
        <v>1518</v>
      </c>
      <c r="J23212" s="5" t="s">
        <v>69038</v>
      </c>
      <c r="K23212" s="2" t="s">
        <v>69039</v>
      </c>
      <c r="L23212" s="5" t="s">
        <v>69038</v>
      </c>
      <c r="M23212" s="2" t="s">
        <v>69039</v>
      </c>
      <c r="N23212" s="5" t="s">
        <v>1521</v>
      </c>
      <c r="O23212" s="5" t="s">
        <v>38</v>
      </c>
      <c r="P23212" s="5" t="s">
        <v>39</v>
      </c>
      <c r="Q23212" s="5" t="s">
        <v>40</v>
      </c>
      <c r="R23212" s="5" t="s">
        <v>1522</v>
      </c>
      <c r="S23212" s="5" t="s">
        <v>1523</v>
      </c>
      <c r="T23212" s="5" t="s">
        <v>42</v>
      </c>
      <c r="U23212" s="2">
        <v>2.9620000000000002</v>
      </c>
      <c r="V23212" s="2">
        <v>2.4350000000000001</v>
      </c>
      <c r="W23212" s="2">
        <v>1.4999999999999999E-2</v>
      </c>
      <c r="X23212" s="2">
        <v>118.9</v>
      </c>
      <c r="Y23212" s="2">
        <v>7.6</v>
      </c>
      <c r="Z23212" s="2">
        <v>16.7</v>
      </c>
      <c r="AA23212" s="5"/>
      <c r="AB23212" s="5" t="s">
        <v>43</v>
      </c>
      <c r="AC23212" s="5" t="s">
        <v>44</v>
      </c>
      <c r="AD23212" s="2"/>
      <c r="AE23212" s="1"/>
    </row>
    <row r="23213" spans="1:31" ht="14.45">
      <c r="A23213" s="11"/>
      <c r="B23213" s="20"/>
      <c r="C23213" s="2" t="s">
        <v>74518</v>
      </c>
      <c r="D23213" s="14" t="s">
        <v>74519</v>
      </c>
      <c r="E23213" s="2" t="s">
        <v>74520</v>
      </c>
      <c r="F23213" s="2" t="s">
        <v>16029</v>
      </c>
      <c r="G23213" s="8">
        <v>272</v>
      </c>
      <c r="H23213" s="5">
        <v>6</v>
      </c>
      <c r="I23213" s="5" t="s">
        <v>1518</v>
      </c>
      <c r="J23213" s="5" t="s">
        <v>69038</v>
      </c>
      <c r="K23213" s="2" t="s">
        <v>69039</v>
      </c>
      <c r="L23213" s="5" t="s">
        <v>69038</v>
      </c>
      <c r="M23213" s="2" t="s">
        <v>69039</v>
      </c>
      <c r="N23213" s="5" t="s">
        <v>1521</v>
      </c>
      <c r="O23213" s="5" t="s">
        <v>38</v>
      </c>
      <c r="P23213" s="5" t="s">
        <v>39</v>
      </c>
      <c r="Q23213" s="5" t="s">
        <v>40</v>
      </c>
      <c r="R23213" s="5" t="s">
        <v>1522</v>
      </c>
      <c r="S23213" s="5" t="s">
        <v>1523</v>
      </c>
      <c r="T23213" s="5" t="s">
        <v>42</v>
      </c>
      <c r="U23213" s="2">
        <v>2.891</v>
      </c>
      <c r="V23213" s="2">
        <v>2.3639999999999999</v>
      </c>
      <c r="W23213" s="2">
        <v>1.4999999999999999E-2</v>
      </c>
      <c r="X23213" s="2">
        <v>118.9</v>
      </c>
      <c r="Y23213" s="2">
        <v>7.6</v>
      </c>
      <c r="Z23213" s="2">
        <v>16.7</v>
      </c>
      <c r="AA23213" s="5"/>
      <c r="AB23213" s="5" t="s">
        <v>43</v>
      </c>
      <c r="AC23213" s="5" t="s">
        <v>44</v>
      </c>
      <c r="AD23213" s="2"/>
      <c r="AE23213" s="1"/>
    </row>
    <row r="23214" spans="1:31" ht="14.45">
      <c r="A23214" s="11"/>
      <c r="B23214" s="20"/>
      <c r="C23214" s="2" t="s">
        <v>74521</v>
      </c>
      <c r="D23214" s="14" t="s">
        <v>74522</v>
      </c>
      <c r="E23214" s="2" t="s">
        <v>74523</v>
      </c>
      <c r="F23214" s="2" t="s">
        <v>16033</v>
      </c>
      <c r="G23214" s="8">
        <v>272</v>
      </c>
      <c r="H23214" s="5">
        <v>6</v>
      </c>
      <c r="I23214" s="5" t="s">
        <v>1518</v>
      </c>
      <c r="J23214" s="5" t="s">
        <v>69038</v>
      </c>
      <c r="K23214" s="2" t="s">
        <v>69039</v>
      </c>
      <c r="L23214" s="5" t="s">
        <v>69038</v>
      </c>
      <c r="M23214" s="2" t="s">
        <v>69039</v>
      </c>
      <c r="N23214" s="5" t="s">
        <v>1521</v>
      </c>
      <c r="O23214" s="5" t="s">
        <v>38</v>
      </c>
      <c r="P23214" s="5" t="s">
        <v>39</v>
      </c>
      <c r="Q23214" s="5" t="s">
        <v>40</v>
      </c>
      <c r="R23214" s="5" t="s">
        <v>1522</v>
      </c>
      <c r="S23214" s="5" t="s">
        <v>1523</v>
      </c>
      <c r="T23214" s="5" t="s">
        <v>42</v>
      </c>
      <c r="U23214" s="2">
        <v>2.9769999999999999</v>
      </c>
      <c r="V23214" s="2">
        <v>2.4500000000000002</v>
      </c>
      <c r="W23214" s="2">
        <v>1.4999999999999999E-2</v>
      </c>
      <c r="X23214" s="2">
        <v>118.9</v>
      </c>
      <c r="Y23214" s="2">
        <v>7.6</v>
      </c>
      <c r="Z23214" s="2">
        <v>16.7</v>
      </c>
      <c r="AA23214" s="5"/>
      <c r="AB23214" s="5" t="s">
        <v>43</v>
      </c>
      <c r="AC23214" s="5" t="s">
        <v>44</v>
      </c>
      <c r="AD23214" s="2"/>
      <c r="AE23214" s="1"/>
    </row>
    <row r="23215" spans="1:31" ht="14.45">
      <c r="A23215" s="11"/>
      <c r="B23215" s="20"/>
      <c r="C23215" s="2" t="s">
        <v>74524</v>
      </c>
      <c r="D23215" s="14" t="s">
        <v>74525</v>
      </c>
      <c r="E23215" s="2" t="s">
        <v>74526</v>
      </c>
      <c r="F23215" s="2" t="s">
        <v>7204</v>
      </c>
      <c r="G23215" s="8">
        <v>263</v>
      </c>
      <c r="H23215" s="5">
        <v>6</v>
      </c>
      <c r="I23215" s="5" t="s">
        <v>1518</v>
      </c>
      <c r="J23215" s="5" t="s">
        <v>69038</v>
      </c>
      <c r="K23215" s="2" t="s">
        <v>69039</v>
      </c>
      <c r="L23215" s="5" t="s">
        <v>69038</v>
      </c>
      <c r="M23215" s="2" t="s">
        <v>69039</v>
      </c>
      <c r="N23215" s="5" t="s">
        <v>1521</v>
      </c>
      <c r="O23215" s="5" t="s">
        <v>38</v>
      </c>
      <c r="P23215" s="5" t="s">
        <v>39</v>
      </c>
      <c r="Q23215" s="5" t="s">
        <v>40</v>
      </c>
      <c r="R23215" s="5" t="s">
        <v>1522</v>
      </c>
      <c r="S23215" s="5" t="s">
        <v>1523</v>
      </c>
      <c r="T23215" s="5" t="s">
        <v>42</v>
      </c>
      <c r="U23215" s="2">
        <v>3.0339999999999998</v>
      </c>
      <c r="V23215" s="2">
        <v>2.516</v>
      </c>
      <c r="W23215" s="2">
        <v>1.4999999999999999E-2</v>
      </c>
      <c r="X23215" s="2">
        <v>118.9</v>
      </c>
      <c r="Y23215" s="2">
        <v>7.6</v>
      </c>
      <c r="Z23215" s="2">
        <v>16.7</v>
      </c>
      <c r="AA23215" s="5"/>
      <c r="AB23215" s="5" t="s">
        <v>43</v>
      </c>
      <c r="AC23215" s="5" t="s">
        <v>44</v>
      </c>
      <c r="AD23215" s="2"/>
      <c r="AE23215" s="1"/>
    </row>
    <row r="23216" spans="1:31" ht="14.45">
      <c r="A23216" s="11"/>
      <c r="B23216" s="20"/>
      <c r="C23216" s="2" t="s">
        <v>74527</v>
      </c>
      <c r="D23216" s="14" t="s">
        <v>74528</v>
      </c>
      <c r="E23216" s="2" t="s">
        <v>74529</v>
      </c>
      <c r="F23216" s="2" t="s">
        <v>7514</v>
      </c>
      <c r="G23216" s="8">
        <v>263</v>
      </c>
      <c r="H23216" s="5">
        <v>6</v>
      </c>
      <c r="I23216" s="5" t="s">
        <v>1518</v>
      </c>
      <c r="J23216" s="5" t="s">
        <v>69038</v>
      </c>
      <c r="K23216" s="2" t="s">
        <v>69039</v>
      </c>
      <c r="L23216" s="5" t="s">
        <v>69038</v>
      </c>
      <c r="M23216" s="2" t="s">
        <v>69039</v>
      </c>
      <c r="N23216" s="5" t="s">
        <v>1521</v>
      </c>
      <c r="O23216" s="5" t="s">
        <v>38</v>
      </c>
      <c r="P23216" s="5" t="s">
        <v>39</v>
      </c>
      <c r="Q23216" s="5" t="s">
        <v>40</v>
      </c>
      <c r="R23216" s="5" t="s">
        <v>1522</v>
      </c>
      <c r="S23216" s="5" t="s">
        <v>1523</v>
      </c>
      <c r="T23216" s="5" t="s">
        <v>42</v>
      </c>
      <c r="U23216" s="2">
        <v>3.1339999999999999</v>
      </c>
      <c r="V23216" s="2">
        <v>2.6160000000000001</v>
      </c>
      <c r="W23216" s="2">
        <v>1.4999999999999999E-2</v>
      </c>
      <c r="X23216" s="2">
        <v>118.9</v>
      </c>
      <c r="Y23216" s="2">
        <v>7.6</v>
      </c>
      <c r="Z23216" s="2">
        <v>16.7</v>
      </c>
      <c r="AA23216" s="5"/>
      <c r="AB23216" s="5" t="s">
        <v>43</v>
      </c>
      <c r="AC23216" s="5" t="s">
        <v>44</v>
      </c>
      <c r="AD23216" s="2"/>
      <c r="AE23216" s="1"/>
    </row>
    <row r="23217" spans="1:31" ht="14.45">
      <c r="A23217" s="11"/>
      <c r="B23217" s="20"/>
      <c r="C23217" s="2" t="s">
        <v>74530</v>
      </c>
      <c r="D23217" s="14" t="s">
        <v>74531</v>
      </c>
      <c r="E23217" s="2" t="s">
        <v>74532</v>
      </c>
      <c r="F23217" s="2" t="s">
        <v>7396</v>
      </c>
      <c r="G23217" s="8">
        <v>263</v>
      </c>
      <c r="H23217" s="5">
        <v>6</v>
      </c>
      <c r="I23217" s="5" t="s">
        <v>1518</v>
      </c>
      <c r="J23217" s="5" t="s">
        <v>69038</v>
      </c>
      <c r="K23217" s="2" t="s">
        <v>69039</v>
      </c>
      <c r="L23217" s="5" t="s">
        <v>69038</v>
      </c>
      <c r="M23217" s="2" t="s">
        <v>69039</v>
      </c>
      <c r="N23217" s="5" t="s">
        <v>1521</v>
      </c>
      <c r="O23217" s="5" t="s">
        <v>38</v>
      </c>
      <c r="P23217" s="5" t="s">
        <v>39</v>
      </c>
      <c r="Q23217" s="5" t="s">
        <v>40</v>
      </c>
      <c r="R23217" s="5" t="s">
        <v>1522</v>
      </c>
      <c r="S23217" s="5" t="s">
        <v>1523</v>
      </c>
      <c r="T23217" s="5" t="s">
        <v>42</v>
      </c>
      <c r="U23217" s="2">
        <v>3.0339999999999998</v>
      </c>
      <c r="V23217" s="2">
        <v>2.516</v>
      </c>
      <c r="W23217" s="2">
        <v>1.4999999999999999E-2</v>
      </c>
      <c r="X23217" s="2">
        <v>118.9</v>
      </c>
      <c r="Y23217" s="2">
        <v>7.6</v>
      </c>
      <c r="Z23217" s="2">
        <v>16.7</v>
      </c>
      <c r="AA23217" s="5"/>
      <c r="AB23217" s="5" t="s">
        <v>43</v>
      </c>
      <c r="AC23217" s="5" t="s">
        <v>44</v>
      </c>
      <c r="AD23217" s="2"/>
      <c r="AE23217" s="1"/>
    </row>
    <row r="23218" spans="1:31" ht="14.45">
      <c r="A23218" s="11"/>
      <c r="B23218" s="20"/>
      <c r="C23218" s="2" t="s">
        <v>74533</v>
      </c>
      <c r="D23218" s="14" t="s">
        <v>74534</v>
      </c>
      <c r="E23218" s="2" t="s">
        <v>74535</v>
      </c>
      <c r="F23218" s="2" t="s">
        <v>7507</v>
      </c>
      <c r="G23218" s="8">
        <v>263</v>
      </c>
      <c r="H23218" s="5">
        <v>6</v>
      </c>
      <c r="I23218" s="5" t="s">
        <v>1518</v>
      </c>
      <c r="J23218" s="5" t="s">
        <v>69038</v>
      </c>
      <c r="K23218" s="2" t="s">
        <v>69039</v>
      </c>
      <c r="L23218" s="5" t="s">
        <v>69038</v>
      </c>
      <c r="M23218" s="2" t="s">
        <v>69039</v>
      </c>
      <c r="N23218" s="5" t="s">
        <v>1521</v>
      </c>
      <c r="O23218" s="5" t="s">
        <v>38</v>
      </c>
      <c r="P23218" s="5" t="s">
        <v>39</v>
      </c>
      <c r="Q23218" s="5" t="s">
        <v>40</v>
      </c>
      <c r="R23218" s="5" t="s">
        <v>1522</v>
      </c>
      <c r="S23218" s="5" t="s">
        <v>1523</v>
      </c>
      <c r="T23218" s="5" t="s">
        <v>42</v>
      </c>
      <c r="U23218" s="2">
        <v>3.1339999999999999</v>
      </c>
      <c r="V23218" s="2">
        <v>2.6160000000000001</v>
      </c>
      <c r="W23218" s="2">
        <v>1.4999999999999999E-2</v>
      </c>
      <c r="X23218" s="2">
        <v>118.9</v>
      </c>
      <c r="Y23218" s="2">
        <v>7.6</v>
      </c>
      <c r="Z23218" s="2">
        <v>16.7</v>
      </c>
      <c r="AA23218" s="5"/>
      <c r="AB23218" s="5" t="s">
        <v>43</v>
      </c>
      <c r="AC23218" s="5" t="s">
        <v>44</v>
      </c>
      <c r="AD23218" s="2"/>
      <c r="AE23218" s="1"/>
    </row>
    <row r="23219" spans="1:31" ht="14.45">
      <c r="A23219" s="11"/>
      <c r="B23219" s="20"/>
      <c r="C23219" s="2" t="s">
        <v>74536</v>
      </c>
      <c r="D23219" s="14" t="s">
        <v>74537</v>
      </c>
      <c r="E23219" s="2" t="s">
        <v>74538</v>
      </c>
      <c r="F23219" s="2" t="s">
        <v>16194</v>
      </c>
      <c r="G23219" s="8">
        <v>283</v>
      </c>
      <c r="H23219" s="5">
        <v>6</v>
      </c>
      <c r="I23219" s="5" t="s">
        <v>1518</v>
      </c>
      <c r="J23219" s="5" t="s">
        <v>69038</v>
      </c>
      <c r="K23219" s="2" t="s">
        <v>69039</v>
      </c>
      <c r="L23219" s="5" t="s">
        <v>69038</v>
      </c>
      <c r="M23219" s="2" t="s">
        <v>69039</v>
      </c>
      <c r="N23219" s="5" t="s">
        <v>1521</v>
      </c>
      <c r="O23219" s="5" t="s">
        <v>38</v>
      </c>
      <c r="P23219" s="5" t="s">
        <v>39</v>
      </c>
      <c r="Q23219" s="5" t="s">
        <v>40</v>
      </c>
      <c r="R23219" s="5" t="s">
        <v>1522</v>
      </c>
      <c r="S23219" s="5" t="s">
        <v>1523</v>
      </c>
      <c r="T23219" s="5" t="s">
        <v>42</v>
      </c>
      <c r="U23219" s="2">
        <v>3.1339999999999999</v>
      </c>
      <c r="V23219" s="2">
        <v>2.6160000000000001</v>
      </c>
      <c r="W23219" s="2">
        <v>1.4999999999999999E-2</v>
      </c>
      <c r="X23219" s="2">
        <v>118.9</v>
      </c>
      <c r="Y23219" s="2">
        <v>7.6</v>
      </c>
      <c r="Z23219" s="2">
        <v>16.7</v>
      </c>
      <c r="AA23219" s="5"/>
      <c r="AB23219" s="5" t="s">
        <v>43</v>
      </c>
      <c r="AC23219" s="5" t="s">
        <v>44</v>
      </c>
      <c r="AD23219" s="2"/>
      <c r="AE23219" s="1"/>
    </row>
    <row r="23220" spans="1:31" ht="14.45">
      <c r="A23220" s="11"/>
      <c r="B23220" s="20"/>
      <c r="C23220" s="2" t="s">
        <v>74539</v>
      </c>
      <c r="D23220" s="14" t="s">
        <v>74540</v>
      </c>
      <c r="E23220" s="2" t="s">
        <v>74541</v>
      </c>
      <c r="F23220" s="2" t="s">
        <v>7585</v>
      </c>
      <c r="G23220" s="8">
        <v>283</v>
      </c>
      <c r="H23220" s="5">
        <v>6</v>
      </c>
      <c r="I23220" s="5" t="s">
        <v>1518</v>
      </c>
      <c r="J23220" s="5" t="s">
        <v>69038</v>
      </c>
      <c r="K23220" s="2" t="s">
        <v>69039</v>
      </c>
      <c r="L23220" s="5" t="s">
        <v>69038</v>
      </c>
      <c r="M23220" s="2" t="s">
        <v>69039</v>
      </c>
      <c r="N23220" s="5" t="s">
        <v>1521</v>
      </c>
      <c r="O23220" s="5" t="s">
        <v>38</v>
      </c>
      <c r="P23220" s="5" t="s">
        <v>39</v>
      </c>
      <c r="Q23220" s="5" t="s">
        <v>40</v>
      </c>
      <c r="R23220" s="5" t="s">
        <v>1522</v>
      </c>
      <c r="S23220" s="5" t="s">
        <v>1523</v>
      </c>
      <c r="T23220" s="5" t="s">
        <v>42</v>
      </c>
      <c r="U23220" s="2">
        <v>3.0339999999999998</v>
      </c>
      <c r="V23220" s="2">
        <v>2.516</v>
      </c>
      <c r="W23220" s="2">
        <v>1.4999999999999999E-2</v>
      </c>
      <c r="X23220" s="2">
        <v>118.9</v>
      </c>
      <c r="Y23220" s="2">
        <v>7.6</v>
      </c>
      <c r="Z23220" s="2">
        <v>16.7</v>
      </c>
      <c r="AA23220" s="5"/>
      <c r="AB23220" s="5" t="s">
        <v>43</v>
      </c>
      <c r="AC23220" s="5" t="s">
        <v>44</v>
      </c>
      <c r="AD23220" s="2"/>
      <c r="AE23220" s="1"/>
    </row>
    <row r="23221" spans="1:31" ht="14.45">
      <c r="A23221" s="11"/>
      <c r="B23221" s="20"/>
      <c r="C23221" s="2" t="s">
        <v>74542</v>
      </c>
      <c r="D23221" s="14" t="s">
        <v>74543</v>
      </c>
      <c r="E23221" s="2" t="s">
        <v>74544</v>
      </c>
      <c r="F23221" s="2" t="s">
        <v>7589</v>
      </c>
      <c r="G23221" s="8">
        <v>283</v>
      </c>
      <c r="H23221" s="5">
        <v>6</v>
      </c>
      <c r="I23221" s="5" t="s">
        <v>1518</v>
      </c>
      <c r="J23221" s="5" t="s">
        <v>69038</v>
      </c>
      <c r="K23221" s="2" t="s">
        <v>69039</v>
      </c>
      <c r="L23221" s="5" t="s">
        <v>69038</v>
      </c>
      <c r="M23221" s="2" t="s">
        <v>69039</v>
      </c>
      <c r="N23221" s="5" t="s">
        <v>1521</v>
      </c>
      <c r="O23221" s="5" t="s">
        <v>38</v>
      </c>
      <c r="P23221" s="5" t="s">
        <v>39</v>
      </c>
      <c r="Q23221" s="5" t="s">
        <v>40</v>
      </c>
      <c r="R23221" s="5" t="s">
        <v>1522</v>
      </c>
      <c r="S23221" s="5" t="s">
        <v>1523</v>
      </c>
      <c r="T23221" s="5" t="s">
        <v>42</v>
      </c>
      <c r="U23221" s="2">
        <v>3.1339999999999999</v>
      </c>
      <c r="V23221" s="2">
        <v>2.6160000000000001</v>
      </c>
      <c r="W23221" s="2">
        <v>1.4999999999999999E-2</v>
      </c>
      <c r="X23221" s="2">
        <v>118.9</v>
      </c>
      <c r="Y23221" s="2">
        <v>7.6</v>
      </c>
      <c r="Z23221" s="2">
        <v>16.7</v>
      </c>
      <c r="AA23221" s="5"/>
      <c r="AB23221" s="5" t="s">
        <v>43</v>
      </c>
      <c r="AC23221" s="5" t="s">
        <v>44</v>
      </c>
      <c r="AD23221" s="2"/>
      <c r="AE23221" s="1"/>
    </row>
    <row r="23222" spans="1:31" ht="14.45">
      <c r="A23222" s="11"/>
      <c r="B23222" s="20"/>
      <c r="C23222" s="2" t="s">
        <v>74545</v>
      </c>
      <c r="D23222" s="14" t="s">
        <v>74546</v>
      </c>
      <c r="E23222" s="2" t="s">
        <v>74547</v>
      </c>
      <c r="F23222" s="2" t="s">
        <v>7615</v>
      </c>
      <c r="G23222" s="8">
        <v>283</v>
      </c>
      <c r="H23222" s="5">
        <v>6</v>
      </c>
      <c r="I23222" s="5" t="s">
        <v>1518</v>
      </c>
      <c r="J23222" s="5" t="s">
        <v>69038</v>
      </c>
      <c r="K23222" s="2" t="s">
        <v>69039</v>
      </c>
      <c r="L23222" s="5" t="s">
        <v>69038</v>
      </c>
      <c r="M23222" s="2" t="s">
        <v>69039</v>
      </c>
      <c r="N23222" s="5" t="s">
        <v>1521</v>
      </c>
      <c r="O23222" s="5" t="s">
        <v>38</v>
      </c>
      <c r="P23222" s="5" t="s">
        <v>39</v>
      </c>
      <c r="Q23222" s="5" t="s">
        <v>40</v>
      </c>
      <c r="R23222" s="5" t="s">
        <v>1522</v>
      </c>
      <c r="S23222" s="5" t="s">
        <v>1523</v>
      </c>
      <c r="T23222" s="5" t="s">
        <v>42</v>
      </c>
      <c r="U23222" s="2">
        <v>3.0339999999999998</v>
      </c>
      <c r="V23222" s="2">
        <v>2.516</v>
      </c>
      <c r="W23222" s="2">
        <v>1.4999999999999999E-2</v>
      </c>
      <c r="X23222" s="2">
        <v>118.9</v>
      </c>
      <c r="Y23222" s="2">
        <v>7.6</v>
      </c>
      <c r="Z23222" s="2">
        <v>16.7</v>
      </c>
      <c r="AA23222" s="5"/>
      <c r="AB23222" s="5" t="s">
        <v>43</v>
      </c>
      <c r="AC23222" s="5" t="s">
        <v>44</v>
      </c>
      <c r="AD23222" s="2"/>
      <c r="AE23222" s="1"/>
    </row>
    <row r="23223" spans="1:31" ht="14.45">
      <c r="A23223" s="11"/>
      <c r="B23223" s="20"/>
      <c r="C23223" s="2" t="s">
        <v>74548</v>
      </c>
      <c r="D23223" s="14" t="s">
        <v>74549</v>
      </c>
      <c r="E23223" s="2" t="s">
        <v>74550</v>
      </c>
      <c r="F23223" s="2" t="s">
        <v>16014</v>
      </c>
      <c r="G23223" s="8">
        <v>283</v>
      </c>
      <c r="H23223" s="5">
        <v>6</v>
      </c>
      <c r="I23223" s="5" t="s">
        <v>1518</v>
      </c>
      <c r="J23223" s="5" t="s">
        <v>69038</v>
      </c>
      <c r="K23223" s="2" t="s">
        <v>69039</v>
      </c>
      <c r="L23223" s="5" t="s">
        <v>69038</v>
      </c>
      <c r="M23223" s="2" t="s">
        <v>69039</v>
      </c>
      <c r="N23223" s="5" t="s">
        <v>1521</v>
      </c>
      <c r="O23223" s="5" t="s">
        <v>38</v>
      </c>
      <c r="P23223" s="5" t="s">
        <v>39</v>
      </c>
      <c r="Q23223" s="5" t="s">
        <v>40</v>
      </c>
      <c r="R23223" s="5" t="s">
        <v>1522</v>
      </c>
      <c r="S23223" s="5" t="s">
        <v>1523</v>
      </c>
      <c r="T23223" s="5" t="s">
        <v>42</v>
      </c>
      <c r="U23223" s="2">
        <v>3.0339999999999998</v>
      </c>
      <c r="V23223" s="2">
        <v>2.516</v>
      </c>
      <c r="W23223" s="2">
        <v>1.4999999999999999E-2</v>
      </c>
      <c r="X23223" s="2">
        <v>118.9</v>
      </c>
      <c r="Y23223" s="2">
        <v>7.6</v>
      </c>
      <c r="Z23223" s="2">
        <v>16.7</v>
      </c>
      <c r="AA23223" s="5"/>
      <c r="AB23223" s="5" t="s">
        <v>43</v>
      </c>
      <c r="AC23223" s="5" t="s">
        <v>44</v>
      </c>
      <c r="AD23223" s="2"/>
      <c r="AE23223" s="1"/>
    </row>
    <row r="23224" spans="1:31" ht="14.45">
      <c r="A23224" s="11"/>
      <c r="B23224" s="20"/>
      <c r="C23224" s="2" t="s">
        <v>74551</v>
      </c>
      <c r="D23224" s="14" t="s">
        <v>74552</v>
      </c>
      <c r="E23224" s="2" t="s">
        <v>74553</v>
      </c>
      <c r="F23224" s="2" t="s">
        <v>16029</v>
      </c>
      <c r="G23224" s="8">
        <v>283</v>
      </c>
      <c r="H23224" s="5">
        <v>6</v>
      </c>
      <c r="I23224" s="5" t="s">
        <v>1518</v>
      </c>
      <c r="J23224" s="5" t="s">
        <v>69038</v>
      </c>
      <c r="K23224" s="2" t="s">
        <v>69039</v>
      </c>
      <c r="L23224" s="5" t="s">
        <v>69038</v>
      </c>
      <c r="M23224" s="2" t="s">
        <v>69039</v>
      </c>
      <c r="N23224" s="5" t="s">
        <v>1521</v>
      </c>
      <c r="O23224" s="5" t="s">
        <v>38</v>
      </c>
      <c r="P23224" s="5" t="s">
        <v>39</v>
      </c>
      <c r="Q23224" s="5" t="s">
        <v>40</v>
      </c>
      <c r="R23224" s="5" t="s">
        <v>1522</v>
      </c>
      <c r="S23224" s="5" t="s">
        <v>1523</v>
      </c>
      <c r="T23224" s="5" t="s">
        <v>42</v>
      </c>
      <c r="U23224" s="2">
        <v>3.0489999999999999</v>
      </c>
      <c r="V23224" s="2">
        <v>2.5310000000000001</v>
      </c>
      <c r="W23224" s="2">
        <v>1.4999999999999999E-2</v>
      </c>
      <c r="X23224" s="2">
        <v>118.9</v>
      </c>
      <c r="Y23224" s="2">
        <v>7.6</v>
      </c>
      <c r="Z23224" s="2">
        <v>16.7</v>
      </c>
      <c r="AA23224" s="5"/>
      <c r="AB23224" s="5" t="s">
        <v>43</v>
      </c>
      <c r="AC23224" s="5" t="s">
        <v>44</v>
      </c>
      <c r="AD23224" s="2"/>
      <c r="AE23224" s="1"/>
    </row>
    <row r="23225" spans="1:31" ht="14.45">
      <c r="A23225" s="11"/>
      <c r="B23225" s="20"/>
      <c r="C23225" s="2" t="s">
        <v>74554</v>
      </c>
      <c r="D23225" s="14" t="s">
        <v>74555</v>
      </c>
      <c r="E23225" s="2" t="s">
        <v>74556</v>
      </c>
      <c r="F23225" s="2" t="s">
        <v>16033</v>
      </c>
      <c r="G23225" s="8">
        <v>283</v>
      </c>
      <c r="H23225" s="5">
        <v>6</v>
      </c>
      <c r="I23225" s="5" t="s">
        <v>1518</v>
      </c>
      <c r="J23225" s="5" t="s">
        <v>69038</v>
      </c>
      <c r="K23225" s="2" t="s">
        <v>69039</v>
      </c>
      <c r="L23225" s="5" t="s">
        <v>69038</v>
      </c>
      <c r="M23225" s="2" t="s">
        <v>69039</v>
      </c>
      <c r="N23225" s="5" t="s">
        <v>1521</v>
      </c>
      <c r="O23225" s="5" t="s">
        <v>38</v>
      </c>
      <c r="P23225" s="5" t="s">
        <v>39</v>
      </c>
      <c r="Q23225" s="5" t="s">
        <v>40</v>
      </c>
      <c r="R23225" s="5" t="s">
        <v>1522</v>
      </c>
      <c r="S23225" s="5" t="s">
        <v>1523</v>
      </c>
      <c r="T23225" s="5" t="s">
        <v>42</v>
      </c>
      <c r="U23225" s="2">
        <v>3.149</v>
      </c>
      <c r="V23225" s="2">
        <v>2.6309999999999998</v>
      </c>
      <c r="W23225" s="2">
        <v>1.4999999999999999E-2</v>
      </c>
      <c r="X23225" s="2">
        <v>118.9</v>
      </c>
      <c r="Y23225" s="2">
        <v>7.6</v>
      </c>
      <c r="Z23225" s="2">
        <v>16.7</v>
      </c>
      <c r="AA23225" s="5"/>
      <c r="AB23225" s="5" t="s">
        <v>43</v>
      </c>
      <c r="AC23225" s="5" t="s">
        <v>44</v>
      </c>
      <c r="AD23225" s="2"/>
      <c r="AE23225" s="1"/>
    </row>
    <row r="23226" spans="1:31" ht="14.45">
      <c r="A23226" s="11"/>
      <c r="B23226" s="20"/>
      <c r="C23226" s="2" t="s">
        <v>74557</v>
      </c>
      <c r="D23226" s="14" t="s">
        <v>74558</v>
      </c>
      <c r="E23226" s="2" t="s">
        <v>74559</v>
      </c>
      <c r="F23226" s="2" t="s">
        <v>7204</v>
      </c>
      <c r="G23226" s="8">
        <v>275</v>
      </c>
      <c r="H23226" s="5">
        <v>6</v>
      </c>
      <c r="I23226" s="5" t="s">
        <v>1518</v>
      </c>
      <c r="J23226" s="5" t="s">
        <v>69038</v>
      </c>
      <c r="K23226" s="2" t="s">
        <v>69039</v>
      </c>
      <c r="L23226" s="5" t="s">
        <v>69038</v>
      </c>
      <c r="M23226" s="2" t="s">
        <v>69039</v>
      </c>
      <c r="N23226" s="5" t="s">
        <v>1521</v>
      </c>
      <c r="O23226" s="5" t="s">
        <v>38</v>
      </c>
      <c r="P23226" s="5" t="s">
        <v>39</v>
      </c>
      <c r="Q23226" s="5" t="s">
        <v>40</v>
      </c>
      <c r="R23226" s="5" t="s">
        <v>1522</v>
      </c>
      <c r="S23226" s="5" t="s">
        <v>1523</v>
      </c>
      <c r="T23226" s="5" t="s">
        <v>42</v>
      </c>
      <c r="U23226" s="2">
        <v>3.2789999999999999</v>
      </c>
      <c r="V23226" s="2">
        <v>2.6840000000000002</v>
      </c>
      <c r="W23226" s="2">
        <v>1.7999999999999999E-2</v>
      </c>
      <c r="X23226" s="2">
        <v>139.1</v>
      </c>
      <c r="Y23226" s="2">
        <v>7.6</v>
      </c>
      <c r="Z23226" s="2">
        <v>16.7</v>
      </c>
      <c r="AA23226" s="5"/>
      <c r="AB23226" s="5" t="s">
        <v>43</v>
      </c>
      <c r="AC23226" s="5" t="s">
        <v>44</v>
      </c>
      <c r="AD23226" s="2"/>
      <c r="AE23226" s="1"/>
    </row>
    <row r="23227" spans="1:31" ht="14.45">
      <c r="A23227" s="11"/>
      <c r="B23227" s="20"/>
      <c r="C23227" s="2" t="s">
        <v>74560</v>
      </c>
      <c r="D23227" s="14" t="s">
        <v>74561</v>
      </c>
      <c r="E23227" s="2" t="s">
        <v>74562</v>
      </c>
      <c r="F23227" s="2" t="s">
        <v>7514</v>
      </c>
      <c r="G23227" s="8">
        <v>275</v>
      </c>
      <c r="H23227" s="5">
        <v>6</v>
      </c>
      <c r="I23227" s="5" t="s">
        <v>1518</v>
      </c>
      <c r="J23227" s="5" t="s">
        <v>69038</v>
      </c>
      <c r="K23227" s="2" t="s">
        <v>69039</v>
      </c>
      <c r="L23227" s="5" t="s">
        <v>69038</v>
      </c>
      <c r="M23227" s="2" t="s">
        <v>69039</v>
      </c>
      <c r="N23227" s="5" t="s">
        <v>1521</v>
      </c>
      <c r="O23227" s="5" t="s">
        <v>38</v>
      </c>
      <c r="P23227" s="5" t="s">
        <v>39</v>
      </c>
      <c r="Q23227" s="5" t="s">
        <v>40</v>
      </c>
      <c r="R23227" s="5" t="s">
        <v>1522</v>
      </c>
      <c r="S23227" s="5" t="s">
        <v>1523</v>
      </c>
      <c r="T23227" s="5" t="s">
        <v>42</v>
      </c>
      <c r="U23227" s="2">
        <v>3.3889999999999998</v>
      </c>
      <c r="V23227" s="2">
        <v>2.794</v>
      </c>
      <c r="W23227" s="2">
        <v>1.7999999999999999E-2</v>
      </c>
      <c r="X23227" s="2">
        <v>139.1</v>
      </c>
      <c r="Y23227" s="2">
        <v>7.6</v>
      </c>
      <c r="Z23227" s="2">
        <v>16.7</v>
      </c>
      <c r="AA23227" s="5"/>
      <c r="AB23227" s="5" t="s">
        <v>43</v>
      </c>
      <c r="AC23227" s="5" t="s">
        <v>44</v>
      </c>
      <c r="AD23227" s="2"/>
      <c r="AE23227" s="1"/>
    </row>
    <row r="23228" spans="1:31" ht="14.45">
      <c r="A23228" s="11"/>
      <c r="B23228" s="20"/>
      <c r="C23228" s="2" t="s">
        <v>74563</v>
      </c>
      <c r="D23228" s="14" t="s">
        <v>74564</v>
      </c>
      <c r="E23228" s="2" t="s">
        <v>74565</v>
      </c>
      <c r="F23228" s="2" t="s">
        <v>7208</v>
      </c>
      <c r="G23228" s="8">
        <v>275</v>
      </c>
      <c r="H23228" s="5">
        <v>6</v>
      </c>
      <c r="I23228" s="5" t="s">
        <v>1518</v>
      </c>
      <c r="J23228" s="5" t="s">
        <v>69038</v>
      </c>
      <c r="K23228" s="2" t="s">
        <v>69039</v>
      </c>
      <c r="L23228" s="5" t="s">
        <v>69038</v>
      </c>
      <c r="M23228" s="2" t="s">
        <v>69039</v>
      </c>
      <c r="N23228" s="5" t="s">
        <v>1521</v>
      </c>
      <c r="O23228" s="5" t="s">
        <v>38</v>
      </c>
      <c r="P23228" s="5" t="s">
        <v>39</v>
      </c>
      <c r="Q23228" s="5" t="s">
        <v>40</v>
      </c>
      <c r="R23228" s="5" t="s">
        <v>1522</v>
      </c>
      <c r="S23228" s="5" t="s">
        <v>1523</v>
      </c>
      <c r="T23228" s="5" t="s">
        <v>42</v>
      </c>
      <c r="U23228" s="2">
        <v>3.2789999999999999</v>
      </c>
      <c r="V23228" s="2">
        <v>2.6840000000000002</v>
      </c>
      <c r="W23228" s="2">
        <v>1.7999999999999999E-2</v>
      </c>
      <c r="X23228" s="2">
        <v>139.1</v>
      </c>
      <c r="Y23228" s="2">
        <v>7.6</v>
      </c>
      <c r="Z23228" s="2">
        <v>16.7</v>
      </c>
      <c r="AA23228" s="5"/>
      <c r="AB23228" s="5" t="s">
        <v>43</v>
      </c>
      <c r="AC23228" s="5" t="s">
        <v>44</v>
      </c>
      <c r="AD23228" s="2"/>
      <c r="AE23228" s="1"/>
    </row>
    <row r="23229" spans="1:31" ht="14.45">
      <c r="A23229" s="11"/>
      <c r="B23229" s="20"/>
      <c r="C23229" s="2" t="s">
        <v>74566</v>
      </c>
      <c r="D23229" s="14" t="s">
        <v>74567</v>
      </c>
      <c r="E23229" s="2" t="s">
        <v>74568</v>
      </c>
      <c r="F23229" s="2" t="s">
        <v>7521</v>
      </c>
      <c r="G23229" s="8">
        <v>275</v>
      </c>
      <c r="H23229" s="5">
        <v>6</v>
      </c>
      <c r="I23229" s="5" t="s">
        <v>1518</v>
      </c>
      <c r="J23229" s="5" t="s">
        <v>69038</v>
      </c>
      <c r="K23229" s="2" t="s">
        <v>69039</v>
      </c>
      <c r="L23229" s="5" t="s">
        <v>69038</v>
      </c>
      <c r="M23229" s="2" t="s">
        <v>69039</v>
      </c>
      <c r="N23229" s="5" t="s">
        <v>1521</v>
      </c>
      <c r="O23229" s="5" t="s">
        <v>38</v>
      </c>
      <c r="P23229" s="5" t="s">
        <v>39</v>
      </c>
      <c r="Q23229" s="5" t="s">
        <v>40</v>
      </c>
      <c r="R23229" s="5" t="s">
        <v>1522</v>
      </c>
      <c r="S23229" s="5" t="s">
        <v>1523</v>
      </c>
      <c r="T23229" s="5" t="s">
        <v>42</v>
      </c>
      <c r="U23229" s="2">
        <v>3.3889999999999998</v>
      </c>
      <c r="V23229" s="2">
        <v>2.794</v>
      </c>
      <c r="W23229" s="2">
        <v>1.7999999999999999E-2</v>
      </c>
      <c r="X23229" s="2">
        <v>139.1</v>
      </c>
      <c r="Y23229" s="2">
        <v>7.6</v>
      </c>
      <c r="Z23229" s="2">
        <v>16.7</v>
      </c>
      <c r="AA23229" s="5"/>
      <c r="AB23229" s="5" t="s">
        <v>43</v>
      </c>
      <c r="AC23229" s="5" t="s">
        <v>44</v>
      </c>
      <c r="AD23229" s="2"/>
      <c r="AE23229" s="1"/>
    </row>
    <row r="23230" spans="1:31" ht="14.45">
      <c r="A23230" s="11"/>
      <c r="B23230" s="20"/>
      <c r="C23230" s="2" t="s">
        <v>74569</v>
      </c>
      <c r="D23230" s="14" t="s">
        <v>74570</v>
      </c>
      <c r="E23230" s="2" t="s">
        <v>74571</v>
      </c>
      <c r="F23230" s="2" t="s">
        <v>7539</v>
      </c>
      <c r="G23230" s="8">
        <v>296</v>
      </c>
      <c r="H23230" s="5">
        <v>6</v>
      </c>
      <c r="I23230" s="5" t="s">
        <v>1518</v>
      </c>
      <c r="J23230" s="5" t="s">
        <v>69038</v>
      </c>
      <c r="K23230" s="2" t="s">
        <v>69039</v>
      </c>
      <c r="L23230" s="5" t="s">
        <v>69038</v>
      </c>
      <c r="M23230" s="2" t="s">
        <v>69039</v>
      </c>
      <c r="N23230" s="5" t="s">
        <v>1521</v>
      </c>
      <c r="O23230" s="5" t="s">
        <v>38</v>
      </c>
      <c r="P23230" s="5" t="s">
        <v>39</v>
      </c>
      <c r="Q23230" s="5" t="s">
        <v>40</v>
      </c>
      <c r="R23230" s="5" t="s">
        <v>1522</v>
      </c>
      <c r="S23230" s="5" t="s">
        <v>1523</v>
      </c>
      <c r="T23230" s="5" t="s">
        <v>42</v>
      </c>
      <c r="U23230" s="2">
        <v>3.2789999999999999</v>
      </c>
      <c r="V23230" s="2">
        <v>2.6840000000000002</v>
      </c>
      <c r="W23230" s="2">
        <v>1.7999999999999999E-2</v>
      </c>
      <c r="X23230" s="2">
        <v>139.1</v>
      </c>
      <c r="Y23230" s="2">
        <v>7.6</v>
      </c>
      <c r="Z23230" s="2">
        <v>16.7</v>
      </c>
      <c r="AA23230" s="5"/>
      <c r="AB23230" s="5" t="s">
        <v>43</v>
      </c>
      <c r="AC23230" s="5" t="s">
        <v>44</v>
      </c>
      <c r="AD23230" s="2"/>
      <c r="AE23230" s="1"/>
    </row>
    <row r="23231" spans="1:31" ht="14.45">
      <c r="A23231" s="11"/>
      <c r="B23231" s="20"/>
      <c r="C23231" s="2" t="s">
        <v>74572</v>
      </c>
      <c r="D23231" s="14" t="s">
        <v>74573</v>
      </c>
      <c r="E23231" s="2" t="s">
        <v>74574</v>
      </c>
      <c r="F23231" s="2" t="s">
        <v>7543</v>
      </c>
      <c r="G23231" s="8">
        <v>296</v>
      </c>
      <c r="H23231" s="5">
        <v>6</v>
      </c>
      <c r="I23231" s="5" t="s">
        <v>1518</v>
      </c>
      <c r="J23231" s="5" t="s">
        <v>69038</v>
      </c>
      <c r="K23231" s="2" t="s">
        <v>69039</v>
      </c>
      <c r="L23231" s="5" t="s">
        <v>69038</v>
      </c>
      <c r="M23231" s="2" t="s">
        <v>69039</v>
      </c>
      <c r="N23231" s="5" t="s">
        <v>1521</v>
      </c>
      <c r="O23231" s="5" t="s">
        <v>38</v>
      </c>
      <c r="P23231" s="5" t="s">
        <v>39</v>
      </c>
      <c r="Q23231" s="5" t="s">
        <v>40</v>
      </c>
      <c r="R23231" s="5" t="s">
        <v>1522</v>
      </c>
      <c r="S23231" s="5" t="s">
        <v>1523</v>
      </c>
      <c r="T23231" s="5" t="s">
        <v>42</v>
      </c>
      <c r="U23231" s="2">
        <v>3.3889999999999998</v>
      </c>
      <c r="V23231" s="2">
        <v>2.794</v>
      </c>
      <c r="W23231" s="2">
        <v>1.7999999999999999E-2</v>
      </c>
      <c r="X23231" s="2">
        <v>139.1</v>
      </c>
      <c r="Y23231" s="2">
        <v>7.6</v>
      </c>
      <c r="Z23231" s="2">
        <v>16.7</v>
      </c>
      <c r="AA23231" s="5"/>
      <c r="AB23231" s="5" t="s">
        <v>43</v>
      </c>
      <c r="AC23231" s="5" t="s">
        <v>44</v>
      </c>
      <c r="AD23231" s="2"/>
      <c r="AE23231" s="1"/>
    </row>
    <row r="23232" spans="1:31" ht="14.45">
      <c r="A23232" s="11"/>
      <c r="B23232" s="20"/>
      <c r="C23232" s="2" t="s">
        <v>74575</v>
      </c>
      <c r="D23232" s="14" t="s">
        <v>74576</v>
      </c>
      <c r="E23232" s="2" t="s">
        <v>74577</v>
      </c>
      <c r="F23232" s="2" t="s">
        <v>7396</v>
      </c>
      <c r="G23232" s="8">
        <v>275</v>
      </c>
      <c r="H23232" s="5">
        <v>6</v>
      </c>
      <c r="I23232" s="5" t="s">
        <v>1518</v>
      </c>
      <c r="J23232" s="5" t="s">
        <v>69038</v>
      </c>
      <c r="K23232" s="2" t="s">
        <v>69039</v>
      </c>
      <c r="L23232" s="5" t="s">
        <v>69038</v>
      </c>
      <c r="M23232" s="2" t="s">
        <v>69039</v>
      </c>
      <c r="N23232" s="5" t="s">
        <v>1521</v>
      </c>
      <c r="O23232" s="5" t="s">
        <v>38</v>
      </c>
      <c r="P23232" s="5" t="s">
        <v>39</v>
      </c>
      <c r="Q23232" s="5" t="s">
        <v>40</v>
      </c>
      <c r="R23232" s="5" t="s">
        <v>1522</v>
      </c>
      <c r="S23232" s="5" t="s">
        <v>1523</v>
      </c>
      <c r="T23232" s="5" t="s">
        <v>42</v>
      </c>
      <c r="U23232" s="2">
        <v>3.2789999999999999</v>
      </c>
      <c r="V23232" s="2">
        <v>2.6840000000000002</v>
      </c>
      <c r="W23232" s="2">
        <v>1.7999999999999999E-2</v>
      </c>
      <c r="X23232" s="2">
        <v>139.1</v>
      </c>
      <c r="Y23232" s="2">
        <v>7.6</v>
      </c>
      <c r="Z23232" s="2">
        <v>16.7</v>
      </c>
      <c r="AA23232" s="5"/>
      <c r="AB23232" s="5" t="s">
        <v>43</v>
      </c>
      <c r="AC23232" s="5" t="s">
        <v>44</v>
      </c>
      <c r="AD23232" s="2"/>
      <c r="AE23232" s="1"/>
    </row>
    <row r="23233" spans="1:31" ht="14.45">
      <c r="A23233" s="11"/>
      <c r="B23233" s="20"/>
      <c r="C23233" s="2" t="s">
        <v>74578</v>
      </c>
      <c r="D23233" s="14" t="s">
        <v>74579</v>
      </c>
      <c r="E23233" s="2" t="s">
        <v>74580</v>
      </c>
      <c r="F23233" s="2" t="s">
        <v>7507</v>
      </c>
      <c r="G23233" s="8">
        <v>275</v>
      </c>
      <c r="H23233" s="5">
        <v>6</v>
      </c>
      <c r="I23233" s="5" t="s">
        <v>1518</v>
      </c>
      <c r="J23233" s="5" t="s">
        <v>69038</v>
      </c>
      <c r="K23233" s="2" t="s">
        <v>69039</v>
      </c>
      <c r="L23233" s="5" t="s">
        <v>69038</v>
      </c>
      <c r="M23233" s="2" t="s">
        <v>69039</v>
      </c>
      <c r="N23233" s="5" t="s">
        <v>1521</v>
      </c>
      <c r="O23233" s="5" t="s">
        <v>38</v>
      </c>
      <c r="P23233" s="5" t="s">
        <v>39</v>
      </c>
      <c r="Q23233" s="5" t="s">
        <v>40</v>
      </c>
      <c r="R23233" s="5" t="s">
        <v>1522</v>
      </c>
      <c r="S23233" s="5" t="s">
        <v>1523</v>
      </c>
      <c r="T23233" s="5" t="s">
        <v>42</v>
      </c>
      <c r="U23233" s="2">
        <v>3.3889999999999998</v>
      </c>
      <c r="V23233" s="2">
        <v>2.794</v>
      </c>
      <c r="W23233" s="2">
        <v>1.7999999999999999E-2</v>
      </c>
      <c r="X23233" s="2">
        <v>139.1</v>
      </c>
      <c r="Y23233" s="2">
        <v>7.6</v>
      </c>
      <c r="Z23233" s="2">
        <v>16.7</v>
      </c>
      <c r="AA23233" s="5"/>
      <c r="AB23233" s="5" t="s">
        <v>43</v>
      </c>
      <c r="AC23233" s="5" t="s">
        <v>44</v>
      </c>
      <c r="AD23233" s="2"/>
      <c r="AE23233" s="1"/>
    </row>
    <row r="23234" spans="1:31" ht="14.45">
      <c r="A23234" s="11"/>
      <c r="B23234" s="20"/>
      <c r="C23234" s="2" t="s">
        <v>74581</v>
      </c>
      <c r="D23234" s="14" t="s">
        <v>74582</v>
      </c>
      <c r="E23234" s="2" t="s">
        <v>74583</v>
      </c>
      <c r="F23234" s="2" t="s">
        <v>7567</v>
      </c>
      <c r="G23234" s="8">
        <v>296</v>
      </c>
      <c r="H23234" s="5">
        <v>6</v>
      </c>
      <c r="I23234" s="5" t="s">
        <v>1518</v>
      </c>
      <c r="J23234" s="5" t="s">
        <v>69038</v>
      </c>
      <c r="K23234" s="2" t="s">
        <v>69039</v>
      </c>
      <c r="L23234" s="5" t="s">
        <v>69038</v>
      </c>
      <c r="M23234" s="2" t="s">
        <v>69039</v>
      </c>
      <c r="N23234" s="5" t="s">
        <v>1521</v>
      </c>
      <c r="O23234" s="5" t="s">
        <v>38</v>
      </c>
      <c r="P23234" s="5" t="s">
        <v>39</v>
      </c>
      <c r="Q23234" s="5" t="s">
        <v>40</v>
      </c>
      <c r="R23234" s="5" t="s">
        <v>1522</v>
      </c>
      <c r="S23234" s="5" t="s">
        <v>1523</v>
      </c>
      <c r="T23234" s="5" t="s">
        <v>42</v>
      </c>
      <c r="U23234" s="2">
        <v>3.3889999999999998</v>
      </c>
      <c r="V23234" s="2">
        <v>2.794</v>
      </c>
      <c r="W23234" s="2">
        <v>1.7999999999999999E-2</v>
      </c>
      <c r="X23234" s="2">
        <v>139.1</v>
      </c>
      <c r="Y23234" s="2">
        <v>7.6</v>
      </c>
      <c r="Z23234" s="2">
        <v>16.7</v>
      </c>
      <c r="AA23234" s="5"/>
      <c r="AB23234" s="5" t="s">
        <v>43</v>
      </c>
      <c r="AC23234" s="5" t="s">
        <v>44</v>
      </c>
      <c r="AD23234" s="2"/>
      <c r="AE23234" s="1"/>
    </row>
    <row r="23235" spans="1:31" ht="14.45">
      <c r="A23235" s="11"/>
      <c r="B23235" s="20"/>
      <c r="C23235" s="2" t="s">
        <v>74584</v>
      </c>
      <c r="D23235" s="14" t="s">
        <v>74585</v>
      </c>
      <c r="E23235" s="2" t="s">
        <v>74586</v>
      </c>
      <c r="F23235" s="2" t="s">
        <v>7449</v>
      </c>
      <c r="G23235" s="8">
        <v>296</v>
      </c>
      <c r="H23235" s="5">
        <v>6</v>
      </c>
      <c r="I23235" s="5" t="s">
        <v>1518</v>
      </c>
      <c r="J23235" s="5" t="s">
        <v>69038</v>
      </c>
      <c r="K23235" s="2" t="s">
        <v>69039</v>
      </c>
      <c r="L23235" s="5" t="s">
        <v>69038</v>
      </c>
      <c r="M23235" s="2" t="s">
        <v>69039</v>
      </c>
      <c r="N23235" s="5" t="s">
        <v>1521</v>
      </c>
      <c r="O23235" s="5" t="s">
        <v>38</v>
      </c>
      <c r="P23235" s="5" t="s">
        <v>39</v>
      </c>
      <c r="Q23235" s="5" t="s">
        <v>40</v>
      </c>
      <c r="R23235" s="5" t="s">
        <v>1522</v>
      </c>
      <c r="S23235" s="5" t="s">
        <v>1523</v>
      </c>
      <c r="T23235" s="5" t="s">
        <v>42</v>
      </c>
      <c r="U23235" s="2">
        <v>3.2789999999999999</v>
      </c>
      <c r="V23235" s="2">
        <v>2.6840000000000002</v>
      </c>
      <c r="W23235" s="2">
        <v>1.7999999999999999E-2</v>
      </c>
      <c r="X23235" s="2">
        <v>139.1</v>
      </c>
      <c r="Y23235" s="2">
        <v>7.6</v>
      </c>
      <c r="Z23235" s="2">
        <v>16.7</v>
      </c>
      <c r="AA23235" s="5"/>
      <c r="AB23235" s="5" t="s">
        <v>43</v>
      </c>
      <c r="AC23235" s="5" t="s">
        <v>44</v>
      </c>
      <c r="AD23235" s="2"/>
      <c r="AE23235" s="1"/>
    </row>
    <row r="23236" spans="1:31" ht="14.45">
      <c r="A23236" s="11"/>
      <c r="B23236" s="20"/>
      <c r="C23236" s="2" t="s">
        <v>74587</v>
      </c>
      <c r="D23236" s="14" t="s">
        <v>74588</v>
      </c>
      <c r="E23236" s="2" t="s">
        <v>74589</v>
      </c>
      <c r="F23236" s="2" t="s">
        <v>7581</v>
      </c>
      <c r="G23236" s="8">
        <v>296</v>
      </c>
      <c r="H23236" s="5">
        <v>6</v>
      </c>
      <c r="I23236" s="5" t="s">
        <v>1518</v>
      </c>
      <c r="J23236" s="5" t="s">
        <v>69038</v>
      </c>
      <c r="K23236" s="2" t="s">
        <v>69039</v>
      </c>
      <c r="L23236" s="5" t="s">
        <v>69038</v>
      </c>
      <c r="M23236" s="2" t="s">
        <v>69039</v>
      </c>
      <c r="N23236" s="5" t="s">
        <v>1521</v>
      </c>
      <c r="O23236" s="5" t="s">
        <v>38</v>
      </c>
      <c r="P23236" s="5" t="s">
        <v>39</v>
      </c>
      <c r="Q23236" s="5" t="s">
        <v>40</v>
      </c>
      <c r="R23236" s="5" t="s">
        <v>1522</v>
      </c>
      <c r="S23236" s="5" t="s">
        <v>1523</v>
      </c>
      <c r="T23236" s="5" t="s">
        <v>42</v>
      </c>
      <c r="U23236" s="2">
        <v>3.3889999999999998</v>
      </c>
      <c r="V23236" s="2">
        <v>2.794</v>
      </c>
      <c r="W23236" s="2">
        <v>1.7999999999999999E-2</v>
      </c>
      <c r="X23236" s="2">
        <v>139.1</v>
      </c>
      <c r="Y23236" s="2">
        <v>7.6</v>
      </c>
      <c r="Z23236" s="2">
        <v>16.7</v>
      </c>
      <c r="AA23236" s="5"/>
      <c r="AB23236" s="5" t="s">
        <v>43</v>
      </c>
      <c r="AC23236" s="5" t="s">
        <v>44</v>
      </c>
      <c r="AD23236" s="2"/>
      <c r="AE23236" s="1"/>
    </row>
    <row r="23237" spans="1:31" ht="14.45">
      <c r="A23237" s="11"/>
      <c r="B23237" s="20"/>
      <c r="C23237" s="2" t="s">
        <v>74590</v>
      </c>
      <c r="D23237" s="14" t="s">
        <v>74591</v>
      </c>
      <c r="E23237" s="2" t="s">
        <v>74592</v>
      </c>
      <c r="F23237" s="2" t="s">
        <v>7593</v>
      </c>
      <c r="G23237" s="8">
        <v>296</v>
      </c>
      <c r="H23237" s="5">
        <v>6</v>
      </c>
      <c r="I23237" s="5" t="s">
        <v>1518</v>
      </c>
      <c r="J23237" s="5" t="s">
        <v>69038</v>
      </c>
      <c r="K23237" s="2" t="s">
        <v>69039</v>
      </c>
      <c r="L23237" s="5" t="s">
        <v>69038</v>
      </c>
      <c r="M23237" s="2" t="s">
        <v>69039</v>
      </c>
      <c r="N23237" s="5" t="s">
        <v>1521</v>
      </c>
      <c r="O23237" s="5" t="s">
        <v>38</v>
      </c>
      <c r="P23237" s="5" t="s">
        <v>39</v>
      </c>
      <c r="Q23237" s="5" t="s">
        <v>40</v>
      </c>
      <c r="R23237" s="5" t="s">
        <v>1522</v>
      </c>
      <c r="S23237" s="5" t="s">
        <v>1523</v>
      </c>
      <c r="T23237" s="5" t="s">
        <v>42</v>
      </c>
      <c r="U23237" s="2">
        <v>3.2789999999999999</v>
      </c>
      <c r="V23237" s="2">
        <v>2.6840000000000002</v>
      </c>
      <c r="W23237" s="2">
        <v>1.7999999999999999E-2</v>
      </c>
      <c r="X23237" s="2">
        <v>139.1</v>
      </c>
      <c r="Y23237" s="2">
        <v>7.6</v>
      </c>
      <c r="Z23237" s="2">
        <v>16.7</v>
      </c>
      <c r="AA23237" s="5"/>
      <c r="AB23237" s="5" t="s">
        <v>43</v>
      </c>
      <c r="AC23237" s="5" t="s">
        <v>44</v>
      </c>
      <c r="AD23237" s="2"/>
      <c r="AE23237" s="1"/>
    </row>
    <row r="23238" spans="1:31" ht="14.45">
      <c r="A23238" s="11"/>
      <c r="B23238" s="20"/>
      <c r="C23238" s="2" t="s">
        <v>74593</v>
      </c>
      <c r="D23238" s="14" t="s">
        <v>74594</v>
      </c>
      <c r="E23238" s="2" t="s">
        <v>74595</v>
      </c>
      <c r="F23238" s="2" t="s">
        <v>73358</v>
      </c>
      <c r="G23238" s="8">
        <v>296</v>
      </c>
      <c r="H23238" s="5">
        <v>6</v>
      </c>
      <c r="I23238" s="5" t="s">
        <v>1518</v>
      </c>
      <c r="J23238" s="5" t="s">
        <v>69038</v>
      </c>
      <c r="K23238" s="2" t="s">
        <v>69039</v>
      </c>
      <c r="L23238" s="5" t="s">
        <v>69038</v>
      </c>
      <c r="M23238" s="2" t="s">
        <v>69039</v>
      </c>
      <c r="N23238" s="5" t="s">
        <v>1521</v>
      </c>
      <c r="O23238" s="5" t="s">
        <v>38</v>
      </c>
      <c r="P23238" s="5" t="s">
        <v>39</v>
      </c>
      <c r="Q23238" s="5" t="s">
        <v>40</v>
      </c>
      <c r="R23238" s="5" t="s">
        <v>1522</v>
      </c>
      <c r="S23238" s="5" t="s">
        <v>1523</v>
      </c>
      <c r="T23238" s="5" t="s">
        <v>42</v>
      </c>
      <c r="U23238" s="2">
        <v>3.2789999999999999</v>
      </c>
      <c r="V23238" s="2">
        <v>2.6840000000000002</v>
      </c>
      <c r="W23238" s="2">
        <v>1.7999999999999999E-2</v>
      </c>
      <c r="X23238" s="2">
        <v>139.1</v>
      </c>
      <c r="Y23238" s="2">
        <v>7.6</v>
      </c>
      <c r="Z23238" s="2">
        <v>16.7</v>
      </c>
      <c r="AA23238" s="5"/>
      <c r="AB23238" s="5" t="s">
        <v>43</v>
      </c>
      <c r="AC23238" s="5" t="s">
        <v>44</v>
      </c>
      <c r="AD23238" s="2"/>
      <c r="AE23238" s="1"/>
    </row>
    <row r="23239" spans="1:31" ht="14.45">
      <c r="A23239" s="11"/>
      <c r="B23239" s="20"/>
      <c r="C23239" s="2" t="s">
        <v>74596</v>
      </c>
      <c r="D23239" s="14" t="s">
        <v>74597</v>
      </c>
      <c r="E23239" s="2" t="s">
        <v>74598</v>
      </c>
      <c r="F23239" s="2" t="s">
        <v>73362</v>
      </c>
      <c r="G23239" s="8">
        <v>296</v>
      </c>
      <c r="H23239" s="5">
        <v>6</v>
      </c>
      <c r="I23239" s="5" t="s">
        <v>1518</v>
      </c>
      <c r="J23239" s="5" t="s">
        <v>69038</v>
      </c>
      <c r="K23239" s="2" t="s">
        <v>69039</v>
      </c>
      <c r="L23239" s="5" t="s">
        <v>69038</v>
      </c>
      <c r="M23239" s="2" t="s">
        <v>69039</v>
      </c>
      <c r="N23239" s="5" t="s">
        <v>1521</v>
      </c>
      <c r="O23239" s="5" t="s">
        <v>38</v>
      </c>
      <c r="P23239" s="5" t="s">
        <v>39</v>
      </c>
      <c r="Q23239" s="5" t="s">
        <v>40</v>
      </c>
      <c r="R23239" s="5" t="s">
        <v>1522</v>
      </c>
      <c r="S23239" s="5" t="s">
        <v>1523</v>
      </c>
      <c r="T23239" s="5" t="s">
        <v>42</v>
      </c>
      <c r="U23239" s="2">
        <v>3.3889999999999998</v>
      </c>
      <c r="V23239" s="2">
        <v>2.794</v>
      </c>
      <c r="W23239" s="2">
        <v>1.7999999999999999E-2</v>
      </c>
      <c r="X23239" s="2">
        <v>139.1</v>
      </c>
      <c r="Y23239" s="2">
        <v>7.6</v>
      </c>
      <c r="Z23239" s="2">
        <v>16.7</v>
      </c>
      <c r="AA23239" s="5"/>
      <c r="AB23239" s="5" t="s">
        <v>43</v>
      </c>
      <c r="AC23239" s="5" t="s">
        <v>44</v>
      </c>
      <c r="AD23239" s="2"/>
      <c r="AE23239" s="1"/>
    </row>
    <row r="23240" spans="1:31" ht="14.45">
      <c r="A23240" s="11"/>
      <c r="B23240" s="20"/>
      <c r="C23240" s="2" t="s">
        <v>74599</v>
      </c>
      <c r="D23240" s="14" t="s">
        <v>74600</v>
      </c>
      <c r="E23240" s="2" t="s">
        <v>74601</v>
      </c>
      <c r="F23240" s="2" t="s">
        <v>7615</v>
      </c>
      <c r="G23240" s="8">
        <v>296</v>
      </c>
      <c r="H23240" s="5">
        <v>6</v>
      </c>
      <c r="I23240" s="5" t="s">
        <v>1518</v>
      </c>
      <c r="J23240" s="5" t="s">
        <v>69038</v>
      </c>
      <c r="K23240" s="2" t="s">
        <v>69039</v>
      </c>
      <c r="L23240" s="5" t="s">
        <v>69038</v>
      </c>
      <c r="M23240" s="2" t="s">
        <v>69039</v>
      </c>
      <c r="N23240" s="5" t="s">
        <v>1521</v>
      </c>
      <c r="O23240" s="5" t="s">
        <v>38</v>
      </c>
      <c r="P23240" s="5" t="s">
        <v>39</v>
      </c>
      <c r="Q23240" s="5" t="s">
        <v>40</v>
      </c>
      <c r="R23240" s="5" t="s">
        <v>1522</v>
      </c>
      <c r="S23240" s="5" t="s">
        <v>1523</v>
      </c>
      <c r="T23240" s="5" t="s">
        <v>42</v>
      </c>
      <c r="U23240" s="2">
        <v>3.2789999999999999</v>
      </c>
      <c r="V23240" s="2">
        <v>2.6840000000000002</v>
      </c>
      <c r="W23240" s="2">
        <v>1.7999999999999999E-2</v>
      </c>
      <c r="X23240" s="2">
        <v>139.1</v>
      </c>
      <c r="Y23240" s="2">
        <v>7.6</v>
      </c>
      <c r="Z23240" s="2">
        <v>16.7</v>
      </c>
      <c r="AA23240" s="5"/>
      <c r="AB23240" s="5" t="s">
        <v>43</v>
      </c>
      <c r="AC23240" s="5" t="s">
        <v>44</v>
      </c>
      <c r="AD23240" s="2"/>
      <c r="AE23240" s="1"/>
    </row>
    <row r="23241" spans="1:31" ht="14.45">
      <c r="A23241" s="11"/>
      <c r="B23241" s="20"/>
      <c r="C23241" s="2" t="s">
        <v>74602</v>
      </c>
      <c r="D23241" s="14" t="s">
        <v>74603</v>
      </c>
      <c r="E23241" s="2" t="s">
        <v>74604</v>
      </c>
      <c r="F23241" s="2" t="s">
        <v>7619</v>
      </c>
      <c r="G23241" s="8">
        <v>296</v>
      </c>
      <c r="H23241" s="5">
        <v>6</v>
      </c>
      <c r="I23241" s="5" t="s">
        <v>1518</v>
      </c>
      <c r="J23241" s="5" t="s">
        <v>69038</v>
      </c>
      <c r="K23241" s="2" t="s">
        <v>69039</v>
      </c>
      <c r="L23241" s="5" t="s">
        <v>69038</v>
      </c>
      <c r="M23241" s="2" t="s">
        <v>69039</v>
      </c>
      <c r="N23241" s="5" t="s">
        <v>1521</v>
      </c>
      <c r="O23241" s="5" t="s">
        <v>38</v>
      </c>
      <c r="P23241" s="5" t="s">
        <v>39</v>
      </c>
      <c r="Q23241" s="5" t="s">
        <v>40</v>
      </c>
      <c r="R23241" s="5" t="s">
        <v>1522</v>
      </c>
      <c r="S23241" s="5" t="s">
        <v>1523</v>
      </c>
      <c r="T23241" s="5" t="s">
        <v>42</v>
      </c>
      <c r="U23241" s="2">
        <v>3.3889999999999998</v>
      </c>
      <c r="V23241" s="2">
        <v>2.794</v>
      </c>
      <c r="W23241" s="2">
        <v>1.7999999999999999E-2</v>
      </c>
      <c r="X23241" s="2">
        <v>139.1</v>
      </c>
      <c r="Y23241" s="2">
        <v>7.6</v>
      </c>
      <c r="Z23241" s="2">
        <v>16.7</v>
      </c>
      <c r="AA23241" s="5"/>
      <c r="AB23241" s="5" t="s">
        <v>43</v>
      </c>
      <c r="AC23241" s="5" t="s">
        <v>44</v>
      </c>
      <c r="AD23241" s="2"/>
      <c r="AE23241" s="1"/>
    </row>
    <row r="23242" spans="1:31" ht="14.45">
      <c r="A23242" s="11"/>
      <c r="B23242" s="20"/>
      <c r="C23242" s="2" t="s">
        <v>74605</v>
      </c>
      <c r="D23242" s="14" t="s">
        <v>74606</v>
      </c>
      <c r="E23242" s="2" t="s">
        <v>74607</v>
      </c>
      <c r="F23242" s="2" t="s">
        <v>16219</v>
      </c>
      <c r="G23242" s="8">
        <v>296</v>
      </c>
      <c r="H23242" s="5">
        <v>6</v>
      </c>
      <c r="I23242" s="5" t="s">
        <v>1518</v>
      </c>
      <c r="J23242" s="5" t="s">
        <v>69038</v>
      </c>
      <c r="K23242" s="2" t="s">
        <v>69039</v>
      </c>
      <c r="L23242" s="5" t="s">
        <v>69038</v>
      </c>
      <c r="M23242" s="2" t="s">
        <v>69039</v>
      </c>
      <c r="N23242" s="5" t="s">
        <v>1521</v>
      </c>
      <c r="O23242" s="5" t="s">
        <v>38</v>
      </c>
      <c r="P23242" s="5" t="s">
        <v>39</v>
      </c>
      <c r="Q23242" s="5" t="s">
        <v>40</v>
      </c>
      <c r="R23242" s="5" t="s">
        <v>1522</v>
      </c>
      <c r="S23242" s="5" t="s">
        <v>1523</v>
      </c>
      <c r="T23242" s="5" t="s">
        <v>42</v>
      </c>
      <c r="U23242" s="2">
        <v>3.3889999999999998</v>
      </c>
      <c r="V23242" s="2">
        <v>2.794</v>
      </c>
      <c r="W23242" s="2">
        <v>1.7999999999999999E-2</v>
      </c>
      <c r="X23242" s="2">
        <v>139.1</v>
      </c>
      <c r="Y23242" s="2">
        <v>7.6</v>
      </c>
      <c r="Z23242" s="2">
        <v>16.7</v>
      </c>
      <c r="AA23242" s="5"/>
      <c r="AB23242" s="5" t="s">
        <v>43</v>
      </c>
      <c r="AC23242" s="5" t="s">
        <v>44</v>
      </c>
      <c r="AD23242" s="2"/>
      <c r="AE23242" s="1"/>
    </row>
    <row r="23243" spans="1:31" ht="14.45">
      <c r="A23243" s="11"/>
      <c r="B23243" s="20"/>
      <c r="C23243" s="2" t="s">
        <v>74608</v>
      </c>
      <c r="D23243" s="14" t="s">
        <v>74609</v>
      </c>
      <c r="E23243" s="2" t="s">
        <v>74610</v>
      </c>
      <c r="F23243" s="2" t="s">
        <v>7212</v>
      </c>
      <c r="G23243" s="8">
        <v>275</v>
      </c>
      <c r="H23243" s="5">
        <v>6</v>
      </c>
      <c r="I23243" s="5" t="s">
        <v>1518</v>
      </c>
      <c r="J23243" s="5" t="s">
        <v>69038</v>
      </c>
      <c r="K23243" s="2" t="s">
        <v>69039</v>
      </c>
      <c r="L23243" s="5" t="s">
        <v>69038</v>
      </c>
      <c r="M23243" s="2" t="s">
        <v>69039</v>
      </c>
      <c r="N23243" s="5" t="s">
        <v>1521</v>
      </c>
      <c r="O23243" s="5" t="s">
        <v>38</v>
      </c>
      <c r="P23243" s="5" t="s">
        <v>39</v>
      </c>
      <c r="Q23243" s="5" t="s">
        <v>40</v>
      </c>
      <c r="R23243" s="5" t="s">
        <v>1522</v>
      </c>
      <c r="S23243" s="5" t="s">
        <v>1523</v>
      </c>
      <c r="T23243" s="5" t="s">
        <v>42</v>
      </c>
      <c r="U23243" s="2">
        <v>3.2789999999999999</v>
      </c>
      <c r="V23243" s="2">
        <v>2.6840000000000002</v>
      </c>
      <c r="W23243" s="2">
        <v>1.7999999999999999E-2</v>
      </c>
      <c r="X23243" s="2">
        <v>139.1</v>
      </c>
      <c r="Y23243" s="2">
        <v>7.6</v>
      </c>
      <c r="Z23243" s="2">
        <v>16.7</v>
      </c>
      <c r="AA23243" s="5"/>
      <c r="AB23243" s="5" t="s">
        <v>43</v>
      </c>
      <c r="AC23243" s="5" t="s">
        <v>44</v>
      </c>
      <c r="AD23243" s="2"/>
      <c r="AE23243" s="1"/>
    </row>
    <row r="23244" spans="1:31" ht="14.45">
      <c r="A23244" s="11"/>
      <c r="B23244" s="20"/>
      <c r="C23244" s="2" t="s">
        <v>74611</v>
      </c>
      <c r="D23244" s="14" t="s">
        <v>74612</v>
      </c>
      <c r="E23244" s="2" t="s">
        <v>74613</v>
      </c>
      <c r="F23244" s="2" t="s">
        <v>16029</v>
      </c>
      <c r="G23244" s="8">
        <v>296</v>
      </c>
      <c r="H23244" s="5">
        <v>6</v>
      </c>
      <c r="I23244" s="5" t="s">
        <v>1518</v>
      </c>
      <c r="J23244" s="5" t="s">
        <v>69038</v>
      </c>
      <c r="K23244" s="2" t="s">
        <v>69039</v>
      </c>
      <c r="L23244" s="5" t="s">
        <v>69038</v>
      </c>
      <c r="M23244" s="2" t="s">
        <v>69039</v>
      </c>
      <c r="N23244" s="5" t="s">
        <v>1521</v>
      </c>
      <c r="O23244" s="5" t="s">
        <v>38</v>
      </c>
      <c r="P23244" s="5" t="s">
        <v>39</v>
      </c>
      <c r="Q23244" s="5" t="s">
        <v>40</v>
      </c>
      <c r="R23244" s="5" t="s">
        <v>1522</v>
      </c>
      <c r="S23244" s="5" t="s">
        <v>1523</v>
      </c>
      <c r="T23244" s="5" t="s">
        <v>42</v>
      </c>
      <c r="U23244" s="2">
        <v>3.294</v>
      </c>
      <c r="V23244" s="2">
        <v>2.6989999999999998</v>
      </c>
      <c r="W23244" s="2">
        <v>1.7999999999999999E-2</v>
      </c>
      <c r="X23244" s="2">
        <v>139.1</v>
      </c>
      <c r="Y23244" s="2">
        <v>7.6</v>
      </c>
      <c r="Z23244" s="2">
        <v>16.7</v>
      </c>
      <c r="AA23244" s="5"/>
      <c r="AB23244" s="5" t="s">
        <v>43</v>
      </c>
      <c r="AC23244" s="5" t="s">
        <v>44</v>
      </c>
      <c r="AD23244" s="2"/>
      <c r="AE23244" s="1"/>
    </row>
    <row r="23245" spans="1:31" ht="14.45">
      <c r="A23245" s="11"/>
      <c r="B23245" s="20"/>
      <c r="C23245" s="2" t="s">
        <v>74614</v>
      </c>
      <c r="D23245" s="14" t="s">
        <v>74615</v>
      </c>
      <c r="E23245" s="2" t="s">
        <v>74616</v>
      </c>
      <c r="F23245" s="2" t="s">
        <v>16033</v>
      </c>
      <c r="G23245" s="8">
        <v>296</v>
      </c>
      <c r="H23245" s="5">
        <v>6</v>
      </c>
      <c r="I23245" s="5" t="s">
        <v>1518</v>
      </c>
      <c r="J23245" s="5" t="s">
        <v>69038</v>
      </c>
      <c r="K23245" s="2" t="s">
        <v>69039</v>
      </c>
      <c r="L23245" s="5" t="s">
        <v>69038</v>
      </c>
      <c r="M23245" s="2" t="s">
        <v>69039</v>
      </c>
      <c r="N23245" s="5" t="s">
        <v>1521</v>
      </c>
      <c r="O23245" s="5" t="s">
        <v>38</v>
      </c>
      <c r="P23245" s="5" t="s">
        <v>39</v>
      </c>
      <c r="Q23245" s="5" t="s">
        <v>40</v>
      </c>
      <c r="R23245" s="5" t="s">
        <v>1522</v>
      </c>
      <c r="S23245" s="5" t="s">
        <v>1523</v>
      </c>
      <c r="T23245" s="5" t="s">
        <v>42</v>
      </c>
      <c r="U23245" s="2">
        <v>3.4039999999999999</v>
      </c>
      <c r="V23245" s="2">
        <v>2.8090000000000002</v>
      </c>
      <c r="W23245" s="2">
        <v>1.7999999999999999E-2</v>
      </c>
      <c r="X23245" s="2">
        <v>139.1</v>
      </c>
      <c r="Y23245" s="2">
        <v>7.6</v>
      </c>
      <c r="Z23245" s="2">
        <v>16.7</v>
      </c>
      <c r="AA23245" s="5"/>
      <c r="AB23245" s="5" t="s">
        <v>43</v>
      </c>
      <c r="AC23245" s="5" t="s">
        <v>44</v>
      </c>
      <c r="AD23245" s="2"/>
      <c r="AE23245" s="1"/>
    </row>
    <row r="23246" spans="1:31" ht="14.45">
      <c r="A23246" s="11"/>
      <c r="B23246" s="20"/>
      <c r="C23246" s="2" t="s">
        <v>74617</v>
      </c>
      <c r="D23246" s="14" t="s">
        <v>74618</v>
      </c>
      <c r="E23246" s="2" t="s">
        <v>74619</v>
      </c>
      <c r="F23246" s="2" t="s">
        <v>7204</v>
      </c>
      <c r="G23246" s="8">
        <v>254</v>
      </c>
      <c r="H23246" s="5">
        <v>6</v>
      </c>
      <c r="I23246" s="5" t="s">
        <v>1518</v>
      </c>
      <c r="J23246" s="5" t="s">
        <v>69038</v>
      </c>
      <c r="K23246" s="2" t="s">
        <v>69039</v>
      </c>
      <c r="L23246" s="5" t="s">
        <v>69038</v>
      </c>
      <c r="M23246" s="2" t="s">
        <v>69039</v>
      </c>
      <c r="N23246" s="5" t="s">
        <v>1521</v>
      </c>
      <c r="O23246" s="5" t="s">
        <v>38</v>
      </c>
      <c r="P23246" s="5" t="s">
        <v>39</v>
      </c>
      <c r="Q23246" s="5" t="s">
        <v>40</v>
      </c>
      <c r="R23246" s="5" t="s">
        <v>1522</v>
      </c>
      <c r="S23246" s="5" t="s">
        <v>1523</v>
      </c>
      <c r="T23246" s="5" t="s">
        <v>42</v>
      </c>
      <c r="U23246" s="2">
        <v>2.903</v>
      </c>
      <c r="V23246" s="2">
        <v>2.379</v>
      </c>
      <c r="W23246" s="2">
        <v>1.4999999999999999E-2</v>
      </c>
      <c r="X23246" s="2">
        <v>118.9</v>
      </c>
      <c r="Y23246" s="2">
        <v>7.6</v>
      </c>
      <c r="Z23246" s="2">
        <v>16.7</v>
      </c>
      <c r="AA23246" s="5"/>
      <c r="AB23246" s="5" t="s">
        <v>43</v>
      </c>
      <c r="AC23246" s="5" t="s">
        <v>44</v>
      </c>
      <c r="AD23246" s="2"/>
      <c r="AE23246" s="1"/>
    </row>
    <row r="23247" spans="1:31" ht="14.45">
      <c r="A23247" s="11"/>
      <c r="B23247" s="20"/>
      <c r="C23247" s="2" t="s">
        <v>74620</v>
      </c>
      <c r="D23247" s="14" t="s">
        <v>74621</v>
      </c>
      <c r="E23247" s="2" t="s">
        <v>74622</v>
      </c>
      <c r="F23247" s="2" t="s">
        <v>7514</v>
      </c>
      <c r="G23247" s="8">
        <v>254</v>
      </c>
      <c r="H23247" s="5">
        <v>6</v>
      </c>
      <c r="I23247" s="5" t="s">
        <v>1518</v>
      </c>
      <c r="J23247" s="5" t="s">
        <v>69038</v>
      </c>
      <c r="K23247" s="2" t="s">
        <v>69039</v>
      </c>
      <c r="L23247" s="5" t="s">
        <v>69038</v>
      </c>
      <c r="M23247" s="2" t="s">
        <v>69039</v>
      </c>
      <c r="N23247" s="5" t="s">
        <v>1521</v>
      </c>
      <c r="O23247" s="5" t="s">
        <v>38</v>
      </c>
      <c r="P23247" s="5" t="s">
        <v>39</v>
      </c>
      <c r="Q23247" s="5" t="s">
        <v>40</v>
      </c>
      <c r="R23247" s="5" t="s">
        <v>1522</v>
      </c>
      <c r="S23247" s="5" t="s">
        <v>1523</v>
      </c>
      <c r="T23247" s="5" t="s">
        <v>42</v>
      </c>
      <c r="U23247" s="2">
        <v>2.9929999999999999</v>
      </c>
      <c r="V23247" s="2">
        <v>2.4689999999999999</v>
      </c>
      <c r="W23247" s="2">
        <v>1.4999999999999999E-2</v>
      </c>
      <c r="X23247" s="2">
        <v>118.9</v>
      </c>
      <c r="Y23247" s="2">
        <v>7.6</v>
      </c>
      <c r="Z23247" s="2">
        <v>16.7</v>
      </c>
      <c r="AA23247" s="5"/>
      <c r="AB23247" s="5" t="s">
        <v>43</v>
      </c>
      <c r="AC23247" s="5" t="s">
        <v>44</v>
      </c>
      <c r="AD23247" s="2"/>
      <c r="AE23247" s="1"/>
    </row>
    <row r="23248" spans="1:31" ht="14.45">
      <c r="A23248" s="11"/>
      <c r="B23248" s="20"/>
      <c r="C23248" s="2" t="s">
        <v>74623</v>
      </c>
      <c r="D23248" s="14" t="s">
        <v>74624</v>
      </c>
      <c r="E23248" s="2" t="s">
        <v>74625</v>
      </c>
      <c r="F23248" s="2" t="s">
        <v>7208</v>
      </c>
      <c r="G23248" s="8">
        <v>254</v>
      </c>
      <c r="H23248" s="5">
        <v>6</v>
      </c>
      <c r="I23248" s="5" t="s">
        <v>1518</v>
      </c>
      <c r="J23248" s="5" t="s">
        <v>69038</v>
      </c>
      <c r="K23248" s="2" t="s">
        <v>69039</v>
      </c>
      <c r="L23248" s="5" t="s">
        <v>69038</v>
      </c>
      <c r="M23248" s="2" t="s">
        <v>69039</v>
      </c>
      <c r="N23248" s="5" t="s">
        <v>1521</v>
      </c>
      <c r="O23248" s="5" t="s">
        <v>38</v>
      </c>
      <c r="P23248" s="5" t="s">
        <v>39</v>
      </c>
      <c r="Q23248" s="5" t="s">
        <v>40</v>
      </c>
      <c r="R23248" s="5" t="s">
        <v>1522</v>
      </c>
      <c r="S23248" s="5" t="s">
        <v>1523</v>
      </c>
      <c r="T23248" s="5" t="s">
        <v>42</v>
      </c>
      <c r="U23248" s="2">
        <v>2.903</v>
      </c>
      <c r="V23248" s="2">
        <v>2.379</v>
      </c>
      <c r="W23248" s="2">
        <v>1.4999999999999999E-2</v>
      </c>
      <c r="X23248" s="2">
        <v>118.9</v>
      </c>
      <c r="Y23248" s="2">
        <v>7.6</v>
      </c>
      <c r="Z23248" s="2">
        <v>16.7</v>
      </c>
      <c r="AA23248" s="5"/>
      <c r="AB23248" s="5" t="s">
        <v>43</v>
      </c>
      <c r="AC23248" s="5" t="s">
        <v>44</v>
      </c>
      <c r="AD23248" s="2"/>
      <c r="AE23248" s="1"/>
    </row>
    <row r="23249" spans="1:31" ht="14.45">
      <c r="A23249" s="11"/>
      <c r="B23249" s="20"/>
      <c r="C23249" s="2" t="s">
        <v>74626</v>
      </c>
      <c r="D23249" s="14" t="s">
        <v>74627</v>
      </c>
      <c r="E23249" s="2" t="s">
        <v>74628</v>
      </c>
      <c r="F23249" s="2" t="s">
        <v>7521</v>
      </c>
      <c r="G23249" s="8">
        <v>254</v>
      </c>
      <c r="H23249" s="5">
        <v>6</v>
      </c>
      <c r="I23249" s="5" t="s">
        <v>1518</v>
      </c>
      <c r="J23249" s="5" t="s">
        <v>69038</v>
      </c>
      <c r="K23249" s="2" t="s">
        <v>69039</v>
      </c>
      <c r="L23249" s="5" t="s">
        <v>69038</v>
      </c>
      <c r="M23249" s="2" t="s">
        <v>69039</v>
      </c>
      <c r="N23249" s="5" t="s">
        <v>1521</v>
      </c>
      <c r="O23249" s="5" t="s">
        <v>38</v>
      </c>
      <c r="P23249" s="5" t="s">
        <v>39</v>
      </c>
      <c r="Q23249" s="5" t="s">
        <v>40</v>
      </c>
      <c r="R23249" s="5" t="s">
        <v>1522</v>
      </c>
      <c r="S23249" s="5" t="s">
        <v>1523</v>
      </c>
      <c r="T23249" s="5" t="s">
        <v>42</v>
      </c>
      <c r="U23249" s="2">
        <v>2.9929999999999999</v>
      </c>
      <c r="V23249" s="2">
        <v>2.4689999999999999</v>
      </c>
      <c r="W23249" s="2">
        <v>1.4999999999999999E-2</v>
      </c>
      <c r="X23249" s="2">
        <v>118.9</v>
      </c>
      <c r="Y23249" s="2">
        <v>7.6</v>
      </c>
      <c r="Z23249" s="2">
        <v>16.7</v>
      </c>
      <c r="AA23249" s="5"/>
      <c r="AB23249" s="5" t="s">
        <v>43</v>
      </c>
      <c r="AC23249" s="5" t="s">
        <v>44</v>
      </c>
      <c r="AD23249" s="2"/>
      <c r="AE23249" s="1"/>
    </row>
    <row r="23250" spans="1:31" ht="14.45">
      <c r="A23250" s="11"/>
      <c r="B23250" s="20"/>
      <c r="C23250" s="2" t="s">
        <v>74629</v>
      </c>
      <c r="D23250" s="14" t="s">
        <v>74630</v>
      </c>
      <c r="E23250" s="2" t="s">
        <v>74631</v>
      </c>
      <c r="F23250" s="2" t="s">
        <v>7406</v>
      </c>
      <c r="G23250" s="8">
        <v>272</v>
      </c>
      <c r="H23250" s="5">
        <v>6</v>
      </c>
      <c r="I23250" s="5" t="s">
        <v>1518</v>
      </c>
      <c r="J23250" s="5" t="s">
        <v>69038</v>
      </c>
      <c r="K23250" s="2" t="s">
        <v>69039</v>
      </c>
      <c r="L23250" s="5" t="s">
        <v>69038</v>
      </c>
      <c r="M23250" s="2" t="s">
        <v>69039</v>
      </c>
      <c r="N23250" s="5" t="s">
        <v>1521</v>
      </c>
      <c r="O23250" s="5" t="s">
        <v>38</v>
      </c>
      <c r="P23250" s="5" t="s">
        <v>39</v>
      </c>
      <c r="Q23250" s="5" t="s">
        <v>40</v>
      </c>
      <c r="R23250" s="5" t="s">
        <v>1522</v>
      </c>
      <c r="S23250" s="5" t="s">
        <v>1523</v>
      </c>
      <c r="T23250" s="5" t="s">
        <v>42</v>
      </c>
      <c r="U23250" s="2">
        <v>2.903</v>
      </c>
      <c r="V23250" s="2">
        <v>2.379</v>
      </c>
      <c r="W23250" s="2">
        <v>1.4999999999999999E-2</v>
      </c>
      <c r="X23250" s="2">
        <v>118.9</v>
      </c>
      <c r="Y23250" s="2">
        <v>7.6</v>
      </c>
      <c r="Z23250" s="2">
        <v>16.7</v>
      </c>
      <c r="AA23250" s="5"/>
      <c r="AB23250" s="5" t="s">
        <v>43</v>
      </c>
      <c r="AC23250" s="5" t="s">
        <v>44</v>
      </c>
      <c r="AD23250" s="2"/>
      <c r="AE23250" s="1"/>
    </row>
    <row r="23251" spans="1:31" ht="14.45">
      <c r="A23251" s="11"/>
      <c r="B23251" s="20"/>
      <c r="C23251" s="2" t="s">
        <v>74632</v>
      </c>
      <c r="D23251" s="14" t="s">
        <v>74633</v>
      </c>
      <c r="E23251" s="2" t="s">
        <v>74634</v>
      </c>
      <c r="F23251" s="2" t="s">
        <v>7535</v>
      </c>
      <c r="G23251" s="8">
        <v>272</v>
      </c>
      <c r="H23251" s="5">
        <v>6</v>
      </c>
      <c r="I23251" s="5" t="s">
        <v>1518</v>
      </c>
      <c r="J23251" s="5" t="s">
        <v>69038</v>
      </c>
      <c r="K23251" s="2" t="s">
        <v>69039</v>
      </c>
      <c r="L23251" s="5" t="s">
        <v>69038</v>
      </c>
      <c r="M23251" s="2" t="s">
        <v>69039</v>
      </c>
      <c r="N23251" s="5" t="s">
        <v>1521</v>
      </c>
      <c r="O23251" s="5" t="s">
        <v>38</v>
      </c>
      <c r="P23251" s="5" t="s">
        <v>39</v>
      </c>
      <c r="Q23251" s="5" t="s">
        <v>40</v>
      </c>
      <c r="R23251" s="5" t="s">
        <v>1522</v>
      </c>
      <c r="S23251" s="5" t="s">
        <v>1523</v>
      </c>
      <c r="T23251" s="5" t="s">
        <v>42</v>
      </c>
      <c r="U23251" s="2">
        <v>2.9929999999999999</v>
      </c>
      <c r="V23251" s="2">
        <v>2.4689999999999999</v>
      </c>
      <c r="W23251" s="2">
        <v>1.4999999999999999E-2</v>
      </c>
      <c r="X23251" s="2">
        <v>118.9</v>
      </c>
      <c r="Y23251" s="2">
        <v>7.6</v>
      </c>
      <c r="Z23251" s="2">
        <v>16.7</v>
      </c>
      <c r="AA23251" s="5"/>
      <c r="AB23251" s="5" t="s">
        <v>43</v>
      </c>
      <c r="AC23251" s="5" t="s">
        <v>44</v>
      </c>
      <c r="AD23251" s="2"/>
      <c r="AE23251" s="1"/>
    </row>
    <row r="23252" spans="1:31" ht="14.45">
      <c r="A23252" s="11"/>
      <c r="B23252" s="20"/>
      <c r="C23252" s="2" t="s">
        <v>74635</v>
      </c>
      <c r="D23252" s="14" t="s">
        <v>74636</v>
      </c>
      <c r="E23252" s="2" t="s">
        <v>74637</v>
      </c>
      <c r="F23252" s="2" t="s">
        <v>7539</v>
      </c>
      <c r="G23252" s="8">
        <v>272</v>
      </c>
      <c r="H23252" s="5">
        <v>6</v>
      </c>
      <c r="I23252" s="5" t="s">
        <v>1518</v>
      </c>
      <c r="J23252" s="5" t="s">
        <v>69038</v>
      </c>
      <c r="K23252" s="2" t="s">
        <v>69039</v>
      </c>
      <c r="L23252" s="5" t="s">
        <v>69038</v>
      </c>
      <c r="M23252" s="2" t="s">
        <v>69039</v>
      </c>
      <c r="N23252" s="5" t="s">
        <v>1521</v>
      </c>
      <c r="O23252" s="5" t="s">
        <v>38</v>
      </c>
      <c r="P23252" s="5" t="s">
        <v>39</v>
      </c>
      <c r="Q23252" s="5" t="s">
        <v>40</v>
      </c>
      <c r="R23252" s="5" t="s">
        <v>1522</v>
      </c>
      <c r="S23252" s="5" t="s">
        <v>1523</v>
      </c>
      <c r="T23252" s="5" t="s">
        <v>42</v>
      </c>
      <c r="U23252" s="2">
        <v>2.903</v>
      </c>
      <c r="V23252" s="2">
        <v>2.379</v>
      </c>
      <c r="W23252" s="2">
        <v>1.4999999999999999E-2</v>
      </c>
      <c r="X23252" s="2">
        <v>118.9</v>
      </c>
      <c r="Y23252" s="2">
        <v>7.6</v>
      </c>
      <c r="Z23252" s="2">
        <v>16.7</v>
      </c>
      <c r="AA23252" s="5"/>
      <c r="AB23252" s="5" t="s">
        <v>43</v>
      </c>
      <c r="AC23252" s="5" t="s">
        <v>44</v>
      </c>
      <c r="AD23252" s="2"/>
      <c r="AE23252" s="1"/>
    </row>
    <row r="23253" spans="1:31" ht="14.45">
      <c r="A23253" s="11"/>
      <c r="B23253" s="20"/>
      <c r="C23253" s="2" t="s">
        <v>74638</v>
      </c>
      <c r="D23253" s="14" t="s">
        <v>74639</v>
      </c>
      <c r="E23253" s="2" t="s">
        <v>74640</v>
      </c>
      <c r="F23253" s="2" t="s">
        <v>7543</v>
      </c>
      <c r="G23253" s="8">
        <v>272</v>
      </c>
      <c r="H23253" s="5">
        <v>6</v>
      </c>
      <c r="I23253" s="5" t="s">
        <v>1518</v>
      </c>
      <c r="J23253" s="5" t="s">
        <v>69038</v>
      </c>
      <c r="K23253" s="2" t="s">
        <v>69039</v>
      </c>
      <c r="L23253" s="5" t="s">
        <v>69038</v>
      </c>
      <c r="M23253" s="2" t="s">
        <v>69039</v>
      </c>
      <c r="N23253" s="5" t="s">
        <v>1521</v>
      </c>
      <c r="O23253" s="5" t="s">
        <v>38</v>
      </c>
      <c r="P23253" s="5" t="s">
        <v>39</v>
      </c>
      <c r="Q23253" s="5" t="s">
        <v>40</v>
      </c>
      <c r="R23253" s="5" t="s">
        <v>1522</v>
      </c>
      <c r="S23253" s="5" t="s">
        <v>1523</v>
      </c>
      <c r="T23253" s="5" t="s">
        <v>42</v>
      </c>
      <c r="U23253" s="2">
        <v>2.9929999999999999</v>
      </c>
      <c r="V23253" s="2">
        <v>2.4689999999999999</v>
      </c>
      <c r="W23253" s="2">
        <v>1.4999999999999999E-2</v>
      </c>
      <c r="X23253" s="2">
        <v>118.9</v>
      </c>
      <c r="Y23253" s="2">
        <v>7.6</v>
      </c>
      <c r="Z23253" s="2">
        <v>16.7</v>
      </c>
      <c r="AA23253" s="5"/>
      <c r="AB23253" s="5" t="s">
        <v>43</v>
      </c>
      <c r="AC23253" s="5" t="s">
        <v>44</v>
      </c>
      <c r="AD23253" s="2"/>
      <c r="AE23253" s="1"/>
    </row>
    <row r="23254" spans="1:31" ht="14.45">
      <c r="A23254" s="11"/>
      <c r="B23254" s="20"/>
      <c r="C23254" s="2" t="s">
        <v>74641</v>
      </c>
      <c r="D23254" s="14" t="s">
        <v>74642</v>
      </c>
      <c r="E23254" s="2" t="s">
        <v>74643</v>
      </c>
      <c r="F23254" s="2" t="s">
        <v>7396</v>
      </c>
      <c r="G23254" s="8">
        <v>254</v>
      </c>
      <c r="H23254" s="5">
        <v>6</v>
      </c>
      <c r="I23254" s="5" t="s">
        <v>1518</v>
      </c>
      <c r="J23254" s="5" t="s">
        <v>69038</v>
      </c>
      <c r="K23254" s="2" t="s">
        <v>69039</v>
      </c>
      <c r="L23254" s="5" t="s">
        <v>69038</v>
      </c>
      <c r="M23254" s="2" t="s">
        <v>69039</v>
      </c>
      <c r="N23254" s="5" t="s">
        <v>1521</v>
      </c>
      <c r="O23254" s="5" t="s">
        <v>38</v>
      </c>
      <c r="P23254" s="5" t="s">
        <v>39</v>
      </c>
      <c r="Q23254" s="5" t="s">
        <v>40</v>
      </c>
      <c r="R23254" s="5" t="s">
        <v>1522</v>
      </c>
      <c r="S23254" s="5" t="s">
        <v>1523</v>
      </c>
      <c r="T23254" s="5" t="s">
        <v>42</v>
      </c>
      <c r="U23254" s="2">
        <v>2.903</v>
      </c>
      <c r="V23254" s="2">
        <v>2.379</v>
      </c>
      <c r="W23254" s="2">
        <v>1.4999999999999999E-2</v>
      </c>
      <c r="X23254" s="2">
        <v>118.9</v>
      </c>
      <c r="Y23254" s="2">
        <v>7.6</v>
      </c>
      <c r="Z23254" s="2">
        <v>16.7</v>
      </c>
      <c r="AA23254" s="5"/>
      <c r="AB23254" s="5" t="s">
        <v>43</v>
      </c>
      <c r="AC23254" s="5" t="s">
        <v>44</v>
      </c>
      <c r="AD23254" s="2"/>
      <c r="AE23254" s="1"/>
    </row>
    <row r="23255" spans="1:31" ht="14.45">
      <c r="A23255" s="11"/>
      <c r="B23255" s="20"/>
      <c r="C23255" s="2" t="s">
        <v>74644</v>
      </c>
      <c r="D23255" s="14" t="s">
        <v>74645</v>
      </c>
      <c r="E23255" s="2" t="s">
        <v>74646</v>
      </c>
      <c r="F23255" s="2" t="s">
        <v>7507</v>
      </c>
      <c r="G23255" s="8">
        <v>254</v>
      </c>
      <c r="H23255" s="5">
        <v>6</v>
      </c>
      <c r="I23255" s="5" t="s">
        <v>1518</v>
      </c>
      <c r="J23255" s="5" t="s">
        <v>69038</v>
      </c>
      <c r="K23255" s="2" t="s">
        <v>69039</v>
      </c>
      <c r="L23255" s="5" t="s">
        <v>69038</v>
      </c>
      <c r="M23255" s="2" t="s">
        <v>69039</v>
      </c>
      <c r="N23255" s="5" t="s">
        <v>1521</v>
      </c>
      <c r="O23255" s="5" t="s">
        <v>38</v>
      </c>
      <c r="P23255" s="5" t="s">
        <v>39</v>
      </c>
      <c r="Q23255" s="5" t="s">
        <v>40</v>
      </c>
      <c r="R23255" s="5" t="s">
        <v>1522</v>
      </c>
      <c r="S23255" s="5" t="s">
        <v>1523</v>
      </c>
      <c r="T23255" s="5" t="s">
        <v>42</v>
      </c>
      <c r="U23255" s="2">
        <v>2.9929999999999999</v>
      </c>
      <c r="V23255" s="2">
        <v>2.4689999999999999</v>
      </c>
      <c r="W23255" s="2">
        <v>1.4999999999999999E-2</v>
      </c>
      <c r="X23255" s="2">
        <v>118.9</v>
      </c>
      <c r="Y23255" s="2">
        <v>7.6</v>
      </c>
      <c r="Z23255" s="2">
        <v>16.7</v>
      </c>
      <c r="AA23255" s="5"/>
      <c r="AB23255" s="5" t="s">
        <v>43</v>
      </c>
      <c r="AC23255" s="5" t="s">
        <v>44</v>
      </c>
      <c r="AD23255" s="2"/>
      <c r="AE23255" s="1"/>
    </row>
    <row r="23256" spans="1:31" ht="14.45">
      <c r="A23256" s="11"/>
      <c r="B23256" s="20"/>
      <c r="C23256" s="2" t="s">
        <v>74647</v>
      </c>
      <c r="D23256" s="14" t="s">
        <v>74648</v>
      </c>
      <c r="E23256" s="2" t="s">
        <v>74649</v>
      </c>
      <c r="F23256" s="2" t="s">
        <v>7547</v>
      </c>
      <c r="G23256" s="8">
        <v>272</v>
      </c>
      <c r="H23256" s="5">
        <v>6</v>
      </c>
      <c r="I23256" s="5" t="s">
        <v>1518</v>
      </c>
      <c r="J23256" s="5" t="s">
        <v>69038</v>
      </c>
      <c r="K23256" s="2" t="s">
        <v>69039</v>
      </c>
      <c r="L23256" s="5" t="s">
        <v>69038</v>
      </c>
      <c r="M23256" s="2" t="s">
        <v>69039</v>
      </c>
      <c r="N23256" s="5" t="s">
        <v>1521</v>
      </c>
      <c r="O23256" s="5" t="s">
        <v>38</v>
      </c>
      <c r="P23256" s="5" t="s">
        <v>39</v>
      </c>
      <c r="Q23256" s="5" t="s">
        <v>40</v>
      </c>
      <c r="R23256" s="5" t="s">
        <v>1522</v>
      </c>
      <c r="S23256" s="5" t="s">
        <v>1523</v>
      </c>
      <c r="T23256" s="5" t="s">
        <v>42</v>
      </c>
      <c r="U23256" s="2">
        <v>2.903</v>
      </c>
      <c r="V23256" s="2">
        <v>2.379</v>
      </c>
      <c r="W23256" s="2">
        <v>1.4999999999999999E-2</v>
      </c>
      <c r="X23256" s="2">
        <v>118.9</v>
      </c>
      <c r="Y23256" s="2">
        <v>7.6</v>
      </c>
      <c r="Z23256" s="2">
        <v>16.7</v>
      </c>
      <c r="AA23256" s="5"/>
      <c r="AB23256" s="5" t="s">
        <v>43</v>
      </c>
      <c r="AC23256" s="5" t="s">
        <v>44</v>
      </c>
      <c r="AD23256" s="2"/>
      <c r="AE23256" s="1"/>
    </row>
    <row r="23257" spans="1:31" ht="14.45">
      <c r="A23257" s="11"/>
      <c r="B23257" s="20"/>
      <c r="C23257" s="2" t="s">
        <v>74650</v>
      </c>
      <c r="D23257" s="14" t="s">
        <v>74651</v>
      </c>
      <c r="E23257" s="2" t="s">
        <v>74652</v>
      </c>
      <c r="F23257" s="2" t="s">
        <v>7563</v>
      </c>
      <c r="G23257" s="8">
        <v>272</v>
      </c>
      <c r="H23257" s="5">
        <v>6</v>
      </c>
      <c r="I23257" s="5" t="s">
        <v>1518</v>
      </c>
      <c r="J23257" s="5" t="s">
        <v>69038</v>
      </c>
      <c r="K23257" s="2" t="s">
        <v>69039</v>
      </c>
      <c r="L23257" s="5" t="s">
        <v>69038</v>
      </c>
      <c r="M23257" s="2" t="s">
        <v>69039</v>
      </c>
      <c r="N23257" s="5" t="s">
        <v>1521</v>
      </c>
      <c r="O23257" s="5" t="s">
        <v>38</v>
      </c>
      <c r="P23257" s="5" t="s">
        <v>39</v>
      </c>
      <c r="Q23257" s="5" t="s">
        <v>40</v>
      </c>
      <c r="R23257" s="5" t="s">
        <v>1522</v>
      </c>
      <c r="S23257" s="5" t="s">
        <v>1523</v>
      </c>
      <c r="T23257" s="5" t="s">
        <v>42</v>
      </c>
      <c r="U23257" s="2">
        <v>2.903</v>
      </c>
      <c r="V23257" s="2">
        <v>2.379</v>
      </c>
      <c r="W23257" s="2">
        <v>1.4999999999999999E-2</v>
      </c>
      <c r="X23257" s="2">
        <v>118.9</v>
      </c>
      <c r="Y23257" s="2">
        <v>7.6</v>
      </c>
      <c r="Z23257" s="2">
        <v>16.7</v>
      </c>
      <c r="AA23257" s="5"/>
      <c r="AB23257" s="5" t="s">
        <v>43</v>
      </c>
      <c r="AC23257" s="5" t="s">
        <v>44</v>
      </c>
      <c r="AD23257" s="2"/>
      <c r="AE23257" s="1"/>
    </row>
    <row r="23258" spans="1:31" ht="14.45">
      <c r="A23258" s="11"/>
      <c r="B23258" s="20"/>
      <c r="C23258" s="2" t="s">
        <v>74653</v>
      </c>
      <c r="D23258" s="14" t="s">
        <v>74654</v>
      </c>
      <c r="E23258" s="2" t="s">
        <v>74655</v>
      </c>
      <c r="F23258" s="2" t="s">
        <v>7567</v>
      </c>
      <c r="G23258" s="8">
        <v>272</v>
      </c>
      <c r="H23258" s="5">
        <v>6</v>
      </c>
      <c r="I23258" s="5" t="s">
        <v>1518</v>
      </c>
      <c r="J23258" s="5" t="s">
        <v>69038</v>
      </c>
      <c r="K23258" s="2" t="s">
        <v>69039</v>
      </c>
      <c r="L23258" s="5" t="s">
        <v>69038</v>
      </c>
      <c r="M23258" s="2" t="s">
        <v>69039</v>
      </c>
      <c r="N23258" s="5" t="s">
        <v>1521</v>
      </c>
      <c r="O23258" s="5" t="s">
        <v>38</v>
      </c>
      <c r="P23258" s="5" t="s">
        <v>39</v>
      </c>
      <c r="Q23258" s="5" t="s">
        <v>40</v>
      </c>
      <c r="R23258" s="5" t="s">
        <v>1522</v>
      </c>
      <c r="S23258" s="5" t="s">
        <v>1523</v>
      </c>
      <c r="T23258" s="5" t="s">
        <v>42</v>
      </c>
      <c r="U23258" s="2">
        <v>2.9929999999999999</v>
      </c>
      <c r="V23258" s="2">
        <v>2.4689999999999999</v>
      </c>
      <c r="W23258" s="2">
        <v>1.4999999999999999E-2</v>
      </c>
      <c r="X23258" s="2">
        <v>118.9</v>
      </c>
      <c r="Y23258" s="2">
        <v>7.6</v>
      </c>
      <c r="Z23258" s="2">
        <v>16.7</v>
      </c>
      <c r="AA23258" s="5"/>
      <c r="AB23258" s="5" t="s">
        <v>43</v>
      </c>
      <c r="AC23258" s="5" t="s">
        <v>44</v>
      </c>
      <c r="AD23258" s="2"/>
      <c r="AE23258" s="1"/>
    </row>
    <row r="23259" spans="1:31" ht="14.45">
      <c r="A23259" s="11"/>
      <c r="B23259" s="20"/>
      <c r="C23259" s="2" t="s">
        <v>74656</v>
      </c>
      <c r="D23259" s="14" t="s">
        <v>74657</v>
      </c>
      <c r="E23259" s="2" t="s">
        <v>74658</v>
      </c>
      <c r="F23259" s="2" t="s">
        <v>7555</v>
      </c>
      <c r="G23259" s="8">
        <v>272</v>
      </c>
      <c r="H23259" s="5">
        <v>6</v>
      </c>
      <c r="I23259" s="5" t="s">
        <v>1518</v>
      </c>
      <c r="J23259" s="5" t="s">
        <v>69038</v>
      </c>
      <c r="K23259" s="2" t="s">
        <v>69039</v>
      </c>
      <c r="L23259" s="5" t="s">
        <v>69038</v>
      </c>
      <c r="M23259" s="2" t="s">
        <v>69039</v>
      </c>
      <c r="N23259" s="5" t="s">
        <v>1521</v>
      </c>
      <c r="O23259" s="5" t="s">
        <v>38</v>
      </c>
      <c r="P23259" s="5" t="s">
        <v>39</v>
      </c>
      <c r="Q23259" s="5" t="s">
        <v>40</v>
      </c>
      <c r="R23259" s="5" t="s">
        <v>1522</v>
      </c>
      <c r="S23259" s="5" t="s">
        <v>1523</v>
      </c>
      <c r="T23259" s="5" t="s">
        <v>42</v>
      </c>
      <c r="U23259" s="2">
        <v>2.903</v>
      </c>
      <c r="V23259" s="2">
        <v>2.379</v>
      </c>
      <c r="W23259" s="2">
        <v>1.4999999999999999E-2</v>
      </c>
      <c r="X23259" s="2">
        <v>118.9</v>
      </c>
      <c r="Y23259" s="2">
        <v>7.6</v>
      </c>
      <c r="Z23259" s="2">
        <v>16.7</v>
      </c>
      <c r="AA23259" s="5"/>
      <c r="AB23259" s="5" t="s">
        <v>43</v>
      </c>
      <c r="AC23259" s="5" t="s">
        <v>44</v>
      </c>
      <c r="AD23259" s="2"/>
      <c r="AE23259" s="1"/>
    </row>
    <row r="23260" spans="1:31" ht="14.45">
      <c r="A23260" s="11"/>
      <c r="B23260" s="20"/>
      <c r="C23260" s="2" t="s">
        <v>74659</v>
      </c>
      <c r="D23260" s="14" t="s">
        <v>74660</v>
      </c>
      <c r="E23260" s="2" t="s">
        <v>74661</v>
      </c>
      <c r="F23260" s="2" t="s">
        <v>7559</v>
      </c>
      <c r="G23260" s="8">
        <v>272</v>
      </c>
      <c r="H23260" s="5">
        <v>6</v>
      </c>
      <c r="I23260" s="5" t="s">
        <v>1518</v>
      </c>
      <c r="J23260" s="5" t="s">
        <v>69038</v>
      </c>
      <c r="K23260" s="2" t="s">
        <v>69039</v>
      </c>
      <c r="L23260" s="5" t="s">
        <v>69038</v>
      </c>
      <c r="M23260" s="2" t="s">
        <v>69039</v>
      </c>
      <c r="N23260" s="5" t="s">
        <v>1521</v>
      </c>
      <c r="O23260" s="5" t="s">
        <v>38</v>
      </c>
      <c r="P23260" s="5" t="s">
        <v>39</v>
      </c>
      <c r="Q23260" s="5" t="s">
        <v>40</v>
      </c>
      <c r="R23260" s="5" t="s">
        <v>1522</v>
      </c>
      <c r="S23260" s="5" t="s">
        <v>1523</v>
      </c>
      <c r="T23260" s="5" t="s">
        <v>42</v>
      </c>
      <c r="U23260" s="2">
        <v>2.9929999999999999</v>
      </c>
      <c r="V23260" s="2">
        <v>2.4689999999999999</v>
      </c>
      <c r="W23260" s="2">
        <v>1.4999999999999999E-2</v>
      </c>
      <c r="X23260" s="2">
        <v>118.9</v>
      </c>
      <c r="Y23260" s="2">
        <v>7.6</v>
      </c>
      <c r="Z23260" s="2">
        <v>16.7</v>
      </c>
      <c r="AA23260" s="5"/>
      <c r="AB23260" s="5" t="s">
        <v>43</v>
      </c>
      <c r="AC23260" s="5" t="s">
        <v>44</v>
      </c>
      <c r="AD23260" s="2"/>
      <c r="AE23260" s="1"/>
    </row>
    <row r="23261" spans="1:31" ht="14.45">
      <c r="A23261" s="11"/>
      <c r="B23261" s="20"/>
      <c r="C23261" s="2" t="s">
        <v>74662</v>
      </c>
      <c r="D23261" s="14" t="s">
        <v>74663</v>
      </c>
      <c r="E23261" s="2" t="s">
        <v>74664</v>
      </c>
      <c r="F23261" s="2" t="s">
        <v>16194</v>
      </c>
      <c r="G23261" s="8">
        <v>272</v>
      </c>
      <c r="H23261" s="5">
        <v>6</v>
      </c>
      <c r="I23261" s="5" t="s">
        <v>1518</v>
      </c>
      <c r="J23261" s="5" t="s">
        <v>69038</v>
      </c>
      <c r="K23261" s="2" t="s">
        <v>69039</v>
      </c>
      <c r="L23261" s="5" t="s">
        <v>69038</v>
      </c>
      <c r="M23261" s="2" t="s">
        <v>69039</v>
      </c>
      <c r="N23261" s="5" t="s">
        <v>1521</v>
      </c>
      <c r="O23261" s="5" t="s">
        <v>38</v>
      </c>
      <c r="P23261" s="5" t="s">
        <v>39</v>
      </c>
      <c r="Q23261" s="5" t="s">
        <v>40</v>
      </c>
      <c r="R23261" s="5" t="s">
        <v>1522</v>
      </c>
      <c r="S23261" s="5" t="s">
        <v>1523</v>
      </c>
      <c r="T23261" s="5" t="s">
        <v>42</v>
      </c>
      <c r="U23261" s="2">
        <v>2.9929999999999999</v>
      </c>
      <c r="V23261" s="2">
        <v>2.4689999999999999</v>
      </c>
      <c r="W23261" s="2">
        <v>1.4999999999999999E-2</v>
      </c>
      <c r="X23261" s="2">
        <v>118.9</v>
      </c>
      <c r="Y23261" s="2">
        <v>7.6</v>
      </c>
      <c r="Z23261" s="2">
        <v>16.7</v>
      </c>
      <c r="AA23261" s="5"/>
      <c r="AB23261" s="5" t="s">
        <v>43</v>
      </c>
      <c r="AC23261" s="5" t="s">
        <v>44</v>
      </c>
      <c r="AD23261" s="2"/>
      <c r="AE23261" s="1"/>
    </row>
    <row r="23262" spans="1:31" ht="14.45">
      <c r="A23262" s="11"/>
      <c r="B23262" s="20"/>
      <c r="C23262" s="2" t="s">
        <v>74665</v>
      </c>
      <c r="D23262" s="14" t="s">
        <v>74666</v>
      </c>
      <c r="E23262" s="2" t="s">
        <v>74667</v>
      </c>
      <c r="F23262" s="2" t="s">
        <v>7449</v>
      </c>
      <c r="G23262" s="8">
        <v>272</v>
      </c>
      <c r="H23262" s="5">
        <v>6</v>
      </c>
      <c r="I23262" s="5" t="s">
        <v>1518</v>
      </c>
      <c r="J23262" s="5" t="s">
        <v>69038</v>
      </c>
      <c r="K23262" s="2" t="s">
        <v>69039</v>
      </c>
      <c r="L23262" s="5" t="s">
        <v>69038</v>
      </c>
      <c r="M23262" s="2" t="s">
        <v>69039</v>
      </c>
      <c r="N23262" s="5" t="s">
        <v>1521</v>
      </c>
      <c r="O23262" s="5" t="s">
        <v>38</v>
      </c>
      <c r="P23262" s="5" t="s">
        <v>39</v>
      </c>
      <c r="Q23262" s="5" t="s">
        <v>40</v>
      </c>
      <c r="R23262" s="5" t="s">
        <v>1522</v>
      </c>
      <c r="S23262" s="5" t="s">
        <v>1523</v>
      </c>
      <c r="T23262" s="5" t="s">
        <v>42</v>
      </c>
      <c r="U23262" s="2">
        <v>2.903</v>
      </c>
      <c r="V23262" s="2">
        <v>2.379</v>
      </c>
      <c r="W23262" s="2">
        <v>1.4999999999999999E-2</v>
      </c>
      <c r="X23262" s="2">
        <v>118.9</v>
      </c>
      <c r="Y23262" s="2">
        <v>7.6</v>
      </c>
      <c r="Z23262" s="2">
        <v>16.7</v>
      </c>
      <c r="AA23262" s="5"/>
      <c r="AB23262" s="5" t="s">
        <v>43</v>
      </c>
      <c r="AC23262" s="5" t="s">
        <v>44</v>
      </c>
      <c r="AD23262" s="2"/>
      <c r="AE23262" s="1"/>
    </row>
    <row r="23263" spans="1:31" ht="14.45">
      <c r="A23263" s="11"/>
      <c r="B23263" s="20"/>
      <c r="C23263" s="2" t="s">
        <v>74668</v>
      </c>
      <c r="D23263" s="14" t="s">
        <v>74669</v>
      </c>
      <c r="E23263" s="2" t="s">
        <v>74670</v>
      </c>
      <c r="F23263" s="2" t="s">
        <v>7581</v>
      </c>
      <c r="G23263" s="8">
        <v>272</v>
      </c>
      <c r="H23263" s="5">
        <v>6</v>
      </c>
      <c r="I23263" s="5" t="s">
        <v>1518</v>
      </c>
      <c r="J23263" s="5" t="s">
        <v>69038</v>
      </c>
      <c r="K23263" s="2" t="s">
        <v>69039</v>
      </c>
      <c r="L23263" s="5" t="s">
        <v>69038</v>
      </c>
      <c r="M23263" s="2" t="s">
        <v>69039</v>
      </c>
      <c r="N23263" s="5" t="s">
        <v>1521</v>
      </c>
      <c r="O23263" s="5" t="s">
        <v>38</v>
      </c>
      <c r="P23263" s="5" t="s">
        <v>39</v>
      </c>
      <c r="Q23263" s="5" t="s">
        <v>40</v>
      </c>
      <c r="R23263" s="5" t="s">
        <v>1522</v>
      </c>
      <c r="S23263" s="5" t="s">
        <v>1523</v>
      </c>
      <c r="T23263" s="5" t="s">
        <v>42</v>
      </c>
      <c r="U23263" s="2">
        <v>2.9929999999999999</v>
      </c>
      <c r="V23263" s="2">
        <v>2.4689999999999999</v>
      </c>
      <c r="W23263" s="2">
        <v>1.4999999999999999E-2</v>
      </c>
      <c r="X23263" s="2">
        <v>118.9</v>
      </c>
      <c r="Y23263" s="2">
        <v>7.6</v>
      </c>
      <c r="Z23263" s="2">
        <v>16.7</v>
      </c>
      <c r="AA23263" s="5"/>
      <c r="AB23263" s="5" t="s">
        <v>43</v>
      </c>
      <c r="AC23263" s="5" t="s">
        <v>44</v>
      </c>
      <c r="AD23263" s="2"/>
      <c r="AE23263" s="1"/>
    </row>
    <row r="23264" spans="1:31" ht="14.45">
      <c r="A23264" s="11"/>
      <c r="B23264" s="20"/>
      <c r="C23264" s="2" t="s">
        <v>74671</v>
      </c>
      <c r="D23264" s="14" t="s">
        <v>74672</v>
      </c>
      <c r="E23264" s="2" t="s">
        <v>74673</v>
      </c>
      <c r="F23264" s="2" t="s">
        <v>7585</v>
      </c>
      <c r="G23264" s="8">
        <v>272</v>
      </c>
      <c r="H23264" s="5">
        <v>6</v>
      </c>
      <c r="I23264" s="5" t="s">
        <v>1518</v>
      </c>
      <c r="J23264" s="5" t="s">
        <v>69038</v>
      </c>
      <c r="K23264" s="2" t="s">
        <v>69039</v>
      </c>
      <c r="L23264" s="5" t="s">
        <v>69038</v>
      </c>
      <c r="M23264" s="2" t="s">
        <v>69039</v>
      </c>
      <c r="N23264" s="5" t="s">
        <v>1521</v>
      </c>
      <c r="O23264" s="5" t="s">
        <v>38</v>
      </c>
      <c r="P23264" s="5" t="s">
        <v>39</v>
      </c>
      <c r="Q23264" s="5" t="s">
        <v>40</v>
      </c>
      <c r="R23264" s="5" t="s">
        <v>1522</v>
      </c>
      <c r="S23264" s="5" t="s">
        <v>1523</v>
      </c>
      <c r="T23264" s="5" t="s">
        <v>42</v>
      </c>
      <c r="U23264" s="2">
        <v>2.903</v>
      </c>
      <c r="V23264" s="2">
        <v>2.379</v>
      </c>
      <c r="W23264" s="2">
        <v>1.4999999999999999E-2</v>
      </c>
      <c r="X23264" s="2">
        <v>118.9</v>
      </c>
      <c r="Y23264" s="2">
        <v>7.6</v>
      </c>
      <c r="Z23264" s="2">
        <v>16.7</v>
      </c>
      <c r="AA23264" s="5"/>
      <c r="AB23264" s="5" t="s">
        <v>43</v>
      </c>
      <c r="AC23264" s="5" t="s">
        <v>44</v>
      </c>
      <c r="AD23264" s="2"/>
      <c r="AE23264" s="1"/>
    </row>
    <row r="23265" spans="1:31" ht="14.45">
      <c r="A23265" s="11"/>
      <c r="B23265" s="20"/>
      <c r="C23265" s="2" t="s">
        <v>74674</v>
      </c>
      <c r="D23265" s="14" t="s">
        <v>74675</v>
      </c>
      <c r="E23265" s="2" t="s">
        <v>74676</v>
      </c>
      <c r="F23265" s="2" t="s">
        <v>7589</v>
      </c>
      <c r="G23265" s="8">
        <v>272</v>
      </c>
      <c r="H23265" s="5">
        <v>6</v>
      </c>
      <c r="I23265" s="5" t="s">
        <v>1518</v>
      </c>
      <c r="J23265" s="5" t="s">
        <v>69038</v>
      </c>
      <c r="K23265" s="2" t="s">
        <v>69039</v>
      </c>
      <c r="L23265" s="5" t="s">
        <v>69038</v>
      </c>
      <c r="M23265" s="2" t="s">
        <v>69039</v>
      </c>
      <c r="N23265" s="5" t="s">
        <v>1521</v>
      </c>
      <c r="O23265" s="5" t="s">
        <v>38</v>
      </c>
      <c r="P23265" s="5" t="s">
        <v>39</v>
      </c>
      <c r="Q23265" s="5" t="s">
        <v>40</v>
      </c>
      <c r="R23265" s="5" t="s">
        <v>1522</v>
      </c>
      <c r="S23265" s="5" t="s">
        <v>1523</v>
      </c>
      <c r="T23265" s="5" t="s">
        <v>42</v>
      </c>
      <c r="U23265" s="2">
        <v>2.9929999999999999</v>
      </c>
      <c r="V23265" s="2">
        <v>2.4689999999999999</v>
      </c>
      <c r="W23265" s="2">
        <v>1.4999999999999999E-2</v>
      </c>
      <c r="X23265" s="2">
        <v>118.9</v>
      </c>
      <c r="Y23265" s="2">
        <v>7.6</v>
      </c>
      <c r="Z23265" s="2">
        <v>16.7</v>
      </c>
      <c r="AA23265" s="5"/>
      <c r="AB23265" s="5" t="s">
        <v>43</v>
      </c>
      <c r="AC23265" s="5" t="s">
        <v>44</v>
      </c>
      <c r="AD23265" s="2"/>
      <c r="AE23265" s="1"/>
    </row>
    <row r="23266" spans="1:31" ht="14.45">
      <c r="A23266" s="11"/>
      <c r="B23266" s="20"/>
      <c r="C23266" s="2" t="s">
        <v>74677</v>
      </c>
      <c r="D23266" s="14" t="s">
        <v>74678</v>
      </c>
      <c r="E23266" s="2" t="s">
        <v>74679</v>
      </c>
      <c r="F23266" s="2" t="s">
        <v>7593</v>
      </c>
      <c r="G23266" s="8">
        <v>272</v>
      </c>
      <c r="H23266" s="5">
        <v>6</v>
      </c>
      <c r="I23266" s="5" t="s">
        <v>1518</v>
      </c>
      <c r="J23266" s="5" t="s">
        <v>69038</v>
      </c>
      <c r="K23266" s="2" t="s">
        <v>69039</v>
      </c>
      <c r="L23266" s="5" t="s">
        <v>69038</v>
      </c>
      <c r="M23266" s="2" t="s">
        <v>69039</v>
      </c>
      <c r="N23266" s="5" t="s">
        <v>1521</v>
      </c>
      <c r="O23266" s="5" t="s">
        <v>38</v>
      </c>
      <c r="P23266" s="5" t="s">
        <v>39</v>
      </c>
      <c r="Q23266" s="5" t="s">
        <v>40</v>
      </c>
      <c r="R23266" s="5" t="s">
        <v>1522</v>
      </c>
      <c r="S23266" s="5" t="s">
        <v>1523</v>
      </c>
      <c r="T23266" s="5" t="s">
        <v>42</v>
      </c>
      <c r="U23266" s="2">
        <v>2.903</v>
      </c>
      <c r="V23266" s="2">
        <v>2.379</v>
      </c>
      <c r="W23266" s="2">
        <v>1.4999999999999999E-2</v>
      </c>
      <c r="X23266" s="2">
        <v>118.9</v>
      </c>
      <c r="Y23266" s="2">
        <v>7.6</v>
      </c>
      <c r="Z23266" s="2">
        <v>16.7</v>
      </c>
      <c r="AA23266" s="5"/>
      <c r="AB23266" s="5" t="s">
        <v>43</v>
      </c>
      <c r="AC23266" s="5" t="s">
        <v>44</v>
      </c>
      <c r="AD23266" s="2"/>
      <c r="AE23266" s="1"/>
    </row>
    <row r="23267" spans="1:31" ht="14.45">
      <c r="A23267" s="11"/>
      <c r="B23267" s="20"/>
      <c r="C23267" s="2" t="s">
        <v>74680</v>
      </c>
      <c r="D23267" s="14" t="s">
        <v>74681</v>
      </c>
      <c r="E23267" s="2" t="s">
        <v>74682</v>
      </c>
      <c r="F23267" s="2" t="s">
        <v>7597</v>
      </c>
      <c r="G23267" s="8">
        <v>272</v>
      </c>
      <c r="H23267" s="5">
        <v>6</v>
      </c>
      <c r="I23267" s="5" t="s">
        <v>1518</v>
      </c>
      <c r="J23267" s="5" t="s">
        <v>69038</v>
      </c>
      <c r="K23267" s="2" t="s">
        <v>69039</v>
      </c>
      <c r="L23267" s="5" t="s">
        <v>69038</v>
      </c>
      <c r="M23267" s="2" t="s">
        <v>69039</v>
      </c>
      <c r="N23267" s="5" t="s">
        <v>1521</v>
      </c>
      <c r="O23267" s="5" t="s">
        <v>38</v>
      </c>
      <c r="P23267" s="5" t="s">
        <v>39</v>
      </c>
      <c r="Q23267" s="5" t="s">
        <v>40</v>
      </c>
      <c r="R23267" s="5" t="s">
        <v>1522</v>
      </c>
      <c r="S23267" s="5" t="s">
        <v>1523</v>
      </c>
      <c r="T23267" s="5" t="s">
        <v>42</v>
      </c>
      <c r="U23267" s="2">
        <v>2.9929999999999999</v>
      </c>
      <c r="V23267" s="2">
        <v>2.4689999999999999</v>
      </c>
      <c r="W23267" s="2">
        <v>1.4999999999999999E-2</v>
      </c>
      <c r="X23267" s="2">
        <v>118.9</v>
      </c>
      <c r="Y23267" s="2">
        <v>7.6</v>
      </c>
      <c r="Z23267" s="2">
        <v>16.7</v>
      </c>
      <c r="AA23267" s="5"/>
      <c r="AB23267" s="5" t="s">
        <v>43</v>
      </c>
      <c r="AC23267" s="5" t="s">
        <v>44</v>
      </c>
      <c r="AD23267" s="2"/>
      <c r="AE23267" s="1"/>
    </row>
    <row r="23268" spans="1:31" ht="14.45">
      <c r="A23268" s="11"/>
      <c r="B23268" s="20"/>
      <c r="C23268" s="2" t="s">
        <v>74683</v>
      </c>
      <c r="D23268" s="14" t="s">
        <v>74684</v>
      </c>
      <c r="E23268" s="2" t="s">
        <v>74685</v>
      </c>
      <c r="F23268" s="2" t="s">
        <v>73358</v>
      </c>
      <c r="G23268" s="8">
        <v>272</v>
      </c>
      <c r="H23268" s="5">
        <v>6</v>
      </c>
      <c r="I23268" s="5" t="s">
        <v>1518</v>
      </c>
      <c r="J23268" s="5" t="s">
        <v>69038</v>
      </c>
      <c r="K23268" s="2" t="s">
        <v>69039</v>
      </c>
      <c r="L23268" s="5" t="s">
        <v>69038</v>
      </c>
      <c r="M23268" s="2" t="s">
        <v>69039</v>
      </c>
      <c r="N23268" s="5" t="s">
        <v>1521</v>
      </c>
      <c r="O23268" s="5" t="s">
        <v>38</v>
      </c>
      <c r="P23268" s="5" t="s">
        <v>39</v>
      </c>
      <c r="Q23268" s="5" t="s">
        <v>40</v>
      </c>
      <c r="R23268" s="5" t="s">
        <v>1522</v>
      </c>
      <c r="S23268" s="5" t="s">
        <v>1523</v>
      </c>
      <c r="T23268" s="5" t="s">
        <v>42</v>
      </c>
      <c r="U23268" s="2">
        <v>2.903</v>
      </c>
      <c r="V23268" s="2">
        <v>2.379</v>
      </c>
      <c r="W23268" s="2">
        <v>1.4999999999999999E-2</v>
      </c>
      <c r="X23268" s="2">
        <v>118.9</v>
      </c>
      <c r="Y23268" s="2">
        <v>7.6</v>
      </c>
      <c r="Z23268" s="2">
        <v>16.7</v>
      </c>
      <c r="AA23268" s="5"/>
      <c r="AB23268" s="5" t="s">
        <v>43</v>
      </c>
      <c r="AC23268" s="5" t="s">
        <v>44</v>
      </c>
      <c r="AD23268" s="2"/>
      <c r="AE23268" s="1"/>
    </row>
    <row r="23269" spans="1:31" ht="14.45">
      <c r="A23269" s="11"/>
      <c r="B23269" s="20"/>
      <c r="C23269" s="2" t="s">
        <v>74686</v>
      </c>
      <c r="D23269" s="14" t="s">
        <v>74687</v>
      </c>
      <c r="E23269" s="2" t="s">
        <v>74688</v>
      </c>
      <c r="F23269" s="2" t="s">
        <v>73362</v>
      </c>
      <c r="G23269" s="8">
        <v>272</v>
      </c>
      <c r="H23269" s="5">
        <v>6</v>
      </c>
      <c r="I23269" s="5" t="s">
        <v>1518</v>
      </c>
      <c r="J23269" s="5" t="s">
        <v>69038</v>
      </c>
      <c r="K23269" s="2" t="s">
        <v>69039</v>
      </c>
      <c r="L23269" s="5" t="s">
        <v>69038</v>
      </c>
      <c r="M23269" s="2" t="s">
        <v>69039</v>
      </c>
      <c r="N23269" s="5" t="s">
        <v>1521</v>
      </c>
      <c r="O23269" s="5" t="s">
        <v>38</v>
      </c>
      <c r="P23269" s="5" t="s">
        <v>39</v>
      </c>
      <c r="Q23269" s="5" t="s">
        <v>40</v>
      </c>
      <c r="R23269" s="5" t="s">
        <v>1522</v>
      </c>
      <c r="S23269" s="5" t="s">
        <v>1523</v>
      </c>
      <c r="T23269" s="5" t="s">
        <v>42</v>
      </c>
      <c r="U23269" s="2">
        <v>2.9929999999999999</v>
      </c>
      <c r="V23269" s="2">
        <v>2.4689999999999999</v>
      </c>
      <c r="W23269" s="2">
        <v>1.4999999999999999E-2</v>
      </c>
      <c r="X23269" s="2">
        <v>118.9</v>
      </c>
      <c r="Y23269" s="2">
        <v>7.6</v>
      </c>
      <c r="Z23269" s="2">
        <v>16.7</v>
      </c>
      <c r="AA23269" s="5"/>
      <c r="AB23269" s="5" t="s">
        <v>43</v>
      </c>
      <c r="AC23269" s="5" t="s">
        <v>44</v>
      </c>
      <c r="AD23269" s="2"/>
      <c r="AE23269" s="1"/>
    </row>
    <row r="23270" spans="1:31" ht="14.45">
      <c r="A23270" s="11"/>
      <c r="B23270" s="20"/>
      <c r="C23270" s="2" t="s">
        <v>74689</v>
      </c>
      <c r="D23270" s="14" t="s">
        <v>74690</v>
      </c>
      <c r="E23270" s="2" t="s">
        <v>74691</v>
      </c>
      <c r="F23270" s="2" t="s">
        <v>7615</v>
      </c>
      <c r="G23270" s="8">
        <v>272</v>
      </c>
      <c r="H23270" s="5">
        <v>6</v>
      </c>
      <c r="I23270" s="5" t="s">
        <v>1518</v>
      </c>
      <c r="J23270" s="5" t="s">
        <v>69038</v>
      </c>
      <c r="K23270" s="2" t="s">
        <v>69039</v>
      </c>
      <c r="L23270" s="5" t="s">
        <v>69038</v>
      </c>
      <c r="M23270" s="2" t="s">
        <v>69039</v>
      </c>
      <c r="N23270" s="5" t="s">
        <v>1521</v>
      </c>
      <c r="O23270" s="5" t="s">
        <v>38</v>
      </c>
      <c r="P23270" s="5" t="s">
        <v>39</v>
      </c>
      <c r="Q23270" s="5" t="s">
        <v>40</v>
      </c>
      <c r="R23270" s="5" t="s">
        <v>1522</v>
      </c>
      <c r="S23270" s="5" t="s">
        <v>1523</v>
      </c>
      <c r="T23270" s="5" t="s">
        <v>42</v>
      </c>
      <c r="U23270" s="2">
        <v>2.903</v>
      </c>
      <c r="V23270" s="2">
        <v>2.379</v>
      </c>
      <c r="W23270" s="2">
        <v>1.4999999999999999E-2</v>
      </c>
      <c r="X23270" s="2">
        <v>118.9</v>
      </c>
      <c r="Y23270" s="2">
        <v>7.6</v>
      </c>
      <c r="Z23270" s="2">
        <v>16.7</v>
      </c>
      <c r="AA23270" s="5"/>
      <c r="AB23270" s="5" t="s">
        <v>43</v>
      </c>
      <c r="AC23270" s="5" t="s">
        <v>44</v>
      </c>
      <c r="AD23270" s="2"/>
      <c r="AE23270" s="1"/>
    </row>
    <row r="23271" spans="1:31" ht="14.45">
      <c r="A23271" s="11"/>
      <c r="B23271" s="20"/>
      <c r="C23271" s="2" t="s">
        <v>74692</v>
      </c>
      <c r="D23271" s="14" t="s">
        <v>74693</v>
      </c>
      <c r="E23271" s="2" t="s">
        <v>74694</v>
      </c>
      <c r="F23271" s="2" t="s">
        <v>7619</v>
      </c>
      <c r="G23271" s="8">
        <v>272</v>
      </c>
      <c r="H23271" s="5">
        <v>6</v>
      </c>
      <c r="I23271" s="5" t="s">
        <v>1518</v>
      </c>
      <c r="J23271" s="5" t="s">
        <v>69038</v>
      </c>
      <c r="K23271" s="2" t="s">
        <v>69039</v>
      </c>
      <c r="L23271" s="5" t="s">
        <v>69038</v>
      </c>
      <c r="M23271" s="2" t="s">
        <v>69039</v>
      </c>
      <c r="N23271" s="5" t="s">
        <v>1521</v>
      </c>
      <c r="O23271" s="5" t="s">
        <v>38</v>
      </c>
      <c r="P23271" s="5" t="s">
        <v>39</v>
      </c>
      <c r="Q23271" s="5" t="s">
        <v>40</v>
      </c>
      <c r="R23271" s="5" t="s">
        <v>1522</v>
      </c>
      <c r="S23271" s="5" t="s">
        <v>1523</v>
      </c>
      <c r="T23271" s="5" t="s">
        <v>42</v>
      </c>
      <c r="U23271" s="2">
        <v>2.9929999999999999</v>
      </c>
      <c r="V23271" s="2">
        <v>2.4689999999999999</v>
      </c>
      <c r="W23271" s="2">
        <v>1.4999999999999999E-2</v>
      </c>
      <c r="X23271" s="2">
        <v>118.9</v>
      </c>
      <c r="Y23271" s="2">
        <v>7.6</v>
      </c>
      <c r="Z23271" s="2">
        <v>16.7</v>
      </c>
      <c r="AA23271" s="5"/>
      <c r="AB23271" s="5" t="s">
        <v>43</v>
      </c>
      <c r="AC23271" s="5" t="s">
        <v>44</v>
      </c>
      <c r="AD23271" s="2"/>
      <c r="AE23271" s="1"/>
    </row>
    <row r="23272" spans="1:31" ht="14.45">
      <c r="A23272" s="11"/>
      <c r="B23272" s="20"/>
      <c r="C23272" s="2" t="s">
        <v>74695</v>
      </c>
      <c r="D23272" s="14" t="s">
        <v>74696</v>
      </c>
      <c r="E23272" s="2" t="s">
        <v>74697</v>
      </c>
      <c r="F23272" s="2" t="s">
        <v>16014</v>
      </c>
      <c r="G23272" s="8">
        <v>272</v>
      </c>
      <c r="H23272" s="5">
        <v>6</v>
      </c>
      <c r="I23272" s="5" t="s">
        <v>1518</v>
      </c>
      <c r="J23272" s="5" t="s">
        <v>69038</v>
      </c>
      <c r="K23272" s="2" t="s">
        <v>69039</v>
      </c>
      <c r="L23272" s="5" t="s">
        <v>69038</v>
      </c>
      <c r="M23272" s="2" t="s">
        <v>69039</v>
      </c>
      <c r="N23272" s="5" t="s">
        <v>1521</v>
      </c>
      <c r="O23272" s="5" t="s">
        <v>38</v>
      </c>
      <c r="P23272" s="5" t="s">
        <v>39</v>
      </c>
      <c r="Q23272" s="5" t="s">
        <v>40</v>
      </c>
      <c r="R23272" s="5" t="s">
        <v>1522</v>
      </c>
      <c r="S23272" s="5" t="s">
        <v>1523</v>
      </c>
      <c r="T23272" s="5" t="s">
        <v>42</v>
      </c>
      <c r="U23272" s="2">
        <v>2.903</v>
      </c>
      <c r="V23272" s="2">
        <v>2.379</v>
      </c>
      <c r="W23272" s="2">
        <v>1.4999999999999999E-2</v>
      </c>
      <c r="X23272" s="2">
        <v>118.9</v>
      </c>
      <c r="Y23272" s="2">
        <v>7.6</v>
      </c>
      <c r="Z23272" s="2">
        <v>16.7</v>
      </c>
      <c r="AA23272" s="5"/>
      <c r="AB23272" s="5" t="s">
        <v>43</v>
      </c>
      <c r="AC23272" s="5" t="s">
        <v>44</v>
      </c>
      <c r="AD23272" s="2"/>
      <c r="AE23272" s="1"/>
    </row>
    <row r="23273" spans="1:31" ht="14.45">
      <c r="A23273" s="11"/>
      <c r="B23273" s="20"/>
      <c r="C23273" s="2" t="s">
        <v>74698</v>
      </c>
      <c r="D23273" s="14" t="s">
        <v>74699</v>
      </c>
      <c r="E23273" s="2" t="s">
        <v>74700</v>
      </c>
      <c r="F23273" s="2" t="s">
        <v>16219</v>
      </c>
      <c r="G23273" s="8">
        <v>272</v>
      </c>
      <c r="H23273" s="5">
        <v>6</v>
      </c>
      <c r="I23273" s="5" t="s">
        <v>1518</v>
      </c>
      <c r="J23273" s="5" t="s">
        <v>69038</v>
      </c>
      <c r="K23273" s="2" t="s">
        <v>69039</v>
      </c>
      <c r="L23273" s="5" t="s">
        <v>69038</v>
      </c>
      <c r="M23273" s="2" t="s">
        <v>69039</v>
      </c>
      <c r="N23273" s="5" t="s">
        <v>1521</v>
      </c>
      <c r="O23273" s="5" t="s">
        <v>38</v>
      </c>
      <c r="P23273" s="5" t="s">
        <v>39</v>
      </c>
      <c r="Q23273" s="5" t="s">
        <v>40</v>
      </c>
      <c r="R23273" s="5" t="s">
        <v>1522</v>
      </c>
      <c r="S23273" s="5" t="s">
        <v>1523</v>
      </c>
      <c r="T23273" s="5" t="s">
        <v>42</v>
      </c>
      <c r="U23273" s="2">
        <v>2.9929999999999999</v>
      </c>
      <c r="V23273" s="2">
        <v>2.4689999999999999</v>
      </c>
      <c r="W23273" s="2">
        <v>1.4999999999999999E-2</v>
      </c>
      <c r="X23273" s="2">
        <v>118.9</v>
      </c>
      <c r="Y23273" s="2">
        <v>7.6</v>
      </c>
      <c r="Z23273" s="2">
        <v>16.7</v>
      </c>
      <c r="AA23273" s="5"/>
      <c r="AB23273" s="5" t="s">
        <v>43</v>
      </c>
      <c r="AC23273" s="5" t="s">
        <v>44</v>
      </c>
      <c r="AD23273" s="2"/>
      <c r="AE23273" s="1"/>
    </row>
    <row r="23274" spans="1:31" ht="14.45">
      <c r="A23274" s="11"/>
      <c r="B23274" s="20"/>
      <c r="C23274" s="2" t="s">
        <v>74701</v>
      </c>
      <c r="D23274" s="14" t="s">
        <v>74702</v>
      </c>
      <c r="E23274" s="2" t="s">
        <v>74703</v>
      </c>
      <c r="F23274" s="2" t="s">
        <v>7212</v>
      </c>
      <c r="G23274" s="8">
        <v>254</v>
      </c>
      <c r="H23274" s="5">
        <v>6</v>
      </c>
      <c r="I23274" s="5" t="s">
        <v>1518</v>
      </c>
      <c r="J23274" s="5" t="s">
        <v>69038</v>
      </c>
      <c r="K23274" s="2" t="s">
        <v>69039</v>
      </c>
      <c r="L23274" s="5" t="s">
        <v>69038</v>
      </c>
      <c r="M23274" s="2" t="s">
        <v>69039</v>
      </c>
      <c r="N23274" s="5" t="s">
        <v>1521</v>
      </c>
      <c r="O23274" s="5" t="s">
        <v>38</v>
      </c>
      <c r="P23274" s="5" t="s">
        <v>39</v>
      </c>
      <c r="Q23274" s="5" t="s">
        <v>40</v>
      </c>
      <c r="R23274" s="5" t="s">
        <v>1522</v>
      </c>
      <c r="S23274" s="5" t="s">
        <v>1523</v>
      </c>
      <c r="T23274" s="5" t="s">
        <v>42</v>
      </c>
      <c r="U23274" s="2">
        <v>2.903</v>
      </c>
      <c r="V23274" s="2">
        <v>2.379</v>
      </c>
      <c r="W23274" s="2">
        <v>1.4999999999999999E-2</v>
      </c>
      <c r="X23274" s="2">
        <v>118.9</v>
      </c>
      <c r="Y23274" s="2">
        <v>7.6</v>
      </c>
      <c r="Z23274" s="2">
        <v>16.7</v>
      </c>
      <c r="AA23274" s="5"/>
      <c r="AB23274" s="5" t="s">
        <v>43</v>
      </c>
      <c r="AC23274" s="5" t="s">
        <v>44</v>
      </c>
      <c r="AD23274" s="2"/>
      <c r="AE23274" s="1"/>
    </row>
    <row r="23275" spans="1:31" ht="14.45">
      <c r="A23275" s="11"/>
      <c r="B23275" s="20"/>
      <c r="C23275" s="2" t="s">
        <v>74704</v>
      </c>
      <c r="D23275" s="14" t="s">
        <v>74705</v>
      </c>
      <c r="E23275" s="2" t="s">
        <v>74706</v>
      </c>
      <c r="F23275" s="2" t="s">
        <v>7528</v>
      </c>
      <c r="G23275" s="8">
        <v>254</v>
      </c>
      <c r="H23275" s="5">
        <v>6</v>
      </c>
      <c r="I23275" s="5" t="s">
        <v>1518</v>
      </c>
      <c r="J23275" s="5" t="s">
        <v>69038</v>
      </c>
      <c r="K23275" s="2" t="s">
        <v>69039</v>
      </c>
      <c r="L23275" s="5" t="s">
        <v>69038</v>
      </c>
      <c r="M23275" s="2" t="s">
        <v>69039</v>
      </c>
      <c r="N23275" s="5" t="s">
        <v>1521</v>
      </c>
      <c r="O23275" s="5" t="s">
        <v>38</v>
      </c>
      <c r="P23275" s="5" t="s">
        <v>39</v>
      </c>
      <c r="Q23275" s="5" t="s">
        <v>40</v>
      </c>
      <c r="R23275" s="5" t="s">
        <v>1522</v>
      </c>
      <c r="S23275" s="5" t="s">
        <v>1523</v>
      </c>
      <c r="T23275" s="5" t="s">
        <v>42</v>
      </c>
      <c r="U23275" s="2">
        <v>2.9929999999999999</v>
      </c>
      <c r="V23275" s="2">
        <v>2.4689999999999999</v>
      </c>
      <c r="W23275" s="2">
        <v>1.4999999999999999E-2</v>
      </c>
      <c r="X23275" s="2">
        <v>118.9</v>
      </c>
      <c r="Y23275" s="2">
        <v>7.6</v>
      </c>
      <c r="Z23275" s="2">
        <v>16.7</v>
      </c>
      <c r="AA23275" s="5"/>
      <c r="AB23275" s="5" t="s">
        <v>43</v>
      </c>
      <c r="AC23275" s="5" t="s">
        <v>44</v>
      </c>
      <c r="AD23275" s="2"/>
      <c r="AE23275" s="1"/>
    </row>
    <row r="23276" spans="1:31" ht="14.45">
      <c r="A23276" s="11"/>
      <c r="B23276" s="20"/>
      <c r="C23276" s="2" t="s">
        <v>74707</v>
      </c>
      <c r="D23276" s="14" t="s">
        <v>74708</v>
      </c>
      <c r="E23276" s="2" t="s">
        <v>74709</v>
      </c>
      <c r="F23276" s="2" t="s">
        <v>16029</v>
      </c>
      <c r="G23276" s="8">
        <v>272</v>
      </c>
      <c r="H23276" s="5">
        <v>6</v>
      </c>
      <c r="I23276" s="5" t="s">
        <v>1518</v>
      </c>
      <c r="J23276" s="5" t="s">
        <v>69038</v>
      </c>
      <c r="K23276" s="2" t="s">
        <v>69039</v>
      </c>
      <c r="L23276" s="5" t="s">
        <v>69038</v>
      </c>
      <c r="M23276" s="2" t="s">
        <v>69039</v>
      </c>
      <c r="N23276" s="5" t="s">
        <v>1521</v>
      </c>
      <c r="O23276" s="5" t="s">
        <v>38</v>
      </c>
      <c r="P23276" s="5" t="s">
        <v>39</v>
      </c>
      <c r="Q23276" s="5" t="s">
        <v>40</v>
      </c>
      <c r="R23276" s="5" t="s">
        <v>1522</v>
      </c>
      <c r="S23276" s="5" t="s">
        <v>1523</v>
      </c>
      <c r="T23276" s="5" t="s">
        <v>42</v>
      </c>
      <c r="U23276" s="2">
        <v>2.9180000000000001</v>
      </c>
      <c r="V23276" s="2">
        <v>2.3940000000000001</v>
      </c>
      <c r="W23276" s="2">
        <v>1.4999999999999999E-2</v>
      </c>
      <c r="X23276" s="2">
        <v>118.9</v>
      </c>
      <c r="Y23276" s="2">
        <v>7.6</v>
      </c>
      <c r="Z23276" s="2">
        <v>16.7</v>
      </c>
      <c r="AA23276" s="5"/>
      <c r="AB23276" s="5" t="s">
        <v>43</v>
      </c>
      <c r="AC23276" s="5" t="s">
        <v>44</v>
      </c>
      <c r="AD23276" s="2"/>
      <c r="AE23276" s="1"/>
    </row>
    <row r="23277" spans="1:31" ht="14.45">
      <c r="A23277" s="11"/>
      <c r="B23277" s="20"/>
      <c r="C23277" s="2" t="s">
        <v>74710</v>
      </c>
      <c r="D23277" s="14" t="s">
        <v>74711</v>
      </c>
      <c r="E23277" s="2" t="s">
        <v>74712</v>
      </c>
      <c r="F23277" s="2" t="s">
        <v>16033</v>
      </c>
      <c r="G23277" s="8">
        <v>272</v>
      </c>
      <c r="H23277" s="5">
        <v>6</v>
      </c>
      <c r="I23277" s="5" t="s">
        <v>1518</v>
      </c>
      <c r="J23277" s="5" t="s">
        <v>69038</v>
      </c>
      <c r="K23277" s="2" t="s">
        <v>69039</v>
      </c>
      <c r="L23277" s="5" t="s">
        <v>69038</v>
      </c>
      <c r="M23277" s="2" t="s">
        <v>69039</v>
      </c>
      <c r="N23277" s="5" t="s">
        <v>1521</v>
      </c>
      <c r="O23277" s="5" t="s">
        <v>38</v>
      </c>
      <c r="P23277" s="5" t="s">
        <v>39</v>
      </c>
      <c r="Q23277" s="5" t="s">
        <v>40</v>
      </c>
      <c r="R23277" s="5" t="s">
        <v>1522</v>
      </c>
      <c r="S23277" s="5" t="s">
        <v>1523</v>
      </c>
      <c r="T23277" s="5" t="s">
        <v>42</v>
      </c>
      <c r="U23277" s="2">
        <v>3.008</v>
      </c>
      <c r="V23277" s="2">
        <v>2.484</v>
      </c>
      <c r="W23277" s="2">
        <v>1.4999999999999999E-2</v>
      </c>
      <c r="X23277" s="2">
        <v>118.9</v>
      </c>
      <c r="Y23277" s="2">
        <v>7.6</v>
      </c>
      <c r="Z23277" s="2">
        <v>16.7</v>
      </c>
      <c r="AA23277" s="5"/>
      <c r="AB23277" s="5" t="s">
        <v>43</v>
      </c>
      <c r="AC23277" s="5" t="s">
        <v>44</v>
      </c>
      <c r="AD23277" s="2"/>
      <c r="AE23277" s="1"/>
    </row>
    <row r="23278" spans="1:31" ht="14.45">
      <c r="A23278" s="11"/>
      <c r="B23278" s="20"/>
      <c r="C23278" s="2" t="s">
        <v>74713</v>
      </c>
      <c r="D23278" s="14" t="s">
        <v>74714</v>
      </c>
      <c r="E23278" s="2" t="s">
        <v>74715</v>
      </c>
      <c r="F23278" s="2" t="s">
        <v>7204</v>
      </c>
      <c r="G23278" s="8">
        <v>263</v>
      </c>
      <c r="H23278" s="5">
        <v>6</v>
      </c>
      <c r="I23278" s="5" t="s">
        <v>1518</v>
      </c>
      <c r="J23278" s="5" t="s">
        <v>69038</v>
      </c>
      <c r="K23278" s="2" t="s">
        <v>69039</v>
      </c>
      <c r="L23278" s="5" t="s">
        <v>69038</v>
      </c>
      <c r="M23278" s="2" t="s">
        <v>69039</v>
      </c>
      <c r="N23278" s="5" t="s">
        <v>1521</v>
      </c>
      <c r="O23278" s="5" t="s">
        <v>38</v>
      </c>
      <c r="P23278" s="5" t="s">
        <v>39</v>
      </c>
      <c r="Q23278" s="5" t="s">
        <v>40</v>
      </c>
      <c r="R23278" s="5" t="s">
        <v>1522</v>
      </c>
      <c r="S23278" s="5" t="s">
        <v>1523</v>
      </c>
      <c r="T23278" s="5" t="s">
        <v>42</v>
      </c>
      <c r="U23278" s="2">
        <v>3.1579999999999999</v>
      </c>
      <c r="V23278" s="2">
        <v>2.5590000000000002</v>
      </c>
      <c r="W23278" s="2">
        <v>1.7999999999999999E-2</v>
      </c>
      <c r="X23278" s="2">
        <v>139.1</v>
      </c>
      <c r="Y23278" s="2">
        <v>7.6</v>
      </c>
      <c r="Z23278" s="2">
        <v>16.7</v>
      </c>
      <c r="AA23278" s="5"/>
      <c r="AB23278" s="5" t="s">
        <v>43</v>
      </c>
      <c r="AC23278" s="5" t="s">
        <v>44</v>
      </c>
      <c r="AD23278" s="2"/>
      <c r="AE23278" s="1"/>
    </row>
    <row r="23279" spans="1:31" ht="14.45">
      <c r="A23279" s="11"/>
      <c r="B23279" s="20"/>
      <c r="C23279" s="2" t="s">
        <v>74716</v>
      </c>
      <c r="D23279" s="14" t="s">
        <v>74717</v>
      </c>
      <c r="E23279" s="2" t="s">
        <v>74718</v>
      </c>
      <c r="F23279" s="2" t="s">
        <v>7514</v>
      </c>
      <c r="G23279" s="8">
        <v>263</v>
      </c>
      <c r="H23279" s="5">
        <v>6</v>
      </c>
      <c r="I23279" s="5" t="s">
        <v>1518</v>
      </c>
      <c r="J23279" s="5" t="s">
        <v>69038</v>
      </c>
      <c r="K23279" s="2" t="s">
        <v>69039</v>
      </c>
      <c r="L23279" s="5" t="s">
        <v>69038</v>
      </c>
      <c r="M23279" s="2" t="s">
        <v>69039</v>
      </c>
      <c r="N23279" s="5" t="s">
        <v>1521</v>
      </c>
      <c r="O23279" s="5" t="s">
        <v>38</v>
      </c>
      <c r="P23279" s="5" t="s">
        <v>39</v>
      </c>
      <c r="Q23279" s="5" t="s">
        <v>40</v>
      </c>
      <c r="R23279" s="5" t="s">
        <v>1522</v>
      </c>
      <c r="S23279" s="5" t="s">
        <v>1523</v>
      </c>
      <c r="T23279" s="5" t="s">
        <v>42</v>
      </c>
      <c r="U23279" s="2">
        <v>3.26</v>
      </c>
      <c r="V23279" s="2">
        <v>2.661</v>
      </c>
      <c r="W23279" s="2">
        <v>1.7999999999999999E-2</v>
      </c>
      <c r="X23279" s="2">
        <v>139.1</v>
      </c>
      <c r="Y23279" s="2">
        <v>7.6</v>
      </c>
      <c r="Z23279" s="2">
        <v>16.7</v>
      </c>
      <c r="AA23279" s="5"/>
      <c r="AB23279" s="5" t="s">
        <v>43</v>
      </c>
      <c r="AC23279" s="5" t="s">
        <v>44</v>
      </c>
      <c r="AD23279" s="2"/>
      <c r="AE23279" s="1"/>
    </row>
    <row r="23280" spans="1:31" ht="14.45">
      <c r="A23280" s="11"/>
      <c r="B23280" s="20"/>
      <c r="C23280" s="2" t="s">
        <v>74719</v>
      </c>
      <c r="D23280" s="14" t="s">
        <v>74720</v>
      </c>
      <c r="E23280" s="2" t="s">
        <v>74721</v>
      </c>
      <c r="F23280" s="2" t="s">
        <v>7208</v>
      </c>
      <c r="G23280" s="8">
        <v>263</v>
      </c>
      <c r="H23280" s="5">
        <v>6</v>
      </c>
      <c r="I23280" s="5" t="s">
        <v>1518</v>
      </c>
      <c r="J23280" s="5" t="s">
        <v>69038</v>
      </c>
      <c r="K23280" s="2" t="s">
        <v>69039</v>
      </c>
      <c r="L23280" s="5" t="s">
        <v>69038</v>
      </c>
      <c r="M23280" s="2" t="s">
        <v>69039</v>
      </c>
      <c r="N23280" s="5" t="s">
        <v>1521</v>
      </c>
      <c r="O23280" s="5" t="s">
        <v>38</v>
      </c>
      <c r="P23280" s="5" t="s">
        <v>39</v>
      </c>
      <c r="Q23280" s="5" t="s">
        <v>40</v>
      </c>
      <c r="R23280" s="5" t="s">
        <v>1522</v>
      </c>
      <c r="S23280" s="5" t="s">
        <v>1523</v>
      </c>
      <c r="T23280" s="5" t="s">
        <v>42</v>
      </c>
      <c r="U23280" s="2">
        <v>3.1579999999999999</v>
      </c>
      <c r="V23280" s="2">
        <v>2.5590000000000002</v>
      </c>
      <c r="W23280" s="2">
        <v>1.7999999999999999E-2</v>
      </c>
      <c r="X23280" s="2">
        <v>139.1</v>
      </c>
      <c r="Y23280" s="2">
        <v>7.6</v>
      </c>
      <c r="Z23280" s="2">
        <v>16.7</v>
      </c>
      <c r="AA23280" s="5"/>
      <c r="AB23280" s="5" t="s">
        <v>43</v>
      </c>
      <c r="AC23280" s="5" t="s">
        <v>44</v>
      </c>
      <c r="AD23280" s="2"/>
      <c r="AE23280" s="1"/>
    </row>
    <row r="23281" spans="1:31" ht="14.45">
      <c r="A23281" s="11"/>
      <c r="B23281" s="20"/>
      <c r="C23281" s="2" t="s">
        <v>74722</v>
      </c>
      <c r="D23281" s="14" t="s">
        <v>74723</v>
      </c>
      <c r="E23281" s="2" t="s">
        <v>74724</v>
      </c>
      <c r="F23281" s="2" t="s">
        <v>7521</v>
      </c>
      <c r="G23281" s="8">
        <v>263</v>
      </c>
      <c r="H23281" s="5">
        <v>6</v>
      </c>
      <c r="I23281" s="5" t="s">
        <v>1518</v>
      </c>
      <c r="J23281" s="5" t="s">
        <v>69038</v>
      </c>
      <c r="K23281" s="2" t="s">
        <v>69039</v>
      </c>
      <c r="L23281" s="5" t="s">
        <v>69038</v>
      </c>
      <c r="M23281" s="2" t="s">
        <v>69039</v>
      </c>
      <c r="N23281" s="5" t="s">
        <v>1521</v>
      </c>
      <c r="O23281" s="5" t="s">
        <v>38</v>
      </c>
      <c r="P23281" s="5" t="s">
        <v>39</v>
      </c>
      <c r="Q23281" s="5" t="s">
        <v>40</v>
      </c>
      <c r="R23281" s="5" t="s">
        <v>1522</v>
      </c>
      <c r="S23281" s="5" t="s">
        <v>1523</v>
      </c>
      <c r="T23281" s="5" t="s">
        <v>42</v>
      </c>
      <c r="U23281" s="2">
        <v>3.26</v>
      </c>
      <c r="V23281" s="2">
        <v>2.661</v>
      </c>
      <c r="W23281" s="2">
        <v>1.7999999999999999E-2</v>
      </c>
      <c r="X23281" s="2">
        <v>139.1</v>
      </c>
      <c r="Y23281" s="2">
        <v>7.6</v>
      </c>
      <c r="Z23281" s="2">
        <v>16.7</v>
      </c>
      <c r="AA23281" s="5"/>
      <c r="AB23281" s="5" t="s">
        <v>43</v>
      </c>
      <c r="AC23281" s="5" t="s">
        <v>44</v>
      </c>
      <c r="AD23281" s="2"/>
      <c r="AE23281" s="1"/>
    </row>
    <row r="23282" spans="1:31" ht="14.45">
      <c r="A23282" s="11"/>
      <c r="B23282" s="20"/>
      <c r="C23282" s="2" t="s">
        <v>74725</v>
      </c>
      <c r="D23282" s="14" t="s">
        <v>74726</v>
      </c>
      <c r="E23282" s="2" t="s">
        <v>74727</v>
      </c>
      <c r="F23282" s="2" t="s">
        <v>7406</v>
      </c>
      <c r="G23282" s="8">
        <v>283</v>
      </c>
      <c r="H23282" s="5">
        <v>6</v>
      </c>
      <c r="I23282" s="5" t="s">
        <v>1518</v>
      </c>
      <c r="J23282" s="5" t="s">
        <v>69038</v>
      </c>
      <c r="K23282" s="2" t="s">
        <v>69039</v>
      </c>
      <c r="L23282" s="5" t="s">
        <v>69038</v>
      </c>
      <c r="M23282" s="2" t="s">
        <v>69039</v>
      </c>
      <c r="N23282" s="5" t="s">
        <v>1521</v>
      </c>
      <c r="O23282" s="5" t="s">
        <v>38</v>
      </c>
      <c r="P23282" s="5" t="s">
        <v>39</v>
      </c>
      <c r="Q23282" s="5" t="s">
        <v>40</v>
      </c>
      <c r="R23282" s="5" t="s">
        <v>1522</v>
      </c>
      <c r="S23282" s="5" t="s">
        <v>1523</v>
      </c>
      <c r="T23282" s="5" t="s">
        <v>42</v>
      </c>
      <c r="U23282" s="2">
        <v>3.1579999999999999</v>
      </c>
      <c r="V23282" s="2">
        <v>2.5590000000000002</v>
      </c>
      <c r="W23282" s="2">
        <v>1.7999999999999999E-2</v>
      </c>
      <c r="X23282" s="2">
        <v>139.1</v>
      </c>
      <c r="Y23282" s="2">
        <v>7.6</v>
      </c>
      <c r="Z23282" s="2">
        <v>16.7</v>
      </c>
      <c r="AA23282" s="5"/>
      <c r="AB23282" s="5" t="s">
        <v>43</v>
      </c>
      <c r="AC23282" s="5" t="s">
        <v>44</v>
      </c>
      <c r="AD23282" s="2"/>
      <c r="AE23282" s="1"/>
    </row>
    <row r="23283" spans="1:31" ht="14.45">
      <c r="A23283" s="11"/>
      <c r="B23283" s="20"/>
      <c r="C23283" s="2" t="s">
        <v>74728</v>
      </c>
      <c r="D23283" s="14" t="s">
        <v>74729</v>
      </c>
      <c r="E23283" s="2" t="s">
        <v>74730</v>
      </c>
      <c r="F23283" s="2" t="s">
        <v>7535</v>
      </c>
      <c r="G23283" s="8">
        <v>283</v>
      </c>
      <c r="H23283" s="5">
        <v>6</v>
      </c>
      <c r="I23283" s="5" t="s">
        <v>1518</v>
      </c>
      <c r="J23283" s="5" t="s">
        <v>69038</v>
      </c>
      <c r="K23283" s="2" t="s">
        <v>69039</v>
      </c>
      <c r="L23283" s="5" t="s">
        <v>69038</v>
      </c>
      <c r="M23283" s="2" t="s">
        <v>69039</v>
      </c>
      <c r="N23283" s="5" t="s">
        <v>1521</v>
      </c>
      <c r="O23283" s="5" t="s">
        <v>38</v>
      </c>
      <c r="P23283" s="5" t="s">
        <v>39</v>
      </c>
      <c r="Q23283" s="5" t="s">
        <v>40</v>
      </c>
      <c r="R23283" s="5" t="s">
        <v>1522</v>
      </c>
      <c r="S23283" s="5" t="s">
        <v>1523</v>
      </c>
      <c r="T23283" s="5" t="s">
        <v>42</v>
      </c>
      <c r="U23283" s="2">
        <v>3.26</v>
      </c>
      <c r="V23283" s="2">
        <v>2.661</v>
      </c>
      <c r="W23283" s="2">
        <v>1.7999999999999999E-2</v>
      </c>
      <c r="X23283" s="2">
        <v>139.1</v>
      </c>
      <c r="Y23283" s="2">
        <v>7.6</v>
      </c>
      <c r="Z23283" s="2">
        <v>16.7</v>
      </c>
      <c r="AA23283" s="5"/>
      <c r="AB23283" s="5" t="s">
        <v>43</v>
      </c>
      <c r="AC23283" s="5" t="s">
        <v>44</v>
      </c>
      <c r="AD23283" s="2"/>
      <c r="AE23283" s="1"/>
    </row>
    <row r="23284" spans="1:31" ht="14.45">
      <c r="A23284" s="11"/>
      <c r="B23284" s="20"/>
      <c r="C23284" s="2" t="s">
        <v>74731</v>
      </c>
      <c r="D23284" s="14" t="s">
        <v>74732</v>
      </c>
      <c r="E23284" s="2" t="s">
        <v>74733</v>
      </c>
      <c r="F23284" s="2" t="s">
        <v>7539</v>
      </c>
      <c r="G23284" s="8">
        <v>283</v>
      </c>
      <c r="H23284" s="5">
        <v>6</v>
      </c>
      <c r="I23284" s="5" t="s">
        <v>1518</v>
      </c>
      <c r="J23284" s="5" t="s">
        <v>69038</v>
      </c>
      <c r="K23284" s="2" t="s">
        <v>69039</v>
      </c>
      <c r="L23284" s="5" t="s">
        <v>69038</v>
      </c>
      <c r="M23284" s="2" t="s">
        <v>69039</v>
      </c>
      <c r="N23284" s="5" t="s">
        <v>1521</v>
      </c>
      <c r="O23284" s="5" t="s">
        <v>38</v>
      </c>
      <c r="P23284" s="5" t="s">
        <v>39</v>
      </c>
      <c r="Q23284" s="5" t="s">
        <v>40</v>
      </c>
      <c r="R23284" s="5" t="s">
        <v>1522</v>
      </c>
      <c r="S23284" s="5" t="s">
        <v>1523</v>
      </c>
      <c r="T23284" s="5" t="s">
        <v>42</v>
      </c>
      <c r="U23284" s="2">
        <v>3.1579999999999999</v>
      </c>
      <c r="V23284" s="2">
        <v>2.5590000000000002</v>
      </c>
      <c r="W23284" s="2">
        <v>1.7999999999999999E-2</v>
      </c>
      <c r="X23284" s="2">
        <v>139.1</v>
      </c>
      <c r="Y23284" s="2">
        <v>7.6</v>
      </c>
      <c r="Z23284" s="2">
        <v>16.7</v>
      </c>
      <c r="AA23284" s="5"/>
      <c r="AB23284" s="5" t="s">
        <v>43</v>
      </c>
      <c r="AC23284" s="5" t="s">
        <v>44</v>
      </c>
      <c r="AD23284" s="2"/>
      <c r="AE23284" s="1"/>
    </row>
    <row r="23285" spans="1:31" ht="14.45">
      <c r="A23285" s="11"/>
      <c r="B23285" s="20"/>
      <c r="C23285" s="2" t="s">
        <v>74734</v>
      </c>
      <c r="D23285" s="14" t="s">
        <v>74735</v>
      </c>
      <c r="E23285" s="2" t="s">
        <v>74736</v>
      </c>
      <c r="F23285" s="2" t="s">
        <v>7543</v>
      </c>
      <c r="G23285" s="8">
        <v>283</v>
      </c>
      <c r="H23285" s="5">
        <v>6</v>
      </c>
      <c r="I23285" s="5" t="s">
        <v>1518</v>
      </c>
      <c r="J23285" s="5" t="s">
        <v>69038</v>
      </c>
      <c r="K23285" s="2" t="s">
        <v>69039</v>
      </c>
      <c r="L23285" s="5" t="s">
        <v>69038</v>
      </c>
      <c r="M23285" s="2" t="s">
        <v>69039</v>
      </c>
      <c r="N23285" s="5" t="s">
        <v>1521</v>
      </c>
      <c r="O23285" s="5" t="s">
        <v>38</v>
      </c>
      <c r="P23285" s="5" t="s">
        <v>39</v>
      </c>
      <c r="Q23285" s="5" t="s">
        <v>40</v>
      </c>
      <c r="R23285" s="5" t="s">
        <v>1522</v>
      </c>
      <c r="S23285" s="5" t="s">
        <v>1523</v>
      </c>
      <c r="T23285" s="5" t="s">
        <v>42</v>
      </c>
      <c r="U23285" s="2">
        <v>3.26</v>
      </c>
      <c r="V23285" s="2">
        <v>2.661</v>
      </c>
      <c r="W23285" s="2">
        <v>1.7999999999999999E-2</v>
      </c>
      <c r="X23285" s="2">
        <v>139.1</v>
      </c>
      <c r="Y23285" s="2">
        <v>7.6</v>
      </c>
      <c r="Z23285" s="2">
        <v>16.7</v>
      </c>
      <c r="AA23285" s="5"/>
      <c r="AB23285" s="5" t="s">
        <v>43</v>
      </c>
      <c r="AC23285" s="5" t="s">
        <v>44</v>
      </c>
      <c r="AD23285" s="2"/>
      <c r="AE23285" s="1"/>
    </row>
    <row r="23286" spans="1:31" ht="14.45">
      <c r="A23286" s="11"/>
      <c r="B23286" s="20"/>
      <c r="C23286" s="2" t="s">
        <v>74737</v>
      </c>
      <c r="D23286" s="14" t="s">
        <v>74738</v>
      </c>
      <c r="E23286" s="2" t="s">
        <v>74739</v>
      </c>
      <c r="F23286" s="2" t="s">
        <v>7396</v>
      </c>
      <c r="G23286" s="8">
        <v>263</v>
      </c>
      <c r="H23286" s="5">
        <v>6</v>
      </c>
      <c r="I23286" s="5" t="s">
        <v>1518</v>
      </c>
      <c r="J23286" s="5" t="s">
        <v>69038</v>
      </c>
      <c r="K23286" s="2" t="s">
        <v>69039</v>
      </c>
      <c r="L23286" s="5" t="s">
        <v>69038</v>
      </c>
      <c r="M23286" s="2" t="s">
        <v>69039</v>
      </c>
      <c r="N23286" s="5" t="s">
        <v>1521</v>
      </c>
      <c r="O23286" s="5" t="s">
        <v>38</v>
      </c>
      <c r="P23286" s="5" t="s">
        <v>39</v>
      </c>
      <c r="Q23286" s="5" t="s">
        <v>40</v>
      </c>
      <c r="R23286" s="5" t="s">
        <v>1522</v>
      </c>
      <c r="S23286" s="5" t="s">
        <v>1523</v>
      </c>
      <c r="T23286" s="5" t="s">
        <v>42</v>
      </c>
      <c r="U23286" s="2">
        <v>3.1579999999999999</v>
      </c>
      <c r="V23286" s="2">
        <v>2.5590000000000002</v>
      </c>
      <c r="W23286" s="2">
        <v>1.7999999999999999E-2</v>
      </c>
      <c r="X23286" s="2">
        <v>139.1</v>
      </c>
      <c r="Y23286" s="2">
        <v>7.6</v>
      </c>
      <c r="Z23286" s="2">
        <v>16.7</v>
      </c>
      <c r="AA23286" s="5"/>
      <c r="AB23286" s="5" t="s">
        <v>43</v>
      </c>
      <c r="AC23286" s="5" t="s">
        <v>44</v>
      </c>
      <c r="AD23286" s="2"/>
      <c r="AE23286" s="1"/>
    </row>
    <row r="23287" spans="1:31" ht="14.45">
      <c r="A23287" s="11"/>
      <c r="B23287" s="20"/>
      <c r="C23287" s="2" t="s">
        <v>74740</v>
      </c>
      <c r="D23287" s="14" t="s">
        <v>74741</v>
      </c>
      <c r="E23287" s="2" t="s">
        <v>74742</v>
      </c>
      <c r="F23287" s="2" t="s">
        <v>7507</v>
      </c>
      <c r="G23287" s="8">
        <v>263</v>
      </c>
      <c r="H23287" s="5">
        <v>6</v>
      </c>
      <c r="I23287" s="5" t="s">
        <v>1518</v>
      </c>
      <c r="J23287" s="5" t="s">
        <v>69038</v>
      </c>
      <c r="K23287" s="2" t="s">
        <v>69039</v>
      </c>
      <c r="L23287" s="5" t="s">
        <v>69038</v>
      </c>
      <c r="M23287" s="2" t="s">
        <v>69039</v>
      </c>
      <c r="N23287" s="5" t="s">
        <v>1521</v>
      </c>
      <c r="O23287" s="5" t="s">
        <v>38</v>
      </c>
      <c r="P23287" s="5" t="s">
        <v>39</v>
      </c>
      <c r="Q23287" s="5" t="s">
        <v>40</v>
      </c>
      <c r="R23287" s="5" t="s">
        <v>1522</v>
      </c>
      <c r="S23287" s="5" t="s">
        <v>1523</v>
      </c>
      <c r="T23287" s="5" t="s">
        <v>42</v>
      </c>
      <c r="U23287" s="2">
        <v>3.26</v>
      </c>
      <c r="V23287" s="2">
        <v>2.661</v>
      </c>
      <c r="W23287" s="2">
        <v>1.7999999999999999E-2</v>
      </c>
      <c r="X23287" s="2">
        <v>139.1</v>
      </c>
      <c r="Y23287" s="2">
        <v>7.6</v>
      </c>
      <c r="Z23287" s="2">
        <v>16.7</v>
      </c>
      <c r="AA23287" s="5"/>
      <c r="AB23287" s="5" t="s">
        <v>43</v>
      </c>
      <c r="AC23287" s="5" t="s">
        <v>44</v>
      </c>
      <c r="AD23287" s="2"/>
      <c r="AE23287" s="1"/>
    </row>
    <row r="23288" spans="1:31" ht="14.45">
      <c r="A23288" s="11"/>
      <c r="B23288" s="20"/>
      <c r="C23288" s="2" t="s">
        <v>74743</v>
      </c>
      <c r="D23288" s="14" t="s">
        <v>74744</v>
      </c>
      <c r="E23288" s="2" t="s">
        <v>74745</v>
      </c>
      <c r="F23288" s="2" t="s">
        <v>7563</v>
      </c>
      <c r="G23288" s="8">
        <v>283</v>
      </c>
      <c r="H23288" s="5">
        <v>6</v>
      </c>
      <c r="I23288" s="5" t="s">
        <v>1518</v>
      </c>
      <c r="J23288" s="5" t="s">
        <v>69038</v>
      </c>
      <c r="K23288" s="2" t="s">
        <v>69039</v>
      </c>
      <c r="L23288" s="5" t="s">
        <v>69038</v>
      </c>
      <c r="M23288" s="2" t="s">
        <v>69039</v>
      </c>
      <c r="N23288" s="5" t="s">
        <v>1521</v>
      </c>
      <c r="O23288" s="5" t="s">
        <v>38</v>
      </c>
      <c r="P23288" s="5" t="s">
        <v>39</v>
      </c>
      <c r="Q23288" s="5" t="s">
        <v>40</v>
      </c>
      <c r="R23288" s="5" t="s">
        <v>1522</v>
      </c>
      <c r="S23288" s="5" t="s">
        <v>1523</v>
      </c>
      <c r="T23288" s="5" t="s">
        <v>42</v>
      </c>
      <c r="U23288" s="2">
        <v>3.1579999999999999</v>
      </c>
      <c r="V23288" s="2">
        <v>2.5590000000000002</v>
      </c>
      <c r="W23288" s="2">
        <v>1.7999999999999999E-2</v>
      </c>
      <c r="X23288" s="2">
        <v>139.1</v>
      </c>
      <c r="Y23288" s="2">
        <v>7.6</v>
      </c>
      <c r="Z23288" s="2">
        <v>16.7</v>
      </c>
      <c r="AA23288" s="5"/>
      <c r="AB23288" s="5" t="s">
        <v>43</v>
      </c>
      <c r="AC23288" s="5" t="s">
        <v>44</v>
      </c>
      <c r="AD23288" s="2"/>
      <c r="AE23288" s="1"/>
    </row>
    <row r="23289" spans="1:31" ht="14.45">
      <c r="A23289" s="11"/>
      <c r="B23289" s="20"/>
      <c r="C23289" s="2" t="s">
        <v>74746</v>
      </c>
      <c r="D23289" s="14" t="s">
        <v>74747</v>
      </c>
      <c r="E23289" s="2" t="s">
        <v>74748</v>
      </c>
      <c r="F23289" s="2" t="s">
        <v>7567</v>
      </c>
      <c r="G23289" s="8">
        <v>283</v>
      </c>
      <c r="H23289" s="5">
        <v>6</v>
      </c>
      <c r="I23289" s="5" t="s">
        <v>1518</v>
      </c>
      <c r="J23289" s="5" t="s">
        <v>69038</v>
      </c>
      <c r="K23289" s="2" t="s">
        <v>69039</v>
      </c>
      <c r="L23289" s="5" t="s">
        <v>69038</v>
      </c>
      <c r="M23289" s="2" t="s">
        <v>69039</v>
      </c>
      <c r="N23289" s="5" t="s">
        <v>1521</v>
      </c>
      <c r="O23289" s="5" t="s">
        <v>38</v>
      </c>
      <c r="P23289" s="5" t="s">
        <v>39</v>
      </c>
      <c r="Q23289" s="5" t="s">
        <v>40</v>
      </c>
      <c r="R23289" s="5" t="s">
        <v>1522</v>
      </c>
      <c r="S23289" s="5" t="s">
        <v>1523</v>
      </c>
      <c r="T23289" s="5" t="s">
        <v>42</v>
      </c>
      <c r="U23289" s="2">
        <v>3.26</v>
      </c>
      <c r="V23289" s="2">
        <v>2.661</v>
      </c>
      <c r="W23289" s="2">
        <v>1.7999999999999999E-2</v>
      </c>
      <c r="X23289" s="2">
        <v>139.1</v>
      </c>
      <c r="Y23289" s="2">
        <v>7.6</v>
      </c>
      <c r="Z23289" s="2">
        <v>16.7</v>
      </c>
      <c r="AA23289" s="5"/>
      <c r="AB23289" s="5" t="s">
        <v>43</v>
      </c>
      <c r="AC23289" s="5" t="s">
        <v>44</v>
      </c>
      <c r="AD23289" s="2"/>
      <c r="AE23289" s="1"/>
    </row>
    <row r="23290" spans="1:31" ht="14.45">
      <c r="A23290" s="11"/>
      <c r="B23290" s="20"/>
      <c r="C23290" s="2" t="s">
        <v>74749</v>
      </c>
      <c r="D23290" s="14" t="s">
        <v>74750</v>
      </c>
      <c r="E23290" s="2" t="s">
        <v>74751</v>
      </c>
      <c r="F23290" s="2" t="s">
        <v>7581</v>
      </c>
      <c r="G23290" s="8">
        <v>283</v>
      </c>
      <c r="H23290" s="5">
        <v>6</v>
      </c>
      <c r="I23290" s="5" t="s">
        <v>1518</v>
      </c>
      <c r="J23290" s="5" t="s">
        <v>69038</v>
      </c>
      <c r="K23290" s="2" t="s">
        <v>69039</v>
      </c>
      <c r="L23290" s="5" t="s">
        <v>69038</v>
      </c>
      <c r="M23290" s="2" t="s">
        <v>69039</v>
      </c>
      <c r="N23290" s="5" t="s">
        <v>1521</v>
      </c>
      <c r="O23290" s="5" t="s">
        <v>38</v>
      </c>
      <c r="P23290" s="5" t="s">
        <v>39</v>
      </c>
      <c r="Q23290" s="5" t="s">
        <v>40</v>
      </c>
      <c r="R23290" s="5" t="s">
        <v>1522</v>
      </c>
      <c r="S23290" s="5" t="s">
        <v>1523</v>
      </c>
      <c r="T23290" s="5" t="s">
        <v>42</v>
      </c>
      <c r="U23290" s="2">
        <v>3.26</v>
      </c>
      <c r="V23290" s="2">
        <v>2.661</v>
      </c>
      <c r="W23290" s="2">
        <v>1.7999999999999999E-2</v>
      </c>
      <c r="X23290" s="2">
        <v>139.1</v>
      </c>
      <c r="Y23290" s="2">
        <v>7.6</v>
      </c>
      <c r="Z23290" s="2">
        <v>16.7</v>
      </c>
      <c r="AA23290" s="5"/>
      <c r="AB23290" s="5" t="s">
        <v>43</v>
      </c>
      <c r="AC23290" s="5" t="s">
        <v>44</v>
      </c>
      <c r="AD23290" s="2"/>
      <c r="AE23290" s="1"/>
    </row>
    <row r="23291" spans="1:31" ht="14.45">
      <c r="A23291" s="11"/>
      <c r="B23291" s="20"/>
      <c r="C23291" s="2" t="s">
        <v>74752</v>
      </c>
      <c r="D23291" s="14" t="s">
        <v>74753</v>
      </c>
      <c r="E23291" s="2" t="s">
        <v>74754</v>
      </c>
      <c r="F23291" s="2" t="s">
        <v>7585</v>
      </c>
      <c r="G23291" s="8">
        <v>283</v>
      </c>
      <c r="H23291" s="5">
        <v>6</v>
      </c>
      <c r="I23291" s="5" t="s">
        <v>1518</v>
      </c>
      <c r="J23291" s="5" t="s">
        <v>69038</v>
      </c>
      <c r="K23291" s="2" t="s">
        <v>69039</v>
      </c>
      <c r="L23291" s="5" t="s">
        <v>69038</v>
      </c>
      <c r="M23291" s="2" t="s">
        <v>69039</v>
      </c>
      <c r="N23291" s="5" t="s">
        <v>1521</v>
      </c>
      <c r="O23291" s="5" t="s">
        <v>38</v>
      </c>
      <c r="P23291" s="5" t="s">
        <v>39</v>
      </c>
      <c r="Q23291" s="5" t="s">
        <v>40</v>
      </c>
      <c r="R23291" s="5" t="s">
        <v>1522</v>
      </c>
      <c r="S23291" s="5" t="s">
        <v>1523</v>
      </c>
      <c r="T23291" s="5" t="s">
        <v>42</v>
      </c>
      <c r="U23291" s="2">
        <v>3.1579999999999999</v>
      </c>
      <c r="V23291" s="2">
        <v>2.5590000000000002</v>
      </c>
      <c r="W23291" s="2">
        <v>1.7999999999999999E-2</v>
      </c>
      <c r="X23291" s="2">
        <v>139.1</v>
      </c>
      <c r="Y23291" s="2">
        <v>7.6</v>
      </c>
      <c r="Z23291" s="2">
        <v>16.7</v>
      </c>
      <c r="AA23291" s="5"/>
      <c r="AB23291" s="5" t="s">
        <v>43</v>
      </c>
      <c r="AC23291" s="5" t="s">
        <v>44</v>
      </c>
      <c r="AD23291" s="2"/>
      <c r="AE23291" s="1"/>
    </row>
    <row r="23292" spans="1:31" ht="14.45">
      <c r="A23292" s="11"/>
      <c r="B23292" s="20"/>
      <c r="C23292" s="2" t="s">
        <v>74755</v>
      </c>
      <c r="D23292" s="14" t="s">
        <v>74756</v>
      </c>
      <c r="E23292" s="2" t="s">
        <v>74757</v>
      </c>
      <c r="F23292" s="2" t="s">
        <v>7589</v>
      </c>
      <c r="G23292" s="8">
        <v>283</v>
      </c>
      <c r="H23292" s="5">
        <v>6</v>
      </c>
      <c r="I23292" s="5" t="s">
        <v>1518</v>
      </c>
      <c r="J23292" s="5" t="s">
        <v>69038</v>
      </c>
      <c r="K23292" s="2" t="s">
        <v>69039</v>
      </c>
      <c r="L23292" s="5" t="s">
        <v>69038</v>
      </c>
      <c r="M23292" s="2" t="s">
        <v>69039</v>
      </c>
      <c r="N23292" s="5" t="s">
        <v>1521</v>
      </c>
      <c r="O23292" s="5" t="s">
        <v>38</v>
      </c>
      <c r="P23292" s="5" t="s">
        <v>39</v>
      </c>
      <c r="Q23292" s="5" t="s">
        <v>40</v>
      </c>
      <c r="R23292" s="5" t="s">
        <v>1522</v>
      </c>
      <c r="S23292" s="5" t="s">
        <v>1523</v>
      </c>
      <c r="T23292" s="5" t="s">
        <v>42</v>
      </c>
      <c r="U23292" s="2">
        <v>3.26</v>
      </c>
      <c r="V23292" s="2">
        <v>2.661</v>
      </c>
      <c r="W23292" s="2">
        <v>1.7999999999999999E-2</v>
      </c>
      <c r="X23292" s="2">
        <v>139.1</v>
      </c>
      <c r="Y23292" s="2">
        <v>7.6</v>
      </c>
      <c r="Z23292" s="2">
        <v>16.7</v>
      </c>
      <c r="AA23292" s="5"/>
      <c r="AB23292" s="5" t="s">
        <v>43</v>
      </c>
      <c r="AC23292" s="5" t="s">
        <v>44</v>
      </c>
      <c r="AD23292" s="2"/>
      <c r="AE23292" s="1"/>
    </row>
    <row r="23293" spans="1:31" ht="14.45">
      <c r="A23293" s="11"/>
      <c r="B23293" s="20"/>
      <c r="C23293" s="2" t="s">
        <v>74758</v>
      </c>
      <c r="D23293" s="14" t="s">
        <v>74759</v>
      </c>
      <c r="E23293" s="2" t="s">
        <v>74760</v>
      </c>
      <c r="F23293" s="2" t="s">
        <v>7593</v>
      </c>
      <c r="G23293" s="8">
        <v>283</v>
      </c>
      <c r="H23293" s="5">
        <v>6</v>
      </c>
      <c r="I23293" s="5" t="s">
        <v>1518</v>
      </c>
      <c r="J23293" s="5" t="s">
        <v>69038</v>
      </c>
      <c r="K23293" s="2" t="s">
        <v>69039</v>
      </c>
      <c r="L23293" s="5" t="s">
        <v>69038</v>
      </c>
      <c r="M23293" s="2" t="s">
        <v>69039</v>
      </c>
      <c r="N23293" s="5" t="s">
        <v>1521</v>
      </c>
      <c r="O23293" s="5" t="s">
        <v>38</v>
      </c>
      <c r="P23293" s="5" t="s">
        <v>39</v>
      </c>
      <c r="Q23293" s="5" t="s">
        <v>40</v>
      </c>
      <c r="R23293" s="5" t="s">
        <v>1522</v>
      </c>
      <c r="S23293" s="5" t="s">
        <v>1523</v>
      </c>
      <c r="T23293" s="5" t="s">
        <v>42</v>
      </c>
      <c r="U23293" s="2">
        <v>3.1579999999999999</v>
      </c>
      <c r="V23293" s="2">
        <v>2.5590000000000002</v>
      </c>
      <c r="W23293" s="2">
        <v>1.7999999999999999E-2</v>
      </c>
      <c r="X23293" s="2">
        <v>139.1</v>
      </c>
      <c r="Y23293" s="2">
        <v>7.6</v>
      </c>
      <c r="Z23293" s="2">
        <v>16.7</v>
      </c>
      <c r="AA23293" s="5"/>
      <c r="AB23293" s="5" t="s">
        <v>43</v>
      </c>
      <c r="AC23293" s="5" t="s">
        <v>44</v>
      </c>
      <c r="AD23293" s="2"/>
      <c r="AE23293" s="1"/>
    </row>
    <row r="23294" spans="1:31" ht="14.45">
      <c r="A23294" s="11"/>
      <c r="B23294" s="20"/>
      <c r="C23294" s="2" t="s">
        <v>74761</v>
      </c>
      <c r="D23294" s="14" t="s">
        <v>74762</v>
      </c>
      <c r="E23294" s="2" t="s">
        <v>74763</v>
      </c>
      <c r="F23294" s="2" t="s">
        <v>7597</v>
      </c>
      <c r="G23294" s="8">
        <v>283</v>
      </c>
      <c r="H23294" s="5">
        <v>6</v>
      </c>
      <c r="I23294" s="5" t="s">
        <v>1518</v>
      </c>
      <c r="J23294" s="5" t="s">
        <v>69038</v>
      </c>
      <c r="K23294" s="2" t="s">
        <v>69039</v>
      </c>
      <c r="L23294" s="5" t="s">
        <v>69038</v>
      </c>
      <c r="M23294" s="2" t="s">
        <v>69039</v>
      </c>
      <c r="N23294" s="5" t="s">
        <v>1521</v>
      </c>
      <c r="O23294" s="5" t="s">
        <v>38</v>
      </c>
      <c r="P23294" s="5" t="s">
        <v>39</v>
      </c>
      <c r="Q23294" s="5" t="s">
        <v>40</v>
      </c>
      <c r="R23294" s="5" t="s">
        <v>1522</v>
      </c>
      <c r="S23294" s="5" t="s">
        <v>1523</v>
      </c>
      <c r="T23294" s="5" t="s">
        <v>42</v>
      </c>
      <c r="U23294" s="2">
        <v>3.26</v>
      </c>
      <c r="V23294" s="2">
        <v>2.661</v>
      </c>
      <c r="W23294" s="2">
        <v>1.7999999999999999E-2</v>
      </c>
      <c r="X23294" s="2">
        <v>139.1</v>
      </c>
      <c r="Y23294" s="2">
        <v>7.6</v>
      </c>
      <c r="Z23294" s="2">
        <v>16.7</v>
      </c>
      <c r="AA23294" s="5"/>
      <c r="AB23294" s="5" t="s">
        <v>43</v>
      </c>
      <c r="AC23294" s="5" t="s">
        <v>44</v>
      </c>
      <c r="AD23294" s="2"/>
      <c r="AE23294" s="1"/>
    </row>
    <row r="23295" spans="1:31" ht="14.45">
      <c r="A23295" s="11"/>
      <c r="B23295" s="20"/>
      <c r="C23295" s="2" t="s">
        <v>74764</v>
      </c>
      <c r="D23295" s="14" t="s">
        <v>74765</v>
      </c>
      <c r="E23295" s="2" t="s">
        <v>74766</v>
      </c>
      <c r="F23295" s="2" t="s">
        <v>73358</v>
      </c>
      <c r="G23295" s="8">
        <v>283</v>
      </c>
      <c r="H23295" s="5">
        <v>6</v>
      </c>
      <c r="I23295" s="5" t="s">
        <v>1518</v>
      </c>
      <c r="J23295" s="5" t="s">
        <v>69038</v>
      </c>
      <c r="K23295" s="2" t="s">
        <v>69039</v>
      </c>
      <c r="L23295" s="5" t="s">
        <v>69038</v>
      </c>
      <c r="M23295" s="2" t="s">
        <v>69039</v>
      </c>
      <c r="N23295" s="5" t="s">
        <v>1521</v>
      </c>
      <c r="O23295" s="5" t="s">
        <v>38</v>
      </c>
      <c r="P23295" s="5" t="s">
        <v>39</v>
      </c>
      <c r="Q23295" s="5" t="s">
        <v>40</v>
      </c>
      <c r="R23295" s="5" t="s">
        <v>1522</v>
      </c>
      <c r="S23295" s="5" t="s">
        <v>1523</v>
      </c>
      <c r="T23295" s="5" t="s">
        <v>42</v>
      </c>
      <c r="U23295" s="2">
        <v>3.1579999999999999</v>
      </c>
      <c r="V23295" s="2">
        <v>2.5590000000000002</v>
      </c>
      <c r="W23295" s="2">
        <v>1.7999999999999999E-2</v>
      </c>
      <c r="X23295" s="2">
        <v>139.1</v>
      </c>
      <c r="Y23295" s="2">
        <v>7.6</v>
      </c>
      <c r="Z23295" s="2">
        <v>16.7</v>
      </c>
      <c r="AA23295" s="5"/>
      <c r="AB23295" s="5" t="s">
        <v>43</v>
      </c>
      <c r="AC23295" s="5" t="s">
        <v>44</v>
      </c>
      <c r="AD23295" s="2"/>
      <c r="AE23295" s="1"/>
    </row>
    <row r="23296" spans="1:31" ht="14.45">
      <c r="A23296" s="11"/>
      <c r="B23296" s="20"/>
      <c r="C23296" s="2" t="s">
        <v>74767</v>
      </c>
      <c r="D23296" s="14" t="s">
        <v>74768</v>
      </c>
      <c r="E23296" s="2" t="s">
        <v>74769</v>
      </c>
      <c r="F23296" s="2" t="s">
        <v>73362</v>
      </c>
      <c r="G23296" s="8">
        <v>283</v>
      </c>
      <c r="H23296" s="5">
        <v>6</v>
      </c>
      <c r="I23296" s="5" t="s">
        <v>1518</v>
      </c>
      <c r="J23296" s="5" t="s">
        <v>69038</v>
      </c>
      <c r="K23296" s="2" t="s">
        <v>69039</v>
      </c>
      <c r="L23296" s="5" t="s">
        <v>69038</v>
      </c>
      <c r="M23296" s="2" t="s">
        <v>69039</v>
      </c>
      <c r="N23296" s="5" t="s">
        <v>1521</v>
      </c>
      <c r="O23296" s="5" t="s">
        <v>38</v>
      </c>
      <c r="P23296" s="5" t="s">
        <v>39</v>
      </c>
      <c r="Q23296" s="5" t="s">
        <v>40</v>
      </c>
      <c r="R23296" s="5" t="s">
        <v>1522</v>
      </c>
      <c r="S23296" s="5" t="s">
        <v>1523</v>
      </c>
      <c r="T23296" s="5" t="s">
        <v>42</v>
      </c>
      <c r="U23296" s="2">
        <v>3.26</v>
      </c>
      <c r="V23296" s="2">
        <v>2.661</v>
      </c>
      <c r="W23296" s="2">
        <v>1.7999999999999999E-2</v>
      </c>
      <c r="X23296" s="2">
        <v>139.1</v>
      </c>
      <c r="Y23296" s="2">
        <v>7.6</v>
      </c>
      <c r="Z23296" s="2">
        <v>16.7</v>
      </c>
      <c r="AA23296" s="5"/>
      <c r="AB23296" s="5" t="s">
        <v>43</v>
      </c>
      <c r="AC23296" s="5" t="s">
        <v>44</v>
      </c>
      <c r="AD23296" s="2"/>
      <c r="AE23296" s="1"/>
    </row>
    <row r="23297" spans="1:31" ht="14.45">
      <c r="A23297" s="11"/>
      <c r="B23297" s="20"/>
      <c r="C23297" s="2" t="s">
        <v>74770</v>
      </c>
      <c r="D23297" s="14" t="s">
        <v>74771</v>
      </c>
      <c r="E23297" s="2" t="s">
        <v>74772</v>
      </c>
      <c r="F23297" s="2" t="s">
        <v>7619</v>
      </c>
      <c r="G23297" s="8">
        <v>283</v>
      </c>
      <c r="H23297" s="5">
        <v>6</v>
      </c>
      <c r="I23297" s="5" t="s">
        <v>1518</v>
      </c>
      <c r="J23297" s="5" t="s">
        <v>69038</v>
      </c>
      <c r="K23297" s="2" t="s">
        <v>69039</v>
      </c>
      <c r="L23297" s="5" t="s">
        <v>69038</v>
      </c>
      <c r="M23297" s="2" t="s">
        <v>69039</v>
      </c>
      <c r="N23297" s="5" t="s">
        <v>1521</v>
      </c>
      <c r="O23297" s="5" t="s">
        <v>38</v>
      </c>
      <c r="P23297" s="5" t="s">
        <v>39</v>
      </c>
      <c r="Q23297" s="5" t="s">
        <v>40</v>
      </c>
      <c r="R23297" s="5" t="s">
        <v>1522</v>
      </c>
      <c r="S23297" s="5" t="s">
        <v>1523</v>
      </c>
      <c r="T23297" s="5" t="s">
        <v>42</v>
      </c>
      <c r="U23297" s="2">
        <v>3.26</v>
      </c>
      <c r="V23297" s="2">
        <v>2.661</v>
      </c>
      <c r="W23297" s="2">
        <v>1.7999999999999999E-2</v>
      </c>
      <c r="X23297" s="2">
        <v>139.1</v>
      </c>
      <c r="Y23297" s="2">
        <v>7.6</v>
      </c>
      <c r="Z23297" s="2">
        <v>16.7</v>
      </c>
      <c r="AA23297" s="5"/>
      <c r="AB23297" s="5" t="s">
        <v>43</v>
      </c>
      <c r="AC23297" s="5" t="s">
        <v>44</v>
      </c>
      <c r="AD23297" s="2"/>
      <c r="AE23297" s="1"/>
    </row>
    <row r="23298" spans="1:31" ht="14.45">
      <c r="A23298" s="11"/>
      <c r="B23298" s="20"/>
      <c r="C23298" s="2" t="s">
        <v>74773</v>
      </c>
      <c r="D23298" s="14" t="s">
        <v>74774</v>
      </c>
      <c r="E23298" s="2" t="s">
        <v>74775</v>
      </c>
      <c r="F23298" s="2" t="s">
        <v>16219</v>
      </c>
      <c r="G23298" s="8">
        <v>283</v>
      </c>
      <c r="H23298" s="5">
        <v>6</v>
      </c>
      <c r="I23298" s="5" t="s">
        <v>1518</v>
      </c>
      <c r="J23298" s="5" t="s">
        <v>69038</v>
      </c>
      <c r="K23298" s="2" t="s">
        <v>69039</v>
      </c>
      <c r="L23298" s="5" t="s">
        <v>69038</v>
      </c>
      <c r="M23298" s="2" t="s">
        <v>69039</v>
      </c>
      <c r="N23298" s="5" t="s">
        <v>1521</v>
      </c>
      <c r="O23298" s="5" t="s">
        <v>38</v>
      </c>
      <c r="P23298" s="5" t="s">
        <v>39</v>
      </c>
      <c r="Q23298" s="5" t="s">
        <v>40</v>
      </c>
      <c r="R23298" s="5" t="s">
        <v>1522</v>
      </c>
      <c r="S23298" s="5" t="s">
        <v>1523</v>
      </c>
      <c r="T23298" s="5" t="s">
        <v>42</v>
      </c>
      <c r="U23298" s="2">
        <v>3.26</v>
      </c>
      <c r="V23298" s="2">
        <v>2.661</v>
      </c>
      <c r="W23298" s="2">
        <v>1.7999999999999999E-2</v>
      </c>
      <c r="X23298" s="2">
        <v>139.1</v>
      </c>
      <c r="Y23298" s="2">
        <v>7.6</v>
      </c>
      <c r="Z23298" s="2">
        <v>16.7</v>
      </c>
      <c r="AA23298" s="5"/>
      <c r="AB23298" s="5" t="s">
        <v>43</v>
      </c>
      <c r="AC23298" s="5" t="s">
        <v>44</v>
      </c>
      <c r="AD23298" s="2"/>
      <c r="AE23298" s="1"/>
    </row>
    <row r="23299" spans="1:31" ht="14.45">
      <c r="A23299" s="11"/>
      <c r="B23299" s="20"/>
      <c r="C23299" s="2" t="s">
        <v>74776</v>
      </c>
      <c r="D23299" s="14" t="s">
        <v>74777</v>
      </c>
      <c r="E23299" s="2" t="s">
        <v>74778</v>
      </c>
      <c r="F23299" s="2" t="s">
        <v>7212</v>
      </c>
      <c r="G23299" s="8">
        <v>263</v>
      </c>
      <c r="H23299" s="5">
        <v>6</v>
      </c>
      <c r="I23299" s="5" t="s">
        <v>1518</v>
      </c>
      <c r="J23299" s="5" t="s">
        <v>69038</v>
      </c>
      <c r="K23299" s="2" t="s">
        <v>69039</v>
      </c>
      <c r="L23299" s="5" t="s">
        <v>69038</v>
      </c>
      <c r="M23299" s="2" t="s">
        <v>69039</v>
      </c>
      <c r="N23299" s="5" t="s">
        <v>1521</v>
      </c>
      <c r="O23299" s="5" t="s">
        <v>38</v>
      </c>
      <c r="P23299" s="5" t="s">
        <v>39</v>
      </c>
      <c r="Q23299" s="5" t="s">
        <v>40</v>
      </c>
      <c r="R23299" s="5" t="s">
        <v>1522</v>
      </c>
      <c r="S23299" s="5" t="s">
        <v>1523</v>
      </c>
      <c r="T23299" s="5" t="s">
        <v>42</v>
      </c>
      <c r="U23299" s="2">
        <v>3.1579999999999999</v>
      </c>
      <c r="V23299" s="2">
        <v>2.5590000000000002</v>
      </c>
      <c r="W23299" s="2">
        <v>1.7999999999999999E-2</v>
      </c>
      <c r="X23299" s="2">
        <v>139.1</v>
      </c>
      <c r="Y23299" s="2">
        <v>7.6</v>
      </c>
      <c r="Z23299" s="2">
        <v>16.7</v>
      </c>
      <c r="AA23299" s="5"/>
      <c r="AB23299" s="5" t="s">
        <v>43</v>
      </c>
      <c r="AC23299" s="5" t="s">
        <v>44</v>
      </c>
      <c r="AD23299" s="2"/>
      <c r="AE23299" s="1"/>
    </row>
    <row r="23300" spans="1:31" ht="14.45">
      <c r="A23300" s="11"/>
      <c r="B23300" s="20"/>
      <c r="C23300" s="2" t="s">
        <v>74779</v>
      </c>
      <c r="D23300" s="14" t="s">
        <v>74780</v>
      </c>
      <c r="E23300" s="2" t="s">
        <v>74781</v>
      </c>
      <c r="F23300" s="2" t="s">
        <v>7528</v>
      </c>
      <c r="G23300" s="8">
        <v>263</v>
      </c>
      <c r="H23300" s="5">
        <v>6</v>
      </c>
      <c r="I23300" s="5" t="s">
        <v>1518</v>
      </c>
      <c r="J23300" s="5" t="s">
        <v>69038</v>
      </c>
      <c r="K23300" s="2" t="s">
        <v>69039</v>
      </c>
      <c r="L23300" s="5" t="s">
        <v>69038</v>
      </c>
      <c r="M23300" s="2" t="s">
        <v>69039</v>
      </c>
      <c r="N23300" s="5" t="s">
        <v>1521</v>
      </c>
      <c r="O23300" s="5" t="s">
        <v>38</v>
      </c>
      <c r="P23300" s="5" t="s">
        <v>39</v>
      </c>
      <c r="Q23300" s="5" t="s">
        <v>40</v>
      </c>
      <c r="R23300" s="5" t="s">
        <v>1522</v>
      </c>
      <c r="S23300" s="5" t="s">
        <v>1523</v>
      </c>
      <c r="T23300" s="5" t="s">
        <v>42</v>
      </c>
      <c r="U23300" s="2">
        <v>3.26</v>
      </c>
      <c r="V23300" s="2">
        <v>2.661</v>
      </c>
      <c r="W23300" s="2">
        <v>1.7999999999999999E-2</v>
      </c>
      <c r="X23300" s="2">
        <v>139.1</v>
      </c>
      <c r="Y23300" s="2">
        <v>7.6</v>
      </c>
      <c r="Z23300" s="2">
        <v>16.7</v>
      </c>
      <c r="AA23300" s="5"/>
      <c r="AB23300" s="5" t="s">
        <v>43</v>
      </c>
      <c r="AC23300" s="5" t="s">
        <v>44</v>
      </c>
      <c r="AD23300" s="2"/>
      <c r="AE23300" s="1"/>
    </row>
    <row r="23301" spans="1:31" ht="14.45">
      <c r="A23301" s="11"/>
      <c r="B23301" s="20"/>
      <c r="C23301" s="2" t="s">
        <v>74782</v>
      </c>
      <c r="D23301" s="14" t="s">
        <v>74783</v>
      </c>
      <c r="E23301" s="2" t="s">
        <v>74784</v>
      </c>
      <c r="F23301" s="2" t="s">
        <v>16029</v>
      </c>
      <c r="G23301" s="8">
        <v>283</v>
      </c>
      <c r="H23301" s="5">
        <v>6</v>
      </c>
      <c r="I23301" s="5" t="s">
        <v>1518</v>
      </c>
      <c r="J23301" s="5" t="s">
        <v>69038</v>
      </c>
      <c r="K23301" s="2" t="s">
        <v>69039</v>
      </c>
      <c r="L23301" s="5" t="s">
        <v>69038</v>
      </c>
      <c r="M23301" s="2" t="s">
        <v>69039</v>
      </c>
      <c r="N23301" s="5" t="s">
        <v>1521</v>
      </c>
      <c r="O23301" s="5" t="s">
        <v>38</v>
      </c>
      <c r="P23301" s="5" t="s">
        <v>39</v>
      </c>
      <c r="Q23301" s="5" t="s">
        <v>40</v>
      </c>
      <c r="R23301" s="5" t="s">
        <v>1522</v>
      </c>
      <c r="S23301" s="5" t="s">
        <v>1523</v>
      </c>
      <c r="T23301" s="5" t="s">
        <v>42</v>
      </c>
      <c r="U23301" s="2">
        <v>3.173</v>
      </c>
      <c r="V23301" s="2">
        <v>2.5739999999999998</v>
      </c>
      <c r="W23301" s="2">
        <v>1.7999999999999999E-2</v>
      </c>
      <c r="X23301" s="2">
        <v>139.1</v>
      </c>
      <c r="Y23301" s="2">
        <v>7.6</v>
      </c>
      <c r="Z23301" s="2">
        <v>16.7</v>
      </c>
      <c r="AA23301" s="5"/>
      <c r="AB23301" s="5" t="s">
        <v>43</v>
      </c>
      <c r="AC23301" s="5" t="s">
        <v>44</v>
      </c>
      <c r="AD23301" s="2"/>
      <c r="AE23301" s="1"/>
    </row>
    <row r="23302" spans="1:31" ht="14.45">
      <c r="A23302" s="11"/>
      <c r="B23302" s="20"/>
      <c r="C23302" s="2" t="s">
        <v>74785</v>
      </c>
      <c r="D23302" s="14" t="s">
        <v>74786</v>
      </c>
      <c r="E23302" s="2" t="s">
        <v>74787</v>
      </c>
      <c r="F23302" s="2" t="s">
        <v>16033</v>
      </c>
      <c r="G23302" s="8">
        <v>283</v>
      </c>
      <c r="H23302" s="5">
        <v>6</v>
      </c>
      <c r="I23302" s="5" t="s">
        <v>1518</v>
      </c>
      <c r="J23302" s="5" t="s">
        <v>69038</v>
      </c>
      <c r="K23302" s="2" t="s">
        <v>69039</v>
      </c>
      <c r="L23302" s="5" t="s">
        <v>69038</v>
      </c>
      <c r="M23302" s="2" t="s">
        <v>69039</v>
      </c>
      <c r="N23302" s="5" t="s">
        <v>1521</v>
      </c>
      <c r="O23302" s="5" t="s">
        <v>38</v>
      </c>
      <c r="P23302" s="5" t="s">
        <v>39</v>
      </c>
      <c r="Q23302" s="5" t="s">
        <v>40</v>
      </c>
      <c r="R23302" s="5" t="s">
        <v>1522</v>
      </c>
      <c r="S23302" s="5" t="s">
        <v>1523</v>
      </c>
      <c r="T23302" s="5" t="s">
        <v>42</v>
      </c>
      <c r="U23302" s="2">
        <v>3.2749999999999999</v>
      </c>
      <c r="V23302" s="2">
        <v>2.6760000000000002</v>
      </c>
      <c r="W23302" s="2">
        <v>1.7999999999999999E-2</v>
      </c>
      <c r="X23302" s="2">
        <v>139.1</v>
      </c>
      <c r="Y23302" s="2">
        <v>7.6</v>
      </c>
      <c r="Z23302" s="2">
        <v>16.7</v>
      </c>
      <c r="AA23302" s="5"/>
      <c r="AB23302" s="5" t="s">
        <v>43</v>
      </c>
      <c r="AC23302" s="5" t="s">
        <v>44</v>
      </c>
      <c r="AD23302" s="2"/>
      <c r="AE23302" s="1"/>
    </row>
    <row r="23303" spans="1:31" ht="14.45">
      <c r="A23303" s="11"/>
      <c r="B23303" s="20"/>
      <c r="C23303" s="2" t="s">
        <v>74788</v>
      </c>
      <c r="D23303" s="14" t="s">
        <v>74789</v>
      </c>
      <c r="E23303" s="2" t="s">
        <v>74790</v>
      </c>
      <c r="F23303" s="2" t="s">
        <v>7204</v>
      </c>
      <c r="G23303" s="8">
        <v>275</v>
      </c>
      <c r="H23303" s="5">
        <v>6</v>
      </c>
      <c r="I23303" s="5" t="s">
        <v>1518</v>
      </c>
      <c r="J23303" s="5" t="s">
        <v>69038</v>
      </c>
      <c r="K23303" s="2" t="s">
        <v>69039</v>
      </c>
      <c r="L23303" s="5" t="s">
        <v>69038</v>
      </c>
      <c r="M23303" s="2" t="s">
        <v>69039</v>
      </c>
      <c r="N23303" s="5" t="s">
        <v>1521</v>
      </c>
      <c r="O23303" s="5" t="s">
        <v>38</v>
      </c>
      <c r="P23303" s="5" t="s">
        <v>39</v>
      </c>
      <c r="Q23303" s="5" t="s">
        <v>40</v>
      </c>
      <c r="R23303" s="5" t="s">
        <v>1522</v>
      </c>
      <c r="S23303" s="5" t="s">
        <v>1523</v>
      </c>
      <c r="T23303" s="5" t="s">
        <v>42</v>
      </c>
      <c r="U23303" s="2">
        <v>3.407</v>
      </c>
      <c r="V23303" s="2">
        <v>2.7250000000000001</v>
      </c>
      <c r="W23303" s="2">
        <v>0.02</v>
      </c>
      <c r="X23303" s="2">
        <v>159.1</v>
      </c>
      <c r="Y23303" s="2">
        <v>7.6</v>
      </c>
      <c r="Z23303" s="2">
        <v>16.7</v>
      </c>
      <c r="AA23303" s="5"/>
      <c r="AB23303" s="5" t="s">
        <v>43</v>
      </c>
      <c r="AC23303" s="5" t="s">
        <v>44</v>
      </c>
      <c r="AD23303" s="2"/>
      <c r="AE23303" s="1"/>
    </row>
    <row r="23304" spans="1:31" ht="14.45">
      <c r="A23304" s="11"/>
      <c r="B23304" s="20"/>
      <c r="C23304" s="2" t="s">
        <v>74791</v>
      </c>
      <c r="D23304" s="14" t="s">
        <v>74792</v>
      </c>
      <c r="E23304" s="2" t="s">
        <v>74793</v>
      </c>
      <c r="F23304" s="2" t="s">
        <v>7514</v>
      </c>
      <c r="G23304" s="8">
        <v>275</v>
      </c>
      <c r="H23304" s="5">
        <v>6</v>
      </c>
      <c r="I23304" s="5" t="s">
        <v>1518</v>
      </c>
      <c r="J23304" s="5" t="s">
        <v>69038</v>
      </c>
      <c r="K23304" s="2" t="s">
        <v>69039</v>
      </c>
      <c r="L23304" s="5" t="s">
        <v>69038</v>
      </c>
      <c r="M23304" s="2" t="s">
        <v>69039</v>
      </c>
      <c r="N23304" s="5" t="s">
        <v>1521</v>
      </c>
      <c r="O23304" s="5" t="s">
        <v>38</v>
      </c>
      <c r="P23304" s="5" t="s">
        <v>39</v>
      </c>
      <c r="Q23304" s="5" t="s">
        <v>40</v>
      </c>
      <c r="R23304" s="5" t="s">
        <v>1522</v>
      </c>
      <c r="S23304" s="5" t="s">
        <v>1523</v>
      </c>
      <c r="T23304" s="5" t="s">
        <v>42</v>
      </c>
      <c r="U23304" s="2">
        <v>3.5209999999999999</v>
      </c>
      <c r="V23304" s="2">
        <v>2.839</v>
      </c>
      <c r="W23304" s="2">
        <v>0.02</v>
      </c>
      <c r="X23304" s="2">
        <v>159.1</v>
      </c>
      <c r="Y23304" s="2">
        <v>7.6</v>
      </c>
      <c r="Z23304" s="2">
        <v>16.7</v>
      </c>
      <c r="AA23304" s="5"/>
      <c r="AB23304" s="5" t="s">
        <v>43</v>
      </c>
      <c r="AC23304" s="5" t="s">
        <v>44</v>
      </c>
      <c r="AD23304" s="2"/>
      <c r="AE23304" s="1"/>
    </row>
    <row r="23305" spans="1:31" ht="14.45">
      <c r="A23305" s="11"/>
      <c r="B23305" s="20"/>
      <c r="C23305" s="2" t="s">
        <v>74794</v>
      </c>
      <c r="D23305" s="14" t="s">
        <v>74795</v>
      </c>
      <c r="E23305" s="2" t="s">
        <v>74796</v>
      </c>
      <c r="F23305" s="2" t="s">
        <v>7208</v>
      </c>
      <c r="G23305" s="8">
        <v>275</v>
      </c>
      <c r="H23305" s="5">
        <v>6</v>
      </c>
      <c r="I23305" s="5" t="s">
        <v>1518</v>
      </c>
      <c r="J23305" s="5" t="s">
        <v>69038</v>
      </c>
      <c r="K23305" s="2" t="s">
        <v>69039</v>
      </c>
      <c r="L23305" s="5" t="s">
        <v>69038</v>
      </c>
      <c r="M23305" s="2" t="s">
        <v>69039</v>
      </c>
      <c r="N23305" s="5" t="s">
        <v>1521</v>
      </c>
      <c r="O23305" s="5" t="s">
        <v>38</v>
      </c>
      <c r="P23305" s="5" t="s">
        <v>39</v>
      </c>
      <c r="Q23305" s="5" t="s">
        <v>40</v>
      </c>
      <c r="R23305" s="5" t="s">
        <v>1522</v>
      </c>
      <c r="S23305" s="5" t="s">
        <v>1523</v>
      </c>
      <c r="T23305" s="5" t="s">
        <v>42</v>
      </c>
      <c r="U23305" s="2">
        <v>3.407</v>
      </c>
      <c r="V23305" s="2">
        <v>2.7250000000000001</v>
      </c>
      <c r="W23305" s="2">
        <v>0.02</v>
      </c>
      <c r="X23305" s="2">
        <v>159.1</v>
      </c>
      <c r="Y23305" s="2">
        <v>7.6</v>
      </c>
      <c r="Z23305" s="2">
        <v>16.7</v>
      </c>
      <c r="AA23305" s="5"/>
      <c r="AB23305" s="5" t="s">
        <v>43</v>
      </c>
      <c r="AC23305" s="5" t="s">
        <v>44</v>
      </c>
      <c r="AD23305" s="2"/>
      <c r="AE23305" s="1"/>
    </row>
    <row r="23306" spans="1:31" ht="14.45">
      <c r="A23306" s="11"/>
      <c r="B23306" s="20"/>
      <c r="C23306" s="2" t="s">
        <v>74797</v>
      </c>
      <c r="D23306" s="14" t="s">
        <v>74798</v>
      </c>
      <c r="E23306" s="2" t="s">
        <v>74799</v>
      </c>
      <c r="F23306" s="2" t="s">
        <v>7521</v>
      </c>
      <c r="G23306" s="8">
        <v>275</v>
      </c>
      <c r="H23306" s="5">
        <v>6</v>
      </c>
      <c r="I23306" s="5" t="s">
        <v>1518</v>
      </c>
      <c r="J23306" s="5" t="s">
        <v>69038</v>
      </c>
      <c r="K23306" s="2" t="s">
        <v>69039</v>
      </c>
      <c r="L23306" s="5" t="s">
        <v>69038</v>
      </c>
      <c r="M23306" s="2" t="s">
        <v>69039</v>
      </c>
      <c r="N23306" s="5" t="s">
        <v>1521</v>
      </c>
      <c r="O23306" s="5" t="s">
        <v>38</v>
      </c>
      <c r="P23306" s="5" t="s">
        <v>39</v>
      </c>
      <c r="Q23306" s="5" t="s">
        <v>40</v>
      </c>
      <c r="R23306" s="5" t="s">
        <v>1522</v>
      </c>
      <c r="S23306" s="5" t="s">
        <v>1523</v>
      </c>
      <c r="T23306" s="5" t="s">
        <v>42</v>
      </c>
      <c r="U23306" s="2">
        <v>3.5209999999999999</v>
      </c>
      <c r="V23306" s="2">
        <v>2.839</v>
      </c>
      <c r="W23306" s="2">
        <v>0.02</v>
      </c>
      <c r="X23306" s="2">
        <v>159.1</v>
      </c>
      <c r="Y23306" s="2">
        <v>7.6</v>
      </c>
      <c r="Z23306" s="2">
        <v>16.7</v>
      </c>
      <c r="AA23306" s="5"/>
      <c r="AB23306" s="5" t="s">
        <v>43</v>
      </c>
      <c r="AC23306" s="5" t="s">
        <v>44</v>
      </c>
      <c r="AD23306" s="2"/>
      <c r="AE23306" s="1"/>
    </row>
    <row r="23307" spans="1:31" ht="14.45">
      <c r="A23307" s="11"/>
      <c r="B23307" s="20"/>
      <c r="C23307" s="2" t="s">
        <v>74800</v>
      </c>
      <c r="D23307" s="14" t="s">
        <v>74801</v>
      </c>
      <c r="E23307" s="2" t="s">
        <v>74802</v>
      </c>
      <c r="F23307" s="2" t="s">
        <v>7406</v>
      </c>
      <c r="G23307" s="8">
        <v>296</v>
      </c>
      <c r="H23307" s="5">
        <v>6</v>
      </c>
      <c r="I23307" s="5" t="s">
        <v>1518</v>
      </c>
      <c r="J23307" s="5" t="s">
        <v>69038</v>
      </c>
      <c r="K23307" s="2" t="s">
        <v>69039</v>
      </c>
      <c r="L23307" s="5" t="s">
        <v>69038</v>
      </c>
      <c r="M23307" s="2" t="s">
        <v>69039</v>
      </c>
      <c r="N23307" s="5" t="s">
        <v>1521</v>
      </c>
      <c r="O23307" s="5" t="s">
        <v>38</v>
      </c>
      <c r="P23307" s="5" t="s">
        <v>39</v>
      </c>
      <c r="Q23307" s="5" t="s">
        <v>40</v>
      </c>
      <c r="R23307" s="5" t="s">
        <v>1522</v>
      </c>
      <c r="S23307" s="5" t="s">
        <v>1523</v>
      </c>
      <c r="T23307" s="5" t="s">
        <v>42</v>
      </c>
      <c r="U23307" s="2">
        <v>3.407</v>
      </c>
      <c r="V23307" s="2">
        <v>2.7250000000000001</v>
      </c>
      <c r="W23307" s="2">
        <v>0.02</v>
      </c>
      <c r="X23307" s="2">
        <v>159.1</v>
      </c>
      <c r="Y23307" s="2">
        <v>7.6</v>
      </c>
      <c r="Z23307" s="2">
        <v>16.7</v>
      </c>
      <c r="AA23307" s="5"/>
      <c r="AB23307" s="5" t="s">
        <v>43</v>
      </c>
      <c r="AC23307" s="5" t="s">
        <v>44</v>
      </c>
      <c r="AD23307" s="2"/>
      <c r="AE23307" s="1"/>
    </row>
    <row r="23308" spans="1:31" ht="14.45">
      <c r="A23308" s="11"/>
      <c r="B23308" s="20"/>
      <c r="C23308" s="2" t="s">
        <v>74803</v>
      </c>
      <c r="D23308" s="14" t="s">
        <v>74804</v>
      </c>
      <c r="E23308" s="2" t="s">
        <v>74805</v>
      </c>
      <c r="F23308" s="2" t="s">
        <v>7535</v>
      </c>
      <c r="G23308" s="8">
        <v>296</v>
      </c>
      <c r="H23308" s="5">
        <v>6</v>
      </c>
      <c r="I23308" s="5" t="s">
        <v>1518</v>
      </c>
      <c r="J23308" s="5" t="s">
        <v>69038</v>
      </c>
      <c r="K23308" s="2" t="s">
        <v>69039</v>
      </c>
      <c r="L23308" s="5" t="s">
        <v>69038</v>
      </c>
      <c r="M23308" s="2" t="s">
        <v>69039</v>
      </c>
      <c r="N23308" s="5" t="s">
        <v>1521</v>
      </c>
      <c r="O23308" s="5" t="s">
        <v>38</v>
      </c>
      <c r="P23308" s="5" t="s">
        <v>39</v>
      </c>
      <c r="Q23308" s="5" t="s">
        <v>40</v>
      </c>
      <c r="R23308" s="5" t="s">
        <v>1522</v>
      </c>
      <c r="S23308" s="5" t="s">
        <v>1523</v>
      </c>
      <c r="T23308" s="5" t="s">
        <v>42</v>
      </c>
      <c r="U23308" s="2">
        <v>3.5209999999999999</v>
      </c>
      <c r="V23308" s="2">
        <v>2.839</v>
      </c>
      <c r="W23308" s="2">
        <v>0.02</v>
      </c>
      <c r="X23308" s="2">
        <v>159.1</v>
      </c>
      <c r="Y23308" s="2">
        <v>7.6</v>
      </c>
      <c r="Z23308" s="2">
        <v>16.7</v>
      </c>
      <c r="AA23308" s="5"/>
      <c r="AB23308" s="5" t="s">
        <v>43</v>
      </c>
      <c r="AC23308" s="5" t="s">
        <v>44</v>
      </c>
      <c r="AD23308" s="2"/>
      <c r="AE23308" s="1"/>
    </row>
    <row r="23309" spans="1:31" ht="14.45">
      <c r="A23309" s="11"/>
      <c r="B23309" s="20"/>
      <c r="C23309" s="2" t="s">
        <v>74806</v>
      </c>
      <c r="D23309" s="14" t="s">
        <v>74807</v>
      </c>
      <c r="E23309" s="2" t="s">
        <v>74808</v>
      </c>
      <c r="F23309" s="2" t="s">
        <v>7539</v>
      </c>
      <c r="G23309" s="8">
        <v>296</v>
      </c>
      <c r="H23309" s="5">
        <v>6</v>
      </c>
      <c r="I23309" s="5" t="s">
        <v>1518</v>
      </c>
      <c r="J23309" s="5" t="s">
        <v>69038</v>
      </c>
      <c r="K23309" s="2" t="s">
        <v>69039</v>
      </c>
      <c r="L23309" s="5" t="s">
        <v>69038</v>
      </c>
      <c r="M23309" s="2" t="s">
        <v>69039</v>
      </c>
      <c r="N23309" s="5" t="s">
        <v>1521</v>
      </c>
      <c r="O23309" s="5" t="s">
        <v>38</v>
      </c>
      <c r="P23309" s="5" t="s">
        <v>39</v>
      </c>
      <c r="Q23309" s="5" t="s">
        <v>40</v>
      </c>
      <c r="R23309" s="5" t="s">
        <v>1522</v>
      </c>
      <c r="S23309" s="5" t="s">
        <v>1523</v>
      </c>
      <c r="T23309" s="5" t="s">
        <v>42</v>
      </c>
      <c r="U23309" s="2">
        <v>3.407</v>
      </c>
      <c r="V23309" s="2">
        <v>2.7250000000000001</v>
      </c>
      <c r="W23309" s="2">
        <v>0.02</v>
      </c>
      <c r="X23309" s="2">
        <v>159.1</v>
      </c>
      <c r="Y23309" s="2">
        <v>7.6</v>
      </c>
      <c r="Z23309" s="2">
        <v>16.7</v>
      </c>
      <c r="AA23309" s="5"/>
      <c r="AB23309" s="5" t="s">
        <v>43</v>
      </c>
      <c r="AC23309" s="5" t="s">
        <v>44</v>
      </c>
      <c r="AD23309" s="2"/>
      <c r="AE23309" s="1"/>
    </row>
    <row r="23310" spans="1:31" ht="14.45">
      <c r="A23310" s="11"/>
      <c r="B23310" s="20"/>
      <c r="C23310" s="2" t="s">
        <v>74809</v>
      </c>
      <c r="D23310" s="14" t="s">
        <v>74810</v>
      </c>
      <c r="E23310" s="2" t="s">
        <v>74811</v>
      </c>
      <c r="F23310" s="2" t="s">
        <v>7543</v>
      </c>
      <c r="G23310" s="8">
        <v>296</v>
      </c>
      <c r="H23310" s="5">
        <v>6</v>
      </c>
      <c r="I23310" s="5" t="s">
        <v>1518</v>
      </c>
      <c r="J23310" s="5" t="s">
        <v>69038</v>
      </c>
      <c r="K23310" s="2" t="s">
        <v>69039</v>
      </c>
      <c r="L23310" s="5" t="s">
        <v>69038</v>
      </c>
      <c r="M23310" s="2" t="s">
        <v>69039</v>
      </c>
      <c r="N23310" s="5" t="s">
        <v>1521</v>
      </c>
      <c r="O23310" s="5" t="s">
        <v>38</v>
      </c>
      <c r="P23310" s="5" t="s">
        <v>39</v>
      </c>
      <c r="Q23310" s="5" t="s">
        <v>40</v>
      </c>
      <c r="R23310" s="5" t="s">
        <v>1522</v>
      </c>
      <c r="S23310" s="5" t="s">
        <v>1523</v>
      </c>
      <c r="T23310" s="5" t="s">
        <v>42</v>
      </c>
      <c r="U23310" s="2">
        <v>3.5209999999999999</v>
      </c>
      <c r="V23310" s="2">
        <v>2.839</v>
      </c>
      <c r="W23310" s="2">
        <v>0.02</v>
      </c>
      <c r="X23310" s="2">
        <v>159.1</v>
      </c>
      <c r="Y23310" s="2">
        <v>7.6</v>
      </c>
      <c r="Z23310" s="2">
        <v>16.7</v>
      </c>
      <c r="AA23310" s="5"/>
      <c r="AB23310" s="5" t="s">
        <v>43</v>
      </c>
      <c r="AC23310" s="5" t="s">
        <v>44</v>
      </c>
      <c r="AD23310" s="2"/>
      <c r="AE23310" s="1"/>
    </row>
    <row r="23311" spans="1:31" ht="14.45">
      <c r="A23311" s="11"/>
      <c r="B23311" s="20"/>
      <c r="C23311" s="2" t="s">
        <v>74812</v>
      </c>
      <c r="D23311" s="14" t="s">
        <v>74813</v>
      </c>
      <c r="E23311" s="2" t="s">
        <v>74814</v>
      </c>
      <c r="F23311" s="2" t="s">
        <v>7396</v>
      </c>
      <c r="G23311" s="8">
        <v>275</v>
      </c>
      <c r="H23311" s="5">
        <v>6</v>
      </c>
      <c r="I23311" s="5" t="s">
        <v>1518</v>
      </c>
      <c r="J23311" s="5" t="s">
        <v>69038</v>
      </c>
      <c r="K23311" s="2" t="s">
        <v>69039</v>
      </c>
      <c r="L23311" s="5" t="s">
        <v>69038</v>
      </c>
      <c r="M23311" s="2" t="s">
        <v>69039</v>
      </c>
      <c r="N23311" s="5" t="s">
        <v>1521</v>
      </c>
      <c r="O23311" s="5" t="s">
        <v>38</v>
      </c>
      <c r="P23311" s="5" t="s">
        <v>39</v>
      </c>
      <c r="Q23311" s="5" t="s">
        <v>40</v>
      </c>
      <c r="R23311" s="5" t="s">
        <v>1522</v>
      </c>
      <c r="S23311" s="5" t="s">
        <v>1523</v>
      </c>
      <c r="T23311" s="5" t="s">
        <v>42</v>
      </c>
      <c r="U23311" s="2">
        <v>3.407</v>
      </c>
      <c r="V23311" s="2">
        <v>2.7250000000000001</v>
      </c>
      <c r="W23311" s="2">
        <v>0.02</v>
      </c>
      <c r="X23311" s="2">
        <v>159.1</v>
      </c>
      <c r="Y23311" s="2">
        <v>7.6</v>
      </c>
      <c r="Z23311" s="2">
        <v>16.7</v>
      </c>
      <c r="AA23311" s="5"/>
      <c r="AB23311" s="5" t="s">
        <v>43</v>
      </c>
      <c r="AC23311" s="5" t="s">
        <v>44</v>
      </c>
      <c r="AD23311" s="2"/>
      <c r="AE23311" s="1"/>
    </row>
    <row r="23312" spans="1:31" ht="14.45">
      <c r="A23312" s="11"/>
      <c r="B23312" s="20"/>
      <c r="C23312" s="2" t="s">
        <v>74815</v>
      </c>
      <c r="D23312" s="14" t="s">
        <v>74816</v>
      </c>
      <c r="E23312" s="2" t="s">
        <v>74817</v>
      </c>
      <c r="F23312" s="2" t="s">
        <v>7507</v>
      </c>
      <c r="G23312" s="8">
        <v>275</v>
      </c>
      <c r="H23312" s="5">
        <v>6</v>
      </c>
      <c r="I23312" s="5" t="s">
        <v>1518</v>
      </c>
      <c r="J23312" s="5" t="s">
        <v>69038</v>
      </c>
      <c r="K23312" s="2" t="s">
        <v>69039</v>
      </c>
      <c r="L23312" s="5" t="s">
        <v>69038</v>
      </c>
      <c r="M23312" s="2" t="s">
        <v>69039</v>
      </c>
      <c r="N23312" s="5" t="s">
        <v>1521</v>
      </c>
      <c r="O23312" s="5" t="s">
        <v>38</v>
      </c>
      <c r="P23312" s="5" t="s">
        <v>39</v>
      </c>
      <c r="Q23312" s="5" t="s">
        <v>40</v>
      </c>
      <c r="R23312" s="5" t="s">
        <v>1522</v>
      </c>
      <c r="S23312" s="5" t="s">
        <v>1523</v>
      </c>
      <c r="T23312" s="5" t="s">
        <v>42</v>
      </c>
      <c r="U23312" s="2">
        <v>3.5209999999999999</v>
      </c>
      <c r="V23312" s="2">
        <v>2.839</v>
      </c>
      <c r="W23312" s="2">
        <v>0.02</v>
      </c>
      <c r="X23312" s="2">
        <v>159.1</v>
      </c>
      <c r="Y23312" s="2">
        <v>7.6</v>
      </c>
      <c r="Z23312" s="2">
        <v>16.7</v>
      </c>
      <c r="AA23312" s="5"/>
      <c r="AB23312" s="5" t="s">
        <v>43</v>
      </c>
      <c r="AC23312" s="5" t="s">
        <v>44</v>
      </c>
      <c r="AD23312" s="2"/>
      <c r="AE23312" s="1"/>
    </row>
    <row r="23313" spans="1:31" ht="14.45">
      <c r="A23313" s="11"/>
      <c r="B23313" s="20"/>
      <c r="C23313" s="2" t="s">
        <v>74818</v>
      </c>
      <c r="D23313" s="14" t="s">
        <v>74819</v>
      </c>
      <c r="E23313" s="2" t="s">
        <v>74820</v>
      </c>
      <c r="F23313" s="2" t="s">
        <v>7547</v>
      </c>
      <c r="G23313" s="8">
        <v>296</v>
      </c>
      <c r="H23313" s="5">
        <v>6</v>
      </c>
      <c r="I23313" s="5" t="s">
        <v>1518</v>
      </c>
      <c r="J23313" s="5" t="s">
        <v>69038</v>
      </c>
      <c r="K23313" s="2" t="s">
        <v>69039</v>
      </c>
      <c r="L23313" s="5" t="s">
        <v>69038</v>
      </c>
      <c r="M23313" s="2" t="s">
        <v>69039</v>
      </c>
      <c r="N23313" s="5" t="s">
        <v>1521</v>
      </c>
      <c r="O23313" s="5" t="s">
        <v>38</v>
      </c>
      <c r="P23313" s="5" t="s">
        <v>39</v>
      </c>
      <c r="Q23313" s="5" t="s">
        <v>40</v>
      </c>
      <c r="R23313" s="5" t="s">
        <v>1522</v>
      </c>
      <c r="S23313" s="5" t="s">
        <v>1523</v>
      </c>
      <c r="T23313" s="5" t="s">
        <v>42</v>
      </c>
      <c r="U23313" s="2">
        <v>3.407</v>
      </c>
      <c r="V23313" s="2">
        <v>2.7250000000000001</v>
      </c>
      <c r="W23313" s="2">
        <v>0.02</v>
      </c>
      <c r="X23313" s="2">
        <v>159.1</v>
      </c>
      <c r="Y23313" s="2">
        <v>7.6</v>
      </c>
      <c r="Z23313" s="2">
        <v>16.7</v>
      </c>
      <c r="AA23313" s="5"/>
      <c r="AB23313" s="5" t="s">
        <v>43</v>
      </c>
      <c r="AC23313" s="5" t="s">
        <v>44</v>
      </c>
      <c r="AD23313" s="2"/>
      <c r="AE23313" s="1"/>
    </row>
    <row r="23314" spans="1:31" ht="14.45">
      <c r="A23314" s="11"/>
      <c r="B23314" s="20"/>
      <c r="C23314" s="2" t="s">
        <v>74821</v>
      </c>
      <c r="D23314" s="14" t="s">
        <v>74822</v>
      </c>
      <c r="E23314" s="2" t="s">
        <v>74823</v>
      </c>
      <c r="F23314" s="2" t="s">
        <v>7563</v>
      </c>
      <c r="G23314" s="8">
        <v>296</v>
      </c>
      <c r="H23314" s="5">
        <v>6</v>
      </c>
      <c r="I23314" s="5" t="s">
        <v>1518</v>
      </c>
      <c r="J23314" s="5" t="s">
        <v>69038</v>
      </c>
      <c r="K23314" s="2" t="s">
        <v>69039</v>
      </c>
      <c r="L23314" s="5" t="s">
        <v>69038</v>
      </c>
      <c r="M23314" s="2" t="s">
        <v>69039</v>
      </c>
      <c r="N23314" s="5" t="s">
        <v>1521</v>
      </c>
      <c r="O23314" s="5" t="s">
        <v>38</v>
      </c>
      <c r="P23314" s="5" t="s">
        <v>39</v>
      </c>
      <c r="Q23314" s="5" t="s">
        <v>40</v>
      </c>
      <c r="R23314" s="5" t="s">
        <v>1522</v>
      </c>
      <c r="S23314" s="5" t="s">
        <v>1523</v>
      </c>
      <c r="T23314" s="5" t="s">
        <v>42</v>
      </c>
      <c r="U23314" s="2">
        <v>3.407</v>
      </c>
      <c r="V23314" s="2">
        <v>2.7250000000000001</v>
      </c>
      <c r="W23314" s="2">
        <v>0.02</v>
      </c>
      <c r="X23314" s="2">
        <v>159.1</v>
      </c>
      <c r="Y23314" s="2">
        <v>7.6</v>
      </c>
      <c r="Z23314" s="2">
        <v>16.7</v>
      </c>
      <c r="AA23314" s="5"/>
      <c r="AB23314" s="5" t="s">
        <v>43</v>
      </c>
      <c r="AC23314" s="5" t="s">
        <v>44</v>
      </c>
      <c r="AD23314" s="2"/>
      <c r="AE23314" s="1"/>
    </row>
    <row r="23315" spans="1:31" ht="14.45">
      <c r="A23315" s="11"/>
      <c r="B23315" s="20"/>
      <c r="C23315" s="2" t="s">
        <v>74824</v>
      </c>
      <c r="D23315" s="14" t="s">
        <v>74825</v>
      </c>
      <c r="E23315" s="2" t="s">
        <v>74826</v>
      </c>
      <c r="F23315" s="2" t="s">
        <v>7567</v>
      </c>
      <c r="G23315" s="8">
        <v>296</v>
      </c>
      <c r="H23315" s="5">
        <v>6</v>
      </c>
      <c r="I23315" s="5" t="s">
        <v>1518</v>
      </c>
      <c r="J23315" s="5" t="s">
        <v>69038</v>
      </c>
      <c r="K23315" s="2" t="s">
        <v>69039</v>
      </c>
      <c r="L23315" s="5" t="s">
        <v>69038</v>
      </c>
      <c r="M23315" s="2" t="s">
        <v>69039</v>
      </c>
      <c r="N23315" s="5" t="s">
        <v>1521</v>
      </c>
      <c r="O23315" s="5" t="s">
        <v>38</v>
      </c>
      <c r="P23315" s="5" t="s">
        <v>39</v>
      </c>
      <c r="Q23315" s="5" t="s">
        <v>40</v>
      </c>
      <c r="R23315" s="5" t="s">
        <v>1522</v>
      </c>
      <c r="S23315" s="5" t="s">
        <v>1523</v>
      </c>
      <c r="T23315" s="5" t="s">
        <v>42</v>
      </c>
      <c r="U23315" s="2">
        <v>3.5209999999999999</v>
      </c>
      <c r="V23315" s="2">
        <v>2.839</v>
      </c>
      <c r="W23315" s="2">
        <v>0.02</v>
      </c>
      <c r="X23315" s="2">
        <v>159.1</v>
      </c>
      <c r="Y23315" s="2">
        <v>7.6</v>
      </c>
      <c r="Z23315" s="2">
        <v>16.7</v>
      </c>
      <c r="AA23315" s="5"/>
      <c r="AB23315" s="5" t="s">
        <v>43</v>
      </c>
      <c r="AC23315" s="5" t="s">
        <v>44</v>
      </c>
      <c r="AD23315" s="2"/>
      <c r="AE23315" s="1"/>
    </row>
    <row r="23316" spans="1:31" ht="14.45">
      <c r="A23316" s="11"/>
      <c r="B23316" s="20"/>
      <c r="C23316" s="2" t="s">
        <v>74827</v>
      </c>
      <c r="D23316" s="14" t="s">
        <v>74828</v>
      </c>
      <c r="E23316" s="2" t="s">
        <v>74829</v>
      </c>
      <c r="F23316" s="2" t="s">
        <v>7559</v>
      </c>
      <c r="G23316" s="8">
        <v>296</v>
      </c>
      <c r="H23316" s="5">
        <v>6</v>
      </c>
      <c r="I23316" s="5" t="s">
        <v>1518</v>
      </c>
      <c r="J23316" s="5" t="s">
        <v>69038</v>
      </c>
      <c r="K23316" s="2" t="s">
        <v>69039</v>
      </c>
      <c r="L23316" s="5" t="s">
        <v>69038</v>
      </c>
      <c r="M23316" s="2" t="s">
        <v>69039</v>
      </c>
      <c r="N23316" s="5" t="s">
        <v>1521</v>
      </c>
      <c r="O23316" s="5" t="s">
        <v>38</v>
      </c>
      <c r="P23316" s="5" t="s">
        <v>39</v>
      </c>
      <c r="Q23316" s="5" t="s">
        <v>40</v>
      </c>
      <c r="R23316" s="5" t="s">
        <v>1522</v>
      </c>
      <c r="S23316" s="5" t="s">
        <v>1523</v>
      </c>
      <c r="T23316" s="5" t="s">
        <v>42</v>
      </c>
      <c r="U23316" s="2">
        <v>3.5209999999999999</v>
      </c>
      <c r="V23316" s="2">
        <v>2.839</v>
      </c>
      <c r="W23316" s="2">
        <v>0.02</v>
      </c>
      <c r="X23316" s="2">
        <v>159.1</v>
      </c>
      <c r="Y23316" s="2">
        <v>7.6</v>
      </c>
      <c r="Z23316" s="2">
        <v>16.7</v>
      </c>
      <c r="AA23316" s="5"/>
      <c r="AB23316" s="5" t="s">
        <v>43</v>
      </c>
      <c r="AC23316" s="5" t="s">
        <v>44</v>
      </c>
      <c r="AD23316" s="2"/>
      <c r="AE23316" s="1"/>
    </row>
    <row r="23317" spans="1:31" ht="14.45">
      <c r="A23317" s="11"/>
      <c r="B23317" s="20"/>
      <c r="C23317" s="2" t="s">
        <v>74830</v>
      </c>
      <c r="D23317" s="14" t="s">
        <v>74831</v>
      </c>
      <c r="E23317" s="2" t="s">
        <v>74832</v>
      </c>
      <c r="F23317" s="2" t="s">
        <v>16079</v>
      </c>
      <c r="G23317" s="8">
        <v>296</v>
      </c>
      <c r="H23317" s="5">
        <v>6</v>
      </c>
      <c r="I23317" s="5" t="s">
        <v>1518</v>
      </c>
      <c r="J23317" s="5" t="s">
        <v>69038</v>
      </c>
      <c r="K23317" s="2" t="s">
        <v>69039</v>
      </c>
      <c r="L23317" s="5" t="s">
        <v>69038</v>
      </c>
      <c r="M23317" s="2" t="s">
        <v>69039</v>
      </c>
      <c r="N23317" s="5" t="s">
        <v>1521</v>
      </c>
      <c r="O23317" s="5" t="s">
        <v>38</v>
      </c>
      <c r="P23317" s="5" t="s">
        <v>39</v>
      </c>
      <c r="Q23317" s="5" t="s">
        <v>40</v>
      </c>
      <c r="R23317" s="5" t="s">
        <v>1522</v>
      </c>
      <c r="S23317" s="5" t="s">
        <v>1523</v>
      </c>
      <c r="T23317" s="5" t="s">
        <v>42</v>
      </c>
      <c r="U23317" s="2">
        <v>3.407</v>
      </c>
      <c r="V23317" s="2">
        <v>2.7250000000000001</v>
      </c>
      <c r="W23317" s="2">
        <v>0.02</v>
      </c>
      <c r="X23317" s="2">
        <v>159.1</v>
      </c>
      <c r="Y23317" s="2">
        <v>7.6</v>
      </c>
      <c r="Z23317" s="2">
        <v>16.7</v>
      </c>
      <c r="AA23317" s="5"/>
      <c r="AB23317" s="5" t="s">
        <v>43</v>
      </c>
      <c r="AC23317" s="5" t="s">
        <v>44</v>
      </c>
      <c r="AD23317" s="2"/>
      <c r="AE23317" s="1"/>
    </row>
    <row r="23318" spans="1:31" ht="14.45">
      <c r="A23318" s="11"/>
      <c r="B23318" s="20"/>
      <c r="C23318" s="2" t="s">
        <v>74833</v>
      </c>
      <c r="D23318" s="14" t="s">
        <v>74834</v>
      </c>
      <c r="E23318" s="2" t="s">
        <v>74835</v>
      </c>
      <c r="F23318" s="2" t="s">
        <v>16194</v>
      </c>
      <c r="G23318" s="8">
        <v>296</v>
      </c>
      <c r="H23318" s="5">
        <v>6</v>
      </c>
      <c r="I23318" s="5" t="s">
        <v>1518</v>
      </c>
      <c r="J23318" s="5" t="s">
        <v>69038</v>
      </c>
      <c r="K23318" s="2" t="s">
        <v>69039</v>
      </c>
      <c r="L23318" s="5" t="s">
        <v>69038</v>
      </c>
      <c r="M23318" s="2" t="s">
        <v>69039</v>
      </c>
      <c r="N23318" s="5" t="s">
        <v>1521</v>
      </c>
      <c r="O23318" s="5" t="s">
        <v>38</v>
      </c>
      <c r="P23318" s="5" t="s">
        <v>39</v>
      </c>
      <c r="Q23318" s="5" t="s">
        <v>40</v>
      </c>
      <c r="R23318" s="5" t="s">
        <v>1522</v>
      </c>
      <c r="S23318" s="5" t="s">
        <v>1523</v>
      </c>
      <c r="T23318" s="5" t="s">
        <v>42</v>
      </c>
      <c r="U23318" s="2">
        <v>3.5209999999999999</v>
      </c>
      <c r="V23318" s="2">
        <v>2.839</v>
      </c>
      <c r="W23318" s="2">
        <v>0.02</v>
      </c>
      <c r="X23318" s="2">
        <v>159.1</v>
      </c>
      <c r="Y23318" s="2">
        <v>7.6</v>
      </c>
      <c r="Z23318" s="2">
        <v>16.7</v>
      </c>
      <c r="AA23318" s="5"/>
      <c r="AB23318" s="5" t="s">
        <v>43</v>
      </c>
      <c r="AC23318" s="5" t="s">
        <v>44</v>
      </c>
      <c r="AD23318" s="2"/>
      <c r="AE23318" s="1"/>
    </row>
    <row r="23319" spans="1:31" ht="14.45">
      <c r="A23319" s="11"/>
      <c r="B23319" s="20"/>
      <c r="C23319" s="2" t="s">
        <v>74836</v>
      </c>
      <c r="D23319" s="14" t="s">
        <v>74837</v>
      </c>
      <c r="E23319" s="2" t="s">
        <v>74838</v>
      </c>
      <c r="F23319" s="2" t="s">
        <v>7449</v>
      </c>
      <c r="G23319" s="8">
        <v>296</v>
      </c>
      <c r="H23319" s="5">
        <v>6</v>
      </c>
      <c r="I23319" s="5" t="s">
        <v>1518</v>
      </c>
      <c r="J23319" s="5" t="s">
        <v>69038</v>
      </c>
      <c r="K23319" s="2" t="s">
        <v>69039</v>
      </c>
      <c r="L23319" s="5" t="s">
        <v>69038</v>
      </c>
      <c r="M23319" s="2" t="s">
        <v>69039</v>
      </c>
      <c r="N23319" s="5" t="s">
        <v>1521</v>
      </c>
      <c r="O23319" s="5" t="s">
        <v>38</v>
      </c>
      <c r="P23319" s="5" t="s">
        <v>39</v>
      </c>
      <c r="Q23319" s="5" t="s">
        <v>40</v>
      </c>
      <c r="R23319" s="5" t="s">
        <v>1522</v>
      </c>
      <c r="S23319" s="5" t="s">
        <v>1523</v>
      </c>
      <c r="T23319" s="5" t="s">
        <v>42</v>
      </c>
      <c r="U23319" s="2">
        <v>3.407</v>
      </c>
      <c r="V23319" s="2">
        <v>2.7250000000000001</v>
      </c>
      <c r="W23319" s="2">
        <v>0.02</v>
      </c>
      <c r="X23319" s="2">
        <v>159.1</v>
      </c>
      <c r="Y23319" s="2">
        <v>7.6</v>
      </c>
      <c r="Z23319" s="2">
        <v>16.7</v>
      </c>
      <c r="AA23319" s="5"/>
      <c r="AB23319" s="5" t="s">
        <v>43</v>
      </c>
      <c r="AC23319" s="5" t="s">
        <v>44</v>
      </c>
      <c r="AD23319" s="2"/>
      <c r="AE23319" s="1"/>
    </row>
    <row r="23320" spans="1:31" ht="14.45">
      <c r="A23320" s="11"/>
      <c r="B23320" s="20"/>
      <c r="C23320" s="2" t="s">
        <v>74839</v>
      </c>
      <c r="D23320" s="14" t="s">
        <v>74840</v>
      </c>
      <c r="E23320" s="2" t="s">
        <v>74841</v>
      </c>
      <c r="F23320" s="2" t="s">
        <v>7581</v>
      </c>
      <c r="G23320" s="8">
        <v>296</v>
      </c>
      <c r="H23320" s="5">
        <v>6</v>
      </c>
      <c r="I23320" s="5" t="s">
        <v>1518</v>
      </c>
      <c r="J23320" s="5" t="s">
        <v>69038</v>
      </c>
      <c r="K23320" s="2" t="s">
        <v>69039</v>
      </c>
      <c r="L23320" s="5" t="s">
        <v>69038</v>
      </c>
      <c r="M23320" s="2" t="s">
        <v>69039</v>
      </c>
      <c r="N23320" s="5" t="s">
        <v>1521</v>
      </c>
      <c r="O23320" s="5" t="s">
        <v>38</v>
      </c>
      <c r="P23320" s="5" t="s">
        <v>39</v>
      </c>
      <c r="Q23320" s="5" t="s">
        <v>40</v>
      </c>
      <c r="R23320" s="5" t="s">
        <v>1522</v>
      </c>
      <c r="S23320" s="5" t="s">
        <v>1523</v>
      </c>
      <c r="T23320" s="5" t="s">
        <v>42</v>
      </c>
      <c r="U23320" s="2">
        <v>3.5209999999999999</v>
      </c>
      <c r="V23320" s="2">
        <v>2.839</v>
      </c>
      <c r="W23320" s="2">
        <v>0.02</v>
      </c>
      <c r="X23320" s="2">
        <v>159.1</v>
      </c>
      <c r="Y23320" s="2">
        <v>7.6</v>
      </c>
      <c r="Z23320" s="2">
        <v>16.7</v>
      </c>
      <c r="AA23320" s="5"/>
      <c r="AB23320" s="5" t="s">
        <v>43</v>
      </c>
      <c r="AC23320" s="5" t="s">
        <v>44</v>
      </c>
      <c r="AD23320" s="2"/>
      <c r="AE23320" s="1"/>
    </row>
    <row r="23321" spans="1:31" ht="14.45">
      <c r="A23321" s="11"/>
      <c r="B23321" s="20"/>
      <c r="C23321" s="2" t="s">
        <v>74842</v>
      </c>
      <c r="D23321" s="14" t="s">
        <v>74843</v>
      </c>
      <c r="E23321" s="2" t="s">
        <v>74844</v>
      </c>
      <c r="F23321" s="2" t="s">
        <v>7585</v>
      </c>
      <c r="G23321" s="8">
        <v>296</v>
      </c>
      <c r="H23321" s="5">
        <v>6</v>
      </c>
      <c r="I23321" s="5" t="s">
        <v>1518</v>
      </c>
      <c r="J23321" s="5" t="s">
        <v>69038</v>
      </c>
      <c r="K23321" s="2" t="s">
        <v>69039</v>
      </c>
      <c r="L23321" s="5" t="s">
        <v>69038</v>
      </c>
      <c r="M23321" s="2" t="s">
        <v>69039</v>
      </c>
      <c r="N23321" s="5" t="s">
        <v>1521</v>
      </c>
      <c r="O23321" s="5" t="s">
        <v>38</v>
      </c>
      <c r="P23321" s="5" t="s">
        <v>39</v>
      </c>
      <c r="Q23321" s="5" t="s">
        <v>40</v>
      </c>
      <c r="R23321" s="5" t="s">
        <v>1522</v>
      </c>
      <c r="S23321" s="5" t="s">
        <v>1523</v>
      </c>
      <c r="T23321" s="5" t="s">
        <v>42</v>
      </c>
      <c r="U23321" s="2">
        <v>3.407</v>
      </c>
      <c r="V23321" s="2">
        <v>2.7250000000000001</v>
      </c>
      <c r="W23321" s="2">
        <v>0.02</v>
      </c>
      <c r="X23321" s="2">
        <v>159.1</v>
      </c>
      <c r="Y23321" s="2">
        <v>7.6</v>
      </c>
      <c r="Z23321" s="2">
        <v>16.7</v>
      </c>
      <c r="AA23321" s="5"/>
      <c r="AB23321" s="5" t="s">
        <v>43</v>
      </c>
      <c r="AC23321" s="5" t="s">
        <v>44</v>
      </c>
      <c r="AD23321" s="2"/>
      <c r="AE23321" s="1"/>
    </row>
    <row r="23322" spans="1:31" ht="14.45">
      <c r="A23322" s="11"/>
      <c r="B23322" s="20"/>
      <c r="C23322" s="2" t="s">
        <v>74845</v>
      </c>
      <c r="D23322" s="14" t="s">
        <v>74846</v>
      </c>
      <c r="E23322" s="2" t="s">
        <v>74847</v>
      </c>
      <c r="F23322" s="2" t="s">
        <v>7589</v>
      </c>
      <c r="G23322" s="8">
        <v>296</v>
      </c>
      <c r="H23322" s="5">
        <v>6</v>
      </c>
      <c r="I23322" s="5" t="s">
        <v>1518</v>
      </c>
      <c r="J23322" s="5" t="s">
        <v>69038</v>
      </c>
      <c r="K23322" s="2" t="s">
        <v>69039</v>
      </c>
      <c r="L23322" s="5" t="s">
        <v>69038</v>
      </c>
      <c r="M23322" s="2" t="s">
        <v>69039</v>
      </c>
      <c r="N23322" s="5" t="s">
        <v>1521</v>
      </c>
      <c r="O23322" s="5" t="s">
        <v>38</v>
      </c>
      <c r="P23322" s="5" t="s">
        <v>39</v>
      </c>
      <c r="Q23322" s="5" t="s">
        <v>40</v>
      </c>
      <c r="R23322" s="5" t="s">
        <v>1522</v>
      </c>
      <c r="S23322" s="5" t="s">
        <v>1523</v>
      </c>
      <c r="T23322" s="5" t="s">
        <v>42</v>
      </c>
      <c r="U23322" s="2">
        <v>3.5209999999999999</v>
      </c>
      <c r="V23322" s="2">
        <v>2.839</v>
      </c>
      <c r="W23322" s="2">
        <v>0.02</v>
      </c>
      <c r="X23322" s="2">
        <v>159.1</v>
      </c>
      <c r="Y23322" s="2">
        <v>7.6</v>
      </c>
      <c r="Z23322" s="2">
        <v>16.7</v>
      </c>
      <c r="AA23322" s="5"/>
      <c r="AB23322" s="5" t="s">
        <v>43</v>
      </c>
      <c r="AC23322" s="5" t="s">
        <v>44</v>
      </c>
      <c r="AD23322" s="2"/>
      <c r="AE23322" s="1"/>
    </row>
    <row r="23323" spans="1:31" ht="14.45">
      <c r="A23323" s="11"/>
      <c r="B23323" s="20"/>
      <c r="C23323" s="2" t="s">
        <v>74848</v>
      </c>
      <c r="D23323" s="14" t="s">
        <v>74849</v>
      </c>
      <c r="E23323" s="2" t="s">
        <v>74850</v>
      </c>
      <c r="F23323" s="2" t="s">
        <v>7597</v>
      </c>
      <c r="G23323" s="8">
        <v>296</v>
      </c>
      <c r="H23323" s="5">
        <v>6</v>
      </c>
      <c r="I23323" s="5" t="s">
        <v>1518</v>
      </c>
      <c r="J23323" s="5" t="s">
        <v>69038</v>
      </c>
      <c r="K23323" s="2" t="s">
        <v>69039</v>
      </c>
      <c r="L23323" s="5" t="s">
        <v>69038</v>
      </c>
      <c r="M23323" s="2" t="s">
        <v>69039</v>
      </c>
      <c r="N23323" s="5" t="s">
        <v>1521</v>
      </c>
      <c r="O23323" s="5" t="s">
        <v>38</v>
      </c>
      <c r="P23323" s="5" t="s">
        <v>39</v>
      </c>
      <c r="Q23323" s="5" t="s">
        <v>40</v>
      </c>
      <c r="R23323" s="5" t="s">
        <v>1522</v>
      </c>
      <c r="S23323" s="5" t="s">
        <v>1523</v>
      </c>
      <c r="T23323" s="5" t="s">
        <v>42</v>
      </c>
      <c r="U23323" s="2">
        <v>3.5209999999999999</v>
      </c>
      <c r="V23323" s="2">
        <v>2.839</v>
      </c>
      <c r="W23323" s="2">
        <v>0.02</v>
      </c>
      <c r="X23323" s="2">
        <v>159.1</v>
      </c>
      <c r="Y23323" s="2">
        <v>7.6</v>
      </c>
      <c r="Z23323" s="2">
        <v>16.7</v>
      </c>
      <c r="AA23323" s="5"/>
      <c r="AB23323" s="5" t="s">
        <v>43</v>
      </c>
      <c r="AC23323" s="5" t="s">
        <v>44</v>
      </c>
      <c r="AD23323" s="2"/>
      <c r="AE23323" s="1"/>
    </row>
    <row r="23324" spans="1:31" ht="14.45">
      <c r="A23324" s="11"/>
      <c r="B23324" s="20"/>
      <c r="C23324" s="2" t="s">
        <v>74851</v>
      </c>
      <c r="D23324" s="14" t="s">
        <v>74852</v>
      </c>
      <c r="E23324" s="2" t="s">
        <v>74853</v>
      </c>
      <c r="F23324" s="2" t="s">
        <v>73358</v>
      </c>
      <c r="G23324" s="8">
        <v>296</v>
      </c>
      <c r="H23324" s="5">
        <v>6</v>
      </c>
      <c r="I23324" s="5" t="s">
        <v>1518</v>
      </c>
      <c r="J23324" s="5" t="s">
        <v>69038</v>
      </c>
      <c r="K23324" s="2" t="s">
        <v>69039</v>
      </c>
      <c r="L23324" s="5" t="s">
        <v>69038</v>
      </c>
      <c r="M23324" s="2" t="s">
        <v>69039</v>
      </c>
      <c r="N23324" s="5" t="s">
        <v>1521</v>
      </c>
      <c r="O23324" s="5" t="s">
        <v>38</v>
      </c>
      <c r="P23324" s="5" t="s">
        <v>39</v>
      </c>
      <c r="Q23324" s="5" t="s">
        <v>40</v>
      </c>
      <c r="R23324" s="5" t="s">
        <v>1522</v>
      </c>
      <c r="S23324" s="5" t="s">
        <v>1523</v>
      </c>
      <c r="T23324" s="5" t="s">
        <v>42</v>
      </c>
      <c r="U23324" s="2">
        <v>3.407</v>
      </c>
      <c r="V23324" s="2">
        <v>2.7250000000000001</v>
      </c>
      <c r="W23324" s="2">
        <v>0.02</v>
      </c>
      <c r="X23324" s="2">
        <v>159.1</v>
      </c>
      <c r="Y23324" s="2">
        <v>7.6</v>
      </c>
      <c r="Z23324" s="2">
        <v>16.7</v>
      </c>
      <c r="AA23324" s="5"/>
      <c r="AB23324" s="5" t="s">
        <v>43</v>
      </c>
      <c r="AC23324" s="5" t="s">
        <v>44</v>
      </c>
      <c r="AD23324" s="2"/>
      <c r="AE23324" s="1"/>
    </row>
    <row r="23325" spans="1:31" ht="14.45">
      <c r="A23325" s="11"/>
      <c r="B23325" s="20"/>
      <c r="C23325" s="2" t="s">
        <v>74854</v>
      </c>
      <c r="D23325" s="14" t="s">
        <v>74855</v>
      </c>
      <c r="E23325" s="2" t="s">
        <v>74856</v>
      </c>
      <c r="F23325" s="2" t="s">
        <v>73362</v>
      </c>
      <c r="G23325" s="8">
        <v>296</v>
      </c>
      <c r="H23325" s="5">
        <v>6</v>
      </c>
      <c r="I23325" s="5" t="s">
        <v>1518</v>
      </c>
      <c r="J23325" s="5" t="s">
        <v>69038</v>
      </c>
      <c r="K23325" s="2" t="s">
        <v>69039</v>
      </c>
      <c r="L23325" s="5" t="s">
        <v>69038</v>
      </c>
      <c r="M23325" s="2" t="s">
        <v>69039</v>
      </c>
      <c r="N23325" s="5" t="s">
        <v>1521</v>
      </c>
      <c r="O23325" s="5" t="s">
        <v>38</v>
      </c>
      <c r="P23325" s="5" t="s">
        <v>39</v>
      </c>
      <c r="Q23325" s="5" t="s">
        <v>40</v>
      </c>
      <c r="R23325" s="5" t="s">
        <v>1522</v>
      </c>
      <c r="S23325" s="5" t="s">
        <v>1523</v>
      </c>
      <c r="T23325" s="5" t="s">
        <v>42</v>
      </c>
      <c r="U23325" s="2">
        <v>3.5209999999999999</v>
      </c>
      <c r="V23325" s="2">
        <v>2.839</v>
      </c>
      <c r="W23325" s="2">
        <v>0.02</v>
      </c>
      <c r="X23325" s="2">
        <v>159.1</v>
      </c>
      <c r="Y23325" s="2">
        <v>7.6</v>
      </c>
      <c r="Z23325" s="2">
        <v>16.7</v>
      </c>
      <c r="AA23325" s="5"/>
      <c r="AB23325" s="5" t="s">
        <v>43</v>
      </c>
      <c r="AC23325" s="5" t="s">
        <v>44</v>
      </c>
      <c r="AD23325" s="2"/>
      <c r="AE23325" s="1"/>
    </row>
    <row r="23326" spans="1:31" ht="14.45">
      <c r="A23326" s="11"/>
      <c r="B23326" s="20"/>
      <c r="C23326" s="2" t="s">
        <v>74857</v>
      </c>
      <c r="D23326" s="14" t="s">
        <v>74858</v>
      </c>
      <c r="E23326" s="2" t="s">
        <v>74859</v>
      </c>
      <c r="F23326" s="2" t="s">
        <v>7615</v>
      </c>
      <c r="G23326" s="8">
        <v>296</v>
      </c>
      <c r="H23326" s="5">
        <v>6</v>
      </c>
      <c r="I23326" s="5" t="s">
        <v>1518</v>
      </c>
      <c r="J23326" s="5" t="s">
        <v>69038</v>
      </c>
      <c r="K23326" s="2" t="s">
        <v>69039</v>
      </c>
      <c r="L23326" s="5" t="s">
        <v>69038</v>
      </c>
      <c r="M23326" s="2" t="s">
        <v>69039</v>
      </c>
      <c r="N23326" s="5" t="s">
        <v>1521</v>
      </c>
      <c r="O23326" s="5" t="s">
        <v>38</v>
      </c>
      <c r="P23326" s="5" t="s">
        <v>39</v>
      </c>
      <c r="Q23326" s="5" t="s">
        <v>40</v>
      </c>
      <c r="R23326" s="5" t="s">
        <v>1522</v>
      </c>
      <c r="S23326" s="5" t="s">
        <v>1523</v>
      </c>
      <c r="T23326" s="5" t="s">
        <v>42</v>
      </c>
      <c r="U23326" s="2">
        <v>3.407</v>
      </c>
      <c r="V23326" s="2">
        <v>2.7250000000000001</v>
      </c>
      <c r="W23326" s="2">
        <v>0.02</v>
      </c>
      <c r="X23326" s="2">
        <v>159.1</v>
      </c>
      <c r="Y23326" s="2">
        <v>7.6</v>
      </c>
      <c r="Z23326" s="2">
        <v>16.7</v>
      </c>
      <c r="AA23326" s="5"/>
      <c r="AB23326" s="5" t="s">
        <v>43</v>
      </c>
      <c r="AC23326" s="5" t="s">
        <v>44</v>
      </c>
      <c r="AD23326" s="2"/>
      <c r="AE23326" s="1"/>
    </row>
    <row r="23327" spans="1:31" ht="14.45">
      <c r="A23327" s="11"/>
      <c r="B23327" s="20"/>
      <c r="C23327" s="2" t="s">
        <v>74860</v>
      </c>
      <c r="D23327" s="14" t="s">
        <v>74861</v>
      </c>
      <c r="E23327" s="2" t="s">
        <v>74862</v>
      </c>
      <c r="F23327" s="2" t="s">
        <v>7619</v>
      </c>
      <c r="G23327" s="8">
        <v>296</v>
      </c>
      <c r="H23327" s="5">
        <v>6</v>
      </c>
      <c r="I23327" s="5" t="s">
        <v>1518</v>
      </c>
      <c r="J23327" s="5" t="s">
        <v>69038</v>
      </c>
      <c r="K23327" s="2" t="s">
        <v>69039</v>
      </c>
      <c r="L23327" s="5" t="s">
        <v>69038</v>
      </c>
      <c r="M23327" s="2" t="s">
        <v>69039</v>
      </c>
      <c r="N23327" s="5" t="s">
        <v>1521</v>
      </c>
      <c r="O23327" s="5" t="s">
        <v>38</v>
      </c>
      <c r="P23327" s="5" t="s">
        <v>39</v>
      </c>
      <c r="Q23327" s="5" t="s">
        <v>40</v>
      </c>
      <c r="R23327" s="5" t="s">
        <v>1522</v>
      </c>
      <c r="S23327" s="5" t="s">
        <v>1523</v>
      </c>
      <c r="T23327" s="5" t="s">
        <v>42</v>
      </c>
      <c r="U23327" s="2">
        <v>3.5209999999999999</v>
      </c>
      <c r="V23327" s="2">
        <v>2.839</v>
      </c>
      <c r="W23327" s="2">
        <v>0.02</v>
      </c>
      <c r="X23327" s="2">
        <v>159.1</v>
      </c>
      <c r="Y23327" s="2">
        <v>7.6</v>
      </c>
      <c r="Z23327" s="2">
        <v>16.7</v>
      </c>
      <c r="AA23327" s="5"/>
      <c r="AB23327" s="5" t="s">
        <v>43</v>
      </c>
      <c r="AC23327" s="5" t="s">
        <v>44</v>
      </c>
      <c r="AD23327" s="2"/>
      <c r="AE23327" s="1"/>
    </row>
    <row r="23328" spans="1:31" ht="14.45">
      <c r="A23328" s="11"/>
      <c r="B23328" s="20"/>
      <c r="C23328" s="2" t="s">
        <v>74863</v>
      </c>
      <c r="D23328" s="14" t="s">
        <v>74864</v>
      </c>
      <c r="E23328" s="2" t="s">
        <v>74865</v>
      </c>
      <c r="F23328" s="2" t="s">
        <v>16014</v>
      </c>
      <c r="G23328" s="8">
        <v>296</v>
      </c>
      <c r="H23328" s="5">
        <v>6</v>
      </c>
      <c r="I23328" s="5" t="s">
        <v>1518</v>
      </c>
      <c r="J23328" s="5" t="s">
        <v>69038</v>
      </c>
      <c r="K23328" s="2" t="s">
        <v>69039</v>
      </c>
      <c r="L23328" s="5" t="s">
        <v>69038</v>
      </c>
      <c r="M23328" s="2" t="s">
        <v>69039</v>
      </c>
      <c r="N23328" s="5" t="s">
        <v>1521</v>
      </c>
      <c r="O23328" s="5" t="s">
        <v>38</v>
      </c>
      <c r="P23328" s="5" t="s">
        <v>39</v>
      </c>
      <c r="Q23328" s="5" t="s">
        <v>40</v>
      </c>
      <c r="R23328" s="5" t="s">
        <v>1522</v>
      </c>
      <c r="S23328" s="5" t="s">
        <v>1523</v>
      </c>
      <c r="T23328" s="5" t="s">
        <v>42</v>
      </c>
      <c r="U23328" s="2">
        <v>3.407</v>
      </c>
      <c r="V23328" s="2">
        <v>2.7250000000000001</v>
      </c>
      <c r="W23328" s="2">
        <v>0.02</v>
      </c>
      <c r="X23328" s="2">
        <v>159.1</v>
      </c>
      <c r="Y23328" s="2">
        <v>7.6</v>
      </c>
      <c r="Z23328" s="2">
        <v>16.7</v>
      </c>
      <c r="AA23328" s="5"/>
      <c r="AB23328" s="5" t="s">
        <v>43</v>
      </c>
      <c r="AC23328" s="5" t="s">
        <v>44</v>
      </c>
      <c r="AD23328" s="2"/>
      <c r="AE23328" s="1"/>
    </row>
    <row r="23329" spans="1:31" ht="14.45">
      <c r="A23329" s="11"/>
      <c r="B23329" s="20"/>
      <c r="C23329" s="2" t="s">
        <v>74866</v>
      </c>
      <c r="D23329" s="14" t="s">
        <v>74867</v>
      </c>
      <c r="E23329" s="2" t="s">
        <v>74868</v>
      </c>
      <c r="F23329" s="2" t="s">
        <v>16219</v>
      </c>
      <c r="G23329" s="8">
        <v>296</v>
      </c>
      <c r="H23329" s="5">
        <v>6</v>
      </c>
      <c r="I23329" s="5" t="s">
        <v>1518</v>
      </c>
      <c r="J23329" s="5" t="s">
        <v>69038</v>
      </c>
      <c r="K23329" s="2" t="s">
        <v>69039</v>
      </c>
      <c r="L23329" s="5" t="s">
        <v>69038</v>
      </c>
      <c r="M23329" s="2" t="s">
        <v>69039</v>
      </c>
      <c r="N23329" s="5" t="s">
        <v>1521</v>
      </c>
      <c r="O23329" s="5" t="s">
        <v>38</v>
      </c>
      <c r="P23329" s="5" t="s">
        <v>39</v>
      </c>
      <c r="Q23329" s="5" t="s">
        <v>40</v>
      </c>
      <c r="R23329" s="5" t="s">
        <v>1522</v>
      </c>
      <c r="S23329" s="5" t="s">
        <v>1523</v>
      </c>
      <c r="T23329" s="5" t="s">
        <v>42</v>
      </c>
      <c r="U23329" s="2">
        <v>3.5209999999999999</v>
      </c>
      <c r="V23329" s="2">
        <v>2.839</v>
      </c>
      <c r="W23329" s="2">
        <v>0.02</v>
      </c>
      <c r="X23329" s="2">
        <v>159.1</v>
      </c>
      <c r="Y23329" s="2">
        <v>7.6</v>
      </c>
      <c r="Z23329" s="2">
        <v>16.7</v>
      </c>
      <c r="AA23329" s="5"/>
      <c r="AB23329" s="5" t="s">
        <v>43</v>
      </c>
      <c r="AC23329" s="5" t="s">
        <v>44</v>
      </c>
      <c r="AD23329" s="2"/>
      <c r="AE23329" s="1"/>
    </row>
    <row r="23330" spans="1:31" ht="14.45">
      <c r="A23330" s="11"/>
      <c r="B23330" s="20"/>
      <c r="C23330" s="2" t="s">
        <v>74869</v>
      </c>
      <c r="D23330" s="14" t="s">
        <v>74870</v>
      </c>
      <c r="E23330" s="2" t="s">
        <v>74871</v>
      </c>
      <c r="F23330" s="2" t="s">
        <v>7212</v>
      </c>
      <c r="G23330" s="8">
        <v>275</v>
      </c>
      <c r="H23330" s="5">
        <v>6</v>
      </c>
      <c r="I23330" s="5" t="s">
        <v>1518</v>
      </c>
      <c r="J23330" s="5" t="s">
        <v>69038</v>
      </c>
      <c r="K23330" s="2" t="s">
        <v>69039</v>
      </c>
      <c r="L23330" s="5" t="s">
        <v>69038</v>
      </c>
      <c r="M23330" s="2" t="s">
        <v>69039</v>
      </c>
      <c r="N23330" s="5" t="s">
        <v>1521</v>
      </c>
      <c r="O23330" s="5" t="s">
        <v>38</v>
      </c>
      <c r="P23330" s="5" t="s">
        <v>39</v>
      </c>
      <c r="Q23330" s="5" t="s">
        <v>40</v>
      </c>
      <c r="R23330" s="5" t="s">
        <v>1522</v>
      </c>
      <c r="S23330" s="5" t="s">
        <v>1523</v>
      </c>
      <c r="T23330" s="5" t="s">
        <v>42</v>
      </c>
      <c r="U23330" s="2">
        <v>3.407</v>
      </c>
      <c r="V23330" s="2">
        <v>2.7250000000000001</v>
      </c>
      <c r="W23330" s="2">
        <v>0.02</v>
      </c>
      <c r="X23330" s="2">
        <v>159.1</v>
      </c>
      <c r="Y23330" s="2">
        <v>7.6</v>
      </c>
      <c r="Z23330" s="2">
        <v>16.7</v>
      </c>
      <c r="AA23330" s="5"/>
      <c r="AB23330" s="5" t="s">
        <v>43</v>
      </c>
      <c r="AC23330" s="5" t="s">
        <v>44</v>
      </c>
      <c r="AD23330" s="2"/>
      <c r="AE23330" s="1"/>
    </row>
    <row r="23331" spans="1:31" ht="14.45">
      <c r="A23331" s="11"/>
      <c r="B23331" s="20"/>
      <c r="C23331" s="2" t="s">
        <v>74872</v>
      </c>
      <c r="D23331" s="14" t="s">
        <v>74873</v>
      </c>
      <c r="E23331" s="2" t="s">
        <v>74874</v>
      </c>
      <c r="F23331" s="2" t="s">
        <v>7528</v>
      </c>
      <c r="G23331" s="8">
        <v>275</v>
      </c>
      <c r="H23331" s="5">
        <v>6</v>
      </c>
      <c r="I23331" s="5" t="s">
        <v>1518</v>
      </c>
      <c r="J23331" s="5" t="s">
        <v>69038</v>
      </c>
      <c r="K23331" s="2" t="s">
        <v>69039</v>
      </c>
      <c r="L23331" s="5" t="s">
        <v>69038</v>
      </c>
      <c r="M23331" s="2" t="s">
        <v>69039</v>
      </c>
      <c r="N23331" s="5" t="s">
        <v>1521</v>
      </c>
      <c r="O23331" s="5" t="s">
        <v>38</v>
      </c>
      <c r="P23331" s="5" t="s">
        <v>39</v>
      </c>
      <c r="Q23331" s="5" t="s">
        <v>40</v>
      </c>
      <c r="R23331" s="5" t="s">
        <v>1522</v>
      </c>
      <c r="S23331" s="5" t="s">
        <v>1523</v>
      </c>
      <c r="T23331" s="5" t="s">
        <v>42</v>
      </c>
      <c r="U23331" s="2">
        <v>3.5209999999999999</v>
      </c>
      <c r="V23331" s="2">
        <v>2.839</v>
      </c>
      <c r="W23331" s="2">
        <v>0.02</v>
      </c>
      <c r="X23331" s="2">
        <v>159.1</v>
      </c>
      <c r="Y23331" s="2">
        <v>7.6</v>
      </c>
      <c r="Z23331" s="2">
        <v>16.7</v>
      </c>
      <c r="AA23331" s="5"/>
      <c r="AB23331" s="5" t="s">
        <v>43</v>
      </c>
      <c r="AC23331" s="5" t="s">
        <v>44</v>
      </c>
      <c r="AD23331" s="2"/>
      <c r="AE23331" s="1"/>
    </row>
    <row r="23332" spans="1:31" ht="14.45">
      <c r="A23332" s="11"/>
      <c r="B23332" s="20"/>
      <c r="C23332" s="2" t="s">
        <v>74875</v>
      </c>
      <c r="D23332" s="14" t="s">
        <v>74876</v>
      </c>
      <c r="E23332" s="2" t="s">
        <v>74877</v>
      </c>
      <c r="F23332" s="2" t="s">
        <v>16029</v>
      </c>
      <c r="G23332" s="8">
        <v>296</v>
      </c>
      <c r="H23332" s="5">
        <v>6</v>
      </c>
      <c r="I23332" s="5" t="s">
        <v>1518</v>
      </c>
      <c r="J23332" s="5" t="s">
        <v>69038</v>
      </c>
      <c r="K23332" s="2" t="s">
        <v>69039</v>
      </c>
      <c r="L23332" s="5" t="s">
        <v>69038</v>
      </c>
      <c r="M23332" s="2" t="s">
        <v>69039</v>
      </c>
      <c r="N23332" s="5" t="s">
        <v>1521</v>
      </c>
      <c r="O23332" s="5" t="s">
        <v>38</v>
      </c>
      <c r="P23332" s="5" t="s">
        <v>39</v>
      </c>
      <c r="Q23332" s="5" t="s">
        <v>40</v>
      </c>
      <c r="R23332" s="5" t="s">
        <v>1522</v>
      </c>
      <c r="S23332" s="5" t="s">
        <v>1523</v>
      </c>
      <c r="T23332" s="5" t="s">
        <v>42</v>
      </c>
      <c r="U23332" s="2">
        <v>3.4220000000000002</v>
      </c>
      <c r="V23332" s="2">
        <v>2.74</v>
      </c>
      <c r="W23332" s="2">
        <v>0.02</v>
      </c>
      <c r="X23332" s="2">
        <v>159.1</v>
      </c>
      <c r="Y23332" s="2">
        <v>7.6</v>
      </c>
      <c r="Z23332" s="2">
        <v>16.7</v>
      </c>
      <c r="AA23332" s="5"/>
      <c r="AB23332" s="5" t="s">
        <v>43</v>
      </c>
      <c r="AC23332" s="5" t="s">
        <v>44</v>
      </c>
      <c r="AD23332" s="2"/>
      <c r="AE23332" s="1"/>
    </row>
    <row r="23333" spans="1:31" ht="14.45">
      <c r="A23333" s="11"/>
      <c r="B23333" s="20"/>
      <c r="C23333" s="2" t="s">
        <v>74878</v>
      </c>
      <c r="D23333" s="14" t="s">
        <v>74879</v>
      </c>
      <c r="E23333" s="2" t="s">
        <v>74880</v>
      </c>
      <c r="F23333" s="2" t="s">
        <v>16033</v>
      </c>
      <c r="G23333" s="8">
        <v>296</v>
      </c>
      <c r="H23333" s="5">
        <v>6</v>
      </c>
      <c r="I23333" s="5" t="s">
        <v>1518</v>
      </c>
      <c r="J23333" s="5" t="s">
        <v>69038</v>
      </c>
      <c r="K23333" s="2" t="s">
        <v>69039</v>
      </c>
      <c r="L23333" s="5" t="s">
        <v>69038</v>
      </c>
      <c r="M23333" s="2" t="s">
        <v>69039</v>
      </c>
      <c r="N23333" s="5" t="s">
        <v>1521</v>
      </c>
      <c r="O23333" s="5" t="s">
        <v>38</v>
      </c>
      <c r="P23333" s="5" t="s">
        <v>39</v>
      </c>
      <c r="Q23333" s="5" t="s">
        <v>40</v>
      </c>
      <c r="R23333" s="5" t="s">
        <v>1522</v>
      </c>
      <c r="S23333" s="5" t="s">
        <v>1523</v>
      </c>
      <c r="T23333" s="5" t="s">
        <v>42</v>
      </c>
      <c r="U23333" s="2">
        <v>3.536</v>
      </c>
      <c r="V23333" s="2">
        <v>2.8540000000000001</v>
      </c>
      <c r="W23333" s="2">
        <v>0.02</v>
      </c>
      <c r="X23333" s="2">
        <v>159.1</v>
      </c>
      <c r="Y23333" s="2">
        <v>7.6</v>
      </c>
      <c r="Z23333" s="2">
        <v>16.7</v>
      </c>
      <c r="AA23333" s="5"/>
      <c r="AB23333" s="5" t="s">
        <v>43</v>
      </c>
      <c r="AC23333" s="5" t="s">
        <v>44</v>
      </c>
      <c r="AD23333" s="2"/>
      <c r="AE23333" s="1"/>
    </row>
    <row r="23334" spans="1:31" ht="14.45">
      <c r="A23334" s="11"/>
      <c r="B23334" s="20"/>
      <c r="C23334" s="2" t="s">
        <v>74881</v>
      </c>
      <c r="D23334" s="14" t="s">
        <v>74882</v>
      </c>
      <c r="E23334" s="2" t="s">
        <v>74883</v>
      </c>
      <c r="F23334" s="2" t="s">
        <v>7204</v>
      </c>
      <c r="G23334" s="8">
        <v>270</v>
      </c>
      <c r="H23334" s="5">
        <v>6</v>
      </c>
      <c r="I23334" s="5" t="s">
        <v>1518</v>
      </c>
      <c r="J23334" s="5" t="s">
        <v>69038</v>
      </c>
      <c r="K23334" s="2" t="s">
        <v>69039</v>
      </c>
      <c r="L23334" s="5" t="s">
        <v>69038</v>
      </c>
      <c r="M23334" s="2" t="s">
        <v>69039</v>
      </c>
      <c r="N23334" s="5" t="s">
        <v>1521</v>
      </c>
      <c r="O23334" s="5" t="s">
        <v>38</v>
      </c>
      <c r="P23334" s="5" t="s">
        <v>39</v>
      </c>
      <c r="Q23334" s="5" t="s">
        <v>40</v>
      </c>
      <c r="R23334" s="5" t="s">
        <v>1522</v>
      </c>
      <c r="S23334" s="5" t="s">
        <v>1523</v>
      </c>
      <c r="T23334" s="5" t="s">
        <v>42</v>
      </c>
      <c r="U23334" s="2">
        <v>3.2240000000000002</v>
      </c>
      <c r="V23334" s="2">
        <v>2.6349999999999998</v>
      </c>
      <c r="W23334" s="2">
        <v>1.7999999999999999E-2</v>
      </c>
      <c r="X23334" s="2">
        <v>139.1</v>
      </c>
      <c r="Y23334" s="2">
        <v>7.6</v>
      </c>
      <c r="Z23334" s="2">
        <v>16.7</v>
      </c>
      <c r="AA23334" s="5"/>
      <c r="AB23334" s="5" t="s">
        <v>43</v>
      </c>
      <c r="AC23334" s="5" t="s">
        <v>44</v>
      </c>
      <c r="AD23334" s="2"/>
      <c r="AE23334" s="1"/>
    </row>
    <row r="23335" spans="1:31" ht="14.45">
      <c r="A23335" s="11"/>
      <c r="B23335" s="20"/>
      <c r="C23335" s="2" t="s">
        <v>74884</v>
      </c>
      <c r="D23335" s="14" t="s">
        <v>74885</v>
      </c>
      <c r="E23335" s="2" t="s">
        <v>74886</v>
      </c>
      <c r="F23335" s="2" t="s">
        <v>7514</v>
      </c>
      <c r="G23335" s="8">
        <v>270</v>
      </c>
      <c r="H23335" s="5">
        <v>6</v>
      </c>
      <c r="I23335" s="5" t="s">
        <v>1518</v>
      </c>
      <c r="J23335" s="5" t="s">
        <v>69038</v>
      </c>
      <c r="K23335" s="2" t="s">
        <v>69039</v>
      </c>
      <c r="L23335" s="5" t="s">
        <v>69038</v>
      </c>
      <c r="M23335" s="2" t="s">
        <v>69039</v>
      </c>
      <c r="N23335" s="5" t="s">
        <v>1521</v>
      </c>
      <c r="O23335" s="5" t="s">
        <v>38</v>
      </c>
      <c r="P23335" s="5" t="s">
        <v>39</v>
      </c>
      <c r="Q23335" s="5" t="s">
        <v>40</v>
      </c>
      <c r="R23335" s="5" t="s">
        <v>1522</v>
      </c>
      <c r="S23335" s="5" t="s">
        <v>1523</v>
      </c>
      <c r="T23335" s="5" t="s">
        <v>42</v>
      </c>
      <c r="U23335" s="2">
        <v>3.32</v>
      </c>
      <c r="V23335" s="2">
        <v>2.7309999999999999</v>
      </c>
      <c r="W23335" s="2">
        <v>1.7999999999999999E-2</v>
      </c>
      <c r="X23335" s="2">
        <v>139.1</v>
      </c>
      <c r="Y23335" s="2">
        <v>7.6</v>
      </c>
      <c r="Z23335" s="2">
        <v>16.7</v>
      </c>
      <c r="AA23335" s="5"/>
      <c r="AB23335" s="5" t="s">
        <v>43</v>
      </c>
      <c r="AC23335" s="5" t="s">
        <v>44</v>
      </c>
      <c r="AD23335" s="2"/>
      <c r="AE23335" s="1"/>
    </row>
    <row r="23336" spans="1:31" ht="14.45">
      <c r="A23336" s="11"/>
      <c r="B23336" s="20"/>
      <c r="C23336" s="2" t="s">
        <v>74887</v>
      </c>
      <c r="D23336" s="14" t="s">
        <v>74888</v>
      </c>
      <c r="E23336" s="2" t="s">
        <v>74889</v>
      </c>
      <c r="F23336" s="2" t="s">
        <v>7208</v>
      </c>
      <c r="G23336" s="8">
        <v>270</v>
      </c>
      <c r="H23336" s="5">
        <v>6</v>
      </c>
      <c r="I23336" s="5" t="s">
        <v>1518</v>
      </c>
      <c r="J23336" s="5" t="s">
        <v>69038</v>
      </c>
      <c r="K23336" s="2" t="s">
        <v>69039</v>
      </c>
      <c r="L23336" s="5" t="s">
        <v>69038</v>
      </c>
      <c r="M23336" s="2" t="s">
        <v>69039</v>
      </c>
      <c r="N23336" s="5" t="s">
        <v>1521</v>
      </c>
      <c r="O23336" s="5" t="s">
        <v>38</v>
      </c>
      <c r="P23336" s="5" t="s">
        <v>39</v>
      </c>
      <c r="Q23336" s="5" t="s">
        <v>40</v>
      </c>
      <c r="R23336" s="5" t="s">
        <v>1522</v>
      </c>
      <c r="S23336" s="5" t="s">
        <v>1523</v>
      </c>
      <c r="T23336" s="5" t="s">
        <v>42</v>
      </c>
      <c r="U23336" s="2">
        <v>3.2240000000000002</v>
      </c>
      <c r="V23336" s="2">
        <v>2.6349999999999998</v>
      </c>
      <c r="W23336" s="2">
        <v>1.7999999999999999E-2</v>
      </c>
      <c r="X23336" s="2">
        <v>139.1</v>
      </c>
      <c r="Y23336" s="2">
        <v>7.6</v>
      </c>
      <c r="Z23336" s="2">
        <v>16.7</v>
      </c>
      <c r="AA23336" s="5"/>
      <c r="AB23336" s="5" t="s">
        <v>43</v>
      </c>
      <c r="AC23336" s="5" t="s">
        <v>44</v>
      </c>
      <c r="AD23336" s="2"/>
      <c r="AE23336" s="1"/>
    </row>
    <row r="23337" spans="1:31" ht="14.45">
      <c r="A23337" s="11"/>
      <c r="B23337" s="20"/>
      <c r="C23337" s="2" t="s">
        <v>74890</v>
      </c>
      <c r="D23337" s="14" t="s">
        <v>74891</v>
      </c>
      <c r="E23337" s="2" t="s">
        <v>74892</v>
      </c>
      <c r="F23337" s="2" t="s">
        <v>7521</v>
      </c>
      <c r="G23337" s="8">
        <v>270</v>
      </c>
      <c r="H23337" s="5">
        <v>6</v>
      </c>
      <c r="I23337" s="5" t="s">
        <v>1518</v>
      </c>
      <c r="J23337" s="5" t="s">
        <v>69038</v>
      </c>
      <c r="K23337" s="2" t="s">
        <v>69039</v>
      </c>
      <c r="L23337" s="5" t="s">
        <v>69038</v>
      </c>
      <c r="M23337" s="2" t="s">
        <v>69039</v>
      </c>
      <c r="N23337" s="5" t="s">
        <v>1521</v>
      </c>
      <c r="O23337" s="5" t="s">
        <v>38</v>
      </c>
      <c r="P23337" s="5" t="s">
        <v>39</v>
      </c>
      <c r="Q23337" s="5" t="s">
        <v>40</v>
      </c>
      <c r="R23337" s="5" t="s">
        <v>1522</v>
      </c>
      <c r="S23337" s="5" t="s">
        <v>1523</v>
      </c>
      <c r="T23337" s="5" t="s">
        <v>42</v>
      </c>
      <c r="U23337" s="2">
        <v>3.32</v>
      </c>
      <c r="V23337" s="2">
        <v>2.7309999999999999</v>
      </c>
      <c r="W23337" s="2">
        <v>1.7999999999999999E-2</v>
      </c>
      <c r="X23337" s="2">
        <v>139.1</v>
      </c>
      <c r="Y23337" s="2">
        <v>7.6</v>
      </c>
      <c r="Z23337" s="2">
        <v>16.7</v>
      </c>
      <c r="AA23337" s="5"/>
      <c r="AB23337" s="5" t="s">
        <v>43</v>
      </c>
      <c r="AC23337" s="5" t="s">
        <v>44</v>
      </c>
      <c r="AD23337" s="2"/>
      <c r="AE23337" s="1"/>
    </row>
    <row r="23338" spans="1:31" ht="14.45">
      <c r="A23338" s="11"/>
      <c r="B23338" s="20"/>
      <c r="C23338" s="2" t="s">
        <v>74893</v>
      </c>
      <c r="D23338" s="14" t="s">
        <v>74894</v>
      </c>
      <c r="E23338" s="2" t="s">
        <v>74895</v>
      </c>
      <c r="F23338" s="2" t="s">
        <v>7539</v>
      </c>
      <c r="G23338" s="8">
        <v>291</v>
      </c>
      <c r="H23338" s="5">
        <v>6</v>
      </c>
      <c r="I23338" s="5" t="s">
        <v>1518</v>
      </c>
      <c r="J23338" s="5" t="s">
        <v>69038</v>
      </c>
      <c r="K23338" s="2" t="s">
        <v>69039</v>
      </c>
      <c r="L23338" s="5" t="s">
        <v>69038</v>
      </c>
      <c r="M23338" s="2" t="s">
        <v>69039</v>
      </c>
      <c r="N23338" s="5" t="s">
        <v>1521</v>
      </c>
      <c r="O23338" s="5" t="s">
        <v>38</v>
      </c>
      <c r="P23338" s="5" t="s">
        <v>39</v>
      </c>
      <c r="Q23338" s="5" t="s">
        <v>40</v>
      </c>
      <c r="R23338" s="5" t="s">
        <v>1522</v>
      </c>
      <c r="S23338" s="5" t="s">
        <v>1523</v>
      </c>
      <c r="T23338" s="5" t="s">
        <v>42</v>
      </c>
      <c r="U23338" s="2">
        <v>3.2240000000000002</v>
      </c>
      <c r="V23338" s="2">
        <v>2.6349999999999998</v>
      </c>
      <c r="W23338" s="2">
        <v>1.7999999999999999E-2</v>
      </c>
      <c r="X23338" s="2">
        <v>139.1</v>
      </c>
      <c r="Y23338" s="2">
        <v>7.6</v>
      </c>
      <c r="Z23338" s="2">
        <v>16.7</v>
      </c>
      <c r="AA23338" s="5"/>
      <c r="AB23338" s="5" t="s">
        <v>43</v>
      </c>
      <c r="AC23338" s="5" t="s">
        <v>44</v>
      </c>
      <c r="AD23338" s="2"/>
      <c r="AE23338" s="1"/>
    </row>
    <row r="23339" spans="1:31" ht="14.45">
      <c r="A23339" s="11"/>
      <c r="B23339" s="20"/>
      <c r="C23339" s="2" t="s">
        <v>74896</v>
      </c>
      <c r="D23339" s="14" t="s">
        <v>74897</v>
      </c>
      <c r="E23339" s="2" t="s">
        <v>74898</v>
      </c>
      <c r="F23339" s="2" t="s">
        <v>7543</v>
      </c>
      <c r="G23339" s="8">
        <v>291</v>
      </c>
      <c r="H23339" s="5">
        <v>6</v>
      </c>
      <c r="I23339" s="5" t="s">
        <v>1518</v>
      </c>
      <c r="J23339" s="5" t="s">
        <v>69038</v>
      </c>
      <c r="K23339" s="2" t="s">
        <v>69039</v>
      </c>
      <c r="L23339" s="5" t="s">
        <v>69038</v>
      </c>
      <c r="M23339" s="2" t="s">
        <v>69039</v>
      </c>
      <c r="N23339" s="5" t="s">
        <v>1521</v>
      </c>
      <c r="O23339" s="5" t="s">
        <v>38</v>
      </c>
      <c r="P23339" s="5" t="s">
        <v>39</v>
      </c>
      <c r="Q23339" s="5" t="s">
        <v>40</v>
      </c>
      <c r="R23339" s="5" t="s">
        <v>1522</v>
      </c>
      <c r="S23339" s="5" t="s">
        <v>1523</v>
      </c>
      <c r="T23339" s="5" t="s">
        <v>42</v>
      </c>
      <c r="U23339" s="2">
        <v>3.32</v>
      </c>
      <c r="V23339" s="2">
        <v>2.7309999999999999</v>
      </c>
      <c r="W23339" s="2">
        <v>1.7999999999999999E-2</v>
      </c>
      <c r="X23339" s="2">
        <v>139.1</v>
      </c>
      <c r="Y23339" s="2">
        <v>7.6</v>
      </c>
      <c r="Z23339" s="2">
        <v>16.7</v>
      </c>
      <c r="AA23339" s="5"/>
      <c r="AB23339" s="5" t="s">
        <v>43</v>
      </c>
      <c r="AC23339" s="5" t="s">
        <v>44</v>
      </c>
      <c r="AD23339" s="2"/>
      <c r="AE23339" s="1"/>
    </row>
    <row r="23340" spans="1:31" ht="14.45">
      <c r="A23340" s="11"/>
      <c r="B23340" s="20"/>
      <c r="C23340" s="2" t="s">
        <v>74899</v>
      </c>
      <c r="D23340" s="14" t="s">
        <v>74900</v>
      </c>
      <c r="E23340" s="2" t="s">
        <v>74901</v>
      </c>
      <c r="F23340" s="2" t="s">
        <v>7396</v>
      </c>
      <c r="G23340" s="8">
        <v>270</v>
      </c>
      <c r="H23340" s="5">
        <v>6</v>
      </c>
      <c r="I23340" s="5" t="s">
        <v>1518</v>
      </c>
      <c r="J23340" s="5" t="s">
        <v>69038</v>
      </c>
      <c r="K23340" s="2" t="s">
        <v>69039</v>
      </c>
      <c r="L23340" s="5" t="s">
        <v>69038</v>
      </c>
      <c r="M23340" s="2" t="s">
        <v>69039</v>
      </c>
      <c r="N23340" s="5" t="s">
        <v>1521</v>
      </c>
      <c r="O23340" s="5" t="s">
        <v>38</v>
      </c>
      <c r="P23340" s="5" t="s">
        <v>39</v>
      </c>
      <c r="Q23340" s="5" t="s">
        <v>40</v>
      </c>
      <c r="R23340" s="5" t="s">
        <v>1522</v>
      </c>
      <c r="S23340" s="5" t="s">
        <v>1523</v>
      </c>
      <c r="T23340" s="5" t="s">
        <v>42</v>
      </c>
      <c r="U23340" s="2">
        <v>3.2240000000000002</v>
      </c>
      <c r="V23340" s="2">
        <v>2.6349999999999998</v>
      </c>
      <c r="W23340" s="2">
        <v>1.7999999999999999E-2</v>
      </c>
      <c r="X23340" s="2">
        <v>139.1</v>
      </c>
      <c r="Y23340" s="2">
        <v>7.6</v>
      </c>
      <c r="Z23340" s="2">
        <v>16.7</v>
      </c>
      <c r="AA23340" s="5"/>
      <c r="AB23340" s="5" t="s">
        <v>43</v>
      </c>
      <c r="AC23340" s="5" t="s">
        <v>44</v>
      </c>
      <c r="AD23340" s="2"/>
      <c r="AE23340" s="1"/>
    </row>
    <row r="23341" spans="1:31" ht="14.45">
      <c r="A23341" s="11"/>
      <c r="B23341" s="20"/>
      <c r="C23341" s="2" t="s">
        <v>74902</v>
      </c>
      <c r="D23341" s="14" t="s">
        <v>74903</v>
      </c>
      <c r="E23341" s="2" t="s">
        <v>74904</v>
      </c>
      <c r="F23341" s="2" t="s">
        <v>7507</v>
      </c>
      <c r="G23341" s="8">
        <v>270</v>
      </c>
      <c r="H23341" s="5">
        <v>6</v>
      </c>
      <c r="I23341" s="5" t="s">
        <v>1518</v>
      </c>
      <c r="J23341" s="5" t="s">
        <v>69038</v>
      </c>
      <c r="K23341" s="2" t="s">
        <v>69039</v>
      </c>
      <c r="L23341" s="5" t="s">
        <v>69038</v>
      </c>
      <c r="M23341" s="2" t="s">
        <v>69039</v>
      </c>
      <c r="N23341" s="5" t="s">
        <v>1521</v>
      </c>
      <c r="O23341" s="5" t="s">
        <v>38</v>
      </c>
      <c r="P23341" s="5" t="s">
        <v>39</v>
      </c>
      <c r="Q23341" s="5" t="s">
        <v>40</v>
      </c>
      <c r="R23341" s="5" t="s">
        <v>1522</v>
      </c>
      <c r="S23341" s="5" t="s">
        <v>1523</v>
      </c>
      <c r="T23341" s="5" t="s">
        <v>42</v>
      </c>
      <c r="U23341" s="2">
        <v>3.32</v>
      </c>
      <c r="V23341" s="2">
        <v>2.7309999999999999</v>
      </c>
      <c r="W23341" s="2">
        <v>1.7999999999999999E-2</v>
      </c>
      <c r="X23341" s="2">
        <v>139.1</v>
      </c>
      <c r="Y23341" s="2">
        <v>7.6</v>
      </c>
      <c r="Z23341" s="2">
        <v>16.7</v>
      </c>
      <c r="AA23341" s="5"/>
      <c r="AB23341" s="5" t="s">
        <v>43</v>
      </c>
      <c r="AC23341" s="5" t="s">
        <v>44</v>
      </c>
      <c r="AD23341" s="2"/>
      <c r="AE23341" s="1"/>
    </row>
    <row r="23342" spans="1:31" ht="14.45">
      <c r="A23342" s="11"/>
      <c r="B23342" s="20"/>
      <c r="C23342" s="2" t="s">
        <v>74905</v>
      </c>
      <c r="D23342" s="14" t="s">
        <v>74906</v>
      </c>
      <c r="E23342" s="2" t="s">
        <v>74907</v>
      </c>
      <c r="F23342" s="2" t="s">
        <v>7563</v>
      </c>
      <c r="G23342" s="8">
        <v>291</v>
      </c>
      <c r="H23342" s="5">
        <v>6</v>
      </c>
      <c r="I23342" s="5" t="s">
        <v>1518</v>
      </c>
      <c r="J23342" s="5" t="s">
        <v>69038</v>
      </c>
      <c r="K23342" s="2" t="s">
        <v>69039</v>
      </c>
      <c r="L23342" s="5" t="s">
        <v>69038</v>
      </c>
      <c r="M23342" s="2" t="s">
        <v>69039</v>
      </c>
      <c r="N23342" s="5" t="s">
        <v>1521</v>
      </c>
      <c r="O23342" s="5" t="s">
        <v>38</v>
      </c>
      <c r="P23342" s="5" t="s">
        <v>39</v>
      </c>
      <c r="Q23342" s="5" t="s">
        <v>40</v>
      </c>
      <c r="R23342" s="5" t="s">
        <v>1522</v>
      </c>
      <c r="S23342" s="5" t="s">
        <v>1523</v>
      </c>
      <c r="T23342" s="5" t="s">
        <v>42</v>
      </c>
      <c r="U23342" s="2">
        <v>3.2240000000000002</v>
      </c>
      <c r="V23342" s="2">
        <v>2.6349999999999998</v>
      </c>
      <c r="W23342" s="2">
        <v>1.7999999999999999E-2</v>
      </c>
      <c r="X23342" s="2">
        <v>139.1</v>
      </c>
      <c r="Y23342" s="2">
        <v>7.6</v>
      </c>
      <c r="Z23342" s="2">
        <v>16.7</v>
      </c>
      <c r="AA23342" s="5"/>
      <c r="AB23342" s="5" t="s">
        <v>43</v>
      </c>
      <c r="AC23342" s="5" t="s">
        <v>44</v>
      </c>
      <c r="AD23342" s="2"/>
      <c r="AE23342" s="1"/>
    </row>
    <row r="23343" spans="1:31" ht="14.45">
      <c r="A23343" s="11"/>
      <c r="B23343" s="20"/>
      <c r="C23343" s="2" t="s">
        <v>74908</v>
      </c>
      <c r="D23343" s="14" t="s">
        <v>74909</v>
      </c>
      <c r="E23343" s="2" t="s">
        <v>74910</v>
      </c>
      <c r="F23343" s="2" t="s">
        <v>7567</v>
      </c>
      <c r="G23343" s="8">
        <v>291</v>
      </c>
      <c r="H23343" s="5">
        <v>6</v>
      </c>
      <c r="I23343" s="5" t="s">
        <v>1518</v>
      </c>
      <c r="J23343" s="5" t="s">
        <v>69038</v>
      </c>
      <c r="K23343" s="2" t="s">
        <v>69039</v>
      </c>
      <c r="L23343" s="5" t="s">
        <v>69038</v>
      </c>
      <c r="M23343" s="2" t="s">
        <v>69039</v>
      </c>
      <c r="N23343" s="5" t="s">
        <v>1521</v>
      </c>
      <c r="O23343" s="5" t="s">
        <v>38</v>
      </c>
      <c r="P23343" s="5" t="s">
        <v>39</v>
      </c>
      <c r="Q23343" s="5" t="s">
        <v>40</v>
      </c>
      <c r="R23343" s="5" t="s">
        <v>1522</v>
      </c>
      <c r="S23343" s="5" t="s">
        <v>1523</v>
      </c>
      <c r="T23343" s="5" t="s">
        <v>42</v>
      </c>
      <c r="U23343" s="2">
        <v>3.32</v>
      </c>
      <c r="V23343" s="2">
        <v>2.7309999999999999</v>
      </c>
      <c r="W23343" s="2">
        <v>1.7999999999999999E-2</v>
      </c>
      <c r="X23343" s="2">
        <v>139.1</v>
      </c>
      <c r="Y23343" s="2">
        <v>7.6</v>
      </c>
      <c r="Z23343" s="2">
        <v>16.7</v>
      </c>
      <c r="AA23343" s="5"/>
      <c r="AB23343" s="5" t="s">
        <v>43</v>
      </c>
      <c r="AC23343" s="5" t="s">
        <v>44</v>
      </c>
      <c r="AD23343" s="2"/>
      <c r="AE23343" s="1"/>
    </row>
    <row r="23344" spans="1:31" ht="14.45">
      <c r="A23344" s="11"/>
      <c r="B23344" s="20"/>
      <c r="C23344" s="2" t="s">
        <v>74911</v>
      </c>
      <c r="D23344" s="14" t="s">
        <v>74912</v>
      </c>
      <c r="E23344" s="2" t="s">
        <v>74913</v>
      </c>
      <c r="F23344" s="2" t="s">
        <v>7555</v>
      </c>
      <c r="G23344" s="8">
        <v>291</v>
      </c>
      <c r="H23344" s="5">
        <v>6</v>
      </c>
      <c r="I23344" s="5" t="s">
        <v>1518</v>
      </c>
      <c r="J23344" s="5" t="s">
        <v>69038</v>
      </c>
      <c r="K23344" s="2" t="s">
        <v>69039</v>
      </c>
      <c r="L23344" s="5" t="s">
        <v>69038</v>
      </c>
      <c r="M23344" s="2" t="s">
        <v>69039</v>
      </c>
      <c r="N23344" s="5" t="s">
        <v>1521</v>
      </c>
      <c r="O23344" s="5" t="s">
        <v>38</v>
      </c>
      <c r="P23344" s="5" t="s">
        <v>39</v>
      </c>
      <c r="Q23344" s="5" t="s">
        <v>40</v>
      </c>
      <c r="R23344" s="5" t="s">
        <v>1522</v>
      </c>
      <c r="S23344" s="5" t="s">
        <v>1523</v>
      </c>
      <c r="T23344" s="5" t="s">
        <v>42</v>
      </c>
      <c r="U23344" s="2">
        <v>3.2240000000000002</v>
      </c>
      <c r="V23344" s="2">
        <v>2.6349999999999998</v>
      </c>
      <c r="W23344" s="2">
        <v>1.7999999999999999E-2</v>
      </c>
      <c r="X23344" s="2">
        <v>139.1</v>
      </c>
      <c r="Y23344" s="2">
        <v>7.6</v>
      </c>
      <c r="Z23344" s="2">
        <v>16.7</v>
      </c>
      <c r="AA23344" s="5"/>
      <c r="AB23344" s="5" t="s">
        <v>43</v>
      </c>
      <c r="AC23344" s="5" t="s">
        <v>44</v>
      </c>
      <c r="AD23344" s="2"/>
      <c r="AE23344" s="1"/>
    </row>
    <row r="23345" spans="1:31" ht="14.45">
      <c r="A23345" s="11"/>
      <c r="B23345" s="20"/>
      <c r="C23345" s="2" t="s">
        <v>74914</v>
      </c>
      <c r="D23345" s="14" t="s">
        <v>74915</v>
      </c>
      <c r="E23345" s="2" t="s">
        <v>74916</v>
      </c>
      <c r="F23345" s="2" t="s">
        <v>16194</v>
      </c>
      <c r="G23345" s="8">
        <v>291</v>
      </c>
      <c r="H23345" s="5">
        <v>6</v>
      </c>
      <c r="I23345" s="5" t="s">
        <v>1518</v>
      </c>
      <c r="J23345" s="5" t="s">
        <v>69038</v>
      </c>
      <c r="K23345" s="2" t="s">
        <v>69039</v>
      </c>
      <c r="L23345" s="5" t="s">
        <v>69038</v>
      </c>
      <c r="M23345" s="2" t="s">
        <v>69039</v>
      </c>
      <c r="N23345" s="5" t="s">
        <v>1521</v>
      </c>
      <c r="O23345" s="5" t="s">
        <v>38</v>
      </c>
      <c r="P23345" s="5" t="s">
        <v>39</v>
      </c>
      <c r="Q23345" s="5" t="s">
        <v>40</v>
      </c>
      <c r="R23345" s="5" t="s">
        <v>1522</v>
      </c>
      <c r="S23345" s="5" t="s">
        <v>1523</v>
      </c>
      <c r="T23345" s="5" t="s">
        <v>42</v>
      </c>
      <c r="U23345" s="2">
        <v>3.32</v>
      </c>
      <c r="V23345" s="2">
        <v>2.7309999999999999</v>
      </c>
      <c r="W23345" s="2">
        <v>1.7999999999999999E-2</v>
      </c>
      <c r="X23345" s="2">
        <v>139.1</v>
      </c>
      <c r="Y23345" s="2">
        <v>7.6</v>
      </c>
      <c r="Z23345" s="2">
        <v>16.7</v>
      </c>
      <c r="AA23345" s="5"/>
      <c r="AB23345" s="5" t="s">
        <v>43</v>
      </c>
      <c r="AC23345" s="5" t="s">
        <v>44</v>
      </c>
      <c r="AD23345" s="2"/>
      <c r="AE23345" s="1"/>
    </row>
    <row r="23346" spans="1:31" ht="14.45">
      <c r="A23346" s="11"/>
      <c r="B23346" s="20"/>
      <c r="C23346" s="2" t="s">
        <v>74917</v>
      </c>
      <c r="D23346" s="14" t="s">
        <v>74918</v>
      </c>
      <c r="E23346" s="2" t="s">
        <v>74919</v>
      </c>
      <c r="F23346" s="2" t="s">
        <v>7449</v>
      </c>
      <c r="G23346" s="8">
        <v>291</v>
      </c>
      <c r="H23346" s="5">
        <v>6</v>
      </c>
      <c r="I23346" s="5" t="s">
        <v>1518</v>
      </c>
      <c r="J23346" s="5" t="s">
        <v>69038</v>
      </c>
      <c r="K23346" s="2" t="s">
        <v>69039</v>
      </c>
      <c r="L23346" s="5" t="s">
        <v>69038</v>
      </c>
      <c r="M23346" s="2" t="s">
        <v>69039</v>
      </c>
      <c r="N23346" s="5" t="s">
        <v>1521</v>
      </c>
      <c r="O23346" s="5" t="s">
        <v>38</v>
      </c>
      <c r="P23346" s="5" t="s">
        <v>39</v>
      </c>
      <c r="Q23346" s="5" t="s">
        <v>40</v>
      </c>
      <c r="R23346" s="5" t="s">
        <v>1522</v>
      </c>
      <c r="S23346" s="5" t="s">
        <v>1523</v>
      </c>
      <c r="T23346" s="5" t="s">
        <v>42</v>
      </c>
      <c r="U23346" s="2">
        <v>3.2240000000000002</v>
      </c>
      <c r="V23346" s="2">
        <v>2.6349999999999998</v>
      </c>
      <c r="W23346" s="2">
        <v>1.7999999999999999E-2</v>
      </c>
      <c r="X23346" s="2">
        <v>139.1</v>
      </c>
      <c r="Y23346" s="2">
        <v>7.6</v>
      </c>
      <c r="Z23346" s="2">
        <v>16.7</v>
      </c>
      <c r="AA23346" s="5"/>
      <c r="AB23346" s="5" t="s">
        <v>43</v>
      </c>
      <c r="AC23346" s="5" t="s">
        <v>44</v>
      </c>
      <c r="AD23346" s="2"/>
      <c r="AE23346" s="1"/>
    </row>
    <row r="23347" spans="1:31" ht="14.45">
      <c r="A23347" s="11"/>
      <c r="B23347" s="20"/>
      <c r="C23347" s="2" t="s">
        <v>74920</v>
      </c>
      <c r="D23347" s="14" t="s">
        <v>74921</v>
      </c>
      <c r="E23347" s="2" t="s">
        <v>74922</v>
      </c>
      <c r="F23347" s="2" t="s">
        <v>7585</v>
      </c>
      <c r="G23347" s="8">
        <v>291</v>
      </c>
      <c r="H23347" s="5">
        <v>6</v>
      </c>
      <c r="I23347" s="5" t="s">
        <v>1518</v>
      </c>
      <c r="J23347" s="5" t="s">
        <v>69038</v>
      </c>
      <c r="K23347" s="2" t="s">
        <v>69039</v>
      </c>
      <c r="L23347" s="5" t="s">
        <v>69038</v>
      </c>
      <c r="M23347" s="2" t="s">
        <v>69039</v>
      </c>
      <c r="N23347" s="5" t="s">
        <v>1521</v>
      </c>
      <c r="O23347" s="5" t="s">
        <v>38</v>
      </c>
      <c r="P23347" s="5" t="s">
        <v>39</v>
      </c>
      <c r="Q23347" s="5" t="s">
        <v>40</v>
      </c>
      <c r="R23347" s="5" t="s">
        <v>1522</v>
      </c>
      <c r="S23347" s="5" t="s">
        <v>1523</v>
      </c>
      <c r="T23347" s="5" t="s">
        <v>42</v>
      </c>
      <c r="U23347" s="2">
        <v>3.2240000000000002</v>
      </c>
      <c r="V23347" s="2">
        <v>2.6349999999999998</v>
      </c>
      <c r="W23347" s="2">
        <v>1.7999999999999999E-2</v>
      </c>
      <c r="X23347" s="2">
        <v>139.1</v>
      </c>
      <c r="Y23347" s="2">
        <v>7.6</v>
      </c>
      <c r="Z23347" s="2">
        <v>16.7</v>
      </c>
      <c r="AA23347" s="5"/>
      <c r="AB23347" s="5" t="s">
        <v>43</v>
      </c>
      <c r="AC23347" s="5" t="s">
        <v>44</v>
      </c>
      <c r="AD23347" s="2"/>
      <c r="AE23347" s="1"/>
    </row>
    <row r="23348" spans="1:31" ht="14.45">
      <c r="A23348" s="11"/>
      <c r="B23348" s="20"/>
      <c r="C23348" s="2" t="s">
        <v>74923</v>
      </c>
      <c r="D23348" s="14" t="s">
        <v>74924</v>
      </c>
      <c r="E23348" s="2" t="s">
        <v>74925</v>
      </c>
      <c r="F23348" s="2" t="s">
        <v>7593</v>
      </c>
      <c r="G23348" s="8">
        <v>291</v>
      </c>
      <c r="H23348" s="5">
        <v>6</v>
      </c>
      <c r="I23348" s="5" t="s">
        <v>1518</v>
      </c>
      <c r="J23348" s="5" t="s">
        <v>69038</v>
      </c>
      <c r="K23348" s="2" t="s">
        <v>69039</v>
      </c>
      <c r="L23348" s="5" t="s">
        <v>69038</v>
      </c>
      <c r="M23348" s="2" t="s">
        <v>69039</v>
      </c>
      <c r="N23348" s="5" t="s">
        <v>1521</v>
      </c>
      <c r="O23348" s="5" t="s">
        <v>38</v>
      </c>
      <c r="P23348" s="5" t="s">
        <v>39</v>
      </c>
      <c r="Q23348" s="5" t="s">
        <v>40</v>
      </c>
      <c r="R23348" s="5" t="s">
        <v>1522</v>
      </c>
      <c r="S23348" s="5" t="s">
        <v>1523</v>
      </c>
      <c r="T23348" s="5" t="s">
        <v>42</v>
      </c>
      <c r="U23348" s="2">
        <v>3.2240000000000002</v>
      </c>
      <c r="V23348" s="2">
        <v>2.6349999999999998</v>
      </c>
      <c r="W23348" s="2">
        <v>1.7999999999999999E-2</v>
      </c>
      <c r="X23348" s="2">
        <v>139.1</v>
      </c>
      <c r="Y23348" s="2">
        <v>7.6</v>
      </c>
      <c r="Z23348" s="2">
        <v>16.7</v>
      </c>
      <c r="AA23348" s="5"/>
      <c r="AB23348" s="5" t="s">
        <v>43</v>
      </c>
      <c r="AC23348" s="5" t="s">
        <v>44</v>
      </c>
      <c r="AD23348" s="2"/>
      <c r="AE23348" s="1"/>
    </row>
    <row r="23349" spans="1:31" ht="14.45">
      <c r="A23349" s="11"/>
      <c r="B23349" s="20"/>
      <c r="C23349" s="2" t="s">
        <v>74926</v>
      </c>
      <c r="D23349" s="14" t="s">
        <v>74927</v>
      </c>
      <c r="E23349" s="2" t="s">
        <v>74928</v>
      </c>
      <c r="F23349" s="2" t="s">
        <v>73358</v>
      </c>
      <c r="G23349" s="8">
        <v>291</v>
      </c>
      <c r="H23349" s="5">
        <v>6</v>
      </c>
      <c r="I23349" s="5" t="s">
        <v>1518</v>
      </c>
      <c r="J23349" s="5" t="s">
        <v>69038</v>
      </c>
      <c r="K23349" s="2" t="s">
        <v>69039</v>
      </c>
      <c r="L23349" s="5" t="s">
        <v>69038</v>
      </c>
      <c r="M23349" s="2" t="s">
        <v>69039</v>
      </c>
      <c r="N23349" s="5" t="s">
        <v>1521</v>
      </c>
      <c r="O23349" s="5" t="s">
        <v>38</v>
      </c>
      <c r="P23349" s="5" t="s">
        <v>39</v>
      </c>
      <c r="Q23349" s="5" t="s">
        <v>40</v>
      </c>
      <c r="R23349" s="5" t="s">
        <v>1522</v>
      </c>
      <c r="S23349" s="5" t="s">
        <v>1523</v>
      </c>
      <c r="T23349" s="5" t="s">
        <v>42</v>
      </c>
      <c r="U23349" s="2">
        <v>3.2240000000000002</v>
      </c>
      <c r="V23349" s="2">
        <v>2.6349999999999998</v>
      </c>
      <c r="W23349" s="2">
        <v>1.7999999999999999E-2</v>
      </c>
      <c r="X23349" s="2">
        <v>139.1</v>
      </c>
      <c r="Y23349" s="2">
        <v>7.6</v>
      </c>
      <c r="Z23349" s="2">
        <v>16.7</v>
      </c>
      <c r="AA23349" s="5"/>
      <c r="AB23349" s="5" t="s">
        <v>43</v>
      </c>
      <c r="AC23349" s="5" t="s">
        <v>44</v>
      </c>
      <c r="AD23349" s="2"/>
      <c r="AE23349" s="1"/>
    </row>
    <row r="23350" spans="1:31" ht="14.45">
      <c r="A23350" s="11"/>
      <c r="B23350" s="20"/>
      <c r="C23350" s="2" t="s">
        <v>74929</v>
      </c>
      <c r="D23350" s="14" t="s">
        <v>74930</v>
      </c>
      <c r="E23350" s="2" t="s">
        <v>74931</v>
      </c>
      <c r="F23350" s="2" t="s">
        <v>73362</v>
      </c>
      <c r="G23350" s="8">
        <v>291</v>
      </c>
      <c r="H23350" s="5">
        <v>6</v>
      </c>
      <c r="I23350" s="5" t="s">
        <v>1518</v>
      </c>
      <c r="J23350" s="5" t="s">
        <v>69038</v>
      </c>
      <c r="K23350" s="2" t="s">
        <v>69039</v>
      </c>
      <c r="L23350" s="5" t="s">
        <v>69038</v>
      </c>
      <c r="M23350" s="2" t="s">
        <v>69039</v>
      </c>
      <c r="N23350" s="5" t="s">
        <v>1521</v>
      </c>
      <c r="O23350" s="5" t="s">
        <v>38</v>
      </c>
      <c r="P23350" s="5" t="s">
        <v>39</v>
      </c>
      <c r="Q23350" s="5" t="s">
        <v>40</v>
      </c>
      <c r="R23350" s="5" t="s">
        <v>1522</v>
      </c>
      <c r="S23350" s="5" t="s">
        <v>1523</v>
      </c>
      <c r="T23350" s="5" t="s">
        <v>42</v>
      </c>
      <c r="U23350" s="2">
        <v>3.32</v>
      </c>
      <c r="V23350" s="2">
        <v>2.7309999999999999</v>
      </c>
      <c r="W23350" s="2">
        <v>1.7999999999999999E-2</v>
      </c>
      <c r="X23350" s="2">
        <v>139.1</v>
      </c>
      <c r="Y23350" s="2">
        <v>7.6</v>
      </c>
      <c r="Z23350" s="2">
        <v>16.7</v>
      </c>
      <c r="AA23350" s="5"/>
      <c r="AB23350" s="5" t="s">
        <v>43</v>
      </c>
      <c r="AC23350" s="5" t="s">
        <v>44</v>
      </c>
      <c r="AD23350" s="2"/>
      <c r="AE23350" s="1"/>
    </row>
    <row r="23351" spans="1:31" ht="14.45">
      <c r="A23351" s="11"/>
      <c r="B23351" s="20"/>
      <c r="C23351" s="2" t="s">
        <v>74932</v>
      </c>
      <c r="D23351" s="14" t="s">
        <v>74933</v>
      </c>
      <c r="E23351" s="2" t="s">
        <v>74934</v>
      </c>
      <c r="F23351" s="2" t="s">
        <v>7615</v>
      </c>
      <c r="G23351" s="8">
        <v>291</v>
      </c>
      <c r="H23351" s="5">
        <v>6</v>
      </c>
      <c r="I23351" s="5" t="s">
        <v>1518</v>
      </c>
      <c r="J23351" s="5" t="s">
        <v>69038</v>
      </c>
      <c r="K23351" s="2" t="s">
        <v>69039</v>
      </c>
      <c r="L23351" s="5" t="s">
        <v>69038</v>
      </c>
      <c r="M23351" s="2" t="s">
        <v>69039</v>
      </c>
      <c r="N23351" s="5" t="s">
        <v>1521</v>
      </c>
      <c r="O23351" s="5" t="s">
        <v>38</v>
      </c>
      <c r="P23351" s="5" t="s">
        <v>39</v>
      </c>
      <c r="Q23351" s="5" t="s">
        <v>40</v>
      </c>
      <c r="R23351" s="5" t="s">
        <v>1522</v>
      </c>
      <c r="S23351" s="5" t="s">
        <v>1523</v>
      </c>
      <c r="T23351" s="5" t="s">
        <v>42</v>
      </c>
      <c r="U23351" s="2">
        <v>3.2240000000000002</v>
      </c>
      <c r="V23351" s="2">
        <v>2.6349999999999998</v>
      </c>
      <c r="W23351" s="2">
        <v>1.7999999999999999E-2</v>
      </c>
      <c r="X23351" s="2">
        <v>139.1</v>
      </c>
      <c r="Y23351" s="2">
        <v>7.6</v>
      </c>
      <c r="Z23351" s="2">
        <v>16.7</v>
      </c>
      <c r="AA23351" s="5"/>
      <c r="AB23351" s="5" t="s">
        <v>43</v>
      </c>
      <c r="AC23351" s="5" t="s">
        <v>44</v>
      </c>
      <c r="AD23351" s="2"/>
      <c r="AE23351" s="1"/>
    </row>
    <row r="23352" spans="1:31" ht="14.45">
      <c r="A23352" s="11"/>
      <c r="B23352" s="20"/>
      <c r="C23352" s="2" t="s">
        <v>74935</v>
      </c>
      <c r="D23352" s="14" t="s">
        <v>74936</v>
      </c>
      <c r="E23352" s="2" t="s">
        <v>74937</v>
      </c>
      <c r="F23352" s="2" t="s">
        <v>7619</v>
      </c>
      <c r="G23352" s="8">
        <v>291</v>
      </c>
      <c r="H23352" s="5">
        <v>6</v>
      </c>
      <c r="I23352" s="5" t="s">
        <v>1518</v>
      </c>
      <c r="J23352" s="5" t="s">
        <v>69038</v>
      </c>
      <c r="K23352" s="2" t="s">
        <v>69039</v>
      </c>
      <c r="L23352" s="5" t="s">
        <v>69038</v>
      </c>
      <c r="M23352" s="2" t="s">
        <v>69039</v>
      </c>
      <c r="N23352" s="5" t="s">
        <v>1521</v>
      </c>
      <c r="O23352" s="5" t="s">
        <v>38</v>
      </c>
      <c r="P23352" s="5" t="s">
        <v>39</v>
      </c>
      <c r="Q23352" s="5" t="s">
        <v>40</v>
      </c>
      <c r="R23352" s="5" t="s">
        <v>1522</v>
      </c>
      <c r="S23352" s="5" t="s">
        <v>1523</v>
      </c>
      <c r="T23352" s="5" t="s">
        <v>42</v>
      </c>
      <c r="U23352" s="2">
        <v>3.32</v>
      </c>
      <c r="V23352" s="2">
        <v>2.7309999999999999</v>
      </c>
      <c r="W23352" s="2">
        <v>1.7999999999999999E-2</v>
      </c>
      <c r="X23352" s="2">
        <v>139.1</v>
      </c>
      <c r="Y23352" s="2">
        <v>7.6</v>
      </c>
      <c r="Z23352" s="2">
        <v>16.7</v>
      </c>
      <c r="AA23352" s="5"/>
      <c r="AB23352" s="5" t="s">
        <v>43</v>
      </c>
      <c r="AC23352" s="5" t="s">
        <v>44</v>
      </c>
      <c r="AD23352" s="2"/>
      <c r="AE23352" s="1"/>
    </row>
    <row r="23353" spans="1:31" ht="14.45">
      <c r="A23353" s="11"/>
      <c r="B23353" s="20"/>
      <c r="C23353" s="2" t="s">
        <v>74938</v>
      </c>
      <c r="D23353" s="14" t="s">
        <v>74939</v>
      </c>
      <c r="E23353" s="2" t="s">
        <v>74940</v>
      </c>
      <c r="F23353" s="2" t="s">
        <v>16014</v>
      </c>
      <c r="G23353" s="8">
        <v>291</v>
      </c>
      <c r="H23353" s="5">
        <v>6</v>
      </c>
      <c r="I23353" s="5" t="s">
        <v>1518</v>
      </c>
      <c r="J23353" s="5" t="s">
        <v>69038</v>
      </c>
      <c r="K23353" s="2" t="s">
        <v>69039</v>
      </c>
      <c r="L23353" s="5" t="s">
        <v>69038</v>
      </c>
      <c r="M23353" s="2" t="s">
        <v>69039</v>
      </c>
      <c r="N23353" s="5" t="s">
        <v>1521</v>
      </c>
      <c r="O23353" s="5" t="s">
        <v>38</v>
      </c>
      <c r="P23353" s="5" t="s">
        <v>39</v>
      </c>
      <c r="Q23353" s="5" t="s">
        <v>40</v>
      </c>
      <c r="R23353" s="5" t="s">
        <v>1522</v>
      </c>
      <c r="S23353" s="5" t="s">
        <v>1523</v>
      </c>
      <c r="T23353" s="5" t="s">
        <v>42</v>
      </c>
      <c r="U23353" s="2">
        <v>3.2240000000000002</v>
      </c>
      <c r="V23353" s="2">
        <v>2.6349999999999998</v>
      </c>
      <c r="W23353" s="2">
        <v>1.7999999999999999E-2</v>
      </c>
      <c r="X23353" s="2">
        <v>139.1</v>
      </c>
      <c r="Y23353" s="2">
        <v>7.6</v>
      </c>
      <c r="Z23353" s="2">
        <v>16.7</v>
      </c>
      <c r="AA23353" s="5"/>
      <c r="AB23353" s="5" t="s">
        <v>43</v>
      </c>
      <c r="AC23353" s="5" t="s">
        <v>44</v>
      </c>
      <c r="AD23353" s="2"/>
      <c r="AE23353" s="1"/>
    </row>
    <row r="23354" spans="1:31" ht="14.45">
      <c r="A23354" s="11"/>
      <c r="B23354" s="20"/>
      <c r="C23354" s="2" t="s">
        <v>74941</v>
      </c>
      <c r="D23354" s="14" t="s">
        <v>74942</v>
      </c>
      <c r="E23354" s="2" t="s">
        <v>74943</v>
      </c>
      <c r="F23354" s="2" t="s">
        <v>16219</v>
      </c>
      <c r="G23354" s="8">
        <v>291</v>
      </c>
      <c r="H23354" s="5">
        <v>6</v>
      </c>
      <c r="I23354" s="5" t="s">
        <v>1518</v>
      </c>
      <c r="J23354" s="5" t="s">
        <v>69038</v>
      </c>
      <c r="K23354" s="2" t="s">
        <v>69039</v>
      </c>
      <c r="L23354" s="5" t="s">
        <v>69038</v>
      </c>
      <c r="M23354" s="2" t="s">
        <v>69039</v>
      </c>
      <c r="N23354" s="5" t="s">
        <v>1521</v>
      </c>
      <c r="O23354" s="5" t="s">
        <v>38</v>
      </c>
      <c r="P23354" s="5" t="s">
        <v>39</v>
      </c>
      <c r="Q23354" s="5" t="s">
        <v>40</v>
      </c>
      <c r="R23354" s="5" t="s">
        <v>1522</v>
      </c>
      <c r="S23354" s="5" t="s">
        <v>1523</v>
      </c>
      <c r="T23354" s="5" t="s">
        <v>42</v>
      </c>
      <c r="U23354" s="2">
        <v>3.32</v>
      </c>
      <c r="V23354" s="2">
        <v>2.7309999999999999</v>
      </c>
      <c r="W23354" s="2">
        <v>1.7999999999999999E-2</v>
      </c>
      <c r="X23354" s="2">
        <v>139.1</v>
      </c>
      <c r="Y23354" s="2">
        <v>7.6</v>
      </c>
      <c r="Z23354" s="2">
        <v>16.7</v>
      </c>
      <c r="AA23354" s="5"/>
      <c r="AB23354" s="5" t="s">
        <v>43</v>
      </c>
      <c r="AC23354" s="5" t="s">
        <v>44</v>
      </c>
      <c r="AD23354" s="2"/>
      <c r="AE23354" s="1"/>
    </row>
    <row r="23355" spans="1:31" ht="14.45">
      <c r="A23355" s="11"/>
      <c r="B23355" s="20"/>
      <c r="C23355" s="2" t="s">
        <v>74944</v>
      </c>
      <c r="D23355" s="14" t="s">
        <v>74945</v>
      </c>
      <c r="E23355" s="2" t="s">
        <v>74946</v>
      </c>
      <c r="F23355" s="2" t="s">
        <v>7212</v>
      </c>
      <c r="G23355" s="8">
        <v>270</v>
      </c>
      <c r="H23355" s="5">
        <v>6</v>
      </c>
      <c r="I23355" s="5" t="s">
        <v>1518</v>
      </c>
      <c r="J23355" s="5" t="s">
        <v>69038</v>
      </c>
      <c r="K23355" s="2" t="s">
        <v>69039</v>
      </c>
      <c r="L23355" s="5" t="s">
        <v>69038</v>
      </c>
      <c r="M23355" s="2" t="s">
        <v>69039</v>
      </c>
      <c r="N23355" s="5" t="s">
        <v>1521</v>
      </c>
      <c r="O23355" s="5" t="s">
        <v>38</v>
      </c>
      <c r="P23355" s="5" t="s">
        <v>39</v>
      </c>
      <c r="Q23355" s="5" t="s">
        <v>40</v>
      </c>
      <c r="R23355" s="5" t="s">
        <v>1522</v>
      </c>
      <c r="S23355" s="5" t="s">
        <v>1523</v>
      </c>
      <c r="T23355" s="5" t="s">
        <v>42</v>
      </c>
      <c r="U23355" s="2">
        <v>3.2240000000000002</v>
      </c>
      <c r="V23355" s="2">
        <v>2.6349999999999998</v>
      </c>
      <c r="W23355" s="2">
        <v>1.7999999999999999E-2</v>
      </c>
      <c r="X23355" s="2">
        <v>139.1</v>
      </c>
      <c r="Y23355" s="2">
        <v>7.6</v>
      </c>
      <c r="Z23355" s="2">
        <v>16.7</v>
      </c>
      <c r="AA23355" s="5"/>
      <c r="AB23355" s="5" t="s">
        <v>43</v>
      </c>
      <c r="AC23355" s="5" t="s">
        <v>44</v>
      </c>
      <c r="AD23355" s="2"/>
      <c r="AE23355" s="1"/>
    </row>
    <row r="23356" spans="1:31" ht="14.45">
      <c r="A23356" s="11"/>
      <c r="B23356" s="20"/>
      <c r="C23356" s="2" t="s">
        <v>74947</v>
      </c>
      <c r="D23356" s="14" t="s">
        <v>74948</v>
      </c>
      <c r="E23356" s="2" t="s">
        <v>74949</v>
      </c>
      <c r="F23356" s="2" t="s">
        <v>7528</v>
      </c>
      <c r="G23356" s="8">
        <v>270</v>
      </c>
      <c r="H23356" s="5">
        <v>6</v>
      </c>
      <c r="I23356" s="5" t="s">
        <v>1518</v>
      </c>
      <c r="J23356" s="5" t="s">
        <v>69038</v>
      </c>
      <c r="K23356" s="2" t="s">
        <v>69039</v>
      </c>
      <c r="L23356" s="5" t="s">
        <v>69038</v>
      </c>
      <c r="M23356" s="2" t="s">
        <v>69039</v>
      </c>
      <c r="N23356" s="5" t="s">
        <v>1521</v>
      </c>
      <c r="O23356" s="5" t="s">
        <v>38</v>
      </c>
      <c r="P23356" s="5" t="s">
        <v>39</v>
      </c>
      <c r="Q23356" s="5" t="s">
        <v>40</v>
      </c>
      <c r="R23356" s="5" t="s">
        <v>1522</v>
      </c>
      <c r="S23356" s="5" t="s">
        <v>1523</v>
      </c>
      <c r="T23356" s="5" t="s">
        <v>42</v>
      </c>
      <c r="U23356" s="2">
        <v>3.32</v>
      </c>
      <c r="V23356" s="2">
        <v>2.7309999999999999</v>
      </c>
      <c r="W23356" s="2">
        <v>1.7999999999999999E-2</v>
      </c>
      <c r="X23356" s="2">
        <v>139.1</v>
      </c>
      <c r="Y23356" s="2">
        <v>7.6</v>
      </c>
      <c r="Z23356" s="2">
        <v>16.7</v>
      </c>
      <c r="AA23356" s="5"/>
      <c r="AB23356" s="5" t="s">
        <v>43</v>
      </c>
      <c r="AC23356" s="5" t="s">
        <v>44</v>
      </c>
      <c r="AD23356" s="2"/>
      <c r="AE23356" s="1"/>
    </row>
    <row r="23357" spans="1:31" ht="14.45">
      <c r="A23357" s="11"/>
      <c r="B23357" s="20"/>
      <c r="C23357" s="2" t="s">
        <v>74950</v>
      </c>
      <c r="D23357" s="14" t="s">
        <v>74951</v>
      </c>
      <c r="E23357" s="2" t="s">
        <v>74952</v>
      </c>
      <c r="F23357" s="2" t="s">
        <v>16029</v>
      </c>
      <c r="G23357" s="8">
        <v>291</v>
      </c>
      <c r="H23357" s="5">
        <v>6</v>
      </c>
      <c r="I23357" s="5" t="s">
        <v>1518</v>
      </c>
      <c r="J23357" s="5" t="s">
        <v>69038</v>
      </c>
      <c r="K23357" s="2" t="s">
        <v>69039</v>
      </c>
      <c r="L23357" s="5" t="s">
        <v>69038</v>
      </c>
      <c r="M23357" s="2" t="s">
        <v>69039</v>
      </c>
      <c r="N23357" s="5" t="s">
        <v>1521</v>
      </c>
      <c r="O23357" s="5" t="s">
        <v>38</v>
      </c>
      <c r="P23357" s="5" t="s">
        <v>39</v>
      </c>
      <c r="Q23357" s="5" t="s">
        <v>40</v>
      </c>
      <c r="R23357" s="5" t="s">
        <v>1522</v>
      </c>
      <c r="S23357" s="5" t="s">
        <v>1523</v>
      </c>
      <c r="T23357" s="5" t="s">
        <v>42</v>
      </c>
      <c r="U23357" s="2">
        <v>3.238</v>
      </c>
      <c r="V23357" s="2">
        <v>2.649</v>
      </c>
      <c r="W23357" s="2">
        <v>1.7999999999999999E-2</v>
      </c>
      <c r="X23357" s="2">
        <v>139.1</v>
      </c>
      <c r="Y23357" s="2">
        <v>7.6</v>
      </c>
      <c r="Z23357" s="2">
        <v>16.7</v>
      </c>
      <c r="AA23357" s="5"/>
      <c r="AB23357" s="5" t="s">
        <v>43</v>
      </c>
      <c r="AC23357" s="5" t="s">
        <v>44</v>
      </c>
      <c r="AD23357" s="2"/>
      <c r="AE23357" s="1"/>
    </row>
    <row r="23358" spans="1:31" ht="14.45">
      <c r="A23358" s="11"/>
      <c r="B23358" s="20"/>
      <c r="C23358" s="2" t="s">
        <v>74953</v>
      </c>
      <c r="D23358" s="14" t="s">
        <v>74954</v>
      </c>
      <c r="E23358" s="2" t="s">
        <v>74955</v>
      </c>
      <c r="F23358" s="2" t="s">
        <v>16033</v>
      </c>
      <c r="G23358" s="8">
        <v>291</v>
      </c>
      <c r="H23358" s="5">
        <v>6</v>
      </c>
      <c r="I23358" s="5" t="s">
        <v>1518</v>
      </c>
      <c r="J23358" s="5" t="s">
        <v>69038</v>
      </c>
      <c r="K23358" s="2" t="s">
        <v>69039</v>
      </c>
      <c r="L23358" s="5" t="s">
        <v>69038</v>
      </c>
      <c r="M23358" s="2" t="s">
        <v>69039</v>
      </c>
      <c r="N23358" s="5" t="s">
        <v>1521</v>
      </c>
      <c r="O23358" s="5" t="s">
        <v>38</v>
      </c>
      <c r="P23358" s="5" t="s">
        <v>39</v>
      </c>
      <c r="Q23358" s="5" t="s">
        <v>40</v>
      </c>
      <c r="R23358" s="5" t="s">
        <v>1522</v>
      </c>
      <c r="S23358" s="5" t="s">
        <v>1523</v>
      </c>
      <c r="T23358" s="5" t="s">
        <v>42</v>
      </c>
      <c r="U23358" s="2">
        <v>3.3340000000000001</v>
      </c>
      <c r="V23358" s="2">
        <v>2.7450000000000001</v>
      </c>
      <c r="W23358" s="2">
        <v>1.7999999999999999E-2</v>
      </c>
      <c r="X23358" s="2">
        <v>139.1</v>
      </c>
      <c r="Y23358" s="2">
        <v>7.6</v>
      </c>
      <c r="Z23358" s="2">
        <v>16.7</v>
      </c>
      <c r="AA23358" s="5"/>
      <c r="AB23358" s="5" t="s">
        <v>43</v>
      </c>
      <c r="AC23358" s="5" t="s">
        <v>44</v>
      </c>
      <c r="AD23358" s="2"/>
      <c r="AE23358" s="1"/>
    </row>
    <row r="23359" spans="1:31" ht="14.45">
      <c r="A23359" s="11"/>
      <c r="B23359" s="20"/>
      <c r="C23359" s="2" t="s">
        <v>74956</v>
      </c>
      <c r="D23359" s="14" t="s">
        <v>74957</v>
      </c>
      <c r="E23359" s="2" t="s">
        <v>74958</v>
      </c>
      <c r="F23359" s="2" t="s">
        <v>7204</v>
      </c>
      <c r="G23359" s="8">
        <v>278</v>
      </c>
      <c r="H23359" s="5">
        <v>6</v>
      </c>
      <c r="I23359" s="5" t="s">
        <v>1518</v>
      </c>
      <c r="J23359" s="5" t="s">
        <v>69038</v>
      </c>
      <c r="K23359" s="2" t="s">
        <v>69039</v>
      </c>
      <c r="L23359" s="5" t="s">
        <v>69038</v>
      </c>
      <c r="M23359" s="2" t="s">
        <v>69039</v>
      </c>
      <c r="N23359" s="5" t="s">
        <v>1521</v>
      </c>
      <c r="O23359" s="5" t="s">
        <v>38</v>
      </c>
      <c r="P23359" s="5" t="s">
        <v>39</v>
      </c>
      <c r="Q23359" s="5" t="s">
        <v>40</v>
      </c>
      <c r="R23359" s="5" t="s">
        <v>1522</v>
      </c>
      <c r="S23359" s="5" t="s">
        <v>1523</v>
      </c>
      <c r="T23359" s="5" t="s">
        <v>42</v>
      </c>
      <c r="U23359" s="2">
        <v>3.387</v>
      </c>
      <c r="V23359" s="2">
        <v>2.8090000000000002</v>
      </c>
      <c r="W23359" s="2">
        <v>1.7999999999999999E-2</v>
      </c>
      <c r="X23359" s="2">
        <v>139.1</v>
      </c>
      <c r="Y23359" s="2">
        <v>7.6</v>
      </c>
      <c r="Z23359" s="2">
        <v>16.7</v>
      </c>
      <c r="AA23359" s="5"/>
      <c r="AB23359" s="5" t="s">
        <v>43</v>
      </c>
      <c r="AC23359" s="5" t="s">
        <v>44</v>
      </c>
      <c r="AD23359" s="2"/>
      <c r="AE23359" s="1"/>
    </row>
    <row r="23360" spans="1:31" ht="14.45">
      <c r="A23360" s="11"/>
      <c r="B23360" s="20"/>
      <c r="C23360" s="2" t="s">
        <v>74959</v>
      </c>
      <c r="D23360" s="14" t="s">
        <v>74960</v>
      </c>
      <c r="E23360" s="2" t="s">
        <v>74961</v>
      </c>
      <c r="F23360" s="2" t="s">
        <v>7514</v>
      </c>
      <c r="G23360" s="8">
        <v>278</v>
      </c>
      <c r="H23360" s="5">
        <v>6</v>
      </c>
      <c r="I23360" s="5" t="s">
        <v>1518</v>
      </c>
      <c r="J23360" s="5" t="s">
        <v>69038</v>
      </c>
      <c r="K23360" s="2" t="s">
        <v>69039</v>
      </c>
      <c r="L23360" s="5" t="s">
        <v>69038</v>
      </c>
      <c r="M23360" s="2" t="s">
        <v>69039</v>
      </c>
      <c r="N23360" s="5" t="s">
        <v>1521</v>
      </c>
      <c r="O23360" s="5" t="s">
        <v>38</v>
      </c>
      <c r="P23360" s="5" t="s">
        <v>39</v>
      </c>
      <c r="Q23360" s="5" t="s">
        <v>40</v>
      </c>
      <c r="R23360" s="5" t="s">
        <v>1522</v>
      </c>
      <c r="S23360" s="5" t="s">
        <v>1523</v>
      </c>
      <c r="T23360" s="5" t="s">
        <v>42</v>
      </c>
      <c r="U23360" s="2">
        <v>3.4969999999999999</v>
      </c>
      <c r="V23360" s="2">
        <v>2.919</v>
      </c>
      <c r="W23360" s="2">
        <v>1.7999999999999999E-2</v>
      </c>
      <c r="X23360" s="2">
        <v>139.1</v>
      </c>
      <c r="Y23360" s="2">
        <v>7.6</v>
      </c>
      <c r="Z23360" s="2">
        <v>16.7</v>
      </c>
      <c r="AA23360" s="5"/>
      <c r="AB23360" s="5" t="s">
        <v>43</v>
      </c>
      <c r="AC23360" s="5" t="s">
        <v>44</v>
      </c>
      <c r="AD23360" s="2"/>
      <c r="AE23360" s="1"/>
    </row>
    <row r="23361" spans="1:31" ht="14.45">
      <c r="A23361" s="11"/>
      <c r="B23361" s="20"/>
      <c r="C23361" s="2" t="s">
        <v>74962</v>
      </c>
      <c r="D23361" s="14" t="s">
        <v>74963</v>
      </c>
      <c r="E23361" s="2" t="s">
        <v>74964</v>
      </c>
      <c r="F23361" s="2" t="s">
        <v>7208</v>
      </c>
      <c r="G23361" s="8">
        <v>278</v>
      </c>
      <c r="H23361" s="5">
        <v>6</v>
      </c>
      <c r="I23361" s="5" t="s">
        <v>1518</v>
      </c>
      <c r="J23361" s="5" t="s">
        <v>69038</v>
      </c>
      <c r="K23361" s="2" t="s">
        <v>69039</v>
      </c>
      <c r="L23361" s="5" t="s">
        <v>69038</v>
      </c>
      <c r="M23361" s="2" t="s">
        <v>69039</v>
      </c>
      <c r="N23361" s="5" t="s">
        <v>1521</v>
      </c>
      <c r="O23361" s="5" t="s">
        <v>38</v>
      </c>
      <c r="P23361" s="5" t="s">
        <v>39</v>
      </c>
      <c r="Q23361" s="5" t="s">
        <v>40</v>
      </c>
      <c r="R23361" s="5" t="s">
        <v>1522</v>
      </c>
      <c r="S23361" s="5" t="s">
        <v>1523</v>
      </c>
      <c r="T23361" s="5" t="s">
        <v>42</v>
      </c>
      <c r="U23361" s="2">
        <v>3.387</v>
      </c>
      <c r="V23361" s="2">
        <v>2.8090000000000002</v>
      </c>
      <c r="W23361" s="2">
        <v>1.7999999999999999E-2</v>
      </c>
      <c r="X23361" s="2">
        <v>139.1</v>
      </c>
      <c r="Y23361" s="2">
        <v>7.6</v>
      </c>
      <c r="Z23361" s="2">
        <v>16.7</v>
      </c>
      <c r="AA23361" s="5"/>
      <c r="AB23361" s="5" t="s">
        <v>43</v>
      </c>
      <c r="AC23361" s="5" t="s">
        <v>44</v>
      </c>
      <c r="AD23361" s="2"/>
      <c r="AE23361" s="1"/>
    </row>
    <row r="23362" spans="1:31" ht="14.45">
      <c r="A23362" s="11"/>
      <c r="B23362" s="20"/>
      <c r="C23362" s="2" t="s">
        <v>74965</v>
      </c>
      <c r="D23362" s="14" t="s">
        <v>74966</v>
      </c>
      <c r="E23362" s="2" t="s">
        <v>74967</v>
      </c>
      <c r="F23362" s="2" t="s">
        <v>7521</v>
      </c>
      <c r="G23362" s="8">
        <v>278</v>
      </c>
      <c r="H23362" s="5">
        <v>6</v>
      </c>
      <c r="I23362" s="5" t="s">
        <v>1518</v>
      </c>
      <c r="J23362" s="5" t="s">
        <v>69038</v>
      </c>
      <c r="K23362" s="2" t="s">
        <v>69039</v>
      </c>
      <c r="L23362" s="5" t="s">
        <v>69038</v>
      </c>
      <c r="M23362" s="2" t="s">
        <v>69039</v>
      </c>
      <c r="N23362" s="5" t="s">
        <v>1521</v>
      </c>
      <c r="O23362" s="5" t="s">
        <v>38</v>
      </c>
      <c r="P23362" s="5" t="s">
        <v>39</v>
      </c>
      <c r="Q23362" s="5" t="s">
        <v>40</v>
      </c>
      <c r="R23362" s="5" t="s">
        <v>1522</v>
      </c>
      <c r="S23362" s="5" t="s">
        <v>1523</v>
      </c>
      <c r="T23362" s="5" t="s">
        <v>42</v>
      </c>
      <c r="U23362" s="2">
        <v>3.4969999999999999</v>
      </c>
      <c r="V23362" s="2">
        <v>2.919</v>
      </c>
      <c r="W23362" s="2">
        <v>1.7999999999999999E-2</v>
      </c>
      <c r="X23362" s="2">
        <v>139.1</v>
      </c>
      <c r="Y23362" s="2">
        <v>7.6</v>
      </c>
      <c r="Z23362" s="2">
        <v>16.7</v>
      </c>
      <c r="AA23362" s="5"/>
      <c r="AB23362" s="5" t="s">
        <v>43</v>
      </c>
      <c r="AC23362" s="5" t="s">
        <v>44</v>
      </c>
      <c r="AD23362" s="2"/>
      <c r="AE23362" s="1"/>
    </row>
    <row r="23363" spans="1:31" ht="14.45">
      <c r="A23363" s="11"/>
      <c r="B23363" s="20"/>
      <c r="C23363" s="2" t="s">
        <v>74968</v>
      </c>
      <c r="D23363" s="14" t="s">
        <v>74969</v>
      </c>
      <c r="E23363" s="2" t="s">
        <v>74970</v>
      </c>
      <c r="F23363" s="2" t="s">
        <v>7406</v>
      </c>
      <c r="G23363" s="8">
        <v>300</v>
      </c>
      <c r="H23363" s="5">
        <v>6</v>
      </c>
      <c r="I23363" s="5" t="s">
        <v>1518</v>
      </c>
      <c r="J23363" s="5" t="s">
        <v>69038</v>
      </c>
      <c r="K23363" s="2" t="s">
        <v>69039</v>
      </c>
      <c r="L23363" s="5" t="s">
        <v>69038</v>
      </c>
      <c r="M23363" s="2" t="s">
        <v>69039</v>
      </c>
      <c r="N23363" s="5" t="s">
        <v>1521</v>
      </c>
      <c r="O23363" s="5" t="s">
        <v>38</v>
      </c>
      <c r="P23363" s="5" t="s">
        <v>39</v>
      </c>
      <c r="Q23363" s="5" t="s">
        <v>40</v>
      </c>
      <c r="R23363" s="5" t="s">
        <v>1522</v>
      </c>
      <c r="S23363" s="5" t="s">
        <v>1523</v>
      </c>
      <c r="T23363" s="5" t="s">
        <v>42</v>
      </c>
      <c r="U23363" s="2">
        <v>3.387</v>
      </c>
      <c r="V23363" s="2">
        <v>2.8090000000000002</v>
      </c>
      <c r="W23363" s="2">
        <v>1.7999999999999999E-2</v>
      </c>
      <c r="X23363" s="2">
        <v>139.1</v>
      </c>
      <c r="Y23363" s="2">
        <v>7.6</v>
      </c>
      <c r="Z23363" s="2">
        <v>16.7</v>
      </c>
      <c r="AA23363" s="5"/>
      <c r="AB23363" s="5" t="s">
        <v>43</v>
      </c>
      <c r="AC23363" s="5" t="s">
        <v>44</v>
      </c>
      <c r="AD23363" s="2"/>
      <c r="AE23363" s="1"/>
    </row>
    <row r="23364" spans="1:31" ht="14.45">
      <c r="A23364" s="11"/>
      <c r="B23364" s="20"/>
      <c r="C23364" s="2" t="s">
        <v>74971</v>
      </c>
      <c r="D23364" s="14" t="s">
        <v>74972</v>
      </c>
      <c r="E23364" s="2" t="s">
        <v>74973</v>
      </c>
      <c r="F23364" s="2" t="s">
        <v>7539</v>
      </c>
      <c r="G23364" s="8">
        <v>300</v>
      </c>
      <c r="H23364" s="5">
        <v>6</v>
      </c>
      <c r="I23364" s="5" t="s">
        <v>1518</v>
      </c>
      <c r="J23364" s="5" t="s">
        <v>69038</v>
      </c>
      <c r="K23364" s="2" t="s">
        <v>69039</v>
      </c>
      <c r="L23364" s="5" t="s">
        <v>69038</v>
      </c>
      <c r="M23364" s="2" t="s">
        <v>69039</v>
      </c>
      <c r="N23364" s="5" t="s">
        <v>1521</v>
      </c>
      <c r="O23364" s="5" t="s">
        <v>38</v>
      </c>
      <c r="P23364" s="5" t="s">
        <v>39</v>
      </c>
      <c r="Q23364" s="5" t="s">
        <v>40</v>
      </c>
      <c r="R23364" s="5" t="s">
        <v>1522</v>
      </c>
      <c r="S23364" s="5" t="s">
        <v>1523</v>
      </c>
      <c r="T23364" s="5" t="s">
        <v>42</v>
      </c>
      <c r="U23364" s="2">
        <v>3.387</v>
      </c>
      <c r="V23364" s="2">
        <v>2.8090000000000002</v>
      </c>
      <c r="W23364" s="2">
        <v>1.7999999999999999E-2</v>
      </c>
      <c r="X23364" s="2">
        <v>139.1</v>
      </c>
      <c r="Y23364" s="2">
        <v>7.6</v>
      </c>
      <c r="Z23364" s="2">
        <v>16.7</v>
      </c>
      <c r="AA23364" s="5"/>
      <c r="AB23364" s="5" t="s">
        <v>43</v>
      </c>
      <c r="AC23364" s="5" t="s">
        <v>44</v>
      </c>
      <c r="AD23364" s="2"/>
      <c r="AE23364" s="1"/>
    </row>
    <row r="23365" spans="1:31" ht="14.45">
      <c r="A23365" s="11"/>
      <c r="B23365" s="20"/>
      <c r="C23365" s="2" t="s">
        <v>74974</v>
      </c>
      <c r="D23365" s="14" t="s">
        <v>74975</v>
      </c>
      <c r="E23365" s="2" t="s">
        <v>74976</v>
      </c>
      <c r="F23365" s="2" t="s">
        <v>7396</v>
      </c>
      <c r="G23365" s="8">
        <v>278</v>
      </c>
      <c r="H23365" s="5">
        <v>6</v>
      </c>
      <c r="I23365" s="5" t="s">
        <v>1518</v>
      </c>
      <c r="J23365" s="5" t="s">
        <v>69038</v>
      </c>
      <c r="K23365" s="2" t="s">
        <v>69039</v>
      </c>
      <c r="L23365" s="5" t="s">
        <v>69038</v>
      </c>
      <c r="M23365" s="2" t="s">
        <v>69039</v>
      </c>
      <c r="N23365" s="5" t="s">
        <v>1521</v>
      </c>
      <c r="O23365" s="5" t="s">
        <v>38</v>
      </c>
      <c r="P23365" s="5" t="s">
        <v>39</v>
      </c>
      <c r="Q23365" s="5" t="s">
        <v>40</v>
      </c>
      <c r="R23365" s="5" t="s">
        <v>1522</v>
      </c>
      <c r="S23365" s="5" t="s">
        <v>1523</v>
      </c>
      <c r="T23365" s="5" t="s">
        <v>42</v>
      </c>
      <c r="U23365" s="2">
        <v>3.387</v>
      </c>
      <c r="V23365" s="2">
        <v>2.8090000000000002</v>
      </c>
      <c r="W23365" s="2">
        <v>1.7999999999999999E-2</v>
      </c>
      <c r="X23365" s="2">
        <v>139.1</v>
      </c>
      <c r="Y23365" s="2">
        <v>7.6</v>
      </c>
      <c r="Z23365" s="2">
        <v>16.7</v>
      </c>
      <c r="AA23365" s="5"/>
      <c r="AB23365" s="5" t="s">
        <v>43</v>
      </c>
      <c r="AC23365" s="5" t="s">
        <v>44</v>
      </c>
      <c r="AD23365" s="2"/>
      <c r="AE23365" s="1"/>
    </row>
    <row r="23366" spans="1:31" ht="14.45">
      <c r="A23366" s="11"/>
      <c r="B23366" s="20"/>
      <c r="C23366" s="2" t="s">
        <v>74977</v>
      </c>
      <c r="D23366" s="14" t="s">
        <v>74978</v>
      </c>
      <c r="E23366" s="2" t="s">
        <v>74979</v>
      </c>
      <c r="F23366" s="2" t="s">
        <v>7507</v>
      </c>
      <c r="G23366" s="8">
        <v>278</v>
      </c>
      <c r="H23366" s="5">
        <v>6</v>
      </c>
      <c r="I23366" s="5" t="s">
        <v>1518</v>
      </c>
      <c r="J23366" s="5" t="s">
        <v>69038</v>
      </c>
      <c r="K23366" s="2" t="s">
        <v>69039</v>
      </c>
      <c r="L23366" s="5" t="s">
        <v>69038</v>
      </c>
      <c r="M23366" s="2" t="s">
        <v>69039</v>
      </c>
      <c r="N23366" s="5" t="s">
        <v>1521</v>
      </c>
      <c r="O23366" s="5" t="s">
        <v>38</v>
      </c>
      <c r="P23366" s="5" t="s">
        <v>39</v>
      </c>
      <c r="Q23366" s="5" t="s">
        <v>40</v>
      </c>
      <c r="R23366" s="5" t="s">
        <v>1522</v>
      </c>
      <c r="S23366" s="5" t="s">
        <v>1523</v>
      </c>
      <c r="T23366" s="5" t="s">
        <v>42</v>
      </c>
      <c r="U23366" s="2">
        <v>3.4969999999999999</v>
      </c>
      <c r="V23366" s="2">
        <v>2.919</v>
      </c>
      <c r="W23366" s="2">
        <v>1.7999999999999999E-2</v>
      </c>
      <c r="X23366" s="2">
        <v>139.1</v>
      </c>
      <c r="Y23366" s="2">
        <v>7.6</v>
      </c>
      <c r="Z23366" s="2">
        <v>16.7</v>
      </c>
      <c r="AA23366" s="5"/>
      <c r="AB23366" s="5" t="s">
        <v>43</v>
      </c>
      <c r="AC23366" s="5" t="s">
        <v>44</v>
      </c>
      <c r="AD23366" s="2"/>
      <c r="AE23366" s="1"/>
    </row>
    <row r="23367" spans="1:31" ht="14.45">
      <c r="A23367" s="11"/>
      <c r="B23367" s="20"/>
      <c r="C23367" s="2" t="s">
        <v>74980</v>
      </c>
      <c r="D23367" s="14" t="s">
        <v>74981</v>
      </c>
      <c r="E23367" s="2" t="s">
        <v>74982</v>
      </c>
      <c r="F23367" s="2" t="s">
        <v>7563</v>
      </c>
      <c r="G23367" s="8">
        <v>300</v>
      </c>
      <c r="H23367" s="5">
        <v>6</v>
      </c>
      <c r="I23367" s="5" t="s">
        <v>1518</v>
      </c>
      <c r="J23367" s="5" t="s">
        <v>69038</v>
      </c>
      <c r="K23367" s="2" t="s">
        <v>69039</v>
      </c>
      <c r="L23367" s="5" t="s">
        <v>69038</v>
      </c>
      <c r="M23367" s="2" t="s">
        <v>69039</v>
      </c>
      <c r="N23367" s="5" t="s">
        <v>1521</v>
      </c>
      <c r="O23367" s="5" t="s">
        <v>38</v>
      </c>
      <c r="P23367" s="5" t="s">
        <v>39</v>
      </c>
      <c r="Q23367" s="5" t="s">
        <v>40</v>
      </c>
      <c r="R23367" s="5" t="s">
        <v>1522</v>
      </c>
      <c r="S23367" s="5" t="s">
        <v>1523</v>
      </c>
      <c r="T23367" s="5" t="s">
        <v>42</v>
      </c>
      <c r="U23367" s="2">
        <v>3.387</v>
      </c>
      <c r="V23367" s="2">
        <v>2.8090000000000002</v>
      </c>
      <c r="W23367" s="2">
        <v>1.7999999999999999E-2</v>
      </c>
      <c r="X23367" s="2">
        <v>139.1</v>
      </c>
      <c r="Y23367" s="2">
        <v>7.6</v>
      </c>
      <c r="Z23367" s="2">
        <v>16.7</v>
      </c>
      <c r="AA23367" s="5"/>
      <c r="AB23367" s="5" t="s">
        <v>43</v>
      </c>
      <c r="AC23367" s="5" t="s">
        <v>44</v>
      </c>
      <c r="AD23367" s="2"/>
      <c r="AE23367" s="1"/>
    </row>
    <row r="23368" spans="1:31" ht="14.45">
      <c r="A23368" s="11"/>
      <c r="B23368" s="20"/>
      <c r="C23368" s="2" t="s">
        <v>74983</v>
      </c>
      <c r="D23368" s="14" t="s">
        <v>74984</v>
      </c>
      <c r="E23368" s="2" t="s">
        <v>74985</v>
      </c>
      <c r="F23368" s="2" t="s">
        <v>7555</v>
      </c>
      <c r="G23368" s="8">
        <v>300</v>
      </c>
      <c r="H23368" s="5">
        <v>6</v>
      </c>
      <c r="I23368" s="5" t="s">
        <v>1518</v>
      </c>
      <c r="J23368" s="5" t="s">
        <v>69038</v>
      </c>
      <c r="K23368" s="2" t="s">
        <v>69039</v>
      </c>
      <c r="L23368" s="5" t="s">
        <v>69038</v>
      </c>
      <c r="M23368" s="2" t="s">
        <v>69039</v>
      </c>
      <c r="N23368" s="5" t="s">
        <v>1521</v>
      </c>
      <c r="O23368" s="5" t="s">
        <v>38</v>
      </c>
      <c r="P23368" s="5" t="s">
        <v>39</v>
      </c>
      <c r="Q23368" s="5" t="s">
        <v>40</v>
      </c>
      <c r="R23368" s="5" t="s">
        <v>1522</v>
      </c>
      <c r="S23368" s="5" t="s">
        <v>1523</v>
      </c>
      <c r="T23368" s="5" t="s">
        <v>42</v>
      </c>
      <c r="U23368" s="2">
        <v>3.387</v>
      </c>
      <c r="V23368" s="2">
        <v>2.8090000000000002</v>
      </c>
      <c r="W23368" s="2">
        <v>1.7999999999999999E-2</v>
      </c>
      <c r="X23368" s="2">
        <v>139.1</v>
      </c>
      <c r="Y23368" s="2">
        <v>7.6</v>
      </c>
      <c r="Z23368" s="2">
        <v>16.7</v>
      </c>
      <c r="AA23368" s="5"/>
      <c r="AB23368" s="5" t="s">
        <v>43</v>
      </c>
      <c r="AC23368" s="5" t="s">
        <v>44</v>
      </c>
      <c r="AD23368" s="2"/>
      <c r="AE23368" s="1"/>
    </row>
    <row r="23369" spans="1:31" ht="14.45">
      <c r="A23369" s="11"/>
      <c r="B23369" s="20"/>
      <c r="C23369" s="2" t="s">
        <v>74986</v>
      </c>
      <c r="D23369" s="14" t="s">
        <v>74987</v>
      </c>
      <c r="E23369" s="2" t="s">
        <v>74988</v>
      </c>
      <c r="F23369" s="2" t="s">
        <v>7449</v>
      </c>
      <c r="G23369" s="8">
        <v>300</v>
      </c>
      <c r="H23369" s="5">
        <v>6</v>
      </c>
      <c r="I23369" s="5" t="s">
        <v>1518</v>
      </c>
      <c r="J23369" s="5" t="s">
        <v>69038</v>
      </c>
      <c r="K23369" s="2" t="s">
        <v>69039</v>
      </c>
      <c r="L23369" s="5" t="s">
        <v>69038</v>
      </c>
      <c r="M23369" s="2" t="s">
        <v>69039</v>
      </c>
      <c r="N23369" s="5" t="s">
        <v>1521</v>
      </c>
      <c r="O23369" s="5" t="s">
        <v>38</v>
      </c>
      <c r="P23369" s="5" t="s">
        <v>39</v>
      </c>
      <c r="Q23369" s="5" t="s">
        <v>40</v>
      </c>
      <c r="R23369" s="5" t="s">
        <v>1522</v>
      </c>
      <c r="S23369" s="5" t="s">
        <v>1523</v>
      </c>
      <c r="T23369" s="5" t="s">
        <v>42</v>
      </c>
      <c r="U23369" s="2">
        <v>3.387</v>
      </c>
      <c r="V23369" s="2">
        <v>2.8090000000000002</v>
      </c>
      <c r="W23369" s="2">
        <v>1.7999999999999999E-2</v>
      </c>
      <c r="X23369" s="2">
        <v>139.1</v>
      </c>
      <c r="Y23369" s="2">
        <v>7.6</v>
      </c>
      <c r="Z23369" s="2">
        <v>16.7</v>
      </c>
      <c r="AA23369" s="5"/>
      <c r="AB23369" s="5" t="s">
        <v>43</v>
      </c>
      <c r="AC23369" s="5" t="s">
        <v>44</v>
      </c>
      <c r="AD23369" s="2"/>
      <c r="AE23369" s="1"/>
    </row>
    <row r="23370" spans="1:31" ht="14.45">
      <c r="A23370" s="11"/>
      <c r="B23370" s="20"/>
      <c r="C23370" s="2" t="s">
        <v>74989</v>
      </c>
      <c r="D23370" s="14" t="s">
        <v>74990</v>
      </c>
      <c r="E23370" s="2" t="s">
        <v>74991</v>
      </c>
      <c r="F23370" s="2" t="s">
        <v>7585</v>
      </c>
      <c r="G23370" s="8">
        <v>300</v>
      </c>
      <c r="H23370" s="5">
        <v>6</v>
      </c>
      <c r="I23370" s="5" t="s">
        <v>1518</v>
      </c>
      <c r="J23370" s="5" t="s">
        <v>69038</v>
      </c>
      <c r="K23370" s="2" t="s">
        <v>69039</v>
      </c>
      <c r="L23370" s="5" t="s">
        <v>69038</v>
      </c>
      <c r="M23370" s="2" t="s">
        <v>69039</v>
      </c>
      <c r="N23370" s="5" t="s">
        <v>1521</v>
      </c>
      <c r="O23370" s="5" t="s">
        <v>38</v>
      </c>
      <c r="P23370" s="5" t="s">
        <v>39</v>
      </c>
      <c r="Q23370" s="5" t="s">
        <v>40</v>
      </c>
      <c r="R23370" s="5" t="s">
        <v>1522</v>
      </c>
      <c r="S23370" s="5" t="s">
        <v>1523</v>
      </c>
      <c r="T23370" s="5" t="s">
        <v>42</v>
      </c>
      <c r="U23370" s="2">
        <v>3.387</v>
      </c>
      <c r="V23370" s="2">
        <v>2.8090000000000002</v>
      </c>
      <c r="W23370" s="2">
        <v>1.7999999999999999E-2</v>
      </c>
      <c r="X23370" s="2">
        <v>139.1</v>
      </c>
      <c r="Y23370" s="2">
        <v>7.6</v>
      </c>
      <c r="Z23370" s="2">
        <v>16.7</v>
      </c>
      <c r="AA23370" s="5"/>
      <c r="AB23370" s="5" t="s">
        <v>43</v>
      </c>
      <c r="AC23370" s="5" t="s">
        <v>44</v>
      </c>
      <c r="AD23370" s="2"/>
      <c r="AE23370" s="1"/>
    </row>
    <row r="23371" spans="1:31" ht="14.45">
      <c r="A23371" s="11"/>
      <c r="B23371" s="20"/>
      <c r="C23371" s="2" t="s">
        <v>74992</v>
      </c>
      <c r="D23371" s="14" t="s">
        <v>74993</v>
      </c>
      <c r="E23371" s="2" t="s">
        <v>74994</v>
      </c>
      <c r="F23371" s="2" t="s">
        <v>7589</v>
      </c>
      <c r="G23371" s="8">
        <v>300</v>
      </c>
      <c r="H23371" s="5">
        <v>6</v>
      </c>
      <c r="I23371" s="5" t="s">
        <v>1518</v>
      </c>
      <c r="J23371" s="5" t="s">
        <v>69038</v>
      </c>
      <c r="K23371" s="2" t="s">
        <v>69039</v>
      </c>
      <c r="L23371" s="5" t="s">
        <v>69038</v>
      </c>
      <c r="M23371" s="2" t="s">
        <v>69039</v>
      </c>
      <c r="N23371" s="5" t="s">
        <v>1521</v>
      </c>
      <c r="O23371" s="5" t="s">
        <v>38</v>
      </c>
      <c r="P23371" s="5" t="s">
        <v>39</v>
      </c>
      <c r="Q23371" s="5" t="s">
        <v>40</v>
      </c>
      <c r="R23371" s="5" t="s">
        <v>1522</v>
      </c>
      <c r="S23371" s="5" t="s">
        <v>1523</v>
      </c>
      <c r="T23371" s="5" t="s">
        <v>42</v>
      </c>
      <c r="U23371" s="2">
        <v>3.4969999999999999</v>
      </c>
      <c r="V23371" s="2">
        <v>2.919</v>
      </c>
      <c r="W23371" s="2">
        <v>1.7999999999999999E-2</v>
      </c>
      <c r="X23371" s="2">
        <v>139.1</v>
      </c>
      <c r="Y23371" s="2">
        <v>7.6</v>
      </c>
      <c r="Z23371" s="2">
        <v>16.7</v>
      </c>
      <c r="AA23371" s="5"/>
      <c r="AB23371" s="5" t="s">
        <v>43</v>
      </c>
      <c r="AC23371" s="5" t="s">
        <v>44</v>
      </c>
      <c r="AD23371" s="2"/>
      <c r="AE23371" s="1"/>
    </row>
    <row r="23372" spans="1:31" ht="14.45">
      <c r="A23372" s="11"/>
      <c r="B23372" s="20"/>
      <c r="C23372" s="2" t="s">
        <v>74995</v>
      </c>
      <c r="D23372" s="14" t="s">
        <v>74996</v>
      </c>
      <c r="E23372" s="2" t="s">
        <v>74997</v>
      </c>
      <c r="F23372" s="2" t="s">
        <v>73362</v>
      </c>
      <c r="G23372" s="8">
        <v>300</v>
      </c>
      <c r="H23372" s="5">
        <v>6</v>
      </c>
      <c r="I23372" s="5" t="s">
        <v>1518</v>
      </c>
      <c r="J23372" s="5" t="s">
        <v>69038</v>
      </c>
      <c r="K23372" s="2" t="s">
        <v>69039</v>
      </c>
      <c r="L23372" s="5" t="s">
        <v>69038</v>
      </c>
      <c r="M23372" s="2" t="s">
        <v>69039</v>
      </c>
      <c r="N23372" s="5" t="s">
        <v>1521</v>
      </c>
      <c r="O23372" s="5" t="s">
        <v>38</v>
      </c>
      <c r="P23372" s="5" t="s">
        <v>39</v>
      </c>
      <c r="Q23372" s="5" t="s">
        <v>40</v>
      </c>
      <c r="R23372" s="5" t="s">
        <v>1522</v>
      </c>
      <c r="S23372" s="5" t="s">
        <v>1523</v>
      </c>
      <c r="T23372" s="5" t="s">
        <v>42</v>
      </c>
      <c r="U23372" s="2">
        <v>3.4969999999999999</v>
      </c>
      <c r="V23372" s="2">
        <v>2.919</v>
      </c>
      <c r="W23372" s="2">
        <v>1.7999999999999999E-2</v>
      </c>
      <c r="X23372" s="2">
        <v>139.1</v>
      </c>
      <c r="Y23372" s="2">
        <v>7.6</v>
      </c>
      <c r="Z23372" s="2">
        <v>16.7</v>
      </c>
      <c r="AA23372" s="5"/>
      <c r="AB23372" s="5" t="s">
        <v>43</v>
      </c>
      <c r="AC23372" s="5" t="s">
        <v>44</v>
      </c>
      <c r="AD23372" s="2"/>
      <c r="AE23372" s="1"/>
    </row>
    <row r="23373" spans="1:31" ht="14.45">
      <c r="A23373" s="11"/>
      <c r="B23373" s="20"/>
      <c r="C23373" s="2" t="s">
        <v>74998</v>
      </c>
      <c r="D23373" s="14" t="s">
        <v>74999</v>
      </c>
      <c r="E23373" s="2" t="s">
        <v>75000</v>
      </c>
      <c r="F23373" s="2" t="s">
        <v>16014</v>
      </c>
      <c r="G23373" s="8">
        <v>300</v>
      </c>
      <c r="H23373" s="5">
        <v>6</v>
      </c>
      <c r="I23373" s="5" t="s">
        <v>1518</v>
      </c>
      <c r="J23373" s="5" t="s">
        <v>69038</v>
      </c>
      <c r="K23373" s="2" t="s">
        <v>69039</v>
      </c>
      <c r="L23373" s="5" t="s">
        <v>69038</v>
      </c>
      <c r="M23373" s="2" t="s">
        <v>69039</v>
      </c>
      <c r="N23373" s="5" t="s">
        <v>1521</v>
      </c>
      <c r="O23373" s="5" t="s">
        <v>38</v>
      </c>
      <c r="P23373" s="5" t="s">
        <v>39</v>
      </c>
      <c r="Q23373" s="5" t="s">
        <v>40</v>
      </c>
      <c r="R23373" s="5" t="s">
        <v>1522</v>
      </c>
      <c r="S23373" s="5" t="s">
        <v>1523</v>
      </c>
      <c r="T23373" s="5" t="s">
        <v>42</v>
      </c>
      <c r="U23373" s="2">
        <v>3.387</v>
      </c>
      <c r="V23373" s="2">
        <v>2.8090000000000002</v>
      </c>
      <c r="W23373" s="2">
        <v>1.7999999999999999E-2</v>
      </c>
      <c r="X23373" s="2">
        <v>139.1</v>
      </c>
      <c r="Y23373" s="2">
        <v>7.6</v>
      </c>
      <c r="Z23373" s="2">
        <v>16.7</v>
      </c>
      <c r="AA23373" s="5"/>
      <c r="AB23373" s="5" t="s">
        <v>43</v>
      </c>
      <c r="AC23373" s="5" t="s">
        <v>44</v>
      </c>
      <c r="AD23373" s="2"/>
      <c r="AE23373" s="1"/>
    </row>
    <row r="23374" spans="1:31" ht="14.45">
      <c r="A23374" s="11"/>
      <c r="B23374" s="20"/>
      <c r="C23374" s="2" t="s">
        <v>75001</v>
      </c>
      <c r="D23374" s="14" t="s">
        <v>75002</v>
      </c>
      <c r="E23374" s="2" t="s">
        <v>75003</v>
      </c>
      <c r="F23374" s="2" t="s">
        <v>7212</v>
      </c>
      <c r="G23374" s="8">
        <v>278</v>
      </c>
      <c r="H23374" s="5">
        <v>6</v>
      </c>
      <c r="I23374" s="5" t="s">
        <v>1518</v>
      </c>
      <c r="J23374" s="5" t="s">
        <v>69038</v>
      </c>
      <c r="K23374" s="2" t="s">
        <v>69039</v>
      </c>
      <c r="L23374" s="5" t="s">
        <v>69038</v>
      </c>
      <c r="M23374" s="2" t="s">
        <v>69039</v>
      </c>
      <c r="N23374" s="5" t="s">
        <v>1521</v>
      </c>
      <c r="O23374" s="5" t="s">
        <v>38</v>
      </c>
      <c r="P23374" s="5" t="s">
        <v>39</v>
      </c>
      <c r="Q23374" s="5" t="s">
        <v>40</v>
      </c>
      <c r="R23374" s="5" t="s">
        <v>1522</v>
      </c>
      <c r="S23374" s="5" t="s">
        <v>1523</v>
      </c>
      <c r="T23374" s="5" t="s">
        <v>42</v>
      </c>
      <c r="U23374" s="2">
        <v>3.387</v>
      </c>
      <c r="V23374" s="2">
        <v>2.8090000000000002</v>
      </c>
      <c r="W23374" s="2">
        <v>1.7999999999999999E-2</v>
      </c>
      <c r="X23374" s="2">
        <v>139.1</v>
      </c>
      <c r="Y23374" s="2">
        <v>7.6</v>
      </c>
      <c r="Z23374" s="2">
        <v>16.7</v>
      </c>
      <c r="AA23374" s="5"/>
      <c r="AB23374" s="5" t="s">
        <v>43</v>
      </c>
      <c r="AC23374" s="5" t="s">
        <v>44</v>
      </c>
      <c r="AD23374" s="2"/>
      <c r="AE23374" s="1"/>
    </row>
    <row r="23375" spans="1:31" ht="14.45">
      <c r="A23375" s="11"/>
      <c r="B23375" s="20"/>
      <c r="C23375" s="2" t="s">
        <v>75004</v>
      </c>
      <c r="D23375" s="14" t="s">
        <v>75005</v>
      </c>
      <c r="E23375" s="2" t="s">
        <v>75006</v>
      </c>
      <c r="F23375" s="2" t="s">
        <v>7528</v>
      </c>
      <c r="G23375" s="8">
        <v>278</v>
      </c>
      <c r="H23375" s="5">
        <v>6</v>
      </c>
      <c r="I23375" s="5" t="s">
        <v>1518</v>
      </c>
      <c r="J23375" s="5" t="s">
        <v>69038</v>
      </c>
      <c r="K23375" s="2" t="s">
        <v>69039</v>
      </c>
      <c r="L23375" s="5" t="s">
        <v>69038</v>
      </c>
      <c r="M23375" s="2" t="s">
        <v>69039</v>
      </c>
      <c r="N23375" s="5" t="s">
        <v>1521</v>
      </c>
      <c r="O23375" s="5" t="s">
        <v>38</v>
      </c>
      <c r="P23375" s="5" t="s">
        <v>39</v>
      </c>
      <c r="Q23375" s="5" t="s">
        <v>40</v>
      </c>
      <c r="R23375" s="5" t="s">
        <v>1522</v>
      </c>
      <c r="S23375" s="5" t="s">
        <v>1523</v>
      </c>
      <c r="T23375" s="5" t="s">
        <v>42</v>
      </c>
      <c r="U23375" s="2">
        <v>3.4969999999999999</v>
      </c>
      <c r="V23375" s="2">
        <v>2.919</v>
      </c>
      <c r="W23375" s="2">
        <v>1.7999999999999999E-2</v>
      </c>
      <c r="X23375" s="2">
        <v>139.1</v>
      </c>
      <c r="Y23375" s="2">
        <v>7.6</v>
      </c>
      <c r="Z23375" s="2">
        <v>16.7</v>
      </c>
      <c r="AA23375" s="5"/>
      <c r="AB23375" s="5" t="s">
        <v>43</v>
      </c>
      <c r="AC23375" s="5" t="s">
        <v>44</v>
      </c>
      <c r="AD23375" s="2"/>
      <c r="AE23375" s="1"/>
    </row>
    <row r="23376" spans="1:31" ht="14.45">
      <c r="A23376" s="11"/>
      <c r="B23376" s="20"/>
      <c r="C23376" s="2" t="s">
        <v>75007</v>
      </c>
      <c r="D23376" s="14" t="s">
        <v>75008</v>
      </c>
      <c r="E23376" s="2" t="s">
        <v>75009</v>
      </c>
      <c r="F23376" s="2" t="s">
        <v>16029</v>
      </c>
      <c r="G23376" s="8">
        <v>300</v>
      </c>
      <c r="H23376" s="5">
        <v>6</v>
      </c>
      <c r="I23376" s="5" t="s">
        <v>1518</v>
      </c>
      <c r="J23376" s="5" t="s">
        <v>69038</v>
      </c>
      <c r="K23376" s="2" t="s">
        <v>69039</v>
      </c>
      <c r="L23376" s="5" t="s">
        <v>69038</v>
      </c>
      <c r="M23376" s="2" t="s">
        <v>69039</v>
      </c>
      <c r="N23376" s="5" t="s">
        <v>1521</v>
      </c>
      <c r="O23376" s="5" t="s">
        <v>38</v>
      </c>
      <c r="P23376" s="5" t="s">
        <v>39</v>
      </c>
      <c r="Q23376" s="5" t="s">
        <v>40</v>
      </c>
      <c r="R23376" s="5" t="s">
        <v>1522</v>
      </c>
      <c r="S23376" s="5" t="s">
        <v>1523</v>
      </c>
      <c r="T23376" s="5" t="s">
        <v>42</v>
      </c>
      <c r="U23376" s="2">
        <v>3.4009999999999998</v>
      </c>
      <c r="V23376" s="2">
        <v>2.823</v>
      </c>
      <c r="W23376" s="2">
        <v>1.7999999999999999E-2</v>
      </c>
      <c r="X23376" s="2">
        <v>139.1</v>
      </c>
      <c r="Y23376" s="2">
        <v>7.6</v>
      </c>
      <c r="Z23376" s="2">
        <v>16.7</v>
      </c>
      <c r="AA23376" s="5"/>
      <c r="AB23376" s="5" t="s">
        <v>43</v>
      </c>
      <c r="AC23376" s="5" t="s">
        <v>44</v>
      </c>
      <c r="AD23376" s="2"/>
      <c r="AE23376" s="1"/>
    </row>
    <row r="23377" spans="1:31" ht="14.45">
      <c r="A23377" s="11"/>
      <c r="B23377" s="20"/>
      <c r="C23377" s="2" t="s">
        <v>75010</v>
      </c>
      <c r="D23377" s="14" t="s">
        <v>75011</v>
      </c>
      <c r="E23377" s="2" t="s">
        <v>75012</v>
      </c>
      <c r="F23377" s="2" t="s">
        <v>16033</v>
      </c>
      <c r="G23377" s="8">
        <v>300</v>
      </c>
      <c r="H23377" s="5">
        <v>6</v>
      </c>
      <c r="I23377" s="5" t="s">
        <v>1518</v>
      </c>
      <c r="J23377" s="5" t="s">
        <v>69038</v>
      </c>
      <c r="K23377" s="2" t="s">
        <v>69039</v>
      </c>
      <c r="L23377" s="5" t="s">
        <v>69038</v>
      </c>
      <c r="M23377" s="2" t="s">
        <v>69039</v>
      </c>
      <c r="N23377" s="5" t="s">
        <v>1521</v>
      </c>
      <c r="O23377" s="5" t="s">
        <v>38</v>
      </c>
      <c r="P23377" s="5" t="s">
        <v>39</v>
      </c>
      <c r="Q23377" s="5" t="s">
        <v>40</v>
      </c>
      <c r="R23377" s="5" t="s">
        <v>1522</v>
      </c>
      <c r="S23377" s="5" t="s">
        <v>1523</v>
      </c>
      <c r="T23377" s="5" t="s">
        <v>42</v>
      </c>
      <c r="U23377" s="2">
        <v>3.5110000000000001</v>
      </c>
      <c r="V23377" s="2">
        <v>2.9329999999999998</v>
      </c>
      <c r="W23377" s="2">
        <v>1.7999999999999999E-2</v>
      </c>
      <c r="X23377" s="2">
        <v>139.1</v>
      </c>
      <c r="Y23377" s="2">
        <v>7.6</v>
      </c>
      <c r="Z23377" s="2">
        <v>16.7</v>
      </c>
      <c r="AA23377" s="5"/>
      <c r="AB23377" s="5" t="s">
        <v>43</v>
      </c>
      <c r="AC23377" s="5" t="s">
        <v>44</v>
      </c>
      <c r="AD23377" s="2"/>
      <c r="AE23377" s="1"/>
    </row>
    <row r="23378" spans="1:31" ht="14.45">
      <c r="A23378" s="11"/>
      <c r="B23378" s="20"/>
      <c r="C23378" s="2" t="s">
        <v>75013</v>
      </c>
      <c r="D23378" s="14" t="s">
        <v>75014</v>
      </c>
      <c r="E23378" s="2" t="s">
        <v>75015</v>
      </c>
      <c r="F23378" s="2" t="s">
        <v>7208</v>
      </c>
      <c r="G23378" s="8">
        <v>296</v>
      </c>
      <c r="H23378" s="5">
        <v>6</v>
      </c>
      <c r="I23378" s="5" t="s">
        <v>1518</v>
      </c>
      <c r="J23378" s="5" t="s">
        <v>69038</v>
      </c>
      <c r="K23378" s="2" t="s">
        <v>69039</v>
      </c>
      <c r="L23378" s="5" t="s">
        <v>69038</v>
      </c>
      <c r="M23378" s="2" t="s">
        <v>69039</v>
      </c>
      <c r="N23378" s="5" t="s">
        <v>1521</v>
      </c>
      <c r="O23378" s="5" t="s">
        <v>38</v>
      </c>
      <c r="P23378" s="5" t="s">
        <v>39</v>
      </c>
      <c r="Q23378" s="5" t="s">
        <v>40</v>
      </c>
      <c r="R23378" s="5" t="s">
        <v>1522</v>
      </c>
      <c r="S23378" s="5" t="s">
        <v>1523</v>
      </c>
      <c r="T23378" s="5" t="s">
        <v>42</v>
      </c>
      <c r="U23378" s="2">
        <v>3.5569999999999999</v>
      </c>
      <c r="V23378" s="2">
        <v>2.9849999999999999</v>
      </c>
      <c r="W23378" s="2">
        <v>1.7999999999999999E-2</v>
      </c>
      <c r="X23378" s="2">
        <v>139.1</v>
      </c>
      <c r="Y23378" s="2">
        <v>7.6</v>
      </c>
      <c r="Z23378" s="2">
        <v>16.7</v>
      </c>
      <c r="AA23378" s="5"/>
      <c r="AB23378" s="5" t="s">
        <v>43</v>
      </c>
      <c r="AC23378" s="5" t="s">
        <v>44</v>
      </c>
      <c r="AD23378" s="2"/>
      <c r="AE23378" s="1"/>
    </row>
    <row r="23379" spans="1:31" ht="14.45">
      <c r="A23379" s="11"/>
      <c r="B23379" s="20"/>
      <c r="C23379" s="2" t="s">
        <v>75016</v>
      </c>
      <c r="D23379" s="14" t="s">
        <v>75017</v>
      </c>
      <c r="E23379" s="2" t="s">
        <v>75018</v>
      </c>
      <c r="F23379" s="2" t="s">
        <v>7212</v>
      </c>
      <c r="G23379" s="8">
        <v>296</v>
      </c>
      <c r="H23379" s="5">
        <v>6</v>
      </c>
      <c r="I23379" s="5" t="s">
        <v>1518</v>
      </c>
      <c r="J23379" s="5" t="s">
        <v>69038</v>
      </c>
      <c r="K23379" s="2" t="s">
        <v>69039</v>
      </c>
      <c r="L23379" s="5" t="s">
        <v>69038</v>
      </c>
      <c r="M23379" s="2" t="s">
        <v>69039</v>
      </c>
      <c r="N23379" s="5" t="s">
        <v>1521</v>
      </c>
      <c r="O23379" s="5" t="s">
        <v>38</v>
      </c>
      <c r="P23379" s="5" t="s">
        <v>39</v>
      </c>
      <c r="Q23379" s="5" t="s">
        <v>40</v>
      </c>
      <c r="R23379" s="5" t="s">
        <v>1522</v>
      </c>
      <c r="S23379" s="5" t="s">
        <v>1523</v>
      </c>
      <c r="T23379" s="5" t="s">
        <v>42</v>
      </c>
      <c r="U23379" s="2">
        <v>3.5569999999999999</v>
      </c>
      <c r="V23379" s="2">
        <v>2.9849999999999999</v>
      </c>
      <c r="W23379" s="2">
        <v>1.7999999999999999E-2</v>
      </c>
      <c r="X23379" s="2">
        <v>139.1</v>
      </c>
      <c r="Y23379" s="2">
        <v>7.6</v>
      </c>
      <c r="Z23379" s="2">
        <v>16.7</v>
      </c>
      <c r="AA23379" s="5"/>
      <c r="AB23379" s="5" t="s">
        <v>43</v>
      </c>
      <c r="AC23379" s="5" t="s">
        <v>44</v>
      </c>
      <c r="AD23379" s="2"/>
      <c r="AE23379" s="1"/>
    </row>
    <row r="23380" spans="1:31" ht="14.45">
      <c r="A23380" s="11"/>
      <c r="B23380" s="20"/>
      <c r="C23380" s="2" t="s">
        <v>75019</v>
      </c>
      <c r="D23380" s="14" t="s">
        <v>75020</v>
      </c>
      <c r="E23380" s="2" t="s">
        <v>75021</v>
      </c>
      <c r="F23380" s="2" t="s">
        <v>16029</v>
      </c>
      <c r="G23380" s="8">
        <v>321</v>
      </c>
      <c r="H23380" s="5">
        <v>6</v>
      </c>
      <c r="I23380" s="5" t="s">
        <v>1518</v>
      </c>
      <c r="J23380" s="5" t="s">
        <v>69038</v>
      </c>
      <c r="K23380" s="2" t="s">
        <v>69039</v>
      </c>
      <c r="L23380" s="5" t="s">
        <v>69038</v>
      </c>
      <c r="M23380" s="2" t="s">
        <v>69039</v>
      </c>
      <c r="N23380" s="5" t="s">
        <v>1521</v>
      </c>
      <c r="O23380" s="5" t="s">
        <v>38</v>
      </c>
      <c r="P23380" s="5" t="s">
        <v>39</v>
      </c>
      <c r="Q23380" s="5" t="s">
        <v>40</v>
      </c>
      <c r="R23380" s="5" t="s">
        <v>1522</v>
      </c>
      <c r="S23380" s="5" t="s">
        <v>1523</v>
      </c>
      <c r="T23380" s="5" t="s">
        <v>42</v>
      </c>
      <c r="U23380" s="2">
        <v>3.5710000000000002</v>
      </c>
      <c r="V23380" s="2">
        <v>2.9990000000000001</v>
      </c>
      <c r="W23380" s="2">
        <v>1.7999999999999999E-2</v>
      </c>
      <c r="X23380" s="2">
        <v>139.1</v>
      </c>
      <c r="Y23380" s="2">
        <v>7.6</v>
      </c>
      <c r="Z23380" s="2">
        <v>16.7</v>
      </c>
      <c r="AA23380" s="5"/>
      <c r="AB23380" s="5" t="s">
        <v>43</v>
      </c>
      <c r="AC23380" s="5" t="s">
        <v>44</v>
      </c>
      <c r="AD23380" s="2"/>
      <c r="AE23380" s="1"/>
    </row>
    <row r="23381" spans="1:31" ht="14.45">
      <c r="A23381" s="11"/>
      <c r="B23381" s="20"/>
      <c r="C23381" s="2" t="s">
        <v>75022</v>
      </c>
      <c r="D23381" s="14" t="s">
        <v>75023</v>
      </c>
      <c r="E23381" s="2" t="s">
        <v>75024</v>
      </c>
      <c r="F23381" s="2" t="s">
        <v>16033</v>
      </c>
      <c r="G23381" s="8">
        <v>321</v>
      </c>
      <c r="H23381" s="5">
        <v>6</v>
      </c>
      <c r="I23381" s="5" t="s">
        <v>1518</v>
      </c>
      <c r="J23381" s="5" t="s">
        <v>69038</v>
      </c>
      <c r="K23381" s="2" t="s">
        <v>69039</v>
      </c>
      <c r="L23381" s="5" t="s">
        <v>69038</v>
      </c>
      <c r="M23381" s="2" t="s">
        <v>69039</v>
      </c>
      <c r="N23381" s="5" t="s">
        <v>1521</v>
      </c>
      <c r="O23381" s="5" t="s">
        <v>38</v>
      </c>
      <c r="P23381" s="5" t="s">
        <v>39</v>
      </c>
      <c r="Q23381" s="5" t="s">
        <v>40</v>
      </c>
      <c r="R23381" s="5" t="s">
        <v>1522</v>
      </c>
      <c r="S23381" s="5" t="s">
        <v>1523</v>
      </c>
      <c r="T23381" s="5" t="s">
        <v>42</v>
      </c>
      <c r="U23381" s="2">
        <v>3.6909999999999998</v>
      </c>
      <c r="V23381" s="2">
        <v>3.1190000000000002</v>
      </c>
      <c r="W23381" s="2">
        <v>1.7999999999999999E-2</v>
      </c>
      <c r="X23381" s="2">
        <v>139.1</v>
      </c>
      <c r="Y23381" s="2">
        <v>7.6</v>
      </c>
      <c r="Z23381" s="2">
        <v>16.7</v>
      </c>
      <c r="AA23381" s="5"/>
      <c r="AB23381" s="5" t="s">
        <v>43</v>
      </c>
      <c r="AC23381" s="5" t="s">
        <v>44</v>
      </c>
      <c r="AD23381" s="2"/>
      <c r="AE23381" s="1"/>
    </row>
    <row r="23382" spans="1:31" ht="14.45">
      <c r="A23382" s="11"/>
      <c r="B23382" s="20"/>
      <c r="C23382" s="2" t="s">
        <v>75025</v>
      </c>
      <c r="D23382" s="14" t="s">
        <v>75026</v>
      </c>
      <c r="E23382" s="2" t="s">
        <v>75027</v>
      </c>
      <c r="F23382" s="2" t="s">
        <v>7204</v>
      </c>
      <c r="G23382" s="8">
        <v>270</v>
      </c>
      <c r="H23382" s="5">
        <v>6</v>
      </c>
      <c r="I23382" s="5" t="s">
        <v>1518</v>
      </c>
      <c r="J23382" s="5" t="s">
        <v>69038</v>
      </c>
      <c r="K23382" s="2" t="s">
        <v>69039</v>
      </c>
      <c r="L23382" s="5" t="s">
        <v>69038</v>
      </c>
      <c r="M23382" s="2" t="s">
        <v>69039</v>
      </c>
      <c r="N23382" s="5" t="s">
        <v>1521</v>
      </c>
      <c r="O23382" s="5" t="s">
        <v>38</v>
      </c>
      <c r="P23382" s="5" t="s">
        <v>39</v>
      </c>
      <c r="Q23382" s="5" t="s">
        <v>40</v>
      </c>
      <c r="R23382" s="5" t="s">
        <v>1522</v>
      </c>
      <c r="S23382" s="5" t="s">
        <v>1523</v>
      </c>
      <c r="T23382" s="5" t="s">
        <v>42</v>
      </c>
      <c r="U23382" s="2">
        <v>3.2530000000000001</v>
      </c>
      <c r="V23382" s="2">
        <v>2.6659999999999999</v>
      </c>
      <c r="W23382" s="2">
        <v>1.7999999999999999E-2</v>
      </c>
      <c r="X23382" s="2">
        <v>139.1</v>
      </c>
      <c r="Y23382" s="2">
        <v>7.6</v>
      </c>
      <c r="Z23382" s="2">
        <v>16.7</v>
      </c>
      <c r="AA23382" s="5"/>
      <c r="AB23382" s="5" t="s">
        <v>43</v>
      </c>
      <c r="AC23382" s="5" t="s">
        <v>44</v>
      </c>
      <c r="AD23382" s="2"/>
      <c r="AE23382" s="1"/>
    </row>
    <row r="23383" spans="1:31" ht="14.45">
      <c r="A23383" s="11"/>
      <c r="B23383" s="20"/>
      <c r="C23383" s="2" t="s">
        <v>75028</v>
      </c>
      <c r="D23383" s="14" t="s">
        <v>75029</v>
      </c>
      <c r="E23383" s="2" t="s">
        <v>75030</v>
      </c>
      <c r="F23383" s="2" t="s">
        <v>7514</v>
      </c>
      <c r="G23383" s="8">
        <v>270</v>
      </c>
      <c r="H23383" s="5">
        <v>6</v>
      </c>
      <c r="I23383" s="5" t="s">
        <v>1518</v>
      </c>
      <c r="J23383" s="5" t="s">
        <v>69038</v>
      </c>
      <c r="K23383" s="2" t="s">
        <v>69039</v>
      </c>
      <c r="L23383" s="5" t="s">
        <v>69038</v>
      </c>
      <c r="M23383" s="2" t="s">
        <v>69039</v>
      </c>
      <c r="N23383" s="5" t="s">
        <v>1521</v>
      </c>
      <c r="O23383" s="5" t="s">
        <v>38</v>
      </c>
      <c r="P23383" s="5" t="s">
        <v>39</v>
      </c>
      <c r="Q23383" s="5" t="s">
        <v>40</v>
      </c>
      <c r="R23383" s="5" t="s">
        <v>1522</v>
      </c>
      <c r="S23383" s="5" t="s">
        <v>1523</v>
      </c>
      <c r="T23383" s="5" t="s">
        <v>42</v>
      </c>
      <c r="U23383" s="2">
        <v>3.3530000000000002</v>
      </c>
      <c r="V23383" s="2">
        <v>2.766</v>
      </c>
      <c r="W23383" s="2">
        <v>1.7999999999999999E-2</v>
      </c>
      <c r="X23383" s="2">
        <v>139.1</v>
      </c>
      <c r="Y23383" s="2">
        <v>7.6</v>
      </c>
      <c r="Z23383" s="2">
        <v>16.7</v>
      </c>
      <c r="AA23383" s="5"/>
      <c r="AB23383" s="5" t="s">
        <v>43</v>
      </c>
      <c r="AC23383" s="5" t="s">
        <v>44</v>
      </c>
      <c r="AD23383" s="2"/>
      <c r="AE23383" s="1"/>
    </row>
    <row r="23384" spans="1:31" ht="14.45">
      <c r="A23384" s="11"/>
      <c r="B23384" s="20"/>
      <c r="C23384" s="2" t="s">
        <v>75031</v>
      </c>
      <c r="D23384" s="14" t="s">
        <v>75032</v>
      </c>
      <c r="E23384" s="2" t="s">
        <v>75033</v>
      </c>
      <c r="F23384" s="2" t="s">
        <v>7208</v>
      </c>
      <c r="G23384" s="8">
        <v>270</v>
      </c>
      <c r="H23384" s="5">
        <v>6</v>
      </c>
      <c r="I23384" s="5" t="s">
        <v>1518</v>
      </c>
      <c r="J23384" s="5" t="s">
        <v>69038</v>
      </c>
      <c r="K23384" s="2" t="s">
        <v>69039</v>
      </c>
      <c r="L23384" s="5" t="s">
        <v>69038</v>
      </c>
      <c r="M23384" s="2" t="s">
        <v>69039</v>
      </c>
      <c r="N23384" s="5" t="s">
        <v>1521</v>
      </c>
      <c r="O23384" s="5" t="s">
        <v>38</v>
      </c>
      <c r="P23384" s="5" t="s">
        <v>39</v>
      </c>
      <c r="Q23384" s="5" t="s">
        <v>40</v>
      </c>
      <c r="R23384" s="5" t="s">
        <v>1522</v>
      </c>
      <c r="S23384" s="5" t="s">
        <v>1523</v>
      </c>
      <c r="T23384" s="5" t="s">
        <v>42</v>
      </c>
      <c r="U23384" s="2">
        <v>3.2530000000000001</v>
      </c>
      <c r="V23384" s="2">
        <v>2.6659999999999999</v>
      </c>
      <c r="W23384" s="2">
        <v>1.7999999999999999E-2</v>
      </c>
      <c r="X23384" s="2">
        <v>139.1</v>
      </c>
      <c r="Y23384" s="2">
        <v>7.6</v>
      </c>
      <c r="Z23384" s="2">
        <v>16.7</v>
      </c>
      <c r="AA23384" s="5"/>
      <c r="AB23384" s="5" t="s">
        <v>43</v>
      </c>
      <c r="AC23384" s="5" t="s">
        <v>44</v>
      </c>
      <c r="AD23384" s="2"/>
      <c r="AE23384" s="1"/>
    </row>
    <row r="23385" spans="1:31" ht="14.45">
      <c r="A23385" s="11"/>
      <c r="B23385" s="20"/>
      <c r="C23385" s="2" t="s">
        <v>75034</v>
      </c>
      <c r="D23385" s="14" t="s">
        <v>75035</v>
      </c>
      <c r="E23385" s="2" t="s">
        <v>75036</v>
      </c>
      <c r="F23385" s="2" t="s">
        <v>7521</v>
      </c>
      <c r="G23385" s="8">
        <v>270</v>
      </c>
      <c r="H23385" s="5">
        <v>6</v>
      </c>
      <c r="I23385" s="5" t="s">
        <v>1518</v>
      </c>
      <c r="J23385" s="5" t="s">
        <v>69038</v>
      </c>
      <c r="K23385" s="2" t="s">
        <v>69039</v>
      </c>
      <c r="L23385" s="5" t="s">
        <v>69038</v>
      </c>
      <c r="M23385" s="2" t="s">
        <v>69039</v>
      </c>
      <c r="N23385" s="5" t="s">
        <v>1521</v>
      </c>
      <c r="O23385" s="5" t="s">
        <v>38</v>
      </c>
      <c r="P23385" s="5" t="s">
        <v>39</v>
      </c>
      <c r="Q23385" s="5" t="s">
        <v>40</v>
      </c>
      <c r="R23385" s="5" t="s">
        <v>1522</v>
      </c>
      <c r="S23385" s="5" t="s">
        <v>1523</v>
      </c>
      <c r="T23385" s="5" t="s">
        <v>42</v>
      </c>
      <c r="U23385" s="2">
        <v>3.3530000000000002</v>
      </c>
      <c r="V23385" s="2">
        <v>2.766</v>
      </c>
      <c r="W23385" s="2">
        <v>1.7999999999999999E-2</v>
      </c>
      <c r="X23385" s="2">
        <v>139.1</v>
      </c>
      <c r="Y23385" s="2">
        <v>7.6</v>
      </c>
      <c r="Z23385" s="2">
        <v>16.7</v>
      </c>
      <c r="AA23385" s="5"/>
      <c r="AB23385" s="5" t="s">
        <v>43</v>
      </c>
      <c r="AC23385" s="5" t="s">
        <v>44</v>
      </c>
      <c r="AD23385" s="2"/>
      <c r="AE23385" s="1"/>
    </row>
    <row r="23386" spans="1:31" ht="14.45">
      <c r="A23386" s="11"/>
      <c r="B23386" s="20"/>
      <c r="C23386" s="2" t="s">
        <v>75037</v>
      </c>
      <c r="D23386" s="14" t="s">
        <v>75038</v>
      </c>
      <c r="E23386" s="2" t="s">
        <v>75039</v>
      </c>
      <c r="F23386" s="2" t="s">
        <v>7406</v>
      </c>
      <c r="G23386" s="8">
        <v>291</v>
      </c>
      <c r="H23386" s="5">
        <v>6</v>
      </c>
      <c r="I23386" s="5" t="s">
        <v>1518</v>
      </c>
      <c r="J23386" s="5" t="s">
        <v>69038</v>
      </c>
      <c r="K23386" s="2" t="s">
        <v>69039</v>
      </c>
      <c r="L23386" s="5" t="s">
        <v>69038</v>
      </c>
      <c r="M23386" s="2" t="s">
        <v>69039</v>
      </c>
      <c r="N23386" s="5" t="s">
        <v>1521</v>
      </c>
      <c r="O23386" s="5" t="s">
        <v>38</v>
      </c>
      <c r="P23386" s="5" t="s">
        <v>39</v>
      </c>
      <c r="Q23386" s="5" t="s">
        <v>40</v>
      </c>
      <c r="R23386" s="5" t="s">
        <v>1522</v>
      </c>
      <c r="S23386" s="5" t="s">
        <v>1523</v>
      </c>
      <c r="T23386" s="5" t="s">
        <v>42</v>
      </c>
      <c r="U23386" s="2">
        <v>3.2530000000000001</v>
      </c>
      <c r="V23386" s="2">
        <v>2.6659999999999999</v>
      </c>
      <c r="W23386" s="2">
        <v>1.7999999999999999E-2</v>
      </c>
      <c r="X23386" s="2">
        <v>139.1</v>
      </c>
      <c r="Y23386" s="2">
        <v>7.6</v>
      </c>
      <c r="Z23386" s="2">
        <v>16.7</v>
      </c>
      <c r="AA23386" s="5"/>
      <c r="AB23386" s="5" t="s">
        <v>43</v>
      </c>
      <c r="AC23386" s="5" t="s">
        <v>44</v>
      </c>
      <c r="AD23386" s="2"/>
      <c r="AE23386" s="1"/>
    </row>
    <row r="23387" spans="1:31" ht="14.45">
      <c r="A23387" s="11"/>
      <c r="B23387" s="20"/>
      <c r="C23387" s="2" t="s">
        <v>75040</v>
      </c>
      <c r="D23387" s="14" t="s">
        <v>75041</v>
      </c>
      <c r="E23387" s="2" t="s">
        <v>75042</v>
      </c>
      <c r="F23387" s="2" t="s">
        <v>7535</v>
      </c>
      <c r="G23387" s="8">
        <v>291</v>
      </c>
      <c r="H23387" s="5">
        <v>6</v>
      </c>
      <c r="I23387" s="5" t="s">
        <v>1518</v>
      </c>
      <c r="J23387" s="5" t="s">
        <v>69038</v>
      </c>
      <c r="K23387" s="2" t="s">
        <v>69039</v>
      </c>
      <c r="L23387" s="5" t="s">
        <v>69038</v>
      </c>
      <c r="M23387" s="2" t="s">
        <v>69039</v>
      </c>
      <c r="N23387" s="5" t="s">
        <v>1521</v>
      </c>
      <c r="O23387" s="5" t="s">
        <v>38</v>
      </c>
      <c r="P23387" s="5" t="s">
        <v>39</v>
      </c>
      <c r="Q23387" s="5" t="s">
        <v>40</v>
      </c>
      <c r="R23387" s="5" t="s">
        <v>1522</v>
      </c>
      <c r="S23387" s="5" t="s">
        <v>1523</v>
      </c>
      <c r="T23387" s="5" t="s">
        <v>42</v>
      </c>
      <c r="U23387" s="2">
        <v>3.3530000000000002</v>
      </c>
      <c r="V23387" s="2">
        <v>2.766</v>
      </c>
      <c r="W23387" s="2">
        <v>1.7999999999999999E-2</v>
      </c>
      <c r="X23387" s="2">
        <v>139.1</v>
      </c>
      <c r="Y23387" s="2">
        <v>7.6</v>
      </c>
      <c r="Z23387" s="2">
        <v>16.7</v>
      </c>
      <c r="AA23387" s="5"/>
      <c r="AB23387" s="5" t="s">
        <v>43</v>
      </c>
      <c r="AC23387" s="5" t="s">
        <v>44</v>
      </c>
      <c r="AD23387" s="2"/>
      <c r="AE23387" s="1"/>
    </row>
    <row r="23388" spans="1:31" ht="14.45">
      <c r="A23388" s="11"/>
      <c r="B23388" s="20"/>
      <c r="C23388" s="2" t="s">
        <v>75043</v>
      </c>
      <c r="D23388" s="14" t="s">
        <v>75044</v>
      </c>
      <c r="E23388" s="2" t="s">
        <v>75045</v>
      </c>
      <c r="F23388" s="2" t="s">
        <v>7539</v>
      </c>
      <c r="G23388" s="8">
        <v>291</v>
      </c>
      <c r="H23388" s="5">
        <v>6</v>
      </c>
      <c r="I23388" s="5" t="s">
        <v>1518</v>
      </c>
      <c r="J23388" s="5" t="s">
        <v>69038</v>
      </c>
      <c r="K23388" s="2" t="s">
        <v>69039</v>
      </c>
      <c r="L23388" s="5" t="s">
        <v>69038</v>
      </c>
      <c r="M23388" s="2" t="s">
        <v>69039</v>
      </c>
      <c r="N23388" s="5" t="s">
        <v>1521</v>
      </c>
      <c r="O23388" s="5" t="s">
        <v>38</v>
      </c>
      <c r="P23388" s="5" t="s">
        <v>39</v>
      </c>
      <c r="Q23388" s="5" t="s">
        <v>40</v>
      </c>
      <c r="R23388" s="5" t="s">
        <v>1522</v>
      </c>
      <c r="S23388" s="5" t="s">
        <v>1523</v>
      </c>
      <c r="T23388" s="5" t="s">
        <v>42</v>
      </c>
      <c r="U23388" s="2">
        <v>3.2530000000000001</v>
      </c>
      <c r="V23388" s="2">
        <v>2.6659999999999999</v>
      </c>
      <c r="W23388" s="2">
        <v>1.7999999999999999E-2</v>
      </c>
      <c r="X23388" s="2">
        <v>139.1</v>
      </c>
      <c r="Y23388" s="2">
        <v>7.6</v>
      </c>
      <c r="Z23388" s="2">
        <v>16.7</v>
      </c>
      <c r="AA23388" s="5"/>
      <c r="AB23388" s="5" t="s">
        <v>43</v>
      </c>
      <c r="AC23388" s="5" t="s">
        <v>44</v>
      </c>
      <c r="AD23388" s="2"/>
      <c r="AE23388" s="1"/>
    </row>
    <row r="23389" spans="1:31" ht="14.45">
      <c r="A23389" s="11"/>
      <c r="B23389" s="20"/>
      <c r="C23389" s="2" t="s">
        <v>75046</v>
      </c>
      <c r="D23389" s="14" t="s">
        <v>75047</v>
      </c>
      <c r="E23389" s="2" t="s">
        <v>75048</v>
      </c>
      <c r="F23389" s="2" t="s">
        <v>7543</v>
      </c>
      <c r="G23389" s="8">
        <v>291</v>
      </c>
      <c r="H23389" s="5">
        <v>6</v>
      </c>
      <c r="I23389" s="5" t="s">
        <v>1518</v>
      </c>
      <c r="J23389" s="5" t="s">
        <v>69038</v>
      </c>
      <c r="K23389" s="2" t="s">
        <v>69039</v>
      </c>
      <c r="L23389" s="5" t="s">
        <v>69038</v>
      </c>
      <c r="M23389" s="2" t="s">
        <v>69039</v>
      </c>
      <c r="N23389" s="5" t="s">
        <v>1521</v>
      </c>
      <c r="O23389" s="5" t="s">
        <v>38</v>
      </c>
      <c r="P23389" s="5" t="s">
        <v>39</v>
      </c>
      <c r="Q23389" s="5" t="s">
        <v>40</v>
      </c>
      <c r="R23389" s="5" t="s">
        <v>1522</v>
      </c>
      <c r="S23389" s="5" t="s">
        <v>1523</v>
      </c>
      <c r="T23389" s="5" t="s">
        <v>42</v>
      </c>
      <c r="U23389" s="2">
        <v>3.3530000000000002</v>
      </c>
      <c r="V23389" s="2">
        <v>2.766</v>
      </c>
      <c r="W23389" s="2">
        <v>1.7999999999999999E-2</v>
      </c>
      <c r="X23389" s="2">
        <v>139.1</v>
      </c>
      <c r="Y23389" s="2">
        <v>7.6</v>
      </c>
      <c r="Z23389" s="2">
        <v>16.7</v>
      </c>
      <c r="AA23389" s="5"/>
      <c r="AB23389" s="5" t="s">
        <v>43</v>
      </c>
      <c r="AC23389" s="5" t="s">
        <v>44</v>
      </c>
      <c r="AD23389" s="2"/>
      <c r="AE23389" s="1"/>
    </row>
    <row r="23390" spans="1:31" ht="14.45">
      <c r="A23390" s="11"/>
      <c r="B23390" s="20"/>
      <c r="C23390" s="2" t="s">
        <v>75049</v>
      </c>
      <c r="D23390" s="14" t="s">
        <v>75050</v>
      </c>
      <c r="E23390" s="2" t="s">
        <v>75051</v>
      </c>
      <c r="F23390" s="2" t="s">
        <v>7396</v>
      </c>
      <c r="G23390" s="8">
        <v>270</v>
      </c>
      <c r="H23390" s="5">
        <v>6</v>
      </c>
      <c r="I23390" s="5" t="s">
        <v>1518</v>
      </c>
      <c r="J23390" s="5" t="s">
        <v>69038</v>
      </c>
      <c r="K23390" s="2" t="s">
        <v>69039</v>
      </c>
      <c r="L23390" s="5" t="s">
        <v>69038</v>
      </c>
      <c r="M23390" s="2" t="s">
        <v>69039</v>
      </c>
      <c r="N23390" s="5" t="s">
        <v>1521</v>
      </c>
      <c r="O23390" s="5" t="s">
        <v>38</v>
      </c>
      <c r="P23390" s="5" t="s">
        <v>39</v>
      </c>
      <c r="Q23390" s="5" t="s">
        <v>40</v>
      </c>
      <c r="R23390" s="5" t="s">
        <v>1522</v>
      </c>
      <c r="S23390" s="5" t="s">
        <v>1523</v>
      </c>
      <c r="T23390" s="5" t="s">
        <v>42</v>
      </c>
      <c r="U23390" s="2">
        <v>3.2530000000000001</v>
      </c>
      <c r="V23390" s="2">
        <v>2.6659999999999999</v>
      </c>
      <c r="W23390" s="2">
        <v>1.7999999999999999E-2</v>
      </c>
      <c r="X23390" s="2">
        <v>139.1</v>
      </c>
      <c r="Y23390" s="2">
        <v>7.6</v>
      </c>
      <c r="Z23390" s="2">
        <v>16.7</v>
      </c>
      <c r="AA23390" s="5"/>
      <c r="AB23390" s="5" t="s">
        <v>43</v>
      </c>
      <c r="AC23390" s="5" t="s">
        <v>44</v>
      </c>
      <c r="AD23390" s="2"/>
      <c r="AE23390" s="1"/>
    </row>
    <row r="23391" spans="1:31" ht="14.45">
      <c r="A23391" s="11"/>
      <c r="B23391" s="20"/>
      <c r="C23391" s="2" t="s">
        <v>75052</v>
      </c>
      <c r="D23391" s="14" t="s">
        <v>75053</v>
      </c>
      <c r="E23391" s="2" t="s">
        <v>75054</v>
      </c>
      <c r="F23391" s="2" t="s">
        <v>7507</v>
      </c>
      <c r="G23391" s="8">
        <v>270</v>
      </c>
      <c r="H23391" s="5">
        <v>6</v>
      </c>
      <c r="I23391" s="5" t="s">
        <v>1518</v>
      </c>
      <c r="J23391" s="5" t="s">
        <v>69038</v>
      </c>
      <c r="K23391" s="2" t="s">
        <v>69039</v>
      </c>
      <c r="L23391" s="5" t="s">
        <v>69038</v>
      </c>
      <c r="M23391" s="2" t="s">
        <v>69039</v>
      </c>
      <c r="N23391" s="5" t="s">
        <v>1521</v>
      </c>
      <c r="O23391" s="5" t="s">
        <v>38</v>
      </c>
      <c r="P23391" s="5" t="s">
        <v>39</v>
      </c>
      <c r="Q23391" s="5" t="s">
        <v>40</v>
      </c>
      <c r="R23391" s="5" t="s">
        <v>1522</v>
      </c>
      <c r="S23391" s="5" t="s">
        <v>1523</v>
      </c>
      <c r="T23391" s="5" t="s">
        <v>42</v>
      </c>
      <c r="U23391" s="2">
        <v>3.3530000000000002</v>
      </c>
      <c r="V23391" s="2">
        <v>2.766</v>
      </c>
      <c r="W23391" s="2">
        <v>1.7999999999999999E-2</v>
      </c>
      <c r="X23391" s="2">
        <v>139.1</v>
      </c>
      <c r="Y23391" s="2">
        <v>7.6</v>
      </c>
      <c r="Z23391" s="2">
        <v>16.7</v>
      </c>
      <c r="AA23391" s="5"/>
      <c r="AB23391" s="5" t="s">
        <v>43</v>
      </c>
      <c r="AC23391" s="5" t="s">
        <v>44</v>
      </c>
      <c r="AD23391" s="2"/>
      <c r="AE23391" s="1"/>
    </row>
    <row r="23392" spans="1:31" ht="14.45">
      <c r="A23392" s="11"/>
      <c r="B23392" s="20"/>
      <c r="C23392" s="2" t="s">
        <v>75055</v>
      </c>
      <c r="D23392" s="14" t="s">
        <v>75056</v>
      </c>
      <c r="E23392" s="2" t="s">
        <v>75057</v>
      </c>
      <c r="F23392" s="2" t="s">
        <v>7547</v>
      </c>
      <c r="G23392" s="8">
        <v>291</v>
      </c>
      <c r="H23392" s="5">
        <v>6</v>
      </c>
      <c r="I23392" s="5" t="s">
        <v>1518</v>
      </c>
      <c r="J23392" s="5" t="s">
        <v>69038</v>
      </c>
      <c r="K23392" s="2" t="s">
        <v>69039</v>
      </c>
      <c r="L23392" s="5" t="s">
        <v>69038</v>
      </c>
      <c r="M23392" s="2" t="s">
        <v>69039</v>
      </c>
      <c r="N23392" s="5" t="s">
        <v>1521</v>
      </c>
      <c r="O23392" s="5" t="s">
        <v>38</v>
      </c>
      <c r="P23392" s="5" t="s">
        <v>39</v>
      </c>
      <c r="Q23392" s="5" t="s">
        <v>40</v>
      </c>
      <c r="R23392" s="5" t="s">
        <v>1522</v>
      </c>
      <c r="S23392" s="5" t="s">
        <v>1523</v>
      </c>
      <c r="T23392" s="5" t="s">
        <v>42</v>
      </c>
      <c r="U23392" s="2">
        <v>3.2530000000000001</v>
      </c>
      <c r="V23392" s="2">
        <v>2.6659999999999999</v>
      </c>
      <c r="W23392" s="2">
        <v>1.7999999999999999E-2</v>
      </c>
      <c r="X23392" s="2">
        <v>139.1</v>
      </c>
      <c r="Y23392" s="2">
        <v>7.6</v>
      </c>
      <c r="Z23392" s="2">
        <v>16.7</v>
      </c>
      <c r="AA23392" s="5"/>
      <c r="AB23392" s="5" t="s">
        <v>43</v>
      </c>
      <c r="AC23392" s="5" t="s">
        <v>44</v>
      </c>
      <c r="AD23392" s="2"/>
      <c r="AE23392" s="1"/>
    </row>
    <row r="23393" spans="1:31" ht="14.45">
      <c r="A23393" s="11"/>
      <c r="B23393" s="20"/>
      <c r="C23393" s="2" t="s">
        <v>75058</v>
      </c>
      <c r="D23393" s="14" t="s">
        <v>75059</v>
      </c>
      <c r="E23393" s="2" t="s">
        <v>75060</v>
      </c>
      <c r="F23393" s="2" t="s">
        <v>7563</v>
      </c>
      <c r="G23393" s="8">
        <v>291</v>
      </c>
      <c r="H23393" s="5">
        <v>6</v>
      </c>
      <c r="I23393" s="5" t="s">
        <v>1518</v>
      </c>
      <c r="J23393" s="5" t="s">
        <v>69038</v>
      </c>
      <c r="K23393" s="2" t="s">
        <v>69039</v>
      </c>
      <c r="L23393" s="5" t="s">
        <v>69038</v>
      </c>
      <c r="M23393" s="2" t="s">
        <v>69039</v>
      </c>
      <c r="N23393" s="5" t="s">
        <v>1521</v>
      </c>
      <c r="O23393" s="5" t="s">
        <v>38</v>
      </c>
      <c r="P23393" s="5" t="s">
        <v>39</v>
      </c>
      <c r="Q23393" s="5" t="s">
        <v>40</v>
      </c>
      <c r="R23393" s="5" t="s">
        <v>1522</v>
      </c>
      <c r="S23393" s="5" t="s">
        <v>1523</v>
      </c>
      <c r="T23393" s="5" t="s">
        <v>42</v>
      </c>
      <c r="U23393" s="2">
        <v>3.2530000000000001</v>
      </c>
      <c r="V23393" s="2">
        <v>2.6659999999999999</v>
      </c>
      <c r="W23393" s="2">
        <v>1.7999999999999999E-2</v>
      </c>
      <c r="X23393" s="2">
        <v>139.1</v>
      </c>
      <c r="Y23393" s="2">
        <v>7.6</v>
      </c>
      <c r="Z23393" s="2">
        <v>16.7</v>
      </c>
      <c r="AA23393" s="5"/>
      <c r="AB23393" s="5" t="s">
        <v>43</v>
      </c>
      <c r="AC23393" s="5" t="s">
        <v>44</v>
      </c>
      <c r="AD23393" s="2"/>
      <c r="AE23393" s="1"/>
    </row>
    <row r="23394" spans="1:31" ht="14.45">
      <c r="A23394" s="11"/>
      <c r="B23394" s="20"/>
      <c r="C23394" s="2" t="s">
        <v>75061</v>
      </c>
      <c r="D23394" s="14" t="s">
        <v>75062</v>
      </c>
      <c r="E23394" s="2" t="s">
        <v>75063</v>
      </c>
      <c r="F23394" s="2" t="s">
        <v>7567</v>
      </c>
      <c r="G23394" s="8">
        <v>291</v>
      </c>
      <c r="H23394" s="5">
        <v>6</v>
      </c>
      <c r="I23394" s="5" t="s">
        <v>1518</v>
      </c>
      <c r="J23394" s="5" t="s">
        <v>69038</v>
      </c>
      <c r="K23394" s="2" t="s">
        <v>69039</v>
      </c>
      <c r="L23394" s="5" t="s">
        <v>69038</v>
      </c>
      <c r="M23394" s="2" t="s">
        <v>69039</v>
      </c>
      <c r="N23394" s="5" t="s">
        <v>1521</v>
      </c>
      <c r="O23394" s="5" t="s">
        <v>38</v>
      </c>
      <c r="P23394" s="5" t="s">
        <v>39</v>
      </c>
      <c r="Q23394" s="5" t="s">
        <v>40</v>
      </c>
      <c r="R23394" s="5" t="s">
        <v>1522</v>
      </c>
      <c r="S23394" s="5" t="s">
        <v>1523</v>
      </c>
      <c r="T23394" s="5" t="s">
        <v>42</v>
      </c>
      <c r="U23394" s="2">
        <v>3.3530000000000002</v>
      </c>
      <c r="V23394" s="2">
        <v>2.766</v>
      </c>
      <c r="W23394" s="2">
        <v>1.7999999999999999E-2</v>
      </c>
      <c r="X23394" s="2">
        <v>139.1</v>
      </c>
      <c r="Y23394" s="2">
        <v>7.6</v>
      </c>
      <c r="Z23394" s="2">
        <v>16.7</v>
      </c>
      <c r="AA23394" s="5"/>
      <c r="AB23394" s="5" t="s">
        <v>43</v>
      </c>
      <c r="AC23394" s="5" t="s">
        <v>44</v>
      </c>
      <c r="AD23394" s="2"/>
      <c r="AE23394" s="1"/>
    </row>
    <row r="23395" spans="1:31" ht="14.45">
      <c r="A23395" s="11"/>
      <c r="B23395" s="20"/>
      <c r="C23395" s="2" t="s">
        <v>75064</v>
      </c>
      <c r="D23395" s="14" t="s">
        <v>75065</v>
      </c>
      <c r="E23395" s="2" t="s">
        <v>75066</v>
      </c>
      <c r="F23395" s="2" t="s">
        <v>7555</v>
      </c>
      <c r="G23395" s="8">
        <v>291</v>
      </c>
      <c r="H23395" s="5">
        <v>6</v>
      </c>
      <c r="I23395" s="5" t="s">
        <v>1518</v>
      </c>
      <c r="J23395" s="5" t="s">
        <v>69038</v>
      </c>
      <c r="K23395" s="2" t="s">
        <v>69039</v>
      </c>
      <c r="L23395" s="5" t="s">
        <v>69038</v>
      </c>
      <c r="M23395" s="2" t="s">
        <v>69039</v>
      </c>
      <c r="N23395" s="5" t="s">
        <v>1521</v>
      </c>
      <c r="O23395" s="5" t="s">
        <v>38</v>
      </c>
      <c r="P23395" s="5" t="s">
        <v>39</v>
      </c>
      <c r="Q23395" s="5" t="s">
        <v>40</v>
      </c>
      <c r="R23395" s="5" t="s">
        <v>1522</v>
      </c>
      <c r="S23395" s="5" t="s">
        <v>1523</v>
      </c>
      <c r="T23395" s="5" t="s">
        <v>42</v>
      </c>
      <c r="U23395" s="2">
        <v>3.2530000000000001</v>
      </c>
      <c r="V23395" s="2">
        <v>2.6659999999999999</v>
      </c>
      <c r="W23395" s="2">
        <v>1.7999999999999999E-2</v>
      </c>
      <c r="X23395" s="2">
        <v>139.1</v>
      </c>
      <c r="Y23395" s="2">
        <v>7.6</v>
      </c>
      <c r="Z23395" s="2">
        <v>16.7</v>
      </c>
      <c r="AA23395" s="5"/>
      <c r="AB23395" s="5" t="s">
        <v>43</v>
      </c>
      <c r="AC23395" s="5" t="s">
        <v>44</v>
      </c>
      <c r="AD23395" s="2"/>
      <c r="AE23395" s="1"/>
    </row>
    <row r="23396" spans="1:31" ht="14.45">
      <c r="A23396" s="11"/>
      <c r="B23396" s="20"/>
      <c r="C23396" s="2" t="s">
        <v>75067</v>
      </c>
      <c r="D23396" s="14" t="s">
        <v>75068</v>
      </c>
      <c r="E23396" s="2" t="s">
        <v>75069</v>
      </c>
      <c r="F23396" s="2" t="s">
        <v>7559</v>
      </c>
      <c r="G23396" s="8">
        <v>291</v>
      </c>
      <c r="H23396" s="5">
        <v>6</v>
      </c>
      <c r="I23396" s="5" t="s">
        <v>1518</v>
      </c>
      <c r="J23396" s="5" t="s">
        <v>69038</v>
      </c>
      <c r="K23396" s="2" t="s">
        <v>69039</v>
      </c>
      <c r="L23396" s="5" t="s">
        <v>69038</v>
      </c>
      <c r="M23396" s="2" t="s">
        <v>69039</v>
      </c>
      <c r="N23396" s="5" t="s">
        <v>1521</v>
      </c>
      <c r="O23396" s="5" t="s">
        <v>38</v>
      </c>
      <c r="P23396" s="5" t="s">
        <v>39</v>
      </c>
      <c r="Q23396" s="5" t="s">
        <v>40</v>
      </c>
      <c r="R23396" s="5" t="s">
        <v>1522</v>
      </c>
      <c r="S23396" s="5" t="s">
        <v>1523</v>
      </c>
      <c r="T23396" s="5" t="s">
        <v>42</v>
      </c>
      <c r="U23396" s="2">
        <v>3.3530000000000002</v>
      </c>
      <c r="V23396" s="2">
        <v>2.766</v>
      </c>
      <c r="W23396" s="2">
        <v>1.7999999999999999E-2</v>
      </c>
      <c r="X23396" s="2">
        <v>139.1</v>
      </c>
      <c r="Y23396" s="2">
        <v>7.6</v>
      </c>
      <c r="Z23396" s="2">
        <v>16.7</v>
      </c>
      <c r="AA23396" s="5"/>
      <c r="AB23396" s="5" t="s">
        <v>43</v>
      </c>
      <c r="AC23396" s="5" t="s">
        <v>44</v>
      </c>
      <c r="AD23396" s="2"/>
      <c r="AE23396" s="1"/>
    </row>
    <row r="23397" spans="1:31" ht="14.45">
      <c r="A23397" s="11"/>
      <c r="B23397" s="20"/>
      <c r="C23397" s="2" t="s">
        <v>75070</v>
      </c>
      <c r="D23397" s="14" t="s">
        <v>75071</v>
      </c>
      <c r="E23397" s="2" t="s">
        <v>75072</v>
      </c>
      <c r="F23397" s="2" t="s">
        <v>16079</v>
      </c>
      <c r="G23397" s="8">
        <v>291</v>
      </c>
      <c r="H23397" s="5">
        <v>6</v>
      </c>
      <c r="I23397" s="5" t="s">
        <v>1518</v>
      </c>
      <c r="J23397" s="5" t="s">
        <v>69038</v>
      </c>
      <c r="K23397" s="2" t="s">
        <v>69039</v>
      </c>
      <c r="L23397" s="5" t="s">
        <v>69038</v>
      </c>
      <c r="M23397" s="2" t="s">
        <v>69039</v>
      </c>
      <c r="N23397" s="5" t="s">
        <v>1521</v>
      </c>
      <c r="O23397" s="5" t="s">
        <v>38</v>
      </c>
      <c r="P23397" s="5" t="s">
        <v>39</v>
      </c>
      <c r="Q23397" s="5" t="s">
        <v>40</v>
      </c>
      <c r="R23397" s="5" t="s">
        <v>1522</v>
      </c>
      <c r="S23397" s="5" t="s">
        <v>1523</v>
      </c>
      <c r="T23397" s="5" t="s">
        <v>42</v>
      </c>
      <c r="U23397" s="2">
        <v>3.2530000000000001</v>
      </c>
      <c r="V23397" s="2">
        <v>2.6659999999999999</v>
      </c>
      <c r="W23397" s="2">
        <v>1.7999999999999999E-2</v>
      </c>
      <c r="X23397" s="2">
        <v>139.1</v>
      </c>
      <c r="Y23397" s="2">
        <v>7.6</v>
      </c>
      <c r="Z23397" s="2">
        <v>16.7</v>
      </c>
      <c r="AA23397" s="5"/>
      <c r="AB23397" s="5" t="s">
        <v>43</v>
      </c>
      <c r="AC23397" s="5" t="s">
        <v>44</v>
      </c>
      <c r="AD23397" s="2"/>
      <c r="AE23397" s="1"/>
    </row>
    <row r="23398" spans="1:31" ht="14.45">
      <c r="A23398" s="11"/>
      <c r="B23398" s="20"/>
      <c r="C23398" s="2" t="s">
        <v>75073</v>
      </c>
      <c r="D23398" s="14" t="s">
        <v>75074</v>
      </c>
      <c r="E23398" s="2" t="s">
        <v>75075</v>
      </c>
      <c r="F23398" s="2" t="s">
        <v>16194</v>
      </c>
      <c r="G23398" s="8">
        <v>291</v>
      </c>
      <c r="H23398" s="5">
        <v>6</v>
      </c>
      <c r="I23398" s="5" t="s">
        <v>1518</v>
      </c>
      <c r="J23398" s="5" t="s">
        <v>69038</v>
      </c>
      <c r="K23398" s="2" t="s">
        <v>69039</v>
      </c>
      <c r="L23398" s="5" t="s">
        <v>69038</v>
      </c>
      <c r="M23398" s="2" t="s">
        <v>69039</v>
      </c>
      <c r="N23398" s="5" t="s">
        <v>1521</v>
      </c>
      <c r="O23398" s="5" t="s">
        <v>38</v>
      </c>
      <c r="P23398" s="5" t="s">
        <v>39</v>
      </c>
      <c r="Q23398" s="5" t="s">
        <v>40</v>
      </c>
      <c r="R23398" s="5" t="s">
        <v>1522</v>
      </c>
      <c r="S23398" s="5" t="s">
        <v>1523</v>
      </c>
      <c r="T23398" s="5" t="s">
        <v>42</v>
      </c>
      <c r="U23398" s="2">
        <v>3.3530000000000002</v>
      </c>
      <c r="V23398" s="2">
        <v>2.766</v>
      </c>
      <c r="W23398" s="2">
        <v>1.7999999999999999E-2</v>
      </c>
      <c r="X23398" s="2">
        <v>139.1</v>
      </c>
      <c r="Y23398" s="2">
        <v>7.6</v>
      </c>
      <c r="Z23398" s="2">
        <v>16.7</v>
      </c>
      <c r="AA23398" s="5"/>
      <c r="AB23398" s="5" t="s">
        <v>43</v>
      </c>
      <c r="AC23398" s="5" t="s">
        <v>44</v>
      </c>
      <c r="AD23398" s="2"/>
      <c r="AE23398" s="1"/>
    </row>
    <row r="23399" spans="1:31" ht="14.45">
      <c r="A23399" s="11"/>
      <c r="B23399" s="20"/>
      <c r="C23399" s="2" t="s">
        <v>75076</v>
      </c>
      <c r="D23399" s="14" t="s">
        <v>75077</v>
      </c>
      <c r="E23399" s="2" t="s">
        <v>75078</v>
      </c>
      <c r="F23399" s="2" t="s">
        <v>7449</v>
      </c>
      <c r="G23399" s="8">
        <v>291</v>
      </c>
      <c r="H23399" s="5">
        <v>6</v>
      </c>
      <c r="I23399" s="5" t="s">
        <v>1518</v>
      </c>
      <c r="J23399" s="5" t="s">
        <v>69038</v>
      </c>
      <c r="K23399" s="2" t="s">
        <v>69039</v>
      </c>
      <c r="L23399" s="5" t="s">
        <v>69038</v>
      </c>
      <c r="M23399" s="2" t="s">
        <v>69039</v>
      </c>
      <c r="N23399" s="5" t="s">
        <v>1521</v>
      </c>
      <c r="O23399" s="5" t="s">
        <v>38</v>
      </c>
      <c r="P23399" s="5" t="s">
        <v>39</v>
      </c>
      <c r="Q23399" s="5" t="s">
        <v>40</v>
      </c>
      <c r="R23399" s="5" t="s">
        <v>1522</v>
      </c>
      <c r="S23399" s="5" t="s">
        <v>1523</v>
      </c>
      <c r="T23399" s="5" t="s">
        <v>42</v>
      </c>
      <c r="U23399" s="2">
        <v>3.2530000000000001</v>
      </c>
      <c r="V23399" s="2">
        <v>2.6659999999999999</v>
      </c>
      <c r="W23399" s="2">
        <v>1.7999999999999999E-2</v>
      </c>
      <c r="X23399" s="2">
        <v>139.1</v>
      </c>
      <c r="Y23399" s="2">
        <v>7.6</v>
      </c>
      <c r="Z23399" s="2">
        <v>16.7</v>
      </c>
      <c r="AA23399" s="5"/>
      <c r="AB23399" s="5" t="s">
        <v>43</v>
      </c>
      <c r="AC23399" s="5" t="s">
        <v>44</v>
      </c>
      <c r="AD23399" s="2"/>
      <c r="AE23399" s="1"/>
    </row>
    <row r="23400" spans="1:31" ht="14.45">
      <c r="A23400" s="11"/>
      <c r="B23400" s="20"/>
      <c r="C23400" s="2" t="s">
        <v>75079</v>
      </c>
      <c r="D23400" s="14" t="s">
        <v>75080</v>
      </c>
      <c r="E23400" s="2" t="s">
        <v>75081</v>
      </c>
      <c r="F23400" s="2" t="s">
        <v>7581</v>
      </c>
      <c r="G23400" s="8">
        <v>291</v>
      </c>
      <c r="H23400" s="5">
        <v>6</v>
      </c>
      <c r="I23400" s="5" t="s">
        <v>1518</v>
      </c>
      <c r="J23400" s="5" t="s">
        <v>69038</v>
      </c>
      <c r="K23400" s="2" t="s">
        <v>69039</v>
      </c>
      <c r="L23400" s="5" t="s">
        <v>69038</v>
      </c>
      <c r="M23400" s="2" t="s">
        <v>69039</v>
      </c>
      <c r="N23400" s="5" t="s">
        <v>1521</v>
      </c>
      <c r="O23400" s="5" t="s">
        <v>38</v>
      </c>
      <c r="P23400" s="5" t="s">
        <v>39</v>
      </c>
      <c r="Q23400" s="5" t="s">
        <v>40</v>
      </c>
      <c r="R23400" s="5" t="s">
        <v>1522</v>
      </c>
      <c r="S23400" s="5" t="s">
        <v>1523</v>
      </c>
      <c r="T23400" s="5" t="s">
        <v>42</v>
      </c>
      <c r="U23400" s="2">
        <v>3.3530000000000002</v>
      </c>
      <c r="V23400" s="2">
        <v>2.766</v>
      </c>
      <c r="W23400" s="2">
        <v>1.7999999999999999E-2</v>
      </c>
      <c r="X23400" s="2">
        <v>139.1</v>
      </c>
      <c r="Y23400" s="2">
        <v>7.6</v>
      </c>
      <c r="Z23400" s="2">
        <v>16.7</v>
      </c>
      <c r="AA23400" s="5"/>
      <c r="AB23400" s="5" t="s">
        <v>43</v>
      </c>
      <c r="AC23400" s="5" t="s">
        <v>44</v>
      </c>
      <c r="AD23400" s="2"/>
      <c r="AE23400" s="1"/>
    </row>
    <row r="23401" spans="1:31" ht="14.45">
      <c r="A23401" s="11"/>
      <c r="B23401" s="20"/>
      <c r="C23401" s="2" t="s">
        <v>75082</v>
      </c>
      <c r="D23401" s="14" t="s">
        <v>75083</v>
      </c>
      <c r="E23401" s="2" t="s">
        <v>75084</v>
      </c>
      <c r="F23401" s="2" t="s">
        <v>7585</v>
      </c>
      <c r="G23401" s="8">
        <v>291</v>
      </c>
      <c r="H23401" s="5">
        <v>6</v>
      </c>
      <c r="I23401" s="5" t="s">
        <v>1518</v>
      </c>
      <c r="J23401" s="5" t="s">
        <v>69038</v>
      </c>
      <c r="K23401" s="2" t="s">
        <v>69039</v>
      </c>
      <c r="L23401" s="5" t="s">
        <v>69038</v>
      </c>
      <c r="M23401" s="2" t="s">
        <v>69039</v>
      </c>
      <c r="N23401" s="5" t="s">
        <v>1521</v>
      </c>
      <c r="O23401" s="5" t="s">
        <v>38</v>
      </c>
      <c r="P23401" s="5" t="s">
        <v>39</v>
      </c>
      <c r="Q23401" s="5" t="s">
        <v>40</v>
      </c>
      <c r="R23401" s="5" t="s">
        <v>1522</v>
      </c>
      <c r="S23401" s="5" t="s">
        <v>1523</v>
      </c>
      <c r="T23401" s="5" t="s">
        <v>42</v>
      </c>
      <c r="U23401" s="2">
        <v>3.2530000000000001</v>
      </c>
      <c r="V23401" s="2">
        <v>2.6659999999999999</v>
      </c>
      <c r="W23401" s="2">
        <v>1.7999999999999999E-2</v>
      </c>
      <c r="X23401" s="2">
        <v>139.1</v>
      </c>
      <c r="Y23401" s="2">
        <v>7.6</v>
      </c>
      <c r="Z23401" s="2">
        <v>16.7</v>
      </c>
      <c r="AA23401" s="5"/>
      <c r="AB23401" s="5" t="s">
        <v>43</v>
      </c>
      <c r="AC23401" s="5" t="s">
        <v>44</v>
      </c>
      <c r="AD23401" s="2"/>
      <c r="AE23401" s="1"/>
    </row>
    <row r="23402" spans="1:31" ht="14.45">
      <c r="A23402" s="11"/>
      <c r="B23402" s="20"/>
      <c r="C23402" s="2" t="s">
        <v>75085</v>
      </c>
      <c r="D23402" s="14" t="s">
        <v>75086</v>
      </c>
      <c r="E23402" s="2" t="s">
        <v>75087</v>
      </c>
      <c r="F23402" s="2" t="s">
        <v>7589</v>
      </c>
      <c r="G23402" s="8">
        <v>291</v>
      </c>
      <c r="H23402" s="5">
        <v>6</v>
      </c>
      <c r="I23402" s="5" t="s">
        <v>1518</v>
      </c>
      <c r="J23402" s="5" t="s">
        <v>69038</v>
      </c>
      <c r="K23402" s="2" t="s">
        <v>69039</v>
      </c>
      <c r="L23402" s="5" t="s">
        <v>69038</v>
      </c>
      <c r="M23402" s="2" t="s">
        <v>69039</v>
      </c>
      <c r="N23402" s="5" t="s">
        <v>1521</v>
      </c>
      <c r="O23402" s="5" t="s">
        <v>38</v>
      </c>
      <c r="P23402" s="5" t="s">
        <v>39</v>
      </c>
      <c r="Q23402" s="5" t="s">
        <v>40</v>
      </c>
      <c r="R23402" s="5" t="s">
        <v>1522</v>
      </c>
      <c r="S23402" s="5" t="s">
        <v>1523</v>
      </c>
      <c r="T23402" s="5" t="s">
        <v>42</v>
      </c>
      <c r="U23402" s="2">
        <v>3.3530000000000002</v>
      </c>
      <c r="V23402" s="2">
        <v>2.766</v>
      </c>
      <c r="W23402" s="2">
        <v>1.7999999999999999E-2</v>
      </c>
      <c r="X23402" s="2">
        <v>139.1</v>
      </c>
      <c r="Y23402" s="2">
        <v>7.6</v>
      </c>
      <c r="Z23402" s="2">
        <v>16.7</v>
      </c>
      <c r="AA23402" s="5"/>
      <c r="AB23402" s="5" t="s">
        <v>43</v>
      </c>
      <c r="AC23402" s="5" t="s">
        <v>44</v>
      </c>
      <c r="AD23402" s="2"/>
      <c r="AE23402" s="1"/>
    </row>
    <row r="23403" spans="1:31" ht="14.45">
      <c r="A23403" s="11"/>
      <c r="B23403" s="20"/>
      <c r="C23403" s="2" t="s">
        <v>75088</v>
      </c>
      <c r="D23403" s="14" t="s">
        <v>75089</v>
      </c>
      <c r="E23403" s="2" t="s">
        <v>75090</v>
      </c>
      <c r="F23403" s="2" t="s">
        <v>7593</v>
      </c>
      <c r="G23403" s="8">
        <v>291</v>
      </c>
      <c r="H23403" s="5">
        <v>6</v>
      </c>
      <c r="I23403" s="5" t="s">
        <v>1518</v>
      </c>
      <c r="J23403" s="5" t="s">
        <v>69038</v>
      </c>
      <c r="K23403" s="2" t="s">
        <v>69039</v>
      </c>
      <c r="L23403" s="5" t="s">
        <v>69038</v>
      </c>
      <c r="M23403" s="2" t="s">
        <v>69039</v>
      </c>
      <c r="N23403" s="5" t="s">
        <v>1521</v>
      </c>
      <c r="O23403" s="5" t="s">
        <v>38</v>
      </c>
      <c r="P23403" s="5" t="s">
        <v>39</v>
      </c>
      <c r="Q23403" s="5" t="s">
        <v>40</v>
      </c>
      <c r="R23403" s="5" t="s">
        <v>1522</v>
      </c>
      <c r="S23403" s="5" t="s">
        <v>1523</v>
      </c>
      <c r="T23403" s="5" t="s">
        <v>42</v>
      </c>
      <c r="U23403" s="2">
        <v>3.2530000000000001</v>
      </c>
      <c r="V23403" s="2">
        <v>2.6659999999999999</v>
      </c>
      <c r="W23403" s="2">
        <v>1.7999999999999999E-2</v>
      </c>
      <c r="X23403" s="2">
        <v>139.1</v>
      </c>
      <c r="Y23403" s="2">
        <v>7.6</v>
      </c>
      <c r="Z23403" s="2">
        <v>16.7</v>
      </c>
      <c r="AA23403" s="5"/>
      <c r="AB23403" s="5" t="s">
        <v>43</v>
      </c>
      <c r="AC23403" s="5" t="s">
        <v>44</v>
      </c>
      <c r="AD23403" s="2"/>
      <c r="AE23403" s="1"/>
    </row>
    <row r="23404" spans="1:31" ht="14.45">
      <c r="A23404" s="11"/>
      <c r="B23404" s="20"/>
      <c r="C23404" s="2" t="s">
        <v>75091</v>
      </c>
      <c r="D23404" s="14" t="s">
        <v>75092</v>
      </c>
      <c r="E23404" s="2" t="s">
        <v>75093</v>
      </c>
      <c r="F23404" s="2" t="s">
        <v>7597</v>
      </c>
      <c r="G23404" s="8">
        <v>291</v>
      </c>
      <c r="H23404" s="5">
        <v>6</v>
      </c>
      <c r="I23404" s="5" t="s">
        <v>1518</v>
      </c>
      <c r="J23404" s="5" t="s">
        <v>69038</v>
      </c>
      <c r="K23404" s="2" t="s">
        <v>69039</v>
      </c>
      <c r="L23404" s="5" t="s">
        <v>69038</v>
      </c>
      <c r="M23404" s="2" t="s">
        <v>69039</v>
      </c>
      <c r="N23404" s="5" t="s">
        <v>1521</v>
      </c>
      <c r="O23404" s="5" t="s">
        <v>38</v>
      </c>
      <c r="P23404" s="5" t="s">
        <v>39</v>
      </c>
      <c r="Q23404" s="5" t="s">
        <v>40</v>
      </c>
      <c r="R23404" s="5" t="s">
        <v>1522</v>
      </c>
      <c r="S23404" s="5" t="s">
        <v>1523</v>
      </c>
      <c r="T23404" s="5" t="s">
        <v>42</v>
      </c>
      <c r="U23404" s="2">
        <v>3.3530000000000002</v>
      </c>
      <c r="V23404" s="2">
        <v>2.766</v>
      </c>
      <c r="W23404" s="2">
        <v>1.7999999999999999E-2</v>
      </c>
      <c r="X23404" s="2">
        <v>139.1</v>
      </c>
      <c r="Y23404" s="2">
        <v>7.6</v>
      </c>
      <c r="Z23404" s="2">
        <v>16.7</v>
      </c>
      <c r="AA23404" s="5"/>
      <c r="AB23404" s="5" t="s">
        <v>43</v>
      </c>
      <c r="AC23404" s="5" t="s">
        <v>44</v>
      </c>
      <c r="AD23404" s="2"/>
      <c r="AE23404" s="1"/>
    </row>
    <row r="23405" spans="1:31" ht="14.45">
      <c r="A23405" s="11"/>
      <c r="B23405" s="20"/>
      <c r="C23405" s="2" t="s">
        <v>75094</v>
      </c>
      <c r="D23405" s="14" t="s">
        <v>75095</v>
      </c>
      <c r="E23405" s="2" t="s">
        <v>75096</v>
      </c>
      <c r="F23405" s="2" t="s">
        <v>73358</v>
      </c>
      <c r="G23405" s="8">
        <v>291</v>
      </c>
      <c r="H23405" s="5">
        <v>6</v>
      </c>
      <c r="I23405" s="5" t="s">
        <v>1518</v>
      </c>
      <c r="J23405" s="5" t="s">
        <v>69038</v>
      </c>
      <c r="K23405" s="2" t="s">
        <v>69039</v>
      </c>
      <c r="L23405" s="5" t="s">
        <v>69038</v>
      </c>
      <c r="M23405" s="2" t="s">
        <v>69039</v>
      </c>
      <c r="N23405" s="5" t="s">
        <v>1521</v>
      </c>
      <c r="O23405" s="5" t="s">
        <v>38</v>
      </c>
      <c r="P23405" s="5" t="s">
        <v>39</v>
      </c>
      <c r="Q23405" s="5" t="s">
        <v>40</v>
      </c>
      <c r="R23405" s="5" t="s">
        <v>1522</v>
      </c>
      <c r="S23405" s="5" t="s">
        <v>1523</v>
      </c>
      <c r="T23405" s="5" t="s">
        <v>42</v>
      </c>
      <c r="U23405" s="2">
        <v>3.2530000000000001</v>
      </c>
      <c r="V23405" s="2">
        <v>2.6659999999999999</v>
      </c>
      <c r="W23405" s="2">
        <v>1.7999999999999999E-2</v>
      </c>
      <c r="X23405" s="2">
        <v>139.1</v>
      </c>
      <c r="Y23405" s="2">
        <v>7.6</v>
      </c>
      <c r="Z23405" s="2">
        <v>16.7</v>
      </c>
      <c r="AA23405" s="5"/>
      <c r="AB23405" s="5" t="s">
        <v>43</v>
      </c>
      <c r="AC23405" s="5" t="s">
        <v>44</v>
      </c>
      <c r="AD23405" s="2"/>
      <c r="AE23405" s="1"/>
    </row>
    <row r="23406" spans="1:31" ht="14.45">
      <c r="A23406" s="11"/>
      <c r="B23406" s="20"/>
      <c r="C23406" s="2" t="s">
        <v>75097</v>
      </c>
      <c r="D23406" s="14" t="s">
        <v>75098</v>
      </c>
      <c r="E23406" s="2" t="s">
        <v>75099</v>
      </c>
      <c r="F23406" s="2" t="s">
        <v>73362</v>
      </c>
      <c r="G23406" s="8">
        <v>291</v>
      </c>
      <c r="H23406" s="5">
        <v>6</v>
      </c>
      <c r="I23406" s="5" t="s">
        <v>1518</v>
      </c>
      <c r="J23406" s="5" t="s">
        <v>69038</v>
      </c>
      <c r="K23406" s="2" t="s">
        <v>69039</v>
      </c>
      <c r="L23406" s="5" t="s">
        <v>69038</v>
      </c>
      <c r="M23406" s="2" t="s">
        <v>69039</v>
      </c>
      <c r="N23406" s="5" t="s">
        <v>1521</v>
      </c>
      <c r="O23406" s="5" t="s">
        <v>38</v>
      </c>
      <c r="P23406" s="5" t="s">
        <v>39</v>
      </c>
      <c r="Q23406" s="5" t="s">
        <v>40</v>
      </c>
      <c r="R23406" s="5" t="s">
        <v>1522</v>
      </c>
      <c r="S23406" s="5" t="s">
        <v>1523</v>
      </c>
      <c r="T23406" s="5" t="s">
        <v>42</v>
      </c>
      <c r="U23406" s="2">
        <v>3.3530000000000002</v>
      </c>
      <c r="V23406" s="2">
        <v>2.766</v>
      </c>
      <c r="W23406" s="2">
        <v>1.7999999999999999E-2</v>
      </c>
      <c r="X23406" s="2">
        <v>139.1</v>
      </c>
      <c r="Y23406" s="2">
        <v>7.6</v>
      </c>
      <c r="Z23406" s="2">
        <v>16.7</v>
      </c>
      <c r="AA23406" s="5"/>
      <c r="AB23406" s="5" t="s">
        <v>43</v>
      </c>
      <c r="AC23406" s="5" t="s">
        <v>44</v>
      </c>
      <c r="AD23406" s="2"/>
      <c r="AE23406" s="1"/>
    </row>
    <row r="23407" spans="1:31" ht="14.45">
      <c r="A23407" s="11"/>
      <c r="B23407" s="20"/>
      <c r="C23407" s="2" t="s">
        <v>75100</v>
      </c>
      <c r="D23407" s="14" t="s">
        <v>75101</v>
      </c>
      <c r="E23407" s="2" t="s">
        <v>75102</v>
      </c>
      <c r="F23407" s="2" t="s">
        <v>7615</v>
      </c>
      <c r="G23407" s="8">
        <v>291</v>
      </c>
      <c r="H23407" s="5">
        <v>6</v>
      </c>
      <c r="I23407" s="5" t="s">
        <v>1518</v>
      </c>
      <c r="J23407" s="5" t="s">
        <v>69038</v>
      </c>
      <c r="K23407" s="2" t="s">
        <v>69039</v>
      </c>
      <c r="L23407" s="5" t="s">
        <v>69038</v>
      </c>
      <c r="M23407" s="2" t="s">
        <v>69039</v>
      </c>
      <c r="N23407" s="5" t="s">
        <v>1521</v>
      </c>
      <c r="O23407" s="5" t="s">
        <v>38</v>
      </c>
      <c r="P23407" s="5" t="s">
        <v>39</v>
      </c>
      <c r="Q23407" s="5" t="s">
        <v>40</v>
      </c>
      <c r="R23407" s="5" t="s">
        <v>1522</v>
      </c>
      <c r="S23407" s="5" t="s">
        <v>1523</v>
      </c>
      <c r="T23407" s="5" t="s">
        <v>42</v>
      </c>
      <c r="U23407" s="2">
        <v>3.2530000000000001</v>
      </c>
      <c r="V23407" s="2">
        <v>2.6659999999999999</v>
      </c>
      <c r="W23407" s="2">
        <v>1.7999999999999999E-2</v>
      </c>
      <c r="X23407" s="2">
        <v>139.1</v>
      </c>
      <c r="Y23407" s="2">
        <v>7.6</v>
      </c>
      <c r="Z23407" s="2">
        <v>16.7</v>
      </c>
      <c r="AA23407" s="5"/>
      <c r="AB23407" s="5" t="s">
        <v>43</v>
      </c>
      <c r="AC23407" s="5" t="s">
        <v>44</v>
      </c>
      <c r="AD23407" s="2"/>
      <c r="AE23407" s="1"/>
    </row>
    <row r="23408" spans="1:31" ht="14.45">
      <c r="A23408" s="11"/>
      <c r="B23408" s="20"/>
      <c r="C23408" s="2" t="s">
        <v>75103</v>
      </c>
      <c r="D23408" s="14" t="s">
        <v>75104</v>
      </c>
      <c r="E23408" s="2" t="s">
        <v>75105</v>
      </c>
      <c r="F23408" s="2" t="s">
        <v>7619</v>
      </c>
      <c r="G23408" s="8">
        <v>291</v>
      </c>
      <c r="H23408" s="5">
        <v>6</v>
      </c>
      <c r="I23408" s="5" t="s">
        <v>1518</v>
      </c>
      <c r="J23408" s="5" t="s">
        <v>69038</v>
      </c>
      <c r="K23408" s="2" t="s">
        <v>69039</v>
      </c>
      <c r="L23408" s="5" t="s">
        <v>69038</v>
      </c>
      <c r="M23408" s="2" t="s">
        <v>69039</v>
      </c>
      <c r="N23408" s="5" t="s">
        <v>1521</v>
      </c>
      <c r="O23408" s="5" t="s">
        <v>38</v>
      </c>
      <c r="P23408" s="5" t="s">
        <v>39</v>
      </c>
      <c r="Q23408" s="5" t="s">
        <v>40</v>
      </c>
      <c r="R23408" s="5" t="s">
        <v>1522</v>
      </c>
      <c r="S23408" s="5" t="s">
        <v>1523</v>
      </c>
      <c r="T23408" s="5" t="s">
        <v>42</v>
      </c>
      <c r="U23408" s="2">
        <v>3.3530000000000002</v>
      </c>
      <c r="V23408" s="2">
        <v>2.766</v>
      </c>
      <c r="W23408" s="2">
        <v>1.7999999999999999E-2</v>
      </c>
      <c r="X23408" s="2">
        <v>139.1</v>
      </c>
      <c r="Y23408" s="2">
        <v>7.6</v>
      </c>
      <c r="Z23408" s="2">
        <v>16.7</v>
      </c>
      <c r="AA23408" s="5"/>
      <c r="AB23408" s="5" t="s">
        <v>43</v>
      </c>
      <c r="AC23408" s="5" t="s">
        <v>44</v>
      </c>
      <c r="AD23408" s="2"/>
      <c r="AE23408" s="1"/>
    </row>
    <row r="23409" spans="1:31" ht="14.45">
      <c r="A23409" s="11"/>
      <c r="B23409" s="20"/>
      <c r="C23409" s="2" t="s">
        <v>75106</v>
      </c>
      <c r="D23409" s="14" t="s">
        <v>75107</v>
      </c>
      <c r="E23409" s="2" t="s">
        <v>75108</v>
      </c>
      <c r="F23409" s="2" t="s">
        <v>16014</v>
      </c>
      <c r="G23409" s="8">
        <v>291</v>
      </c>
      <c r="H23409" s="5">
        <v>6</v>
      </c>
      <c r="I23409" s="5" t="s">
        <v>1518</v>
      </c>
      <c r="J23409" s="5" t="s">
        <v>69038</v>
      </c>
      <c r="K23409" s="2" t="s">
        <v>69039</v>
      </c>
      <c r="L23409" s="5" t="s">
        <v>69038</v>
      </c>
      <c r="M23409" s="2" t="s">
        <v>69039</v>
      </c>
      <c r="N23409" s="5" t="s">
        <v>1521</v>
      </c>
      <c r="O23409" s="5" t="s">
        <v>38</v>
      </c>
      <c r="P23409" s="5" t="s">
        <v>39</v>
      </c>
      <c r="Q23409" s="5" t="s">
        <v>40</v>
      </c>
      <c r="R23409" s="5" t="s">
        <v>1522</v>
      </c>
      <c r="S23409" s="5" t="s">
        <v>1523</v>
      </c>
      <c r="T23409" s="5" t="s">
        <v>42</v>
      </c>
      <c r="U23409" s="2">
        <v>3.2530000000000001</v>
      </c>
      <c r="V23409" s="2">
        <v>2.6659999999999999</v>
      </c>
      <c r="W23409" s="2">
        <v>1.7999999999999999E-2</v>
      </c>
      <c r="X23409" s="2">
        <v>139.1</v>
      </c>
      <c r="Y23409" s="2">
        <v>7.6</v>
      </c>
      <c r="Z23409" s="2">
        <v>16.7</v>
      </c>
      <c r="AA23409" s="5"/>
      <c r="AB23409" s="5" t="s">
        <v>43</v>
      </c>
      <c r="AC23409" s="5" t="s">
        <v>44</v>
      </c>
      <c r="AD23409" s="2"/>
      <c r="AE23409" s="1"/>
    </row>
    <row r="23410" spans="1:31" ht="14.45">
      <c r="A23410" s="11"/>
      <c r="B23410" s="20"/>
      <c r="C23410" s="2" t="s">
        <v>75109</v>
      </c>
      <c r="D23410" s="14" t="s">
        <v>75110</v>
      </c>
      <c r="E23410" s="2" t="s">
        <v>75111</v>
      </c>
      <c r="F23410" s="2" t="s">
        <v>16219</v>
      </c>
      <c r="G23410" s="8">
        <v>291</v>
      </c>
      <c r="H23410" s="5">
        <v>6</v>
      </c>
      <c r="I23410" s="5" t="s">
        <v>1518</v>
      </c>
      <c r="J23410" s="5" t="s">
        <v>69038</v>
      </c>
      <c r="K23410" s="2" t="s">
        <v>69039</v>
      </c>
      <c r="L23410" s="5" t="s">
        <v>69038</v>
      </c>
      <c r="M23410" s="2" t="s">
        <v>69039</v>
      </c>
      <c r="N23410" s="5" t="s">
        <v>1521</v>
      </c>
      <c r="O23410" s="5" t="s">
        <v>38</v>
      </c>
      <c r="P23410" s="5" t="s">
        <v>39</v>
      </c>
      <c r="Q23410" s="5" t="s">
        <v>40</v>
      </c>
      <c r="R23410" s="5" t="s">
        <v>1522</v>
      </c>
      <c r="S23410" s="5" t="s">
        <v>1523</v>
      </c>
      <c r="T23410" s="5" t="s">
        <v>42</v>
      </c>
      <c r="U23410" s="2">
        <v>3.3530000000000002</v>
      </c>
      <c r="V23410" s="2">
        <v>2.766</v>
      </c>
      <c r="W23410" s="2">
        <v>1.7999999999999999E-2</v>
      </c>
      <c r="X23410" s="2">
        <v>139.1</v>
      </c>
      <c r="Y23410" s="2">
        <v>7.6</v>
      </c>
      <c r="Z23410" s="2">
        <v>16.7</v>
      </c>
      <c r="AA23410" s="5"/>
      <c r="AB23410" s="5" t="s">
        <v>43</v>
      </c>
      <c r="AC23410" s="5" t="s">
        <v>44</v>
      </c>
      <c r="AD23410" s="2"/>
      <c r="AE23410" s="1"/>
    </row>
    <row r="23411" spans="1:31" ht="14.45">
      <c r="A23411" s="11"/>
      <c r="B23411" s="20"/>
      <c r="C23411" s="2" t="s">
        <v>75112</v>
      </c>
      <c r="D23411" s="14" t="s">
        <v>75113</v>
      </c>
      <c r="E23411" s="2" t="s">
        <v>75114</v>
      </c>
      <c r="F23411" s="2" t="s">
        <v>7212</v>
      </c>
      <c r="G23411" s="8">
        <v>270</v>
      </c>
      <c r="H23411" s="5">
        <v>6</v>
      </c>
      <c r="I23411" s="5" t="s">
        <v>1518</v>
      </c>
      <c r="J23411" s="5" t="s">
        <v>69038</v>
      </c>
      <c r="K23411" s="2" t="s">
        <v>69039</v>
      </c>
      <c r="L23411" s="5" t="s">
        <v>69038</v>
      </c>
      <c r="M23411" s="2" t="s">
        <v>69039</v>
      </c>
      <c r="N23411" s="5" t="s">
        <v>1521</v>
      </c>
      <c r="O23411" s="5" t="s">
        <v>38</v>
      </c>
      <c r="P23411" s="5" t="s">
        <v>39</v>
      </c>
      <c r="Q23411" s="5" t="s">
        <v>40</v>
      </c>
      <c r="R23411" s="5" t="s">
        <v>1522</v>
      </c>
      <c r="S23411" s="5" t="s">
        <v>1523</v>
      </c>
      <c r="T23411" s="5" t="s">
        <v>42</v>
      </c>
      <c r="U23411" s="2">
        <v>3.2530000000000001</v>
      </c>
      <c r="V23411" s="2">
        <v>2.6659999999999999</v>
      </c>
      <c r="W23411" s="2">
        <v>1.7999999999999999E-2</v>
      </c>
      <c r="X23411" s="2">
        <v>139.1</v>
      </c>
      <c r="Y23411" s="2">
        <v>7.6</v>
      </c>
      <c r="Z23411" s="2">
        <v>16.7</v>
      </c>
      <c r="AA23411" s="5"/>
      <c r="AB23411" s="5" t="s">
        <v>43</v>
      </c>
      <c r="AC23411" s="5" t="s">
        <v>44</v>
      </c>
      <c r="AD23411" s="2"/>
      <c r="AE23411" s="1"/>
    </row>
    <row r="23412" spans="1:31" ht="14.45">
      <c r="A23412" s="11"/>
      <c r="B23412" s="20"/>
      <c r="C23412" s="2" t="s">
        <v>75115</v>
      </c>
      <c r="D23412" s="14" t="s">
        <v>75116</v>
      </c>
      <c r="E23412" s="2" t="s">
        <v>75117</v>
      </c>
      <c r="F23412" s="2" t="s">
        <v>7528</v>
      </c>
      <c r="G23412" s="8">
        <v>270</v>
      </c>
      <c r="H23412" s="5">
        <v>6</v>
      </c>
      <c r="I23412" s="5" t="s">
        <v>1518</v>
      </c>
      <c r="J23412" s="5" t="s">
        <v>69038</v>
      </c>
      <c r="K23412" s="2" t="s">
        <v>69039</v>
      </c>
      <c r="L23412" s="5" t="s">
        <v>69038</v>
      </c>
      <c r="M23412" s="2" t="s">
        <v>69039</v>
      </c>
      <c r="N23412" s="5" t="s">
        <v>1521</v>
      </c>
      <c r="O23412" s="5" t="s">
        <v>38</v>
      </c>
      <c r="P23412" s="5" t="s">
        <v>39</v>
      </c>
      <c r="Q23412" s="5" t="s">
        <v>40</v>
      </c>
      <c r="R23412" s="5" t="s">
        <v>1522</v>
      </c>
      <c r="S23412" s="5" t="s">
        <v>1523</v>
      </c>
      <c r="T23412" s="5" t="s">
        <v>42</v>
      </c>
      <c r="U23412" s="2">
        <v>3.3530000000000002</v>
      </c>
      <c r="V23412" s="2">
        <v>2.766</v>
      </c>
      <c r="W23412" s="2">
        <v>1.7999999999999999E-2</v>
      </c>
      <c r="X23412" s="2">
        <v>139.1</v>
      </c>
      <c r="Y23412" s="2">
        <v>7.6</v>
      </c>
      <c r="Z23412" s="2">
        <v>16.7</v>
      </c>
      <c r="AA23412" s="5"/>
      <c r="AB23412" s="5" t="s">
        <v>43</v>
      </c>
      <c r="AC23412" s="5" t="s">
        <v>44</v>
      </c>
      <c r="AD23412" s="2"/>
      <c r="AE23412" s="1"/>
    </row>
    <row r="23413" spans="1:31" ht="14.45">
      <c r="A23413" s="11"/>
      <c r="B23413" s="20"/>
      <c r="C23413" s="2" t="s">
        <v>75118</v>
      </c>
      <c r="D23413" s="14" t="s">
        <v>75119</v>
      </c>
      <c r="E23413" s="2" t="s">
        <v>75120</v>
      </c>
      <c r="F23413" s="2" t="s">
        <v>16029</v>
      </c>
      <c r="G23413" s="8">
        <v>291</v>
      </c>
      <c r="H23413" s="5">
        <v>6</v>
      </c>
      <c r="I23413" s="5" t="s">
        <v>1518</v>
      </c>
      <c r="J23413" s="5" t="s">
        <v>69038</v>
      </c>
      <c r="K23413" s="2" t="s">
        <v>69039</v>
      </c>
      <c r="L23413" s="5" t="s">
        <v>69038</v>
      </c>
      <c r="M23413" s="2" t="s">
        <v>69039</v>
      </c>
      <c r="N23413" s="5" t="s">
        <v>1521</v>
      </c>
      <c r="O23413" s="5" t="s">
        <v>38</v>
      </c>
      <c r="P23413" s="5" t="s">
        <v>39</v>
      </c>
      <c r="Q23413" s="5" t="s">
        <v>40</v>
      </c>
      <c r="R23413" s="5" t="s">
        <v>1522</v>
      </c>
      <c r="S23413" s="5" t="s">
        <v>1523</v>
      </c>
      <c r="T23413" s="5" t="s">
        <v>42</v>
      </c>
      <c r="U23413" s="2">
        <v>3.2669999999999999</v>
      </c>
      <c r="V23413" s="2">
        <v>2.68</v>
      </c>
      <c r="W23413" s="2">
        <v>1.7999999999999999E-2</v>
      </c>
      <c r="X23413" s="2">
        <v>139.1</v>
      </c>
      <c r="Y23413" s="2">
        <v>7.6</v>
      </c>
      <c r="Z23413" s="2">
        <v>16.7</v>
      </c>
      <c r="AA23413" s="5"/>
      <c r="AB23413" s="5" t="s">
        <v>43</v>
      </c>
      <c r="AC23413" s="5" t="s">
        <v>44</v>
      </c>
      <c r="AD23413" s="2"/>
      <c r="AE23413" s="1"/>
    </row>
    <row r="23414" spans="1:31" ht="14.45">
      <c r="A23414" s="11"/>
      <c r="B23414" s="20"/>
      <c r="C23414" s="2" t="s">
        <v>75121</v>
      </c>
      <c r="D23414" s="14" t="s">
        <v>75122</v>
      </c>
      <c r="E23414" s="2" t="s">
        <v>75123</v>
      </c>
      <c r="F23414" s="2" t="s">
        <v>16033</v>
      </c>
      <c r="G23414" s="8">
        <v>291</v>
      </c>
      <c r="H23414" s="5">
        <v>6</v>
      </c>
      <c r="I23414" s="5" t="s">
        <v>1518</v>
      </c>
      <c r="J23414" s="5" t="s">
        <v>69038</v>
      </c>
      <c r="K23414" s="2" t="s">
        <v>69039</v>
      </c>
      <c r="L23414" s="5" t="s">
        <v>69038</v>
      </c>
      <c r="M23414" s="2" t="s">
        <v>69039</v>
      </c>
      <c r="N23414" s="5" t="s">
        <v>1521</v>
      </c>
      <c r="O23414" s="5" t="s">
        <v>38</v>
      </c>
      <c r="P23414" s="5" t="s">
        <v>39</v>
      </c>
      <c r="Q23414" s="5" t="s">
        <v>40</v>
      </c>
      <c r="R23414" s="5" t="s">
        <v>1522</v>
      </c>
      <c r="S23414" s="5" t="s">
        <v>1523</v>
      </c>
      <c r="T23414" s="5" t="s">
        <v>42</v>
      </c>
      <c r="U23414" s="2">
        <v>3.367</v>
      </c>
      <c r="V23414" s="2">
        <v>2.78</v>
      </c>
      <c r="W23414" s="2">
        <v>1.7999999999999999E-2</v>
      </c>
      <c r="X23414" s="2">
        <v>139.1</v>
      </c>
      <c r="Y23414" s="2">
        <v>7.6</v>
      </c>
      <c r="Z23414" s="2">
        <v>16.7</v>
      </c>
      <c r="AA23414" s="5"/>
      <c r="AB23414" s="5" t="s">
        <v>43</v>
      </c>
      <c r="AC23414" s="5" t="s">
        <v>44</v>
      </c>
      <c r="AD23414" s="2"/>
      <c r="AE23414" s="1"/>
    </row>
    <row r="23415" spans="1:31" ht="14.45">
      <c r="A23415" s="11"/>
      <c r="B23415" s="20"/>
      <c r="C23415" s="2" t="s">
        <v>75124</v>
      </c>
      <c r="D23415" s="14" t="s">
        <v>75125</v>
      </c>
      <c r="E23415" s="2" t="s">
        <v>75126</v>
      </c>
      <c r="F23415" s="2" t="s">
        <v>7204</v>
      </c>
      <c r="G23415" s="8">
        <v>278</v>
      </c>
      <c r="H23415" s="5">
        <v>6</v>
      </c>
      <c r="I23415" s="5" t="s">
        <v>1518</v>
      </c>
      <c r="J23415" s="5" t="s">
        <v>69038</v>
      </c>
      <c r="K23415" s="2" t="s">
        <v>69039</v>
      </c>
      <c r="L23415" s="5" t="s">
        <v>69038</v>
      </c>
      <c r="M23415" s="2" t="s">
        <v>69039</v>
      </c>
      <c r="N23415" s="5" t="s">
        <v>1521</v>
      </c>
      <c r="O23415" s="5" t="s">
        <v>38</v>
      </c>
      <c r="P23415" s="5" t="s">
        <v>39</v>
      </c>
      <c r="Q23415" s="5" t="s">
        <v>40</v>
      </c>
      <c r="R23415" s="5" t="s">
        <v>1522</v>
      </c>
      <c r="S23415" s="5" t="s">
        <v>1523</v>
      </c>
      <c r="T23415" s="5" t="s">
        <v>42</v>
      </c>
      <c r="U23415" s="2">
        <v>3.43</v>
      </c>
      <c r="V23415" s="2">
        <v>2.8540000000000001</v>
      </c>
      <c r="W23415" s="2">
        <v>1.7999999999999999E-2</v>
      </c>
      <c r="X23415" s="2">
        <v>139.1</v>
      </c>
      <c r="Y23415" s="2">
        <v>7.6</v>
      </c>
      <c r="Z23415" s="2">
        <v>16.7</v>
      </c>
      <c r="AA23415" s="5"/>
      <c r="AB23415" s="5" t="s">
        <v>43</v>
      </c>
      <c r="AC23415" s="5" t="s">
        <v>44</v>
      </c>
      <c r="AD23415" s="2"/>
      <c r="AE23415" s="1"/>
    </row>
    <row r="23416" spans="1:31" ht="14.45">
      <c r="A23416" s="11"/>
      <c r="B23416" s="20"/>
      <c r="C23416" s="2" t="s">
        <v>75127</v>
      </c>
      <c r="D23416" s="14" t="s">
        <v>75128</v>
      </c>
      <c r="E23416" s="2" t="s">
        <v>75129</v>
      </c>
      <c r="F23416" s="2" t="s">
        <v>7514</v>
      </c>
      <c r="G23416" s="8">
        <v>278</v>
      </c>
      <c r="H23416" s="5">
        <v>6</v>
      </c>
      <c r="I23416" s="5" t="s">
        <v>1518</v>
      </c>
      <c r="J23416" s="5" t="s">
        <v>69038</v>
      </c>
      <c r="K23416" s="2" t="s">
        <v>69039</v>
      </c>
      <c r="L23416" s="5" t="s">
        <v>69038</v>
      </c>
      <c r="M23416" s="2" t="s">
        <v>69039</v>
      </c>
      <c r="N23416" s="5" t="s">
        <v>1521</v>
      </c>
      <c r="O23416" s="5" t="s">
        <v>38</v>
      </c>
      <c r="P23416" s="5" t="s">
        <v>39</v>
      </c>
      <c r="Q23416" s="5" t="s">
        <v>40</v>
      </c>
      <c r="R23416" s="5" t="s">
        <v>1522</v>
      </c>
      <c r="S23416" s="5" t="s">
        <v>1523</v>
      </c>
      <c r="T23416" s="5" t="s">
        <v>42</v>
      </c>
      <c r="U23416" s="2">
        <v>3.5419999999999998</v>
      </c>
      <c r="V23416" s="2">
        <v>2.9660000000000002</v>
      </c>
      <c r="W23416" s="2">
        <v>1.7999999999999999E-2</v>
      </c>
      <c r="X23416" s="2">
        <v>139.1</v>
      </c>
      <c r="Y23416" s="2">
        <v>7.6</v>
      </c>
      <c r="Z23416" s="2">
        <v>16.7</v>
      </c>
      <c r="AA23416" s="5"/>
      <c r="AB23416" s="5" t="s">
        <v>43</v>
      </c>
      <c r="AC23416" s="5" t="s">
        <v>44</v>
      </c>
      <c r="AD23416" s="2"/>
      <c r="AE23416" s="1"/>
    </row>
    <row r="23417" spans="1:31" ht="14.45">
      <c r="A23417" s="11"/>
      <c r="B23417" s="20"/>
      <c r="C23417" s="2" t="s">
        <v>75130</v>
      </c>
      <c r="D23417" s="14" t="s">
        <v>75131</v>
      </c>
      <c r="E23417" s="2" t="s">
        <v>75132</v>
      </c>
      <c r="F23417" s="2" t="s">
        <v>7208</v>
      </c>
      <c r="G23417" s="8">
        <v>278</v>
      </c>
      <c r="H23417" s="5">
        <v>6</v>
      </c>
      <c r="I23417" s="5" t="s">
        <v>1518</v>
      </c>
      <c r="J23417" s="5" t="s">
        <v>69038</v>
      </c>
      <c r="K23417" s="2" t="s">
        <v>69039</v>
      </c>
      <c r="L23417" s="5" t="s">
        <v>69038</v>
      </c>
      <c r="M23417" s="2" t="s">
        <v>69039</v>
      </c>
      <c r="N23417" s="5" t="s">
        <v>1521</v>
      </c>
      <c r="O23417" s="5" t="s">
        <v>38</v>
      </c>
      <c r="P23417" s="5" t="s">
        <v>39</v>
      </c>
      <c r="Q23417" s="5" t="s">
        <v>40</v>
      </c>
      <c r="R23417" s="5" t="s">
        <v>1522</v>
      </c>
      <c r="S23417" s="5" t="s">
        <v>1523</v>
      </c>
      <c r="T23417" s="5" t="s">
        <v>42</v>
      </c>
      <c r="U23417" s="2">
        <v>3.43</v>
      </c>
      <c r="V23417" s="2">
        <v>2.8540000000000001</v>
      </c>
      <c r="W23417" s="2">
        <v>1.7999999999999999E-2</v>
      </c>
      <c r="X23417" s="2">
        <v>139.1</v>
      </c>
      <c r="Y23417" s="2">
        <v>7.6</v>
      </c>
      <c r="Z23417" s="2">
        <v>16.7</v>
      </c>
      <c r="AA23417" s="5"/>
      <c r="AB23417" s="5" t="s">
        <v>43</v>
      </c>
      <c r="AC23417" s="5" t="s">
        <v>44</v>
      </c>
      <c r="AD23417" s="2"/>
      <c r="AE23417" s="1"/>
    </row>
    <row r="23418" spans="1:31" ht="14.45">
      <c r="A23418" s="11"/>
      <c r="B23418" s="20"/>
      <c r="C23418" s="2" t="s">
        <v>75133</v>
      </c>
      <c r="D23418" s="14" t="s">
        <v>75134</v>
      </c>
      <c r="E23418" s="2" t="s">
        <v>75135</v>
      </c>
      <c r="F23418" s="2" t="s">
        <v>7521</v>
      </c>
      <c r="G23418" s="8">
        <v>278</v>
      </c>
      <c r="H23418" s="5">
        <v>6</v>
      </c>
      <c r="I23418" s="5" t="s">
        <v>1518</v>
      </c>
      <c r="J23418" s="5" t="s">
        <v>69038</v>
      </c>
      <c r="K23418" s="2" t="s">
        <v>69039</v>
      </c>
      <c r="L23418" s="5" t="s">
        <v>69038</v>
      </c>
      <c r="M23418" s="2" t="s">
        <v>69039</v>
      </c>
      <c r="N23418" s="5" t="s">
        <v>1521</v>
      </c>
      <c r="O23418" s="5" t="s">
        <v>38</v>
      </c>
      <c r="P23418" s="5" t="s">
        <v>39</v>
      </c>
      <c r="Q23418" s="5" t="s">
        <v>40</v>
      </c>
      <c r="R23418" s="5" t="s">
        <v>1522</v>
      </c>
      <c r="S23418" s="5" t="s">
        <v>1523</v>
      </c>
      <c r="T23418" s="5" t="s">
        <v>42</v>
      </c>
      <c r="U23418" s="2">
        <v>3.5419999999999998</v>
      </c>
      <c r="V23418" s="2">
        <v>2.9660000000000002</v>
      </c>
      <c r="W23418" s="2">
        <v>1.7999999999999999E-2</v>
      </c>
      <c r="X23418" s="2">
        <v>139.1</v>
      </c>
      <c r="Y23418" s="2">
        <v>7.6</v>
      </c>
      <c r="Z23418" s="2">
        <v>16.7</v>
      </c>
      <c r="AA23418" s="5"/>
      <c r="AB23418" s="5" t="s">
        <v>43</v>
      </c>
      <c r="AC23418" s="5" t="s">
        <v>44</v>
      </c>
      <c r="AD23418" s="2"/>
      <c r="AE23418" s="1"/>
    </row>
    <row r="23419" spans="1:31" ht="14.45">
      <c r="A23419" s="11"/>
      <c r="B23419" s="20"/>
      <c r="C23419" s="2" t="s">
        <v>75136</v>
      </c>
      <c r="D23419" s="14" t="s">
        <v>75137</v>
      </c>
      <c r="E23419" s="2" t="s">
        <v>75138</v>
      </c>
      <c r="F23419" s="2" t="s">
        <v>7406</v>
      </c>
      <c r="G23419" s="8">
        <v>300</v>
      </c>
      <c r="H23419" s="5">
        <v>6</v>
      </c>
      <c r="I23419" s="5" t="s">
        <v>1518</v>
      </c>
      <c r="J23419" s="5" t="s">
        <v>69038</v>
      </c>
      <c r="K23419" s="2" t="s">
        <v>69039</v>
      </c>
      <c r="L23419" s="5" t="s">
        <v>69038</v>
      </c>
      <c r="M23419" s="2" t="s">
        <v>69039</v>
      </c>
      <c r="N23419" s="5" t="s">
        <v>1521</v>
      </c>
      <c r="O23419" s="5" t="s">
        <v>38</v>
      </c>
      <c r="P23419" s="5" t="s">
        <v>39</v>
      </c>
      <c r="Q23419" s="5" t="s">
        <v>40</v>
      </c>
      <c r="R23419" s="5" t="s">
        <v>1522</v>
      </c>
      <c r="S23419" s="5" t="s">
        <v>1523</v>
      </c>
      <c r="T23419" s="5" t="s">
        <v>42</v>
      </c>
      <c r="U23419" s="2">
        <v>3.43</v>
      </c>
      <c r="V23419" s="2">
        <v>2.8540000000000001</v>
      </c>
      <c r="W23419" s="2">
        <v>1.7999999999999999E-2</v>
      </c>
      <c r="X23419" s="2">
        <v>139.1</v>
      </c>
      <c r="Y23419" s="2">
        <v>7.6</v>
      </c>
      <c r="Z23419" s="2">
        <v>16.7</v>
      </c>
      <c r="AA23419" s="5"/>
      <c r="AB23419" s="5" t="s">
        <v>43</v>
      </c>
      <c r="AC23419" s="5" t="s">
        <v>44</v>
      </c>
      <c r="AD23419" s="2"/>
      <c r="AE23419" s="1"/>
    </row>
    <row r="23420" spans="1:31" ht="14.45">
      <c r="A23420" s="11"/>
      <c r="B23420" s="20"/>
      <c r="C23420" s="2" t="s">
        <v>75139</v>
      </c>
      <c r="D23420" s="14" t="s">
        <v>75140</v>
      </c>
      <c r="E23420" s="2" t="s">
        <v>75141</v>
      </c>
      <c r="F23420" s="2" t="s">
        <v>7535</v>
      </c>
      <c r="G23420" s="8">
        <v>300</v>
      </c>
      <c r="H23420" s="5">
        <v>6</v>
      </c>
      <c r="I23420" s="5" t="s">
        <v>1518</v>
      </c>
      <c r="J23420" s="5" t="s">
        <v>69038</v>
      </c>
      <c r="K23420" s="2" t="s">
        <v>69039</v>
      </c>
      <c r="L23420" s="5" t="s">
        <v>69038</v>
      </c>
      <c r="M23420" s="2" t="s">
        <v>69039</v>
      </c>
      <c r="N23420" s="5" t="s">
        <v>1521</v>
      </c>
      <c r="O23420" s="5" t="s">
        <v>38</v>
      </c>
      <c r="P23420" s="5" t="s">
        <v>39</v>
      </c>
      <c r="Q23420" s="5" t="s">
        <v>40</v>
      </c>
      <c r="R23420" s="5" t="s">
        <v>1522</v>
      </c>
      <c r="S23420" s="5" t="s">
        <v>1523</v>
      </c>
      <c r="T23420" s="5" t="s">
        <v>42</v>
      </c>
      <c r="U23420" s="2">
        <v>3.5419999999999998</v>
      </c>
      <c r="V23420" s="2">
        <v>2.9660000000000002</v>
      </c>
      <c r="W23420" s="2">
        <v>1.7999999999999999E-2</v>
      </c>
      <c r="X23420" s="2">
        <v>139.1</v>
      </c>
      <c r="Y23420" s="2">
        <v>7.6</v>
      </c>
      <c r="Z23420" s="2">
        <v>16.7</v>
      </c>
      <c r="AA23420" s="5"/>
      <c r="AB23420" s="5" t="s">
        <v>43</v>
      </c>
      <c r="AC23420" s="5" t="s">
        <v>44</v>
      </c>
      <c r="AD23420" s="2"/>
      <c r="AE23420" s="1"/>
    </row>
    <row r="23421" spans="1:31" ht="14.45">
      <c r="A23421" s="11"/>
      <c r="B23421" s="20"/>
      <c r="C23421" s="2" t="s">
        <v>75142</v>
      </c>
      <c r="D23421" s="14" t="s">
        <v>75143</v>
      </c>
      <c r="E23421" s="2" t="s">
        <v>75144</v>
      </c>
      <c r="F23421" s="2" t="s">
        <v>7539</v>
      </c>
      <c r="G23421" s="8">
        <v>300</v>
      </c>
      <c r="H23421" s="5">
        <v>6</v>
      </c>
      <c r="I23421" s="5" t="s">
        <v>1518</v>
      </c>
      <c r="J23421" s="5" t="s">
        <v>69038</v>
      </c>
      <c r="K23421" s="2" t="s">
        <v>69039</v>
      </c>
      <c r="L23421" s="5" t="s">
        <v>69038</v>
      </c>
      <c r="M23421" s="2" t="s">
        <v>69039</v>
      </c>
      <c r="N23421" s="5" t="s">
        <v>1521</v>
      </c>
      <c r="O23421" s="5" t="s">
        <v>38</v>
      </c>
      <c r="P23421" s="5" t="s">
        <v>39</v>
      </c>
      <c r="Q23421" s="5" t="s">
        <v>40</v>
      </c>
      <c r="R23421" s="5" t="s">
        <v>1522</v>
      </c>
      <c r="S23421" s="5" t="s">
        <v>1523</v>
      </c>
      <c r="T23421" s="5" t="s">
        <v>42</v>
      </c>
      <c r="U23421" s="2">
        <v>3.43</v>
      </c>
      <c r="V23421" s="2">
        <v>2.8540000000000001</v>
      </c>
      <c r="W23421" s="2">
        <v>1.7999999999999999E-2</v>
      </c>
      <c r="X23421" s="2">
        <v>139.1</v>
      </c>
      <c r="Y23421" s="2">
        <v>7.6</v>
      </c>
      <c r="Z23421" s="2">
        <v>16.7</v>
      </c>
      <c r="AA23421" s="5"/>
      <c r="AB23421" s="5" t="s">
        <v>43</v>
      </c>
      <c r="AC23421" s="5" t="s">
        <v>44</v>
      </c>
      <c r="AD23421" s="2"/>
      <c r="AE23421" s="1"/>
    </row>
    <row r="23422" spans="1:31" ht="14.45">
      <c r="A23422" s="11"/>
      <c r="B23422" s="20"/>
      <c r="C23422" s="2" t="s">
        <v>75145</v>
      </c>
      <c r="D23422" s="14" t="s">
        <v>75146</v>
      </c>
      <c r="E23422" s="2" t="s">
        <v>75147</v>
      </c>
      <c r="F23422" s="2" t="s">
        <v>7543</v>
      </c>
      <c r="G23422" s="8">
        <v>300</v>
      </c>
      <c r="H23422" s="5">
        <v>6</v>
      </c>
      <c r="I23422" s="5" t="s">
        <v>1518</v>
      </c>
      <c r="J23422" s="5" t="s">
        <v>69038</v>
      </c>
      <c r="K23422" s="2" t="s">
        <v>69039</v>
      </c>
      <c r="L23422" s="5" t="s">
        <v>69038</v>
      </c>
      <c r="M23422" s="2" t="s">
        <v>69039</v>
      </c>
      <c r="N23422" s="5" t="s">
        <v>1521</v>
      </c>
      <c r="O23422" s="5" t="s">
        <v>38</v>
      </c>
      <c r="P23422" s="5" t="s">
        <v>39</v>
      </c>
      <c r="Q23422" s="5" t="s">
        <v>40</v>
      </c>
      <c r="R23422" s="5" t="s">
        <v>1522</v>
      </c>
      <c r="S23422" s="5" t="s">
        <v>1523</v>
      </c>
      <c r="T23422" s="5" t="s">
        <v>42</v>
      </c>
      <c r="U23422" s="2">
        <v>3.5419999999999998</v>
      </c>
      <c r="V23422" s="2">
        <v>2.9660000000000002</v>
      </c>
      <c r="W23422" s="2">
        <v>1.7999999999999999E-2</v>
      </c>
      <c r="X23422" s="2">
        <v>139.1</v>
      </c>
      <c r="Y23422" s="2">
        <v>7.6</v>
      </c>
      <c r="Z23422" s="2">
        <v>16.7</v>
      </c>
      <c r="AA23422" s="5"/>
      <c r="AB23422" s="5" t="s">
        <v>43</v>
      </c>
      <c r="AC23422" s="5" t="s">
        <v>44</v>
      </c>
      <c r="AD23422" s="2"/>
      <c r="AE23422" s="1"/>
    </row>
    <row r="23423" spans="1:31" ht="14.45">
      <c r="A23423" s="11"/>
      <c r="B23423" s="20"/>
      <c r="C23423" s="2" t="s">
        <v>75148</v>
      </c>
      <c r="D23423" s="14" t="s">
        <v>75149</v>
      </c>
      <c r="E23423" s="2" t="s">
        <v>75150</v>
      </c>
      <c r="F23423" s="2" t="s">
        <v>7396</v>
      </c>
      <c r="G23423" s="8">
        <v>278</v>
      </c>
      <c r="H23423" s="5">
        <v>6</v>
      </c>
      <c r="I23423" s="5" t="s">
        <v>1518</v>
      </c>
      <c r="J23423" s="5" t="s">
        <v>69038</v>
      </c>
      <c r="K23423" s="2" t="s">
        <v>69039</v>
      </c>
      <c r="L23423" s="5" t="s">
        <v>69038</v>
      </c>
      <c r="M23423" s="2" t="s">
        <v>69039</v>
      </c>
      <c r="N23423" s="5" t="s">
        <v>1521</v>
      </c>
      <c r="O23423" s="5" t="s">
        <v>38</v>
      </c>
      <c r="P23423" s="5" t="s">
        <v>39</v>
      </c>
      <c r="Q23423" s="5" t="s">
        <v>40</v>
      </c>
      <c r="R23423" s="5" t="s">
        <v>1522</v>
      </c>
      <c r="S23423" s="5" t="s">
        <v>1523</v>
      </c>
      <c r="T23423" s="5" t="s">
        <v>42</v>
      </c>
      <c r="U23423" s="2">
        <v>3.43</v>
      </c>
      <c r="V23423" s="2">
        <v>2.8540000000000001</v>
      </c>
      <c r="W23423" s="2">
        <v>1.7999999999999999E-2</v>
      </c>
      <c r="X23423" s="2">
        <v>139.1</v>
      </c>
      <c r="Y23423" s="2">
        <v>7.6</v>
      </c>
      <c r="Z23423" s="2">
        <v>16.7</v>
      </c>
      <c r="AA23423" s="5"/>
      <c r="AB23423" s="5" t="s">
        <v>43</v>
      </c>
      <c r="AC23423" s="5" t="s">
        <v>44</v>
      </c>
      <c r="AD23423" s="2"/>
      <c r="AE23423" s="1"/>
    </row>
    <row r="23424" spans="1:31" ht="14.45">
      <c r="A23424" s="11"/>
      <c r="B23424" s="20"/>
      <c r="C23424" s="2" t="s">
        <v>75151</v>
      </c>
      <c r="D23424" s="14" t="s">
        <v>75152</v>
      </c>
      <c r="E23424" s="2" t="s">
        <v>75153</v>
      </c>
      <c r="F23424" s="2" t="s">
        <v>7507</v>
      </c>
      <c r="G23424" s="8">
        <v>278</v>
      </c>
      <c r="H23424" s="5">
        <v>6</v>
      </c>
      <c r="I23424" s="5" t="s">
        <v>1518</v>
      </c>
      <c r="J23424" s="5" t="s">
        <v>69038</v>
      </c>
      <c r="K23424" s="2" t="s">
        <v>69039</v>
      </c>
      <c r="L23424" s="5" t="s">
        <v>69038</v>
      </c>
      <c r="M23424" s="2" t="s">
        <v>69039</v>
      </c>
      <c r="N23424" s="5" t="s">
        <v>1521</v>
      </c>
      <c r="O23424" s="5" t="s">
        <v>38</v>
      </c>
      <c r="P23424" s="5" t="s">
        <v>39</v>
      </c>
      <c r="Q23424" s="5" t="s">
        <v>40</v>
      </c>
      <c r="R23424" s="5" t="s">
        <v>1522</v>
      </c>
      <c r="S23424" s="5" t="s">
        <v>1523</v>
      </c>
      <c r="T23424" s="5" t="s">
        <v>42</v>
      </c>
      <c r="U23424" s="2">
        <v>3.5419999999999998</v>
      </c>
      <c r="V23424" s="2">
        <v>2.9660000000000002</v>
      </c>
      <c r="W23424" s="2">
        <v>1.7999999999999999E-2</v>
      </c>
      <c r="X23424" s="2">
        <v>139.1</v>
      </c>
      <c r="Y23424" s="2">
        <v>7.6</v>
      </c>
      <c r="Z23424" s="2">
        <v>16.7</v>
      </c>
      <c r="AA23424" s="5"/>
      <c r="AB23424" s="5" t="s">
        <v>43</v>
      </c>
      <c r="AC23424" s="5" t="s">
        <v>44</v>
      </c>
      <c r="AD23424" s="2"/>
      <c r="AE23424" s="1"/>
    </row>
    <row r="23425" spans="1:31" ht="14.45">
      <c r="A23425" s="11"/>
      <c r="B23425" s="20"/>
      <c r="C23425" s="2" t="s">
        <v>75154</v>
      </c>
      <c r="D23425" s="14" t="s">
        <v>75155</v>
      </c>
      <c r="E23425" s="2" t="s">
        <v>75156</v>
      </c>
      <c r="F23425" s="2" t="s">
        <v>7551</v>
      </c>
      <c r="G23425" s="8">
        <v>300</v>
      </c>
      <c r="H23425" s="5">
        <v>6</v>
      </c>
      <c r="I23425" s="5" t="s">
        <v>1518</v>
      </c>
      <c r="J23425" s="5" t="s">
        <v>69038</v>
      </c>
      <c r="K23425" s="2" t="s">
        <v>69039</v>
      </c>
      <c r="L23425" s="5" t="s">
        <v>69038</v>
      </c>
      <c r="M23425" s="2" t="s">
        <v>69039</v>
      </c>
      <c r="N23425" s="5" t="s">
        <v>1521</v>
      </c>
      <c r="O23425" s="5" t="s">
        <v>38</v>
      </c>
      <c r="P23425" s="5" t="s">
        <v>39</v>
      </c>
      <c r="Q23425" s="5" t="s">
        <v>40</v>
      </c>
      <c r="R23425" s="5" t="s">
        <v>1522</v>
      </c>
      <c r="S23425" s="5" t="s">
        <v>1523</v>
      </c>
      <c r="T23425" s="5" t="s">
        <v>42</v>
      </c>
      <c r="U23425" s="2">
        <v>3.5419999999999998</v>
      </c>
      <c r="V23425" s="2">
        <v>2.9660000000000002</v>
      </c>
      <c r="W23425" s="2">
        <v>1.7999999999999999E-2</v>
      </c>
      <c r="X23425" s="2">
        <v>139.1</v>
      </c>
      <c r="Y23425" s="2">
        <v>7.6</v>
      </c>
      <c r="Z23425" s="2">
        <v>16.7</v>
      </c>
      <c r="AA23425" s="5"/>
      <c r="AB23425" s="5" t="s">
        <v>43</v>
      </c>
      <c r="AC23425" s="5" t="s">
        <v>44</v>
      </c>
      <c r="AD23425" s="2"/>
      <c r="AE23425" s="1"/>
    </row>
    <row r="23426" spans="1:31" ht="14.45">
      <c r="A23426" s="11"/>
      <c r="B23426" s="20"/>
      <c r="C23426" s="2" t="s">
        <v>75157</v>
      </c>
      <c r="D23426" s="14" t="s">
        <v>75158</v>
      </c>
      <c r="E23426" s="2" t="s">
        <v>75159</v>
      </c>
      <c r="F23426" s="2" t="s">
        <v>7563</v>
      </c>
      <c r="G23426" s="8">
        <v>300</v>
      </c>
      <c r="H23426" s="5">
        <v>6</v>
      </c>
      <c r="I23426" s="5" t="s">
        <v>1518</v>
      </c>
      <c r="J23426" s="5" t="s">
        <v>69038</v>
      </c>
      <c r="K23426" s="2" t="s">
        <v>69039</v>
      </c>
      <c r="L23426" s="5" t="s">
        <v>69038</v>
      </c>
      <c r="M23426" s="2" t="s">
        <v>69039</v>
      </c>
      <c r="N23426" s="5" t="s">
        <v>1521</v>
      </c>
      <c r="O23426" s="5" t="s">
        <v>38</v>
      </c>
      <c r="P23426" s="5" t="s">
        <v>39</v>
      </c>
      <c r="Q23426" s="5" t="s">
        <v>40</v>
      </c>
      <c r="R23426" s="5" t="s">
        <v>1522</v>
      </c>
      <c r="S23426" s="5" t="s">
        <v>1523</v>
      </c>
      <c r="T23426" s="5" t="s">
        <v>42</v>
      </c>
      <c r="U23426" s="2">
        <v>3.43</v>
      </c>
      <c r="V23426" s="2">
        <v>2.8540000000000001</v>
      </c>
      <c r="W23426" s="2">
        <v>1.7999999999999999E-2</v>
      </c>
      <c r="X23426" s="2">
        <v>139.1</v>
      </c>
      <c r="Y23426" s="2">
        <v>7.6</v>
      </c>
      <c r="Z23426" s="2">
        <v>16.7</v>
      </c>
      <c r="AA23426" s="5"/>
      <c r="AB23426" s="5" t="s">
        <v>43</v>
      </c>
      <c r="AC23426" s="5" t="s">
        <v>44</v>
      </c>
      <c r="AD23426" s="2"/>
      <c r="AE23426" s="1"/>
    </row>
    <row r="23427" spans="1:31" ht="14.45">
      <c r="A23427" s="11"/>
      <c r="B23427" s="20"/>
      <c r="C23427" s="2" t="s">
        <v>75160</v>
      </c>
      <c r="D23427" s="14" t="s">
        <v>75161</v>
      </c>
      <c r="E23427" s="2" t="s">
        <v>75162</v>
      </c>
      <c r="F23427" s="2" t="s">
        <v>7567</v>
      </c>
      <c r="G23427" s="8">
        <v>300</v>
      </c>
      <c r="H23427" s="5">
        <v>6</v>
      </c>
      <c r="I23427" s="5" t="s">
        <v>1518</v>
      </c>
      <c r="J23427" s="5" t="s">
        <v>69038</v>
      </c>
      <c r="K23427" s="2" t="s">
        <v>69039</v>
      </c>
      <c r="L23427" s="5" t="s">
        <v>69038</v>
      </c>
      <c r="M23427" s="2" t="s">
        <v>69039</v>
      </c>
      <c r="N23427" s="5" t="s">
        <v>1521</v>
      </c>
      <c r="O23427" s="5" t="s">
        <v>38</v>
      </c>
      <c r="P23427" s="5" t="s">
        <v>39</v>
      </c>
      <c r="Q23427" s="5" t="s">
        <v>40</v>
      </c>
      <c r="R23427" s="5" t="s">
        <v>1522</v>
      </c>
      <c r="S23427" s="5" t="s">
        <v>1523</v>
      </c>
      <c r="T23427" s="5" t="s">
        <v>42</v>
      </c>
      <c r="U23427" s="2">
        <v>3.5419999999999998</v>
      </c>
      <c r="V23427" s="2">
        <v>2.9660000000000002</v>
      </c>
      <c r="W23427" s="2">
        <v>1.7999999999999999E-2</v>
      </c>
      <c r="X23427" s="2">
        <v>139.1</v>
      </c>
      <c r="Y23427" s="2">
        <v>7.6</v>
      </c>
      <c r="Z23427" s="2">
        <v>16.7</v>
      </c>
      <c r="AA23427" s="5"/>
      <c r="AB23427" s="5" t="s">
        <v>43</v>
      </c>
      <c r="AC23427" s="5" t="s">
        <v>44</v>
      </c>
      <c r="AD23427" s="2"/>
      <c r="AE23427" s="1"/>
    </row>
    <row r="23428" spans="1:31" ht="14.45">
      <c r="A23428" s="11"/>
      <c r="B23428" s="20"/>
      <c r="C23428" s="2" t="s">
        <v>75163</v>
      </c>
      <c r="D23428" s="14" t="s">
        <v>75164</v>
      </c>
      <c r="E23428" s="2" t="s">
        <v>75165</v>
      </c>
      <c r="F23428" s="2" t="s">
        <v>7559</v>
      </c>
      <c r="G23428" s="8">
        <v>300</v>
      </c>
      <c r="H23428" s="5">
        <v>6</v>
      </c>
      <c r="I23428" s="5" t="s">
        <v>1518</v>
      </c>
      <c r="J23428" s="5" t="s">
        <v>69038</v>
      </c>
      <c r="K23428" s="2" t="s">
        <v>69039</v>
      </c>
      <c r="L23428" s="5" t="s">
        <v>69038</v>
      </c>
      <c r="M23428" s="2" t="s">
        <v>69039</v>
      </c>
      <c r="N23428" s="5" t="s">
        <v>1521</v>
      </c>
      <c r="O23428" s="5" t="s">
        <v>38</v>
      </c>
      <c r="P23428" s="5" t="s">
        <v>39</v>
      </c>
      <c r="Q23428" s="5" t="s">
        <v>40</v>
      </c>
      <c r="R23428" s="5" t="s">
        <v>1522</v>
      </c>
      <c r="S23428" s="5" t="s">
        <v>1523</v>
      </c>
      <c r="T23428" s="5" t="s">
        <v>42</v>
      </c>
      <c r="U23428" s="2">
        <v>3.5419999999999998</v>
      </c>
      <c r="V23428" s="2">
        <v>2.9660000000000002</v>
      </c>
      <c r="W23428" s="2">
        <v>1.7999999999999999E-2</v>
      </c>
      <c r="X23428" s="2">
        <v>139.1</v>
      </c>
      <c r="Y23428" s="2">
        <v>7.6</v>
      </c>
      <c r="Z23428" s="2">
        <v>16.7</v>
      </c>
      <c r="AA23428" s="5"/>
      <c r="AB23428" s="5" t="s">
        <v>43</v>
      </c>
      <c r="AC23428" s="5" t="s">
        <v>44</v>
      </c>
      <c r="AD23428" s="2"/>
      <c r="AE23428" s="1"/>
    </row>
    <row r="23429" spans="1:31" ht="14.45">
      <c r="A23429" s="11"/>
      <c r="B23429" s="20"/>
      <c r="C23429" s="2" t="s">
        <v>75166</v>
      </c>
      <c r="D23429" s="14" t="s">
        <v>75167</v>
      </c>
      <c r="E23429" s="2" t="s">
        <v>75168</v>
      </c>
      <c r="F23429" s="2" t="s">
        <v>16079</v>
      </c>
      <c r="G23429" s="8">
        <v>300</v>
      </c>
      <c r="H23429" s="5">
        <v>6</v>
      </c>
      <c r="I23429" s="5" t="s">
        <v>1518</v>
      </c>
      <c r="J23429" s="5" t="s">
        <v>69038</v>
      </c>
      <c r="K23429" s="2" t="s">
        <v>69039</v>
      </c>
      <c r="L23429" s="5" t="s">
        <v>69038</v>
      </c>
      <c r="M23429" s="2" t="s">
        <v>69039</v>
      </c>
      <c r="N23429" s="5" t="s">
        <v>1521</v>
      </c>
      <c r="O23429" s="5" t="s">
        <v>38</v>
      </c>
      <c r="P23429" s="5" t="s">
        <v>39</v>
      </c>
      <c r="Q23429" s="5" t="s">
        <v>40</v>
      </c>
      <c r="R23429" s="5" t="s">
        <v>1522</v>
      </c>
      <c r="S23429" s="5" t="s">
        <v>1523</v>
      </c>
      <c r="T23429" s="5" t="s">
        <v>42</v>
      </c>
      <c r="U23429" s="2">
        <v>3.43</v>
      </c>
      <c r="V23429" s="2">
        <v>2.8540000000000001</v>
      </c>
      <c r="W23429" s="2">
        <v>1.7999999999999999E-2</v>
      </c>
      <c r="X23429" s="2">
        <v>139.1</v>
      </c>
      <c r="Y23429" s="2">
        <v>7.6</v>
      </c>
      <c r="Z23429" s="2">
        <v>16.7</v>
      </c>
      <c r="AA23429" s="5"/>
      <c r="AB23429" s="5" t="s">
        <v>43</v>
      </c>
      <c r="AC23429" s="5" t="s">
        <v>44</v>
      </c>
      <c r="AD23429" s="2"/>
      <c r="AE23429" s="1"/>
    </row>
    <row r="23430" spans="1:31" ht="14.45">
      <c r="A23430" s="11"/>
      <c r="B23430" s="20"/>
      <c r="C23430" s="2" t="s">
        <v>75169</v>
      </c>
      <c r="D23430" s="14" t="s">
        <v>75170</v>
      </c>
      <c r="E23430" s="2" t="s">
        <v>75171</v>
      </c>
      <c r="F23430" s="2" t="s">
        <v>7449</v>
      </c>
      <c r="G23430" s="8">
        <v>300</v>
      </c>
      <c r="H23430" s="5">
        <v>6</v>
      </c>
      <c r="I23430" s="5" t="s">
        <v>1518</v>
      </c>
      <c r="J23430" s="5" t="s">
        <v>69038</v>
      </c>
      <c r="K23430" s="2" t="s">
        <v>69039</v>
      </c>
      <c r="L23430" s="5" t="s">
        <v>69038</v>
      </c>
      <c r="M23430" s="2" t="s">
        <v>69039</v>
      </c>
      <c r="N23430" s="5" t="s">
        <v>1521</v>
      </c>
      <c r="O23430" s="5" t="s">
        <v>38</v>
      </c>
      <c r="P23430" s="5" t="s">
        <v>39</v>
      </c>
      <c r="Q23430" s="5" t="s">
        <v>40</v>
      </c>
      <c r="R23430" s="5" t="s">
        <v>1522</v>
      </c>
      <c r="S23430" s="5" t="s">
        <v>1523</v>
      </c>
      <c r="T23430" s="5" t="s">
        <v>42</v>
      </c>
      <c r="U23430" s="2">
        <v>3.43</v>
      </c>
      <c r="V23430" s="2">
        <v>2.8540000000000001</v>
      </c>
      <c r="W23430" s="2">
        <v>1.7999999999999999E-2</v>
      </c>
      <c r="X23430" s="2">
        <v>139.1</v>
      </c>
      <c r="Y23430" s="2">
        <v>7.6</v>
      </c>
      <c r="Z23430" s="2">
        <v>16.7</v>
      </c>
      <c r="AA23430" s="5"/>
      <c r="AB23430" s="5" t="s">
        <v>43</v>
      </c>
      <c r="AC23430" s="5" t="s">
        <v>44</v>
      </c>
      <c r="AD23430" s="2"/>
      <c r="AE23430" s="1"/>
    </row>
    <row r="23431" spans="1:31" ht="14.45">
      <c r="A23431" s="11"/>
      <c r="B23431" s="20"/>
      <c r="C23431" s="2" t="s">
        <v>75172</v>
      </c>
      <c r="D23431" s="14" t="s">
        <v>75173</v>
      </c>
      <c r="E23431" s="2" t="s">
        <v>75174</v>
      </c>
      <c r="F23431" s="2" t="s">
        <v>7581</v>
      </c>
      <c r="G23431" s="8">
        <v>300</v>
      </c>
      <c r="H23431" s="5">
        <v>6</v>
      </c>
      <c r="I23431" s="5" t="s">
        <v>1518</v>
      </c>
      <c r="J23431" s="5" t="s">
        <v>69038</v>
      </c>
      <c r="K23431" s="2" t="s">
        <v>69039</v>
      </c>
      <c r="L23431" s="5" t="s">
        <v>69038</v>
      </c>
      <c r="M23431" s="2" t="s">
        <v>69039</v>
      </c>
      <c r="N23431" s="5" t="s">
        <v>1521</v>
      </c>
      <c r="O23431" s="5" t="s">
        <v>38</v>
      </c>
      <c r="P23431" s="5" t="s">
        <v>39</v>
      </c>
      <c r="Q23431" s="5" t="s">
        <v>40</v>
      </c>
      <c r="R23431" s="5" t="s">
        <v>1522</v>
      </c>
      <c r="S23431" s="5" t="s">
        <v>1523</v>
      </c>
      <c r="T23431" s="5" t="s">
        <v>42</v>
      </c>
      <c r="U23431" s="2">
        <v>3.5419999999999998</v>
      </c>
      <c r="V23431" s="2">
        <v>2.9660000000000002</v>
      </c>
      <c r="W23431" s="2">
        <v>1.7999999999999999E-2</v>
      </c>
      <c r="X23431" s="2">
        <v>139.1</v>
      </c>
      <c r="Y23431" s="2">
        <v>7.6</v>
      </c>
      <c r="Z23431" s="2">
        <v>16.7</v>
      </c>
      <c r="AA23431" s="5"/>
      <c r="AB23431" s="5" t="s">
        <v>43</v>
      </c>
      <c r="AC23431" s="5" t="s">
        <v>44</v>
      </c>
      <c r="AD23431" s="2"/>
      <c r="AE23431" s="1"/>
    </row>
    <row r="23432" spans="1:31" ht="14.45">
      <c r="A23432" s="11"/>
      <c r="B23432" s="20"/>
      <c r="C23432" s="2" t="s">
        <v>75175</v>
      </c>
      <c r="D23432" s="14" t="s">
        <v>75176</v>
      </c>
      <c r="E23432" s="2" t="s">
        <v>75177</v>
      </c>
      <c r="F23432" s="2" t="s">
        <v>7585</v>
      </c>
      <c r="G23432" s="8">
        <v>300</v>
      </c>
      <c r="H23432" s="5">
        <v>6</v>
      </c>
      <c r="I23432" s="5" t="s">
        <v>1518</v>
      </c>
      <c r="J23432" s="5" t="s">
        <v>69038</v>
      </c>
      <c r="K23432" s="2" t="s">
        <v>69039</v>
      </c>
      <c r="L23432" s="5" t="s">
        <v>69038</v>
      </c>
      <c r="M23432" s="2" t="s">
        <v>69039</v>
      </c>
      <c r="N23432" s="5" t="s">
        <v>1521</v>
      </c>
      <c r="O23432" s="5" t="s">
        <v>38</v>
      </c>
      <c r="P23432" s="5" t="s">
        <v>39</v>
      </c>
      <c r="Q23432" s="5" t="s">
        <v>40</v>
      </c>
      <c r="R23432" s="5" t="s">
        <v>1522</v>
      </c>
      <c r="S23432" s="5" t="s">
        <v>1523</v>
      </c>
      <c r="T23432" s="5" t="s">
        <v>42</v>
      </c>
      <c r="U23432" s="2">
        <v>3.43</v>
      </c>
      <c r="V23432" s="2">
        <v>2.8540000000000001</v>
      </c>
      <c r="W23432" s="2">
        <v>1.7999999999999999E-2</v>
      </c>
      <c r="X23432" s="2">
        <v>139.1</v>
      </c>
      <c r="Y23432" s="2">
        <v>7.6</v>
      </c>
      <c r="Z23432" s="2">
        <v>16.7</v>
      </c>
      <c r="AA23432" s="5"/>
      <c r="AB23432" s="5" t="s">
        <v>43</v>
      </c>
      <c r="AC23432" s="5" t="s">
        <v>44</v>
      </c>
      <c r="AD23432" s="2"/>
      <c r="AE23432" s="1"/>
    </row>
    <row r="23433" spans="1:31" ht="14.45">
      <c r="A23433" s="11"/>
      <c r="B23433" s="20"/>
      <c r="C23433" s="2" t="s">
        <v>75178</v>
      </c>
      <c r="D23433" s="14" t="s">
        <v>75179</v>
      </c>
      <c r="E23433" s="2" t="s">
        <v>75180</v>
      </c>
      <c r="F23433" s="2" t="s">
        <v>7589</v>
      </c>
      <c r="G23433" s="8">
        <v>300</v>
      </c>
      <c r="H23433" s="5">
        <v>6</v>
      </c>
      <c r="I23433" s="5" t="s">
        <v>1518</v>
      </c>
      <c r="J23433" s="5" t="s">
        <v>69038</v>
      </c>
      <c r="K23433" s="2" t="s">
        <v>69039</v>
      </c>
      <c r="L23433" s="5" t="s">
        <v>69038</v>
      </c>
      <c r="M23433" s="2" t="s">
        <v>69039</v>
      </c>
      <c r="N23433" s="5" t="s">
        <v>1521</v>
      </c>
      <c r="O23433" s="5" t="s">
        <v>38</v>
      </c>
      <c r="P23433" s="5" t="s">
        <v>39</v>
      </c>
      <c r="Q23433" s="5" t="s">
        <v>40</v>
      </c>
      <c r="R23433" s="5" t="s">
        <v>1522</v>
      </c>
      <c r="S23433" s="5" t="s">
        <v>1523</v>
      </c>
      <c r="T23433" s="5" t="s">
        <v>42</v>
      </c>
      <c r="U23433" s="2">
        <v>3.5419999999999998</v>
      </c>
      <c r="V23433" s="2">
        <v>2.9660000000000002</v>
      </c>
      <c r="W23433" s="2">
        <v>1.7999999999999999E-2</v>
      </c>
      <c r="X23433" s="2">
        <v>139.1</v>
      </c>
      <c r="Y23433" s="2">
        <v>7.6</v>
      </c>
      <c r="Z23433" s="2">
        <v>16.7</v>
      </c>
      <c r="AA23433" s="5"/>
      <c r="AB23433" s="5" t="s">
        <v>43</v>
      </c>
      <c r="AC23433" s="5" t="s">
        <v>44</v>
      </c>
      <c r="AD23433" s="2"/>
      <c r="AE23433" s="1"/>
    </row>
    <row r="23434" spans="1:31" ht="14.45">
      <c r="A23434" s="11"/>
      <c r="B23434" s="20"/>
      <c r="C23434" s="2" t="s">
        <v>75181</v>
      </c>
      <c r="D23434" s="14" t="s">
        <v>75182</v>
      </c>
      <c r="E23434" s="2" t="s">
        <v>75183</v>
      </c>
      <c r="F23434" s="2" t="s">
        <v>73358</v>
      </c>
      <c r="G23434" s="8">
        <v>300</v>
      </c>
      <c r="H23434" s="5">
        <v>6</v>
      </c>
      <c r="I23434" s="5" t="s">
        <v>1518</v>
      </c>
      <c r="J23434" s="5" t="s">
        <v>69038</v>
      </c>
      <c r="K23434" s="2" t="s">
        <v>69039</v>
      </c>
      <c r="L23434" s="5" t="s">
        <v>69038</v>
      </c>
      <c r="M23434" s="2" t="s">
        <v>69039</v>
      </c>
      <c r="N23434" s="5" t="s">
        <v>1521</v>
      </c>
      <c r="O23434" s="5" t="s">
        <v>38</v>
      </c>
      <c r="P23434" s="5" t="s">
        <v>39</v>
      </c>
      <c r="Q23434" s="5" t="s">
        <v>40</v>
      </c>
      <c r="R23434" s="5" t="s">
        <v>1522</v>
      </c>
      <c r="S23434" s="5" t="s">
        <v>1523</v>
      </c>
      <c r="T23434" s="5" t="s">
        <v>42</v>
      </c>
      <c r="U23434" s="2">
        <v>3.43</v>
      </c>
      <c r="V23434" s="2">
        <v>2.8540000000000001</v>
      </c>
      <c r="W23434" s="2">
        <v>1.7999999999999999E-2</v>
      </c>
      <c r="X23434" s="2">
        <v>139.1</v>
      </c>
      <c r="Y23434" s="2">
        <v>7.6</v>
      </c>
      <c r="Z23434" s="2">
        <v>16.7</v>
      </c>
      <c r="AA23434" s="5"/>
      <c r="AB23434" s="5" t="s">
        <v>43</v>
      </c>
      <c r="AC23434" s="5" t="s">
        <v>44</v>
      </c>
      <c r="AD23434" s="2"/>
      <c r="AE23434" s="1"/>
    </row>
    <row r="23435" spans="1:31" ht="14.45">
      <c r="A23435" s="11"/>
      <c r="B23435" s="20"/>
      <c r="C23435" s="2" t="s">
        <v>75184</v>
      </c>
      <c r="D23435" s="14" t="s">
        <v>75185</v>
      </c>
      <c r="E23435" s="2" t="s">
        <v>75186</v>
      </c>
      <c r="F23435" s="2" t="s">
        <v>73362</v>
      </c>
      <c r="G23435" s="8">
        <v>300</v>
      </c>
      <c r="H23435" s="5">
        <v>6</v>
      </c>
      <c r="I23435" s="5" t="s">
        <v>1518</v>
      </c>
      <c r="J23435" s="5" t="s">
        <v>69038</v>
      </c>
      <c r="K23435" s="2" t="s">
        <v>69039</v>
      </c>
      <c r="L23435" s="5" t="s">
        <v>69038</v>
      </c>
      <c r="M23435" s="2" t="s">
        <v>69039</v>
      </c>
      <c r="N23435" s="5" t="s">
        <v>1521</v>
      </c>
      <c r="O23435" s="5" t="s">
        <v>38</v>
      </c>
      <c r="P23435" s="5" t="s">
        <v>39</v>
      </c>
      <c r="Q23435" s="5" t="s">
        <v>40</v>
      </c>
      <c r="R23435" s="5" t="s">
        <v>1522</v>
      </c>
      <c r="S23435" s="5" t="s">
        <v>1523</v>
      </c>
      <c r="T23435" s="5" t="s">
        <v>42</v>
      </c>
      <c r="U23435" s="2">
        <v>3.5419999999999998</v>
      </c>
      <c r="V23435" s="2">
        <v>2.9660000000000002</v>
      </c>
      <c r="W23435" s="2">
        <v>1.7999999999999999E-2</v>
      </c>
      <c r="X23435" s="2">
        <v>139.1</v>
      </c>
      <c r="Y23435" s="2">
        <v>7.6</v>
      </c>
      <c r="Z23435" s="2">
        <v>16.7</v>
      </c>
      <c r="AA23435" s="5"/>
      <c r="AB23435" s="5" t="s">
        <v>43</v>
      </c>
      <c r="AC23435" s="5" t="s">
        <v>44</v>
      </c>
      <c r="AD23435" s="2"/>
      <c r="AE23435" s="1"/>
    </row>
    <row r="23436" spans="1:31" ht="14.45">
      <c r="A23436" s="11"/>
      <c r="B23436" s="20"/>
      <c r="C23436" s="2" t="s">
        <v>75187</v>
      </c>
      <c r="D23436" s="14" t="s">
        <v>75188</v>
      </c>
      <c r="E23436" s="2" t="s">
        <v>75189</v>
      </c>
      <c r="F23436" s="2" t="s">
        <v>7615</v>
      </c>
      <c r="G23436" s="8">
        <v>300</v>
      </c>
      <c r="H23436" s="5">
        <v>6</v>
      </c>
      <c r="I23436" s="5" t="s">
        <v>1518</v>
      </c>
      <c r="J23436" s="5" t="s">
        <v>69038</v>
      </c>
      <c r="K23436" s="2" t="s">
        <v>69039</v>
      </c>
      <c r="L23436" s="5" t="s">
        <v>69038</v>
      </c>
      <c r="M23436" s="2" t="s">
        <v>69039</v>
      </c>
      <c r="N23436" s="5" t="s">
        <v>1521</v>
      </c>
      <c r="O23436" s="5" t="s">
        <v>38</v>
      </c>
      <c r="P23436" s="5" t="s">
        <v>39</v>
      </c>
      <c r="Q23436" s="5" t="s">
        <v>40</v>
      </c>
      <c r="R23436" s="5" t="s">
        <v>1522</v>
      </c>
      <c r="S23436" s="5" t="s">
        <v>1523</v>
      </c>
      <c r="T23436" s="5" t="s">
        <v>42</v>
      </c>
      <c r="U23436" s="2">
        <v>3.43</v>
      </c>
      <c r="V23436" s="2">
        <v>2.8540000000000001</v>
      </c>
      <c r="W23436" s="2">
        <v>1.7999999999999999E-2</v>
      </c>
      <c r="X23436" s="2">
        <v>139.1</v>
      </c>
      <c r="Y23436" s="2">
        <v>7.6</v>
      </c>
      <c r="Z23436" s="2">
        <v>16.7</v>
      </c>
      <c r="AA23436" s="5"/>
      <c r="AB23436" s="5" t="s">
        <v>43</v>
      </c>
      <c r="AC23436" s="5" t="s">
        <v>44</v>
      </c>
      <c r="AD23436" s="2"/>
      <c r="AE23436" s="1"/>
    </row>
    <row r="23437" spans="1:31" ht="14.45">
      <c r="A23437" s="11"/>
      <c r="B23437" s="20"/>
      <c r="C23437" s="2" t="s">
        <v>75190</v>
      </c>
      <c r="D23437" s="14" t="s">
        <v>75191</v>
      </c>
      <c r="E23437" s="2" t="s">
        <v>75192</v>
      </c>
      <c r="F23437" s="2" t="s">
        <v>7619</v>
      </c>
      <c r="G23437" s="8">
        <v>300</v>
      </c>
      <c r="H23437" s="5">
        <v>6</v>
      </c>
      <c r="I23437" s="5" t="s">
        <v>1518</v>
      </c>
      <c r="J23437" s="5" t="s">
        <v>69038</v>
      </c>
      <c r="K23437" s="2" t="s">
        <v>69039</v>
      </c>
      <c r="L23437" s="5" t="s">
        <v>69038</v>
      </c>
      <c r="M23437" s="2" t="s">
        <v>69039</v>
      </c>
      <c r="N23437" s="5" t="s">
        <v>1521</v>
      </c>
      <c r="O23437" s="5" t="s">
        <v>38</v>
      </c>
      <c r="P23437" s="5" t="s">
        <v>39</v>
      </c>
      <c r="Q23437" s="5" t="s">
        <v>40</v>
      </c>
      <c r="R23437" s="5" t="s">
        <v>1522</v>
      </c>
      <c r="S23437" s="5" t="s">
        <v>1523</v>
      </c>
      <c r="T23437" s="5" t="s">
        <v>42</v>
      </c>
      <c r="U23437" s="2">
        <v>3.5419999999999998</v>
      </c>
      <c r="V23437" s="2">
        <v>2.9660000000000002</v>
      </c>
      <c r="W23437" s="2">
        <v>1.7999999999999999E-2</v>
      </c>
      <c r="X23437" s="2">
        <v>139.1</v>
      </c>
      <c r="Y23437" s="2">
        <v>7.6</v>
      </c>
      <c r="Z23437" s="2">
        <v>16.7</v>
      </c>
      <c r="AA23437" s="5"/>
      <c r="AB23437" s="5" t="s">
        <v>43</v>
      </c>
      <c r="AC23437" s="5" t="s">
        <v>44</v>
      </c>
      <c r="AD23437" s="2"/>
      <c r="AE23437" s="1"/>
    </row>
    <row r="23438" spans="1:31" ht="14.45">
      <c r="A23438" s="11"/>
      <c r="B23438" s="20"/>
      <c r="C23438" s="2" t="s">
        <v>75193</v>
      </c>
      <c r="D23438" s="14" t="s">
        <v>75194</v>
      </c>
      <c r="E23438" s="2" t="s">
        <v>75195</v>
      </c>
      <c r="F23438" s="2" t="s">
        <v>16014</v>
      </c>
      <c r="G23438" s="8">
        <v>300</v>
      </c>
      <c r="H23438" s="5">
        <v>6</v>
      </c>
      <c r="I23438" s="5" t="s">
        <v>1518</v>
      </c>
      <c r="J23438" s="5" t="s">
        <v>69038</v>
      </c>
      <c r="K23438" s="2" t="s">
        <v>69039</v>
      </c>
      <c r="L23438" s="5" t="s">
        <v>69038</v>
      </c>
      <c r="M23438" s="2" t="s">
        <v>69039</v>
      </c>
      <c r="N23438" s="5" t="s">
        <v>1521</v>
      </c>
      <c r="O23438" s="5" t="s">
        <v>38</v>
      </c>
      <c r="P23438" s="5" t="s">
        <v>39</v>
      </c>
      <c r="Q23438" s="5" t="s">
        <v>40</v>
      </c>
      <c r="R23438" s="5" t="s">
        <v>1522</v>
      </c>
      <c r="S23438" s="5" t="s">
        <v>1523</v>
      </c>
      <c r="T23438" s="5" t="s">
        <v>42</v>
      </c>
      <c r="U23438" s="2">
        <v>3.43</v>
      </c>
      <c r="V23438" s="2">
        <v>2.8540000000000001</v>
      </c>
      <c r="W23438" s="2">
        <v>1.7999999999999999E-2</v>
      </c>
      <c r="X23438" s="2">
        <v>139.1</v>
      </c>
      <c r="Y23438" s="2">
        <v>7.6</v>
      </c>
      <c r="Z23438" s="2">
        <v>16.7</v>
      </c>
      <c r="AA23438" s="5"/>
      <c r="AB23438" s="5" t="s">
        <v>43</v>
      </c>
      <c r="AC23438" s="5" t="s">
        <v>44</v>
      </c>
      <c r="AD23438" s="2"/>
      <c r="AE23438" s="1"/>
    </row>
    <row r="23439" spans="1:31" ht="14.45">
      <c r="A23439" s="11"/>
      <c r="B23439" s="20"/>
      <c r="C23439" s="2" t="s">
        <v>75196</v>
      </c>
      <c r="D23439" s="14" t="s">
        <v>75197</v>
      </c>
      <c r="E23439" s="2" t="s">
        <v>75198</v>
      </c>
      <c r="F23439" s="2" t="s">
        <v>16219</v>
      </c>
      <c r="G23439" s="8">
        <v>300</v>
      </c>
      <c r="H23439" s="5">
        <v>6</v>
      </c>
      <c r="I23439" s="5" t="s">
        <v>1518</v>
      </c>
      <c r="J23439" s="5" t="s">
        <v>69038</v>
      </c>
      <c r="K23439" s="2" t="s">
        <v>69039</v>
      </c>
      <c r="L23439" s="5" t="s">
        <v>69038</v>
      </c>
      <c r="M23439" s="2" t="s">
        <v>69039</v>
      </c>
      <c r="N23439" s="5" t="s">
        <v>1521</v>
      </c>
      <c r="O23439" s="5" t="s">
        <v>38</v>
      </c>
      <c r="P23439" s="5" t="s">
        <v>39</v>
      </c>
      <c r="Q23439" s="5" t="s">
        <v>40</v>
      </c>
      <c r="R23439" s="5" t="s">
        <v>1522</v>
      </c>
      <c r="S23439" s="5" t="s">
        <v>1523</v>
      </c>
      <c r="T23439" s="5" t="s">
        <v>42</v>
      </c>
      <c r="U23439" s="2">
        <v>3.5419999999999998</v>
      </c>
      <c r="V23439" s="2">
        <v>2.9660000000000002</v>
      </c>
      <c r="W23439" s="2">
        <v>1.7999999999999999E-2</v>
      </c>
      <c r="X23439" s="2">
        <v>139.1</v>
      </c>
      <c r="Y23439" s="2">
        <v>7.6</v>
      </c>
      <c r="Z23439" s="2">
        <v>16.7</v>
      </c>
      <c r="AA23439" s="5"/>
      <c r="AB23439" s="5" t="s">
        <v>43</v>
      </c>
      <c r="AC23439" s="5" t="s">
        <v>44</v>
      </c>
      <c r="AD23439" s="2"/>
      <c r="AE23439" s="1"/>
    </row>
    <row r="23440" spans="1:31" ht="14.45">
      <c r="A23440" s="11"/>
      <c r="B23440" s="20"/>
      <c r="C23440" s="2" t="s">
        <v>75199</v>
      </c>
      <c r="D23440" s="14" t="s">
        <v>75200</v>
      </c>
      <c r="E23440" s="2" t="s">
        <v>75201</v>
      </c>
      <c r="F23440" s="2" t="s">
        <v>7212</v>
      </c>
      <c r="G23440" s="8">
        <v>278</v>
      </c>
      <c r="H23440" s="5">
        <v>6</v>
      </c>
      <c r="I23440" s="5" t="s">
        <v>1518</v>
      </c>
      <c r="J23440" s="5" t="s">
        <v>69038</v>
      </c>
      <c r="K23440" s="2" t="s">
        <v>69039</v>
      </c>
      <c r="L23440" s="5" t="s">
        <v>69038</v>
      </c>
      <c r="M23440" s="2" t="s">
        <v>69039</v>
      </c>
      <c r="N23440" s="5" t="s">
        <v>1521</v>
      </c>
      <c r="O23440" s="5" t="s">
        <v>38</v>
      </c>
      <c r="P23440" s="5" t="s">
        <v>39</v>
      </c>
      <c r="Q23440" s="5" t="s">
        <v>40</v>
      </c>
      <c r="R23440" s="5" t="s">
        <v>1522</v>
      </c>
      <c r="S23440" s="5" t="s">
        <v>1523</v>
      </c>
      <c r="T23440" s="5" t="s">
        <v>42</v>
      </c>
      <c r="U23440" s="2">
        <v>3.43</v>
      </c>
      <c r="V23440" s="2">
        <v>2.8540000000000001</v>
      </c>
      <c r="W23440" s="2">
        <v>1.7999999999999999E-2</v>
      </c>
      <c r="X23440" s="2">
        <v>139.1</v>
      </c>
      <c r="Y23440" s="2">
        <v>7.6</v>
      </c>
      <c r="Z23440" s="2">
        <v>16.7</v>
      </c>
      <c r="AA23440" s="5"/>
      <c r="AB23440" s="5" t="s">
        <v>43</v>
      </c>
      <c r="AC23440" s="5" t="s">
        <v>44</v>
      </c>
      <c r="AD23440" s="2"/>
      <c r="AE23440" s="1"/>
    </row>
    <row r="23441" spans="1:31" ht="14.45">
      <c r="A23441" s="11"/>
      <c r="B23441" s="20"/>
      <c r="C23441" s="2" t="s">
        <v>75202</v>
      </c>
      <c r="D23441" s="14" t="s">
        <v>75203</v>
      </c>
      <c r="E23441" s="2" t="s">
        <v>75204</v>
      </c>
      <c r="F23441" s="2" t="s">
        <v>7528</v>
      </c>
      <c r="G23441" s="8">
        <v>278</v>
      </c>
      <c r="H23441" s="5">
        <v>6</v>
      </c>
      <c r="I23441" s="5" t="s">
        <v>1518</v>
      </c>
      <c r="J23441" s="5" t="s">
        <v>69038</v>
      </c>
      <c r="K23441" s="2" t="s">
        <v>69039</v>
      </c>
      <c r="L23441" s="5" t="s">
        <v>69038</v>
      </c>
      <c r="M23441" s="2" t="s">
        <v>69039</v>
      </c>
      <c r="N23441" s="5" t="s">
        <v>1521</v>
      </c>
      <c r="O23441" s="5" t="s">
        <v>38</v>
      </c>
      <c r="P23441" s="5" t="s">
        <v>39</v>
      </c>
      <c r="Q23441" s="5" t="s">
        <v>40</v>
      </c>
      <c r="R23441" s="5" t="s">
        <v>1522</v>
      </c>
      <c r="S23441" s="5" t="s">
        <v>1523</v>
      </c>
      <c r="T23441" s="5" t="s">
        <v>42</v>
      </c>
      <c r="U23441" s="2">
        <v>3.5419999999999998</v>
      </c>
      <c r="V23441" s="2">
        <v>2.9660000000000002</v>
      </c>
      <c r="W23441" s="2">
        <v>1.7999999999999999E-2</v>
      </c>
      <c r="X23441" s="2">
        <v>139.1</v>
      </c>
      <c r="Y23441" s="2">
        <v>7.6</v>
      </c>
      <c r="Z23441" s="2">
        <v>16.7</v>
      </c>
      <c r="AA23441" s="5"/>
      <c r="AB23441" s="5" t="s">
        <v>43</v>
      </c>
      <c r="AC23441" s="5" t="s">
        <v>44</v>
      </c>
      <c r="AD23441" s="2"/>
      <c r="AE23441" s="1"/>
    </row>
    <row r="23442" spans="1:31" ht="14.45">
      <c r="A23442" s="11"/>
      <c r="B23442" s="20"/>
      <c r="C23442" s="2" t="s">
        <v>75205</v>
      </c>
      <c r="D23442" s="14" t="s">
        <v>75206</v>
      </c>
      <c r="E23442" s="2" t="s">
        <v>75207</v>
      </c>
      <c r="F23442" s="2" t="s">
        <v>16029</v>
      </c>
      <c r="G23442" s="8">
        <v>300</v>
      </c>
      <c r="H23442" s="5">
        <v>6</v>
      </c>
      <c r="I23442" s="5" t="s">
        <v>1518</v>
      </c>
      <c r="J23442" s="5" t="s">
        <v>69038</v>
      </c>
      <c r="K23442" s="2" t="s">
        <v>69039</v>
      </c>
      <c r="L23442" s="5" t="s">
        <v>69038</v>
      </c>
      <c r="M23442" s="2" t="s">
        <v>69039</v>
      </c>
      <c r="N23442" s="5" t="s">
        <v>1521</v>
      </c>
      <c r="O23442" s="5" t="s">
        <v>38</v>
      </c>
      <c r="P23442" s="5" t="s">
        <v>39</v>
      </c>
      <c r="Q23442" s="5" t="s">
        <v>40</v>
      </c>
      <c r="R23442" s="5" t="s">
        <v>1522</v>
      </c>
      <c r="S23442" s="5" t="s">
        <v>1523</v>
      </c>
      <c r="T23442" s="5" t="s">
        <v>42</v>
      </c>
      <c r="U23442" s="2">
        <v>3.444</v>
      </c>
      <c r="V23442" s="2">
        <v>2.8679999999999999</v>
      </c>
      <c r="W23442" s="2">
        <v>1.7999999999999999E-2</v>
      </c>
      <c r="X23442" s="2">
        <v>139.1</v>
      </c>
      <c r="Y23442" s="2">
        <v>7.6</v>
      </c>
      <c r="Z23442" s="2">
        <v>16.7</v>
      </c>
      <c r="AA23442" s="5"/>
      <c r="AB23442" s="5" t="s">
        <v>43</v>
      </c>
      <c r="AC23442" s="5" t="s">
        <v>44</v>
      </c>
      <c r="AD23442" s="2"/>
      <c r="AE23442" s="1"/>
    </row>
    <row r="23443" spans="1:31" ht="14.45">
      <c r="A23443" s="11"/>
      <c r="B23443" s="20"/>
      <c r="C23443" s="2" t="s">
        <v>75208</v>
      </c>
      <c r="D23443" s="14" t="s">
        <v>75209</v>
      </c>
      <c r="E23443" s="2" t="s">
        <v>75210</v>
      </c>
      <c r="F23443" s="2" t="s">
        <v>16033</v>
      </c>
      <c r="G23443" s="8">
        <v>300</v>
      </c>
      <c r="H23443" s="5">
        <v>6</v>
      </c>
      <c r="I23443" s="5" t="s">
        <v>1518</v>
      </c>
      <c r="J23443" s="5" t="s">
        <v>69038</v>
      </c>
      <c r="K23443" s="2" t="s">
        <v>69039</v>
      </c>
      <c r="L23443" s="5" t="s">
        <v>69038</v>
      </c>
      <c r="M23443" s="2" t="s">
        <v>69039</v>
      </c>
      <c r="N23443" s="5" t="s">
        <v>1521</v>
      </c>
      <c r="O23443" s="5" t="s">
        <v>38</v>
      </c>
      <c r="P23443" s="5" t="s">
        <v>39</v>
      </c>
      <c r="Q23443" s="5" t="s">
        <v>40</v>
      </c>
      <c r="R23443" s="5" t="s">
        <v>1522</v>
      </c>
      <c r="S23443" s="5" t="s">
        <v>1523</v>
      </c>
      <c r="T23443" s="5" t="s">
        <v>42</v>
      </c>
      <c r="U23443" s="2">
        <v>3.556</v>
      </c>
      <c r="V23443" s="2">
        <v>2.98</v>
      </c>
      <c r="W23443" s="2">
        <v>1.7999999999999999E-2</v>
      </c>
      <c r="X23443" s="2">
        <v>139.1</v>
      </c>
      <c r="Y23443" s="2">
        <v>7.6</v>
      </c>
      <c r="Z23443" s="2">
        <v>16.7</v>
      </c>
      <c r="AA23443" s="5"/>
      <c r="AB23443" s="5" t="s">
        <v>43</v>
      </c>
      <c r="AC23443" s="5" t="s">
        <v>44</v>
      </c>
      <c r="AD23443" s="2"/>
      <c r="AE23443" s="1"/>
    </row>
    <row r="23444" spans="1:31" ht="14.45">
      <c r="A23444" s="11"/>
      <c r="B23444" s="20"/>
      <c r="C23444" s="2" t="s">
        <v>75211</v>
      </c>
      <c r="D23444" s="14" t="s">
        <v>75212</v>
      </c>
      <c r="E23444" s="2" t="s">
        <v>75213</v>
      </c>
      <c r="F23444" s="2" t="s">
        <v>7204</v>
      </c>
      <c r="G23444" s="8">
        <v>296</v>
      </c>
      <c r="H23444" s="5">
        <v>6</v>
      </c>
      <c r="I23444" s="5" t="s">
        <v>1518</v>
      </c>
      <c r="J23444" s="5" t="s">
        <v>69038</v>
      </c>
      <c r="K23444" s="2" t="s">
        <v>69039</v>
      </c>
      <c r="L23444" s="5" t="s">
        <v>69038</v>
      </c>
      <c r="M23444" s="2" t="s">
        <v>69039</v>
      </c>
      <c r="N23444" s="5" t="s">
        <v>1521</v>
      </c>
      <c r="O23444" s="5" t="s">
        <v>38</v>
      </c>
      <c r="P23444" s="5" t="s">
        <v>39</v>
      </c>
      <c r="Q23444" s="5" t="s">
        <v>40</v>
      </c>
      <c r="R23444" s="5" t="s">
        <v>1522</v>
      </c>
      <c r="S23444" s="5" t="s">
        <v>1523</v>
      </c>
      <c r="T23444" s="5" t="s">
        <v>42</v>
      </c>
      <c r="U23444" s="2">
        <v>3.6859999999999999</v>
      </c>
      <c r="V23444" s="2">
        <v>3.0270000000000001</v>
      </c>
      <c r="W23444" s="2">
        <v>0.02</v>
      </c>
      <c r="X23444" s="2">
        <v>159.1</v>
      </c>
      <c r="Y23444" s="2">
        <v>7.6</v>
      </c>
      <c r="Z23444" s="2">
        <v>16.7</v>
      </c>
      <c r="AA23444" s="5"/>
      <c r="AB23444" s="5" t="s">
        <v>43</v>
      </c>
      <c r="AC23444" s="5" t="s">
        <v>44</v>
      </c>
      <c r="AD23444" s="2"/>
      <c r="AE23444" s="1"/>
    </row>
    <row r="23445" spans="1:31" ht="14.45">
      <c r="A23445" s="11"/>
      <c r="B23445" s="20"/>
      <c r="C23445" s="2" t="s">
        <v>75214</v>
      </c>
      <c r="D23445" s="14" t="s">
        <v>75215</v>
      </c>
      <c r="E23445" s="2" t="s">
        <v>75216</v>
      </c>
      <c r="F23445" s="2" t="s">
        <v>7514</v>
      </c>
      <c r="G23445" s="8">
        <v>296</v>
      </c>
      <c r="H23445" s="5">
        <v>6</v>
      </c>
      <c r="I23445" s="5" t="s">
        <v>1518</v>
      </c>
      <c r="J23445" s="5" t="s">
        <v>69038</v>
      </c>
      <c r="K23445" s="2" t="s">
        <v>69039</v>
      </c>
      <c r="L23445" s="5" t="s">
        <v>69038</v>
      </c>
      <c r="M23445" s="2" t="s">
        <v>69039</v>
      </c>
      <c r="N23445" s="5" t="s">
        <v>1521</v>
      </c>
      <c r="O23445" s="5" t="s">
        <v>38</v>
      </c>
      <c r="P23445" s="5" t="s">
        <v>39</v>
      </c>
      <c r="Q23445" s="5" t="s">
        <v>40</v>
      </c>
      <c r="R23445" s="5" t="s">
        <v>1522</v>
      </c>
      <c r="S23445" s="5" t="s">
        <v>1523</v>
      </c>
      <c r="T23445" s="5" t="s">
        <v>42</v>
      </c>
      <c r="U23445" s="2">
        <v>3.81</v>
      </c>
      <c r="V23445" s="2">
        <v>3.1509999999999998</v>
      </c>
      <c r="W23445" s="2">
        <v>0.02</v>
      </c>
      <c r="X23445" s="2">
        <v>159.1</v>
      </c>
      <c r="Y23445" s="2">
        <v>7.6</v>
      </c>
      <c r="Z23445" s="2">
        <v>16.7</v>
      </c>
      <c r="AA23445" s="5"/>
      <c r="AB23445" s="5" t="s">
        <v>43</v>
      </c>
      <c r="AC23445" s="5" t="s">
        <v>44</v>
      </c>
      <c r="AD23445" s="2"/>
      <c r="AE23445" s="1"/>
    </row>
    <row r="23446" spans="1:31" ht="14.45">
      <c r="A23446" s="11"/>
      <c r="B23446" s="20"/>
      <c r="C23446" s="2" t="s">
        <v>75217</v>
      </c>
      <c r="D23446" s="14" t="s">
        <v>75218</v>
      </c>
      <c r="E23446" s="2" t="s">
        <v>75219</v>
      </c>
      <c r="F23446" s="2" t="s">
        <v>7208</v>
      </c>
      <c r="G23446" s="8">
        <v>296</v>
      </c>
      <c r="H23446" s="5">
        <v>6</v>
      </c>
      <c r="I23446" s="5" t="s">
        <v>1518</v>
      </c>
      <c r="J23446" s="5" t="s">
        <v>69038</v>
      </c>
      <c r="K23446" s="2" t="s">
        <v>69039</v>
      </c>
      <c r="L23446" s="5" t="s">
        <v>69038</v>
      </c>
      <c r="M23446" s="2" t="s">
        <v>69039</v>
      </c>
      <c r="N23446" s="5" t="s">
        <v>1521</v>
      </c>
      <c r="O23446" s="5" t="s">
        <v>38</v>
      </c>
      <c r="P23446" s="5" t="s">
        <v>39</v>
      </c>
      <c r="Q23446" s="5" t="s">
        <v>40</v>
      </c>
      <c r="R23446" s="5" t="s">
        <v>1522</v>
      </c>
      <c r="S23446" s="5" t="s">
        <v>1523</v>
      </c>
      <c r="T23446" s="5" t="s">
        <v>42</v>
      </c>
      <c r="U23446" s="2">
        <v>3.6859999999999999</v>
      </c>
      <c r="V23446" s="2">
        <v>3.0270000000000001</v>
      </c>
      <c r="W23446" s="2">
        <v>0.02</v>
      </c>
      <c r="X23446" s="2">
        <v>159.1</v>
      </c>
      <c r="Y23446" s="2">
        <v>7.6</v>
      </c>
      <c r="Z23446" s="2">
        <v>16.7</v>
      </c>
      <c r="AA23446" s="5"/>
      <c r="AB23446" s="5" t="s">
        <v>43</v>
      </c>
      <c r="AC23446" s="5" t="s">
        <v>44</v>
      </c>
      <c r="AD23446" s="2"/>
      <c r="AE23446" s="1"/>
    </row>
    <row r="23447" spans="1:31" ht="14.45">
      <c r="A23447" s="11"/>
      <c r="B23447" s="20"/>
      <c r="C23447" s="2" t="s">
        <v>75220</v>
      </c>
      <c r="D23447" s="14" t="s">
        <v>75221</v>
      </c>
      <c r="E23447" s="2" t="s">
        <v>75222</v>
      </c>
      <c r="F23447" s="2" t="s">
        <v>7521</v>
      </c>
      <c r="G23447" s="8">
        <v>296</v>
      </c>
      <c r="H23447" s="5">
        <v>6</v>
      </c>
      <c r="I23447" s="5" t="s">
        <v>1518</v>
      </c>
      <c r="J23447" s="5" t="s">
        <v>69038</v>
      </c>
      <c r="K23447" s="2" t="s">
        <v>69039</v>
      </c>
      <c r="L23447" s="5" t="s">
        <v>69038</v>
      </c>
      <c r="M23447" s="2" t="s">
        <v>69039</v>
      </c>
      <c r="N23447" s="5" t="s">
        <v>1521</v>
      </c>
      <c r="O23447" s="5" t="s">
        <v>38</v>
      </c>
      <c r="P23447" s="5" t="s">
        <v>39</v>
      </c>
      <c r="Q23447" s="5" t="s">
        <v>40</v>
      </c>
      <c r="R23447" s="5" t="s">
        <v>1522</v>
      </c>
      <c r="S23447" s="5" t="s">
        <v>1523</v>
      </c>
      <c r="T23447" s="5" t="s">
        <v>42</v>
      </c>
      <c r="U23447" s="2">
        <v>3.81</v>
      </c>
      <c r="V23447" s="2">
        <v>3.1509999999999998</v>
      </c>
      <c r="W23447" s="2">
        <v>0.02</v>
      </c>
      <c r="X23447" s="2">
        <v>159.1</v>
      </c>
      <c r="Y23447" s="2">
        <v>7.6</v>
      </c>
      <c r="Z23447" s="2">
        <v>16.7</v>
      </c>
      <c r="AA23447" s="5"/>
      <c r="AB23447" s="5" t="s">
        <v>43</v>
      </c>
      <c r="AC23447" s="5" t="s">
        <v>44</v>
      </c>
      <c r="AD23447" s="2"/>
      <c r="AE23447" s="1"/>
    </row>
    <row r="23448" spans="1:31" ht="14.45">
      <c r="A23448" s="11"/>
      <c r="B23448" s="20"/>
      <c r="C23448" s="2" t="s">
        <v>75223</v>
      </c>
      <c r="D23448" s="14" t="s">
        <v>75224</v>
      </c>
      <c r="E23448" s="2" t="s">
        <v>75225</v>
      </c>
      <c r="F23448" s="2" t="s">
        <v>7535</v>
      </c>
      <c r="G23448" s="8">
        <v>321</v>
      </c>
      <c r="H23448" s="5">
        <v>6</v>
      </c>
      <c r="I23448" s="5" t="s">
        <v>1518</v>
      </c>
      <c r="J23448" s="5" t="s">
        <v>69038</v>
      </c>
      <c r="K23448" s="2" t="s">
        <v>69039</v>
      </c>
      <c r="L23448" s="5" t="s">
        <v>69038</v>
      </c>
      <c r="M23448" s="2" t="s">
        <v>69039</v>
      </c>
      <c r="N23448" s="5" t="s">
        <v>1521</v>
      </c>
      <c r="O23448" s="5" t="s">
        <v>38</v>
      </c>
      <c r="P23448" s="5" t="s">
        <v>39</v>
      </c>
      <c r="Q23448" s="5" t="s">
        <v>40</v>
      </c>
      <c r="R23448" s="5" t="s">
        <v>1522</v>
      </c>
      <c r="S23448" s="5" t="s">
        <v>1523</v>
      </c>
      <c r="T23448" s="5" t="s">
        <v>42</v>
      </c>
      <c r="U23448" s="2">
        <v>3.81</v>
      </c>
      <c r="V23448" s="2">
        <v>3.1509999999999998</v>
      </c>
      <c r="W23448" s="2">
        <v>0.02</v>
      </c>
      <c r="X23448" s="2">
        <v>159.1</v>
      </c>
      <c r="Y23448" s="2">
        <v>7.6</v>
      </c>
      <c r="Z23448" s="2">
        <v>16.7</v>
      </c>
      <c r="AA23448" s="5"/>
      <c r="AB23448" s="5" t="s">
        <v>43</v>
      </c>
      <c r="AC23448" s="5" t="s">
        <v>44</v>
      </c>
      <c r="AD23448" s="2"/>
      <c r="AE23448" s="1"/>
    </row>
    <row r="23449" spans="1:31" ht="14.45">
      <c r="A23449" s="11"/>
      <c r="B23449" s="20"/>
      <c r="C23449" s="2" t="s">
        <v>75226</v>
      </c>
      <c r="D23449" s="14" t="s">
        <v>75227</v>
      </c>
      <c r="E23449" s="2" t="s">
        <v>75228</v>
      </c>
      <c r="F23449" s="2" t="s">
        <v>7539</v>
      </c>
      <c r="G23449" s="8">
        <v>321</v>
      </c>
      <c r="H23449" s="5">
        <v>6</v>
      </c>
      <c r="I23449" s="5" t="s">
        <v>1518</v>
      </c>
      <c r="J23449" s="5" t="s">
        <v>69038</v>
      </c>
      <c r="K23449" s="2" t="s">
        <v>69039</v>
      </c>
      <c r="L23449" s="5" t="s">
        <v>69038</v>
      </c>
      <c r="M23449" s="2" t="s">
        <v>69039</v>
      </c>
      <c r="N23449" s="5" t="s">
        <v>1521</v>
      </c>
      <c r="O23449" s="5" t="s">
        <v>38</v>
      </c>
      <c r="P23449" s="5" t="s">
        <v>39</v>
      </c>
      <c r="Q23449" s="5" t="s">
        <v>40</v>
      </c>
      <c r="R23449" s="5" t="s">
        <v>1522</v>
      </c>
      <c r="S23449" s="5" t="s">
        <v>1523</v>
      </c>
      <c r="T23449" s="5" t="s">
        <v>42</v>
      </c>
      <c r="U23449" s="2">
        <v>3.6859999999999999</v>
      </c>
      <c r="V23449" s="2">
        <v>3.0270000000000001</v>
      </c>
      <c r="W23449" s="2">
        <v>0.02</v>
      </c>
      <c r="X23449" s="2">
        <v>159.1</v>
      </c>
      <c r="Y23449" s="2">
        <v>7.6</v>
      </c>
      <c r="Z23449" s="2">
        <v>16.7</v>
      </c>
      <c r="AA23449" s="5"/>
      <c r="AB23449" s="5" t="s">
        <v>43</v>
      </c>
      <c r="AC23449" s="5" t="s">
        <v>44</v>
      </c>
      <c r="AD23449" s="2"/>
      <c r="AE23449" s="1"/>
    </row>
    <row r="23450" spans="1:31" ht="14.45">
      <c r="A23450" s="11"/>
      <c r="B23450" s="20"/>
      <c r="C23450" s="2" t="s">
        <v>75229</v>
      </c>
      <c r="D23450" s="14" t="s">
        <v>75230</v>
      </c>
      <c r="E23450" s="2" t="s">
        <v>75231</v>
      </c>
      <c r="F23450" s="2" t="s">
        <v>7543</v>
      </c>
      <c r="G23450" s="8">
        <v>321</v>
      </c>
      <c r="H23450" s="5">
        <v>6</v>
      </c>
      <c r="I23450" s="5" t="s">
        <v>1518</v>
      </c>
      <c r="J23450" s="5" t="s">
        <v>69038</v>
      </c>
      <c r="K23450" s="2" t="s">
        <v>69039</v>
      </c>
      <c r="L23450" s="5" t="s">
        <v>69038</v>
      </c>
      <c r="M23450" s="2" t="s">
        <v>69039</v>
      </c>
      <c r="N23450" s="5" t="s">
        <v>1521</v>
      </c>
      <c r="O23450" s="5" t="s">
        <v>38</v>
      </c>
      <c r="P23450" s="5" t="s">
        <v>39</v>
      </c>
      <c r="Q23450" s="5" t="s">
        <v>40</v>
      </c>
      <c r="R23450" s="5" t="s">
        <v>1522</v>
      </c>
      <c r="S23450" s="5" t="s">
        <v>1523</v>
      </c>
      <c r="T23450" s="5" t="s">
        <v>42</v>
      </c>
      <c r="U23450" s="2">
        <v>3.81</v>
      </c>
      <c r="V23450" s="2">
        <v>3.1509999999999998</v>
      </c>
      <c r="W23450" s="2">
        <v>0.02</v>
      </c>
      <c r="X23450" s="2">
        <v>159.1</v>
      </c>
      <c r="Y23450" s="2">
        <v>7.6</v>
      </c>
      <c r="Z23450" s="2">
        <v>16.7</v>
      </c>
      <c r="AA23450" s="5"/>
      <c r="AB23450" s="5" t="s">
        <v>43</v>
      </c>
      <c r="AC23450" s="5" t="s">
        <v>44</v>
      </c>
      <c r="AD23450" s="2"/>
      <c r="AE23450" s="1"/>
    </row>
    <row r="23451" spans="1:31" ht="14.45">
      <c r="A23451" s="11"/>
      <c r="B23451" s="20"/>
      <c r="C23451" s="2" t="s">
        <v>75232</v>
      </c>
      <c r="D23451" s="14" t="s">
        <v>75233</v>
      </c>
      <c r="E23451" s="2" t="s">
        <v>75234</v>
      </c>
      <c r="F23451" s="2" t="s">
        <v>7396</v>
      </c>
      <c r="G23451" s="8">
        <v>296</v>
      </c>
      <c r="H23451" s="5">
        <v>6</v>
      </c>
      <c r="I23451" s="5" t="s">
        <v>1518</v>
      </c>
      <c r="J23451" s="5" t="s">
        <v>69038</v>
      </c>
      <c r="K23451" s="2" t="s">
        <v>69039</v>
      </c>
      <c r="L23451" s="5" t="s">
        <v>69038</v>
      </c>
      <c r="M23451" s="2" t="s">
        <v>69039</v>
      </c>
      <c r="N23451" s="5" t="s">
        <v>1521</v>
      </c>
      <c r="O23451" s="5" t="s">
        <v>38</v>
      </c>
      <c r="P23451" s="5" t="s">
        <v>39</v>
      </c>
      <c r="Q23451" s="5" t="s">
        <v>40</v>
      </c>
      <c r="R23451" s="5" t="s">
        <v>1522</v>
      </c>
      <c r="S23451" s="5" t="s">
        <v>1523</v>
      </c>
      <c r="T23451" s="5" t="s">
        <v>42</v>
      </c>
      <c r="U23451" s="2">
        <v>3.6859999999999999</v>
      </c>
      <c r="V23451" s="2">
        <v>3.0270000000000001</v>
      </c>
      <c r="W23451" s="2">
        <v>0.02</v>
      </c>
      <c r="X23451" s="2">
        <v>159.1</v>
      </c>
      <c r="Y23451" s="2">
        <v>7.6</v>
      </c>
      <c r="Z23451" s="2">
        <v>16.7</v>
      </c>
      <c r="AA23451" s="5"/>
      <c r="AB23451" s="5" t="s">
        <v>43</v>
      </c>
      <c r="AC23451" s="5" t="s">
        <v>44</v>
      </c>
      <c r="AD23451" s="2"/>
      <c r="AE23451" s="1"/>
    </row>
    <row r="23452" spans="1:31" ht="14.45">
      <c r="A23452" s="11"/>
      <c r="B23452" s="20"/>
      <c r="C23452" s="2" t="s">
        <v>75235</v>
      </c>
      <c r="D23452" s="14" t="s">
        <v>75236</v>
      </c>
      <c r="E23452" s="2" t="s">
        <v>75237</v>
      </c>
      <c r="F23452" s="2" t="s">
        <v>7507</v>
      </c>
      <c r="G23452" s="8">
        <v>296</v>
      </c>
      <c r="H23452" s="5">
        <v>6</v>
      </c>
      <c r="I23452" s="5" t="s">
        <v>1518</v>
      </c>
      <c r="J23452" s="5" t="s">
        <v>69038</v>
      </c>
      <c r="K23452" s="2" t="s">
        <v>69039</v>
      </c>
      <c r="L23452" s="5" t="s">
        <v>69038</v>
      </c>
      <c r="M23452" s="2" t="s">
        <v>69039</v>
      </c>
      <c r="N23452" s="5" t="s">
        <v>1521</v>
      </c>
      <c r="O23452" s="5" t="s">
        <v>38</v>
      </c>
      <c r="P23452" s="5" t="s">
        <v>39</v>
      </c>
      <c r="Q23452" s="5" t="s">
        <v>40</v>
      </c>
      <c r="R23452" s="5" t="s">
        <v>1522</v>
      </c>
      <c r="S23452" s="5" t="s">
        <v>1523</v>
      </c>
      <c r="T23452" s="5" t="s">
        <v>42</v>
      </c>
      <c r="U23452" s="2">
        <v>3.81</v>
      </c>
      <c r="V23452" s="2">
        <v>3.1509999999999998</v>
      </c>
      <c r="W23452" s="2">
        <v>0.02</v>
      </c>
      <c r="X23452" s="2">
        <v>159.1</v>
      </c>
      <c r="Y23452" s="2">
        <v>7.6</v>
      </c>
      <c r="Z23452" s="2">
        <v>16.7</v>
      </c>
      <c r="AA23452" s="5"/>
      <c r="AB23452" s="5" t="s">
        <v>43</v>
      </c>
      <c r="AC23452" s="5" t="s">
        <v>44</v>
      </c>
      <c r="AD23452" s="2"/>
      <c r="AE23452" s="1"/>
    </row>
    <row r="23453" spans="1:31" ht="14.45">
      <c r="A23453" s="11"/>
      <c r="B23453" s="20"/>
      <c r="C23453" s="2" t="s">
        <v>75238</v>
      </c>
      <c r="D23453" s="14" t="s">
        <v>75239</v>
      </c>
      <c r="E23453" s="2" t="s">
        <v>75240</v>
      </c>
      <c r="F23453" s="2" t="s">
        <v>7547</v>
      </c>
      <c r="G23453" s="8">
        <v>321</v>
      </c>
      <c r="H23453" s="5">
        <v>6</v>
      </c>
      <c r="I23453" s="5" t="s">
        <v>1518</v>
      </c>
      <c r="J23453" s="5" t="s">
        <v>69038</v>
      </c>
      <c r="K23453" s="2" t="s">
        <v>69039</v>
      </c>
      <c r="L23453" s="5" t="s">
        <v>69038</v>
      </c>
      <c r="M23453" s="2" t="s">
        <v>69039</v>
      </c>
      <c r="N23453" s="5" t="s">
        <v>1521</v>
      </c>
      <c r="O23453" s="5" t="s">
        <v>38</v>
      </c>
      <c r="P23453" s="5" t="s">
        <v>39</v>
      </c>
      <c r="Q23453" s="5" t="s">
        <v>40</v>
      </c>
      <c r="R23453" s="5" t="s">
        <v>1522</v>
      </c>
      <c r="S23453" s="5" t="s">
        <v>1523</v>
      </c>
      <c r="T23453" s="5" t="s">
        <v>42</v>
      </c>
      <c r="U23453" s="2">
        <v>3.6859999999999999</v>
      </c>
      <c r="V23453" s="2">
        <v>3.0270000000000001</v>
      </c>
      <c r="W23453" s="2">
        <v>0.02</v>
      </c>
      <c r="X23453" s="2">
        <v>159.1</v>
      </c>
      <c r="Y23453" s="2">
        <v>7.6</v>
      </c>
      <c r="Z23453" s="2">
        <v>16.7</v>
      </c>
      <c r="AA23453" s="5"/>
      <c r="AB23453" s="5" t="s">
        <v>43</v>
      </c>
      <c r="AC23453" s="5" t="s">
        <v>44</v>
      </c>
      <c r="AD23453" s="2"/>
      <c r="AE23453" s="1"/>
    </row>
    <row r="23454" spans="1:31" ht="14.45">
      <c r="A23454" s="11"/>
      <c r="B23454" s="20"/>
      <c r="C23454" s="2" t="s">
        <v>75241</v>
      </c>
      <c r="D23454" s="14" t="s">
        <v>75242</v>
      </c>
      <c r="E23454" s="2" t="s">
        <v>75243</v>
      </c>
      <c r="F23454" s="2" t="s">
        <v>7563</v>
      </c>
      <c r="G23454" s="8">
        <v>321</v>
      </c>
      <c r="H23454" s="5">
        <v>6</v>
      </c>
      <c r="I23454" s="5" t="s">
        <v>1518</v>
      </c>
      <c r="J23454" s="5" t="s">
        <v>69038</v>
      </c>
      <c r="K23454" s="2" t="s">
        <v>69039</v>
      </c>
      <c r="L23454" s="5" t="s">
        <v>69038</v>
      </c>
      <c r="M23454" s="2" t="s">
        <v>69039</v>
      </c>
      <c r="N23454" s="5" t="s">
        <v>1521</v>
      </c>
      <c r="O23454" s="5" t="s">
        <v>38</v>
      </c>
      <c r="P23454" s="5" t="s">
        <v>39</v>
      </c>
      <c r="Q23454" s="5" t="s">
        <v>40</v>
      </c>
      <c r="R23454" s="5" t="s">
        <v>1522</v>
      </c>
      <c r="S23454" s="5" t="s">
        <v>1523</v>
      </c>
      <c r="T23454" s="5" t="s">
        <v>42</v>
      </c>
      <c r="U23454" s="2">
        <v>3.6859999999999999</v>
      </c>
      <c r="V23454" s="2">
        <v>3.0270000000000001</v>
      </c>
      <c r="W23454" s="2">
        <v>0.02</v>
      </c>
      <c r="X23454" s="2">
        <v>159.1</v>
      </c>
      <c r="Y23454" s="2">
        <v>7.6</v>
      </c>
      <c r="Z23454" s="2">
        <v>16.7</v>
      </c>
      <c r="AA23454" s="5"/>
      <c r="AB23454" s="5" t="s">
        <v>43</v>
      </c>
      <c r="AC23454" s="5" t="s">
        <v>44</v>
      </c>
      <c r="AD23454" s="2"/>
      <c r="AE23454" s="1"/>
    </row>
    <row r="23455" spans="1:31" ht="14.45">
      <c r="A23455" s="11"/>
      <c r="B23455" s="20"/>
      <c r="C23455" s="2" t="s">
        <v>75244</v>
      </c>
      <c r="D23455" s="14" t="s">
        <v>75245</v>
      </c>
      <c r="E23455" s="2" t="s">
        <v>75246</v>
      </c>
      <c r="F23455" s="2" t="s">
        <v>7567</v>
      </c>
      <c r="G23455" s="8">
        <v>321</v>
      </c>
      <c r="H23455" s="5">
        <v>6</v>
      </c>
      <c r="I23455" s="5" t="s">
        <v>1518</v>
      </c>
      <c r="J23455" s="5" t="s">
        <v>69038</v>
      </c>
      <c r="K23455" s="2" t="s">
        <v>69039</v>
      </c>
      <c r="L23455" s="5" t="s">
        <v>69038</v>
      </c>
      <c r="M23455" s="2" t="s">
        <v>69039</v>
      </c>
      <c r="N23455" s="5" t="s">
        <v>1521</v>
      </c>
      <c r="O23455" s="5" t="s">
        <v>38</v>
      </c>
      <c r="P23455" s="5" t="s">
        <v>39</v>
      </c>
      <c r="Q23455" s="5" t="s">
        <v>40</v>
      </c>
      <c r="R23455" s="5" t="s">
        <v>1522</v>
      </c>
      <c r="S23455" s="5" t="s">
        <v>1523</v>
      </c>
      <c r="T23455" s="5" t="s">
        <v>42</v>
      </c>
      <c r="U23455" s="2">
        <v>3.81</v>
      </c>
      <c r="V23455" s="2">
        <v>3.1509999999999998</v>
      </c>
      <c r="W23455" s="2">
        <v>0.02</v>
      </c>
      <c r="X23455" s="2">
        <v>159.1</v>
      </c>
      <c r="Y23455" s="2">
        <v>7.6</v>
      </c>
      <c r="Z23455" s="2">
        <v>16.7</v>
      </c>
      <c r="AA23455" s="5"/>
      <c r="AB23455" s="5" t="s">
        <v>43</v>
      </c>
      <c r="AC23455" s="5" t="s">
        <v>44</v>
      </c>
      <c r="AD23455" s="2"/>
      <c r="AE23455" s="1"/>
    </row>
    <row r="23456" spans="1:31" ht="14.45">
      <c r="A23456" s="11"/>
      <c r="B23456" s="20"/>
      <c r="C23456" s="2" t="s">
        <v>75247</v>
      </c>
      <c r="D23456" s="14" t="s">
        <v>75248</v>
      </c>
      <c r="E23456" s="2" t="s">
        <v>75249</v>
      </c>
      <c r="F23456" s="2" t="s">
        <v>7559</v>
      </c>
      <c r="G23456" s="8">
        <v>321</v>
      </c>
      <c r="H23456" s="5">
        <v>6</v>
      </c>
      <c r="I23456" s="5" t="s">
        <v>1518</v>
      </c>
      <c r="J23456" s="5" t="s">
        <v>69038</v>
      </c>
      <c r="K23456" s="2" t="s">
        <v>69039</v>
      </c>
      <c r="L23456" s="5" t="s">
        <v>69038</v>
      </c>
      <c r="M23456" s="2" t="s">
        <v>69039</v>
      </c>
      <c r="N23456" s="5" t="s">
        <v>1521</v>
      </c>
      <c r="O23456" s="5" t="s">
        <v>38</v>
      </c>
      <c r="P23456" s="5" t="s">
        <v>39</v>
      </c>
      <c r="Q23456" s="5" t="s">
        <v>40</v>
      </c>
      <c r="R23456" s="5" t="s">
        <v>1522</v>
      </c>
      <c r="S23456" s="5" t="s">
        <v>1523</v>
      </c>
      <c r="T23456" s="5" t="s">
        <v>42</v>
      </c>
      <c r="U23456" s="2">
        <v>3.81</v>
      </c>
      <c r="V23456" s="2">
        <v>3.1509999999999998</v>
      </c>
      <c r="W23456" s="2">
        <v>0.02</v>
      </c>
      <c r="X23456" s="2">
        <v>159.1</v>
      </c>
      <c r="Y23456" s="2">
        <v>7.6</v>
      </c>
      <c r="Z23456" s="2">
        <v>16.7</v>
      </c>
      <c r="AA23456" s="5"/>
      <c r="AB23456" s="5" t="s">
        <v>43</v>
      </c>
      <c r="AC23456" s="5" t="s">
        <v>44</v>
      </c>
      <c r="AD23456" s="2"/>
      <c r="AE23456" s="1"/>
    </row>
    <row r="23457" spans="1:31" ht="14.45">
      <c r="A23457" s="11"/>
      <c r="B23457" s="20"/>
      <c r="C23457" s="2" t="s">
        <v>75250</v>
      </c>
      <c r="D23457" s="14" t="s">
        <v>75251</v>
      </c>
      <c r="E23457" s="2" t="s">
        <v>75252</v>
      </c>
      <c r="F23457" s="2" t="s">
        <v>7449</v>
      </c>
      <c r="G23457" s="8">
        <v>321</v>
      </c>
      <c r="H23457" s="5">
        <v>6</v>
      </c>
      <c r="I23457" s="5" t="s">
        <v>1518</v>
      </c>
      <c r="J23457" s="5" t="s">
        <v>69038</v>
      </c>
      <c r="K23457" s="2" t="s">
        <v>69039</v>
      </c>
      <c r="L23457" s="5" t="s">
        <v>69038</v>
      </c>
      <c r="M23457" s="2" t="s">
        <v>69039</v>
      </c>
      <c r="N23457" s="5" t="s">
        <v>1521</v>
      </c>
      <c r="O23457" s="5" t="s">
        <v>38</v>
      </c>
      <c r="P23457" s="5" t="s">
        <v>39</v>
      </c>
      <c r="Q23457" s="5" t="s">
        <v>40</v>
      </c>
      <c r="R23457" s="5" t="s">
        <v>1522</v>
      </c>
      <c r="S23457" s="5" t="s">
        <v>1523</v>
      </c>
      <c r="T23457" s="5" t="s">
        <v>42</v>
      </c>
      <c r="U23457" s="2">
        <v>3.6859999999999999</v>
      </c>
      <c r="V23457" s="2">
        <v>3.0270000000000001</v>
      </c>
      <c r="W23457" s="2">
        <v>0.02</v>
      </c>
      <c r="X23457" s="2">
        <v>159.1</v>
      </c>
      <c r="Y23457" s="2">
        <v>7.6</v>
      </c>
      <c r="Z23457" s="2">
        <v>16.7</v>
      </c>
      <c r="AA23457" s="5"/>
      <c r="AB23457" s="5" t="s">
        <v>43</v>
      </c>
      <c r="AC23457" s="5" t="s">
        <v>44</v>
      </c>
      <c r="AD23457" s="2"/>
      <c r="AE23457" s="1"/>
    </row>
    <row r="23458" spans="1:31" ht="14.45">
      <c r="A23458" s="11"/>
      <c r="B23458" s="20"/>
      <c r="C23458" s="2" t="s">
        <v>75253</v>
      </c>
      <c r="D23458" s="14" t="s">
        <v>75254</v>
      </c>
      <c r="E23458" s="2" t="s">
        <v>75255</v>
      </c>
      <c r="F23458" s="2" t="s">
        <v>7585</v>
      </c>
      <c r="G23458" s="8">
        <v>321</v>
      </c>
      <c r="H23458" s="5">
        <v>6</v>
      </c>
      <c r="I23458" s="5" t="s">
        <v>1518</v>
      </c>
      <c r="J23458" s="5" t="s">
        <v>69038</v>
      </c>
      <c r="K23458" s="2" t="s">
        <v>69039</v>
      </c>
      <c r="L23458" s="5" t="s">
        <v>69038</v>
      </c>
      <c r="M23458" s="2" t="s">
        <v>69039</v>
      </c>
      <c r="N23458" s="5" t="s">
        <v>1521</v>
      </c>
      <c r="O23458" s="5" t="s">
        <v>38</v>
      </c>
      <c r="P23458" s="5" t="s">
        <v>39</v>
      </c>
      <c r="Q23458" s="5" t="s">
        <v>40</v>
      </c>
      <c r="R23458" s="5" t="s">
        <v>1522</v>
      </c>
      <c r="S23458" s="5" t="s">
        <v>1523</v>
      </c>
      <c r="T23458" s="5" t="s">
        <v>42</v>
      </c>
      <c r="U23458" s="2">
        <v>3.6859999999999999</v>
      </c>
      <c r="V23458" s="2">
        <v>3.0270000000000001</v>
      </c>
      <c r="W23458" s="2">
        <v>0.02</v>
      </c>
      <c r="X23458" s="2">
        <v>159.1</v>
      </c>
      <c r="Y23458" s="2">
        <v>7.6</v>
      </c>
      <c r="Z23458" s="2">
        <v>16.7</v>
      </c>
      <c r="AA23458" s="5"/>
      <c r="AB23458" s="5" t="s">
        <v>43</v>
      </c>
      <c r="AC23458" s="5" t="s">
        <v>44</v>
      </c>
      <c r="AD23458" s="2"/>
      <c r="AE23458" s="1"/>
    </row>
    <row r="23459" spans="1:31" ht="14.45">
      <c r="A23459" s="11"/>
      <c r="B23459" s="20"/>
      <c r="C23459" s="2" t="s">
        <v>75256</v>
      </c>
      <c r="D23459" s="14" t="s">
        <v>75257</v>
      </c>
      <c r="E23459" s="2" t="s">
        <v>75258</v>
      </c>
      <c r="F23459" s="2" t="s">
        <v>73362</v>
      </c>
      <c r="G23459" s="8">
        <v>321</v>
      </c>
      <c r="H23459" s="5">
        <v>6</v>
      </c>
      <c r="I23459" s="5" t="s">
        <v>1518</v>
      </c>
      <c r="J23459" s="5" t="s">
        <v>69038</v>
      </c>
      <c r="K23459" s="2" t="s">
        <v>69039</v>
      </c>
      <c r="L23459" s="5" t="s">
        <v>69038</v>
      </c>
      <c r="M23459" s="2" t="s">
        <v>69039</v>
      </c>
      <c r="N23459" s="5" t="s">
        <v>1521</v>
      </c>
      <c r="O23459" s="5" t="s">
        <v>38</v>
      </c>
      <c r="P23459" s="5" t="s">
        <v>39</v>
      </c>
      <c r="Q23459" s="5" t="s">
        <v>40</v>
      </c>
      <c r="R23459" s="5" t="s">
        <v>1522</v>
      </c>
      <c r="S23459" s="5" t="s">
        <v>1523</v>
      </c>
      <c r="T23459" s="5" t="s">
        <v>42</v>
      </c>
      <c r="U23459" s="2">
        <v>3.81</v>
      </c>
      <c r="V23459" s="2">
        <v>3.1509999999999998</v>
      </c>
      <c r="W23459" s="2">
        <v>0.02</v>
      </c>
      <c r="X23459" s="2">
        <v>159.1</v>
      </c>
      <c r="Y23459" s="2">
        <v>7.6</v>
      </c>
      <c r="Z23459" s="2">
        <v>16.7</v>
      </c>
      <c r="AA23459" s="5"/>
      <c r="AB23459" s="5" t="s">
        <v>43</v>
      </c>
      <c r="AC23459" s="5" t="s">
        <v>44</v>
      </c>
      <c r="AD23459" s="2"/>
      <c r="AE23459" s="1"/>
    </row>
    <row r="23460" spans="1:31" ht="14.45">
      <c r="A23460" s="11"/>
      <c r="B23460" s="20"/>
      <c r="C23460" s="2" t="s">
        <v>75259</v>
      </c>
      <c r="D23460" s="14" t="s">
        <v>75260</v>
      </c>
      <c r="E23460" s="2" t="s">
        <v>75261</v>
      </c>
      <c r="F23460" s="2" t="s">
        <v>7619</v>
      </c>
      <c r="G23460" s="8">
        <v>321</v>
      </c>
      <c r="H23460" s="5">
        <v>6</v>
      </c>
      <c r="I23460" s="5" t="s">
        <v>1518</v>
      </c>
      <c r="J23460" s="5" t="s">
        <v>69038</v>
      </c>
      <c r="K23460" s="2" t="s">
        <v>69039</v>
      </c>
      <c r="L23460" s="5" t="s">
        <v>69038</v>
      </c>
      <c r="M23460" s="2" t="s">
        <v>69039</v>
      </c>
      <c r="N23460" s="5" t="s">
        <v>1521</v>
      </c>
      <c r="O23460" s="5" t="s">
        <v>38</v>
      </c>
      <c r="P23460" s="5" t="s">
        <v>39</v>
      </c>
      <c r="Q23460" s="5" t="s">
        <v>40</v>
      </c>
      <c r="R23460" s="5" t="s">
        <v>1522</v>
      </c>
      <c r="S23460" s="5" t="s">
        <v>1523</v>
      </c>
      <c r="T23460" s="5" t="s">
        <v>42</v>
      </c>
      <c r="U23460" s="2">
        <v>3.81</v>
      </c>
      <c r="V23460" s="2">
        <v>3.1509999999999998</v>
      </c>
      <c r="W23460" s="2">
        <v>0.02</v>
      </c>
      <c r="X23460" s="2">
        <v>159.1</v>
      </c>
      <c r="Y23460" s="2">
        <v>7.6</v>
      </c>
      <c r="Z23460" s="2">
        <v>16.7</v>
      </c>
      <c r="AA23460" s="5"/>
      <c r="AB23460" s="5" t="s">
        <v>43</v>
      </c>
      <c r="AC23460" s="5" t="s">
        <v>44</v>
      </c>
      <c r="AD23460" s="2"/>
      <c r="AE23460" s="1"/>
    </row>
    <row r="23461" spans="1:31" ht="14.45">
      <c r="A23461" s="11"/>
      <c r="B23461" s="20"/>
      <c r="C23461" s="2" t="s">
        <v>75262</v>
      </c>
      <c r="D23461" s="14" t="s">
        <v>75263</v>
      </c>
      <c r="E23461" s="2" t="s">
        <v>75264</v>
      </c>
      <c r="F23461" s="2" t="s">
        <v>16029</v>
      </c>
      <c r="G23461" s="8">
        <v>321</v>
      </c>
      <c r="H23461" s="5">
        <v>6</v>
      </c>
      <c r="I23461" s="5" t="s">
        <v>1518</v>
      </c>
      <c r="J23461" s="5" t="s">
        <v>69038</v>
      </c>
      <c r="K23461" s="2" t="s">
        <v>69039</v>
      </c>
      <c r="L23461" s="5" t="s">
        <v>69038</v>
      </c>
      <c r="M23461" s="2" t="s">
        <v>69039</v>
      </c>
      <c r="N23461" s="5" t="s">
        <v>1521</v>
      </c>
      <c r="O23461" s="5" t="s">
        <v>38</v>
      </c>
      <c r="P23461" s="5" t="s">
        <v>39</v>
      </c>
      <c r="Q23461" s="5" t="s">
        <v>40</v>
      </c>
      <c r="R23461" s="5" t="s">
        <v>1522</v>
      </c>
      <c r="S23461" s="5" t="s">
        <v>1523</v>
      </c>
      <c r="T23461" s="5" t="s">
        <v>42</v>
      </c>
      <c r="U23461" s="2">
        <v>3.7</v>
      </c>
      <c r="V23461" s="2">
        <v>3.0409999999999999</v>
      </c>
      <c r="W23461" s="2">
        <v>0.02</v>
      </c>
      <c r="X23461" s="2">
        <v>159.1</v>
      </c>
      <c r="Y23461" s="2">
        <v>7.6</v>
      </c>
      <c r="Z23461" s="2">
        <v>16.7</v>
      </c>
      <c r="AA23461" s="5"/>
      <c r="AB23461" s="5" t="s">
        <v>43</v>
      </c>
      <c r="AC23461" s="5" t="s">
        <v>44</v>
      </c>
      <c r="AD23461" s="2"/>
      <c r="AE23461" s="1"/>
    </row>
    <row r="23462" spans="1:31" ht="14.45">
      <c r="A23462" s="11"/>
      <c r="B23462" s="20"/>
      <c r="C23462" s="2" t="s">
        <v>75265</v>
      </c>
      <c r="D23462" s="14" t="s">
        <v>75266</v>
      </c>
      <c r="E23462" s="2" t="s">
        <v>75267</v>
      </c>
      <c r="F23462" s="2" t="s">
        <v>16033</v>
      </c>
      <c r="G23462" s="8">
        <v>321</v>
      </c>
      <c r="H23462" s="5">
        <v>6</v>
      </c>
      <c r="I23462" s="5" t="s">
        <v>1518</v>
      </c>
      <c r="J23462" s="5" t="s">
        <v>69038</v>
      </c>
      <c r="K23462" s="2" t="s">
        <v>69039</v>
      </c>
      <c r="L23462" s="5" t="s">
        <v>69038</v>
      </c>
      <c r="M23462" s="2" t="s">
        <v>69039</v>
      </c>
      <c r="N23462" s="5" t="s">
        <v>1521</v>
      </c>
      <c r="O23462" s="5" t="s">
        <v>38</v>
      </c>
      <c r="P23462" s="5" t="s">
        <v>39</v>
      </c>
      <c r="Q23462" s="5" t="s">
        <v>40</v>
      </c>
      <c r="R23462" s="5" t="s">
        <v>1522</v>
      </c>
      <c r="S23462" s="5" t="s">
        <v>1523</v>
      </c>
      <c r="T23462" s="5" t="s">
        <v>42</v>
      </c>
      <c r="U23462" s="2">
        <v>3.8239999999999998</v>
      </c>
      <c r="V23462" s="2">
        <v>3.165</v>
      </c>
      <c r="W23462" s="2">
        <v>0.02</v>
      </c>
      <c r="X23462" s="2">
        <v>159.1</v>
      </c>
      <c r="Y23462" s="2">
        <v>7.6</v>
      </c>
      <c r="Z23462" s="2">
        <v>16.7</v>
      </c>
      <c r="AA23462" s="5"/>
      <c r="AB23462" s="5" t="s">
        <v>43</v>
      </c>
      <c r="AC23462" s="5" t="s">
        <v>44</v>
      </c>
      <c r="AD23462" s="2"/>
      <c r="AE23462" s="1"/>
    </row>
    <row r="23463" spans="1:31" ht="14.45">
      <c r="A23463" s="11"/>
      <c r="B23463" s="20"/>
      <c r="C23463" s="2" t="s">
        <v>75268</v>
      </c>
      <c r="D23463" s="14" t="s">
        <v>75269</v>
      </c>
      <c r="E23463" s="2" t="s">
        <v>75270</v>
      </c>
      <c r="F23463" s="2" t="s">
        <v>7204</v>
      </c>
      <c r="G23463" s="8">
        <v>278</v>
      </c>
      <c r="H23463" s="5">
        <v>6</v>
      </c>
      <c r="I23463" s="5" t="s">
        <v>1518</v>
      </c>
      <c r="J23463" s="5" t="s">
        <v>69038</v>
      </c>
      <c r="K23463" s="2" t="s">
        <v>69039</v>
      </c>
      <c r="L23463" s="5" t="s">
        <v>69038</v>
      </c>
      <c r="M23463" s="2" t="s">
        <v>69039</v>
      </c>
      <c r="N23463" s="5" t="s">
        <v>1521</v>
      </c>
      <c r="O23463" s="5" t="s">
        <v>38</v>
      </c>
      <c r="P23463" s="5" t="s">
        <v>39</v>
      </c>
      <c r="Q23463" s="5" t="s">
        <v>40</v>
      </c>
      <c r="R23463" s="5" t="s">
        <v>1522</v>
      </c>
      <c r="S23463" s="5" t="s">
        <v>1523</v>
      </c>
      <c r="T23463" s="5" t="s">
        <v>42</v>
      </c>
      <c r="U23463" s="2">
        <v>3.411</v>
      </c>
      <c r="V23463" s="2">
        <v>2.7450000000000001</v>
      </c>
      <c r="W23463" s="2">
        <v>0.02</v>
      </c>
      <c r="X23463" s="2">
        <v>159.1</v>
      </c>
      <c r="Y23463" s="2">
        <v>7.6</v>
      </c>
      <c r="Z23463" s="2">
        <v>16.7</v>
      </c>
      <c r="AA23463" s="5"/>
      <c r="AB23463" s="5" t="s">
        <v>43</v>
      </c>
      <c r="AC23463" s="5" t="s">
        <v>44</v>
      </c>
      <c r="AD23463" s="2"/>
      <c r="AE23463" s="1"/>
    </row>
    <row r="23464" spans="1:31" ht="14.45">
      <c r="A23464" s="11"/>
      <c r="B23464" s="20"/>
      <c r="C23464" s="2" t="s">
        <v>75271</v>
      </c>
      <c r="D23464" s="14" t="s">
        <v>75272</v>
      </c>
      <c r="E23464" s="2" t="s">
        <v>75273</v>
      </c>
      <c r="F23464" s="2" t="s">
        <v>7514</v>
      </c>
      <c r="G23464" s="8">
        <v>278</v>
      </c>
      <c r="H23464" s="5">
        <v>6</v>
      </c>
      <c r="I23464" s="5" t="s">
        <v>1518</v>
      </c>
      <c r="J23464" s="5" t="s">
        <v>69038</v>
      </c>
      <c r="K23464" s="2" t="s">
        <v>69039</v>
      </c>
      <c r="L23464" s="5" t="s">
        <v>69038</v>
      </c>
      <c r="M23464" s="2" t="s">
        <v>69039</v>
      </c>
      <c r="N23464" s="5" t="s">
        <v>1521</v>
      </c>
      <c r="O23464" s="5" t="s">
        <v>38</v>
      </c>
      <c r="P23464" s="5" t="s">
        <v>39</v>
      </c>
      <c r="Q23464" s="5" t="s">
        <v>40</v>
      </c>
      <c r="R23464" s="5" t="s">
        <v>1522</v>
      </c>
      <c r="S23464" s="5" t="s">
        <v>1523</v>
      </c>
      <c r="T23464" s="5" t="s">
        <v>42</v>
      </c>
      <c r="U23464" s="2">
        <v>3.5059999999999998</v>
      </c>
      <c r="V23464" s="2">
        <v>2.84</v>
      </c>
      <c r="W23464" s="2">
        <v>0.02</v>
      </c>
      <c r="X23464" s="2">
        <v>159.1</v>
      </c>
      <c r="Y23464" s="2">
        <v>7.6</v>
      </c>
      <c r="Z23464" s="2">
        <v>16.7</v>
      </c>
      <c r="AA23464" s="5"/>
      <c r="AB23464" s="5" t="s">
        <v>43</v>
      </c>
      <c r="AC23464" s="5" t="s">
        <v>44</v>
      </c>
      <c r="AD23464" s="2"/>
      <c r="AE23464" s="1"/>
    </row>
    <row r="23465" spans="1:31" ht="14.45">
      <c r="A23465" s="11"/>
      <c r="B23465" s="20"/>
      <c r="C23465" s="2" t="s">
        <v>75274</v>
      </c>
      <c r="D23465" s="14" t="s">
        <v>75275</v>
      </c>
      <c r="E23465" s="2" t="s">
        <v>75276</v>
      </c>
      <c r="F23465" s="2" t="s">
        <v>7208</v>
      </c>
      <c r="G23465" s="8">
        <v>278</v>
      </c>
      <c r="H23465" s="5">
        <v>6</v>
      </c>
      <c r="I23465" s="5" t="s">
        <v>1518</v>
      </c>
      <c r="J23465" s="5" t="s">
        <v>69038</v>
      </c>
      <c r="K23465" s="2" t="s">
        <v>69039</v>
      </c>
      <c r="L23465" s="5" t="s">
        <v>69038</v>
      </c>
      <c r="M23465" s="2" t="s">
        <v>69039</v>
      </c>
      <c r="N23465" s="5" t="s">
        <v>1521</v>
      </c>
      <c r="O23465" s="5" t="s">
        <v>38</v>
      </c>
      <c r="P23465" s="5" t="s">
        <v>39</v>
      </c>
      <c r="Q23465" s="5" t="s">
        <v>40</v>
      </c>
      <c r="R23465" s="5" t="s">
        <v>1522</v>
      </c>
      <c r="S23465" s="5" t="s">
        <v>1523</v>
      </c>
      <c r="T23465" s="5" t="s">
        <v>42</v>
      </c>
      <c r="U23465" s="2">
        <v>3.411</v>
      </c>
      <c r="V23465" s="2">
        <v>2.7450000000000001</v>
      </c>
      <c r="W23465" s="2">
        <v>0.02</v>
      </c>
      <c r="X23465" s="2">
        <v>159.1</v>
      </c>
      <c r="Y23465" s="2">
        <v>7.6</v>
      </c>
      <c r="Z23465" s="2">
        <v>16.7</v>
      </c>
      <c r="AA23465" s="5"/>
      <c r="AB23465" s="5" t="s">
        <v>43</v>
      </c>
      <c r="AC23465" s="5" t="s">
        <v>44</v>
      </c>
      <c r="AD23465" s="2"/>
      <c r="AE23465" s="1"/>
    </row>
    <row r="23466" spans="1:31" ht="14.45">
      <c r="A23466" s="11"/>
      <c r="B23466" s="20"/>
      <c r="C23466" s="2" t="s">
        <v>75277</v>
      </c>
      <c r="D23466" s="14" t="s">
        <v>75278</v>
      </c>
      <c r="E23466" s="2" t="s">
        <v>75279</v>
      </c>
      <c r="F23466" s="2" t="s">
        <v>7406</v>
      </c>
      <c r="G23466" s="8">
        <v>300</v>
      </c>
      <c r="H23466" s="5">
        <v>6</v>
      </c>
      <c r="I23466" s="5" t="s">
        <v>1518</v>
      </c>
      <c r="J23466" s="5" t="s">
        <v>69038</v>
      </c>
      <c r="K23466" s="2" t="s">
        <v>69039</v>
      </c>
      <c r="L23466" s="5" t="s">
        <v>69038</v>
      </c>
      <c r="M23466" s="2" t="s">
        <v>69039</v>
      </c>
      <c r="N23466" s="5" t="s">
        <v>1521</v>
      </c>
      <c r="O23466" s="5" t="s">
        <v>38</v>
      </c>
      <c r="P23466" s="5" t="s">
        <v>39</v>
      </c>
      <c r="Q23466" s="5" t="s">
        <v>40</v>
      </c>
      <c r="R23466" s="5" t="s">
        <v>1522</v>
      </c>
      <c r="S23466" s="5" t="s">
        <v>1523</v>
      </c>
      <c r="T23466" s="5" t="s">
        <v>42</v>
      </c>
      <c r="U23466" s="2">
        <v>3.411</v>
      </c>
      <c r="V23466" s="2">
        <v>2.7450000000000001</v>
      </c>
      <c r="W23466" s="2">
        <v>0.02</v>
      </c>
      <c r="X23466" s="2">
        <v>159.1</v>
      </c>
      <c r="Y23466" s="2">
        <v>7.6</v>
      </c>
      <c r="Z23466" s="2">
        <v>16.7</v>
      </c>
      <c r="AA23466" s="5"/>
      <c r="AB23466" s="5" t="s">
        <v>43</v>
      </c>
      <c r="AC23466" s="5" t="s">
        <v>44</v>
      </c>
      <c r="AD23466" s="2"/>
      <c r="AE23466" s="1"/>
    </row>
    <row r="23467" spans="1:31" ht="14.45">
      <c r="A23467" s="11"/>
      <c r="B23467" s="20"/>
      <c r="C23467" s="2" t="s">
        <v>75280</v>
      </c>
      <c r="D23467" s="14" t="s">
        <v>75281</v>
      </c>
      <c r="E23467" s="2" t="s">
        <v>75282</v>
      </c>
      <c r="F23467" s="2" t="s">
        <v>7535</v>
      </c>
      <c r="G23467" s="8">
        <v>300</v>
      </c>
      <c r="H23467" s="5">
        <v>6</v>
      </c>
      <c r="I23467" s="5" t="s">
        <v>1518</v>
      </c>
      <c r="J23467" s="5" t="s">
        <v>69038</v>
      </c>
      <c r="K23467" s="2" t="s">
        <v>69039</v>
      </c>
      <c r="L23467" s="5" t="s">
        <v>69038</v>
      </c>
      <c r="M23467" s="2" t="s">
        <v>69039</v>
      </c>
      <c r="N23467" s="5" t="s">
        <v>1521</v>
      </c>
      <c r="O23467" s="5" t="s">
        <v>38</v>
      </c>
      <c r="P23467" s="5" t="s">
        <v>39</v>
      </c>
      <c r="Q23467" s="5" t="s">
        <v>40</v>
      </c>
      <c r="R23467" s="5" t="s">
        <v>1522</v>
      </c>
      <c r="S23467" s="5" t="s">
        <v>1523</v>
      </c>
      <c r="T23467" s="5" t="s">
        <v>42</v>
      </c>
      <c r="U23467" s="2">
        <v>3.5059999999999998</v>
      </c>
      <c r="V23467" s="2">
        <v>2.84</v>
      </c>
      <c r="W23467" s="2">
        <v>0.02</v>
      </c>
      <c r="X23467" s="2">
        <v>159.1</v>
      </c>
      <c r="Y23467" s="2">
        <v>7.6</v>
      </c>
      <c r="Z23467" s="2">
        <v>16.7</v>
      </c>
      <c r="AA23467" s="5"/>
      <c r="AB23467" s="5" t="s">
        <v>43</v>
      </c>
      <c r="AC23467" s="5" t="s">
        <v>44</v>
      </c>
      <c r="AD23467" s="2"/>
      <c r="AE23467" s="1"/>
    </row>
    <row r="23468" spans="1:31" ht="14.45">
      <c r="A23468" s="11"/>
      <c r="B23468" s="20"/>
      <c r="C23468" s="2" t="s">
        <v>75283</v>
      </c>
      <c r="D23468" s="14" t="s">
        <v>75284</v>
      </c>
      <c r="E23468" s="2" t="s">
        <v>75285</v>
      </c>
      <c r="F23468" s="2" t="s">
        <v>7539</v>
      </c>
      <c r="G23468" s="8">
        <v>300</v>
      </c>
      <c r="H23468" s="5">
        <v>6</v>
      </c>
      <c r="I23468" s="5" t="s">
        <v>1518</v>
      </c>
      <c r="J23468" s="5" t="s">
        <v>69038</v>
      </c>
      <c r="K23468" s="2" t="s">
        <v>69039</v>
      </c>
      <c r="L23468" s="5" t="s">
        <v>69038</v>
      </c>
      <c r="M23468" s="2" t="s">
        <v>69039</v>
      </c>
      <c r="N23468" s="5" t="s">
        <v>1521</v>
      </c>
      <c r="O23468" s="5" t="s">
        <v>38</v>
      </c>
      <c r="P23468" s="5" t="s">
        <v>39</v>
      </c>
      <c r="Q23468" s="5" t="s">
        <v>40</v>
      </c>
      <c r="R23468" s="5" t="s">
        <v>1522</v>
      </c>
      <c r="S23468" s="5" t="s">
        <v>1523</v>
      </c>
      <c r="T23468" s="5" t="s">
        <v>42</v>
      </c>
      <c r="U23468" s="2">
        <v>3.411</v>
      </c>
      <c r="V23468" s="2">
        <v>2.7450000000000001</v>
      </c>
      <c r="W23468" s="2">
        <v>0.02</v>
      </c>
      <c r="X23468" s="2">
        <v>159.1</v>
      </c>
      <c r="Y23468" s="2">
        <v>7.6</v>
      </c>
      <c r="Z23468" s="2">
        <v>16.7</v>
      </c>
      <c r="AA23468" s="5"/>
      <c r="AB23468" s="5" t="s">
        <v>43</v>
      </c>
      <c r="AC23468" s="5" t="s">
        <v>44</v>
      </c>
      <c r="AD23468" s="2"/>
      <c r="AE23468" s="1"/>
    </row>
    <row r="23469" spans="1:31" ht="14.45">
      <c r="A23469" s="11"/>
      <c r="B23469" s="20"/>
      <c r="C23469" s="2" t="s">
        <v>75286</v>
      </c>
      <c r="D23469" s="14" t="s">
        <v>75287</v>
      </c>
      <c r="E23469" s="2" t="s">
        <v>75288</v>
      </c>
      <c r="F23469" s="2" t="s">
        <v>7396</v>
      </c>
      <c r="G23469" s="8">
        <v>278</v>
      </c>
      <c r="H23469" s="5">
        <v>6</v>
      </c>
      <c r="I23469" s="5" t="s">
        <v>1518</v>
      </c>
      <c r="J23469" s="5" t="s">
        <v>69038</v>
      </c>
      <c r="K23469" s="2" t="s">
        <v>69039</v>
      </c>
      <c r="L23469" s="5" t="s">
        <v>69038</v>
      </c>
      <c r="M23469" s="2" t="s">
        <v>69039</v>
      </c>
      <c r="N23469" s="5" t="s">
        <v>1521</v>
      </c>
      <c r="O23469" s="5" t="s">
        <v>38</v>
      </c>
      <c r="P23469" s="5" t="s">
        <v>39</v>
      </c>
      <c r="Q23469" s="5" t="s">
        <v>40</v>
      </c>
      <c r="R23469" s="5" t="s">
        <v>1522</v>
      </c>
      <c r="S23469" s="5" t="s">
        <v>1523</v>
      </c>
      <c r="T23469" s="5" t="s">
        <v>42</v>
      </c>
      <c r="U23469" s="2">
        <v>3.411</v>
      </c>
      <c r="V23469" s="2">
        <v>2.7450000000000001</v>
      </c>
      <c r="W23469" s="2">
        <v>0.02</v>
      </c>
      <c r="X23469" s="2">
        <v>159.1</v>
      </c>
      <c r="Y23469" s="2">
        <v>7.6</v>
      </c>
      <c r="Z23469" s="2">
        <v>16.7</v>
      </c>
      <c r="AA23469" s="5"/>
      <c r="AB23469" s="5" t="s">
        <v>43</v>
      </c>
      <c r="AC23469" s="5" t="s">
        <v>44</v>
      </c>
      <c r="AD23469" s="2"/>
      <c r="AE23469" s="1"/>
    </row>
    <row r="23470" spans="1:31" ht="14.45">
      <c r="A23470" s="11"/>
      <c r="B23470" s="20"/>
      <c r="C23470" s="2" t="s">
        <v>75289</v>
      </c>
      <c r="D23470" s="14" t="s">
        <v>75290</v>
      </c>
      <c r="E23470" s="2" t="s">
        <v>75291</v>
      </c>
      <c r="F23470" s="2" t="s">
        <v>7507</v>
      </c>
      <c r="G23470" s="8">
        <v>278</v>
      </c>
      <c r="H23470" s="5">
        <v>6</v>
      </c>
      <c r="I23470" s="5" t="s">
        <v>1518</v>
      </c>
      <c r="J23470" s="5" t="s">
        <v>69038</v>
      </c>
      <c r="K23470" s="2" t="s">
        <v>69039</v>
      </c>
      <c r="L23470" s="5" t="s">
        <v>69038</v>
      </c>
      <c r="M23470" s="2" t="s">
        <v>69039</v>
      </c>
      <c r="N23470" s="5" t="s">
        <v>1521</v>
      </c>
      <c r="O23470" s="5" t="s">
        <v>38</v>
      </c>
      <c r="P23470" s="5" t="s">
        <v>39</v>
      </c>
      <c r="Q23470" s="5" t="s">
        <v>40</v>
      </c>
      <c r="R23470" s="5" t="s">
        <v>1522</v>
      </c>
      <c r="S23470" s="5" t="s">
        <v>1523</v>
      </c>
      <c r="T23470" s="5" t="s">
        <v>42</v>
      </c>
      <c r="U23470" s="2">
        <v>3.5059999999999998</v>
      </c>
      <c r="V23470" s="2">
        <v>2.84</v>
      </c>
      <c r="W23470" s="2">
        <v>0.02</v>
      </c>
      <c r="X23470" s="2">
        <v>159.1</v>
      </c>
      <c r="Y23470" s="2">
        <v>7.6</v>
      </c>
      <c r="Z23470" s="2">
        <v>16.7</v>
      </c>
      <c r="AA23470" s="5"/>
      <c r="AB23470" s="5" t="s">
        <v>43</v>
      </c>
      <c r="AC23470" s="5" t="s">
        <v>44</v>
      </c>
      <c r="AD23470" s="2"/>
      <c r="AE23470" s="1"/>
    </row>
    <row r="23471" spans="1:31" ht="14.45">
      <c r="A23471" s="11"/>
      <c r="B23471" s="20"/>
      <c r="C23471" s="2" t="s">
        <v>75292</v>
      </c>
      <c r="D23471" s="14" t="s">
        <v>75293</v>
      </c>
      <c r="E23471" s="2" t="s">
        <v>75294</v>
      </c>
      <c r="F23471" s="2" t="s">
        <v>73358</v>
      </c>
      <c r="G23471" s="8">
        <v>300</v>
      </c>
      <c r="H23471" s="5">
        <v>6</v>
      </c>
      <c r="I23471" s="5" t="s">
        <v>1518</v>
      </c>
      <c r="J23471" s="5" t="s">
        <v>69038</v>
      </c>
      <c r="K23471" s="2" t="s">
        <v>69039</v>
      </c>
      <c r="L23471" s="5" t="s">
        <v>69038</v>
      </c>
      <c r="M23471" s="2" t="s">
        <v>69039</v>
      </c>
      <c r="N23471" s="5" t="s">
        <v>1521</v>
      </c>
      <c r="O23471" s="5" t="s">
        <v>38</v>
      </c>
      <c r="P23471" s="5" t="s">
        <v>39</v>
      </c>
      <c r="Q23471" s="5" t="s">
        <v>40</v>
      </c>
      <c r="R23471" s="5" t="s">
        <v>1522</v>
      </c>
      <c r="S23471" s="5" t="s">
        <v>1523</v>
      </c>
      <c r="T23471" s="5" t="s">
        <v>42</v>
      </c>
      <c r="U23471" s="2">
        <v>3.411</v>
      </c>
      <c r="V23471" s="2">
        <v>2.7450000000000001</v>
      </c>
      <c r="W23471" s="2">
        <v>0.02</v>
      </c>
      <c r="X23471" s="2">
        <v>159.1</v>
      </c>
      <c r="Y23471" s="2">
        <v>7.6</v>
      </c>
      <c r="Z23471" s="2">
        <v>16.7</v>
      </c>
      <c r="AA23471" s="5"/>
      <c r="AB23471" s="5" t="s">
        <v>43</v>
      </c>
      <c r="AC23471" s="5" t="s">
        <v>44</v>
      </c>
      <c r="AD23471" s="2"/>
      <c r="AE23471" s="1"/>
    </row>
    <row r="23472" spans="1:31" ht="14.45">
      <c r="A23472" s="11"/>
      <c r="B23472" s="20"/>
      <c r="C23472" s="2" t="s">
        <v>75295</v>
      </c>
      <c r="D23472" s="14" t="s">
        <v>75296</v>
      </c>
      <c r="E23472" s="2" t="s">
        <v>75297</v>
      </c>
      <c r="F23472" s="2" t="s">
        <v>73362</v>
      </c>
      <c r="G23472" s="8">
        <v>300</v>
      </c>
      <c r="H23472" s="5">
        <v>6</v>
      </c>
      <c r="I23472" s="5" t="s">
        <v>1518</v>
      </c>
      <c r="J23472" s="5" t="s">
        <v>69038</v>
      </c>
      <c r="K23472" s="2" t="s">
        <v>69039</v>
      </c>
      <c r="L23472" s="5" t="s">
        <v>69038</v>
      </c>
      <c r="M23472" s="2" t="s">
        <v>69039</v>
      </c>
      <c r="N23472" s="5" t="s">
        <v>1521</v>
      </c>
      <c r="O23472" s="5" t="s">
        <v>38</v>
      </c>
      <c r="P23472" s="5" t="s">
        <v>39</v>
      </c>
      <c r="Q23472" s="5" t="s">
        <v>40</v>
      </c>
      <c r="R23472" s="5" t="s">
        <v>1522</v>
      </c>
      <c r="S23472" s="5" t="s">
        <v>1523</v>
      </c>
      <c r="T23472" s="5" t="s">
        <v>42</v>
      </c>
      <c r="U23472" s="2">
        <v>3.5059999999999998</v>
      </c>
      <c r="V23472" s="2">
        <v>2.84</v>
      </c>
      <c r="W23472" s="2">
        <v>0.02</v>
      </c>
      <c r="X23472" s="2">
        <v>159.1</v>
      </c>
      <c r="Y23472" s="2">
        <v>7.6</v>
      </c>
      <c r="Z23472" s="2">
        <v>16.7</v>
      </c>
      <c r="AA23472" s="5"/>
      <c r="AB23472" s="5" t="s">
        <v>43</v>
      </c>
      <c r="AC23472" s="5" t="s">
        <v>44</v>
      </c>
      <c r="AD23472" s="2"/>
      <c r="AE23472" s="1"/>
    </row>
    <row r="23473" spans="1:31" ht="14.45">
      <c r="A23473" s="11"/>
      <c r="B23473" s="20"/>
      <c r="C23473" s="2" t="s">
        <v>75298</v>
      </c>
      <c r="D23473" s="14" t="s">
        <v>75299</v>
      </c>
      <c r="E23473" s="2" t="s">
        <v>75300</v>
      </c>
      <c r="F23473" s="2" t="s">
        <v>7619</v>
      </c>
      <c r="G23473" s="8">
        <v>300</v>
      </c>
      <c r="H23473" s="5">
        <v>6</v>
      </c>
      <c r="I23473" s="5" t="s">
        <v>1518</v>
      </c>
      <c r="J23473" s="5" t="s">
        <v>69038</v>
      </c>
      <c r="K23473" s="2" t="s">
        <v>69039</v>
      </c>
      <c r="L23473" s="5" t="s">
        <v>69038</v>
      </c>
      <c r="M23473" s="2" t="s">
        <v>69039</v>
      </c>
      <c r="N23473" s="5" t="s">
        <v>1521</v>
      </c>
      <c r="O23473" s="5" t="s">
        <v>38</v>
      </c>
      <c r="P23473" s="5" t="s">
        <v>39</v>
      </c>
      <c r="Q23473" s="5" t="s">
        <v>40</v>
      </c>
      <c r="R23473" s="5" t="s">
        <v>1522</v>
      </c>
      <c r="S23473" s="5" t="s">
        <v>1523</v>
      </c>
      <c r="T23473" s="5" t="s">
        <v>42</v>
      </c>
      <c r="U23473" s="2">
        <v>3.5059999999999998</v>
      </c>
      <c r="V23473" s="2">
        <v>2.84</v>
      </c>
      <c r="W23473" s="2">
        <v>0.02</v>
      </c>
      <c r="X23473" s="2">
        <v>159.1</v>
      </c>
      <c r="Y23473" s="2">
        <v>7.6</v>
      </c>
      <c r="Z23473" s="2">
        <v>16.7</v>
      </c>
      <c r="AA23473" s="5"/>
      <c r="AB23473" s="5" t="s">
        <v>43</v>
      </c>
      <c r="AC23473" s="5" t="s">
        <v>44</v>
      </c>
      <c r="AD23473" s="2"/>
      <c r="AE23473" s="1"/>
    </row>
    <row r="23474" spans="1:31" ht="14.45">
      <c r="A23474" s="11"/>
      <c r="B23474" s="20"/>
      <c r="C23474" s="2" t="s">
        <v>75301</v>
      </c>
      <c r="D23474" s="14" t="s">
        <v>75302</v>
      </c>
      <c r="E23474" s="2" t="s">
        <v>75303</v>
      </c>
      <c r="F23474" s="2" t="s">
        <v>16029</v>
      </c>
      <c r="G23474" s="8">
        <v>300</v>
      </c>
      <c r="H23474" s="5">
        <v>6</v>
      </c>
      <c r="I23474" s="5" t="s">
        <v>1518</v>
      </c>
      <c r="J23474" s="5" t="s">
        <v>69038</v>
      </c>
      <c r="K23474" s="2" t="s">
        <v>69039</v>
      </c>
      <c r="L23474" s="5" t="s">
        <v>69038</v>
      </c>
      <c r="M23474" s="2" t="s">
        <v>69039</v>
      </c>
      <c r="N23474" s="5" t="s">
        <v>1521</v>
      </c>
      <c r="O23474" s="5" t="s">
        <v>38</v>
      </c>
      <c r="P23474" s="5" t="s">
        <v>39</v>
      </c>
      <c r="Q23474" s="5" t="s">
        <v>40</v>
      </c>
      <c r="R23474" s="5" t="s">
        <v>1522</v>
      </c>
      <c r="S23474" s="5" t="s">
        <v>1523</v>
      </c>
      <c r="T23474" s="5" t="s">
        <v>42</v>
      </c>
      <c r="U23474" s="2">
        <v>3.4220000000000002</v>
      </c>
      <c r="V23474" s="2">
        <v>2.7559999999999998</v>
      </c>
      <c r="W23474" s="2">
        <v>0.02</v>
      </c>
      <c r="X23474" s="2">
        <v>159.1</v>
      </c>
      <c r="Y23474" s="2">
        <v>7.6</v>
      </c>
      <c r="Z23474" s="2">
        <v>16.7</v>
      </c>
      <c r="AA23474" s="5"/>
      <c r="AB23474" s="5" t="s">
        <v>43</v>
      </c>
      <c r="AC23474" s="5" t="s">
        <v>44</v>
      </c>
      <c r="AD23474" s="2"/>
      <c r="AE23474" s="1"/>
    </row>
    <row r="23475" spans="1:31" ht="14.45">
      <c r="A23475" s="11"/>
      <c r="B23475" s="20"/>
      <c r="C23475" s="2" t="s">
        <v>75304</v>
      </c>
      <c r="D23475" s="14" t="s">
        <v>75305</v>
      </c>
      <c r="E23475" s="2" t="s">
        <v>75306</v>
      </c>
      <c r="F23475" s="2" t="s">
        <v>16033</v>
      </c>
      <c r="G23475" s="8">
        <v>300</v>
      </c>
      <c r="H23475" s="5">
        <v>6</v>
      </c>
      <c r="I23475" s="5" t="s">
        <v>1518</v>
      </c>
      <c r="J23475" s="5" t="s">
        <v>69038</v>
      </c>
      <c r="K23475" s="2" t="s">
        <v>69039</v>
      </c>
      <c r="L23475" s="5" t="s">
        <v>69038</v>
      </c>
      <c r="M23475" s="2" t="s">
        <v>69039</v>
      </c>
      <c r="N23475" s="5" t="s">
        <v>1521</v>
      </c>
      <c r="O23475" s="5" t="s">
        <v>38</v>
      </c>
      <c r="P23475" s="5" t="s">
        <v>39</v>
      </c>
      <c r="Q23475" s="5" t="s">
        <v>40</v>
      </c>
      <c r="R23475" s="5" t="s">
        <v>1522</v>
      </c>
      <c r="S23475" s="5" t="s">
        <v>1523</v>
      </c>
      <c r="T23475" s="5" t="s">
        <v>42</v>
      </c>
      <c r="U23475" s="2">
        <v>3.5169999999999999</v>
      </c>
      <c r="V23475" s="2">
        <v>2.851</v>
      </c>
      <c r="W23475" s="2">
        <v>0.02</v>
      </c>
      <c r="X23475" s="2">
        <v>159.1</v>
      </c>
      <c r="Y23475" s="2">
        <v>7.6</v>
      </c>
      <c r="Z23475" s="2">
        <v>16.7</v>
      </c>
      <c r="AA23475" s="5"/>
      <c r="AB23475" s="5" t="s">
        <v>43</v>
      </c>
      <c r="AC23475" s="5" t="s">
        <v>44</v>
      </c>
      <c r="AD23475" s="2"/>
      <c r="AE23475" s="1"/>
    </row>
    <row r="23476" spans="1:31" ht="14.45">
      <c r="A23476" s="11"/>
      <c r="B23476" s="20"/>
      <c r="C23476" s="2" t="s">
        <v>75307</v>
      </c>
      <c r="D23476" s="14" t="s">
        <v>75308</v>
      </c>
      <c r="E23476" s="2" t="s">
        <v>75309</v>
      </c>
      <c r="F23476" s="2" t="s">
        <v>7204</v>
      </c>
      <c r="G23476" s="8">
        <v>290</v>
      </c>
      <c r="H23476" s="5">
        <v>6</v>
      </c>
      <c r="I23476" s="5" t="s">
        <v>1518</v>
      </c>
      <c r="J23476" s="5" t="s">
        <v>69038</v>
      </c>
      <c r="K23476" s="2" t="s">
        <v>69039</v>
      </c>
      <c r="L23476" s="5" t="s">
        <v>69038</v>
      </c>
      <c r="M23476" s="2" t="s">
        <v>69039</v>
      </c>
      <c r="N23476" s="5" t="s">
        <v>1521</v>
      </c>
      <c r="O23476" s="5" t="s">
        <v>38</v>
      </c>
      <c r="P23476" s="5" t="s">
        <v>39</v>
      </c>
      <c r="Q23476" s="5" t="s">
        <v>40</v>
      </c>
      <c r="R23476" s="5" t="s">
        <v>1522</v>
      </c>
      <c r="S23476" s="5" t="s">
        <v>1523</v>
      </c>
      <c r="T23476" s="5" t="s">
        <v>42</v>
      </c>
      <c r="U23476" s="2">
        <v>3.7530000000000001</v>
      </c>
      <c r="V23476" s="2">
        <v>3.1059999999999999</v>
      </c>
      <c r="W23476" s="2">
        <v>0.02</v>
      </c>
      <c r="X23476" s="2">
        <v>159.1</v>
      </c>
      <c r="Y23476" s="2">
        <v>7.6</v>
      </c>
      <c r="Z23476" s="2">
        <v>16.7</v>
      </c>
      <c r="AA23476" s="5"/>
      <c r="AB23476" s="5" t="s">
        <v>43</v>
      </c>
      <c r="AC23476" s="5" t="s">
        <v>44</v>
      </c>
      <c r="AD23476" s="2"/>
      <c r="AE23476" s="1"/>
    </row>
    <row r="23477" spans="1:31" ht="14.45">
      <c r="A23477" s="11"/>
      <c r="B23477" s="20"/>
      <c r="C23477" s="2" t="s">
        <v>75310</v>
      </c>
      <c r="D23477" s="14" t="s">
        <v>75311</v>
      </c>
      <c r="E23477" s="2" t="s">
        <v>75312</v>
      </c>
      <c r="F23477" s="2" t="s">
        <v>7514</v>
      </c>
      <c r="G23477" s="8">
        <v>290</v>
      </c>
      <c r="H23477" s="5">
        <v>6</v>
      </c>
      <c r="I23477" s="5" t="s">
        <v>1518</v>
      </c>
      <c r="J23477" s="5" t="s">
        <v>69038</v>
      </c>
      <c r="K23477" s="2" t="s">
        <v>69039</v>
      </c>
      <c r="L23477" s="5" t="s">
        <v>69038</v>
      </c>
      <c r="M23477" s="2" t="s">
        <v>69039</v>
      </c>
      <c r="N23477" s="5" t="s">
        <v>1521</v>
      </c>
      <c r="O23477" s="5" t="s">
        <v>38</v>
      </c>
      <c r="P23477" s="5" t="s">
        <v>39</v>
      </c>
      <c r="Q23477" s="5" t="s">
        <v>40</v>
      </c>
      <c r="R23477" s="5" t="s">
        <v>1522</v>
      </c>
      <c r="S23477" s="5" t="s">
        <v>1523</v>
      </c>
      <c r="T23477" s="5" t="s">
        <v>42</v>
      </c>
      <c r="U23477" s="2">
        <v>3.8730000000000002</v>
      </c>
      <c r="V23477" s="2">
        <v>3.226</v>
      </c>
      <c r="W23477" s="2">
        <v>0.02</v>
      </c>
      <c r="X23477" s="2">
        <v>159.1</v>
      </c>
      <c r="Y23477" s="2">
        <v>7.6</v>
      </c>
      <c r="Z23477" s="2">
        <v>16.7</v>
      </c>
      <c r="AA23477" s="5"/>
      <c r="AB23477" s="5" t="s">
        <v>43</v>
      </c>
      <c r="AC23477" s="5" t="s">
        <v>44</v>
      </c>
      <c r="AD23477" s="2"/>
      <c r="AE23477" s="1"/>
    </row>
    <row r="23478" spans="1:31" ht="14.45">
      <c r="A23478" s="11"/>
      <c r="B23478" s="20"/>
      <c r="C23478" s="2" t="s">
        <v>75313</v>
      </c>
      <c r="D23478" s="14" t="s">
        <v>75314</v>
      </c>
      <c r="E23478" s="2" t="s">
        <v>75315</v>
      </c>
      <c r="F23478" s="2" t="s">
        <v>7208</v>
      </c>
      <c r="G23478" s="8">
        <v>290</v>
      </c>
      <c r="H23478" s="5">
        <v>6</v>
      </c>
      <c r="I23478" s="5" t="s">
        <v>1518</v>
      </c>
      <c r="J23478" s="5" t="s">
        <v>69038</v>
      </c>
      <c r="K23478" s="2" t="s">
        <v>69039</v>
      </c>
      <c r="L23478" s="5" t="s">
        <v>69038</v>
      </c>
      <c r="M23478" s="2" t="s">
        <v>69039</v>
      </c>
      <c r="N23478" s="5" t="s">
        <v>1521</v>
      </c>
      <c r="O23478" s="5" t="s">
        <v>38</v>
      </c>
      <c r="P23478" s="5" t="s">
        <v>39</v>
      </c>
      <c r="Q23478" s="5" t="s">
        <v>40</v>
      </c>
      <c r="R23478" s="5" t="s">
        <v>1522</v>
      </c>
      <c r="S23478" s="5" t="s">
        <v>1523</v>
      </c>
      <c r="T23478" s="5" t="s">
        <v>42</v>
      </c>
      <c r="U23478" s="2">
        <v>3.7530000000000001</v>
      </c>
      <c r="V23478" s="2">
        <v>3.1059999999999999</v>
      </c>
      <c r="W23478" s="2">
        <v>0.02</v>
      </c>
      <c r="X23478" s="2">
        <v>159.1</v>
      </c>
      <c r="Y23478" s="2">
        <v>7.6</v>
      </c>
      <c r="Z23478" s="2">
        <v>16.7</v>
      </c>
      <c r="AA23478" s="5"/>
      <c r="AB23478" s="5" t="s">
        <v>43</v>
      </c>
      <c r="AC23478" s="5" t="s">
        <v>44</v>
      </c>
      <c r="AD23478" s="2"/>
      <c r="AE23478" s="1"/>
    </row>
    <row r="23479" spans="1:31" ht="14.45">
      <c r="A23479" s="11"/>
      <c r="B23479" s="20"/>
      <c r="C23479" s="2" t="s">
        <v>75316</v>
      </c>
      <c r="D23479" s="14" t="s">
        <v>75317</v>
      </c>
      <c r="E23479" s="2" t="s">
        <v>75318</v>
      </c>
      <c r="F23479" s="2" t="s">
        <v>7521</v>
      </c>
      <c r="G23479" s="8">
        <v>290</v>
      </c>
      <c r="H23479" s="5">
        <v>6</v>
      </c>
      <c r="I23479" s="5" t="s">
        <v>1518</v>
      </c>
      <c r="J23479" s="5" t="s">
        <v>69038</v>
      </c>
      <c r="K23479" s="2" t="s">
        <v>69039</v>
      </c>
      <c r="L23479" s="5" t="s">
        <v>69038</v>
      </c>
      <c r="M23479" s="2" t="s">
        <v>69039</v>
      </c>
      <c r="N23479" s="5" t="s">
        <v>1521</v>
      </c>
      <c r="O23479" s="5" t="s">
        <v>38</v>
      </c>
      <c r="P23479" s="5" t="s">
        <v>39</v>
      </c>
      <c r="Q23479" s="5" t="s">
        <v>40</v>
      </c>
      <c r="R23479" s="5" t="s">
        <v>1522</v>
      </c>
      <c r="S23479" s="5" t="s">
        <v>1523</v>
      </c>
      <c r="T23479" s="5" t="s">
        <v>42</v>
      </c>
      <c r="U23479" s="2">
        <v>3.8730000000000002</v>
      </c>
      <c r="V23479" s="2">
        <v>3.226</v>
      </c>
      <c r="W23479" s="2">
        <v>0.02</v>
      </c>
      <c r="X23479" s="2">
        <v>159.1</v>
      </c>
      <c r="Y23479" s="2">
        <v>7.6</v>
      </c>
      <c r="Z23479" s="2">
        <v>16.7</v>
      </c>
      <c r="AA23479" s="5"/>
      <c r="AB23479" s="5" t="s">
        <v>43</v>
      </c>
      <c r="AC23479" s="5" t="s">
        <v>44</v>
      </c>
      <c r="AD23479" s="2"/>
      <c r="AE23479" s="1"/>
    </row>
    <row r="23480" spans="1:31" ht="14.45">
      <c r="A23480" s="11"/>
      <c r="B23480" s="20"/>
      <c r="C23480" s="2" t="s">
        <v>75319</v>
      </c>
      <c r="D23480" s="14" t="s">
        <v>75320</v>
      </c>
      <c r="E23480" s="2" t="s">
        <v>75321</v>
      </c>
      <c r="F23480" s="2" t="s">
        <v>7406</v>
      </c>
      <c r="G23480" s="8">
        <v>314</v>
      </c>
      <c r="H23480" s="5">
        <v>6</v>
      </c>
      <c r="I23480" s="5" t="s">
        <v>1518</v>
      </c>
      <c r="J23480" s="5" t="s">
        <v>69038</v>
      </c>
      <c r="K23480" s="2" t="s">
        <v>69039</v>
      </c>
      <c r="L23480" s="5" t="s">
        <v>69038</v>
      </c>
      <c r="M23480" s="2" t="s">
        <v>69039</v>
      </c>
      <c r="N23480" s="5" t="s">
        <v>1521</v>
      </c>
      <c r="O23480" s="5" t="s">
        <v>38</v>
      </c>
      <c r="P23480" s="5" t="s">
        <v>39</v>
      </c>
      <c r="Q23480" s="5" t="s">
        <v>40</v>
      </c>
      <c r="R23480" s="5" t="s">
        <v>1522</v>
      </c>
      <c r="S23480" s="5" t="s">
        <v>1523</v>
      </c>
      <c r="T23480" s="5" t="s">
        <v>42</v>
      </c>
      <c r="U23480" s="2">
        <v>3.7530000000000001</v>
      </c>
      <c r="V23480" s="2">
        <v>3.1059999999999999</v>
      </c>
      <c r="W23480" s="2">
        <v>0.02</v>
      </c>
      <c r="X23480" s="2">
        <v>159.1</v>
      </c>
      <c r="Y23480" s="2">
        <v>7.6</v>
      </c>
      <c r="Z23480" s="2">
        <v>16.7</v>
      </c>
      <c r="AA23480" s="5"/>
      <c r="AB23480" s="5" t="s">
        <v>43</v>
      </c>
      <c r="AC23480" s="5" t="s">
        <v>44</v>
      </c>
      <c r="AD23480" s="2"/>
      <c r="AE23480" s="1"/>
    </row>
    <row r="23481" spans="1:31" ht="14.45">
      <c r="A23481" s="11"/>
      <c r="B23481" s="20"/>
      <c r="C23481" s="2" t="s">
        <v>75322</v>
      </c>
      <c r="D23481" s="14" t="s">
        <v>75323</v>
      </c>
      <c r="E23481" s="2" t="s">
        <v>75324</v>
      </c>
      <c r="F23481" s="2" t="s">
        <v>7543</v>
      </c>
      <c r="G23481" s="8">
        <v>314</v>
      </c>
      <c r="H23481" s="5">
        <v>6</v>
      </c>
      <c r="I23481" s="5" t="s">
        <v>1518</v>
      </c>
      <c r="J23481" s="5" t="s">
        <v>69038</v>
      </c>
      <c r="K23481" s="2" t="s">
        <v>69039</v>
      </c>
      <c r="L23481" s="5" t="s">
        <v>69038</v>
      </c>
      <c r="M23481" s="2" t="s">
        <v>69039</v>
      </c>
      <c r="N23481" s="5" t="s">
        <v>1521</v>
      </c>
      <c r="O23481" s="5" t="s">
        <v>38</v>
      </c>
      <c r="P23481" s="5" t="s">
        <v>39</v>
      </c>
      <c r="Q23481" s="5" t="s">
        <v>40</v>
      </c>
      <c r="R23481" s="5" t="s">
        <v>1522</v>
      </c>
      <c r="S23481" s="5" t="s">
        <v>1523</v>
      </c>
      <c r="T23481" s="5" t="s">
        <v>42</v>
      </c>
      <c r="U23481" s="2">
        <v>3.8730000000000002</v>
      </c>
      <c r="V23481" s="2">
        <v>3.226</v>
      </c>
      <c r="W23481" s="2">
        <v>0.02</v>
      </c>
      <c r="X23481" s="2">
        <v>159.1</v>
      </c>
      <c r="Y23481" s="2">
        <v>7.6</v>
      </c>
      <c r="Z23481" s="2">
        <v>16.7</v>
      </c>
      <c r="AA23481" s="5"/>
      <c r="AB23481" s="5" t="s">
        <v>43</v>
      </c>
      <c r="AC23481" s="5" t="s">
        <v>44</v>
      </c>
      <c r="AD23481" s="2"/>
      <c r="AE23481" s="1"/>
    </row>
    <row r="23482" spans="1:31" ht="14.45">
      <c r="A23482" s="11"/>
      <c r="B23482" s="20"/>
      <c r="C23482" s="2" t="s">
        <v>75325</v>
      </c>
      <c r="D23482" s="14" t="s">
        <v>75326</v>
      </c>
      <c r="E23482" s="2" t="s">
        <v>75327</v>
      </c>
      <c r="F23482" s="2" t="s">
        <v>7396</v>
      </c>
      <c r="G23482" s="8">
        <v>290</v>
      </c>
      <c r="H23482" s="5">
        <v>6</v>
      </c>
      <c r="I23482" s="5" t="s">
        <v>1518</v>
      </c>
      <c r="J23482" s="5" t="s">
        <v>69038</v>
      </c>
      <c r="K23482" s="2" t="s">
        <v>69039</v>
      </c>
      <c r="L23482" s="5" t="s">
        <v>69038</v>
      </c>
      <c r="M23482" s="2" t="s">
        <v>69039</v>
      </c>
      <c r="N23482" s="5" t="s">
        <v>1521</v>
      </c>
      <c r="O23482" s="5" t="s">
        <v>38</v>
      </c>
      <c r="P23482" s="5" t="s">
        <v>39</v>
      </c>
      <c r="Q23482" s="5" t="s">
        <v>40</v>
      </c>
      <c r="R23482" s="5" t="s">
        <v>1522</v>
      </c>
      <c r="S23482" s="5" t="s">
        <v>1523</v>
      </c>
      <c r="T23482" s="5" t="s">
        <v>42</v>
      </c>
      <c r="U23482" s="2">
        <v>3.7530000000000001</v>
      </c>
      <c r="V23482" s="2">
        <v>3.1059999999999999</v>
      </c>
      <c r="W23482" s="2">
        <v>0.02</v>
      </c>
      <c r="X23482" s="2">
        <v>159.1</v>
      </c>
      <c r="Y23482" s="2">
        <v>7.6</v>
      </c>
      <c r="Z23482" s="2">
        <v>16.7</v>
      </c>
      <c r="AA23482" s="5"/>
      <c r="AB23482" s="5" t="s">
        <v>43</v>
      </c>
      <c r="AC23482" s="5" t="s">
        <v>44</v>
      </c>
      <c r="AD23482" s="2"/>
      <c r="AE23482" s="1"/>
    </row>
    <row r="23483" spans="1:31" ht="14.45">
      <c r="A23483" s="11"/>
      <c r="B23483" s="20"/>
      <c r="C23483" s="2" t="s">
        <v>75328</v>
      </c>
      <c r="D23483" s="14" t="s">
        <v>75329</v>
      </c>
      <c r="E23483" s="2" t="s">
        <v>75330</v>
      </c>
      <c r="F23483" s="2" t="s">
        <v>7507</v>
      </c>
      <c r="G23483" s="8">
        <v>290</v>
      </c>
      <c r="H23483" s="5">
        <v>6</v>
      </c>
      <c r="I23483" s="5" t="s">
        <v>1518</v>
      </c>
      <c r="J23483" s="5" t="s">
        <v>69038</v>
      </c>
      <c r="K23483" s="2" t="s">
        <v>69039</v>
      </c>
      <c r="L23483" s="5" t="s">
        <v>69038</v>
      </c>
      <c r="M23483" s="2" t="s">
        <v>69039</v>
      </c>
      <c r="N23483" s="5" t="s">
        <v>1521</v>
      </c>
      <c r="O23483" s="5" t="s">
        <v>38</v>
      </c>
      <c r="P23483" s="5" t="s">
        <v>39</v>
      </c>
      <c r="Q23483" s="5" t="s">
        <v>40</v>
      </c>
      <c r="R23483" s="5" t="s">
        <v>1522</v>
      </c>
      <c r="S23483" s="5" t="s">
        <v>1523</v>
      </c>
      <c r="T23483" s="5" t="s">
        <v>42</v>
      </c>
      <c r="U23483" s="2">
        <v>3.8730000000000002</v>
      </c>
      <c r="V23483" s="2">
        <v>3.226</v>
      </c>
      <c r="W23483" s="2">
        <v>0.02</v>
      </c>
      <c r="X23483" s="2">
        <v>159.1</v>
      </c>
      <c r="Y23483" s="2">
        <v>7.6</v>
      </c>
      <c r="Z23483" s="2">
        <v>16.7</v>
      </c>
      <c r="AA23483" s="5"/>
      <c r="AB23483" s="5" t="s">
        <v>43</v>
      </c>
      <c r="AC23483" s="5" t="s">
        <v>44</v>
      </c>
      <c r="AD23483" s="2"/>
      <c r="AE23483" s="1"/>
    </row>
    <row r="23484" spans="1:31" ht="14.45">
      <c r="A23484" s="11"/>
      <c r="B23484" s="20"/>
      <c r="C23484" s="2" t="s">
        <v>75331</v>
      </c>
      <c r="D23484" s="14" t="s">
        <v>75332</v>
      </c>
      <c r="E23484" s="2" t="s">
        <v>75333</v>
      </c>
      <c r="F23484" s="2" t="s">
        <v>7563</v>
      </c>
      <c r="G23484" s="8">
        <v>314</v>
      </c>
      <c r="H23484" s="5">
        <v>6</v>
      </c>
      <c r="I23484" s="5" t="s">
        <v>1518</v>
      </c>
      <c r="J23484" s="5" t="s">
        <v>69038</v>
      </c>
      <c r="K23484" s="2" t="s">
        <v>69039</v>
      </c>
      <c r="L23484" s="5" t="s">
        <v>69038</v>
      </c>
      <c r="M23484" s="2" t="s">
        <v>69039</v>
      </c>
      <c r="N23484" s="5" t="s">
        <v>1521</v>
      </c>
      <c r="O23484" s="5" t="s">
        <v>38</v>
      </c>
      <c r="P23484" s="5" t="s">
        <v>39</v>
      </c>
      <c r="Q23484" s="5" t="s">
        <v>40</v>
      </c>
      <c r="R23484" s="5" t="s">
        <v>1522</v>
      </c>
      <c r="S23484" s="5" t="s">
        <v>1523</v>
      </c>
      <c r="T23484" s="5" t="s">
        <v>42</v>
      </c>
      <c r="U23484" s="2">
        <v>3.7530000000000001</v>
      </c>
      <c r="V23484" s="2">
        <v>3.1059999999999999</v>
      </c>
      <c r="W23484" s="2">
        <v>0.02</v>
      </c>
      <c r="X23484" s="2">
        <v>159.1</v>
      </c>
      <c r="Y23484" s="2">
        <v>7.6</v>
      </c>
      <c r="Z23484" s="2">
        <v>16.7</v>
      </c>
      <c r="AA23484" s="5"/>
      <c r="AB23484" s="5" t="s">
        <v>43</v>
      </c>
      <c r="AC23484" s="5" t="s">
        <v>44</v>
      </c>
      <c r="AD23484" s="2"/>
      <c r="AE23484" s="1"/>
    </row>
    <row r="23485" spans="1:31" ht="14.45">
      <c r="A23485" s="11"/>
      <c r="B23485" s="20"/>
      <c r="C23485" s="2" t="s">
        <v>75334</v>
      </c>
      <c r="D23485" s="14" t="s">
        <v>75335</v>
      </c>
      <c r="E23485" s="2" t="s">
        <v>75336</v>
      </c>
      <c r="F23485" s="2" t="s">
        <v>7555</v>
      </c>
      <c r="G23485" s="8">
        <v>314</v>
      </c>
      <c r="H23485" s="5">
        <v>6</v>
      </c>
      <c r="I23485" s="5" t="s">
        <v>1518</v>
      </c>
      <c r="J23485" s="5" t="s">
        <v>69038</v>
      </c>
      <c r="K23485" s="2" t="s">
        <v>69039</v>
      </c>
      <c r="L23485" s="5" t="s">
        <v>69038</v>
      </c>
      <c r="M23485" s="2" t="s">
        <v>69039</v>
      </c>
      <c r="N23485" s="5" t="s">
        <v>1521</v>
      </c>
      <c r="O23485" s="5" t="s">
        <v>38</v>
      </c>
      <c r="P23485" s="5" t="s">
        <v>39</v>
      </c>
      <c r="Q23485" s="5" t="s">
        <v>40</v>
      </c>
      <c r="R23485" s="5" t="s">
        <v>1522</v>
      </c>
      <c r="S23485" s="5" t="s">
        <v>1523</v>
      </c>
      <c r="T23485" s="5" t="s">
        <v>42</v>
      </c>
      <c r="U23485" s="2">
        <v>3.7530000000000001</v>
      </c>
      <c r="V23485" s="2">
        <v>3.1059999999999999</v>
      </c>
      <c r="W23485" s="2">
        <v>0.02</v>
      </c>
      <c r="X23485" s="2">
        <v>159.1</v>
      </c>
      <c r="Y23485" s="2">
        <v>7.6</v>
      </c>
      <c r="Z23485" s="2">
        <v>16.7</v>
      </c>
      <c r="AA23485" s="5"/>
      <c r="AB23485" s="5" t="s">
        <v>43</v>
      </c>
      <c r="AC23485" s="5" t="s">
        <v>44</v>
      </c>
      <c r="AD23485" s="2"/>
      <c r="AE23485" s="1"/>
    </row>
    <row r="23486" spans="1:31" ht="14.45">
      <c r="A23486" s="11"/>
      <c r="B23486" s="20"/>
      <c r="C23486" s="2" t="s">
        <v>75337</v>
      </c>
      <c r="D23486" s="14" t="s">
        <v>75338</v>
      </c>
      <c r="E23486" s="2" t="s">
        <v>75339</v>
      </c>
      <c r="F23486" s="2" t="s">
        <v>16079</v>
      </c>
      <c r="G23486" s="8">
        <v>314</v>
      </c>
      <c r="H23486" s="5">
        <v>6</v>
      </c>
      <c r="I23486" s="5" t="s">
        <v>1518</v>
      </c>
      <c r="J23486" s="5" t="s">
        <v>69038</v>
      </c>
      <c r="K23486" s="2" t="s">
        <v>69039</v>
      </c>
      <c r="L23486" s="5" t="s">
        <v>69038</v>
      </c>
      <c r="M23486" s="2" t="s">
        <v>69039</v>
      </c>
      <c r="N23486" s="5" t="s">
        <v>1521</v>
      </c>
      <c r="O23486" s="5" t="s">
        <v>38</v>
      </c>
      <c r="P23486" s="5" t="s">
        <v>39</v>
      </c>
      <c r="Q23486" s="5" t="s">
        <v>40</v>
      </c>
      <c r="R23486" s="5" t="s">
        <v>1522</v>
      </c>
      <c r="S23486" s="5" t="s">
        <v>1523</v>
      </c>
      <c r="T23486" s="5" t="s">
        <v>42</v>
      </c>
      <c r="U23486" s="2">
        <v>3.7530000000000001</v>
      </c>
      <c r="V23486" s="2">
        <v>3.1059999999999999</v>
      </c>
      <c r="W23486" s="2">
        <v>0.02</v>
      </c>
      <c r="X23486" s="2">
        <v>159.1</v>
      </c>
      <c r="Y23486" s="2">
        <v>7.6</v>
      </c>
      <c r="Z23486" s="2">
        <v>16.7</v>
      </c>
      <c r="AA23486" s="5"/>
      <c r="AB23486" s="5" t="s">
        <v>43</v>
      </c>
      <c r="AC23486" s="5" t="s">
        <v>44</v>
      </c>
      <c r="AD23486" s="2"/>
      <c r="AE23486" s="1"/>
    </row>
    <row r="23487" spans="1:31" ht="14.45">
      <c r="A23487" s="11"/>
      <c r="B23487" s="20"/>
      <c r="C23487" s="2" t="s">
        <v>75340</v>
      </c>
      <c r="D23487" s="14" t="s">
        <v>75341</v>
      </c>
      <c r="E23487" s="2" t="s">
        <v>75342</v>
      </c>
      <c r="F23487" s="2" t="s">
        <v>16194</v>
      </c>
      <c r="G23487" s="8">
        <v>314</v>
      </c>
      <c r="H23487" s="5">
        <v>6</v>
      </c>
      <c r="I23487" s="5" t="s">
        <v>1518</v>
      </c>
      <c r="J23487" s="5" t="s">
        <v>69038</v>
      </c>
      <c r="K23487" s="2" t="s">
        <v>69039</v>
      </c>
      <c r="L23487" s="5" t="s">
        <v>69038</v>
      </c>
      <c r="M23487" s="2" t="s">
        <v>69039</v>
      </c>
      <c r="N23487" s="5" t="s">
        <v>1521</v>
      </c>
      <c r="O23487" s="5" t="s">
        <v>38</v>
      </c>
      <c r="P23487" s="5" t="s">
        <v>39</v>
      </c>
      <c r="Q23487" s="5" t="s">
        <v>40</v>
      </c>
      <c r="R23487" s="5" t="s">
        <v>1522</v>
      </c>
      <c r="S23487" s="5" t="s">
        <v>1523</v>
      </c>
      <c r="T23487" s="5" t="s">
        <v>42</v>
      </c>
      <c r="U23487" s="2">
        <v>3.8730000000000002</v>
      </c>
      <c r="V23487" s="2">
        <v>3.226</v>
      </c>
      <c r="W23487" s="2">
        <v>0.02</v>
      </c>
      <c r="X23487" s="2">
        <v>159.1</v>
      </c>
      <c r="Y23487" s="2">
        <v>7.6</v>
      </c>
      <c r="Z23487" s="2">
        <v>16.7</v>
      </c>
      <c r="AA23487" s="5"/>
      <c r="AB23487" s="5" t="s">
        <v>43</v>
      </c>
      <c r="AC23487" s="5" t="s">
        <v>44</v>
      </c>
      <c r="AD23487" s="2"/>
      <c r="AE23487" s="1"/>
    </row>
    <row r="23488" spans="1:31" ht="14.45">
      <c r="A23488" s="11"/>
      <c r="B23488" s="20"/>
      <c r="C23488" s="2" t="s">
        <v>75343</v>
      </c>
      <c r="D23488" s="14" t="s">
        <v>75344</v>
      </c>
      <c r="E23488" s="2" t="s">
        <v>75345</v>
      </c>
      <c r="F23488" s="2" t="s">
        <v>7449</v>
      </c>
      <c r="G23488" s="8">
        <v>314</v>
      </c>
      <c r="H23488" s="5">
        <v>6</v>
      </c>
      <c r="I23488" s="5" t="s">
        <v>1518</v>
      </c>
      <c r="J23488" s="5" t="s">
        <v>69038</v>
      </c>
      <c r="K23488" s="2" t="s">
        <v>69039</v>
      </c>
      <c r="L23488" s="5" t="s">
        <v>69038</v>
      </c>
      <c r="M23488" s="2" t="s">
        <v>69039</v>
      </c>
      <c r="N23488" s="5" t="s">
        <v>1521</v>
      </c>
      <c r="O23488" s="5" t="s">
        <v>38</v>
      </c>
      <c r="P23488" s="5" t="s">
        <v>39</v>
      </c>
      <c r="Q23488" s="5" t="s">
        <v>40</v>
      </c>
      <c r="R23488" s="5" t="s">
        <v>1522</v>
      </c>
      <c r="S23488" s="5" t="s">
        <v>1523</v>
      </c>
      <c r="T23488" s="5" t="s">
        <v>42</v>
      </c>
      <c r="U23488" s="2">
        <v>3.7530000000000001</v>
      </c>
      <c r="V23488" s="2">
        <v>3.1059999999999999</v>
      </c>
      <c r="W23488" s="2">
        <v>0.02</v>
      </c>
      <c r="X23488" s="2">
        <v>159.1</v>
      </c>
      <c r="Y23488" s="2">
        <v>7.6</v>
      </c>
      <c r="Z23488" s="2">
        <v>16.7</v>
      </c>
      <c r="AA23488" s="5"/>
      <c r="AB23488" s="5" t="s">
        <v>43</v>
      </c>
      <c r="AC23488" s="5" t="s">
        <v>44</v>
      </c>
      <c r="AD23488" s="2"/>
      <c r="AE23488" s="1"/>
    </row>
    <row r="23489" spans="1:31" ht="14.45">
      <c r="A23489" s="11"/>
      <c r="B23489" s="20"/>
      <c r="C23489" s="2" t="s">
        <v>75346</v>
      </c>
      <c r="D23489" s="14" t="s">
        <v>75347</v>
      </c>
      <c r="E23489" s="2" t="s">
        <v>75348</v>
      </c>
      <c r="F23489" s="2" t="s">
        <v>73358</v>
      </c>
      <c r="G23489" s="8">
        <v>314</v>
      </c>
      <c r="H23489" s="5">
        <v>6</v>
      </c>
      <c r="I23489" s="5" t="s">
        <v>1518</v>
      </c>
      <c r="J23489" s="5" t="s">
        <v>69038</v>
      </c>
      <c r="K23489" s="2" t="s">
        <v>69039</v>
      </c>
      <c r="L23489" s="5" t="s">
        <v>69038</v>
      </c>
      <c r="M23489" s="2" t="s">
        <v>69039</v>
      </c>
      <c r="N23489" s="5" t="s">
        <v>1521</v>
      </c>
      <c r="O23489" s="5" t="s">
        <v>38</v>
      </c>
      <c r="P23489" s="5" t="s">
        <v>39</v>
      </c>
      <c r="Q23489" s="5" t="s">
        <v>40</v>
      </c>
      <c r="R23489" s="5" t="s">
        <v>1522</v>
      </c>
      <c r="S23489" s="5" t="s">
        <v>1523</v>
      </c>
      <c r="T23489" s="5" t="s">
        <v>42</v>
      </c>
      <c r="U23489" s="2">
        <v>3.7530000000000001</v>
      </c>
      <c r="V23489" s="2">
        <v>3.1059999999999999</v>
      </c>
      <c r="W23489" s="2">
        <v>0.02</v>
      </c>
      <c r="X23489" s="2">
        <v>159.1</v>
      </c>
      <c r="Y23489" s="2">
        <v>7.6</v>
      </c>
      <c r="Z23489" s="2">
        <v>16.7</v>
      </c>
      <c r="AA23489" s="5"/>
      <c r="AB23489" s="5" t="s">
        <v>43</v>
      </c>
      <c r="AC23489" s="5" t="s">
        <v>44</v>
      </c>
      <c r="AD23489" s="2"/>
      <c r="AE23489" s="1"/>
    </row>
    <row r="23490" spans="1:31" ht="14.45">
      <c r="A23490" s="11"/>
      <c r="B23490" s="20"/>
      <c r="C23490" s="2" t="s">
        <v>75349</v>
      </c>
      <c r="D23490" s="14" t="s">
        <v>75350</v>
      </c>
      <c r="E23490" s="2" t="s">
        <v>75351</v>
      </c>
      <c r="F23490" s="2" t="s">
        <v>7615</v>
      </c>
      <c r="G23490" s="8">
        <v>314</v>
      </c>
      <c r="H23490" s="5">
        <v>6</v>
      </c>
      <c r="I23490" s="5" t="s">
        <v>1518</v>
      </c>
      <c r="J23490" s="5" t="s">
        <v>69038</v>
      </c>
      <c r="K23490" s="2" t="s">
        <v>69039</v>
      </c>
      <c r="L23490" s="5" t="s">
        <v>69038</v>
      </c>
      <c r="M23490" s="2" t="s">
        <v>69039</v>
      </c>
      <c r="N23490" s="5" t="s">
        <v>1521</v>
      </c>
      <c r="O23490" s="5" t="s">
        <v>38</v>
      </c>
      <c r="P23490" s="5" t="s">
        <v>39</v>
      </c>
      <c r="Q23490" s="5" t="s">
        <v>40</v>
      </c>
      <c r="R23490" s="5" t="s">
        <v>1522</v>
      </c>
      <c r="S23490" s="5" t="s">
        <v>1523</v>
      </c>
      <c r="T23490" s="5" t="s">
        <v>42</v>
      </c>
      <c r="U23490" s="2">
        <v>3.7530000000000001</v>
      </c>
      <c r="V23490" s="2">
        <v>3.1059999999999999</v>
      </c>
      <c r="W23490" s="2">
        <v>0.02</v>
      </c>
      <c r="X23490" s="2">
        <v>159.1</v>
      </c>
      <c r="Y23490" s="2">
        <v>7.6</v>
      </c>
      <c r="Z23490" s="2">
        <v>16.7</v>
      </c>
      <c r="AA23490" s="5"/>
      <c r="AB23490" s="5" t="s">
        <v>43</v>
      </c>
      <c r="AC23490" s="5" t="s">
        <v>44</v>
      </c>
      <c r="AD23490" s="2"/>
      <c r="AE23490" s="1"/>
    </row>
    <row r="23491" spans="1:31" ht="14.45">
      <c r="A23491" s="11"/>
      <c r="B23491" s="20"/>
      <c r="C23491" s="2" t="s">
        <v>75352</v>
      </c>
      <c r="D23491" s="14" t="s">
        <v>75353</v>
      </c>
      <c r="E23491" s="2" t="s">
        <v>75354</v>
      </c>
      <c r="F23491" s="2" t="s">
        <v>7212</v>
      </c>
      <c r="G23491" s="8">
        <v>290</v>
      </c>
      <c r="H23491" s="5">
        <v>6</v>
      </c>
      <c r="I23491" s="5" t="s">
        <v>1518</v>
      </c>
      <c r="J23491" s="5" t="s">
        <v>69038</v>
      </c>
      <c r="K23491" s="2" t="s">
        <v>69039</v>
      </c>
      <c r="L23491" s="5" t="s">
        <v>69038</v>
      </c>
      <c r="M23491" s="2" t="s">
        <v>69039</v>
      </c>
      <c r="N23491" s="5" t="s">
        <v>1521</v>
      </c>
      <c r="O23491" s="5" t="s">
        <v>38</v>
      </c>
      <c r="P23491" s="5" t="s">
        <v>39</v>
      </c>
      <c r="Q23491" s="5" t="s">
        <v>40</v>
      </c>
      <c r="R23491" s="5" t="s">
        <v>1522</v>
      </c>
      <c r="S23491" s="5" t="s">
        <v>1523</v>
      </c>
      <c r="T23491" s="5" t="s">
        <v>42</v>
      </c>
      <c r="U23491" s="2">
        <v>3.7530000000000001</v>
      </c>
      <c r="V23491" s="2">
        <v>3.1059999999999999</v>
      </c>
      <c r="W23491" s="2">
        <v>0.02</v>
      </c>
      <c r="X23491" s="2">
        <v>159.1</v>
      </c>
      <c r="Y23491" s="2">
        <v>7.6</v>
      </c>
      <c r="Z23491" s="2">
        <v>16.7</v>
      </c>
      <c r="AA23491" s="5"/>
      <c r="AB23491" s="5" t="s">
        <v>43</v>
      </c>
      <c r="AC23491" s="5" t="s">
        <v>44</v>
      </c>
      <c r="AD23491" s="2"/>
      <c r="AE23491" s="1"/>
    </row>
    <row r="23492" spans="1:31" ht="14.45">
      <c r="A23492" s="11"/>
      <c r="B23492" s="20"/>
      <c r="C23492" s="2" t="s">
        <v>75355</v>
      </c>
      <c r="D23492" s="14" t="s">
        <v>75356</v>
      </c>
      <c r="E23492" s="2" t="s">
        <v>75357</v>
      </c>
      <c r="F23492" s="2" t="s">
        <v>16029</v>
      </c>
      <c r="G23492" s="8">
        <v>314</v>
      </c>
      <c r="H23492" s="5">
        <v>6</v>
      </c>
      <c r="I23492" s="5" t="s">
        <v>1518</v>
      </c>
      <c r="J23492" s="5" t="s">
        <v>69038</v>
      </c>
      <c r="K23492" s="2" t="s">
        <v>69039</v>
      </c>
      <c r="L23492" s="5" t="s">
        <v>69038</v>
      </c>
      <c r="M23492" s="2" t="s">
        <v>69039</v>
      </c>
      <c r="N23492" s="5" t="s">
        <v>1521</v>
      </c>
      <c r="O23492" s="5" t="s">
        <v>38</v>
      </c>
      <c r="P23492" s="5" t="s">
        <v>39</v>
      </c>
      <c r="Q23492" s="5" t="s">
        <v>40</v>
      </c>
      <c r="R23492" s="5" t="s">
        <v>1522</v>
      </c>
      <c r="S23492" s="5" t="s">
        <v>1523</v>
      </c>
      <c r="T23492" s="5" t="s">
        <v>42</v>
      </c>
      <c r="U23492" s="2">
        <v>3.7639999999999998</v>
      </c>
      <c r="V23492" s="2">
        <v>3.117</v>
      </c>
      <c r="W23492" s="2">
        <v>0.02</v>
      </c>
      <c r="X23492" s="2">
        <v>159.1</v>
      </c>
      <c r="Y23492" s="2">
        <v>7.6</v>
      </c>
      <c r="Z23492" s="2">
        <v>16.7</v>
      </c>
      <c r="AA23492" s="5"/>
      <c r="AB23492" s="5" t="s">
        <v>43</v>
      </c>
      <c r="AC23492" s="5" t="s">
        <v>44</v>
      </c>
      <c r="AD23492" s="2"/>
      <c r="AE23492" s="1"/>
    </row>
    <row r="23493" spans="1:31" ht="14.45">
      <c r="A23493" s="11"/>
      <c r="B23493" s="20"/>
      <c r="C23493" s="2" t="s">
        <v>75358</v>
      </c>
      <c r="D23493" s="14" t="s">
        <v>75359</v>
      </c>
      <c r="E23493" s="2" t="s">
        <v>75360</v>
      </c>
      <c r="F23493" s="2" t="s">
        <v>16033</v>
      </c>
      <c r="G23493" s="8">
        <v>314</v>
      </c>
      <c r="H23493" s="5">
        <v>6</v>
      </c>
      <c r="I23493" s="5" t="s">
        <v>1518</v>
      </c>
      <c r="J23493" s="5" t="s">
        <v>69038</v>
      </c>
      <c r="K23493" s="2" t="s">
        <v>69039</v>
      </c>
      <c r="L23493" s="5" t="s">
        <v>69038</v>
      </c>
      <c r="M23493" s="2" t="s">
        <v>69039</v>
      </c>
      <c r="N23493" s="5" t="s">
        <v>1521</v>
      </c>
      <c r="O23493" s="5" t="s">
        <v>38</v>
      </c>
      <c r="P23493" s="5" t="s">
        <v>39</v>
      </c>
      <c r="Q23493" s="5" t="s">
        <v>40</v>
      </c>
      <c r="R23493" s="5" t="s">
        <v>1522</v>
      </c>
      <c r="S23493" s="5" t="s">
        <v>1523</v>
      </c>
      <c r="T23493" s="5" t="s">
        <v>42</v>
      </c>
      <c r="U23493" s="2">
        <v>3.8839999999999999</v>
      </c>
      <c r="V23493" s="2">
        <v>3.2370000000000001</v>
      </c>
      <c r="W23493" s="2">
        <v>0.02</v>
      </c>
      <c r="X23493" s="2">
        <v>159.1</v>
      </c>
      <c r="Y23493" s="2">
        <v>7.6</v>
      </c>
      <c r="Z23493" s="2">
        <v>16.7</v>
      </c>
      <c r="AA23493" s="5"/>
      <c r="AB23493" s="5" t="s">
        <v>43</v>
      </c>
      <c r="AC23493" s="5" t="s">
        <v>44</v>
      </c>
      <c r="AD23493" s="2"/>
      <c r="AE23493" s="1"/>
    </row>
    <row r="23494" spans="1:31" ht="14.45">
      <c r="A23494" s="11"/>
      <c r="B23494" s="20"/>
      <c r="C23494" s="2" t="s">
        <v>75361</v>
      </c>
      <c r="D23494" s="14" t="s">
        <v>75362</v>
      </c>
      <c r="E23494" s="2" t="s">
        <v>75363</v>
      </c>
      <c r="F23494" s="2" t="s">
        <v>7204</v>
      </c>
      <c r="G23494" s="8">
        <v>308</v>
      </c>
      <c r="H23494" s="5">
        <v>6</v>
      </c>
      <c r="I23494" s="5" t="s">
        <v>1518</v>
      </c>
      <c r="J23494" s="5" t="s">
        <v>69038</v>
      </c>
      <c r="K23494" s="2" t="s">
        <v>69039</v>
      </c>
      <c r="L23494" s="5" t="s">
        <v>69038</v>
      </c>
      <c r="M23494" s="2" t="s">
        <v>69039</v>
      </c>
      <c r="N23494" s="5" t="s">
        <v>1521</v>
      </c>
      <c r="O23494" s="5" t="s">
        <v>38</v>
      </c>
      <c r="P23494" s="5" t="s">
        <v>39</v>
      </c>
      <c r="Q23494" s="5" t="s">
        <v>40</v>
      </c>
      <c r="R23494" s="5" t="s">
        <v>1522</v>
      </c>
      <c r="S23494" s="5" t="s">
        <v>1523</v>
      </c>
      <c r="T23494" s="5" t="s">
        <v>42</v>
      </c>
      <c r="U23494" s="2">
        <v>3.9260000000000002</v>
      </c>
      <c r="V23494" s="2">
        <v>3.2879999999999998</v>
      </c>
      <c r="W23494" s="2">
        <v>0.02</v>
      </c>
      <c r="X23494" s="2">
        <v>159.1</v>
      </c>
      <c r="Y23494" s="2">
        <v>7.6</v>
      </c>
      <c r="Z23494" s="2">
        <v>16.7</v>
      </c>
      <c r="AA23494" s="5"/>
      <c r="AB23494" s="5" t="s">
        <v>43</v>
      </c>
      <c r="AC23494" s="5" t="s">
        <v>44</v>
      </c>
      <c r="AD23494" s="2"/>
      <c r="AE23494" s="1"/>
    </row>
    <row r="23495" spans="1:31" ht="14.45">
      <c r="A23495" s="11"/>
      <c r="B23495" s="20"/>
      <c r="C23495" s="2" t="s">
        <v>75364</v>
      </c>
      <c r="D23495" s="14" t="s">
        <v>75365</v>
      </c>
      <c r="E23495" s="2" t="s">
        <v>75366</v>
      </c>
      <c r="F23495" s="2" t="s">
        <v>7514</v>
      </c>
      <c r="G23495" s="8">
        <v>308</v>
      </c>
      <c r="H23495" s="5">
        <v>6</v>
      </c>
      <c r="I23495" s="5" t="s">
        <v>1518</v>
      </c>
      <c r="J23495" s="5" t="s">
        <v>69038</v>
      </c>
      <c r="K23495" s="2" t="s">
        <v>69039</v>
      </c>
      <c r="L23495" s="5" t="s">
        <v>69038</v>
      </c>
      <c r="M23495" s="2" t="s">
        <v>69039</v>
      </c>
      <c r="N23495" s="5" t="s">
        <v>1521</v>
      </c>
      <c r="O23495" s="5" t="s">
        <v>38</v>
      </c>
      <c r="P23495" s="5" t="s">
        <v>39</v>
      </c>
      <c r="Q23495" s="5" t="s">
        <v>40</v>
      </c>
      <c r="R23495" s="5" t="s">
        <v>1522</v>
      </c>
      <c r="S23495" s="5" t="s">
        <v>1523</v>
      </c>
      <c r="T23495" s="5" t="s">
        <v>42</v>
      </c>
      <c r="U23495" s="2">
        <v>4.056</v>
      </c>
      <c r="V23495" s="2">
        <v>3.4180000000000001</v>
      </c>
      <c r="W23495" s="2">
        <v>0.02</v>
      </c>
      <c r="X23495" s="2">
        <v>159.1</v>
      </c>
      <c r="Y23495" s="2">
        <v>7.6</v>
      </c>
      <c r="Z23495" s="2">
        <v>16.7</v>
      </c>
      <c r="AA23495" s="5"/>
      <c r="AB23495" s="5" t="s">
        <v>43</v>
      </c>
      <c r="AC23495" s="5" t="s">
        <v>44</v>
      </c>
      <c r="AD23495" s="2"/>
      <c r="AE23495" s="1"/>
    </row>
    <row r="23496" spans="1:31" ht="14.45">
      <c r="A23496" s="11"/>
      <c r="B23496" s="20"/>
      <c r="C23496" s="2" t="s">
        <v>75367</v>
      </c>
      <c r="D23496" s="14" t="s">
        <v>75368</v>
      </c>
      <c r="E23496" s="2" t="s">
        <v>75369</v>
      </c>
      <c r="F23496" s="2" t="s">
        <v>7539</v>
      </c>
      <c r="G23496" s="8">
        <v>334</v>
      </c>
      <c r="H23496" s="5">
        <v>6</v>
      </c>
      <c r="I23496" s="5" t="s">
        <v>1518</v>
      </c>
      <c r="J23496" s="5" t="s">
        <v>69038</v>
      </c>
      <c r="K23496" s="2" t="s">
        <v>69039</v>
      </c>
      <c r="L23496" s="5" t="s">
        <v>69038</v>
      </c>
      <c r="M23496" s="2" t="s">
        <v>69039</v>
      </c>
      <c r="N23496" s="5" t="s">
        <v>1521</v>
      </c>
      <c r="O23496" s="5" t="s">
        <v>38</v>
      </c>
      <c r="P23496" s="5" t="s">
        <v>39</v>
      </c>
      <c r="Q23496" s="5" t="s">
        <v>40</v>
      </c>
      <c r="R23496" s="5" t="s">
        <v>1522</v>
      </c>
      <c r="S23496" s="5" t="s">
        <v>1523</v>
      </c>
      <c r="T23496" s="5" t="s">
        <v>42</v>
      </c>
      <c r="U23496" s="2">
        <v>3.9260000000000002</v>
      </c>
      <c r="V23496" s="2">
        <v>3.2879999999999998</v>
      </c>
      <c r="W23496" s="2">
        <v>0.02</v>
      </c>
      <c r="X23496" s="2">
        <v>159.1</v>
      </c>
      <c r="Y23496" s="2">
        <v>7.6</v>
      </c>
      <c r="Z23496" s="2">
        <v>16.7</v>
      </c>
      <c r="AA23496" s="5"/>
      <c r="AB23496" s="5" t="s">
        <v>43</v>
      </c>
      <c r="AC23496" s="5" t="s">
        <v>44</v>
      </c>
      <c r="AD23496" s="2"/>
      <c r="AE23496" s="1"/>
    </row>
    <row r="23497" spans="1:31" ht="14.45">
      <c r="A23497" s="11"/>
      <c r="B23497" s="20"/>
      <c r="C23497" s="2" t="s">
        <v>75370</v>
      </c>
      <c r="D23497" s="14" t="s">
        <v>75371</v>
      </c>
      <c r="E23497" s="2" t="s">
        <v>75372</v>
      </c>
      <c r="F23497" s="2" t="s">
        <v>7449</v>
      </c>
      <c r="G23497" s="8">
        <v>334</v>
      </c>
      <c r="H23497" s="5">
        <v>6</v>
      </c>
      <c r="I23497" s="5" t="s">
        <v>1518</v>
      </c>
      <c r="J23497" s="5" t="s">
        <v>69038</v>
      </c>
      <c r="K23497" s="2" t="s">
        <v>69039</v>
      </c>
      <c r="L23497" s="5" t="s">
        <v>69038</v>
      </c>
      <c r="M23497" s="2" t="s">
        <v>69039</v>
      </c>
      <c r="N23497" s="5" t="s">
        <v>1521</v>
      </c>
      <c r="O23497" s="5" t="s">
        <v>38</v>
      </c>
      <c r="P23497" s="5" t="s">
        <v>39</v>
      </c>
      <c r="Q23497" s="5" t="s">
        <v>40</v>
      </c>
      <c r="R23497" s="5" t="s">
        <v>1522</v>
      </c>
      <c r="S23497" s="5" t="s">
        <v>1523</v>
      </c>
      <c r="T23497" s="5" t="s">
        <v>42</v>
      </c>
      <c r="U23497" s="2">
        <v>3.9260000000000002</v>
      </c>
      <c r="V23497" s="2">
        <v>3.2879999999999998</v>
      </c>
      <c r="W23497" s="2">
        <v>0.02</v>
      </c>
      <c r="X23497" s="2">
        <v>159.1</v>
      </c>
      <c r="Y23497" s="2">
        <v>7.6</v>
      </c>
      <c r="Z23497" s="2">
        <v>16.7</v>
      </c>
      <c r="AA23497" s="5"/>
      <c r="AB23497" s="5" t="s">
        <v>43</v>
      </c>
      <c r="AC23497" s="5" t="s">
        <v>44</v>
      </c>
      <c r="AD23497" s="2"/>
      <c r="AE23497" s="1"/>
    </row>
    <row r="23498" spans="1:31" ht="14.45">
      <c r="A23498" s="11"/>
      <c r="B23498" s="20"/>
      <c r="C23498" s="2" t="s">
        <v>75373</v>
      </c>
      <c r="D23498" s="14" t="s">
        <v>75374</v>
      </c>
      <c r="E23498" s="2" t="s">
        <v>75375</v>
      </c>
      <c r="F23498" s="2" t="s">
        <v>16029</v>
      </c>
      <c r="G23498" s="8">
        <v>334</v>
      </c>
      <c r="H23498" s="5">
        <v>6</v>
      </c>
      <c r="I23498" s="5" t="s">
        <v>1518</v>
      </c>
      <c r="J23498" s="5" t="s">
        <v>69038</v>
      </c>
      <c r="K23498" s="2" t="s">
        <v>69039</v>
      </c>
      <c r="L23498" s="5" t="s">
        <v>69038</v>
      </c>
      <c r="M23498" s="2" t="s">
        <v>69039</v>
      </c>
      <c r="N23498" s="5" t="s">
        <v>1521</v>
      </c>
      <c r="O23498" s="5" t="s">
        <v>38</v>
      </c>
      <c r="P23498" s="5" t="s">
        <v>39</v>
      </c>
      <c r="Q23498" s="5" t="s">
        <v>40</v>
      </c>
      <c r="R23498" s="5" t="s">
        <v>1522</v>
      </c>
      <c r="S23498" s="5" t="s">
        <v>1523</v>
      </c>
      <c r="T23498" s="5" t="s">
        <v>42</v>
      </c>
      <c r="U23498" s="2">
        <v>3.9369999999999998</v>
      </c>
      <c r="V23498" s="2">
        <v>3.2989999999999999</v>
      </c>
      <c r="W23498" s="2">
        <v>0.02</v>
      </c>
      <c r="X23498" s="2">
        <v>159.1</v>
      </c>
      <c r="Y23498" s="2">
        <v>7.6</v>
      </c>
      <c r="Z23498" s="2">
        <v>16.7</v>
      </c>
      <c r="AA23498" s="5"/>
      <c r="AB23498" s="5" t="s">
        <v>43</v>
      </c>
      <c r="AC23498" s="5" t="s">
        <v>44</v>
      </c>
      <c r="AD23498" s="2"/>
      <c r="AE23498" s="1"/>
    </row>
    <row r="23499" spans="1:31" ht="14.45">
      <c r="A23499" s="11"/>
      <c r="B23499" s="20"/>
      <c r="C23499" s="2" t="s">
        <v>75376</v>
      </c>
      <c r="D23499" s="14" t="s">
        <v>75377</v>
      </c>
      <c r="E23499" s="2" t="s">
        <v>75378</v>
      </c>
      <c r="F23499" s="2" t="s">
        <v>16033</v>
      </c>
      <c r="G23499" s="8">
        <v>334</v>
      </c>
      <c r="H23499" s="5">
        <v>6</v>
      </c>
      <c r="I23499" s="5" t="s">
        <v>1518</v>
      </c>
      <c r="J23499" s="5" t="s">
        <v>69038</v>
      </c>
      <c r="K23499" s="2" t="s">
        <v>69039</v>
      </c>
      <c r="L23499" s="5" t="s">
        <v>69038</v>
      </c>
      <c r="M23499" s="2" t="s">
        <v>69039</v>
      </c>
      <c r="N23499" s="5" t="s">
        <v>1521</v>
      </c>
      <c r="O23499" s="5" t="s">
        <v>38</v>
      </c>
      <c r="P23499" s="5" t="s">
        <v>39</v>
      </c>
      <c r="Q23499" s="5" t="s">
        <v>40</v>
      </c>
      <c r="R23499" s="5" t="s">
        <v>1522</v>
      </c>
      <c r="S23499" s="5" t="s">
        <v>1523</v>
      </c>
      <c r="T23499" s="5" t="s">
        <v>42</v>
      </c>
      <c r="U23499" s="2">
        <v>4.0670000000000002</v>
      </c>
      <c r="V23499" s="2">
        <v>3.4289999999999998</v>
      </c>
      <c r="W23499" s="2">
        <v>0.02</v>
      </c>
      <c r="X23499" s="2">
        <v>159.1</v>
      </c>
      <c r="Y23499" s="2">
        <v>7.6</v>
      </c>
      <c r="Z23499" s="2">
        <v>16.7</v>
      </c>
      <c r="AA23499" s="5"/>
      <c r="AB23499" s="5" t="s">
        <v>43</v>
      </c>
      <c r="AC23499" s="5" t="s">
        <v>44</v>
      </c>
      <c r="AD23499" s="2"/>
      <c r="AE23499" s="1"/>
    </row>
    <row r="23500" spans="1:31" ht="14.45">
      <c r="A23500" s="11"/>
      <c r="B23500" s="20"/>
      <c r="C23500" s="2" t="s">
        <v>75379</v>
      </c>
      <c r="D23500" s="14" t="s">
        <v>75380</v>
      </c>
      <c r="E23500" s="2" t="s">
        <v>75381</v>
      </c>
      <c r="F23500" s="2" t="s">
        <v>7204</v>
      </c>
      <c r="G23500" s="8">
        <v>278</v>
      </c>
      <c r="H23500" s="5">
        <v>6</v>
      </c>
      <c r="I23500" s="5" t="s">
        <v>1518</v>
      </c>
      <c r="J23500" s="5" t="s">
        <v>69038</v>
      </c>
      <c r="K23500" s="2" t="s">
        <v>69039</v>
      </c>
      <c r="L23500" s="5" t="s">
        <v>69038</v>
      </c>
      <c r="M23500" s="2" t="s">
        <v>69039</v>
      </c>
      <c r="N23500" s="5" t="s">
        <v>1521</v>
      </c>
      <c r="O23500" s="5" t="s">
        <v>38</v>
      </c>
      <c r="P23500" s="5" t="s">
        <v>39</v>
      </c>
      <c r="Q23500" s="5" t="s">
        <v>40</v>
      </c>
      <c r="R23500" s="5" t="s">
        <v>1522</v>
      </c>
      <c r="S23500" s="5" t="s">
        <v>1523</v>
      </c>
      <c r="T23500" s="5" t="s">
        <v>42</v>
      </c>
      <c r="U23500" s="2">
        <v>3.4420000000000002</v>
      </c>
      <c r="V23500" s="2">
        <v>2.778</v>
      </c>
      <c r="W23500" s="2">
        <v>0.02</v>
      </c>
      <c r="X23500" s="2">
        <v>159.1</v>
      </c>
      <c r="Y23500" s="2">
        <v>7.6</v>
      </c>
      <c r="Z23500" s="2">
        <v>16.7</v>
      </c>
      <c r="AA23500" s="5"/>
      <c r="AB23500" s="5" t="s">
        <v>43</v>
      </c>
      <c r="AC23500" s="5" t="s">
        <v>44</v>
      </c>
      <c r="AD23500" s="2"/>
      <c r="AE23500" s="1"/>
    </row>
    <row r="23501" spans="1:31" ht="14.45">
      <c r="A23501" s="11"/>
      <c r="B23501" s="20"/>
      <c r="C23501" s="2" t="s">
        <v>75382</v>
      </c>
      <c r="D23501" s="14" t="s">
        <v>75383</v>
      </c>
      <c r="E23501" s="2" t="s">
        <v>75384</v>
      </c>
      <c r="F23501" s="2" t="s">
        <v>7514</v>
      </c>
      <c r="G23501" s="8">
        <v>278</v>
      </c>
      <c r="H23501" s="5">
        <v>6</v>
      </c>
      <c r="I23501" s="5" t="s">
        <v>1518</v>
      </c>
      <c r="J23501" s="5" t="s">
        <v>69038</v>
      </c>
      <c r="K23501" s="2" t="s">
        <v>69039</v>
      </c>
      <c r="L23501" s="5" t="s">
        <v>69038</v>
      </c>
      <c r="M23501" s="2" t="s">
        <v>69039</v>
      </c>
      <c r="N23501" s="5" t="s">
        <v>1521</v>
      </c>
      <c r="O23501" s="5" t="s">
        <v>38</v>
      </c>
      <c r="P23501" s="5" t="s">
        <v>39</v>
      </c>
      <c r="Q23501" s="5" t="s">
        <v>40</v>
      </c>
      <c r="R23501" s="5" t="s">
        <v>1522</v>
      </c>
      <c r="S23501" s="5" t="s">
        <v>1523</v>
      </c>
      <c r="T23501" s="5" t="s">
        <v>42</v>
      </c>
      <c r="U23501" s="2">
        <v>3.5409999999999999</v>
      </c>
      <c r="V23501" s="2">
        <v>2.8769999999999998</v>
      </c>
      <c r="W23501" s="2">
        <v>0.02</v>
      </c>
      <c r="X23501" s="2">
        <v>159.1</v>
      </c>
      <c r="Y23501" s="2">
        <v>7.6</v>
      </c>
      <c r="Z23501" s="2">
        <v>16.7</v>
      </c>
      <c r="AA23501" s="5"/>
      <c r="AB23501" s="5" t="s">
        <v>43</v>
      </c>
      <c r="AC23501" s="5" t="s">
        <v>44</v>
      </c>
      <c r="AD23501" s="2"/>
      <c r="AE23501" s="1"/>
    </row>
    <row r="23502" spans="1:31" ht="14.45">
      <c r="A23502" s="11"/>
      <c r="B23502" s="20"/>
      <c r="C23502" s="2" t="s">
        <v>75385</v>
      </c>
      <c r="D23502" s="14" t="s">
        <v>75386</v>
      </c>
      <c r="E23502" s="2" t="s">
        <v>75387</v>
      </c>
      <c r="F23502" s="2" t="s">
        <v>7208</v>
      </c>
      <c r="G23502" s="8">
        <v>278</v>
      </c>
      <c r="H23502" s="5">
        <v>6</v>
      </c>
      <c r="I23502" s="5" t="s">
        <v>1518</v>
      </c>
      <c r="J23502" s="5" t="s">
        <v>69038</v>
      </c>
      <c r="K23502" s="2" t="s">
        <v>69039</v>
      </c>
      <c r="L23502" s="5" t="s">
        <v>69038</v>
      </c>
      <c r="M23502" s="2" t="s">
        <v>69039</v>
      </c>
      <c r="N23502" s="5" t="s">
        <v>1521</v>
      </c>
      <c r="O23502" s="5" t="s">
        <v>38</v>
      </c>
      <c r="P23502" s="5" t="s">
        <v>39</v>
      </c>
      <c r="Q23502" s="5" t="s">
        <v>40</v>
      </c>
      <c r="R23502" s="5" t="s">
        <v>1522</v>
      </c>
      <c r="S23502" s="5" t="s">
        <v>1523</v>
      </c>
      <c r="T23502" s="5" t="s">
        <v>42</v>
      </c>
      <c r="U23502" s="2">
        <v>3.4420000000000002</v>
      </c>
      <c r="V23502" s="2">
        <v>2.778</v>
      </c>
      <c r="W23502" s="2">
        <v>0.02</v>
      </c>
      <c r="X23502" s="2">
        <v>159.1</v>
      </c>
      <c r="Y23502" s="2">
        <v>7.6</v>
      </c>
      <c r="Z23502" s="2">
        <v>16.7</v>
      </c>
      <c r="AA23502" s="5"/>
      <c r="AB23502" s="5" t="s">
        <v>43</v>
      </c>
      <c r="AC23502" s="5" t="s">
        <v>44</v>
      </c>
      <c r="AD23502" s="2"/>
      <c r="AE23502" s="1"/>
    </row>
    <row r="23503" spans="1:31" ht="14.45">
      <c r="A23503" s="11"/>
      <c r="B23503" s="20"/>
      <c r="C23503" s="2" t="s">
        <v>75388</v>
      </c>
      <c r="D23503" s="14" t="s">
        <v>75389</v>
      </c>
      <c r="E23503" s="2" t="s">
        <v>75390</v>
      </c>
      <c r="F23503" s="2" t="s">
        <v>7521</v>
      </c>
      <c r="G23503" s="8">
        <v>278</v>
      </c>
      <c r="H23503" s="5">
        <v>6</v>
      </c>
      <c r="I23503" s="5" t="s">
        <v>1518</v>
      </c>
      <c r="J23503" s="5" t="s">
        <v>69038</v>
      </c>
      <c r="K23503" s="2" t="s">
        <v>69039</v>
      </c>
      <c r="L23503" s="5" t="s">
        <v>69038</v>
      </c>
      <c r="M23503" s="2" t="s">
        <v>69039</v>
      </c>
      <c r="N23503" s="5" t="s">
        <v>1521</v>
      </c>
      <c r="O23503" s="5" t="s">
        <v>38</v>
      </c>
      <c r="P23503" s="5" t="s">
        <v>39</v>
      </c>
      <c r="Q23503" s="5" t="s">
        <v>40</v>
      </c>
      <c r="R23503" s="5" t="s">
        <v>1522</v>
      </c>
      <c r="S23503" s="5" t="s">
        <v>1523</v>
      </c>
      <c r="T23503" s="5" t="s">
        <v>42</v>
      </c>
      <c r="U23503" s="2">
        <v>3.5409999999999999</v>
      </c>
      <c r="V23503" s="2">
        <v>2.8769999999999998</v>
      </c>
      <c r="W23503" s="2">
        <v>0.02</v>
      </c>
      <c r="X23503" s="2">
        <v>159.1</v>
      </c>
      <c r="Y23503" s="2">
        <v>7.6</v>
      </c>
      <c r="Z23503" s="2">
        <v>16.7</v>
      </c>
      <c r="AA23503" s="5"/>
      <c r="AB23503" s="5" t="s">
        <v>43</v>
      </c>
      <c r="AC23503" s="5" t="s">
        <v>44</v>
      </c>
      <c r="AD23503" s="2"/>
      <c r="AE23503" s="1"/>
    </row>
    <row r="23504" spans="1:31" ht="14.45">
      <c r="A23504" s="11"/>
      <c r="B23504" s="20"/>
      <c r="C23504" s="2" t="s">
        <v>75391</v>
      </c>
      <c r="D23504" s="14" t="s">
        <v>75392</v>
      </c>
      <c r="E23504" s="2" t="s">
        <v>75393</v>
      </c>
      <c r="F23504" s="2" t="s">
        <v>7406</v>
      </c>
      <c r="G23504" s="8">
        <v>300</v>
      </c>
      <c r="H23504" s="5">
        <v>6</v>
      </c>
      <c r="I23504" s="5" t="s">
        <v>1518</v>
      </c>
      <c r="J23504" s="5" t="s">
        <v>69038</v>
      </c>
      <c r="K23504" s="2" t="s">
        <v>69039</v>
      </c>
      <c r="L23504" s="5" t="s">
        <v>69038</v>
      </c>
      <c r="M23504" s="2" t="s">
        <v>69039</v>
      </c>
      <c r="N23504" s="5" t="s">
        <v>1521</v>
      </c>
      <c r="O23504" s="5" t="s">
        <v>38</v>
      </c>
      <c r="P23504" s="5" t="s">
        <v>39</v>
      </c>
      <c r="Q23504" s="5" t="s">
        <v>40</v>
      </c>
      <c r="R23504" s="5" t="s">
        <v>1522</v>
      </c>
      <c r="S23504" s="5" t="s">
        <v>1523</v>
      </c>
      <c r="T23504" s="5" t="s">
        <v>42</v>
      </c>
      <c r="U23504" s="2">
        <v>3.4420000000000002</v>
      </c>
      <c r="V23504" s="2">
        <v>2.778</v>
      </c>
      <c r="W23504" s="2">
        <v>0.02</v>
      </c>
      <c r="X23504" s="2">
        <v>159.1</v>
      </c>
      <c r="Y23504" s="2">
        <v>7.6</v>
      </c>
      <c r="Z23504" s="2">
        <v>16.7</v>
      </c>
      <c r="AA23504" s="5"/>
      <c r="AB23504" s="5" t="s">
        <v>43</v>
      </c>
      <c r="AC23504" s="5" t="s">
        <v>44</v>
      </c>
      <c r="AD23504" s="2"/>
      <c r="AE23504" s="1"/>
    </row>
    <row r="23505" spans="1:31" ht="14.45">
      <c r="A23505" s="11"/>
      <c r="B23505" s="20"/>
      <c r="C23505" s="2" t="s">
        <v>75394</v>
      </c>
      <c r="D23505" s="14" t="s">
        <v>75395</v>
      </c>
      <c r="E23505" s="2" t="s">
        <v>75396</v>
      </c>
      <c r="F23505" s="2" t="s">
        <v>7539</v>
      </c>
      <c r="G23505" s="8">
        <v>300</v>
      </c>
      <c r="H23505" s="5">
        <v>6</v>
      </c>
      <c r="I23505" s="5" t="s">
        <v>1518</v>
      </c>
      <c r="J23505" s="5" t="s">
        <v>69038</v>
      </c>
      <c r="K23505" s="2" t="s">
        <v>69039</v>
      </c>
      <c r="L23505" s="5" t="s">
        <v>69038</v>
      </c>
      <c r="M23505" s="2" t="s">
        <v>69039</v>
      </c>
      <c r="N23505" s="5" t="s">
        <v>1521</v>
      </c>
      <c r="O23505" s="5" t="s">
        <v>38</v>
      </c>
      <c r="P23505" s="5" t="s">
        <v>39</v>
      </c>
      <c r="Q23505" s="5" t="s">
        <v>40</v>
      </c>
      <c r="R23505" s="5" t="s">
        <v>1522</v>
      </c>
      <c r="S23505" s="5" t="s">
        <v>1523</v>
      </c>
      <c r="T23505" s="5" t="s">
        <v>42</v>
      </c>
      <c r="U23505" s="2">
        <v>3.4420000000000002</v>
      </c>
      <c r="V23505" s="2">
        <v>2.778</v>
      </c>
      <c r="W23505" s="2">
        <v>0.02</v>
      </c>
      <c r="X23505" s="2">
        <v>159.1</v>
      </c>
      <c r="Y23505" s="2">
        <v>7.6</v>
      </c>
      <c r="Z23505" s="2">
        <v>16.7</v>
      </c>
      <c r="AA23505" s="5"/>
      <c r="AB23505" s="5" t="s">
        <v>43</v>
      </c>
      <c r="AC23505" s="5" t="s">
        <v>44</v>
      </c>
      <c r="AD23505" s="2"/>
      <c r="AE23505" s="1"/>
    </row>
    <row r="23506" spans="1:31" ht="14.45">
      <c r="A23506" s="11"/>
      <c r="B23506" s="20"/>
      <c r="C23506" s="2" t="s">
        <v>75397</v>
      </c>
      <c r="D23506" s="14" t="s">
        <v>75398</v>
      </c>
      <c r="E23506" s="2" t="s">
        <v>75399</v>
      </c>
      <c r="F23506" s="2" t="s">
        <v>7543</v>
      </c>
      <c r="G23506" s="8">
        <v>300</v>
      </c>
      <c r="H23506" s="5">
        <v>6</v>
      </c>
      <c r="I23506" s="5" t="s">
        <v>1518</v>
      </c>
      <c r="J23506" s="5" t="s">
        <v>69038</v>
      </c>
      <c r="K23506" s="2" t="s">
        <v>69039</v>
      </c>
      <c r="L23506" s="5" t="s">
        <v>69038</v>
      </c>
      <c r="M23506" s="2" t="s">
        <v>69039</v>
      </c>
      <c r="N23506" s="5" t="s">
        <v>1521</v>
      </c>
      <c r="O23506" s="5" t="s">
        <v>38</v>
      </c>
      <c r="P23506" s="5" t="s">
        <v>39</v>
      </c>
      <c r="Q23506" s="5" t="s">
        <v>40</v>
      </c>
      <c r="R23506" s="5" t="s">
        <v>1522</v>
      </c>
      <c r="S23506" s="5" t="s">
        <v>1523</v>
      </c>
      <c r="T23506" s="5" t="s">
        <v>42</v>
      </c>
      <c r="U23506" s="2">
        <v>3.5409999999999999</v>
      </c>
      <c r="V23506" s="2">
        <v>2.8769999999999998</v>
      </c>
      <c r="W23506" s="2">
        <v>0.02</v>
      </c>
      <c r="X23506" s="2">
        <v>159.1</v>
      </c>
      <c r="Y23506" s="2">
        <v>7.6</v>
      </c>
      <c r="Z23506" s="2">
        <v>16.7</v>
      </c>
      <c r="AA23506" s="5"/>
      <c r="AB23506" s="5" t="s">
        <v>43</v>
      </c>
      <c r="AC23506" s="5" t="s">
        <v>44</v>
      </c>
      <c r="AD23506" s="2"/>
      <c r="AE23506" s="1"/>
    </row>
    <row r="23507" spans="1:31" ht="14.45">
      <c r="A23507" s="11"/>
      <c r="B23507" s="20"/>
      <c r="C23507" s="2" t="s">
        <v>75400</v>
      </c>
      <c r="D23507" s="14" t="s">
        <v>75401</v>
      </c>
      <c r="E23507" s="2" t="s">
        <v>75402</v>
      </c>
      <c r="F23507" s="2" t="s">
        <v>7396</v>
      </c>
      <c r="G23507" s="8">
        <v>278</v>
      </c>
      <c r="H23507" s="5">
        <v>6</v>
      </c>
      <c r="I23507" s="5" t="s">
        <v>1518</v>
      </c>
      <c r="J23507" s="5" t="s">
        <v>69038</v>
      </c>
      <c r="K23507" s="2" t="s">
        <v>69039</v>
      </c>
      <c r="L23507" s="5" t="s">
        <v>69038</v>
      </c>
      <c r="M23507" s="2" t="s">
        <v>69039</v>
      </c>
      <c r="N23507" s="5" t="s">
        <v>1521</v>
      </c>
      <c r="O23507" s="5" t="s">
        <v>38</v>
      </c>
      <c r="P23507" s="5" t="s">
        <v>39</v>
      </c>
      <c r="Q23507" s="5" t="s">
        <v>40</v>
      </c>
      <c r="R23507" s="5" t="s">
        <v>1522</v>
      </c>
      <c r="S23507" s="5" t="s">
        <v>1523</v>
      </c>
      <c r="T23507" s="5" t="s">
        <v>42</v>
      </c>
      <c r="U23507" s="2">
        <v>3.4420000000000002</v>
      </c>
      <c r="V23507" s="2">
        <v>2.778</v>
      </c>
      <c r="W23507" s="2">
        <v>0.02</v>
      </c>
      <c r="X23507" s="2">
        <v>159.1</v>
      </c>
      <c r="Y23507" s="2">
        <v>7.6</v>
      </c>
      <c r="Z23507" s="2">
        <v>16.7</v>
      </c>
      <c r="AA23507" s="5"/>
      <c r="AB23507" s="5" t="s">
        <v>43</v>
      </c>
      <c r="AC23507" s="5" t="s">
        <v>44</v>
      </c>
      <c r="AD23507" s="2"/>
      <c r="AE23507" s="1"/>
    </row>
    <row r="23508" spans="1:31" ht="14.45">
      <c r="A23508" s="11"/>
      <c r="B23508" s="20"/>
      <c r="C23508" s="2" t="s">
        <v>75403</v>
      </c>
      <c r="D23508" s="14" t="s">
        <v>75404</v>
      </c>
      <c r="E23508" s="2" t="s">
        <v>75405</v>
      </c>
      <c r="F23508" s="2" t="s">
        <v>7507</v>
      </c>
      <c r="G23508" s="8">
        <v>278</v>
      </c>
      <c r="H23508" s="5">
        <v>6</v>
      </c>
      <c r="I23508" s="5" t="s">
        <v>1518</v>
      </c>
      <c r="J23508" s="5" t="s">
        <v>69038</v>
      </c>
      <c r="K23508" s="2" t="s">
        <v>69039</v>
      </c>
      <c r="L23508" s="5" t="s">
        <v>69038</v>
      </c>
      <c r="M23508" s="2" t="s">
        <v>69039</v>
      </c>
      <c r="N23508" s="5" t="s">
        <v>1521</v>
      </c>
      <c r="O23508" s="5" t="s">
        <v>38</v>
      </c>
      <c r="P23508" s="5" t="s">
        <v>39</v>
      </c>
      <c r="Q23508" s="5" t="s">
        <v>40</v>
      </c>
      <c r="R23508" s="5" t="s">
        <v>1522</v>
      </c>
      <c r="S23508" s="5" t="s">
        <v>1523</v>
      </c>
      <c r="T23508" s="5" t="s">
        <v>42</v>
      </c>
      <c r="U23508" s="2">
        <v>3.5409999999999999</v>
      </c>
      <c r="V23508" s="2">
        <v>2.8769999999999998</v>
      </c>
      <c r="W23508" s="2">
        <v>0.02</v>
      </c>
      <c r="X23508" s="2">
        <v>159.1</v>
      </c>
      <c r="Y23508" s="2">
        <v>7.6</v>
      </c>
      <c r="Z23508" s="2">
        <v>16.7</v>
      </c>
      <c r="AA23508" s="5"/>
      <c r="AB23508" s="5" t="s">
        <v>43</v>
      </c>
      <c r="AC23508" s="5" t="s">
        <v>44</v>
      </c>
      <c r="AD23508" s="2"/>
      <c r="AE23508" s="1"/>
    </row>
    <row r="23509" spans="1:31" ht="14.45">
      <c r="A23509" s="11"/>
      <c r="B23509" s="20"/>
      <c r="C23509" s="2" t="s">
        <v>75406</v>
      </c>
      <c r="D23509" s="14" t="s">
        <v>75407</v>
      </c>
      <c r="E23509" s="2" t="s">
        <v>75408</v>
      </c>
      <c r="F23509" s="2" t="s">
        <v>7547</v>
      </c>
      <c r="G23509" s="8">
        <v>300</v>
      </c>
      <c r="H23509" s="5">
        <v>6</v>
      </c>
      <c r="I23509" s="5" t="s">
        <v>1518</v>
      </c>
      <c r="J23509" s="5" t="s">
        <v>69038</v>
      </c>
      <c r="K23509" s="2" t="s">
        <v>69039</v>
      </c>
      <c r="L23509" s="5" t="s">
        <v>69038</v>
      </c>
      <c r="M23509" s="2" t="s">
        <v>69039</v>
      </c>
      <c r="N23509" s="5" t="s">
        <v>1521</v>
      </c>
      <c r="O23509" s="5" t="s">
        <v>38</v>
      </c>
      <c r="P23509" s="5" t="s">
        <v>39</v>
      </c>
      <c r="Q23509" s="5" t="s">
        <v>40</v>
      </c>
      <c r="R23509" s="5" t="s">
        <v>1522</v>
      </c>
      <c r="S23509" s="5" t="s">
        <v>1523</v>
      </c>
      <c r="T23509" s="5" t="s">
        <v>42</v>
      </c>
      <c r="U23509" s="2">
        <v>3.4420000000000002</v>
      </c>
      <c r="V23509" s="2">
        <v>2.778</v>
      </c>
      <c r="W23509" s="2">
        <v>0.02</v>
      </c>
      <c r="X23509" s="2">
        <v>159.1</v>
      </c>
      <c r="Y23509" s="2">
        <v>7.6</v>
      </c>
      <c r="Z23509" s="2">
        <v>16.7</v>
      </c>
      <c r="AA23509" s="5"/>
      <c r="AB23509" s="5" t="s">
        <v>43</v>
      </c>
      <c r="AC23509" s="5" t="s">
        <v>44</v>
      </c>
      <c r="AD23509" s="2"/>
      <c r="AE23509" s="1"/>
    </row>
    <row r="23510" spans="1:31" ht="14.45">
      <c r="A23510" s="11"/>
      <c r="B23510" s="20"/>
      <c r="C23510" s="2" t="s">
        <v>75409</v>
      </c>
      <c r="D23510" s="14" t="s">
        <v>75410</v>
      </c>
      <c r="E23510" s="2" t="s">
        <v>75411</v>
      </c>
      <c r="F23510" s="2" t="s">
        <v>7551</v>
      </c>
      <c r="G23510" s="8">
        <v>300</v>
      </c>
      <c r="H23510" s="5">
        <v>6</v>
      </c>
      <c r="I23510" s="5" t="s">
        <v>1518</v>
      </c>
      <c r="J23510" s="5" t="s">
        <v>69038</v>
      </c>
      <c r="K23510" s="2" t="s">
        <v>69039</v>
      </c>
      <c r="L23510" s="5" t="s">
        <v>69038</v>
      </c>
      <c r="M23510" s="2" t="s">
        <v>69039</v>
      </c>
      <c r="N23510" s="5" t="s">
        <v>1521</v>
      </c>
      <c r="O23510" s="5" t="s">
        <v>38</v>
      </c>
      <c r="P23510" s="5" t="s">
        <v>39</v>
      </c>
      <c r="Q23510" s="5" t="s">
        <v>40</v>
      </c>
      <c r="R23510" s="5" t="s">
        <v>1522</v>
      </c>
      <c r="S23510" s="5" t="s">
        <v>1523</v>
      </c>
      <c r="T23510" s="5" t="s">
        <v>42</v>
      </c>
      <c r="U23510" s="2">
        <v>3.5409999999999999</v>
      </c>
      <c r="V23510" s="2">
        <v>2.8769999999999998</v>
      </c>
      <c r="W23510" s="2">
        <v>0.02</v>
      </c>
      <c r="X23510" s="2">
        <v>159.1</v>
      </c>
      <c r="Y23510" s="2">
        <v>7.6</v>
      </c>
      <c r="Z23510" s="2">
        <v>16.7</v>
      </c>
      <c r="AA23510" s="5"/>
      <c r="AB23510" s="5" t="s">
        <v>43</v>
      </c>
      <c r="AC23510" s="5" t="s">
        <v>44</v>
      </c>
      <c r="AD23510" s="2"/>
      <c r="AE23510" s="1"/>
    </row>
    <row r="23511" spans="1:31" ht="14.45">
      <c r="A23511" s="11"/>
      <c r="B23511" s="20"/>
      <c r="C23511" s="2" t="s">
        <v>75412</v>
      </c>
      <c r="D23511" s="14" t="s">
        <v>75413</v>
      </c>
      <c r="E23511" s="2" t="s">
        <v>75414</v>
      </c>
      <c r="F23511" s="2" t="s">
        <v>7563</v>
      </c>
      <c r="G23511" s="8">
        <v>300</v>
      </c>
      <c r="H23511" s="5">
        <v>6</v>
      </c>
      <c r="I23511" s="5" t="s">
        <v>1518</v>
      </c>
      <c r="J23511" s="5" t="s">
        <v>69038</v>
      </c>
      <c r="K23511" s="2" t="s">
        <v>69039</v>
      </c>
      <c r="L23511" s="5" t="s">
        <v>69038</v>
      </c>
      <c r="M23511" s="2" t="s">
        <v>69039</v>
      </c>
      <c r="N23511" s="5" t="s">
        <v>1521</v>
      </c>
      <c r="O23511" s="5" t="s">
        <v>38</v>
      </c>
      <c r="P23511" s="5" t="s">
        <v>39</v>
      </c>
      <c r="Q23511" s="5" t="s">
        <v>40</v>
      </c>
      <c r="R23511" s="5" t="s">
        <v>1522</v>
      </c>
      <c r="S23511" s="5" t="s">
        <v>1523</v>
      </c>
      <c r="T23511" s="5" t="s">
        <v>42</v>
      </c>
      <c r="U23511" s="2">
        <v>3.4420000000000002</v>
      </c>
      <c r="V23511" s="2">
        <v>2.778</v>
      </c>
      <c r="W23511" s="2">
        <v>0.02</v>
      </c>
      <c r="X23511" s="2">
        <v>159.1</v>
      </c>
      <c r="Y23511" s="2">
        <v>7.6</v>
      </c>
      <c r="Z23511" s="2">
        <v>16.7</v>
      </c>
      <c r="AA23511" s="5"/>
      <c r="AB23511" s="5" t="s">
        <v>43</v>
      </c>
      <c r="AC23511" s="5" t="s">
        <v>44</v>
      </c>
      <c r="AD23511" s="2"/>
      <c r="AE23511" s="1"/>
    </row>
    <row r="23512" spans="1:31" ht="14.45">
      <c r="A23512" s="11"/>
      <c r="B23512" s="20"/>
      <c r="C23512" s="2" t="s">
        <v>75415</v>
      </c>
      <c r="D23512" s="14" t="s">
        <v>75416</v>
      </c>
      <c r="E23512" s="2" t="s">
        <v>75417</v>
      </c>
      <c r="F23512" s="2" t="s">
        <v>7567</v>
      </c>
      <c r="G23512" s="8">
        <v>300</v>
      </c>
      <c r="H23512" s="5">
        <v>6</v>
      </c>
      <c r="I23512" s="5" t="s">
        <v>1518</v>
      </c>
      <c r="J23512" s="5" t="s">
        <v>69038</v>
      </c>
      <c r="K23512" s="2" t="s">
        <v>69039</v>
      </c>
      <c r="L23512" s="5" t="s">
        <v>69038</v>
      </c>
      <c r="M23512" s="2" t="s">
        <v>69039</v>
      </c>
      <c r="N23512" s="5" t="s">
        <v>1521</v>
      </c>
      <c r="O23512" s="5" t="s">
        <v>38</v>
      </c>
      <c r="P23512" s="5" t="s">
        <v>39</v>
      </c>
      <c r="Q23512" s="5" t="s">
        <v>40</v>
      </c>
      <c r="R23512" s="5" t="s">
        <v>1522</v>
      </c>
      <c r="S23512" s="5" t="s">
        <v>1523</v>
      </c>
      <c r="T23512" s="5" t="s">
        <v>42</v>
      </c>
      <c r="U23512" s="2">
        <v>3.5409999999999999</v>
      </c>
      <c r="V23512" s="2">
        <v>2.8769999999999998</v>
      </c>
      <c r="W23512" s="2">
        <v>0.02</v>
      </c>
      <c r="X23512" s="2">
        <v>159.1</v>
      </c>
      <c r="Y23512" s="2">
        <v>7.6</v>
      </c>
      <c r="Z23512" s="2">
        <v>16.7</v>
      </c>
      <c r="AA23512" s="5"/>
      <c r="AB23512" s="5" t="s">
        <v>43</v>
      </c>
      <c r="AC23512" s="5" t="s">
        <v>44</v>
      </c>
      <c r="AD23512" s="2"/>
      <c r="AE23512" s="1"/>
    </row>
    <row r="23513" spans="1:31" ht="14.45">
      <c r="A23513" s="11"/>
      <c r="B23513" s="20"/>
      <c r="C23513" s="2" t="s">
        <v>75418</v>
      </c>
      <c r="D23513" s="14" t="s">
        <v>75419</v>
      </c>
      <c r="E23513" s="2" t="s">
        <v>75420</v>
      </c>
      <c r="F23513" s="2" t="s">
        <v>7555</v>
      </c>
      <c r="G23513" s="8">
        <v>300</v>
      </c>
      <c r="H23513" s="5">
        <v>6</v>
      </c>
      <c r="I23513" s="5" t="s">
        <v>1518</v>
      </c>
      <c r="J23513" s="5" t="s">
        <v>69038</v>
      </c>
      <c r="K23513" s="2" t="s">
        <v>69039</v>
      </c>
      <c r="L23513" s="5" t="s">
        <v>69038</v>
      </c>
      <c r="M23513" s="2" t="s">
        <v>69039</v>
      </c>
      <c r="N23513" s="5" t="s">
        <v>1521</v>
      </c>
      <c r="O23513" s="5" t="s">
        <v>38</v>
      </c>
      <c r="P23513" s="5" t="s">
        <v>39</v>
      </c>
      <c r="Q23513" s="5" t="s">
        <v>40</v>
      </c>
      <c r="R23513" s="5" t="s">
        <v>1522</v>
      </c>
      <c r="S23513" s="5" t="s">
        <v>1523</v>
      </c>
      <c r="T23513" s="5" t="s">
        <v>42</v>
      </c>
      <c r="U23513" s="2">
        <v>3.4420000000000002</v>
      </c>
      <c r="V23513" s="2">
        <v>2.778</v>
      </c>
      <c r="W23513" s="2">
        <v>0.02</v>
      </c>
      <c r="X23513" s="2">
        <v>159.1</v>
      </c>
      <c r="Y23513" s="2">
        <v>7.6</v>
      </c>
      <c r="Z23513" s="2">
        <v>16.7</v>
      </c>
      <c r="AA23513" s="5"/>
      <c r="AB23513" s="5" t="s">
        <v>43</v>
      </c>
      <c r="AC23513" s="5" t="s">
        <v>44</v>
      </c>
      <c r="AD23513" s="2"/>
      <c r="AE23513" s="1"/>
    </row>
    <row r="23514" spans="1:31" ht="14.45">
      <c r="A23514" s="11"/>
      <c r="B23514" s="20"/>
      <c r="C23514" s="2" t="s">
        <v>75421</v>
      </c>
      <c r="D23514" s="14" t="s">
        <v>75422</v>
      </c>
      <c r="E23514" s="2" t="s">
        <v>75423</v>
      </c>
      <c r="F23514" s="2" t="s">
        <v>7559</v>
      </c>
      <c r="G23514" s="8">
        <v>300</v>
      </c>
      <c r="H23514" s="5">
        <v>6</v>
      </c>
      <c r="I23514" s="5" t="s">
        <v>1518</v>
      </c>
      <c r="J23514" s="5" t="s">
        <v>69038</v>
      </c>
      <c r="K23514" s="2" t="s">
        <v>69039</v>
      </c>
      <c r="L23514" s="5" t="s">
        <v>69038</v>
      </c>
      <c r="M23514" s="2" t="s">
        <v>69039</v>
      </c>
      <c r="N23514" s="5" t="s">
        <v>1521</v>
      </c>
      <c r="O23514" s="5" t="s">
        <v>38</v>
      </c>
      <c r="P23514" s="5" t="s">
        <v>39</v>
      </c>
      <c r="Q23514" s="5" t="s">
        <v>40</v>
      </c>
      <c r="R23514" s="5" t="s">
        <v>1522</v>
      </c>
      <c r="S23514" s="5" t="s">
        <v>1523</v>
      </c>
      <c r="T23514" s="5" t="s">
        <v>42</v>
      </c>
      <c r="U23514" s="2">
        <v>3.5409999999999999</v>
      </c>
      <c r="V23514" s="2">
        <v>2.8769999999999998</v>
      </c>
      <c r="W23514" s="2">
        <v>0.02</v>
      </c>
      <c r="X23514" s="2">
        <v>159.1</v>
      </c>
      <c r="Y23514" s="2">
        <v>7.6</v>
      </c>
      <c r="Z23514" s="2">
        <v>16.7</v>
      </c>
      <c r="AA23514" s="5"/>
      <c r="AB23514" s="5" t="s">
        <v>43</v>
      </c>
      <c r="AC23514" s="5" t="s">
        <v>44</v>
      </c>
      <c r="AD23514" s="2"/>
      <c r="AE23514" s="1"/>
    </row>
    <row r="23515" spans="1:31" ht="14.45">
      <c r="A23515" s="11"/>
      <c r="B23515" s="20"/>
      <c r="C23515" s="2" t="s">
        <v>75424</v>
      </c>
      <c r="D23515" s="14" t="s">
        <v>75425</v>
      </c>
      <c r="E23515" s="2" t="s">
        <v>75426</v>
      </c>
      <c r="F23515" s="2" t="s">
        <v>16194</v>
      </c>
      <c r="G23515" s="8">
        <v>300</v>
      </c>
      <c r="H23515" s="5">
        <v>6</v>
      </c>
      <c r="I23515" s="5" t="s">
        <v>1518</v>
      </c>
      <c r="J23515" s="5" t="s">
        <v>69038</v>
      </c>
      <c r="K23515" s="2" t="s">
        <v>69039</v>
      </c>
      <c r="L23515" s="5" t="s">
        <v>69038</v>
      </c>
      <c r="M23515" s="2" t="s">
        <v>69039</v>
      </c>
      <c r="N23515" s="5" t="s">
        <v>1521</v>
      </c>
      <c r="O23515" s="5" t="s">
        <v>38</v>
      </c>
      <c r="P23515" s="5" t="s">
        <v>39</v>
      </c>
      <c r="Q23515" s="5" t="s">
        <v>40</v>
      </c>
      <c r="R23515" s="5" t="s">
        <v>1522</v>
      </c>
      <c r="S23515" s="5" t="s">
        <v>1523</v>
      </c>
      <c r="T23515" s="5" t="s">
        <v>42</v>
      </c>
      <c r="U23515" s="2">
        <v>3.5409999999999999</v>
      </c>
      <c r="V23515" s="2">
        <v>2.8769999999999998</v>
      </c>
      <c r="W23515" s="2">
        <v>0.02</v>
      </c>
      <c r="X23515" s="2">
        <v>159.1</v>
      </c>
      <c r="Y23515" s="2">
        <v>7.6</v>
      </c>
      <c r="Z23515" s="2">
        <v>16.7</v>
      </c>
      <c r="AA23515" s="5"/>
      <c r="AB23515" s="5" t="s">
        <v>43</v>
      </c>
      <c r="AC23515" s="5" t="s">
        <v>44</v>
      </c>
      <c r="AD23515" s="2"/>
      <c r="AE23515" s="1"/>
    </row>
    <row r="23516" spans="1:31" ht="14.45">
      <c r="A23516" s="11"/>
      <c r="B23516" s="20"/>
      <c r="C23516" s="2" t="s">
        <v>75427</v>
      </c>
      <c r="D23516" s="14" t="s">
        <v>75428</v>
      </c>
      <c r="E23516" s="2" t="s">
        <v>75429</v>
      </c>
      <c r="F23516" s="2" t="s">
        <v>7449</v>
      </c>
      <c r="G23516" s="8">
        <v>300</v>
      </c>
      <c r="H23516" s="5">
        <v>6</v>
      </c>
      <c r="I23516" s="5" t="s">
        <v>1518</v>
      </c>
      <c r="J23516" s="5" t="s">
        <v>69038</v>
      </c>
      <c r="K23516" s="2" t="s">
        <v>69039</v>
      </c>
      <c r="L23516" s="5" t="s">
        <v>69038</v>
      </c>
      <c r="M23516" s="2" t="s">
        <v>69039</v>
      </c>
      <c r="N23516" s="5" t="s">
        <v>1521</v>
      </c>
      <c r="O23516" s="5" t="s">
        <v>38</v>
      </c>
      <c r="P23516" s="5" t="s">
        <v>39</v>
      </c>
      <c r="Q23516" s="5" t="s">
        <v>40</v>
      </c>
      <c r="R23516" s="5" t="s">
        <v>1522</v>
      </c>
      <c r="S23516" s="5" t="s">
        <v>1523</v>
      </c>
      <c r="T23516" s="5" t="s">
        <v>42</v>
      </c>
      <c r="U23516" s="2">
        <v>3.4420000000000002</v>
      </c>
      <c r="V23516" s="2">
        <v>2.778</v>
      </c>
      <c r="W23516" s="2">
        <v>0.02</v>
      </c>
      <c r="X23516" s="2">
        <v>159.1</v>
      </c>
      <c r="Y23516" s="2">
        <v>7.6</v>
      </c>
      <c r="Z23516" s="2">
        <v>16.7</v>
      </c>
      <c r="AA23516" s="5"/>
      <c r="AB23516" s="5" t="s">
        <v>43</v>
      </c>
      <c r="AC23516" s="5" t="s">
        <v>44</v>
      </c>
      <c r="AD23516" s="2"/>
      <c r="AE23516" s="1"/>
    </row>
    <row r="23517" spans="1:31" ht="14.45">
      <c r="A23517" s="11"/>
      <c r="B23517" s="20"/>
      <c r="C23517" s="2" t="s">
        <v>75430</v>
      </c>
      <c r="D23517" s="14" t="s">
        <v>75431</v>
      </c>
      <c r="E23517" s="2" t="s">
        <v>75432</v>
      </c>
      <c r="F23517" s="2" t="s">
        <v>7581</v>
      </c>
      <c r="G23517" s="8">
        <v>300</v>
      </c>
      <c r="H23517" s="5">
        <v>6</v>
      </c>
      <c r="I23517" s="5" t="s">
        <v>1518</v>
      </c>
      <c r="J23517" s="5" t="s">
        <v>69038</v>
      </c>
      <c r="K23517" s="2" t="s">
        <v>69039</v>
      </c>
      <c r="L23517" s="5" t="s">
        <v>69038</v>
      </c>
      <c r="M23517" s="2" t="s">
        <v>69039</v>
      </c>
      <c r="N23517" s="5" t="s">
        <v>1521</v>
      </c>
      <c r="O23517" s="5" t="s">
        <v>38</v>
      </c>
      <c r="P23517" s="5" t="s">
        <v>39</v>
      </c>
      <c r="Q23517" s="5" t="s">
        <v>40</v>
      </c>
      <c r="R23517" s="5" t="s">
        <v>1522</v>
      </c>
      <c r="S23517" s="5" t="s">
        <v>1523</v>
      </c>
      <c r="T23517" s="5" t="s">
        <v>42</v>
      </c>
      <c r="U23517" s="2">
        <v>3.5409999999999999</v>
      </c>
      <c r="V23517" s="2">
        <v>2.8769999999999998</v>
      </c>
      <c r="W23517" s="2">
        <v>0.02</v>
      </c>
      <c r="X23517" s="2">
        <v>159.1</v>
      </c>
      <c r="Y23517" s="2">
        <v>7.6</v>
      </c>
      <c r="Z23517" s="2">
        <v>16.7</v>
      </c>
      <c r="AA23517" s="5"/>
      <c r="AB23517" s="5" t="s">
        <v>43</v>
      </c>
      <c r="AC23517" s="5" t="s">
        <v>44</v>
      </c>
      <c r="AD23517" s="2"/>
      <c r="AE23517" s="1"/>
    </row>
    <row r="23518" spans="1:31" ht="14.45">
      <c r="A23518" s="11"/>
      <c r="B23518" s="20"/>
      <c r="C23518" s="2" t="s">
        <v>75433</v>
      </c>
      <c r="D23518" s="14" t="s">
        <v>75434</v>
      </c>
      <c r="E23518" s="2" t="s">
        <v>75435</v>
      </c>
      <c r="F23518" s="2" t="s">
        <v>7585</v>
      </c>
      <c r="G23518" s="8">
        <v>300</v>
      </c>
      <c r="H23518" s="5">
        <v>6</v>
      </c>
      <c r="I23518" s="5" t="s">
        <v>1518</v>
      </c>
      <c r="J23518" s="5" t="s">
        <v>69038</v>
      </c>
      <c r="K23518" s="2" t="s">
        <v>69039</v>
      </c>
      <c r="L23518" s="5" t="s">
        <v>69038</v>
      </c>
      <c r="M23518" s="2" t="s">
        <v>69039</v>
      </c>
      <c r="N23518" s="5" t="s">
        <v>1521</v>
      </c>
      <c r="O23518" s="5" t="s">
        <v>38</v>
      </c>
      <c r="P23518" s="5" t="s">
        <v>39</v>
      </c>
      <c r="Q23518" s="5" t="s">
        <v>40</v>
      </c>
      <c r="R23518" s="5" t="s">
        <v>1522</v>
      </c>
      <c r="S23518" s="5" t="s">
        <v>1523</v>
      </c>
      <c r="T23518" s="5" t="s">
        <v>42</v>
      </c>
      <c r="U23518" s="2">
        <v>3.4420000000000002</v>
      </c>
      <c r="V23518" s="2">
        <v>2.778</v>
      </c>
      <c r="W23518" s="2">
        <v>0.02</v>
      </c>
      <c r="X23518" s="2">
        <v>159.1</v>
      </c>
      <c r="Y23518" s="2">
        <v>7.6</v>
      </c>
      <c r="Z23518" s="2">
        <v>16.7</v>
      </c>
      <c r="AA23518" s="5"/>
      <c r="AB23518" s="5" t="s">
        <v>43</v>
      </c>
      <c r="AC23518" s="5" t="s">
        <v>44</v>
      </c>
      <c r="AD23518" s="2"/>
      <c r="AE23518" s="1"/>
    </row>
    <row r="23519" spans="1:31" ht="14.45">
      <c r="A23519" s="11"/>
      <c r="B23519" s="20"/>
      <c r="C23519" s="2" t="s">
        <v>75436</v>
      </c>
      <c r="D23519" s="14" t="s">
        <v>75437</v>
      </c>
      <c r="E23519" s="2" t="s">
        <v>75438</v>
      </c>
      <c r="F23519" s="2" t="s">
        <v>7589</v>
      </c>
      <c r="G23519" s="8">
        <v>300</v>
      </c>
      <c r="H23519" s="5">
        <v>6</v>
      </c>
      <c r="I23519" s="5" t="s">
        <v>1518</v>
      </c>
      <c r="J23519" s="5" t="s">
        <v>69038</v>
      </c>
      <c r="K23519" s="2" t="s">
        <v>69039</v>
      </c>
      <c r="L23519" s="5" t="s">
        <v>69038</v>
      </c>
      <c r="M23519" s="2" t="s">
        <v>69039</v>
      </c>
      <c r="N23519" s="5" t="s">
        <v>1521</v>
      </c>
      <c r="O23519" s="5" t="s">
        <v>38</v>
      </c>
      <c r="P23519" s="5" t="s">
        <v>39</v>
      </c>
      <c r="Q23519" s="5" t="s">
        <v>40</v>
      </c>
      <c r="R23519" s="5" t="s">
        <v>1522</v>
      </c>
      <c r="S23519" s="5" t="s">
        <v>1523</v>
      </c>
      <c r="T23519" s="5" t="s">
        <v>42</v>
      </c>
      <c r="U23519" s="2">
        <v>3.5409999999999999</v>
      </c>
      <c r="V23519" s="2">
        <v>2.8769999999999998</v>
      </c>
      <c r="W23519" s="2">
        <v>0.02</v>
      </c>
      <c r="X23519" s="2">
        <v>159.1</v>
      </c>
      <c r="Y23519" s="2">
        <v>7.6</v>
      </c>
      <c r="Z23519" s="2">
        <v>16.7</v>
      </c>
      <c r="AA23519" s="5"/>
      <c r="AB23519" s="5" t="s">
        <v>43</v>
      </c>
      <c r="AC23519" s="5" t="s">
        <v>44</v>
      </c>
      <c r="AD23519" s="2"/>
      <c r="AE23519" s="1"/>
    </row>
    <row r="23520" spans="1:31" ht="14.45">
      <c r="A23520" s="11"/>
      <c r="B23520" s="20"/>
      <c r="C23520" s="2" t="s">
        <v>75439</v>
      </c>
      <c r="D23520" s="14" t="s">
        <v>75440</v>
      </c>
      <c r="E23520" s="2" t="s">
        <v>75441</v>
      </c>
      <c r="F23520" s="2" t="s">
        <v>7593</v>
      </c>
      <c r="G23520" s="8">
        <v>300</v>
      </c>
      <c r="H23520" s="5">
        <v>6</v>
      </c>
      <c r="I23520" s="5" t="s">
        <v>1518</v>
      </c>
      <c r="J23520" s="5" t="s">
        <v>69038</v>
      </c>
      <c r="K23520" s="2" t="s">
        <v>69039</v>
      </c>
      <c r="L23520" s="5" t="s">
        <v>69038</v>
      </c>
      <c r="M23520" s="2" t="s">
        <v>69039</v>
      </c>
      <c r="N23520" s="5" t="s">
        <v>1521</v>
      </c>
      <c r="O23520" s="5" t="s">
        <v>38</v>
      </c>
      <c r="P23520" s="5" t="s">
        <v>39</v>
      </c>
      <c r="Q23520" s="5" t="s">
        <v>40</v>
      </c>
      <c r="R23520" s="5" t="s">
        <v>1522</v>
      </c>
      <c r="S23520" s="5" t="s">
        <v>1523</v>
      </c>
      <c r="T23520" s="5" t="s">
        <v>42</v>
      </c>
      <c r="U23520" s="2">
        <v>3.4420000000000002</v>
      </c>
      <c r="V23520" s="2">
        <v>2.778</v>
      </c>
      <c r="W23520" s="2">
        <v>0.02</v>
      </c>
      <c r="X23520" s="2">
        <v>159.1</v>
      </c>
      <c r="Y23520" s="2">
        <v>7.6</v>
      </c>
      <c r="Z23520" s="2">
        <v>16.7</v>
      </c>
      <c r="AA23520" s="5"/>
      <c r="AB23520" s="5" t="s">
        <v>43</v>
      </c>
      <c r="AC23520" s="5" t="s">
        <v>44</v>
      </c>
      <c r="AD23520" s="2"/>
      <c r="AE23520" s="1"/>
    </row>
    <row r="23521" spans="1:31" ht="14.45">
      <c r="A23521" s="11"/>
      <c r="B23521" s="20"/>
      <c r="C23521" s="2" t="s">
        <v>75442</v>
      </c>
      <c r="D23521" s="14" t="s">
        <v>75443</v>
      </c>
      <c r="E23521" s="2" t="s">
        <v>75444</v>
      </c>
      <c r="F23521" s="2" t="s">
        <v>7597</v>
      </c>
      <c r="G23521" s="8">
        <v>300</v>
      </c>
      <c r="H23521" s="5">
        <v>6</v>
      </c>
      <c r="I23521" s="5" t="s">
        <v>1518</v>
      </c>
      <c r="J23521" s="5" t="s">
        <v>69038</v>
      </c>
      <c r="K23521" s="2" t="s">
        <v>69039</v>
      </c>
      <c r="L23521" s="5" t="s">
        <v>69038</v>
      </c>
      <c r="M23521" s="2" t="s">
        <v>69039</v>
      </c>
      <c r="N23521" s="5" t="s">
        <v>1521</v>
      </c>
      <c r="O23521" s="5" t="s">
        <v>38</v>
      </c>
      <c r="P23521" s="5" t="s">
        <v>39</v>
      </c>
      <c r="Q23521" s="5" t="s">
        <v>40</v>
      </c>
      <c r="R23521" s="5" t="s">
        <v>1522</v>
      </c>
      <c r="S23521" s="5" t="s">
        <v>1523</v>
      </c>
      <c r="T23521" s="5" t="s">
        <v>42</v>
      </c>
      <c r="U23521" s="2">
        <v>3.5409999999999999</v>
      </c>
      <c r="V23521" s="2">
        <v>2.8769999999999998</v>
      </c>
      <c r="W23521" s="2">
        <v>0.02</v>
      </c>
      <c r="X23521" s="2">
        <v>159.1</v>
      </c>
      <c r="Y23521" s="2">
        <v>7.6</v>
      </c>
      <c r="Z23521" s="2">
        <v>16.7</v>
      </c>
      <c r="AA23521" s="5"/>
      <c r="AB23521" s="5" t="s">
        <v>43</v>
      </c>
      <c r="AC23521" s="5" t="s">
        <v>44</v>
      </c>
      <c r="AD23521" s="2"/>
      <c r="AE23521" s="1"/>
    </row>
    <row r="23522" spans="1:31" ht="14.45">
      <c r="A23522" s="11"/>
      <c r="B23522" s="20"/>
      <c r="C23522" s="2" t="s">
        <v>75445</v>
      </c>
      <c r="D23522" s="14" t="s">
        <v>75446</v>
      </c>
      <c r="E23522" s="2" t="s">
        <v>75447</v>
      </c>
      <c r="F23522" s="2" t="s">
        <v>73358</v>
      </c>
      <c r="G23522" s="8">
        <v>300</v>
      </c>
      <c r="H23522" s="5">
        <v>6</v>
      </c>
      <c r="I23522" s="5" t="s">
        <v>1518</v>
      </c>
      <c r="J23522" s="5" t="s">
        <v>69038</v>
      </c>
      <c r="K23522" s="2" t="s">
        <v>69039</v>
      </c>
      <c r="L23522" s="5" t="s">
        <v>69038</v>
      </c>
      <c r="M23522" s="2" t="s">
        <v>69039</v>
      </c>
      <c r="N23522" s="5" t="s">
        <v>1521</v>
      </c>
      <c r="O23522" s="5" t="s">
        <v>38</v>
      </c>
      <c r="P23522" s="5" t="s">
        <v>39</v>
      </c>
      <c r="Q23522" s="5" t="s">
        <v>40</v>
      </c>
      <c r="R23522" s="5" t="s">
        <v>1522</v>
      </c>
      <c r="S23522" s="5" t="s">
        <v>1523</v>
      </c>
      <c r="T23522" s="5" t="s">
        <v>42</v>
      </c>
      <c r="U23522" s="2">
        <v>3.4420000000000002</v>
      </c>
      <c r="V23522" s="2">
        <v>2.778</v>
      </c>
      <c r="W23522" s="2">
        <v>0.02</v>
      </c>
      <c r="X23522" s="2">
        <v>159.1</v>
      </c>
      <c r="Y23522" s="2">
        <v>7.6</v>
      </c>
      <c r="Z23522" s="2">
        <v>16.7</v>
      </c>
      <c r="AA23522" s="5"/>
      <c r="AB23522" s="5" t="s">
        <v>43</v>
      </c>
      <c r="AC23522" s="5" t="s">
        <v>44</v>
      </c>
      <c r="AD23522" s="2"/>
      <c r="AE23522" s="1"/>
    </row>
    <row r="23523" spans="1:31" ht="14.45">
      <c r="A23523" s="11"/>
      <c r="B23523" s="20"/>
      <c r="C23523" s="2" t="s">
        <v>75448</v>
      </c>
      <c r="D23523" s="14" t="s">
        <v>75449</v>
      </c>
      <c r="E23523" s="2" t="s">
        <v>75450</v>
      </c>
      <c r="F23523" s="2" t="s">
        <v>73362</v>
      </c>
      <c r="G23523" s="8">
        <v>300</v>
      </c>
      <c r="H23523" s="5">
        <v>6</v>
      </c>
      <c r="I23523" s="5" t="s">
        <v>1518</v>
      </c>
      <c r="J23523" s="5" t="s">
        <v>69038</v>
      </c>
      <c r="K23523" s="2" t="s">
        <v>69039</v>
      </c>
      <c r="L23523" s="5" t="s">
        <v>69038</v>
      </c>
      <c r="M23523" s="2" t="s">
        <v>69039</v>
      </c>
      <c r="N23523" s="5" t="s">
        <v>1521</v>
      </c>
      <c r="O23523" s="5" t="s">
        <v>38</v>
      </c>
      <c r="P23523" s="5" t="s">
        <v>39</v>
      </c>
      <c r="Q23523" s="5" t="s">
        <v>40</v>
      </c>
      <c r="R23523" s="5" t="s">
        <v>1522</v>
      </c>
      <c r="S23523" s="5" t="s">
        <v>1523</v>
      </c>
      <c r="T23523" s="5" t="s">
        <v>42</v>
      </c>
      <c r="U23523" s="2">
        <v>3.5409999999999999</v>
      </c>
      <c r="V23523" s="2">
        <v>2.8769999999999998</v>
      </c>
      <c r="W23523" s="2">
        <v>0.02</v>
      </c>
      <c r="X23523" s="2">
        <v>159.1</v>
      </c>
      <c r="Y23523" s="2">
        <v>7.6</v>
      </c>
      <c r="Z23523" s="2">
        <v>16.7</v>
      </c>
      <c r="AA23523" s="5"/>
      <c r="AB23523" s="5" t="s">
        <v>43</v>
      </c>
      <c r="AC23523" s="5" t="s">
        <v>44</v>
      </c>
      <c r="AD23523" s="2"/>
      <c r="AE23523" s="1"/>
    </row>
    <row r="23524" spans="1:31" ht="14.45">
      <c r="A23524" s="11"/>
      <c r="B23524" s="20"/>
      <c r="C23524" s="2" t="s">
        <v>75451</v>
      </c>
      <c r="D23524" s="14" t="s">
        <v>75452</v>
      </c>
      <c r="E23524" s="2" t="s">
        <v>75453</v>
      </c>
      <c r="F23524" s="2" t="s">
        <v>7615</v>
      </c>
      <c r="G23524" s="8">
        <v>300</v>
      </c>
      <c r="H23524" s="5">
        <v>6</v>
      </c>
      <c r="I23524" s="5" t="s">
        <v>1518</v>
      </c>
      <c r="J23524" s="5" t="s">
        <v>69038</v>
      </c>
      <c r="K23524" s="2" t="s">
        <v>69039</v>
      </c>
      <c r="L23524" s="5" t="s">
        <v>69038</v>
      </c>
      <c r="M23524" s="2" t="s">
        <v>69039</v>
      </c>
      <c r="N23524" s="5" t="s">
        <v>1521</v>
      </c>
      <c r="O23524" s="5" t="s">
        <v>38</v>
      </c>
      <c r="P23524" s="5" t="s">
        <v>39</v>
      </c>
      <c r="Q23524" s="5" t="s">
        <v>40</v>
      </c>
      <c r="R23524" s="5" t="s">
        <v>1522</v>
      </c>
      <c r="S23524" s="5" t="s">
        <v>1523</v>
      </c>
      <c r="T23524" s="5" t="s">
        <v>42</v>
      </c>
      <c r="U23524" s="2">
        <v>3.4420000000000002</v>
      </c>
      <c r="V23524" s="2">
        <v>2.778</v>
      </c>
      <c r="W23524" s="2">
        <v>0.02</v>
      </c>
      <c r="X23524" s="2">
        <v>159.1</v>
      </c>
      <c r="Y23524" s="2">
        <v>7.6</v>
      </c>
      <c r="Z23524" s="2">
        <v>16.7</v>
      </c>
      <c r="AA23524" s="5"/>
      <c r="AB23524" s="5" t="s">
        <v>43</v>
      </c>
      <c r="AC23524" s="5" t="s">
        <v>44</v>
      </c>
      <c r="AD23524" s="2"/>
      <c r="AE23524" s="1"/>
    </row>
    <row r="23525" spans="1:31" ht="14.45">
      <c r="A23525" s="11"/>
      <c r="B23525" s="20"/>
      <c r="C23525" s="2" t="s">
        <v>75454</v>
      </c>
      <c r="D23525" s="14" t="s">
        <v>75455</v>
      </c>
      <c r="E23525" s="2" t="s">
        <v>75456</v>
      </c>
      <c r="F23525" s="2" t="s">
        <v>7619</v>
      </c>
      <c r="G23525" s="8">
        <v>300</v>
      </c>
      <c r="H23525" s="5">
        <v>6</v>
      </c>
      <c r="I23525" s="5" t="s">
        <v>1518</v>
      </c>
      <c r="J23525" s="5" t="s">
        <v>69038</v>
      </c>
      <c r="K23525" s="2" t="s">
        <v>69039</v>
      </c>
      <c r="L23525" s="5" t="s">
        <v>69038</v>
      </c>
      <c r="M23525" s="2" t="s">
        <v>69039</v>
      </c>
      <c r="N23525" s="5" t="s">
        <v>1521</v>
      </c>
      <c r="O23525" s="5" t="s">
        <v>38</v>
      </c>
      <c r="P23525" s="5" t="s">
        <v>39</v>
      </c>
      <c r="Q23525" s="5" t="s">
        <v>40</v>
      </c>
      <c r="R23525" s="5" t="s">
        <v>1522</v>
      </c>
      <c r="S23525" s="5" t="s">
        <v>1523</v>
      </c>
      <c r="T23525" s="5" t="s">
        <v>42</v>
      </c>
      <c r="U23525" s="2">
        <v>3.5409999999999999</v>
      </c>
      <c r="V23525" s="2">
        <v>2.8769999999999998</v>
      </c>
      <c r="W23525" s="2">
        <v>0.02</v>
      </c>
      <c r="X23525" s="2">
        <v>159.1</v>
      </c>
      <c r="Y23525" s="2">
        <v>7.6</v>
      </c>
      <c r="Z23525" s="2">
        <v>16.7</v>
      </c>
      <c r="AA23525" s="5"/>
      <c r="AB23525" s="5" t="s">
        <v>43</v>
      </c>
      <c r="AC23525" s="5" t="s">
        <v>44</v>
      </c>
      <c r="AD23525" s="2"/>
      <c r="AE23525" s="1"/>
    </row>
    <row r="23526" spans="1:31" ht="14.45">
      <c r="A23526" s="11"/>
      <c r="B23526" s="20"/>
      <c r="C23526" s="2" t="s">
        <v>75457</v>
      </c>
      <c r="D23526" s="14" t="s">
        <v>75458</v>
      </c>
      <c r="E23526" s="2" t="s">
        <v>75459</v>
      </c>
      <c r="F23526" s="2" t="s">
        <v>16219</v>
      </c>
      <c r="G23526" s="8">
        <v>300</v>
      </c>
      <c r="H23526" s="5">
        <v>6</v>
      </c>
      <c r="I23526" s="5" t="s">
        <v>1518</v>
      </c>
      <c r="J23526" s="5" t="s">
        <v>69038</v>
      </c>
      <c r="K23526" s="2" t="s">
        <v>69039</v>
      </c>
      <c r="L23526" s="5" t="s">
        <v>69038</v>
      </c>
      <c r="M23526" s="2" t="s">
        <v>69039</v>
      </c>
      <c r="N23526" s="5" t="s">
        <v>1521</v>
      </c>
      <c r="O23526" s="5" t="s">
        <v>38</v>
      </c>
      <c r="P23526" s="5" t="s">
        <v>39</v>
      </c>
      <c r="Q23526" s="5" t="s">
        <v>40</v>
      </c>
      <c r="R23526" s="5" t="s">
        <v>1522</v>
      </c>
      <c r="S23526" s="5" t="s">
        <v>1523</v>
      </c>
      <c r="T23526" s="5" t="s">
        <v>42</v>
      </c>
      <c r="U23526" s="2">
        <v>3.5409999999999999</v>
      </c>
      <c r="V23526" s="2">
        <v>2.8769999999999998</v>
      </c>
      <c r="W23526" s="2">
        <v>0.02</v>
      </c>
      <c r="X23526" s="2">
        <v>159.1</v>
      </c>
      <c r="Y23526" s="2">
        <v>7.6</v>
      </c>
      <c r="Z23526" s="2">
        <v>16.7</v>
      </c>
      <c r="AA23526" s="5"/>
      <c r="AB23526" s="5" t="s">
        <v>43</v>
      </c>
      <c r="AC23526" s="5" t="s">
        <v>44</v>
      </c>
      <c r="AD23526" s="2"/>
      <c r="AE23526" s="1"/>
    </row>
    <row r="23527" spans="1:31" ht="14.45">
      <c r="A23527" s="11"/>
      <c r="B23527" s="20"/>
      <c r="C23527" s="2" t="s">
        <v>75460</v>
      </c>
      <c r="D23527" s="14" t="s">
        <v>75461</v>
      </c>
      <c r="E23527" s="2" t="s">
        <v>75462</v>
      </c>
      <c r="F23527" s="2" t="s">
        <v>7212</v>
      </c>
      <c r="G23527" s="8">
        <v>278</v>
      </c>
      <c r="H23527" s="5">
        <v>6</v>
      </c>
      <c r="I23527" s="5" t="s">
        <v>1518</v>
      </c>
      <c r="J23527" s="5" t="s">
        <v>69038</v>
      </c>
      <c r="K23527" s="2" t="s">
        <v>69039</v>
      </c>
      <c r="L23527" s="5" t="s">
        <v>69038</v>
      </c>
      <c r="M23527" s="2" t="s">
        <v>69039</v>
      </c>
      <c r="N23527" s="5" t="s">
        <v>1521</v>
      </c>
      <c r="O23527" s="5" t="s">
        <v>38</v>
      </c>
      <c r="P23527" s="5" t="s">
        <v>39</v>
      </c>
      <c r="Q23527" s="5" t="s">
        <v>40</v>
      </c>
      <c r="R23527" s="5" t="s">
        <v>1522</v>
      </c>
      <c r="S23527" s="5" t="s">
        <v>1523</v>
      </c>
      <c r="T23527" s="5" t="s">
        <v>42</v>
      </c>
      <c r="U23527" s="2">
        <v>3.4420000000000002</v>
      </c>
      <c r="V23527" s="2">
        <v>2.778</v>
      </c>
      <c r="W23527" s="2">
        <v>0.02</v>
      </c>
      <c r="X23527" s="2">
        <v>159.1</v>
      </c>
      <c r="Y23527" s="2">
        <v>7.6</v>
      </c>
      <c r="Z23527" s="2">
        <v>16.7</v>
      </c>
      <c r="AA23527" s="5"/>
      <c r="AB23527" s="5" t="s">
        <v>43</v>
      </c>
      <c r="AC23527" s="5" t="s">
        <v>44</v>
      </c>
      <c r="AD23527" s="2"/>
      <c r="AE23527" s="1"/>
    </row>
    <row r="23528" spans="1:31" ht="14.45">
      <c r="A23528" s="11"/>
      <c r="B23528" s="20"/>
      <c r="C23528" s="2" t="s">
        <v>75463</v>
      </c>
      <c r="D23528" s="14" t="s">
        <v>75464</v>
      </c>
      <c r="E23528" s="2" t="s">
        <v>75465</v>
      </c>
      <c r="F23528" s="2" t="s">
        <v>7528</v>
      </c>
      <c r="G23528" s="8">
        <v>278</v>
      </c>
      <c r="H23528" s="5">
        <v>6</v>
      </c>
      <c r="I23528" s="5" t="s">
        <v>1518</v>
      </c>
      <c r="J23528" s="5" t="s">
        <v>69038</v>
      </c>
      <c r="K23528" s="2" t="s">
        <v>69039</v>
      </c>
      <c r="L23528" s="5" t="s">
        <v>69038</v>
      </c>
      <c r="M23528" s="2" t="s">
        <v>69039</v>
      </c>
      <c r="N23528" s="5" t="s">
        <v>1521</v>
      </c>
      <c r="O23528" s="5" t="s">
        <v>38</v>
      </c>
      <c r="P23528" s="5" t="s">
        <v>39</v>
      </c>
      <c r="Q23528" s="5" t="s">
        <v>40</v>
      </c>
      <c r="R23528" s="5" t="s">
        <v>1522</v>
      </c>
      <c r="S23528" s="5" t="s">
        <v>1523</v>
      </c>
      <c r="T23528" s="5" t="s">
        <v>42</v>
      </c>
      <c r="U23528" s="2">
        <v>3.5409999999999999</v>
      </c>
      <c r="V23528" s="2">
        <v>2.8769999999999998</v>
      </c>
      <c r="W23528" s="2">
        <v>0.02</v>
      </c>
      <c r="X23528" s="2">
        <v>159.1</v>
      </c>
      <c r="Y23528" s="2">
        <v>7.6</v>
      </c>
      <c r="Z23528" s="2">
        <v>16.7</v>
      </c>
      <c r="AA23528" s="5"/>
      <c r="AB23528" s="5" t="s">
        <v>43</v>
      </c>
      <c r="AC23528" s="5" t="s">
        <v>44</v>
      </c>
      <c r="AD23528" s="2"/>
      <c r="AE23528" s="1"/>
    </row>
    <row r="23529" spans="1:31" ht="14.45">
      <c r="A23529" s="11"/>
      <c r="B23529" s="20"/>
      <c r="C23529" s="2" t="s">
        <v>75466</v>
      </c>
      <c r="D23529" s="14" t="s">
        <v>75467</v>
      </c>
      <c r="E23529" s="2" t="s">
        <v>75468</v>
      </c>
      <c r="F23529" s="2" t="s">
        <v>16029</v>
      </c>
      <c r="G23529" s="8">
        <v>300</v>
      </c>
      <c r="H23529" s="5">
        <v>6</v>
      </c>
      <c r="I23529" s="5" t="s">
        <v>1518</v>
      </c>
      <c r="J23529" s="5" t="s">
        <v>69038</v>
      </c>
      <c r="K23529" s="2" t="s">
        <v>69039</v>
      </c>
      <c r="L23529" s="5" t="s">
        <v>69038</v>
      </c>
      <c r="M23529" s="2" t="s">
        <v>69039</v>
      </c>
      <c r="N23529" s="5" t="s">
        <v>1521</v>
      </c>
      <c r="O23529" s="5" t="s">
        <v>38</v>
      </c>
      <c r="P23529" s="5" t="s">
        <v>39</v>
      </c>
      <c r="Q23529" s="5" t="s">
        <v>40</v>
      </c>
      <c r="R23529" s="5" t="s">
        <v>1522</v>
      </c>
      <c r="S23529" s="5" t="s">
        <v>1523</v>
      </c>
      <c r="T23529" s="5" t="s">
        <v>42</v>
      </c>
      <c r="U23529" s="2">
        <v>3.4529999999999998</v>
      </c>
      <c r="V23529" s="2">
        <v>2.7890000000000001</v>
      </c>
      <c r="W23529" s="2">
        <v>0.02</v>
      </c>
      <c r="X23529" s="2">
        <v>159.1</v>
      </c>
      <c r="Y23529" s="2">
        <v>7.6</v>
      </c>
      <c r="Z23529" s="2">
        <v>16.7</v>
      </c>
      <c r="AA23529" s="5"/>
      <c r="AB23529" s="5" t="s">
        <v>43</v>
      </c>
      <c r="AC23529" s="5" t="s">
        <v>44</v>
      </c>
      <c r="AD23529" s="2"/>
      <c r="AE23529" s="1"/>
    </row>
    <row r="23530" spans="1:31" ht="14.45">
      <c r="A23530" s="11"/>
      <c r="B23530" s="20"/>
      <c r="C23530" s="2" t="s">
        <v>75469</v>
      </c>
      <c r="D23530" s="14" t="s">
        <v>75470</v>
      </c>
      <c r="E23530" s="2" t="s">
        <v>75471</v>
      </c>
      <c r="F23530" s="2" t="s">
        <v>16033</v>
      </c>
      <c r="G23530" s="8">
        <v>300</v>
      </c>
      <c r="H23530" s="5">
        <v>6</v>
      </c>
      <c r="I23530" s="5" t="s">
        <v>1518</v>
      </c>
      <c r="J23530" s="5" t="s">
        <v>69038</v>
      </c>
      <c r="K23530" s="2" t="s">
        <v>69039</v>
      </c>
      <c r="L23530" s="5" t="s">
        <v>69038</v>
      </c>
      <c r="M23530" s="2" t="s">
        <v>69039</v>
      </c>
      <c r="N23530" s="5" t="s">
        <v>1521</v>
      </c>
      <c r="O23530" s="5" t="s">
        <v>38</v>
      </c>
      <c r="P23530" s="5" t="s">
        <v>39</v>
      </c>
      <c r="Q23530" s="5" t="s">
        <v>40</v>
      </c>
      <c r="R23530" s="5" t="s">
        <v>1522</v>
      </c>
      <c r="S23530" s="5" t="s">
        <v>1523</v>
      </c>
      <c r="T23530" s="5" t="s">
        <v>42</v>
      </c>
      <c r="U23530" s="2">
        <v>3.552</v>
      </c>
      <c r="V23530" s="2">
        <v>2.8879999999999999</v>
      </c>
      <c r="W23530" s="2">
        <v>0.02</v>
      </c>
      <c r="X23530" s="2">
        <v>159.1</v>
      </c>
      <c r="Y23530" s="2">
        <v>7.6</v>
      </c>
      <c r="Z23530" s="2">
        <v>16.7</v>
      </c>
      <c r="AA23530" s="5"/>
      <c r="AB23530" s="5" t="s">
        <v>43</v>
      </c>
      <c r="AC23530" s="5" t="s">
        <v>44</v>
      </c>
      <c r="AD23530" s="2"/>
      <c r="AE23530" s="1"/>
    </row>
    <row r="23531" spans="1:31" ht="14.45">
      <c r="A23531" s="11"/>
      <c r="B23531" s="20"/>
      <c r="C23531" s="2" t="s">
        <v>75472</v>
      </c>
      <c r="D23531" s="14" t="s">
        <v>75473</v>
      </c>
      <c r="E23531" s="2" t="s">
        <v>75474</v>
      </c>
      <c r="F23531" s="2" t="s">
        <v>7204</v>
      </c>
      <c r="G23531" s="8">
        <v>290</v>
      </c>
      <c r="H23531" s="5">
        <v>6</v>
      </c>
      <c r="I23531" s="5" t="s">
        <v>1518</v>
      </c>
      <c r="J23531" s="5" t="s">
        <v>69038</v>
      </c>
      <c r="K23531" s="2" t="s">
        <v>69039</v>
      </c>
      <c r="L23531" s="5" t="s">
        <v>69038</v>
      </c>
      <c r="M23531" s="2" t="s">
        <v>69039</v>
      </c>
      <c r="N23531" s="5" t="s">
        <v>1521</v>
      </c>
      <c r="O23531" s="5" t="s">
        <v>38</v>
      </c>
      <c r="P23531" s="5" t="s">
        <v>39</v>
      </c>
      <c r="Q23531" s="5" t="s">
        <v>40</v>
      </c>
      <c r="R23531" s="5" t="s">
        <v>1522</v>
      </c>
      <c r="S23531" s="5" t="s">
        <v>1523</v>
      </c>
      <c r="T23531" s="5" t="s">
        <v>42</v>
      </c>
      <c r="U23531" s="2">
        <v>3.7970000000000002</v>
      </c>
      <c r="V23531" s="2">
        <v>3.1520000000000001</v>
      </c>
      <c r="W23531" s="2">
        <v>0.02</v>
      </c>
      <c r="X23531" s="2">
        <v>159.1</v>
      </c>
      <c r="Y23531" s="2">
        <v>7.6</v>
      </c>
      <c r="Z23531" s="2">
        <v>16.7</v>
      </c>
      <c r="AA23531" s="5"/>
      <c r="AB23531" s="5" t="s">
        <v>43</v>
      </c>
      <c r="AC23531" s="5" t="s">
        <v>44</v>
      </c>
      <c r="AD23531" s="2"/>
      <c r="AE23531" s="1"/>
    </row>
    <row r="23532" spans="1:31" ht="14.45">
      <c r="A23532" s="11"/>
      <c r="B23532" s="20"/>
      <c r="C23532" s="2" t="s">
        <v>75475</v>
      </c>
      <c r="D23532" s="14" t="s">
        <v>75476</v>
      </c>
      <c r="E23532" s="2" t="s">
        <v>75477</v>
      </c>
      <c r="F23532" s="2" t="s">
        <v>7514</v>
      </c>
      <c r="G23532" s="8">
        <v>290</v>
      </c>
      <c r="H23532" s="5">
        <v>6</v>
      </c>
      <c r="I23532" s="5" t="s">
        <v>1518</v>
      </c>
      <c r="J23532" s="5" t="s">
        <v>69038</v>
      </c>
      <c r="K23532" s="2" t="s">
        <v>69039</v>
      </c>
      <c r="L23532" s="5" t="s">
        <v>69038</v>
      </c>
      <c r="M23532" s="2" t="s">
        <v>69039</v>
      </c>
      <c r="N23532" s="5" t="s">
        <v>1521</v>
      </c>
      <c r="O23532" s="5" t="s">
        <v>38</v>
      </c>
      <c r="P23532" s="5" t="s">
        <v>39</v>
      </c>
      <c r="Q23532" s="5" t="s">
        <v>40</v>
      </c>
      <c r="R23532" s="5" t="s">
        <v>1522</v>
      </c>
      <c r="S23532" s="5" t="s">
        <v>1523</v>
      </c>
      <c r="T23532" s="5" t="s">
        <v>42</v>
      </c>
      <c r="U23532" s="2">
        <v>3.919</v>
      </c>
      <c r="V23532" s="2">
        <v>3.274</v>
      </c>
      <c r="W23532" s="2">
        <v>0.02</v>
      </c>
      <c r="X23532" s="2">
        <v>159.1</v>
      </c>
      <c r="Y23532" s="2">
        <v>7.6</v>
      </c>
      <c r="Z23532" s="2">
        <v>16.7</v>
      </c>
      <c r="AA23532" s="5"/>
      <c r="AB23532" s="5" t="s">
        <v>43</v>
      </c>
      <c r="AC23532" s="5" t="s">
        <v>44</v>
      </c>
      <c r="AD23532" s="2"/>
      <c r="AE23532" s="1"/>
    </row>
    <row r="23533" spans="1:31" ht="14.45">
      <c r="A23533" s="11"/>
      <c r="B23533" s="20"/>
      <c r="C23533" s="2" t="s">
        <v>75478</v>
      </c>
      <c r="D23533" s="14" t="s">
        <v>75479</v>
      </c>
      <c r="E23533" s="2" t="s">
        <v>75480</v>
      </c>
      <c r="F23533" s="2" t="s">
        <v>7208</v>
      </c>
      <c r="G23533" s="8">
        <v>290</v>
      </c>
      <c r="H23533" s="5">
        <v>6</v>
      </c>
      <c r="I23533" s="5" t="s">
        <v>1518</v>
      </c>
      <c r="J23533" s="5" t="s">
        <v>69038</v>
      </c>
      <c r="K23533" s="2" t="s">
        <v>69039</v>
      </c>
      <c r="L23533" s="5" t="s">
        <v>69038</v>
      </c>
      <c r="M23533" s="2" t="s">
        <v>69039</v>
      </c>
      <c r="N23533" s="5" t="s">
        <v>1521</v>
      </c>
      <c r="O23533" s="5" t="s">
        <v>38</v>
      </c>
      <c r="P23533" s="5" t="s">
        <v>39</v>
      </c>
      <c r="Q23533" s="5" t="s">
        <v>40</v>
      </c>
      <c r="R23533" s="5" t="s">
        <v>1522</v>
      </c>
      <c r="S23533" s="5" t="s">
        <v>1523</v>
      </c>
      <c r="T23533" s="5" t="s">
        <v>42</v>
      </c>
      <c r="U23533" s="2">
        <v>3.7970000000000002</v>
      </c>
      <c r="V23533" s="2">
        <v>3.1520000000000001</v>
      </c>
      <c r="W23533" s="2">
        <v>0.02</v>
      </c>
      <c r="X23533" s="2">
        <v>159.1</v>
      </c>
      <c r="Y23533" s="2">
        <v>7.6</v>
      </c>
      <c r="Z23533" s="2">
        <v>16.7</v>
      </c>
      <c r="AA23533" s="5"/>
      <c r="AB23533" s="5" t="s">
        <v>43</v>
      </c>
      <c r="AC23533" s="5" t="s">
        <v>44</v>
      </c>
      <c r="AD23533" s="2"/>
      <c r="AE23533" s="1"/>
    </row>
    <row r="23534" spans="1:31" ht="14.45">
      <c r="A23534" s="11"/>
      <c r="B23534" s="20"/>
      <c r="C23534" s="2" t="s">
        <v>75481</v>
      </c>
      <c r="D23534" s="14" t="s">
        <v>75482</v>
      </c>
      <c r="E23534" s="2" t="s">
        <v>75483</v>
      </c>
      <c r="F23534" s="2" t="s">
        <v>7521</v>
      </c>
      <c r="G23534" s="8">
        <v>290</v>
      </c>
      <c r="H23534" s="5">
        <v>6</v>
      </c>
      <c r="I23534" s="5" t="s">
        <v>1518</v>
      </c>
      <c r="J23534" s="5" t="s">
        <v>69038</v>
      </c>
      <c r="K23534" s="2" t="s">
        <v>69039</v>
      </c>
      <c r="L23534" s="5" t="s">
        <v>69038</v>
      </c>
      <c r="M23534" s="2" t="s">
        <v>69039</v>
      </c>
      <c r="N23534" s="5" t="s">
        <v>1521</v>
      </c>
      <c r="O23534" s="5" t="s">
        <v>38</v>
      </c>
      <c r="P23534" s="5" t="s">
        <v>39</v>
      </c>
      <c r="Q23534" s="5" t="s">
        <v>40</v>
      </c>
      <c r="R23534" s="5" t="s">
        <v>1522</v>
      </c>
      <c r="S23534" s="5" t="s">
        <v>1523</v>
      </c>
      <c r="T23534" s="5" t="s">
        <v>42</v>
      </c>
      <c r="U23534" s="2">
        <v>3.919</v>
      </c>
      <c r="V23534" s="2">
        <v>3.274</v>
      </c>
      <c r="W23534" s="2">
        <v>0.02</v>
      </c>
      <c r="X23534" s="2">
        <v>159.1</v>
      </c>
      <c r="Y23534" s="2">
        <v>7.6</v>
      </c>
      <c r="Z23534" s="2">
        <v>16.7</v>
      </c>
      <c r="AA23534" s="5"/>
      <c r="AB23534" s="5" t="s">
        <v>43</v>
      </c>
      <c r="AC23534" s="5" t="s">
        <v>44</v>
      </c>
      <c r="AD23534" s="2"/>
      <c r="AE23534" s="1"/>
    </row>
    <row r="23535" spans="1:31" ht="14.45">
      <c r="A23535" s="11"/>
      <c r="B23535" s="20"/>
      <c r="C23535" s="2" t="s">
        <v>75484</v>
      </c>
      <c r="D23535" s="14" t="s">
        <v>75485</v>
      </c>
      <c r="E23535" s="2" t="s">
        <v>75486</v>
      </c>
      <c r="F23535" s="2" t="s">
        <v>7406</v>
      </c>
      <c r="G23535" s="8">
        <v>314</v>
      </c>
      <c r="H23535" s="5">
        <v>6</v>
      </c>
      <c r="I23535" s="5" t="s">
        <v>1518</v>
      </c>
      <c r="J23535" s="5" t="s">
        <v>69038</v>
      </c>
      <c r="K23535" s="2" t="s">
        <v>69039</v>
      </c>
      <c r="L23535" s="5" t="s">
        <v>69038</v>
      </c>
      <c r="M23535" s="2" t="s">
        <v>69039</v>
      </c>
      <c r="N23535" s="5" t="s">
        <v>1521</v>
      </c>
      <c r="O23535" s="5" t="s">
        <v>38</v>
      </c>
      <c r="P23535" s="5" t="s">
        <v>39</v>
      </c>
      <c r="Q23535" s="5" t="s">
        <v>40</v>
      </c>
      <c r="R23535" s="5" t="s">
        <v>1522</v>
      </c>
      <c r="S23535" s="5" t="s">
        <v>1523</v>
      </c>
      <c r="T23535" s="5" t="s">
        <v>42</v>
      </c>
      <c r="U23535" s="2">
        <v>3.7970000000000002</v>
      </c>
      <c r="V23535" s="2">
        <v>3.1520000000000001</v>
      </c>
      <c r="W23535" s="2">
        <v>0.02</v>
      </c>
      <c r="X23535" s="2">
        <v>159.1</v>
      </c>
      <c r="Y23535" s="2">
        <v>7.6</v>
      </c>
      <c r="Z23535" s="2">
        <v>16.7</v>
      </c>
      <c r="AA23535" s="5"/>
      <c r="AB23535" s="5" t="s">
        <v>43</v>
      </c>
      <c r="AC23535" s="5" t="s">
        <v>44</v>
      </c>
      <c r="AD23535" s="2"/>
      <c r="AE23535" s="1"/>
    </row>
    <row r="23536" spans="1:31" ht="14.45">
      <c r="A23536" s="11"/>
      <c r="B23536" s="20"/>
      <c r="C23536" s="2" t="s">
        <v>75487</v>
      </c>
      <c r="D23536" s="14" t="s">
        <v>75488</v>
      </c>
      <c r="E23536" s="2" t="s">
        <v>75489</v>
      </c>
      <c r="F23536" s="2" t="s">
        <v>7535</v>
      </c>
      <c r="G23536" s="8">
        <v>314</v>
      </c>
      <c r="H23536" s="5">
        <v>6</v>
      </c>
      <c r="I23536" s="5" t="s">
        <v>1518</v>
      </c>
      <c r="J23536" s="5" t="s">
        <v>69038</v>
      </c>
      <c r="K23536" s="2" t="s">
        <v>69039</v>
      </c>
      <c r="L23536" s="5" t="s">
        <v>69038</v>
      </c>
      <c r="M23536" s="2" t="s">
        <v>69039</v>
      </c>
      <c r="N23536" s="5" t="s">
        <v>1521</v>
      </c>
      <c r="O23536" s="5" t="s">
        <v>38</v>
      </c>
      <c r="P23536" s="5" t="s">
        <v>39</v>
      </c>
      <c r="Q23536" s="5" t="s">
        <v>40</v>
      </c>
      <c r="R23536" s="5" t="s">
        <v>1522</v>
      </c>
      <c r="S23536" s="5" t="s">
        <v>1523</v>
      </c>
      <c r="T23536" s="5" t="s">
        <v>42</v>
      </c>
      <c r="U23536" s="2">
        <v>3.919</v>
      </c>
      <c r="V23536" s="2">
        <v>3.274</v>
      </c>
      <c r="W23536" s="2">
        <v>0.02</v>
      </c>
      <c r="X23536" s="2">
        <v>159.1</v>
      </c>
      <c r="Y23536" s="2">
        <v>7.6</v>
      </c>
      <c r="Z23536" s="2">
        <v>16.7</v>
      </c>
      <c r="AA23536" s="5"/>
      <c r="AB23536" s="5" t="s">
        <v>43</v>
      </c>
      <c r="AC23536" s="5" t="s">
        <v>44</v>
      </c>
      <c r="AD23536" s="2"/>
      <c r="AE23536" s="1"/>
    </row>
    <row r="23537" spans="1:31" ht="14.45">
      <c r="A23537" s="11"/>
      <c r="B23537" s="20"/>
      <c r="C23537" s="2" t="s">
        <v>75490</v>
      </c>
      <c r="D23537" s="14" t="s">
        <v>75491</v>
      </c>
      <c r="E23537" s="2" t="s">
        <v>75492</v>
      </c>
      <c r="F23537" s="2" t="s">
        <v>7539</v>
      </c>
      <c r="G23537" s="8">
        <v>314</v>
      </c>
      <c r="H23537" s="5">
        <v>6</v>
      </c>
      <c r="I23537" s="5" t="s">
        <v>1518</v>
      </c>
      <c r="J23537" s="5" t="s">
        <v>69038</v>
      </c>
      <c r="K23537" s="2" t="s">
        <v>69039</v>
      </c>
      <c r="L23537" s="5" t="s">
        <v>69038</v>
      </c>
      <c r="M23537" s="2" t="s">
        <v>69039</v>
      </c>
      <c r="N23537" s="5" t="s">
        <v>1521</v>
      </c>
      <c r="O23537" s="5" t="s">
        <v>38</v>
      </c>
      <c r="P23537" s="5" t="s">
        <v>39</v>
      </c>
      <c r="Q23537" s="5" t="s">
        <v>40</v>
      </c>
      <c r="R23537" s="5" t="s">
        <v>1522</v>
      </c>
      <c r="S23537" s="5" t="s">
        <v>1523</v>
      </c>
      <c r="T23537" s="5" t="s">
        <v>42</v>
      </c>
      <c r="U23537" s="2">
        <v>3.7970000000000002</v>
      </c>
      <c r="V23537" s="2">
        <v>3.1520000000000001</v>
      </c>
      <c r="W23537" s="2">
        <v>0.02</v>
      </c>
      <c r="X23537" s="2">
        <v>159.1</v>
      </c>
      <c r="Y23537" s="2">
        <v>7.6</v>
      </c>
      <c r="Z23537" s="2">
        <v>16.7</v>
      </c>
      <c r="AA23537" s="5"/>
      <c r="AB23537" s="5" t="s">
        <v>43</v>
      </c>
      <c r="AC23537" s="5" t="s">
        <v>44</v>
      </c>
      <c r="AD23537" s="2"/>
      <c r="AE23537" s="1"/>
    </row>
    <row r="23538" spans="1:31" ht="14.45">
      <c r="A23538" s="11"/>
      <c r="B23538" s="20"/>
      <c r="C23538" s="2" t="s">
        <v>75493</v>
      </c>
      <c r="D23538" s="14" t="s">
        <v>75494</v>
      </c>
      <c r="E23538" s="2" t="s">
        <v>75495</v>
      </c>
      <c r="F23538" s="2" t="s">
        <v>7543</v>
      </c>
      <c r="G23538" s="8">
        <v>314</v>
      </c>
      <c r="H23538" s="5">
        <v>6</v>
      </c>
      <c r="I23538" s="5" t="s">
        <v>1518</v>
      </c>
      <c r="J23538" s="5" t="s">
        <v>69038</v>
      </c>
      <c r="K23538" s="2" t="s">
        <v>69039</v>
      </c>
      <c r="L23538" s="5" t="s">
        <v>69038</v>
      </c>
      <c r="M23538" s="2" t="s">
        <v>69039</v>
      </c>
      <c r="N23538" s="5" t="s">
        <v>1521</v>
      </c>
      <c r="O23538" s="5" t="s">
        <v>38</v>
      </c>
      <c r="P23538" s="5" t="s">
        <v>39</v>
      </c>
      <c r="Q23538" s="5" t="s">
        <v>40</v>
      </c>
      <c r="R23538" s="5" t="s">
        <v>1522</v>
      </c>
      <c r="S23538" s="5" t="s">
        <v>1523</v>
      </c>
      <c r="T23538" s="5" t="s">
        <v>42</v>
      </c>
      <c r="U23538" s="2">
        <v>3.919</v>
      </c>
      <c r="V23538" s="2">
        <v>3.274</v>
      </c>
      <c r="W23538" s="2">
        <v>0.02</v>
      </c>
      <c r="X23538" s="2">
        <v>159.1</v>
      </c>
      <c r="Y23538" s="2">
        <v>7.6</v>
      </c>
      <c r="Z23538" s="2">
        <v>16.7</v>
      </c>
      <c r="AA23538" s="5"/>
      <c r="AB23538" s="5" t="s">
        <v>43</v>
      </c>
      <c r="AC23538" s="5" t="s">
        <v>44</v>
      </c>
      <c r="AD23538" s="2"/>
      <c r="AE23538" s="1"/>
    </row>
    <row r="23539" spans="1:31" ht="14.45">
      <c r="A23539" s="11"/>
      <c r="B23539" s="20"/>
      <c r="C23539" s="2" t="s">
        <v>75496</v>
      </c>
      <c r="D23539" s="14" t="s">
        <v>75497</v>
      </c>
      <c r="E23539" s="2" t="s">
        <v>75498</v>
      </c>
      <c r="F23539" s="2" t="s">
        <v>7396</v>
      </c>
      <c r="G23539" s="8">
        <v>290</v>
      </c>
      <c r="H23539" s="5">
        <v>6</v>
      </c>
      <c r="I23539" s="5" t="s">
        <v>1518</v>
      </c>
      <c r="J23539" s="5" t="s">
        <v>69038</v>
      </c>
      <c r="K23539" s="2" t="s">
        <v>69039</v>
      </c>
      <c r="L23539" s="5" t="s">
        <v>69038</v>
      </c>
      <c r="M23539" s="2" t="s">
        <v>69039</v>
      </c>
      <c r="N23539" s="5" t="s">
        <v>1521</v>
      </c>
      <c r="O23539" s="5" t="s">
        <v>38</v>
      </c>
      <c r="P23539" s="5" t="s">
        <v>39</v>
      </c>
      <c r="Q23539" s="5" t="s">
        <v>40</v>
      </c>
      <c r="R23539" s="5" t="s">
        <v>1522</v>
      </c>
      <c r="S23539" s="5" t="s">
        <v>1523</v>
      </c>
      <c r="T23539" s="5" t="s">
        <v>42</v>
      </c>
      <c r="U23539" s="2">
        <v>3.7970000000000002</v>
      </c>
      <c r="V23539" s="2">
        <v>3.1520000000000001</v>
      </c>
      <c r="W23539" s="2">
        <v>0.02</v>
      </c>
      <c r="X23539" s="2">
        <v>159.1</v>
      </c>
      <c r="Y23539" s="2">
        <v>7.6</v>
      </c>
      <c r="Z23539" s="2">
        <v>16.7</v>
      </c>
      <c r="AA23539" s="5"/>
      <c r="AB23539" s="5" t="s">
        <v>43</v>
      </c>
      <c r="AC23539" s="5" t="s">
        <v>44</v>
      </c>
      <c r="AD23539" s="2"/>
      <c r="AE23539" s="1"/>
    </row>
    <row r="23540" spans="1:31" ht="14.45">
      <c r="A23540" s="11"/>
      <c r="B23540" s="20"/>
      <c r="C23540" s="2" t="s">
        <v>75499</v>
      </c>
      <c r="D23540" s="14" t="s">
        <v>75500</v>
      </c>
      <c r="E23540" s="2" t="s">
        <v>75501</v>
      </c>
      <c r="F23540" s="2" t="s">
        <v>7507</v>
      </c>
      <c r="G23540" s="8">
        <v>290</v>
      </c>
      <c r="H23540" s="5">
        <v>6</v>
      </c>
      <c r="I23540" s="5" t="s">
        <v>1518</v>
      </c>
      <c r="J23540" s="5" t="s">
        <v>69038</v>
      </c>
      <c r="K23540" s="2" t="s">
        <v>69039</v>
      </c>
      <c r="L23540" s="5" t="s">
        <v>69038</v>
      </c>
      <c r="M23540" s="2" t="s">
        <v>69039</v>
      </c>
      <c r="N23540" s="5" t="s">
        <v>1521</v>
      </c>
      <c r="O23540" s="5" t="s">
        <v>38</v>
      </c>
      <c r="P23540" s="5" t="s">
        <v>39</v>
      </c>
      <c r="Q23540" s="5" t="s">
        <v>40</v>
      </c>
      <c r="R23540" s="5" t="s">
        <v>1522</v>
      </c>
      <c r="S23540" s="5" t="s">
        <v>1523</v>
      </c>
      <c r="T23540" s="5" t="s">
        <v>42</v>
      </c>
      <c r="U23540" s="2">
        <v>3.919</v>
      </c>
      <c r="V23540" s="2">
        <v>3.274</v>
      </c>
      <c r="W23540" s="2">
        <v>0.02</v>
      </c>
      <c r="X23540" s="2">
        <v>159.1</v>
      </c>
      <c r="Y23540" s="2">
        <v>7.6</v>
      </c>
      <c r="Z23540" s="2">
        <v>16.7</v>
      </c>
      <c r="AA23540" s="5"/>
      <c r="AB23540" s="5" t="s">
        <v>43</v>
      </c>
      <c r="AC23540" s="5" t="s">
        <v>44</v>
      </c>
      <c r="AD23540" s="2"/>
      <c r="AE23540" s="1"/>
    </row>
    <row r="23541" spans="1:31" ht="14.45">
      <c r="A23541" s="11"/>
      <c r="B23541" s="20"/>
      <c r="C23541" s="2" t="s">
        <v>75502</v>
      </c>
      <c r="D23541" s="14" t="s">
        <v>75503</v>
      </c>
      <c r="E23541" s="2" t="s">
        <v>75504</v>
      </c>
      <c r="F23541" s="2" t="s">
        <v>7547</v>
      </c>
      <c r="G23541" s="8">
        <v>314</v>
      </c>
      <c r="H23541" s="5">
        <v>6</v>
      </c>
      <c r="I23541" s="5" t="s">
        <v>1518</v>
      </c>
      <c r="J23541" s="5" t="s">
        <v>69038</v>
      </c>
      <c r="K23541" s="2" t="s">
        <v>69039</v>
      </c>
      <c r="L23541" s="5" t="s">
        <v>69038</v>
      </c>
      <c r="M23541" s="2" t="s">
        <v>69039</v>
      </c>
      <c r="N23541" s="5" t="s">
        <v>1521</v>
      </c>
      <c r="O23541" s="5" t="s">
        <v>38</v>
      </c>
      <c r="P23541" s="5" t="s">
        <v>39</v>
      </c>
      <c r="Q23541" s="5" t="s">
        <v>40</v>
      </c>
      <c r="R23541" s="5" t="s">
        <v>1522</v>
      </c>
      <c r="S23541" s="5" t="s">
        <v>1523</v>
      </c>
      <c r="T23541" s="5" t="s">
        <v>42</v>
      </c>
      <c r="U23541" s="2">
        <v>3.7970000000000002</v>
      </c>
      <c r="V23541" s="2">
        <v>3.1520000000000001</v>
      </c>
      <c r="W23541" s="2">
        <v>0.02</v>
      </c>
      <c r="X23541" s="2">
        <v>159.1</v>
      </c>
      <c r="Y23541" s="2">
        <v>7.6</v>
      </c>
      <c r="Z23541" s="2">
        <v>16.7</v>
      </c>
      <c r="AA23541" s="5"/>
      <c r="AB23541" s="5" t="s">
        <v>43</v>
      </c>
      <c r="AC23541" s="5" t="s">
        <v>44</v>
      </c>
      <c r="AD23541" s="2"/>
      <c r="AE23541" s="1"/>
    </row>
    <row r="23542" spans="1:31" ht="14.45">
      <c r="A23542" s="11"/>
      <c r="B23542" s="20"/>
      <c r="C23542" s="2" t="s">
        <v>75505</v>
      </c>
      <c r="D23542" s="14" t="s">
        <v>75506</v>
      </c>
      <c r="E23542" s="2" t="s">
        <v>75507</v>
      </c>
      <c r="F23542" s="2" t="s">
        <v>7563</v>
      </c>
      <c r="G23542" s="8">
        <v>314</v>
      </c>
      <c r="H23542" s="5">
        <v>6</v>
      </c>
      <c r="I23542" s="5" t="s">
        <v>1518</v>
      </c>
      <c r="J23542" s="5" t="s">
        <v>69038</v>
      </c>
      <c r="K23542" s="2" t="s">
        <v>69039</v>
      </c>
      <c r="L23542" s="5" t="s">
        <v>69038</v>
      </c>
      <c r="M23542" s="2" t="s">
        <v>69039</v>
      </c>
      <c r="N23542" s="5" t="s">
        <v>1521</v>
      </c>
      <c r="O23542" s="5" t="s">
        <v>38</v>
      </c>
      <c r="P23542" s="5" t="s">
        <v>39</v>
      </c>
      <c r="Q23542" s="5" t="s">
        <v>40</v>
      </c>
      <c r="R23542" s="5" t="s">
        <v>1522</v>
      </c>
      <c r="S23542" s="5" t="s">
        <v>1523</v>
      </c>
      <c r="T23542" s="5" t="s">
        <v>42</v>
      </c>
      <c r="U23542" s="2">
        <v>3.7970000000000002</v>
      </c>
      <c r="V23542" s="2">
        <v>3.1520000000000001</v>
      </c>
      <c r="W23542" s="2">
        <v>0.02</v>
      </c>
      <c r="X23542" s="2">
        <v>159.1</v>
      </c>
      <c r="Y23542" s="2">
        <v>7.6</v>
      </c>
      <c r="Z23542" s="2">
        <v>16.7</v>
      </c>
      <c r="AA23542" s="5"/>
      <c r="AB23542" s="5" t="s">
        <v>43</v>
      </c>
      <c r="AC23542" s="5" t="s">
        <v>44</v>
      </c>
      <c r="AD23542" s="2"/>
      <c r="AE23542" s="1"/>
    </row>
    <row r="23543" spans="1:31" ht="14.45">
      <c r="A23543" s="11"/>
      <c r="B23543" s="20"/>
      <c r="C23543" s="2" t="s">
        <v>75508</v>
      </c>
      <c r="D23543" s="14" t="s">
        <v>75509</v>
      </c>
      <c r="E23543" s="2" t="s">
        <v>75510</v>
      </c>
      <c r="F23543" s="2" t="s">
        <v>7567</v>
      </c>
      <c r="G23543" s="8">
        <v>314</v>
      </c>
      <c r="H23543" s="5">
        <v>6</v>
      </c>
      <c r="I23543" s="5" t="s">
        <v>1518</v>
      </c>
      <c r="J23543" s="5" t="s">
        <v>69038</v>
      </c>
      <c r="K23543" s="2" t="s">
        <v>69039</v>
      </c>
      <c r="L23543" s="5" t="s">
        <v>69038</v>
      </c>
      <c r="M23543" s="2" t="s">
        <v>69039</v>
      </c>
      <c r="N23543" s="5" t="s">
        <v>1521</v>
      </c>
      <c r="O23543" s="5" t="s">
        <v>38</v>
      </c>
      <c r="P23543" s="5" t="s">
        <v>39</v>
      </c>
      <c r="Q23543" s="5" t="s">
        <v>40</v>
      </c>
      <c r="R23543" s="5" t="s">
        <v>1522</v>
      </c>
      <c r="S23543" s="5" t="s">
        <v>1523</v>
      </c>
      <c r="T23543" s="5" t="s">
        <v>42</v>
      </c>
      <c r="U23543" s="2">
        <v>3.919</v>
      </c>
      <c r="V23543" s="2">
        <v>3.274</v>
      </c>
      <c r="W23543" s="2">
        <v>0.02</v>
      </c>
      <c r="X23543" s="2">
        <v>159.1</v>
      </c>
      <c r="Y23543" s="2">
        <v>7.6</v>
      </c>
      <c r="Z23543" s="2">
        <v>16.7</v>
      </c>
      <c r="AA23543" s="5"/>
      <c r="AB23543" s="5" t="s">
        <v>43</v>
      </c>
      <c r="AC23543" s="5" t="s">
        <v>44</v>
      </c>
      <c r="AD23543" s="2"/>
      <c r="AE23543" s="1"/>
    </row>
    <row r="23544" spans="1:31" ht="14.45">
      <c r="A23544" s="11"/>
      <c r="B23544" s="20"/>
      <c r="C23544" s="2" t="s">
        <v>75511</v>
      </c>
      <c r="D23544" s="14" t="s">
        <v>75512</v>
      </c>
      <c r="E23544" s="2" t="s">
        <v>75513</v>
      </c>
      <c r="F23544" s="2" t="s">
        <v>7555</v>
      </c>
      <c r="G23544" s="8">
        <v>314</v>
      </c>
      <c r="H23544" s="5">
        <v>6</v>
      </c>
      <c r="I23544" s="5" t="s">
        <v>1518</v>
      </c>
      <c r="J23544" s="5" t="s">
        <v>69038</v>
      </c>
      <c r="K23544" s="2" t="s">
        <v>69039</v>
      </c>
      <c r="L23544" s="5" t="s">
        <v>69038</v>
      </c>
      <c r="M23544" s="2" t="s">
        <v>69039</v>
      </c>
      <c r="N23544" s="5" t="s">
        <v>1521</v>
      </c>
      <c r="O23544" s="5" t="s">
        <v>38</v>
      </c>
      <c r="P23544" s="5" t="s">
        <v>39</v>
      </c>
      <c r="Q23544" s="5" t="s">
        <v>40</v>
      </c>
      <c r="R23544" s="5" t="s">
        <v>1522</v>
      </c>
      <c r="S23544" s="5" t="s">
        <v>1523</v>
      </c>
      <c r="T23544" s="5" t="s">
        <v>42</v>
      </c>
      <c r="U23544" s="2">
        <v>3.7970000000000002</v>
      </c>
      <c r="V23544" s="2">
        <v>3.1520000000000001</v>
      </c>
      <c r="W23544" s="2">
        <v>0.02</v>
      </c>
      <c r="X23544" s="2">
        <v>159.1</v>
      </c>
      <c r="Y23544" s="2">
        <v>7.6</v>
      </c>
      <c r="Z23544" s="2">
        <v>16.7</v>
      </c>
      <c r="AA23544" s="5"/>
      <c r="AB23544" s="5" t="s">
        <v>43</v>
      </c>
      <c r="AC23544" s="5" t="s">
        <v>44</v>
      </c>
      <c r="AD23544" s="2"/>
      <c r="AE23544" s="1"/>
    </row>
    <row r="23545" spans="1:31" ht="14.45">
      <c r="A23545" s="11"/>
      <c r="B23545" s="20"/>
      <c r="C23545" s="2" t="s">
        <v>75514</v>
      </c>
      <c r="D23545" s="14" t="s">
        <v>75515</v>
      </c>
      <c r="E23545" s="2" t="s">
        <v>75516</v>
      </c>
      <c r="F23545" s="2" t="s">
        <v>7559</v>
      </c>
      <c r="G23545" s="8">
        <v>314</v>
      </c>
      <c r="H23545" s="5">
        <v>6</v>
      </c>
      <c r="I23545" s="5" t="s">
        <v>1518</v>
      </c>
      <c r="J23545" s="5" t="s">
        <v>69038</v>
      </c>
      <c r="K23545" s="2" t="s">
        <v>69039</v>
      </c>
      <c r="L23545" s="5" t="s">
        <v>69038</v>
      </c>
      <c r="M23545" s="2" t="s">
        <v>69039</v>
      </c>
      <c r="N23545" s="5" t="s">
        <v>1521</v>
      </c>
      <c r="O23545" s="5" t="s">
        <v>38</v>
      </c>
      <c r="P23545" s="5" t="s">
        <v>39</v>
      </c>
      <c r="Q23545" s="5" t="s">
        <v>40</v>
      </c>
      <c r="R23545" s="5" t="s">
        <v>1522</v>
      </c>
      <c r="S23545" s="5" t="s">
        <v>1523</v>
      </c>
      <c r="T23545" s="5" t="s">
        <v>42</v>
      </c>
      <c r="U23545" s="2">
        <v>3.919</v>
      </c>
      <c r="V23545" s="2">
        <v>3.274</v>
      </c>
      <c r="W23545" s="2">
        <v>0.02</v>
      </c>
      <c r="X23545" s="2">
        <v>159.1</v>
      </c>
      <c r="Y23545" s="2">
        <v>7.6</v>
      </c>
      <c r="Z23545" s="2">
        <v>16.7</v>
      </c>
      <c r="AA23545" s="5"/>
      <c r="AB23545" s="5" t="s">
        <v>43</v>
      </c>
      <c r="AC23545" s="5" t="s">
        <v>44</v>
      </c>
      <c r="AD23545" s="2"/>
      <c r="AE23545" s="1"/>
    </row>
    <row r="23546" spans="1:31" ht="14.45">
      <c r="A23546" s="11"/>
      <c r="B23546" s="20"/>
      <c r="C23546" s="2" t="s">
        <v>75517</v>
      </c>
      <c r="D23546" s="14" t="s">
        <v>75518</v>
      </c>
      <c r="E23546" s="2" t="s">
        <v>75519</v>
      </c>
      <c r="F23546" s="2" t="s">
        <v>16194</v>
      </c>
      <c r="G23546" s="8">
        <v>314</v>
      </c>
      <c r="H23546" s="5">
        <v>6</v>
      </c>
      <c r="I23546" s="5" t="s">
        <v>1518</v>
      </c>
      <c r="J23546" s="5" t="s">
        <v>69038</v>
      </c>
      <c r="K23546" s="2" t="s">
        <v>69039</v>
      </c>
      <c r="L23546" s="5" t="s">
        <v>69038</v>
      </c>
      <c r="M23546" s="2" t="s">
        <v>69039</v>
      </c>
      <c r="N23546" s="5" t="s">
        <v>1521</v>
      </c>
      <c r="O23546" s="5" t="s">
        <v>38</v>
      </c>
      <c r="P23546" s="5" t="s">
        <v>39</v>
      </c>
      <c r="Q23546" s="5" t="s">
        <v>40</v>
      </c>
      <c r="R23546" s="5" t="s">
        <v>1522</v>
      </c>
      <c r="S23546" s="5" t="s">
        <v>1523</v>
      </c>
      <c r="T23546" s="5" t="s">
        <v>42</v>
      </c>
      <c r="U23546" s="2">
        <v>3.919</v>
      </c>
      <c r="V23546" s="2">
        <v>3.274</v>
      </c>
      <c r="W23546" s="2">
        <v>0.02</v>
      </c>
      <c r="X23546" s="2">
        <v>159.1</v>
      </c>
      <c r="Y23546" s="2">
        <v>7.6</v>
      </c>
      <c r="Z23546" s="2">
        <v>16.7</v>
      </c>
      <c r="AA23546" s="5"/>
      <c r="AB23546" s="5" t="s">
        <v>43</v>
      </c>
      <c r="AC23546" s="5" t="s">
        <v>44</v>
      </c>
      <c r="AD23546" s="2"/>
      <c r="AE23546" s="1"/>
    </row>
    <row r="23547" spans="1:31" ht="14.45">
      <c r="A23547" s="11"/>
      <c r="B23547" s="20"/>
      <c r="C23547" s="2" t="s">
        <v>75520</v>
      </c>
      <c r="D23547" s="14" t="s">
        <v>75521</v>
      </c>
      <c r="E23547" s="2" t="s">
        <v>75522</v>
      </c>
      <c r="F23547" s="2" t="s">
        <v>7449</v>
      </c>
      <c r="G23547" s="8">
        <v>314</v>
      </c>
      <c r="H23547" s="5">
        <v>6</v>
      </c>
      <c r="I23547" s="5" t="s">
        <v>1518</v>
      </c>
      <c r="J23547" s="5" t="s">
        <v>69038</v>
      </c>
      <c r="K23547" s="2" t="s">
        <v>69039</v>
      </c>
      <c r="L23547" s="5" t="s">
        <v>69038</v>
      </c>
      <c r="M23547" s="2" t="s">
        <v>69039</v>
      </c>
      <c r="N23547" s="5" t="s">
        <v>1521</v>
      </c>
      <c r="O23547" s="5" t="s">
        <v>38</v>
      </c>
      <c r="P23547" s="5" t="s">
        <v>39</v>
      </c>
      <c r="Q23547" s="5" t="s">
        <v>40</v>
      </c>
      <c r="R23547" s="5" t="s">
        <v>1522</v>
      </c>
      <c r="S23547" s="5" t="s">
        <v>1523</v>
      </c>
      <c r="T23547" s="5" t="s">
        <v>42</v>
      </c>
      <c r="U23547" s="2">
        <v>3.7970000000000002</v>
      </c>
      <c r="V23547" s="2">
        <v>3.1520000000000001</v>
      </c>
      <c r="W23547" s="2">
        <v>0.02</v>
      </c>
      <c r="X23547" s="2">
        <v>159.1</v>
      </c>
      <c r="Y23547" s="2">
        <v>7.6</v>
      </c>
      <c r="Z23547" s="2">
        <v>16.7</v>
      </c>
      <c r="AA23547" s="5"/>
      <c r="AB23547" s="5" t="s">
        <v>43</v>
      </c>
      <c r="AC23547" s="5" t="s">
        <v>44</v>
      </c>
      <c r="AD23547" s="2"/>
      <c r="AE23547" s="1"/>
    </row>
    <row r="23548" spans="1:31" ht="14.45">
      <c r="A23548" s="11"/>
      <c r="B23548" s="20"/>
      <c r="C23548" s="2" t="s">
        <v>75523</v>
      </c>
      <c r="D23548" s="14" t="s">
        <v>75524</v>
      </c>
      <c r="E23548" s="2" t="s">
        <v>75525</v>
      </c>
      <c r="F23548" s="2" t="s">
        <v>7581</v>
      </c>
      <c r="G23548" s="8">
        <v>314</v>
      </c>
      <c r="H23548" s="5">
        <v>6</v>
      </c>
      <c r="I23548" s="5" t="s">
        <v>1518</v>
      </c>
      <c r="J23548" s="5" t="s">
        <v>69038</v>
      </c>
      <c r="K23548" s="2" t="s">
        <v>69039</v>
      </c>
      <c r="L23548" s="5" t="s">
        <v>69038</v>
      </c>
      <c r="M23548" s="2" t="s">
        <v>69039</v>
      </c>
      <c r="N23548" s="5" t="s">
        <v>1521</v>
      </c>
      <c r="O23548" s="5" t="s">
        <v>38</v>
      </c>
      <c r="P23548" s="5" t="s">
        <v>39</v>
      </c>
      <c r="Q23548" s="5" t="s">
        <v>40</v>
      </c>
      <c r="R23548" s="5" t="s">
        <v>1522</v>
      </c>
      <c r="S23548" s="5" t="s">
        <v>1523</v>
      </c>
      <c r="T23548" s="5" t="s">
        <v>42</v>
      </c>
      <c r="U23548" s="2">
        <v>3.919</v>
      </c>
      <c r="V23548" s="2">
        <v>3.274</v>
      </c>
      <c r="W23548" s="2">
        <v>0.02</v>
      </c>
      <c r="X23548" s="2">
        <v>159.1</v>
      </c>
      <c r="Y23548" s="2">
        <v>7.6</v>
      </c>
      <c r="Z23548" s="2">
        <v>16.7</v>
      </c>
      <c r="AA23548" s="5"/>
      <c r="AB23548" s="5" t="s">
        <v>43</v>
      </c>
      <c r="AC23548" s="5" t="s">
        <v>44</v>
      </c>
      <c r="AD23548" s="2"/>
      <c r="AE23548" s="1"/>
    </row>
    <row r="23549" spans="1:31" ht="14.45">
      <c r="A23549" s="11"/>
      <c r="B23549" s="20"/>
      <c r="C23549" s="2" t="s">
        <v>75526</v>
      </c>
      <c r="D23549" s="14" t="s">
        <v>75527</v>
      </c>
      <c r="E23549" s="2" t="s">
        <v>75528</v>
      </c>
      <c r="F23549" s="2" t="s">
        <v>7585</v>
      </c>
      <c r="G23549" s="8">
        <v>314</v>
      </c>
      <c r="H23549" s="5">
        <v>6</v>
      </c>
      <c r="I23549" s="5" t="s">
        <v>1518</v>
      </c>
      <c r="J23549" s="5" t="s">
        <v>69038</v>
      </c>
      <c r="K23549" s="2" t="s">
        <v>69039</v>
      </c>
      <c r="L23549" s="5" t="s">
        <v>69038</v>
      </c>
      <c r="M23549" s="2" t="s">
        <v>69039</v>
      </c>
      <c r="N23549" s="5" t="s">
        <v>1521</v>
      </c>
      <c r="O23549" s="5" t="s">
        <v>38</v>
      </c>
      <c r="P23549" s="5" t="s">
        <v>39</v>
      </c>
      <c r="Q23549" s="5" t="s">
        <v>40</v>
      </c>
      <c r="R23549" s="5" t="s">
        <v>1522</v>
      </c>
      <c r="S23549" s="5" t="s">
        <v>1523</v>
      </c>
      <c r="T23549" s="5" t="s">
        <v>42</v>
      </c>
      <c r="U23549" s="2">
        <v>3.7970000000000002</v>
      </c>
      <c r="V23549" s="2">
        <v>3.1520000000000001</v>
      </c>
      <c r="W23549" s="2">
        <v>0.02</v>
      </c>
      <c r="X23549" s="2">
        <v>159.1</v>
      </c>
      <c r="Y23549" s="2">
        <v>7.6</v>
      </c>
      <c r="Z23549" s="2">
        <v>16.7</v>
      </c>
      <c r="AA23549" s="5"/>
      <c r="AB23549" s="5" t="s">
        <v>43</v>
      </c>
      <c r="AC23549" s="5" t="s">
        <v>44</v>
      </c>
      <c r="AD23549" s="2"/>
      <c r="AE23549" s="1"/>
    </row>
    <row r="23550" spans="1:31" ht="14.45">
      <c r="A23550" s="11"/>
      <c r="B23550" s="20"/>
      <c r="C23550" s="2" t="s">
        <v>75529</v>
      </c>
      <c r="D23550" s="14" t="s">
        <v>75530</v>
      </c>
      <c r="E23550" s="2" t="s">
        <v>75531</v>
      </c>
      <c r="F23550" s="2" t="s">
        <v>7589</v>
      </c>
      <c r="G23550" s="8">
        <v>314</v>
      </c>
      <c r="H23550" s="5">
        <v>6</v>
      </c>
      <c r="I23550" s="5" t="s">
        <v>1518</v>
      </c>
      <c r="J23550" s="5" t="s">
        <v>69038</v>
      </c>
      <c r="K23550" s="2" t="s">
        <v>69039</v>
      </c>
      <c r="L23550" s="5" t="s">
        <v>69038</v>
      </c>
      <c r="M23550" s="2" t="s">
        <v>69039</v>
      </c>
      <c r="N23550" s="5" t="s">
        <v>1521</v>
      </c>
      <c r="O23550" s="5" t="s">
        <v>38</v>
      </c>
      <c r="P23550" s="5" t="s">
        <v>39</v>
      </c>
      <c r="Q23550" s="5" t="s">
        <v>40</v>
      </c>
      <c r="R23550" s="5" t="s">
        <v>1522</v>
      </c>
      <c r="S23550" s="5" t="s">
        <v>1523</v>
      </c>
      <c r="T23550" s="5" t="s">
        <v>42</v>
      </c>
      <c r="U23550" s="2">
        <v>3.919</v>
      </c>
      <c r="V23550" s="2">
        <v>3.274</v>
      </c>
      <c r="W23550" s="2">
        <v>0.02</v>
      </c>
      <c r="X23550" s="2">
        <v>159.1</v>
      </c>
      <c r="Y23550" s="2">
        <v>7.6</v>
      </c>
      <c r="Z23550" s="2">
        <v>16.7</v>
      </c>
      <c r="AA23550" s="5"/>
      <c r="AB23550" s="5" t="s">
        <v>43</v>
      </c>
      <c r="AC23550" s="5" t="s">
        <v>44</v>
      </c>
      <c r="AD23550" s="2"/>
      <c r="AE23550" s="1"/>
    </row>
    <row r="23551" spans="1:31" ht="14.45">
      <c r="A23551" s="11"/>
      <c r="B23551" s="20"/>
      <c r="C23551" s="2" t="s">
        <v>75532</v>
      </c>
      <c r="D23551" s="14" t="s">
        <v>75533</v>
      </c>
      <c r="E23551" s="2" t="s">
        <v>75534</v>
      </c>
      <c r="F23551" s="2" t="s">
        <v>7593</v>
      </c>
      <c r="G23551" s="8">
        <v>314</v>
      </c>
      <c r="H23551" s="5">
        <v>6</v>
      </c>
      <c r="I23551" s="5" t="s">
        <v>1518</v>
      </c>
      <c r="J23551" s="5" t="s">
        <v>69038</v>
      </c>
      <c r="K23551" s="2" t="s">
        <v>69039</v>
      </c>
      <c r="L23551" s="5" t="s">
        <v>69038</v>
      </c>
      <c r="M23551" s="2" t="s">
        <v>69039</v>
      </c>
      <c r="N23551" s="5" t="s">
        <v>1521</v>
      </c>
      <c r="O23551" s="5" t="s">
        <v>38</v>
      </c>
      <c r="P23551" s="5" t="s">
        <v>39</v>
      </c>
      <c r="Q23551" s="5" t="s">
        <v>40</v>
      </c>
      <c r="R23551" s="5" t="s">
        <v>1522</v>
      </c>
      <c r="S23551" s="5" t="s">
        <v>1523</v>
      </c>
      <c r="T23551" s="5" t="s">
        <v>42</v>
      </c>
      <c r="U23551" s="2">
        <v>3.7970000000000002</v>
      </c>
      <c r="V23551" s="2">
        <v>3.1520000000000001</v>
      </c>
      <c r="W23551" s="2">
        <v>0.02</v>
      </c>
      <c r="X23551" s="2">
        <v>159.1</v>
      </c>
      <c r="Y23551" s="2">
        <v>7.6</v>
      </c>
      <c r="Z23551" s="2">
        <v>16.7</v>
      </c>
      <c r="AA23551" s="5"/>
      <c r="AB23551" s="5" t="s">
        <v>43</v>
      </c>
      <c r="AC23551" s="5" t="s">
        <v>44</v>
      </c>
      <c r="AD23551" s="2"/>
      <c r="AE23551" s="1"/>
    </row>
    <row r="23552" spans="1:31" ht="14.45">
      <c r="A23552" s="11"/>
      <c r="B23552" s="20"/>
      <c r="C23552" s="2" t="s">
        <v>75535</v>
      </c>
      <c r="D23552" s="14" t="s">
        <v>75536</v>
      </c>
      <c r="E23552" s="2" t="s">
        <v>75537</v>
      </c>
      <c r="F23552" s="2" t="s">
        <v>7597</v>
      </c>
      <c r="G23552" s="8">
        <v>314</v>
      </c>
      <c r="H23552" s="5">
        <v>6</v>
      </c>
      <c r="I23552" s="5" t="s">
        <v>1518</v>
      </c>
      <c r="J23552" s="5" t="s">
        <v>69038</v>
      </c>
      <c r="K23552" s="2" t="s">
        <v>69039</v>
      </c>
      <c r="L23552" s="5" t="s">
        <v>69038</v>
      </c>
      <c r="M23552" s="2" t="s">
        <v>69039</v>
      </c>
      <c r="N23552" s="5" t="s">
        <v>1521</v>
      </c>
      <c r="O23552" s="5" t="s">
        <v>38</v>
      </c>
      <c r="P23552" s="5" t="s">
        <v>39</v>
      </c>
      <c r="Q23552" s="5" t="s">
        <v>40</v>
      </c>
      <c r="R23552" s="5" t="s">
        <v>1522</v>
      </c>
      <c r="S23552" s="5" t="s">
        <v>1523</v>
      </c>
      <c r="T23552" s="5" t="s">
        <v>42</v>
      </c>
      <c r="U23552" s="2">
        <v>3.919</v>
      </c>
      <c r="V23552" s="2">
        <v>3.274</v>
      </c>
      <c r="W23552" s="2">
        <v>0.02</v>
      </c>
      <c r="X23552" s="2">
        <v>159.1</v>
      </c>
      <c r="Y23552" s="2">
        <v>7.6</v>
      </c>
      <c r="Z23552" s="2">
        <v>16.7</v>
      </c>
      <c r="AA23552" s="5"/>
      <c r="AB23552" s="5" t="s">
        <v>43</v>
      </c>
      <c r="AC23552" s="5" t="s">
        <v>44</v>
      </c>
      <c r="AD23552" s="2"/>
      <c r="AE23552" s="1"/>
    </row>
    <row r="23553" spans="1:31" ht="14.45">
      <c r="A23553" s="11"/>
      <c r="B23553" s="20"/>
      <c r="C23553" s="2" t="s">
        <v>75538</v>
      </c>
      <c r="D23553" s="14" t="s">
        <v>75539</v>
      </c>
      <c r="E23553" s="2" t="s">
        <v>75540</v>
      </c>
      <c r="F23553" s="2" t="s">
        <v>73358</v>
      </c>
      <c r="G23553" s="8">
        <v>314</v>
      </c>
      <c r="H23553" s="5">
        <v>6</v>
      </c>
      <c r="I23553" s="5" t="s">
        <v>1518</v>
      </c>
      <c r="J23553" s="5" t="s">
        <v>69038</v>
      </c>
      <c r="K23553" s="2" t="s">
        <v>69039</v>
      </c>
      <c r="L23553" s="5" t="s">
        <v>69038</v>
      </c>
      <c r="M23553" s="2" t="s">
        <v>69039</v>
      </c>
      <c r="N23553" s="5" t="s">
        <v>1521</v>
      </c>
      <c r="O23553" s="5" t="s">
        <v>38</v>
      </c>
      <c r="P23553" s="5" t="s">
        <v>39</v>
      </c>
      <c r="Q23553" s="5" t="s">
        <v>40</v>
      </c>
      <c r="R23553" s="5" t="s">
        <v>1522</v>
      </c>
      <c r="S23553" s="5" t="s">
        <v>1523</v>
      </c>
      <c r="T23553" s="5" t="s">
        <v>42</v>
      </c>
      <c r="U23553" s="2">
        <v>3.7970000000000002</v>
      </c>
      <c r="V23553" s="2">
        <v>3.1520000000000001</v>
      </c>
      <c r="W23553" s="2">
        <v>0.02</v>
      </c>
      <c r="X23553" s="2">
        <v>159.1</v>
      </c>
      <c r="Y23553" s="2">
        <v>7.6</v>
      </c>
      <c r="Z23553" s="2">
        <v>16.7</v>
      </c>
      <c r="AA23553" s="5"/>
      <c r="AB23553" s="5" t="s">
        <v>43</v>
      </c>
      <c r="AC23553" s="5" t="s">
        <v>44</v>
      </c>
      <c r="AD23553" s="2"/>
      <c r="AE23553" s="1"/>
    </row>
    <row r="23554" spans="1:31" ht="14.45">
      <c r="A23554" s="11"/>
      <c r="B23554" s="20"/>
      <c r="C23554" s="2" t="s">
        <v>75541</v>
      </c>
      <c r="D23554" s="14" t="s">
        <v>75542</v>
      </c>
      <c r="E23554" s="2" t="s">
        <v>75543</v>
      </c>
      <c r="F23554" s="2" t="s">
        <v>73362</v>
      </c>
      <c r="G23554" s="8">
        <v>314</v>
      </c>
      <c r="H23554" s="5">
        <v>6</v>
      </c>
      <c r="I23554" s="5" t="s">
        <v>1518</v>
      </c>
      <c r="J23554" s="5" t="s">
        <v>69038</v>
      </c>
      <c r="K23554" s="2" t="s">
        <v>69039</v>
      </c>
      <c r="L23554" s="5" t="s">
        <v>69038</v>
      </c>
      <c r="M23554" s="2" t="s">
        <v>69039</v>
      </c>
      <c r="N23554" s="5" t="s">
        <v>1521</v>
      </c>
      <c r="O23554" s="5" t="s">
        <v>38</v>
      </c>
      <c r="P23554" s="5" t="s">
        <v>39</v>
      </c>
      <c r="Q23554" s="5" t="s">
        <v>40</v>
      </c>
      <c r="R23554" s="5" t="s">
        <v>1522</v>
      </c>
      <c r="S23554" s="5" t="s">
        <v>1523</v>
      </c>
      <c r="T23554" s="5" t="s">
        <v>42</v>
      </c>
      <c r="U23554" s="2">
        <v>3.919</v>
      </c>
      <c r="V23554" s="2">
        <v>3.274</v>
      </c>
      <c r="W23554" s="2">
        <v>0.02</v>
      </c>
      <c r="X23554" s="2">
        <v>159.1</v>
      </c>
      <c r="Y23554" s="2">
        <v>7.6</v>
      </c>
      <c r="Z23554" s="2">
        <v>16.7</v>
      </c>
      <c r="AA23554" s="5"/>
      <c r="AB23554" s="5" t="s">
        <v>43</v>
      </c>
      <c r="AC23554" s="5" t="s">
        <v>44</v>
      </c>
      <c r="AD23554" s="2"/>
      <c r="AE23554" s="1"/>
    </row>
    <row r="23555" spans="1:31" ht="14.45">
      <c r="A23555" s="11"/>
      <c r="B23555" s="20"/>
      <c r="C23555" s="2" t="s">
        <v>75544</v>
      </c>
      <c r="D23555" s="14" t="s">
        <v>75545</v>
      </c>
      <c r="E23555" s="2" t="s">
        <v>75546</v>
      </c>
      <c r="F23555" s="2" t="s">
        <v>7615</v>
      </c>
      <c r="G23555" s="8">
        <v>314</v>
      </c>
      <c r="H23555" s="5">
        <v>6</v>
      </c>
      <c r="I23555" s="5" t="s">
        <v>1518</v>
      </c>
      <c r="J23555" s="5" t="s">
        <v>69038</v>
      </c>
      <c r="K23555" s="2" t="s">
        <v>69039</v>
      </c>
      <c r="L23555" s="5" t="s">
        <v>69038</v>
      </c>
      <c r="M23555" s="2" t="s">
        <v>69039</v>
      </c>
      <c r="N23555" s="5" t="s">
        <v>1521</v>
      </c>
      <c r="O23555" s="5" t="s">
        <v>38</v>
      </c>
      <c r="P23555" s="5" t="s">
        <v>39</v>
      </c>
      <c r="Q23555" s="5" t="s">
        <v>40</v>
      </c>
      <c r="R23555" s="5" t="s">
        <v>1522</v>
      </c>
      <c r="S23555" s="5" t="s">
        <v>1523</v>
      </c>
      <c r="T23555" s="5" t="s">
        <v>42</v>
      </c>
      <c r="U23555" s="2">
        <v>3.7970000000000002</v>
      </c>
      <c r="V23555" s="2">
        <v>3.1520000000000001</v>
      </c>
      <c r="W23555" s="2">
        <v>0.02</v>
      </c>
      <c r="X23555" s="2">
        <v>159.1</v>
      </c>
      <c r="Y23555" s="2">
        <v>7.6</v>
      </c>
      <c r="Z23555" s="2">
        <v>16.7</v>
      </c>
      <c r="AA23555" s="5"/>
      <c r="AB23555" s="5" t="s">
        <v>43</v>
      </c>
      <c r="AC23555" s="5" t="s">
        <v>44</v>
      </c>
      <c r="AD23555" s="2"/>
      <c r="AE23555" s="1"/>
    </row>
    <row r="23556" spans="1:31" ht="14.45">
      <c r="A23556" s="11"/>
      <c r="B23556" s="20"/>
      <c r="C23556" s="2" t="s">
        <v>75547</v>
      </c>
      <c r="D23556" s="14" t="s">
        <v>75548</v>
      </c>
      <c r="E23556" s="2" t="s">
        <v>75549</v>
      </c>
      <c r="F23556" s="2" t="s">
        <v>7619</v>
      </c>
      <c r="G23556" s="8">
        <v>314</v>
      </c>
      <c r="H23556" s="5">
        <v>6</v>
      </c>
      <c r="I23556" s="5" t="s">
        <v>1518</v>
      </c>
      <c r="J23556" s="5" t="s">
        <v>69038</v>
      </c>
      <c r="K23556" s="2" t="s">
        <v>69039</v>
      </c>
      <c r="L23556" s="5" t="s">
        <v>69038</v>
      </c>
      <c r="M23556" s="2" t="s">
        <v>69039</v>
      </c>
      <c r="N23556" s="5" t="s">
        <v>1521</v>
      </c>
      <c r="O23556" s="5" t="s">
        <v>38</v>
      </c>
      <c r="P23556" s="5" t="s">
        <v>39</v>
      </c>
      <c r="Q23556" s="5" t="s">
        <v>40</v>
      </c>
      <c r="R23556" s="5" t="s">
        <v>1522</v>
      </c>
      <c r="S23556" s="5" t="s">
        <v>1523</v>
      </c>
      <c r="T23556" s="5" t="s">
        <v>42</v>
      </c>
      <c r="U23556" s="2">
        <v>3.919</v>
      </c>
      <c r="V23556" s="2">
        <v>3.274</v>
      </c>
      <c r="W23556" s="2">
        <v>0.02</v>
      </c>
      <c r="X23556" s="2">
        <v>159.1</v>
      </c>
      <c r="Y23556" s="2">
        <v>7.6</v>
      </c>
      <c r="Z23556" s="2">
        <v>16.7</v>
      </c>
      <c r="AA23556" s="5"/>
      <c r="AB23556" s="5" t="s">
        <v>43</v>
      </c>
      <c r="AC23556" s="5" t="s">
        <v>44</v>
      </c>
      <c r="AD23556" s="2"/>
      <c r="AE23556" s="1"/>
    </row>
    <row r="23557" spans="1:31" ht="14.45">
      <c r="A23557" s="11"/>
      <c r="B23557" s="20"/>
      <c r="C23557" s="2" t="s">
        <v>75550</v>
      </c>
      <c r="D23557" s="14" t="s">
        <v>75551</v>
      </c>
      <c r="E23557" s="2" t="s">
        <v>75552</v>
      </c>
      <c r="F23557" s="2" t="s">
        <v>16014</v>
      </c>
      <c r="G23557" s="8">
        <v>314</v>
      </c>
      <c r="H23557" s="5">
        <v>6</v>
      </c>
      <c r="I23557" s="5" t="s">
        <v>1518</v>
      </c>
      <c r="J23557" s="5" t="s">
        <v>69038</v>
      </c>
      <c r="K23557" s="2" t="s">
        <v>69039</v>
      </c>
      <c r="L23557" s="5" t="s">
        <v>69038</v>
      </c>
      <c r="M23557" s="2" t="s">
        <v>69039</v>
      </c>
      <c r="N23557" s="5" t="s">
        <v>1521</v>
      </c>
      <c r="O23557" s="5" t="s">
        <v>38</v>
      </c>
      <c r="P23557" s="5" t="s">
        <v>39</v>
      </c>
      <c r="Q23557" s="5" t="s">
        <v>40</v>
      </c>
      <c r="R23557" s="5" t="s">
        <v>1522</v>
      </c>
      <c r="S23557" s="5" t="s">
        <v>1523</v>
      </c>
      <c r="T23557" s="5" t="s">
        <v>42</v>
      </c>
      <c r="U23557" s="2">
        <v>3.7970000000000002</v>
      </c>
      <c r="V23557" s="2">
        <v>3.1520000000000001</v>
      </c>
      <c r="W23557" s="2">
        <v>0.02</v>
      </c>
      <c r="X23557" s="2">
        <v>159.1</v>
      </c>
      <c r="Y23557" s="2">
        <v>7.6</v>
      </c>
      <c r="Z23557" s="2">
        <v>16.7</v>
      </c>
      <c r="AA23557" s="5"/>
      <c r="AB23557" s="5" t="s">
        <v>43</v>
      </c>
      <c r="AC23557" s="5" t="s">
        <v>44</v>
      </c>
      <c r="AD23557" s="2"/>
      <c r="AE23557" s="1"/>
    </row>
    <row r="23558" spans="1:31" ht="14.45">
      <c r="A23558" s="11"/>
      <c r="B23558" s="20"/>
      <c r="C23558" s="2" t="s">
        <v>75553</v>
      </c>
      <c r="D23558" s="14" t="s">
        <v>75554</v>
      </c>
      <c r="E23558" s="2" t="s">
        <v>75555</v>
      </c>
      <c r="F23558" s="2" t="s">
        <v>7212</v>
      </c>
      <c r="G23558" s="8">
        <v>290</v>
      </c>
      <c r="H23558" s="5">
        <v>6</v>
      </c>
      <c r="I23558" s="5" t="s">
        <v>1518</v>
      </c>
      <c r="J23558" s="5" t="s">
        <v>69038</v>
      </c>
      <c r="K23558" s="2" t="s">
        <v>69039</v>
      </c>
      <c r="L23558" s="5" t="s">
        <v>69038</v>
      </c>
      <c r="M23558" s="2" t="s">
        <v>69039</v>
      </c>
      <c r="N23558" s="5" t="s">
        <v>1521</v>
      </c>
      <c r="O23558" s="5" t="s">
        <v>38</v>
      </c>
      <c r="P23558" s="5" t="s">
        <v>39</v>
      </c>
      <c r="Q23558" s="5" t="s">
        <v>40</v>
      </c>
      <c r="R23558" s="5" t="s">
        <v>1522</v>
      </c>
      <c r="S23558" s="5" t="s">
        <v>1523</v>
      </c>
      <c r="T23558" s="5" t="s">
        <v>42</v>
      </c>
      <c r="U23558" s="2">
        <v>3.7970000000000002</v>
      </c>
      <c r="V23558" s="2">
        <v>3.1520000000000001</v>
      </c>
      <c r="W23558" s="2">
        <v>0.02</v>
      </c>
      <c r="X23558" s="2">
        <v>159.1</v>
      </c>
      <c r="Y23558" s="2">
        <v>7.6</v>
      </c>
      <c r="Z23558" s="2">
        <v>16.7</v>
      </c>
      <c r="AA23558" s="5"/>
      <c r="AB23558" s="5" t="s">
        <v>43</v>
      </c>
      <c r="AC23558" s="5" t="s">
        <v>44</v>
      </c>
      <c r="AD23558" s="2"/>
      <c r="AE23558" s="1"/>
    </row>
    <row r="23559" spans="1:31" ht="14.45">
      <c r="A23559" s="11"/>
      <c r="B23559" s="20"/>
      <c r="C23559" s="2" t="s">
        <v>75556</v>
      </c>
      <c r="D23559" s="14" t="s">
        <v>75557</v>
      </c>
      <c r="E23559" s="2" t="s">
        <v>75558</v>
      </c>
      <c r="F23559" s="2" t="s">
        <v>7528</v>
      </c>
      <c r="G23559" s="8">
        <v>290</v>
      </c>
      <c r="H23559" s="5">
        <v>6</v>
      </c>
      <c r="I23559" s="5" t="s">
        <v>1518</v>
      </c>
      <c r="J23559" s="5" t="s">
        <v>69038</v>
      </c>
      <c r="K23559" s="2" t="s">
        <v>69039</v>
      </c>
      <c r="L23559" s="5" t="s">
        <v>69038</v>
      </c>
      <c r="M23559" s="2" t="s">
        <v>69039</v>
      </c>
      <c r="N23559" s="5" t="s">
        <v>1521</v>
      </c>
      <c r="O23559" s="5" t="s">
        <v>38</v>
      </c>
      <c r="P23559" s="5" t="s">
        <v>39</v>
      </c>
      <c r="Q23559" s="5" t="s">
        <v>40</v>
      </c>
      <c r="R23559" s="5" t="s">
        <v>1522</v>
      </c>
      <c r="S23559" s="5" t="s">
        <v>1523</v>
      </c>
      <c r="T23559" s="5" t="s">
        <v>42</v>
      </c>
      <c r="U23559" s="2">
        <v>3.919</v>
      </c>
      <c r="V23559" s="2">
        <v>3.274</v>
      </c>
      <c r="W23559" s="2">
        <v>0.02</v>
      </c>
      <c r="X23559" s="2">
        <v>159.1</v>
      </c>
      <c r="Y23559" s="2">
        <v>7.6</v>
      </c>
      <c r="Z23559" s="2">
        <v>16.7</v>
      </c>
      <c r="AA23559" s="5"/>
      <c r="AB23559" s="5" t="s">
        <v>43</v>
      </c>
      <c r="AC23559" s="5" t="s">
        <v>44</v>
      </c>
      <c r="AD23559" s="2"/>
      <c r="AE23559" s="1"/>
    </row>
    <row r="23560" spans="1:31" ht="14.45">
      <c r="A23560" s="11"/>
      <c r="B23560" s="20"/>
      <c r="C23560" s="2" t="s">
        <v>75559</v>
      </c>
      <c r="D23560" s="14" t="s">
        <v>75560</v>
      </c>
      <c r="E23560" s="2" t="s">
        <v>75561</v>
      </c>
      <c r="F23560" s="2" t="s">
        <v>16029</v>
      </c>
      <c r="G23560" s="8">
        <v>314</v>
      </c>
      <c r="H23560" s="5">
        <v>6</v>
      </c>
      <c r="I23560" s="5" t="s">
        <v>1518</v>
      </c>
      <c r="J23560" s="5" t="s">
        <v>69038</v>
      </c>
      <c r="K23560" s="2" t="s">
        <v>69039</v>
      </c>
      <c r="L23560" s="5" t="s">
        <v>69038</v>
      </c>
      <c r="M23560" s="2" t="s">
        <v>69039</v>
      </c>
      <c r="N23560" s="5" t="s">
        <v>1521</v>
      </c>
      <c r="O23560" s="5" t="s">
        <v>38</v>
      </c>
      <c r="P23560" s="5" t="s">
        <v>39</v>
      </c>
      <c r="Q23560" s="5" t="s">
        <v>40</v>
      </c>
      <c r="R23560" s="5" t="s">
        <v>1522</v>
      </c>
      <c r="S23560" s="5" t="s">
        <v>1523</v>
      </c>
      <c r="T23560" s="5" t="s">
        <v>42</v>
      </c>
      <c r="U23560" s="2">
        <v>3.8079999999999998</v>
      </c>
      <c r="V23560" s="2">
        <v>3.1629999999999998</v>
      </c>
      <c r="W23560" s="2">
        <v>0.02</v>
      </c>
      <c r="X23560" s="2">
        <v>159.1</v>
      </c>
      <c r="Y23560" s="2">
        <v>7.6</v>
      </c>
      <c r="Z23560" s="2">
        <v>16.7</v>
      </c>
      <c r="AA23560" s="5"/>
      <c r="AB23560" s="5" t="s">
        <v>43</v>
      </c>
      <c r="AC23560" s="5" t="s">
        <v>44</v>
      </c>
      <c r="AD23560" s="2"/>
      <c r="AE23560" s="1"/>
    </row>
    <row r="23561" spans="1:31" ht="14.45">
      <c r="A23561" s="11"/>
      <c r="B23561" s="20"/>
      <c r="C23561" s="2" t="s">
        <v>75562</v>
      </c>
      <c r="D23561" s="14" t="s">
        <v>75563</v>
      </c>
      <c r="E23561" s="2" t="s">
        <v>75564</v>
      </c>
      <c r="F23561" s="2" t="s">
        <v>16033</v>
      </c>
      <c r="G23561" s="8">
        <v>314</v>
      </c>
      <c r="H23561" s="5">
        <v>6</v>
      </c>
      <c r="I23561" s="5" t="s">
        <v>1518</v>
      </c>
      <c r="J23561" s="5" t="s">
        <v>69038</v>
      </c>
      <c r="K23561" s="2" t="s">
        <v>69039</v>
      </c>
      <c r="L23561" s="5" t="s">
        <v>69038</v>
      </c>
      <c r="M23561" s="2" t="s">
        <v>69039</v>
      </c>
      <c r="N23561" s="5" t="s">
        <v>1521</v>
      </c>
      <c r="O23561" s="5" t="s">
        <v>38</v>
      </c>
      <c r="P23561" s="5" t="s">
        <v>39</v>
      </c>
      <c r="Q23561" s="5" t="s">
        <v>40</v>
      </c>
      <c r="R23561" s="5" t="s">
        <v>1522</v>
      </c>
      <c r="S23561" s="5" t="s">
        <v>1523</v>
      </c>
      <c r="T23561" s="5" t="s">
        <v>42</v>
      </c>
      <c r="U23561" s="2">
        <v>3.93</v>
      </c>
      <c r="V23561" s="2">
        <v>3.2850000000000001</v>
      </c>
      <c r="W23561" s="2">
        <v>0.02</v>
      </c>
      <c r="X23561" s="2">
        <v>159.1</v>
      </c>
      <c r="Y23561" s="2">
        <v>7.6</v>
      </c>
      <c r="Z23561" s="2">
        <v>16.7</v>
      </c>
      <c r="AA23561" s="5"/>
      <c r="AB23561" s="5" t="s">
        <v>43</v>
      </c>
      <c r="AC23561" s="5" t="s">
        <v>44</v>
      </c>
      <c r="AD23561" s="2"/>
      <c r="AE23561" s="1"/>
    </row>
    <row r="23562" spans="1:31" ht="14.45">
      <c r="A23562" s="11"/>
      <c r="B23562" s="20"/>
      <c r="C23562" s="2" t="s">
        <v>75565</v>
      </c>
      <c r="D23562" s="14" t="s">
        <v>75566</v>
      </c>
      <c r="E23562" s="2" t="s">
        <v>75567</v>
      </c>
      <c r="F23562" s="2" t="s">
        <v>7204</v>
      </c>
      <c r="G23562" s="8">
        <v>308</v>
      </c>
      <c r="H23562" s="5">
        <v>6</v>
      </c>
      <c r="I23562" s="5" t="s">
        <v>1518</v>
      </c>
      <c r="J23562" s="5" t="s">
        <v>69038</v>
      </c>
      <c r="K23562" s="2" t="s">
        <v>69039</v>
      </c>
      <c r="L23562" s="5" t="s">
        <v>69038</v>
      </c>
      <c r="M23562" s="2" t="s">
        <v>69039</v>
      </c>
      <c r="N23562" s="5" t="s">
        <v>1521</v>
      </c>
      <c r="O23562" s="5" t="s">
        <v>38</v>
      </c>
      <c r="P23562" s="5" t="s">
        <v>39</v>
      </c>
      <c r="Q23562" s="5" t="s">
        <v>40</v>
      </c>
      <c r="R23562" s="5" t="s">
        <v>1522</v>
      </c>
      <c r="S23562" s="5" t="s">
        <v>1523</v>
      </c>
      <c r="T23562" s="5" t="s">
        <v>42</v>
      </c>
      <c r="U23562" s="2">
        <v>3.968</v>
      </c>
      <c r="V23562" s="2">
        <v>3.3319999999999999</v>
      </c>
      <c r="W23562" s="2">
        <v>0.02</v>
      </c>
      <c r="X23562" s="2">
        <v>159.1</v>
      </c>
      <c r="Y23562" s="2">
        <v>7.6</v>
      </c>
      <c r="Z23562" s="2">
        <v>16.7</v>
      </c>
      <c r="AA23562" s="5"/>
      <c r="AB23562" s="5" t="s">
        <v>43</v>
      </c>
      <c r="AC23562" s="5" t="s">
        <v>44</v>
      </c>
      <c r="AD23562" s="2"/>
      <c r="AE23562" s="1"/>
    </row>
    <row r="23563" spans="1:31" ht="14.45">
      <c r="A23563" s="11"/>
      <c r="B23563" s="20"/>
      <c r="C23563" s="2" t="s">
        <v>75568</v>
      </c>
      <c r="D23563" s="14" t="s">
        <v>75569</v>
      </c>
      <c r="E23563" s="2" t="s">
        <v>75570</v>
      </c>
      <c r="F23563" s="2" t="s">
        <v>7514</v>
      </c>
      <c r="G23563" s="8">
        <v>308</v>
      </c>
      <c r="H23563" s="5">
        <v>6</v>
      </c>
      <c r="I23563" s="5" t="s">
        <v>1518</v>
      </c>
      <c r="J23563" s="5" t="s">
        <v>69038</v>
      </c>
      <c r="K23563" s="2" t="s">
        <v>69039</v>
      </c>
      <c r="L23563" s="5" t="s">
        <v>69038</v>
      </c>
      <c r="M23563" s="2" t="s">
        <v>69039</v>
      </c>
      <c r="N23563" s="5" t="s">
        <v>1521</v>
      </c>
      <c r="O23563" s="5" t="s">
        <v>38</v>
      </c>
      <c r="P23563" s="5" t="s">
        <v>39</v>
      </c>
      <c r="Q23563" s="5" t="s">
        <v>40</v>
      </c>
      <c r="R23563" s="5" t="s">
        <v>1522</v>
      </c>
      <c r="S23563" s="5" t="s">
        <v>1523</v>
      </c>
      <c r="T23563" s="5" t="s">
        <v>42</v>
      </c>
      <c r="U23563" s="2">
        <v>4.1020000000000003</v>
      </c>
      <c r="V23563" s="2">
        <v>3.4660000000000002</v>
      </c>
      <c r="W23563" s="2">
        <v>0.02</v>
      </c>
      <c r="X23563" s="2">
        <v>159.1</v>
      </c>
      <c r="Y23563" s="2">
        <v>7.6</v>
      </c>
      <c r="Z23563" s="2">
        <v>16.7</v>
      </c>
      <c r="AA23563" s="5"/>
      <c r="AB23563" s="5" t="s">
        <v>43</v>
      </c>
      <c r="AC23563" s="5" t="s">
        <v>44</v>
      </c>
      <c r="AD23563" s="2"/>
      <c r="AE23563" s="1"/>
    </row>
    <row r="23564" spans="1:31" ht="14.45">
      <c r="A23564" s="11"/>
      <c r="B23564" s="20"/>
      <c r="C23564" s="2" t="s">
        <v>75571</v>
      </c>
      <c r="D23564" s="14" t="s">
        <v>75572</v>
      </c>
      <c r="E23564" s="2" t="s">
        <v>75573</v>
      </c>
      <c r="F23564" s="2" t="s">
        <v>7208</v>
      </c>
      <c r="G23564" s="8">
        <v>308</v>
      </c>
      <c r="H23564" s="5">
        <v>6</v>
      </c>
      <c r="I23564" s="5" t="s">
        <v>1518</v>
      </c>
      <c r="J23564" s="5" t="s">
        <v>69038</v>
      </c>
      <c r="K23564" s="2" t="s">
        <v>69039</v>
      </c>
      <c r="L23564" s="5" t="s">
        <v>69038</v>
      </c>
      <c r="M23564" s="2" t="s">
        <v>69039</v>
      </c>
      <c r="N23564" s="5" t="s">
        <v>1521</v>
      </c>
      <c r="O23564" s="5" t="s">
        <v>38</v>
      </c>
      <c r="P23564" s="5" t="s">
        <v>39</v>
      </c>
      <c r="Q23564" s="5" t="s">
        <v>40</v>
      </c>
      <c r="R23564" s="5" t="s">
        <v>1522</v>
      </c>
      <c r="S23564" s="5" t="s">
        <v>1523</v>
      </c>
      <c r="T23564" s="5" t="s">
        <v>42</v>
      </c>
      <c r="U23564" s="2">
        <v>3.968</v>
      </c>
      <c r="V23564" s="2">
        <v>3.3319999999999999</v>
      </c>
      <c r="W23564" s="2">
        <v>0.02</v>
      </c>
      <c r="X23564" s="2">
        <v>159.1</v>
      </c>
      <c r="Y23564" s="2">
        <v>7.6</v>
      </c>
      <c r="Z23564" s="2">
        <v>16.7</v>
      </c>
      <c r="AA23564" s="5"/>
      <c r="AB23564" s="5" t="s">
        <v>43</v>
      </c>
      <c r="AC23564" s="5" t="s">
        <v>44</v>
      </c>
      <c r="AD23564" s="2"/>
      <c r="AE23564" s="1"/>
    </row>
    <row r="23565" spans="1:31" ht="14.45">
      <c r="A23565" s="11"/>
      <c r="B23565" s="20"/>
      <c r="C23565" s="2" t="s">
        <v>75574</v>
      </c>
      <c r="D23565" s="14" t="s">
        <v>75575</v>
      </c>
      <c r="E23565" s="2" t="s">
        <v>75576</v>
      </c>
      <c r="F23565" s="2" t="s">
        <v>7521</v>
      </c>
      <c r="G23565" s="8">
        <v>308</v>
      </c>
      <c r="H23565" s="5">
        <v>6</v>
      </c>
      <c r="I23565" s="5" t="s">
        <v>1518</v>
      </c>
      <c r="J23565" s="5" t="s">
        <v>69038</v>
      </c>
      <c r="K23565" s="2" t="s">
        <v>69039</v>
      </c>
      <c r="L23565" s="5" t="s">
        <v>69038</v>
      </c>
      <c r="M23565" s="2" t="s">
        <v>69039</v>
      </c>
      <c r="N23565" s="5" t="s">
        <v>1521</v>
      </c>
      <c r="O23565" s="5" t="s">
        <v>38</v>
      </c>
      <c r="P23565" s="5" t="s">
        <v>39</v>
      </c>
      <c r="Q23565" s="5" t="s">
        <v>40</v>
      </c>
      <c r="R23565" s="5" t="s">
        <v>1522</v>
      </c>
      <c r="S23565" s="5" t="s">
        <v>1523</v>
      </c>
      <c r="T23565" s="5" t="s">
        <v>42</v>
      </c>
      <c r="U23565" s="2">
        <v>4.1020000000000003</v>
      </c>
      <c r="V23565" s="2">
        <v>3.4660000000000002</v>
      </c>
      <c r="W23565" s="2">
        <v>0.02</v>
      </c>
      <c r="X23565" s="2">
        <v>159.1</v>
      </c>
      <c r="Y23565" s="2">
        <v>7.6</v>
      </c>
      <c r="Z23565" s="2">
        <v>16.7</v>
      </c>
      <c r="AA23565" s="5"/>
      <c r="AB23565" s="5" t="s">
        <v>43</v>
      </c>
      <c r="AC23565" s="5" t="s">
        <v>44</v>
      </c>
      <c r="AD23565" s="2"/>
      <c r="AE23565" s="1"/>
    </row>
    <row r="23566" spans="1:31" ht="14.45">
      <c r="A23566" s="11"/>
      <c r="B23566" s="20"/>
      <c r="C23566" s="2" t="s">
        <v>75577</v>
      </c>
      <c r="D23566" s="14" t="s">
        <v>75578</v>
      </c>
      <c r="E23566" s="2" t="s">
        <v>75579</v>
      </c>
      <c r="F23566" s="2" t="s">
        <v>7406</v>
      </c>
      <c r="G23566" s="8">
        <v>334</v>
      </c>
      <c r="H23566" s="5">
        <v>6</v>
      </c>
      <c r="I23566" s="5" t="s">
        <v>1518</v>
      </c>
      <c r="J23566" s="5" t="s">
        <v>69038</v>
      </c>
      <c r="K23566" s="2" t="s">
        <v>69039</v>
      </c>
      <c r="L23566" s="5" t="s">
        <v>69038</v>
      </c>
      <c r="M23566" s="2" t="s">
        <v>69039</v>
      </c>
      <c r="N23566" s="5" t="s">
        <v>1521</v>
      </c>
      <c r="O23566" s="5" t="s">
        <v>38</v>
      </c>
      <c r="P23566" s="5" t="s">
        <v>39</v>
      </c>
      <c r="Q23566" s="5" t="s">
        <v>40</v>
      </c>
      <c r="R23566" s="5" t="s">
        <v>1522</v>
      </c>
      <c r="S23566" s="5" t="s">
        <v>1523</v>
      </c>
      <c r="T23566" s="5" t="s">
        <v>42</v>
      </c>
      <c r="U23566" s="2">
        <v>3.968</v>
      </c>
      <c r="V23566" s="2">
        <v>3.3319999999999999</v>
      </c>
      <c r="W23566" s="2">
        <v>0.02</v>
      </c>
      <c r="X23566" s="2">
        <v>159.1</v>
      </c>
      <c r="Y23566" s="2">
        <v>7.6</v>
      </c>
      <c r="Z23566" s="2">
        <v>16.7</v>
      </c>
      <c r="AA23566" s="5"/>
      <c r="AB23566" s="5" t="s">
        <v>43</v>
      </c>
      <c r="AC23566" s="5" t="s">
        <v>44</v>
      </c>
      <c r="AD23566" s="2"/>
      <c r="AE23566" s="1"/>
    </row>
    <row r="23567" spans="1:31" ht="14.45">
      <c r="A23567" s="11"/>
      <c r="B23567" s="20"/>
      <c r="C23567" s="2" t="s">
        <v>75580</v>
      </c>
      <c r="D23567" s="14" t="s">
        <v>75581</v>
      </c>
      <c r="E23567" s="2" t="s">
        <v>75582</v>
      </c>
      <c r="F23567" s="2" t="s">
        <v>7535</v>
      </c>
      <c r="G23567" s="8">
        <v>334</v>
      </c>
      <c r="H23567" s="5">
        <v>6</v>
      </c>
      <c r="I23567" s="5" t="s">
        <v>1518</v>
      </c>
      <c r="J23567" s="5" t="s">
        <v>69038</v>
      </c>
      <c r="K23567" s="2" t="s">
        <v>69039</v>
      </c>
      <c r="L23567" s="5" t="s">
        <v>69038</v>
      </c>
      <c r="M23567" s="2" t="s">
        <v>69039</v>
      </c>
      <c r="N23567" s="5" t="s">
        <v>1521</v>
      </c>
      <c r="O23567" s="5" t="s">
        <v>38</v>
      </c>
      <c r="P23567" s="5" t="s">
        <v>39</v>
      </c>
      <c r="Q23567" s="5" t="s">
        <v>40</v>
      </c>
      <c r="R23567" s="5" t="s">
        <v>1522</v>
      </c>
      <c r="S23567" s="5" t="s">
        <v>1523</v>
      </c>
      <c r="T23567" s="5" t="s">
        <v>42</v>
      </c>
      <c r="U23567" s="2">
        <v>4.1020000000000003</v>
      </c>
      <c r="V23567" s="2">
        <v>3.4660000000000002</v>
      </c>
      <c r="W23567" s="2">
        <v>0.02</v>
      </c>
      <c r="X23567" s="2">
        <v>159.1</v>
      </c>
      <c r="Y23567" s="2">
        <v>7.6</v>
      </c>
      <c r="Z23567" s="2">
        <v>16.7</v>
      </c>
      <c r="AA23567" s="5"/>
      <c r="AB23567" s="5" t="s">
        <v>43</v>
      </c>
      <c r="AC23567" s="5" t="s">
        <v>44</v>
      </c>
      <c r="AD23567" s="2"/>
      <c r="AE23567" s="1"/>
    </row>
    <row r="23568" spans="1:31" ht="14.45">
      <c r="A23568" s="11"/>
      <c r="B23568" s="20"/>
      <c r="C23568" s="2" t="s">
        <v>75583</v>
      </c>
      <c r="D23568" s="14" t="s">
        <v>75584</v>
      </c>
      <c r="E23568" s="2" t="s">
        <v>75585</v>
      </c>
      <c r="F23568" s="2" t="s">
        <v>7539</v>
      </c>
      <c r="G23568" s="8">
        <v>334</v>
      </c>
      <c r="H23568" s="5">
        <v>6</v>
      </c>
      <c r="I23568" s="5" t="s">
        <v>1518</v>
      </c>
      <c r="J23568" s="5" t="s">
        <v>69038</v>
      </c>
      <c r="K23568" s="2" t="s">
        <v>69039</v>
      </c>
      <c r="L23568" s="5" t="s">
        <v>69038</v>
      </c>
      <c r="M23568" s="2" t="s">
        <v>69039</v>
      </c>
      <c r="N23568" s="5" t="s">
        <v>1521</v>
      </c>
      <c r="O23568" s="5" t="s">
        <v>38</v>
      </c>
      <c r="P23568" s="5" t="s">
        <v>39</v>
      </c>
      <c r="Q23568" s="5" t="s">
        <v>40</v>
      </c>
      <c r="R23568" s="5" t="s">
        <v>1522</v>
      </c>
      <c r="S23568" s="5" t="s">
        <v>1523</v>
      </c>
      <c r="T23568" s="5" t="s">
        <v>42</v>
      </c>
      <c r="U23568" s="2">
        <v>3.968</v>
      </c>
      <c r="V23568" s="2">
        <v>3.3319999999999999</v>
      </c>
      <c r="W23568" s="2">
        <v>0.02</v>
      </c>
      <c r="X23568" s="2">
        <v>159.1</v>
      </c>
      <c r="Y23568" s="2">
        <v>7.6</v>
      </c>
      <c r="Z23568" s="2">
        <v>16.7</v>
      </c>
      <c r="AA23568" s="5"/>
      <c r="AB23568" s="5" t="s">
        <v>43</v>
      </c>
      <c r="AC23568" s="5" t="s">
        <v>44</v>
      </c>
      <c r="AD23568" s="2"/>
      <c r="AE23568" s="1"/>
    </row>
    <row r="23569" spans="1:31" ht="14.45">
      <c r="A23569" s="11"/>
      <c r="B23569" s="20"/>
      <c r="C23569" s="2" t="s">
        <v>75586</v>
      </c>
      <c r="D23569" s="14" t="s">
        <v>75587</v>
      </c>
      <c r="E23569" s="2" t="s">
        <v>75588</v>
      </c>
      <c r="F23569" s="2" t="s">
        <v>7543</v>
      </c>
      <c r="G23569" s="8">
        <v>334</v>
      </c>
      <c r="H23569" s="5">
        <v>6</v>
      </c>
      <c r="I23569" s="5" t="s">
        <v>1518</v>
      </c>
      <c r="J23569" s="5" t="s">
        <v>69038</v>
      </c>
      <c r="K23569" s="2" t="s">
        <v>69039</v>
      </c>
      <c r="L23569" s="5" t="s">
        <v>69038</v>
      </c>
      <c r="M23569" s="2" t="s">
        <v>69039</v>
      </c>
      <c r="N23569" s="5" t="s">
        <v>1521</v>
      </c>
      <c r="O23569" s="5" t="s">
        <v>38</v>
      </c>
      <c r="P23569" s="5" t="s">
        <v>39</v>
      </c>
      <c r="Q23569" s="5" t="s">
        <v>40</v>
      </c>
      <c r="R23569" s="5" t="s">
        <v>1522</v>
      </c>
      <c r="S23569" s="5" t="s">
        <v>1523</v>
      </c>
      <c r="T23569" s="5" t="s">
        <v>42</v>
      </c>
      <c r="U23569" s="2">
        <v>4.1020000000000003</v>
      </c>
      <c r="V23569" s="2">
        <v>3.4660000000000002</v>
      </c>
      <c r="W23569" s="2">
        <v>0.02</v>
      </c>
      <c r="X23569" s="2">
        <v>159.1</v>
      </c>
      <c r="Y23569" s="2">
        <v>7.6</v>
      </c>
      <c r="Z23569" s="2">
        <v>16.7</v>
      </c>
      <c r="AA23569" s="5"/>
      <c r="AB23569" s="5" t="s">
        <v>43</v>
      </c>
      <c r="AC23569" s="5" t="s">
        <v>44</v>
      </c>
      <c r="AD23569" s="2"/>
      <c r="AE23569" s="1"/>
    </row>
    <row r="23570" spans="1:31" ht="14.45">
      <c r="A23570" s="11"/>
      <c r="B23570" s="20"/>
      <c r="C23570" s="2" t="s">
        <v>75589</v>
      </c>
      <c r="D23570" s="14" t="s">
        <v>75590</v>
      </c>
      <c r="E23570" s="2" t="s">
        <v>75591</v>
      </c>
      <c r="F23570" s="2" t="s">
        <v>7396</v>
      </c>
      <c r="G23570" s="8">
        <v>308</v>
      </c>
      <c r="H23570" s="5">
        <v>6</v>
      </c>
      <c r="I23570" s="5" t="s">
        <v>1518</v>
      </c>
      <c r="J23570" s="5" t="s">
        <v>69038</v>
      </c>
      <c r="K23570" s="2" t="s">
        <v>69039</v>
      </c>
      <c r="L23570" s="5" t="s">
        <v>69038</v>
      </c>
      <c r="M23570" s="2" t="s">
        <v>69039</v>
      </c>
      <c r="N23570" s="5" t="s">
        <v>1521</v>
      </c>
      <c r="O23570" s="5" t="s">
        <v>38</v>
      </c>
      <c r="P23570" s="5" t="s">
        <v>39</v>
      </c>
      <c r="Q23570" s="5" t="s">
        <v>40</v>
      </c>
      <c r="R23570" s="5" t="s">
        <v>1522</v>
      </c>
      <c r="S23570" s="5" t="s">
        <v>1523</v>
      </c>
      <c r="T23570" s="5" t="s">
        <v>42</v>
      </c>
      <c r="U23570" s="2">
        <v>3.968</v>
      </c>
      <c r="V23570" s="2">
        <v>3.3319999999999999</v>
      </c>
      <c r="W23570" s="2">
        <v>0.02</v>
      </c>
      <c r="X23570" s="2">
        <v>159.1</v>
      </c>
      <c r="Y23570" s="2">
        <v>7.6</v>
      </c>
      <c r="Z23570" s="2">
        <v>16.7</v>
      </c>
      <c r="AA23570" s="5"/>
      <c r="AB23570" s="5" t="s">
        <v>43</v>
      </c>
      <c r="AC23570" s="5" t="s">
        <v>44</v>
      </c>
      <c r="AD23570" s="2"/>
      <c r="AE23570" s="1"/>
    </row>
    <row r="23571" spans="1:31" ht="14.45">
      <c r="A23571" s="11"/>
      <c r="B23571" s="20"/>
      <c r="C23571" s="2" t="s">
        <v>75592</v>
      </c>
      <c r="D23571" s="14" t="s">
        <v>75593</v>
      </c>
      <c r="E23571" s="2" t="s">
        <v>75594</v>
      </c>
      <c r="F23571" s="2" t="s">
        <v>7507</v>
      </c>
      <c r="G23571" s="8">
        <v>308</v>
      </c>
      <c r="H23571" s="5">
        <v>6</v>
      </c>
      <c r="I23571" s="5" t="s">
        <v>1518</v>
      </c>
      <c r="J23571" s="5" t="s">
        <v>69038</v>
      </c>
      <c r="K23571" s="2" t="s">
        <v>69039</v>
      </c>
      <c r="L23571" s="5" t="s">
        <v>69038</v>
      </c>
      <c r="M23571" s="2" t="s">
        <v>69039</v>
      </c>
      <c r="N23571" s="5" t="s">
        <v>1521</v>
      </c>
      <c r="O23571" s="5" t="s">
        <v>38</v>
      </c>
      <c r="P23571" s="5" t="s">
        <v>39</v>
      </c>
      <c r="Q23571" s="5" t="s">
        <v>40</v>
      </c>
      <c r="R23571" s="5" t="s">
        <v>1522</v>
      </c>
      <c r="S23571" s="5" t="s">
        <v>1523</v>
      </c>
      <c r="T23571" s="5" t="s">
        <v>42</v>
      </c>
      <c r="U23571" s="2">
        <v>4.1020000000000003</v>
      </c>
      <c r="V23571" s="2">
        <v>3.4660000000000002</v>
      </c>
      <c r="W23571" s="2">
        <v>0.02</v>
      </c>
      <c r="X23571" s="2">
        <v>159.1</v>
      </c>
      <c r="Y23571" s="2">
        <v>7.6</v>
      </c>
      <c r="Z23571" s="2">
        <v>16.7</v>
      </c>
      <c r="AA23571" s="5"/>
      <c r="AB23571" s="5" t="s">
        <v>43</v>
      </c>
      <c r="AC23571" s="5" t="s">
        <v>44</v>
      </c>
      <c r="AD23571" s="2"/>
      <c r="AE23571" s="1"/>
    </row>
    <row r="23572" spans="1:31" ht="14.45">
      <c r="A23572" s="11"/>
      <c r="B23572" s="20"/>
      <c r="C23572" s="2" t="s">
        <v>75595</v>
      </c>
      <c r="D23572" s="14" t="s">
        <v>75596</v>
      </c>
      <c r="E23572" s="2" t="s">
        <v>75597</v>
      </c>
      <c r="F23572" s="2" t="s">
        <v>7563</v>
      </c>
      <c r="G23572" s="8">
        <v>334</v>
      </c>
      <c r="H23572" s="5">
        <v>6</v>
      </c>
      <c r="I23572" s="5" t="s">
        <v>1518</v>
      </c>
      <c r="J23572" s="5" t="s">
        <v>69038</v>
      </c>
      <c r="K23572" s="2" t="s">
        <v>69039</v>
      </c>
      <c r="L23572" s="5" t="s">
        <v>69038</v>
      </c>
      <c r="M23572" s="2" t="s">
        <v>69039</v>
      </c>
      <c r="N23572" s="5" t="s">
        <v>1521</v>
      </c>
      <c r="O23572" s="5" t="s">
        <v>38</v>
      </c>
      <c r="P23572" s="5" t="s">
        <v>39</v>
      </c>
      <c r="Q23572" s="5" t="s">
        <v>40</v>
      </c>
      <c r="R23572" s="5" t="s">
        <v>1522</v>
      </c>
      <c r="S23572" s="5" t="s">
        <v>1523</v>
      </c>
      <c r="T23572" s="5" t="s">
        <v>42</v>
      </c>
      <c r="U23572" s="2">
        <v>3.968</v>
      </c>
      <c r="V23572" s="2">
        <v>3.3319999999999999</v>
      </c>
      <c r="W23572" s="2">
        <v>0.02</v>
      </c>
      <c r="X23572" s="2">
        <v>159.1</v>
      </c>
      <c r="Y23572" s="2">
        <v>7.6</v>
      </c>
      <c r="Z23572" s="2">
        <v>16.7</v>
      </c>
      <c r="AA23572" s="5"/>
      <c r="AB23572" s="5" t="s">
        <v>43</v>
      </c>
      <c r="AC23572" s="5" t="s">
        <v>44</v>
      </c>
      <c r="AD23572" s="2"/>
      <c r="AE23572" s="1"/>
    </row>
    <row r="23573" spans="1:31" ht="14.45">
      <c r="A23573" s="11"/>
      <c r="B23573" s="20"/>
      <c r="C23573" s="2" t="s">
        <v>75598</v>
      </c>
      <c r="D23573" s="14" t="s">
        <v>75599</v>
      </c>
      <c r="E23573" s="2" t="s">
        <v>75600</v>
      </c>
      <c r="F23573" s="2" t="s">
        <v>7567</v>
      </c>
      <c r="G23573" s="8">
        <v>334</v>
      </c>
      <c r="H23573" s="5">
        <v>6</v>
      </c>
      <c r="I23573" s="5" t="s">
        <v>1518</v>
      </c>
      <c r="J23573" s="5" t="s">
        <v>69038</v>
      </c>
      <c r="K23573" s="2" t="s">
        <v>69039</v>
      </c>
      <c r="L23573" s="5" t="s">
        <v>69038</v>
      </c>
      <c r="M23573" s="2" t="s">
        <v>69039</v>
      </c>
      <c r="N23573" s="5" t="s">
        <v>1521</v>
      </c>
      <c r="O23573" s="5" t="s">
        <v>38</v>
      </c>
      <c r="P23573" s="5" t="s">
        <v>39</v>
      </c>
      <c r="Q23573" s="5" t="s">
        <v>40</v>
      </c>
      <c r="R23573" s="5" t="s">
        <v>1522</v>
      </c>
      <c r="S23573" s="5" t="s">
        <v>1523</v>
      </c>
      <c r="T23573" s="5" t="s">
        <v>42</v>
      </c>
      <c r="U23573" s="2">
        <v>4.1020000000000003</v>
      </c>
      <c r="V23573" s="2">
        <v>3.4660000000000002</v>
      </c>
      <c r="W23573" s="2">
        <v>0.02</v>
      </c>
      <c r="X23573" s="2">
        <v>159.1</v>
      </c>
      <c r="Y23573" s="2">
        <v>7.6</v>
      </c>
      <c r="Z23573" s="2">
        <v>16.7</v>
      </c>
      <c r="AA23573" s="5"/>
      <c r="AB23573" s="5" t="s">
        <v>43</v>
      </c>
      <c r="AC23573" s="5" t="s">
        <v>44</v>
      </c>
      <c r="AD23573" s="2"/>
      <c r="AE23573" s="1"/>
    </row>
    <row r="23574" spans="1:31" ht="14.45">
      <c r="A23574" s="11"/>
      <c r="B23574" s="20"/>
      <c r="C23574" s="2" t="s">
        <v>75601</v>
      </c>
      <c r="D23574" s="14" t="s">
        <v>75602</v>
      </c>
      <c r="E23574" s="2" t="s">
        <v>75603</v>
      </c>
      <c r="F23574" s="2" t="s">
        <v>7581</v>
      </c>
      <c r="G23574" s="8">
        <v>334</v>
      </c>
      <c r="H23574" s="5">
        <v>6</v>
      </c>
      <c r="I23574" s="5" t="s">
        <v>1518</v>
      </c>
      <c r="J23574" s="5" t="s">
        <v>69038</v>
      </c>
      <c r="K23574" s="2" t="s">
        <v>69039</v>
      </c>
      <c r="L23574" s="5" t="s">
        <v>69038</v>
      </c>
      <c r="M23574" s="2" t="s">
        <v>69039</v>
      </c>
      <c r="N23574" s="5" t="s">
        <v>1521</v>
      </c>
      <c r="O23574" s="5" t="s">
        <v>38</v>
      </c>
      <c r="P23574" s="5" t="s">
        <v>39</v>
      </c>
      <c r="Q23574" s="5" t="s">
        <v>40</v>
      </c>
      <c r="R23574" s="5" t="s">
        <v>1522</v>
      </c>
      <c r="S23574" s="5" t="s">
        <v>1523</v>
      </c>
      <c r="T23574" s="5" t="s">
        <v>42</v>
      </c>
      <c r="U23574" s="2">
        <v>4.1020000000000003</v>
      </c>
      <c r="V23574" s="2">
        <v>3.4660000000000002</v>
      </c>
      <c r="W23574" s="2">
        <v>0.02</v>
      </c>
      <c r="X23574" s="2">
        <v>159.1</v>
      </c>
      <c r="Y23574" s="2">
        <v>7.6</v>
      </c>
      <c r="Z23574" s="2">
        <v>16.7</v>
      </c>
      <c r="AA23574" s="5"/>
      <c r="AB23574" s="5" t="s">
        <v>43</v>
      </c>
      <c r="AC23574" s="5" t="s">
        <v>44</v>
      </c>
      <c r="AD23574" s="2"/>
      <c r="AE23574" s="1"/>
    </row>
    <row r="23575" spans="1:31" ht="14.45">
      <c r="A23575" s="11"/>
      <c r="B23575" s="20"/>
      <c r="C23575" s="2" t="s">
        <v>75604</v>
      </c>
      <c r="D23575" s="14" t="s">
        <v>75605</v>
      </c>
      <c r="E23575" s="2" t="s">
        <v>75606</v>
      </c>
      <c r="F23575" s="2" t="s">
        <v>7589</v>
      </c>
      <c r="G23575" s="8">
        <v>334</v>
      </c>
      <c r="H23575" s="5">
        <v>6</v>
      </c>
      <c r="I23575" s="5" t="s">
        <v>1518</v>
      </c>
      <c r="J23575" s="5" t="s">
        <v>69038</v>
      </c>
      <c r="K23575" s="2" t="s">
        <v>69039</v>
      </c>
      <c r="L23575" s="5" t="s">
        <v>69038</v>
      </c>
      <c r="M23575" s="2" t="s">
        <v>69039</v>
      </c>
      <c r="N23575" s="5" t="s">
        <v>1521</v>
      </c>
      <c r="O23575" s="5" t="s">
        <v>38</v>
      </c>
      <c r="P23575" s="5" t="s">
        <v>39</v>
      </c>
      <c r="Q23575" s="5" t="s">
        <v>40</v>
      </c>
      <c r="R23575" s="5" t="s">
        <v>1522</v>
      </c>
      <c r="S23575" s="5" t="s">
        <v>1523</v>
      </c>
      <c r="T23575" s="5" t="s">
        <v>42</v>
      </c>
      <c r="U23575" s="2">
        <v>4.1020000000000003</v>
      </c>
      <c r="V23575" s="2">
        <v>3.4660000000000002</v>
      </c>
      <c r="W23575" s="2">
        <v>0.02</v>
      </c>
      <c r="X23575" s="2">
        <v>159.1</v>
      </c>
      <c r="Y23575" s="2">
        <v>7.6</v>
      </c>
      <c r="Z23575" s="2">
        <v>16.7</v>
      </c>
      <c r="AA23575" s="5"/>
      <c r="AB23575" s="5" t="s">
        <v>43</v>
      </c>
      <c r="AC23575" s="5" t="s">
        <v>44</v>
      </c>
      <c r="AD23575" s="2"/>
      <c r="AE23575" s="1"/>
    </row>
    <row r="23576" spans="1:31" ht="14.45">
      <c r="A23576" s="11"/>
      <c r="B23576" s="20"/>
      <c r="C23576" s="2" t="s">
        <v>75607</v>
      </c>
      <c r="D23576" s="14" t="s">
        <v>75608</v>
      </c>
      <c r="E23576" s="2" t="s">
        <v>75609</v>
      </c>
      <c r="F23576" s="2" t="s">
        <v>73358</v>
      </c>
      <c r="G23576" s="8">
        <v>334</v>
      </c>
      <c r="H23576" s="5">
        <v>6</v>
      </c>
      <c r="I23576" s="5" t="s">
        <v>1518</v>
      </c>
      <c r="J23576" s="5" t="s">
        <v>69038</v>
      </c>
      <c r="K23576" s="2" t="s">
        <v>69039</v>
      </c>
      <c r="L23576" s="5" t="s">
        <v>69038</v>
      </c>
      <c r="M23576" s="2" t="s">
        <v>69039</v>
      </c>
      <c r="N23576" s="5" t="s">
        <v>1521</v>
      </c>
      <c r="O23576" s="5" t="s">
        <v>38</v>
      </c>
      <c r="P23576" s="5" t="s">
        <v>39</v>
      </c>
      <c r="Q23576" s="5" t="s">
        <v>40</v>
      </c>
      <c r="R23576" s="5" t="s">
        <v>1522</v>
      </c>
      <c r="S23576" s="5" t="s">
        <v>1523</v>
      </c>
      <c r="T23576" s="5" t="s">
        <v>42</v>
      </c>
      <c r="U23576" s="2">
        <v>3.968</v>
      </c>
      <c r="V23576" s="2">
        <v>3.3319999999999999</v>
      </c>
      <c r="W23576" s="2">
        <v>0.02</v>
      </c>
      <c r="X23576" s="2">
        <v>159.1</v>
      </c>
      <c r="Y23576" s="2">
        <v>7.6</v>
      </c>
      <c r="Z23576" s="2">
        <v>16.7</v>
      </c>
      <c r="AA23576" s="5"/>
      <c r="AB23576" s="5" t="s">
        <v>43</v>
      </c>
      <c r="AC23576" s="5" t="s">
        <v>44</v>
      </c>
      <c r="AD23576" s="2"/>
      <c r="AE23576" s="1"/>
    </row>
    <row r="23577" spans="1:31" ht="14.45">
      <c r="A23577" s="11"/>
      <c r="B23577" s="20"/>
      <c r="C23577" s="2" t="s">
        <v>75610</v>
      </c>
      <c r="D23577" s="14" t="s">
        <v>75611</v>
      </c>
      <c r="E23577" s="2" t="s">
        <v>75612</v>
      </c>
      <c r="F23577" s="2" t="s">
        <v>73362</v>
      </c>
      <c r="G23577" s="8">
        <v>334</v>
      </c>
      <c r="H23577" s="5">
        <v>6</v>
      </c>
      <c r="I23577" s="5" t="s">
        <v>1518</v>
      </c>
      <c r="J23577" s="5" t="s">
        <v>69038</v>
      </c>
      <c r="K23577" s="2" t="s">
        <v>69039</v>
      </c>
      <c r="L23577" s="5" t="s">
        <v>69038</v>
      </c>
      <c r="M23577" s="2" t="s">
        <v>69039</v>
      </c>
      <c r="N23577" s="5" t="s">
        <v>1521</v>
      </c>
      <c r="O23577" s="5" t="s">
        <v>38</v>
      </c>
      <c r="P23577" s="5" t="s">
        <v>39</v>
      </c>
      <c r="Q23577" s="5" t="s">
        <v>40</v>
      </c>
      <c r="R23577" s="5" t="s">
        <v>1522</v>
      </c>
      <c r="S23577" s="5" t="s">
        <v>1523</v>
      </c>
      <c r="T23577" s="5" t="s">
        <v>42</v>
      </c>
      <c r="U23577" s="2">
        <v>4.1020000000000003</v>
      </c>
      <c r="V23577" s="2">
        <v>3.4660000000000002</v>
      </c>
      <c r="W23577" s="2">
        <v>0.02</v>
      </c>
      <c r="X23577" s="2">
        <v>159.1</v>
      </c>
      <c r="Y23577" s="2">
        <v>7.6</v>
      </c>
      <c r="Z23577" s="2">
        <v>16.7</v>
      </c>
      <c r="AA23577" s="5"/>
      <c r="AB23577" s="5" t="s">
        <v>43</v>
      </c>
      <c r="AC23577" s="5" t="s">
        <v>44</v>
      </c>
      <c r="AD23577" s="2"/>
      <c r="AE23577" s="1"/>
    </row>
    <row r="23578" spans="1:31" ht="14.45">
      <c r="A23578" s="11"/>
      <c r="B23578" s="20"/>
      <c r="C23578" s="2" t="s">
        <v>75613</v>
      </c>
      <c r="D23578" s="14" t="s">
        <v>75614</v>
      </c>
      <c r="E23578" s="2" t="s">
        <v>75615</v>
      </c>
      <c r="F23578" s="2" t="s">
        <v>7212</v>
      </c>
      <c r="G23578" s="8">
        <v>308</v>
      </c>
      <c r="H23578" s="5">
        <v>6</v>
      </c>
      <c r="I23578" s="5" t="s">
        <v>1518</v>
      </c>
      <c r="J23578" s="5" t="s">
        <v>69038</v>
      </c>
      <c r="K23578" s="2" t="s">
        <v>69039</v>
      </c>
      <c r="L23578" s="5" t="s">
        <v>69038</v>
      </c>
      <c r="M23578" s="2" t="s">
        <v>69039</v>
      </c>
      <c r="N23578" s="5" t="s">
        <v>1521</v>
      </c>
      <c r="O23578" s="5" t="s">
        <v>38</v>
      </c>
      <c r="P23578" s="5" t="s">
        <v>39</v>
      </c>
      <c r="Q23578" s="5" t="s">
        <v>40</v>
      </c>
      <c r="R23578" s="5" t="s">
        <v>1522</v>
      </c>
      <c r="S23578" s="5" t="s">
        <v>1523</v>
      </c>
      <c r="T23578" s="5" t="s">
        <v>42</v>
      </c>
      <c r="U23578" s="2">
        <v>3.968</v>
      </c>
      <c r="V23578" s="2">
        <v>3.3319999999999999</v>
      </c>
      <c r="W23578" s="2">
        <v>0.02</v>
      </c>
      <c r="X23578" s="2">
        <v>159.1</v>
      </c>
      <c r="Y23578" s="2">
        <v>7.6</v>
      </c>
      <c r="Z23578" s="2">
        <v>16.7</v>
      </c>
      <c r="AA23578" s="5"/>
      <c r="AB23578" s="5" t="s">
        <v>43</v>
      </c>
      <c r="AC23578" s="5" t="s">
        <v>44</v>
      </c>
      <c r="AD23578" s="2"/>
      <c r="AE23578" s="1"/>
    </row>
    <row r="23579" spans="1:31" ht="14.45">
      <c r="A23579" s="11"/>
      <c r="B23579" s="20"/>
      <c r="C23579" s="2" t="s">
        <v>75616</v>
      </c>
      <c r="D23579" s="14" t="s">
        <v>75617</v>
      </c>
      <c r="E23579" s="2" t="s">
        <v>75618</v>
      </c>
      <c r="F23579" s="2" t="s">
        <v>16029</v>
      </c>
      <c r="G23579" s="8">
        <v>334</v>
      </c>
      <c r="H23579" s="5">
        <v>6</v>
      </c>
      <c r="I23579" s="5" t="s">
        <v>1518</v>
      </c>
      <c r="J23579" s="5" t="s">
        <v>69038</v>
      </c>
      <c r="K23579" s="2" t="s">
        <v>69039</v>
      </c>
      <c r="L23579" s="5" t="s">
        <v>69038</v>
      </c>
      <c r="M23579" s="2" t="s">
        <v>69039</v>
      </c>
      <c r="N23579" s="5" t="s">
        <v>1521</v>
      </c>
      <c r="O23579" s="5" t="s">
        <v>38</v>
      </c>
      <c r="P23579" s="5" t="s">
        <v>39</v>
      </c>
      <c r="Q23579" s="5" t="s">
        <v>40</v>
      </c>
      <c r="R23579" s="5" t="s">
        <v>1522</v>
      </c>
      <c r="S23579" s="5" t="s">
        <v>1523</v>
      </c>
      <c r="T23579" s="5" t="s">
        <v>42</v>
      </c>
      <c r="U23579" s="2">
        <v>3.9790000000000001</v>
      </c>
      <c r="V23579" s="2">
        <v>3.343</v>
      </c>
      <c r="W23579" s="2">
        <v>0.02</v>
      </c>
      <c r="X23579" s="2">
        <v>159.1</v>
      </c>
      <c r="Y23579" s="2">
        <v>7.6</v>
      </c>
      <c r="Z23579" s="2">
        <v>16.7</v>
      </c>
      <c r="AA23579" s="5"/>
      <c r="AB23579" s="5" t="s">
        <v>43</v>
      </c>
      <c r="AC23579" s="5" t="s">
        <v>44</v>
      </c>
      <c r="AD23579" s="2"/>
      <c r="AE23579" s="1"/>
    </row>
    <row r="23580" spans="1:31" ht="14.45">
      <c r="A23580" s="11"/>
      <c r="B23580" s="20"/>
      <c r="C23580" s="2" t="s">
        <v>75619</v>
      </c>
      <c r="D23580" s="14" t="s">
        <v>75620</v>
      </c>
      <c r="E23580" s="2" t="s">
        <v>75621</v>
      </c>
      <c r="F23580" s="2" t="s">
        <v>16033</v>
      </c>
      <c r="G23580" s="8">
        <v>334</v>
      </c>
      <c r="H23580" s="5">
        <v>6</v>
      </c>
      <c r="I23580" s="5" t="s">
        <v>1518</v>
      </c>
      <c r="J23580" s="5" t="s">
        <v>69038</v>
      </c>
      <c r="K23580" s="2" t="s">
        <v>69039</v>
      </c>
      <c r="L23580" s="5" t="s">
        <v>69038</v>
      </c>
      <c r="M23580" s="2" t="s">
        <v>69039</v>
      </c>
      <c r="N23580" s="5" t="s">
        <v>1521</v>
      </c>
      <c r="O23580" s="5" t="s">
        <v>38</v>
      </c>
      <c r="P23580" s="5" t="s">
        <v>39</v>
      </c>
      <c r="Q23580" s="5" t="s">
        <v>40</v>
      </c>
      <c r="R23580" s="5" t="s">
        <v>1522</v>
      </c>
      <c r="S23580" s="5" t="s">
        <v>1523</v>
      </c>
      <c r="T23580" s="5" t="s">
        <v>42</v>
      </c>
      <c r="U23580" s="2">
        <v>4.1130000000000004</v>
      </c>
      <c r="V23580" s="2">
        <v>3.4769999999999999</v>
      </c>
      <c r="W23580" s="2">
        <v>0.02</v>
      </c>
      <c r="X23580" s="2">
        <v>159.1</v>
      </c>
      <c r="Y23580" s="2">
        <v>7.6</v>
      </c>
      <c r="Z23580" s="2">
        <v>16.7</v>
      </c>
      <c r="AA23580" s="5"/>
      <c r="AB23580" s="5" t="s">
        <v>43</v>
      </c>
      <c r="AC23580" s="5" t="s">
        <v>44</v>
      </c>
      <c r="AD23580" s="2"/>
      <c r="AE23580" s="1"/>
    </row>
    <row r="23581" spans="1:31" ht="14.45">
      <c r="A23581" s="11"/>
      <c r="B23581" s="20"/>
      <c r="C23581" s="2" t="s">
        <v>75622</v>
      </c>
      <c r="D23581" s="14" t="s">
        <v>75623</v>
      </c>
      <c r="E23581" s="2" t="s">
        <v>75624</v>
      </c>
      <c r="F23581" s="2" t="s">
        <v>7204</v>
      </c>
      <c r="G23581" s="8">
        <v>150</v>
      </c>
      <c r="H23581" s="5">
        <v>6</v>
      </c>
      <c r="I23581" s="5" t="s">
        <v>1518</v>
      </c>
      <c r="J23581" s="5" t="s">
        <v>69038</v>
      </c>
      <c r="K23581" s="2" t="s">
        <v>69039</v>
      </c>
      <c r="L23581" s="5" t="s">
        <v>69038</v>
      </c>
      <c r="M23581" s="2" t="s">
        <v>69039</v>
      </c>
      <c r="N23581" s="5" t="s">
        <v>19227</v>
      </c>
      <c r="O23581" s="5" t="s">
        <v>38</v>
      </c>
      <c r="P23581" s="5" t="s">
        <v>39</v>
      </c>
      <c r="Q23581" s="5" t="s">
        <v>40</v>
      </c>
      <c r="R23581" s="5" t="s">
        <v>1487</v>
      </c>
      <c r="S23581" s="5"/>
      <c r="T23581" s="5" t="s">
        <v>42</v>
      </c>
      <c r="U23581" s="2">
        <v>0</v>
      </c>
      <c r="V23581" s="2">
        <v>0</v>
      </c>
      <c r="W23581" s="2">
        <v>0</v>
      </c>
      <c r="X23581" s="2">
        <v>0</v>
      </c>
      <c r="Y23581" s="2">
        <v>0</v>
      </c>
      <c r="Z23581" s="2">
        <v>0</v>
      </c>
      <c r="AA23581" s="5"/>
      <c r="AB23581" s="5" t="s">
        <v>43</v>
      </c>
      <c r="AC23581" s="5" t="s">
        <v>44</v>
      </c>
      <c r="AD23581" s="2"/>
      <c r="AE23581" s="1"/>
    </row>
    <row r="23582" spans="1:31" ht="14.45">
      <c r="A23582" s="11"/>
      <c r="B23582" s="20"/>
      <c r="C23582" s="2" t="s">
        <v>75625</v>
      </c>
      <c r="D23582" s="14" t="s">
        <v>75626</v>
      </c>
      <c r="E23582" s="2" t="s">
        <v>75627</v>
      </c>
      <c r="F23582" s="2" t="s">
        <v>7514</v>
      </c>
      <c r="G23582" s="8">
        <v>150</v>
      </c>
      <c r="H23582" s="5">
        <v>6</v>
      </c>
      <c r="I23582" s="5" t="s">
        <v>1518</v>
      </c>
      <c r="J23582" s="5" t="s">
        <v>69038</v>
      </c>
      <c r="K23582" s="2" t="s">
        <v>69039</v>
      </c>
      <c r="L23582" s="5" t="s">
        <v>69038</v>
      </c>
      <c r="M23582" s="2" t="s">
        <v>69039</v>
      </c>
      <c r="N23582" s="5" t="s">
        <v>19227</v>
      </c>
      <c r="O23582" s="5" t="s">
        <v>38</v>
      </c>
      <c r="P23582" s="5" t="s">
        <v>39</v>
      </c>
      <c r="Q23582" s="5" t="s">
        <v>40</v>
      </c>
      <c r="R23582" s="5" t="s">
        <v>1487</v>
      </c>
      <c r="S23582" s="5"/>
      <c r="T23582" s="5" t="s">
        <v>42</v>
      </c>
      <c r="U23582" s="2">
        <v>0</v>
      </c>
      <c r="V23582" s="2">
        <v>0</v>
      </c>
      <c r="W23582" s="2">
        <v>0</v>
      </c>
      <c r="X23582" s="2">
        <v>0</v>
      </c>
      <c r="Y23582" s="2">
        <v>0</v>
      </c>
      <c r="Z23582" s="2">
        <v>0</v>
      </c>
      <c r="AA23582" s="5"/>
      <c r="AB23582" s="5" t="s">
        <v>43</v>
      </c>
      <c r="AC23582" s="5" t="s">
        <v>44</v>
      </c>
      <c r="AD23582" s="2"/>
      <c r="AE23582" s="1"/>
    </row>
    <row r="23583" spans="1:31" ht="14.45">
      <c r="A23583" s="11"/>
      <c r="B23583" s="20"/>
      <c r="C23583" s="2" t="s">
        <v>75628</v>
      </c>
      <c r="D23583" s="14" t="s">
        <v>75629</v>
      </c>
      <c r="E23583" s="2" t="s">
        <v>75630</v>
      </c>
      <c r="F23583" s="2" t="s">
        <v>7208</v>
      </c>
      <c r="G23583" s="8">
        <v>150</v>
      </c>
      <c r="H23583" s="5">
        <v>6</v>
      </c>
      <c r="I23583" s="5" t="s">
        <v>1518</v>
      </c>
      <c r="J23583" s="5" t="s">
        <v>69038</v>
      </c>
      <c r="K23583" s="2" t="s">
        <v>69039</v>
      </c>
      <c r="L23583" s="5" t="s">
        <v>69038</v>
      </c>
      <c r="M23583" s="2" t="s">
        <v>69039</v>
      </c>
      <c r="N23583" s="5" t="s">
        <v>19227</v>
      </c>
      <c r="O23583" s="5" t="s">
        <v>38</v>
      </c>
      <c r="P23583" s="5" t="s">
        <v>39</v>
      </c>
      <c r="Q23583" s="5" t="s">
        <v>40</v>
      </c>
      <c r="R23583" s="5" t="s">
        <v>1487</v>
      </c>
      <c r="S23583" s="5"/>
      <c r="T23583" s="5" t="s">
        <v>42</v>
      </c>
      <c r="U23583" s="2">
        <v>0</v>
      </c>
      <c r="V23583" s="2">
        <v>0</v>
      </c>
      <c r="W23583" s="2">
        <v>0</v>
      </c>
      <c r="X23583" s="2">
        <v>0</v>
      </c>
      <c r="Y23583" s="2">
        <v>0</v>
      </c>
      <c r="Z23583" s="2">
        <v>0</v>
      </c>
      <c r="AA23583" s="5"/>
      <c r="AB23583" s="5" t="s">
        <v>43</v>
      </c>
      <c r="AC23583" s="5" t="s">
        <v>44</v>
      </c>
      <c r="AD23583" s="2"/>
      <c r="AE23583" s="1"/>
    </row>
    <row r="23584" spans="1:31" ht="14.45">
      <c r="A23584" s="11"/>
      <c r="B23584" s="20"/>
      <c r="C23584" s="2" t="s">
        <v>75631</v>
      </c>
      <c r="D23584" s="14" t="s">
        <v>75632</v>
      </c>
      <c r="E23584" s="2" t="s">
        <v>75633</v>
      </c>
      <c r="F23584" s="2" t="s">
        <v>7521</v>
      </c>
      <c r="G23584" s="8">
        <v>150</v>
      </c>
      <c r="H23584" s="5">
        <v>6</v>
      </c>
      <c r="I23584" s="5" t="s">
        <v>1518</v>
      </c>
      <c r="J23584" s="5" t="s">
        <v>69038</v>
      </c>
      <c r="K23584" s="2" t="s">
        <v>69039</v>
      </c>
      <c r="L23584" s="5" t="s">
        <v>69038</v>
      </c>
      <c r="M23584" s="2" t="s">
        <v>69039</v>
      </c>
      <c r="N23584" s="5" t="s">
        <v>19227</v>
      </c>
      <c r="O23584" s="5" t="s">
        <v>38</v>
      </c>
      <c r="P23584" s="5" t="s">
        <v>39</v>
      </c>
      <c r="Q23584" s="5" t="s">
        <v>40</v>
      </c>
      <c r="R23584" s="5" t="s">
        <v>1487</v>
      </c>
      <c r="S23584" s="5"/>
      <c r="T23584" s="5" t="s">
        <v>42</v>
      </c>
      <c r="U23584" s="2">
        <v>0</v>
      </c>
      <c r="V23584" s="2">
        <v>0</v>
      </c>
      <c r="W23584" s="2">
        <v>0</v>
      </c>
      <c r="X23584" s="2">
        <v>0</v>
      </c>
      <c r="Y23584" s="2">
        <v>0</v>
      </c>
      <c r="Z23584" s="2">
        <v>0</v>
      </c>
      <c r="AA23584" s="5"/>
      <c r="AB23584" s="5" t="s">
        <v>43</v>
      </c>
      <c r="AC23584" s="5" t="s">
        <v>44</v>
      </c>
      <c r="AD23584" s="2"/>
      <c r="AE23584" s="1"/>
    </row>
    <row r="23585" spans="1:31" ht="14.45">
      <c r="A23585" s="11"/>
      <c r="B23585" s="20"/>
      <c r="C23585" s="2" t="s">
        <v>75634</v>
      </c>
      <c r="D23585" s="14" t="s">
        <v>75635</v>
      </c>
      <c r="E23585" s="2" t="s">
        <v>75636</v>
      </c>
      <c r="F23585" s="2" t="s">
        <v>7396</v>
      </c>
      <c r="G23585" s="8">
        <v>150</v>
      </c>
      <c r="H23585" s="5">
        <v>6</v>
      </c>
      <c r="I23585" s="5" t="s">
        <v>1518</v>
      </c>
      <c r="J23585" s="5" t="s">
        <v>69038</v>
      </c>
      <c r="K23585" s="2" t="s">
        <v>69039</v>
      </c>
      <c r="L23585" s="5" t="s">
        <v>69038</v>
      </c>
      <c r="M23585" s="2" t="s">
        <v>69039</v>
      </c>
      <c r="N23585" s="5" t="s">
        <v>19227</v>
      </c>
      <c r="O23585" s="5" t="s">
        <v>38</v>
      </c>
      <c r="P23585" s="5" t="s">
        <v>39</v>
      </c>
      <c r="Q23585" s="5" t="s">
        <v>40</v>
      </c>
      <c r="R23585" s="5" t="s">
        <v>1487</v>
      </c>
      <c r="S23585" s="5"/>
      <c r="T23585" s="5" t="s">
        <v>42</v>
      </c>
      <c r="U23585" s="2">
        <v>0</v>
      </c>
      <c r="V23585" s="2">
        <v>0</v>
      </c>
      <c r="W23585" s="2">
        <v>0</v>
      </c>
      <c r="X23585" s="2">
        <v>0</v>
      </c>
      <c r="Y23585" s="2">
        <v>0</v>
      </c>
      <c r="Z23585" s="2">
        <v>0</v>
      </c>
      <c r="AA23585" s="5"/>
      <c r="AB23585" s="5" t="s">
        <v>43</v>
      </c>
      <c r="AC23585" s="5" t="s">
        <v>44</v>
      </c>
      <c r="AD23585" s="2"/>
      <c r="AE23585" s="1"/>
    </row>
    <row r="23586" spans="1:31" ht="14.45">
      <c r="A23586" s="11"/>
      <c r="B23586" s="20"/>
      <c r="C23586" s="2" t="s">
        <v>75637</v>
      </c>
      <c r="D23586" s="14" t="s">
        <v>75638</v>
      </c>
      <c r="E23586" s="2" t="s">
        <v>75639</v>
      </c>
      <c r="F23586" s="2" t="s">
        <v>7507</v>
      </c>
      <c r="G23586" s="8">
        <v>150</v>
      </c>
      <c r="H23586" s="5">
        <v>6</v>
      </c>
      <c r="I23586" s="5" t="s">
        <v>1518</v>
      </c>
      <c r="J23586" s="5" t="s">
        <v>69038</v>
      </c>
      <c r="K23586" s="2" t="s">
        <v>69039</v>
      </c>
      <c r="L23586" s="5" t="s">
        <v>69038</v>
      </c>
      <c r="M23586" s="2" t="s">
        <v>69039</v>
      </c>
      <c r="N23586" s="5" t="s">
        <v>19227</v>
      </c>
      <c r="O23586" s="5" t="s">
        <v>38</v>
      </c>
      <c r="P23586" s="5" t="s">
        <v>39</v>
      </c>
      <c r="Q23586" s="5" t="s">
        <v>40</v>
      </c>
      <c r="R23586" s="5" t="s">
        <v>1487</v>
      </c>
      <c r="S23586" s="5"/>
      <c r="T23586" s="5" t="s">
        <v>42</v>
      </c>
      <c r="U23586" s="2">
        <v>0</v>
      </c>
      <c r="V23586" s="2">
        <v>0</v>
      </c>
      <c r="W23586" s="2">
        <v>0</v>
      </c>
      <c r="X23586" s="2">
        <v>0</v>
      </c>
      <c r="Y23586" s="2">
        <v>0</v>
      </c>
      <c r="Z23586" s="2">
        <v>0</v>
      </c>
      <c r="AA23586" s="5"/>
      <c r="AB23586" s="5" t="s">
        <v>43</v>
      </c>
      <c r="AC23586" s="5" t="s">
        <v>44</v>
      </c>
      <c r="AD23586" s="2"/>
      <c r="AE23586" s="1"/>
    </row>
    <row r="23587" spans="1:31" ht="14.45">
      <c r="A23587" s="11"/>
      <c r="B23587" s="20"/>
      <c r="C23587" s="2" t="s">
        <v>75640</v>
      </c>
      <c r="D23587" s="14" t="s">
        <v>75641</v>
      </c>
      <c r="E23587" s="2" t="s">
        <v>75642</v>
      </c>
      <c r="F23587" s="2" t="s">
        <v>7212</v>
      </c>
      <c r="G23587" s="8">
        <v>150</v>
      </c>
      <c r="H23587" s="5">
        <v>6</v>
      </c>
      <c r="I23587" s="5" t="s">
        <v>1518</v>
      </c>
      <c r="J23587" s="5" t="s">
        <v>69038</v>
      </c>
      <c r="K23587" s="2" t="s">
        <v>69039</v>
      </c>
      <c r="L23587" s="5" t="s">
        <v>69038</v>
      </c>
      <c r="M23587" s="2" t="s">
        <v>69039</v>
      </c>
      <c r="N23587" s="5" t="s">
        <v>19227</v>
      </c>
      <c r="O23587" s="5" t="s">
        <v>38</v>
      </c>
      <c r="P23587" s="5" t="s">
        <v>39</v>
      </c>
      <c r="Q23587" s="5" t="s">
        <v>40</v>
      </c>
      <c r="R23587" s="5" t="s">
        <v>1487</v>
      </c>
      <c r="S23587" s="5"/>
      <c r="T23587" s="5" t="s">
        <v>42</v>
      </c>
      <c r="U23587" s="2">
        <v>0</v>
      </c>
      <c r="V23587" s="2">
        <v>0</v>
      </c>
      <c r="W23587" s="2">
        <v>0</v>
      </c>
      <c r="X23587" s="2">
        <v>0</v>
      </c>
      <c r="Y23587" s="2">
        <v>0</v>
      </c>
      <c r="Z23587" s="2">
        <v>0</v>
      </c>
      <c r="AA23587" s="5"/>
      <c r="AB23587" s="5" t="s">
        <v>43</v>
      </c>
      <c r="AC23587" s="5" t="s">
        <v>44</v>
      </c>
      <c r="AD23587" s="2"/>
      <c r="AE23587" s="1"/>
    </row>
    <row r="23588" spans="1:31" ht="14.45">
      <c r="A23588" s="11"/>
      <c r="B23588" s="20"/>
      <c r="C23588" s="2" t="s">
        <v>75643</v>
      </c>
      <c r="D23588" s="14" t="s">
        <v>75644</v>
      </c>
      <c r="E23588" s="2" t="s">
        <v>75645</v>
      </c>
      <c r="F23588" s="2" t="s">
        <v>7528</v>
      </c>
      <c r="G23588" s="8">
        <v>150</v>
      </c>
      <c r="H23588" s="5">
        <v>6</v>
      </c>
      <c r="I23588" s="5" t="s">
        <v>1518</v>
      </c>
      <c r="J23588" s="5" t="s">
        <v>69038</v>
      </c>
      <c r="K23588" s="2" t="s">
        <v>69039</v>
      </c>
      <c r="L23588" s="5" t="s">
        <v>69038</v>
      </c>
      <c r="M23588" s="2" t="s">
        <v>69039</v>
      </c>
      <c r="N23588" s="5" t="s">
        <v>19227</v>
      </c>
      <c r="O23588" s="5" t="s">
        <v>38</v>
      </c>
      <c r="P23588" s="5" t="s">
        <v>39</v>
      </c>
      <c r="Q23588" s="5" t="s">
        <v>40</v>
      </c>
      <c r="R23588" s="5" t="s">
        <v>1487</v>
      </c>
      <c r="S23588" s="5"/>
      <c r="T23588" s="5" t="s">
        <v>42</v>
      </c>
      <c r="U23588" s="2">
        <v>0</v>
      </c>
      <c r="V23588" s="2">
        <v>0</v>
      </c>
      <c r="W23588" s="2">
        <v>0</v>
      </c>
      <c r="X23588" s="2">
        <v>0</v>
      </c>
      <c r="Y23588" s="2">
        <v>0</v>
      </c>
      <c r="Z23588" s="2">
        <v>0</v>
      </c>
      <c r="AA23588" s="5"/>
      <c r="AB23588" s="5" t="s">
        <v>43</v>
      </c>
      <c r="AC23588" s="5" t="s">
        <v>44</v>
      </c>
      <c r="AD23588" s="2"/>
      <c r="AE23588" s="1"/>
    </row>
    <row r="23589" spans="1:31" ht="14.45">
      <c r="A23589" s="11"/>
      <c r="B23589" s="20"/>
      <c r="C23589" s="2" t="s">
        <v>75646</v>
      </c>
      <c r="D23589" s="14" t="s">
        <v>75647</v>
      </c>
      <c r="E23589" s="2" t="s">
        <v>75648</v>
      </c>
      <c r="F23589" s="2" t="s">
        <v>7204</v>
      </c>
      <c r="G23589" s="8">
        <v>160</v>
      </c>
      <c r="H23589" s="5">
        <v>6</v>
      </c>
      <c r="I23589" s="5" t="s">
        <v>1518</v>
      </c>
      <c r="J23589" s="5" t="s">
        <v>69038</v>
      </c>
      <c r="K23589" s="2" t="s">
        <v>69039</v>
      </c>
      <c r="L23589" s="5" t="s">
        <v>69038</v>
      </c>
      <c r="M23589" s="2" t="s">
        <v>69039</v>
      </c>
      <c r="N23589" s="5" t="s">
        <v>19227</v>
      </c>
      <c r="O23589" s="5" t="s">
        <v>38</v>
      </c>
      <c r="P23589" s="5" t="s">
        <v>39</v>
      </c>
      <c r="Q23589" s="5" t="s">
        <v>40</v>
      </c>
      <c r="R23589" s="5" t="s">
        <v>1487</v>
      </c>
      <c r="S23589" s="5"/>
      <c r="T23589" s="5" t="s">
        <v>42</v>
      </c>
      <c r="U23589" s="2">
        <v>0</v>
      </c>
      <c r="V23589" s="2">
        <v>0</v>
      </c>
      <c r="W23589" s="2">
        <v>0</v>
      </c>
      <c r="X23589" s="2">
        <v>0</v>
      </c>
      <c r="Y23589" s="2">
        <v>0</v>
      </c>
      <c r="Z23589" s="2">
        <v>0</v>
      </c>
      <c r="AA23589" s="5"/>
      <c r="AB23589" s="5" t="s">
        <v>43</v>
      </c>
      <c r="AC23589" s="5" t="s">
        <v>44</v>
      </c>
      <c r="AD23589" s="2"/>
      <c r="AE23589" s="1"/>
    </row>
    <row r="23590" spans="1:31" ht="14.45">
      <c r="A23590" s="11"/>
      <c r="B23590" s="20"/>
      <c r="C23590" s="2" t="s">
        <v>75649</v>
      </c>
      <c r="D23590" s="14" t="s">
        <v>75650</v>
      </c>
      <c r="E23590" s="2" t="s">
        <v>75651</v>
      </c>
      <c r="F23590" s="2" t="s">
        <v>7514</v>
      </c>
      <c r="G23590" s="8">
        <v>160</v>
      </c>
      <c r="H23590" s="5">
        <v>6</v>
      </c>
      <c r="I23590" s="5" t="s">
        <v>1518</v>
      </c>
      <c r="J23590" s="5" t="s">
        <v>69038</v>
      </c>
      <c r="K23590" s="2" t="s">
        <v>69039</v>
      </c>
      <c r="L23590" s="5" t="s">
        <v>69038</v>
      </c>
      <c r="M23590" s="2" t="s">
        <v>69039</v>
      </c>
      <c r="N23590" s="5" t="s">
        <v>19227</v>
      </c>
      <c r="O23590" s="5" t="s">
        <v>38</v>
      </c>
      <c r="P23590" s="5" t="s">
        <v>39</v>
      </c>
      <c r="Q23590" s="5" t="s">
        <v>40</v>
      </c>
      <c r="R23590" s="5" t="s">
        <v>1487</v>
      </c>
      <c r="S23590" s="5"/>
      <c r="T23590" s="5" t="s">
        <v>42</v>
      </c>
      <c r="U23590" s="2">
        <v>0</v>
      </c>
      <c r="V23590" s="2">
        <v>0</v>
      </c>
      <c r="W23590" s="2">
        <v>0</v>
      </c>
      <c r="X23590" s="2">
        <v>0</v>
      </c>
      <c r="Y23590" s="2">
        <v>0</v>
      </c>
      <c r="Z23590" s="2">
        <v>0</v>
      </c>
      <c r="AA23590" s="5"/>
      <c r="AB23590" s="5" t="s">
        <v>43</v>
      </c>
      <c r="AC23590" s="5" t="s">
        <v>44</v>
      </c>
      <c r="AD23590" s="2"/>
      <c r="AE23590" s="1"/>
    </row>
    <row r="23591" spans="1:31" ht="14.45">
      <c r="A23591" s="11"/>
      <c r="B23591" s="20"/>
      <c r="C23591" s="2" t="s">
        <v>75652</v>
      </c>
      <c r="D23591" s="14" t="s">
        <v>75653</v>
      </c>
      <c r="E23591" s="2" t="s">
        <v>75654</v>
      </c>
      <c r="F23591" s="2" t="s">
        <v>7208</v>
      </c>
      <c r="G23591" s="8">
        <v>160</v>
      </c>
      <c r="H23591" s="5">
        <v>6</v>
      </c>
      <c r="I23591" s="5" t="s">
        <v>1518</v>
      </c>
      <c r="J23591" s="5" t="s">
        <v>69038</v>
      </c>
      <c r="K23591" s="2" t="s">
        <v>69039</v>
      </c>
      <c r="L23591" s="5" t="s">
        <v>69038</v>
      </c>
      <c r="M23591" s="2" t="s">
        <v>69039</v>
      </c>
      <c r="N23591" s="5" t="s">
        <v>19227</v>
      </c>
      <c r="O23591" s="5" t="s">
        <v>38</v>
      </c>
      <c r="P23591" s="5" t="s">
        <v>39</v>
      </c>
      <c r="Q23591" s="5" t="s">
        <v>40</v>
      </c>
      <c r="R23591" s="5" t="s">
        <v>1487</v>
      </c>
      <c r="S23591" s="5"/>
      <c r="T23591" s="5" t="s">
        <v>42</v>
      </c>
      <c r="U23591" s="2">
        <v>0</v>
      </c>
      <c r="V23591" s="2">
        <v>0</v>
      </c>
      <c r="W23591" s="2">
        <v>0</v>
      </c>
      <c r="X23591" s="2">
        <v>0</v>
      </c>
      <c r="Y23591" s="2">
        <v>0</v>
      </c>
      <c r="Z23591" s="2">
        <v>0</v>
      </c>
      <c r="AA23591" s="5"/>
      <c r="AB23591" s="5" t="s">
        <v>43</v>
      </c>
      <c r="AC23591" s="5" t="s">
        <v>44</v>
      </c>
      <c r="AD23591" s="2"/>
      <c r="AE23591" s="1"/>
    </row>
    <row r="23592" spans="1:31" ht="14.45">
      <c r="A23592" s="11"/>
      <c r="B23592" s="20"/>
      <c r="C23592" s="2" t="s">
        <v>75655</v>
      </c>
      <c r="D23592" s="14" t="s">
        <v>75656</v>
      </c>
      <c r="E23592" s="2" t="s">
        <v>75657</v>
      </c>
      <c r="F23592" s="2" t="s">
        <v>7521</v>
      </c>
      <c r="G23592" s="8">
        <v>160</v>
      </c>
      <c r="H23592" s="5">
        <v>6</v>
      </c>
      <c r="I23592" s="5" t="s">
        <v>1518</v>
      </c>
      <c r="J23592" s="5" t="s">
        <v>69038</v>
      </c>
      <c r="K23592" s="2" t="s">
        <v>69039</v>
      </c>
      <c r="L23592" s="5" t="s">
        <v>69038</v>
      </c>
      <c r="M23592" s="2" t="s">
        <v>69039</v>
      </c>
      <c r="N23592" s="5" t="s">
        <v>19227</v>
      </c>
      <c r="O23592" s="5" t="s">
        <v>38</v>
      </c>
      <c r="P23592" s="5" t="s">
        <v>39</v>
      </c>
      <c r="Q23592" s="5" t="s">
        <v>40</v>
      </c>
      <c r="R23592" s="5" t="s">
        <v>1487</v>
      </c>
      <c r="S23592" s="5"/>
      <c r="T23592" s="5" t="s">
        <v>42</v>
      </c>
      <c r="U23592" s="2">
        <v>0</v>
      </c>
      <c r="V23592" s="2">
        <v>0</v>
      </c>
      <c r="W23592" s="2">
        <v>0</v>
      </c>
      <c r="X23592" s="2">
        <v>0</v>
      </c>
      <c r="Y23592" s="2">
        <v>0</v>
      </c>
      <c r="Z23592" s="2">
        <v>0</v>
      </c>
      <c r="AA23592" s="5"/>
      <c r="AB23592" s="5" t="s">
        <v>43</v>
      </c>
      <c r="AC23592" s="5" t="s">
        <v>44</v>
      </c>
      <c r="AD23592" s="2"/>
      <c r="AE23592" s="1"/>
    </row>
    <row r="23593" spans="1:31" ht="14.45">
      <c r="A23593" s="11"/>
      <c r="B23593" s="20"/>
      <c r="C23593" s="2" t="s">
        <v>75658</v>
      </c>
      <c r="D23593" s="14" t="s">
        <v>75659</v>
      </c>
      <c r="E23593" s="2" t="s">
        <v>75660</v>
      </c>
      <c r="F23593" s="2" t="s">
        <v>7396</v>
      </c>
      <c r="G23593" s="8">
        <v>160</v>
      </c>
      <c r="H23593" s="5">
        <v>6</v>
      </c>
      <c r="I23593" s="5" t="s">
        <v>1518</v>
      </c>
      <c r="J23593" s="5" t="s">
        <v>69038</v>
      </c>
      <c r="K23593" s="2" t="s">
        <v>69039</v>
      </c>
      <c r="L23593" s="5" t="s">
        <v>69038</v>
      </c>
      <c r="M23593" s="2" t="s">
        <v>69039</v>
      </c>
      <c r="N23593" s="5" t="s">
        <v>19227</v>
      </c>
      <c r="O23593" s="5" t="s">
        <v>38</v>
      </c>
      <c r="P23593" s="5" t="s">
        <v>39</v>
      </c>
      <c r="Q23593" s="5" t="s">
        <v>40</v>
      </c>
      <c r="R23593" s="5" t="s">
        <v>1487</v>
      </c>
      <c r="S23593" s="5"/>
      <c r="T23593" s="5" t="s">
        <v>42</v>
      </c>
      <c r="U23593" s="2">
        <v>0</v>
      </c>
      <c r="V23593" s="2">
        <v>0</v>
      </c>
      <c r="W23593" s="2">
        <v>0</v>
      </c>
      <c r="X23593" s="2">
        <v>0</v>
      </c>
      <c r="Y23593" s="2">
        <v>0</v>
      </c>
      <c r="Z23593" s="2">
        <v>0</v>
      </c>
      <c r="AA23593" s="5"/>
      <c r="AB23593" s="5" t="s">
        <v>43</v>
      </c>
      <c r="AC23593" s="5" t="s">
        <v>44</v>
      </c>
      <c r="AD23593" s="2"/>
      <c r="AE23593" s="1"/>
    </row>
    <row r="23594" spans="1:31" ht="14.45">
      <c r="A23594" s="11"/>
      <c r="B23594" s="20"/>
      <c r="C23594" s="2" t="s">
        <v>75661</v>
      </c>
      <c r="D23594" s="14" t="s">
        <v>75662</v>
      </c>
      <c r="E23594" s="2" t="s">
        <v>75663</v>
      </c>
      <c r="F23594" s="2" t="s">
        <v>7507</v>
      </c>
      <c r="G23594" s="8">
        <v>160</v>
      </c>
      <c r="H23594" s="5">
        <v>6</v>
      </c>
      <c r="I23594" s="5" t="s">
        <v>1518</v>
      </c>
      <c r="J23594" s="5" t="s">
        <v>69038</v>
      </c>
      <c r="K23594" s="2" t="s">
        <v>69039</v>
      </c>
      <c r="L23594" s="5" t="s">
        <v>69038</v>
      </c>
      <c r="M23594" s="2" t="s">
        <v>69039</v>
      </c>
      <c r="N23594" s="5" t="s">
        <v>19227</v>
      </c>
      <c r="O23594" s="5" t="s">
        <v>38</v>
      </c>
      <c r="P23594" s="5" t="s">
        <v>39</v>
      </c>
      <c r="Q23594" s="5" t="s">
        <v>40</v>
      </c>
      <c r="R23594" s="5" t="s">
        <v>1487</v>
      </c>
      <c r="S23594" s="5"/>
      <c r="T23594" s="5" t="s">
        <v>42</v>
      </c>
      <c r="U23594" s="2">
        <v>0</v>
      </c>
      <c r="V23594" s="2">
        <v>0</v>
      </c>
      <c r="W23594" s="2">
        <v>0</v>
      </c>
      <c r="X23594" s="2">
        <v>0</v>
      </c>
      <c r="Y23594" s="2">
        <v>0</v>
      </c>
      <c r="Z23594" s="2">
        <v>0</v>
      </c>
      <c r="AA23594" s="5"/>
      <c r="AB23594" s="5" t="s">
        <v>43</v>
      </c>
      <c r="AC23594" s="5" t="s">
        <v>44</v>
      </c>
      <c r="AD23594" s="2"/>
      <c r="AE23594" s="1"/>
    </row>
    <row r="23595" spans="1:31" ht="14.45">
      <c r="A23595" s="11"/>
      <c r="B23595" s="20"/>
      <c r="C23595" s="2" t="s">
        <v>75664</v>
      </c>
      <c r="D23595" s="14" t="s">
        <v>75665</v>
      </c>
      <c r="E23595" s="2" t="s">
        <v>75666</v>
      </c>
      <c r="F23595" s="2" t="s">
        <v>7212</v>
      </c>
      <c r="G23595" s="8">
        <v>160</v>
      </c>
      <c r="H23595" s="5">
        <v>6</v>
      </c>
      <c r="I23595" s="5" t="s">
        <v>1518</v>
      </c>
      <c r="J23595" s="5" t="s">
        <v>69038</v>
      </c>
      <c r="K23595" s="2" t="s">
        <v>69039</v>
      </c>
      <c r="L23595" s="5" t="s">
        <v>69038</v>
      </c>
      <c r="M23595" s="2" t="s">
        <v>69039</v>
      </c>
      <c r="N23595" s="5" t="s">
        <v>19227</v>
      </c>
      <c r="O23595" s="5" t="s">
        <v>38</v>
      </c>
      <c r="P23595" s="5" t="s">
        <v>39</v>
      </c>
      <c r="Q23595" s="5" t="s">
        <v>40</v>
      </c>
      <c r="R23595" s="5" t="s">
        <v>1487</v>
      </c>
      <c r="S23595" s="5"/>
      <c r="T23595" s="5" t="s">
        <v>42</v>
      </c>
      <c r="U23595" s="2">
        <v>0</v>
      </c>
      <c r="V23595" s="2">
        <v>0</v>
      </c>
      <c r="W23595" s="2">
        <v>0</v>
      </c>
      <c r="X23595" s="2">
        <v>0</v>
      </c>
      <c r="Y23595" s="2">
        <v>0</v>
      </c>
      <c r="Z23595" s="2">
        <v>0</v>
      </c>
      <c r="AA23595" s="5"/>
      <c r="AB23595" s="5" t="s">
        <v>43</v>
      </c>
      <c r="AC23595" s="5" t="s">
        <v>44</v>
      </c>
      <c r="AD23595" s="2"/>
      <c r="AE23595" s="1"/>
    </row>
    <row r="23596" spans="1:31" ht="14.45">
      <c r="A23596" s="11"/>
      <c r="B23596" s="20"/>
      <c r="C23596" s="2" t="s">
        <v>75667</v>
      </c>
      <c r="D23596" s="14" t="s">
        <v>75668</v>
      </c>
      <c r="E23596" s="2" t="s">
        <v>75669</v>
      </c>
      <c r="F23596" s="2" t="s">
        <v>7528</v>
      </c>
      <c r="G23596" s="8">
        <v>160</v>
      </c>
      <c r="H23596" s="5">
        <v>6</v>
      </c>
      <c r="I23596" s="5" t="s">
        <v>1518</v>
      </c>
      <c r="J23596" s="5" t="s">
        <v>69038</v>
      </c>
      <c r="K23596" s="2" t="s">
        <v>69039</v>
      </c>
      <c r="L23596" s="5" t="s">
        <v>69038</v>
      </c>
      <c r="M23596" s="2" t="s">
        <v>69039</v>
      </c>
      <c r="N23596" s="5" t="s">
        <v>19227</v>
      </c>
      <c r="O23596" s="5" t="s">
        <v>38</v>
      </c>
      <c r="P23596" s="5" t="s">
        <v>39</v>
      </c>
      <c r="Q23596" s="5" t="s">
        <v>40</v>
      </c>
      <c r="R23596" s="5" t="s">
        <v>1487</v>
      </c>
      <c r="S23596" s="5"/>
      <c r="T23596" s="5" t="s">
        <v>42</v>
      </c>
      <c r="U23596" s="2">
        <v>0</v>
      </c>
      <c r="V23596" s="2">
        <v>0</v>
      </c>
      <c r="W23596" s="2">
        <v>0</v>
      </c>
      <c r="X23596" s="2">
        <v>0</v>
      </c>
      <c r="Y23596" s="2">
        <v>0</v>
      </c>
      <c r="Z23596" s="2">
        <v>0</v>
      </c>
      <c r="AA23596" s="5"/>
      <c r="AB23596" s="5" t="s">
        <v>43</v>
      </c>
      <c r="AC23596" s="5" t="s">
        <v>44</v>
      </c>
      <c r="AD23596" s="2"/>
      <c r="AE23596" s="1"/>
    </row>
    <row r="23597" spans="1:31" ht="14.45">
      <c r="A23597" s="11"/>
      <c r="B23597" s="20"/>
      <c r="C23597" s="2" t="s">
        <v>75670</v>
      </c>
      <c r="D23597" s="14" t="s">
        <v>75671</v>
      </c>
      <c r="E23597" s="2" t="s">
        <v>75672</v>
      </c>
      <c r="F23597" s="2" t="s">
        <v>7204</v>
      </c>
      <c r="G23597" s="8">
        <v>169</v>
      </c>
      <c r="H23597" s="5">
        <v>6</v>
      </c>
      <c r="I23597" s="5" t="s">
        <v>1518</v>
      </c>
      <c r="J23597" s="5" t="s">
        <v>69038</v>
      </c>
      <c r="K23597" s="2" t="s">
        <v>69039</v>
      </c>
      <c r="L23597" s="5" t="s">
        <v>69038</v>
      </c>
      <c r="M23597" s="2" t="s">
        <v>69039</v>
      </c>
      <c r="N23597" s="5" t="s">
        <v>19227</v>
      </c>
      <c r="O23597" s="5" t="s">
        <v>38</v>
      </c>
      <c r="P23597" s="5" t="s">
        <v>39</v>
      </c>
      <c r="Q23597" s="5" t="s">
        <v>40</v>
      </c>
      <c r="R23597" s="5" t="s">
        <v>1487</v>
      </c>
      <c r="S23597" s="5"/>
      <c r="T23597" s="5" t="s">
        <v>42</v>
      </c>
      <c r="U23597" s="2">
        <v>0</v>
      </c>
      <c r="V23597" s="2">
        <v>0</v>
      </c>
      <c r="W23597" s="2">
        <v>0</v>
      </c>
      <c r="X23597" s="2">
        <v>0</v>
      </c>
      <c r="Y23597" s="2">
        <v>0</v>
      </c>
      <c r="Z23597" s="2">
        <v>0</v>
      </c>
      <c r="AA23597" s="5"/>
      <c r="AB23597" s="5" t="s">
        <v>43</v>
      </c>
      <c r="AC23597" s="5" t="s">
        <v>44</v>
      </c>
      <c r="AD23597" s="2"/>
      <c r="AE23597" s="1"/>
    </row>
    <row r="23598" spans="1:31" ht="14.45">
      <c r="A23598" s="11"/>
      <c r="B23598" s="20"/>
      <c r="C23598" s="2" t="s">
        <v>75673</v>
      </c>
      <c r="D23598" s="14" t="s">
        <v>75674</v>
      </c>
      <c r="E23598" s="2" t="s">
        <v>75675</v>
      </c>
      <c r="F23598" s="2" t="s">
        <v>7514</v>
      </c>
      <c r="G23598" s="8">
        <v>169</v>
      </c>
      <c r="H23598" s="5">
        <v>6</v>
      </c>
      <c r="I23598" s="5" t="s">
        <v>1518</v>
      </c>
      <c r="J23598" s="5" t="s">
        <v>69038</v>
      </c>
      <c r="K23598" s="2" t="s">
        <v>69039</v>
      </c>
      <c r="L23598" s="5" t="s">
        <v>69038</v>
      </c>
      <c r="M23598" s="2" t="s">
        <v>69039</v>
      </c>
      <c r="N23598" s="5" t="s">
        <v>19227</v>
      </c>
      <c r="O23598" s="5" t="s">
        <v>38</v>
      </c>
      <c r="P23598" s="5" t="s">
        <v>39</v>
      </c>
      <c r="Q23598" s="5" t="s">
        <v>40</v>
      </c>
      <c r="R23598" s="5" t="s">
        <v>1487</v>
      </c>
      <c r="S23598" s="5"/>
      <c r="T23598" s="5" t="s">
        <v>42</v>
      </c>
      <c r="U23598" s="2">
        <v>0</v>
      </c>
      <c r="V23598" s="2">
        <v>0</v>
      </c>
      <c r="W23598" s="2">
        <v>0</v>
      </c>
      <c r="X23598" s="2">
        <v>0</v>
      </c>
      <c r="Y23598" s="2">
        <v>0</v>
      </c>
      <c r="Z23598" s="2">
        <v>0</v>
      </c>
      <c r="AA23598" s="5"/>
      <c r="AB23598" s="5" t="s">
        <v>43</v>
      </c>
      <c r="AC23598" s="5" t="s">
        <v>44</v>
      </c>
      <c r="AD23598" s="2"/>
      <c r="AE23598" s="1"/>
    </row>
    <row r="23599" spans="1:31" ht="14.45">
      <c r="A23599" s="11"/>
      <c r="B23599" s="20"/>
      <c r="C23599" s="2" t="s">
        <v>75676</v>
      </c>
      <c r="D23599" s="14" t="s">
        <v>75677</v>
      </c>
      <c r="E23599" s="2" t="s">
        <v>75678</v>
      </c>
      <c r="F23599" s="2" t="s">
        <v>7208</v>
      </c>
      <c r="G23599" s="8">
        <v>169</v>
      </c>
      <c r="H23599" s="5">
        <v>6</v>
      </c>
      <c r="I23599" s="5" t="s">
        <v>1518</v>
      </c>
      <c r="J23599" s="5" t="s">
        <v>69038</v>
      </c>
      <c r="K23599" s="2" t="s">
        <v>69039</v>
      </c>
      <c r="L23599" s="5" t="s">
        <v>69038</v>
      </c>
      <c r="M23599" s="2" t="s">
        <v>69039</v>
      </c>
      <c r="N23599" s="5" t="s">
        <v>19227</v>
      </c>
      <c r="O23599" s="5" t="s">
        <v>38</v>
      </c>
      <c r="P23599" s="5" t="s">
        <v>39</v>
      </c>
      <c r="Q23599" s="5" t="s">
        <v>40</v>
      </c>
      <c r="R23599" s="5" t="s">
        <v>1487</v>
      </c>
      <c r="S23599" s="5"/>
      <c r="T23599" s="5" t="s">
        <v>42</v>
      </c>
      <c r="U23599" s="2">
        <v>0</v>
      </c>
      <c r="V23599" s="2">
        <v>0</v>
      </c>
      <c r="W23599" s="2">
        <v>0</v>
      </c>
      <c r="X23599" s="2">
        <v>0</v>
      </c>
      <c r="Y23599" s="2">
        <v>0</v>
      </c>
      <c r="Z23599" s="2">
        <v>0</v>
      </c>
      <c r="AA23599" s="5"/>
      <c r="AB23599" s="5" t="s">
        <v>43</v>
      </c>
      <c r="AC23599" s="5" t="s">
        <v>44</v>
      </c>
      <c r="AD23599" s="2"/>
      <c r="AE23599" s="1"/>
    </row>
    <row r="23600" spans="1:31" ht="14.45">
      <c r="A23600" s="11"/>
      <c r="B23600" s="20"/>
      <c r="C23600" s="2" t="s">
        <v>75679</v>
      </c>
      <c r="D23600" s="14" t="s">
        <v>75680</v>
      </c>
      <c r="E23600" s="2" t="s">
        <v>75681</v>
      </c>
      <c r="F23600" s="2" t="s">
        <v>7521</v>
      </c>
      <c r="G23600" s="8">
        <v>169</v>
      </c>
      <c r="H23600" s="5">
        <v>6</v>
      </c>
      <c r="I23600" s="5" t="s">
        <v>1518</v>
      </c>
      <c r="J23600" s="5" t="s">
        <v>69038</v>
      </c>
      <c r="K23600" s="2" t="s">
        <v>69039</v>
      </c>
      <c r="L23600" s="5" t="s">
        <v>69038</v>
      </c>
      <c r="M23600" s="2" t="s">
        <v>69039</v>
      </c>
      <c r="N23600" s="5" t="s">
        <v>19227</v>
      </c>
      <c r="O23600" s="5" t="s">
        <v>38</v>
      </c>
      <c r="P23600" s="5" t="s">
        <v>39</v>
      </c>
      <c r="Q23600" s="5" t="s">
        <v>40</v>
      </c>
      <c r="R23600" s="5" t="s">
        <v>1487</v>
      </c>
      <c r="S23600" s="5"/>
      <c r="T23600" s="5" t="s">
        <v>42</v>
      </c>
      <c r="U23600" s="2">
        <v>0</v>
      </c>
      <c r="V23600" s="2">
        <v>0</v>
      </c>
      <c r="W23600" s="2">
        <v>0</v>
      </c>
      <c r="X23600" s="2">
        <v>0</v>
      </c>
      <c r="Y23600" s="2">
        <v>0</v>
      </c>
      <c r="Z23600" s="2">
        <v>0</v>
      </c>
      <c r="AA23600" s="5"/>
      <c r="AB23600" s="5" t="s">
        <v>43</v>
      </c>
      <c r="AC23600" s="5" t="s">
        <v>44</v>
      </c>
      <c r="AD23600" s="2"/>
      <c r="AE23600" s="1"/>
    </row>
    <row r="23601" spans="1:31" ht="14.45">
      <c r="A23601" s="11"/>
      <c r="B23601" s="20"/>
      <c r="C23601" s="2" t="s">
        <v>75682</v>
      </c>
      <c r="D23601" s="14" t="s">
        <v>75683</v>
      </c>
      <c r="E23601" s="2" t="s">
        <v>75684</v>
      </c>
      <c r="F23601" s="2" t="s">
        <v>7396</v>
      </c>
      <c r="G23601" s="8">
        <v>169</v>
      </c>
      <c r="H23601" s="5">
        <v>6</v>
      </c>
      <c r="I23601" s="5" t="s">
        <v>1518</v>
      </c>
      <c r="J23601" s="5" t="s">
        <v>69038</v>
      </c>
      <c r="K23601" s="2" t="s">
        <v>69039</v>
      </c>
      <c r="L23601" s="5" t="s">
        <v>69038</v>
      </c>
      <c r="M23601" s="2" t="s">
        <v>69039</v>
      </c>
      <c r="N23601" s="5" t="s">
        <v>19227</v>
      </c>
      <c r="O23601" s="5" t="s">
        <v>38</v>
      </c>
      <c r="P23601" s="5" t="s">
        <v>39</v>
      </c>
      <c r="Q23601" s="5" t="s">
        <v>40</v>
      </c>
      <c r="R23601" s="5" t="s">
        <v>1487</v>
      </c>
      <c r="S23601" s="5"/>
      <c r="T23601" s="5" t="s">
        <v>42</v>
      </c>
      <c r="U23601" s="2">
        <v>0</v>
      </c>
      <c r="V23601" s="2">
        <v>0</v>
      </c>
      <c r="W23601" s="2">
        <v>0</v>
      </c>
      <c r="X23601" s="2">
        <v>0</v>
      </c>
      <c r="Y23601" s="2">
        <v>0</v>
      </c>
      <c r="Z23601" s="2">
        <v>0</v>
      </c>
      <c r="AA23601" s="5"/>
      <c r="AB23601" s="5" t="s">
        <v>43</v>
      </c>
      <c r="AC23601" s="5" t="s">
        <v>44</v>
      </c>
      <c r="AD23601" s="2"/>
      <c r="AE23601" s="1"/>
    </row>
    <row r="23602" spans="1:31" ht="14.45">
      <c r="A23602" s="11"/>
      <c r="B23602" s="20"/>
      <c r="C23602" s="2" t="s">
        <v>75685</v>
      </c>
      <c r="D23602" s="14" t="s">
        <v>75686</v>
      </c>
      <c r="E23602" s="2" t="s">
        <v>75687</v>
      </c>
      <c r="F23602" s="2" t="s">
        <v>7507</v>
      </c>
      <c r="G23602" s="8">
        <v>169</v>
      </c>
      <c r="H23602" s="5">
        <v>6</v>
      </c>
      <c r="I23602" s="5" t="s">
        <v>1518</v>
      </c>
      <c r="J23602" s="5" t="s">
        <v>69038</v>
      </c>
      <c r="K23602" s="2" t="s">
        <v>69039</v>
      </c>
      <c r="L23602" s="5" t="s">
        <v>69038</v>
      </c>
      <c r="M23602" s="2" t="s">
        <v>69039</v>
      </c>
      <c r="N23602" s="5" t="s">
        <v>19227</v>
      </c>
      <c r="O23602" s="5" t="s">
        <v>38</v>
      </c>
      <c r="P23602" s="5" t="s">
        <v>39</v>
      </c>
      <c r="Q23602" s="5" t="s">
        <v>40</v>
      </c>
      <c r="R23602" s="5" t="s">
        <v>1487</v>
      </c>
      <c r="S23602" s="5"/>
      <c r="T23602" s="5" t="s">
        <v>42</v>
      </c>
      <c r="U23602" s="2">
        <v>0</v>
      </c>
      <c r="V23602" s="2">
        <v>0</v>
      </c>
      <c r="W23602" s="2">
        <v>0</v>
      </c>
      <c r="X23602" s="2">
        <v>0</v>
      </c>
      <c r="Y23602" s="2">
        <v>0</v>
      </c>
      <c r="Z23602" s="2">
        <v>0</v>
      </c>
      <c r="AA23602" s="5"/>
      <c r="AB23602" s="5" t="s">
        <v>43</v>
      </c>
      <c r="AC23602" s="5" t="s">
        <v>44</v>
      </c>
      <c r="AD23602" s="2"/>
      <c r="AE23602" s="1"/>
    </row>
    <row r="23603" spans="1:31" ht="14.45">
      <c r="A23603" s="11"/>
      <c r="B23603" s="20"/>
      <c r="C23603" s="2" t="s">
        <v>75688</v>
      </c>
      <c r="D23603" s="14" t="s">
        <v>75689</v>
      </c>
      <c r="E23603" s="2" t="s">
        <v>75690</v>
      </c>
      <c r="F23603" s="2" t="s">
        <v>7212</v>
      </c>
      <c r="G23603" s="8">
        <v>169</v>
      </c>
      <c r="H23603" s="5">
        <v>6</v>
      </c>
      <c r="I23603" s="5" t="s">
        <v>1518</v>
      </c>
      <c r="J23603" s="5" t="s">
        <v>69038</v>
      </c>
      <c r="K23603" s="2" t="s">
        <v>69039</v>
      </c>
      <c r="L23603" s="5" t="s">
        <v>69038</v>
      </c>
      <c r="M23603" s="2" t="s">
        <v>69039</v>
      </c>
      <c r="N23603" s="5" t="s">
        <v>19227</v>
      </c>
      <c r="O23603" s="5" t="s">
        <v>38</v>
      </c>
      <c r="P23603" s="5" t="s">
        <v>39</v>
      </c>
      <c r="Q23603" s="5" t="s">
        <v>40</v>
      </c>
      <c r="R23603" s="5" t="s">
        <v>1487</v>
      </c>
      <c r="S23603" s="5"/>
      <c r="T23603" s="5" t="s">
        <v>42</v>
      </c>
      <c r="U23603" s="2">
        <v>0</v>
      </c>
      <c r="V23603" s="2">
        <v>0</v>
      </c>
      <c r="W23603" s="2">
        <v>0</v>
      </c>
      <c r="X23603" s="2">
        <v>0</v>
      </c>
      <c r="Y23603" s="2">
        <v>0</v>
      </c>
      <c r="Z23603" s="2">
        <v>0</v>
      </c>
      <c r="AA23603" s="5"/>
      <c r="AB23603" s="5" t="s">
        <v>43</v>
      </c>
      <c r="AC23603" s="5" t="s">
        <v>44</v>
      </c>
      <c r="AD23603" s="2"/>
      <c r="AE23603" s="1"/>
    </row>
    <row r="23604" spans="1:31" ht="14.45">
      <c r="A23604" s="11"/>
      <c r="B23604" s="20"/>
      <c r="C23604" s="2" t="s">
        <v>75691</v>
      </c>
      <c r="D23604" s="14" t="s">
        <v>75692</v>
      </c>
      <c r="E23604" s="2" t="s">
        <v>75693</v>
      </c>
      <c r="F23604" s="2" t="s">
        <v>7528</v>
      </c>
      <c r="G23604" s="8">
        <v>169</v>
      </c>
      <c r="H23604" s="5">
        <v>6</v>
      </c>
      <c r="I23604" s="5" t="s">
        <v>1518</v>
      </c>
      <c r="J23604" s="5" t="s">
        <v>69038</v>
      </c>
      <c r="K23604" s="2" t="s">
        <v>69039</v>
      </c>
      <c r="L23604" s="5" t="s">
        <v>69038</v>
      </c>
      <c r="M23604" s="2" t="s">
        <v>69039</v>
      </c>
      <c r="N23604" s="5" t="s">
        <v>19227</v>
      </c>
      <c r="O23604" s="5" t="s">
        <v>38</v>
      </c>
      <c r="P23604" s="5" t="s">
        <v>39</v>
      </c>
      <c r="Q23604" s="5" t="s">
        <v>40</v>
      </c>
      <c r="R23604" s="5" t="s">
        <v>1487</v>
      </c>
      <c r="S23604" s="5"/>
      <c r="T23604" s="5" t="s">
        <v>42</v>
      </c>
      <c r="U23604" s="2">
        <v>0</v>
      </c>
      <c r="V23604" s="2">
        <v>0</v>
      </c>
      <c r="W23604" s="2">
        <v>0</v>
      </c>
      <c r="X23604" s="2">
        <v>0</v>
      </c>
      <c r="Y23604" s="2">
        <v>0</v>
      </c>
      <c r="Z23604" s="2">
        <v>0</v>
      </c>
      <c r="AA23604" s="5"/>
      <c r="AB23604" s="5" t="s">
        <v>43</v>
      </c>
      <c r="AC23604" s="5" t="s">
        <v>44</v>
      </c>
      <c r="AD23604" s="2"/>
      <c r="AE23604" s="1"/>
    </row>
    <row r="23605" spans="1:31" ht="14.45">
      <c r="A23605" s="11"/>
      <c r="B23605" s="20"/>
      <c r="C23605" s="2" t="s">
        <v>75694</v>
      </c>
      <c r="D23605" s="14" t="s">
        <v>75695</v>
      </c>
      <c r="E23605" s="2" t="s">
        <v>75696</v>
      </c>
      <c r="F23605" s="2" t="s">
        <v>7204</v>
      </c>
      <c r="G23605" s="8">
        <v>150</v>
      </c>
      <c r="H23605" s="5">
        <v>6</v>
      </c>
      <c r="I23605" s="5" t="s">
        <v>1518</v>
      </c>
      <c r="J23605" s="5" t="s">
        <v>69038</v>
      </c>
      <c r="K23605" s="2" t="s">
        <v>69039</v>
      </c>
      <c r="L23605" s="5" t="s">
        <v>69038</v>
      </c>
      <c r="M23605" s="2" t="s">
        <v>69039</v>
      </c>
      <c r="N23605" s="5" t="s">
        <v>19227</v>
      </c>
      <c r="O23605" s="5" t="s">
        <v>38</v>
      </c>
      <c r="P23605" s="5" t="s">
        <v>39</v>
      </c>
      <c r="Q23605" s="5" t="s">
        <v>40</v>
      </c>
      <c r="R23605" s="5" t="s">
        <v>1487</v>
      </c>
      <c r="S23605" s="5"/>
      <c r="T23605" s="5" t="s">
        <v>42</v>
      </c>
      <c r="U23605" s="2">
        <v>0</v>
      </c>
      <c r="V23605" s="2">
        <v>0</v>
      </c>
      <c r="W23605" s="2">
        <v>0</v>
      </c>
      <c r="X23605" s="2">
        <v>0</v>
      </c>
      <c r="Y23605" s="2">
        <v>0</v>
      </c>
      <c r="Z23605" s="2">
        <v>0</v>
      </c>
      <c r="AA23605" s="5"/>
      <c r="AB23605" s="5" t="s">
        <v>43</v>
      </c>
      <c r="AC23605" s="5" t="s">
        <v>44</v>
      </c>
      <c r="AD23605" s="2"/>
      <c r="AE23605" s="1"/>
    </row>
    <row r="23606" spans="1:31" ht="14.45">
      <c r="A23606" s="11"/>
      <c r="B23606" s="20"/>
      <c r="C23606" s="2" t="s">
        <v>75697</v>
      </c>
      <c r="D23606" s="14" t="s">
        <v>75698</v>
      </c>
      <c r="E23606" s="2" t="s">
        <v>75699</v>
      </c>
      <c r="F23606" s="2" t="s">
        <v>7514</v>
      </c>
      <c r="G23606" s="8">
        <v>150</v>
      </c>
      <c r="H23606" s="5">
        <v>6</v>
      </c>
      <c r="I23606" s="5" t="s">
        <v>1518</v>
      </c>
      <c r="J23606" s="5" t="s">
        <v>69038</v>
      </c>
      <c r="K23606" s="2" t="s">
        <v>69039</v>
      </c>
      <c r="L23606" s="5" t="s">
        <v>69038</v>
      </c>
      <c r="M23606" s="2" t="s">
        <v>69039</v>
      </c>
      <c r="N23606" s="5" t="s">
        <v>19227</v>
      </c>
      <c r="O23606" s="5" t="s">
        <v>38</v>
      </c>
      <c r="P23606" s="5" t="s">
        <v>39</v>
      </c>
      <c r="Q23606" s="5" t="s">
        <v>40</v>
      </c>
      <c r="R23606" s="5" t="s">
        <v>1487</v>
      </c>
      <c r="S23606" s="5"/>
      <c r="T23606" s="5" t="s">
        <v>42</v>
      </c>
      <c r="U23606" s="2">
        <v>0</v>
      </c>
      <c r="V23606" s="2">
        <v>0</v>
      </c>
      <c r="W23606" s="2">
        <v>0</v>
      </c>
      <c r="X23606" s="2">
        <v>0</v>
      </c>
      <c r="Y23606" s="2">
        <v>0</v>
      </c>
      <c r="Z23606" s="2">
        <v>0</v>
      </c>
      <c r="AA23606" s="5"/>
      <c r="AB23606" s="5" t="s">
        <v>43</v>
      </c>
      <c r="AC23606" s="5" t="s">
        <v>44</v>
      </c>
      <c r="AD23606" s="2"/>
      <c r="AE23606" s="1"/>
    </row>
    <row r="23607" spans="1:31" ht="14.45">
      <c r="A23607" s="11"/>
      <c r="B23607" s="20"/>
      <c r="C23607" s="2" t="s">
        <v>75700</v>
      </c>
      <c r="D23607" s="14" t="s">
        <v>75701</v>
      </c>
      <c r="E23607" s="2" t="s">
        <v>75702</v>
      </c>
      <c r="F23607" s="2" t="s">
        <v>7208</v>
      </c>
      <c r="G23607" s="8">
        <v>150</v>
      </c>
      <c r="H23607" s="5">
        <v>6</v>
      </c>
      <c r="I23607" s="5" t="s">
        <v>1518</v>
      </c>
      <c r="J23607" s="5" t="s">
        <v>69038</v>
      </c>
      <c r="K23607" s="2" t="s">
        <v>69039</v>
      </c>
      <c r="L23607" s="5" t="s">
        <v>69038</v>
      </c>
      <c r="M23607" s="2" t="s">
        <v>69039</v>
      </c>
      <c r="N23607" s="5" t="s">
        <v>19227</v>
      </c>
      <c r="O23607" s="5" t="s">
        <v>38</v>
      </c>
      <c r="P23607" s="5" t="s">
        <v>39</v>
      </c>
      <c r="Q23607" s="5" t="s">
        <v>40</v>
      </c>
      <c r="R23607" s="5" t="s">
        <v>1487</v>
      </c>
      <c r="S23607" s="5"/>
      <c r="T23607" s="5" t="s">
        <v>42</v>
      </c>
      <c r="U23607" s="2">
        <v>0</v>
      </c>
      <c r="V23607" s="2">
        <v>0</v>
      </c>
      <c r="W23607" s="2">
        <v>0</v>
      </c>
      <c r="X23607" s="2">
        <v>0</v>
      </c>
      <c r="Y23607" s="2">
        <v>0</v>
      </c>
      <c r="Z23607" s="2">
        <v>0</v>
      </c>
      <c r="AA23607" s="5"/>
      <c r="AB23607" s="5" t="s">
        <v>43</v>
      </c>
      <c r="AC23607" s="5" t="s">
        <v>44</v>
      </c>
      <c r="AD23607" s="2"/>
      <c r="AE23607" s="1"/>
    </row>
    <row r="23608" spans="1:31" ht="14.45">
      <c r="A23608" s="11"/>
      <c r="B23608" s="20"/>
      <c r="C23608" s="2" t="s">
        <v>75703</v>
      </c>
      <c r="D23608" s="14" t="s">
        <v>75704</v>
      </c>
      <c r="E23608" s="2" t="s">
        <v>75705</v>
      </c>
      <c r="F23608" s="2" t="s">
        <v>7521</v>
      </c>
      <c r="G23608" s="8">
        <v>150</v>
      </c>
      <c r="H23608" s="5">
        <v>6</v>
      </c>
      <c r="I23608" s="5" t="s">
        <v>1518</v>
      </c>
      <c r="J23608" s="5" t="s">
        <v>69038</v>
      </c>
      <c r="K23608" s="2" t="s">
        <v>69039</v>
      </c>
      <c r="L23608" s="5" t="s">
        <v>69038</v>
      </c>
      <c r="M23608" s="2" t="s">
        <v>69039</v>
      </c>
      <c r="N23608" s="5" t="s">
        <v>19227</v>
      </c>
      <c r="O23608" s="5" t="s">
        <v>38</v>
      </c>
      <c r="P23608" s="5" t="s">
        <v>39</v>
      </c>
      <c r="Q23608" s="5" t="s">
        <v>40</v>
      </c>
      <c r="R23608" s="5" t="s">
        <v>1487</v>
      </c>
      <c r="S23608" s="5"/>
      <c r="T23608" s="5" t="s">
        <v>42</v>
      </c>
      <c r="U23608" s="2">
        <v>0</v>
      </c>
      <c r="V23608" s="2">
        <v>0</v>
      </c>
      <c r="W23608" s="2">
        <v>0</v>
      </c>
      <c r="X23608" s="2">
        <v>0</v>
      </c>
      <c r="Y23608" s="2">
        <v>0</v>
      </c>
      <c r="Z23608" s="2">
        <v>0</v>
      </c>
      <c r="AA23608" s="5"/>
      <c r="AB23608" s="5" t="s">
        <v>43</v>
      </c>
      <c r="AC23608" s="5" t="s">
        <v>44</v>
      </c>
      <c r="AD23608" s="2"/>
      <c r="AE23608" s="1"/>
    </row>
    <row r="23609" spans="1:31" ht="14.45">
      <c r="A23609" s="11"/>
      <c r="B23609" s="20"/>
      <c r="C23609" s="2" t="s">
        <v>75706</v>
      </c>
      <c r="D23609" s="14" t="s">
        <v>75707</v>
      </c>
      <c r="E23609" s="2" t="s">
        <v>75708</v>
      </c>
      <c r="F23609" s="2" t="s">
        <v>7396</v>
      </c>
      <c r="G23609" s="8">
        <v>150</v>
      </c>
      <c r="H23609" s="5">
        <v>6</v>
      </c>
      <c r="I23609" s="5" t="s">
        <v>1518</v>
      </c>
      <c r="J23609" s="5" t="s">
        <v>69038</v>
      </c>
      <c r="K23609" s="2" t="s">
        <v>69039</v>
      </c>
      <c r="L23609" s="5" t="s">
        <v>69038</v>
      </c>
      <c r="M23609" s="2" t="s">
        <v>69039</v>
      </c>
      <c r="N23609" s="5" t="s">
        <v>19227</v>
      </c>
      <c r="O23609" s="5" t="s">
        <v>38</v>
      </c>
      <c r="P23609" s="5" t="s">
        <v>39</v>
      </c>
      <c r="Q23609" s="5" t="s">
        <v>40</v>
      </c>
      <c r="R23609" s="5" t="s">
        <v>1487</v>
      </c>
      <c r="S23609" s="5"/>
      <c r="T23609" s="5" t="s">
        <v>42</v>
      </c>
      <c r="U23609" s="2">
        <v>0</v>
      </c>
      <c r="V23609" s="2">
        <v>0</v>
      </c>
      <c r="W23609" s="2">
        <v>0</v>
      </c>
      <c r="X23609" s="2">
        <v>0</v>
      </c>
      <c r="Y23609" s="2">
        <v>0</v>
      </c>
      <c r="Z23609" s="2">
        <v>0</v>
      </c>
      <c r="AA23609" s="5"/>
      <c r="AB23609" s="5" t="s">
        <v>43</v>
      </c>
      <c r="AC23609" s="5" t="s">
        <v>44</v>
      </c>
      <c r="AD23609" s="2"/>
      <c r="AE23609" s="1"/>
    </row>
    <row r="23610" spans="1:31" ht="14.45">
      <c r="A23610" s="11"/>
      <c r="B23610" s="20"/>
      <c r="C23610" s="2" t="s">
        <v>75709</v>
      </c>
      <c r="D23610" s="14" t="s">
        <v>75710</v>
      </c>
      <c r="E23610" s="2" t="s">
        <v>75711</v>
      </c>
      <c r="F23610" s="2" t="s">
        <v>7507</v>
      </c>
      <c r="G23610" s="8">
        <v>150</v>
      </c>
      <c r="H23610" s="5">
        <v>6</v>
      </c>
      <c r="I23610" s="5" t="s">
        <v>1518</v>
      </c>
      <c r="J23610" s="5" t="s">
        <v>69038</v>
      </c>
      <c r="K23610" s="2" t="s">
        <v>69039</v>
      </c>
      <c r="L23610" s="5" t="s">
        <v>69038</v>
      </c>
      <c r="M23610" s="2" t="s">
        <v>69039</v>
      </c>
      <c r="N23610" s="5" t="s">
        <v>19227</v>
      </c>
      <c r="O23610" s="5" t="s">
        <v>38</v>
      </c>
      <c r="P23610" s="5" t="s">
        <v>39</v>
      </c>
      <c r="Q23610" s="5" t="s">
        <v>40</v>
      </c>
      <c r="R23610" s="5" t="s">
        <v>1487</v>
      </c>
      <c r="S23610" s="5"/>
      <c r="T23610" s="5" t="s">
        <v>42</v>
      </c>
      <c r="U23610" s="2">
        <v>0</v>
      </c>
      <c r="V23610" s="2">
        <v>0</v>
      </c>
      <c r="W23610" s="2">
        <v>0</v>
      </c>
      <c r="X23610" s="2">
        <v>0</v>
      </c>
      <c r="Y23610" s="2">
        <v>0</v>
      </c>
      <c r="Z23610" s="2">
        <v>0</v>
      </c>
      <c r="AA23610" s="5"/>
      <c r="AB23610" s="5" t="s">
        <v>43</v>
      </c>
      <c r="AC23610" s="5" t="s">
        <v>44</v>
      </c>
      <c r="AD23610" s="2"/>
      <c r="AE23610" s="1"/>
    </row>
    <row r="23611" spans="1:31" ht="14.45">
      <c r="A23611" s="11"/>
      <c r="B23611" s="20"/>
      <c r="C23611" s="2" t="s">
        <v>75712</v>
      </c>
      <c r="D23611" s="14" t="s">
        <v>75713</v>
      </c>
      <c r="E23611" s="2" t="s">
        <v>75714</v>
      </c>
      <c r="F23611" s="2" t="s">
        <v>7212</v>
      </c>
      <c r="G23611" s="8">
        <v>150</v>
      </c>
      <c r="H23611" s="5">
        <v>6</v>
      </c>
      <c r="I23611" s="5" t="s">
        <v>1518</v>
      </c>
      <c r="J23611" s="5" t="s">
        <v>69038</v>
      </c>
      <c r="K23611" s="2" t="s">
        <v>69039</v>
      </c>
      <c r="L23611" s="5" t="s">
        <v>69038</v>
      </c>
      <c r="M23611" s="2" t="s">
        <v>69039</v>
      </c>
      <c r="N23611" s="5" t="s">
        <v>19227</v>
      </c>
      <c r="O23611" s="5" t="s">
        <v>38</v>
      </c>
      <c r="P23611" s="5" t="s">
        <v>39</v>
      </c>
      <c r="Q23611" s="5" t="s">
        <v>40</v>
      </c>
      <c r="R23611" s="5" t="s">
        <v>1487</v>
      </c>
      <c r="S23611" s="5"/>
      <c r="T23611" s="5" t="s">
        <v>42</v>
      </c>
      <c r="U23611" s="2">
        <v>0</v>
      </c>
      <c r="V23611" s="2">
        <v>0</v>
      </c>
      <c r="W23611" s="2">
        <v>0</v>
      </c>
      <c r="X23611" s="2">
        <v>0</v>
      </c>
      <c r="Y23611" s="2">
        <v>0</v>
      </c>
      <c r="Z23611" s="2">
        <v>0</v>
      </c>
      <c r="AA23611" s="5"/>
      <c r="AB23611" s="5" t="s">
        <v>43</v>
      </c>
      <c r="AC23611" s="5" t="s">
        <v>44</v>
      </c>
      <c r="AD23611" s="2"/>
      <c r="AE23611" s="1"/>
    </row>
    <row r="23612" spans="1:31" ht="14.45">
      <c r="A23612" s="11"/>
      <c r="B23612" s="20"/>
      <c r="C23612" s="2" t="s">
        <v>75715</v>
      </c>
      <c r="D23612" s="14" t="s">
        <v>75716</v>
      </c>
      <c r="E23612" s="2" t="s">
        <v>75717</v>
      </c>
      <c r="F23612" s="2" t="s">
        <v>7528</v>
      </c>
      <c r="G23612" s="8">
        <v>150</v>
      </c>
      <c r="H23612" s="5">
        <v>6</v>
      </c>
      <c r="I23612" s="5" t="s">
        <v>1518</v>
      </c>
      <c r="J23612" s="5" t="s">
        <v>69038</v>
      </c>
      <c r="K23612" s="2" t="s">
        <v>69039</v>
      </c>
      <c r="L23612" s="5" t="s">
        <v>69038</v>
      </c>
      <c r="M23612" s="2" t="s">
        <v>69039</v>
      </c>
      <c r="N23612" s="5" t="s">
        <v>19227</v>
      </c>
      <c r="O23612" s="5" t="s">
        <v>38</v>
      </c>
      <c r="P23612" s="5" t="s">
        <v>39</v>
      </c>
      <c r="Q23612" s="5" t="s">
        <v>40</v>
      </c>
      <c r="R23612" s="5" t="s">
        <v>1487</v>
      </c>
      <c r="S23612" s="5"/>
      <c r="T23612" s="5" t="s">
        <v>42</v>
      </c>
      <c r="U23612" s="2">
        <v>0</v>
      </c>
      <c r="V23612" s="2">
        <v>0</v>
      </c>
      <c r="W23612" s="2">
        <v>0</v>
      </c>
      <c r="X23612" s="2">
        <v>0</v>
      </c>
      <c r="Y23612" s="2">
        <v>0</v>
      </c>
      <c r="Z23612" s="2">
        <v>0</v>
      </c>
      <c r="AA23612" s="5"/>
      <c r="AB23612" s="5" t="s">
        <v>43</v>
      </c>
      <c r="AC23612" s="5" t="s">
        <v>44</v>
      </c>
      <c r="AD23612" s="2"/>
      <c r="AE23612" s="1"/>
    </row>
    <row r="23613" spans="1:31" ht="14.45">
      <c r="A23613" s="11"/>
      <c r="B23613" s="20"/>
      <c r="C23613" s="2" t="s">
        <v>75718</v>
      </c>
      <c r="D23613" s="14" t="s">
        <v>75719</v>
      </c>
      <c r="E23613" s="2" t="s">
        <v>75720</v>
      </c>
      <c r="F23613" s="2" t="s">
        <v>7204</v>
      </c>
      <c r="G23613" s="8">
        <v>160</v>
      </c>
      <c r="H23613" s="5">
        <v>6</v>
      </c>
      <c r="I23613" s="5" t="s">
        <v>1518</v>
      </c>
      <c r="J23613" s="5" t="s">
        <v>69038</v>
      </c>
      <c r="K23613" s="2" t="s">
        <v>69039</v>
      </c>
      <c r="L23613" s="5" t="s">
        <v>69038</v>
      </c>
      <c r="M23613" s="2" t="s">
        <v>69039</v>
      </c>
      <c r="N23613" s="5" t="s">
        <v>19227</v>
      </c>
      <c r="O23613" s="5" t="s">
        <v>38</v>
      </c>
      <c r="P23613" s="5" t="s">
        <v>39</v>
      </c>
      <c r="Q23613" s="5" t="s">
        <v>40</v>
      </c>
      <c r="R23613" s="5" t="s">
        <v>1487</v>
      </c>
      <c r="S23613" s="5"/>
      <c r="T23613" s="5" t="s">
        <v>42</v>
      </c>
      <c r="U23613" s="2">
        <v>0</v>
      </c>
      <c r="V23613" s="2">
        <v>0</v>
      </c>
      <c r="W23613" s="2">
        <v>0</v>
      </c>
      <c r="X23613" s="2">
        <v>0</v>
      </c>
      <c r="Y23613" s="2">
        <v>0</v>
      </c>
      <c r="Z23613" s="2">
        <v>0</v>
      </c>
      <c r="AA23613" s="5"/>
      <c r="AB23613" s="5" t="s">
        <v>43</v>
      </c>
      <c r="AC23613" s="5" t="s">
        <v>44</v>
      </c>
      <c r="AD23613" s="2"/>
      <c r="AE23613" s="1"/>
    </row>
    <row r="23614" spans="1:31" ht="14.45">
      <c r="A23614" s="11"/>
      <c r="B23614" s="20"/>
      <c r="C23614" s="2" t="s">
        <v>75721</v>
      </c>
      <c r="D23614" s="14" t="s">
        <v>75722</v>
      </c>
      <c r="E23614" s="2" t="s">
        <v>75723</v>
      </c>
      <c r="F23614" s="2" t="s">
        <v>7514</v>
      </c>
      <c r="G23614" s="8">
        <v>160</v>
      </c>
      <c r="H23614" s="5">
        <v>6</v>
      </c>
      <c r="I23614" s="5" t="s">
        <v>1518</v>
      </c>
      <c r="J23614" s="5" t="s">
        <v>69038</v>
      </c>
      <c r="K23614" s="2" t="s">
        <v>69039</v>
      </c>
      <c r="L23614" s="5" t="s">
        <v>69038</v>
      </c>
      <c r="M23614" s="2" t="s">
        <v>69039</v>
      </c>
      <c r="N23614" s="5" t="s">
        <v>19227</v>
      </c>
      <c r="O23614" s="5" t="s">
        <v>38</v>
      </c>
      <c r="P23614" s="5" t="s">
        <v>39</v>
      </c>
      <c r="Q23614" s="5" t="s">
        <v>40</v>
      </c>
      <c r="R23614" s="5" t="s">
        <v>1487</v>
      </c>
      <c r="S23614" s="5"/>
      <c r="T23614" s="5" t="s">
        <v>42</v>
      </c>
      <c r="U23614" s="2">
        <v>0</v>
      </c>
      <c r="V23614" s="2">
        <v>0</v>
      </c>
      <c r="W23614" s="2">
        <v>0</v>
      </c>
      <c r="X23614" s="2">
        <v>0</v>
      </c>
      <c r="Y23614" s="2">
        <v>0</v>
      </c>
      <c r="Z23614" s="2">
        <v>0</v>
      </c>
      <c r="AA23614" s="5"/>
      <c r="AB23614" s="5" t="s">
        <v>43</v>
      </c>
      <c r="AC23614" s="5" t="s">
        <v>44</v>
      </c>
      <c r="AD23614" s="2"/>
      <c r="AE23614" s="1"/>
    </row>
    <row r="23615" spans="1:31" ht="14.45">
      <c r="A23615" s="11"/>
      <c r="B23615" s="20"/>
      <c r="C23615" s="2" t="s">
        <v>75724</v>
      </c>
      <c r="D23615" s="14" t="s">
        <v>75725</v>
      </c>
      <c r="E23615" s="2" t="s">
        <v>75726</v>
      </c>
      <c r="F23615" s="2" t="s">
        <v>7208</v>
      </c>
      <c r="G23615" s="8">
        <v>160</v>
      </c>
      <c r="H23615" s="5">
        <v>6</v>
      </c>
      <c r="I23615" s="5" t="s">
        <v>1518</v>
      </c>
      <c r="J23615" s="5" t="s">
        <v>69038</v>
      </c>
      <c r="K23615" s="2" t="s">
        <v>69039</v>
      </c>
      <c r="L23615" s="5" t="s">
        <v>69038</v>
      </c>
      <c r="M23615" s="2" t="s">
        <v>69039</v>
      </c>
      <c r="N23615" s="5" t="s">
        <v>19227</v>
      </c>
      <c r="O23615" s="5" t="s">
        <v>38</v>
      </c>
      <c r="P23615" s="5" t="s">
        <v>39</v>
      </c>
      <c r="Q23615" s="5" t="s">
        <v>40</v>
      </c>
      <c r="R23615" s="5" t="s">
        <v>1487</v>
      </c>
      <c r="S23615" s="5"/>
      <c r="T23615" s="5" t="s">
        <v>42</v>
      </c>
      <c r="U23615" s="2">
        <v>0</v>
      </c>
      <c r="V23615" s="2">
        <v>0</v>
      </c>
      <c r="W23615" s="2">
        <v>0</v>
      </c>
      <c r="X23615" s="2">
        <v>0</v>
      </c>
      <c r="Y23615" s="2">
        <v>0</v>
      </c>
      <c r="Z23615" s="2">
        <v>0</v>
      </c>
      <c r="AA23615" s="5"/>
      <c r="AB23615" s="5" t="s">
        <v>43</v>
      </c>
      <c r="AC23615" s="5" t="s">
        <v>44</v>
      </c>
      <c r="AD23615" s="2"/>
      <c r="AE23615" s="1"/>
    </row>
    <row r="23616" spans="1:31" ht="14.45">
      <c r="A23616" s="11"/>
      <c r="B23616" s="20"/>
      <c r="C23616" s="2" t="s">
        <v>75727</v>
      </c>
      <c r="D23616" s="14" t="s">
        <v>75728</v>
      </c>
      <c r="E23616" s="2" t="s">
        <v>75729</v>
      </c>
      <c r="F23616" s="2" t="s">
        <v>7521</v>
      </c>
      <c r="G23616" s="8">
        <v>160</v>
      </c>
      <c r="H23616" s="5">
        <v>6</v>
      </c>
      <c r="I23616" s="5" t="s">
        <v>1518</v>
      </c>
      <c r="J23616" s="5" t="s">
        <v>69038</v>
      </c>
      <c r="K23616" s="2" t="s">
        <v>69039</v>
      </c>
      <c r="L23616" s="5" t="s">
        <v>69038</v>
      </c>
      <c r="M23616" s="2" t="s">
        <v>69039</v>
      </c>
      <c r="N23616" s="5" t="s">
        <v>19227</v>
      </c>
      <c r="O23616" s="5" t="s">
        <v>38</v>
      </c>
      <c r="P23616" s="5" t="s">
        <v>39</v>
      </c>
      <c r="Q23616" s="5" t="s">
        <v>40</v>
      </c>
      <c r="R23616" s="5" t="s">
        <v>1487</v>
      </c>
      <c r="S23616" s="5"/>
      <c r="T23616" s="5" t="s">
        <v>42</v>
      </c>
      <c r="U23616" s="2">
        <v>0</v>
      </c>
      <c r="V23616" s="2">
        <v>0</v>
      </c>
      <c r="W23616" s="2">
        <v>0</v>
      </c>
      <c r="X23616" s="2">
        <v>0</v>
      </c>
      <c r="Y23616" s="2">
        <v>0</v>
      </c>
      <c r="Z23616" s="2">
        <v>0</v>
      </c>
      <c r="AA23616" s="5"/>
      <c r="AB23616" s="5" t="s">
        <v>43</v>
      </c>
      <c r="AC23616" s="5" t="s">
        <v>44</v>
      </c>
      <c r="AD23616" s="2"/>
      <c r="AE23616" s="1"/>
    </row>
    <row r="23617" spans="1:31" ht="14.45">
      <c r="A23617" s="11"/>
      <c r="B23617" s="20"/>
      <c r="C23617" s="2" t="s">
        <v>75730</v>
      </c>
      <c r="D23617" s="14" t="s">
        <v>75731</v>
      </c>
      <c r="E23617" s="2" t="s">
        <v>75732</v>
      </c>
      <c r="F23617" s="2" t="s">
        <v>7396</v>
      </c>
      <c r="G23617" s="8">
        <v>160</v>
      </c>
      <c r="H23617" s="5">
        <v>6</v>
      </c>
      <c r="I23617" s="5" t="s">
        <v>1518</v>
      </c>
      <c r="J23617" s="5" t="s">
        <v>69038</v>
      </c>
      <c r="K23617" s="2" t="s">
        <v>69039</v>
      </c>
      <c r="L23617" s="5" t="s">
        <v>69038</v>
      </c>
      <c r="M23617" s="2" t="s">
        <v>69039</v>
      </c>
      <c r="N23617" s="5" t="s">
        <v>19227</v>
      </c>
      <c r="O23617" s="5" t="s">
        <v>38</v>
      </c>
      <c r="P23617" s="5" t="s">
        <v>39</v>
      </c>
      <c r="Q23617" s="5" t="s">
        <v>40</v>
      </c>
      <c r="R23617" s="5" t="s">
        <v>1487</v>
      </c>
      <c r="S23617" s="5"/>
      <c r="T23617" s="5" t="s">
        <v>42</v>
      </c>
      <c r="U23617" s="2">
        <v>0</v>
      </c>
      <c r="V23617" s="2">
        <v>0</v>
      </c>
      <c r="W23617" s="2">
        <v>0</v>
      </c>
      <c r="X23617" s="2">
        <v>0</v>
      </c>
      <c r="Y23617" s="2">
        <v>0</v>
      </c>
      <c r="Z23617" s="2">
        <v>0</v>
      </c>
      <c r="AA23617" s="5"/>
      <c r="AB23617" s="5" t="s">
        <v>43</v>
      </c>
      <c r="AC23617" s="5" t="s">
        <v>44</v>
      </c>
      <c r="AD23617" s="2"/>
      <c r="AE23617" s="1"/>
    </row>
    <row r="23618" spans="1:31" ht="14.45">
      <c r="A23618" s="11"/>
      <c r="B23618" s="20"/>
      <c r="C23618" s="2" t="s">
        <v>75733</v>
      </c>
      <c r="D23618" s="14" t="s">
        <v>75734</v>
      </c>
      <c r="E23618" s="2" t="s">
        <v>75735</v>
      </c>
      <c r="F23618" s="2" t="s">
        <v>7507</v>
      </c>
      <c r="G23618" s="8">
        <v>160</v>
      </c>
      <c r="H23618" s="5">
        <v>6</v>
      </c>
      <c r="I23618" s="5" t="s">
        <v>1518</v>
      </c>
      <c r="J23618" s="5" t="s">
        <v>69038</v>
      </c>
      <c r="K23618" s="2" t="s">
        <v>69039</v>
      </c>
      <c r="L23618" s="5" t="s">
        <v>69038</v>
      </c>
      <c r="M23618" s="2" t="s">
        <v>69039</v>
      </c>
      <c r="N23618" s="5" t="s">
        <v>19227</v>
      </c>
      <c r="O23618" s="5" t="s">
        <v>38</v>
      </c>
      <c r="P23618" s="5" t="s">
        <v>39</v>
      </c>
      <c r="Q23618" s="5" t="s">
        <v>40</v>
      </c>
      <c r="R23618" s="5" t="s">
        <v>1487</v>
      </c>
      <c r="S23618" s="5"/>
      <c r="T23618" s="5" t="s">
        <v>42</v>
      </c>
      <c r="U23618" s="2">
        <v>0</v>
      </c>
      <c r="V23618" s="2">
        <v>0</v>
      </c>
      <c r="W23618" s="2">
        <v>0</v>
      </c>
      <c r="X23618" s="2">
        <v>0</v>
      </c>
      <c r="Y23618" s="2">
        <v>0</v>
      </c>
      <c r="Z23618" s="2">
        <v>0</v>
      </c>
      <c r="AA23618" s="5"/>
      <c r="AB23618" s="5" t="s">
        <v>43</v>
      </c>
      <c r="AC23618" s="5" t="s">
        <v>44</v>
      </c>
      <c r="AD23618" s="2"/>
      <c r="AE23618" s="1"/>
    </row>
    <row r="23619" spans="1:31" ht="14.45">
      <c r="A23619" s="11"/>
      <c r="B23619" s="20"/>
      <c r="C23619" s="2" t="s">
        <v>75736</v>
      </c>
      <c r="D23619" s="14" t="s">
        <v>75737</v>
      </c>
      <c r="E23619" s="2" t="s">
        <v>75738</v>
      </c>
      <c r="F23619" s="2" t="s">
        <v>7212</v>
      </c>
      <c r="G23619" s="8">
        <v>160</v>
      </c>
      <c r="H23619" s="5">
        <v>6</v>
      </c>
      <c r="I23619" s="5" t="s">
        <v>1518</v>
      </c>
      <c r="J23619" s="5" t="s">
        <v>69038</v>
      </c>
      <c r="K23619" s="2" t="s">
        <v>69039</v>
      </c>
      <c r="L23619" s="5" t="s">
        <v>69038</v>
      </c>
      <c r="M23619" s="2" t="s">
        <v>69039</v>
      </c>
      <c r="N23619" s="5" t="s">
        <v>19227</v>
      </c>
      <c r="O23619" s="5" t="s">
        <v>38</v>
      </c>
      <c r="P23619" s="5" t="s">
        <v>39</v>
      </c>
      <c r="Q23619" s="5" t="s">
        <v>40</v>
      </c>
      <c r="R23619" s="5" t="s">
        <v>1487</v>
      </c>
      <c r="S23619" s="5"/>
      <c r="T23619" s="5" t="s">
        <v>42</v>
      </c>
      <c r="U23619" s="2">
        <v>0</v>
      </c>
      <c r="V23619" s="2">
        <v>0</v>
      </c>
      <c r="W23619" s="2">
        <v>0</v>
      </c>
      <c r="X23619" s="2">
        <v>0</v>
      </c>
      <c r="Y23619" s="2">
        <v>0</v>
      </c>
      <c r="Z23619" s="2">
        <v>0</v>
      </c>
      <c r="AA23619" s="5"/>
      <c r="AB23619" s="5" t="s">
        <v>43</v>
      </c>
      <c r="AC23619" s="5" t="s">
        <v>44</v>
      </c>
      <c r="AD23619" s="2"/>
      <c r="AE23619" s="1"/>
    </row>
    <row r="23620" spans="1:31" ht="14.45">
      <c r="A23620" s="11"/>
      <c r="B23620" s="20"/>
      <c r="C23620" s="2" t="s">
        <v>75739</v>
      </c>
      <c r="D23620" s="14" t="s">
        <v>75740</v>
      </c>
      <c r="E23620" s="2" t="s">
        <v>75741</v>
      </c>
      <c r="F23620" s="2" t="s">
        <v>7528</v>
      </c>
      <c r="G23620" s="8">
        <v>160</v>
      </c>
      <c r="H23620" s="5">
        <v>6</v>
      </c>
      <c r="I23620" s="5" t="s">
        <v>1518</v>
      </c>
      <c r="J23620" s="5" t="s">
        <v>69038</v>
      </c>
      <c r="K23620" s="2" t="s">
        <v>69039</v>
      </c>
      <c r="L23620" s="5" t="s">
        <v>69038</v>
      </c>
      <c r="M23620" s="2" t="s">
        <v>69039</v>
      </c>
      <c r="N23620" s="5" t="s">
        <v>19227</v>
      </c>
      <c r="O23620" s="5" t="s">
        <v>38</v>
      </c>
      <c r="P23620" s="5" t="s">
        <v>39</v>
      </c>
      <c r="Q23620" s="5" t="s">
        <v>40</v>
      </c>
      <c r="R23620" s="5" t="s">
        <v>1487</v>
      </c>
      <c r="S23620" s="5"/>
      <c r="T23620" s="5" t="s">
        <v>42</v>
      </c>
      <c r="U23620" s="2">
        <v>0</v>
      </c>
      <c r="V23620" s="2">
        <v>0</v>
      </c>
      <c r="W23620" s="2">
        <v>0</v>
      </c>
      <c r="X23620" s="2">
        <v>0</v>
      </c>
      <c r="Y23620" s="2">
        <v>0</v>
      </c>
      <c r="Z23620" s="2">
        <v>0</v>
      </c>
      <c r="AA23620" s="5"/>
      <c r="AB23620" s="5" t="s">
        <v>43</v>
      </c>
      <c r="AC23620" s="5" t="s">
        <v>44</v>
      </c>
      <c r="AD23620" s="2"/>
      <c r="AE23620" s="1"/>
    </row>
    <row r="23621" spans="1:31" ht="14.45">
      <c r="A23621" s="11"/>
      <c r="B23621" s="20"/>
      <c r="C23621" s="2" t="s">
        <v>75742</v>
      </c>
      <c r="D23621" s="14" t="s">
        <v>75743</v>
      </c>
      <c r="E23621" s="2" t="s">
        <v>75744</v>
      </c>
      <c r="F23621" s="2" t="s">
        <v>7204</v>
      </c>
      <c r="G23621" s="8">
        <v>169</v>
      </c>
      <c r="H23621" s="5">
        <v>6</v>
      </c>
      <c r="I23621" s="5" t="s">
        <v>1518</v>
      </c>
      <c r="J23621" s="5" t="s">
        <v>69038</v>
      </c>
      <c r="K23621" s="2" t="s">
        <v>69039</v>
      </c>
      <c r="L23621" s="5" t="s">
        <v>69038</v>
      </c>
      <c r="M23621" s="2" t="s">
        <v>69039</v>
      </c>
      <c r="N23621" s="5" t="s">
        <v>19227</v>
      </c>
      <c r="O23621" s="5" t="s">
        <v>38</v>
      </c>
      <c r="P23621" s="5" t="s">
        <v>39</v>
      </c>
      <c r="Q23621" s="5" t="s">
        <v>40</v>
      </c>
      <c r="R23621" s="5" t="s">
        <v>1487</v>
      </c>
      <c r="S23621" s="5"/>
      <c r="T23621" s="5" t="s">
        <v>42</v>
      </c>
      <c r="U23621" s="2">
        <v>0</v>
      </c>
      <c r="V23621" s="2">
        <v>0</v>
      </c>
      <c r="W23621" s="2">
        <v>0</v>
      </c>
      <c r="X23621" s="2">
        <v>0</v>
      </c>
      <c r="Y23621" s="2">
        <v>0</v>
      </c>
      <c r="Z23621" s="2">
        <v>0</v>
      </c>
      <c r="AA23621" s="5"/>
      <c r="AB23621" s="5" t="s">
        <v>43</v>
      </c>
      <c r="AC23621" s="5" t="s">
        <v>44</v>
      </c>
      <c r="AD23621" s="2"/>
      <c r="AE23621" s="1"/>
    </row>
    <row r="23622" spans="1:31" ht="14.45">
      <c r="A23622" s="11"/>
      <c r="B23622" s="20"/>
      <c r="C23622" s="2" t="s">
        <v>75745</v>
      </c>
      <c r="D23622" s="14" t="s">
        <v>75746</v>
      </c>
      <c r="E23622" s="2" t="s">
        <v>75747</v>
      </c>
      <c r="F23622" s="2" t="s">
        <v>7514</v>
      </c>
      <c r="G23622" s="8">
        <v>169</v>
      </c>
      <c r="H23622" s="5">
        <v>6</v>
      </c>
      <c r="I23622" s="5" t="s">
        <v>1518</v>
      </c>
      <c r="J23622" s="5" t="s">
        <v>69038</v>
      </c>
      <c r="K23622" s="2" t="s">
        <v>69039</v>
      </c>
      <c r="L23622" s="5" t="s">
        <v>69038</v>
      </c>
      <c r="M23622" s="2" t="s">
        <v>69039</v>
      </c>
      <c r="N23622" s="5" t="s">
        <v>19227</v>
      </c>
      <c r="O23622" s="5" t="s">
        <v>38</v>
      </c>
      <c r="P23622" s="5" t="s">
        <v>39</v>
      </c>
      <c r="Q23622" s="5" t="s">
        <v>40</v>
      </c>
      <c r="R23622" s="5" t="s">
        <v>1487</v>
      </c>
      <c r="S23622" s="5"/>
      <c r="T23622" s="5" t="s">
        <v>42</v>
      </c>
      <c r="U23622" s="2">
        <v>0</v>
      </c>
      <c r="V23622" s="2">
        <v>0</v>
      </c>
      <c r="W23622" s="2">
        <v>0</v>
      </c>
      <c r="X23622" s="2">
        <v>0</v>
      </c>
      <c r="Y23622" s="2">
        <v>0</v>
      </c>
      <c r="Z23622" s="2">
        <v>0</v>
      </c>
      <c r="AA23622" s="5"/>
      <c r="AB23622" s="5" t="s">
        <v>43</v>
      </c>
      <c r="AC23622" s="5" t="s">
        <v>44</v>
      </c>
      <c r="AD23622" s="2"/>
      <c r="AE23622" s="1"/>
    </row>
    <row r="23623" spans="1:31" ht="14.45">
      <c r="A23623" s="11"/>
      <c r="B23623" s="20"/>
      <c r="C23623" s="2" t="s">
        <v>75748</v>
      </c>
      <c r="D23623" s="14" t="s">
        <v>75749</v>
      </c>
      <c r="E23623" s="2" t="s">
        <v>75750</v>
      </c>
      <c r="F23623" s="2" t="s">
        <v>7208</v>
      </c>
      <c r="G23623" s="8">
        <v>169</v>
      </c>
      <c r="H23623" s="5">
        <v>6</v>
      </c>
      <c r="I23623" s="5" t="s">
        <v>1518</v>
      </c>
      <c r="J23623" s="5" t="s">
        <v>69038</v>
      </c>
      <c r="K23623" s="2" t="s">
        <v>69039</v>
      </c>
      <c r="L23623" s="5" t="s">
        <v>69038</v>
      </c>
      <c r="M23623" s="2" t="s">
        <v>69039</v>
      </c>
      <c r="N23623" s="5" t="s">
        <v>19227</v>
      </c>
      <c r="O23623" s="5" t="s">
        <v>38</v>
      </c>
      <c r="P23623" s="5" t="s">
        <v>39</v>
      </c>
      <c r="Q23623" s="5" t="s">
        <v>40</v>
      </c>
      <c r="R23623" s="5" t="s">
        <v>1487</v>
      </c>
      <c r="S23623" s="5"/>
      <c r="T23623" s="5" t="s">
        <v>42</v>
      </c>
      <c r="U23623" s="2">
        <v>0</v>
      </c>
      <c r="V23623" s="2">
        <v>0</v>
      </c>
      <c r="W23623" s="2">
        <v>0</v>
      </c>
      <c r="X23623" s="2">
        <v>0</v>
      </c>
      <c r="Y23623" s="2">
        <v>0</v>
      </c>
      <c r="Z23623" s="2">
        <v>0</v>
      </c>
      <c r="AA23623" s="5"/>
      <c r="AB23623" s="5" t="s">
        <v>43</v>
      </c>
      <c r="AC23623" s="5" t="s">
        <v>44</v>
      </c>
      <c r="AD23623" s="2"/>
      <c r="AE23623" s="1"/>
    </row>
    <row r="23624" spans="1:31" ht="14.45">
      <c r="A23624" s="11"/>
      <c r="B23624" s="20"/>
      <c r="C23624" s="2" t="s">
        <v>75751</v>
      </c>
      <c r="D23624" s="14" t="s">
        <v>75752</v>
      </c>
      <c r="E23624" s="2" t="s">
        <v>75753</v>
      </c>
      <c r="F23624" s="2" t="s">
        <v>7521</v>
      </c>
      <c r="G23624" s="8">
        <v>169</v>
      </c>
      <c r="H23624" s="5">
        <v>6</v>
      </c>
      <c r="I23624" s="5" t="s">
        <v>1518</v>
      </c>
      <c r="J23624" s="5" t="s">
        <v>69038</v>
      </c>
      <c r="K23624" s="2" t="s">
        <v>69039</v>
      </c>
      <c r="L23624" s="5" t="s">
        <v>69038</v>
      </c>
      <c r="M23624" s="2" t="s">
        <v>69039</v>
      </c>
      <c r="N23624" s="5" t="s">
        <v>19227</v>
      </c>
      <c r="O23624" s="5" t="s">
        <v>38</v>
      </c>
      <c r="P23624" s="5" t="s">
        <v>39</v>
      </c>
      <c r="Q23624" s="5" t="s">
        <v>40</v>
      </c>
      <c r="R23624" s="5" t="s">
        <v>1487</v>
      </c>
      <c r="S23624" s="5"/>
      <c r="T23624" s="5" t="s">
        <v>42</v>
      </c>
      <c r="U23624" s="2">
        <v>0</v>
      </c>
      <c r="V23624" s="2">
        <v>0</v>
      </c>
      <c r="W23624" s="2">
        <v>0</v>
      </c>
      <c r="X23624" s="2">
        <v>0</v>
      </c>
      <c r="Y23624" s="2">
        <v>0</v>
      </c>
      <c r="Z23624" s="2">
        <v>0</v>
      </c>
      <c r="AA23624" s="5"/>
      <c r="AB23624" s="5" t="s">
        <v>43</v>
      </c>
      <c r="AC23624" s="5" t="s">
        <v>44</v>
      </c>
      <c r="AD23624" s="2"/>
      <c r="AE23624" s="1"/>
    </row>
    <row r="23625" spans="1:31" ht="14.45">
      <c r="A23625" s="11"/>
      <c r="B23625" s="20"/>
      <c r="C23625" s="2" t="s">
        <v>75754</v>
      </c>
      <c r="D23625" s="14" t="s">
        <v>75755</v>
      </c>
      <c r="E23625" s="2" t="s">
        <v>75756</v>
      </c>
      <c r="F23625" s="2" t="s">
        <v>7396</v>
      </c>
      <c r="G23625" s="8">
        <v>169</v>
      </c>
      <c r="H23625" s="5">
        <v>6</v>
      </c>
      <c r="I23625" s="5" t="s">
        <v>1518</v>
      </c>
      <c r="J23625" s="5" t="s">
        <v>69038</v>
      </c>
      <c r="K23625" s="2" t="s">
        <v>69039</v>
      </c>
      <c r="L23625" s="5" t="s">
        <v>69038</v>
      </c>
      <c r="M23625" s="2" t="s">
        <v>69039</v>
      </c>
      <c r="N23625" s="5" t="s">
        <v>19227</v>
      </c>
      <c r="O23625" s="5" t="s">
        <v>38</v>
      </c>
      <c r="P23625" s="5" t="s">
        <v>39</v>
      </c>
      <c r="Q23625" s="5" t="s">
        <v>40</v>
      </c>
      <c r="R23625" s="5" t="s">
        <v>1487</v>
      </c>
      <c r="S23625" s="5"/>
      <c r="T23625" s="5" t="s">
        <v>42</v>
      </c>
      <c r="U23625" s="2">
        <v>0</v>
      </c>
      <c r="V23625" s="2">
        <v>0</v>
      </c>
      <c r="W23625" s="2">
        <v>0</v>
      </c>
      <c r="X23625" s="2">
        <v>0</v>
      </c>
      <c r="Y23625" s="2">
        <v>0</v>
      </c>
      <c r="Z23625" s="2">
        <v>0</v>
      </c>
      <c r="AA23625" s="5"/>
      <c r="AB23625" s="5" t="s">
        <v>43</v>
      </c>
      <c r="AC23625" s="5" t="s">
        <v>44</v>
      </c>
      <c r="AD23625" s="2"/>
      <c r="AE23625" s="1"/>
    </row>
    <row r="23626" spans="1:31" ht="14.45">
      <c r="A23626" s="11"/>
      <c r="B23626" s="20"/>
      <c r="C23626" s="2" t="s">
        <v>75757</v>
      </c>
      <c r="D23626" s="14" t="s">
        <v>75758</v>
      </c>
      <c r="E23626" s="2" t="s">
        <v>75759</v>
      </c>
      <c r="F23626" s="2" t="s">
        <v>7507</v>
      </c>
      <c r="G23626" s="8">
        <v>169</v>
      </c>
      <c r="H23626" s="5">
        <v>6</v>
      </c>
      <c r="I23626" s="5" t="s">
        <v>1518</v>
      </c>
      <c r="J23626" s="5" t="s">
        <v>69038</v>
      </c>
      <c r="K23626" s="2" t="s">
        <v>69039</v>
      </c>
      <c r="L23626" s="5" t="s">
        <v>69038</v>
      </c>
      <c r="M23626" s="2" t="s">
        <v>69039</v>
      </c>
      <c r="N23626" s="5" t="s">
        <v>19227</v>
      </c>
      <c r="O23626" s="5" t="s">
        <v>38</v>
      </c>
      <c r="P23626" s="5" t="s">
        <v>39</v>
      </c>
      <c r="Q23626" s="5" t="s">
        <v>40</v>
      </c>
      <c r="R23626" s="5" t="s">
        <v>1487</v>
      </c>
      <c r="S23626" s="5"/>
      <c r="T23626" s="5" t="s">
        <v>42</v>
      </c>
      <c r="U23626" s="2">
        <v>0</v>
      </c>
      <c r="V23626" s="2">
        <v>0</v>
      </c>
      <c r="W23626" s="2">
        <v>0</v>
      </c>
      <c r="X23626" s="2">
        <v>0</v>
      </c>
      <c r="Y23626" s="2">
        <v>0</v>
      </c>
      <c r="Z23626" s="2">
        <v>0</v>
      </c>
      <c r="AA23626" s="5"/>
      <c r="AB23626" s="5" t="s">
        <v>43</v>
      </c>
      <c r="AC23626" s="5" t="s">
        <v>44</v>
      </c>
      <c r="AD23626" s="2"/>
      <c r="AE23626" s="1"/>
    </row>
    <row r="23627" spans="1:31" ht="14.45">
      <c r="A23627" s="11"/>
      <c r="B23627" s="20"/>
      <c r="C23627" s="2" t="s">
        <v>75760</v>
      </c>
      <c r="D23627" s="14" t="s">
        <v>75761</v>
      </c>
      <c r="E23627" s="2" t="s">
        <v>75762</v>
      </c>
      <c r="F23627" s="2" t="s">
        <v>7212</v>
      </c>
      <c r="G23627" s="8">
        <v>169</v>
      </c>
      <c r="H23627" s="5">
        <v>6</v>
      </c>
      <c r="I23627" s="5" t="s">
        <v>1518</v>
      </c>
      <c r="J23627" s="5" t="s">
        <v>69038</v>
      </c>
      <c r="K23627" s="2" t="s">
        <v>69039</v>
      </c>
      <c r="L23627" s="5" t="s">
        <v>69038</v>
      </c>
      <c r="M23627" s="2" t="s">
        <v>69039</v>
      </c>
      <c r="N23627" s="5" t="s">
        <v>19227</v>
      </c>
      <c r="O23627" s="5" t="s">
        <v>38</v>
      </c>
      <c r="P23627" s="5" t="s">
        <v>39</v>
      </c>
      <c r="Q23627" s="5" t="s">
        <v>40</v>
      </c>
      <c r="R23627" s="5" t="s">
        <v>1487</v>
      </c>
      <c r="S23627" s="5"/>
      <c r="T23627" s="5" t="s">
        <v>42</v>
      </c>
      <c r="U23627" s="2">
        <v>0</v>
      </c>
      <c r="V23627" s="2">
        <v>0</v>
      </c>
      <c r="W23627" s="2">
        <v>0</v>
      </c>
      <c r="X23627" s="2">
        <v>0</v>
      </c>
      <c r="Y23627" s="2">
        <v>0</v>
      </c>
      <c r="Z23627" s="2">
        <v>0</v>
      </c>
      <c r="AA23627" s="5"/>
      <c r="AB23627" s="5" t="s">
        <v>43</v>
      </c>
      <c r="AC23627" s="5" t="s">
        <v>44</v>
      </c>
      <c r="AD23627" s="2"/>
      <c r="AE23627" s="1"/>
    </row>
    <row r="23628" spans="1:31" ht="14.45">
      <c r="A23628" s="11"/>
      <c r="B23628" s="20"/>
      <c r="C23628" s="2" t="s">
        <v>75763</v>
      </c>
      <c r="D23628" s="14" t="s">
        <v>75764</v>
      </c>
      <c r="E23628" s="2" t="s">
        <v>75765</v>
      </c>
      <c r="F23628" s="2" t="s">
        <v>7528</v>
      </c>
      <c r="G23628" s="8">
        <v>169</v>
      </c>
      <c r="H23628" s="5">
        <v>6</v>
      </c>
      <c r="I23628" s="5" t="s">
        <v>1518</v>
      </c>
      <c r="J23628" s="5" t="s">
        <v>69038</v>
      </c>
      <c r="K23628" s="2" t="s">
        <v>69039</v>
      </c>
      <c r="L23628" s="5" t="s">
        <v>69038</v>
      </c>
      <c r="M23628" s="2" t="s">
        <v>69039</v>
      </c>
      <c r="N23628" s="5" t="s">
        <v>19227</v>
      </c>
      <c r="O23628" s="5" t="s">
        <v>38</v>
      </c>
      <c r="P23628" s="5" t="s">
        <v>39</v>
      </c>
      <c r="Q23628" s="5" t="s">
        <v>40</v>
      </c>
      <c r="R23628" s="5" t="s">
        <v>1487</v>
      </c>
      <c r="S23628" s="5"/>
      <c r="T23628" s="5" t="s">
        <v>42</v>
      </c>
      <c r="U23628" s="2">
        <v>0</v>
      </c>
      <c r="V23628" s="2">
        <v>0</v>
      </c>
      <c r="W23628" s="2">
        <v>0</v>
      </c>
      <c r="X23628" s="2">
        <v>0</v>
      </c>
      <c r="Y23628" s="2">
        <v>0</v>
      </c>
      <c r="Z23628" s="2">
        <v>0</v>
      </c>
      <c r="AA23628" s="5"/>
      <c r="AB23628" s="5" t="s">
        <v>43</v>
      </c>
      <c r="AC23628" s="5" t="s">
        <v>44</v>
      </c>
      <c r="AD23628" s="2"/>
      <c r="AE23628" s="1"/>
    </row>
    <row r="23629" spans="1:31" ht="14.45">
      <c r="A23629" s="11"/>
      <c r="B23629" s="20"/>
      <c r="C23629" s="2" t="s">
        <v>75766</v>
      </c>
      <c r="D23629" s="14" t="s">
        <v>75767</v>
      </c>
      <c r="E23629" s="2" t="s">
        <v>75768</v>
      </c>
      <c r="F23629" s="2" t="s">
        <v>7204</v>
      </c>
      <c r="G23629" s="8">
        <v>178</v>
      </c>
      <c r="H23629" s="5">
        <v>6</v>
      </c>
      <c r="I23629" s="5" t="s">
        <v>1518</v>
      </c>
      <c r="J23629" s="5" t="s">
        <v>69038</v>
      </c>
      <c r="K23629" s="2" t="s">
        <v>69039</v>
      </c>
      <c r="L23629" s="5" t="s">
        <v>69038</v>
      </c>
      <c r="M23629" s="2" t="s">
        <v>69039</v>
      </c>
      <c r="N23629" s="5" t="s">
        <v>19227</v>
      </c>
      <c r="O23629" s="5" t="s">
        <v>38</v>
      </c>
      <c r="P23629" s="5" t="s">
        <v>39</v>
      </c>
      <c r="Q23629" s="5" t="s">
        <v>40</v>
      </c>
      <c r="R23629" s="5" t="s">
        <v>1487</v>
      </c>
      <c r="S23629" s="5"/>
      <c r="T23629" s="5" t="s">
        <v>42</v>
      </c>
      <c r="U23629" s="2">
        <v>0</v>
      </c>
      <c r="V23629" s="2">
        <v>0</v>
      </c>
      <c r="W23629" s="2">
        <v>0</v>
      </c>
      <c r="X23629" s="2">
        <v>0</v>
      </c>
      <c r="Y23629" s="2">
        <v>0</v>
      </c>
      <c r="Z23629" s="2">
        <v>0</v>
      </c>
      <c r="AA23629" s="5"/>
      <c r="AB23629" s="5" t="s">
        <v>43</v>
      </c>
      <c r="AC23629" s="5" t="s">
        <v>44</v>
      </c>
      <c r="AD23629" s="2"/>
      <c r="AE23629" s="1"/>
    </row>
    <row r="23630" spans="1:31" ht="14.45">
      <c r="A23630" s="11"/>
      <c r="B23630" s="20"/>
      <c r="C23630" s="2" t="s">
        <v>75769</v>
      </c>
      <c r="D23630" s="14" t="s">
        <v>75770</v>
      </c>
      <c r="E23630" s="2" t="s">
        <v>75771</v>
      </c>
      <c r="F23630" s="2" t="s">
        <v>7514</v>
      </c>
      <c r="G23630" s="8">
        <v>178</v>
      </c>
      <c r="H23630" s="5">
        <v>6</v>
      </c>
      <c r="I23630" s="5" t="s">
        <v>1518</v>
      </c>
      <c r="J23630" s="5" t="s">
        <v>69038</v>
      </c>
      <c r="K23630" s="2" t="s">
        <v>69039</v>
      </c>
      <c r="L23630" s="5" t="s">
        <v>69038</v>
      </c>
      <c r="M23630" s="2" t="s">
        <v>69039</v>
      </c>
      <c r="N23630" s="5" t="s">
        <v>19227</v>
      </c>
      <c r="O23630" s="5" t="s">
        <v>38</v>
      </c>
      <c r="P23630" s="5" t="s">
        <v>39</v>
      </c>
      <c r="Q23630" s="5" t="s">
        <v>40</v>
      </c>
      <c r="R23630" s="5" t="s">
        <v>1487</v>
      </c>
      <c r="S23630" s="5"/>
      <c r="T23630" s="5" t="s">
        <v>42</v>
      </c>
      <c r="U23630" s="2">
        <v>0</v>
      </c>
      <c r="V23630" s="2">
        <v>0</v>
      </c>
      <c r="W23630" s="2">
        <v>0</v>
      </c>
      <c r="X23630" s="2">
        <v>0</v>
      </c>
      <c r="Y23630" s="2">
        <v>0</v>
      </c>
      <c r="Z23630" s="2">
        <v>0</v>
      </c>
      <c r="AA23630" s="5"/>
      <c r="AB23630" s="5" t="s">
        <v>43</v>
      </c>
      <c r="AC23630" s="5" t="s">
        <v>44</v>
      </c>
      <c r="AD23630" s="2"/>
      <c r="AE23630" s="1"/>
    </row>
    <row r="23631" spans="1:31" ht="14.45">
      <c r="A23631" s="11"/>
      <c r="B23631" s="20"/>
      <c r="C23631" s="2" t="s">
        <v>75772</v>
      </c>
      <c r="D23631" s="14" t="s">
        <v>75773</v>
      </c>
      <c r="E23631" s="2" t="s">
        <v>75774</v>
      </c>
      <c r="F23631" s="2" t="s">
        <v>7208</v>
      </c>
      <c r="G23631" s="8">
        <v>178</v>
      </c>
      <c r="H23631" s="5">
        <v>6</v>
      </c>
      <c r="I23631" s="5" t="s">
        <v>1518</v>
      </c>
      <c r="J23631" s="5" t="s">
        <v>69038</v>
      </c>
      <c r="K23631" s="2" t="s">
        <v>69039</v>
      </c>
      <c r="L23631" s="5" t="s">
        <v>69038</v>
      </c>
      <c r="M23631" s="2" t="s">
        <v>69039</v>
      </c>
      <c r="N23631" s="5" t="s">
        <v>19227</v>
      </c>
      <c r="O23631" s="5" t="s">
        <v>38</v>
      </c>
      <c r="P23631" s="5" t="s">
        <v>39</v>
      </c>
      <c r="Q23631" s="5" t="s">
        <v>40</v>
      </c>
      <c r="R23631" s="5" t="s">
        <v>1487</v>
      </c>
      <c r="S23631" s="5"/>
      <c r="T23631" s="5" t="s">
        <v>42</v>
      </c>
      <c r="U23631" s="2">
        <v>0</v>
      </c>
      <c r="V23631" s="2">
        <v>0</v>
      </c>
      <c r="W23631" s="2">
        <v>0</v>
      </c>
      <c r="X23631" s="2">
        <v>0</v>
      </c>
      <c r="Y23631" s="2">
        <v>0</v>
      </c>
      <c r="Z23631" s="2">
        <v>0</v>
      </c>
      <c r="AA23631" s="5"/>
      <c r="AB23631" s="5" t="s">
        <v>43</v>
      </c>
      <c r="AC23631" s="5" t="s">
        <v>44</v>
      </c>
      <c r="AD23631" s="2"/>
      <c r="AE23631" s="1"/>
    </row>
    <row r="23632" spans="1:31" ht="14.45">
      <c r="A23632" s="11"/>
      <c r="B23632" s="20"/>
      <c r="C23632" s="2" t="s">
        <v>75775</v>
      </c>
      <c r="D23632" s="14" t="s">
        <v>75776</v>
      </c>
      <c r="E23632" s="2" t="s">
        <v>75777</v>
      </c>
      <c r="F23632" s="2" t="s">
        <v>7521</v>
      </c>
      <c r="G23632" s="8">
        <v>178</v>
      </c>
      <c r="H23632" s="5">
        <v>6</v>
      </c>
      <c r="I23632" s="5" t="s">
        <v>1518</v>
      </c>
      <c r="J23632" s="5" t="s">
        <v>69038</v>
      </c>
      <c r="K23632" s="2" t="s">
        <v>69039</v>
      </c>
      <c r="L23632" s="5" t="s">
        <v>69038</v>
      </c>
      <c r="M23632" s="2" t="s">
        <v>69039</v>
      </c>
      <c r="N23632" s="5" t="s">
        <v>19227</v>
      </c>
      <c r="O23632" s="5" t="s">
        <v>38</v>
      </c>
      <c r="P23632" s="5" t="s">
        <v>39</v>
      </c>
      <c r="Q23632" s="5" t="s">
        <v>40</v>
      </c>
      <c r="R23632" s="5" t="s">
        <v>1487</v>
      </c>
      <c r="S23632" s="5"/>
      <c r="T23632" s="5" t="s">
        <v>42</v>
      </c>
      <c r="U23632" s="2">
        <v>0</v>
      </c>
      <c r="V23632" s="2">
        <v>0</v>
      </c>
      <c r="W23632" s="2">
        <v>0</v>
      </c>
      <c r="X23632" s="2">
        <v>0</v>
      </c>
      <c r="Y23632" s="2">
        <v>0</v>
      </c>
      <c r="Z23632" s="2">
        <v>0</v>
      </c>
      <c r="AA23632" s="5"/>
      <c r="AB23632" s="5" t="s">
        <v>43</v>
      </c>
      <c r="AC23632" s="5" t="s">
        <v>44</v>
      </c>
      <c r="AD23632" s="2"/>
      <c r="AE23632" s="1"/>
    </row>
    <row r="23633" spans="1:31" ht="14.45">
      <c r="A23633" s="11"/>
      <c r="B23633" s="20"/>
      <c r="C23633" s="2" t="s">
        <v>75778</v>
      </c>
      <c r="D23633" s="14" t="s">
        <v>75779</v>
      </c>
      <c r="E23633" s="2" t="s">
        <v>75780</v>
      </c>
      <c r="F23633" s="2" t="s">
        <v>7396</v>
      </c>
      <c r="G23633" s="8">
        <v>178</v>
      </c>
      <c r="H23633" s="5">
        <v>6</v>
      </c>
      <c r="I23633" s="5" t="s">
        <v>1518</v>
      </c>
      <c r="J23633" s="5" t="s">
        <v>69038</v>
      </c>
      <c r="K23633" s="2" t="s">
        <v>69039</v>
      </c>
      <c r="L23633" s="5" t="s">
        <v>69038</v>
      </c>
      <c r="M23633" s="2" t="s">
        <v>69039</v>
      </c>
      <c r="N23633" s="5" t="s">
        <v>19227</v>
      </c>
      <c r="O23633" s="5" t="s">
        <v>38</v>
      </c>
      <c r="P23633" s="5" t="s">
        <v>39</v>
      </c>
      <c r="Q23633" s="5" t="s">
        <v>40</v>
      </c>
      <c r="R23633" s="5" t="s">
        <v>1487</v>
      </c>
      <c r="S23633" s="5"/>
      <c r="T23633" s="5" t="s">
        <v>42</v>
      </c>
      <c r="U23633" s="2">
        <v>0</v>
      </c>
      <c r="V23633" s="2">
        <v>0</v>
      </c>
      <c r="W23633" s="2">
        <v>0</v>
      </c>
      <c r="X23633" s="2">
        <v>0</v>
      </c>
      <c r="Y23633" s="2">
        <v>0</v>
      </c>
      <c r="Z23633" s="2">
        <v>0</v>
      </c>
      <c r="AA23633" s="5"/>
      <c r="AB23633" s="5" t="s">
        <v>43</v>
      </c>
      <c r="AC23633" s="5" t="s">
        <v>44</v>
      </c>
      <c r="AD23633" s="2"/>
      <c r="AE23633" s="1"/>
    </row>
    <row r="23634" spans="1:31" ht="14.45">
      <c r="A23634" s="11"/>
      <c r="B23634" s="20"/>
      <c r="C23634" s="2" t="s">
        <v>75781</v>
      </c>
      <c r="D23634" s="14" t="s">
        <v>75782</v>
      </c>
      <c r="E23634" s="2" t="s">
        <v>75783</v>
      </c>
      <c r="F23634" s="2" t="s">
        <v>7507</v>
      </c>
      <c r="G23634" s="8">
        <v>178</v>
      </c>
      <c r="H23634" s="5">
        <v>6</v>
      </c>
      <c r="I23634" s="5" t="s">
        <v>1518</v>
      </c>
      <c r="J23634" s="5" t="s">
        <v>69038</v>
      </c>
      <c r="K23634" s="2" t="s">
        <v>69039</v>
      </c>
      <c r="L23634" s="5" t="s">
        <v>69038</v>
      </c>
      <c r="M23634" s="2" t="s">
        <v>69039</v>
      </c>
      <c r="N23634" s="5" t="s">
        <v>19227</v>
      </c>
      <c r="O23634" s="5" t="s">
        <v>38</v>
      </c>
      <c r="P23634" s="5" t="s">
        <v>39</v>
      </c>
      <c r="Q23634" s="5" t="s">
        <v>40</v>
      </c>
      <c r="R23634" s="5" t="s">
        <v>1487</v>
      </c>
      <c r="S23634" s="5"/>
      <c r="T23634" s="5" t="s">
        <v>42</v>
      </c>
      <c r="U23634" s="2">
        <v>0</v>
      </c>
      <c r="V23634" s="2">
        <v>0</v>
      </c>
      <c r="W23634" s="2">
        <v>0</v>
      </c>
      <c r="X23634" s="2">
        <v>0</v>
      </c>
      <c r="Y23634" s="2">
        <v>0</v>
      </c>
      <c r="Z23634" s="2">
        <v>0</v>
      </c>
      <c r="AA23634" s="5"/>
      <c r="AB23634" s="5" t="s">
        <v>43</v>
      </c>
      <c r="AC23634" s="5" t="s">
        <v>44</v>
      </c>
      <c r="AD23634" s="2"/>
      <c r="AE23634" s="1"/>
    </row>
    <row r="23635" spans="1:31" ht="14.45">
      <c r="A23635" s="11"/>
      <c r="B23635" s="20"/>
      <c r="C23635" s="2" t="s">
        <v>75784</v>
      </c>
      <c r="D23635" s="14" t="s">
        <v>75785</v>
      </c>
      <c r="E23635" s="2" t="s">
        <v>75786</v>
      </c>
      <c r="F23635" s="2" t="s">
        <v>7212</v>
      </c>
      <c r="G23635" s="8">
        <v>178</v>
      </c>
      <c r="H23635" s="5">
        <v>6</v>
      </c>
      <c r="I23635" s="5" t="s">
        <v>1518</v>
      </c>
      <c r="J23635" s="5" t="s">
        <v>69038</v>
      </c>
      <c r="K23635" s="2" t="s">
        <v>69039</v>
      </c>
      <c r="L23635" s="5" t="s">
        <v>69038</v>
      </c>
      <c r="M23635" s="2" t="s">
        <v>69039</v>
      </c>
      <c r="N23635" s="5" t="s">
        <v>19227</v>
      </c>
      <c r="O23635" s="5" t="s">
        <v>38</v>
      </c>
      <c r="P23635" s="5" t="s">
        <v>39</v>
      </c>
      <c r="Q23635" s="5" t="s">
        <v>40</v>
      </c>
      <c r="R23635" s="5" t="s">
        <v>1487</v>
      </c>
      <c r="S23635" s="5"/>
      <c r="T23635" s="5" t="s">
        <v>42</v>
      </c>
      <c r="U23635" s="2">
        <v>0</v>
      </c>
      <c r="V23635" s="2">
        <v>0</v>
      </c>
      <c r="W23635" s="2">
        <v>0</v>
      </c>
      <c r="X23635" s="2">
        <v>0</v>
      </c>
      <c r="Y23635" s="2">
        <v>0</v>
      </c>
      <c r="Z23635" s="2">
        <v>0</v>
      </c>
      <c r="AA23635" s="5"/>
      <c r="AB23635" s="5" t="s">
        <v>43</v>
      </c>
      <c r="AC23635" s="5" t="s">
        <v>44</v>
      </c>
      <c r="AD23635" s="2"/>
      <c r="AE23635" s="1"/>
    </row>
    <row r="23636" spans="1:31" ht="14.45">
      <c r="A23636" s="11"/>
      <c r="B23636" s="20"/>
      <c r="C23636" s="2" t="s">
        <v>75787</v>
      </c>
      <c r="D23636" s="14" t="s">
        <v>75788</v>
      </c>
      <c r="E23636" s="2" t="s">
        <v>75789</v>
      </c>
      <c r="F23636" s="2" t="s">
        <v>7528</v>
      </c>
      <c r="G23636" s="8">
        <v>178</v>
      </c>
      <c r="H23636" s="5">
        <v>6</v>
      </c>
      <c r="I23636" s="5" t="s">
        <v>1518</v>
      </c>
      <c r="J23636" s="5" t="s">
        <v>69038</v>
      </c>
      <c r="K23636" s="2" t="s">
        <v>69039</v>
      </c>
      <c r="L23636" s="5" t="s">
        <v>69038</v>
      </c>
      <c r="M23636" s="2" t="s">
        <v>69039</v>
      </c>
      <c r="N23636" s="5" t="s">
        <v>19227</v>
      </c>
      <c r="O23636" s="5" t="s">
        <v>38</v>
      </c>
      <c r="P23636" s="5" t="s">
        <v>39</v>
      </c>
      <c r="Q23636" s="5" t="s">
        <v>40</v>
      </c>
      <c r="R23636" s="5" t="s">
        <v>1487</v>
      </c>
      <c r="S23636" s="5"/>
      <c r="T23636" s="5" t="s">
        <v>42</v>
      </c>
      <c r="U23636" s="2">
        <v>0</v>
      </c>
      <c r="V23636" s="2">
        <v>0</v>
      </c>
      <c r="W23636" s="2">
        <v>0</v>
      </c>
      <c r="X23636" s="2">
        <v>0</v>
      </c>
      <c r="Y23636" s="2">
        <v>0</v>
      </c>
      <c r="Z23636" s="2">
        <v>0</v>
      </c>
      <c r="AA23636" s="5"/>
      <c r="AB23636" s="5" t="s">
        <v>43</v>
      </c>
      <c r="AC23636" s="5" t="s">
        <v>44</v>
      </c>
      <c r="AD23636" s="2"/>
      <c r="AE23636" s="1"/>
    </row>
    <row r="23637" spans="1:31" ht="14.45">
      <c r="A23637" s="11"/>
      <c r="B23637" s="20"/>
      <c r="C23637" s="2" t="s">
        <v>75790</v>
      </c>
      <c r="D23637" s="14" t="s">
        <v>75791</v>
      </c>
      <c r="E23637" s="2" t="s">
        <v>75792</v>
      </c>
      <c r="F23637" s="2" t="s">
        <v>7204</v>
      </c>
      <c r="G23637" s="8">
        <v>188</v>
      </c>
      <c r="H23637" s="5">
        <v>6</v>
      </c>
      <c r="I23637" s="5" t="s">
        <v>1518</v>
      </c>
      <c r="J23637" s="5" t="s">
        <v>69038</v>
      </c>
      <c r="K23637" s="2" t="s">
        <v>69039</v>
      </c>
      <c r="L23637" s="5" t="s">
        <v>69038</v>
      </c>
      <c r="M23637" s="2" t="s">
        <v>69039</v>
      </c>
      <c r="N23637" s="5" t="s">
        <v>19227</v>
      </c>
      <c r="O23637" s="5" t="s">
        <v>38</v>
      </c>
      <c r="P23637" s="5" t="s">
        <v>39</v>
      </c>
      <c r="Q23637" s="5" t="s">
        <v>40</v>
      </c>
      <c r="R23637" s="5" t="s">
        <v>1487</v>
      </c>
      <c r="S23637" s="5"/>
      <c r="T23637" s="5" t="s">
        <v>42</v>
      </c>
      <c r="U23637" s="2">
        <v>0</v>
      </c>
      <c r="V23637" s="2">
        <v>0</v>
      </c>
      <c r="W23637" s="2">
        <v>0</v>
      </c>
      <c r="X23637" s="2">
        <v>0</v>
      </c>
      <c r="Y23637" s="2">
        <v>0</v>
      </c>
      <c r="Z23637" s="2">
        <v>0</v>
      </c>
      <c r="AA23637" s="5"/>
      <c r="AB23637" s="5" t="s">
        <v>43</v>
      </c>
      <c r="AC23637" s="5" t="s">
        <v>44</v>
      </c>
      <c r="AD23637" s="2"/>
      <c r="AE23637" s="1"/>
    </row>
    <row r="23638" spans="1:31" ht="14.45">
      <c r="A23638" s="11"/>
      <c r="B23638" s="20"/>
      <c r="C23638" s="2" t="s">
        <v>75793</v>
      </c>
      <c r="D23638" s="14" t="s">
        <v>75794</v>
      </c>
      <c r="E23638" s="2" t="s">
        <v>75795</v>
      </c>
      <c r="F23638" s="2" t="s">
        <v>7514</v>
      </c>
      <c r="G23638" s="8">
        <v>188</v>
      </c>
      <c r="H23638" s="5">
        <v>6</v>
      </c>
      <c r="I23638" s="5" t="s">
        <v>1518</v>
      </c>
      <c r="J23638" s="5" t="s">
        <v>69038</v>
      </c>
      <c r="K23638" s="2" t="s">
        <v>69039</v>
      </c>
      <c r="L23638" s="5" t="s">
        <v>69038</v>
      </c>
      <c r="M23638" s="2" t="s">
        <v>69039</v>
      </c>
      <c r="N23638" s="5" t="s">
        <v>19227</v>
      </c>
      <c r="O23638" s="5" t="s">
        <v>38</v>
      </c>
      <c r="P23638" s="5" t="s">
        <v>39</v>
      </c>
      <c r="Q23638" s="5" t="s">
        <v>40</v>
      </c>
      <c r="R23638" s="5" t="s">
        <v>1487</v>
      </c>
      <c r="S23638" s="5"/>
      <c r="T23638" s="5" t="s">
        <v>42</v>
      </c>
      <c r="U23638" s="2">
        <v>0</v>
      </c>
      <c r="V23638" s="2">
        <v>0</v>
      </c>
      <c r="W23638" s="2">
        <v>0</v>
      </c>
      <c r="X23638" s="2">
        <v>0</v>
      </c>
      <c r="Y23638" s="2">
        <v>0</v>
      </c>
      <c r="Z23638" s="2">
        <v>0</v>
      </c>
      <c r="AA23638" s="5"/>
      <c r="AB23638" s="5" t="s">
        <v>43</v>
      </c>
      <c r="AC23638" s="5" t="s">
        <v>44</v>
      </c>
      <c r="AD23638" s="2"/>
      <c r="AE23638" s="1"/>
    </row>
    <row r="23639" spans="1:31" ht="14.45">
      <c r="A23639" s="11"/>
      <c r="B23639" s="20"/>
      <c r="C23639" s="2" t="s">
        <v>75796</v>
      </c>
      <c r="D23639" s="14" t="s">
        <v>75797</v>
      </c>
      <c r="E23639" s="2" t="s">
        <v>75798</v>
      </c>
      <c r="F23639" s="2" t="s">
        <v>7208</v>
      </c>
      <c r="G23639" s="8">
        <v>188</v>
      </c>
      <c r="H23639" s="5">
        <v>6</v>
      </c>
      <c r="I23639" s="5" t="s">
        <v>1518</v>
      </c>
      <c r="J23639" s="5" t="s">
        <v>69038</v>
      </c>
      <c r="K23639" s="2" t="s">
        <v>69039</v>
      </c>
      <c r="L23639" s="5" t="s">
        <v>69038</v>
      </c>
      <c r="M23639" s="2" t="s">
        <v>69039</v>
      </c>
      <c r="N23639" s="5" t="s">
        <v>19227</v>
      </c>
      <c r="O23639" s="5" t="s">
        <v>38</v>
      </c>
      <c r="P23639" s="5" t="s">
        <v>39</v>
      </c>
      <c r="Q23639" s="5" t="s">
        <v>40</v>
      </c>
      <c r="R23639" s="5" t="s">
        <v>1487</v>
      </c>
      <c r="S23639" s="5"/>
      <c r="T23639" s="5" t="s">
        <v>42</v>
      </c>
      <c r="U23639" s="2">
        <v>0</v>
      </c>
      <c r="V23639" s="2">
        <v>0</v>
      </c>
      <c r="W23639" s="2">
        <v>0</v>
      </c>
      <c r="X23639" s="2">
        <v>0</v>
      </c>
      <c r="Y23639" s="2">
        <v>0</v>
      </c>
      <c r="Z23639" s="2">
        <v>0</v>
      </c>
      <c r="AA23639" s="5"/>
      <c r="AB23639" s="5" t="s">
        <v>43</v>
      </c>
      <c r="AC23639" s="5" t="s">
        <v>44</v>
      </c>
      <c r="AD23639" s="2"/>
      <c r="AE23639" s="1"/>
    </row>
    <row r="23640" spans="1:31" ht="14.45">
      <c r="A23640" s="11"/>
      <c r="B23640" s="20"/>
      <c r="C23640" s="2" t="s">
        <v>75799</v>
      </c>
      <c r="D23640" s="14" t="s">
        <v>75800</v>
      </c>
      <c r="E23640" s="2" t="s">
        <v>75801</v>
      </c>
      <c r="F23640" s="2" t="s">
        <v>7521</v>
      </c>
      <c r="G23640" s="8">
        <v>188</v>
      </c>
      <c r="H23640" s="5">
        <v>6</v>
      </c>
      <c r="I23640" s="5" t="s">
        <v>1518</v>
      </c>
      <c r="J23640" s="5" t="s">
        <v>69038</v>
      </c>
      <c r="K23640" s="2" t="s">
        <v>69039</v>
      </c>
      <c r="L23640" s="5" t="s">
        <v>69038</v>
      </c>
      <c r="M23640" s="2" t="s">
        <v>69039</v>
      </c>
      <c r="N23640" s="5" t="s">
        <v>19227</v>
      </c>
      <c r="O23640" s="5" t="s">
        <v>38</v>
      </c>
      <c r="P23640" s="5" t="s">
        <v>39</v>
      </c>
      <c r="Q23640" s="5" t="s">
        <v>40</v>
      </c>
      <c r="R23640" s="5" t="s">
        <v>1487</v>
      </c>
      <c r="S23640" s="5"/>
      <c r="T23640" s="5" t="s">
        <v>42</v>
      </c>
      <c r="U23640" s="2">
        <v>0</v>
      </c>
      <c r="V23640" s="2">
        <v>0</v>
      </c>
      <c r="W23640" s="2">
        <v>0</v>
      </c>
      <c r="X23640" s="2">
        <v>0</v>
      </c>
      <c r="Y23640" s="2">
        <v>0</v>
      </c>
      <c r="Z23640" s="2">
        <v>0</v>
      </c>
      <c r="AA23640" s="5"/>
      <c r="AB23640" s="5" t="s">
        <v>43</v>
      </c>
      <c r="AC23640" s="5" t="s">
        <v>44</v>
      </c>
      <c r="AD23640" s="2"/>
      <c r="AE23640" s="1"/>
    </row>
    <row r="23641" spans="1:31" ht="14.45">
      <c r="A23641" s="11"/>
      <c r="B23641" s="20"/>
      <c r="C23641" s="2" t="s">
        <v>75802</v>
      </c>
      <c r="D23641" s="14" t="s">
        <v>75803</v>
      </c>
      <c r="E23641" s="2" t="s">
        <v>75804</v>
      </c>
      <c r="F23641" s="2" t="s">
        <v>7396</v>
      </c>
      <c r="G23641" s="8">
        <v>188</v>
      </c>
      <c r="H23641" s="5">
        <v>6</v>
      </c>
      <c r="I23641" s="5" t="s">
        <v>1518</v>
      </c>
      <c r="J23641" s="5" t="s">
        <v>69038</v>
      </c>
      <c r="K23641" s="2" t="s">
        <v>69039</v>
      </c>
      <c r="L23641" s="5" t="s">
        <v>69038</v>
      </c>
      <c r="M23641" s="2" t="s">
        <v>69039</v>
      </c>
      <c r="N23641" s="5" t="s">
        <v>19227</v>
      </c>
      <c r="O23641" s="5" t="s">
        <v>38</v>
      </c>
      <c r="P23641" s="5" t="s">
        <v>39</v>
      </c>
      <c r="Q23641" s="5" t="s">
        <v>40</v>
      </c>
      <c r="R23641" s="5" t="s">
        <v>1487</v>
      </c>
      <c r="S23641" s="5"/>
      <c r="T23641" s="5" t="s">
        <v>42</v>
      </c>
      <c r="U23641" s="2">
        <v>0</v>
      </c>
      <c r="V23641" s="2">
        <v>0</v>
      </c>
      <c r="W23641" s="2">
        <v>0</v>
      </c>
      <c r="X23641" s="2">
        <v>0</v>
      </c>
      <c r="Y23641" s="2">
        <v>0</v>
      </c>
      <c r="Z23641" s="2">
        <v>0</v>
      </c>
      <c r="AA23641" s="5"/>
      <c r="AB23641" s="5" t="s">
        <v>43</v>
      </c>
      <c r="AC23641" s="5" t="s">
        <v>44</v>
      </c>
      <c r="AD23641" s="2"/>
      <c r="AE23641" s="1"/>
    </row>
    <row r="23642" spans="1:31" ht="14.45">
      <c r="A23642" s="11"/>
      <c r="B23642" s="20"/>
      <c r="C23642" s="2" t="s">
        <v>75805</v>
      </c>
      <c r="D23642" s="14" t="s">
        <v>75806</v>
      </c>
      <c r="E23642" s="2" t="s">
        <v>75807</v>
      </c>
      <c r="F23642" s="2" t="s">
        <v>7507</v>
      </c>
      <c r="G23642" s="8">
        <v>188</v>
      </c>
      <c r="H23642" s="5">
        <v>6</v>
      </c>
      <c r="I23642" s="5" t="s">
        <v>1518</v>
      </c>
      <c r="J23642" s="5" t="s">
        <v>69038</v>
      </c>
      <c r="K23642" s="2" t="s">
        <v>69039</v>
      </c>
      <c r="L23642" s="5" t="s">
        <v>69038</v>
      </c>
      <c r="M23642" s="2" t="s">
        <v>69039</v>
      </c>
      <c r="N23642" s="5" t="s">
        <v>19227</v>
      </c>
      <c r="O23642" s="5" t="s">
        <v>38</v>
      </c>
      <c r="P23642" s="5" t="s">
        <v>39</v>
      </c>
      <c r="Q23642" s="5" t="s">
        <v>40</v>
      </c>
      <c r="R23642" s="5" t="s">
        <v>1487</v>
      </c>
      <c r="S23642" s="5"/>
      <c r="T23642" s="5" t="s">
        <v>42</v>
      </c>
      <c r="U23642" s="2">
        <v>0</v>
      </c>
      <c r="V23642" s="2">
        <v>0</v>
      </c>
      <c r="W23642" s="2">
        <v>0</v>
      </c>
      <c r="X23642" s="2">
        <v>0</v>
      </c>
      <c r="Y23642" s="2">
        <v>0</v>
      </c>
      <c r="Z23642" s="2">
        <v>0</v>
      </c>
      <c r="AA23642" s="5"/>
      <c r="AB23642" s="5" t="s">
        <v>43</v>
      </c>
      <c r="AC23642" s="5" t="s">
        <v>44</v>
      </c>
      <c r="AD23642" s="2"/>
      <c r="AE23642" s="1"/>
    </row>
    <row r="23643" spans="1:31" ht="14.45">
      <c r="A23643" s="11"/>
      <c r="B23643" s="20"/>
      <c r="C23643" s="2" t="s">
        <v>75808</v>
      </c>
      <c r="D23643" s="14" t="s">
        <v>75809</v>
      </c>
      <c r="E23643" s="2" t="s">
        <v>75810</v>
      </c>
      <c r="F23643" s="2" t="s">
        <v>7212</v>
      </c>
      <c r="G23643" s="8">
        <v>188</v>
      </c>
      <c r="H23643" s="5">
        <v>6</v>
      </c>
      <c r="I23643" s="5" t="s">
        <v>1518</v>
      </c>
      <c r="J23643" s="5" t="s">
        <v>69038</v>
      </c>
      <c r="K23643" s="2" t="s">
        <v>69039</v>
      </c>
      <c r="L23643" s="5" t="s">
        <v>69038</v>
      </c>
      <c r="M23643" s="2" t="s">
        <v>69039</v>
      </c>
      <c r="N23643" s="5" t="s">
        <v>19227</v>
      </c>
      <c r="O23643" s="5" t="s">
        <v>38</v>
      </c>
      <c r="P23643" s="5" t="s">
        <v>39</v>
      </c>
      <c r="Q23643" s="5" t="s">
        <v>40</v>
      </c>
      <c r="R23643" s="5" t="s">
        <v>1487</v>
      </c>
      <c r="S23643" s="5"/>
      <c r="T23643" s="5" t="s">
        <v>42</v>
      </c>
      <c r="U23643" s="2">
        <v>0</v>
      </c>
      <c r="V23643" s="2">
        <v>0</v>
      </c>
      <c r="W23643" s="2">
        <v>0</v>
      </c>
      <c r="X23643" s="2">
        <v>0</v>
      </c>
      <c r="Y23643" s="2">
        <v>0</v>
      </c>
      <c r="Z23643" s="2">
        <v>0</v>
      </c>
      <c r="AA23643" s="5"/>
      <c r="AB23643" s="5" t="s">
        <v>43</v>
      </c>
      <c r="AC23643" s="5" t="s">
        <v>44</v>
      </c>
      <c r="AD23643" s="2"/>
      <c r="AE23643" s="1"/>
    </row>
    <row r="23644" spans="1:31" ht="14.45">
      <c r="A23644" s="11"/>
      <c r="B23644" s="20"/>
      <c r="C23644" s="2" t="s">
        <v>75811</v>
      </c>
      <c r="D23644" s="14" t="s">
        <v>75812</v>
      </c>
      <c r="E23644" s="2" t="s">
        <v>75813</v>
      </c>
      <c r="F23644" s="2" t="s">
        <v>7528</v>
      </c>
      <c r="G23644" s="8">
        <v>188</v>
      </c>
      <c r="H23644" s="5">
        <v>6</v>
      </c>
      <c r="I23644" s="5" t="s">
        <v>1518</v>
      </c>
      <c r="J23644" s="5" t="s">
        <v>69038</v>
      </c>
      <c r="K23644" s="2" t="s">
        <v>69039</v>
      </c>
      <c r="L23644" s="5" t="s">
        <v>69038</v>
      </c>
      <c r="M23644" s="2" t="s">
        <v>69039</v>
      </c>
      <c r="N23644" s="5" t="s">
        <v>19227</v>
      </c>
      <c r="O23644" s="5" t="s">
        <v>38</v>
      </c>
      <c r="P23644" s="5" t="s">
        <v>39</v>
      </c>
      <c r="Q23644" s="5" t="s">
        <v>40</v>
      </c>
      <c r="R23644" s="5" t="s">
        <v>1487</v>
      </c>
      <c r="S23644" s="5"/>
      <c r="T23644" s="5" t="s">
        <v>42</v>
      </c>
      <c r="U23644" s="2">
        <v>0</v>
      </c>
      <c r="V23644" s="2">
        <v>0</v>
      </c>
      <c r="W23644" s="2">
        <v>0</v>
      </c>
      <c r="X23644" s="2">
        <v>0</v>
      </c>
      <c r="Y23644" s="2">
        <v>0</v>
      </c>
      <c r="Z23644" s="2">
        <v>0</v>
      </c>
      <c r="AA23644" s="5"/>
      <c r="AB23644" s="5" t="s">
        <v>43</v>
      </c>
      <c r="AC23644" s="5" t="s">
        <v>44</v>
      </c>
      <c r="AD23644" s="2"/>
      <c r="AE23644" s="1"/>
    </row>
    <row r="23645" spans="1:31" ht="14.45">
      <c r="A23645" s="11"/>
      <c r="B23645" s="20"/>
      <c r="C23645" s="2" t="s">
        <v>75814</v>
      </c>
      <c r="D23645" s="14" t="s">
        <v>75815</v>
      </c>
      <c r="E23645" s="2" t="s">
        <v>75816</v>
      </c>
      <c r="F23645" s="2" t="s">
        <v>7204</v>
      </c>
      <c r="G23645" s="8">
        <v>191</v>
      </c>
      <c r="H23645" s="5">
        <v>6</v>
      </c>
      <c r="I23645" s="5" t="s">
        <v>1518</v>
      </c>
      <c r="J23645" s="5" t="s">
        <v>69038</v>
      </c>
      <c r="K23645" s="2" t="s">
        <v>69039</v>
      </c>
      <c r="L23645" s="5" t="s">
        <v>69038</v>
      </c>
      <c r="M23645" s="2" t="s">
        <v>69039</v>
      </c>
      <c r="N23645" s="5" t="s">
        <v>19227</v>
      </c>
      <c r="O23645" s="5" t="s">
        <v>38</v>
      </c>
      <c r="P23645" s="5" t="s">
        <v>39</v>
      </c>
      <c r="Q23645" s="5" t="s">
        <v>40</v>
      </c>
      <c r="R23645" s="5" t="s">
        <v>1487</v>
      </c>
      <c r="S23645" s="5"/>
      <c r="T23645" s="5" t="s">
        <v>42</v>
      </c>
      <c r="U23645" s="2">
        <v>0</v>
      </c>
      <c r="V23645" s="2">
        <v>0</v>
      </c>
      <c r="W23645" s="2">
        <v>0</v>
      </c>
      <c r="X23645" s="2">
        <v>0</v>
      </c>
      <c r="Y23645" s="2">
        <v>0</v>
      </c>
      <c r="Z23645" s="2">
        <v>0</v>
      </c>
      <c r="AA23645" s="5"/>
      <c r="AB23645" s="5" t="s">
        <v>43</v>
      </c>
      <c r="AC23645" s="5" t="s">
        <v>44</v>
      </c>
      <c r="AD23645" s="2"/>
      <c r="AE23645" s="1"/>
    </row>
    <row r="23646" spans="1:31" ht="14.45">
      <c r="A23646" s="11"/>
      <c r="B23646" s="20"/>
      <c r="C23646" s="2" t="s">
        <v>75817</v>
      </c>
      <c r="D23646" s="14" t="s">
        <v>75818</v>
      </c>
      <c r="E23646" s="2" t="s">
        <v>75819</v>
      </c>
      <c r="F23646" s="2" t="s">
        <v>7514</v>
      </c>
      <c r="G23646" s="8">
        <v>191</v>
      </c>
      <c r="H23646" s="5">
        <v>6</v>
      </c>
      <c r="I23646" s="5" t="s">
        <v>1518</v>
      </c>
      <c r="J23646" s="5" t="s">
        <v>69038</v>
      </c>
      <c r="K23646" s="2" t="s">
        <v>69039</v>
      </c>
      <c r="L23646" s="5" t="s">
        <v>69038</v>
      </c>
      <c r="M23646" s="2" t="s">
        <v>69039</v>
      </c>
      <c r="N23646" s="5" t="s">
        <v>19227</v>
      </c>
      <c r="O23646" s="5" t="s">
        <v>38</v>
      </c>
      <c r="P23646" s="5" t="s">
        <v>39</v>
      </c>
      <c r="Q23646" s="5" t="s">
        <v>40</v>
      </c>
      <c r="R23646" s="5" t="s">
        <v>1487</v>
      </c>
      <c r="S23646" s="5"/>
      <c r="T23646" s="5" t="s">
        <v>42</v>
      </c>
      <c r="U23646" s="2">
        <v>0</v>
      </c>
      <c r="V23646" s="2">
        <v>0</v>
      </c>
      <c r="W23646" s="2">
        <v>0</v>
      </c>
      <c r="X23646" s="2">
        <v>0</v>
      </c>
      <c r="Y23646" s="2">
        <v>0</v>
      </c>
      <c r="Z23646" s="2">
        <v>0</v>
      </c>
      <c r="AA23646" s="5"/>
      <c r="AB23646" s="5" t="s">
        <v>43</v>
      </c>
      <c r="AC23646" s="5" t="s">
        <v>44</v>
      </c>
      <c r="AD23646" s="2"/>
      <c r="AE23646" s="1"/>
    </row>
    <row r="23647" spans="1:31" ht="14.45">
      <c r="A23647" s="11"/>
      <c r="B23647" s="20"/>
      <c r="C23647" s="2" t="s">
        <v>75820</v>
      </c>
      <c r="D23647" s="14" t="s">
        <v>75821</v>
      </c>
      <c r="E23647" s="2" t="s">
        <v>75822</v>
      </c>
      <c r="F23647" s="2" t="s">
        <v>7208</v>
      </c>
      <c r="G23647" s="8">
        <v>191</v>
      </c>
      <c r="H23647" s="5">
        <v>6</v>
      </c>
      <c r="I23647" s="5" t="s">
        <v>1518</v>
      </c>
      <c r="J23647" s="5" t="s">
        <v>69038</v>
      </c>
      <c r="K23647" s="2" t="s">
        <v>69039</v>
      </c>
      <c r="L23647" s="5" t="s">
        <v>69038</v>
      </c>
      <c r="M23647" s="2" t="s">
        <v>69039</v>
      </c>
      <c r="N23647" s="5" t="s">
        <v>19227</v>
      </c>
      <c r="O23647" s="5" t="s">
        <v>38</v>
      </c>
      <c r="P23647" s="5" t="s">
        <v>39</v>
      </c>
      <c r="Q23647" s="5" t="s">
        <v>40</v>
      </c>
      <c r="R23647" s="5" t="s">
        <v>1487</v>
      </c>
      <c r="S23647" s="5"/>
      <c r="T23647" s="5" t="s">
        <v>42</v>
      </c>
      <c r="U23647" s="2">
        <v>0</v>
      </c>
      <c r="V23647" s="2">
        <v>0</v>
      </c>
      <c r="W23647" s="2">
        <v>0</v>
      </c>
      <c r="X23647" s="2">
        <v>0</v>
      </c>
      <c r="Y23647" s="2">
        <v>0</v>
      </c>
      <c r="Z23647" s="2">
        <v>0</v>
      </c>
      <c r="AA23647" s="5"/>
      <c r="AB23647" s="5" t="s">
        <v>43</v>
      </c>
      <c r="AC23647" s="5" t="s">
        <v>44</v>
      </c>
      <c r="AD23647" s="2"/>
      <c r="AE23647" s="1"/>
    </row>
    <row r="23648" spans="1:31" ht="14.45">
      <c r="A23648" s="11"/>
      <c r="B23648" s="20"/>
      <c r="C23648" s="2" t="s">
        <v>75823</v>
      </c>
      <c r="D23648" s="14" t="s">
        <v>75824</v>
      </c>
      <c r="E23648" s="2" t="s">
        <v>75825</v>
      </c>
      <c r="F23648" s="2" t="s">
        <v>7521</v>
      </c>
      <c r="G23648" s="8">
        <v>191</v>
      </c>
      <c r="H23648" s="5">
        <v>6</v>
      </c>
      <c r="I23648" s="5" t="s">
        <v>1518</v>
      </c>
      <c r="J23648" s="5" t="s">
        <v>69038</v>
      </c>
      <c r="K23648" s="2" t="s">
        <v>69039</v>
      </c>
      <c r="L23648" s="5" t="s">
        <v>69038</v>
      </c>
      <c r="M23648" s="2" t="s">
        <v>69039</v>
      </c>
      <c r="N23648" s="5" t="s">
        <v>19227</v>
      </c>
      <c r="O23648" s="5" t="s">
        <v>38</v>
      </c>
      <c r="P23648" s="5" t="s">
        <v>39</v>
      </c>
      <c r="Q23648" s="5" t="s">
        <v>40</v>
      </c>
      <c r="R23648" s="5" t="s">
        <v>1487</v>
      </c>
      <c r="S23648" s="5"/>
      <c r="T23648" s="5" t="s">
        <v>42</v>
      </c>
      <c r="U23648" s="2">
        <v>0</v>
      </c>
      <c r="V23648" s="2">
        <v>0</v>
      </c>
      <c r="W23648" s="2">
        <v>0</v>
      </c>
      <c r="X23648" s="2">
        <v>0</v>
      </c>
      <c r="Y23648" s="2">
        <v>0</v>
      </c>
      <c r="Z23648" s="2">
        <v>0</v>
      </c>
      <c r="AA23648" s="5"/>
      <c r="AB23648" s="5" t="s">
        <v>43</v>
      </c>
      <c r="AC23648" s="5" t="s">
        <v>44</v>
      </c>
      <c r="AD23648" s="2"/>
      <c r="AE23648" s="1"/>
    </row>
    <row r="23649" spans="1:31" ht="14.45">
      <c r="A23649" s="11"/>
      <c r="B23649" s="20"/>
      <c r="C23649" s="2" t="s">
        <v>75826</v>
      </c>
      <c r="D23649" s="14" t="s">
        <v>75827</v>
      </c>
      <c r="E23649" s="2" t="s">
        <v>75828</v>
      </c>
      <c r="F23649" s="2" t="s">
        <v>7396</v>
      </c>
      <c r="G23649" s="8">
        <v>191</v>
      </c>
      <c r="H23649" s="5">
        <v>6</v>
      </c>
      <c r="I23649" s="5" t="s">
        <v>1518</v>
      </c>
      <c r="J23649" s="5" t="s">
        <v>69038</v>
      </c>
      <c r="K23649" s="2" t="s">
        <v>69039</v>
      </c>
      <c r="L23649" s="5" t="s">
        <v>69038</v>
      </c>
      <c r="M23649" s="2" t="s">
        <v>69039</v>
      </c>
      <c r="N23649" s="5" t="s">
        <v>19227</v>
      </c>
      <c r="O23649" s="5" t="s">
        <v>38</v>
      </c>
      <c r="P23649" s="5" t="s">
        <v>39</v>
      </c>
      <c r="Q23649" s="5" t="s">
        <v>40</v>
      </c>
      <c r="R23649" s="5" t="s">
        <v>1487</v>
      </c>
      <c r="S23649" s="5"/>
      <c r="T23649" s="5" t="s">
        <v>42</v>
      </c>
      <c r="U23649" s="2">
        <v>0</v>
      </c>
      <c r="V23649" s="2">
        <v>0</v>
      </c>
      <c r="W23649" s="2">
        <v>0</v>
      </c>
      <c r="X23649" s="2">
        <v>0</v>
      </c>
      <c r="Y23649" s="2">
        <v>0</v>
      </c>
      <c r="Z23649" s="2">
        <v>0</v>
      </c>
      <c r="AA23649" s="5"/>
      <c r="AB23649" s="5" t="s">
        <v>43</v>
      </c>
      <c r="AC23649" s="5" t="s">
        <v>44</v>
      </c>
      <c r="AD23649" s="2"/>
      <c r="AE23649" s="1"/>
    </row>
    <row r="23650" spans="1:31" ht="14.45">
      <c r="A23650" s="11"/>
      <c r="B23650" s="20"/>
      <c r="C23650" s="2" t="s">
        <v>75829</v>
      </c>
      <c r="D23650" s="14" t="s">
        <v>75830</v>
      </c>
      <c r="E23650" s="2" t="s">
        <v>75831</v>
      </c>
      <c r="F23650" s="2" t="s">
        <v>7507</v>
      </c>
      <c r="G23650" s="8">
        <v>191</v>
      </c>
      <c r="H23650" s="5">
        <v>6</v>
      </c>
      <c r="I23650" s="5" t="s">
        <v>1518</v>
      </c>
      <c r="J23650" s="5" t="s">
        <v>69038</v>
      </c>
      <c r="K23650" s="2" t="s">
        <v>69039</v>
      </c>
      <c r="L23650" s="5" t="s">
        <v>69038</v>
      </c>
      <c r="M23650" s="2" t="s">
        <v>69039</v>
      </c>
      <c r="N23650" s="5" t="s">
        <v>19227</v>
      </c>
      <c r="O23650" s="5" t="s">
        <v>38</v>
      </c>
      <c r="P23650" s="5" t="s">
        <v>39</v>
      </c>
      <c r="Q23650" s="5" t="s">
        <v>40</v>
      </c>
      <c r="R23650" s="5" t="s">
        <v>1487</v>
      </c>
      <c r="S23650" s="5"/>
      <c r="T23650" s="5" t="s">
        <v>42</v>
      </c>
      <c r="U23650" s="2">
        <v>0</v>
      </c>
      <c r="V23650" s="2">
        <v>0</v>
      </c>
      <c r="W23650" s="2">
        <v>0</v>
      </c>
      <c r="X23650" s="2">
        <v>0</v>
      </c>
      <c r="Y23650" s="2">
        <v>0</v>
      </c>
      <c r="Z23650" s="2">
        <v>0</v>
      </c>
      <c r="AA23650" s="5"/>
      <c r="AB23650" s="5" t="s">
        <v>43</v>
      </c>
      <c r="AC23650" s="5" t="s">
        <v>44</v>
      </c>
      <c r="AD23650" s="2"/>
      <c r="AE23650" s="1"/>
    </row>
    <row r="23651" spans="1:31" ht="14.45">
      <c r="A23651" s="11"/>
      <c r="B23651" s="20"/>
      <c r="C23651" s="2" t="s">
        <v>75832</v>
      </c>
      <c r="D23651" s="14" t="s">
        <v>75833</v>
      </c>
      <c r="E23651" s="2" t="s">
        <v>75834</v>
      </c>
      <c r="F23651" s="2" t="s">
        <v>7212</v>
      </c>
      <c r="G23651" s="8">
        <v>191</v>
      </c>
      <c r="H23651" s="5">
        <v>6</v>
      </c>
      <c r="I23651" s="5" t="s">
        <v>1518</v>
      </c>
      <c r="J23651" s="5" t="s">
        <v>69038</v>
      </c>
      <c r="K23651" s="2" t="s">
        <v>69039</v>
      </c>
      <c r="L23651" s="5" t="s">
        <v>69038</v>
      </c>
      <c r="M23651" s="2" t="s">
        <v>69039</v>
      </c>
      <c r="N23651" s="5" t="s">
        <v>19227</v>
      </c>
      <c r="O23651" s="5" t="s">
        <v>38</v>
      </c>
      <c r="P23651" s="5" t="s">
        <v>39</v>
      </c>
      <c r="Q23651" s="5" t="s">
        <v>40</v>
      </c>
      <c r="R23651" s="5" t="s">
        <v>1487</v>
      </c>
      <c r="S23651" s="5"/>
      <c r="T23651" s="5" t="s">
        <v>42</v>
      </c>
      <c r="U23651" s="2">
        <v>0</v>
      </c>
      <c r="V23651" s="2">
        <v>0</v>
      </c>
      <c r="W23651" s="2">
        <v>0</v>
      </c>
      <c r="X23651" s="2">
        <v>0</v>
      </c>
      <c r="Y23651" s="2">
        <v>0</v>
      </c>
      <c r="Z23651" s="2">
        <v>0</v>
      </c>
      <c r="AA23651" s="5"/>
      <c r="AB23651" s="5" t="s">
        <v>43</v>
      </c>
      <c r="AC23651" s="5" t="s">
        <v>44</v>
      </c>
      <c r="AD23651" s="2"/>
      <c r="AE23651" s="1"/>
    </row>
    <row r="23652" spans="1:31" ht="14.45">
      <c r="A23652" s="11"/>
      <c r="B23652" s="20"/>
      <c r="C23652" s="2" t="s">
        <v>75835</v>
      </c>
      <c r="D23652" s="14" t="s">
        <v>75836</v>
      </c>
      <c r="E23652" s="2" t="s">
        <v>75837</v>
      </c>
      <c r="F23652" s="2" t="s">
        <v>7528</v>
      </c>
      <c r="G23652" s="8">
        <v>191</v>
      </c>
      <c r="H23652" s="5">
        <v>6</v>
      </c>
      <c r="I23652" s="5" t="s">
        <v>1518</v>
      </c>
      <c r="J23652" s="5" t="s">
        <v>69038</v>
      </c>
      <c r="K23652" s="2" t="s">
        <v>69039</v>
      </c>
      <c r="L23652" s="5" t="s">
        <v>69038</v>
      </c>
      <c r="M23652" s="2" t="s">
        <v>69039</v>
      </c>
      <c r="N23652" s="5" t="s">
        <v>19227</v>
      </c>
      <c r="O23652" s="5" t="s">
        <v>38</v>
      </c>
      <c r="P23652" s="5" t="s">
        <v>39</v>
      </c>
      <c r="Q23652" s="5" t="s">
        <v>40</v>
      </c>
      <c r="R23652" s="5" t="s">
        <v>1487</v>
      </c>
      <c r="S23652" s="5"/>
      <c r="T23652" s="5" t="s">
        <v>42</v>
      </c>
      <c r="U23652" s="2">
        <v>0</v>
      </c>
      <c r="V23652" s="2">
        <v>0</v>
      </c>
      <c r="W23652" s="2">
        <v>0</v>
      </c>
      <c r="X23652" s="2">
        <v>0</v>
      </c>
      <c r="Y23652" s="2">
        <v>0</v>
      </c>
      <c r="Z23652" s="2">
        <v>0</v>
      </c>
      <c r="AA23652" s="5"/>
      <c r="AB23652" s="5" t="s">
        <v>43</v>
      </c>
      <c r="AC23652" s="5" t="s">
        <v>44</v>
      </c>
      <c r="AD23652" s="2"/>
      <c r="AE23652" s="1"/>
    </row>
    <row r="23653" spans="1:31" ht="14.45">
      <c r="A23653" s="11"/>
      <c r="B23653" s="20"/>
      <c r="C23653" s="2" t="s">
        <v>75838</v>
      </c>
      <c r="D23653" s="14" t="s">
        <v>75839</v>
      </c>
      <c r="E23653" s="2" t="s">
        <v>75840</v>
      </c>
      <c r="F23653" s="2" t="s">
        <v>7204</v>
      </c>
      <c r="G23653" s="8">
        <v>178</v>
      </c>
      <c r="H23653" s="5">
        <v>6</v>
      </c>
      <c r="I23653" s="5" t="s">
        <v>1518</v>
      </c>
      <c r="J23653" s="5" t="s">
        <v>69038</v>
      </c>
      <c r="K23653" s="2" t="s">
        <v>69039</v>
      </c>
      <c r="L23653" s="5" t="s">
        <v>69038</v>
      </c>
      <c r="M23653" s="2" t="s">
        <v>69039</v>
      </c>
      <c r="N23653" s="5" t="s">
        <v>19227</v>
      </c>
      <c r="O23653" s="5" t="s">
        <v>38</v>
      </c>
      <c r="P23653" s="5" t="s">
        <v>39</v>
      </c>
      <c r="Q23653" s="5" t="s">
        <v>40</v>
      </c>
      <c r="R23653" s="5" t="s">
        <v>1487</v>
      </c>
      <c r="S23653" s="5"/>
      <c r="T23653" s="5" t="s">
        <v>42</v>
      </c>
      <c r="U23653" s="2">
        <v>0</v>
      </c>
      <c r="V23653" s="2">
        <v>0</v>
      </c>
      <c r="W23653" s="2">
        <v>0</v>
      </c>
      <c r="X23653" s="2">
        <v>0</v>
      </c>
      <c r="Y23653" s="2">
        <v>0</v>
      </c>
      <c r="Z23653" s="2">
        <v>0</v>
      </c>
      <c r="AA23653" s="5"/>
      <c r="AB23653" s="5" t="s">
        <v>43</v>
      </c>
      <c r="AC23653" s="5" t="s">
        <v>44</v>
      </c>
      <c r="AD23653" s="2"/>
      <c r="AE23653" s="1"/>
    </row>
    <row r="23654" spans="1:31" ht="14.45">
      <c r="A23654" s="11"/>
      <c r="B23654" s="20"/>
      <c r="C23654" s="2" t="s">
        <v>75841</v>
      </c>
      <c r="D23654" s="14" t="s">
        <v>75842</v>
      </c>
      <c r="E23654" s="2" t="s">
        <v>75843</v>
      </c>
      <c r="F23654" s="2" t="s">
        <v>7514</v>
      </c>
      <c r="G23654" s="8">
        <v>178</v>
      </c>
      <c r="H23654" s="5">
        <v>6</v>
      </c>
      <c r="I23654" s="5" t="s">
        <v>1518</v>
      </c>
      <c r="J23654" s="5" t="s">
        <v>69038</v>
      </c>
      <c r="K23654" s="2" t="s">
        <v>69039</v>
      </c>
      <c r="L23654" s="5" t="s">
        <v>69038</v>
      </c>
      <c r="M23654" s="2" t="s">
        <v>69039</v>
      </c>
      <c r="N23654" s="5" t="s">
        <v>19227</v>
      </c>
      <c r="O23654" s="5" t="s">
        <v>38</v>
      </c>
      <c r="P23654" s="5" t="s">
        <v>39</v>
      </c>
      <c r="Q23654" s="5" t="s">
        <v>40</v>
      </c>
      <c r="R23654" s="5" t="s">
        <v>1487</v>
      </c>
      <c r="S23654" s="5"/>
      <c r="T23654" s="5" t="s">
        <v>42</v>
      </c>
      <c r="U23654" s="2">
        <v>0</v>
      </c>
      <c r="V23654" s="2">
        <v>0</v>
      </c>
      <c r="W23654" s="2">
        <v>0</v>
      </c>
      <c r="X23654" s="2">
        <v>0</v>
      </c>
      <c r="Y23654" s="2">
        <v>0</v>
      </c>
      <c r="Z23654" s="2">
        <v>0</v>
      </c>
      <c r="AA23654" s="5"/>
      <c r="AB23654" s="5" t="s">
        <v>43</v>
      </c>
      <c r="AC23654" s="5" t="s">
        <v>44</v>
      </c>
      <c r="AD23654" s="2"/>
      <c r="AE23654" s="1"/>
    </row>
    <row r="23655" spans="1:31" ht="14.45">
      <c r="A23655" s="11"/>
      <c r="B23655" s="20"/>
      <c r="C23655" s="2" t="s">
        <v>75844</v>
      </c>
      <c r="D23655" s="14" t="s">
        <v>75845</v>
      </c>
      <c r="E23655" s="2" t="s">
        <v>75846</v>
      </c>
      <c r="F23655" s="2" t="s">
        <v>7208</v>
      </c>
      <c r="G23655" s="8">
        <v>178</v>
      </c>
      <c r="H23655" s="5">
        <v>6</v>
      </c>
      <c r="I23655" s="5" t="s">
        <v>1518</v>
      </c>
      <c r="J23655" s="5" t="s">
        <v>69038</v>
      </c>
      <c r="K23655" s="2" t="s">
        <v>69039</v>
      </c>
      <c r="L23655" s="5" t="s">
        <v>69038</v>
      </c>
      <c r="M23655" s="2" t="s">
        <v>69039</v>
      </c>
      <c r="N23655" s="5" t="s">
        <v>19227</v>
      </c>
      <c r="O23655" s="5" t="s">
        <v>38</v>
      </c>
      <c r="P23655" s="5" t="s">
        <v>39</v>
      </c>
      <c r="Q23655" s="5" t="s">
        <v>40</v>
      </c>
      <c r="R23655" s="5" t="s">
        <v>1487</v>
      </c>
      <c r="S23655" s="5"/>
      <c r="T23655" s="5" t="s">
        <v>42</v>
      </c>
      <c r="U23655" s="2">
        <v>0</v>
      </c>
      <c r="V23655" s="2">
        <v>0</v>
      </c>
      <c r="W23655" s="2">
        <v>0</v>
      </c>
      <c r="X23655" s="2">
        <v>0</v>
      </c>
      <c r="Y23655" s="2">
        <v>0</v>
      </c>
      <c r="Z23655" s="2">
        <v>0</v>
      </c>
      <c r="AA23655" s="5"/>
      <c r="AB23655" s="5" t="s">
        <v>43</v>
      </c>
      <c r="AC23655" s="5" t="s">
        <v>44</v>
      </c>
      <c r="AD23655" s="2"/>
      <c r="AE23655" s="1"/>
    </row>
    <row r="23656" spans="1:31" ht="14.45">
      <c r="A23656" s="11"/>
      <c r="B23656" s="20"/>
      <c r="C23656" s="2" t="s">
        <v>75847</v>
      </c>
      <c r="D23656" s="14" t="s">
        <v>75848</v>
      </c>
      <c r="E23656" s="2" t="s">
        <v>75849</v>
      </c>
      <c r="F23656" s="2" t="s">
        <v>7521</v>
      </c>
      <c r="G23656" s="8">
        <v>178</v>
      </c>
      <c r="H23656" s="5">
        <v>6</v>
      </c>
      <c r="I23656" s="5" t="s">
        <v>1518</v>
      </c>
      <c r="J23656" s="5" t="s">
        <v>69038</v>
      </c>
      <c r="K23656" s="2" t="s">
        <v>69039</v>
      </c>
      <c r="L23656" s="5" t="s">
        <v>69038</v>
      </c>
      <c r="M23656" s="2" t="s">
        <v>69039</v>
      </c>
      <c r="N23656" s="5" t="s">
        <v>19227</v>
      </c>
      <c r="O23656" s="5" t="s">
        <v>38</v>
      </c>
      <c r="P23656" s="5" t="s">
        <v>39</v>
      </c>
      <c r="Q23656" s="5" t="s">
        <v>40</v>
      </c>
      <c r="R23656" s="5" t="s">
        <v>1487</v>
      </c>
      <c r="S23656" s="5"/>
      <c r="T23656" s="5" t="s">
        <v>42</v>
      </c>
      <c r="U23656" s="2">
        <v>0</v>
      </c>
      <c r="V23656" s="2">
        <v>0</v>
      </c>
      <c r="W23656" s="2">
        <v>0</v>
      </c>
      <c r="X23656" s="2">
        <v>0</v>
      </c>
      <c r="Y23656" s="2">
        <v>0</v>
      </c>
      <c r="Z23656" s="2">
        <v>0</v>
      </c>
      <c r="AA23656" s="5"/>
      <c r="AB23656" s="5" t="s">
        <v>43</v>
      </c>
      <c r="AC23656" s="5" t="s">
        <v>44</v>
      </c>
      <c r="AD23656" s="2"/>
      <c r="AE23656" s="1"/>
    </row>
    <row r="23657" spans="1:31" ht="14.45">
      <c r="A23657" s="11"/>
      <c r="B23657" s="20"/>
      <c r="C23657" s="2" t="s">
        <v>75850</v>
      </c>
      <c r="D23657" s="14" t="s">
        <v>75851</v>
      </c>
      <c r="E23657" s="2" t="s">
        <v>75852</v>
      </c>
      <c r="F23657" s="2" t="s">
        <v>7396</v>
      </c>
      <c r="G23657" s="8">
        <v>178</v>
      </c>
      <c r="H23657" s="5">
        <v>6</v>
      </c>
      <c r="I23657" s="5" t="s">
        <v>1518</v>
      </c>
      <c r="J23657" s="5" t="s">
        <v>69038</v>
      </c>
      <c r="K23657" s="2" t="s">
        <v>69039</v>
      </c>
      <c r="L23657" s="5" t="s">
        <v>69038</v>
      </c>
      <c r="M23657" s="2" t="s">
        <v>69039</v>
      </c>
      <c r="N23657" s="5" t="s">
        <v>19227</v>
      </c>
      <c r="O23657" s="5" t="s">
        <v>38</v>
      </c>
      <c r="P23657" s="5" t="s">
        <v>39</v>
      </c>
      <c r="Q23657" s="5" t="s">
        <v>40</v>
      </c>
      <c r="R23657" s="5" t="s">
        <v>1487</v>
      </c>
      <c r="S23657" s="5"/>
      <c r="T23657" s="5" t="s">
        <v>42</v>
      </c>
      <c r="U23657" s="2">
        <v>0</v>
      </c>
      <c r="V23657" s="2">
        <v>0</v>
      </c>
      <c r="W23657" s="2">
        <v>0</v>
      </c>
      <c r="X23657" s="2">
        <v>0</v>
      </c>
      <c r="Y23657" s="2">
        <v>0</v>
      </c>
      <c r="Z23657" s="2">
        <v>0</v>
      </c>
      <c r="AA23657" s="5"/>
      <c r="AB23657" s="5" t="s">
        <v>43</v>
      </c>
      <c r="AC23657" s="5" t="s">
        <v>44</v>
      </c>
      <c r="AD23657" s="2"/>
      <c r="AE23657" s="1"/>
    </row>
    <row r="23658" spans="1:31" ht="14.45">
      <c r="A23658" s="11"/>
      <c r="B23658" s="20"/>
      <c r="C23658" s="2" t="s">
        <v>75853</v>
      </c>
      <c r="D23658" s="14" t="s">
        <v>75854</v>
      </c>
      <c r="E23658" s="2" t="s">
        <v>75855</v>
      </c>
      <c r="F23658" s="2" t="s">
        <v>7507</v>
      </c>
      <c r="G23658" s="8">
        <v>178</v>
      </c>
      <c r="H23658" s="5">
        <v>6</v>
      </c>
      <c r="I23658" s="5" t="s">
        <v>1518</v>
      </c>
      <c r="J23658" s="5" t="s">
        <v>69038</v>
      </c>
      <c r="K23658" s="2" t="s">
        <v>69039</v>
      </c>
      <c r="L23658" s="5" t="s">
        <v>69038</v>
      </c>
      <c r="M23658" s="2" t="s">
        <v>69039</v>
      </c>
      <c r="N23658" s="5" t="s">
        <v>19227</v>
      </c>
      <c r="O23658" s="5" t="s">
        <v>38</v>
      </c>
      <c r="P23658" s="5" t="s">
        <v>39</v>
      </c>
      <c r="Q23658" s="5" t="s">
        <v>40</v>
      </c>
      <c r="R23658" s="5" t="s">
        <v>1487</v>
      </c>
      <c r="S23658" s="5"/>
      <c r="T23658" s="5" t="s">
        <v>42</v>
      </c>
      <c r="U23658" s="2">
        <v>0</v>
      </c>
      <c r="V23658" s="2">
        <v>0</v>
      </c>
      <c r="W23658" s="2">
        <v>0</v>
      </c>
      <c r="X23658" s="2">
        <v>0</v>
      </c>
      <c r="Y23658" s="2">
        <v>0</v>
      </c>
      <c r="Z23658" s="2">
        <v>0</v>
      </c>
      <c r="AA23658" s="5"/>
      <c r="AB23658" s="5" t="s">
        <v>43</v>
      </c>
      <c r="AC23658" s="5" t="s">
        <v>44</v>
      </c>
      <c r="AD23658" s="2"/>
      <c r="AE23658" s="1"/>
    </row>
    <row r="23659" spans="1:31" ht="14.45">
      <c r="A23659" s="11"/>
      <c r="B23659" s="20"/>
      <c r="C23659" s="2" t="s">
        <v>75856</v>
      </c>
      <c r="D23659" s="14" t="s">
        <v>75857</v>
      </c>
      <c r="E23659" s="2" t="s">
        <v>75858</v>
      </c>
      <c r="F23659" s="2" t="s">
        <v>7212</v>
      </c>
      <c r="G23659" s="8">
        <v>178</v>
      </c>
      <c r="H23659" s="5">
        <v>6</v>
      </c>
      <c r="I23659" s="5" t="s">
        <v>1518</v>
      </c>
      <c r="J23659" s="5" t="s">
        <v>69038</v>
      </c>
      <c r="K23659" s="2" t="s">
        <v>69039</v>
      </c>
      <c r="L23659" s="5" t="s">
        <v>69038</v>
      </c>
      <c r="M23659" s="2" t="s">
        <v>69039</v>
      </c>
      <c r="N23659" s="5" t="s">
        <v>19227</v>
      </c>
      <c r="O23659" s="5" t="s">
        <v>38</v>
      </c>
      <c r="P23659" s="5" t="s">
        <v>39</v>
      </c>
      <c r="Q23659" s="5" t="s">
        <v>40</v>
      </c>
      <c r="R23659" s="5" t="s">
        <v>1487</v>
      </c>
      <c r="S23659" s="5"/>
      <c r="T23659" s="5" t="s">
        <v>42</v>
      </c>
      <c r="U23659" s="2">
        <v>0</v>
      </c>
      <c r="V23659" s="2">
        <v>0</v>
      </c>
      <c r="W23659" s="2">
        <v>0</v>
      </c>
      <c r="X23659" s="2">
        <v>0</v>
      </c>
      <c r="Y23659" s="2">
        <v>0</v>
      </c>
      <c r="Z23659" s="2">
        <v>0</v>
      </c>
      <c r="AA23659" s="5"/>
      <c r="AB23659" s="5" t="s">
        <v>43</v>
      </c>
      <c r="AC23659" s="5" t="s">
        <v>44</v>
      </c>
      <c r="AD23659" s="2"/>
      <c r="AE23659" s="1"/>
    </row>
    <row r="23660" spans="1:31" ht="14.45">
      <c r="A23660" s="11"/>
      <c r="B23660" s="20"/>
      <c r="C23660" s="2" t="s">
        <v>75859</v>
      </c>
      <c r="D23660" s="14" t="s">
        <v>75860</v>
      </c>
      <c r="E23660" s="2" t="s">
        <v>75861</v>
      </c>
      <c r="F23660" s="2" t="s">
        <v>7528</v>
      </c>
      <c r="G23660" s="8">
        <v>178</v>
      </c>
      <c r="H23660" s="5">
        <v>6</v>
      </c>
      <c r="I23660" s="5" t="s">
        <v>1518</v>
      </c>
      <c r="J23660" s="5" t="s">
        <v>69038</v>
      </c>
      <c r="K23660" s="2" t="s">
        <v>69039</v>
      </c>
      <c r="L23660" s="5" t="s">
        <v>69038</v>
      </c>
      <c r="M23660" s="2" t="s">
        <v>69039</v>
      </c>
      <c r="N23660" s="5" t="s">
        <v>19227</v>
      </c>
      <c r="O23660" s="5" t="s">
        <v>38</v>
      </c>
      <c r="P23660" s="5" t="s">
        <v>39</v>
      </c>
      <c r="Q23660" s="5" t="s">
        <v>40</v>
      </c>
      <c r="R23660" s="5" t="s">
        <v>1487</v>
      </c>
      <c r="S23660" s="5"/>
      <c r="T23660" s="5" t="s">
        <v>42</v>
      </c>
      <c r="U23660" s="2">
        <v>0</v>
      </c>
      <c r="V23660" s="2">
        <v>0</v>
      </c>
      <c r="W23660" s="2">
        <v>0</v>
      </c>
      <c r="X23660" s="2">
        <v>0</v>
      </c>
      <c r="Y23660" s="2">
        <v>0</v>
      </c>
      <c r="Z23660" s="2">
        <v>0</v>
      </c>
      <c r="AA23660" s="5"/>
      <c r="AB23660" s="5" t="s">
        <v>43</v>
      </c>
      <c r="AC23660" s="5" t="s">
        <v>44</v>
      </c>
      <c r="AD23660" s="2"/>
      <c r="AE23660" s="1"/>
    </row>
    <row r="23661" spans="1:31" ht="14.45">
      <c r="A23661" s="11"/>
      <c r="B23661" s="20"/>
      <c r="C23661" s="2" t="s">
        <v>75862</v>
      </c>
      <c r="D23661" s="14" t="s">
        <v>75863</v>
      </c>
      <c r="E23661" s="2" t="s">
        <v>75864</v>
      </c>
      <c r="F23661" s="2" t="s">
        <v>7204</v>
      </c>
      <c r="G23661" s="8">
        <v>188</v>
      </c>
      <c r="H23661" s="5">
        <v>6</v>
      </c>
      <c r="I23661" s="5" t="s">
        <v>1518</v>
      </c>
      <c r="J23661" s="5" t="s">
        <v>69038</v>
      </c>
      <c r="K23661" s="2" t="s">
        <v>69039</v>
      </c>
      <c r="L23661" s="5" t="s">
        <v>69038</v>
      </c>
      <c r="M23661" s="2" t="s">
        <v>69039</v>
      </c>
      <c r="N23661" s="5" t="s">
        <v>19227</v>
      </c>
      <c r="O23661" s="5" t="s">
        <v>38</v>
      </c>
      <c r="P23661" s="5" t="s">
        <v>39</v>
      </c>
      <c r="Q23661" s="5" t="s">
        <v>40</v>
      </c>
      <c r="R23661" s="5" t="s">
        <v>1487</v>
      </c>
      <c r="S23661" s="5"/>
      <c r="T23661" s="5" t="s">
        <v>42</v>
      </c>
      <c r="U23661" s="2">
        <v>0</v>
      </c>
      <c r="V23661" s="2">
        <v>0</v>
      </c>
      <c r="W23661" s="2">
        <v>0</v>
      </c>
      <c r="X23661" s="2">
        <v>0</v>
      </c>
      <c r="Y23661" s="2">
        <v>0</v>
      </c>
      <c r="Z23661" s="2">
        <v>0</v>
      </c>
      <c r="AA23661" s="5"/>
      <c r="AB23661" s="5" t="s">
        <v>43</v>
      </c>
      <c r="AC23661" s="5" t="s">
        <v>44</v>
      </c>
      <c r="AD23661" s="2"/>
      <c r="AE23661" s="1"/>
    </row>
    <row r="23662" spans="1:31" ht="14.45">
      <c r="A23662" s="11"/>
      <c r="B23662" s="20"/>
      <c r="C23662" s="2" t="s">
        <v>75865</v>
      </c>
      <c r="D23662" s="14" t="s">
        <v>75866</v>
      </c>
      <c r="E23662" s="2" t="s">
        <v>75867</v>
      </c>
      <c r="F23662" s="2" t="s">
        <v>7514</v>
      </c>
      <c r="G23662" s="8">
        <v>188</v>
      </c>
      <c r="H23662" s="5">
        <v>6</v>
      </c>
      <c r="I23662" s="5" t="s">
        <v>1518</v>
      </c>
      <c r="J23662" s="5" t="s">
        <v>69038</v>
      </c>
      <c r="K23662" s="2" t="s">
        <v>69039</v>
      </c>
      <c r="L23662" s="5" t="s">
        <v>69038</v>
      </c>
      <c r="M23662" s="2" t="s">
        <v>69039</v>
      </c>
      <c r="N23662" s="5" t="s">
        <v>19227</v>
      </c>
      <c r="O23662" s="5" t="s">
        <v>38</v>
      </c>
      <c r="P23662" s="5" t="s">
        <v>39</v>
      </c>
      <c r="Q23662" s="5" t="s">
        <v>40</v>
      </c>
      <c r="R23662" s="5" t="s">
        <v>1487</v>
      </c>
      <c r="S23662" s="5"/>
      <c r="T23662" s="5" t="s">
        <v>42</v>
      </c>
      <c r="U23662" s="2">
        <v>0</v>
      </c>
      <c r="V23662" s="2">
        <v>0</v>
      </c>
      <c r="W23662" s="2">
        <v>0</v>
      </c>
      <c r="X23662" s="2">
        <v>0</v>
      </c>
      <c r="Y23662" s="2">
        <v>0</v>
      </c>
      <c r="Z23662" s="2">
        <v>0</v>
      </c>
      <c r="AA23662" s="5"/>
      <c r="AB23662" s="5" t="s">
        <v>43</v>
      </c>
      <c r="AC23662" s="5" t="s">
        <v>44</v>
      </c>
      <c r="AD23662" s="2"/>
      <c r="AE23662" s="1"/>
    </row>
    <row r="23663" spans="1:31" ht="14.45">
      <c r="A23663" s="11"/>
      <c r="B23663" s="20"/>
      <c r="C23663" s="2" t="s">
        <v>75868</v>
      </c>
      <c r="D23663" s="14" t="s">
        <v>75869</v>
      </c>
      <c r="E23663" s="2" t="s">
        <v>75870</v>
      </c>
      <c r="F23663" s="2" t="s">
        <v>7208</v>
      </c>
      <c r="G23663" s="8">
        <v>188</v>
      </c>
      <c r="H23663" s="5">
        <v>6</v>
      </c>
      <c r="I23663" s="5" t="s">
        <v>1518</v>
      </c>
      <c r="J23663" s="5" t="s">
        <v>69038</v>
      </c>
      <c r="K23663" s="2" t="s">
        <v>69039</v>
      </c>
      <c r="L23663" s="5" t="s">
        <v>69038</v>
      </c>
      <c r="M23663" s="2" t="s">
        <v>69039</v>
      </c>
      <c r="N23663" s="5" t="s">
        <v>19227</v>
      </c>
      <c r="O23663" s="5" t="s">
        <v>38</v>
      </c>
      <c r="P23663" s="5" t="s">
        <v>39</v>
      </c>
      <c r="Q23663" s="5" t="s">
        <v>40</v>
      </c>
      <c r="R23663" s="5" t="s">
        <v>1487</v>
      </c>
      <c r="S23663" s="5"/>
      <c r="T23663" s="5" t="s">
        <v>42</v>
      </c>
      <c r="U23663" s="2">
        <v>0</v>
      </c>
      <c r="V23663" s="2">
        <v>0</v>
      </c>
      <c r="W23663" s="2">
        <v>0</v>
      </c>
      <c r="X23663" s="2">
        <v>0</v>
      </c>
      <c r="Y23663" s="2">
        <v>0</v>
      </c>
      <c r="Z23663" s="2">
        <v>0</v>
      </c>
      <c r="AA23663" s="5"/>
      <c r="AB23663" s="5" t="s">
        <v>43</v>
      </c>
      <c r="AC23663" s="5" t="s">
        <v>44</v>
      </c>
      <c r="AD23663" s="2"/>
      <c r="AE23663" s="1"/>
    </row>
    <row r="23664" spans="1:31" ht="14.45">
      <c r="A23664" s="11"/>
      <c r="B23664" s="20"/>
      <c r="C23664" s="2" t="s">
        <v>75871</v>
      </c>
      <c r="D23664" s="14" t="s">
        <v>75872</v>
      </c>
      <c r="E23664" s="2" t="s">
        <v>75873</v>
      </c>
      <c r="F23664" s="2" t="s">
        <v>7521</v>
      </c>
      <c r="G23664" s="8">
        <v>188</v>
      </c>
      <c r="H23664" s="5">
        <v>6</v>
      </c>
      <c r="I23664" s="5" t="s">
        <v>1518</v>
      </c>
      <c r="J23664" s="5" t="s">
        <v>69038</v>
      </c>
      <c r="K23664" s="2" t="s">
        <v>69039</v>
      </c>
      <c r="L23664" s="5" t="s">
        <v>69038</v>
      </c>
      <c r="M23664" s="2" t="s">
        <v>69039</v>
      </c>
      <c r="N23664" s="5" t="s">
        <v>19227</v>
      </c>
      <c r="O23664" s="5" t="s">
        <v>38</v>
      </c>
      <c r="P23664" s="5" t="s">
        <v>39</v>
      </c>
      <c r="Q23664" s="5" t="s">
        <v>40</v>
      </c>
      <c r="R23664" s="5" t="s">
        <v>1487</v>
      </c>
      <c r="S23664" s="5"/>
      <c r="T23664" s="5" t="s">
        <v>42</v>
      </c>
      <c r="U23664" s="2">
        <v>0</v>
      </c>
      <c r="V23664" s="2">
        <v>0</v>
      </c>
      <c r="W23664" s="2">
        <v>0</v>
      </c>
      <c r="X23664" s="2">
        <v>0</v>
      </c>
      <c r="Y23664" s="2">
        <v>0</v>
      </c>
      <c r="Z23664" s="2">
        <v>0</v>
      </c>
      <c r="AA23664" s="5"/>
      <c r="AB23664" s="5" t="s">
        <v>43</v>
      </c>
      <c r="AC23664" s="5" t="s">
        <v>44</v>
      </c>
      <c r="AD23664" s="2"/>
      <c r="AE23664" s="1"/>
    </row>
    <row r="23665" spans="1:31" ht="14.45">
      <c r="A23665" s="11"/>
      <c r="B23665" s="20"/>
      <c r="C23665" s="2" t="s">
        <v>75874</v>
      </c>
      <c r="D23665" s="14" t="s">
        <v>75875</v>
      </c>
      <c r="E23665" s="2" t="s">
        <v>75876</v>
      </c>
      <c r="F23665" s="2" t="s">
        <v>7396</v>
      </c>
      <c r="G23665" s="8">
        <v>188</v>
      </c>
      <c r="H23665" s="5">
        <v>6</v>
      </c>
      <c r="I23665" s="5" t="s">
        <v>1518</v>
      </c>
      <c r="J23665" s="5" t="s">
        <v>69038</v>
      </c>
      <c r="K23665" s="2" t="s">
        <v>69039</v>
      </c>
      <c r="L23665" s="5" t="s">
        <v>69038</v>
      </c>
      <c r="M23665" s="2" t="s">
        <v>69039</v>
      </c>
      <c r="N23665" s="5" t="s">
        <v>19227</v>
      </c>
      <c r="O23665" s="5" t="s">
        <v>38</v>
      </c>
      <c r="P23665" s="5" t="s">
        <v>39</v>
      </c>
      <c r="Q23665" s="5" t="s">
        <v>40</v>
      </c>
      <c r="R23665" s="5" t="s">
        <v>1487</v>
      </c>
      <c r="S23665" s="5"/>
      <c r="T23665" s="5" t="s">
        <v>42</v>
      </c>
      <c r="U23665" s="2">
        <v>0</v>
      </c>
      <c r="V23665" s="2">
        <v>0</v>
      </c>
      <c r="W23665" s="2">
        <v>0</v>
      </c>
      <c r="X23665" s="2">
        <v>0</v>
      </c>
      <c r="Y23665" s="2">
        <v>0</v>
      </c>
      <c r="Z23665" s="2">
        <v>0</v>
      </c>
      <c r="AA23665" s="5"/>
      <c r="AB23665" s="5" t="s">
        <v>43</v>
      </c>
      <c r="AC23665" s="5" t="s">
        <v>44</v>
      </c>
      <c r="AD23665" s="2"/>
      <c r="AE23665" s="1"/>
    </row>
    <row r="23666" spans="1:31" ht="14.45">
      <c r="A23666" s="11"/>
      <c r="B23666" s="20"/>
      <c r="C23666" s="2" t="s">
        <v>75877</v>
      </c>
      <c r="D23666" s="14" t="s">
        <v>75878</v>
      </c>
      <c r="E23666" s="2" t="s">
        <v>75879</v>
      </c>
      <c r="F23666" s="2" t="s">
        <v>7507</v>
      </c>
      <c r="G23666" s="8">
        <v>188</v>
      </c>
      <c r="H23666" s="5">
        <v>6</v>
      </c>
      <c r="I23666" s="5" t="s">
        <v>1518</v>
      </c>
      <c r="J23666" s="5" t="s">
        <v>69038</v>
      </c>
      <c r="K23666" s="2" t="s">
        <v>69039</v>
      </c>
      <c r="L23666" s="5" t="s">
        <v>69038</v>
      </c>
      <c r="M23666" s="2" t="s">
        <v>69039</v>
      </c>
      <c r="N23666" s="5" t="s">
        <v>19227</v>
      </c>
      <c r="O23666" s="5" t="s">
        <v>38</v>
      </c>
      <c r="P23666" s="5" t="s">
        <v>39</v>
      </c>
      <c r="Q23666" s="5" t="s">
        <v>40</v>
      </c>
      <c r="R23666" s="5" t="s">
        <v>1487</v>
      </c>
      <c r="S23666" s="5"/>
      <c r="T23666" s="5" t="s">
        <v>42</v>
      </c>
      <c r="U23666" s="2">
        <v>0</v>
      </c>
      <c r="V23666" s="2">
        <v>0</v>
      </c>
      <c r="W23666" s="2">
        <v>0</v>
      </c>
      <c r="X23666" s="2">
        <v>0</v>
      </c>
      <c r="Y23666" s="2">
        <v>0</v>
      </c>
      <c r="Z23666" s="2">
        <v>0</v>
      </c>
      <c r="AA23666" s="5"/>
      <c r="AB23666" s="5" t="s">
        <v>43</v>
      </c>
      <c r="AC23666" s="5" t="s">
        <v>44</v>
      </c>
      <c r="AD23666" s="2"/>
      <c r="AE23666" s="1"/>
    </row>
    <row r="23667" spans="1:31" ht="14.45">
      <c r="A23667" s="11"/>
      <c r="B23667" s="20"/>
      <c r="C23667" s="2" t="s">
        <v>75880</v>
      </c>
      <c r="D23667" s="14" t="s">
        <v>75881</v>
      </c>
      <c r="E23667" s="2" t="s">
        <v>75882</v>
      </c>
      <c r="F23667" s="2" t="s">
        <v>7212</v>
      </c>
      <c r="G23667" s="8">
        <v>188</v>
      </c>
      <c r="H23667" s="5">
        <v>6</v>
      </c>
      <c r="I23667" s="5" t="s">
        <v>1518</v>
      </c>
      <c r="J23667" s="5" t="s">
        <v>69038</v>
      </c>
      <c r="K23667" s="2" t="s">
        <v>69039</v>
      </c>
      <c r="L23667" s="5" t="s">
        <v>69038</v>
      </c>
      <c r="M23667" s="2" t="s">
        <v>69039</v>
      </c>
      <c r="N23667" s="5" t="s">
        <v>19227</v>
      </c>
      <c r="O23667" s="5" t="s">
        <v>38</v>
      </c>
      <c r="P23667" s="5" t="s">
        <v>39</v>
      </c>
      <c r="Q23667" s="5" t="s">
        <v>40</v>
      </c>
      <c r="R23667" s="5" t="s">
        <v>1487</v>
      </c>
      <c r="S23667" s="5"/>
      <c r="T23667" s="5" t="s">
        <v>42</v>
      </c>
      <c r="U23667" s="2">
        <v>0</v>
      </c>
      <c r="V23667" s="2">
        <v>0</v>
      </c>
      <c r="W23667" s="2">
        <v>0</v>
      </c>
      <c r="X23667" s="2">
        <v>0</v>
      </c>
      <c r="Y23667" s="2">
        <v>0</v>
      </c>
      <c r="Z23667" s="2">
        <v>0</v>
      </c>
      <c r="AA23667" s="5"/>
      <c r="AB23667" s="5" t="s">
        <v>43</v>
      </c>
      <c r="AC23667" s="5" t="s">
        <v>44</v>
      </c>
      <c r="AD23667" s="2"/>
      <c r="AE23667" s="1"/>
    </row>
    <row r="23668" spans="1:31" ht="14.45">
      <c r="A23668" s="11"/>
      <c r="B23668" s="20"/>
      <c r="C23668" s="2" t="s">
        <v>75883</v>
      </c>
      <c r="D23668" s="14" t="s">
        <v>75884</v>
      </c>
      <c r="E23668" s="2" t="s">
        <v>75885</v>
      </c>
      <c r="F23668" s="2" t="s">
        <v>7528</v>
      </c>
      <c r="G23668" s="8">
        <v>188</v>
      </c>
      <c r="H23668" s="5">
        <v>6</v>
      </c>
      <c r="I23668" s="5" t="s">
        <v>1518</v>
      </c>
      <c r="J23668" s="5" t="s">
        <v>69038</v>
      </c>
      <c r="K23668" s="2" t="s">
        <v>69039</v>
      </c>
      <c r="L23668" s="5" t="s">
        <v>69038</v>
      </c>
      <c r="M23668" s="2" t="s">
        <v>69039</v>
      </c>
      <c r="N23668" s="5" t="s">
        <v>19227</v>
      </c>
      <c r="O23668" s="5" t="s">
        <v>38</v>
      </c>
      <c r="P23668" s="5" t="s">
        <v>39</v>
      </c>
      <c r="Q23668" s="5" t="s">
        <v>40</v>
      </c>
      <c r="R23668" s="5" t="s">
        <v>1487</v>
      </c>
      <c r="S23668" s="5"/>
      <c r="T23668" s="5" t="s">
        <v>42</v>
      </c>
      <c r="U23668" s="2">
        <v>0</v>
      </c>
      <c r="V23668" s="2">
        <v>0</v>
      </c>
      <c r="W23668" s="2">
        <v>0</v>
      </c>
      <c r="X23668" s="2">
        <v>0</v>
      </c>
      <c r="Y23668" s="2">
        <v>0</v>
      </c>
      <c r="Z23668" s="2">
        <v>0</v>
      </c>
      <c r="AA23668" s="5"/>
      <c r="AB23668" s="5" t="s">
        <v>43</v>
      </c>
      <c r="AC23668" s="5" t="s">
        <v>44</v>
      </c>
      <c r="AD23668" s="2"/>
      <c r="AE23668" s="1"/>
    </row>
    <row r="23669" spans="1:31" ht="14.45">
      <c r="A23669" s="11"/>
      <c r="B23669" s="20"/>
      <c r="C23669" s="2" t="s">
        <v>75886</v>
      </c>
      <c r="D23669" s="14" t="s">
        <v>75887</v>
      </c>
      <c r="E23669" s="2" t="s">
        <v>75888</v>
      </c>
      <c r="F23669" s="2" t="s">
        <v>7204</v>
      </c>
      <c r="G23669" s="8">
        <v>191</v>
      </c>
      <c r="H23669" s="5">
        <v>6</v>
      </c>
      <c r="I23669" s="5" t="s">
        <v>1518</v>
      </c>
      <c r="J23669" s="5" t="s">
        <v>69038</v>
      </c>
      <c r="K23669" s="2" t="s">
        <v>69039</v>
      </c>
      <c r="L23669" s="5" t="s">
        <v>69038</v>
      </c>
      <c r="M23669" s="2" t="s">
        <v>69039</v>
      </c>
      <c r="N23669" s="5" t="s">
        <v>19227</v>
      </c>
      <c r="O23669" s="5" t="s">
        <v>38</v>
      </c>
      <c r="P23669" s="5" t="s">
        <v>39</v>
      </c>
      <c r="Q23669" s="5" t="s">
        <v>40</v>
      </c>
      <c r="R23669" s="5" t="s">
        <v>1487</v>
      </c>
      <c r="S23669" s="5"/>
      <c r="T23669" s="5" t="s">
        <v>42</v>
      </c>
      <c r="U23669" s="2">
        <v>0</v>
      </c>
      <c r="V23669" s="2">
        <v>0</v>
      </c>
      <c r="W23669" s="2">
        <v>0</v>
      </c>
      <c r="X23669" s="2">
        <v>0</v>
      </c>
      <c r="Y23669" s="2">
        <v>0</v>
      </c>
      <c r="Z23669" s="2">
        <v>0</v>
      </c>
      <c r="AA23669" s="5"/>
      <c r="AB23669" s="5" t="s">
        <v>43</v>
      </c>
      <c r="AC23669" s="5" t="s">
        <v>44</v>
      </c>
      <c r="AD23669" s="2"/>
      <c r="AE23669" s="1"/>
    </row>
    <row r="23670" spans="1:31" ht="14.45">
      <c r="A23670" s="11"/>
      <c r="B23670" s="20"/>
      <c r="C23670" s="2" t="s">
        <v>75889</v>
      </c>
      <c r="D23670" s="14" t="s">
        <v>75890</v>
      </c>
      <c r="E23670" s="2" t="s">
        <v>75891</v>
      </c>
      <c r="F23670" s="2" t="s">
        <v>7514</v>
      </c>
      <c r="G23670" s="8">
        <v>191</v>
      </c>
      <c r="H23670" s="5">
        <v>6</v>
      </c>
      <c r="I23670" s="5" t="s">
        <v>1518</v>
      </c>
      <c r="J23670" s="5" t="s">
        <v>69038</v>
      </c>
      <c r="K23670" s="2" t="s">
        <v>69039</v>
      </c>
      <c r="L23670" s="5" t="s">
        <v>69038</v>
      </c>
      <c r="M23670" s="2" t="s">
        <v>69039</v>
      </c>
      <c r="N23670" s="5" t="s">
        <v>19227</v>
      </c>
      <c r="O23670" s="5" t="s">
        <v>38</v>
      </c>
      <c r="P23670" s="5" t="s">
        <v>39</v>
      </c>
      <c r="Q23670" s="5" t="s">
        <v>40</v>
      </c>
      <c r="R23670" s="5" t="s">
        <v>1487</v>
      </c>
      <c r="S23670" s="5"/>
      <c r="T23670" s="5" t="s">
        <v>42</v>
      </c>
      <c r="U23670" s="2">
        <v>0</v>
      </c>
      <c r="V23670" s="2">
        <v>0</v>
      </c>
      <c r="W23670" s="2">
        <v>0</v>
      </c>
      <c r="X23670" s="2">
        <v>0</v>
      </c>
      <c r="Y23670" s="2">
        <v>0</v>
      </c>
      <c r="Z23670" s="2">
        <v>0</v>
      </c>
      <c r="AA23670" s="5"/>
      <c r="AB23670" s="5" t="s">
        <v>43</v>
      </c>
      <c r="AC23670" s="5" t="s">
        <v>44</v>
      </c>
      <c r="AD23670" s="2"/>
      <c r="AE23670" s="1"/>
    </row>
    <row r="23671" spans="1:31" ht="14.45">
      <c r="A23671" s="11"/>
      <c r="B23671" s="20"/>
      <c r="C23671" s="2" t="s">
        <v>75892</v>
      </c>
      <c r="D23671" s="14" t="s">
        <v>75893</v>
      </c>
      <c r="E23671" s="2" t="s">
        <v>75894</v>
      </c>
      <c r="F23671" s="2" t="s">
        <v>7208</v>
      </c>
      <c r="G23671" s="8">
        <v>191</v>
      </c>
      <c r="H23671" s="5">
        <v>6</v>
      </c>
      <c r="I23671" s="5" t="s">
        <v>1518</v>
      </c>
      <c r="J23671" s="5" t="s">
        <v>69038</v>
      </c>
      <c r="K23671" s="2" t="s">
        <v>69039</v>
      </c>
      <c r="L23671" s="5" t="s">
        <v>69038</v>
      </c>
      <c r="M23671" s="2" t="s">
        <v>69039</v>
      </c>
      <c r="N23671" s="5" t="s">
        <v>19227</v>
      </c>
      <c r="O23671" s="5" t="s">
        <v>38</v>
      </c>
      <c r="P23671" s="5" t="s">
        <v>39</v>
      </c>
      <c r="Q23671" s="5" t="s">
        <v>40</v>
      </c>
      <c r="R23671" s="5" t="s">
        <v>1487</v>
      </c>
      <c r="S23671" s="5"/>
      <c r="T23671" s="5" t="s">
        <v>42</v>
      </c>
      <c r="U23671" s="2">
        <v>0</v>
      </c>
      <c r="V23671" s="2">
        <v>0</v>
      </c>
      <c r="W23671" s="2">
        <v>0</v>
      </c>
      <c r="X23671" s="2">
        <v>0</v>
      </c>
      <c r="Y23671" s="2">
        <v>0</v>
      </c>
      <c r="Z23671" s="2">
        <v>0</v>
      </c>
      <c r="AA23671" s="5"/>
      <c r="AB23671" s="5" t="s">
        <v>43</v>
      </c>
      <c r="AC23671" s="5" t="s">
        <v>44</v>
      </c>
      <c r="AD23671" s="2"/>
      <c r="AE23671" s="1"/>
    </row>
    <row r="23672" spans="1:31" ht="14.45">
      <c r="A23672" s="11"/>
      <c r="B23672" s="20"/>
      <c r="C23672" s="2" t="s">
        <v>75895</v>
      </c>
      <c r="D23672" s="14" t="s">
        <v>75896</v>
      </c>
      <c r="E23672" s="2" t="s">
        <v>75897</v>
      </c>
      <c r="F23672" s="2" t="s">
        <v>7521</v>
      </c>
      <c r="G23672" s="8">
        <v>191</v>
      </c>
      <c r="H23672" s="5">
        <v>6</v>
      </c>
      <c r="I23672" s="5" t="s">
        <v>1518</v>
      </c>
      <c r="J23672" s="5" t="s">
        <v>69038</v>
      </c>
      <c r="K23672" s="2" t="s">
        <v>69039</v>
      </c>
      <c r="L23672" s="5" t="s">
        <v>69038</v>
      </c>
      <c r="M23672" s="2" t="s">
        <v>69039</v>
      </c>
      <c r="N23672" s="5" t="s">
        <v>19227</v>
      </c>
      <c r="O23672" s="5" t="s">
        <v>38</v>
      </c>
      <c r="P23672" s="5" t="s">
        <v>39</v>
      </c>
      <c r="Q23672" s="5" t="s">
        <v>40</v>
      </c>
      <c r="R23672" s="5" t="s">
        <v>1487</v>
      </c>
      <c r="S23672" s="5"/>
      <c r="T23672" s="5" t="s">
        <v>42</v>
      </c>
      <c r="U23672" s="2">
        <v>0</v>
      </c>
      <c r="V23672" s="2">
        <v>0</v>
      </c>
      <c r="W23672" s="2">
        <v>0</v>
      </c>
      <c r="X23672" s="2">
        <v>0</v>
      </c>
      <c r="Y23672" s="2">
        <v>0</v>
      </c>
      <c r="Z23672" s="2">
        <v>0</v>
      </c>
      <c r="AA23672" s="5"/>
      <c r="AB23672" s="5" t="s">
        <v>43</v>
      </c>
      <c r="AC23672" s="5" t="s">
        <v>44</v>
      </c>
      <c r="AD23672" s="2"/>
      <c r="AE23672" s="1"/>
    </row>
    <row r="23673" spans="1:31" ht="14.45">
      <c r="A23673" s="11"/>
      <c r="B23673" s="20"/>
      <c r="C23673" s="2" t="s">
        <v>75898</v>
      </c>
      <c r="D23673" s="14" t="s">
        <v>75899</v>
      </c>
      <c r="E23673" s="2" t="s">
        <v>75900</v>
      </c>
      <c r="F23673" s="2" t="s">
        <v>7396</v>
      </c>
      <c r="G23673" s="8">
        <v>191</v>
      </c>
      <c r="H23673" s="5">
        <v>6</v>
      </c>
      <c r="I23673" s="5" t="s">
        <v>1518</v>
      </c>
      <c r="J23673" s="5" t="s">
        <v>69038</v>
      </c>
      <c r="K23673" s="2" t="s">
        <v>69039</v>
      </c>
      <c r="L23673" s="5" t="s">
        <v>69038</v>
      </c>
      <c r="M23673" s="2" t="s">
        <v>69039</v>
      </c>
      <c r="N23673" s="5" t="s">
        <v>19227</v>
      </c>
      <c r="O23673" s="5" t="s">
        <v>38</v>
      </c>
      <c r="P23673" s="5" t="s">
        <v>39</v>
      </c>
      <c r="Q23673" s="5" t="s">
        <v>40</v>
      </c>
      <c r="R23673" s="5" t="s">
        <v>1487</v>
      </c>
      <c r="S23673" s="5"/>
      <c r="T23673" s="5" t="s">
        <v>42</v>
      </c>
      <c r="U23673" s="2">
        <v>0</v>
      </c>
      <c r="V23673" s="2">
        <v>0</v>
      </c>
      <c r="W23673" s="2">
        <v>0</v>
      </c>
      <c r="X23673" s="2">
        <v>0</v>
      </c>
      <c r="Y23673" s="2">
        <v>0</v>
      </c>
      <c r="Z23673" s="2">
        <v>0</v>
      </c>
      <c r="AA23673" s="5"/>
      <c r="AB23673" s="5" t="s">
        <v>43</v>
      </c>
      <c r="AC23673" s="5" t="s">
        <v>44</v>
      </c>
      <c r="AD23673" s="2"/>
      <c r="AE23673" s="1"/>
    </row>
    <row r="23674" spans="1:31" ht="14.45">
      <c r="A23674" s="11"/>
      <c r="B23674" s="20"/>
      <c r="C23674" s="2" t="s">
        <v>75901</v>
      </c>
      <c r="D23674" s="14" t="s">
        <v>75902</v>
      </c>
      <c r="E23674" s="2" t="s">
        <v>75903</v>
      </c>
      <c r="F23674" s="2" t="s">
        <v>7507</v>
      </c>
      <c r="G23674" s="8">
        <v>191</v>
      </c>
      <c r="H23674" s="5">
        <v>6</v>
      </c>
      <c r="I23674" s="5" t="s">
        <v>1518</v>
      </c>
      <c r="J23674" s="5" t="s">
        <v>69038</v>
      </c>
      <c r="K23674" s="2" t="s">
        <v>69039</v>
      </c>
      <c r="L23674" s="5" t="s">
        <v>69038</v>
      </c>
      <c r="M23674" s="2" t="s">
        <v>69039</v>
      </c>
      <c r="N23674" s="5" t="s">
        <v>19227</v>
      </c>
      <c r="O23674" s="5" t="s">
        <v>38</v>
      </c>
      <c r="P23674" s="5" t="s">
        <v>39</v>
      </c>
      <c r="Q23674" s="5" t="s">
        <v>40</v>
      </c>
      <c r="R23674" s="5" t="s">
        <v>1487</v>
      </c>
      <c r="S23674" s="5"/>
      <c r="T23674" s="5" t="s">
        <v>42</v>
      </c>
      <c r="U23674" s="2">
        <v>0</v>
      </c>
      <c r="V23674" s="2">
        <v>0</v>
      </c>
      <c r="W23674" s="2">
        <v>0</v>
      </c>
      <c r="X23674" s="2">
        <v>0</v>
      </c>
      <c r="Y23674" s="2">
        <v>0</v>
      </c>
      <c r="Z23674" s="2">
        <v>0</v>
      </c>
      <c r="AA23674" s="5"/>
      <c r="AB23674" s="5" t="s">
        <v>43</v>
      </c>
      <c r="AC23674" s="5" t="s">
        <v>44</v>
      </c>
      <c r="AD23674" s="2"/>
      <c r="AE23674" s="1"/>
    </row>
    <row r="23675" spans="1:31" ht="14.45">
      <c r="A23675" s="11"/>
      <c r="B23675" s="20"/>
      <c r="C23675" s="2" t="s">
        <v>75904</v>
      </c>
      <c r="D23675" s="14" t="s">
        <v>75905</v>
      </c>
      <c r="E23675" s="2" t="s">
        <v>75906</v>
      </c>
      <c r="F23675" s="2" t="s">
        <v>7212</v>
      </c>
      <c r="G23675" s="8">
        <v>191</v>
      </c>
      <c r="H23675" s="5">
        <v>6</v>
      </c>
      <c r="I23675" s="5" t="s">
        <v>1518</v>
      </c>
      <c r="J23675" s="5" t="s">
        <v>69038</v>
      </c>
      <c r="K23675" s="2" t="s">
        <v>69039</v>
      </c>
      <c r="L23675" s="5" t="s">
        <v>69038</v>
      </c>
      <c r="M23675" s="2" t="s">
        <v>69039</v>
      </c>
      <c r="N23675" s="5" t="s">
        <v>19227</v>
      </c>
      <c r="O23675" s="5" t="s">
        <v>38</v>
      </c>
      <c r="P23675" s="5" t="s">
        <v>39</v>
      </c>
      <c r="Q23675" s="5" t="s">
        <v>40</v>
      </c>
      <c r="R23675" s="5" t="s">
        <v>1487</v>
      </c>
      <c r="S23675" s="5"/>
      <c r="T23675" s="5" t="s">
        <v>42</v>
      </c>
      <c r="U23675" s="2">
        <v>0</v>
      </c>
      <c r="V23675" s="2">
        <v>0</v>
      </c>
      <c r="W23675" s="2">
        <v>0</v>
      </c>
      <c r="X23675" s="2">
        <v>0</v>
      </c>
      <c r="Y23675" s="2">
        <v>0</v>
      </c>
      <c r="Z23675" s="2">
        <v>0</v>
      </c>
      <c r="AA23675" s="5"/>
      <c r="AB23675" s="5" t="s">
        <v>43</v>
      </c>
      <c r="AC23675" s="5" t="s">
        <v>44</v>
      </c>
      <c r="AD23675" s="2"/>
      <c r="AE23675" s="1"/>
    </row>
    <row r="23676" spans="1:31" ht="14.45">
      <c r="A23676" s="11"/>
      <c r="B23676" s="20"/>
      <c r="C23676" s="2" t="s">
        <v>75907</v>
      </c>
      <c r="D23676" s="14" t="s">
        <v>75908</v>
      </c>
      <c r="E23676" s="2" t="s">
        <v>75909</v>
      </c>
      <c r="F23676" s="2" t="s">
        <v>7528</v>
      </c>
      <c r="G23676" s="8">
        <v>191</v>
      </c>
      <c r="H23676" s="5">
        <v>6</v>
      </c>
      <c r="I23676" s="5" t="s">
        <v>1518</v>
      </c>
      <c r="J23676" s="5" t="s">
        <v>69038</v>
      </c>
      <c r="K23676" s="2" t="s">
        <v>69039</v>
      </c>
      <c r="L23676" s="5" t="s">
        <v>69038</v>
      </c>
      <c r="M23676" s="2" t="s">
        <v>69039</v>
      </c>
      <c r="N23676" s="5" t="s">
        <v>19227</v>
      </c>
      <c r="O23676" s="5" t="s">
        <v>38</v>
      </c>
      <c r="P23676" s="5" t="s">
        <v>39</v>
      </c>
      <c r="Q23676" s="5" t="s">
        <v>40</v>
      </c>
      <c r="R23676" s="5" t="s">
        <v>1487</v>
      </c>
      <c r="S23676" s="5"/>
      <c r="T23676" s="5" t="s">
        <v>42</v>
      </c>
      <c r="U23676" s="2">
        <v>0</v>
      </c>
      <c r="V23676" s="2">
        <v>0</v>
      </c>
      <c r="W23676" s="2">
        <v>0</v>
      </c>
      <c r="X23676" s="2">
        <v>0</v>
      </c>
      <c r="Y23676" s="2">
        <v>0</v>
      </c>
      <c r="Z23676" s="2">
        <v>0</v>
      </c>
      <c r="AA23676" s="5"/>
      <c r="AB23676" s="5" t="s">
        <v>43</v>
      </c>
      <c r="AC23676" s="5" t="s">
        <v>44</v>
      </c>
      <c r="AD23676" s="2"/>
      <c r="AE23676" s="1"/>
    </row>
    <row r="23677" spans="1:31" ht="14.45">
      <c r="A23677" s="11"/>
      <c r="B23677" s="20"/>
      <c r="C23677" s="2" t="s">
        <v>75910</v>
      </c>
      <c r="D23677" s="14" t="s">
        <v>75911</v>
      </c>
      <c r="E23677" s="2" t="s">
        <v>75912</v>
      </c>
      <c r="F23677" s="2" t="s">
        <v>7204</v>
      </c>
      <c r="G23677" s="8">
        <v>188</v>
      </c>
      <c r="H23677" s="5">
        <v>6</v>
      </c>
      <c r="I23677" s="5" t="s">
        <v>1518</v>
      </c>
      <c r="J23677" s="5" t="s">
        <v>69038</v>
      </c>
      <c r="K23677" s="2" t="s">
        <v>69039</v>
      </c>
      <c r="L23677" s="5" t="s">
        <v>69038</v>
      </c>
      <c r="M23677" s="2" t="s">
        <v>69039</v>
      </c>
      <c r="N23677" s="5" t="s">
        <v>19227</v>
      </c>
      <c r="O23677" s="5" t="s">
        <v>38</v>
      </c>
      <c r="P23677" s="5" t="s">
        <v>39</v>
      </c>
      <c r="Q23677" s="5" t="s">
        <v>40</v>
      </c>
      <c r="R23677" s="5" t="s">
        <v>1487</v>
      </c>
      <c r="S23677" s="5"/>
      <c r="T23677" s="5" t="s">
        <v>42</v>
      </c>
      <c r="U23677" s="2">
        <v>0</v>
      </c>
      <c r="V23677" s="2">
        <v>0</v>
      </c>
      <c r="W23677" s="2">
        <v>0</v>
      </c>
      <c r="X23677" s="2">
        <v>0</v>
      </c>
      <c r="Y23677" s="2">
        <v>0</v>
      </c>
      <c r="Z23677" s="2">
        <v>0</v>
      </c>
      <c r="AA23677" s="5"/>
      <c r="AB23677" s="5" t="s">
        <v>43</v>
      </c>
      <c r="AC23677" s="5" t="s">
        <v>44</v>
      </c>
      <c r="AD23677" s="2"/>
      <c r="AE23677" s="1"/>
    </row>
    <row r="23678" spans="1:31" ht="14.45">
      <c r="A23678" s="11"/>
      <c r="B23678" s="20"/>
      <c r="C23678" s="2" t="s">
        <v>75913</v>
      </c>
      <c r="D23678" s="14" t="s">
        <v>75914</v>
      </c>
      <c r="E23678" s="2" t="s">
        <v>75915</v>
      </c>
      <c r="F23678" s="2" t="s">
        <v>7514</v>
      </c>
      <c r="G23678" s="8">
        <v>188</v>
      </c>
      <c r="H23678" s="5">
        <v>6</v>
      </c>
      <c r="I23678" s="5" t="s">
        <v>1518</v>
      </c>
      <c r="J23678" s="5" t="s">
        <v>69038</v>
      </c>
      <c r="K23678" s="2" t="s">
        <v>69039</v>
      </c>
      <c r="L23678" s="5" t="s">
        <v>69038</v>
      </c>
      <c r="M23678" s="2" t="s">
        <v>69039</v>
      </c>
      <c r="N23678" s="5" t="s">
        <v>19227</v>
      </c>
      <c r="O23678" s="5" t="s">
        <v>38</v>
      </c>
      <c r="P23678" s="5" t="s">
        <v>39</v>
      </c>
      <c r="Q23678" s="5" t="s">
        <v>40</v>
      </c>
      <c r="R23678" s="5" t="s">
        <v>1487</v>
      </c>
      <c r="S23678" s="5"/>
      <c r="T23678" s="5" t="s">
        <v>42</v>
      </c>
      <c r="U23678" s="2">
        <v>0</v>
      </c>
      <c r="V23678" s="2">
        <v>0</v>
      </c>
      <c r="W23678" s="2">
        <v>0</v>
      </c>
      <c r="X23678" s="2">
        <v>0</v>
      </c>
      <c r="Y23678" s="2">
        <v>0</v>
      </c>
      <c r="Z23678" s="2">
        <v>0</v>
      </c>
      <c r="AA23678" s="5"/>
      <c r="AB23678" s="5" t="s">
        <v>43</v>
      </c>
      <c r="AC23678" s="5" t="s">
        <v>44</v>
      </c>
      <c r="AD23678" s="2"/>
      <c r="AE23678" s="1"/>
    </row>
    <row r="23679" spans="1:31" ht="14.45">
      <c r="A23679" s="11"/>
      <c r="B23679" s="20"/>
      <c r="C23679" s="2" t="s">
        <v>75916</v>
      </c>
      <c r="D23679" s="14" t="s">
        <v>75917</v>
      </c>
      <c r="E23679" s="2" t="s">
        <v>75918</v>
      </c>
      <c r="F23679" s="2" t="s">
        <v>7208</v>
      </c>
      <c r="G23679" s="8">
        <v>188</v>
      </c>
      <c r="H23679" s="5">
        <v>6</v>
      </c>
      <c r="I23679" s="5" t="s">
        <v>1518</v>
      </c>
      <c r="J23679" s="5" t="s">
        <v>69038</v>
      </c>
      <c r="K23679" s="2" t="s">
        <v>69039</v>
      </c>
      <c r="L23679" s="5" t="s">
        <v>69038</v>
      </c>
      <c r="M23679" s="2" t="s">
        <v>69039</v>
      </c>
      <c r="N23679" s="5" t="s">
        <v>19227</v>
      </c>
      <c r="O23679" s="5" t="s">
        <v>38</v>
      </c>
      <c r="P23679" s="5" t="s">
        <v>39</v>
      </c>
      <c r="Q23679" s="5" t="s">
        <v>40</v>
      </c>
      <c r="R23679" s="5" t="s">
        <v>1487</v>
      </c>
      <c r="S23679" s="5"/>
      <c r="T23679" s="5" t="s">
        <v>42</v>
      </c>
      <c r="U23679" s="2">
        <v>0</v>
      </c>
      <c r="V23679" s="2">
        <v>0</v>
      </c>
      <c r="W23679" s="2">
        <v>0</v>
      </c>
      <c r="X23679" s="2">
        <v>0</v>
      </c>
      <c r="Y23679" s="2">
        <v>0</v>
      </c>
      <c r="Z23679" s="2">
        <v>0</v>
      </c>
      <c r="AA23679" s="5"/>
      <c r="AB23679" s="5" t="s">
        <v>43</v>
      </c>
      <c r="AC23679" s="5" t="s">
        <v>44</v>
      </c>
      <c r="AD23679" s="2"/>
      <c r="AE23679" s="1"/>
    </row>
    <row r="23680" spans="1:31" ht="14.45">
      <c r="A23680" s="11"/>
      <c r="B23680" s="20"/>
      <c r="C23680" s="2" t="s">
        <v>75919</v>
      </c>
      <c r="D23680" s="14" t="s">
        <v>75920</v>
      </c>
      <c r="E23680" s="2" t="s">
        <v>75921</v>
      </c>
      <c r="F23680" s="2" t="s">
        <v>7521</v>
      </c>
      <c r="G23680" s="8">
        <v>188</v>
      </c>
      <c r="H23680" s="5">
        <v>6</v>
      </c>
      <c r="I23680" s="5" t="s">
        <v>1518</v>
      </c>
      <c r="J23680" s="5" t="s">
        <v>69038</v>
      </c>
      <c r="K23680" s="2" t="s">
        <v>69039</v>
      </c>
      <c r="L23680" s="5" t="s">
        <v>69038</v>
      </c>
      <c r="M23680" s="2" t="s">
        <v>69039</v>
      </c>
      <c r="N23680" s="5" t="s">
        <v>19227</v>
      </c>
      <c r="O23680" s="5" t="s">
        <v>38</v>
      </c>
      <c r="P23680" s="5" t="s">
        <v>39</v>
      </c>
      <c r="Q23680" s="5" t="s">
        <v>40</v>
      </c>
      <c r="R23680" s="5" t="s">
        <v>1487</v>
      </c>
      <c r="S23680" s="5"/>
      <c r="T23680" s="5" t="s">
        <v>42</v>
      </c>
      <c r="U23680" s="2">
        <v>0</v>
      </c>
      <c r="V23680" s="2">
        <v>0</v>
      </c>
      <c r="W23680" s="2">
        <v>0</v>
      </c>
      <c r="X23680" s="2">
        <v>0</v>
      </c>
      <c r="Y23680" s="2">
        <v>0</v>
      </c>
      <c r="Z23680" s="2">
        <v>0</v>
      </c>
      <c r="AA23680" s="5"/>
      <c r="AB23680" s="5" t="s">
        <v>43</v>
      </c>
      <c r="AC23680" s="5" t="s">
        <v>44</v>
      </c>
      <c r="AD23680" s="2"/>
      <c r="AE23680" s="1"/>
    </row>
    <row r="23681" spans="1:31" ht="14.45">
      <c r="A23681" s="11"/>
      <c r="B23681" s="20"/>
      <c r="C23681" s="2" t="s">
        <v>75922</v>
      </c>
      <c r="D23681" s="14" t="s">
        <v>75923</v>
      </c>
      <c r="E23681" s="2" t="s">
        <v>75924</v>
      </c>
      <c r="F23681" s="2" t="s">
        <v>7396</v>
      </c>
      <c r="G23681" s="8">
        <v>188</v>
      </c>
      <c r="H23681" s="5">
        <v>6</v>
      </c>
      <c r="I23681" s="5" t="s">
        <v>1518</v>
      </c>
      <c r="J23681" s="5" t="s">
        <v>69038</v>
      </c>
      <c r="K23681" s="2" t="s">
        <v>69039</v>
      </c>
      <c r="L23681" s="5" t="s">
        <v>69038</v>
      </c>
      <c r="M23681" s="2" t="s">
        <v>69039</v>
      </c>
      <c r="N23681" s="5" t="s">
        <v>19227</v>
      </c>
      <c r="O23681" s="5" t="s">
        <v>38</v>
      </c>
      <c r="P23681" s="5" t="s">
        <v>39</v>
      </c>
      <c r="Q23681" s="5" t="s">
        <v>40</v>
      </c>
      <c r="R23681" s="5" t="s">
        <v>1487</v>
      </c>
      <c r="S23681" s="5"/>
      <c r="T23681" s="5" t="s">
        <v>42</v>
      </c>
      <c r="U23681" s="2">
        <v>0</v>
      </c>
      <c r="V23681" s="2">
        <v>0</v>
      </c>
      <c r="W23681" s="2">
        <v>0</v>
      </c>
      <c r="X23681" s="2">
        <v>0</v>
      </c>
      <c r="Y23681" s="2">
        <v>0</v>
      </c>
      <c r="Z23681" s="2">
        <v>0</v>
      </c>
      <c r="AA23681" s="5"/>
      <c r="AB23681" s="5" t="s">
        <v>43</v>
      </c>
      <c r="AC23681" s="5" t="s">
        <v>44</v>
      </c>
      <c r="AD23681" s="2"/>
      <c r="AE23681" s="1"/>
    </row>
    <row r="23682" spans="1:31" ht="14.45">
      <c r="A23682" s="11"/>
      <c r="B23682" s="20"/>
      <c r="C23682" s="2" t="s">
        <v>75925</v>
      </c>
      <c r="D23682" s="14" t="s">
        <v>75926</v>
      </c>
      <c r="E23682" s="2" t="s">
        <v>75927</v>
      </c>
      <c r="F23682" s="2" t="s">
        <v>7507</v>
      </c>
      <c r="G23682" s="8">
        <v>188</v>
      </c>
      <c r="H23682" s="5">
        <v>6</v>
      </c>
      <c r="I23682" s="5" t="s">
        <v>1518</v>
      </c>
      <c r="J23682" s="5" t="s">
        <v>69038</v>
      </c>
      <c r="K23682" s="2" t="s">
        <v>69039</v>
      </c>
      <c r="L23682" s="5" t="s">
        <v>69038</v>
      </c>
      <c r="M23682" s="2" t="s">
        <v>69039</v>
      </c>
      <c r="N23682" s="5" t="s">
        <v>19227</v>
      </c>
      <c r="O23682" s="5" t="s">
        <v>38</v>
      </c>
      <c r="P23682" s="5" t="s">
        <v>39</v>
      </c>
      <c r="Q23682" s="5" t="s">
        <v>40</v>
      </c>
      <c r="R23682" s="5" t="s">
        <v>1487</v>
      </c>
      <c r="S23682" s="5"/>
      <c r="T23682" s="5" t="s">
        <v>42</v>
      </c>
      <c r="U23682" s="2">
        <v>0</v>
      </c>
      <c r="V23682" s="2">
        <v>0</v>
      </c>
      <c r="W23682" s="2">
        <v>0</v>
      </c>
      <c r="X23682" s="2">
        <v>0</v>
      </c>
      <c r="Y23682" s="2">
        <v>0</v>
      </c>
      <c r="Z23682" s="2">
        <v>0</v>
      </c>
      <c r="AA23682" s="5"/>
      <c r="AB23682" s="5" t="s">
        <v>43</v>
      </c>
      <c r="AC23682" s="5" t="s">
        <v>44</v>
      </c>
      <c r="AD23682" s="2"/>
      <c r="AE23682" s="1"/>
    </row>
    <row r="23683" spans="1:31" ht="14.45">
      <c r="A23683" s="11"/>
      <c r="B23683" s="20"/>
      <c r="C23683" s="2" t="s">
        <v>75928</v>
      </c>
      <c r="D23683" s="14" t="s">
        <v>75929</v>
      </c>
      <c r="E23683" s="2" t="s">
        <v>75930</v>
      </c>
      <c r="F23683" s="2" t="s">
        <v>7212</v>
      </c>
      <c r="G23683" s="8">
        <v>188</v>
      </c>
      <c r="H23683" s="5">
        <v>6</v>
      </c>
      <c r="I23683" s="5" t="s">
        <v>1518</v>
      </c>
      <c r="J23683" s="5" t="s">
        <v>69038</v>
      </c>
      <c r="K23683" s="2" t="s">
        <v>69039</v>
      </c>
      <c r="L23683" s="5" t="s">
        <v>69038</v>
      </c>
      <c r="M23683" s="2" t="s">
        <v>69039</v>
      </c>
      <c r="N23683" s="5" t="s">
        <v>19227</v>
      </c>
      <c r="O23683" s="5" t="s">
        <v>38</v>
      </c>
      <c r="P23683" s="5" t="s">
        <v>39</v>
      </c>
      <c r="Q23683" s="5" t="s">
        <v>40</v>
      </c>
      <c r="R23683" s="5" t="s">
        <v>1487</v>
      </c>
      <c r="S23683" s="5"/>
      <c r="T23683" s="5" t="s">
        <v>42</v>
      </c>
      <c r="U23683" s="2">
        <v>0</v>
      </c>
      <c r="V23683" s="2">
        <v>0</v>
      </c>
      <c r="W23683" s="2">
        <v>0</v>
      </c>
      <c r="X23683" s="2">
        <v>0</v>
      </c>
      <c r="Y23683" s="2">
        <v>0</v>
      </c>
      <c r="Z23683" s="2">
        <v>0</v>
      </c>
      <c r="AA23683" s="5"/>
      <c r="AB23683" s="5" t="s">
        <v>43</v>
      </c>
      <c r="AC23683" s="5" t="s">
        <v>44</v>
      </c>
      <c r="AD23683" s="2"/>
      <c r="AE23683" s="1"/>
    </row>
    <row r="23684" spans="1:31" ht="14.45">
      <c r="A23684" s="11"/>
      <c r="B23684" s="20"/>
      <c r="C23684" s="2" t="s">
        <v>75931</v>
      </c>
      <c r="D23684" s="14" t="s">
        <v>75932</v>
      </c>
      <c r="E23684" s="2" t="s">
        <v>75933</v>
      </c>
      <c r="F23684" s="2" t="s">
        <v>7528</v>
      </c>
      <c r="G23684" s="8">
        <v>188</v>
      </c>
      <c r="H23684" s="5">
        <v>6</v>
      </c>
      <c r="I23684" s="5" t="s">
        <v>1518</v>
      </c>
      <c r="J23684" s="5" t="s">
        <v>69038</v>
      </c>
      <c r="K23684" s="2" t="s">
        <v>69039</v>
      </c>
      <c r="L23684" s="5" t="s">
        <v>69038</v>
      </c>
      <c r="M23684" s="2" t="s">
        <v>69039</v>
      </c>
      <c r="N23684" s="5" t="s">
        <v>19227</v>
      </c>
      <c r="O23684" s="5" t="s">
        <v>38</v>
      </c>
      <c r="P23684" s="5" t="s">
        <v>39</v>
      </c>
      <c r="Q23684" s="5" t="s">
        <v>40</v>
      </c>
      <c r="R23684" s="5" t="s">
        <v>1487</v>
      </c>
      <c r="S23684" s="5"/>
      <c r="T23684" s="5" t="s">
        <v>42</v>
      </c>
      <c r="U23684" s="2">
        <v>0</v>
      </c>
      <c r="V23684" s="2">
        <v>0</v>
      </c>
      <c r="W23684" s="2">
        <v>0</v>
      </c>
      <c r="X23684" s="2">
        <v>0</v>
      </c>
      <c r="Y23684" s="2">
        <v>0</v>
      </c>
      <c r="Z23684" s="2">
        <v>0</v>
      </c>
      <c r="AA23684" s="5"/>
      <c r="AB23684" s="5" t="s">
        <v>43</v>
      </c>
      <c r="AC23684" s="5" t="s">
        <v>44</v>
      </c>
      <c r="AD23684" s="2"/>
      <c r="AE23684" s="1"/>
    </row>
    <row r="23685" spans="1:31" ht="14.45">
      <c r="A23685" s="11"/>
      <c r="B23685" s="20"/>
      <c r="C23685" s="2" t="s">
        <v>75934</v>
      </c>
      <c r="D23685" s="14" t="s">
        <v>75935</v>
      </c>
      <c r="E23685" s="2" t="s">
        <v>75936</v>
      </c>
      <c r="F23685" s="2" t="s">
        <v>7204</v>
      </c>
      <c r="G23685" s="8">
        <v>197</v>
      </c>
      <c r="H23685" s="5">
        <v>6</v>
      </c>
      <c r="I23685" s="5" t="s">
        <v>1518</v>
      </c>
      <c r="J23685" s="5" t="s">
        <v>69038</v>
      </c>
      <c r="K23685" s="2" t="s">
        <v>69039</v>
      </c>
      <c r="L23685" s="5" t="s">
        <v>69038</v>
      </c>
      <c r="M23685" s="2" t="s">
        <v>69039</v>
      </c>
      <c r="N23685" s="5" t="s">
        <v>19227</v>
      </c>
      <c r="O23685" s="5" t="s">
        <v>38</v>
      </c>
      <c r="P23685" s="5" t="s">
        <v>39</v>
      </c>
      <c r="Q23685" s="5" t="s">
        <v>40</v>
      </c>
      <c r="R23685" s="5" t="s">
        <v>1487</v>
      </c>
      <c r="S23685" s="5"/>
      <c r="T23685" s="5" t="s">
        <v>42</v>
      </c>
      <c r="U23685" s="2">
        <v>0</v>
      </c>
      <c r="V23685" s="2">
        <v>0</v>
      </c>
      <c r="W23685" s="2">
        <v>0</v>
      </c>
      <c r="X23685" s="2">
        <v>0</v>
      </c>
      <c r="Y23685" s="2">
        <v>0</v>
      </c>
      <c r="Z23685" s="2">
        <v>0</v>
      </c>
      <c r="AA23685" s="5"/>
      <c r="AB23685" s="5" t="s">
        <v>43</v>
      </c>
      <c r="AC23685" s="5" t="s">
        <v>44</v>
      </c>
      <c r="AD23685" s="2"/>
      <c r="AE23685" s="1"/>
    </row>
    <row r="23686" spans="1:31" ht="14.45">
      <c r="A23686" s="11"/>
      <c r="B23686" s="20"/>
      <c r="C23686" s="2" t="s">
        <v>75937</v>
      </c>
      <c r="D23686" s="14" t="s">
        <v>75938</v>
      </c>
      <c r="E23686" s="2" t="s">
        <v>75939</v>
      </c>
      <c r="F23686" s="2" t="s">
        <v>7514</v>
      </c>
      <c r="G23686" s="8">
        <v>197</v>
      </c>
      <c r="H23686" s="5">
        <v>6</v>
      </c>
      <c r="I23686" s="5" t="s">
        <v>1518</v>
      </c>
      <c r="J23686" s="5" t="s">
        <v>69038</v>
      </c>
      <c r="K23686" s="2" t="s">
        <v>69039</v>
      </c>
      <c r="L23686" s="5" t="s">
        <v>69038</v>
      </c>
      <c r="M23686" s="2" t="s">
        <v>69039</v>
      </c>
      <c r="N23686" s="5" t="s">
        <v>19227</v>
      </c>
      <c r="O23686" s="5" t="s">
        <v>38</v>
      </c>
      <c r="P23686" s="5" t="s">
        <v>39</v>
      </c>
      <c r="Q23686" s="5" t="s">
        <v>40</v>
      </c>
      <c r="R23686" s="5" t="s">
        <v>1487</v>
      </c>
      <c r="S23686" s="5"/>
      <c r="T23686" s="5" t="s">
        <v>42</v>
      </c>
      <c r="U23686" s="2">
        <v>0</v>
      </c>
      <c r="V23686" s="2">
        <v>0</v>
      </c>
      <c r="W23686" s="2">
        <v>0</v>
      </c>
      <c r="X23686" s="2">
        <v>0</v>
      </c>
      <c r="Y23686" s="2">
        <v>0</v>
      </c>
      <c r="Z23686" s="2">
        <v>0</v>
      </c>
      <c r="AA23686" s="5"/>
      <c r="AB23686" s="5" t="s">
        <v>43</v>
      </c>
      <c r="AC23686" s="5" t="s">
        <v>44</v>
      </c>
      <c r="AD23686" s="2"/>
      <c r="AE23686" s="1"/>
    </row>
    <row r="23687" spans="1:31" ht="14.45">
      <c r="A23687" s="11"/>
      <c r="B23687" s="20"/>
      <c r="C23687" s="2" t="s">
        <v>75940</v>
      </c>
      <c r="D23687" s="14" t="s">
        <v>75941</v>
      </c>
      <c r="E23687" s="2" t="s">
        <v>75942</v>
      </c>
      <c r="F23687" s="2" t="s">
        <v>7208</v>
      </c>
      <c r="G23687" s="8">
        <v>197</v>
      </c>
      <c r="H23687" s="5">
        <v>6</v>
      </c>
      <c r="I23687" s="5" t="s">
        <v>1518</v>
      </c>
      <c r="J23687" s="5" t="s">
        <v>69038</v>
      </c>
      <c r="K23687" s="2" t="s">
        <v>69039</v>
      </c>
      <c r="L23687" s="5" t="s">
        <v>69038</v>
      </c>
      <c r="M23687" s="2" t="s">
        <v>69039</v>
      </c>
      <c r="N23687" s="5" t="s">
        <v>19227</v>
      </c>
      <c r="O23687" s="5" t="s">
        <v>38</v>
      </c>
      <c r="P23687" s="5" t="s">
        <v>39</v>
      </c>
      <c r="Q23687" s="5" t="s">
        <v>40</v>
      </c>
      <c r="R23687" s="5" t="s">
        <v>1487</v>
      </c>
      <c r="S23687" s="5"/>
      <c r="T23687" s="5" t="s">
        <v>42</v>
      </c>
      <c r="U23687" s="2">
        <v>0</v>
      </c>
      <c r="V23687" s="2">
        <v>0</v>
      </c>
      <c r="W23687" s="2">
        <v>0</v>
      </c>
      <c r="X23687" s="2">
        <v>0</v>
      </c>
      <c r="Y23687" s="2">
        <v>0</v>
      </c>
      <c r="Z23687" s="2">
        <v>0</v>
      </c>
      <c r="AA23687" s="5"/>
      <c r="AB23687" s="5" t="s">
        <v>43</v>
      </c>
      <c r="AC23687" s="5" t="s">
        <v>44</v>
      </c>
      <c r="AD23687" s="2"/>
      <c r="AE23687" s="1"/>
    </row>
    <row r="23688" spans="1:31" ht="14.45">
      <c r="A23688" s="11"/>
      <c r="B23688" s="20"/>
      <c r="C23688" s="2" t="s">
        <v>75943</v>
      </c>
      <c r="D23688" s="14" t="s">
        <v>75944</v>
      </c>
      <c r="E23688" s="2" t="s">
        <v>75945</v>
      </c>
      <c r="F23688" s="2" t="s">
        <v>7521</v>
      </c>
      <c r="G23688" s="8">
        <v>197</v>
      </c>
      <c r="H23688" s="5">
        <v>6</v>
      </c>
      <c r="I23688" s="5" t="s">
        <v>1518</v>
      </c>
      <c r="J23688" s="5" t="s">
        <v>69038</v>
      </c>
      <c r="K23688" s="2" t="s">
        <v>69039</v>
      </c>
      <c r="L23688" s="5" t="s">
        <v>69038</v>
      </c>
      <c r="M23688" s="2" t="s">
        <v>69039</v>
      </c>
      <c r="N23688" s="5" t="s">
        <v>19227</v>
      </c>
      <c r="O23688" s="5" t="s">
        <v>38</v>
      </c>
      <c r="P23688" s="5" t="s">
        <v>39</v>
      </c>
      <c r="Q23688" s="5" t="s">
        <v>40</v>
      </c>
      <c r="R23688" s="5" t="s">
        <v>1487</v>
      </c>
      <c r="S23688" s="5"/>
      <c r="T23688" s="5" t="s">
        <v>42</v>
      </c>
      <c r="U23688" s="2">
        <v>0</v>
      </c>
      <c r="V23688" s="2">
        <v>0</v>
      </c>
      <c r="W23688" s="2">
        <v>0</v>
      </c>
      <c r="X23688" s="2">
        <v>0</v>
      </c>
      <c r="Y23688" s="2">
        <v>0</v>
      </c>
      <c r="Z23688" s="2">
        <v>0</v>
      </c>
      <c r="AA23688" s="5"/>
      <c r="AB23688" s="5" t="s">
        <v>43</v>
      </c>
      <c r="AC23688" s="5" t="s">
        <v>44</v>
      </c>
      <c r="AD23688" s="2"/>
      <c r="AE23688" s="1"/>
    </row>
    <row r="23689" spans="1:31" ht="14.45">
      <c r="A23689" s="11"/>
      <c r="B23689" s="20"/>
      <c r="C23689" s="2" t="s">
        <v>75946</v>
      </c>
      <c r="D23689" s="14" t="s">
        <v>75947</v>
      </c>
      <c r="E23689" s="2" t="s">
        <v>75948</v>
      </c>
      <c r="F23689" s="2" t="s">
        <v>7396</v>
      </c>
      <c r="G23689" s="8">
        <v>197</v>
      </c>
      <c r="H23689" s="5">
        <v>6</v>
      </c>
      <c r="I23689" s="5" t="s">
        <v>1518</v>
      </c>
      <c r="J23689" s="5" t="s">
        <v>69038</v>
      </c>
      <c r="K23689" s="2" t="s">
        <v>69039</v>
      </c>
      <c r="L23689" s="5" t="s">
        <v>69038</v>
      </c>
      <c r="M23689" s="2" t="s">
        <v>69039</v>
      </c>
      <c r="N23689" s="5" t="s">
        <v>19227</v>
      </c>
      <c r="O23689" s="5" t="s">
        <v>38</v>
      </c>
      <c r="P23689" s="5" t="s">
        <v>39</v>
      </c>
      <c r="Q23689" s="5" t="s">
        <v>40</v>
      </c>
      <c r="R23689" s="5" t="s">
        <v>1487</v>
      </c>
      <c r="S23689" s="5"/>
      <c r="T23689" s="5" t="s">
        <v>42</v>
      </c>
      <c r="U23689" s="2">
        <v>0</v>
      </c>
      <c r="V23689" s="2">
        <v>0</v>
      </c>
      <c r="W23689" s="2">
        <v>0</v>
      </c>
      <c r="X23689" s="2">
        <v>0</v>
      </c>
      <c r="Y23689" s="2">
        <v>0</v>
      </c>
      <c r="Z23689" s="2">
        <v>0</v>
      </c>
      <c r="AA23689" s="5"/>
      <c r="AB23689" s="5" t="s">
        <v>43</v>
      </c>
      <c r="AC23689" s="5" t="s">
        <v>44</v>
      </c>
      <c r="AD23689" s="2"/>
      <c r="AE23689" s="1"/>
    </row>
    <row r="23690" spans="1:31" ht="14.45">
      <c r="A23690" s="11"/>
      <c r="B23690" s="20"/>
      <c r="C23690" s="2" t="s">
        <v>75949</v>
      </c>
      <c r="D23690" s="14" t="s">
        <v>75950</v>
      </c>
      <c r="E23690" s="2" t="s">
        <v>75951</v>
      </c>
      <c r="F23690" s="2" t="s">
        <v>7507</v>
      </c>
      <c r="G23690" s="8">
        <v>197</v>
      </c>
      <c r="H23690" s="5">
        <v>6</v>
      </c>
      <c r="I23690" s="5" t="s">
        <v>1518</v>
      </c>
      <c r="J23690" s="5" t="s">
        <v>69038</v>
      </c>
      <c r="K23690" s="2" t="s">
        <v>69039</v>
      </c>
      <c r="L23690" s="5" t="s">
        <v>69038</v>
      </c>
      <c r="M23690" s="2" t="s">
        <v>69039</v>
      </c>
      <c r="N23690" s="5" t="s">
        <v>19227</v>
      </c>
      <c r="O23690" s="5" t="s">
        <v>38</v>
      </c>
      <c r="P23690" s="5" t="s">
        <v>39</v>
      </c>
      <c r="Q23690" s="5" t="s">
        <v>40</v>
      </c>
      <c r="R23690" s="5" t="s">
        <v>1487</v>
      </c>
      <c r="S23690" s="5"/>
      <c r="T23690" s="5" t="s">
        <v>42</v>
      </c>
      <c r="U23690" s="2">
        <v>0</v>
      </c>
      <c r="V23690" s="2">
        <v>0</v>
      </c>
      <c r="W23690" s="2">
        <v>0</v>
      </c>
      <c r="X23690" s="2">
        <v>0</v>
      </c>
      <c r="Y23690" s="2">
        <v>0</v>
      </c>
      <c r="Z23690" s="2">
        <v>0</v>
      </c>
      <c r="AA23690" s="5"/>
      <c r="AB23690" s="5" t="s">
        <v>43</v>
      </c>
      <c r="AC23690" s="5" t="s">
        <v>44</v>
      </c>
      <c r="AD23690" s="2"/>
      <c r="AE23690" s="1"/>
    </row>
    <row r="23691" spans="1:31" ht="14.45">
      <c r="A23691" s="11"/>
      <c r="B23691" s="20"/>
      <c r="C23691" s="2" t="s">
        <v>75952</v>
      </c>
      <c r="D23691" s="14" t="s">
        <v>75953</v>
      </c>
      <c r="E23691" s="2" t="s">
        <v>75954</v>
      </c>
      <c r="F23691" s="2" t="s">
        <v>7212</v>
      </c>
      <c r="G23691" s="8">
        <v>197</v>
      </c>
      <c r="H23691" s="5">
        <v>6</v>
      </c>
      <c r="I23691" s="5" t="s">
        <v>1518</v>
      </c>
      <c r="J23691" s="5" t="s">
        <v>69038</v>
      </c>
      <c r="K23691" s="2" t="s">
        <v>69039</v>
      </c>
      <c r="L23691" s="5" t="s">
        <v>69038</v>
      </c>
      <c r="M23691" s="2" t="s">
        <v>69039</v>
      </c>
      <c r="N23691" s="5" t="s">
        <v>19227</v>
      </c>
      <c r="O23691" s="5" t="s">
        <v>38</v>
      </c>
      <c r="P23691" s="5" t="s">
        <v>39</v>
      </c>
      <c r="Q23691" s="5" t="s">
        <v>40</v>
      </c>
      <c r="R23691" s="5" t="s">
        <v>1487</v>
      </c>
      <c r="S23691" s="5"/>
      <c r="T23691" s="5" t="s">
        <v>42</v>
      </c>
      <c r="U23691" s="2">
        <v>0</v>
      </c>
      <c r="V23691" s="2">
        <v>0</v>
      </c>
      <c r="W23691" s="2">
        <v>0</v>
      </c>
      <c r="X23691" s="2">
        <v>0</v>
      </c>
      <c r="Y23691" s="2">
        <v>0</v>
      </c>
      <c r="Z23691" s="2">
        <v>0</v>
      </c>
      <c r="AA23691" s="5"/>
      <c r="AB23691" s="5" t="s">
        <v>43</v>
      </c>
      <c r="AC23691" s="5" t="s">
        <v>44</v>
      </c>
      <c r="AD23691" s="2"/>
      <c r="AE23691" s="1"/>
    </row>
    <row r="23692" spans="1:31" ht="14.45">
      <c r="A23692" s="11"/>
      <c r="B23692" s="20"/>
      <c r="C23692" s="2" t="s">
        <v>75955</v>
      </c>
      <c r="D23692" s="14" t="s">
        <v>75956</v>
      </c>
      <c r="E23692" s="2" t="s">
        <v>75957</v>
      </c>
      <c r="F23692" s="2" t="s">
        <v>7528</v>
      </c>
      <c r="G23692" s="8">
        <v>197</v>
      </c>
      <c r="H23692" s="5">
        <v>6</v>
      </c>
      <c r="I23692" s="5" t="s">
        <v>1518</v>
      </c>
      <c r="J23692" s="5" t="s">
        <v>69038</v>
      </c>
      <c r="K23692" s="2" t="s">
        <v>69039</v>
      </c>
      <c r="L23692" s="5" t="s">
        <v>69038</v>
      </c>
      <c r="M23692" s="2" t="s">
        <v>69039</v>
      </c>
      <c r="N23692" s="5" t="s">
        <v>19227</v>
      </c>
      <c r="O23692" s="5" t="s">
        <v>38</v>
      </c>
      <c r="P23692" s="5" t="s">
        <v>39</v>
      </c>
      <c r="Q23692" s="5" t="s">
        <v>40</v>
      </c>
      <c r="R23692" s="5" t="s">
        <v>1487</v>
      </c>
      <c r="S23692" s="5"/>
      <c r="T23692" s="5" t="s">
        <v>42</v>
      </c>
      <c r="U23692" s="2">
        <v>0</v>
      </c>
      <c r="V23692" s="2">
        <v>0</v>
      </c>
      <c r="W23692" s="2">
        <v>0</v>
      </c>
      <c r="X23692" s="2">
        <v>0</v>
      </c>
      <c r="Y23692" s="2">
        <v>0</v>
      </c>
      <c r="Z23692" s="2">
        <v>0</v>
      </c>
      <c r="AA23692" s="5"/>
      <c r="AB23692" s="5" t="s">
        <v>43</v>
      </c>
      <c r="AC23692" s="5" t="s">
        <v>44</v>
      </c>
      <c r="AD23692" s="2"/>
      <c r="AE23692" s="1"/>
    </row>
    <row r="23693" spans="1:31" ht="14.45">
      <c r="A23693" s="11"/>
      <c r="B23693" s="20"/>
      <c r="C23693" s="2" t="s">
        <v>75958</v>
      </c>
      <c r="D23693" s="14" t="s">
        <v>75959</v>
      </c>
      <c r="E23693" s="2" t="s">
        <v>75960</v>
      </c>
      <c r="F23693" s="2" t="s">
        <v>7204</v>
      </c>
      <c r="G23693" s="8">
        <v>199</v>
      </c>
      <c r="H23693" s="5">
        <v>6</v>
      </c>
      <c r="I23693" s="5" t="s">
        <v>1518</v>
      </c>
      <c r="J23693" s="5" t="s">
        <v>69038</v>
      </c>
      <c r="K23693" s="2" t="s">
        <v>69039</v>
      </c>
      <c r="L23693" s="5" t="s">
        <v>69038</v>
      </c>
      <c r="M23693" s="2" t="s">
        <v>69039</v>
      </c>
      <c r="N23693" s="5" t="s">
        <v>19227</v>
      </c>
      <c r="O23693" s="5" t="s">
        <v>38</v>
      </c>
      <c r="P23693" s="5" t="s">
        <v>39</v>
      </c>
      <c r="Q23693" s="5" t="s">
        <v>40</v>
      </c>
      <c r="R23693" s="5" t="s">
        <v>1487</v>
      </c>
      <c r="S23693" s="5"/>
      <c r="T23693" s="5" t="s">
        <v>42</v>
      </c>
      <c r="U23693" s="2">
        <v>0</v>
      </c>
      <c r="V23693" s="2">
        <v>0</v>
      </c>
      <c r="W23693" s="2">
        <v>0</v>
      </c>
      <c r="X23693" s="2">
        <v>0</v>
      </c>
      <c r="Y23693" s="2">
        <v>0</v>
      </c>
      <c r="Z23693" s="2">
        <v>0</v>
      </c>
      <c r="AA23693" s="5"/>
      <c r="AB23693" s="5" t="s">
        <v>43</v>
      </c>
      <c r="AC23693" s="5" t="s">
        <v>44</v>
      </c>
      <c r="AD23693" s="2"/>
      <c r="AE23693" s="1"/>
    </row>
    <row r="23694" spans="1:31" ht="14.45">
      <c r="A23694" s="11"/>
      <c r="B23694" s="20"/>
      <c r="C23694" s="2" t="s">
        <v>75961</v>
      </c>
      <c r="D23694" s="14" t="s">
        <v>75962</v>
      </c>
      <c r="E23694" s="2" t="s">
        <v>75963</v>
      </c>
      <c r="F23694" s="2" t="s">
        <v>7514</v>
      </c>
      <c r="G23694" s="8">
        <v>199</v>
      </c>
      <c r="H23694" s="5">
        <v>6</v>
      </c>
      <c r="I23694" s="5" t="s">
        <v>1518</v>
      </c>
      <c r="J23694" s="5" t="s">
        <v>69038</v>
      </c>
      <c r="K23694" s="2" t="s">
        <v>69039</v>
      </c>
      <c r="L23694" s="5" t="s">
        <v>69038</v>
      </c>
      <c r="M23694" s="2" t="s">
        <v>69039</v>
      </c>
      <c r="N23694" s="5" t="s">
        <v>19227</v>
      </c>
      <c r="O23694" s="5" t="s">
        <v>38</v>
      </c>
      <c r="P23694" s="5" t="s">
        <v>39</v>
      </c>
      <c r="Q23694" s="5" t="s">
        <v>40</v>
      </c>
      <c r="R23694" s="5" t="s">
        <v>1487</v>
      </c>
      <c r="S23694" s="5"/>
      <c r="T23694" s="5" t="s">
        <v>42</v>
      </c>
      <c r="U23694" s="2">
        <v>0</v>
      </c>
      <c r="V23694" s="2">
        <v>0</v>
      </c>
      <c r="W23694" s="2">
        <v>0</v>
      </c>
      <c r="X23694" s="2">
        <v>0</v>
      </c>
      <c r="Y23694" s="2">
        <v>0</v>
      </c>
      <c r="Z23694" s="2">
        <v>0</v>
      </c>
      <c r="AA23694" s="5"/>
      <c r="AB23694" s="5" t="s">
        <v>43</v>
      </c>
      <c r="AC23694" s="5" t="s">
        <v>44</v>
      </c>
      <c r="AD23694" s="2"/>
      <c r="AE23694" s="1"/>
    </row>
    <row r="23695" spans="1:31" ht="14.45">
      <c r="A23695" s="11"/>
      <c r="B23695" s="20"/>
      <c r="C23695" s="2" t="s">
        <v>75964</v>
      </c>
      <c r="D23695" s="14" t="s">
        <v>75965</v>
      </c>
      <c r="E23695" s="2" t="s">
        <v>75966</v>
      </c>
      <c r="F23695" s="2" t="s">
        <v>7208</v>
      </c>
      <c r="G23695" s="8">
        <v>199</v>
      </c>
      <c r="H23695" s="5">
        <v>6</v>
      </c>
      <c r="I23695" s="5" t="s">
        <v>1518</v>
      </c>
      <c r="J23695" s="5" t="s">
        <v>69038</v>
      </c>
      <c r="K23695" s="2" t="s">
        <v>69039</v>
      </c>
      <c r="L23695" s="5" t="s">
        <v>69038</v>
      </c>
      <c r="M23695" s="2" t="s">
        <v>69039</v>
      </c>
      <c r="N23695" s="5" t="s">
        <v>19227</v>
      </c>
      <c r="O23695" s="5" t="s">
        <v>38</v>
      </c>
      <c r="P23695" s="5" t="s">
        <v>39</v>
      </c>
      <c r="Q23695" s="5" t="s">
        <v>40</v>
      </c>
      <c r="R23695" s="5" t="s">
        <v>1487</v>
      </c>
      <c r="S23695" s="5"/>
      <c r="T23695" s="5" t="s">
        <v>42</v>
      </c>
      <c r="U23695" s="2">
        <v>0</v>
      </c>
      <c r="V23695" s="2">
        <v>0</v>
      </c>
      <c r="W23695" s="2">
        <v>0</v>
      </c>
      <c r="X23695" s="2">
        <v>0</v>
      </c>
      <c r="Y23695" s="2">
        <v>0</v>
      </c>
      <c r="Z23695" s="2">
        <v>0</v>
      </c>
      <c r="AA23695" s="5"/>
      <c r="AB23695" s="5" t="s">
        <v>43</v>
      </c>
      <c r="AC23695" s="5" t="s">
        <v>44</v>
      </c>
      <c r="AD23695" s="2"/>
      <c r="AE23695" s="1"/>
    </row>
    <row r="23696" spans="1:31" ht="14.45">
      <c r="A23696" s="11"/>
      <c r="B23696" s="20"/>
      <c r="C23696" s="2" t="s">
        <v>75967</v>
      </c>
      <c r="D23696" s="14" t="s">
        <v>75968</v>
      </c>
      <c r="E23696" s="2" t="s">
        <v>75969</v>
      </c>
      <c r="F23696" s="2" t="s">
        <v>7521</v>
      </c>
      <c r="G23696" s="8">
        <v>199</v>
      </c>
      <c r="H23696" s="5">
        <v>6</v>
      </c>
      <c r="I23696" s="5" t="s">
        <v>1518</v>
      </c>
      <c r="J23696" s="5" t="s">
        <v>69038</v>
      </c>
      <c r="K23696" s="2" t="s">
        <v>69039</v>
      </c>
      <c r="L23696" s="5" t="s">
        <v>69038</v>
      </c>
      <c r="M23696" s="2" t="s">
        <v>69039</v>
      </c>
      <c r="N23696" s="5" t="s">
        <v>19227</v>
      </c>
      <c r="O23696" s="5" t="s">
        <v>38</v>
      </c>
      <c r="P23696" s="5" t="s">
        <v>39</v>
      </c>
      <c r="Q23696" s="5" t="s">
        <v>40</v>
      </c>
      <c r="R23696" s="5" t="s">
        <v>1487</v>
      </c>
      <c r="S23696" s="5"/>
      <c r="T23696" s="5" t="s">
        <v>42</v>
      </c>
      <c r="U23696" s="2">
        <v>0</v>
      </c>
      <c r="V23696" s="2">
        <v>0</v>
      </c>
      <c r="W23696" s="2">
        <v>0</v>
      </c>
      <c r="X23696" s="2">
        <v>0</v>
      </c>
      <c r="Y23696" s="2">
        <v>0</v>
      </c>
      <c r="Z23696" s="2">
        <v>0</v>
      </c>
      <c r="AA23696" s="5"/>
      <c r="AB23696" s="5" t="s">
        <v>43</v>
      </c>
      <c r="AC23696" s="5" t="s">
        <v>44</v>
      </c>
      <c r="AD23696" s="2"/>
      <c r="AE23696" s="1"/>
    </row>
    <row r="23697" spans="1:31" ht="14.45">
      <c r="A23697" s="11"/>
      <c r="B23697" s="20"/>
      <c r="C23697" s="2" t="s">
        <v>75970</v>
      </c>
      <c r="D23697" s="14" t="s">
        <v>75971</v>
      </c>
      <c r="E23697" s="2" t="s">
        <v>75972</v>
      </c>
      <c r="F23697" s="2" t="s">
        <v>7396</v>
      </c>
      <c r="G23697" s="8">
        <v>199</v>
      </c>
      <c r="H23697" s="5">
        <v>6</v>
      </c>
      <c r="I23697" s="5" t="s">
        <v>1518</v>
      </c>
      <c r="J23697" s="5" t="s">
        <v>69038</v>
      </c>
      <c r="K23697" s="2" t="s">
        <v>69039</v>
      </c>
      <c r="L23697" s="5" t="s">
        <v>69038</v>
      </c>
      <c r="M23697" s="2" t="s">
        <v>69039</v>
      </c>
      <c r="N23697" s="5" t="s">
        <v>19227</v>
      </c>
      <c r="O23697" s="5" t="s">
        <v>38</v>
      </c>
      <c r="P23697" s="5" t="s">
        <v>39</v>
      </c>
      <c r="Q23697" s="5" t="s">
        <v>40</v>
      </c>
      <c r="R23697" s="5" t="s">
        <v>1487</v>
      </c>
      <c r="S23697" s="5"/>
      <c r="T23697" s="5" t="s">
        <v>42</v>
      </c>
      <c r="U23697" s="2">
        <v>0</v>
      </c>
      <c r="V23697" s="2">
        <v>0</v>
      </c>
      <c r="W23697" s="2">
        <v>0</v>
      </c>
      <c r="X23697" s="2">
        <v>0</v>
      </c>
      <c r="Y23697" s="2">
        <v>0</v>
      </c>
      <c r="Z23697" s="2">
        <v>0</v>
      </c>
      <c r="AA23697" s="5"/>
      <c r="AB23697" s="5" t="s">
        <v>43</v>
      </c>
      <c r="AC23697" s="5" t="s">
        <v>44</v>
      </c>
      <c r="AD23697" s="2"/>
      <c r="AE23697" s="1"/>
    </row>
    <row r="23698" spans="1:31" ht="14.45">
      <c r="A23698" s="11"/>
      <c r="B23698" s="20"/>
      <c r="C23698" s="2" t="s">
        <v>75973</v>
      </c>
      <c r="D23698" s="14" t="s">
        <v>75974</v>
      </c>
      <c r="E23698" s="2" t="s">
        <v>75975</v>
      </c>
      <c r="F23698" s="2" t="s">
        <v>7507</v>
      </c>
      <c r="G23698" s="8">
        <v>199</v>
      </c>
      <c r="H23698" s="5">
        <v>6</v>
      </c>
      <c r="I23698" s="5" t="s">
        <v>1518</v>
      </c>
      <c r="J23698" s="5" t="s">
        <v>69038</v>
      </c>
      <c r="K23698" s="2" t="s">
        <v>69039</v>
      </c>
      <c r="L23698" s="5" t="s">
        <v>69038</v>
      </c>
      <c r="M23698" s="2" t="s">
        <v>69039</v>
      </c>
      <c r="N23698" s="5" t="s">
        <v>19227</v>
      </c>
      <c r="O23698" s="5" t="s">
        <v>38</v>
      </c>
      <c r="P23698" s="5" t="s">
        <v>39</v>
      </c>
      <c r="Q23698" s="5" t="s">
        <v>40</v>
      </c>
      <c r="R23698" s="5" t="s">
        <v>1487</v>
      </c>
      <c r="S23698" s="5"/>
      <c r="T23698" s="5" t="s">
        <v>42</v>
      </c>
      <c r="U23698" s="2">
        <v>0</v>
      </c>
      <c r="V23698" s="2">
        <v>0</v>
      </c>
      <c r="W23698" s="2">
        <v>0</v>
      </c>
      <c r="X23698" s="2">
        <v>0</v>
      </c>
      <c r="Y23698" s="2">
        <v>0</v>
      </c>
      <c r="Z23698" s="2">
        <v>0</v>
      </c>
      <c r="AA23698" s="5"/>
      <c r="AB23698" s="5" t="s">
        <v>43</v>
      </c>
      <c r="AC23698" s="5" t="s">
        <v>44</v>
      </c>
      <c r="AD23698" s="2"/>
      <c r="AE23698" s="1"/>
    </row>
    <row r="23699" spans="1:31" ht="14.45">
      <c r="A23699" s="11"/>
      <c r="B23699" s="20"/>
      <c r="C23699" s="2" t="s">
        <v>75976</v>
      </c>
      <c r="D23699" s="14" t="s">
        <v>75977</v>
      </c>
      <c r="E23699" s="2" t="s">
        <v>75978</v>
      </c>
      <c r="F23699" s="2" t="s">
        <v>7212</v>
      </c>
      <c r="G23699" s="8">
        <v>199</v>
      </c>
      <c r="H23699" s="5">
        <v>6</v>
      </c>
      <c r="I23699" s="5" t="s">
        <v>1518</v>
      </c>
      <c r="J23699" s="5" t="s">
        <v>69038</v>
      </c>
      <c r="K23699" s="2" t="s">
        <v>69039</v>
      </c>
      <c r="L23699" s="5" t="s">
        <v>69038</v>
      </c>
      <c r="M23699" s="2" t="s">
        <v>69039</v>
      </c>
      <c r="N23699" s="5" t="s">
        <v>19227</v>
      </c>
      <c r="O23699" s="5" t="s">
        <v>38</v>
      </c>
      <c r="P23699" s="5" t="s">
        <v>39</v>
      </c>
      <c r="Q23699" s="5" t="s">
        <v>40</v>
      </c>
      <c r="R23699" s="5" t="s">
        <v>1487</v>
      </c>
      <c r="S23699" s="5"/>
      <c r="T23699" s="5" t="s">
        <v>42</v>
      </c>
      <c r="U23699" s="2">
        <v>0</v>
      </c>
      <c r="V23699" s="2">
        <v>0</v>
      </c>
      <c r="W23699" s="2">
        <v>0</v>
      </c>
      <c r="X23699" s="2">
        <v>0</v>
      </c>
      <c r="Y23699" s="2">
        <v>0</v>
      </c>
      <c r="Z23699" s="2">
        <v>0</v>
      </c>
      <c r="AA23699" s="5"/>
      <c r="AB23699" s="5" t="s">
        <v>43</v>
      </c>
      <c r="AC23699" s="5" t="s">
        <v>44</v>
      </c>
      <c r="AD23699" s="2"/>
      <c r="AE23699" s="1"/>
    </row>
    <row r="23700" spans="1:31" ht="14.45">
      <c r="A23700" s="11"/>
      <c r="B23700" s="20"/>
      <c r="C23700" s="2" t="s">
        <v>75979</v>
      </c>
      <c r="D23700" s="14" t="s">
        <v>75980</v>
      </c>
      <c r="E23700" s="2" t="s">
        <v>75981</v>
      </c>
      <c r="F23700" s="2" t="s">
        <v>7528</v>
      </c>
      <c r="G23700" s="8">
        <v>199</v>
      </c>
      <c r="H23700" s="5">
        <v>6</v>
      </c>
      <c r="I23700" s="5" t="s">
        <v>1518</v>
      </c>
      <c r="J23700" s="5" t="s">
        <v>69038</v>
      </c>
      <c r="K23700" s="2" t="s">
        <v>69039</v>
      </c>
      <c r="L23700" s="5" t="s">
        <v>69038</v>
      </c>
      <c r="M23700" s="2" t="s">
        <v>69039</v>
      </c>
      <c r="N23700" s="5" t="s">
        <v>19227</v>
      </c>
      <c r="O23700" s="5" t="s">
        <v>38</v>
      </c>
      <c r="P23700" s="5" t="s">
        <v>39</v>
      </c>
      <c r="Q23700" s="5" t="s">
        <v>40</v>
      </c>
      <c r="R23700" s="5" t="s">
        <v>1487</v>
      </c>
      <c r="S23700" s="5"/>
      <c r="T23700" s="5" t="s">
        <v>42</v>
      </c>
      <c r="U23700" s="2">
        <v>0</v>
      </c>
      <c r="V23700" s="2">
        <v>0</v>
      </c>
      <c r="W23700" s="2">
        <v>0</v>
      </c>
      <c r="X23700" s="2">
        <v>0</v>
      </c>
      <c r="Y23700" s="2">
        <v>0</v>
      </c>
      <c r="Z23700" s="2">
        <v>0</v>
      </c>
      <c r="AA23700" s="5"/>
      <c r="AB23700" s="5" t="s">
        <v>43</v>
      </c>
      <c r="AC23700" s="5" t="s">
        <v>44</v>
      </c>
      <c r="AD23700" s="2"/>
      <c r="AE23700" s="1"/>
    </row>
    <row r="23701" spans="1:31" ht="14.45">
      <c r="A23701" s="11"/>
      <c r="B23701" s="20"/>
      <c r="C23701" s="2" t="s">
        <v>75982</v>
      </c>
      <c r="D23701" s="14" t="s">
        <v>75983</v>
      </c>
      <c r="E23701" s="2" t="s">
        <v>75984</v>
      </c>
      <c r="F23701" s="2" t="s">
        <v>7204</v>
      </c>
      <c r="G23701" s="8">
        <v>206</v>
      </c>
      <c r="H23701" s="5">
        <v>6</v>
      </c>
      <c r="I23701" s="5" t="s">
        <v>1518</v>
      </c>
      <c r="J23701" s="5" t="s">
        <v>69038</v>
      </c>
      <c r="K23701" s="2" t="s">
        <v>69039</v>
      </c>
      <c r="L23701" s="5" t="s">
        <v>69038</v>
      </c>
      <c r="M23701" s="2" t="s">
        <v>69039</v>
      </c>
      <c r="N23701" s="5" t="s">
        <v>19227</v>
      </c>
      <c r="O23701" s="5" t="s">
        <v>38</v>
      </c>
      <c r="P23701" s="5" t="s">
        <v>39</v>
      </c>
      <c r="Q23701" s="5" t="s">
        <v>40</v>
      </c>
      <c r="R23701" s="5" t="s">
        <v>1487</v>
      </c>
      <c r="S23701" s="5"/>
      <c r="T23701" s="5" t="s">
        <v>42</v>
      </c>
      <c r="U23701" s="2">
        <v>0</v>
      </c>
      <c r="V23701" s="2">
        <v>0</v>
      </c>
      <c r="W23701" s="2">
        <v>0</v>
      </c>
      <c r="X23701" s="2">
        <v>0</v>
      </c>
      <c r="Y23701" s="2">
        <v>0</v>
      </c>
      <c r="Z23701" s="2">
        <v>0</v>
      </c>
      <c r="AA23701" s="5"/>
      <c r="AB23701" s="5" t="s">
        <v>43</v>
      </c>
      <c r="AC23701" s="5" t="s">
        <v>44</v>
      </c>
      <c r="AD23701" s="2"/>
      <c r="AE23701" s="1"/>
    </row>
    <row r="23702" spans="1:31" ht="14.45">
      <c r="A23702" s="11"/>
      <c r="B23702" s="20"/>
      <c r="C23702" s="2" t="s">
        <v>75985</v>
      </c>
      <c r="D23702" s="14" t="s">
        <v>75986</v>
      </c>
      <c r="E23702" s="2" t="s">
        <v>75987</v>
      </c>
      <c r="F23702" s="2" t="s">
        <v>7514</v>
      </c>
      <c r="G23702" s="8">
        <v>206</v>
      </c>
      <c r="H23702" s="5">
        <v>6</v>
      </c>
      <c r="I23702" s="5" t="s">
        <v>1518</v>
      </c>
      <c r="J23702" s="5" t="s">
        <v>69038</v>
      </c>
      <c r="K23702" s="2" t="s">
        <v>69039</v>
      </c>
      <c r="L23702" s="5" t="s">
        <v>69038</v>
      </c>
      <c r="M23702" s="2" t="s">
        <v>69039</v>
      </c>
      <c r="N23702" s="5" t="s">
        <v>19227</v>
      </c>
      <c r="O23702" s="5" t="s">
        <v>38</v>
      </c>
      <c r="P23702" s="5" t="s">
        <v>39</v>
      </c>
      <c r="Q23702" s="5" t="s">
        <v>40</v>
      </c>
      <c r="R23702" s="5" t="s">
        <v>1487</v>
      </c>
      <c r="S23702" s="5"/>
      <c r="T23702" s="5" t="s">
        <v>42</v>
      </c>
      <c r="U23702" s="2">
        <v>0</v>
      </c>
      <c r="V23702" s="2">
        <v>0</v>
      </c>
      <c r="W23702" s="2">
        <v>0</v>
      </c>
      <c r="X23702" s="2">
        <v>0</v>
      </c>
      <c r="Y23702" s="2">
        <v>0</v>
      </c>
      <c r="Z23702" s="2">
        <v>0</v>
      </c>
      <c r="AA23702" s="5"/>
      <c r="AB23702" s="5" t="s">
        <v>43</v>
      </c>
      <c r="AC23702" s="5" t="s">
        <v>44</v>
      </c>
      <c r="AD23702" s="2"/>
      <c r="AE23702" s="1"/>
    </row>
    <row r="23703" spans="1:31" ht="14.45">
      <c r="A23703" s="11"/>
      <c r="B23703" s="20"/>
      <c r="C23703" s="2" t="s">
        <v>75988</v>
      </c>
      <c r="D23703" s="14" t="s">
        <v>75989</v>
      </c>
      <c r="E23703" s="2" t="s">
        <v>75990</v>
      </c>
      <c r="F23703" s="2" t="s">
        <v>7208</v>
      </c>
      <c r="G23703" s="8">
        <v>206</v>
      </c>
      <c r="H23703" s="5">
        <v>6</v>
      </c>
      <c r="I23703" s="5" t="s">
        <v>1518</v>
      </c>
      <c r="J23703" s="5" t="s">
        <v>69038</v>
      </c>
      <c r="K23703" s="2" t="s">
        <v>69039</v>
      </c>
      <c r="L23703" s="5" t="s">
        <v>69038</v>
      </c>
      <c r="M23703" s="2" t="s">
        <v>69039</v>
      </c>
      <c r="N23703" s="5" t="s">
        <v>19227</v>
      </c>
      <c r="O23703" s="5" t="s">
        <v>38</v>
      </c>
      <c r="P23703" s="5" t="s">
        <v>39</v>
      </c>
      <c r="Q23703" s="5" t="s">
        <v>40</v>
      </c>
      <c r="R23703" s="5" t="s">
        <v>1487</v>
      </c>
      <c r="S23703" s="5"/>
      <c r="T23703" s="5" t="s">
        <v>42</v>
      </c>
      <c r="U23703" s="2">
        <v>0</v>
      </c>
      <c r="V23703" s="2">
        <v>0</v>
      </c>
      <c r="W23703" s="2">
        <v>0</v>
      </c>
      <c r="X23703" s="2">
        <v>0</v>
      </c>
      <c r="Y23703" s="2">
        <v>0</v>
      </c>
      <c r="Z23703" s="2">
        <v>0</v>
      </c>
      <c r="AA23703" s="5"/>
      <c r="AB23703" s="5" t="s">
        <v>43</v>
      </c>
      <c r="AC23703" s="5" t="s">
        <v>44</v>
      </c>
      <c r="AD23703" s="2"/>
      <c r="AE23703" s="1"/>
    </row>
    <row r="23704" spans="1:31" ht="14.45">
      <c r="A23704" s="11"/>
      <c r="B23704" s="20"/>
      <c r="C23704" s="2" t="s">
        <v>75991</v>
      </c>
      <c r="D23704" s="14" t="s">
        <v>75992</v>
      </c>
      <c r="E23704" s="2" t="s">
        <v>75993</v>
      </c>
      <c r="F23704" s="2" t="s">
        <v>7521</v>
      </c>
      <c r="G23704" s="8">
        <v>206</v>
      </c>
      <c r="H23704" s="5">
        <v>6</v>
      </c>
      <c r="I23704" s="5" t="s">
        <v>1518</v>
      </c>
      <c r="J23704" s="5" t="s">
        <v>69038</v>
      </c>
      <c r="K23704" s="2" t="s">
        <v>69039</v>
      </c>
      <c r="L23704" s="5" t="s">
        <v>69038</v>
      </c>
      <c r="M23704" s="2" t="s">
        <v>69039</v>
      </c>
      <c r="N23704" s="5" t="s">
        <v>19227</v>
      </c>
      <c r="O23704" s="5" t="s">
        <v>38</v>
      </c>
      <c r="P23704" s="5" t="s">
        <v>39</v>
      </c>
      <c r="Q23704" s="5" t="s">
        <v>40</v>
      </c>
      <c r="R23704" s="5" t="s">
        <v>1487</v>
      </c>
      <c r="S23704" s="5"/>
      <c r="T23704" s="5" t="s">
        <v>42</v>
      </c>
      <c r="U23704" s="2">
        <v>0</v>
      </c>
      <c r="V23704" s="2">
        <v>0</v>
      </c>
      <c r="W23704" s="2">
        <v>0</v>
      </c>
      <c r="X23704" s="2">
        <v>0</v>
      </c>
      <c r="Y23704" s="2">
        <v>0</v>
      </c>
      <c r="Z23704" s="2">
        <v>0</v>
      </c>
      <c r="AA23704" s="5"/>
      <c r="AB23704" s="5" t="s">
        <v>43</v>
      </c>
      <c r="AC23704" s="5" t="s">
        <v>44</v>
      </c>
      <c r="AD23704" s="2"/>
      <c r="AE23704" s="1"/>
    </row>
    <row r="23705" spans="1:31" ht="14.45">
      <c r="A23705" s="11"/>
      <c r="B23705" s="20"/>
      <c r="C23705" s="2" t="s">
        <v>75994</v>
      </c>
      <c r="D23705" s="14" t="s">
        <v>75995</v>
      </c>
      <c r="E23705" s="2" t="s">
        <v>75996</v>
      </c>
      <c r="F23705" s="2" t="s">
        <v>7396</v>
      </c>
      <c r="G23705" s="8">
        <v>206</v>
      </c>
      <c r="H23705" s="5">
        <v>6</v>
      </c>
      <c r="I23705" s="5" t="s">
        <v>1518</v>
      </c>
      <c r="J23705" s="5" t="s">
        <v>69038</v>
      </c>
      <c r="K23705" s="2" t="s">
        <v>69039</v>
      </c>
      <c r="L23705" s="5" t="s">
        <v>69038</v>
      </c>
      <c r="M23705" s="2" t="s">
        <v>69039</v>
      </c>
      <c r="N23705" s="5" t="s">
        <v>19227</v>
      </c>
      <c r="O23705" s="5" t="s">
        <v>38</v>
      </c>
      <c r="P23705" s="5" t="s">
        <v>39</v>
      </c>
      <c r="Q23705" s="5" t="s">
        <v>40</v>
      </c>
      <c r="R23705" s="5" t="s">
        <v>1487</v>
      </c>
      <c r="S23705" s="5"/>
      <c r="T23705" s="5" t="s">
        <v>42</v>
      </c>
      <c r="U23705" s="2">
        <v>0</v>
      </c>
      <c r="V23705" s="2">
        <v>0</v>
      </c>
      <c r="W23705" s="2">
        <v>0</v>
      </c>
      <c r="X23705" s="2">
        <v>0</v>
      </c>
      <c r="Y23705" s="2">
        <v>0</v>
      </c>
      <c r="Z23705" s="2">
        <v>0</v>
      </c>
      <c r="AA23705" s="5"/>
      <c r="AB23705" s="5" t="s">
        <v>43</v>
      </c>
      <c r="AC23705" s="5" t="s">
        <v>44</v>
      </c>
      <c r="AD23705" s="2"/>
      <c r="AE23705" s="1"/>
    </row>
    <row r="23706" spans="1:31" ht="14.45">
      <c r="A23706" s="11"/>
      <c r="B23706" s="20"/>
      <c r="C23706" s="2" t="s">
        <v>75997</v>
      </c>
      <c r="D23706" s="14" t="s">
        <v>75998</v>
      </c>
      <c r="E23706" s="2" t="s">
        <v>75999</v>
      </c>
      <c r="F23706" s="2" t="s">
        <v>7507</v>
      </c>
      <c r="G23706" s="8">
        <v>206</v>
      </c>
      <c r="H23706" s="5">
        <v>6</v>
      </c>
      <c r="I23706" s="5" t="s">
        <v>1518</v>
      </c>
      <c r="J23706" s="5" t="s">
        <v>69038</v>
      </c>
      <c r="K23706" s="2" t="s">
        <v>69039</v>
      </c>
      <c r="L23706" s="5" t="s">
        <v>69038</v>
      </c>
      <c r="M23706" s="2" t="s">
        <v>69039</v>
      </c>
      <c r="N23706" s="5" t="s">
        <v>19227</v>
      </c>
      <c r="O23706" s="5" t="s">
        <v>38</v>
      </c>
      <c r="P23706" s="5" t="s">
        <v>39</v>
      </c>
      <c r="Q23706" s="5" t="s">
        <v>40</v>
      </c>
      <c r="R23706" s="5" t="s">
        <v>1487</v>
      </c>
      <c r="S23706" s="5"/>
      <c r="T23706" s="5" t="s">
        <v>42</v>
      </c>
      <c r="U23706" s="2">
        <v>0</v>
      </c>
      <c r="V23706" s="2">
        <v>0</v>
      </c>
      <c r="W23706" s="2">
        <v>0</v>
      </c>
      <c r="X23706" s="2">
        <v>0</v>
      </c>
      <c r="Y23706" s="2">
        <v>0</v>
      </c>
      <c r="Z23706" s="2">
        <v>0</v>
      </c>
      <c r="AA23706" s="5"/>
      <c r="AB23706" s="5" t="s">
        <v>43</v>
      </c>
      <c r="AC23706" s="5" t="s">
        <v>44</v>
      </c>
      <c r="AD23706" s="2"/>
      <c r="AE23706" s="1"/>
    </row>
    <row r="23707" spans="1:31" ht="14.45">
      <c r="A23707" s="11"/>
      <c r="B23707" s="20"/>
      <c r="C23707" s="2" t="s">
        <v>76000</v>
      </c>
      <c r="D23707" s="14" t="s">
        <v>76001</v>
      </c>
      <c r="E23707" s="2" t="s">
        <v>76002</v>
      </c>
      <c r="F23707" s="2" t="s">
        <v>7212</v>
      </c>
      <c r="G23707" s="8">
        <v>206</v>
      </c>
      <c r="H23707" s="5">
        <v>6</v>
      </c>
      <c r="I23707" s="5" t="s">
        <v>1518</v>
      </c>
      <c r="J23707" s="5" t="s">
        <v>69038</v>
      </c>
      <c r="K23707" s="2" t="s">
        <v>69039</v>
      </c>
      <c r="L23707" s="5" t="s">
        <v>69038</v>
      </c>
      <c r="M23707" s="2" t="s">
        <v>69039</v>
      </c>
      <c r="N23707" s="5" t="s">
        <v>19227</v>
      </c>
      <c r="O23707" s="5" t="s">
        <v>38</v>
      </c>
      <c r="P23707" s="5" t="s">
        <v>39</v>
      </c>
      <c r="Q23707" s="5" t="s">
        <v>40</v>
      </c>
      <c r="R23707" s="5" t="s">
        <v>1487</v>
      </c>
      <c r="S23707" s="5"/>
      <c r="T23707" s="5" t="s">
        <v>42</v>
      </c>
      <c r="U23707" s="2">
        <v>0</v>
      </c>
      <c r="V23707" s="2">
        <v>0</v>
      </c>
      <c r="W23707" s="2">
        <v>0</v>
      </c>
      <c r="X23707" s="2">
        <v>0</v>
      </c>
      <c r="Y23707" s="2">
        <v>0</v>
      </c>
      <c r="Z23707" s="2">
        <v>0</v>
      </c>
      <c r="AA23707" s="5"/>
      <c r="AB23707" s="5" t="s">
        <v>43</v>
      </c>
      <c r="AC23707" s="5" t="s">
        <v>44</v>
      </c>
      <c r="AD23707" s="2"/>
      <c r="AE23707" s="1"/>
    </row>
    <row r="23708" spans="1:31" ht="14.45">
      <c r="A23708" s="11"/>
      <c r="B23708" s="20"/>
      <c r="C23708" s="2" t="s">
        <v>76003</v>
      </c>
      <c r="D23708" s="14" t="s">
        <v>76004</v>
      </c>
      <c r="E23708" s="2" t="s">
        <v>76005</v>
      </c>
      <c r="F23708" s="2" t="s">
        <v>7528</v>
      </c>
      <c r="G23708" s="8">
        <v>206</v>
      </c>
      <c r="H23708" s="5">
        <v>6</v>
      </c>
      <c r="I23708" s="5" t="s">
        <v>1518</v>
      </c>
      <c r="J23708" s="5" t="s">
        <v>69038</v>
      </c>
      <c r="K23708" s="2" t="s">
        <v>69039</v>
      </c>
      <c r="L23708" s="5" t="s">
        <v>69038</v>
      </c>
      <c r="M23708" s="2" t="s">
        <v>69039</v>
      </c>
      <c r="N23708" s="5" t="s">
        <v>19227</v>
      </c>
      <c r="O23708" s="5" t="s">
        <v>38</v>
      </c>
      <c r="P23708" s="5" t="s">
        <v>39</v>
      </c>
      <c r="Q23708" s="5" t="s">
        <v>40</v>
      </c>
      <c r="R23708" s="5" t="s">
        <v>1487</v>
      </c>
      <c r="S23708" s="5"/>
      <c r="T23708" s="5" t="s">
        <v>42</v>
      </c>
      <c r="U23708" s="2">
        <v>0</v>
      </c>
      <c r="V23708" s="2">
        <v>0</v>
      </c>
      <c r="W23708" s="2">
        <v>0</v>
      </c>
      <c r="X23708" s="2">
        <v>0</v>
      </c>
      <c r="Y23708" s="2">
        <v>0</v>
      </c>
      <c r="Z23708" s="2">
        <v>0</v>
      </c>
      <c r="AA23708" s="5"/>
      <c r="AB23708" s="5" t="s">
        <v>43</v>
      </c>
      <c r="AC23708" s="5" t="s">
        <v>44</v>
      </c>
      <c r="AD23708" s="2"/>
      <c r="AE23708" s="1"/>
    </row>
    <row r="23709" spans="1:31" ht="14.45">
      <c r="A23709" s="11"/>
      <c r="B23709" s="20"/>
      <c r="C23709" s="2" t="s">
        <v>76006</v>
      </c>
      <c r="D23709" s="14" t="s">
        <v>76007</v>
      </c>
      <c r="E23709" s="2" t="s">
        <v>76008</v>
      </c>
      <c r="F23709" s="2" t="s">
        <v>7204</v>
      </c>
      <c r="G23709" s="8">
        <v>188</v>
      </c>
      <c r="H23709" s="5">
        <v>6</v>
      </c>
      <c r="I23709" s="5" t="s">
        <v>1518</v>
      </c>
      <c r="J23709" s="5" t="s">
        <v>69038</v>
      </c>
      <c r="K23709" s="2" t="s">
        <v>69039</v>
      </c>
      <c r="L23709" s="5" t="s">
        <v>69038</v>
      </c>
      <c r="M23709" s="2" t="s">
        <v>69039</v>
      </c>
      <c r="N23709" s="5" t="s">
        <v>19227</v>
      </c>
      <c r="O23709" s="5" t="s">
        <v>38</v>
      </c>
      <c r="P23709" s="5" t="s">
        <v>39</v>
      </c>
      <c r="Q23709" s="5" t="s">
        <v>40</v>
      </c>
      <c r="R23709" s="5" t="s">
        <v>1487</v>
      </c>
      <c r="S23709" s="5"/>
      <c r="T23709" s="5" t="s">
        <v>42</v>
      </c>
      <c r="U23709" s="2">
        <v>0</v>
      </c>
      <c r="V23709" s="2">
        <v>0</v>
      </c>
      <c r="W23709" s="2">
        <v>0</v>
      </c>
      <c r="X23709" s="2">
        <v>0</v>
      </c>
      <c r="Y23709" s="2">
        <v>0</v>
      </c>
      <c r="Z23709" s="2">
        <v>0</v>
      </c>
      <c r="AA23709" s="5"/>
      <c r="AB23709" s="5" t="s">
        <v>43</v>
      </c>
      <c r="AC23709" s="5" t="s">
        <v>44</v>
      </c>
      <c r="AD23709" s="2"/>
      <c r="AE23709" s="1"/>
    </row>
    <row r="23710" spans="1:31" ht="14.45">
      <c r="A23710" s="11"/>
      <c r="B23710" s="20"/>
      <c r="C23710" s="2" t="s">
        <v>76009</v>
      </c>
      <c r="D23710" s="14" t="s">
        <v>76010</v>
      </c>
      <c r="E23710" s="2" t="s">
        <v>76011</v>
      </c>
      <c r="F23710" s="2" t="s">
        <v>7514</v>
      </c>
      <c r="G23710" s="8">
        <v>188</v>
      </c>
      <c r="H23710" s="5">
        <v>6</v>
      </c>
      <c r="I23710" s="5" t="s">
        <v>1518</v>
      </c>
      <c r="J23710" s="5" t="s">
        <v>69038</v>
      </c>
      <c r="K23710" s="2" t="s">
        <v>69039</v>
      </c>
      <c r="L23710" s="5" t="s">
        <v>69038</v>
      </c>
      <c r="M23710" s="2" t="s">
        <v>69039</v>
      </c>
      <c r="N23710" s="5" t="s">
        <v>19227</v>
      </c>
      <c r="O23710" s="5" t="s">
        <v>38</v>
      </c>
      <c r="P23710" s="5" t="s">
        <v>39</v>
      </c>
      <c r="Q23710" s="5" t="s">
        <v>40</v>
      </c>
      <c r="R23710" s="5" t="s">
        <v>1487</v>
      </c>
      <c r="S23710" s="5"/>
      <c r="T23710" s="5" t="s">
        <v>42</v>
      </c>
      <c r="U23710" s="2">
        <v>0</v>
      </c>
      <c r="V23710" s="2">
        <v>0</v>
      </c>
      <c r="W23710" s="2">
        <v>0</v>
      </c>
      <c r="X23710" s="2">
        <v>0</v>
      </c>
      <c r="Y23710" s="2">
        <v>0</v>
      </c>
      <c r="Z23710" s="2">
        <v>0</v>
      </c>
      <c r="AA23710" s="5"/>
      <c r="AB23710" s="5" t="s">
        <v>43</v>
      </c>
      <c r="AC23710" s="5" t="s">
        <v>44</v>
      </c>
      <c r="AD23710" s="2"/>
      <c r="AE23710" s="1"/>
    </row>
    <row r="23711" spans="1:31" ht="14.45">
      <c r="A23711" s="11"/>
      <c r="B23711" s="20"/>
      <c r="C23711" s="2" t="s">
        <v>76012</v>
      </c>
      <c r="D23711" s="14" t="s">
        <v>76013</v>
      </c>
      <c r="E23711" s="2" t="s">
        <v>76014</v>
      </c>
      <c r="F23711" s="2" t="s">
        <v>7208</v>
      </c>
      <c r="G23711" s="8">
        <v>188</v>
      </c>
      <c r="H23711" s="5">
        <v>6</v>
      </c>
      <c r="I23711" s="5" t="s">
        <v>1518</v>
      </c>
      <c r="J23711" s="5" t="s">
        <v>69038</v>
      </c>
      <c r="K23711" s="2" t="s">
        <v>69039</v>
      </c>
      <c r="L23711" s="5" t="s">
        <v>69038</v>
      </c>
      <c r="M23711" s="2" t="s">
        <v>69039</v>
      </c>
      <c r="N23711" s="5" t="s">
        <v>19227</v>
      </c>
      <c r="O23711" s="5" t="s">
        <v>38</v>
      </c>
      <c r="P23711" s="5" t="s">
        <v>39</v>
      </c>
      <c r="Q23711" s="5" t="s">
        <v>40</v>
      </c>
      <c r="R23711" s="5" t="s">
        <v>1487</v>
      </c>
      <c r="S23711" s="5"/>
      <c r="T23711" s="5" t="s">
        <v>42</v>
      </c>
      <c r="U23711" s="2">
        <v>0</v>
      </c>
      <c r="V23711" s="2">
        <v>0</v>
      </c>
      <c r="W23711" s="2">
        <v>0</v>
      </c>
      <c r="X23711" s="2">
        <v>0</v>
      </c>
      <c r="Y23711" s="2">
        <v>0</v>
      </c>
      <c r="Z23711" s="2">
        <v>0</v>
      </c>
      <c r="AA23711" s="5"/>
      <c r="AB23711" s="5" t="s">
        <v>43</v>
      </c>
      <c r="AC23711" s="5" t="s">
        <v>44</v>
      </c>
      <c r="AD23711" s="2"/>
      <c r="AE23711" s="1"/>
    </row>
    <row r="23712" spans="1:31" ht="14.45">
      <c r="A23712" s="11"/>
      <c r="B23712" s="20"/>
      <c r="C23712" s="2" t="s">
        <v>76015</v>
      </c>
      <c r="D23712" s="14" t="s">
        <v>76016</v>
      </c>
      <c r="E23712" s="2" t="s">
        <v>76017</v>
      </c>
      <c r="F23712" s="2" t="s">
        <v>7521</v>
      </c>
      <c r="G23712" s="8">
        <v>188</v>
      </c>
      <c r="H23712" s="5">
        <v>6</v>
      </c>
      <c r="I23712" s="5" t="s">
        <v>1518</v>
      </c>
      <c r="J23712" s="5" t="s">
        <v>69038</v>
      </c>
      <c r="K23712" s="2" t="s">
        <v>69039</v>
      </c>
      <c r="L23712" s="5" t="s">
        <v>69038</v>
      </c>
      <c r="M23712" s="2" t="s">
        <v>69039</v>
      </c>
      <c r="N23712" s="5" t="s">
        <v>19227</v>
      </c>
      <c r="O23712" s="5" t="s">
        <v>38</v>
      </c>
      <c r="P23712" s="5" t="s">
        <v>39</v>
      </c>
      <c r="Q23712" s="5" t="s">
        <v>40</v>
      </c>
      <c r="R23712" s="5" t="s">
        <v>1487</v>
      </c>
      <c r="S23712" s="5"/>
      <c r="T23712" s="5" t="s">
        <v>42</v>
      </c>
      <c r="U23712" s="2">
        <v>0</v>
      </c>
      <c r="V23712" s="2">
        <v>0</v>
      </c>
      <c r="W23712" s="2">
        <v>0</v>
      </c>
      <c r="X23712" s="2">
        <v>0</v>
      </c>
      <c r="Y23712" s="2">
        <v>0</v>
      </c>
      <c r="Z23712" s="2">
        <v>0</v>
      </c>
      <c r="AA23712" s="5"/>
      <c r="AB23712" s="5" t="s">
        <v>43</v>
      </c>
      <c r="AC23712" s="5" t="s">
        <v>44</v>
      </c>
      <c r="AD23712" s="2"/>
      <c r="AE23712" s="1"/>
    </row>
    <row r="23713" spans="1:31" ht="14.45">
      <c r="A23713" s="11"/>
      <c r="B23713" s="20"/>
      <c r="C23713" s="2" t="s">
        <v>76018</v>
      </c>
      <c r="D23713" s="14" t="s">
        <v>76019</v>
      </c>
      <c r="E23713" s="2" t="s">
        <v>76020</v>
      </c>
      <c r="F23713" s="2" t="s">
        <v>7396</v>
      </c>
      <c r="G23713" s="8">
        <v>188</v>
      </c>
      <c r="H23713" s="5">
        <v>6</v>
      </c>
      <c r="I23713" s="5" t="s">
        <v>1518</v>
      </c>
      <c r="J23713" s="5" t="s">
        <v>69038</v>
      </c>
      <c r="K23713" s="2" t="s">
        <v>69039</v>
      </c>
      <c r="L23713" s="5" t="s">
        <v>69038</v>
      </c>
      <c r="M23713" s="2" t="s">
        <v>69039</v>
      </c>
      <c r="N23713" s="5" t="s">
        <v>19227</v>
      </c>
      <c r="O23713" s="5" t="s">
        <v>38</v>
      </c>
      <c r="P23713" s="5" t="s">
        <v>39</v>
      </c>
      <c r="Q23713" s="5" t="s">
        <v>40</v>
      </c>
      <c r="R23713" s="5" t="s">
        <v>1487</v>
      </c>
      <c r="S23713" s="5"/>
      <c r="T23713" s="5" t="s">
        <v>42</v>
      </c>
      <c r="U23713" s="2">
        <v>0</v>
      </c>
      <c r="V23713" s="2">
        <v>0</v>
      </c>
      <c r="W23713" s="2">
        <v>0</v>
      </c>
      <c r="X23713" s="2">
        <v>0</v>
      </c>
      <c r="Y23713" s="2">
        <v>0</v>
      </c>
      <c r="Z23713" s="2">
        <v>0</v>
      </c>
      <c r="AA23713" s="5"/>
      <c r="AB23713" s="5" t="s">
        <v>43</v>
      </c>
      <c r="AC23713" s="5" t="s">
        <v>44</v>
      </c>
      <c r="AD23713" s="2"/>
      <c r="AE23713" s="1"/>
    </row>
    <row r="23714" spans="1:31" ht="14.45">
      <c r="A23714" s="11"/>
      <c r="B23714" s="20"/>
      <c r="C23714" s="2" t="s">
        <v>76021</v>
      </c>
      <c r="D23714" s="14" t="s">
        <v>76022</v>
      </c>
      <c r="E23714" s="2" t="s">
        <v>76023</v>
      </c>
      <c r="F23714" s="2" t="s">
        <v>7507</v>
      </c>
      <c r="G23714" s="8">
        <v>188</v>
      </c>
      <c r="H23714" s="5">
        <v>6</v>
      </c>
      <c r="I23714" s="5" t="s">
        <v>1518</v>
      </c>
      <c r="J23714" s="5" t="s">
        <v>69038</v>
      </c>
      <c r="K23714" s="2" t="s">
        <v>69039</v>
      </c>
      <c r="L23714" s="5" t="s">
        <v>69038</v>
      </c>
      <c r="M23714" s="2" t="s">
        <v>69039</v>
      </c>
      <c r="N23714" s="5" t="s">
        <v>19227</v>
      </c>
      <c r="O23714" s="5" t="s">
        <v>38</v>
      </c>
      <c r="P23714" s="5" t="s">
        <v>39</v>
      </c>
      <c r="Q23714" s="5" t="s">
        <v>40</v>
      </c>
      <c r="R23714" s="5" t="s">
        <v>1487</v>
      </c>
      <c r="S23714" s="5"/>
      <c r="T23714" s="5" t="s">
        <v>42</v>
      </c>
      <c r="U23714" s="2">
        <v>0</v>
      </c>
      <c r="V23714" s="2">
        <v>0</v>
      </c>
      <c r="W23714" s="2">
        <v>0</v>
      </c>
      <c r="X23714" s="2">
        <v>0</v>
      </c>
      <c r="Y23714" s="2">
        <v>0</v>
      </c>
      <c r="Z23714" s="2">
        <v>0</v>
      </c>
      <c r="AA23714" s="5"/>
      <c r="AB23714" s="5" t="s">
        <v>43</v>
      </c>
      <c r="AC23714" s="5" t="s">
        <v>44</v>
      </c>
      <c r="AD23714" s="2"/>
      <c r="AE23714" s="1"/>
    </row>
    <row r="23715" spans="1:31" ht="14.45">
      <c r="A23715" s="11"/>
      <c r="B23715" s="20"/>
      <c r="C23715" s="2" t="s">
        <v>76024</v>
      </c>
      <c r="D23715" s="14" t="s">
        <v>76025</v>
      </c>
      <c r="E23715" s="2" t="s">
        <v>76026</v>
      </c>
      <c r="F23715" s="2" t="s">
        <v>7212</v>
      </c>
      <c r="G23715" s="8">
        <v>188</v>
      </c>
      <c r="H23715" s="5">
        <v>6</v>
      </c>
      <c r="I23715" s="5" t="s">
        <v>1518</v>
      </c>
      <c r="J23715" s="5" t="s">
        <v>69038</v>
      </c>
      <c r="K23715" s="2" t="s">
        <v>69039</v>
      </c>
      <c r="L23715" s="5" t="s">
        <v>69038</v>
      </c>
      <c r="M23715" s="2" t="s">
        <v>69039</v>
      </c>
      <c r="N23715" s="5" t="s">
        <v>19227</v>
      </c>
      <c r="O23715" s="5" t="s">
        <v>38</v>
      </c>
      <c r="P23715" s="5" t="s">
        <v>39</v>
      </c>
      <c r="Q23715" s="5" t="s">
        <v>40</v>
      </c>
      <c r="R23715" s="5" t="s">
        <v>1487</v>
      </c>
      <c r="S23715" s="5"/>
      <c r="T23715" s="5" t="s">
        <v>42</v>
      </c>
      <c r="U23715" s="2">
        <v>0</v>
      </c>
      <c r="V23715" s="2">
        <v>0</v>
      </c>
      <c r="W23715" s="2">
        <v>0</v>
      </c>
      <c r="X23715" s="2">
        <v>0</v>
      </c>
      <c r="Y23715" s="2">
        <v>0</v>
      </c>
      <c r="Z23715" s="2">
        <v>0</v>
      </c>
      <c r="AA23715" s="5"/>
      <c r="AB23715" s="5" t="s">
        <v>43</v>
      </c>
      <c r="AC23715" s="5" t="s">
        <v>44</v>
      </c>
      <c r="AD23715" s="2"/>
      <c r="AE23715" s="1"/>
    </row>
    <row r="23716" spans="1:31" ht="14.45">
      <c r="A23716" s="11"/>
      <c r="B23716" s="20"/>
      <c r="C23716" s="2" t="s">
        <v>76027</v>
      </c>
      <c r="D23716" s="14" t="s">
        <v>76028</v>
      </c>
      <c r="E23716" s="2" t="s">
        <v>76029</v>
      </c>
      <c r="F23716" s="2" t="s">
        <v>7528</v>
      </c>
      <c r="G23716" s="8">
        <v>188</v>
      </c>
      <c r="H23716" s="5">
        <v>6</v>
      </c>
      <c r="I23716" s="5" t="s">
        <v>1518</v>
      </c>
      <c r="J23716" s="5" t="s">
        <v>69038</v>
      </c>
      <c r="K23716" s="2" t="s">
        <v>69039</v>
      </c>
      <c r="L23716" s="5" t="s">
        <v>69038</v>
      </c>
      <c r="M23716" s="2" t="s">
        <v>69039</v>
      </c>
      <c r="N23716" s="5" t="s">
        <v>19227</v>
      </c>
      <c r="O23716" s="5" t="s">
        <v>38</v>
      </c>
      <c r="P23716" s="5" t="s">
        <v>39</v>
      </c>
      <c r="Q23716" s="5" t="s">
        <v>40</v>
      </c>
      <c r="R23716" s="5" t="s">
        <v>1487</v>
      </c>
      <c r="S23716" s="5"/>
      <c r="T23716" s="5" t="s">
        <v>42</v>
      </c>
      <c r="U23716" s="2">
        <v>0</v>
      </c>
      <c r="V23716" s="2">
        <v>0</v>
      </c>
      <c r="W23716" s="2">
        <v>0</v>
      </c>
      <c r="X23716" s="2">
        <v>0</v>
      </c>
      <c r="Y23716" s="2">
        <v>0</v>
      </c>
      <c r="Z23716" s="2">
        <v>0</v>
      </c>
      <c r="AA23716" s="5"/>
      <c r="AB23716" s="5" t="s">
        <v>43</v>
      </c>
      <c r="AC23716" s="5" t="s">
        <v>44</v>
      </c>
      <c r="AD23716" s="2"/>
      <c r="AE23716" s="1"/>
    </row>
    <row r="23717" spans="1:31" ht="14.45">
      <c r="A23717" s="11"/>
      <c r="B23717" s="20"/>
      <c r="C23717" s="2" t="s">
        <v>76030</v>
      </c>
      <c r="D23717" s="14" t="s">
        <v>76031</v>
      </c>
      <c r="E23717" s="2" t="s">
        <v>76032</v>
      </c>
      <c r="F23717" s="2" t="s">
        <v>7204</v>
      </c>
      <c r="G23717" s="8">
        <v>197</v>
      </c>
      <c r="H23717" s="5">
        <v>6</v>
      </c>
      <c r="I23717" s="5" t="s">
        <v>1518</v>
      </c>
      <c r="J23717" s="5" t="s">
        <v>69038</v>
      </c>
      <c r="K23717" s="2" t="s">
        <v>69039</v>
      </c>
      <c r="L23717" s="5" t="s">
        <v>69038</v>
      </c>
      <c r="M23717" s="2" t="s">
        <v>69039</v>
      </c>
      <c r="N23717" s="5" t="s">
        <v>19227</v>
      </c>
      <c r="O23717" s="5" t="s">
        <v>38</v>
      </c>
      <c r="P23717" s="5" t="s">
        <v>39</v>
      </c>
      <c r="Q23717" s="5" t="s">
        <v>40</v>
      </c>
      <c r="R23717" s="5" t="s">
        <v>1487</v>
      </c>
      <c r="S23717" s="5"/>
      <c r="T23717" s="5" t="s">
        <v>42</v>
      </c>
      <c r="U23717" s="2">
        <v>0</v>
      </c>
      <c r="V23717" s="2">
        <v>0</v>
      </c>
      <c r="W23717" s="2">
        <v>0</v>
      </c>
      <c r="X23717" s="2">
        <v>0</v>
      </c>
      <c r="Y23717" s="2">
        <v>0</v>
      </c>
      <c r="Z23717" s="2">
        <v>0</v>
      </c>
      <c r="AA23717" s="5"/>
      <c r="AB23717" s="5" t="s">
        <v>43</v>
      </c>
      <c r="AC23717" s="5" t="s">
        <v>44</v>
      </c>
      <c r="AD23717" s="2"/>
      <c r="AE23717" s="1"/>
    </row>
    <row r="23718" spans="1:31" ht="14.45">
      <c r="A23718" s="11"/>
      <c r="B23718" s="20"/>
      <c r="C23718" s="2" t="s">
        <v>76033</v>
      </c>
      <c r="D23718" s="14" t="s">
        <v>76034</v>
      </c>
      <c r="E23718" s="2" t="s">
        <v>76035</v>
      </c>
      <c r="F23718" s="2" t="s">
        <v>7514</v>
      </c>
      <c r="G23718" s="8">
        <v>197</v>
      </c>
      <c r="H23718" s="5">
        <v>6</v>
      </c>
      <c r="I23718" s="5" t="s">
        <v>1518</v>
      </c>
      <c r="J23718" s="5" t="s">
        <v>69038</v>
      </c>
      <c r="K23718" s="2" t="s">
        <v>69039</v>
      </c>
      <c r="L23718" s="5" t="s">
        <v>69038</v>
      </c>
      <c r="M23718" s="2" t="s">
        <v>69039</v>
      </c>
      <c r="N23718" s="5" t="s">
        <v>19227</v>
      </c>
      <c r="O23718" s="5" t="s">
        <v>38</v>
      </c>
      <c r="P23718" s="5" t="s">
        <v>39</v>
      </c>
      <c r="Q23718" s="5" t="s">
        <v>40</v>
      </c>
      <c r="R23718" s="5" t="s">
        <v>1487</v>
      </c>
      <c r="S23718" s="5"/>
      <c r="T23718" s="5" t="s">
        <v>42</v>
      </c>
      <c r="U23718" s="2">
        <v>0</v>
      </c>
      <c r="V23718" s="2">
        <v>0</v>
      </c>
      <c r="W23718" s="2">
        <v>0</v>
      </c>
      <c r="X23718" s="2">
        <v>0</v>
      </c>
      <c r="Y23718" s="2">
        <v>0</v>
      </c>
      <c r="Z23718" s="2">
        <v>0</v>
      </c>
      <c r="AA23718" s="5"/>
      <c r="AB23718" s="5" t="s">
        <v>43</v>
      </c>
      <c r="AC23718" s="5" t="s">
        <v>44</v>
      </c>
      <c r="AD23718" s="2"/>
      <c r="AE23718" s="1"/>
    </row>
    <row r="23719" spans="1:31" ht="14.45">
      <c r="A23719" s="11"/>
      <c r="B23719" s="20"/>
      <c r="C23719" s="2" t="s">
        <v>76036</v>
      </c>
      <c r="D23719" s="14" t="s">
        <v>76037</v>
      </c>
      <c r="E23719" s="2" t="s">
        <v>76038</v>
      </c>
      <c r="F23719" s="2" t="s">
        <v>7208</v>
      </c>
      <c r="G23719" s="8">
        <v>197</v>
      </c>
      <c r="H23719" s="5">
        <v>6</v>
      </c>
      <c r="I23719" s="5" t="s">
        <v>1518</v>
      </c>
      <c r="J23719" s="5" t="s">
        <v>69038</v>
      </c>
      <c r="K23719" s="2" t="s">
        <v>69039</v>
      </c>
      <c r="L23719" s="5" t="s">
        <v>69038</v>
      </c>
      <c r="M23719" s="2" t="s">
        <v>69039</v>
      </c>
      <c r="N23719" s="5" t="s">
        <v>19227</v>
      </c>
      <c r="O23719" s="5" t="s">
        <v>38</v>
      </c>
      <c r="P23719" s="5" t="s">
        <v>39</v>
      </c>
      <c r="Q23719" s="5" t="s">
        <v>40</v>
      </c>
      <c r="R23719" s="5" t="s">
        <v>1487</v>
      </c>
      <c r="S23719" s="5"/>
      <c r="T23719" s="5" t="s">
        <v>42</v>
      </c>
      <c r="U23719" s="2">
        <v>0</v>
      </c>
      <c r="V23719" s="2">
        <v>0</v>
      </c>
      <c r="W23719" s="2">
        <v>0</v>
      </c>
      <c r="X23719" s="2">
        <v>0</v>
      </c>
      <c r="Y23719" s="2">
        <v>0</v>
      </c>
      <c r="Z23719" s="2">
        <v>0</v>
      </c>
      <c r="AA23719" s="5"/>
      <c r="AB23719" s="5" t="s">
        <v>43</v>
      </c>
      <c r="AC23719" s="5" t="s">
        <v>44</v>
      </c>
      <c r="AD23719" s="2"/>
      <c r="AE23719" s="1"/>
    </row>
    <row r="23720" spans="1:31" ht="14.45">
      <c r="A23720" s="11"/>
      <c r="B23720" s="20"/>
      <c r="C23720" s="2" t="s">
        <v>76039</v>
      </c>
      <c r="D23720" s="14" t="s">
        <v>76040</v>
      </c>
      <c r="E23720" s="2" t="s">
        <v>76041</v>
      </c>
      <c r="F23720" s="2" t="s">
        <v>7521</v>
      </c>
      <c r="G23720" s="8">
        <v>197</v>
      </c>
      <c r="H23720" s="5">
        <v>6</v>
      </c>
      <c r="I23720" s="5" t="s">
        <v>1518</v>
      </c>
      <c r="J23720" s="5" t="s">
        <v>69038</v>
      </c>
      <c r="K23720" s="2" t="s">
        <v>69039</v>
      </c>
      <c r="L23720" s="5" t="s">
        <v>69038</v>
      </c>
      <c r="M23720" s="2" t="s">
        <v>69039</v>
      </c>
      <c r="N23720" s="5" t="s">
        <v>19227</v>
      </c>
      <c r="O23720" s="5" t="s">
        <v>38</v>
      </c>
      <c r="P23720" s="5" t="s">
        <v>39</v>
      </c>
      <c r="Q23720" s="5" t="s">
        <v>40</v>
      </c>
      <c r="R23720" s="5" t="s">
        <v>1487</v>
      </c>
      <c r="S23720" s="5"/>
      <c r="T23720" s="5" t="s">
        <v>42</v>
      </c>
      <c r="U23720" s="2">
        <v>0</v>
      </c>
      <c r="V23720" s="2">
        <v>0</v>
      </c>
      <c r="W23720" s="2">
        <v>0</v>
      </c>
      <c r="X23720" s="2">
        <v>0</v>
      </c>
      <c r="Y23720" s="2">
        <v>0</v>
      </c>
      <c r="Z23720" s="2">
        <v>0</v>
      </c>
      <c r="AA23720" s="5"/>
      <c r="AB23720" s="5" t="s">
        <v>43</v>
      </c>
      <c r="AC23720" s="5" t="s">
        <v>44</v>
      </c>
      <c r="AD23720" s="2"/>
      <c r="AE23720" s="1"/>
    </row>
    <row r="23721" spans="1:31" ht="14.45">
      <c r="A23721" s="11"/>
      <c r="B23721" s="20"/>
      <c r="C23721" s="2" t="s">
        <v>76042</v>
      </c>
      <c r="D23721" s="14" t="s">
        <v>76043</v>
      </c>
      <c r="E23721" s="2" t="s">
        <v>76044</v>
      </c>
      <c r="F23721" s="2" t="s">
        <v>7396</v>
      </c>
      <c r="G23721" s="8">
        <v>197</v>
      </c>
      <c r="H23721" s="5">
        <v>6</v>
      </c>
      <c r="I23721" s="5" t="s">
        <v>1518</v>
      </c>
      <c r="J23721" s="5" t="s">
        <v>69038</v>
      </c>
      <c r="K23721" s="2" t="s">
        <v>69039</v>
      </c>
      <c r="L23721" s="5" t="s">
        <v>69038</v>
      </c>
      <c r="M23721" s="2" t="s">
        <v>69039</v>
      </c>
      <c r="N23721" s="5" t="s">
        <v>19227</v>
      </c>
      <c r="O23721" s="5" t="s">
        <v>38</v>
      </c>
      <c r="P23721" s="5" t="s">
        <v>39</v>
      </c>
      <c r="Q23721" s="5" t="s">
        <v>40</v>
      </c>
      <c r="R23721" s="5" t="s">
        <v>1487</v>
      </c>
      <c r="S23721" s="5"/>
      <c r="T23721" s="5" t="s">
        <v>42</v>
      </c>
      <c r="U23721" s="2">
        <v>0</v>
      </c>
      <c r="V23721" s="2">
        <v>0</v>
      </c>
      <c r="W23721" s="2">
        <v>0</v>
      </c>
      <c r="X23721" s="2">
        <v>0</v>
      </c>
      <c r="Y23721" s="2">
        <v>0</v>
      </c>
      <c r="Z23721" s="2">
        <v>0</v>
      </c>
      <c r="AA23721" s="5"/>
      <c r="AB23721" s="5" t="s">
        <v>43</v>
      </c>
      <c r="AC23721" s="5" t="s">
        <v>44</v>
      </c>
      <c r="AD23721" s="2"/>
      <c r="AE23721" s="1"/>
    </row>
    <row r="23722" spans="1:31" ht="14.45">
      <c r="A23722" s="11"/>
      <c r="B23722" s="20"/>
      <c r="C23722" s="2" t="s">
        <v>76045</v>
      </c>
      <c r="D23722" s="14" t="s">
        <v>76046</v>
      </c>
      <c r="E23722" s="2" t="s">
        <v>76047</v>
      </c>
      <c r="F23722" s="2" t="s">
        <v>7507</v>
      </c>
      <c r="G23722" s="8">
        <v>197</v>
      </c>
      <c r="H23722" s="5">
        <v>6</v>
      </c>
      <c r="I23722" s="5" t="s">
        <v>1518</v>
      </c>
      <c r="J23722" s="5" t="s">
        <v>69038</v>
      </c>
      <c r="K23722" s="2" t="s">
        <v>69039</v>
      </c>
      <c r="L23722" s="5" t="s">
        <v>69038</v>
      </c>
      <c r="M23722" s="2" t="s">
        <v>69039</v>
      </c>
      <c r="N23722" s="5" t="s">
        <v>19227</v>
      </c>
      <c r="O23722" s="5" t="s">
        <v>38</v>
      </c>
      <c r="P23722" s="5" t="s">
        <v>39</v>
      </c>
      <c r="Q23722" s="5" t="s">
        <v>40</v>
      </c>
      <c r="R23722" s="5" t="s">
        <v>1487</v>
      </c>
      <c r="S23722" s="5"/>
      <c r="T23722" s="5" t="s">
        <v>42</v>
      </c>
      <c r="U23722" s="2">
        <v>0</v>
      </c>
      <c r="V23722" s="2">
        <v>0</v>
      </c>
      <c r="W23722" s="2">
        <v>0</v>
      </c>
      <c r="X23722" s="2">
        <v>0</v>
      </c>
      <c r="Y23722" s="2">
        <v>0</v>
      </c>
      <c r="Z23722" s="2">
        <v>0</v>
      </c>
      <c r="AA23722" s="5"/>
      <c r="AB23722" s="5" t="s">
        <v>43</v>
      </c>
      <c r="AC23722" s="5" t="s">
        <v>44</v>
      </c>
      <c r="AD23722" s="2"/>
      <c r="AE23722" s="1"/>
    </row>
    <row r="23723" spans="1:31" ht="14.45">
      <c r="A23723" s="11"/>
      <c r="B23723" s="20"/>
      <c r="C23723" s="2" t="s">
        <v>76048</v>
      </c>
      <c r="D23723" s="14" t="s">
        <v>76049</v>
      </c>
      <c r="E23723" s="2" t="s">
        <v>76050</v>
      </c>
      <c r="F23723" s="2" t="s">
        <v>7212</v>
      </c>
      <c r="G23723" s="8">
        <v>197</v>
      </c>
      <c r="H23723" s="5">
        <v>6</v>
      </c>
      <c r="I23723" s="5" t="s">
        <v>1518</v>
      </c>
      <c r="J23723" s="5" t="s">
        <v>69038</v>
      </c>
      <c r="K23723" s="2" t="s">
        <v>69039</v>
      </c>
      <c r="L23723" s="5" t="s">
        <v>69038</v>
      </c>
      <c r="M23723" s="2" t="s">
        <v>69039</v>
      </c>
      <c r="N23723" s="5" t="s">
        <v>19227</v>
      </c>
      <c r="O23723" s="5" t="s">
        <v>38</v>
      </c>
      <c r="P23723" s="5" t="s">
        <v>39</v>
      </c>
      <c r="Q23723" s="5" t="s">
        <v>40</v>
      </c>
      <c r="R23723" s="5" t="s">
        <v>1487</v>
      </c>
      <c r="S23723" s="5"/>
      <c r="T23723" s="5" t="s">
        <v>42</v>
      </c>
      <c r="U23723" s="2">
        <v>0</v>
      </c>
      <c r="V23723" s="2">
        <v>0</v>
      </c>
      <c r="W23723" s="2">
        <v>0</v>
      </c>
      <c r="X23723" s="2">
        <v>0</v>
      </c>
      <c r="Y23723" s="2">
        <v>0</v>
      </c>
      <c r="Z23723" s="2">
        <v>0</v>
      </c>
      <c r="AA23723" s="5"/>
      <c r="AB23723" s="5" t="s">
        <v>43</v>
      </c>
      <c r="AC23723" s="5" t="s">
        <v>44</v>
      </c>
      <c r="AD23723" s="2"/>
      <c r="AE23723" s="1"/>
    </row>
    <row r="23724" spans="1:31" ht="14.45">
      <c r="A23724" s="11"/>
      <c r="B23724" s="20"/>
      <c r="C23724" s="2" t="s">
        <v>76051</v>
      </c>
      <c r="D23724" s="14" t="s">
        <v>76052</v>
      </c>
      <c r="E23724" s="2" t="s">
        <v>76053</v>
      </c>
      <c r="F23724" s="2" t="s">
        <v>7528</v>
      </c>
      <c r="G23724" s="8">
        <v>197</v>
      </c>
      <c r="H23724" s="5">
        <v>6</v>
      </c>
      <c r="I23724" s="5" t="s">
        <v>1518</v>
      </c>
      <c r="J23724" s="5" t="s">
        <v>69038</v>
      </c>
      <c r="K23724" s="2" t="s">
        <v>69039</v>
      </c>
      <c r="L23724" s="5" t="s">
        <v>69038</v>
      </c>
      <c r="M23724" s="2" t="s">
        <v>69039</v>
      </c>
      <c r="N23724" s="5" t="s">
        <v>19227</v>
      </c>
      <c r="O23724" s="5" t="s">
        <v>38</v>
      </c>
      <c r="P23724" s="5" t="s">
        <v>39</v>
      </c>
      <c r="Q23724" s="5" t="s">
        <v>40</v>
      </c>
      <c r="R23724" s="5" t="s">
        <v>1487</v>
      </c>
      <c r="S23724" s="5"/>
      <c r="T23724" s="5" t="s">
        <v>42</v>
      </c>
      <c r="U23724" s="2">
        <v>0</v>
      </c>
      <c r="V23724" s="2">
        <v>0</v>
      </c>
      <c r="W23724" s="2">
        <v>0</v>
      </c>
      <c r="X23724" s="2">
        <v>0</v>
      </c>
      <c r="Y23724" s="2">
        <v>0</v>
      </c>
      <c r="Z23724" s="2">
        <v>0</v>
      </c>
      <c r="AA23724" s="5"/>
      <c r="AB23724" s="5" t="s">
        <v>43</v>
      </c>
      <c r="AC23724" s="5" t="s">
        <v>44</v>
      </c>
      <c r="AD23724" s="2"/>
      <c r="AE23724" s="1"/>
    </row>
    <row r="23725" spans="1:31" ht="14.45">
      <c r="A23725" s="11"/>
      <c r="B23725" s="20"/>
      <c r="C23725" s="2" t="s">
        <v>76054</v>
      </c>
      <c r="D23725" s="14" t="s">
        <v>76055</v>
      </c>
      <c r="E23725" s="2" t="s">
        <v>76056</v>
      </c>
      <c r="F23725" s="2" t="s">
        <v>7204</v>
      </c>
      <c r="G23725" s="8">
        <v>199</v>
      </c>
      <c r="H23725" s="5">
        <v>6</v>
      </c>
      <c r="I23725" s="5" t="s">
        <v>1518</v>
      </c>
      <c r="J23725" s="5" t="s">
        <v>69038</v>
      </c>
      <c r="K23725" s="2" t="s">
        <v>69039</v>
      </c>
      <c r="L23725" s="5" t="s">
        <v>69038</v>
      </c>
      <c r="M23725" s="2" t="s">
        <v>69039</v>
      </c>
      <c r="N23725" s="5" t="s">
        <v>19227</v>
      </c>
      <c r="O23725" s="5" t="s">
        <v>38</v>
      </c>
      <c r="P23725" s="5" t="s">
        <v>39</v>
      </c>
      <c r="Q23725" s="5" t="s">
        <v>40</v>
      </c>
      <c r="R23725" s="5" t="s">
        <v>1487</v>
      </c>
      <c r="S23725" s="5"/>
      <c r="T23725" s="5" t="s">
        <v>42</v>
      </c>
      <c r="U23725" s="2">
        <v>0</v>
      </c>
      <c r="V23725" s="2">
        <v>0</v>
      </c>
      <c r="W23725" s="2">
        <v>0</v>
      </c>
      <c r="X23725" s="2">
        <v>0</v>
      </c>
      <c r="Y23725" s="2">
        <v>0</v>
      </c>
      <c r="Z23725" s="2">
        <v>0</v>
      </c>
      <c r="AA23725" s="5"/>
      <c r="AB23725" s="5" t="s">
        <v>43</v>
      </c>
      <c r="AC23725" s="5" t="s">
        <v>44</v>
      </c>
      <c r="AD23725" s="2"/>
      <c r="AE23725" s="1"/>
    </row>
    <row r="23726" spans="1:31" ht="14.45">
      <c r="A23726" s="11"/>
      <c r="B23726" s="20"/>
      <c r="C23726" s="2" t="s">
        <v>76057</v>
      </c>
      <c r="D23726" s="14" t="s">
        <v>76058</v>
      </c>
      <c r="E23726" s="2" t="s">
        <v>76059</v>
      </c>
      <c r="F23726" s="2" t="s">
        <v>7514</v>
      </c>
      <c r="G23726" s="8">
        <v>199</v>
      </c>
      <c r="H23726" s="5">
        <v>6</v>
      </c>
      <c r="I23726" s="5" t="s">
        <v>1518</v>
      </c>
      <c r="J23726" s="5" t="s">
        <v>69038</v>
      </c>
      <c r="K23726" s="2" t="s">
        <v>69039</v>
      </c>
      <c r="L23726" s="5" t="s">
        <v>69038</v>
      </c>
      <c r="M23726" s="2" t="s">
        <v>69039</v>
      </c>
      <c r="N23726" s="5" t="s">
        <v>19227</v>
      </c>
      <c r="O23726" s="5" t="s">
        <v>38</v>
      </c>
      <c r="P23726" s="5" t="s">
        <v>39</v>
      </c>
      <c r="Q23726" s="5" t="s">
        <v>40</v>
      </c>
      <c r="R23726" s="5" t="s">
        <v>1487</v>
      </c>
      <c r="S23726" s="5"/>
      <c r="T23726" s="5" t="s">
        <v>42</v>
      </c>
      <c r="U23726" s="2">
        <v>0</v>
      </c>
      <c r="V23726" s="2">
        <v>0</v>
      </c>
      <c r="W23726" s="2">
        <v>0</v>
      </c>
      <c r="X23726" s="2">
        <v>0</v>
      </c>
      <c r="Y23726" s="2">
        <v>0</v>
      </c>
      <c r="Z23726" s="2">
        <v>0</v>
      </c>
      <c r="AA23726" s="5"/>
      <c r="AB23726" s="5" t="s">
        <v>43</v>
      </c>
      <c r="AC23726" s="5" t="s">
        <v>44</v>
      </c>
      <c r="AD23726" s="2"/>
      <c r="AE23726" s="1"/>
    </row>
    <row r="23727" spans="1:31" ht="14.45">
      <c r="A23727" s="11"/>
      <c r="B23727" s="20"/>
      <c r="C23727" s="2" t="s">
        <v>76060</v>
      </c>
      <c r="D23727" s="14" t="s">
        <v>76061</v>
      </c>
      <c r="E23727" s="2" t="s">
        <v>76062</v>
      </c>
      <c r="F23727" s="2" t="s">
        <v>7208</v>
      </c>
      <c r="G23727" s="8">
        <v>199</v>
      </c>
      <c r="H23727" s="5">
        <v>6</v>
      </c>
      <c r="I23727" s="5" t="s">
        <v>1518</v>
      </c>
      <c r="J23727" s="5" t="s">
        <v>69038</v>
      </c>
      <c r="K23727" s="2" t="s">
        <v>69039</v>
      </c>
      <c r="L23727" s="5" t="s">
        <v>69038</v>
      </c>
      <c r="M23727" s="2" t="s">
        <v>69039</v>
      </c>
      <c r="N23727" s="5" t="s">
        <v>19227</v>
      </c>
      <c r="O23727" s="5" t="s">
        <v>38</v>
      </c>
      <c r="P23727" s="5" t="s">
        <v>39</v>
      </c>
      <c r="Q23727" s="5" t="s">
        <v>40</v>
      </c>
      <c r="R23727" s="5" t="s">
        <v>1487</v>
      </c>
      <c r="S23727" s="5"/>
      <c r="T23727" s="5" t="s">
        <v>42</v>
      </c>
      <c r="U23727" s="2">
        <v>0</v>
      </c>
      <c r="V23727" s="2">
        <v>0</v>
      </c>
      <c r="W23727" s="2">
        <v>0</v>
      </c>
      <c r="X23727" s="2">
        <v>0</v>
      </c>
      <c r="Y23727" s="2">
        <v>0</v>
      </c>
      <c r="Z23727" s="2">
        <v>0</v>
      </c>
      <c r="AA23727" s="5"/>
      <c r="AB23727" s="5" t="s">
        <v>43</v>
      </c>
      <c r="AC23727" s="5" t="s">
        <v>44</v>
      </c>
      <c r="AD23727" s="2"/>
      <c r="AE23727" s="1"/>
    </row>
    <row r="23728" spans="1:31" ht="14.45">
      <c r="A23728" s="11"/>
      <c r="B23728" s="20"/>
      <c r="C23728" s="2" t="s">
        <v>76063</v>
      </c>
      <c r="D23728" s="14" t="s">
        <v>76064</v>
      </c>
      <c r="E23728" s="2" t="s">
        <v>76065</v>
      </c>
      <c r="F23728" s="2" t="s">
        <v>7521</v>
      </c>
      <c r="G23728" s="8">
        <v>199</v>
      </c>
      <c r="H23728" s="5">
        <v>6</v>
      </c>
      <c r="I23728" s="5" t="s">
        <v>1518</v>
      </c>
      <c r="J23728" s="5" t="s">
        <v>69038</v>
      </c>
      <c r="K23728" s="2" t="s">
        <v>69039</v>
      </c>
      <c r="L23728" s="5" t="s">
        <v>69038</v>
      </c>
      <c r="M23728" s="2" t="s">
        <v>69039</v>
      </c>
      <c r="N23728" s="5" t="s">
        <v>19227</v>
      </c>
      <c r="O23728" s="5" t="s">
        <v>38</v>
      </c>
      <c r="P23728" s="5" t="s">
        <v>39</v>
      </c>
      <c r="Q23728" s="5" t="s">
        <v>40</v>
      </c>
      <c r="R23728" s="5" t="s">
        <v>1487</v>
      </c>
      <c r="S23728" s="5"/>
      <c r="T23728" s="5" t="s">
        <v>42</v>
      </c>
      <c r="U23728" s="2">
        <v>0</v>
      </c>
      <c r="V23728" s="2">
        <v>0</v>
      </c>
      <c r="W23728" s="2">
        <v>0</v>
      </c>
      <c r="X23728" s="2">
        <v>0</v>
      </c>
      <c r="Y23728" s="2">
        <v>0</v>
      </c>
      <c r="Z23728" s="2">
        <v>0</v>
      </c>
      <c r="AA23728" s="5"/>
      <c r="AB23728" s="5" t="s">
        <v>43</v>
      </c>
      <c r="AC23728" s="5" t="s">
        <v>44</v>
      </c>
      <c r="AD23728" s="2"/>
      <c r="AE23728" s="1"/>
    </row>
    <row r="23729" spans="1:31" ht="14.45">
      <c r="A23729" s="11"/>
      <c r="B23729" s="20"/>
      <c r="C23729" s="2" t="s">
        <v>76066</v>
      </c>
      <c r="D23729" s="14" t="s">
        <v>76067</v>
      </c>
      <c r="E23729" s="2" t="s">
        <v>76068</v>
      </c>
      <c r="F23729" s="2" t="s">
        <v>7396</v>
      </c>
      <c r="G23729" s="8">
        <v>199</v>
      </c>
      <c r="H23729" s="5">
        <v>6</v>
      </c>
      <c r="I23729" s="5" t="s">
        <v>1518</v>
      </c>
      <c r="J23729" s="5" t="s">
        <v>69038</v>
      </c>
      <c r="K23729" s="2" t="s">
        <v>69039</v>
      </c>
      <c r="L23729" s="5" t="s">
        <v>69038</v>
      </c>
      <c r="M23729" s="2" t="s">
        <v>69039</v>
      </c>
      <c r="N23729" s="5" t="s">
        <v>19227</v>
      </c>
      <c r="O23729" s="5" t="s">
        <v>38</v>
      </c>
      <c r="P23729" s="5" t="s">
        <v>39</v>
      </c>
      <c r="Q23729" s="5" t="s">
        <v>40</v>
      </c>
      <c r="R23729" s="5" t="s">
        <v>1487</v>
      </c>
      <c r="S23729" s="5"/>
      <c r="T23729" s="5" t="s">
        <v>42</v>
      </c>
      <c r="U23729" s="2">
        <v>0</v>
      </c>
      <c r="V23729" s="2">
        <v>0</v>
      </c>
      <c r="W23729" s="2">
        <v>0</v>
      </c>
      <c r="X23729" s="2">
        <v>0</v>
      </c>
      <c r="Y23729" s="2">
        <v>0</v>
      </c>
      <c r="Z23729" s="2">
        <v>0</v>
      </c>
      <c r="AA23729" s="5"/>
      <c r="AB23729" s="5" t="s">
        <v>43</v>
      </c>
      <c r="AC23729" s="5" t="s">
        <v>44</v>
      </c>
      <c r="AD23729" s="2"/>
      <c r="AE23729" s="1"/>
    </row>
    <row r="23730" spans="1:31" ht="14.45">
      <c r="A23730" s="11"/>
      <c r="B23730" s="20"/>
      <c r="C23730" s="2" t="s">
        <v>76069</v>
      </c>
      <c r="D23730" s="14" t="s">
        <v>76070</v>
      </c>
      <c r="E23730" s="2" t="s">
        <v>76071</v>
      </c>
      <c r="F23730" s="2" t="s">
        <v>7507</v>
      </c>
      <c r="G23730" s="8">
        <v>199</v>
      </c>
      <c r="H23730" s="5">
        <v>6</v>
      </c>
      <c r="I23730" s="5" t="s">
        <v>1518</v>
      </c>
      <c r="J23730" s="5" t="s">
        <v>69038</v>
      </c>
      <c r="K23730" s="2" t="s">
        <v>69039</v>
      </c>
      <c r="L23730" s="5" t="s">
        <v>69038</v>
      </c>
      <c r="M23730" s="2" t="s">
        <v>69039</v>
      </c>
      <c r="N23730" s="5" t="s">
        <v>19227</v>
      </c>
      <c r="O23730" s="5" t="s">
        <v>38</v>
      </c>
      <c r="P23730" s="5" t="s">
        <v>39</v>
      </c>
      <c r="Q23730" s="5" t="s">
        <v>40</v>
      </c>
      <c r="R23730" s="5" t="s">
        <v>1487</v>
      </c>
      <c r="S23730" s="5"/>
      <c r="T23730" s="5" t="s">
        <v>42</v>
      </c>
      <c r="U23730" s="2">
        <v>0</v>
      </c>
      <c r="V23730" s="2">
        <v>0</v>
      </c>
      <c r="W23730" s="2">
        <v>0</v>
      </c>
      <c r="X23730" s="2">
        <v>0</v>
      </c>
      <c r="Y23730" s="2">
        <v>0</v>
      </c>
      <c r="Z23730" s="2">
        <v>0</v>
      </c>
      <c r="AA23730" s="5"/>
      <c r="AB23730" s="5" t="s">
        <v>43</v>
      </c>
      <c r="AC23730" s="5" t="s">
        <v>44</v>
      </c>
      <c r="AD23730" s="2"/>
      <c r="AE23730" s="1"/>
    </row>
    <row r="23731" spans="1:31" ht="14.45">
      <c r="A23731" s="11"/>
      <c r="B23731" s="20"/>
      <c r="C23731" s="2" t="s">
        <v>76072</v>
      </c>
      <c r="D23731" s="14" t="s">
        <v>76073</v>
      </c>
      <c r="E23731" s="2" t="s">
        <v>76074</v>
      </c>
      <c r="F23731" s="2" t="s">
        <v>7212</v>
      </c>
      <c r="G23731" s="8">
        <v>199</v>
      </c>
      <c r="H23731" s="5">
        <v>6</v>
      </c>
      <c r="I23731" s="5" t="s">
        <v>1518</v>
      </c>
      <c r="J23731" s="5" t="s">
        <v>69038</v>
      </c>
      <c r="K23731" s="2" t="s">
        <v>69039</v>
      </c>
      <c r="L23731" s="5" t="s">
        <v>69038</v>
      </c>
      <c r="M23731" s="2" t="s">
        <v>69039</v>
      </c>
      <c r="N23731" s="5" t="s">
        <v>19227</v>
      </c>
      <c r="O23731" s="5" t="s">
        <v>38</v>
      </c>
      <c r="P23731" s="5" t="s">
        <v>39</v>
      </c>
      <c r="Q23731" s="5" t="s">
        <v>40</v>
      </c>
      <c r="R23731" s="5" t="s">
        <v>1487</v>
      </c>
      <c r="S23731" s="5"/>
      <c r="T23731" s="5" t="s">
        <v>42</v>
      </c>
      <c r="U23731" s="2">
        <v>0</v>
      </c>
      <c r="V23731" s="2">
        <v>0</v>
      </c>
      <c r="W23731" s="2">
        <v>0</v>
      </c>
      <c r="X23731" s="2">
        <v>0</v>
      </c>
      <c r="Y23731" s="2">
        <v>0</v>
      </c>
      <c r="Z23731" s="2">
        <v>0</v>
      </c>
      <c r="AA23731" s="5"/>
      <c r="AB23731" s="5" t="s">
        <v>43</v>
      </c>
      <c r="AC23731" s="5" t="s">
        <v>44</v>
      </c>
      <c r="AD23731" s="2"/>
      <c r="AE23731" s="1"/>
    </row>
    <row r="23732" spans="1:31" ht="14.45">
      <c r="A23732" s="11"/>
      <c r="B23732" s="20"/>
      <c r="C23732" s="2" t="s">
        <v>76075</v>
      </c>
      <c r="D23732" s="14" t="s">
        <v>76076</v>
      </c>
      <c r="E23732" s="2" t="s">
        <v>76077</v>
      </c>
      <c r="F23732" s="2" t="s">
        <v>7528</v>
      </c>
      <c r="G23732" s="8">
        <v>199</v>
      </c>
      <c r="H23732" s="5">
        <v>6</v>
      </c>
      <c r="I23732" s="5" t="s">
        <v>1518</v>
      </c>
      <c r="J23732" s="5" t="s">
        <v>69038</v>
      </c>
      <c r="K23732" s="2" t="s">
        <v>69039</v>
      </c>
      <c r="L23732" s="5" t="s">
        <v>69038</v>
      </c>
      <c r="M23732" s="2" t="s">
        <v>69039</v>
      </c>
      <c r="N23732" s="5" t="s">
        <v>19227</v>
      </c>
      <c r="O23732" s="5" t="s">
        <v>38</v>
      </c>
      <c r="P23732" s="5" t="s">
        <v>39</v>
      </c>
      <c r="Q23732" s="5" t="s">
        <v>40</v>
      </c>
      <c r="R23732" s="5" t="s">
        <v>1487</v>
      </c>
      <c r="S23732" s="5"/>
      <c r="T23732" s="5" t="s">
        <v>42</v>
      </c>
      <c r="U23732" s="2">
        <v>0</v>
      </c>
      <c r="V23732" s="2">
        <v>0</v>
      </c>
      <c r="W23732" s="2">
        <v>0</v>
      </c>
      <c r="X23732" s="2">
        <v>0</v>
      </c>
      <c r="Y23732" s="2">
        <v>0</v>
      </c>
      <c r="Z23732" s="2">
        <v>0</v>
      </c>
      <c r="AA23732" s="5"/>
      <c r="AB23732" s="5" t="s">
        <v>43</v>
      </c>
      <c r="AC23732" s="5" t="s">
        <v>44</v>
      </c>
      <c r="AD23732" s="2"/>
      <c r="AE23732" s="1"/>
    </row>
    <row r="23733" spans="1:31" ht="14.45">
      <c r="A23733" s="11"/>
      <c r="B23733" s="20"/>
      <c r="C23733" s="2" t="s">
        <v>76078</v>
      </c>
      <c r="D23733" s="14" t="s">
        <v>76079</v>
      </c>
      <c r="E23733" s="2" t="s">
        <v>76080</v>
      </c>
      <c r="F23733" s="2" t="s">
        <v>7204</v>
      </c>
      <c r="G23733" s="8">
        <v>206</v>
      </c>
      <c r="H23733" s="5">
        <v>6</v>
      </c>
      <c r="I23733" s="5" t="s">
        <v>1518</v>
      </c>
      <c r="J23733" s="5" t="s">
        <v>69038</v>
      </c>
      <c r="K23733" s="2" t="s">
        <v>69039</v>
      </c>
      <c r="L23733" s="5" t="s">
        <v>69038</v>
      </c>
      <c r="M23733" s="2" t="s">
        <v>69039</v>
      </c>
      <c r="N23733" s="5" t="s">
        <v>19227</v>
      </c>
      <c r="O23733" s="5" t="s">
        <v>38</v>
      </c>
      <c r="P23733" s="5" t="s">
        <v>39</v>
      </c>
      <c r="Q23733" s="5" t="s">
        <v>40</v>
      </c>
      <c r="R23733" s="5" t="s">
        <v>1487</v>
      </c>
      <c r="S23733" s="5"/>
      <c r="T23733" s="5" t="s">
        <v>42</v>
      </c>
      <c r="U23733" s="2">
        <v>0</v>
      </c>
      <c r="V23733" s="2">
        <v>0</v>
      </c>
      <c r="W23733" s="2">
        <v>0</v>
      </c>
      <c r="X23733" s="2">
        <v>0</v>
      </c>
      <c r="Y23733" s="2">
        <v>0</v>
      </c>
      <c r="Z23733" s="2">
        <v>0</v>
      </c>
      <c r="AA23733" s="5"/>
      <c r="AB23733" s="5" t="s">
        <v>43</v>
      </c>
      <c r="AC23733" s="5" t="s">
        <v>44</v>
      </c>
      <c r="AD23733" s="2"/>
      <c r="AE23733" s="1"/>
    </row>
    <row r="23734" spans="1:31" ht="14.45">
      <c r="A23734" s="11"/>
      <c r="B23734" s="20"/>
      <c r="C23734" s="2" t="s">
        <v>76081</v>
      </c>
      <c r="D23734" s="14" t="s">
        <v>76082</v>
      </c>
      <c r="E23734" s="2" t="s">
        <v>76083</v>
      </c>
      <c r="F23734" s="2" t="s">
        <v>7514</v>
      </c>
      <c r="G23734" s="8">
        <v>206</v>
      </c>
      <c r="H23734" s="5">
        <v>6</v>
      </c>
      <c r="I23734" s="5" t="s">
        <v>1518</v>
      </c>
      <c r="J23734" s="5" t="s">
        <v>69038</v>
      </c>
      <c r="K23734" s="2" t="s">
        <v>69039</v>
      </c>
      <c r="L23734" s="5" t="s">
        <v>69038</v>
      </c>
      <c r="M23734" s="2" t="s">
        <v>69039</v>
      </c>
      <c r="N23734" s="5" t="s">
        <v>19227</v>
      </c>
      <c r="O23734" s="5" t="s">
        <v>38</v>
      </c>
      <c r="P23734" s="5" t="s">
        <v>39</v>
      </c>
      <c r="Q23734" s="5" t="s">
        <v>40</v>
      </c>
      <c r="R23734" s="5" t="s">
        <v>1487</v>
      </c>
      <c r="S23734" s="5"/>
      <c r="T23734" s="5" t="s">
        <v>42</v>
      </c>
      <c r="U23734" s="2">
        <v>0</v>
      </c>
      <c r="V23734" s="2">
        <v>0</v>
      </c>
      <c r="W23734" s="2">
        <v>0</v>
      </c>
      <c r="X23734" s="2">
        <v>0</v>
      </c>
      <c r="Y23734" s="2">
        <v>0</v>
      </c>
      <c r="Z23734" s="2">
        <v>0</v>
      </c>
      <c r="AA23734" s="5"/>
      <c r="AB23734" s="5" t="s">
        <v>43</v>
      </c>
      <c r="AC23734" s="5" t="s">
        <v>44</v>
      </c>
      <c r="AD23734" s="2"/>
      <c r="AE23734" s="1"/>
    </row>
    <row r="23735" spans="1:31" ht="14.45">
      <c r="A23735" s="11"/>
      <c r="B23735" s="20"/>
      <c r="C23735" s="2" t="s">
        <v>76084</v>
      </c>
      <c r="D23735" s="14" t="s">
        <v>76085</v>
      </c>
      <c r="E23735" s="2" t="s">
        <v>76086</v>
      </c>
      <c r="F23735" s="2" t="s">
        <v>7208</v>
      </c>
      <c r="G23735" s="8">
        <v>206</v>
      </c>
      <c r="H23735" s="5">
        <v>6</v>
      </c>
      <c r="I23735" s="5" t="s">
        <v>1518</v>
      </c>
      <c r="J23735" s="5" t="s">
        <v>69038</v>
      </c>
      <c r="K23735" s="2" t="s">
        <v>69039</v>
      </c>
      <c r="L23735" s="5" t="s">
        <v>69038</v>
      </c>
      <c r="M23735" s="2" t="s">
        <v>69039</v>
      </c>
      <c r="N23735" s="5" t="s">
        <v>19227</v>
      </c>
      <c r="O23735" s="5" t="s">
        <v>38</v>
      </c>
      <c r="P23735" s="5" t="s">
        <v>39</v>
      </c>
      <c r="Q23735" s="5" t="s">
        <v>40</v>
      </c>
      <c r="R23735" s="5" t="s">
        <v>1487</v>
      </c>
      <c r="S23735" s="5"/>
      <c r="T23735" s="5" t="s">
        <v>42</v>
      </c>
      <c r="U23735" s="2">
        <v>0</v>
      </c>
      <c r="V23735" s="2">
        <v>0</v>
      </c>
      <c r="W23735" s="2">
        <v>0</v>
      </c>
      <c r="X23735" s="2">
        <v>0</v>
      </c>
      <c r="Y23735" s="2">
        <v>0</v>
      </c>
      <c r="Z23735" s="2">
        <v>0</v>
      </c>
      <c r="AA23735" s="5"/>
      <c r="AB23735" s="5" t="s">
        <v>43</v>
      </c>
      <c r="AC23735" s="5" t="s">
        <v>44</v>
      </c>
      <c r="AD23735" s="2"/>
      <c r="AE23735" s="1"/>
    </row>
    <row r="23736" spans="1:31" ht="14.45">
      <c r="A23736" s="11"/>
      <c r="B23736" s="20"/>
      <c r="C23736" s="2" t="s">
        <v>76087</v>
      </c>
      <c r="D23736" s="14" t="s">
        <v>76088</v>
      </c>
      <c r="E23736" s="2" t="s">
        <v>76089</v>
      </c>
      <c r="F23736" s="2" t="s">
        <v>7521</v>
      </c>
      <c r="G23736" s="8">
        <v>206</v>
      </c>
      <c r="H23736" s="5">
        <v>6</v>
      </c>
      <c r="I23736" s="5" t="s">
        <v>1518</v>
      </c>
      <c r="J23736" s="5" t="s">
        <v>69038</v>
      </c>
      <c r="K23736" s="2" t="s">
        <v>69039</v>
      </c>
      <c r="L23736" s="5" t="s">
        <v>69038</v>
      </c>
      <c r="M23736" s="2" t="s">
        <v>69039</v>
      </c>
      <c r="N23736" s="5" t="s">
        <v>19227</v>
      </c>
      <c r="O23736" s="5" t="s">
        <v>38</v>
      </c>
      <c r="P23736" s="5" t="s">
        <v>39</v>
      </c>
      <c r="Q23736" s="5" t="s">
        <v>40</v>
      </c>
      <c r="R23736" s="5" t="s">
        <v>1487</v>
      </c>
      <c r="S23736" s="5"/>
      <c r="T23736" s="5" t="s">
        <v>42</v>
      </c>
      <c r="U23736" s="2">
        <v>0</v>
      </c>
      <c r="V23736" s="2">
        <v>0</v>
      </c>
      <c r="W23736" s="2">
        <v>0</v>
      </c>
      <c r="X23736" s="2">
        <v>0</v>
      </c>
      <c r="Y23736" s="2">
        <v>0</v>
      </c>
      <c r="Z23736" s="2">
        <v>0</v>
      </c>
      <c r="AA23736" s="5"/>
      <c r="AB23736" s="5" t="s">
        <v>43</v>
      </c>
      <c r="AC23736" s="5" t="s">
        <v>44</v>
      </c>
      <c r="AD23736" s="2"/>
      <c r="AE23736" s="1"/>
    </row>
    <row r="23737" spans="1:31" ht="14.45">
      <c r="A23737" s="11"/>
      <c r="B23737" s="20"/>
      <c r="C23737" s="2" t="s">
        <v>76090</v>
      </c>
      <c r="D23737" s="14" t="s">
        <v>76091</v>
      </c>
      <c r="E23737" s="2" t="s">
        <v>76092</v>
      </c>
      <c r="F23737" s="2" t="s">
        <v>7396</v>
      </c>
      <c r="G23737" s="8">
        <v>206</v>
      </c>
      <c r="H23737" s="5">
        <v>6</v>
      </c>
      <c r="I23737" s="5" t="s">
        <v>1518</v>
      </c>
      <c r="J23737" s="5" t="s">
        <v>69038</v>
      </c>
      <c r="K23737" s="2" t="s">
        <v>69039</v>
      </c>
      <c r="L23737" s="5" t="s">
        <v>69038</v>
      </c>
      <c r="M23737" s="2" t="s">
        <v>69039</v>
      </c>
      <c r="N23737" s="5" t="s">
        <v>19227</v>
      </c>
      <c r="O23737" s="5" t="s">
        <v>38</v>
      </c>
      <c r="P23737" s="5" t="s">
        <v>39</v>
      </c>
      <c r="Q23737" s="5" t="s">
        <v>40</v>
      </c>
      <c r="R23737" s="5" t="s">
        <v>1487</v>
      </c>
      <c r="S23737" s="5"/>
      <c r="T23737" s="5" t="s">
        <v>42</v>
      </c>
      <c r="U23737" s="2">
        <v>0</v>
      </c>
      <c r="V23737" s="2">
        <v>0</v>
      </c>
      <c r="W23737" s="2">
        <v>0</v>
      </c>
      <c r="X23737" s="2">
        <v>0</v>
      </c>
      <c r="Y23737" s="2">
        <v>0</v>
      </c>
      <c r="Z23737" s="2">
        <v>0</v>
      </c>
      <c r="AA23737" s="5"/>
      <c r="AB23737" s="5" t="s">
        <v>43</v>
      </c>
      <c r="AC23737" s="5" t="s">
        <v>44</v>
      </c>
      <c r="AD23737" s="2"/>
      <c r="AE23737" s="1"/>
    </row>
    <row r="23738" spans="1:31" ht="14.45">
      <c r="A23738" s="11"/>
      <c r="B23738" s="20"/>
      <c r="C23738" s="2" t="s">
        <v>76093</v>
      </c>
      <c r="D23738" s="14" t="s">
        <v>76094</v>
      </c>
      <c r="E23738" s="2" t="s">
        <v>76095</v>
      </c>
      <c r="F23738" s="2" t="s">
        <v>7507</v>
      </c>
      <c r="G23738" s="8">
        <v>206</v>
      </c>
      <c r="H23738" s="5">
        <v>6</v>
      </c>
      <c r="I23738" s="5" t="s">
        <v>1518</v>
      </c>
      <c r="J23738" s="5" t="s">
        <v>69038</v>
      </c>
      <c r="K23738" s="2" t="s">
        <v>69039</v>
      </c>
      <c r="L23738" s="5" t="s">
        <v>69038</v>
      </c>
      <c r="M23738" s="2" t="s">
        <v>69039</v>
      </c>
      <c r="N23738" s="5" t="s">
        <v>19227</v>
      </c>
      <c r="O23738" s="5" t="s">
        <v>38</v>
      </c>
      <c r="P23738" s="5" t="s">
        <v>39</v>
      </c>
      <c r="Q23738" s="5" t="s">
        <v>40</v>
      </c>
      <c r="R23738" s="5" t="s">
        <v>1487</v>
      </c>
      <c r="S23738" s="5"/>
      <c r="T23738" s="5" t="s">
        <v>42</v>
      </c>
      <c r="U23738" s="2">
        <v>0</v>
      </c>
      <c r="V23738" s="2">
        <v>0</v>
      </c>
      <c r="W23738" s="2">
        <v>0</v>
      </c>
      <c r="X23738" s="2">
        <v>0</v>
      </c>
      <c r="Y23738" s="2">
        <v>0</v>
      </c>
      <c r="Z23738" s="2">
        <v>0</v>
      </c>
      <c r="AA23738" s="5"/>
      <c r="AB23738" s="5" t="s">
        <v>43</v>
      </c>
      <c r="AC23738" s="5" t="s">
        <v>44</v>
      </c>
      <c r="AD23738" s="2"/>
      <c r="AE23738" s="1"/>
    </row>
    <row r="23739" spans="1:31" ht="14.45">
      <c r="A23739" s="11"/>
      <c r="B23739" s="20"/>
      <c r="C23739" s="2" t="s">
        <v>76096</v>
      </c>
      <c r="D23739" s="14" t="s">
        <v>76097</v>
      </c>
      <c r="E23739" s="2" t="s">
        <v>76098</v>
      </c>
      <c r="F23739" s="2" t="s">
        <v>7212</v>
      </c>
      <c r="G23739" s="8">
        <v>206</v>
      </c>
      <c r="H23739" s="5">
        <v>6</v>
      </c>
      <c r="I23739" s="5" t="s">
        <v>1518</v>
      </c>
      <c r="J23739" s="5" t="s">
        <v>69038</v>
      </c>
      <c r="K23739" s="2" t="s">
        <v>69039</v>
      </c>
      <c r="L23739" s="5" t="s">
        <v>69038</v>
      </c>
      <c r="M23739" s="2" t="s">
        <v>69039</v>
      </c>
      <c r="N23739" s="5" t="s">
        <v>19227</v>
      </c>
      <c r="O23739" s="5" t="s">
        <v>38</v>
      </c>
      <c r="P23739" s="5" t="s">
        <v>39</v>
      </c>
      <c r="Q23739" s="5" t="s">
        <v>40</v>
      </c>
      <c r="R23739" s="5" t="s">
        <v>1487</v>
      </c>
      <c r="S23739" s="5"/>
      <c r="T23739" s="5" t="s">
        <v>42</v>
      </c>
      <c r="U23739" s="2">
        <v>0</v>
      </c>
      <c r="V23739" s="2">
        <v>0</v>
      </c>
      <c r="W23739" s="2">
        <v>0</v>
      </c>
      <c r="X23739" s="2">
        <v>0</v>
      </c>
      <c r="Y23739" s="2">
        <v>0</v>
      </c>
      <c r="Z23739" s="2">
        <v>0</v>
      </c>
      <c r="AA23739" s="5"/>
      <c r="AB23739" s="5" t="s">
        <v>43</v>
      </c>
      <c r="AC23739" s="5" t="s">
        <v>44</v>
      </c>
      <c r="AD23739" s="2"/>
      <c r="AE23739" s="1"/>
    </row>
    <row r="23740" spans="1:31" ht="14.45">
      <c r="A23740" s="11"/>
      <c r="B23740" s="20"/>
      <c r="C23740" s="2" t="s">
        <v>76099</v>
      </c>
      <c r="D23740" s="14" t="s">
        <v>76100</v>
      </c>
      <c r="E23740" s="2" t="s">
        <v>76101</v>
      </c>
      <c r="F23740" s="2" t="s">
        <v>7528</v>
      </c>
      <c r="G23740" s="8">
        <v>206</v>
      </c>
      <c r="H23740" s="5">
        <v>6</v>
      </c>
      <c r="I23740" s="5" t="s">
        <v>1518</v>
      </c>
      <c r="J23740" s="5" t="s">
        <v>69038</v>
      </c>
      <c r="K23740" s="2" t="s">
        <v>69039</v>
      </c>
      <c r="L23740" s="5" t="s">
        <v>69038</v>
      </c>
      <c r="M23740" s="2" t="s">
        <v>69039</v>
      </c>
      <c r="N23740" s="5" t="s">
        <v>19227</v>
      </c>
      <c r="O23740" s="5" t="s">
        <v>38</v>
      </c>
      <c r="P23740" s="5" t="s">
        <v>39</v>
      </c>
      <c r="Q23740" s="5" t="s">
        <v>40</v>
      </c>
      <c r="R23740" s="5" t="s">
        <v>1487</v>
      </c>
      <c r="S23740" s="5"/>
      <c r="T23740" s="5" t="s">
        <v>42</v>
      </c>
      <c r="U23740" s="2">
        <v>0</v>
      </c>
      <c r="V23740" s="2">
        <v>0</v>
      </c>
      <c r="W23740" s="2">
        <v>0</v>
      </c>
      <c r="X23740" s="2">
        <v>0</v>
      </c>
      <c r="Y23740" s="2">
        <v>0</v>
      </c>
      <c r="Z23740" s="2">
        <v>0</v>
      </c>
      <c r="AA23740" s="5"/>
      <c r="AB23740" s="5" t="s">
        <v>43</v>
      </c>
      <c r="AC23740" s="5" t="s">
        <v>44</v>
      </c>
      <c r="AD23740" s="2"/>
      <c r="AE23740" s="1"/>
    </row>
    <row r="23741" spans="1:31" ht="14.45">
      <c r="A23741" s="11"/>
      <c r="B23741" s="20"/>
      <c r="C23741" s="2" t="s">
        <v>76102</v>
      </c>
      <c r="D23741" s="14" t="s">
        <v>76103</v>
      </c>
      <c r="E23741" s="2" t="s">
        <v>76104</v>
      </c>
      <c r="F23741" s="2" t="s">
        <v>7204</v>
      </c>
      <c r="G23741" s="8">
        <v>241</v>
      </c>
      <c r="H23741" s="5">
        <v>6</v>
      </c>
      <c r="I23741" s="5" t="s">
        <v>1518</v>
      </c>
      <c r="J23741" s="5" t="s">
        <v>69038</v>
      </c>
      <c r="K23741" s="2" t="s">
        <v>69039</v>
      </c>
      <c r="L23741" s="5" t="s">
        <v>69038</v>
      </c>
      <c r="M23741" s="2" t="s">
        <v>69039</v>
      </c>
      <c r="N23741" s="5" t="s">
        <v>19227</v>
      </c>
      <c r="O23741" s="5" t="s">
        <v>38</v>
      </c>
      <c r="P23741" s="5" t="s">
        <v>39</v>
      </c>
      <c r="Q23741" s="5" t="s">
        <v>40</v>
      </c>
      <c r="R23741" s="5" t="s">
        <v>1487</v>
      </c>
      <c r="S23741" s="5"/>
      <c r="T23741" s="5" t="s">
        <v>42</v>
      </c>
      <c r="U23741" s="2">
        <v>0</v>
      </c>
      <c r="V23741" s="2">
        <v>0</v>
      </c>
      <c r="W23741" s="2">
        <v>0</v>
      </c>
      <c r="X23741" s="2">
        <v>0</v>
      </c>
      <c r="Y23741" s="2">
        <v>0</v>
      </c>
      <c r="Z23741" s="2">
        <v>0</v>
      </c>
      <c r="AA23741" s="5"/>
      <c r="AB23741" s="5" t="s">
        <v>43</v>
      </c>
      <c r="AC23741" s="5" t="s">
        <v>44</v>
      </c>
      <c r="AD23741" s="2"/>
      <c r="AE23741" s="1"/>
    </row>
    <row r="23742" spans="1:31" ht="14.45">
      <c r="A23742" s="11"/>
      <c r="B23742" s="20"/>
      <c r="C23742" s="2" t="s">
        <v>76105</v>
      </c>
      <c r="D23742" s="14" t="s">
        <v>76106</v>
      </c>
      <c r="E23742" s="2" t="s">
        <v>76107</v>
      </c>
      <c r="F23742" s="2" t="s">
        <v>7514</v>
      </c>
      <c r="G23742" s="8">
        <v>241</v>
      </c>
      <c r="H23742" s="5">
        <v>6</v>
      </c>
      <c r="I23742" s="5" t="s">
        <v>1518</v>
      </c>
      <c r="J23742" s="5" t="s">
        <v>69038</v>
      </c>
      <c r="K23742" s="2" t="s">
        <v>69039</v>
      </c>
      <c r="L23742" s="5" t="s">
        <v>69038</v>
      </c>
      <c r="M23742" s="2" t="s">
        <v>69039</v>
      </c>
      <c r="N23742" s="5" t="s">
        <v>19227</v>
      </c>
      <c r="O23742" s="5" t="s">
        <v>38</v>
      </c>
      <c r="P23742" s="5" t="s">
        <v>39</v>
      </c>
      <c r="Q23742" s="5" t="s">
        <v>40</v>
      </c>
      <c r="R23742" s="5" t="s">
        <v>1487</v>
      </c>
      <c r="S23742" s="5"/>
      <c r="T23742" s="5" t="s">
        <v>42</v>
      </c>
      <c r="U23742" s="2">
        <v>0</v>
      </c>
      <c r="V23742" s="2">
        <v>0</v>
      </c>
      <c r="W23742" s="2">
        <v>0</v>
      </c>
      <c r="X23742" s="2">
        <v>0</v>
      </c>
      <c r="Y23742" s="2">
        <v>0</v>
      </c>
      <c r="Z23742" s="2">
        <v>0</v>
      </c>
      <c r="AA23742" s="5"/>
      <c r="AB23742" s="5" t="s">
        <v>43</v>
      </c>
      <c r="AC23742" s="5" t="s">
        <v>44</v>
      </c>
      <c r="AD23742" s="2"/>
      <c r="AE23742" s="1"/>
    </row>
    <row r="23743" spans="1:31" ht="14.45">
      <c r="A23743" s="11"/>
      <c r="B23743" s="20"/>
      <c r="C23743" s="2" t="s">
        <v>76108</v>
      </c>
      <c r="D23743" s="14" t="s">
        <v>76109</v>
      </c>
      <c r="E23743" s="2" t="s">
        <v>76110</v>
      </c>
      <c r="F23743" s="2" t="s">
        <v>7208</v>
      </c>
      <c r="G23743" s="8">
        <v>241</v>
      </c>
      <c r="H23743" s="5">
        <v>6</v>
      </c>
      <c r="I23743" s="5" t="s">
        <v>1518</v>
      </c>
      <c r="J23743" s="5" t="s">
        <v>69038</v>
      </c>
      <c r="K23743" s="2" t="s">
        <v>69039</v>
      </c>
      <c r="L23743" s="5" t="s">
        <v>69038</v>
      </c>
      <c r="M23743" s="2" t="s">
        <v>69039</v>
      </c>
      <c r="N23743" s="5" t="s">
        <v>19227</v>
      </c>
      <c r="O23743" s="5" t="s">
        <v>38</v>
      </c>
      <c r="P23743" s="5" t="s">
        <v>39</v>
      </c>
      <c r="Q23743" s="5" t="s">
        <v>40</v>
      </c>
      <c r="R23743" s="5" t="s">
        <v>1487</v>
      </c>
      <c r="S23743" s="5"/>
      <c r="T23743" s="5" t="s">
        <v>42</v>
      </c>
      <c r="U23743" s="2">
        <v>0</v>
      </c>
      <c r="V23743" s="2">
        <v>0</v>
      </c>
      <c r="W23743" s="2">
        <v>0</v>
      </c>
      <c r="X23743" s="2">
        <v>0</v>
      </c>
      <c r="Y23743" s="2">
        <v>0</v>
      </c>
      <c r="Z23743" s="2">
        <v>0</v>
      </c>
      <c r="AA23743" s="5"/>
      <c r="AB23743" s="5" t="s">
        <v>43</v>
      </c>
      <c r="AC23743" s="5" t="s">
        <v>44</v>
      </c>
      <c r="AD23743" s="2"/>
      <c r="AE23743" s="1"/>
    </row>
    <row r="23744" spans="1:31" ht="14.45">
      <c r="A23744" s="11"/>
      <c r="B23744" s="20"/>
      <c r="C23744" s="2" t="s">
        <v>76111</v>
      </c>
      <c r="D23744" s="14" t="s">
        <v>76112</v>
      </c>
      <c r="E23744" s="2" t="s">
        <v>76113</v>
      </c>
      <c r="F23744" s="2" t="s">
        <v>7521</v>
      </c>
      <c r="G23744" s="8">
        <v>241</v>
      </c>
      <c r="H23744" s="5">
        <v>6</v>
      </c>
      <c r="I23744" s="5" t="s">
        <v>1518</v>
      </c>
      <c r="J23744" s="5" t="s">
        <v>69038</v>
      </c>
      <c r="K23744" s="2" t="s">
        <v>69039</v>
      </c>
      <c r="L23744" s="5" t="s">
        <v>69038</v>
      </c>
      <c r="M23744" s="2" t="s">
        <v>69039</v>
      </c>
      <c r="N23744" s="5" t="s">
        <v>19227</v>
      </c>
      <c r="O23744" s="5" t="s">
        <v>38</v>
      </c>
      <c r="P23744" s="5" t="s">
        <v>39</v>
      </c>
      <c r="Q23744" s="5" t="s">
        <v>40</v>
      </c>
      <c r="R23744" s="5" t="s">
        <v>1487</v>
      </c>
      <c r="S23744" s="5"/>
      <c r="T23744" s="5" t="s">
        <v>42</v>
      </c>
      <c r="U23744" s="2">
        <v>0</v>
      </c>
      <c r="V23744" s="2">
        <v>0</v>
      </c>
      <c r="W23744" s="2">
        <v>0</v>
      </c>
      <c r="X23744" s="2">
        <v>0</v>
      </c>
      <c r="Y23744" s="2">
        <v>0</v>
      </c>
      <c r="Z23744" s="2">
        <v>0</v>
      </c>
      <c r="AA23744" s="5"/>
      <c r="AB23744" s="5" t="s">
        <v>43</v>
      </c>
      <c r="AC23744" s="5" t="s">
        <v>44</v>
      </c>
      <c r="AD23744" s="2"/>
      <c r="AE23744" s="1"/>
    </row>
    <row r="23745" spans="1:31" ht="14.45">
      <c r="A23745" s="11"/>
      <c r="B23745" s="20"/>
      <c r="C23745" s="2" t="s">
        <v>76114</v>
      </c>
      <c r="D23745" s="14" t="s">
        <v>76115</v>
      </c>
      <c r="E23745" s="2" t="s">
        <v>76116</v>
      </c>
      <c r="F23745" s="2" t="s">
        <v>7396</v>
      </c>
      <c r="G23745" s="8">
        <v>241</v>
      </c>
      <c r="H23745" s="5">
        <v>6</v>
      </c>
      <c r="I23745" s="5" t="s">
        <v>1518</v>
      </c>
      <c r="J23745" s="5" t="s">
        <v>69038</v>
      </c>
      <c r="K23745" s="2" t="s">
        <v>69039</v>
      </c>
      <c r="L23745" s="5" t="s">
        <v>69038</v>
      </c>
      <c r="M23745" s="2" t="s">
        <v>69039</v>
      </c>
      <c r="N23745" s="5" t="s">
        <v>19227</v>
      </c>
      <c r="O23745" s="5" t="s">
        <v>38</v>
      </c>
      <c r="P23745" s="5" t="s">
        <v>39</v>
      </c>
      <c r="Q23745" s="5" t="s">
        <v>40</v>
      </c>
      <c r="R23745" s="5" t="s">
        <v>1487</v>
      </c>
      <c r="S23745" s="5"/>
      <c r="T23745" s="5" t="s">
        <v>42</v>
      </c>
      <c r="U23745" s="2">
        <v>0</v>
      </c>
      <c r="V23745" s="2">
        <v>0</v>
      </c>
      <c r="W23745" s="2">
        <v>0</v>
      </c>
      <c r="X23745" s="2">
        <v>0</v>
      </c>
      <c r="Y23745" s="2">
        <v>0</v>
      </c>
      <c r="Z23745" s="2">
        <v>0</v>
      </c>
      <c r="AA23745" s="5"/>
      <c r="AB23745" s="5" t="s">
        <v>43</v>
      </c>
      <c r="AC23745" s="5" t="s">
        <v>44</v>
      </c>
      <c r="AD23745" s="2"/>
      <c r="AE23745" s="1"/>
    </row>
    <row r="23746" spans="1:31" ht="14.45">
      <c r="A23746" s="11"/>
      <c r="B23746" s="20"/>
      <c r="C23746" s="2" t="s">
        <v>76117</v>
      </c>
      <c r="D23746" s="14" t="s">
        <v>76118</v>
      </c>
      <c r="E23746" s="2" t="s">
        <v>76119</v>
      </c>
      <c r="F23746" s="2" t="s">
        <v>7507</v>
      </c>
      <c r="G23746" s="8">
        <v>241</v>
      </c>
      <c r="H23746" s="5">
        <v>6</v>
      </c>
      <c r="I23746" s="5" t="s">
        <v>1518</v>
      </c>
      <c r="J23746" s="5" t="s">
        <v>69038</v>
      </c>
      <c r="K23746" s="2" t="s">
        <v>69039</v>
      </c>
      <c r="L23746" s="5" t="s">
        <v>69038</v>
      </c>
      <c r="M23746" s="2" t="s">
        <v>69039</v>
      </c>
      <c r="N23746" s="5" t="s">
        <v>19227</v>
      </c>
      <c r="O23746" s="5" t="s">
        <v>38</v>
      </c>
      <c r="P23746" s="5" t="s">
        <v>39</v>
      </c>
      <c r="Q23746" s="5" t="s">
        <v>40</v>
      </c>
      <c r="R23746" s="5" t="s">
        <v>1487</v>
      </c>
      <c r="S23746" s="5"/>
      <c r="T23746" s="5" t="s">
        <v>42</v>
      </c>
      <c r="U23746" s="2">
        <v>0</v>
      </c>
      <c r="V23746" s="2">
        <v>0</v>
      </c>
      <c r="W23746" s="2">
        <v>0</v>
      </c>
      <c r="X23746" s="2">
        <v>0</v>
      </c>
      <c r="Y23746" s="2">
        <v>0</v>
      </c>
      <c r="Z23746" s="2">
        <v>0</v>
      </c>
      <c r="AA23746" s="5"/>
      <c r="AB23746" s="5" t="s">
        <v>43</v>
      </c>
      <c r="AC23746" s="5" t="s">
        <v>44</v>
      </c>
      <c r="AD23746" s="2"/>
      <c r="AE23746" s="1"/>
    </row>
    <row r="23747" spans="1:31" ht="14.45">
      <c r="A23747" s="11"/>
      <c r="B23747" s="20"/>
      <c r="C23747" s="2" t="s">
        <v>76120</v>
      </c>
      <c r="D23747" s="14" t="s">
        <v>76121</v>
      </c>
      <c r="E23747" s="2" t="s">
        <v>76122</v>
      </c>
      <c r="F23747" s="2" t="s">
        <v>7212</v>
      </c>
      <c r="G23747" s="8">
        <v>241</v>
      </c>
      <c r="H23747" s="5">
        <v>6</v>
      </c>
      <c r="I23747" s="5" t="s">
        <v>1518</v>
      </c>
      <c r="J23747" s="5" t="s">
        <v>69038</v>
      </c>
      <c r="K23747" s="2" t="s">
        <v>69039</v>
      </c>
      <c r="L23747" s="5" t="s">
        <v>69038</v>
      </c>
      <c r="M23747" s="2" t="s">
        <v>69039</v>
      </c>
      <c r="N23747" s="5" t="s">
        <v>19227</v>
      </c>
      <c r="O23747" s="5" t="s">
        <v>38</v>
      </c>
      <c r="P23747" s="5" t="s">
        <v>39</v>
      </c>
      <c r="Q23747" s="5" t="s">
        <v>40</v>
      </c>
      <c r="R23747" s="5" t="s">
        <v>1487</v>
      </c>
      <c r="S23747" s="5"/>
      <c r="T23747" s="5" t="s">
        <v>42</v>
      </c>
      <c r="U23747" s="2">
        <v>0</v>
      </c>
      <c r="V23747" s="2">
        <v>0</v>
      </c>
      <c r="W23747" s="2">
        <v>0</v>
      </c>
      <c r="X23747" s="2">
        <v>0</v>
      </c>
      <c r="Y23747" s="2">
        <v>0</v>
      </c>
      <c r="Z23747" s="2">
        <v>0</v>
      </c>
      <c r="AA23747" s="5"/>
      <c r="AB23747" s="5" t="s">
        <v>43</v>
      </c>
      <c r="AC23747" s="5" t="s">
        <v>44</v>
      </c>
      <c r="AD23747" s="2"/>
      <c r="AE23747" s="1"/>
    </row>
    <row r="23748" spans="1:31" ht="14.45">
      <c r="A23748" s="11"/>
      <c r="B23748" s="20"/>
      <c r="C23748" s="2" t="s">
        <v>76123</v>
      </c>
      <c r="D23748" s="14" t="s">
        <v>76124</v>
      </c>
      <c r="E23748" s="2" t="s">
        <v>76125</v>
      </c>
      <c r="F23748" s="2" t="s">
        <v>7528</v>
      </c>
      <c r="G23748" s="8">
        <v>241</v>
      </c>
      <c r="H23748" s="5">
        <v>6</v>
      </c>
      <c r="I23748" s="5" t="s">
        <v>1518</v>
      </c>
      <c r="J23748" s="5" t="s">
        <v>69038</v>
      </c>
      <c r="K23748" s="2" t="s">
        <v>69039</v>
      </c>
      <c r="L23748" s="5" t="s">
        <v>69038</v>
      </c>
      <c r="M23748" s="2" t="s">
        <v>69039</v>
      </c>
      <c r="N23748" s="5" t="s">
        <v>19227</v>
      </c>
      <c r="O23748" s="5" t="s">
        <v>38</v>
      </c>
      <c r="P23748" s="5" t="s">
        <v>39</v>
      </c>
      <c r="Q23748" s="5" t="s">
        <v>40</v>
      </c>
      <c r="R23748" s="5" t="s">
        <v>1487</v>
      </c>
      <c r="S23748" s="5"/>
      <c r="T23748" s="5" t="s">
        <v>42</v>
      </c>
      <c r="U23748" s="2">
        <v>0</v>
      </c>
      <c r="V23748" s="2">
        <v>0</v>
      </c>
      <c r="W23748" s="2">
        <v>0</v>
      </c>
      <c r="X23748" s="2">
        <v>0</v>
      </c>
      <c r="Y23748" s="2">
        <v>0</v>
      </c>
      <c r="Z23748" s="2">
        <v>0</v>
      </c>
      <c r="AA23748" s="5"/>
      <c r="AB23748" s="5" t="s">
        <v>43</v>
      </c>
      <c r="AC23748" s="5" t="s">
        <v>44</v>
      </c>
      <c r="AD23748" s="2"/>
      <c r="AE23748" s="1"/>
    </row>
    <row r="23749" spans="1:31" ht="14.45">
      <c r="A23749" s="11"/>
      <c r="B23749" s="20"/>
      <c r="C23749" s="2" t="s">
        <v>76126</v>
      </c>
      <c r="D23749" s="14" t="s">
        <v>76127</v>
      </c>
      <c r="E23749" s="2" t="s">
        <v>76128</v>
      </c>
      <c r="F23749" s="2" t="s">
        <v>7204</v>
      </c>
      <c r="G23749" s="8">
        <v>220</v>
      </c>
      <c r="H23749" s="5">
        <v>6</v>
      </c>
      <c r="I23749" s="5" t="s">
        <v>1518</v>
      </c>
      <c r="J23749" s="5" t="s">
        <v>69038</v>
      </c>
      <c r="K23749" s="2" t="s">
        <v>69039</v>
      </c>
      <c r="L23749" s="5" t="s">
        <v>69038</v>
      </c>
      <c r="M23749" s="2" t="s">
        <v>69039</v>
      </c>
      <c r="N23749" s="5" t="s">
        <v>19227</v>
      </c>
      <c r="O23749" s="5" t="s">
        <v>38</v>
      </c>
      <c r="P23749" s="5" t="s">
        <v>39</v>
      </c>
      <c r="Q23749" s="5" t="s">
        <v>40</v>
      </c>
      <c r="R23749" s="5" t="s">
        <v>1487</v>
      </c>
      <c r="S23749" s="5"/>
      <c r="T23749" s="5" t="s">
        <v>42</v>
      </c>
      <c r="U23749" s="2">
        <v>0</v>
      </c>
      <c r="V23749" s="2">
        <v>0</v>
      </c>
      <c r="W23749" s="2">
        <v>0</v>
      </c>
      <c r="X23749" s="2">
        <v>0</v>
      </c>
      <c r="Y23749" s="2">
        <v>0</v>
      </c>
      <c r="Z23749" s="2">
        <v>0</v>
      </c>
      <c r="AA23749" s="5"/>
      <c r="AB23749" s="5" t="s">
        <v>43</v>
      </c>
      <c r="AC23749" s="5" t="s">
        <v>44</v>
      </c>
      <c r="AD23749" s="2"/>
      <c r="AE23749" s="1"/>
    </row>
    <row r="23750" spans="1:31" ht="14.45">
      <c r="A23750" s="11"/>
      <c r="B23750" s="20"/>
      <c r="C23750" s="2" t="s">
        <v>76129</v>
      </c>
      <c r="D23750" s="14" t="s">
        <v>76130</v>
      </c>
      <c r="E23750" s="2" t="s">
        <v>76131</v>
      </c>
      <c r="F23750" s="2" t="s">
        <v>7514</v>
      </c>
      <c r="G23750" s="8">
        <v>220</v>
      </c>
      <c r="H23750" s="5">
        <v>6</v>
      </c>
      <c r="I23750" s="5" t="s">
        <v>1518</v>
      </c>
      <c r="J23750" s="5" t="s">
        <v>69038</v>
      </c>
      <c r="K23750" s="2" t="s">
        <v>69039</v>
      </c>
      <c r="L23750" s="5" t="s">
        <v>69038</v>
      </c>
      <c r="M23750" s="2" t="s">
        <v>69039</v>
      </c>
      <c r="N23750" s="5" t="s">
        <v>19227</v>
      </c>
      <c r="O23750" s="5" t="s">
        <v>38</v>
      </c>
      <c r="P23750" s="5" t="s">
        <v>39</v>
      </c>
      <c r="Q23750" s="5" t="s">
        <v>40</v>
      </c>
      <c r="R23750" s="5" t="s">
        <v>1487</v>
      </c>
      <c r="S23750" s="5"/>
      <c r="T23750" s="5" t="s">
        <v>42</v>
      </c>
      <c r="U23750" s="2">
        <v>0</v>
      </c>
      <c r="V23750" s="2">
        <v>0</v>
      </c>
      <c r="W23750" s="2">
        <v>0</v>
      </c>
      <c r="X23750" s="2">
        <v>0</v>
      </c>
      <c r="Y23750" s="2">
        <v>0</v>
      </c>
      <c r="Z23750" s="2">
        <v>0</v>
      </c>
      <c r="AA23750" s="5"/>
      <c r="AB23750" s="5" t="s">
        <v>43</v>
      </c>
      <c r="AC23750" s="5" t="s">
        <v>44</v>
      </c>
      <c r="AD23750" s="2"/>
      <c r="AE23750" s="1"/>
    </row>
    <row r="23751" spans="1:31" ht="14.45">
      <c r="A23751" s="11"/>
      <c r="B23751" s="20"/>
      <c r="C23751" s="2" t="s">
        <v>76132</v>
      </c>
      <c r="D23751" s="14" t="s">
        <v>76133</v>
      </c>
      <c r="E23751" s="2" t="s">
        <v>76134</v>
      </c>
      <c r="F23751" s="2" t="s">
        <v>7208</v>
      </c>
      <c r="G23751" s="8">
        <v>220</v>
      </c>
      <c r="H23751" s="5">
        <v>6</v>
      </c>
      <c r="I23751" s="5" t="s">
        <v>1518</v>
      </c>
      <c r="J23751" s="5" t="s">
        <v>69038</v>
      </c>
      <c r="K23751" s="2" t="s">
        <v>69039</v>
      </c>
      <c r="L23751" s="5" t="s">
        <v>69038</v>
      </c>
      <c r="M23751" s="2" t="s">
        <v>69039</v>
      </c>
      <c r="N23751" s="5" t="s">
        <v>19227</v>
      </c>
      <c r="O23751" s="5" t="s">
        <v>38</v>
      </c>
      <c r="P23751" s="5" t="s">
        <v>39</v>
      </c>
      <c r="Q23751" s="5" t="s">
        <v>40</v>
      </c>
      <c r="R23751" s="5" t="s">
        <v>1487</v>
      </c>
      <c r="S23751" s="5"/>
      <c r="T23751" s="5" t="s">
        <v>42</v>
      </c>
      <c r="U23751" s="2">
        <v>0</v>
      </c>
      <c r="V23751" s="2">
        <v>0</v>
      </c>
      <c r="W23751" s="2">
        <v>0</v>
      </c>
      <c r="X23751" s="2">
        <v>0</v>
      </c>
      <c r="Y23751" s="2">
        <v>0</v>
      </c>
      <c r="Z23751" s="2">
        <v>0</v>
      </c>
      <c r="AA23751" s="5"/>
      <c r="AB23751" s="5" t="s">
        <v>43</v>
      </c>
      <c r="AC23751" s="5" t="s">
        <v>44</v>
      </c>
      <c r="AD23751" s="2"/>
      <c r="AE23751" s="1"/>
    </row>
    <row r="23752" spans="1:31" ht="14.45">
      <c r="A23752" s="11"/>
      <c r="B23752" s="20"/>
      <c r="C23752" s="2" t="s">
        <v>76135</v>
      </c>
      <c r="D23752" s="14" t="s">
        <v>76136</v>
      </c>
      <c r="E23752" s="2" t="s">
        <v>76137</v>
      </c>
      <c r="F23752" s="2" t="s">
        <v>7521</v>
      </c>
      <c r="G23752" s="8">
        <v>220</v>
      </c>
      <c r="H23752" s="5">
        <v>6</v>
      </c>
      <c r="I23752" s="5" t="s">
        <v>1518</v>
      </c>
      <c r="J23752" s="5" t="s">
        <v>69038</v>
      </c>
      <c r="K23752" s="2" t="s">
        <v>69039</v>
      </c>
      <c r="L23752" s="5" t="s">
        <v>69038</v>
      </c>
      <c r="M23752" s="2" t="s">
        <v>69039</v>
      </c>
      <c r="N23752" s="5" t="s">
        <v>19227</v>
      </c>
      <c r="O23752" s="5" t="s">
        <v>38</v>
      </c>
      <c r="P23752" s="5" t="s">
        <v>39</v>
      </c>
      <c r="Q23752" s="5" t="s">
        <v>40</v>
      </c>
      <c r="R23752" s="5" t="s">
        <v>1487</v>
      </c>
      <c r="S23752" s="5"/>
      <c r="T23752" s="5" t="s">
        <v>42</v>
      </c>
      <c r="U23752" s="2">
        <v>0</v>
      </c>
      <c r="V23752" s="2">
        <v>0</v>
      </c>
      <c r="W23752" s="2">
        <v>0</v>
      </c>
      <c r="X23752" s="2">
        <v>0</v>
      </c>
      <c r="Y23752" s="2">
        <v>0</v>
      </c>
      <c r="Z23752" s="2">
        <v>0</v>
      </c>
      <c r="AA23752" s="5"/>
      <c r="AB23752" s="5" t="s">
        <v>43</v>
      </c>
      <c r="AC23752" s="5" t="s">
        <v>44</v>
      </c>
      <c r="AD23752" s="2"/>
      <c r="AE23752" s="1"/>
    </row>
    <row r="23753" spans="1:31" ht="14.45">
      <c r="A23753" s="11"/>
      <c r="B23753" s="20"/>
      <c r="C23753" s="2" t="s">
        <v>76138</v>
      </c>
      <c r="D23753" s="14" t="s">
        <v>76139</v>
      </c>
      <c r="E23753" s="2" t="s">
        <v>76140</v>
      </c>
      <c r="F23753" s="2" t="s">
        <v>7396</v>
      </c>
      <c r="G23753" s="8">
        <v>220</v>
      </c>
      <c r="H23753" s="5">
        <v>6</v>
      </c>
      <c r="I23753" s="5" t="s">
        <v>1518</v>
      </c>
      <c r="J23753" s="5" t="s">
        <v>69038</v>
      </c>
      <c r="K23753" s="2" t="s">
        <v>69039</v>
      </c>
      <c r="L23753" s="5" t="s">
        <v>69038</v>
      </c>
      <c r="M23753" s="2" t="s">
        <v>69039</v>
      </c>
      <c r="N23753" s="5" t="s">
        <v>19227</v>
      </c>
      <c r="O23753" s="5" t="s">
        <v>38</v>
      </c>
      <c r="P23753" s="5" t="s">
        <v>39</v>
      </c>
      <c r="Q23753" s="5" t="s">
        <v>40</v>
      </c>
      <c r="R23753" s="5" t="s">
        <v>1487</v>
      </c>
      <c r="S23753" s="5"/>
      <c r="T23753" s="5" t="s">
        <v>42</v>
      </c>
      <c r="U23753" s="2">
        <v>0</v>
      </c>
      <c r="V23753" s="2">
        <v>0</v>
      </c>
      <c r="W23753" s="2">
        <v>0</v>
      </c>
      <c r="X23753" s="2">
        <v>0</v>
      </c>
      <c r="Y23753" s="2">
        <v>0</v>
      </c>
      <c r="Z23753" s="2">
        <v>0</v>
      </c>
      <c r="AA23753" s="5"/>
      <c r="AB23753" s="5" t="s">
        <v>43</v>
      </c>
      <c r="AC23753" s="5" t="s">
        <v>44</v>
      </c>
      <c r="AD23753" s="2"/>
      <c r="AE23753" s="1"/>
    </row>
    <row r="23754" spans="1:31" ht="14.45">
      <c r="A23754" s="11"/>
      <c r="B23754" s="20"/>
      <c r="C23754" s="2" t="s">
        <v>76141</v>
      </c>
      <c r="D23754" s="14" t="s">
        <v>76142</v>
      </c>
      <c r="E23754" s="2" t="s">
        <v>76143</v>
      </c>
      <c r="F23754" s="2" t="s">
        <v>7507</v>
      </c>
      <c r="G23754" s="8">
        <v>220</v>
      </c>
      <c r="H23754" s="5">
        <v>6</v>
      </c>
      <c r="I23754" s="5" t="s">
        <v>1518</v>
      </c>
      <c r="J23754" s="5" t="s">
        <v>69038</v>
      </c>
      <c r="K23754" s="2" t="s">
        <v>69039</v>
      </c>
      <c r="L23754" s="5" t="s">
        <v>69038</v>
      </c>
      <c r="M23754" s="2" t="s">
        <v>69039</v>
      </c>
      <c r="N23754" s="5" t="s">
        <v>19227</v>
      </c>
      <c r="O23754" s="5" t="s">
        <v>38</v>
      </c>
      <c r="P23754" s="5" t="s">
        <v>39</v>
      </c>
      <c r="Q23754" s="5" t="s">
        <v>40</v>
      </c>
      <c r="R23754" s="5" t="s">
        <v>1487</v>
      </c>
      <c r="S23754" s="5"/>
      <c r="T23754" s="5" t="s">
        <v>42</v>
      </c>
      <c r="U23754" s="2">
        <v>0</v>
      </c>
      <c r="V23754" s="2">
        <v>0</v>
      </c>
      <c r="W23754" s="2">
        <v>0</v>
      </c>
      <c r="X23754" s="2">
        <v>0</v>
      </c>
      <c r="Y23754" s="2">
        <v>0</v>
      </c>
      <c r="Z23754" s="2">
        <v>0</v>
      </c>
      <c r="AA23754" s="5"/>
      <c r="AB23754" s="5" t="s">
        <v>43</v>
      </c>
      <c r="AC23754" s="5" t="s">
        <v>44</v>
      </c>
      <c r="AD23754" s="2"/>
      <c r="AE23754" s="1"/>
    </row>
    <row r="23755" spans="1:31" ht="14.45">
      <c r="A23755" s="11"/>
      <c r="B23755" s="20"/>
      <c r="C23755" s="2" t="s">
        <v>76144</v>
      </c>
      <c r="D23755" s="14" t="s">
        <v>76145</v>
      </c>
      <c r="E23755" s="2" t="s">
        <v>76146</v>
      </c>
      <c r="F23755" s="2" t="s">
        <v>7212</v>
      </c>
      <c r="G23755" s="8">
        <v>220</v>
      </c>
      <c r="H23755" s="5">
        <v>6</v>
      </c>
      <c r="I23755" s="5" t="s">
        <v>1518</v>
      </c>
      <c r="J23755" s="5" t="s">
        <v>69038</v>
      </c>
      <c r="K23755" s="2" t="s">
        <v>69039</v>
      </c>
      <c r="L23755" s="5" t="s">
        <v>69038</v>
      </c>
      <c r="M23755" s="2" t="s">
        <v>69039</v>
      </c>
      <c r="N23755" s="5" t="s">
        <v>19227</v>
      </c>
      <c r="O23755" s="5" t="s">
        <v>38</v>
      </c>
      <c r="P23755" s="5" t="s">
        <v>39</v>
      </c>
      <c r="Q23755" s="5" t="s">
        <v>40</v>
      </c>
      <c r="R23755" s="5" t="s">
        <v>1487</v>
      </c>
      <c r="S23755" s="5"/>
      <c r="T23755" s="5" t="s">
        <v>42</v>
      </c>
      <c r="U23755" s="2">
        <v>0</v>
      </c>
      <c r="V23755" s="2">
        <v>0</v>
      </c>
      <c r="W23755" s="2">
        <v>0</v>
      </c>
      <c r="X23755" s="2">
        <v>0</v>
      </c>
      <c r="Y23755" s="2">
        <v>0</v>
      </c>
      <c r="Z23755" s="2">
        <v>0</v>
      </c>
      <c r="AA23755" s="5"/>
      <c r="AB23755" s="5" t="s">
        <v>43</v>
      </c>
      <c r="AC23755" s="5" t="s">
        <v>44</v>
      </c>
      <c r="AD23755" s="2"/>
      <c r="AE23755" s="1"/>
    </row>
    <row r="23756" spans="1:31" ht="14.45">
      <c r="A23756" s="11"/>
      <c r="B23756" s="20"/>
      <c r="C23756" s="2" t="s">
        <v>76147</v>
      </c>
      <c r="D23756" s="14" t="s">
        <v>76148</v>
      </c>
      <c r="E23756" s="2" t="s">
        <v>76149</v>
      </c>
      <c r="F23756" s="2" t="s">
        <v>7528</v>
      </c>
      <c r="G23756" s="8">
        <v>220</v>
      </c>
      <c r="H23756" s="5">
        <v>6</v>
      </c>
      <c r="I23756" s="5" t="s">
        <v>1518</v>
      </c>
      <c r="J23756" s="5" t="s">
        <v>69038</v>
      </c>
      <c r="K23756" s="2" t="s">
        <v>69039</v>
      </c>
      <c r="L23756" s="5" t="s">
        <v>69038</v>
      </c>
      <c r="M23756" s="2" t="s">
        <v>69039</v>
      </c>
      <c r="N23756" s="5" t="s">
        <v>19227</v>
      </c>
      <c r="O23756" s="5" t="s">
        <v>38</v>
      </c>
      <c r="P23756" s="5" t="s">
        <v>39</v>
      </c>
      <c r="Q23756" s="5" t="s">
        <v>40</v>
      </c>
      <c r="R23756" s="5" t="s">
        <v>1487</v>
      </c>
      <c r="S23756" s="5"/>
      <c r="T23756" s="5" t="s">
        <v>42</v>
      </c>
      <c r="U23756" s="2">
        <v>0</v>
      </c>
      <c r="V23756" s="2">
        <v>0</v>
      </c>
      <c r="W23756" s="2">
        <v>0</v>
      </c>
      <c r="X23756" s="2">
        <v>0</v>
      </c>
      <c r="Y23756" s="2">
        <v>0</v>
      </c>
      <c r="Z23756" s="2">
        <v>0</v>
      </c>
      <c r="AA23756" s="5"/>
      <c r="AB23756" s="5" t="s">
        <v>43</v>
      </c>
      <c r="AC23756" s="5" t="s">
        <v>44</v>
      </c>
      <c r="AD23756" s="2"/>
      <c r="AE23756" s="1"/>
    </row>
    <row r="23757" spans="1:31" ht="14.45">
      <c r="A23757" s="11"/>
      <c r="B23757" s="20"/>
      <c r="C23757" s="2" t="s">
        <v>76150</v>
      </c>
      <c r="D23757" s="14" t="s">
        <v>76151</v>
      </c>
      <c r="E23757" s="2" t="s">
        <v>76152</v>
      </c>
      <c r="F23757" s="2" t="s">
        <v>7204</v>
      </c>
      <c r="G23757" s="8">
        <v>228</v>
      </c>
      <c r="H23757" s="5">
        <v>6</v>
      </c>
      <c r="I23757" s="5" t="s">
        <v>1518</v>
      </c>
      <c r="J23757" s="5" t="s">
        <v>69038</v>
      </c>
      <c r="K23757" s="2" t="s">
        <v>69039</v>
      </c>
      <c r="L23757" s="5" t="s">
        <v>69038</v>
      </c>
      <c r="M23757" s="2" t="s">
        <v>69039</v>
      </c>
      <c r="N23757" s="5" t="s">
        <v>19227</v>
      </c>
      <c r="O23757" s="5" t="s">
        <v>38</v>
      </c>
      <c r="P23757" s="5" t="s">
        <v>39</v>
      </c>
      <c r="Q23757" s="5" t="s">
        <v>40</v>
      </c>
      <c r="R23757" s="5" t="s">
        <v>1487</v>
      </c>
      <c r="S23757" s="5"/>
      <c r="T23757" s="5" t="s">
        <v>42</v>
      </c>
      <c r="U23757" s="2">
        <v>0</v>
      </c>
      <c r="V23757" s="2">
        <v>0</v>
      </c>
      <c r="W23757" s="2">
        <v>0</v>
      </c>
      <c r="X23757" s="2">
        <v>0</v>
      </c>
      <c r="Y23757" s="2">
        <v>0</v>
      </c>
      <c r="Z23757" s="2">
        <v>0</v>
      </c>
      <c r="AA23757" s="5"/>
      <c r="AB23757" s="5" t="s">
        <v>43</v>
      </c>
      <c r="AC23757" s="5" t="s">
        <v>44</v>
      </c>
      <c r="AD23757" s="2"/>
      <c r="AE23757" s="1"/>
    </row>
    <row r="23758" spans="1:31" ht="14.45">
      <c r="A23758" s="11"/>
      <c r="B23758" s="20"/>
      <c r="C23758" s="2" t="s">
        <v>76153</v>
      </c>
      <c r="D23758" s="14" t="s">
        <v>76154</v>
      </c>
      <c r="E23758" s="2" t="s">
        <v>76155</v>
      </c>
      <c r="F23758" s="2" t="s">
        <v>7514</v>
      </c>
      <c r="G23758" s="8">
        <v>228</v>
      </c>
      <c r="H23758" s="5">
        <v>6</v>
      </c>
      <c r="I23758" s="5" t="s">
        <v>1518</v>
      </c>
      <c r="J23758" s="5" t="s">
        <v>69038</v>
      </c>
      <c r="K23758" s="2" t="s">
        <v>69039</v>
      </c>
      <c r="L23758" s="5" t="s">
        <v>69038</v>
      </c>
      <c r="M23758" s="2" t="s">
        <v>69039</v>
      </c>
      <c r="N23758" s="5" t="s">
        <v>19227</v>
      </c>
      <c r="O23758" s="5" t="s">
        <v>38</v>
      </c>
      <c r="P23758" s="5" t="s">
        <v>39</v>
      </c>
      <c r="Q23758" s="5" t="s">
        <v>40</v>
      </c>
      <c r="R23758" s="5" t="s">
        <v>1487</v>
      </c>
      <c r="S23758" s="5"/>
      <c r="T23758" s="5" t="s">
        <v>42</v>
      </c>
      <c r="U23758" s="2">
        <v>0</v>
      </c>
      <c r="V23758" s="2">
        <v>0</v>
      </c>
      <c r="W23758" s="2">
        <v>0</v>
      </c>
      <c r="X23758" s="2">
        <v>0</v>
      </c>
      <c r="Y23758" s="2">
        <v>0</v>
      </c>
      <c r="Z23758" s="2">
        <v>0</v>
      </c>
      <c r="AA23758" s="5"/>
      <c r="AB23758" s="5" t="s">
        <v>43</v>
      </c>
      <c r="AC23758" s="5" t="s">
        <v>44</v>
      </c>
      <c r="AD23758" s="2"/>
      <c r="AE23758" s="1"/>
    </row>
    <row r="23759" spans="1:31" ht="14.45">
      <c r="A23759" s="11"/>
      <c r="B23759" s="20"/>
      <c r="C23759" s="2" t="s">
        <v>76156</v>
      </c>
      <c r="D23759" s="14" t="s">
        <v>76157</v>
      </c>
      <c r="E23759" s="2" t="s">
        <v>76158</v>
      </c>
      <c r="F23759" s="2" t="s">
        <v>7208</v>
      </c>
      <c r="G23759" s="8">
        <v>228</v>
      </c>
      <c r="H23759" s="5">
        <v>6</v>
      </c>
      <c r="I23759" s="5" t="s">
        <v>1518</v>
      </c>
      <c r="J23759" s="5" t="s">
        <v>69038</v>
      </c>
      <c r="K23759" s="2" t="s">
        <v>69039</v>
      </c>
      <c r="L23759" s="5" t="s">
        <v>69038</v>
      </c>
      <c r="M23759" s="2" t="s">
        <v>69039</v>
      </c>
      <c r="N23759" s="5" t="s">
        <v>19227</v>
      </c>
      <c r="O23759" s="5" t="s">
        <v>38</v>
      </c>
      <c r="P23759" s="5" t="s">
        <v>39</v>
      </c>
      <c r="Q23759" s="5" t="s">
        <v>40</v>
      </c>
      <c r="R23759" s="5" t="s">
        <v>1487</v>
      </c>
      <c r="S23759" s="5"/>
      <c r="T23759" s="5" t="s">
        <v>42</v>
      </c>
      <c r="U23759" s="2">
        <v>0</v>
      </c>
      <c r="V23759" s="2">
        <v>0</v>
      </c>
      <c r="W23759" s="2">
        <v>0</v>
      </c>
      <c r="X23759" s="2">
        <v>0</v>
      </c>
      <c r="Y23759" s="2">
        <v>0</v>
      </c>
      <c r="Z23759" s="2">
        <v>0</v>
      </c>
      <c r="AA23759" s="5"/>
      <c r="AB23759" s="5" t="s">
        <v>43</v>
      </c>
      <c r="AC23759" s="5" t="s">
        <v>44</v>
      </c>
      <c r="AD23759" s="2"/>
      <c r="AE23759" s="1"/>
    </row>
    <row r="23760" spans="1:31" ht="14.45">
      <c r="A23760" s="11"/>
      <c r="B23760" s="20"/>
      <c r="C23760" s="2" t="s">
        <v>76159</v>
      </c>
      <c r="D23760" s="14" t="s">
        <v>76160</v>
      </c>
      <c r="E23760" s="2" t="s">
        <v>76161</v>
      </c>
      <c r="F23760" s="2" t="s">
        <v>7521</v>
      </c>
      <c r="G23760" s="8">
        <v>228</v>
      </c>
      <c r="H23760" s="5">
        <v>6</v>
      </c>
      <c r="I23760" s="5" t="s">
        <v>1518</v>
      </c>
      <c r="J23760" s="5" t="s">
        <v>69038</v>
      </c>
      <c r="K23760" s="2" t="s">
        <v>69039</v>
      </c>
      <c r="L23760" s="5" t="s">
        <v>69038</v>
      </c>
      <c r="M23760" s="2" t="s">
        <v>69039</v>
      </c>
      <c r="N23760" s="5" t="s">
        <v>19227</v>
      </c>
      <c r="O23760" s="5" t="s">
        <v>38</v>
      </c>
      <c r="P23760" s="5" t="s">
        <v>39</v>
      </c>
      <c r="Q23760" s="5" t="s">
        <v>40</v>
      </c>
      <c r="R23760" s="5" t="s">
        <v>1487</v>
      </c>
      <c r="S23760" s="5"/>
      <c r="T23760" s="5" t="s">
        <v>42</v>
      </c>
      <c r="U23760" s="2">
        <v>0</v>
      </c>
      <c r="V23760" s="2">
        <v>0</v>
      </c>
      <c r="W23760" s="2">
        <v>0</v>
      </c>
      <c r="X23760" s="2">
        <v>0</v>
      </c>
      <c r="Y23760" s="2">
        <v>0</v>
      </c>
      <c r="Z23760" s="2">
        <v>0</v>
      </c>
      <c r="AA23760" s="5"/>
      <c r="AB23760" s="5" t="s">
        <v>43</v>
      </c>
      <c r="AC23760" s="5" t="s">
        <v>44</v>
      </c>
      <c r="AD23760" s="2"/>
      <c r="AE23760" s="1"/>
    </row>
    <row r="23761" spans="1:31" ht="14.45">
      <c r="A23761" s="11"/>
      <c r="B23761" s="20"/>
      <c r="C23761" s="2" t="s">
        <v>76162</v>
      </c>
      <c r="D23761" s="14" t="s">
        <v>76163</v>
      </c>
      <c r="E23761" s="2" t="s">
        <v>76164</v>
      </c>
      <c r="F23761" s="2" t="s">
        <v>7396</v>
      </c>
      <c r="G23761" s="8">
        <v>228</v>
      </c>
      <c r="H23761" s="5">
        <v>6</v>
      </c>
      <c r="I23761" s="5" t="s">
        <v>1518</v>
      </c>
      <c r="J23761" s="5" t="s">
        <v>69038</v>
      </c>
      <c r="K23761" s="2" t="s">
        <v>69039</v>
      </c>
      <c r="L23761" s="5" t="s">
        <v>69038</v>
      </c>
      <c r="M23761" s="2" t="s">
        <v>69039</v>
      </c>
      <c r="N23761" s="5" t="s">
        <v>19227</v>
      </c>
      <c r="O23761" s="5" t="s">
        <v>38</v>
      </c>
      <c r="P23761" s="5" t="s">
        <v>39</v>
      </c>
      <c r="Q23761" s="5" t="s">
        <v>40</v>
      </c>
      <c r="R23761" s="5" t="s">
        <v>1487</v>
      </c>
      <c r="S23761" s="5"/>
      <c r="T23761" s="5" t="s">
        <v>42</v>
      </c>
      <c r="U23761" s="2">
        <v>0</v>
      </c>
      <c r="V23761" s="2">
        <v>0</v>
      </c>
      <c r="W23761" s="2">
        <v>0</v>
      </c>
      <c r="X23761" s="2">
        <v>0</v>
      </c>
      <c r="Y23761" s="2">
        <v>0</v>
      </c>
      <c r="Z23761" s="2">
        <v>0</v>
      </c>
      <c r="AA23761" s="5"/>
      <c r="AB23761" s="5" t="s">
        <v>43</v>
      </c>
      <c r="AC23761" s="5" t="s">
        <v>44</v>
      </c>
      <c r="AD23761" s="2"/>
      <c r="AE23761" s="1"/>
    </row>
    <row r="23762" spans="1:31" ht="14.45">
      <c r="A23762" s="11"/>
      <c r="B23762" s="20"/>
      <c r="C23762" s="2" t="s">
        <v>76165</v>
      </c>
      <c r="D23762" s="14" t="s">
        <v>76166</v>
      </c>
      <c r="E23762" s="2" t="s">
        <v>76167</v>
      </c>
      <c r="F23762" s="2" t="s">
        <v>7507</v>
      </c>
      <c r="G23762" s="8">
        <v>228</v>
      </c>
      <c r="H23762" s="5">
        <v>6</v>
      </c>
      <c r="I23762" s="5" t="s">
        <v>1518</v>
      </c>
      <c r="J23762" s="5" t="s">
        <v>69038</v>
      </c>
      <c r="K23762" s="2" t="s">
        <v>69039</v>
      </c>
      <c r="L23762" s="5" t="s">
        <v>69038</v>
      </c>
      <c r="M23762" s="2" t="s">
        <v>69039</v>
      </c>
      <c r="N23762" s="5" t="s">
        <v>19227</v>
      </c>
      <c r="O23762" s="5" t="s">
        <v>38</v>
      </c>
      <c r="P23762" s="5" t="s">
        <v>39</v>
      </c>
      <c r="Q23762" s="5" t="s">
        <v>40</v>
      </c>
      <c r="R23762" s="5" t="s">
        <v>1487</v>
      </c>
      <c r="S23762" s="5"/>
      <c r="T23762" s="5" t="s">
        <v>42</v>
      </c>
      <c r="U23762" s="2">
        <v>0</v>
      </c>
      <c r="V23762" s="2">
        <v>0</v>
      </c>
      <c r="W23762" s="2">
        <v>0</v>
      </c>
      <c r="X23762" s="2">
        <v>0</v>
      </c>
      <c r="Y23762" s="2">
        <v>0</v>
      </c>
      <c r="Z23762" s="2">
        <v>0</v>
      </c>
      <c r="AA23762" s="5"/>
      <c r="AB23762" s="5" t="s">
        <v>43</v>
      </c>
      <c r="AC23762" s="5" t="s">
        <v>44</v>
      </c>
      <c r="AD23762" s="2"/>
      <c r="AE23762" s="1"/>
    </row>
    <row r="23763" spans="1:31" ht="14.45">
      <c r="A23763" s="11"/>
      <c r="B23763" s="20"/>
      <c r="C23763" s="2" t="s">
        <v>76168</v>
      </c>
      <c r="D23763" s="14" t="s">
        <v>76169</v>
      </c>
      <c r="E23763" s="2" t="s">
        <v>76170</v>
      </c>
      <c r="F23763" s="2" t="s">
        <v>7212</v>
      </c>
      <c r="G23763" s="8">
        <v>228</v>
      </c>
      <c r="H23763" s="5">
        <v>6</v>
      </c>
      <c r="I23763" s="5" t="s">
        <v>1518</v>
      </c>
      <c r="J23763" s="5" t="s">
        <v>69038</v>
      </c>
      <c r="K23763" s="2" t="s">
        <v>69039</v>
      </c>
      <c r="L23763" s="5" t="s">
        <v>69038</v>
      </c>
      <c r="M23763" s="2" t="s">
        <v>69039</v>
      </c>
      <c r="N23763" s="5" t="s">
        <v>19227</v>
      </c>
      <c r="O23763" s="5" t="s">
        <v>38</v>
      </c>
      <c r="P23763" s="5" t="s">
        <v>39</v>
      </c>
      <c r="Q23763" s="5" t="s">
        <v>40</v>
      </c>
      <c r="R23763" s="5" t="s">
        <v>1487</v>
      </c>
      <c r="S23763" s="5"/>
      <c r="T23763" s="5" t="s">
        <v>42</v>
      </c>
      <c r="U23763" s="2">
        <v>0</v>
      </c>
      <c r="V23763" s="2">
        <v>0</v>
      </c>
      <c r="W23763" s="2">
        <v>0</v>
      </c>
      <c r="X23763" s="2">
        <v>0</v>
      </c>
      <c r="Y23763" s="2">
        <v>0</v>
      </c>
      <c r="Z23763" s="2">
        <v>0</v>
      </c>
      <c r="AA23763" s="5"/>
      <c r="AB23763" s="5" t="s">
        <v>43</v>
      </c>
      <c r="AC23763" s="5" t="s">
        <v>44</v>
      </c>
      <c r="AD23763" s="2"/>
      <c r="AE23763" s="1"/>
    </row>
    <row r="23764" spans="1:31" ht="14.45">
      <c r="A23764" s="11"/>
      <c r="B23764" s="20"/>
      <c r="C23764" s="2" t="s">
        <v>76171</v>
      </c>
      <c r="D23764" s="14" t="s">
        <v>76172</v>
      </c>
      <c r="E23764" s="2" t="s">
        <v>76173</v>
      </c>
      <c r="F23764" s="2" t="s">
        <v>7528</v>
      </c>
      <c r="G23764" s="8">
        <v>228</v>
      </c>
      <c r="H23764" s="5">
        <v>6</v>
      </c>
      <c r="I23764" s="5" t="s">
        <v>1518</v>
      </c>
      <c r="J23764" s="5" t="s">
        <v>69038</v>
      </c>
      <c r="K23764" s="2" t="s">
        <v>69039</v>
      </c>
      <c r="L23764" s="5" t="s">
        <v>69038</v>
      </c>
      <c r="M23764" s="2" t="s">
        <v>69039</v>
      </c>
      <c r="N23764" s="5" t="s">
        <v>19227</v>
      </c>
      <c r="O23764" s="5" t="s">
        <v>38</v>
      </c>
      <c r="P23764" s="5" t="s">
        <v>39</v>
      </c>
      <c r="Q23764" s="5" t="s">
        <v>40</v>
      </c>
      <c r="R23764" s="5" t="s">
        <v>1487</v>
      </c>
      <c r="S23764" s="5"/>
      <c r="T23764" s="5" t="s">
        <v>42</v>
      </c>
      <c r="U23764" s="2">
        <v>0</v>
      </c>
      <c r="V23764" s="2">
        <v>0</v>
      </c>
      <c r="W23764" s="2">
        <v>0</v>
      </c>
      <c r="X23764" s="2">
        <v>0</v>
      </c>
      <c r="Y23764" s="2">
        <v>0</v>
      </c>
      <c r="Z23764" s="2">
        <v>0</v>
      </c>
      <c r="AA23764" s="5"/>
      <c r="AB23764" s="5" t="s">
        <v>43</v>
      </c>
      <c r="AC23764" s="5" t="s">
        <v>44</v>
      </c>
      <c r="AD23764" s="2"/>
      <c r="AE23764" s="1"/>
    </row>
    <row r="23765" spans="1:31" ht="14.45">
      <c r="A23765" s="11"/>
      <c r="B23765" s="20"/>
      <c r="C23765" s="2" t="s">
        <v>76174</v>
      </c>
      <c r="D23765" s="14" t="s">
        <v>76175</v>
      </c>
      <c r="E23765" s="2" t="s">
        <v>76176</v>
      </c>
      <c r="F23765" s="2" t="s">
        <v>7204</v>
      </c>
      <c r="G23765" s="8">
        <v>239</v>
      </c>
      <c r="H23765" s="5">
        <v>6</v>
      </c>
      <c r="I23765" s="5" t="s">
        <v>1518</v>
      </c>
      <c r="J23765" s="5" t="s">
        <v>69038</v>
      </c>
      <c r="K23765" s="2" t="s">
        <v>69039</v>
      </c>
      <c r="L23765" s="5" t="s">
        <v>69038</v>
      </c>
      <c r="M23765" s="2" t="s">
        <v>69039</v>
      </c>
      <c r="N23765" s="5" t="s">
        <v>19227</v>
      </c>
      <c r="O23765" s="5" t="s">
        <v>38</v>
      </c>
      <c r="P23765" s="5" t="s">
        <v>39</v>
      </c>
      <c r="Q23765" s="5" t="s">
        <v>40</v>
      </c>
      <c r="R23765" s="5" t="s">
        <v>1487</v>
      </c>
      <c r="S23765" s="5"/>
      <c r="T23765" s="5" t="s">
        <v>42</v>
      </c>
      <c r="U23765" s="2">
        <v>0</v>
      </c>
      <c r="V23765" s="2">
        <v>0</v>
      </c>
      <c r="W23765" s="2">
        <v>0</v>
      </c>
      <c r="X23765" s="2">
        <v>0</v>
      </c>
      <c r="Y23765" s="2">
        <v>0</v>
      </c>
      <c r="Z23765" s="2">
        <v>0</v>
      </c>
      <c r="AA23765" s="5"/>
      <c r="AB23765" s="5" t="s">
        <v>43</v>
      </c>
      <c r="AC23765" s="5" t="s">
        <v>44</v>
      </c>
      <c r="AD23765" s="2"/>
      <c r="AE23765" s="1"/>
    </row>
    <row r="23766" spans="1:31" ht="14.45">
      <c r="A23766" s="11"/>
      <c r="B23766" s="20"/>
      <c r="C23766" s="2" t="s">
        <v>76177</v>
      </c>
      <c r="D23766" s="14" t="s">
        <v>76178</v>
      </c>
      <c r="E23766" s="2" t="s">
        <v>76179</v>
      </c>
      <c r="F23766" s="2" t="s">
        <v>7514</v>
      </c>
      <c r="G23766" s="8">
        <v>239</v>
      </c>
      <c r="H23766" s="5">
        <v>6</v>
      </c>
      <c r="I23766" s="5" t="s">
        <v>1518</v>
      </c>
      <c r="J23766" s="5" t="s">
        <v>69038</v>
      </c>
      <c r="K23766" s="2" t="s">
        <v>69039</v>
      </c>
      <c r="L23766" s="5" t="s">
        <v>69038</v>
      </c>
      <c r="M23766" s="2" t="s">
        <v>69039</v>
      </c>
      <c r="N23766" s="5" t="s">
        <v>19227</v>
      </c>
      <c r="O23766" s="5" t="s">
        <v>38</v>
      </c>
      <c r="P23766" s="5" t="s">
        <v>39</v>
      </c>
      <c r="Q23766" s="5" t="s">
        <v>40</v>
      </c>
      <c r="R23766" s="5" t="s">
        <v>1487</v>
      </c>
      <c r="S23766" s="5"/>
      <c r="T23766" s="5" t="s">
        <v>42</v>
      </c>
      <c r="U23766" s="2">
        <v>0</v>
      </c>
      <c r="V23766" s="2">
        <v>0</v>
      </c>
      <c r="W23766" s="2">
        <v>0</v>
      </c>
      <c r="X23766" s="2">
        <v>0</v>
      </c>
      <c r="Y23766" s="2">
        <v>0</v>
      </c>
      <c r="Z23766" s="2">
        <v>0</v>
      </c>
      <c r="AA23766" s="5"/>
      <c r="AB23766" s="5" t="s">
        <v>43</v>
      </c>
      <c r="AC23766" s="5" t="s">
        <v>44</v>
      </c>
      <c r="AD23766" s="2"/>
      <c r="AE23766" s="1"/>
    </row>
    <row r="23767" spans="1:31" ht="14.45">
      <c r="A23767" s="11"/>
      <c r="B23767" s="20"/>
      <c r="C23767" s="2" t="s">
        <v>76180</v>
      </c>
      <c r="D23767" s="14" t="s">
        <v>76181</v>
      </c>
      <c r="E23767" s="2" t="s">
        <v>76182</v>
      </c>
      <c r="F23767" s="2" t="s">
        <v>7208</v>
      </c>
      <c r="G23767" s="8">
        <v>239</v>
      </c>
      <c r="H23767" s="5">
        <v>6</v>
      </c>
      <c r="I23767" s="5" t="s">
        <v>1518</v>
      </c>
      <c r="J23767" s="5" t="s">
        <v>69038</v>
      </c>
      <c r="K23767" s="2" t="s">
        <v>69039</v>
      </c>
      <c r="L23767" s="5" t="s">
        <v>69038</v>
      </c>
      <c r="M23767" s="2" t="s">
        <v>69039</v>
      </c>
      <c r="N23767" s="5" t="s">
        <v>19227</v>
      </c>
      <c r="O23767" s="5" t="s">
        <v>38</v>
      </c>
      <c r="P23767" s="5" t="s">
        <v>39</v>
      </c>
      <c r="Q23767" s="5" t="s">
        <v>40</v>
      </c>
      <c r="R23767" s="5" t="s">
        <v>1487</v>
      </c>
      <c r="S23767" s="5"/>
      <c r="T23767" s="5" t="s">
        <v>42</v>
      </c>
      <c r="U23767" s="2">
        <v>0</v>
      </c>
      <c r="V23767" s="2">
        <v>0</v>
      </c>
      <c r="W23767" s="2">
        <v>0</v>
      </c>
      <c r="X23767" s="2">
        <v>0</v>
      </c>
      <c r="Y23767" s="2">
        <v>0</v>
      </c>
      <c r="Z23767" s="2">
        <v>0</v>
      </c>
      <c r="AA23767" s="5"/>
      <c r="AB23767" s="5" t="s">
        <v>43</v>
      </c>
      <c r="AC23767" s="5" t="s">
        <v>44</v>
      </c>
      <c r="AD23767" s="2"/>
      <c r="AE23767" s="1"/>
    </row>
    <row r="23768" spans="1:31" ht="14.45">
      <c r="A23768" s="11"/>
      <c r="B23768" s="20"/>
      <c r="C23768" s="2" t="s">
        <v>76183</v>
      </c>
      <c r="D23768" s="14" t="s">
        <v>76184</v>
      </c>
      <c r="E23768" s="2" t="s">
        <v>76185</v>
      </c>
      <c r="F23768" s="2" t="s">
        <v>7521</v>
      </c>
      <c r="G23768" s="8">
        <v>239</v>
      </c>
      <c r="H23768" s="5">
        <v>6</v>
      </c>
      <c r="I23768" s="5" t="s">
        <v>1518</v>
      </c>
      <c r="J23768" s="5" t="s">
        <v>69038</v>
      </c>
      <c r="K23768" s="2" t="s">
        <v>69039</v>
      </c>
      <c r="L23768" s="5" t="s">
        <v>69038</v>
      </c>
      <c r="M23768" s="2" t="s">
        <v>69039</v>
      </c>
      <c r="N23768" s="5" t="s">
        <v>19227</v>
      </c>
      <c r="O23768" s="5" t="s">
        <v>38</v>
      </c>
      <c r="P23768" s="5" t="s">
        <v>39</v>
      </c>
      <c r="Q23768" s="5" t="s">
        <v>40</v>
      </c>
      <c r="R23768" s="5" t="s">
        <v>1487</v>
      </c>
      <c r="S23768" s="5"/>
      <c r="T23768" s="5" t="s">
        <v>42</v>
      </c>
      <c r="U23768" s="2">
        <v>0</v>
      </c>
      <c r="V23768" s="2">
        <v>0</v>
      </c>
      <c r="W23768" s="2">
        <v>0</v>
      </c>
      <c r="X23768" s="2">
        <v>0</v>
      </c>
      <c r="Y23768" s="2">
        <v>0</v>
      </c>
      <c r="Z23768" s="2">
        <v>0</v>
      </c>
      <c r="AA23768" s="5"/>
      <c r="AB23768" s="5" t="s">
        <v>43</v>
      </c>
      <c r="AC23768" s="5" t="s">
        <v>44</v>
      </c>
      <c r="AD23768" s="2"/>
      <c r="AE23768" s="1"/>
    </row>
    <row r="23769" spans="1:31" ht="14.45">
      <c r="A23769" s="11"/>
      <c r="B23769" s="20"/>
      <c r="C23769" s="2" t="s">
        <v>76186</v>
      </c>
      <c r="D23769" s="14" t="s">
        <v>76187</v>
      </c>
      <c r="E23769" s="2" t="s">
        <v>76188</v>
      </c>
      <c r="F23769" s="2" t="s">
        <v>7396</v>
      </c>
      <c r="G23769" s="8">
        <v>239</v>
      </c>
      <c r="H23769" s="5">
        <v>6</v>
      </c>
      <c r="I23769" s="5" t="s">
        <v>1518</v>
      </c>
      <c r="J23769" s="5" t="s">
        <v>69038</v>
      </c>
      <c r="K23769" s="2" t="s">
        <v>69039</v>
      </c>
      <c r="L23769" s="5" t="s">
        <v>69038</v>
      </c>
      <c r="M23769" s="2" t="s">
        <v>69039</v>
      </c>
      <c r="N23769" s="5" t="s">
        <v>19227</v>
      </c>
      <c r="O23769" s="5" t="s">
        <v>38</v>
      </c>
      <c r="P23769" s="5" t="s">
        <v>39</v>
      </c>
      <c r="Q23769" s="5" t="s">
        <v>40</v>
      </c>
      <c r="R23769" s="5" t="s">
        <v>1487</v>
      </c>
      <c r="S23769" s="5"/>
      <c r="T23769" s="5" t="s">
        <v>42</v>
      </c>
      <c r="U23769" s="2">
        <v>0</v>
      </c>
      <c r="V23769" s="2">
        <v>0</v>
      </c>
      <c r="W23769" s="2">
        <v>0</v>
      </c>
      <c r="X23769" s="2">
        <v>0</v>
      </c>
      <c r="Y23769" s="2">
        <v>0</v>
      </c>
      <c r="Z23769" s="2">
        <v>0</v>
      </c>
      <c r="AA23769" s="5"/>
      <c r="AB23769" s="5" t="s">
        <v>43</v>
      </c>
      <c r="AC23769" s="5" t="s">
        <v>44</v>
      </c>
      <c r="AD23769" s="2"/>
      <c r="AE23769" s="1"/>
    </row>
    <row r="23770" spans="1:31" ht="14.45">
      <c r="A23770" s="11"/>
      <c r="B23770" s="20"/>
      <c r="C23770" s="2" t="s">
        <v>76189</v>
      </c>
      <c r="D23770" s="14" t="s">
        <v>76190</v>
      </c>
      <c r="E23770" s="2" t="s">
        <v>76191</v>
      </c>
      <c r="F23770" s="2" t="s">
        <v>7507</v>
      </c>
      <c r="G23770" s="8">
        <v>239</v>
      </c>
      <c r="H23770" s="5">
        <v>6</v>
      </c>
      <c r="I23770" s="5" t="s">
        <v>1518</v>
      </c>
      <c r="J23770" s="5" t="s">
        <v>69038</v>
      </c>
      <c r="K23770" s="2" t="s">
        <v>69039</v>
      </c>
      <c r="L23770" s="5" t="s">
        <v>69038</v>
      </c>
      <c r="M23770" s="2" t="s">
        <v>69039</v>
      </c>
      <c r="N23770" s="5" t="s">
        <v>19227</v>
      </c>
      <c r="O23770" s="5" t="s">
        <v>38</v>
      </c>
      <c r="P23770" s="5" t="s">
        <v>39</v>
      </c>
      <c r="Q23770" s="5" t="s">
        <v>40</v>
      </c>
      <c r="R23770" s="5" t="s">
        <v>1487</v>
      </c>
      <c r="S23770" s="5"/>
      <c r="T23770" s="5" t="s">
        <v>42</v>
      </c>
      <c r="U23770" s="2">
        <v>0</v>
      </c>
      <c r="V23770" s="2">
        <v>0</v>
      </c>
      <c r="W23770" s="2">
        <v>0</v>
      </c>
      <c r="X23770" s="2">
        <v>0</v>
      </c>
      <c r="Y23770" s="2">
        <v>0</v>
      </c>
      <c r="Z23770" s="2">
        <v>0</v>
      </c>
      <c r="AA23770" s="5"/>
      <c r="AB23770" s="5" t="s">
        <v>43</v>
      </c>
      <c r="AC23770" s="5" t="s">
        <v>44</v>
      </c>
      <c r="AD23770" s="2"/>
      <c r="AE23770" s="1"/>
    </row>
    <row r="23771" spans="1:31" ht="14.45">
      <c r="A23771" s="11"/>
      <c r="B23771" s="20"/>
      <c r="C23771" s="2" t="s">
        <v>76192</v>
      </c>
      <c r="D23771" s="14" t="s">
        <v>76193</v>
      </c>
      <c r="E23771" s="2" t="s">
        <v>76194</v>
      </c>
      <c r="F23771" s="2" t="s">
        <v>7212</v>
      </c>
      <c r="G23771" s="8">
        <v>239</v>
      </c>
      <c r="H23771" s="5">
        <v>6</v>
      </c>
      <c r="I23771" s="5" t="s">
        <v>1518</v>
      </c>
      <c r="J23771" s="5" t="s">
        <v>69038</v>
      </c>
      <c r="K23771" s="2" t="s">
        <v>69039</v>
      </c>
      <c r="L23771" s="5" t="s">
        <v>69038</v>
      </c>
      <c r="M23771" s="2" t="s">
        <v>69039</v>
      </c>
      <c r="N23771" s="5" t="s">
        <v>19227</v>
      </c>
      <c r="O23771" s="5" t="s">
        <v>38</v>
      </c>
      <c r="P23771" s="5" t="s">
        <v>39</v>
      </c>
      <c r="Q23771" s="5" t="s">
        <v>40</v>
      </c>
      <c r="R23771" s="5" t="s">
        <v>1487</v>
      </c>
      <c r="S23771" s="5"/>
      <c r="T23771" s="5" t="s">
        <v>42</v>
      </c>
      <c r="U23771" s="2">
        <v>0</v>
      </c>
      <c r="V23771" s="2">
        <v>0</v>
      </c>
      <c r="W23771" s="2">
        <v>0</v>
      </c>
      <c r="X23771" s="2">
        <v>0</v>
      </c>
      <c r="Y23771" s="2">
        <v>0</v>
      </c>
      <c r="Z23771" s="2">
        <v>0</v>
      </c>
      <c r="AA23771" s="5"/>
      <c r="AB23771" s="5" t="s">
        <v>43</v>
      </c>
      <c r="AC23771" s="5" t="s">
        <v>44</v>
      </c>
      <c r="AD23771" s="2"/>
      <c r="AE23771" s="1"/>
    </row>
    <row r="23772" spans="1:31" ht="14.45">
      <c r="A23772" s="11"/>
      <c r="B23772" s="20"/>
      <c r="C23772" s="2" t="s">
        <v>76195</v>
      </c>
      <c r="D23772" s="14" t="s">
        <v>76196</v>
      </c>
      <c r="E23772" s="2" t="s">
        <v>76197</v>
      </c>
      <c r="F23772" s="2" t="s">
        <v>7528</v>
      </c>
      <c r="G23772" s="8">
        <v>239</v>
      </c>
      <c r="H23772" s="5">
        <v>6</v>
      </c>
      <c r="I23772" s="5" t="s">
        <v>1518</v>
      </c>
      <c r="J23772" s="5" t="s">
        <v>69038</v>
      </c>
      <c r="K23772" s="2" t="s">
        <v>69039</v>
      </c>
      <c r="L23772" s="5" t="s">
        <v>69038</v>
      </c>
      <c r="M23772" s="2" t="s">
        <v>69039</v>
      </c>
      <c r="N23772" s="5" t="s">
        <v>19227</v>
      </c>
      <c r="O23772" s="5" t="s">
        <v>38</v>
      </c>
      <c r="P23772" s="5" t="s">
        <v>39</v>
      </c>
      <c r="Q23772" s="5" t="s">
        <v>40</v>
      </c>
      <c r="R23772" s="5" t="s">
        <v>1487</v>
      </c>
      <c r="S23772" s="5"/>
      <c r="T23772" s="5" t="s">
        <v>42</v>
      </c>
      <c r="U23772" s="2">
        <v>0</v>
      </c>
      <c r="V23772" s="2">
        <v>0</v>
      </c>
      <c r="W23772" s="2">
        <v>0</v>
      </c>
      <c r="X23772" s="2">
        <v>0</v>
      </c>
      <c r="Y23772" s="2">
        <v>0</v>
      </c>
      <c r="Z23772" s="2">
        <v>0</v>
      </c>
      <c r="AA23772" s="5"/>
      <c r="AB23772" s="5" t="s">
        <v>43</v>
      </c>
      <c r="AC23772" s="5" t="s">
        <v>44</v>
      </c>
      <c r="AD23772" s="2"/>
      <c r="AE23772" s="1"/>
    </row>
    <row r="23773" spans="1:31" ht="14.45">
      <c r="A23773" s="11"/>
      <c r="B23773" s="20"/>
      <c r="C23773" s="2" t="s">
        <v>76198</v>
      </c>
      <c r="D23773" s="14" t="s">
        <v>76199</v>
      </c>
      <c r="E23773" s="2" t="s">
        <v>76200</v>
      </c>
      <c r="F23773" s="2" t="s">
        <v>7204</v>
      </c>
      <c r="G23773" s="8">
        <v>220</v>
      </c>
      <c r="H23773" s="5">
        <v>6</v>
      </c>
      <c r="I23773" s="5" t="s">
        <v>1518</v>
      </c>
      <c r="J23773" s="5" t="s">
        <v>69038</v>
      </c>
      <c r="K23773" s="2" t="s">
        <v>69039</v>
      </c>
      <c r="L23773" s="5" t="s">
        <v>69038</v>
      </c>
      <c r="M23773" s="2" t="s">
        <v>69039</v>
      </c>
      <c r="N23773" s="5" t="s">
        <v>19227</v>
      </c>
      <c r="O23773" s="5" t="s">
        <v>38</v>
      </c>
      <c r="P23773" s="5" t="s">
        <v>39</v>
      </c>
      <c r="Q23773" s="5" t="s">
        <v>40</v>
      </c>
      <c r="R23773" s="5" t="s">
        <v>1487</v>
      </c>
      <c r="S23773" s="5"/>
      <c r="T23773" s="5" t="s">
        <v>42</v>
      </c>
      <c r="U23773" s="2">
        <v>0</v>
      </c>
      <c r="V23773" s="2">
        <v>0</v>
      </c>
      <c r="W23773" s="2">
        <v>0</v>
      </c>
      <c r="X23773" s="2">
        <v>0</v>
      </c>
      <c r="Y23773" s="2">
        <v>0</v>
      </c>
      <c r="Z23773" s="2">
        <v>0</v>
      </c>
      <c r="AA23773" s="5"/>
      <c r="AB23773" s="5" t="s">
        <v>43</v>
      </c>
      <c r="AC23773" s="5" t="s">
        <v>44</v>
      </c>
      <c r="AD23773" s="2"/>
      <c r="AE23773" s="1"/>
    </row>
    <row r="23774" spans="1:31" ht="14.45">
      <c r="A23774" s="11"/>
      <c r="B23774" s="20"/>
      <c r="C23774" s="2" t="s">
        <v>76201</v>
      </c>
      <c r="D23774" s="14" t="s">
        <v>76202</v>
      </c>
      <c r="E23774" s="2" t="s">
        <v>76203</v>
      </c>
      <c r="F23774" s="2" t="s">
        <v>7514</v>
      </c>
      <c r="G23774" s="8">
        <v>220</v>
      </c>
      <c r="H23774" s="5">
        <v>6</v>
      </c>
      <c r="I23774" s="5" t="s">
        <v>1518</v>
      </c>
      <c r="J23774" s="5" t="s">
        <v>69038</v>
      </c>
      <c r="K23774" s="2" t="s">
        <v>69039</v>
      </c>
      <c r="L23774" s="5" t="s">
        <v>69038</v>
      </c>
      <c r="M23774" s="2" t="s">
        <v>69039</v>
      </c>
      <c r="N23774" s="5" t="s">
        <v>19227</v>
      </c>
      <c r="O23774" s="5" t="s">
        <v>38</v>
      </c>
      <c r="P23774" s="5" t="s">
        <v>39</v>
      </c>
      <c r="Q23774" s="5" t="s">
        <v>40</v>
      </c>
      <c r="R23774" s="5" t="s">
        <v>1487</v>
      </c>
      <c r="S23774" s="5"/>
      <c r="T23774" s="5" t="s">
        <v>42</v>
      </c>
      <c r="U23774" s="2">
        <v>0</v>
      </c>
      <c r="V23774" s="2">
        <v>0</v>
      </c>
      <c r="W23774" s="2">
        <v>0</v>
      </c>
      <c r="X23774" s="2">
        <v>0</v>
      </c>
      <c r="Y23774" s="2">
        <v>0</v>
      </c>
      <c r="Z23774" s="2">
        <v>0</v>
      </c>
      <c r="AA23774" s="5"/>
      <c r="AB23774" s="5" t="s">
        <v>43</v>
      </c>
      <c r="AC23774" s="5" t="s">
        <v>44</v>
      </c>
      <c r="AD23774" s="2"/>
      <c r="AE23774" s="1"/>
    </row>
    <row r="23775" spans="1:31" ht="14.45">
      <c r="A23775" s="11"/>
      <c r="B23775" s="20"/>
      <c r="C23775" s="2" t="s">
        <v>76204</v>
      </c>
      <c r="D23775" s="14" t="s">
        <v>76205</v>
      </c>
      <c r="E23775" s="2" t="s">
        <v>76206</v>
      </c>
      <c r="F23775" s="2" t="s">
        <v>7208</v>
      </c>
      <c r="G23775" s="8">
        <v>220</v>
      </c>
      <c r="H23775" s="5">
        <v>6</v>
      </c>
      <c r="I23775" s="5" t="s">
        <v>1518</v>
      </c>
      <c r="J23775" s="5" t="s">
        <v>69038</v>
      </c>
      <c r="K23775" s="2" t="s">
        <v>69039</v>
      </c>
      <c r="L23775" s="5" t="s">
        <v>69038</v>
      </c>
      <c r="M23775" s="2" t="s">
        <v>69039</v>
      </c>
      <c r="N23775" s="5" t="s">
        <v>19227</v>
      </c>
      <c r="O23775" s="5" t="s">
        <v>38</v>
      </c>
      <c r="P23775" s="5" t="s">
        <v>39</v>
      </c>
      <c r="Q23775" s="5" t="s">
        <v>40</v>
      </c>
      <c r="R23775" s="5" t="s">
        <v>1487</v>
      </c>
      <c r="S23775" s="5"/>
      <c r="T23775" s="5" t="s">
        <v>42</v>
      </c>
      <c r="U23775" s="2">
        <v>0</v>
      </c>
      <c r="V23775" s="2">
        <v>0</v>
      </c>
      <c r="W23775" s="2">
        <v>0</v>
      </c>
      <c r="X23775" s="2">
        <v>0</v>
      </c>
      <c r="Y23775" s="2">
        <v>0</v>
      </c>
      <c r="Z23775" s="2">
        <v>0</v>
      </c>
      <c r="AA23775" s="5"/>
      <c r="AB23775" s="5" t="s">
        <v>43</v>
      </c>
      <c r="AC23775" s="5" t="s">
        <v>44</v>
      </c>
      <c r="AD23775" s="2"/>
      <c r="AE23775" s="1"/>
    </row>
    <row r="23776" spans="1:31" ht="14.45">
      <c r="A23776" s="11"/>
      <c r="B23776" s="20"/>
      <c r="C23776" s="2" t="s">
        <v>76207</v>
      </c>
      <c r="D23776" s="14" t="s">
        <v>76208</v>
      </c>
      <c r="E23776" s="2" t="s">
        <v>76209</v>
      </c>
      <c r="F23776" s="2" t="s">
        <v>7521</v>
      </c>
      <c r="G23776" s="8">
        <v>220</v>
      </c>
      <c r="H23776" s="5">
        <v>6</v>
      </c>
      <c r="I23776" s="5" t="s">
        <v>1518</v>
      </c>
      <c r="J23776" s="5" t="s">
        <v>69038</v>
      </c>
      <c r="K23776" s="2" t="s">
        <v>69039</v>
      </c>
      <c r="L23776" s="5" t="s">
        <v>69038</v>
      </c>
      <c r="M23776" s="2" t="s">
        <v>69039</v>
      </c>
      <c r="N23776" s="5" t="s">
        <v>19227</v>
      </c>
      <c r="O23776" s="5" t="s">
        <v>38</v>
      </c>
      <c r="P23776" s="5" t="s">
        <v>39</v>
      </c>
      <c r="Q23776" s="5" t="s">
        <v>40</v>
      </c>
      <c r="R23776" s="5" t="s">
        <v>1487</v>
      </c>
      <c r="S23776" s="5"/>
      <c r="T23776" s="5" t="s">
        <v>42</v>
      </c>
      <c r="U23776" s="2">
        <v>0</v>
      </c>
      <c r="V23776" s="2">
        <v>0</v>
      </c>
      <c r="W23776" s="2">
        <v>0</v>
      </c>
      <c r="X23776" s="2">
        <v>0</v>
      </c>
      <c r="Y23776" s="2">
        <v>0</v>
      </c>
      <c r="Z23776" s="2">
        <v>0</v>
      </c>
      <c r="AA23776" s="5"/>
      <c r="AB23776" s="5" t="s">
        <v>43</v>
      </c>
      <c r="AC23776" s="5" t="s">
        <v>44</v>
      </c>
      <c r="AD23776" s="2"/>
      <c r="AE23776" s="1"/>
    </row>
    <row r="23777" spans="1:31" ht="14.45">
      <c r="A23777" s="11"/>
      <c r="B23777" s="20"/>
      <c r="C23777" s="2" t="s">
        <v>76210</v>
      </c>
      <c r="D23777" s="14" t="s">
        <v>76211</v>
      </c>
      <c r="E23777" s="2" t="s">
        <v>76212</v>
      </c>
      <c r="F23777" s="2" t="s">
        <v>7396</v>
      </c>
      <c r="G23777" s="8">
        <v>220</v>
      </c>
      <c r="H23777" s="5">
        <v>6</v>
      </c>
      <c r="I23777" s="5" t="s">
        <v>1518</v>
      </c>
      <c r="J23777" s="5" t="s">
        <v>69038</v>
      </c>
      <c r="K23777" s="2" t="s">
        <v>69039</v>
      </c>
      <c r="L23777" s="5" t="s">
        <v>69038</v>
      </c>
      <c r="M23777" s="2" t="s">
        <v>69039</v>
      </c>
      <c r="N23777" s="5" t="s">
        <v>19227</v>
      </c>
      <c r="O23777" s="5" t="s">
        <v>38</v>
      </c>
      <c r="P23777" s="5" t="s">
        <v>39</v>
      </c>
      <c r="Q23777" s="5" t="s">
        <v>40</v>
      </c>
      <c r="R23777" s="5" t="s">
        <v>1487</v>
      </c>
      <c r="S23777" s="5"/>
      <c r="T23777" s="5" t="s">
        <v>42</v>
      </c>
      <c r="U23777" s="2">
        <v>0</v>
      </c>
      <c r="V23777" s="2">
        <v>0</v>
      </c>
      <c r="W23777" s="2">
        <v>0</v>
      </c>
      <c r="X23777" s="2">
        <v>0</v>
      </c>
      <c r="Y23777" s="2">
        <v>0</v>
      </c>
      <c r="Z23777" s="2">
        <v>0</v>
      </c>
      <c r="AA23777" s="5"/>
      <c r="AB23777" s="5" t="s">
        <v>43</v>
      </c>
      <c r="AC23777" s="5" t="s">
        <v>44</v>
      </c>
      <c r="AD23777" s="2"/>
      <c r="AE23777" s="1"/>
    </row>
    <row r="23778" spans="1:31" ht="14.45">
      <c r="A23778" s="11"/>
      <c r="B23778" s="20"/>
      <c r="C23778" s="2" t="s">
        <v>76213</v>
      </c>
      <c r="D23778" s="14" t="s">
        <v>76214</v>
      </c>
      <c r="E23778" s="2" t="s">
        <v>76215</v>
      </c>
      <c r="F23778" s="2" t="s">
        <v>7507</v>
      </c>
      <c r="G23778" s="8">
        <v>220</v>
      </c>
      <c r="H23778" s="5">
        <v>6</v>
      </c>
      <c r="I23778" s="5" t="s">
        <v>1518</v>
      </c>
      <c r="J23778" s="5" t="s">
        <v>69038</v>
      </c>
      <c r="K23778" s="2" t="s">
        <v>69039</v>
      </c>
      <c r="L23778" s="5" t="s">
        <v>69038</v>
      </c>
      <c r="M23778" s="2" t="s">
        <v>69039</v>
      </c>
      <c r="N23778" s="5" t="s">
        <v>19227</v>
      </c>
      <c r="O23778" s="5" t="s">
        <v>38</v>
      </c>
      <c r="P23778" s="5" t="s">
        <v>39</v>
      </c>
      <c r="Q23778" s="5" t="s">
        <v>40</v>
      </c>
      <c r="R23778" s="5" t="s">
        <v>1487</v>
      </c>
      <c r="S23778" s="5"/>
      <c r="T23778" s="5" t="s">
        <v>42</v>
      </c>
      <c r="U23778" s="2">
        <v>0</v>
      </c>
      <c r="V23778" s="2">
        <v>0</v>
      </c>
      <c r="W23778" s="2">
        <v>0</v>
      </c>
      <c r="X23778" s="2">
        <v>0</v>
      </c>
      <c r="Y23778" s="2">
        <v>0</v>
      </c>
      <c r="Z23778" s="2">
        <v>0</v>
      </c>
      <c r="AA23778" s="5"/>
      <c r="AB23778" s="5" t="s">
        <v>43</v>
      </c>
      <c r="AC23778" s="5" t="s">
        <v>44</v>
      </c>
      <c r="AD23778" s="2"/>
      <c r="AE23778" s="1"/>
    </row>
    <row r="23779" spans="1:31" ht="14.45">
      <c r="A23779" s="11"/>
      <c r="B23779" s="20"/>
      <c r="C23779" s="2" t="s">
        <v>76216</v>
      </c>
      <c r="D23779" s="14" t="s">
        <v>76217</v>
      </c>
      <c r="E23779" s="2" t="s">
        <v>76218</v>
      </c>
      <c r="F23779" s="2" t="s">
        <v>7212</v>
      </c>
      <c r="G23779" s="8">
        <v>220</v>
      </c>
      <c r="H23779" s="5">
        <v>6</v>
      </c>
      <c r="I23779" s="5" t="s">
        <v>1518</v>
      </c>
      <c r="J23779" s="5" t="s">
        <v>69038</v>
      </c>
      <c r="K23779" s="2" t="s">
        <v>69039</v>
      </c>
      <c r="L23779" s="5" t="s">
        <v>69038</v>
      </c>
      <c r="M23779" s="2" t="s">
        <v>69039</v>
      </c>
      <c r="N23779" s="5" t="s">
        <v>19227</v>
      </c>
      <c r="O23779" s="5" t="s">
        <v>38</v>
      </c>
      <c r="P23779" s="5" t="s">
        <v>39</v>
      </c>
      <c r="Q23779" s="5" t="s">
        <v>40</v>
      </c>
      <c r="R23779" s="5" t="s">
        <v>1487</v>
      </c>
      <c r="S23779" s="5"/>
      <c r="T23779" s="5" t="s">
        <v>42</v>
      </c>
      <c r="U23779" s="2">
        <v>0</v>
      </c>
      <c r="V23779" s="2">
        <v>0</v>
      </c>
      <c r="W23779" s="2">
        <v>0</v>
      </c>
      <c r="X23779" s="2">
        <v>0</v>
      </c>
      <c r="Y23779" s="2">
        <v>0</v>
      </c>
      <c r="Z23779" s="2">
        <v>0</v>
      </c>
      <c r="AA23779" s="5"/>
      <c r="AB23779" s="5" t="s">
        <v>43</v>
      </c>
      <c r="AC23779" s="5" t="s">
        <v>44</v>
      </c>
      <c r="AD23779" s="2"/>
      <c r="AE23779" s="1"/>
    </row>
    <row r="23780" spans="1:31" ht="14.45">
      <c r="A23780" s="11"/>
      <c r="B23780" s="20"/>
      <c r="C23780" s="2" t="s">
        <v>76219</v>
      </c>
      <c r="D23780" s="14" t="s">
        <v>76220</v>
      </c>
      <c r="E23780" s="2" t="s">
        <v>76221</v>
      </c>
      <c r="F23780" s="2" t="s">
        <v>7528</v>
      </c>
      <c r="G23780" s="8">
        <v>220</v>
      </c>
      <c r="H23780" s="5">
        <v>6</v>
      </c>
      <c r="I23780" s="5" t="s">
        <v>1518</v>
      </c>
      <c r="J23780" s="5" t="s">
        <v>69038</v>
      </c>
      <c r="K23780" s="2" t="s">
        <v>69039</v>
      </c>
      <c r="L23780" s="5" t="s">
        <v>69038</v>
      </c>
      <c r="M23780" s="2" t="s">
        <v>69039</v>
      </c>
      <c r="N23780" s="5" t="s">
        <v>19227</v>
      </c>
      <c r="O23780" s="5" t="s">
        <v>38</v>
      </c>
      <c r="P23780" s="5" t="s">
        <v>39</v>
      </c>
      <c r="Q23780" s="5" t="s">
        <v>40</v>
      </c>
      <c r="R23780" s="5" t="s">
        <v>1487</v>
      </c>
      <c r="S23780" s="5"/>
      <c r="T23780" s="5" t="s">
        <v>42</v>
      </c>
      <c r="U23780" s="2">
        <v>0</v>
      </c>
      <c r="V23780" s="2">
        <v>0</v>
      </c>
      <c r="W23780" s="2">
        <v>0</v>
      </c>
      <c r="X23780" s="2">
        <v>0</v>
      </c>
      <c r="Y23780" s="2">
        <v>0</v>
      </c>
      <c r="Z23780" s="2">
        <v>0</v>
      </c>
      <c r="AA23780" s="5"/>
      <c r="AB23780" s="5" t="s">
        <v>43</v>
      </c>
      <c r="AC23780" s="5" t="s">
        <v>44</v>
      </c>
      <c r="AD23780" s="2"/>
      <c r="AE23780" s="1"/>
    </row>
    <row r="23781" spans="1:31" ht="14.45">
      <c r="A23781" s="11"/>
      <c r="B23781" s="20"/>
      <c r="C23781" s="2" t="s">
        <v>76222</v>
      </c>
      <c r="D23781" s="14" t="s">
        <v>76223</v>
      </c>
      <c r="E23781" s="2" t="s">
        <v>76224</v>
      </c>
      <c r="F23781" s="2" t="s">
        <v>7204</v>
      </c>
      <c r="G23781" s="8">
        <v>228</v>
      </c>
      <c r="H23781" s="5">
        <v>6</v>
      </c>
      <c r="I23781" s="5" t="s">
        <v>1518</v>
      </c>
      <c r="J23781" s="5" t="s">
        <v>69038</v>
      </c>
      <c r="K23781" s="2" t="s">
        <v>69039</v>
      </c>
      <c r="L23781" s="5" t="s">
        <v>69038</v>
      </c>
      <c r="M23781" s="2" t="s">
        <v>69039</v>
      </c>
      <c r="N23781" s="5" t="s">
        <v>19227</v>
      </c>
      <c r="O23781" s="5" t="s">
        <v>38</v>
      </c>
      <c r="P23781" s="5" t="s">
        <v>39</v>
      </c>
      <c r="Q23781" s="5" t="s">
        <v>40</v>
      </c>
      <c r="R23781" s="5" t="s">
        <v>1487</v>
      </c>
      <c r="S23781" s="5"/>
      <c r="T23781" s="5" t="s">
        <v>42</v>
      </c>
      <c r="U23781" s="2">
        <v>0</v>
      </c>
      <c r="V23781" s="2">
        <v>0</v>
      </c>
      <c r="W23781" s="2">
        <v>0</v>
      </c>
      <c r="X23781" s="2">
        <v>0</v>
      </c>
      <c r="Y23781" s="2">
        <v>0</v>
      </c>
      <c r="Z23781" s="2">
        <v>0</v>
      </c>
      <c r="AA23781" s="5"/>
      <c r="AB23781" s="5" t="s">
        <v>43</v>
      </c>
      <c r="AC23781" s="5" t="s">
        <v>44</v>
      </c>
      <c r="AD23781" s="2"/>
      <c r="AE23781" s="1"/>
    </row>
    <row r="23782" spans="1:31" ht="14.45">
      <c r="A23782" s="11"/>
      <c r="B23782" s="20"/>
      <c r="C23782" s="2" t="s">
        <v>76225</v>
      </c>
      <c r="D23782" s="14" t="s">
        <v>76226</v>
      </c>
      <c r="E23782" s="2" t="s">
        <v>76227</v>
      </c>
      <c r="F23782" s="2" t="s">
        <v>7514</v>
      </c>
      <c r="G23782" s="8">
        <v>228</v>
      </c>
      <c r="H23782" s="5">
        <v>6</v>
      </c>
      <c r="I23782" s="5" t="s">
        <v>1518</v>
      </c>
      <c r="J23782" s="5" t="s">
        <v>69038</v>
      </c>
      <c r="K23782" s="2" t="s">
        <v>69039</v>
      </c>
      <c r="L23782" s="5" t="s">
        <v>69038</v>
      </c>
      <c r="M23782" s="2" t="s">
        <v>69039</v>
      </c>
      <c r="N23782" s="5" t="s">
        <v>19227</v>
      </c>
      <c r="O23782" s="5" t="s">
        <v>38</v>
      </c>
      <c r="P23782" s="5" t="s">
        <v>39</v>
      </c>
      <c r="Q23782" s="5" t="s">
        <v>40</v>
      </c>
      <c r="R23782" s="5" t="s">
        <v>1487</v>
      </c>
      <c r="S23782" s="5"/>
      <c r="T23782" s="5" t="s">
        <v>42</v>
      </c>
      <c r="U23782" s="2">
        <v>0</v>
      </c>
      <c r="V23782" s="2">
        <v>0</v>
      </c>
      <c r="W23782" s="2">
        <v>0</v>
      </c>
      <c r="X23782" s="2">
        <v>0</v>
      </c>
      <c r="Y23782" s="2">
        <v>0</v>
      </c>
      <c r="Z23782" s="2">
        <v>0</v>
      </c>
      <c r="AA23782" s="5"/>
      <c r="AB23782" s="5" t="s">
        <v>43</v>
      </c>
      <c r="AC23782" s="5" t="s">
        <v>44</v>
      </c>
      <c r="AD23782" s="2"/>
      <c r="AE23782" s="1"/>
    </row>
    <row r="23783" spans="1:31" ht="14.45">
      <c r="A23783" s="11"/>
      <c r="B23783" s="20"/>
      <c r="C23783" s="2" t="s">
        <v>76228</v>
      </c>
      <c r="D23783" s="14" t="s">
        <v>76229</v>
      </c>
      <c r="E23783" s="2" t="s">
        <v>76230</v>
      </c>
      <c r="F23783" s="2" t="s">
        <v>7208</v>
      </c>
      <c r="G23783" s="8">
        <v>228</v>
      </c>
      <c r="H23783" s="5">
        <v>6</v>
      </c>
      <c r="I23783" s="5" t="s">
        <v>1518</v>
      </c>
      <c r="J23783" s="5" t="s">
        <v>69038</v>
      </c>
      <c r="K23783" s="2" t="s">
        <v>69039</v>
      </c>
      <c r="L23783" s="5" t="s">
        <v>69038</v>
      </c>
      <c r="M23783" s="2" t="s">
        <v>69039</v>
      </c>
      <c r="N23783" s="5" t="s">
        <v>19227</v>
      </c>
      <c r="O23783" s="5" t="s">
        <v>38</v>
      </c>
      <c r="P23783" s="5" t="s">
        <v>39</v>
      </c>
      <c r="Q23783" s="5" t="s">
        <v>40</v>
      </c>
      <c r="R23783" s="5" t="s">
        <v>1487</v>
      </c>
      <c r="S23783" s="5"/>
      <c r="T23783" s="5" t="s">
        <v>42</v>
      </c>
      <c r="U23783" s="2">
        <v>0</v>
      </c>
      <c r="V23783" s="2">
        <v>0</v>
      </c>
      <c r="W23783" s="2">
        <v>0</v>
      </c>
      <c r="X23783" s="2">
        <v>0</v>
      </c>
      <c r="Y23783" s="2">
        <v>0</v>
      </c>
      <c r="Z23783" s="2">
        <v>0</v>
      </c>
      <c r="AA23783" s="5"/>
      <c r="AB23783" s="5" t="s">
        <v>43</v>
      </c>
      <c r="AC23783" s="5" t="s">
        <v>44</v>
      </c>
      <c r="AD23783" s="2"/>
      <c r="AE23783" s="1"/>
    </row>
    <row r="23784" spans="1:31" ht="14.45">
      <c r="A23784" s="11"/>
      <c r="B23784" s="20"/>
      <c r="C23784" s="2" t="s">
        <v>76231</v>
      </c>
      <c r="D23784" s="14" t="s">
        <v>76232</v>
      </c>
      <c r="E23784" s="2" t="s">
        <v>76233</v>
      </c>
      <c r="F23784" s="2" t="s">
        <v>7521</v>
      </c>
      <c r="G23784" s="8">
        <v>228</v>
      </c>
      <c r="H23784" s="5">
        <v>6</v>
      </c>
      <c r="I23784" s="5" t="s">
        <v>1518</v>
      </c>
      <c r="J23784" s="5" t="s">
        <v>69038</v>
      </c>
      <c r="K23784" s="2" t="s">
        <v>69039</v>
      </c>
      <c r="L23784" s="5" t="s">
        <v>69038</v>
      </c>
      <c r="M23784" s="2" t="s">
        <v>69039</v>
      </c>
      <c r="N23784" s="5" t="s">
        <v>19227</v>
      </c>
      <c r="O23784" s="5" t="s">
        <v>38</v>
      </c>
      <c r="P23784" s="5" t="s">
        <v>39</v>
      </c>
      <c r="Q23784" s="5" t="s">
        <v>40</v>
      </c>
      <c r="R23784" s="5" t="s">
        <v>1487</v>
      </c>
      <c r="S23784" s="5"/>
      <c r="T23784" s="5" t="s">
        <v>42</v>
      </c>
      <c r="U23784" s="2">
        <v>0</v>
      </c>
      <c r="V23784" s="2">
        <v>0</v>
      </c>
      <c r="W23784" s="2">
        <v>0</v>
      </c>
      <c r="X23784" s="2">
        <v>0</v>
      </c>
      <c r="Y23784" s="2">
        <v>0</v>
      </c>
      <c r="Z23784" s="2">
        <v>0</v>
      </c>
      <c r="AA23784" s="5"/>
      <c r="AB23784" s="5" t="s">
        <v>43</v>
      </c>
      <c r="AC23784" s="5" t="s">
        <v>44</v>
      </c>
      <c r="AD23784" s="2"/>
      <c r="AE23784" s="1"/>
    </row>
    <row r="23785" spans="1:31" ht="14.45">
      <c r="A23785" s="11"/>
      <c r="B23785" s="20"/>
      <c r="C23785" s="2" t="s">
        <v>76234</v>
      </c>
      <c r="D23785" s="14" t="s">
        <v>76235</v>
      </c>
      <c r="E23785" s="2" t="s">
        <v>76236</v>
      </c>
      <c r="F23785" s="2" t="s">
        <v>7396</v>
      </c>
      <c r="G23785" s="8">
        <v>228</v>
      </c>
      <c r="H23785" s="5">
        <v>6</v>
      </c>
      <c r="I23785" s="5" t="s">
        <v>1518</v>
      </c>
      <c r="J23785" s="5" t="s">
        <v>69038</v>
      </c>
      <c r="K23785" s="2" t="s">
        <v>69039</v>
      </c>
      <c r="L23785" s="5" t="s">
        <v>69038</v>
      </c>
      <c r="M23785" s="2" t="s">
        <v>69039</v>
      </c>
      <c r="N23785" s="5" t="s">
        <v>19227</v>
      </c>
      <c r="O23785" s="5" t="s">
        <v>38</v>
      </c>
      <c r="P23785" s="5" t="s">
        <v>39</v>
      </c>
      <c r="Q23785" s="5" t="s">
        <v>40</v>
      </c>
      <c r="R23785" s="5" t="s">
        <v>1487</v>
      </c>
      <c r="S23785" s="5"/>
      <c r="T23785" s="5" t="s">
        <v>42</v>
      </c>
      <c r="U23785" s="2">
        <v>0</v>
      </c>
      <c r="V23785" s="2">
        <v>0</v>
      </c>
      <c r="W23785" s="2">
        <v>0</v>
      </c>
      <c r="X23785" s="2">
        <v>0</v>
      </c>
      <c r="Y23785" s="2">
        <v>0</v>
      </c>
      <c r="Z23785" s="2">
        <v>0</v>
      </c>
      <c r="AA23785" s="5"/>
      <c r="AB23785" s="5" t="s">
        <v>43</v>
      </c>
      <c r="AC23785" s="5" t="s">
        <v>44</v>
      </c>
      <c r="AD23785" s="2"/>
      <c r="AE23785" s="1"/>
    </row>
    <row r="23786" spans="1:31" ht="14.45">
      <c r="A23786" s="11"/>
      <c r="B23786" s="20"/>
      <c r="C23786" s="2" t="s">
        <v>76237</v>
      </c>
      <c r="D23786" s="14" t="s">
        <v>76238</v>
      </c>
      <c r="E23786" s="2" t="s">
        <v>76239</v>
      </c>
      <c r="F23786" s="2" t="s">
        <v>7507</v>
      </c>
      <c r="G23786" s="8">
        <v>228</v>
      </c>
      <c r="H23786" s="5">
        <v>6</v>
      </c>
      <c r="I23786" s="5" t="s">
        <v>1518</v>
      </c>
      <c r="J23786" s="5" t="s">
        <v>69038</v>
      </c>
      <c r="K23786" s="2" t="s">
        <v>69039</v>
      </c>
      <c r="L23786" s="5" t="s">
        <v>69038</v>
      </c>
      <c r="M23786" s="2" t="s">
        <v>69039</v>
      </c>
      <c r="N23786" s="5" t="s">
        <v>19227</v>
      </c>
      <c r="O23786" s="5" t="s">
        <v>38</v>
      </c>
      <c r="P23786" s="5" t="s">
        <v>39</v>
      </c>
      <c r="Q23786" s="5" t="s">
        <v>40</v>
      </c>
      <c r="R23786" s="5" t="s">
        <v>1487</v>
      </c>
      <c r="S23786" s="5"/>
      <c r="T23786" s="5" t="s">
        <v>42</v>
      </c>
      <c r="U23786" s="2">
        <v>0</v>
      </c>
      <c r="V23786" s="2">
        <v>0</v>
      </c>
      <c r="W23786" s="2">
        <v>0</v>
      </c>
      <c r="X23786" s="2">
        <v>0</v>
      </c>
      <c r="Y23786" s="2">
        <v>0</v>
      </c>
      <c r="Z23786" s="2">
        <v>0</v>
      </c>
      <c r="AA23786" s="5"/>
      <c r="AB23786" s="5" t="s">
        <v>43</v>
      </c>
      <c r="AC23786" s="5" t="s">
        <v>44</v>
      </c>
      <c r="AD23786" s="2"/>
      <c r="AE23786" s="1"/>
    </row>
    <row r="23787" spans="1:31" ht="14.45">
      <c r="A23787" s="11"/>
      <c r="B23787" s="20"/>
      <c r="C23787" s="2" t="s">
        <v>76240</v>
      </c>
      <c r="D23787" s="14" t="s">
        <v>76241</v>
      </c>
      <c r="E23787" s="2" t="s">
        <v>76242</v>
      </c>
      <c r="F23787" s="2" t="s">
        <v>7212</v>
      </c>
      <c r="G23787" s="8">
        <v>228</v>
      </c>
      <c r="H23787" s="5">
        <v>6</v>
      </c>
      <c r="I23787" s="5" t="s">
        <v>1518</v>
      </c>
      <c r="J23787" s="5" t="s">
        <v>69038</v>
      </c>
      <c r="K23787" s="2" t="s">
        <v>69039</v>
      </c>
      <c r="L23787" s="5" t="s">
        <v>69038</v>
      </c>
      <c r="M23787" s="2" t="s">
        <v>69039</v>
      </c>
      <c r="N23787" s="5" t="s">
        <v>19227</v>
      </c>
      <c r="O23787" s="5" t="s">
        <v>38</v>
      </c>
      <c r="P23787" s="5" t="s">
        <v>39</v>
      </c>
      <c r="Q23787" s="5" t="s">
        <v>40</v>
      </c>
      <c r="R23787" s="5" t="s">
        <v>1487</v>
      </c>
      <c r="S23787" s="5"/>
      <c r="T23787" s="5" t="s">
        <v>42</v>
      </c>
      <c r="U23787" s="2">
        <v>0</v>
      </c>
      <c r="V23787" s="2">
        <v>0</v>
      </c>
      <c r="W23787" s="2">
        <v>0</v>
      </c>
      <c r="X23787" s="2">
        <v>0</v>
      </c>
      <c r="Y23787" s="2">
        <v>0</v>
      </c>
      <c r="Z23787" s="2">
        <v>0</v>
      </c>
      <c r="AA23787" s="5"/>
      <c r="AB23787" s="5" t="s">
        <v>43</v>
      </c>
      <c r="AC23787" s="5" t="s">
        <v>44</v>
      </c>
      <c r="AD23787" s="2"/>
      <c r="AE23787" s="1"/>
    </row>
    <row r="23788" spans="1:31" ht="14.45">
      <c r="A23788" s="11"/>
      <c r="B23788" s="20"/>
      <c r="C23788" s="2" t="s">
        <v>76243</v>
      </c>
      <c r="D23788" s="14" t="s">
        <v>76244</v>
      </c>
      <c r="E23788" s="2" t="s">
        <v>76245</v>
      </c>
      <c r="F23788" s="2" t="s">
        <v>7528</v>
      </c>
      <c r="G23788" s="8">
        <v>228</v>
      </c>
      <c r="H23788" s="5">
        <v>6</v>
      </c>
      <c r="I23788" s="5" t="s">
        <v>1518</v>
      </c>
      <c r="J23788" s="5" t="s">
        <v>69038</v>
      </c>
      <c r="K23788" s="2" t="s">
        <v>69039</v>
      </c>
      <c r="L23788" s="5" t="s">
        <v>69038</v>
      </c>
      <c r="M23788" s="2" t="s">
        <v>69039</v>
      </c>
      <c r="N23788" s="5" t="s">
        <v>19227</v>
      </c>
      <c r="O23788" s="5" t="s">
        <v>38</v>
      </c>
      <c r="P23788" s="5" t="s">
        <v>39</v>
      </c>
      <c r="Q23788" s="5" t="s">
        <v>40</v>
      </c>
      <c r="R23788" s="5" t="s">
        <v>1487</v>
      </c>
      <c r="S23788" s="5"/>
      <c r="T23788" s="5" t="s">
        <v>42</v>
      </c>
      <c r="U23788" s="2">
        <v>0</v>
      </c>
      <c r="V23788" s="2">
        <v>0</v>
      </c>
      <c r="W23788" s="2">
        <v>0</v>
      </c>
      <c r="X23788" s="2">
        <v>0</v>
      </c>
      <c r="Y23788" s="2">
        <v>0</v>
      </c>
      <c r="Z23788" s="2">
        <v>0</v>
      </c>
      <c r="AA23788" s="5"/>
      <c r="AB23788" s="5" t="s">
        <v>43</v>
      </c>
      <c r="AC23788" s="5" t="s">
        <v>44</v>
      </c>
      <c r="AD23788" s="2"/>
      <c r="AE23788" s="1"/>
    </row>
    <row r="23789" spans="1:31" ht="14.45">
      <c r="A23789" s="11"/>
      <c r="B23789" s="20"/>
      <c r="C23789" s="2" t="s">
        <v>76246</v>
      </c>
      <c r="D23789" s="14" t="s">
        <v>76247</v>
      </c>
      <c r="E23789" s="2" t="s">
        <v>76248</v>
      </c>
      <c r="F23789" s="2" t="s">
        <v>7204</v>
      </c>
      <c r="G23789" s="8">
        <v>239</v>
      </c>
      <c r="H23789" s="5">
        <v>6</v>
      </c>
      <c r="I23789" s="5" t="s">
        <v>1518</v>
      </c>
      <c r="J23789" s="5" t="s">
        <v>69038</v>
      </c>
      <c r="K23789" s="2" t="s">
        <v>69039</v>
      </c>
      <c r="L23789" s="5" t="s">
        <v>69038</v>
      </c>
      <c r="M23789" s="2" t="s">
        <v>69039</v>
      </c>
      <c r="N23789" s="5" t="s">
        <v>19227</v>
      </c>
      <c r="O23789" s="5" t="s">
        <v>38</v>
      </c>
      <c r="P23789" s="5" t="s">
        <v>39</v>
      </c>
      <c r="Q23789" s="5" t="s">
        <v>40</v>
      </c>
      <c r="R23789" s="5" t="s">
        <v>1487</v>
      </c>
      <c r="S23789" s="5"/>
      <c r="T23789" s="5" t="s">
        <v>42</v>
      </c>
      <c r="U23789" s="2">
        <v>0</v>
      </c>
      <c r="V23789" s="2">
        <v>0</v>
      </c>
      <c r="W23789" s="2">
        <v>0</v>
      </c>
      <c r="X23789" s="2">
        <v>0</v>
      </c>
      <c r="Y23789" s="2">
        <v>0</v>
      </c>
      <c r="Z23789" s="2">
        <v>0</v>
      </c>
      <c r="AA23789" s="5"/>
      <c r="AB23789" s="5" t="s">
        <v>43</v>
      </c>
      <c r="AC23789" s="5" t="s">
        <v>44</v>
      </c>
      <c r="AD23789" s="2"/>
      <c r="AE23789" s="1"/>
    </row>
    <row r="23790" spans="1:31" ht="14.45">
      <c r="A23790" s="11"/>
      <c r="B23790" s="20"/>
      <c r="C23790" s="2" t="s">
        <v>76249</v>
      </c>
      <c r="D23790" s="14" t="s">
        <v>76250</v>
      </c>
      <c r="E23790" s="2" t="s">
        <v>76251</v>
      </c>
      <c r="F23790" s="2" t="s">
        <v>7514</v>
      </c>
      <c r="G23790" s="8">
        <v>239</v>
      </c>
      <c r="H23790" s="5">
        <v>6</v>
      </c>
      <c r="I23790" s="5" t="s">
        <v>1518</v>
      </c>
      <c r="J23790" s="5" t="s">
        <v>69038</v>
      </c>
      <c r="K23790" s="2" t="s">
        <v>69039</v>
      </c>
      <c r="L23790" s="5" t="s">
        <v>69038</v>
      </c>
      <c r="M23790" s="2" t="s">
        <v>69039</v>
      </c>
      <c r="N23790" s="5" t="s">
        <v>19227</v>
      </c>
      <c r="O23790" s="5" t="s">
        <v>38</v>
      </c>
      <c r="P23790" s="5" t="s">
        <v>39</v>
      </c>
      <c r="Q23790" s="5" t="s">
        <v>40</v>
      </c>
      <c r="R23790" s="5" t="s">
        <v>1487</v>
      </c>
      <c r="S23790" s="5"/>
      <c r="T23790" s="5" t="s">
        <v>42</v>
      </c>
      <c r="U23790" s="2">
        <v>0</v>
      </c>
      <c r="V23790" s="2">
        <v>0</v>
      </c>
      <c r="W23790" s="2">
        <v>0</v>
      </c>
      <c r="X23790" s="2">
        <v>0</v>
      </c>
      <c r="Y23790" s="2">
        <v>0</v>
      </c>
      <c r="Z23790" s="2">
        <v>0</v>
      </c>
      <c r="AA23790" s="5"/>
      <c r="AB23790" s="5" t="s">
        <v>43</v>
      </c>
      <c r="AC23790" s="5" t="s">
        <v>44</v>
      </c>
      <c r="AD23790" s="2"/>
      <c r="AE23790" s="1"/>
    </row>
    <row r="23791" spans="1:31" ht="14.45">
      <c r="A23791" s="11"/>
      <c r="B23791" s="20"/>
      <c r="C23791" s="2" t="s">
        <v>76252</v>
      </c>
      <c r="D23791" s="14" t="s">
        <v>76253</v>
      </c>
      <c r="E23791" s="2" t="s">
        <v>76254</v>
      </c>
      <c r="F23791" s="2" t="s">
        <v>7208</v>
      </c>
      <c r="G23791" s="8">
        <v>239</v>
      </c>
      <c r="H23791" s="5">
        <v>6</v>
      </c>
      <c r="I23791" s="5" t="s">
        <v>1518</v>
      </c>
      <c r="J23791" s="5" t="s">
        <v>69038</v>
      </c>
      <c r="K23791" s="2" t="s">
        <v>69039</v>
      </c>
      <c r="L23791" s="5" t="s">
        <v>69038</v>
      </c>
      <c r="M23791" s="2" t="s">
        <v>69039</v>
      </c>
      <c r="N23791" s="5" t="s">
        <v>19227</v>
      </c>
      <c r="O23791" s="5" t="s">
        <v>38</v>
      </c>
      <c r="P23791" s="5" t="s">
        <v>39</v>
      </c>
      <c r="Q23791" s="5" t="s">
        <v>40</v>
      </c>
      <c r="R23791" s="5" t="s">
        <v>1487</v>
      </c>
      <c r="S23791" s="5"/>
      <c r="T23791" s="5" t="s">
        <v>42</v>
      </c>
      <c r="U23791" s="2">
        <v>0</v>
      </c>
      <c r="V23791" s="2">
        <v>0</v>
      </c>
      <c r="W23791" s="2">
        <v>0</v>
      </c>
      <c r="X23791" s="2">
        <v>0</v>
      </c>
      <c r="Y23791" s="2">
        <v>0</v>
      </c>
      <c r="Z23791" s="2">
        <v>0</v>
      </c>
      <c r="AA23791" s="5"/>
      <c r="AB23791" s="5" t="s">
        <v>43</v>
      </c>
      <c r="AC23791" s="5" t="s">
        <v>44</v>
      </c>
      <c r="AD23791" s="2"/>
      <c r="AE23791" s="1"/>
    </row>
    <row r="23792" spans="1:31" ht="14.45">
      <c r="A23792" s="11"/>
      <c r="B23792" s="20"/>
      <c r="C23792" s="2" t="s">
        <v>76255</v>
      </c>
      <c r="D23792" s="14" t="s">
        <v>76256</v>
      </c>
      <c r="E23792" s="2" t="s">
        <v>76257</v>
      </c>
      <c r="F23792" s="2" t="s">
        <v>7521</v>
      </c>
      <c r="G23792" s="8">
        <v>239</v>
      </c>
      <c r="H23792" s="5">
        <v>6</v>
      </c>
      <c r="I23792" s="5" t="s">
        <v>1518</v>
      </c>
      <c r="J23792" s="5" t="s">
        <v>69038</v>
      </c>
      <c r="K23792" s="2" t="s">
        <v>69039</v>
      </c>
      <c r="L23792" s="5" t="s">
        <v>69038</v>
      </c>
      <c r="M23792" s="2" t="s">
        <v>69039</v>
      </c>
      <c r="N23792" s="5" t="s">
        <v>19227</v>
      </c>
      <c r="O23792" s="5" t="s">
        <v>38</v>
      </c>
      <c r="P23792" s="5" t="s">
        <v>39</v>
      </c>
      <c r="Q23792" s="5" t="s">
        <v>40</v>
      </c>
      <c r="R23792" s="5" t="s">
        <v>1487</v>
      </c>
      <c r="S23792" s="5"/>
      <c r="T23792" s="5" t="s">
        <v>42</v>
      </c>
      <c r="U23792" s="2">
        <v>0</v>
      </c>
      <c r="V23792" s="2">
        <v>0</v>
      </c>
      <c r="W23792" s="2">
        <v>0</v>
      </c>
      <c r="X23792" s="2">
        <v>0</v>
      </c>
      <c r="Y23792" s="2">
        <v>0</v>
      </c>
      <c r="Z23792" s="2">
        <v>0</v>
      </c>
      <c r="AA23792" s="5"/>
      <c r="AB23792" s="5" t="s">
        <v>43</v>
      </c>
      <c r="AC23792" s="5" t="s">
        <v>44</v>
      </c>
      <c r="AD23792" s="2"/>
      <c r="AE23792" s="1"/>
    </row>
    <row r="23793" spans="1:31" ht="14.45">
      <c r="A23793" s="11"/>
      <c r="B23793" s="20"/>
      <c r="C23793" s="2" t="s">
        <v>76258</v>
      </c>
      <c r="D23793" s="14" t="s">
        <v>76259</v>
      </c>
      <c r="E23793" s="2" t="s">
        <v>76260</v>
      </c>
      <c r="F23793" s="2" t="s">
        <v>7396</v>
      </c>
      <c r="G23793" s="8">
        <v>239</v>
      </c>
      <c r="H23793" s="5">
        <v>6</v>
      </c>
      <c r="I23793" s="5" t="s">
        <v>1518</v>
      </c>
      <c r="J23793" s="5" t="s">
        <v>69038</v>
      </c>
      <c r="K23793" s="2" t="s">
        <v>69039</v>
      </c>
      <c r="L23793" s="5" t="s">
        <v>69038</v>
      </c>
      <c r="M23793" s="2" t="s">
        <v>69039</v>
      </c>
      <c r="N23793" s="5" t="s">
        <v>19227</v>
      </c>
      <c r="O23793" s="5" t="s">
        <v>38</v>
      </c>
      <c r="P23793" s="5" t="s">
        <v>39</v>
      </c>
      <c r="Q23793" s="5" t="s">
        <v>40</v>
      </c>
      <c r="R23793" s="5" t="s">
        <v>1487</v>
      </c>
      <c r="S23793" s="5"/>
      <c r="T23793" s="5" t="s">
        <v>42</v>
      </c>
      <c r="U23793" s="2">
        <v>0</v>
      </c>
      <c r="V23793" s="2">
        <v>0</v>
      </c>
      <c r="W23793" s="2">
        <v>0</v>
      </c>
      <c r="X23793" s="2">
        <v>0</v>
      </c>
      <c r="Y23793" s="2">
        <v>0</v>
      </c>
      <c r="Z23793" s="2">
        <v>0</v>
      </c>
      <c r="AA23793" s="5"/>
      <c r="AB23793" s="5" t="s">
        <v>43</v>
      </c>
      <c r="AC23793" s="5" t="s">
        <v>44</v>
      </c>
      <c r="AD23793" s="2"/>
      <c r="AE23793" s="1"/>
    </row>
    <row r="23794" spans="1:31" ht="14.45">
      <c r="A23794" s="11"/>
      <c r="B23794" s="20"/>
      <c r="C23794" s="2" t="s">
        <v>76261</v>
      </c>
      <c r="D23794" s="14" t="s">
        <v>76262</v>
      </c>
      <c r="E23794" s="2" t="s">
        <v>76263</v>
      </c>
      <c r="F23794" s="2" t="s">
        <v>7507</v>
      </c>
      <c r="G23794" s="8">
        <v>239</v>
      </c>
      <c r="H23794" s="5">
        <v>6</v>
      </c>
      <c r="I23794" s="5" t="s">
        <v>1518</v>
      </c>
      <c r="J23794" s="5" t="s">
        <v>69038</v>
      </c>
      <c r="K23794" s="2" t="s">
        <v>69039</v>
      </c>
      <c r="L23794" s="5" t="s">
        <v>69038</v>
      </c>
      <c r="M23794" s="2" t="s">
        <v>69039</v>
      </c>
      <c r="N23794" s="5" t="s">
        <v>19227</v>
      </c>
      <c r="O23794" s="5" t="s">
        <v>38</v>
      </c>
      <c r="P23794" s="5" t="s">
        <v>39</v>
      </c>
      <c r="Q23794" s="5" t="s">
        <v>40</v>
      </c>
      <c r="R23794" s="5" t="s">
        <v>1487</v>
      </c>
      <c r="S23794" s="5"/>
      <c r="T23794" s="5" t="s">
        <v>42</v>
      </c>
      <c r="U23794" s="2">
        <v>0</v>
      </c>
      <c r="V23794" s="2">
        <v>0</v>
      </c>
      <c r="W23794" s="2">
        <v>0</v>
      </c>
      <c r="X23794" s="2">
        <v>0</v>
      </c>
      <c r="Y23794" s="2">
        <v>0</v>
      </c>
      <c r="Z23794" s="2">
        <v>0</v>
      </c>
      <c r="AA23794" s="5"/>
      <c r="AB23794" s="5" t="s">
        <v>43</v>
      </c>
      <c r="AC23794" s="5" t="s">
        <v>44</v>
      </c>
      <c r="AD23794" s="2"/>
      <c r="AE23794" s="1"/>
    </row>
    <row r="23795" spans="1:31" ht="14.45">
      <c r="A23795" s="11"/>
      <c r="B23795" s="20"/>
      <c r="C23795" s="2" t="s">
        <v>76264</v>
      </c>
      <c r="D23795" s="14" t="s">
        <v>76265</v>
      </c>
      <c r="E23795" s="2" t="s">
        <v>76266</v>
      </c>
      <c r="F23795" s="2" t="s">
        <v>7212</v>
      </c>
      <c r="G23795" s="8">
        <v>239</v>
      </c>
      <c r="H23795" s="5">
        <v>6</v>
      </c>
      <c r="I23795" s="5" t="s">
        <v>1518</v>
      </c>
      <c r="J23795" s="5" t="s">
        <v>69038</v>
      </c>
      <c r="K23795" s="2" t="s">
        <v>69039</v>
      </c>
      <c r="L23795" s="5" t="s">
        <v>69038</v>
      </c>
      <c r="M23795" s="2" t="s">
        <v>69039</v>
      </c>
      <c r="N23795" s="5" t="s">
        <v>19227</v>
      </c>
      <c r="O23795" s="5" t="s">
        <v>38</v>
      </c>
      <c r="P23795" s="5" t="s">
        <v>39</v>
      </c>
      <c r="Q23795" s="5" t="s">
        <v>40</v>
      </c>
      <c r="R23795" s="5" t="s">
        <v>1487</v>
      </c>
      <c r="S23795" s="5"/>
      <c r="T23795" s="5" t="s">
        <v>42</v>
      </c>
      <c r="U23795" s="2">
        <v>0</v>
      </c>
      <c r="V23795" s="2">
        <v>0</v>
      </c>
      <c r="W23795" s="2">
        <v>0</v>
      </c>
      <c r="X23795" s="2">
        <v>0</v>
      </c>
      <c r="Y23795" s="2">
        <v>0</v>
      </c>
      <c r="Z23795" s="2">
        <v>0</v>
      </c>
      <c r="AA23795" s="5"/>
      <c r="AB23795" s="5" t="s">
        <v>43</v>
      </c>
      <c r="AC23795" s="5" t="s">
        <v>44</v>
      </c>
      <c r="AD23795" s="2"/>
      <c r="AE23795" s="1"/>
    </row>
    <row r="23796" spans="1:31" ht="14.45">
      <c r="A23796" s="11"/>
      <c r="B23796" s="20"/>
      <c r="C23796" s="2" t="s">
        <v>76267</v>
      </c>
      <c r="D23796" s="14" t="s">
        <v>76268</v>
      </c>
      <c r="E23796" s="2" t="s">
        <v>76269</v>
      </c>
      <c r="F23796" s="2" t="s">
        <v>7528</v>
      </c>
      <c r="G23796" s="8">
        <v>239</v>
      </c>
      <c r="H23796" s="5">
        <v>6</v>
      </c>
      <c r="I23796" s="5" t="s">
        <v>1518</v>
      </c>
      <c r="J23796" s="5" t="s">
        <v>69038</v>
      </c>
      <c r="K23796" s="2" t="s">
        <v>69039</v>
      </c>
      <c r="L23796" s="5" t="s">
        <v>69038</v>
      </c>
      <c r="M23796" s="2" t="s">
        <v>69039</v>
      </c>
      <c r="N23796" s="5" t="s">
        <v>19227</v>
      </c>
      <c r="O23796" s="5" t="s">
        <v>38</v>
      </c>
      <c r="P23796" s="5" t="s">
        <v>39</v>
      </c>
      <c r="Q23796" s="5" t="s">
        <v>40</v>
      </c>
      <c r="R23796" s="5" t="s">
        <v>1487</v>
      </c>
      <c r="S23796" s="5"/>
      <c r="T23796" s="5" t="s">
        <v>42</v>
      </c>
      <c r="U23796" s="2">
        <v>0</v>
      </c>
      <c r="V23796" s="2">
        <v>0</v>
      </c>
      <c r="W23796" s="2">
        <v>0</v>
      </c>
      <c r="X23796" s="2">
        <v>0</v>
      </c>
      <c r="Y23796" s="2">
        <v>0</v>
      </c>
      <c r="Z23796" s="2">
        <v>0</v>
      </c>
      <c r="AA23796" s="5"/>
      <c r="AB23796" s="5" t="s">
        <v>43</v>
      </c>
      <c r="AC23796" s="5" t="s">
        <v>44</v>
      </c>
      <c r="AD23796" s="2"/>
      <c r="AE23796" s="1"/>
    </row>
    <row r="23797" spans="1:31" ht="14.45">
      <c r="A23797" s="11"/>
      <c r="B23797" s="20"/>
      <c r="C23797" s="2" t="s">
        <v>76270</v>
      </c>
      <c r="D23797" s="14" t="s">
        <v>76271</v>
      </c>
      <c r="E23797" s="2" t="s">
        <v>76272</v>
      </c>
      <c r="F23797" s="2" t="s">
        <v>7204</v>
      </c>
      <c r="G23797" s="8">
        <v>245</v>
      </c>
      <c r="H23797" s="5">
        <v>6</v>
      </c>
      <c r="I23797" s="5" t="s">
        <v>1518</v>
      </c>
      <c r="J23797" s="5" t="s">
        <v>69038</v>
      </c>
      <c r="K23797" s="2" t="s">
        <v>69039</v>
      </c>
      <c r="L23797" s="5" t="s">
        <v>69038</v>
      </c>
      <c r="M23797" s="2" t="s">
        <v>69039</v>
      </c>
      <c r="N23797" s="5" t="s">
        <v>19227</v>
      </c>
      <c r="O23797" s="5" t="s">
        <v>38</v>
      </c>
      <c r="P23797" s="5" t="s">
        <v>39</v>
      </c>
      <c r="Q23797" s="5" t="s">
        <v>40</v>
      </c>
      <c r="R23797" s="5" t="s">
        <v>1487</v>
      </c>
      <c r="S23797" s="5"/>
      <c r="T23797" s="5" t="s">
        <v>42</v>
      </c>
      <c r="U23797" s="2">
        <v>0</v>
      </c>
      <c r="V23797" s="2">
        <v>0</v>
      </c>
      <c r="W23797" s="2">
        <v>0</v>
      </c>
      <c r="X23797" s="2">
        <v>0</v>
      </c>
      <c r="Y23797" s="2">
        <v>0</v>
      </c>
      <c r="Z23797" s="2">
        <v>0</v>
      </c>
      <c r="AA23797" s="5"/>
      <c r="AB23797" s="5" t="s">
        <v>43</v>
      </c>
      <c r="AC23797" s="5" t="s">
        <v>44</v>
      </c>
      <c r="AD23797" s="2"/>
      <c r="AE23797" s="1"/>
    </row>
    <row r="23798" spans="1:31" ht="14.45">
      <c r="A23798" s="11"/>
      <c r="B23798" s="20"/>
      <c r="C23798" s="2" t="s">
        <v>76273</v>
      </c>
      <c r="D23798" s="14" t="s">
        <v>76274</v>
      </c>
      <c r="E23798" s="2" t="s">
        <v>76275</v>
      </c>
      <c r="F23798" s="2" t="s">
        <v>7514</v>
      </c>
      <c r="G23798" s="8">
        <v>245</v>
      </c>
      <c r="H23798" s="5">
        <v>6</v>
      </c>
      <c r="I23798" s="5" t="s">
        <v>1518</v>
      </c>
      <c r="J23798" s="5" t="s">
        <v>69038</v>
      </c>
      <c r="K23798" s="2" t="s">
        <v>69039</v>
      </c>
      <c r="L23798" s="5" t="s">
        <v>69038</v>
      </c>
      <c r="M23798" s="2" t="s">
        <v>69039</v>
      </c>
      <c r="N23798" s="5" t="s">
        <v>19227</v>
      </c>
      <c r="O23798" s="5" t="s">
        <v>38</v>
      </c>
      <c r="P23798" s="5" t="s">
        <v>39</v>
      </c>
      <c r="Q23798" s="5" t="s">
        <v>40</v>
      </c>
      <c r="R23798" s="5" t="s">
        <v>1487</v>
      </c>
      <c r="S23798" s="5"/>
      <c r="T23798" s="5" t="s">
        <v>42</v>
      </c>
      <c r="U23798" s="2">
        <v>0</v>
      </c>
      <c r="V23798" s="2">
        <v>0</v>
      </c>
      <c r="W23798" s="2">
        <v>0</v>
      </c>
      <c r="X23798" s="2">
        <v>0</v>
      </c>
      <c r="Y23798" s="2">
        <v>0</v>
      </c>
      <c r="Z23798" s="2">
        <v>0</v>
      </c>
      <c r="AA23798" s="5"/>
      <c r="AB23798" s="5" t="s">
        <v>43</v>
      </c>
      <c r="AC23798" s="5" t="s">
        <v>44</v>
      </c>
      <c r="AD23798" s="2"/>
      <c r="AE23798" s="1"/>
    </row>
    <row r="23799" spans="1:31" ht="14.45">
      <c r="A23799" s="11"/>
      <c r="B23799" s="20"/>
      <c r="C23799" s="2" t="s">
        <v>76276</v>
      </c>
      <c r="D23799" s="14" t="s">
        <v>76277</v>
      </c>
      <c r="E23799" s="2" t="s">
        <v>76278</v>
      </c>
      <c r="F23799" s="2" t="s">
        <v>7208</v>
      </c>
      <c r="G23799" s="8">
        <v>245</v>
      </c>
      <c r="H23799" s="5">
        <v>6</v>
      </c>
      <c r="I23799" s="5" t="s">
        <v>1518</v>
      </c>
      <c r="J23799" s="5" t="s">
        <v>69038</v>
      </c>
      <c r="K23799" s="2" t="s">
        <v>69039</v>
      </c>
      <c r="L23799" s="5" t="s">
        <v>69038</v>
      </c>
      <c r="M23799" s="2" t="s">
        <v>69039</v>
      </c>
      <c r="N23799" s="5" t="s">
        <v>19227</v>
      </c>
      <c r="O23799" s="5" t="s">
        <v>38</v>
      </c>
      <c r="P23799" s="5" t="s">
        <v>39</v>
      </c>
      <c r="Q23799" s="5" t="s">
        <v>40</v>
      </c>
      <c r="R23799" s="5" t="s">
        <v>1487</v>
      </c>
      <c r="S23799" s="5"/>
      <c r="T23799" s="5" t="s">
        <v>42</v>
      </c>
      <c r="U23799" s="2">
        <v>0</v>
      </c>
      <c r="V23799" s="2">
        <v>0</v>
      </c>
      <c r="W23799" s="2">
        <v>0</v>
      </c>
      <c r="X23799" s="2">
        <v>0</v>
      </c>
      <c r="Y23799" s="2">
        <v>0</v>
      </c>
      <c r="Z23799" s="2">
        <v>0</v>
      </c>
      <c r="AA23799" s="5"/>
      <c r="AB23799" s="5" t="s">
        <v>43</v>
      </c>
      <c r="AC23799" s="5" t="s">
        <v>44</v>
      </c>
      <c r="AD23799" s="2"/>
      <c r="AE23799" s="1"/>
    </row>
    <row r="23800" spans="1:31" ht="14.45">
      <c r="A23800" s="11"/>
      <c r="B23800" s="20"/>
      <c r="C23800" s="2" t="s">
        <v>76279</v>
      </c>
      <c r="D23800" s="14" t="s">
        <v>76280</v>
      </c>
      <c r="E23800" s="2" t="s">
        <v>76281</v>
      </c>
      <c r="F23800" s="2" t="s">
        <v>7521</v>
      </c>
      <c r="G23800" s="8">
        <v>245</v>
      </c>
      <c r="H23800" s="5">
        <v>6</v>
      </c>
      <c r="I23800" s="5" t="s">
        <v>1518</v>
      </c>
      <c r="J23800" s="5" t="s">
        <v>69038</v>
      </c>
      <c r="K23800" s="2" t="s">
        <v>69039</v>
      </c>
      <c r="L23800" s="5" t="s">
        <v>69038</v>
      </c>
      <c r="M23800" s="2" t="s">
        <v>69039</v>
      </c>
      <c r="N23800" s="5" t="s">
        <v>19227</v>
      </c>
      <c r="O23800" s="5" t="s">
        <v>38</v>
      </c>
      <c r="P23800" s="5" t="s">
        <v>39</v>
      </c>
      <c r="Q23800" s="5" t="s">
        <v>40</v>
      </c>
      <c r="R23800" s="5" t="s">
        <v>1487</v>
      </c>
      <c r="S23800" s="5"/>
      <c r="T23800" s="5" t="s">
        <v>42</v>
      </c>
      <c r="U23800" s="2">
        <v>0</v>
      </c>
      <c r="V23800" s="2">
        <v>0</v>
      </c>
      <c r="W23800" s="2">
        <v>0</v>
      </c>
      <c r="X23800" s="2">
        <v>0</v>
      </c>
      <c r="Y23800" s="2">
        <v>0</v>
      </c>
      <c r="Z23800" s="2">
        <v>0</v>
      </c>
      <c r="AA23800" s="5"/>
      <c r="AB23800" s="5" t="s">
        <v>43</v>
      </c>
      <c r="AC23800" s="5" t="s">
        <v>44</v>
      </c>
      <c r="AD23800" s="2"/>
      <c r="AE23800" s="1"/>
    </row>
    <row r="23801" spans="1:31" ht="14.45">
      <c r="A23801" s="11"/>
      <c r="B23801" s="20"/>
      <c r="C23801" s="2" t="s">
        <v>76282</v>
      </c>
      <c r="D23801" s="14" t="s">
        <v>76283</v>
      </c>
      <c r="E23801" s="2" t="s">
        <v>76284</v>
      </c>
      <c r="F23801" s="2" t="s">
        <v>7396</v>
      </c>
      <c r="G23801" s="8">
        <v>245</v>
      </c>
      <c r="H23801" s="5">
        <v>6</v>
      </c>
      <c r="I23801" s="5" t="s">
        <v>1518</v>
      </c>
      <c r="J23801" s="5" t="s">
        <v>69038</v>
      </c>
      <c r="K23801" s="2" t="s">
        <v>69039</v>
      </c>
      <c r="L23801" s="5" t="s">
        <v>69038</v>
      </c>
      <c r="M23801" s="2" t="s">
        <v>69039</v>
      </c>
      <c r="N23801" s="5" t="s">
        <v>19227</v>
      </c>
      <c r="O23801" s="5" t="s">
        <v>38</v>
      </c>
      <c r="P23801" s="5" t="s">
        <v>39</v>
      </c>
      <c r="Q23801" s="5" t="s">
        <v>40</v>
      </c>
      <c r="R23801" s="5" t="s">
        <v>1487</v>
      </c>
      <c r="S23801" s="5"/>
      <c r="T23801" s="5" t="s">
        <v>42</v>
      </c>
      <c r="U23801" s="2">
        <v>0</v>
      </c>
      <c r="V23801" s="2">
        <v>0</v>
      </c>
      <c r="W23801" s="2">
        <v>0</v>
      </c>
      <c r="X23801" s="2">
        <v>0</v>
      </c>
      <c r="Y23801" s="2">
        <v>0</v>
      </c>
      <c r="Z23801" s="2">
        <v>0</v>
      </c>
      <c r="AA23801" s="5"/>
      <c r="AB23801" s="5" t="s">
        <v>43</v>
      </c>
      <c r="AC23801" s="5" t="s">
        <v>44</v>
      </c>
      <c r="AD23801" s="2"/>
      <c r="AE23801" s="1"/>
    </row>
    <row r="23802" spans="1:31" ht="14.45">
      <c r="A23802" s="11"/>
      <c r="B23802" s="20"/>
      <c r="C23802" s="2" t="s">
        <v>76285</v>
      </c>
      <c r="D23802" s="14" t="s">
        <v>76286</v>
      </c>
      <c r="E23802" s="2" t="s">
        <v>76287</v>
      </c>
      <c r="F23802" s="2" t="s">
        <v>7507</v>
      </c>
      <c r="G23802" s="8">
        <v>245</v>
      </c>
      <c r="H23802" s="5">
        <v>6</v>
      </c>
      <c r="I23802" s="5" t="s">
        <v>1518</v>
      </c>
      <c r="J23802" s="5" t="s">
        <v>69038</v>
      </c>
      <c r="K23802" s="2" t="s">
        <v>69039</v>
      </c>
      <c r="L23802" s="5" t="s">
        <v>69038</v>
      </c>
      <c r="M23802" s="2" t="s">
        <v>69039</v>
      </c>
      <c r="N23802" s="5" t="s">
        <v>19227</v>
      </c>
      <c r="O23802" s="5" t="s">
        <v>38</v>
      </c>
      <c r="P23802" s="5" t="s">
        <v>39</v>
      </c>
      <c r="Q23802" s="5" t="s">
        <v>40</v>
      </c>
      <c r="R23802" s="5" t="s">
        <v>1487</v>
      </c>
      <c r="S23802" s="5"/>
      <c r="T23802" s="5" t="s">
        <v>42</v>
      </c>
      <c r="U23802" s="2">
        <v>0</v>
      </c>
      <c r="V23802" s="2">
        <v>0</v>
      </c>
      <c r="W23802" s="2">
        <v>0</v>
      </c>
      <c r="X23802" s="2">
        <v>0</v>
      </c>
      <c r="Y23802" s="2">
        <v>0</v>
      </c>
      <c r="Z23802" s="2">
        <v>0</v>
      </c>
      <c r="AA23802" s="5"/>
      <c r="AB23802" s="5" t="s">
        <v>43</v>
      </c>
      <c r="AC23802" s="5" t="s">
        <v>44</v>
      </c>
      <c r="AD23802" s="2"/>
      <c r="AE23802" s="1"/>
    </row>
    <row r="23803" spans="1:31" ht="14.45">
      <c r="A23803" s="11"/>
      <c r="B23803" s="20"/>
      <c r="C23803" s="2" t="s">
        <v>76288</v>
      </c>
      <c r="D23803" s="14" t="s">
        <v>76289</v>
      </c>
      <c r="E23803" s="2" t="s">
        <v>76290</v>
      </c>
      <c r="F23803" s="2" t="s">
        <v>7212</v>
      </c>
      <c r="G23803" s="8">
        <v>245</v>
      </c>
      <c r="H23803" s="5">
        <v>6</v>
      </c>
      <c r="I23803" s="5" t="s">
        <v>1518</v>
      </c>
      <c r="J23803" s="5" t="s">
        <v>69038</v>
      </c>
      <c r="K23803" s="2" t="s">
        <v>69039</v>
      </c>
      <c r="L23803" s="5" t="s">
        <v>69038</v>
      </c>
      <c r="M23803" s="2" t="s">
        <v>69039</v>
      </c>
      <c r="N23803" s="5" t="s">
        <v>19227</v>
      </c>
      <c r="O23803" s="5" t="s">
        <v>38</v>
      </c>
      <c r="P23803" s="5" t="s">
        <v>39</v>
      </c>
      <c r="Q23803" s="5" t="s">
        <v>40</v>
      </c>
      <c r="R23803" s="5" t="s">
        <v>1487</v>
      </c>
      <c r="S23803" s="5"/>
      <c r="T23803" s="5" t="s">
        <v>42</v>
      </c>
      <c r="U23803" s="2">
        <v>0</v>
      </c>
      <c r="V23803" s="2">
        <v>0</v>
      </c>
      <c r="W23803" s="2">
        <v>0</v>
      </c>
      <c r="X23803" s="2">
        <v>0</v>
      </c>
      <c r="Y23803" s="2">
        <v>0</v>
      </c>
      <c r="Z23803" s="2">
        <v>0</v>
      </c>
      <c r="AA23803" s="5"/>
      <c r="AB23803" s="5" t="s">
        <v>43</v>
      </c>
      <c r="AC23803" s="5" t="s">
        <v>44</v>
      </c>
      <c r="AD23803" s="2"/>
      <c r="AE23803" s="1"/>
    </row>
    <row r="23804" spans="1:31" ht="14.45">
      <c r="A23804" s="11"/>
      <c r="B23804" s="20"/>
      <c r="C23804" s="2" t="s">
        <v>76291</v>
      </c>
      <c r="D23804" s="14" t="s">
        <v>76292</v>
      </c>
      <c r="E23804" s="2" t="s">
        <v>76293</v>
      </c>
      <c r="F23804" s="2" t="s">
        <v>7528</v>
      </c>
      <c r="G23804" s="8">
        <v>245</v>
      </c>
      <c r="H23804" s="5">
        <v>6</v>
      </c>
      <c r="I23804" s="5" t="s">
        <v>1518</v>
      </c>
      <c r="J23804" s="5" t="s">
        <v>69038</v>
      </c>
      <c r="K23804" s="2" t="s">
        <v>69039</v>
      </c>
      <c r="L23804" s="5" t="s">
        <v>69038</v>
      </c>
      <c r="M23804" s="2" t="s">
        <v>69039</v>
      </c>
      <c r="N23804" s="5" t="s">
        <v>19227</v>
      </c>
      <c r="O23804" s="5" t="s">
        <v>38</v>
      </c>
      <c r="P23804" s="5" t="s">
        <v>39</v>
      </c>
      <c r="Q23804" s="5" t="s">
        <v>40</v>
      </c>
      <c r="R23804" s="5" t="s">
        <v>1487</v>
      </c>
      <c r="S23804" s="5"/>
      <c r="T23804" s="5" t="s">
        <v>42</v>
      </c>
      <c r="U23804" s="2">
        <v>0</v>
      </c>
      <c r="V23804" s="2">
        <v>0</v>
      </c>
      <c r="W23804" s="2">
        <v>0</v>
      </c>
      <c r="X23804" s="2">
        <v>0</v>
      </c>
      <c r="Y23804" s="2">
        <v>0</v>
      </c>
      <c r="Z23804" s="2">
        <v>0</v>
      </c>
      <c r="AA23804" s="5"/>
      <c r="AB23804" s="5" t="s">
        <v>43</v>
      </c>
      <c r="AC23804" s="5" t="s">
        <v>44</v>
      </c>
      <c r="AD23804" s="2"/>
      <c r="AE23804" s="1"/>
    </row>
    <row r="23805" spans="1:31" ht="14.45">
      <c r="A23805" s="11"/>
      <c r="B23805" s="20"/>
      <c r="C23805" s="2" t="s">
        <v>76294</v>
      </c>
      <c r="D23805" s="14" t="s">
        <v>76295</v>
      </c>
      <c r="E23805" s="2" t="s">
        <v>76296</v>
      </c>
      <c r="F23805" s="2" t="s">
        <v>7204</v>
      </c>
      <c r="G23805" s="8">
        <v>252</v>
      </c>
      <c r="H23805" s="5">
        <v>6</v>
      </c>
      <c r="I23805" s="5" t="s">
        <v>1518</v>
      </c>
      <c r="J23805" s="5" t="s">
        <v>69038</v>
      </c>
      <c r="K23805" s="2" t="s">
        <v>69039</v>
      </c>
      <c r="L23805" s="5" t="s">
        <v>69038</v>
      </c>
      <c r="M23805" s="2" t="s">
        <v>69039</v>
      </c>
      <c r="N23805" s="5" t="s">
        <v>19227</v>
      </c>
      <c r="O23805" s="5" t="s">
        <v>38</v>
      </c>
      <c r="P23805" s="5" t="s">
        <v>39</v>
      </c>
      <c r="Q23805" s="5" t="s">
        <v>40</v>
      </c>
      <c r="R23805" s="5" t="s">
        <v>1487</v>
      </c>
      <c r="S23805" s="5"/>
      <c r="T23805" s="5" t="s">
        <v>42</v>
      </c>
      <c r="U23805" s="2">
        <v>0</v>
      </c>
      <c r="V23805" s="2">
        <v>0</v>
      </c>
      <c r="W23805" s="2">
        <v>0</v>
      </c>
      <c r="X23805" s="2">
        <v>0</v>
      </c>
      <c r="Y23805" s="2">
        <v>0</v>
      </c>
      <c r="Z23805" s="2">
        <v>0</v>
      </c>
      <c r="AA23805" s="5"/>
      <c r="AB23805" s="5" t="s">
        <v>43</v>
      </c>
      <c r="AC23805" s="5" t="s">
        <v>44</v>
      </c>
      <c r="AD23805" s="2"/>
      <c r="AE23805" s="1"/>
    </row>
    <row r="23806" spans="1:31" ht="14.45">
      <c r="A23806" s="11"/>
      <c r="B23806" s="20"/>
      <c r="C23806" s="2" t="s">
        <v>76297</v>
      </c>
      <c r="D23806" s="14" t="s">
        <v>76298</v>
      </c>
      <c r="E23806" s="2" t="s">
        <v>76299</v>
      </c>
      <c r="F23806" s="2" t="s">
        <v>7514</v>
      </c>
      <c r="G23806" s="8">
        <v>252</v>
      </c>
      <c r="H23806" s="5">
        <v>6</v>
      </c>
      <c r="I23806" s="5" t="s">
        <v>1518</v>
      </c>
      <c r="J23806" s="5" t="s">
        <v>69038</v>
      </c>
      <c r="K23806" s="2" t="s">
        <v>69039</v>
      </c>
      <c r="L23806" s="5" t="s">
        <v>69038</v>
      </c>
      <c r="M23806" s="2" t="s">
        <v>69039</v>
      </c>
      <c r="N23806" s="5" t="s">
        <v>19227</v>
      </c>
      <c r="O23806" s="5" t="s">
        <v>38</v>
      </c>
      <c r="P23806" s="5" t="s">
        <v>39</v>
      </c>
      <c r="Q23806" s="5" t="s">
        <v>40</v>
      </c>
      <c r="R23806" s="5" t="s">
        <v>1487</v>
      </c>
      <c r="S23806" s="5"/>
      <c r="T23806" s="5" t="s">
        <v>42</v>
      </c>
      <c r="U23806" s="2">
        <v>0</v>
      </c>
      <c r="V23806" s="2">
        <v>0</v>
      </c>
      <c r="W23806" s="2">
        <v>0</v>
      </c>
      <c r="X23806" s="2">
        <v>0</v>
      </c>
      <c r="Y23806" s="2">
        <v>0</v>
      </c>
      <c r="Z23806" s="2">
        <v>0</v>
      </c>
      <c r="AA23806" s="5"/>
      <c r="AB23806" s="5" t="s">
        <v>43</v>
      </c>
      <c r="AC23806" s="5" t="s">
        <v>44</v>
      </c>
      <c r="AD23806" s="2"/>
      <c r="AE23806" s="1"/>
    </row>
    <row r="23807" spans="1:31" ht="14.45">
      <c r="A23807" s="11"/>
      <c r="B23807" s="20"/>
      <c r="C23807" s="2" t="s">
        <v>76300</v>
      </c>
      <c r="D23807" s="14" t="s">
        <v>76301</v>
      </c>
      <c r="E23807" s="2" t="s">
        <v>76302</v>
      </c>
      <c r="F23807" s="2" t="s">
        <v>7208</v>
      </c>
      <c r="G23807" s="8">
        <v>252</v>
      </c>
      <c r="H23807" s="5">
        <v>6</v>
      </c>
      <c r="I23807" s="5" t="s">
        <v>1518</v>
      </c>
      <c r="J23807" s="5" t="s">
        <v>69038</v>
      </c>
      <c r="K23807" s="2" t="s">
        <v>69039</v>
      </c>
      <c r="L23807" s="5" t="s">
        <v>69038</v>
      </c>
      <c r="M23807" s="2" t="s">
        <v>69039</v>
      </c>
      <c r="N23807" s="5" t="s">
        <v>19227</v>
      </c>
      <c r="O23807" s="5" t="s">
        <v>38</v>
      </c>
      <c r="P23807" s="5" t="s">
        <v>39</v>
      </c>
      <c r="Q23807" s="5" t="s">
        <v>40</v>
      </c>
      <c r="R23807" s="5" t="s">
        <v>1487</v>
      </c>
      <c r="S23807" s="5"/>
      <c r="T23807" s="5" t="s">
        <v>42</v>
      </c>
      <c r="U23807" s="2">
        <v>0</v>
      </c>
      <c r="V23807" s="2">
        <v>0</v>
      </c>
      <c r="W23807" s="2">
        <v>0</v>
      </c>
      <c r="X23807" s="2">
        <v>0</v>
      </c>
      <c r="Y23807" s="2">
        <v>0</v>
      </c>
      <c r="Z23807" s="2">
        <v>0</v>
      </c>
      <c r="AA23807" s="5"/>
      <c r="AB23807" s="5" t="s">
        <v>43</v>
      </c>
      <c r="AC23807" s="5" t="s">
        <v>44</v>
      </c>
      <c r="AD23807" s="2"/>
      <c r="AE23807" s="1"/>
    </row>
    <row r="23808" spans="1:31" ht="14.45">
      <c r="A23808" s="11"/>
      <c r="B23808" s="20"/>
      <c r="C23808" s="2" t="s">
        <v>76303</v>
      </c>
      <c r="D23808" s="14" t="s">
        <v>76304</v>
      </c>
      <c r="E23808" s="2" t="s">
        <v>76305</v>
      </c>
      <c r="F23808" s="2" t="s">
        <v>7521</v>
      </c>
      <c r="G23808" s="8">
        <v>252</v>
      </c>
      <c r="H23808" s="5">
        <v>6</v>
      </c>
      <c r="I23808" s="5" t="s">
        <v>1518</v>
      </c>
      <c r="J23808" s="5" t="s">
        <v>69038</v>
      </c>
      <c r="K23808" s="2" t="s">
        <v>69039</v>
      </c>
      <c r="L23808" s="5" t="s">
        <v>69038</v>
      </c>
      <c r="M23808" s="2" t="s">
        <v>69039</v>
      </c>
      <c r="N23808" s="5" t="s">
        <v>19227</v>
      </c>
      <c r="O23808" s="5" t="s">
        <v>38</v>
      </c>
      <c r="P23808" s="5" t="s">
        <v>39</v>
      </c>
      <c r="Q23808" s="5" t="s">
        <v>40</v>
      </c>
      <c r="R23808" s="5" t="s">
        <v>1487</v>
      </c>
      <c r="S23808" s="5"/>
      <c r="T23808" s="5" t="s">
        <v>42</v>
      </c>
      <c r="U23808" s="2">
        <v>0</v>
      </c>
      <c r="V23808" s="2">
        <v>0</v>
      </c>
      <c r="W23808" s="2">
        <v>0</v>
      </c>
      <c r="X23808" s="2">
        <v>0</v>
      </c>
      <c r="Y23808" s="2">
        <v>0</v>
      </c>
      <c r="Z23808" s="2">
        <v>0</v>
      </c>
      <c r="AA23808" s="5"/>
      <c r="AB23808" s="5" t="s">
        <v>43</v>
      </c>
      <c r="AC23808" s="5" t="s">
        <v>44</v>
      </c>
      <c r="AD23808" s="2"/>
      <c r="AE23808" s="1"/>
    </row>
    <row r="23809" spans="1:31" ht="14.45">
      <c r="A23809" s="11"/>
      <c r="B23809" s="20"/>
      <c r="C23809" s="2" t="s">
        <v>76306</v>
      </c>
      <c r="D23809" s="14" t="s">
        <v>76307</v>
      </c>
      <c r="E23809" s="2" t="s">
        <v>76308</v>
      </c>
      <c r="F23809" s="2" t="s">
        <v>7396</v>
      </c>
      <c r="G23809" s="8">
        <v>252</v>
      </c>
      <c r="H23809" s="5">
        <v>6</v>
      </c>
      <c r="I23809" s="5" t="s">
        <v>1518</v>
      </c>
      <c r="J23809" s="5" t="s">
        <v>69038</v>
      </c>
      <c r="K23809" s="2" t="s">
        <v>69039</v>
      </c>
      <c r="L23809" s="5" t="s">
        <v>69038</v>
      </c>
      <c r="M23809" s="2" t="s">
        <v>69039</v>
      </c>
      <c r="N23809" s="5" t="s">
        <v>19227</v>
      </c>
      <c r="O23809" s="5" t="s">
        <v>38</v>
      </c>
      <c r="P23809" s="5" t="s">
        <v>39</v>
      </c>
      <c r="Q23809" s="5" t="s">
        <v>40</v>
      </c>
      <c r="R23809" s="5" t="s">
        <v>1487</v>
      </c>
      <c r="S23809" s="5"/>
      <c r="T23809" s="5" t="s">
        <v>42</v>
      </c>
      <c r="U23809" s="2">
        <v>0</v>
      </c>
      <c r="V23809" s="2">
        <v>0</v>
      </c>
      <c r="W23809" s="2">
        <v>0</v>
      </c>
      <c r="X23809" s="2">
        <v>0</v>
      </c>
      <c r="Y23809" s="2">
        <v>0</v>
      </c>
      <c r="Z23809" s="2">
        <v>0</v>
      </c>
      <c r="AA23809" s="5"/>
      <c r="AB23809" s="5" t="s">
        <v>43</v>
      </c>
      <c r="AC23809" s="5" t="s">
        <v>44</v>
      </c>
      <c r="AD23809" s="2"/>
      <c r="AE23809" s="1"/>
    </row>
    <row r="23810" spans="1:31" ht="14.45">
      <c r="A23810" s="11"/>
      <c r="B23810" s="20"/>
      <c r="C23810" s="2" t="s">
        <v>76309</v>
      </c>
      <c r="D23810" s="14" t="s">
        <v>76310</v>
      </c>
      <c r="E23810" s="2" t="s">
        <v>76311</v>
      </c>
      <c r="F23810" s="2" t="s">
        <v>7507</v>
      </c>
      <c r="G23810" s="8">
        <v>252</v>
      </c>
      <c r="H23810" s="5">
        <v>6</v>
      </c>
      <c r="I23810" s="5" t="s">
        <v>1518</v>
      </c>
      <c r="J23810" s="5" t="s">
        <v>69038</v>
      </c>
      <c r="K23810" s="2" t="s">
        <v>69039</v>
      </c>
      <c r="L23810" s="5" t="s">
        <v>69038</v>
      </c>
      <c r="M23810" s="2" t="s">
        <v>69039</v>
      </c>
      <c r="N23810" s="5" t="s">
        <v>19227</v>
      </c>
      <c r="O23810" s="5" t="s">
        <v>38</v>
      </c>
      <c r="P23810" s="5" t="s">
        <v>39</v>
      </c>
      <c r="Q23810" s="5" t="s">
        <v>40</v>
      </c>
      <c r="R23810" s="5" t="s">
        <v>1487</v>
      </c>
      <c r="S23810" s="5"/>
      <c r="T23810" s="5" t="s">
        <v>42</v>
      </c>
      <c r="U23810" s="2">
        <v>0</v>
      </c>
      <c r="V23810" s="2">
        <v>0</v>
      </c>
      <c r="W23810" s="2">
        <v>0</v>
      </c>
      <c r="X23810" s="2">
        <v>0</v>
      </c>
      <c r="Y23810" s="2">
        <v>0</v>
      </c>
      <c r="Z23810" s="2">
        <v>0</v>
      </c>
      <c r="AA23810" s="5"/>
      <c r="AB23810" s="5" t="s">
        <v>43</v>
      </c>
      <c r="AC23810" s="5" t="s">
        <v>44</v>
      </c>
      <c r="AD23810" s="2"/>
      <c r="AE23810" s="1"/>
    </row>
    <row r="23811" spans="1:31" ht="14.45">
      <c r="A23811" s="11"/>
      <c r="B23811" s="20"/>
      <c r="C23811" s="2" t="s">
        <v>76312</v>
      </c>
      <c r="D23811" s="14" t="s">
        <v>76313</v>
      </c>
      <c r="E23811" s="2" t="s">
        <v>76314</v>
      </c>
      <c r="F23811" s="2" t="s">
        <v>7212</v>
      </c>
      <c r="G23811" s="8">
        <v>252</v>
      </c>
      <c r="H23811" s="5">
        <v>6</v>
      </c>
      <c r="I23811" s="5" t="s">
        <v>1518</v>
      </c>
      <c r="J23811" s="5" t="s">
        <v>69038</v>
      </c>
      <c r="K23811" s="2" t="s">
        <v>69039</v>
      </c>
      <c r="L23811" s="5" t="s">
        <v>69038</v>
      </c>
      <c r="M23811" s="2" t="s">
        <v>69039</v>
      </c>
      <c r="N23811" s="5" t="s">
        <v>19227</v>
      </c>
      <c r="O23811" s="5" t="s">
        <v>38</v>
      </c>
      <c r="P23811" s="5" t="s">
        <v>39</v>
      </c>
      <c r="Q23811" s="5" t="s">
        <v>40</v>
      </c>
      <c r="R23811" s="5" t="s">
        <v>1487</v>
      </c>
      <c r="S23811" s="5"/>
      <c r="T23811" s="5" t="s">
        <v>42</v>
      </c>
      <c r="U23811" s="2">
        <v>0</v>
      </c>
      <c r="V23811" s="2">
        <v>0</v>
      </c>
      <c r="W23811" s="2">
        <v>0</v>
      </c>
      <c r="X23811" s="2">
        <v>0</v>
      </c>
      <c r="Y23811" s="2">
        <v>0</v>
      </c>
      <c r="Z23811" s="2">
        <v>0</v>
      </c>
      <c r="AA23811" s="5"/>
      <c r="AB23811" s="5" t="s">
        <v>43</v>
      </c>
      <c r="AC23811" s="5" t="s">
        <v>44</v>
      </c>
      <c r="AD23811" s="2"/>
      <c r="AE23811" s="1"/>
    </row>
    <row r="23812" spans="1:31" ht="14.45">
      <c r="A23812" s="11"/>
      <c r="B23812" s="20"/>
      <c r="C23812" s="2" t="s">
        <v>76315</v>
      </c>
      <c r="D23812" s="14" t="s">
        <v>76316</v>
      </c>
      <c r="E23812" s="2" t="s">
        <v>76317</v>
      </c>
      <c r="F23812" s="2" t="s">
        <v>7528</v>
      </c>
      <c r="G23812" s="8">
        <v>252</v>
      </c>
      <c r="H23812" s="5">
        <v>6</v>
      </c>
      <c r="I23812" s="5" t="s">
        <v>1518</v>
      </c>
      <c r="J23812" s="5" t="s">
        <v>69038</v>
      </c>
      <c r="K23812" s="2" t="s">
        <v>69039</v>
      </c>
      <c r="L23812" s="5" t="s">
        <v>69038</v>
      </c>
      <c r="M23812" s="2" t="s">
        <v>69039</v>
      </c>
      <c r="N23812" s="5" t="s">
        <v>19227</v>
      </c>
      <c r="O23812" s="5" t="s">
        <v>38</v>
      </c>
      <c r="P23812" s="5" t="s">
        <v>39</v>
      </c>
      <c r="Q23812" s="5" t="s">
        <v>40</v>
      </c>
      <c r="R23812" s="5" t="s">
        <v>1487</v>
      </c>
      <c r="S23812" s="5"/>
      <c r="T23812" s="5" t="s">
        <v>42</v>
      </c>
      <c r="U23812" s="2">
        <v>0</v>
      </c>
      <c r="V23812" s="2">
        <v>0</v>
      </c>
      <c r="W23812" s="2">
        <v>0</v>
      </c>
      <c r="X23812" s="2">
        <v>0</v>
      </c>
      <c r="Y23812" s="2">
        <v>0</v>
      </c>
      <c r="Z23812" s="2">
        <v>0</v>
      </c>
      <c r="AA23812" s="5"/>
      <c r="AB23812" s="5" t="s">
        <v>43</v>
      </c>
      <c r="AC23812" s="5" t="s">
        <v>44</v>
      </c>
      <c r="AD23812" s="2"/>
      <c r="AE23812" s="1"/>
    </row>
    <row r="23813" spans="1:31" ht="14.45">
      <c r="A23813" s="11"/>
      <c r="B23813" s="20"/>
      <c r="C23813" s="2" t="s">
        <v>76318</v>
      </c>
      <c r="D23813" s="14" t="s">
        <v>76319</v>
      </c>
      <c r="E23813" s="2" t="s">
        <v>76320</v>
      </c>
      <c r="F23813" s="2" t="s">
        <v>7204</v>
      </c>
      <c r="G23813" s="8">
        <v>269</v>
      </c>
      <c r="H23813" s="5">
        <v>6</v>
      </c>
      <c r="I23813" s="5" t="s">
        <v>1518</v>
      </c>
      <c r="J23813" s="5" t="s">
        <v>69038</v>
      </c>
      <c r="K23813" s="2" t="s">
        <v>69039</v>
      </c>
      <c r="L23813" s="5" t="s">
        <v>69038</v>
      </c>
      <c r="M23813" s="2" t="s">
        <v>69039</v>
      </c>
      <c r="N23813" s="5" t="s">
        <v>19227</v>
      </c>
      <c r="O23813" s="5" t="s">
        <v>38</v>
      </c>
      <c r="P23813" s="5" t="s">
        <v>39</v>
      </c>
      <c r="Q23813" s="5" t="s">
        <v>40</v>
      </c>
      <c r="R23813" s="5" t="s">
        <v>1487</v>
      </c>
      <c r="S23813" s="5"/>
      <c r="T23813" s="5" t="s">
        <v>42</v>
      </c>
      <c r="U23813" s="2">
        <v>0</v>
      </c>
      <c r="V23813" s="2">
        <v>0</v>
      </c>
      <c r="W23813" s="2">
        <v>0</v>
      </c>
      <c r="X23813" s="2">
        <v>0</v>
      </c>
      <c r="Y23813" s="2">
        <v>0</v>
      </c>
      <c r="Z23813" s="2">
        <v>0</v>
      </c>
      <c r="AA23813" s="5"/>
      <c r="AB23813" s="5" t="s">
        <v>43</v>
      </c>
      <c r="AC23813" s="5" t="s">
        <v>44</v>
      </c>
      <c r="AD23813" s="2"/>
      <c r="AE23813" s="1"/>
    </row>
    <row r="23814" spans="1:31" ht="14.45">
      <c r="A23814" s="11"/>
      <c r="B23814" s="20"/>
      <c r="C23814" s="2" t="s">
        <v>76321</v>
      </c>
      <c r="D23814" s="14" t="s">
        <v>76322</v>
      </c>
      <c r="E23814" s="2" t="s">
        <v>76323</v>
      </c>
      <c r="F23814" s="2" t="s">
        <v>7514</v>
      </c>
      <c r="G23814" s="8">
        <v>269</v>
      </c>
      <c r="H23814" s="5">
        <v>6</v>
      </c>
      <c r="I23814" s="5" t="s">
        <v>1518</v>
      </c>
      <c r="J23814" s="5" t="s">
        <v>69038</v>
      </c>
      <c r="K23814" s="2" t="s">
        <v>69039</v>
      </c>
      <c r="L23814" s="5" t="s">
        <v>69038</v>
      </c>
      <c r="M23814" s="2" t="s">
        <v>69039</v>
      </c>
      <c r="N23814" s="5" t="s">
        <v>19227</v>
      </c>
      <c r="O23814" s="5" t="s">
        <v>38</v>
      </c>
      <c r="P23814" s="5" t="s">
        <v>39</v>
      </c>
      <c r="Q23814" s="5" t="s">
        <v>40</v>
      </c>
      <c r="R23814" s="5" t="s">
        <v>1487</v>
      </c>
      <c r="S23814" s="5"/>
      <c r="T23814" s="5" t="s">
        <v>42</v>
      </c>
      <c r="U23814" s="2">
        <v>0</v>
      </c>
      <c r="V23814" s="2">
        <v>0</v>
      </c>
      <c r="W23814" s="2">
        <v>0</v>
      </c>
      <c r="X23814" s="2">
        <v>0</v>
      </c>
      <c r="Y23814" s="2">
        <v>0</v>
      </c>
      <c r="Z23814" s="2">
        <v>0</v>
      </c>
      <c r="AA23814" s="5"/>
      <c r="AB23814" s="5" t="s">
        <v>43</v>
      </c>
      <c r="AC23814" s="5" t="s">
        <v>44</v>
      </c>
      <c r="AD23814" s="2"/>
      <c r="AE23814" s="1"/>
    </row>
    <row r="23815" spans="1:31" ht="14.45">
      <c r="A23815" s="11"/>
      <c r="B23815" s="20"/>
      <c r="C23815" s="2" t="s">
        <v>76324</v>
      </c>
      <c r="D23815" s="14" t="s">
        <v>76325</v>
      </c>
      <c r="E23815" s="2" t="s">
        <v>76326</v>
      </c>
      <c r="F23815" s="2" t="s">
        <v>7208</v>
      </c>
      <c r="G23815" s="8">
        <v>269</v>
      </c>
      <c r="H23815" s="5">
        <v>6</v>
      </c>
      <c r="I23815" s="5" t="s">
        <v>1518</v>
      </c>
      <c r="J23815" s="5" t="s">
        <v>69038</v>
      </c>
      <c r="K23815" s="2" t="s">
        <v>69039</v>
      </c>
      <c r="L23815" s="5" t="s">
        <v>69038</v>
      </c>
      <c r="M23815" s="2" t="s">
        <v>69039</v>
      </c>
      <c r="N23815" s="5" t="s">
        <v>19227</v>
      </c>
      <c r="O23815" s="5" t="s">
        <v>38</v>
      </c>
      <c r="P23815" s="5" t="s">
        <v>39</v>
      </c>
      <c r="Q23815" s="5" t="s">
        <v>40</v>
      </c>
      <c r="R23815" s="5" t="s">
        <v>1487</v>
      </c>
      <c r="S23815" s="5"/>
      <c r="T23815" s="5" t="s">
        <v>42</v>
      </c>
      <c r="U23815" s="2">
        <v>0</v>
      </c>
      <c r="V23815" s="2">
        <v>0</v>
      </c>
      <c r="W23815" s="2">
        <v>0</v>
      </c>
      <c r="X23815" s="2">
        <v>0</v>
      </c>
      <c r="Y23815" s="2">
        <v>0</v>
      </c>
      <c r="Z23815" s="2">
        <v>0</v>
      </c>
      <c r="AA23815" s="5"/>
      <c r="AB23815" s="5" t="s">
        <v>43</v>
      </c>
      <c r="AC23815" s="5" t="s">
        <v>44</v>
      </c>
      <c r="AD23815" s="2"/>
      <c r="AE23815" s="1"/>
    </row>
    <row r="23816" spans="1:31" ht="14.45">
      <c r="A23816" s="11"/>
      <c r="B23816" s="20"/>
      <c r="C23816" s="2" t="s">
        <v>76327</v>
      </c>
      <c r="D23816" s="14" t="s">
        <v>76328</v>
      </c>
      <c r="E23816" s="2" t="s">
        <v>76329</v>
      </c>
      <c r="F23816" s="2" t="s">
        <v>7521</v>
      </c>
      <c r="G23816" s="8">
        <v>269</v>
      </c>
      <c r="H23816" s="5">
        <v>6</v>
      </c>
      <c r="I23816" s="5" t="s">
        <v>1518</v>
      </c>
      <c r="J23816" s="5" t="s">
        <v>69038</v>
      </c>
      <c r="K23816" s="2" t="s">
        <v>69039</v>
      </c>
      <c r="L23816" s="5" t="s">
        <v>69038</v>
      </c>
      <c r="M23816" s="2" t="s">
        <v>69039</v>
      </c>
      <c r="N23816" s="5" t="s">
        <v>19227</v>
      </c>
      <c r="O23816" s="5" t="s">
        <v>38</v>
      </c>
      <c r="P23816" s="5" t="s">
        <v>39</v>
      </c>
      <c r="Q23816" s="5" t="s">
        <v>40</v>
      </c>
      <c r="R23816" s="5" t="s">
        <v>1487</v>
      </c>
      <c r="S23816" s="5"/>
      <c r="T23816" s="5" t="s">
        <v>42</v>
      </c>
      <c r="U23816" s="2">
        <v>0</v>
      </c>
      <c r="V23816" s="2">
        <v>0</v>
      </c>
      <c r="W23816" s="2">
        <v>0</v>
      </c>
      <c r="X23816" s="2">
        <v>0</v>
      </c>
      <c r="Y23816" s="2">
        <v>0</v>
      </c>
      <c r="Z23816" s="2">
        <v>0</v>
      </c>
      <c r="AA23816" s="5"/>
      <c r="AB23816" s="5" t="s">
        <v>43</v>
      </c>
      <c r="AC23816" s="5" t="s">
        <v>44</v>
      </c>
      <c r="AD23816" s="2"/>
      <c r="AE23816" s="1"/>
    </row>
    <row r="23817" spans="1:31" ht="14.45">
      <c r="A23817" s="11"/>
      <c r="B23817" s="20"/>
      <c r="C23817" s="2" t="s">
        <v>76330</v>
      </c>
      <c r="D23817" s="14" t="s">
        <v>76331</v>
      </c>
      <c r="E23817" s="2" t="s">
        <v>76332</v>
      </c>
      <c r="F23817" s="2" t="s">
        <v>7396</v>
      </c>
      <c r="G23817" s="8">
        <v>269</v>
      </c>
      <c r="H23817" s="5">
        <v>6</v>
      </c>
      <c r="I23817" s="5" t="s">
        <v>1518</v>
      </c>
      <c r="J23817" s="5" t="s">
        <v>69038</v>
      </c>
      <c r="K23817" s="2" t="s">
        <v>69039</v>
      </c>
      <c r="L23817" s="5" t="s">
        <v>69038</v>
      </c>
      <c r="M23817" s="2" t="s">
        <v>69039</v>
      </c>
      <c r="N23817" s="5" t="s">
        <v>19227</v>
      </c>
      <c r="O23817" s="5" t="s">
        <v>38</v>
      </c>
      <c r="P23817" s="5" t="s">
        <v>39</v>
      </c>
      <c r="Q23817" s="5" t="s">
        <v>40</v>
      </c>
      <c r="R23817" s="5" t="s">
        <v>1487</v>
      </c>
      <c r="S23817" s="5"/>
      <c r="T23817" s="5" t="s">
        <v>42</v>
      </c>
      <c r="U23817" s="2">
        <v>0</v>
      </c>
      <c r="V23817" s="2">
        <v>0</v>
      </c>
      <c r="W23817" s="2">
        <v>0</v>
      </c>
      <c r="X23817" s="2">
        <v>0</v>
      </c>
      <c r="Y23817" s="2">
        <v>0</v>
      </c>
      <c r="Z23817" s="2">
        <v>0</v>
      </c>
      <c r="AA23817" s="5"/>
      <c r="AB23817" s="5" t="s">
        <v>43</v>
      </c>
      <c r="AC23817" s="5" t="s">
        <v>44</v>
      </c>
      <c r="AD23817" s="2"/>
      <c r="AE23817" s="1"/>
    </row>
    <row r="23818" spans="1:31" ht="14.45">
      <c r="A23818" s="11"/>
      <c r="B23818" s="20"/>
      <c r="C23818" s="2" t="s">
        <v>76333</v>
      </c>
      <c r="D23818" s="14" t="s">
        <v>76334</v>
      </c>
      <c r="E23818" s="2" t="s">
        <v>76335</v>
      </c>
      <c r="F23818" s="2" t="s">
        <v>7507</v>
      </c>
      <c r="G23818" s="8">
        <v>269</v>
      </c>
      <c r="H23818" s="5">
        <v>6</v>
      </c>
      <c r="I23818" s="5" t="s">
        <v>1518</v>
      </c>
      <c r="J23818" s="5" t="s">
        <v>69038</v>
      </c>
      <c r="K23818" s="2" t="s">
        <v>69039</v>
      </c>
      <c r="L23818" s="5" t="s">
        <v>69038</v>
      </c>
      <c r="M23818" s="2" t="s">
        <v>69039</v>
      </c>
      <c r="N23818" s="5" t="s">
        <v>19227</v>
      </c>
      <c r="O23818" s="5" t="s">
        <v>38</v>
      </c>
      <c r="P23818" s="5" t="s">
        <v>39</v>
      </c>
      <c r="Q23818" s="5" t="s">
        <v>40</v>
      </c>
      <c r="R23818" s="5" t="s">
        <v>1487</v>
      </c>
      <c r="S23818" s="5"/>
      <c r="T23818" s="5" t="s">
        <v>42</v>
      </c>
      <c r="U23818" s="2">
        <v>0</v>
      </c>
      <c r="V23818" s="2">
        <v>0</v>
      </c>
      <c r="W23818" s="2">
        <v>0</v>
      </c>
      <c r="X23818" s="2">
        <v>0</v>
      </c>
      <c r="Y23818" s="2">
        <v>0</v>
      </c>
      <c r="Z23818" s="2">
        <v>0</v>
      </c>
      <c r="AA23818" s="5"/>
      <c r="AB23818" s="5" t="s">
        <v>43</v>
      </c>
      <c r="AC23818" s="5" t="s">
        <v>44</v>
      </c>
      <c r="AD23818" s="2"/>
      <c r="AE23818" s="1"/>
    </row>
    <row r="23819" spans="1:31" ht="14.45">
      <c r="A23819" s="11"/>
      <c r="B23819" s="20"/>
      <c r="C23819" s="2" t="s">
        <v>76336</v>
      </c>
      <c r="D23819" s="14" t="s">
        <v>76337</v>
      </c>
      <c r="E23819" s="2" t="s">
        <v>76338</v>
      </c>
      <c r="F23819" s="2" t="s">
        <v>7212</v>
      </c>
      <c r="G23819" s="8">
        <v>269</v>
      </c>
      <c r="H23819" s="5">
        <v>6</v>
      </c>
      <c r="I23819" s="5" t="s">
        <v>1518</v>
      </c>
      <c r="J23819" s="5" t="s">
        <v>69038</v>
      </c>
      <c r="K23819" s="2" t="s">
        <v>69039</v>
      </c>
      <c r="L23819" s="5" t="s">
        <v>69038</v>
      </c>
      <c r="M23819" s="2" t="s">
        <v>69039</v>
      </c>
      <c r="N23819" s="5" t="s">
        <v>19227</v>
      </c>
      <c r="O23819" s="5" t="s">
        <v>38</v>
      </c>
      <c r="P23819" s="5" t="s">
        <v>39</v>
      </c>
      <c r="Q23819" s="5" t="s">
        <v>40</v>
      </c>
      <c r="R23819" s="5" t="s">
        <v>1487</v>
      </c>
      <c r="S23819" s="5"/>
      <c r="T23819" s="5" t="s">
        <v>42</v>
      </c>
      <c r="U23819" s="2">
        <v>0</v>
      </c>
      <c r="V23819" s="2">
        <v>0</v>
      </c>
      <c r="W23819" s="2">
        <v>0</v>
      </c>
      <c r="X23819" s="2">
        <v>0</v>
      </c>
      <c r="Y23819" s="2">
        <v>0</v>
      </c>
      <c r="Z23819" s="2">
        <v>0</v>
      </c>
      <c r="AA23819" s="5"/>
      <c r="AB23819" s="5" t="s">
        <v>43</v>
      </c>
      <c r="AC23819" s="5" t="s">
        <v>44</v>
      </c>
      <c r="AD23819" s="2"/>
      <c r="AE23819" s="1"/>
    </row>
    <row r="23820" spans="1:31" ht="14.45">
      <c r="A23820" s="11"/>
      <c r="B23820" s="20"/>
      <c r="C23820" s="2" t="s">
        <v>76339</v>
      </c>
      <c r="D23820" s="14" t="s">
        <v>76340</v>
      </c>
      <c r="E23820" s="2" t="s">
        <v>76341</v>
      </c>
      <c r="F23820" s="2" t="s">
        <v>7528</v>
      </c>
      <c r="G23820" s="8">
        <v>269</v>
      </c>
      <c r="H23820" s="5">
        <v>6</v>
      </c>
      <c r="I23820" s="5" t="s">
        <v>1518</v>
      </c>
      <c r="J23820" s="5" t="s">
        <v>69038</v>
      </c>
      <c r="K23820" s="2" t="s">
        <v>69039</v>
      </c>
      <c r="L23820" s="5" t="s">
        <v>69038</v>
      </c>
      <c r="M23820" s="2" t="s">
        <v>69039</v>
      </c>
      <c r="N23820" s="5" t="s">
        <v>19227</v>
      </c>
      <c r="O23820" s="5" t="s">
        <v>38</v>
      </c>
      <c r="P23820" s="5" t="s">
        <v>39</v>
      </c>
      <c r="Q23820" s="5" t="s">
        <v>40</v>
      </c>
      <c r="R23820" s="5" t="s">
        <v>1487</v>
      </c>
      <c r="S23820" s="5"/>
      <c r="T23820" s="5" t="s">
        <v>42</v>
      </c>
      <c r="U23820" s="2">
        <v>0</v>
      </c>
      <c r="V23820" s="2">
        <v>0</v>
      </c>
      <c r="W23820" s="2">
        <v>0</v>
      </c>
      <c r="X23820" s="2">
        <v>0</v>
      </c>
      <c r="Y23820" s="2">
        <v>0</v>
      </c>
      <c r="Z23820" s="2">
        <v>0</v>
      </c>
      <c r="AA23820" s="5"/>
      <c r="AB23820" s="5" t="s">
        <v>43</v>
      </c>
      <c r="AC23820" s="5" t="s">
        <v>44</v>
      </c>
      <c r="AD23820" s="2"/>
      <c r="AE23820" s="1"/>
    </row>
    <row r="23821" spans="1:31" ht="14.45">
      <c r="A23821" s="11"/>
      <c r="B23821" s="20"/>
      <c r="C23821" s="2" t="s">
        <v>76342</v>
      </c>
      <c r="D23821" s="14" t="s">
        <v>76343</v>
      </c>
      <c r="E23821" s="2" t="s">
        <v>76344</v>
      </c>
      <c r="F23821" s="2" t="s">
        <v>7204</v>
      </c>
      <c r="G23821" s="8">
        <v>245</v>
      </c>
      <c r="H23821" s="5">
        <v>6</v>
      </c>
      <c r="I23821" s="5" t="s">
        <v>1518</v>
      </c>
      <c r="J23821" s="5" t="s">
        <v>69038</v>
      </c>
      <c r="K23821" s="2" t="s">
        <v>69039</v>
      </c>
      <c r="L23821" s="5" t="s">
        <v>69038</v>
      </c>
      <c r="M23821" s="2" t="s">
        <v>69039</v>
      </c>
      <c r="N23821" s="5" t="s">
        <v>19227</v>
      </c>
      <c r="O23821" s="5" t="s">
        <v>38</v>
      </c>
      <c r="P23821" s="5" t="s">
        <v>39</v>
      </c>
      <c r="Q23821" s="5" t="s">
        <v>40</v>
      </c>
      <c r="R23821" s="5" t="s">
        <v>1487</v>
      </c>
      <c r="S23821" s="5"/>
      <c r="T23821" s="5" t="s">
        <v>42</v>
      </c>
      <c r="U23821" s="2">
        <v>0</v>
      </c>
      <c r="V23821" s="2">
        <v>0</v>
      </c>
      <c r="W23821" s="2">
        <v>0</v>
      </c>
      <c r="X23821" s="2">
        <v>0</v>
      </c>
      <c r="Y23821" s="2">
        <v>0</v>
      </c>
      <c r="Z23821" s="2">
        <v>0</v>
      </c>
      <c r="AA23821" s="5"/>
      <c r="AB23821" s="5" t="s">
        <v>43</v>
      </c>
      <c r="AC23821" s="5" t="s">
        <v>44</v>
      </c>
      <c r="AD23821" s="2"/>
      <c r="AE23821" s="1"/>
    </row>
    <row r="23822" spans="1:31" ht="14.45">
      <c r="A23822" s="11"/>
      <c r="B23822" s="20"/>
      <c r="C23822" s="2" t="s">
        <v>76345</v>
      </c>
      <c r="D23822" s="14" t="s">
        <v>76346</v>
      </c>
      <c r="E23822" s="2" t="s">
        <v>76347</v>
      </c>
      <c r="F23822" s="2" t="s">
        <v>7514</v>
      </c>
      <c r="G23822" s="8">
        <v>245</v>
      </c>
      <c r="H23822" s="5">
        <v>6</v>
      </c>
      <c r="I23822" s="5" t="s">
        <v>1518</v>
      </c>
      <c r="J23822" s="5" t="s">
        <v>69038</v>
      </c>
      <c r="K23822" s="2" t="s">
        <v>69039</v>
      </c>
      <c r="L23822" s="5" t="s">
        <v>69038</v>
      </c>
      <c r="M23822" s="2" t="s">
        <v>69039</v>
      </c>
      <c r="N23822" s="5" t="s">
        <v>19227</v>
      </c>
      <c r="O23822" s="5" t="s">
        <v>38</v>
      </c>
      <c r="P23822" s="5" t="s">
        <v>39</v>
      </c>
      <c r="Q23822" s="5" t="s">
        <v>40</v>
      </c>
      <c r="R23822" s="5" t="s">
        <v>1487</v>
      </c>
      <c r="S23822" s="5"/>
      <c r="T23822" s="5" t="s">
        <v>42</v>
      </c>
      <c r="U23822" s="2">
        <v>0</v>
      </c>
      <c r="V23822" s="2">
        <v>0</v>
      </c>
      <c r="W23822" s="2">
        <v>0</v>
      </c>
      <c r="X23822" s="2">
        <v>0</v>
      </c>
      <c r="Y23822" s="2">
        <v>0</v>
      </c>
      <c r="Z23822" s="2">
        <v>0</v>
      </c>
      <c r="AA23822" s="5"/>
      <c r="AB23822" s="5" t="s">
        <v>43</v>
      </c>
      <c r="AC23822" s="5" t="s">
        <v>44</v>
      </c>
      <c r="AD23822" s="2"/>
      <c r="AE23822" s="1"/>
    </row>
    <row r="23823" spans="1:31" ht="14.45">
      <c r="A23823" s="11"/>
      <c r="B23823" s="20"/>
      <c r="C23823" s="2" t="s">
        <v>76348</v>
      </c>
      <c r="D23823" s="14" t="s">
        <v>76349</v>
      </c>
      <c r="E23823" s="2" t="s">
        <v>76350</v>
      </c>
      <c r="F23823" s="2" t="s">
        <v>7208</v>
      </c>
      <c r="G23823" s="8">
        <v>245</v>
      </c>
      <c r="H23823" s="5">
        <v>6</v>
      </c>
      <c r="I23823" s="5" t="s">
        <v>1518</v>
      </c>
      <c r="J23823" s="5" t="s">
        <v>69038</v>
      </c>
      <c r="K23823" s="2" t="s">
        <v>69039</v>
      </c>
      <c r="L23823" s="5" t="s">
        <v>69038</v>
      </c>
      <c r="M23823" s="2" t="s">
        <v>69039</v>
      </c>
      <c r="N23823" s="5" t="s">
        <v>19227</v>
      </c>
      <c r="O23823" s="5" t="s">
        <v>38</v>
      </c>
      <c r="P23823" s="5" t="s">
        <v>39</v>
      </c>
      <c r="Q23823" s="5" t="s">
        <v>40</v>
      </c>
      <c r="R23823" s="5" t="s">
        <v>1487</v>
      </c>
      <c r="S23823" s="5"/>
      <c r="T23823" s="5" t="s">
        <v>42</v>
      </c>
      <c r="U23823" s="2">
        <v>0</v>
      </c>
      <c r="V23823" s="2">
        <v>0</v>
      </c>
      <c r="W23823" s="2">
        <v>0</v>
      </c>
      <c r="X23823" s="2">
        <v>0</v>
      </c>
      <c r="Y23823" s="2">
        <v>0</v>
      </c>
      <c r="Z23823" s="2">
        <v>0</v>
      </c>
      <c r="AA23823" s="5"/>
      <c r="AB23823" s="5" t="s">
        <v>43</v>
      </c>
      <c r="AC23823" s="5" t="s">
        <v>44</v>
      </c>
      <c r="AD23823" s="2"/>
      <c r="AE23823" s="1"/>
    </row>
    <row r="23824" spans="1:31" ht="14.45">
      <c r="A23824" s="11"/>
      <c r="B23824" s="20"/>
      <c r="C23824" s="2" t="s">
        <v>76351</v>
      </c>
      <c r="D23824" s="14" t="s">
        <v>76352</v>
      </c>
      <c r="E23824" s="2" t="s">
        <v>76353</v>
      </c>
      <c r="F23824" s="2" t="s">
        <v>7521</v>
      </c>
      <c r="G23824" s="8">
        <v>245</v>
      </c>
      <c r="H23824" s="5">
        <v>6</v>
      </c>
      <c r="I23824" s="5" t="s">
        <v>1518</v>
      </c>
      <c r="J23824" s="5" t="s">
        <v>69038</v>
      </c>
      <c r="K23824" s="2" t="s">
        <v>69039</v>
      </c>
      <c r="L23824" s="5" t="s">
        <v>69038</v>
      </c>
      <c r="M23824" s="2" t="s">
        <v>69039</v>
      </c>
      <c r="N23824" s="5" t="s">
        <v>19227</v>
      </c>
      <c r="O23824" s="5" t="s">
        <v>38</v>
      </c>
      <c r="P23824" s="5" t="s">
        <v>39</v>
      </c>
      <c r="Q23824" s="5" t="s">
        <v>40</v>
      </c>
      <c r="R23824" s="5" t="s">
        <v>1487</v>
      </c>
      <c r="S23824" s="5"/>
      <c r="T23824" s="5" t="s">
        <v>42</v>
      </c>
      <c r="U23824" s="2">
        <v>0</v>
      </c>
      <c r="V23824" s="2">
        <v>0</v>
      </c>
      <c r="W23824" s="2">
        <v>0</v>
      </c>
      <c r="X23824" s="2">
        <v>0</v>
      </c>
      <c r="Y23824" s="2">
        <v>0</v>
      </c>
      <c r="Z23824" s="2">
        <v>0</v>
      </c>
      <c r="AA23824" s="5"/>
      <c r="AB23824" s="5" t="s">
        <v>43</v>
      </c>
      <c r="AC23824" s="5" t="s">
        <v>44</v>
      </c>
      <c r="AD23824" s="2"/>
      <c r="AE23824" s="1"/>
    </row>
    <row r="23825" spans="1:31" ht="14.45">
      <c r="A23825" s="11"/>
      <c r="B23825" s="20"/>
      <c r="C23825" s="2" t="s">
        <v>76354</v>
      </c>
      <c r="D23825" s="14" t="s">
        <v>76355</v>
      </c>
      <c r="E23825" s="2" t="s">
        <v>76356</v>
      </c>
      <c r="F23825" s="2" t="s">
        <v>7396</v>
      </c>
      <c r="G23825" s="8">
        <v>245</v>
      </c>
      <c r="H23825" s="5">
        <v>6</v>
      </c>
      <c r="I23825" s="5" t="s">
        <v>1518</v>
      </c>
      <c r="J23825" s="5" t="s">
        <v>69038</v>
      </c>
      <c r="K23825" s="2" t="s">
        <v>69039</v>
      </c>
      <c r="L23825" s="5" t="s">
        <v>69038</v>
      </c>
      <c r="M23825" s="2" t="s">
        <v>69039</v>
      </c>
      <c r="N23825" s="5" t="s">
        <v>19227</v>
      </c>
      <c r="O23825" s="5" t="s">
        <v>38</v>
      </c>
      <c r="P23825" s="5" t="s">
        <v>39</v>
      </c>
      <c r="Q23825" s="5" t="s">
        <v>40</v>
      </c>
      <c r="R23825" s="5" t="s">
        <v>1487</v>
      </c>
      <c r="S23825" s="5"/>
      <c r="T23825" s="5" t="s">
        <v>42</v>
      </c>
      <c r="U23825" s="2">
        <v>0</v>
      </c>
      <c r="V23825" s="2">
        <v>0</v>
      </c>
      <c r="W23825" s="2">
        <v>0</v>
      </c>
      <c r="X23825" s="2">
        <v>0</v>
      </c>
      <c r="Y23825" s="2">
        <v>0</v>
      </c>
      <c r="Z23825" s="2">
        <v>0</v>
      </c>
      <c r="AA23825" s="5"/>
      <c r="AB23825" s="5" t="s">
        <v>43</v>
      </c>
      <c r="AC23825" s="5" t="s">
        <v>44</v>
      </c>
      <c r="AD23825" s="2"/>
      <c r="AE23825" s="1"/>
    </row>
    <row r="23826" spans="1:31" ht="14.45">
      <c r="A23826" s="11"/>
      <c r="B23826" s="20"/>
      <c r="C23826" s="2" t="s">
        <v>76357</v>
      </c>
      <c r="D23826" s="14" t="s">
        <v>76358</v>
      </c>
      <c r="E23826" s="2" t="s">
        <v>76359</v>
      </c>
      <c r="F23826" s="2" t="s">
        <v>7507</v>
      </c>
      <c r="G23826" s="8">
        <v>245</v>
      </c>
      <c r="H23826" s="5">
        <v>6</v>
      </c>
      <c r="I23826" s="5" t="s">
        <v>1518</v>
      </c>
      <c r="J23826" s="5" t="s">
        <v>69038</v>
      </c>
      <c r="K23826" s="2" t="s">
        <v>69039</v>
      </c>
      <c r="L23826" s="5" t="s">
        <v>69038</v>
      </c>
      <c r="M23826" s="2" t="s">
        <v>69039</v>
      </c>
      <c r="N23826" s="5" t="s">
        <v>19227</v>
      </c>
      <c r="O23826" s="5" t="s">
        <v>38</v>
      </c>
      <c r="P23826" s="5" t="s">
        <v>39</v>
      </c>
      <c r="Q23826" s="5" t="s">
        <v>40</v>
      </c>
      <c r="R23826" s="5" t="s">
        <v>1487</v>
      </c>
      <c r="S23826" s="5"/>
      <c r="T23826" s="5" t="s">
        <v>42</v>
      </c>
      <c r="U23826" s="2">
        <v>0</v>
      </c>
      <c r="V23826" s="2">
        <v>0</v>
      </c>
      <c r="W23826" s="2">
        <v>0</v>
      </c>
      <c r="X23826" s="2">
        <v>0</v>
      </c>
      <c r="Y23826" s="2">
        <v>0</v>
      </c>
      <c r="Z23826" s="2">
        <v>0</v>
      </c>
      <c r="AA23826" s="5"/>
      <c r="AB23826" s="5" t="s">
        <v>43</v>
      </c>
      <c r="AC23826" s="5" t="s">
        <v>44</v>
      </c>
      <c r="AD23826" s="2"/>
      <c r="AE23826" s="1"/>
    </row>
    <row r="23827" spans="1:31" ht="14.45">
      <c r="A23827" s="11"/>
      <c r="B23827" s="20"/>
      <c r="C23827" s="2" t="s">
        <v>76360</v>
      </c>
      <c r="D23827" s="14" t="s">
        <v>76361</v>
      </c>
      <c r="E23827" s="2" t="s">
        <v>76362</v>
      </c>
      <c r="F23827" s="2" t="s">
        <v>7212</v>
      </c>
      <c r="G23827" s="8">
        <v>245</v>
      </c>
      <c r="H23827" s="5">
        <v>6</v>
      </c>
      <c r="I23827" s="5" t="s">
        <v>1518</v>
      </c>
      <c r="J23827" s="5" t="s">
        <v>69038</v>
      </c>
      <c r="K23827" s="2" t="s">
        <v>69039</v>
      </c>
      <c r="L23827" s="5" t="s">
        <v>69038</v>
      </c>
      <c r="M23827" s="2" t="s">
        <v>69039</v>
      </c>
      <c r="N23827" s="5" t="s">
        <v>19227</v>
      </c>
      <c r="O23827" s="5" t="s">
        <v>38</v>
      </c>
      <c r="P23827" s="5" t="s">
        <v>39</v>
      </c>
      <c r="Q23827" s="5" t="s">
        <v>40</v>
      </c>
      <c r="R23827" s="5" t="s">
        <v>1487</v>
      </c>
      <c r="S23827" s="5"/>
      <c r="T23827" s="5" t="s">
        <v>42</v>
      </c>
      <c r="U23827" s="2">
        <v>0</v>
      </c>
      <c r="V23827" s="2">
        <v>0</v>
      </c>
      <c r="W23827" s="2">
        <v>0</v>
      </c>
      <c r="X23827" s="2">
        <v>0</v>
      </c>
      <c r="Y23827" s="2">
        <v>0</v>
      </c>
      <c r="Z23827" s="2">
        <v>0</v>
      </c>
      <c r="AA23827" s="5"/>
      <c r="AB23827" s="5" t="s">
        <v>43</v>
      </c>
      <c r="AC23827" s="5" t="s">
        <v>44</v>
      </c>
      <c r="AD23827" s="2"/>
      <c r="AE23827" s="1"/>
    </row>
    <row r="23828" spans="1:31" ht="14.45">
      <c r="A23828" s="11"/>
      <c r="B23828" s="20"/>
      <c r="C23828" s="2" t="s">
        <v>76363</v>
      </c>
      <c r="D23828" s="14" t="s">
        <v>76364</v>
      </c>
      <c r="E23828" s="2" t="s">
        <v>76365</v>
      </c>
      <c r="F23828" s="2" t="s">
        <v>7528</v>
      </c>
      <c r="G23828" s="8">
        <v>245</v>
      </c>
      <c r="H23828" s="5">
        <v>6</v>
      </c>
      <c r="I23828" s="5" t="s">
        <v>1518</v>
      </c>
      <c r="J23828" s="5" t="s">
        <v>69038</v>
      </c>
      <c r="K23828" s="2" t="s">
        <v>69039</v>
      </c>
      <c r="L23828" s="5" t="s">
        <v>69038</v>
      </c>
      <c r="M23828" s="2" t="s">
        <v>69039</v>
      </c>
      <c r="N23828" s="5" t="s">
        <v>19227</v>
      </c>
      <c r="O23828" s="5" t="s">
        <v>38</v>
      </c>
      <c r="P23828" s="5" t="s">
        <v>39</v>
      </c>
      <c r="Q23828" s="5" t="s">
        <v>40</v>
      </c>
      <c r="R23828" s="5" t="s">
        <v>1487</v>
      </c>
      <c r="S23828" s="5"/>
      <c r="T23828" s="5" t="s">
        <v>42</v>
      </c>
      <c r="U23828" s="2">
        <v>0</v>
      </c>
      <c r="V23828" s="2">
        <v>0</v>
      </c>
      <c r="W23828" s="2">
        <v>0</v>
      </c>
      <c r="X23828" s="2">
        <v>0</v>
      </c>
      <c r="Y23828" s="2">
        <v>0</v>
      </c>
      <c r="Z23828" s="2">
        <v>0</v>
      </c>
      <c r="AA23828" s="5"/>
      <c r="AB23828" s="5" t="s">
        <v>43</v>
      </c>
      <c r="AC23828" s="5" t="s">
        <v>44</v>
      </c>
      <c r="AD23828" s="2"/>
      <c r="AE23828" s="1"/>
    </row>
    <row r="23829" spans="1:31" ht="14.45">
      <c r="A23829" s="11"/>
      <c r="B23829" s="20"/>
      <c r="C23829" s="2" t="s">
        <v>76366</v>
      </c>
      <c r="D23829" s="14" t="s">
        <v>76367</v>
      </c>
      <c r="E23829" s="2" t="s">
        <v>76368</v>
      </c>
      <c r="F23829" s="2" t="s">
        <v>7204</v>
      </c>
      <c r="G23829" s="8">
        <v>252</v>
      </c>
      <c r="H23829" s="5">
        <v>6</v>
      </c>
      <c r="I23829" s="5" t="s">
        <v>1518</v>
      </c>
      <c r="J23829" s="5" t="s">
        <v>69038</v>
      </c>
      <c r="K23829" s="2" t="s">
        <v>69039</v>
      </c>
      <c r="L23829" s="5" t="s">
        <v>69038</v>
      </c>
      <c r="M23829" s="2" t="s">
        <v>69039</v>
      </c>
      <c r="N23829" s="5" t="s">
        <v>19227</v>
      </c>
      <c r="O23829" s="5" t="s">
        <v>38</v>
      </c>
      <c r="P23829" s="5" t="s">
        <v>39</v>
      </c>
      <c r="Q23829" s="5" t="s">
        <v>40</v>
      </c>
      <c r="R23829" s="5" t="s">
        <v>1487</v>
      </c>
      <c r="S23829" s="5"/>
      <c r="T23829" s="5" t="s">
        <v>42</v>
      </c>
      <c r="U23829" s="2">
        <v>0</v>
      </c>
      <c r="V23829" s="2">
        <v>0</v>
      </c>
      <c r="W23829" s="2">
        <v>0</v>
      </c>
      <c r="X23829" s="2">
        <v>0</v>
      </c>
      <c r="Y23829" s="2">
        <v>0</v>
      </c>
      <c r="Z23829" s="2">
        <v>0</v>
      </c>
      <c r="AA23829" s="5"/>
      <c r="AB23829" s="5" t="s">
        <v>43</v>
      </c>
      <c r="AC23829" s="5" t="s">
        <v>44</v>
      </c>
      <c r="AD23829" s="2"/>
      <c r="AE23829" s="1"/>
    </row>
    <row r="23830" spans="1:31" ht="14.45">
      <c r="A23830" s="11"/>
      <c r="B23830" s="20"/>
      <c r="C23830" s="2" t="s">
        <v>76369</v>
      </c>
      <c r="D23830" s="14" t="s">
        <v>76370</v>
      </c>
      <c r="E23830" s="2" t="s">
        <v>76371</v>
      </c>
      <c r="F23830" s="2" t="s">
        <v>7514</v>
      </c>
      <c r="G23830" s="8">
        <v>252</v>
      </c>
      <c r="H23830" s="5">
        <v>6</v>
      </c>
      <c r="I23830" s="5" t="s">
        <v>1518</v>
      </c>
      <c r="J23830" s="5" t="s">
        <v>69038</v>
      </c>
      <c r="K23830" s="2" t="s">
        <v>69039</v>
      </c>
      <c r="L23830" s="5" t="s">
        <v>69038</v>
      </c>
      <c r="M23830" s="2" t="s">
        <v>69039</v>
      </c>
      <c r="N23830" s="5" t="s">
        <v>19227</v>
      </c>
      <c r="O23830" s="5" t="s">
        <v>38</v>
      </c>
      <c r="P23830" s="5" t="s">
        <v>39</v>
      </c>
      <c r="Q23830" s="5" t="s">
        <v>40</v>
      </c>
      <c r="R23830" s="5" t="s">
        <v>1487</v>
      </c>
      <c r="S23830" s="5"/>
      <c r="T23830" s="5" t="s">
        <v>42</v>
      </c>
      <c r="U23830" s="2">
        <v>0</v>
      </c>
      <c r="V23830" s="2">
        <v>0</v>
      </c>
      <c r="W23830" s="2">
        <v>0</v>
      </c>
      <c r="X23830" s="2">
        <v>0</v>
      </c>
      <c r="Y23830" s="2">
        <v>0</v>
      </c>
      <c r="Z23830" s="2">
        <v>0</v>
      </c>
      <c r="AA23830" s="5"/>
      <c r="AB23830" s="5" t="s">
        <v>43</v>
      </c>
      <c r="AC23830" s="5" t="s">
        <v>44</v>
      </c>
      <c r="AD23830" s="2"/>
      <c r="AE23830" s="1"/>
    </row>
    <row r="23831" spans="1:31" ht="14.45">
      <c r="A23831" s="11"/>
      <c r="B23831" s="20"/>
      <c r="C23831" s="2" t="s">
        <v>76372</v>
      </c>
      <c r="D23831" s="14" t="s">
        <v>76373</v>
      </c>
      <c r="E23831" s="2" t="s">
        <v>76374</v>
      </c>
      <c r="F23831" s="2" t="s">
        <v>7208</v>
      </c>
      <c r="G23831" s="8">
        <v>252</v>
      </c>
      <c r="H23831" s="5">
        <v>6</v>
      </c>
      <c r="I23831" s="5" t="s">
        <v>1518</v>
      </c>
      <c r="J23831" s="5" t="s">
        <v>69038</v>
      </c>
      <c r="K23831" s="2" t="s">
        <v>69039</v>
      </c>
      <c r="L23831" s="5" t="s">
        <v>69038</v>
      </c>
      <c r="M23831" s="2" t="s">
        <v>69039</v>
      </c>
      <c r="N23831" s="5" t="s">
        <v>19227</v>
      </c>
      <c r="O23831" s="5" t="s">
        <v>38</v>
      </c>
      <c r="P23831" s="5" t="s">
        <v>39</v>
      </c>
      <c r="Q23831" s="5" t="s">
        <v>40</v>
      </c>
      <c r="R23831" s="5" t="s">
        <v>1487</v>
      </c>
      <c r="S23831" s="5"/>
      <c r="T23831" s="5" t="s">
        <v>42</v>
      </c>
      <c r="U23831" s="2">
        <v>0</v>
      </c>
      <c r="V23831" s="2">
        <v>0</v>
      </c>
      <c r="W23831" s="2">
        <v>0</v>
      </c>
      <c r="X23831" s="2">
        <v>0</v>
      </c>
      <c r="Y23831" s="2">
        <v>0</v>
      </c>
      <c r="Z23831" s="2">
        <v>0</v>
      </c>
      <c r="AA23831" s="5"/>
      <c r="AB23831" s="5" t="s">
        <v>43</v>
      </c>
      <c r="AC23831" s="5" t="s">
        <v>44</v>
      </c>
      <c r="AD23831" s="2"/>
      <c r="AE23831" s="1"/>
    </row>
    <row r="23832" spans="1:31" ht="14.45">
      <c r="A23832" s="11"/>
      <c r="B23832" s="20"/>
      <c r="C23832" s="2" t="s">
        <v>76375</v>
      </c>
      <c r="D23832" s="14" t="s">
        <v>76376</v>
      </c>
      <c r="E23832" s="2" t="s">
        <v>76377</v>
      </c>
      <c r="F23832" s="2" t="s">
        <v>7521</v>
      </c>
      <c r="G23832" s="8">
        <v>252</v>
      </c>
      <c r="H23832" s="5">
        <v>6</v>
      </c>
      <c r="I23832" s="5" t="s">
        <v>1518</v>
      </c>
      <c r="J23832" s="5" t="s">
        <v>69038</v>
      </c>
      <c r="K23832" s="2" t="s">
        <v>69039</v>
      </c>
      <c r="L23832" s="5" t="s">
        <v>69038</v>
      </c>
      <c r="M23832" s="2" t="s">
        <v>69039</v>
      </c>
      <c r="N23832" s="5" t="s">
        <v>19227</v>
      </c>
      <c r="O23832" s="5" t="s">
        <v>38</v>
      </c>
      <c r="P23832" s="5" t="s">
        <v>39</v>
      </c>
      <c r="Q23832" s="5" t="s">
        <v>40</v>
      </c>
      <c r="R23832" s="5" t="s">
        <v>1487</v>
      </c>
      <c r="S23832" s="5"/>
      <c r="T23832" s="5" t="s">
        <v>42</v>
      </c>
      <c r="U23832" s="2">
        <v>0</v>
      </c>
      <c r="V23832" s="2">
        <v>0</v>
      </c>
      <c r="W23832" s="2">
        <v>0</v>
      </c>
      <c r="X23832" s="2">
        <v>0</v>
      </c>
      <c r="Y23832" s="2">
        <v>0</v>
      </c>
      <c r="Z23832" s="2">
        <v>0</v>
      </c>
      <c r="AA23832" s="5"/>
      <c r="AB23832" s="5" t="s">
        <v>43</v>
      </c>
      <c r="AC23832" s="5" t="s">
        <v>44</v>
      </c>
      <c r="AD23832" s="2"/>
      <c r="AE23832" s="1"/>
    </row>
    <row r="23833" spans="1:31" ht="14.45">
      <c r="A23833" s="11"/>
      <c r="B23833" s="20"/>
      <c r="C23833" s="2" t="s">
        <v>76378</v>
      </c>
      <c r="D23833" s="14" t="s">
        <v>76379</v>
      </c>
      <c r="E23833" s="2" t="s">
        <v>76380</v>
      </c>
      <c r="F23833" s="2" t="s">
        <v>7396</v>
      </c>
      <c r="G23833" s="8">
        <v>252</v>
      </c>
      <c r="H23833" s="5">
        <v>6</v>
      </c>
      <c r="I23833" s="5" t="s">
        <v>1518</v>
      </c>
      <c r="J23833" s="5" t="s">
        <v>69038</v>
      </c>
      <c r="K23833" s="2" t="s">
        <v>69039</v>
      </c>
      <c r="L23833" s="5" t="s">
        <v>69038</v>
      </c>
      <c r="M23833" s="2" t="s">
        <v>69039</v>
      </c>
      <c r="N23833" s="5" t="s">
        <v>19227</v>
      </c>
      <c r="O23833" s="5" t="s">
        <v>38</v>
      </c>
      <c r="P23833" s="5" t="s">
        <v>39</v>
      </c>
      <c r="Q23833" s="5" t="s">
        <v>40</v>
      </c>
      <c r="R23833" s="5" t="s">
        <v>1487</v>
      </c>
      <c r="S23833" s="5"/>
      <c r="T23833" s="5" t="s">
        <v>42</v>
      </c>
      <c r="U23833" s="2">
        <v>0</v>
      </c>
      <c r="V23833" s="2">
        <v>0</v>
      </c>
      <c r="W23833" s="2">
        <v>0</v>
      </c>
      <c r="X23833" s="2">
        <v>0</v>
      </c>
      <c r="Y23833" s="2">
        <v>0</v>
      </c>
      <c r="Z23833" s="2">
        <v>0</v>
      </c>
      <c r="AA23833" s="5"/>
      <c r="AB23833" s="5" t="s">
        <v>43</v>
      </c>
      <c r="AC23833" s="5" t="s">
        <v>44</v>
      </c>
      <c r="AD23833" s="2"/>
      <c r="AE23833" s="1"/>
    </row>
    <row r="23834" spans="1:31" ht="14.45">
      <c r="A23834" s="11"/>
      <c r="B23834" s="20"/>
      <c r="C23834" s="2" t="s">
        <v>76381</v>
      </c>
      <c r="D23834" s="14" t="s">
        <v>76382</v>
      </c>
      <c r="E23834" s="2" t="s">
        <v>76383</v>
      </c>
      <c r="F23834" s="2" t="s">
        <v>7507</v>
      </c>
      <c r="G23834" s="8">
        <v>252</v>
      </c>
      <c r="H23834" s="5">
        <v>6</v>
      </c>
      <c r="I23834" s="5" t="s">
        <v>1518</v>
      </c>
      <c r="J23834" s="5" t="s">
        <v>69038</v>
      </c>
      <c r="K23834" s="2" t="s">
        <v>69039</v>
      </c>
      <c r="L23834" s="5" t="s">
        <v>69038</v>
      </c>
      <c r="M23834" s="2" t="s">
        <v>69039</v>
      </c>
      <c r="N23834" s="5" t="s">
        <v>19227</v>
      </c>
      <c r="O23834" s="5" t="s">
        <v>38</v>
      </c>
      <c r="P23834" s="5" t="s">
        <v>39</v>
      </c>
      <c r="Q23834" s="5" t="s">
        <v>40</v>
      </c>
      <c r="R23834" s="5" t="s">
        <v>1487</v>
      </c>
      <c r="S23834" s="5"/>
      <c r="T23834" s="5" t="s">
        <v>42</v>
      </c>
      <c r="U23834" s="2">
        <v>0</v>
      </c>
      <c r="V23834" s="2">
        <v>0</v>
      </c>
      <c r="W23834" s="2">
        <v>0</v>
      </c>
      <c r="X23834" s="2">
        <v>0</v>
      </c>
      <c r="Y23834" s="2">
        <v>0</v>
      </c>
      <c r="Z23834" s="2">
        <v>0</v>
      </c>
      <c r="AA23834" s="5"/>
      <c r="AB23834" s="5" t="s">
        <v>43</v>
      </c>
      <c r="AC23834" s="5" t="s">
        <v>44</v>
      </c>
      <c r="AD23834" s="2"/>
      <c r="AE23834" s="1"/>
    </row>
    <row r="23835" spans="1:31" ht="14.45">
      <c r="A23835" s="11"/>
      <c r="B23835" s="20"/>
      <c r="C23835" s="2" t="s">
        <v>76384</v>
      </c>
      <c r="D23835" s="14" t="s">
        <v>76385</v>
      </c>
      <c r="E23835" s="2" t="s">
        <v>76386</v>
      </c>
      <c r="F23835" s="2" t="s">
        <v>7212</v>
      </c>
      <c r="G23835" s="8">
        <v>252</v>
      </c>
      <c r="H23835" s="5">
        <v>6</v>
      </c>
      <c r="I23835" s="5" t="s">
        <v>1518</v>
      </c>
      <c r="J23835" s="5" t="s">
        <v>69038</v>
      </c>
      <c r="K23835" s="2" t="s">
        <v>69039</v>
      </c>
      <c r="L23835" s="5" t="s">
        <v>69038</v>
      </c>
      <c r="M23835" s="2" t="s">
        <v>69039</v>
      </c>
      <c r="N23835" s="5" t="s">
        <v>19227</v>
      </c>
      <c r="O23835" s="5" t="s">
        <v>38</v>
      </c>
      <c r="P23835" s="5" t="s">
        <v>39</v>
      </c>
      <c r="Q23835" s="5" t="s">
        <v>40</v>
      </c>
      <c r="R23835" s="5" t="s">
        <v>1487</v>
      </c>
      <c r="S23835" s="5"/>
      <c r="T23835" s="5" t="s">
        <v>42</v>
      </c>
      <c r="U23835" s="2">
        <v>0</v>
      </c>
      <c r="V23835" s="2">
        <v>0</v>
      </c>
      <c r="W23835" s="2">
        <v>0</v>
      </c>
      <c r="X23835" s="2">
        <v>0</v>
      </c>
      <c r="Y23835" s="2">
        <v>0</v>
      </c>
      <c r="Z23835" s="2">
        <v>0</v>
      </c>
      <c r="AA23835" s="5"/>
      <c r="AB23835" s="5" t="s">
        <v>43</v>
      </c>
      <c r="AC23835" s="5" t="s">
        <v>44</v>
      </c>
      <c r="AD23835" s="2"/>
      <c r="AE23835" s="1"/>
    </row>
    <row r="23836" spans="1:31" ht="14.45">
      <c r="A23836" s="11"/>
      <c r="B23836" s="20"/>
      <c r="C23836" s="2" t="s">
        <v>76387</v>
      </c>
      <c r="D23836" s="14" t="s">
        <v>76388</v>
      </c>
      <c r="E23836" s="2" t="s">
        <v>76389</v>
      </c>
      <c r="F23836" s="2" t="s">
        <v>7528</v>
      </c>
      <c r="G23836" s="8">
        <v>252</v>
      </c>
      <c r="H23836" s="5">
        <v>6</v>
      </c>
      <c r="I23836" s="5" t="s">
        <v>1518</v>
      </c>
      <c r="J23836" s="5" t="s">
        <v>69038</v>
      </c>
      <c r="K23836" s="2" t="s">
        <v>69039</v>
      </c>
      <c r="L23836" s="5" t="s">
        <v>69038</v>
      </c>
      <c r="M23836" s="2" t="s">
        <v>69039</v>
      </c>
      <c r="N23836" s="5" t="s">
        <v>19227</v>
      </c>
      <c r="O23836" s="5" t="s">
        <v>38</v>
      </c>
      <c r="P23836" s="5" t="s">
        <v>39</v>
      </c>
      <c r="Q23836" s="5" t="s">
        <v>40</v>
      </c>
      <c r="R23836" s="5" t="s">
        <v>1487</v>
      </c>
      <c r="S23836" s="5"/>
      <c r="T23836" s="5" t="s">
        <v>42</v>
      </c>
      <c r="U23836" s="2">
        <v>0</v>
      </c>
      <c r="V23836" s="2">
        <v>0</v>
      </c>
      <c r="W23836" s="2">
        <v>0</v>
      </c>
      <c r="X23836" s="2">
        <v>0</v>
      </c>
      <c r="Y23836" s="2">
        <v>0</v>
      </c>
      <c r="Z23836" s="2">
        <v>0</v>
      </c>
      <c r="AA23836" s="5"/>
      <c r="AB23836" s="5" t="s">
        <v>43</v>
      </c>
      <c r="AC23836" s="5" t="s">
        <v>44</v>
      </c>
      <c r="AD23836" s="2"/>
      <c r="AE23836" s="1"/>
    </row>
    <row r="23837" spans="1:31" ht="14.45">
      <c r="A23837" s="11"/>
      <c r="B23837" s="20"/>
      <c r="C23837" s="2" t="s">
        <v>76390</v>
      </c>
      <c r="D23837" s="14" t="s">
        <v>76391</v>
      </c>
      <c r="E23837" s="2" t="s">
        <v>76392</v>
      </c>
      <c r="F23837" s="2" t="s">
        <v>7204</v>
      </c>
      <c r="G23837" s="8">
        <v>269</v>
      </c>
      <c r="H23837" s="5">
        <v>6</v>
      </c>
      <c r="I23837" s="5" t="s">
        <v>1518</v>
      </c>
      <c r="J23837" s="5" t="s">
        <v>69038</v>
      </c>
      <c r="K23837" s="2" t="s">
        <v>69039</v>
      </c>
      <c r="L23837" s="5" t="s">
        <v>69038</v>
      </c>
      <c r="M23837" s="2" t="s">
        <v>69039</v>
      </c>
      <c r="N23837" s="5" t="s">
        <v>19227</v>
      </c>
      <c r="O23837" s="5" t="s">
        <v>38</v>
      </c>
      <c r="P23837" s="5" t="s">
        <v>39</v>
      </c>
      <c r="Q23837" s="5" t="s">
        <v>40</v>
      </c>
      <c r="R23837" s="5" t="s">
        <v>1487</v>
      </c>
      <c r="S23837" s="5"/>
      <c r="T23837" s="5" t="s">
        <v>42</v>
      </c>
      <c r="U23837" s="2">
        <v>0</v>
      </c>
      <c r="V23837" s="2">
        <v>0</v>
      </c>
      <c r="W23837" s="2">
        <v>0</v>
      </c>
      <c r="X23837" s="2">
        <v>0</v>
      </c>
      <c r="Y23837" s="2">
        <v>0</v>
      </c>
      <c r="Z23837" s="2">
        <v>0</v>
      </c>
      <c r="AA23837" s="5"/>
      <c r="AB23837" s="5" t="s">
        <v>43</v>
      </c>
      <c r="AC23837" s="5" t="s">
        <v>44</v>
      </c>
      <c r="AD23837" s="2"/>
      <c r="AE23837" s="1"/>
    </row>
    <row r="23838" spans="1:31" ht="14.45">
      <c r="A23838" s="11"/>
      <c r="B23838" s="20"/>
      <c r="C23838" s="2" t="s">
        <v>76393</v>
      </c>
      <c r="D23838" s="14" t="s">
        <v>76394</v>
      </c>
      <c r="E23838" s="2" t="s">
        <v>76395</v>
      </c>
      <c r="F23838" s="2" t="s">
        <v>7514</v>
      </c>
      <c r="G23838" s="8">
        <v>269</v>
      </c>
      <c r="H23838" s="5">
        <v>6</v>
      </c>
      <c r="I23838" s="5" t="s">
        <v>1518</v>
      </c>
      <c r="J23838" s="5" t="s">
        <v>69038</v>
      </c>
      <c r="K23838" s="2" t="s">
        <v>69039</v>
      </c>
      <c r="L23838" s="5" t="s">
        <v>69038</v>
      </c>
      <c r="M23838" s="2" t="s">
        <v>69039</v>
      </c>
      <c r="N23838" s="5" t="s">
        <v>19227</v>
      </c>
      <c r="O23838" s="5" t="s">
        <v>38</v>
      </c>
      <c r="P23838" s="5" t="s">
        <v>39</v>
      </c>
      <c r="Q23838" s="5" t="s">
        <v>40</v>
      </c>
      <c r="R23838" s="5" t="s">
        <v>1487</v>
      </c>
      <c r="S23838" s="5"/>
      <c r="T23838" s="5" t="s">
        <v>42</v>
      </c>
      <c r="U23838" s="2">
        <v>0</v>
      </c>
      <c r="V23838" s="2">
        <v>0</v>
      </c>
      <c r="W23838" s="2">
        <v>0</v>
      </c>
      <c r="X23838" s="2">
        <v>0</v>
      </c>
      <c r="Y23838" s="2">
        <v>0</v>
      </c>
      <c r="Z23838" s="2">
        <v>0</v>
      </c>
      <c r="AA23838" s="5"/>
      <c r="AB23838" s="5" t="s">
        <v>43</v>
      </c>
      <c r="AC23838" s="5" t="s">
        <v>44</v>
      </c>
      <c r="AD23838" s="2"/>
      <c r="AE23838" s="1"/>
    </row>
    <row r="23839" spans="1:31" ht="14.45">
      <c r="A23839" s="11"/>
      <c r="B23839" s="20"/>
      <c r="C23839" s="2" t="s">
        <v>76396</v>
      </c>
      <c r="D23839" s="14" t="s">
        <v>76397</v>
      </c>
      <c r="E23839" s="2" t="s">
        <v>76398</v>
      </c>
      <c r="F23839" s="2" t="s">
        <v>7208</v>
      </c>
      <c r="G23839" s="8">
        <v>269</v>
      </c>
      <c r="H23839" s="5">
        <v>6</v>
      </c>
      <c r="I23839" s="5" t="s">
        <v>1518</v>
      </c>
      <c r="J23839" s="5" t="s">
        <v>69038</v>
      </c>
      <c r="K23839" s="2" t="s">
        <v>69039</v>
      </c>
      <c r="L23839" s="5" t="s">
        <v>69038</v>
      </c>
      <c r="M23839" s="2" t="s">
        <v>69039</v>
      </c>
      <c r="N23839" s="5" t="s">
        <v>19227</v>
      </c>
      <c r="O23839" s="5" t="s">
        <v>38</v>
      </c>
      <c r="P23839" s="5" t="s">
        <v>39</v>
      </c>
      <c r="Q23839" s="5" t="s">
        <v>40</v>
      </c>
      <c r="R23839" s="5" t="s">
        <v>1487</v>
      </c>
      <c r="S23839" s="5"/>
      <c r="T23839" s="5" t="s">
        <v>42</v>
      </c>
      <c r="U23839" s="2">
        <v>0</v>
      </c>
      <c r="V23839" s="2">
        <v>0</v>
      </c>
      <c r="W23839" s="2">
        <v>0</v>
      </c>
      <c r="X23839" s="2">
        <v>0</v>
      </c>
      <c r="Y23839" s="2">
        <v>0</v>
      </c>
      <c r="Z23839" s="2">
        <v>0</v>
      </c>
      <c r="AA23839" s="5"/>
      <c r="AB23839" s="5" t="s">
        <v>43</v>
      </c>
      <c r="AC23839" s="5" t="s">
        <v>44</v>
      </c>
      <c r="AD23839" s="2"/>
      <c r="AE23839" s="1"/>
    </row>
    <row r="23840" spans="1:31" ht="14.45">
      <c r="A23840" s="11"/>
      <c r="B23840" s="20"/>
      <c r="C23840" s="2" t="s">
        <v>76399</v>
      </c>
      <c r="D23840" s="14" t="s">
        <v>76400</v>
      </c>
      <c r="E23840" s="2" t="s">
        <v>76401</v>
      </c>
      <c r="F23840" s="2" t="s">
        <v>7521</v>
      </c>
      <c r="G23840" s="8">
        <v>269</v>
      </c>
      <c r="H23840" s="5">
        <v>6</v>
      </c>
      <c r="I23840" s="5" t="s">
        <v>1518</v>
      </c>
      <c r="J23840" s="5" t="s">
        <v>69038</v>
      </c>
      <c r="K23840" s="2" t="s">
        <v>69039</v>
      </c>
      <c r="L23840" s="5" t="s">
        <v>69038</v>
      </c>
      <c r="M23840" s="2" t="s">
        <v>69039</v>
      </c>
      <c r="N23840" s="5" t="s">
        <v>19227</v>
      </c>
      <c r="O23840" s="5" t="s">
        <v>38</v>
      </c>
      <c r="P23840" s="5" t="s">
        <v>39</v>
      </c>
      <c r="Q23840" s="5" t="s">
        <v>40</v>
      </c>
      <c r="R23840" s="5" t="s">
        <v>1487</v>
      </c>
      <c r="S23840" s="5"/>
      <c r="T23840" s="5" t="s">
        <v>42</v>
      </c>
      <c r="U23840" s="2">
        <v>0</v>
      </c>
      <c r="V23840" s="2">
        <v>0</v>
      </c>
      <c r="W23840" s="2">
        <v>0</v>
      </c>
      <c r="X23840" s="2">
        <v>0</v>
      </c>
      <c r="Y23840" s="2">
        <v>0</v>
      </c>
      <c r="Z23840" s="2">
        <v>0</v>
      </c>
      <c r="AA23840" s="5"/>
      <c r="AB23840" s="5" t="s">
        <v>43</v>
      </c>
      <c r="AC23840" s="5" t="s">
        <v>44</v>
      </c>
      <c r="AD23840" s="2"/>
      <c r="AE23840" s="1"/>
    </row>
    <row r="23841" spans="1:31" ht="14.45">
      <c r="A23841" s="11"/>
      <c r="B23841" s="20"/>
      <c r="C23841" s="2" t="s">
        <v>76402</v>
      </c>
      <c r="D23841" s="14" t="s">
        <v>76403</v>
      </c>
      <c r="E23841" s="2" t="s">
        <v>76404</v>
      </c>
      <c r="F23841" s="2" t="s">
        <v>7396</v>
      </c>
      <c r="G23841" s="8">
        <v>269</v>
      </c>
      <c r="H23841" s="5">
        <v>6</v>
      </c>
      <c r="I23841" s="5" t="s">
        <v>1518</v>
      </c>
      <c r="J23841" s="5" t="s">
        <v>69038</v>
      </c>
      <c r="K23841" s="2" t="s">
        <v>69039</v>
      </c>
      <c r="L23841" s="5" t="s">
        <v>69038</v>
      </c>
      <c r="M23841" s="2" t="s">
        <v>69039</v>
      </c>
      <c r="N23841" s="5" t="s">
        <v>19227</v>
      </c>
      <c r="O23841" s="5" t="s">
        <v>38</v>
      </c>
      <c r="P23841" s="5" t="s">
        <v>39</v>
      </c>
      <c r="Q23841" s="5" t="s">
        <v>40</v>
      </c>
      <c r="R23841" s="5" t="s">
        <v>1487</v>
      </c>
      <c r="S23841" s="5"/>
      <c r="T23841" s="5" t="s">
        <v>42</v>
      </c>
      <c r="U23841" s="2">
        <v>0</v>
      </c>
      <c r="V23841" s="2">
        <v>0</v>
      </c>
      <c r="W23841" s="2">
        <v>0</v>
      </c>
      <c r="X23841" s="2">
        <v>0</v>
      </c>
      <c r="Y23841" s="2">
        <v>0</v>
      </c>
      <c r="Z23841" s="2">
        <v>0</v>
      </c>
      <c r="AA23841" s="5"/>
      <c r="AB23841" s="5" t="s">
        <v>43</v>
      </c>
      <c r="AC23841" s="5" t="s">
        <v>44</v>
      </c>
      <c r="AD23841" s="2"/>
      <c r="AE23841" s="1"/>
    </row>
    <row r="23842" spans="1:31" ht="14.45">
      <c r="A23842" s="11"/>
      <c r="B23842" s="20"/>
      <c r="C23842" s="2" t="s">
        <v>76405</v>
      </c>
      <c r="D23842" s="14" t="s">
        <v>76406</v>
      </c>
      <c r="E23842" s="2" t="s">
        <v>76407</v>
      </c>
      <c r="F23842" s="2" t="s">
        <v>7507</v>
      </c>
      <c r="G23842" s="8">
        <v>269</v>
      </c>
      <c r="H23842" s="5">
        <v>6</v>
      </c>
      <c r="I23842" s="5" t="s">
        <v>1518</v>
      </c>
      <c r="J23842" s="5" t="s">
        <v>69038</v>
      </c>
      <c r="K23842" s="2" t="s">
        <v>69039</v>
      </c>
      <c r="L23842" s="5" t="s">
        <v>69038</v>
      </c>
      <c r="M23842" s="2" t="s">
        <v>69039</v>
      </c>
      <c r="N23842" s="5" t="s">
        <v>19227</v>
      </c>
      <c r="O23842" s="5" t="s">
        <v>38</v>
      </c>
      <c r="P23842" s="5" t="s">
        <v>39</v>
      </c>
      <c r="Q23842" s="5" t="s">
        <v>40</v>
      </c>
      <c r="R23842" s="5" t="s">
        <v>1487</v>
      </c>
      <c r="S23842" s="5"/>
      <c r="T23842" s="5" t="s">
        <v>42</v>
      </c>
      <c r="U23842" s="2">
        <v>0</v>
      </c>
      <c r="V23842" s="2">
        <v>0</v>
      </c>
      <c r="W23842" s="2">
        <v>0</v>
      </c>
      <c r="X23842" s="2">
        <v>0</v>
      </c>
      <c r="Y23842" s="2">
        <v>0</v>
      </c>
      <c r="Z23842" s="2">
        <v>0</v>
      </c>
      <c r="AA23842" s="5"/>
      <c r="AB23842" s="5" t="s">
        <v>43</v>
      </c>
      <c r="AC23842" s="5" t="s">
        <v>44</v>
      </c>
      <c r="AD23842" s="2"/>
      <c r="AE23842" s="1"/>
    </row>
    <row r="23843" spans="1:31" ht="14.45">
      <c r="A23843" s="11"/>
      <c r="B23843" s="20"/>
      <c r="C23843" s="2" t="s">
        <v>76408</v>
      </c>
      <c r="D23843" s="14" t="s">
        <v>76409</v>
      </c>
      <c r="E23843" s="2" t="s">
        <v>76410</v>
      </c>
      <c r="F23843" s="2" t="s">
        <v>7212</v>
      </c>
      <c r="G23843" s="8">
        <v>269</v>
      </c>
      <c r="H23843" s="5">
        <v>6</v>
      </c>
      <c r="I23843" s="5" t="s">
        <v>1518</v>
      </c>
      <c r="J23843" s="5" t="s">
        <v>69038</v>
      </c>
      <c r="K23843" s="2" t="s">
        <v>69039</v>
      </c>
      <c r="L23843" s="5" t="s">
        <v>69038</v>
      </c>
      <c r="M23843" s="2" t="s">
        <v>69039</v>
      </c>
      <c r="N23843" s="5" t="s">
        <v>19227</v>
      </c>
      <c r="O23843" s="5" t="s">
        <v>38</v>
      </c>
      <c r="P23843" s="5" t="s">
        <v>39</v>
      </c>
      <c r="Q23843" s="5" t="s">
        <v>40</v>
      </c>
      <c r="R23843" s="5" t="s">
        <v>1487</v>
      </c>
      <c r="S23843" s="5"/>
      <c r="T23843" s="5" t="s">
        <v>42</v>
      </c>
      <c r="U23843" s="2">
        <v>0</v>
      </c>
      <c r="V23843" s="2">
        <v>0</v>
      </c>
      <c r="W23843" s="2">
        <v>0</v>
      </c>
      <c r="X23843" s="2">
        <v>0</v>
      </c>
      <c r="Y23843" s="2">
        <v>0</v>
      </c>
      <c r="Z23843" s="2">
        <v>0</v>
      </c>
      <c r="AA23843" s="5"/>
      <c r="AB23843" s="5" t="s">
        <v>43</v>
      </c>
      <c r="AC23843" s="5" t="s">
        <v>44</v>
      </c>
      <c r="AD23843" s="2"/>
      <c r="AE23843" s="1"/>
    </row>
    <row r="23844" spans="1:31" ht="14.45">
      <c r="A23844" s="11"/>
      <c r="B23844" s="20"/>
      <c r="C23844" s="2" t="s">
        <v>76411</v>
      </c>
      <c r="D23844" s="14" t="s">
        <v>76412</v>
      </c>
      <c r="E23844" s="2" t="s">
        <v>76413</v>
      </c>
      <c r="F23844" s="2" t="s">
        <v>7528</v>
      </c>
      <c r="G23844" s="8">
        <v>269</v>
      </c>
      <c r="H23844" s="5">
        <v>6</v>
      </c>
      <c r="I23844" s="5" t="s">
        <v>1518</v>
      </c>
      <c r="J23844" s="5" t="s">
        <v>69038</v>
      </c>
      <c r="K23844" s="2" t="s">
        <v>69039</v>
      </c>
      <c r="L23844" s="5" t="s">
        <v>69038</v>
      </c>
      <c r="M23844" s="2" t="s">
        <v>69039</v>
      </c>
      <c r="N23844" s="5" t="s">
        <v>19227</v>
      </c>
      <c r="O23844" s="5" t="s">
        <v>38</v>
      </c>
      <c r="P23844" s="5" t="s">
        <v>39</v>
      </c>
      <c r="Q23844" s="5" t="s">
        <v>40</v>
      </c>
      <c r="R23844" s="5" t="s">
        <v>1487</v>
      </c>
      <c r="S23844" s="5"/>
      <c r="T23844" s="5" t="s">
        <v>42</v>
      </c>
      <c r="U23844" s="2">
        <v>0</v>
      </c>
      <c r="V23844" s="2">
        <v>0</v>
      </c>
      <c r="W23844" s="2">
        <v>0</v>
      </c>
      <c r="X23844" s="2">
        <v>0</v>
      </c>
      <c r="Y23844" s="2">
        <v>0</v>
      </c>
      <c r="Z23844" s="2">
        <v>0</v>
      </c>
      <c r="AA23844" s="5"/>
      <c r="AB23844" s="5" t="s">
        <v>43</v>
      </c>
      <c r="AC23844" s="5" t="s">
        <v>44</v>
      </c>
      <c r="AD23844" s="2"/>
      <c r="AE23844" s="1"/>
    </row>
    <row r="23845" spans="1:31" ht="14.45">
      <c r="A23845" s="11"/>
      <c r="B23845" s="20"/>
      <c r="C23845" s="2" t="s">
        <v>76414</v>
      </c>
      <c r="D23845" s="14" t="s">
        <v>76415</v>
      </c>
      <c r="E23845" s="2" t="s">
        <v>76416</v>
      </c>
      <c r="F23845" s="2" t="s">
        <v>7204</v>
      </c>
      <c r="G23845" s="8">
        <v>256</v>
      </c>
      <c r="H23845" s="5">
        <v>6</v>
      </c>
      <c r="I23845" s="5" t="s">
        <v>1518</v>
      </c>
      <c r="J23845" s="5" t="s">
        <v>69038</v>
      </c>
      <c r="K23845" s="2" t="s">
        <v>69039</v>
      </c>
      <c r="L23845" s="5" t="s">
        <v>69038</v>
      </c>
      <c r="M23845" s="2" t="s">
        <v>69039</v>
      </c>
      <c r="N23845" s="5" t="s">
        <v>19227</v>
      </c>
      <c r="O23845" s="5" t="s">
        <v>38</v>
      </c>
      <c r="P23845" s="5" t="s">
        <v>39</v>
      </c>
      <c r="Q23845" s="5" t="s">
        <v>40</v>
      </c>
      <c r="R23845" s="5" t="s">
        <v>1487</v>
      </c>
      <c r="S23845" s="5"/>
      <c r="T23845" s="5" t="s">
        <v>42</v>
      </c>
      <c r="U23845" s="2">
        <v>0</v>
      </c>
      <c r="V23845" s="2">
        <v>0</v>
      </c>
      <c r="W23845" s="2">
        <v>0</v>
      </c>
      <c r="X23845" s="2">
        <v>0</v>
      </c>
      <c r="Y23845" s="2">
        <v>0</v>
      </c>
      <c r="Z23845" s="2">
        <v>0</v>
      </c>
      <c r="AA23845" s="5"/>
      <c r="AB23845" s="5" t="s">
        <v>43</v>
      </c>
      <c r="AC23845" s="5" t="s">
        <v>44</v>
      </c>
      <c r="AD23845" s="2"/>
      <c r="AE23845" s="1"/>
    </row>
    <row r="23846" spans="1:31" ht="14.45">
      <c r="A23846" s="11"/>
      <c r="B23846" s="20"/>
      <c r="C23846" s="2" t="s">
        <v>76417</v>
      </c>
      <c r="D23846" s="14" t="s">
        <v>76418</v>
      </c>
      <c r="E23846" s="2" t="s">
        <v>76419</v>
      </c>
      <c r="F23846" s="2" t="s">
        <v>7514</v>
      </c>
      <c r="G23846" s="8">
        <v>256</v>
      </c>
      <c r="H23846" s="5">
        <v>6</v>
      </c>
      <c r="I23846" s="5" t="s">
        <v>1518</v>
      </c>
      <c r="J23846" s="5" t="s">
        <v>69038</v>
      </c>
      <c r="K23846" s="2" t="s">
        <v>69039</v>
      </c>
      <c r="L23846" s="5" t="s">
        <v>69038</v>
      </c>
      <c r="M23846" s="2" t="s">
        <v>69039</v>
      </c>
      <c r="N23846" s="5" t="s">
        <v>19227</v>
      </c>
      <c r="O23846" s="5" t="s">
        <v>38</v>
      </c>
      <c r="P23846" s="5" t="s">
        <v>39</v>
      </c>
      <c r="Q23846" s="5" t="s">
        <v>40</v>
      </c>
      <c r="R23846" s="5" t="s">
        <v>1487</v>
      </c>
      <c r="S23846" s="5"/>
      <c r="T23846" s="5" t="s">
        <v>42</v>
      </c>
      <c r="U23846" s="2">
        <v>0</v>
      </c>
      <c r="V23846" s="2">
        <v>0</v>
      </c>
      <c r="W23846" s="2">
        <v>0</v>
      </c>
      <c r="X23846" s="2">
        <v>0</v>
      </c>
      <c r="Y23846" s="2">
        <v>0</v>
      </c>
      <c r="Z23846" s="2">
        <v>0</v>
      </c>
      <c r="AA23846" s="5"/>
      <c r="AB23846" s="5" t="s">
        <v>43</v>
      </c>
      <c r="AC23846" s="5" t="s">
        <v>44</v>
      </c>
      <c r="AD23846" s="2"/>
      <c r="AE23846" s="1"/>
    </row>
    <row r="23847" spans="1:31" ht="14.45">
      <c r="A23847" s="11"/>
      <c r="B23847" s="20"/>
      <c r="C23847" s="2" t="s">
        <v>76420</v>
      </c>
      <c r="D23847" s="14" t="s">
        <v>76421</v>
      </c>
      <c r="E23847" s="2" t="s">
        <v>76422</v>
      </c>
      <c r="F23847" s="2" t="s">
        <v>7208</v>
      </c>
      <c r="G23847" s="8">
        <v>256</v>
      </c>
      <c r="H23847" s="5">
        <v>6</v>
      </c>
      <c r="I23847" s="5" t="s">
        <v>1518</v>
      </c>
      <c r="J23847" s="5" t="s">
        <v>69038</v>
      </c>
      <c r="K23847" s="2" t="s">
        <v>69039</v>
      </c>
      <c r="L23847" s="5" t="s">
        <v>69038</v>
      </c>
      <c r="M23847" s="2" t="s">
        <v>69039</v>
      </c>
      <c r="N23847" s="5" t="s">
        <v>19227</v>
      </c>
      <c r="O23847" s="5" t="s">
        <v>38</v>
      </c>
      <c r="P23847" s="5" t="s">
        <v>39</v>
      </c>
      <c r="Q23847" s="5" t="s">
        <v>40</v>
      </c>
      <c r="R23847" s="5" t="s">
        <v>1487</v>
      </c>
      <c r="S23847" s="5"/>
      <c r="T23847" s="5" t="s">
        <v>42</v>
      </c>
      <c r="U23847" s="2">
        <v>0</v>
      </c>
      <c r="V23847" s="2">
        <v>0</v>
      </c>
      <c r="W23847" s="2">
        <v>0</v>
      </c>
      <c r="X23847" s="2">
        <v>0</v>
      </c>
      <c r="Y23847" s="2">
        <v>0</v>
      </c>
      <c r="Z23847" s="2">
        <v>0</v>
      </c>
      <c r="AA23847" s="5"/>
      <c r="AB23847" s="5" t="s">
        <v>43</v>
      </c>
      <c r="AC23847" s="5" t="s">
        <v>44</v>
      </c>
      <c r="AD23847" s="2"/>
      <c r="AE23847" s="1"/>
    </row>
    <row r="23848" spans="1:31" ht="14.45">
      <c r="A23848" s="11"/>
      <c r="B23848" s="20"/>
      <c r="C23848" s="2" t="s">
        <v>76423</v>
      </c>
      <c r="D23848" s="14" t="s">
        <v>76424</v>
      </c>
      <c r="E23848" s="2" t="s">
        <v>76425</v>
      </c>
      <c r="F23848" s="2" t="s">
        <v>7521</v>
      </c>
      <c r="G23848" s="8">
        <v>256</v>
      </c>
      <c r="H23848" s="5">
        <v>6</v>
      </c>
      <c r="I23848" s="5" t="s">
        <v>1518</v>
      </c>
      <c r="J23848" s="5" t="s">
        <v>69038</v>
      </c>
      <c r="K23848" s="2" t="s">
        <v>69039</v>
      </c>
      <c r="L23848" s="5" t="s">
        <v>69038</v>
      </c>
      <c r="M23848" s="2" t="s">
        <v>69039</v>
      </c>
      <c r="N23848" s="5" t="s">
        <v>19227</v>
      </c>
      <c r="O23848" s="5" t="s">
        <v>38</v>
      </c>
      <c r="P23848" s="5" t="s">
        <v>39</v>
      </c>
      <c r="Q23848" s="5" t="s">
        <v>40</v>
      </c>
      <c r="R23848" s="5" t="s">
        <v>1487</v>
      </c>
      <c r="S23848" s="5"/>
      <c r="T23848" s="5" t="s">
        <v>42</v>
      </c>
      <c r="U23848" s="2">
        <v>0</v>
      </c>
      <c r="V23848" s="2">
        <v>0</v>
      </c>
      <c r="W23848" s="2">
        <v>0</v>
      </c>
      <c r="X23848" s="2">
        <v>0</v>
      </c>
      <c r="Y23848" s="2">
        <v>0</v>
      </c>
      <c r="Z23848" s="2">
        <v>0</v>
      </c>
      <c r="AA23848" s="5"/>
      <c r="AB23848" s="5" t="s">
        <v>43</v>
      </c>
      <c r="AC23848" s="5" t="s">
        <v>44</v>
      </c>
      <c r="AD23848" s="2"/>
      <c r="AE23848" s="1"/>
    </row>
    <row r="23849" spans="1:31" ht="14.45">
      <c r="A23849" s="11"/>
      <c r="B23849" s="20"/>
      <c r="C23849" s="2" t="s">
        <v>76426</v>
      </c>
      <c r="D23849" s="14" t="s">
        <v>76427</v>
      </c>
      <c r="E23849" s="2" t="s">
        <v>76428</v>
      </c>
      <c r="F23849" s="2" t="s">
        <v>7396</v>
      </c>
      <c r="G23849" s="8">
        <v>256</v>
      </c>
      <c r="H23849" s="5">
        <v>6</v>
      </c>
      <c r="I23849" s="5" t="s">
        <v>1518</v>
      </c>
      <c r="J23849" s="5" t="s">
        <v>69038</v>
      </c>
      <c r="K23849" s="2" t="s">
        <v>69039</v>
      </c>
      <c r="L23849" s="5" t="s">
        <v>69038</v>
      </c>
      <c r="M23849" s="2" t="s">
        <v>69039</v>
      </c>
      <c r="N23849" s="5" t="s">
        <v>19227</v>
      </c>
      <c r="O23849" s="5" t="s">
        <v>38</v>
      </c>
      <c r="P23849" s="5" t="s">
        <v>39</v>
      </c>
      <c r="Q23849" s="5" t="s">
        <v>40</v>
      </c>
      <c r="R23849" s="5" t="s">
        <v>1487</v>
      </c>
      <c r="S23849" s="5"/>
      <c r="T23849" s="5" t="s">
        <v>42</v>
      </c>
      <c r="U23849" s="2">
        <v>0</v>
      </c>
      <c r="V23849" s="2">
        <v>0</v>
      </c>
      <c r="W23849" s="2">
        <v>0</v>
      </c>
      <c r="X23849" s="2">
        <v>0</v>
      </c>
      <c r="Y23849" s="2">
        <v>0</v>
      </c>
      <c r="Z23849" s="2">
        <v>0</v>
      </c>
      <c r="AA23849" s="5"/>
      <c r="AB23849" s="5" t="s">
        <v>43</v>
      </c>
      <c r="AC23849" s="5" t="s">
        <v>44</v>
      </c>
      <c r="AD23849" s="2"/>
      <c r="AE23849" s="1"/>
    </row>
    <row r="23850" spans="1:31" ht="14.45">
      <c r="A23850" s="11"/>
      <c r="B23850" s="20"/>
      <c r="C23850" s="2" t="s">
        <v>76429</v>
      </c>
      <c r="D23850" s="14" t="s">
        <v>76430</v>
      </c>
      <c r="E23850" s="2" t="s">
        <v>76431</v>
      </c>
      <c r="F23850" s="2" t="s">
        <v>7507</v>
      </c>
      <c r="G23850" s="8">
        <v>256</v>
      </c>
      <c r="H23850" s="5">
        <v>6</v>
      </c>
      <c r="I23850" s="5" t="s">
        <v>1518</v>
      </c>
      <c r="J23850" s="5" t="s">
        <v>69038</v>
      </c>
      <c r="K23850" s="2" t="s">
        <v>69039</v>
      </c>
      <c r="L23850" s="5" t="s">
        <v>69038</v>
      </c>
      <c r="M23850" s="2" t="s">
        <v>69039</v>
      </c>
      <c r="N23850" s="5" t="s">
        <v>19227</v>
      </c>
      <c r="O23850" s="5" t="s">
        <v>38</v>
      </c>
      <c r="P23850" s="5" t="s">
        <v>39</v>
      </c>
      <c r="Q23850" s="5" t="s">
        <v>40</v>
      </c>
      <c r="R23850" s="5" t="s">
        <v>1487</v>
      </c>
      <c r="S23850" s="5"/>
      <c r="T23850" s="5" t="s">
        <v>42</v>
      </c>
      <c r="U23850" s="2">
        <v>0</v>
      </c>
      <c r="V23850" s="2">
        <v>0</v>
      </c>
      <c r="W23850" s="2">
        <v>0</v>
      </c>
      <c r="X23850" s="2">
        <v>0</v>
      </c>
      <c r="Y23850" s="2">
        <v>0</v>
      </c>
      <c r="Z23850" s="2">
        <v>0</v>
      </c>
      <c r="AA23850" s="5"/>
      <c r="AB23850" s="5" t="s">
        <v>43</v>
      </c>
      <c r="AC23850" s="5" t="s">
        <v>44</v>
      </c>
      <c r="AD23850" s="2"/>
      <c r="AE23850" s="1"/>
    </row>
    <row r="23851" spans="1:31" ht="14.45">
      <c r="A23851" s="11"/>
      <c r="B23851" s="20"/>
      <c r="C23851" s="2" t="s">
        <v>76432</v>
      </c>
      <c r="D23851" s="14" t="s">
        <v>76433</v>
      </c>
      <c r="E23851" s="2" t="s">
        <v>76434</v>
      </c>
      <c r="F23851" s="2" t="s">
        <v>7212</v>
      </c>
      <c r="G23851" s="8">
        <v>256</v>
      </c>
      <c r="H23851" s="5">
        <v>6</v>
      </c>
      <c r="I23851" s="5" t="s">
        <v>1518</v>
      </c>
      <c r="J23851" s="5" t="s">
        <v>69038</v>
      </c>
      <c r="K23851" s="2" t="s">
        <v>69039</v>
      </c>
      <c r="L23851" s="5" t="s">
        <v>69038</v>
      </c>
      <c r="M23851" s="2" t="s">
        <v>69039</v>
      </c>
      <c r="N23851" s="5" t="s">
        <v>19227</v>
      </c>
      <c r="O23851" s="5" t="s">
        <v>38</v>
      </c>
      <c r="P23851" s="5" t="s">
        <v>39</v>
      </c>
      <c r="Q23851" s="5" t="s">
        <v>40</v>
      </c>
      <c r="R23851" s="5" t="s">
        <v>1487</v>
      </c>
      <c r="S23851" s="5"/>
      <c r="T23851" s="5" t="s">
        <v>42</v>
      </c>
      <c r="U23851" s="2">
        <v>0</v>
      </c>
      <c r="V23851" s="2">
        <v>0</v>
      </c>
      <c r="W23851" s="2">
        <v>0</v>
      </c>
      <c r="X23851" s="2">
        <v>0</v>
      </c>
      <c r="Y23851" s="2">
        <v>0</v>
      </c>
      <c r="Z23851" s="2">
        <v>0</v>
      </c>
      <c r="AA23851" s="5"/>
      <c r="AB23851" s="5" t="s">
        <v>43</v>
      </c>
      <c r="AC23851" s="5" t="s">
        <v>44</v>
      </c>
      <c r="AD23851" s="2"/>
      <c r="AE23851" s="1"/>
    </row>
    <row r="23852" spans="1:31" ht="14.45">
      <c r="A23852" s="11"/>
      <c r="B23852" s="20"/>
      <c r="C23852" s="2" t="s">
        <v>76435</v>
      </c>
      <c r="D23852" s="14" t="s">
        <v>76436</v>
      </c>
      <c r="E23852" s="2" t="s">
        <v>76437</v>
      </c>
      <c r="F23852" s="2" t="s">
        <v>7528</v>
      </c>
      <c r="G23852" s="8">
        <v>256</v>
      </c>
      <c r="H23852" s="5">
        <v>6</v>
      </c>
      <c r="I23852" s="5" t="s">
        <v>1518</v>
      </c>
      <c r="J23852" s="5" t="s">
        <v>69038</v>
      </c>
      <c r="K23852" s="2" t="s">
        <v>69039</v>
      </c>
      <c r="L23852" s="5" t="s">
        <v>69038</v>
      </c>
      <c r="M23852" s="2" t="s">
        <v>69039</v>
      </c>
      <c r="N23852" s="5" t="s">
        <v>19227</v>
      </c>
      <c r="O23852" s="5" t="s">
        <v>38</v>
      </c>
      <c r="P23852" s="5" t="s">
        <v>39</v>
      </c>
      <c r="Q23852" s="5" t="s">
        <v>40</v>
      </c>
      <c r="R23852" s="5" t="s">
        <v>1487</v>
      </c>
      <c r="S23852" s="5"/>
      <c r="T23852" s="5" t="s">
        <v>42</v>
      </c>
      <c r="U23852" s="2">
        <v>0</v>
      </c>
      <c r="V23852" s="2">
        <v>0</v>
      </c>
      <c r="W23852" s="2">
        <v>0</v>
      </c>
      <c r="X23852" s="2">
        <v>0</v>
      </c>
      <c r="Y23852" s="2">
        <v>0</v>
      </c>
      <c r="Z23852" s="2">
        <v>0</v>
      </c>
      <c r="AA23852" s="5"/>
      <c r="AB23852" s="5" t="s">
        <v>43</v>
      </c>
      <c r="AC23852" s="5" t="s">
        <v>44</v>
      </c>
      <c r="AD23852" s="2"/>
      <c r="AE23852" s="1"/>
    </row>
    <row r="23853" spans="1:31" ht="14.45">
      <c r="A23853" s="11"/>
      <c r="B23853" s="20"/>
      <c r="C23853" s="2" t="s">
        <v>76438</v>
      </c>
      <c r="D23853" s="14" t="s">
        <v>76439</v>
      </c>
      <c r="E23853" s="2" t="s">
        <v>76440</v>
      </c>
      <c r="F23853" s="2" t="s">
        <v>7204</v>
      </c>
      <c r="G23853" s="8">
        <v>267</v>
      </c>
      <c r="H23853" s="5">
        <v>6</v>
      </c>
      <c r="I23853" s="5" t="s">
        <v>1518</v>
      </c>
      <c r="J23853" s="5" t="s">
        <v>69038</v>
      </c>
      <c r="K23853" s="2" t="s">
        <v>69039</v>
      </c>
      <c r="L23853" s="5" t="s">
        <v>69038</v>
      </c>
      <c r="M23853" s="2" t="s">
        <v>69039</v>
      </c>
      <c r="N23853" s="5" t="s">
        <v>19227</v>
      </c>
      <c r="O23853" s="5" t="s">
        <v>38</v>
      </c>
      <c r="P23853" s="5" t="s">
        <v>39</v>
      </c>
      <c r="Q23853" s="5" t="s">
        <v>40</v>
      </c>
      <c r="R23853" s="5" t="s">
        <v>1487</v>
      </c>
      <c r="S23853" s="5"/>
      <c r="T23853" s="5" t="s">
        <v>42</v>
      </c>
      <c r="U23853" s="2">
        <v>0</v>
      </c>
      <c r="V23853" s="2">
        <v>0</v>
      </c>
      <c r="W23853" s="2">
        <v>0</v>
      </c>
      <c r="X23853" s="2">
        <v>0</v>
      </c>
      <c r="Y23853" s="2">
        <v>0</v>
      </c>
      <c r="Z23853" s="2">
        <v>0</v>
      </c>
      <c r="AA23853" s="5"/>
      <c r="AB23853" s="5" t="s">
        <v>43</v>
      </c>
      <c r="AC23853" s="5" t="s">
        <v>44</v>
      </c>
      <c r="AD23853" s="2"/>
      <c r="AE23853" s="1"/>
    </row>
    <row r="23854" spans="1:31" ht="14.45">
      <c r="A23854" s="11"/>
      <c r="B23854" s="20"/>
      <c r="C23854" s="2" t="s">
        <v>76441</v>
      </c>
      <c r="D23854" s="14" t="s">
        <v>76442</v>
      </c>
      <c r="E23854" s="2" t="s">
        <v>76443</v>
      </c>
      <c r="F23854" s="2" t="s">
        <v>7514</v>
      </c>
      <c r="G23854" s="8">
        <v>267</v>
      </c>
      <c r="H23854" s="5">
        <v>6</v>
      </c>
      <c r="I23854" s="5" t="s">
        <v>1518</v>
      </c>
      <c r="J23854" s="5" t="s">
        <v>69038</v>
      </c>
      <c r="K23854" s="2" t="s">
        <v>69039</v>
      </c>
      <c r="L23854" s="5" t="s">
        <v>69038</v>
      </c>
      <c r="M23854" s="2" t="s">
        <v>69039</v>
      </c>
      <c r="N23854" s="5" t="s">
        <v>19227</v>
      </c>
      <c r="O23854" s="5" t="s">
        <v>38</v>
      </c>
      <c r="P23854" s="5" t="s">
        <v>39</v>
      </c>
      <c r="Q23854" s="5" t="s">
        <v>40</v>
      </c>
      <c r="R23854" s="5" t="s">
        <v>1487</v>
      </c>
      <c r="S23854" s="5"/>
      <c r="T23854" s="5" t="s">
        <v>42</v>
      </c>
      <c r="U23854" s="2">
        <v>0</v>
      </c>
      <c r="V23854" s="2">
        <v>0</v>
      </c>
      <c r="W23854" s="2">
        <v>0</v>
      </c>
      <c r="X23854" s="2">
        <v>0</v>
      </c>
      <c r="Y23854" s="2">
        <v>0</v>
      </c>
      <c r="Z23854" s="2">
        <v>0</v>
      </c>
      <c r="AA23854" s="5"/>
      <c r="AB23854" s="5" t="s">
        <v>43</v>
      </c>
      <c r="AC23854" s="5" t="s">
        <v>44</v>
      </c>
      <c r="AD23854" s="2"/>
      <c r="AE23854" s="1"/>
    </row>
    <row r="23855" spans="1:31" ht="14.45">
      <c r="A23855" s="11"/>
      <c r="B23855" s="20"/>
      <c r="C23855" s="2" t="s">
        <v>76444</v>
      </c>
      <c r="D23855" s="14" t="s">
        <v>76445</v>
      </c>
      <c r="E23855" s="2" t="s">
        <v>76446</v>
      </c>
      <c r="F23855" s="2" t="s">
        <v>7208</v>
      </c>
      <c r="G23855" s="8">
        <v>267</v>
      </c>
      <c r="H23855" s="5">
        <v>6</v>
      </c>
      <c r="I23855" s="5" t="s">
        <v>1518</v>
      </c>
      <c r="J23855" s="5" t="s">
        <v>69038</v>
      </c>
      <c r="K23855" s="2" t="s">
        <v>69039</v>
      </c>
      <c r="L23855" s="5" t="s">
        <v>69038</v>
      </c>
      <c r="M23855" s="2" t="s">
        <v>69039</v>
      </c>
      <c r="N23855" s="5" t="s">
        <v>19227</v>
      </c>
      <c r="O23855" s="5" t="s">
        <v>38</v>
      </c>
      <c r="P23855" s="5" t="s">
        <v>39</v>
      </c>
      <c r="Q23855" s="5" t="s">
        <v>40</v>
      </c>
      <c r="R23855" s="5" t="s">
        <v>1487</v>
      </c>
      <c r="S23855" s="5"/>
      <c r="T23855" s="5" t="s">
        <v>42</v>
      </c>
      <c r="U23855" s="2">
        <v>0</v>
      </c>
      <c r="V23855" s="2">
        <v>0</v>
      </c>
      <c r="W23855" s="2">
        <v>0</v>
      </c>
      <c r="X23855" s="2">
        <v>0</v>
      </c>
      <c r="Y23855" s="2">
        <v>0</v>
      </c>
      <c r="Z23855" s="2">
        <v>0</v>
      </c>
      <c r="AA23855" s="5"/>
      <c r="AB23855" s="5" t="s">
        <v>43</v>
      </c>
      <c r="AC23855" s="5" t="s">
        <v>44</v>
      </c>
      <c r="AD23855" s="2"/>
      <c r="AE23855" s="1"/>
    </row>
    <row r="23856" spans="1:31" ht="14.45">
      <c r="A23856" s="11"/>
      <c r="B23856" s="20"/>
      <c r="C23856" s="2" t="s">
        <v>76447</v>
      </c>
      <c r="D23856" s="14" t="s">
        <v>76448</v>
      </c>
      <c r="E23856" s="2" t="s">
        <v>76449</v>
      </c>
      <c r="F23856" s="2" t="s">
        <v>7521</v>
      </c>
      <c r="G23856" s="8">
        <v>267</v>
      </c>
      <c r="H23856" s="5">
        <v>6</v>
      </c>
      <c r="I23856" s="5" t="s">
        <v>1518</v>
      </c>
      <c r="J23856" s="5" t="s">
        <v>69038</v>
      </c>
      <c r="K23856" s="2" t="s">
        <v>69039</v>
      </c>
      <c r="L23856" s="5" t="s">
        <v>69038</v>
      </c>
      <c r="M23856" s="2" t="s">
        <v>69039</v>
      </c>
      <c r="N23856" s="5" t="s">
        <v>19227</v>
      </c>
      <c r="O23856" s="5" t="s">
        <v>38</v>
      </c>
      <c r="P23856" s="5" t="s">
        <v>39</v>
      </c>
      <c r="Q23856" s="5" t="s">
        <v>40</v>
      </c>
      <c r="R23856" s="5" t="s">
        <v>1487</v>
      </c>
      <c r="S23856" s="5"/>
      <c r="T23856" s="5" t="s">
        <v>42</v>
      </c>
      <c r="U23856" s="2">
        <v>0</v>
      </c>
      <c r="V23856" s="2">
        <v>0</v>
      </c>
      <c r="W23856" s="2">
        <v>0</v>
      </c>
      <c r="X23856" s="2">
        <v>0</v>
      </c>
      <c r="Y23856" s="2">
        <v>0</v>
      </c>
      <c r="Z23856" s="2">
        <v>0</v>
      </c>
      <c r="AA23856" s="5"/>
      <c r="AB23856" s="5" t="s">
        <v>43</v>
      </c>
      <c r="AC23856" s="5" t="s">
        <v>44</v>
      </c>
      <c r="AD23856" s="2"/>
      <c r="AE23856" s="1"/>
    </row>
    <row r="23857" spans="1:31" ht="14.45">
      <c r="A23857" s="11"/>
      <c r="B23857" s="20"/>
      <c r="C23857" s="2" t="s">
        <v>76450</v>
      </c>
      <c r="D23857" s="14" t="s">
        <v>76451</v>
      </c>
      <c r="E23857" s="2" t="s">
        <v>76452</v>
      </c>
      <c r="F23857" s="2" t="s">
        <v>7396</v>
      </c>
      <c r="G23857" s="8">
        <v>267</v>
      </c>
      <c r="H23857" s="5">
        <v>6</v>
      </c>
      <c r="I23857" s="5" t="s">
        <v>1518</v>
      </c>
      <c r="J23857" s="5" t="s">
        <v>69038</v>
      </c>
      <c r="K23857" s="2" t="s">
        <v>69039</v>
      </c>
      <c r="L23857" s="5" t="s">
        <v>69038</v>
      </c>
      <c r="M23857" s="2" t="s">
        <v>69039</v>
      </c>
      <c r="N23857" s="5" t="s">
        <v>19227</v>
      </c>
      <c r="O23857" s="5" t="s">
        <v>38</v>
      </c>
      <c r="P23857" s="5" t="s">
        <v>39</v>
      </c>
      <c r="Q23857" s="5" t="s">
        <v>40</v>
      </c>
      <c r="R23857" s="5" t="s">
        <v>1487</v>
      </c>
      <c r="S23857" s="5"/>
      <c r="T23857" s="5" t="s">
        <v>42</v>
      </c>
      <c r="U23857" s="2">
        <v>0</v>
      </c>
      <c r="V23857" s="2">
        <v>0</v>
      </c>
      <c r="W23857" s="2">
        <v>0</v>
      </c>
      <c r="X23857" s="2">
        <v>0</v>
      </c>
      <c r="Y23857" s="2">
        <v>0</v>
      </c>
      <c r="Z23857" s="2">
        <v>0</v>
      </c>
      <c r="AA23857" s="5"/>
      <c r="AB23857" s="5" t="s">
        <v>43</v>
      </c>
      <c r="AC23857" s="5" t="s">
        <v>44</v>
      </c>
      <c r="AD23857" s="2"/>
      <c r="AE23857" s="1"/>
    </row>
    <row r="23858" spans="1:31" ht="14.45">
      <c r="A23858" s="11"/>
      <c r="B23858" s="20"/>
      <c r="C23858" s="2" t="s">
        <v>76453</v>
      </c>
      <c r="D23858" s="14" t="s">
        <v>76454</v>
      </c>
      <c r="E23858" s="2" t="s">
        <v>76455</v>
      </c>
      <c r="F23858" s="2" t="s">
        <v>7507</v>
      </c>
      <c r="G23858" s="8">
        <v>267</v>
      </c>
      <c r="H23858" s="5">
        <v>6</v>
      </c>
      <c r="I23858" s="5" t="s">
        <v>1518</v>
      </c>
      <c r="J23858" s="5" t="s">
        <v>69038</v>
      </c>
      <c r="K23858" s="2" t="s">
        <v>69039</v>
      </c>
      <c r="L23858" s="5" t="s">
        <v>69038</v>
      </c>
      <c r="M23858" s="2" t="s">
        <v>69039</v>
      </c>
      <c r="N23858" s="5" t="s">
        <v>19227</v>
      </c>
      <c r="O23858" s="5" t="s">
        <v>38</v>
      </c>
      <c r="P23858" s="5" t="s">
        <v>39</v>
      </c>
      <c r="Q23858" s="5" t="s">
        <v>40</v>
      </c>
      <c r="R23858" s="5" t="s">
        <v>1487</v>
      </c>
      <c r="S23858" s="5"/>
      <c r="T23858" s="5" t="s">
        <v>42</v>
      </c>
      <c r="U23858" s="2">
        <v>0</v>
      </c>
      <c r="V23858" s="2">
        <v>0</v>
      </c>
      <c r="W23858" s="2">
        <v>0</v>
      </c>
      <c r="X23858" s="2">
        <v>0</v>
      </c>
      <c r="Y23858" s="2">
        <v>0</v>
      </c>
      <c r="Z23858" s="2">
        <v>0</v>
      </c>
      <c r="AA23858" s="5"/>
      <c r="AB23858" s="5" t="s">
        <v>43</v>
      </c>
      <c r="AC23858" s="5" t="s">
        <v>44</v>
      </c>
      <c r="AD23858" s="2"/>
      <c r="AE23858" s="1"/>
    </row>
    <row r="23859" spans="1:31" ht="14.45">
      <c r="A23859" s="11"/>
      <c r="B23859" s="20"/>
      <c r="C23859" s="2" t="s">
        <v>76456</v>
      </c>
      <c r="D23859" s="14" t="s">
        <v>76457</v>
      </c>
      <c r="E23859" s="2" t="s">
        <v>76458</v>
      </c>
      <c r="F23859" s="2" t="s">
        <v>7212</v>
      </c>
      <c r="G23859" s="8">
        <v>267</v>
      </c>
      <c r="H23859" s="5">
        <v>6</v>
      </c>
      <c r="I23859" s="5" t="s">
        <v>1518</v>
      </c>
      <c r="J23859" s="5" t="s">
        <v>69038</v>
      </c>
      <c r="K23859" s="2" t="s">
        <v>69039</v>
      </c>
      <c r="L23859" s="5" t="s">
        <v>69038</v>
      </c>
      <c r="M23859" s="2" t="s">
        <v>69039</v>
      </c>
      <c r="N23859" s="5" t="s">
        <v>19227</v>
      </c>
      <c r="O23859" s="5" t="s">
        <v>38</v>
      </c>
      <c r="P23859" s="5" t="s">
        <v>39</v>
      </c>
      <c r="Q23859" s="5" t="s">
        <v>40</v>
      </c>
      <c r="R23859" s="5" t="s">
        <v>1487</v>
      </c>
      <c r="S23859" s="5"/>
      <c r="T23859" s="5" t="s">
        <v>42</v>
      </c>
      <c r="U23859" s="2">
        <v>0</v>
      </c>
      <c r="V23859" s="2">
        <v>0</v>
      </c>
      <c r="W23859" s="2">
        <v>0</v>
      </c>
      <c r="X23859" s="2">
        <v>0</v>
      </c>
      <c r="Y23859" s="2">
        <v>0</v>
      </c>
      <c r="Z23859" s="2">
        <v>0</v>
      </c>
      <c r="AA23859" s="5"/>
      <c r="AB23859" s="5" t="s">
        <v>43</v>
      </c>
      <c r="AC23859" s="5" t="s">
        <v>44</v>
      </c>
      <c r="AD23859" s="2"/>
      <c r="AE23859" s="1"/>
    </row>
    <row r="23860" spans="1:31" ht="14.45">
      <c r="A23860" s="11"/>
      <c r="B23860" s="20"/>
      <c r="C23860" s="2" t="s">
        <v>76459</v>
      </c>
      <c r="D23860" s="14" t="s">
        <v>76460</v>
      </c>
      <c r="E23860" s="2" t="s">
        <v>76461</v>
      </c>
      <c r="F23860" s="2" t="s">
        <v>7528</v>
      </c>
      <c r="G23860" s="8">
        <v>267</v>
      </c>
      <c r="H23860" s="5">
        <v>6</v>
      </c>
      <c r="I23860" s="5" t="s">
        <v>1518</v>
      </c>
      <c r="J23860" s="5" t="s">
        <v>69038</v>
      </c>
      <c r="K23860" s="2" t="s">
        <v>69039</v>
      </c>
      <c r="L23860" s="5" t="s">
        <v>69038</v>
      </c>
      <c r="M23860" s="2" t="s">
        <v>69039</v>
      </c>
      <c r="N23860" s="5" t="s">
        <v>19227</v>
      </c>
      <c r="O23860" s="5" t="s">
        <v>38</v>
      </c>
      <c r="P23860" s="5" t="s">
        <v>39</v>
      </c>
      <c r="Q23860" s="5" t="s">
        <v>40</v>
      </c>
      <c r="R23860" s="5" t="s">
        <v>1487</v>
      </c>
      <c r="S23860" s="5"/>
      <c r="T23860" s="5" t="s">
        <v>42</v>
      </c>
      <c r="U23860" s="2">
        <v>0</v>
      </c>
      <c r="V23860" s="2">
        <v>0</v>
      </c>
      <c r="W23860" s="2">
        <v>0</v>
      </c>
      <c r="X23860" s="2">
        <v>0</v>
      </c>
      <c r="Y23860" s="2">
        <v>0</v>
      </c>
      <c r="Z23860" s="2">
        <v>0</v>
      </c>
      <c r="AA23860" s="5"/>
      <c r="AB23860" s="5" t="s">
        <v>43</v>
      </c>
      <c r="AC23860" s="5" t="s">
        <v>44</v>
      </c>
      <c r="AD23860" s="2"/>
      <c r="AE23860" s="1"/>
    </row>
    <row r="23861" spans="1:31" ht="14.45">
      <c r="A23861" s="11"/>
      <c r="B23861" s="20"/>
      <c r="C23861" s="2" t="s">
        <v>76462</v>
      </c>
      <c r="D23861" s="14" t="s">
        <v>76463</v>
      </c>
      <c r="E23861" s="2" t="s">
        <v>76464</v>
      </c>
      <c r="F23861" s="2" t="s">
        <v>7204</v>
      </c>
      <c r="G23861" s="8">
        <v>283</v>
      </c>
      <c r="H23861" s="5">
        <v>6</v>
      </c>
      <c r="I23861" s="5" t="s">
        <v>1518</v>
      </c>
      <c r="J23861" s="5" t="s">
        <v>69038</v>
      </c>
      <c r="K23861" s="2" t="s">
        <v>69039</v>
      </c>
      <c r="L23861" s="5" t="s">
        <v>69038</v>
      </c>
      <c r="M23861" s="2" t="s">
        <v>69039</v>
      </c>
      <c r="N23861" s="5" t="s">
        <v>19227</v>
      </c>
      <c r="O23861" s="5" t="s">
        <v>38</v>
      </c>
      <c r="P23861" s="5" t="s">
        <v>39</v>
      </c>
      <c r="Q23861" s="5" t="s">
        <v>40</v>
      </c>
      <c r="R23861" s="5" t="s">
        <v>1487</v>
      </c>
      <c r="S23861" s="5"/>
      <c r="T23861" s="5" t="s">
        <v>42</v>
      </c>
      <c r="U23861" s="2">
        <v>0</v>
      </c>
      <c r="V23861" s="2">
        <v>0</v>
      </c>
      <c r="W23861" s="2">
        <v>0</v>
      </c>
      <c r="X23861" s="2">
        <v>0</v>
      </c>
      <c r="Y23861" s="2">
        <v>0</v>
      </c>
      <c r="Z23861" s="2">
        <v>0</v>
      </c>
      <c r="AA23861" s="5"/>
      <c r="AB23861" s="5" t="s">
        <v>43</v>
      </c>
      <c r="AC23861" s="5" t="s">
        <v>44</v>
      </c>
      <c r="AD23861" s="2"/>
      <c r="AE23861" s="1"/>
    </row>
    <row r="23862" spans="1:31" ht="14.45">
      <c r="A23862" s="11"/>
      <c r="B23862" s="20"/>
      <c r="C23862" s="2" t="s">
        <v>76465</v>
      </c>
      <c r="D23862" s="14" t="s">
        <v>76466</v>
      </c>
      <c r="E23862" s="2" t="s">
        <v>76467</v>
      </c>
      <c r="F23862" s="2" t="s">
        <v>7514</v>
      </c>
      <c r="G23862" s="8">
        <v>283</v>
      </c>
      <c r="H23862" s="5">
        <v>6</v>
      </c>
      <c r="I23862" s="5" t="s">
        <v>1518</v>
      </c>
      <c r="J23862" s="5" t="s">
        <v>69038</v>
      </c>
      <c r="K23862" s="2" t="s">
        <v>69039</v>
      </c>
      <c r="L23862" s="5" t="s">
        <v>69038</v>
      </c>
      <c r="M23862" s="2" t="s">
        <v>69039</v>
      </c>
      <c r="N23862" s="5" t="s">
        <v>19227</v>
      </c>
      <c r="O23862" s="5" t="s">
        <v>38</v>
      </c>
      <c r="P23862" s="5" t="s">
        <v>39</v>
      </c>
      <c r="Q23862" s="5" t="s">
        <v>40</v>
      </c>
      <c r="R23862" s="5" t="s">
        <v>1487</v>
      </c>
      <c r="S23862" s="5"/>
      <c r="T23862" s="5" t="s">
        <v>42</v>
      </c>
      <c r="U23862" s="2">
        <v>0</v>
      </c>
      <c r="V23862" s="2">
        <v>0</v>
      </c>
      <c r="W23862" s="2">
        <v>0</v>
      </c>
      <c r="X23862" s="2">
        <v>0</v>
      </c>
      <c r="Y23862" s="2">
        <v>0</v>
      </c>
      <c r="Z23862" s="2">
        <v>0</v>
      </c>
      <c r="AA23862" s="5"/>
      <c r="AB23862" s="5" t="s">
        <v>43</v>
      </c>
      <c r="AC23862" s="5" t="s">
        <v>44</v>
      </c>
      <c r="AD23862" s="2"/>
      <c r="AE23862" s="1"/>
    </row>
    <row r="23863" spans="1:31" ht="14.45">
      <c r="A23863" s="11"/>
      <c r="B23863" s="20"/>
      <c r="C23863" s="2" t="s">
        <v>76468</v>
      </c>
      <c r="D23863" s="14" t="s">
        <v>76469</v>
      </c>
      <c r="E23863" s="2" t="s">
        <v>76470</v>
      </c>
      <c r="F23863" s="2" t="s">
        <v>7208</v>
      </c>
      <c r="G23863" s="8">
        <v>283</v>
      </c>
      <c r="H23863" s="5">
        <v>6</v>
      </c>
      <c r="I23863" s="5" t="s">
        <v>1518</v>
      </c>
      <c r="J23863" s="5" t="s">
        <v>69038</v>
      </c>
      <c r="K23863" s="2" t="s">
        <v>69039</v>
      </c>
      <c r="L23863" s="5" t="s">
        <v>69038</v>
      </c>
      <c r="M23863" s="2" t="s">
        <v>69039</v>
      </c>
      <c r="N23863" s="5" t="s">
        <v>19227</v>
      </c>
      <c r="O23863" s="5" t="s">
        <v>38</v>
      </c>
      <c r="P23863" s="5" t="s">
        <v>39</v>
      </c>
      <c r="Q23863" s="5" t="s">
        <v>40</v>
      </c>
      <c r="R23863" s="5" t="s">
        <v>1487</v>
      </c>
      <c r="S23863" s="5"/>
      <c r="T23863" s="5" t="s">
        <v>42</v>
      </c>
      <c r="U23863" s="2">
        <v>0</v>
      </c>
      <c r="V23863" s="2">
        <v>0</v>
      </c>
      <c r="W23863" s="2">
        <v>0</v>
      </c>
      <c r="X23863" s="2">
        <v>0</v>
      </c>
      <c r="Y23863" s="2">
        <v>0</v>
      </c>
      <c r="Z23863" s="2">
        <v>0</v>
      </c>
      <c r="AA23863" s="5"/>
      <c r="AB23863" s="5" t="s">
        <v>43</v>
      </c>
      <c r="AC23863" s="5" t="s">
        <v>44</v>
      </c>
      <c r="AD23863" s="2"/>
      <c r="AE23863" s="1"/>
    </row>
    <row r="23864" spans="1:31" ht="14.45">
      <c r="A23864" s="11"/>
      <c r="B23864" s="20"/>
      <c r="C23864" s="2" t="s">
        <v>76471</v>
      </c>
      <c r="D23864" s="14" t="s">
        <v>76472</v>
      </c>
      <c r="E23864" s="2" t="s">
        <v>76473</v>
      </c>
      <c r="F23864" s="2" t="s">
        <v>7521</v>
      </c>
      <c r="G23864" s="8">
        <v>283</v>
      </c>
      <c r="H23864" s="5">
        <v>6</v>
      </c>
      <c r="I23864" s="5" t="s">
        <v>1518</v>
      </c>
      <c r="J23864" s="5" t="s">
        <v>69038</v>
      </c>
      <c r="K23864" s="2" t="s">
        <v>69039</v>
      </c>
      <c r="L23864" s="5" t="s">
        <v>69038</v>
      </c>
      <c r="M23864" s="2" t="s">
        <v>69039</v>
      </c>
      <c r="N23864" s="5" t="s">
        <v>19227</v>
      </c>
      <c r="O23864" s="5" t="s">
        <v>38</v>
      </c>
      <c r="P23864" s="5" t="s">
        <v>39</v>
      </c>
      <c r="Q23864" s="5" t="s">
        <v>40</v>
      </c>
      <c r="R23864" s="5" t="s">
        <v>1487</v>
      </c>
      <c r="S23864" s="5"/>
      <c r="T23864" s="5" t="s">
        <v>42</v>
      </c>
      <c r="U23864" s="2">
        <v>0</v>
      </c>
      <c r="V23864" s="2">
        <v>0</v>
      </c>
      <c r="W23864" s="2">
        <v>0</v>
      </c>
      <c r="X23864" s="2">
        <v>0</v>
      </c>
      <c r="Y23864" s="2">
        <v>0</v>
      </c>
      <c r="Z23864" s="2">
        <v>0</v>
      </c>
      <c r="AA23864" s="5"/>
      <c r="AB23864" s="5" t="s">
        <v>43</v>
      </c>
      <c r="AC23864" s="5" t="s">
        <v>44</v>
      </c>
      <c r="AD23864" s="2"/>
      <c r="AE23864" s="1"/>
    </row>
    <row r="23865" spans="1:31" ht="14.45">
      <c r="A23865" s="11"/>
      <c r="B23865" s="20"/>
      <c r="C23865" s="2" t="s">
        <v>76474</v>
      </c>
      <c r="D23865" s="14" t="s">
        <v>76475</v>
      </c>
      <c r="E23865" s="2" t="s">
        <v>76476</v>
      </c>
      <c r="F23865" s="2" t="s">
        <v>7396</v>
      </c>
      <c r="G23865" s="8">
        <v>283</v>
      </c>
      <c r="H23865" s="5">
        <v>6</v>
      </c>
      <c r="I23865" s="5" t="s">
        <v>1518</v>
      </c>
      <c r="J23865" s="5" t="s">
        <v>69038</v>
      </c>
      <c r="K23865" s="2" t="s">
        <v>69039</v>
      </c>
      <c r="L23865" s="5" t="s">
        <v>69038</v>
      </c>
      <c r="M23865" s="2" t="s">
        <v>69039</v>
      </c>
      <c r="N23865" s="5" t="s">
        <v>19227</v>
      </c>
      <c r="O23865" s="5" t="s">
        <v>38</v>
      </c>
      <c r="P23865" s="5" t="s">
        <v>39</v>
      </c>
      <c r="Q23865" s="5" t="s">
        <v>40</v>
      </c>
      <c r="R23865" s="5" t="s">
        <v>1487</v>
      </c>
      <c r="S23865" s="5"/>
      <c r="T23865" s="5" t="s">
        <v>42</v>
      </c>
      <c r="U23865" s="2">
        <v>0</v>
      </c>
      <c r="V23865" s="2">
        <v>0</v>
      </c>
      <c r="W23865" s="2">
        <v>0</v>
      </c>
      <c r="X23865" s="2">
        <v>0</v>
      </c>
      <c r="Y23865" s="2">
        <v>0</v>
      </c>
      <c r="Z23865" s="2">
        <v>0</v>
      </c>
      <c r="AA23865" s="5"/>
      <c r="AB23865" s="5" t="s">
        <v>43</v>
      </c>
      <c r="AC23865" s="5" t="s">
        <v>44</v>
      </c>
      <c r="AD23865" s="2"/>
      <c r="AE23865" s="1"/>
    </row>
    <row r="23866" spans="1:31" ht="14.45">
      <c r="A23866" s="11"/>
      <c r="B23866" s="20"/>
      <c r="C23866" s="2" t="s">
        <v>76477</v>
      </c>
      <c r="D23866" s="14" t="s">
        <v>76478</v>
      </c>
      <c r="E23866" s="2" t="s">
        <v>76479</v>
      </c>
      <c r="F23866" s="2" t="s">
        <v>7507</v>
      </c>
      <c r="G23866" s="8">
        <v>283</v>
      </c>
      <c r="H23866" s="5">
        <v>6</v>
      </c>
      <c r="I23866" s="5" t="s">
        <v>1518</v>
      </c>
      <c r="J23866" s="5" t="s">
        <v>69038</v>
      </c>
      <c r="K23866" s="2" t="s">
        <v>69039</v>
      </c>
      <c r="L23866" s="5" t="s">
        <v>69038</v>
      </c>
      <c r="M23866" s="2" t="s">
        <v>69039</v>
      </c>
      <c r="N23866" s="5" t="s">
        <v>19227</v>
      </c>
      <c r="O23866" s="5" t="s">
        <v>38</v>
      </c>
      <c r="P23866" s="5" t="s">
        <v>39</v>
      </c>
      <c r="Q23866" s="5" t="s">
        <v>40</v>
      </c>
      <c r="R23866" s="5" t="s">
        <v>1487</v>
      </c>
      <c r="S23866" s="5"/>
      <c r="T23866" s="5" t="s">
        <v>42</v>
      </c>
      <c r="U23866" s="2">
        <v>0</v>
      </c>
      <c r="V23866" s="2">
        <v>0</v>
      </c>
      <c r="W23866" s="2">
        <v>0</v>
      </c>
      <c r="X23866" s="2">
        <v>0</v>
      </c>
      <c r="Y23866" s="2">
        <v>0</v>
      </c>
      <c r="Z23866" s="2">
        <v>0</v>
      </c>
      <c r="AA23866" s="5"/>
      <c r="AB23866" s="5" t="s">
        <v>43</v>
      </c>
      <c r="AC23866" s="5" t="s">
        <v>44</v>
      </c>
      <c r="AD23866" s="2"/>
      <c r="AE23866" s="1"/>
    </row>
    <row r="23867" spans="1:31" ht="14.45">
      <c r="A23867" s="11"/>
      <c r="B23867" s="20"/>
      <c r="C23867" s="2" t="s">
        <v>76480</v>
      </c>
      <c r="D23867" s="14" t="s">
        <v>76481</v>
      </c>
      <c r="E23867" s="2" t="s">
        <v>76482</v>
      </c>
      <c r="F23867" s="2" t="s">
        <v>7212</v>
      </c>
      <c r="G23867" s="8">
        <v>283</v>
      </c>
      <c r="H23867" s="5">
        <v>6</v>
      </c>
      <c r="I23867" s="5" t="s">
        <v>1518</v>
      </c>
      <c r="J23867" s="5" t="s">
        <v>69038</v>
      </c>
      <c r="K23867" s="2" t="s">
        <v>69039</v>
      </c>
      <c r="L23867" s="5" t="s">
        <v>69038</v>
      </c>
      <c r="M23867" s="2" t="s">
        <v>69039</v>
      </c>
      <c r="N23867" s="5" t="s">
        <v>19227</v>
      </c>
      <c r="O23867" s="5" t="s">
        <v>38</v>
      </c>
      <c r="P23867" s="5" t="s">
        <v>39</v>
      </c>
      <c r="Q23867" s="5" t="s">
        <v>40</v>
      </c>
      <c r="R23867" s="5" t="s">
        <v>1487</v>
      </c>
      <c r="S23867" s="5"/>
      <c r="T23867" s="5" t="s">
        <v>42</v>
      </c>
      <c r="U23867" s="2">
        <v>0</v>
      </c>
      <c r="V23867" s="2">
        <v>0</v>
      </c>
      <c r="W23867" s="2">
        <v>0</v>
      </c>
      <c r="X23867" s="2">
        <v>0</v>
      </c>
      <c r="Y23867" s="2">
        <v>0</v>
      </c>
      <c r="Z23867" s="2">
        <v>0</v>
      </c>
      <c r="AA23867" s="5"/>
      <c r="AB23867" s="5" t="s">
        <v>43</v>
      </c>
      <c r="AC23867" s="5" t="s">
        <v>44</v>
      </c>
      <c r="AD23867" s="2"/>
      <c r="AE23867" s="1"/>
    </row>
    <row r="23868" spans="1:31" ht="14.45">
      <c r="A23868" s="11"/>
      <c r="B23868" s="20"/>
      <c r="C23868" s="2" t="s">
        <v>76483</v>
      </c>
      <c r="D23868" s="14" t="s">
        <v>76484</v>
      </c>
      <c r="E23868" s="2" t="s">
        <v>76485</v>
      </c>
      <c r="F23868" s="2" t="s">
        <v>7528</v>
      </c>
      <c r="G23868" s="8">
        <v>283</v>
      </c>
      <c r="H23868" s="5">
        <v>6</v>
      </c>
      <c r="I23868" s="5" t="s">
        <v>1518</v>
      </c>
      <c r="J23868" s="5" t="s">
        <v>69038</v>
      </c>
      <c r="K23868" s="2" t="s">
        <v>69039</v>
      </c>
      <c r="L23868" s="5" t="s">
        <v>69038</v>
      </c>
      <c r="M23868" s="2" t="s">
        <v>69039</v>
      </c>
      <c r="N23868" s="5" t="s">
        <v>19227</v>
      </c>
      <c r="O23868" s="5" t="s">
        <v>38</v>
      </c>
      <c r="P23868" s="5" t="s">
        <v>39</v>
      </c>
      <c r="Q23868" s="5" t="s">
        <v>40</v>
      </c>
      <c r="R23868" s="5" t="s">
        <v>1487</v>
      </c>
      <c r="S23868" s="5"/>
      <c r="T23868" s="5" t="s">
        <v>42</v>
      </c>
      <c r="U23868" s="2">
        <v>0</v>
      </c>
      <c r="V23868" s="2">
        <v>0</v>
      </c>
      <c r="W23868" s="2">
        <v>0</v>
      </c>
      <c r="X23868" s="2">
        <v>0</v>
      </c>
      <c r="Y23868" s="2">
        <v>0</v>
      </c>
      <c r="Z23868" s="2">
        <v>0</v>
      </c>
      <c r="AA23868" s="5"/>
      <c r="AB23868" s="5" t="s">
        <v>43</v>
      </c>
      <c r="AC23868" s="5" t="s">
        <v>44</v>
      </c>
      <c r="AD23868" s="2"/>
      <c r="AE23868" s="1"/>
    </row>
    <row r="23869" spans="1:31" ht="14.45">
      <c r="A23869" s="11"/>
      <c r="B23869" s="20"/>
      <c r="C23869" s="2" t="s">
        <v>76486</v>
      </c>
      <c r="D23869" s="14" t="s">
        <v>76487</v>
      </c>
      <c r="E23869" s="2" t="s">
        <v>76488</v>
      </c>
      <c r="F23869" s="2" t="s">
        <v>7204</v>
      </c>
      <c r="G23869" s="8">
        <v>256</v>
      </c>
      <c r="H23869" s="5">
        <v>6</v>
      </c>
      <c r="I23869" s="5" t="s">
        <v>1518</v>
      </c>
      <c r="J23869" s="5" t="s">
        <v>69038</v>
      </c>
      <c r="K23869" s="2" t="s">
        <v>69039</v>
      </c>
      <c r="L23869" s="5" t="s">
        <v>69038</v>
      </c>
      <c r="M23869" s="2" t="s">
        <v>69039</v>
      </c>
      <c r="N23869" s="5" t="s">
        <v>19227</v>
      </c>
      <c r="O23869" s="5" t="s">
        <v>38</v>
      </c>
      <c r="P23869" s="5" t="s">
        <v>39</v>
      </c>
      <c r="Q23869" s="5" t="s">
        <v>40</v>
      </c>
      <c r="R23869" s="5" t="s">
        <v>1487</v>
      </c>
      <c r="S23869" s="5"/>
      <c r="T23869" s="5" t="s">
        <v>42</v>
      </c>
      <c r="U23869" s="2">
        <v>0</v>
      </c>
      <c r="V23869" s="2">
        <v>0</v>
      </c>
      <c r="W23869" s="2">
        <v>0</v>
      </c>
      <c r="X23869" s="2">
        <v>0</v>
      </c>
      <c r="Y23869" s="2">
        <v>0</v>
      </c>
      <c r="Z23869" s="2">
        <v>0</v>
      </c>
      <c r="AA23869" s="5"/>
      <c r="AB23869" s="5" t="s">
        <v>43</v>
      </c>
      <c r="AC23869" s="5" t="s">
        <v>44</v>
      </c>
      <c r="AD23869" s="2"/>
      <c r="AE23869" s="1"/>
    </row>
    <row r="23870" spans="1:31" ht="14.45">
      <c r="A23870" s="11"/>
      <c r="B23870" s="20"/>
      <c r="C23870" s="2" t="s">
        <v>76489</v>
      </c>
      <c r="D23870" s="14" t="s">
        <v>76490</v>
      </c>
      <c r="E23870" s="2" t="s">
        <v>76491</v>
      </c>
      <c r="F23870" s="2" t="s">
        <v>7514</v>
      </c>
      <c r="G23870" s="8">
        <v>256</v>
      </c>
      <c r="H23870" s="5">
        <v>6</v>
      </c>
      <c r="I23870" s="5" t="s">
        <v>1518</v>
      </c>
      <c r="J23870" s="5" t="s">
        <v>69038</v>
      </c>
      <c r="K23870" s="2" t="s">
        <v>69039</v>
      </c>
      <c r="L23870" s="5" t="s">
        <v>69038</v>
      </c>
      <c r="M23870" s="2" t="s">
        <v>69039</v>
      </c>
      <c r="N23870" s="5" t="s">
        <v>19227</v>
      </c>
      <c r="O23870" s="5" t="s">
        <v>38</v>
      </c>
      <c r="P23870" s="5" t="s">
        <v>39</v>
      </c>
      <c r="Q23870" s="5" t="s">
        <v>40</v>
      </c>
      <c r="R23870" s="5" t="s">
        <v>1487</v>
      </c>
      <c r="S23870" s="5"/>
      <c r="T23870" s="5" t="s">
        <v>42</v>
      </c>
      <c r="U23870" s="2">
        <v>0</v>
      </c>
      <c r="V23870" s="2">
        <v>0</v>
      </c>
      <c r="W23870" s="2">
        <v>0</v>
      </c>
      <c r="X23870" s="2">
        <v>0</v>
      </c>
      <c r="Y23870" s="2">
        <v>0</v>
      </c>
      <c r="Z23870" s="2">
        <v>0</v>
      </c>
      <c r="AA23870" s="5"/>
      <c r="AB23870" s="5" t="s">
        <v>43</v>
      </c>
      <c r="AC23870" s="5" t="s">
        <v>44</v>
      </c>
      <c r="AD23870" s="2"/>
      <c r="AE23870" s="1"/>
    </row>
    <row r="23871" spans="1:31" ht="14.45">
      <c r="A23871" s="11"/>
      <c r="B23871" s="20"/>
      <c r="C23871" s="2" t="s">
        <v>76492</v>
      </c>
      <c r="D23871" s="14" t="s">
        <v>76493</v>
      </c>
      <c r="E23871" s="2" t="s">
        <v>76494</v>
      </c>
      <c r="F23871" s="2" t="s">
        <v>7208</v>
      </c>
      <c r="G23871" s="8">
        <v>256</v>
      </c>
      <c r="H23871" s="5">
        <v>6</v>
      </c>
      <c r="I23871" s="5" t="s">
        <v>1518</v>
      </c>
      <c r="J23871" s="5" t="s">
        <v>69038</v>
      </c>
      <c r="K23871" s="2" t="s">
        <v>69039</v>
      </c>
      <c r="L23871" s="5" t="s">
        <v>69038</v>
      </c>
      <c r="M23871" s="2" t="s">
        <v>69039</v>
      </c>
      <c r="N23871" s="5" t="s">
        <v>19227</v>
      </c>
      <c r="O23871" s="5" t="s">
        <v>38</v>
      </c>
      <c r="P23871" s="5" t="s">
        <v>39</v>
      </c>
      <c r="Q23871" s="5" t="s">
        <v>40</v>
      </c>
      <c r="R23871" s="5" t="s">
        <v>1487</v>
      </c>
      <c r="S23871" s="5"/>
      <c r="T23871" s="5" t="s">
        <v>42</v>
      </c>
      <c r="U23871" s="2">
        <v>0</v>
      </c>
      <c r="V23871" s="2">
        <v>0</v>
      </c>
      <c r="W23871" s="2">
        <v>0</v>
      </c>
      <c r="X23871" s="2">
        <v>0</v>
      </c>
      <c r="Y23871" s="2">
        <v>0</v>
      </c>
      <c r="Z23871" s="2">
        <v>0</v>
      </c>
      <c r="AA23871" s="5"/>
      <c r="AB23871" s="5" t="s">
        <v>43</v>
      </c>
      <c r="AC23871" s="5" t="s">
        <v>44</v>
      </c>
      <c r="AD23871" s="2"/>
      <c r="AE23871" s="1"/>
    </row>
    <row r="23872" spans="1:31" ht="14.45">
      <c r="A23872" s="11"/>
      <c r="B23872" s="20"/>
      <c r="C23872" s="2" t="s">
        <v>76495</v>
      </c>
      <c r="D23872" s="14" t="s">
        <v>76496</v>
      </c>
      <c r="E23872" s="2" t="s">
        <v>76497</v>
      </c>
      <c r="F23872" s="2" t="s">
        <v>7521</v>
      </c>
      <c r="G23872" s="8">
        <v>256</v>
      </c>
      <c r="H23872" s="5">
        <v>6</v>
      </c>
      <c r="I23872" s="5" t="s">
        <v>1518</v>
      </c>
      <c r="J23872" s="5" t="s">
        <v>69038</v>
      </c>
      <c r="K23872" s="2" t="s">
        <v>69039</v>
      </c>
      <c r="L23872" s="5" t="s">
        <v>69038</v>
      </c>
      <c r="M23872" s="2" t="s">
        <v>69039</v>
      </c>
      <c r="N23872" s="5" t="s">
        <v>19227</v>
      </c>
      <c r="O23872" s="5" t="s">
        <v>38</v>
      </c>
      <c r="P23872" s="5" t="s">
        <v>39</v>
      </c>
      <c r="Q23872" s="5" t="s">
        <v>40</v>
      </c>
      <c r="R23872" s="5" t="s">
        <v>1487</v>
      </c>
      <c r="S23872" s="5"/>
      <c r="T23872" s="5" t="s">
        <v>42</v>
      </c>
      <c r="U23872" s="2">
        <v>0</v>
      </c>
      <c r="V23872" s="2">
        <v>0</v>
      </c>
      <c r="W23872" s="2">
        <v>0</v>
      </c>
      <c r="X23872" s="2">
        <v>0</v>
      </c>
      <c r="Y23872" s="2">
        <v>0</v>
      </c>
      <c r="Z23872" s="2">
        <v>0</v>
      </c>
      <c r="AA23872" s="5"/>
      <c r="AB23872" s="5" t="s">
        <v>43</v>
      </c>
      <c r="AC23872" s="5" t="s">
        <v>44</v>
      </c>
      <c r="AD23872" s="2"/>
      <c r="AE23872" s="1"/>
    </row>
    <row r="23873" spans="1:31" ht="14.45">
      <c r="A23873" s="11"/>
      <c r="B23873" s="20"/>
      <c r="C23873" s="2" t="s">
        <v>76498</v>
      </c>
      <c r="D23873" s="14" t="s">
        <v>76499</v>
      </c>
      <c r="E23873" s="2" t="s">
        <v>76500</v>
      </c>
      <c r="F23873" s="2" t="s">
        <v>7396</v>
      </c>
      <c r="G23873" s="8">
        <v>256</v>
      </c>
      <c r="H23873" s="5">
        <v>6</v>
      </c>
      <c r="I23873" s="5" t="s">
        <v>1518</v>
      </c>
      <c r="J23873" s="5" t="s">
        <v>69038</v>
      </c>
      <c r="K23873" s="2" t="s">
        <v>69039</v>
      </c>
      <c r="L23873" s="5" t="s">
        <v>69038</v>
      </c>
      <c r="M23873" s="2" t="s">
        <v>69039</v>
      </c>
      <c r="N23873" s="5" t="s">
        <v>19227</v>
      </c>
      <c r="O23873" s="5" t="s">
        <v>38</v>
      </c>
      <c r="P23873" s="5" t="s">
        <v>39</v>
      </c>
      <c r="Q23873" s="5" t="s">
        <v>40</v>
      </c>
      <c r="R23873" s="5" t="s">
        <v>1487</v>
      </c>
      <c r="S23873" s="5"/>
      <c r="T23873" s="5" t="s">
        <v>42</v>
      </c>
      <c r="U23873" s="2">
        <v>0</v>
      </c>
      <c r="V23873" s="2">
        <v>0</v>
      </c>
      <c r="W23873" s="2">
        <v>0</v>
      </c>
      <c r="X23873" s="2">
        <v>0</v>
      </c>
      <c r="Y23873" s="2">
        <v>0</v>
      </c>
      <c r="Z23873" s="2">
        <v>0</v>
      </c>
      <c r="AA23873" s="5"/>
      <c r="AB23873" s="5" t="s">
        <v>43</v>
      </c>
      <c r="AC23873" s="5" t="s">
        <v>44</v>
      </c>
      <c r="AD23873" s="2"/>
      <c r="AE23873" s="1"/>
    </row>
    <row r="23874" spans="1:31" ht="14.45">
      <c r="A23874" s="11"/>
      <c r="B23874" s="20"/>
      <c r="C23874" s="2" t="s">
        <v>76501</v>
      </c>
      <c r="D23874" s="14" t="s">
        <v>76502</v>
      </c>
      <c r="E23874" s="2" t="s">
        <v>76503</v>
      </c>
      <c r="F23874" s="2" t="s">
        <v>7507</v>
      </c>
      <c r="G23874" s="8">
        <v>256</v>
      </c>
      <c r="H23874" s="5">
        <v>6</v>
      </c>
      <c r="I23874" s="5" t="s">
        <v>1518</v>
      </c>
      <c r="J23874" s="5" t="s">
        <v>69038</v>
      </c>
      <c r="K23874" s="2" t="s">
        <v>69039</v>
      </c>
      <c r="L23874" s="5" t="s">
        <v>69038</v>
      </c>
      <c r="M23874" s="2" t="s">
        <v>69039</v>
      </c>
      <c r="N23874" s="5" t="s">
        <v>19227</v>
      </c>
      <c r="O23874" s="5" t="s">
        <v>38</v>
      </c>
      <c r="P23874" s="5" t="s">
        <v>39</v>
      </c>
      <c r="Q23874" s="5" t="s">
        <v>40</v>
      </c>
      <c r="R23874" s="5" t="s">
        <v>1487</v>
      </c>
      <c r="S23874" s="5"/>
      <c r="T23874" s="5" t="s">
        <v>42</v>
      </c>
      <c r="U23874" s="2">
        <v>0</v>
      </c>
      <c r="V23874" s="2">
        <v>0</v>
      </c>
      <c r="W23874" s="2">
        <v>0</v>
      </c>
      <c r="X23874" s="2">
        <v>0</v>
      </c>
      <c r="Y23874" s="2">
        <v>0</v>
      </c>
      <c r="Z23874" s="2">
        <v>0</v>
      </c>
      <c r="AA23874" s="5"/>
      <c r="AB23874" s="5" t="s">
        <v>43</v>
      </c>
      <c r="AC23874" s="5" t="s">
        <v>44</v>
      </c>
      <c r="AD23874" s="2"/>
      <c r="AE23874" s="1"/>
    </row>
    <row r="23875" spans="1:31" ht="14.45">
      <c r="A23875" s="11"/>
      <c r="B23875" s="20"/>
      <c r="C23875" s="2" t="s">
        <v>76504</v>
      </c>
      <c r="D23875" s="14" t="s">
        <v>76505</v>
      </c>
      <c r="E23875" s="2" t="s">
        <v>76506</v>
      </c>
      <c r="F23875" s="2" t="s">
        <v>7212</v>
      </c>
      <c r="G23875" s="8">
        <v>256</v>
      </c>
      <c r="H23875" s="5">
        <v>6</v>
      </c>
      <c r="I23875" s="5" t="s">
        <v>1518</v>
      </c>
      <c r="J23875" s="5" t="s">
        <v>69038</v>
      </c>
      <c r="K23875" s="2" t="s">
        <v>69039</v>
      </c>
      <c r="L23875" s="5" t="s">
        <v>69038</v>
      </c>
      <c r="M23875" s="2" t="s">
        <v>69039</v>
      </c>
      <c r="N23875" s="5" t="s">
        <v>19227</v>
      </c>
      <c r="O23875" s="5" t="s">
        <v>38</v>
      </c>
      <c r="P23875" s="5" t="s">
        <v>39</v>
      </c>
      <c r="Q23875" s="5" t="s">
        <v>40</v>
      </c>
      <c r="R23875" s="5" t="s">
        <v>1487</v>
      </c>
      <c r="S23875" s="5"/>
      <c r="T23875" s="5" t="s">
        <v>42</v>
      </c>
      <c r="U23875" s="2">
        <v>0</v>
      </c>
      <c r="V23875" s="2">
        <v>0</v>
      </c>
      <c r="W23875" s="2">
        <v>0</v>
      </c>
      <c r="X23875" s="2">
        <v>0</v>
      </c>
      <c r="Y23875" s="2">
        <v>0</v>
      </c>
      <c r="Z23875" s="2">
        <v>0</v>
      </c>
      <c r="AA23875" s="5"/>
      <c r="AB23875" s="5" t="s">
        <v>43</v>
      </c>
      <c r="AC23875" s="5" t="s">
        <v>44</v>
      </c>
      <c r="AD23875" s="2"/>
      <c r="AE23875" s="1"/>
    </row>
    <row r="23876" spans="1:31" ht="14.45">
      <c r="A23876" s="11"/>
      <c r="B23876" s="20"/>
      <c r="C23876" s="2" t="s">
        <v>76507</v>
      </c>
      <c r="D23876" s="14" t="s">
        <v>76508</v>
      </c>
      <c r="E23876" s="2" t="s">
        <v>76509</v>
      </c>
      <c r="F23876" s="2" t="s">
        <v>7528</v>
      </c>
      <c r="G23876" s="8">
        <v>256</v>
      </c>
      <c r="H23876" s="5">
        <v>6</v>
      </c>
      <c r="I23876" s="5" t="s">
        <v>1518</v>
      </c>
      <c r="J23876" s="5" t="s">
        <v>69038</v>
      </c>
      <c r="K23876" s="2" t="s">
        <v>69039</v>
      </c>
      <c r="L23876" s="5" t="s">
        <v>69038</v>
      </c>
      <c r="M23876" s="2" t="s">
        <v>69039</v>
      </c>
      <c r="N23876" s="5" t="s">
        <v>19227</v>
      </c>
      <c r="O23876" s="5" t="s">
        <v>38</v>
      </c>
      <c r="P23876" s="5" t="s">
        <v>39</v>
      </c>
      <c r="Q23876" s="5" t="s">
        <v>40</v>
      </c>
      <c r="R23876" s="5" t="s">
        <v>1487</v>
      </c>
      <c r="S23876" s="5"/>
      <c r="T23876" s="5" t="s">
        <v>42</v>
      </c>
      <c r="U23876" s="2">
        <v>0</v>
      </c>
      <c r="V23876" s="2">
        <v>0</v>
      </c>
      <c r="W23876" s="2">
        <v>0</v>
      </c>
      <c r="X23876" s="2">
        <v>0</v>
      </c>
      <c r="Y23876" s="2">
        <v>0</v>
      </c>
      <c r="Z23876" s="2">
        <v>0</v>
      </c>
      <c r="AA23876" s="5"/>
      <c r="AB23876" s="5" t="s">
        <v>43</v>
      </c>
      <c r="AC23876" s="5" t="s">
        <v>44</v>
      </c>
      <c r="AD23876" s="2"/>
      <c r="AE23876" s="1"/>
    </row>
    <row r="23877" spans="1:31" ht="14.45">
      <c r="A23877" s="11"/>
      <c r="B23877" s="20"/>
      <c r="C23877" s="2" t="s">
        <v>76510</v>
      </c>
      <c r="D23877" s="14" t="s">
        <v>76511</v>
      </c>
      <c r="E23877" s="2" t="s">
        <v>76512</v>
      </c>
      <c r="F23877" s="2" t="s">
        <v>7204</v>
      </c>
      <c r="G23877" s="8">
        <v>267</v>
      </c>
      <c r="H23877" s="5">
        <v>6</v>
      </c>
      <c r="I23877" s="5" t="s">
        <v>1518</v>
      </c>
      <c r="J23877" s="5" t="s">
        <v>69038</v>
      </c>
      <c r="K23877" s="2" t="s">
        <v>69039</v>
      </c>
      <c r="L23877" s="5" t="s">
        <v>69038</v>
      </c>
      <c r="M23877" s="2" t="s">
        <v>69039</v>
      </c>
      <c r="N23877" s="5" t="s">
        <v>19227</v>
      </c>
      <c r="O23877" s="5" t="s">
        <v>38</v>
      </c>
      <c r="P23877" s="5" t="s">
        <v>39</v>
      </c>
      <c r="Q23877" s="5" t="s">
        <v>40</v>
      </c>
      <c r="R23877" s="5" t="s">
        <v>1487</v>
      </c>
      <c r="S23877" s="5"/>
      <c r="T23877" s="5" t="s">
        <v>42</v>
      </c>
      <c r="U23877" s="2">
        <v>0</v>
      </c>
      <c r="V23877" s="2">
        <v>0</v>
      </c>
      <c r="W23877" s="2">
        <v>0</v>
      </c>
      <c r="X23877" s="2">
        <v>0</v>
      </c>
      <c r="Y23877" s="2">
        <v>0</v>
      </c>
      <c r="Z23877" s="2">
        <v>0</v>
      </c>
      <c r="AA23877" s="5"/>
      <c r="AB23877" s="5" t="s">
        <v>43</v>
      </c>
      <c r="AC23877" s="5" t="s">
        <v>44</v>
      </c>
      <c r="AD23877" s="2"/>
      <c r="AE23877" s="1"/>
    </row>
    <row r="23878" spans="1:31" ht="14.45">
      <c r="A23878" s="11"/>
      <c r="B23878" s="20"/>
      <c r="C23878" s="2" t="s">
        <v>76513</v>
      </c>
      <c r="D23878" s="14" t="s">
        <v>76514</v>
      </c>
      <c r="E23878" s="2" t="s">
        <v>76515</v>
      </c>
      <c r="F23878" s="2" t="s">
        <v>7514</v>
      </c>
      <c r="G23878" s="8">
        <v>267</v>
      </c>
      <c r="H23878" s="5">
        <v>6</v>
      </c>
      <c r="I23878" s="5" t="s">
        <v>1518</v>
      </c>
      <c r="J23878" s="5" t="s">
        <v>69038</v>
      </c>
      <c r="K23878" s="2" t="s">
        <v>69039</v>
      </c>
      <c r="L23878" s="5" t="s">
        <v>69038</v>
      </c>
      <c r="M23878" s="2" t="s">
        <v>69039</v>
      </c>
      <c r="N23878" s="5" t="s">
        <v>19227</v>
      </c>
      <c r="O23878" s="5" t="s">
        <v>38</v>
      </c>
      <c r="P23878" s="5" t="s">
        <v>39</v>
      </c>
      <c r="Q23878" s="5" t="s">
        <v>40</v>
      </c>
      <c r="R23878" s="5" t="s">
        <v>1487</v>
      </c>
      <c r="S23878" s="5"/>
      <c r="T23878" s="5" t="s">
        <v>42</v>
      </c>
      <c r="U23878" s="2">
        <v>0</v>
      </c>
      <c r="V23878" s="2">
        <v>0</v>
      </c>
      <c r="W23878" s="2">
        <v>0</v>
      </c>
      <c r="X23878" s="2">
        <v>0</v>
      </c>
      <c r="Y23878" s="2">
        <v>0</v>
      </c>
      <c r="Z23878" s="2">
        <v>0</v>
      </c>
      <c r="AA23878" s="5"/>
      <c r="AB23878" s="5" t="s">
        <v>43</v>
      </c>
      <c r="AC23878" s="5" t="s">
        <v>44</v>
      </c>
      <c r="AD23878" s="2"/>
      <c r="AE23878" s="1"/>
    </row>
    <row r="23879" spans="1:31" ht="14.45">
      <c r="A23879" s="11"/>
      <c r="B23879" s="20"/>
      <c r="C23879" s="2" t="s">
        <v>76516</v>
      </c>
      <c r="D23879" s="14" t="s">
        <v>76517</v>
      </c>
      <c r="E23879" s="2" t="s">
        <v>76518</v>
      </c>
      <c r="F23879" s="2" t="s">
        <v>7208</v>
      </c>
      <c r="G23879" s="8">
        <v>267</v>
      </c>
      <c r="H23879" s="5">
        <v>6</v>
      </c>
      <c r="I23879" s="5" t="s">
        <v>1518</v>
      </c>
      <c r="J23879" s="5" t="s">
        <v>69038</v>
      </c>
      <c r="K23879" s="2" t="s">
        <v>69039</v>
      </c>
      <c r="L23879" s="5" t="s">
        <v>69038</v>
      </c>
      <c r="M23879" s="2" t="s">
        <v>69039</v>
      </c>
      <c r="N23879" s="5" t="s">
        <v>19227</v>
      </c>
      <c r="O23879" s="5" t="s">
        <v>38</v>
      </c>
      <c r="P23879" s="5" t="s">
        <v>39</v>
      </c>
      <c r="Q23879" s="5" t="s">
        <v>40</v>
      </c>
      <c r="R23879" s="5" t="s">
        <v>1487</v>
      </c>
      <c r="S23879" s="5"/>
      <c r="T23879" s="5" t="s">
        <v>42</v>
      </c>
      <c r="U23879" s="2">
        <v>0</v>
      </c>
      <c r="V23879" s="2">
        <v>0</v>
      </c>
      <c r="W23879" s="2">
        <v>0</v>
      </c>
      <c r="X23879" s="2">
        <v>0</v>
      </c>
      <c r="Y23879" s="2">
        <v>0</v>
      </c>
      <c r="Z23879" s="2">
        <v>0</v>
      </c>
      <c r="AA23879" s="5"/>
      <c r="AB23879" s="5" t="s">
        <v>43</v>
      </c>
      <c r="AC23879" s="5" t="s">
        <v>44</v>
      </c>
      <c r="AD23879" s="2"/>
      <c r="AE23879" s="1"/>
    </row>
    <row r="23880" spans="1:31" ht="14.45">
      <c r="A23880" s="11"/>
      <c r="B23880" s="20"/>
      <c r="C23880" s="2" t="s">
        <v>76519</v>
      </c>
      <c r="D23880" s="14" t="s">
        <v>76520</v>
      </c>
      <c r="E23880" s="2" t="s">
        <v>76521</v>
      </c>
      <c r="F23880" s="2" t="s">
        <v>7521</v>
      </c>
      <c r="G23880" s="8">
        <v>267</v>
      </c>
      <c r="H23880" s="5">
        <v>6</v>
      </c>
      <c r="I23880" s="5" t="s">
        <v>1518</v>
      </c>
      <c r="J23880" s="5" t="s">
        <v>69038</v>
      </c>
      <c r="K23880" s="2" t="s">
        <v>69039</v>
      </c>
      <c r="L23880" s="5" t="s">
        <v>69038</v>
      </c>
      <c r="M23880" s="2" t="s">
        <v>69039</v>
      </c>
      <c r="N23880" s="5" t="s">
        <v>19227</v>
      </c>
      <c r="O23880" s="5" t="s">
        <v>38</v>
      </c>
      <c r="P23880" s="5" t="s">
        <v>39</v>
      </c>
      <c r="Q23880" s="5" t="s">
        <v>40</v>
      </c>
      <c r="R23880" s="5" t="s">
        <v>1487</v>
      </c>
      <c r="S23880" s="5"/>
      <c r="T23880" s="5" t="s">
        <v>42</v>
      </c>
      <c r="U23880" s="2">
        <v>0</v>
      </c>
      <c r="V23880" s="2">
        <v>0</v>
      </c>
      <c r="W23880" s="2">
        <v>0</v>
      </c>
      <c r="X23880" s="2">
        <v>0</v>
      </c>
      <c r="Y23880" s="2">
        <v>0</v>
      </c>
      <c r="Z23880" s="2">
        <v>0</v>
      </c>
      <c r="AA23880" s="5"/>
      <c r="AB23880" s="5" t="s">
        <v>43</v>
      </c>
      <c r="AC23880" s="5" t="s">
        <v>44</v>
      </c>
      <c r="AD23880" s="2"/>
      <c r="AE23880" s="1"/>
    </row>
    <row r="23881" spans="1:31" ht="14.45">
      <c r="A23881" s="11"/>
      <c r="B23881" s="20"/>
      <c r="C23881" s="2" t="s">
        <v>76522</v>
      </c>
      <c r="D23881" s="14" t="s">
        <v>76523</v>
      </c>
      <c r="E23881" s="2" t="s">
        <v>76524</v>
      </c>
      <c r="F23881" s="2" t="s">
        <v>7396</v>
      </c>
      <c r="G23881" s="8">
        <v>267</v>
      </c>
      <c r="H23881" s="5">
        <v>6</v>
      </c>
      <c r="I23881" s="5" t="s">
        <v>1518</v>
      </c>
      <c r="J23881" s="5" t="s">
        <v>69038</v>
      </c>
      <c r="K23881" s="2" t="s">
        <v>69039</v>
      </c>
      <c r="L23881" s="5" t="s">
        <v>69038</v>
      </c>
      <c r="M23881" s="2" t="s">
        <v>69039</v>
      </c>
      <c r="N23881" s="5" t="s">
        <v>19227</v>
      </c>
      <c r="O23881" s="5" t="s">
        <v>38</v>
      </c>
      <c r="P23881" s="5" t="s">
        <v>39</v>
      </c>
      <c r="Q23881" s="5" t="s">
        <v>40</v>
      </c>
      <c r="R23881" s="5" t="s">
        <v>1487</v>
      </c>
      <c r="S23881" s="5"/>
      <c r="T23881" s="5" t="s">
        <v>42</v>
      </c>
      <c r="U23881" s="2">
        <v>0</v>
      </c>
      <c r="V23881" s="2">
        <v>0</v>
      </c>
      <c r="W23881" s="2">
        <v>0</v>
      </c>
      <c r="X23881" s="2">
        <v>0</v>
      </c>
      <c r="Y23881" s="2">
        <v>0</v>
      </c>
      <c r="Z23881" s="2">
        <v>0</v>
      </c>
      <c r="AA23881" s="5"/>
      <c r="AB23881" s="5" t="s">
        <v>43</v>
      </c>
      <c r="AC23881" s="5" t="s">
        <v>44</v>
      </c>
      <c r="AD23881" s="2"/>
      <c r="AE23881" s="1"/>
    </row>
    <row r="23882" spans="1:31" ht="14.45">
      <c r="A23882" s="11"/>
      <c r="B23882" s="20"/>
      <c r="C23882" s="2" t="s">
        <v>76525</v>
      </c>
      <c r="D23882" s="14" t="s">
        <v>76526</v>
      </c>
      <c r="E23882" s="2" t="s">
        <v>76527</v>
      </c>
      <c r="F23882" s="2" t="s">
        <v>7507</v>
      </c>
      <c r="G23882" s="8">
        <v>267</v>
      </c>
      <c r="H23882" s="5">
        <v>6</v>
      </c>
      <c r="I23882" s="5" t="s">
        <v>1518</v>
      </c>
      <c r="J23882" s="5" t="s">
        <v>69038</v>
      </c>
      <c r="K23882" s="2" t="s">
        <v>69039</v>
      </c>
      <c r="L23882" s="5" t="s">
        <v>69038</v>
      </c>
      <c r="M23882" s="2" t="s">
        <v>69039</v>
      </c>
      <c r="N23882" s="5" t="s">
        <v>19227</v>
      </c>
      <c r="O23882" s="5" t="s">
        <v>38</v>
      </c>
      <c r="P23882" s="5" t="s">
        <v>39</v>
      </c>
      <c r="Q23882" s="5" t="s">
        <v>40</v>
      </c>
      <c r="R23882" s="5" t="s">
        <v>1487</v>
      </c>
      <c r="S23882" s="5"/>
      <c r="T23882" s="5" t="s">
        <v>42</v>
      </c>
      <c r="U23882" s="2">
        <v>0</v>
      </c>
      <c r="V23882" s="2">
        <v>0</v>
      </c>
      <c r="W23882" s="2">
        <v>0</v>
      </c>
      <c r="X23882" s="2">
        <v>0</v>
      </c>
      <c r="Y23882" s="2">
        <v>0</v>
      </c>
      <c r="Z23882" s="2">
        <v>0</v>
      </c>
      <c r="AA23882" s="5"/>
      <c r="AB23882" s="5" t="s">
        <v>43</v>
      </c>
      <c r="AC23882" s="5" t="s">
        <v>44</v>
      </c>
      <c r="AD23882" s="2"/>
      <c r="AE23882" s="1"/>
    </row>
    <row r="23883" spans="1:31" ht="14.45">
      <c r="A23883" s="11"/>
      <c r="B23883" s="20"/>
      <c r="C23883" s="2" t="s">
        <v>76528</v>
      </c>
      <c r="D23883" s="14" t="s">
        <v>76529</v>
      </c>
      <c r="E23883" s="2" t="s">
        <v>76530</v>
      </c>
      <c r="F23883" s="2" t="s">
        <v>7212</v>
      </c>
      <c r="G23883" s="8">
        <v>267</v>
      </c>
      <c r="H23883" s="5">
        <v>6</v>
      </c>
      <c r="I23883" s="5" t="s">
        <v>1518</v>
      </c>
      <c r="J23883" s="5" t="s">
        <v>69038</v>
      </c>
      <c r="K23883" s="2" t="s">
        <v>69039</v>
      </c>
      <c r="L23883" s="5" t="s">
        <v>69038</v>
      </c>
      <c r="M23883" s="2" t="s">
        <v>69039</v>
      </c>
      <c r="N23883" s="5" t="s">
        <v>19227</v>
      </c>
      <c r="O23883" s="5" t="s">
        <v>38</v>
      </c>
      <c r="P23883" s="5" t="s">
        <v>39</v>
      </c>
      <c r="Q23883" s="5" t="s">
        <v>40</v>
      </c>
      <c r="R23883" s="5" t="s">
        <v>1487</v>
      </c>
      <c r="S23883" s="5"/>
      <c r="T23883" s="5" t="s">
        <v>42</v>
      </c>
      <c r="U23883" s="2">
        <v>0</v>
      </c>
      <c r="V23883" s="2">
        <v>0</v>
      </c>
      <c r="W23883" s="2">
        <v>0</v>
      </c>
      <c r="X23883" s="2">
        <v>0</v>
      </c>
      <c r="Y23883" s="2">
        <v>0</v>
      </c>
      <c r="Z23883" s="2">
        <v>0</v>
      </c>
      <c r="AA23883" s="5"/>
      <c r="AB23883" s="5" t="s">
        <v>43</v>
      </c>
      <c r="AC23883" s="5" t="s">
        <v>44</v>
      </c>
      <c r="AD23883" s="2"/>
      <c r="AE23883" s="1"/>
    </row>
    <row r="23884" spans="1:31" ht="14.45">
      <c r="A23884" s="11"/>
      <c r="B23884" s="20"/>
      <c r="C23884" s="2" t="s">
        <v>76531</v>
      </c>
      <c r="D23884" s="14" t="s">
        <v>76532</v>
      </c>
      <c r="E23884" s="2" t="s">
        <v>76533</v>
      </c>
      <c r="F23884" s="2" t="s">
        <v>7528</v>
      </c>
      <c r="G23884" s="8">
        <v>267</v>
      </c>
      <c r="H23884" s="5">
        <v>6</v>
      </c>
      <c r="I23884" s="5" t="s">
        <v>1518</v>
      </c>
      <c r="J23884" s="5" t="s">
        <v>69038</v>
      </c>
      <c r="K23884" s="2" t="s">
        <v>69039</v>
      </c>
      <c r="L23884" s="5" t="s">
        <v>69038</v>
      </c>
      <c r="M23884" s="2" t="s">
        <v>69039</v>
      </c>
      <c r="N23884" s="5" t="s">
        <v>19227</v>
      </c>
      <c r="O23884" s="5" t="s">
        <v>38</v>
      </c>
      <c r="P23884" s="5" t="s">
        <v>39</v>
      </c>
      <c r="Q23884" s="5" t="s">
        <v>40</v>
      </c>
      <c r="R23884" s="5" t="s">
        <v>1487</v>
      </c>
      <c r="S23884" s="5"/>
      <c r="T23884" s="5" t="s">
        <v>42</v>
      </c>
      <c r="U23884" s="2">
        <v>0</v>
      </c>
      <c r="V23884" s="2">
        <v>0</v>
      </c>
      <c r="W23884" s="2">
        <v>0</v>
      </c>
      <c r="X23884" s="2">
        <v>0</v>
      </c>
      <c r="Y23884" s="2">
        <v>0</v>
      </c>
      <c r="Z23884" s="2">
        <v>0</v>
      </c>
      <c r="AA23884" s="5"/>
      <c r="AB23884" s="5" t="s">
        <v>43</v>
      </c>
      <c r="AC23884" s="5" t="s">
        <v>44</v>
      </c>
      <c r="AD23884" s="2"/>
      <c r="AE23884" s="1"/>
    </row>
    <row r="23885" spans="1:31" ht="14.45">
      <c r="A23885" s="11"/>
      <c r="B23885" s="20"/>
      <c r="C23885" s="2" t="s">
        <v>76534</v>
      </c>
      <c r="D23885" s="14" t="s">
        <v>76535</v>
      </c>
      <c r="E23885" s="2" t="s">
        <v>76536</v>
      </c>
      <c r="F23885" s="2" t="s">
        <v>7204</v>
      </c>
      <c r="G23885" s="8">
        <v>283</v>
      </c>
      <c r="H23885" s="5">
        <v>6</v>
      </c>
      <c r="I23885" s="5" t="s">
        <v>1518</v>
      </c>
      <c r="J23885" s="5" t="s">
        <v>69038</v>
      </c>
      <c r="K23885" s="2" t="s">
        <v>69039</v>
      </c>
      <c r="L23885" s="5" t="s">
        <v>69038</v>
      </c>
      <c r="M23885" s="2" t="s">
        <v>69039</v>
      </c>
      <c r="N23885" s="5" t="s">
        <v>19227</v>
      </c>
      <c r="O23885" s="5" t="s">
        <v>38</v>
      </c>
      <c r="P23885" s="5" t="s">
        <v>39</v>
      </c>
      <c r="Q23885" s="5" t="s">
        <v>40</v>
      </c>
      <c r="R23885" s="5" t="s">
        <v>1487</v>
      </c>
      <c r="S23885" s="5"/>
      <c r="T23885" s="5" t="s">
        <v>42</v>
      </c>
      <c r="U23885" s="2">
        <v>0</v>
      </c>
      <c r="V23885" s="2">
        <v>0</v>
      </c>
      <c r="W23885" s="2">
        <v>0</v>
      </c>
      <c r="X23885" s="2">
        <v>0</v>
      </c>
      <c r="Y23885" s="2">
        <v>0</v>
      </c>
      <c r="Z23885" s="2">
        <v>0</v>
      </c>
      <c r="AA23885" s="5"/>
      <c r="AB23885" s="5" t="s">
        <v>43</v>
      </c>
      <c r="AC23885" s="5" t="s">
        <v>44</v>
      </c>
      <c r="AD23885" s="2"/>
      <c r="AE23885" s="1"/>
    </row>
    <row r="23886" spans="1:31" ht="14.45">
      <c r="A23886" s="11"/>
      <c r="B23886" s="20"/>
      <c r="C23886" s="2" t="s">
        <v>76537</v>
      </c>
      <c r="D23886" s="14" t="s">
        <v>76538</v>
      </c>
      <c r="E23886" s="2" t="s">
        <v>76539</v>
      </c>
      <c r="F23886" s="2" t="s">
        <v>7514</v>
      </c>
      <c r="G23886" s="8">
        <v>283</v>
      </c>
      <c r="H23886" s="5">
        <v>6</v>
      </c>
      <c r="I23886" s="5" t="s">
        <v>1518</v>
      </c>
      <c r="J23886" s="5" t="s">
        <v>69038</v>
      </c>
      <c r="K23886" s="2" t="s">
        <v>69039</v>
      </c>
      <c r="L23886" s="5" t="s">
        <v>69038</v>
      </c>
      <c r="M23886" s="2" t="s">
        <v>69039</v>
      </c>
      <c r="N23886" s="5" t="s">
        <v>19227</v>
      </c>
      <c r="O23886" s="5" t="s">
        <v>38</v>
      </c>
      <c r="P23886" s="5" t="s">
        <v>39</v>
      </c>
      <c r="Q23886" s="5" t="s">
        <v>40</v>
      </c>
      <c r="R23886" s="5" t="s">
        <v>1487</v>
      </c>
      <c r="S23886" s="5"/>
      <c r="T23886" s="5" t="s">
        <v>42</v>
      </c>
      <c r="U23886" s="2">
        <v>0</v>
      </c>
      <c r="V23886" s="2">
        <v>0</v>
      </c>
      <c r="W23886" s="2">
        <v>0</v>
      </c>
      <c r="X23886" s="2">
        <v>0</v>
      </c>
      <c r="Y23886" s="2">
        <v>0</v>
      </c>
      <c r="Z23886" s="2">
        <v>0</v>
      </c>
      <c r="AA23886" s="5"/>
      <c r="AB23886" s="5" t="s">
        <v>43</v>
      </c>
      <c r="AC23886" s="5" t="s">
        <v>44</v>
      </c>
      <c r="AD23886" s="2"/>
      <c r="AE23886" s="1"/>
    </row>
    <row r="23887" spans="1:31" ht="14.45">
      <c r="A23887" s="11"/>
      <c r="B23887" s="20"/>
      <c r="C23887" s="2" t="s">
        <v>76540</v>
      </c>
      <c r="D23887" s="14" t="s">
        <v>76541</v>
      </c>
      <c r="E23887" s="2" t="s">
        <v>76542</v>
      </c>
      <c r="F23887" s="2" t="s">
        <v>7208</v>
      </c>
      <c r="G23887" s="8">
        <v>283</v>
      </c>
      <c r="H23887" s="5">
        <v>6</v>
      </c>
      <c r="I23887" s="5" t="s">
        <v>1518</v>
      </c>
      <c r="J23887" s="5" t="s">
        <v>69038</v>
      </c>
      <c r="K23887" s="2" t="s">
        <v>69039</v>
      </c>
      <c r="L23887" s="5" t="s">
        <v>69038</v>
      </c>
      <c r="M23887" s="2" t="s">
        <v>69039</v>
      </c>
      <c r="N23887" s="5" t="s">
        <v>19227</v>
      </c>
      <c r="O23887" s="5" t="s">
        <v>38</v>
      </c>
      <c r="P23887" s="5" t="s">
        <v>39</v>
      </c>
      <c r="Q23887" s="5" t="s">
        <v>40</v>
      </c>
      <c r="R23887" s="5" t="s">
        <v>1487</v>
      </c>
      <c r="S23887" s="5"/>
      <c r="T23887" s="5" t="s">
        <v>42</v>
      </c>
      <c r="U23887" s="2">
        <v>0</v>
      </c>
      <c r="V23887" s="2">
        <v>0</v>
      </c>
      <c r="W23887" s="2">
        <v>0</v>
      </c>
      <c r="X23887" s="2">
        <v>0</v>
      </c>
      <c r="Y23887" s="2">
        <v>0</v>
      </c>
      <c r="Z23887" s="2">
        <v>0</v>
      </c>
      <c r="AA23887" s="5"/>
      <c r="AB23887" s="5" t="s">
        <v>43</v>
      </c>
      <c r="AC23887" s="5" t="s">
        <v>44</v>
      </c>
      <c r="AD23887" s="2"/>
      <c r="AE23887" s="1"/>
    </row>
    <row r="23888" spans="1:31" ht="14.45">
      <c r="A23888" s="11"/>
      <c r="B23888" s="20"/>
      <c r="C23888" s="2" t="s">
        <v>76543</v>
      </c>
      <c r="D23888" s="14" t="s">
        <v>76544</v>
      </c>
      <c r="E23888" s="2" t="s">
        <v>76545</v>
      </c>
      <c r="F23888" s="2" t="s">
        <v>7521</v>
      </c>
      <c r="G23888" s="8">
        <v>283</v>
      </c>
      <c r="H23888" s="5">
        <v>6</v>
      </c>
      <c r="I23888" s="5" t="s">
        <v>1518</v>
      </c>
      <c r="J23888" s="5" t="s">
        <v>69038</v>
      </c>
      <c r="K23888" s="2" t="s">
        <v>69039</v>
      </c>
      <c r="L23888" s="5" t="s">
        <v>69038</v>
      </c>
      <c r="M23888" s="2" t="s">
        <v>69039</v>
      </c>
      <c r="N23888" s="5" t="s">
        <v>19227</v>
      </c>
      <c r="O23888" s="5" t="s">
        <v>38</v>
      </c>
      <c r="P23888" s="5" t="s">
        <v>39</v>
      </c>
      <c r="Q23888" s="5" t="s">
        <v>40</v>
      </c>
      <c r="R23888" s="5" t="s">
        <v>1487</v>
      </c>
      <c r="S23888" s="5"/>
      <c r="T23888" s="5" t="s">
        <v>42</v>
      </c>
      <c r="U23888" s="2">
        <v>0</v>
      </c>
      <c r="V23888" s="2">
        <v>0</v>
      </c>
      <c r="W23888" s="2">
        <v>0</v>
      </c>
      <c r="X23888" s="2">
        <v>0</v>
      </c>
      <c r="Y23888" s="2">
        <v>0</v>
      </c>
      <c r="Z23888" s="2">
        <v>0</v>
      </c>
      <c r="AA23888" s="5"/>
      <c r="AB23888" s="5" t="s">
        <v>43</v>
      </c>
      <c r="AC23888" s="5" t="s">
        <v>44</v>
      </c>
      <c r="AD23888" s="2"/>
      <c r="AE23888" s="1"/>
    </row>
    <row r="23889" spans="1:31" ht="14.45">
      <c r="A23889" s="11"/>
      <c r="B23889" s="20"/>
      <c r="C23889" s="2" t="s">
        <v>76546</v>
      </c>
      <c r="D23889" s="14" t="s">
        <v>76547</v>
      </c>
      <c r="E23889" s="2" t="s">
        <v>76548</v>
      </c>
      <c r="F23889" s="2" t="s">
        <v>7396</v>
      </c>
      <c r="G23889" s="8">
        <v>283</v>
      </c>
      <c r="H23889" s="5">
        <v>6</v>
      </c>
      <c r="I23889" s="5" t="s">
        <v>1518</v>
      </c>
      <c r="J23889" s="5" t="s">
        <v>69038</v>
      </c>
      <c r="K23889" s="2" t="s">
        <v>69039</v>
      </c>
      <c r="L23889" s="5" t="s">
        <v>69038</v>
      </c>
      <c r="M23889" s="2" t="s">
        <v>69039</v>
      </c>
      <c r="N23889" s="5" t="s">
        <v>19227</v>
      </c>
      <c r="O23889" s="5" t="s">
        <v>38</v>
      </c>
      <c r="P23889" s="5" t="s">
        <v>39</v>
      </c>
      <c r="Q23889" s="5" t="s">
        <v>40</v>
      </c>
      <c r="R23889" s="5" t="s">
        <v>1487</v>
      </c>
      <c r="S23889" s="5"/>
      <c r="T23889" s="5" t="s">
        <v>42</v>
      </c>
      <c r="U23889" s="2">
        <v>0</v>
      </c>
      <c r="V23889" s="2">
        <v>0</v>
      </c>
      <c r="W23889" s="2">
        <v>0</v>
      </c>
      <c r="X23889" s="2">
        <v>0</v>
      </c>
      <c r="Y23889" s="2">
        <v>0</v>
      </c>
      <c r="Z23889" s="2">
        <v>0</v>
      </c>
      <c r="AA23889" s="5"/>
      <c r="AB23889" s="5" t="s">
        <v>43</v>
      </c>
      <c r="AC23889" s="5" t="s">
        <v>44</v>
      </c>
      <c r="AD23889" s="2"/>
      <c r="AE23889" s="1"/>
    </row>
    <row r="23890" spans="1:31" ht="14.45">
      <c r="A23890" s="11"/>
      <c r="B23890" s="20"/>
      <c r="C23890" s="2" t="s">
        <v>76549</v>
      </c>
      <c r="D23890" s="14" t="s">
        <v>76550</v>
      </c>
      <c r="E23890" s="2" t="s">
        <v>76551</v>
      </c>
      <c r="F23890" s="2" t="s">
        <v>7507</v>
      </c>
      <c r="G23890" s="8">
        <v>283</v>
      </c>
      <c r="H23890" s="5">
        <v>6</v>
      </c>
      <c r="I23890" s="5" t="s">
        <v>1518</v>
      </c>
      <c r="J23890" s="5" t="s">
        <v>69038</v>
      </c>
      <c r="K23890" s="2" t="s">
        <v>69039</v>
      </c>
      <c r="L23890" s="5" t="s">
        <v>69038</v>
      </c>
      <c r="M23890" s="2" t="s">
        <v>69039</v>
      </c>
      <c r="N23890" s="5" t="s">
        <v>19227</v>
      </c>
      <c r="O23890" s="5" t="s">
        <v>38</v>
      </c>
      <c r="P23890" s="5" t="s">
        <v>39</v>
      </c>
      <c r="Q23890" s="5" t="s">
        <v>40</v>
      </c>
      <c r="R23890" s="5" t="s">
        <v>1487</v>
      </c>
      <c r="S23890" s="5"/>
      <c r="T23890" s="5" t="s">
        <v>42</v>
      </c>
      <c r="U23890" s="2">
        <v>0</v>
      </c>
      <c r="V23890" s="2">
        <v>0</v>
      </c>
      <c r="W23890" s="2">
        <v>0</v>
      </c>
      <c r="X23890" s="2">
        <v>0</v>
      </c>
      <c r="Y23890" s="2">
        <v>0</v>
      </c>
      <c r="Z23890" s="2">
        <v>0</v>
      </c>
      <c r="AA23890" s="5"/>
      <c r="AB23890" s="5" t="s">
        <v>43</v>
      </c>
      <c r="AC23890" s="5" t="s">
        <v>44</v>
      </c>
      <c r="AD23890" s="2"/>
      <c r="AE23890" s="1"/>
    </row>
    <row r="23891" spans="1:31" ht="14.45">
      <c r="A23891" s="11"/>
      <c r="B23891" s="20"/>
      <c r="C23891" s="2" t="s">
        <v>76552</v>
      </c>
      <c r="D23891" s="14" t="s">
        <v>76553</v>
      </c>
      <c r="E23891" s="2" t="s">
        <v>76554</v>
      </c>
      <c r="F23891" s="2" t="s">
        <v>7212</v>
      </c>
      <c r="G23891" s="8">
        <v>283</v>
      </c>
      <c r="H23891" s="5">
        <v>6</v>
      </c>
      <c r="I23891" s="5" t="s">
        <v>1518</v>
      </c>
      <c r="J23891" s="5" t="s">
        <v>69038</v>
      </c>
      <c r="K23891" s="2" t="s">
        <v>69039</v>
      </c>
      <c r="L23891" s="5" t="s">
        <v>69038</v>
      </c>
      <c r="M23891" s="2" t="s">
        <v>69039</v>
      </c>
      <c r="N23891" s="5" t="s">
        <v>19227</v>
      </c>
      <c r="O23891" s="5" t="s">
        <v>38</v>
      </c>
      <c r="P23891" s="5" t="s">
        <v>39</v>
      </c>
      <c r="Q23891" s="5" t="s">
        <v>40</v>
      </c>
      <c r="R23891" s="5" t="s">
        <v>1487</v>
      </c>
      <c r="S23891" s="5"/>
      <c r="T23891" s="5" t="s">
        <v>42</v>
      </c>
      <c r="U23891" s="2">
        <v>0</v>
      </c>
      <c r="V23891" s="2">
        <v>0</v>
      </c>
      <c r="W23891" s="2">
        <v>0</v>
      </c>
      <c r="X23891" s="2">
        <v>0</v>
      </c>
      <c r="Y23891" s="2">
        <v>0</v>
      </c>
      <c r="Z23891" s="2">
        <v>0</v>
      </c>
      <c r="AA23891" s="5"/>
      <c r="AB23891" s="5" t="s">
        <v>43</v>
      </c>
      <c r="AC23891" s="5" t="s">
        <v>44</v>
      </c>
      <c r="AD23891" s="2"/>
      <c r="AE23891" s="1"/>
    </row>
    <row r="23892" spans="1:31" ht="14.45">
      <c r="A23892" s="11"/>
      <c r="B23892" s="20"/>
      <c r="C23892" s="2" t="s">
        <v>76555</v>
      </c>
      <c r="D23892" s="14" t="s">
        <v>76556</v>
      </c>
      <c r="E23892" s="2" t="s">
        <v>76557</v>
      </c>
      <c r="F23892" s="2" t="s">
        <v>7528</v>
      </c>
      <c r="G23892" s="8">
        <v>283</v>
      </c>
      <c r="H23892" s="5">
        <v>6</v>
      </c>
      <c r="I23892" s="5" t="s">
        <v>1518</v>
      </c>
      <c r="J23892" s="5" t="s">
        <v>69038</v>
      </c>
      <c r="K23892" s="2" t="s">
        <v>69039</v>
      </c>
      <c r="L23892" s="5" t="s">
        <v>69038</v>
      </c>
      <c r="M23892" s="2" t="s">
        <v>69039</v>
      </c>
      <c r="N23892" s="5" t="s">
        <v>19227</v>
      </c>
      <c r="O23892" s="5" t="s">
        <v>38</v>
      </c>
      <c r="P23892" s="5" t="s">
        <v>39</v>
      </c>
      <c r="Q23892" s="5" t="s">
        <v>40</v>
      </c>
      <c r="R23892" s="5" t="s">
        <v>1487</v>
      </c>
      <c r="S23892" s="5"/>
      <c r="T23892" s="5" t="s">
        <v>42</v>
      </c>
      <c r="U23892" s="2">
        <v>0</v>
      </c>
      <c r="V23892" s="2">
        <v>0</v>
      </c>
      <c r="W23892" s="2">
        <v>0</v>
      </c>
      <c r="X23892" s="2">
        <v>0</v>
      </c>
      <c r="Y23892" s="2">
        <v>0</v>
      </c>
      <c r="Z23892" s="2">
        <v>0</v>
      </c>
      <c r="AA23892" s="5"/>
      <c r="AB23892" s="5" t="s">
        <v>43</v>
      </c>
      <c r="AC23892" s="5" t="s">
        <v>44</v>
      </c>
      <c r="AD23892" s="2"/>
      <c r="AE23892" s="1"/>
    </row>
    <row r="23893" spans="1:31" ht="14.45">
      <c r="A23893" s="11"/>
      <c r="B23893" s="20"/>
      <c r="C23893" s="2" t="s">
        <v>76558</v>
      </c>
      <c r="D23893" s="14" t="s">
        <v>76559</v>
      </c>
      <c r="E23893" s="2" t="s">
        <v>76560</v>
      </c>
      <c r="F23893" s="2" t="s">
        <v>7204</v>
      </c>
      <c r="G23893" s="8">
        <v>212</v>
      </c>
      <c r="H23893" s="5">
        <v>6</v>
      </c>
      <c r="I23893" s="5" t="s">
        <v>1518</v>
      </c>
      <c r="J23893" s="5" t="s">
        <v>69038</v>
      </c>
      <c r="K23893" s="2" t="s">
        <v>69039</v>
      </c>
      <c r="L23893" s="5" t="s">
        <v>69038</v>
      </c>
      <c r="M23893" s="2" t="s">
        <v>69039</v>
      </c>
      <c r="N23893" s="5" t="s">
        <v>1521</v>
      </c>
      <c r="O23893" s="5" t="s">
        <v>38</v>
      </c>
      <c r="P23893" s="5" t="s">
        <v>39</v>
      </c>
      <c r="Q23893" s="5" t="s">
        <v>40</v>
      </c>
      <c r="R23893" s="5" t="s">
        <v>1522</v>
      </c>
      <c r="S23893" s="5" t="s">
        <v>1523</v>
      </c>
      <c r="T23893" s="5" t="s">
        <v>42</v>
      </c>
      <c r="U23893" s="2">
        <v>1.9610000000000001</v>
      </c>
      <c r="V23893" s="2">
        <v>1.4990000000000001</v>
      </c>
      <c r="W23893" s="2">
        <v>0.01</v>
      </c>
      <c r="X23893" s="2">
        <v>76.900000000000006</v>
      </c>
      <c r="Y23893" s="2">
        <v>7.6</v>
      </c>
      <c r="Z23893" s="2">
        <v>16.7</v>
      </c>
      <c r="AA23893" s="5"/>
      <c r="AB23893" s="5" t="s">
        <v>43</v>
      </c>
      <c r="AC23893" s="5" t="s">
        <v>44</v>
      </c>
      <c r="AD23893" s="2"/>
      <c r="AE23893" s="1"/>
    </row>
    <row r="23894" spans="1:31" ht="14.45">
      <c r="A23894" s="11"/>
      <c r="B23894" s="20"/>
      <c r="C23894" s="2" t="s">
        <v>76561</v>
      </c>
      <c r="D23894" s="14" t="s">
        <v>76562</v>
      </c>
      <c r="E23894" s="2" t="s">
        <v>76563</v>
      </c>
      <c r="F23894" s="2" t="s">
        <v>7514</v>
      </c>
      <c r="G23894" s="8">
        <v>212</v>
      </c>
      <c r="H23894" s="5">
        <v>6</v>
      </c>
      <c r="I23894" s="5" t="s">
        <v>1518</v>
      </c>
      <c r="J23894" s="5" t="s">
        <v>69038</v>
      </c>
      <c r="K23894" s="2" t="s">
        <v>69039</v>
      </c>
      <c r="L23894" s="5" t="s">
        <v>69038</v>
      </c>
      <c r="M23894" s="2" t="s">
        <v>69039</v>
      </c>
      <c r="N23894" s="5" t="s">
        <v>1521</v>
      </c>
      <c r="O23894" s="5" t="s">
        <v>38</v>
      </c>
      <c r="P23894" s="5" t="s">
        <v>39</v>
      </c>
      <c r="Q23894" s="5" t="s">
        <v>40</v>
      </c>
      <c r="R23894" s="5" t="s">
        <v>1522</v>
      </c>
      <c r="S23894" s="5" t="s">
        <v>1523</v>
      </c>
      <c r="T23894" s="5" t="s">
        <v>42</v>
      </c>
      <c r="U23894" s="2">
        <v>2.008</v>
      </c>
      <c r="V23894" s="2">
        <v>1.546</v>
      </c>
      <c r="W23894" s="2">
        <v>0.01</v>
      </c>
      <c r="X23894" s="2">
        <v>76.900000000000006</v>
      </c>
      <c r="Y23894" s="2">
        <v>7.6</v>
      </c>
      <c r="Z23894" s="2">
        <v>16.7</v>
      </c>
      <c r="AA23894" s="5"/>
      <c r="AB23894" s="5" t="s">
        <v>43</v>
      </c>
      <c r="AC23894" s="5" t="s">
        <v>44</v>
      </c>
      <c r="AD23894" s="2"/>
      <c r="AE23894" s="1"/>
    </row>
    <row r="23895" spans="1:31" ht="14.45">
      <c r="A23895" s="11"/>
      <c r="B23895" s="20"/>
      <c r="C23895" s="2" t="s">
        <v>76564</v>
      </c>
      <c r="D23895" s="14" t="s">
        <v>76565</v>
      </c>
      <c r="E23895" s="2" t="s">
        <v>76566</v>
      </c>
      <c r="F23895" s="2" t="s">
        <v>7208</v>
      </c>
      <c r="G23895" s="8">
        <v>212</v>
      </c>
      <c r="H23895" s="5">
        <v>6</v>
      </c>
      <c r="I23895" s="5" t="s">
        <v>1518</v>
      </c>
      <c r="J23895" s="5" t="s">
        <v>69038</v>
      </c>
      <c r="K23895" s="2" t="s">
        <v>69039</v>
      </c>
      <c r="L23895" s="5" t="s">
        <v>69038</v>
      </c>
      <c r="M23895" s="2" t="s">
        <v>69039</v>
      </c>
      <c r="N23895" s="5" t="s">
        <v>1521</v>
      </c>
      <c r="O23895" s="5" t="s">
        <v>38</v>
      </c>
      <c r="P23895" s="5" t="s">
        <v>39</v>
      </c>
      <c r="Q23895" s="5" t="s">
        <v>40</v>
      </c>
      <c r="R23895" s="5" t="s">
        <v>1522</v>
      </c>
      <c r="S23895" s="5" t="s">
        <v>1523</v>
      </c>
      <c r="T23895" s="5" t="s">
        <v>42</v>
      </c>
      <c r="U23895" s="2">
        <v>1.9610000000000001</v>
      </c>
      <c r="V23895" s="2">
        <v>1.4990000000000001</v>
      </c>
      <c r="W23895" s="2">
        <v>0.01</v>
      </c>
      <c r="X23895" s="2">
        <v>76.900000000000006</v>
      </c>
      <c r="Y23895" s="2">
        <v>7.6</v>
      </c>
      <c r="Z23895" s="2">
        <v>16.7</v>
      </c>
      <c r="AA23895" s="5"/>
      <c r="AB23895" s="5" t="s">
        <v>43</v>
      </c>
      <c r="AC23895" s="5" t="s">
        <v>44</v>
      </c>
      <c r="AD23895" s="2"/>
      <c r="AE23895" s="1"/>
    </row>
    <row r="23896" spans="1:31" ht="14.45">
      <c r="A23896" s="11"/>
      <c r="B23896" s="20"/>
      <c r="C23896" s="2" t="s">
        <v>76567</v>
      </c>
      <c r="D23896" s="14" t="s">
        <v>76568</v>
      </c>
      <c r="E23896" s="2" t="s">
        <v>76569</v>
      </c>
      <c r="F23896" s="2" t="s">
        <v>7521</v>
      </c>
      <c r="G23896" s="8">
        <v>212</v>
      </c>
      <c r="H23896" s="5">
        <v>6</v>
      </c>
      <c r="I23896" s="5" t="s">
        <v>1518</v>
      </c>
      <c r="J23896" s="5" t="s">
        <v>69038</v>
      </c>
      <c r="K23896" s="2" t="s">
        <v>69039</v>
      </c>
      <c r="L23896" s="5" t="s">
        <v>69038</v>
      </c>
      <c r="M23896" s="2" t="s">
        <v>69039</v>
      </c>
      <c r="N23896" s="5" t="s">
        <v>1521</v>
      </c>
      <c r="O23896" s="5" t="s">
        <v>38</v>
      </c>
      <c r="P23896" s="5" t="s">
        <v>39</v>
      </c>
      <c r="Q23896" s="5" t="s">
        <v>40</v>
      </c>
      <c r="R23896" s="5" t="s">
        <v>1522</v>
      </c>
      <c r="S23896" s="5" t="s">
        <v>1523</v>
      </c>
      <c r="T23896" s="5" t="s">
        <v>42</v>
      </c>
      <c r="U23896" s="2">
        <v>2.008</v>
      </c>
      <c r="V23896" s="2">
        <v>1.546</v>
      </c>
      <c r="W23896" s="2">
        <v>0.01</v>
      </c>
      <c r="X23896" s="2">
        <v>76.900000000000006</v>
      </c>
      <c r="Y23896" s="2">
        <v>7.6</v>
      </c>
      <c r="Z23896" s="2">
        <v>16.7</v>
      </c>
      <c r="AA23896" s="5"/>
      <c r="AB23896" s="5" t="s">
        <v>43</v>
      </c>
      <c r="AC23896" s="5" t="s">
        <v>44</v>
      </c>
      <c r="AD23896" s="2"/>
      <c r="AE23896" s="1"/>
    </row>
    <row r="23897" spans="1:31" ht="14.45">
      <c r="A23897" s="11"/>
      <c r="B23897" s="20"/>
      <c r="C23897" s="2" t="s">
        <v>76570</v>
      </c>
      <c r="D23897" s="14" t="s">
        <v>76571</v>
      </c>
      <c r="E23897" s="2" t="s">
        <v>76572</v>
      </c>
      <c r="F23897" s="2" t="s">
        <v>7406</v>
      </c>
      <c r="G23897" s="8">
        <v>224</v>
      </c>
      <c r="H23897" s="5">
        <v>6</v>
      </c>
      <c r="I23897" s="5" t="s">
        <v>1518</v>
      </c>
      <c r="J23897" s="5" t="s">
        <v>69038</v>
      </c>
      <c r="K23897" s="2" t="s">
        <v>69039</v>
      </c>
      <c r="L23897" s="5" t="s">
        <v>69038</v>
      </c>
      <c r="M23897" s="2" t="s">
        <v>69039</v>
      </c>
      <c r="N23897" s="5" t="s">
        <v>1521</v>
      </c>
      <c r="O23897" s="5" t="s">
        <v>38</v>
      </c>
      <c r="P23897" s="5" t="s">
        <v>39</v>
      </c>
      <c r="Q23897" s="5" t="s">
        <v>40</v>
      </c>
      <c r="R23897" s="5" t="s">
        <v>1522</v>
      </c>
      <c r="S23897" s="5" t="s">
        <v>1523</v>
      </c>
      <c r="T23897" s="5" t="s">
        <v>42</v>
      </c>
      <c r="U23897" s="2">
        <v>1.9610000000000001</v>
      </c>
      <c r="V23897" s="2">
        <v>1.4990000000000001</v>
      </c>
      <c r="W23897" s="2">
        <v>0.01</v>
      </c>
      <c r="X23897" s="2">
        <v>76.900000000000006</v>
      </c>
      <c r="Y23897" s="2">
        <v>7.6</v>
      </c>
      <c r="Z23897" s="2">
        <v>16.7</v>
      </c>
      <c r="AA23897" s="5"/>
      <c r="AB23897" s="5" t="s">
        <v>43</v>
      </c>
      <c r="AC23897" s="5" t="s">
        <v>44</v>
      </c>
      <c r="AD23897" s="2"/>
      <c r="AE23897" s="1"/>
    </row>
    <row r="23898" spans="1:31" ht="14.45">
      <c r="A23898" s="11"/>
      <c r="B23898" s="20"/>
      <c r="C23898" s="2" t="s">
        <v>76573</v>
      </c>
      <c r="D23898" s="14" t="s">
        <v>76574</v>
      </c>
      <c r="E23898" s="2" t="s">
        <v>76575</v>
      </c>
      <c r="F23898" s="2" t="s">
        <v>7539</v>
      </c>
      <c r="G23898" s="8">
        <v>224</v>
      </c>
      <c r="H23898" s="5">
        <v>6</v>
      </c>
      <c r="I23898" s="5" t="s">
        <v>1518</v>
      </c>
      <c r="J23898" s="5" t="s">
        <v>69038</v>
      </c>
      <c r="K23898" s="2" t="s">
        <v>69039</v>
      </c>
      <c r="L23898" s="5" t="s">
        <v>69038</v>
      </c>
      <c r="M23898" s="2" t="s">
        <v>69039</v>
      </c>
      <c r="N23898" s="5" t="s">
        <v>1521</v>
      </c>
      <c r="O23898" s="5" t="s">
        <v>38</v>
      </c>
      <c r="P23898" s="5" t="s">
        <v>39</v>
      </c>
      <c r="Q23898" s="5" t="s">
        <v>40</v>
      </c>
      <c r="R23898" s="5" t="s">
        <v>1522</v>
      </c>
      <c r="S23898" s="5" t="s">
        <v>1523</v>
      </c>
      <c r="T23898" s="5" t="s">
        <v>42</v>
      </c>
      <c r="U23898" s="2">
        <v>1.9610000000000001</v>
      </c>
      <c r="V23898" s="2">
        <v>1.4990000000000001</v>
      </c>
      <c r="W23898" s="2">
        <v>0.01</v>
      </c>
      <c r="X23898" s="2">
        <v>76.900000000000006</v>
      </c>
      <c r="Y23898" s="2">
        <v>7.6</v>
      </c>
      <c r="Z23898" s="2">
        <v>16.7</v>
      </c>
      <c r="AA23898" s="5"/>
      <c r="AB23898" s="5" t="s">
        <v>43</v>
      </c>
      <c r="AC23898" s="5" t="s">
        <v>44</v>
      </c>
      <c r="AD23898" s="2"/>
      <c r="AE23898" s="1"/>
    </row>
    <row r="23899" spans="1:31" ht="14.45">
      <c r="A23899" s="11"/>
      <c r="B23899" s="20"/>
      <c r="C23899" s="2" t="s">
        <v>76576</v>
      </c>
      <c r="D23899" s="14" t="s">
        <v>76577</v>
      </c>
      <c r="E23899" s="2" t="s">
        <v>76578</v>
      </c>
      <c r="F23899" s="2" t="s">
        <v>7543</v>
      </c>
      <c r="G23899" s="8">
        <v>224</v>
      </c>
      <c r="H23899" s="5">
        <v>6</v>
      </c>
      <c r="I23899" s="5" t="s">
        <v>1518</v>
      </c>
      <c r="J23899" s="5" t="s">
        <v>69038</v>
      </c>
      <c r="K23899" s="2" t="s">
        <v>69039</v>
      </c>
      <c r="L23899" s="5" t="s">
        <v>69038</v>
      </c>
      <c r="M23899" s="2" t="s">
        <v>69039</v>
      </c>
      <c r="N23899" s="5" t="s">
        <v>1521</v>
      </c>
      <c r="O23899" s="5" t="s">
        <v>38</v>
      </c>
      <c r="P23899" s="5" t="s">
        <v>39</v>
      </c>
      <c r="Q23899" s="5" t="s">
        <v>40</v>
      </c>
      <c r="R23899" s="5" t="s">
        <v>1522</v>
      </c>
      <c r="S23899" s="5" t="s">
        <v>1523</v>
      </c>
      <c r="T23899" s="5" t="s">
        <v>42</v>
      </c>
      <c r="U23899" s="2">
        <v>2.008</v>
      </c>
      <c r="V23899" s="2">
        <v>1.546</v>
      </c>
      <c r="W23899" s="2">
        <v>0.01</v>
      </c>
      <c r="X23899" s="2">
        <v>76.900000000000006</v>
      </c>
      <c r="Y23899" s="2">
        <v>7.6</v>
      </c>
      <c r="Z23899" s="2">
        <v>16.7</v>
      </c>
      <c r="AA23899" s="5"/>
      <c r="AB23899" s="5" t="s">
        <v>43</v>
      </c>
      <c r="AC23899" s="5" t="s">
        <v>44</v>
      </c>
      <c r="AD23899" s="2"/>
      <c r="AE23899" s="1"/>
    </row>
    <row r="23900" spans="1:31" ht="14.45">
      <c r="A23900" s="11"/>
      <c r="B23900" s="20"/>
      <c r="C23900" s="2" t="s">
        <v>76579</v>
      </c>
      <c r="D23900" s="14" t="s">
        <v>76580</v>
      </c>
      <c r="E23900" s="2" t="s">
        <v>76581</v>
      </c>
      <c r="F23900" s="2" t="s">
        <v>7396</v>
      </c>
      <c r="G23900" s="8">
        <v>212</v>
      </c>
      <c r="H23900" s="5">
        <v>6</v>
      </c>
      <c r="I23900" s="5" t="s">
        <v>1518</v>
      </c>
      <c r="J23900" s="5" t="s">
        <v>69038</v>
      </c>
      <c r="K23900" s="2" t="s">
        <v>69039</v>
      </c>
      <c r="L23900" s="5" t="s">
        <v>69038</v>
      </c>
      <c r="M23900" s="2" t="s">
        <v>69039</v>
      </c>
      <c r="N23900" s="5" t="s">
        <v>1521</v>
      </c>
      <c r="O23900" s="5" t="s">
        <v>38</v>
      </c>
      <c r="P23900" s="5" t="s">
        <v>39</v>
      </c>
      <c r="Q23900" s="5" t="s">
        <v>40</v>
      </c>
      <c r="R23900" s="5" t="s">
        <v>1522</v>
      </c>
      <c r="S23900" s="5" t="s">
        <v>1523</v>
      </c>
      <c r="T23900" s="5" t="s">
        <v>42</v>
      </c>
      <c r="U23900" s="2">
        <v>1.9610000000000001</v>
      </c>
      <c r="V23900" s="2">
        <v>1.4990000000000001</v>
      </c>
      <c r="W23900" s="2">
        <v>0.01</v>
      </c>
      <c r="X23900" s="2">
        <v>76.900000000000006</v>
      </c>
      <c r="Y23900" s="2">
        <v>7.6</v>
      </c>
      <c r="Z23900" s="2">
        <v>16.7</v>
      </c>
      <c r="AA23900" s="5"/>
      <c r="AB23900" s="5" t="s">
        <v>43</v>
      </c>
      <c r="AC23900" s="5" t="s">
        <v>44</v>
      </c>
      <c r="AD23900" s="2"/>
      <c r="AE23900" s="1"/>
    </row>
    <row r="23901" spans="1:31" ht="14.45">
      <c r="A23901" s="11"/>
      <c r="B23901" s="20"/>
      <c r="C23901" s="2" t="s">
        <v>76582</v>
      </c>
      <c r="D23901" s="14" t="s">
        <v>76583</v>
      </c>
      <c r="E23901" s="2" t="s">
        <v>76584</v>
      </c>
      <c r="F23901" s="2" t="s">
        <v>7507</v>
      </c>
      <c r="G23901" s="8">
        <v>212</v>
      </c>
      <c r="H23901" s="5">
        <v>6</v>
      </c>
      <c r="I23901" s="5" t="s">
        <v>1518</v>
      </c>
      <c r="J23901" s="5" t="s">
        <v>69038</v>
      </c>
      <c r="K23901" s="2" t="s">
        <v>69039</v>
      </c>
      <c r="L23901" s="5" t="s">
        <v>69038</v>
      </c>
      <c r="M23901" s="2" t="s">
        <v>69039</v>
      </c>
      <c r="N23901" s="5" t="s">
        <v>1521</v>
      </c>
      <c r="O23901" s="5" t="s">
        <v>38</v>
      </c>
      <c r="P23901" s="5" t="s">
        <v>39</v>
      </c>
      <c r="Q23901" s="5" t="s">
        <v>40</v>
      </c>
      <c r="R23901" s="5" t="s">
        <v>1522</v>
      </c>
      <c r="S23901" s="5" t="s">
        <v>1523</v>
      </c>
      <c r="T23901" s="5" t="s">
        <v>42</v>
      </c>
      <c r="U23901" s="2">
        <v>2.008</v>
      </c>
      <c r="V23901" s="2">
        <v>1.546</v>
      </c>
      <c r="W23901" s="2">
        <v>0.01</v>
      </c>
      <c r="X23901" s="2">
        <v>76.900000000000006</v>
      </c>
      <c r="Y23901" s="2">
        <v>7.6</v>
      </c>
      <c r="Z23901" s="2">
        <v>16.7</v>
      </c>
      <c r="AA23901" s="5"/>
      <c r="AB23901" s="5" t="s">
        <v>43</v>
      </c>
      <c r="AC23901" s="5" t="s">
        <v>44</v>
      </c>
      <c r="AD23901" s="2"/>
      <c r="AE23901" s="1"/>
    </row>
    <row r="23902" spans="1:31" ht="14.45">
      <c r="A23902" s="11"/>
      <c r="B23902" s="20"/>
      <c r="C23902" s="2" t="s">
        <v>76585</v>
      </c>
      <c r="D23902" s="14" t="s">
        <v>76586</v>
      </c>
      <c r="E23902" s="2" t="s">
        <v>76587</v>
      </c>
      <c r="F23902" s="2" t="s">
        <v>7547</v>
      </c>
      <c r="G23902" s="8">
        <v>224</v>
      </c>
      <c r="H23902" s="5">
        <v>6</v>
      </c>
      <c r="I23902" s="5" t="s">
        <v>1518</v>
      </c>
      <c r="J23902" s="5" t="s">
        <v>69038</v>
      </c>
      <c r="K23902" s="2" t="s">
        <v>69039</v>
      </c>
      <c r="L23902" s="5" t="s">
        <v>69038</v>
      </c>
      <c r="M23902" s="2" t="s">
        <v>69039</v>
      </c>
      <c r="N23902" s="5" t="s">
        <v>1521</v>
      </c>
      <c r="O23902" s="5" t="s">
        <v>38</v>
      </c>
      <c r="P23902" s="5" t="s">
        <v>39</v>
      </c>
      <c r="Q23902" s="5" t="s">
        <v>40</v>
      </c>
      <c r="R23902" s="5" t="s">
        <v>1522</v>
      </c>
      <c r="S23902" s="5" t="s">
        <v>1523</v>
      </c>
      <c r="T23902" s="5" t="s">
        <v>42</v>
      </c>
      <c r="U23902" s="2">
        <v>1.9610000000000001</v>
      </c>
      <c r="V23902" s="2">
        <v>1.4990000000000001</v>
      </c>
      <c r="W23902" s="2">
        <v>0.01</v>
      </c>
      <c r="X23902" s="2">
        <v>76.900000000000006</v>
      </c>
      <c r="Y23902" s="2">
        <v>7.6</v>
      </c>
      <c r="Z23902" s="2">
        <v>16.7</v>
      </c>
      <c r="AA23902" s="5"/>
      <c r="AB23902" s="5" t="s">
        <v>43</v>
      </c>
      <c r="AC23902" s="5" t="s">
        <v>44</v>
      </c>
      <c r="AD23902" s="2"/>
      <c r="AE23902" s="1"/>
    </row>
    <row r="23903" spans="1:31" ht="14.45">
      <c r="A23903" s="11"/>
      <c r="B23903" s="20"/>
      <c r="C23903" s="2" t="s">
        <v>76588</v>
      </c>
      <c r="D23903" s="14" t="s">
        <v>76589</v>
      </c>
      <c r="E23903" s="2" t="s">
        <v>76590</v>
      </c>
      <c r="F23903" s="2" t="s">
        <v>7563</v>
      </c>
      <c r="G23903" s="8">
        <v>224</v>
      </c>
      <c r="H23903" s="5">
        <v>6</v>
      </c>
      <c r="I23903" s="5" t="s">
        <v>1518</v>
      </c>
      <c r="J23903" s="5" t="s">
        <v>69038</v>
      </c>
      <c r="K23903" s="2" t="s">
        <v>69039</v>
      </c>
      <c r="L23903" s="5" t="s">
        <v>69038</v>
      </c>
      <c r="M23903" s="2" t="s">
        <v>69039</v>
      </c>
      <c r="N23903" s="5" t="s">
        <v>1521</v>
      </c>
      <c r="O23903" s="5" t="s">
        <v>38</v>
      </c>
      <c r="P23903" s="5" t="s">
        <v>39</v>
      </c>
      <c r="Q23903" s="5" t="s">
        <v>40</v>
      </c>
      <c r="R23903" s="5" t="s">
        <v>1522</v>
      </c>
      <c r="S23903" s="5" t="s">
        <v>1523</v>
      </c>
      <c r="T23903" s="5" t="s">
        <v>42</v>
      </c>
      <c r="U23903" s="2">
        <v>1.9610000000000001</v>
      </c>
      <c r="V23903" s="2">
        <v>1.4990000000000001</v>
      </c>
      <c r="W23903" s="2">
        <v>0.01</v>
      </c>
      <c r="X23903" s="2">
        <v>76.900000000000006</v>
      </c>
      <c r="Y23903" s="2">
        <v>7.6</v>
      </c>
      <c r="Z23903" s="2">
        <v>16.7</v>
      </c>
      <c r="AA23903" s="5"/>
      <c r="AB23903" s="5" t="s">
        <v>43</v>
      </c>
      <c r="AC23903" s="5" t="s">
        <v>44</v>
      </c>
      <c r="AD23903" s="2"/>
      <c r="AE23903" s="1"/>
    </row>
    <row r="23904" spans="1:31" ht="14.45">
      <c r="A23904" s="11"/>
      <c r="B23904" s="20"/>
      <c r="C23904" s="2" t="s">
        <v>76591</v>
      </c>
      <c r="D23904" s="14" t="s">
        <v>76592</v>
      </c>
      <c r="E23904" s="2" t="s">
        <v>76593</v>
      </c>
      <c r="F23904" s="2" t="s">
        <v>7567</v>
      </c>
      <c r="G23904" s="8">
        <v>224</v>
      </c>
      <c r="H23904" s="5">
        <v>6</v>
      </c>
      <c r="I23904" s="5" t="s">
        <v>1518</v>
      </c>
      <c r="J23904" s="5" t="s">
        <v>69038</v>
      </c>
      <c r="K23904" s="2" t="s">
        <v>69039</v>
      </c>
      <c r="L23904" s="5" t="s">
        <v>69038</v>
      </c>
      <c r="M23904" s="2" t="s">
        <v>69039</v>
      </c>
      <c r="N23904" s="5" t="s">
        <v>1521</v>
      </c>
      <c r="O23904" s="5" t="s">
        <v>38</v>
      </c>
      <c r="P23904" s="5" t="s">
        <v>39</v>
      </c>
      <c r="Q23904" s="5" t="s">
        <v>40</v>
      </c>
      <c r="R23904" s="5" t="s">
        <v>1522</v>
      </c>
      <c r="S23904" s="5" t="s">
        <v>1523</v>
      </c>
      <c r="T23904" s="5" t="s">
        <v>42</v>
      </c>
      <c r="U23904" s="2">
        <v>2.008</v>
      </c>
      <c r="V23904" s="2">
        <v>1.546</v>
      </c>
      <c r="W23904" s="2">
        <v>0.01</v>
      </c>
      <c r="X23904" s="2">
        <v>76.900000000000006</v>
      </c>
      <c r="Y23904" s="2">
        <v>7.6</v>
      </c>
      <c r="Z23904" s="2">
        <v>16.7</v>
      </c>
      <c r="AA23904" s="5"/>
      <c r="AB23904" s="5" t="s">
        <v>43</v>
      </c>
      <c r="AC23904" s="5" t="s">
        <v>44</v>
      </c>
      <c r="AD23904" s="2"/>
      <c r="AE23904" s="1"/>
    </row>
    <row r="23905" spans="1:31" ht="14.45">
      <c r="A23905" s="11"/>
      <c r="B23905" s="20"/>
      <c r="C23905" s="2" t="s">
        <v>76594</v>
      </c>
      <c r="D23905" s="14" t="s">
        <v>76595</v>
      </c>
      <c r="E23905" s="2" t="s">
        <v>76596</v>
      </c>
      <c r="F23905" s="2" t="s">
        <v>7555</v>
      </c>
      <c r="G23905" s="8">
        <v>224</v>
      </c>
      <c r="H23905" s="5">
        <v>6</v>
      </c>
      <c r="I23905" s="5" t="s">
        <v>1518</v>
      </c>
      <c r="J23905" s="5" t="s">
        <v>69038</v>
      </c>
      <c r="K23905" s="2" t="s">
        <v>69039</v>
      </c>
      <c r="L23905" s="5" t="s">
        <v>69038</v>
      </c>
      <c r="M23905" s="2" t="s">
        <v>69039</v>
      </c>
      <c r="N23905" s="5" t="s">
        <v>1521</v>
      </c>
      <c r="O23905" s="5" t="s">
        <v>38</v>
      </c>
      <c r="P23905" s="5" t="s">
        <v>39</v>
      </c>
      <c r="Q23905" s="5" t="s">
        <v>40</v>
      </c>
      <c r="R23905" s="5" t="s">
        <v>1522</v>
      </c>
      <c r="S23905" s="5" t="s">
        <v>1523</v>
      </c>
      <c r="T23905" s="5" t="s">
        <v>42</v>
      </c>
      <c r="U23905" s="2">
        <v>1.9610000000000001</v>
      </c>
      <c r="V23905" s="2">
        <v>1.4990000000000001</v>
      </c>
      <c r="W23905" s="2">
        <v>0.01</v>
      </c>
      <c r="X23905" s="2">
        <v>76.900000000000006</v>
      </c>
      <c r="Y23905" s="2">
        <v>7.6</v>
      </c>
      <c r="Z23905" s="2">
        <v>16.7</v>
      </c>
      <c r="AA23905" s="5"/>
      <c r="AB23905" s="5" t="s">
        <v>43</v>
      </c>
      <c r="AC23905" s="5" t="s">
        <v>44</v>
      </c>
      <c r="AD23905" s="2"/>
      <c r="AE23905" s="1"/>
    </row>
    <row r="23906" spans="1:31" ht="14.45">
      <c r="A23906" s="11"/>
      <c r="B23906" s="20"/>
      <c r="C23906" s="2" t="s">
        <v>76597</v>
      </c>
      <c r="D23906" s="14" t="s">
        <v>76598</v>
      </c>
      <c r="E23906" s="2" t="s">
        <v>76599</v>
      </c>
      <c r="F23906" s="2" t="s">
        <v>7449</v>
      </c>
      <c r="G23906" s="8">
        <v>224</v>
      </c>
      <c r="H23906" s="5">
        <v>6</v>
      </c>
      <c r="I23906" s="5" t="s">
        <v>1518</v>
      </c>
      <c r="J23906" s="5" t="s">
        <v>69038</v>
      </c>
      <c r="K23906" s="2" t="s">
        <v>69039</v>
      </c>
      <c r="L23906" s="5" t="s">
        <v>69038</v>
      </c>
      <c r="M23906" s="2" t="s">
        <v>69039</v>
      </c>
      <c r="N23906" s="5" t="s">
        <v>1521</v>
      </c>
      <c r="O23906" s="5" t="s">
        <v>38</v>
      </c>
      <c r="P23906" s="5" t="s">
        <v>39</v>
      </c>
      <c r="Q23906" s="5" t="s">
        <v>40</v>
      </c>
      <c r="R23906" s="5" t="s">
        <v>1522</v>
      </c>
      <c r="S23906" s="5" t="s">
        <v>1523</v>
      </c>
      <c r="T23906" s="5" t="s">
        <v>42</v>
      </c>
      <c r="U23906" s="2">
        <v>1.9610000000000001</v>
      </c>
      <c r="V23906" s="2">
        <v>1.4990000000000001</v>
      </c>
      <c r="W23906" s="2">
        <v>0.01</v>
      </c>
      <c r="X23906" s="2">
        <v>76.900000000000006</v>
      </c>
      <c r="Y23906" s="2">
        <v>7.6</v>
      </c>
      <c r="Z23906" s="2">
        <v>16.7</v>
      </c>
      <c r="AA23906" s="5"/>
      <c r="AB23906" s="5" t="s">
        <v>43</v>
      </c>
      <c r="AC23906" s="5" t="s">
        <v>44</v>
      </c>
      <c r="AD23906" s="2"/>
      <c r="AE23906" s="1"/>
    </row>
    <row r="23907" spans="1:31" ht="14.45">
      <c r="A23907" s="11"/>
      <c r="B23907" s="20"/>
      <c r="C23907" s="2" t="s">
        <v>76600</v>
      </c>
      <c r="D23907" s="14" t="s">
        <v>76601</v>
      </c>
      <c r="E23907" s="2" t="s">
        <v>76602</v>
      </c>
      <c r="F23907" s="2" t="s">
        <v>7589</v>
      </c>
      <c r="G23907" s="8">
        <v>224</v>
      </c>
      <c r="H23907" s="5">
        <v>6</v>
      </c>
      <c r="I23907" s="5" t="s">
        <v>1518</v>
      </c>
      <c r="J23907" s="5" t="s">
        <v>69038</v>
      </c>
      <c r="K23907" s="2" t="s">
        <v>69039</v>
      </c>
      <c r="L23907" s="5" t="s">
        <v>69038</v>
      </c>
      <c r="M23907" s="2" t="s">
        <v>69039</v>
      </c>
      <c r="N23907" s="5" t="s">
        <v>1521</v>
      </c>
      <c r="O23907" s="5" t="s">
        <v>38</v>
      </c>
      <c r="P23907" s="5" t="s">
        <v>39</v>
      </c>
      <c r="Q23907" s="5" t="s">
        <v>40</v>
      </c>
      <c r="R23907" s="5" t="s">
        <v>1522</v>
      </c>
      <c r="S23907" s="5" t="s">
        <v>1523</v>
      </c>
      <c r="T23907" s="5" t="s">
        <v>42</v>
      </c>
      <c r="U23907" s="2">
        <v>2.008</v>
      </c>
      <c r="V23907" s="2">
        <v>1.546</v>
      </c>
      <c r="W23907" s="2">
        <v>0.01</v>
      </c>
      <c r="X23907" s="2">
        <v>76.900000000000006</v>
      </c>
      <c r="Y23907" s="2">
        <v>7.6</v>
      </c>
      <c r="Z23907" s="2">
        <v>16.7</v>
      </c>
      <c r="AA23907" s="5"/>
      <c r="AB23907" s="5" t="s">
        <v>43</v>
      </c>
      <c r="AC23907" s="5" t="s">
        <v>44</v>
      </c>
      <c r="AD23907" s="2"/>
      <c r="AE23907" s="1"/>
    </row>
    <row r="23908" spans="1:31" ht="14.45">
      <c r="A23908" s="11"/>
      <c r="B23908" s="20"/>
      <c r="C23908" s="2" t="s">
        <v>76603</v>
      </c>
      <c r="D23908" s="14" t="s">
        <v>76604</v>
      </c>
      <c r="E23908" s="2" t="s">
        <v>76605</v>
      </c>
      <c r="F23908" s="2" t="s">
        <v>73358</v>
      </c>
      <c r="G23908" s="8">
        <v>224</v>
      </c>
      <c r="H23908" s="5">
        <v>6</v>
      </c>
      <c r="I23908" s="5" t="s">
        <v>1518</v>
      </c>
      <c r="J23908" s="5" t="s">
        <v>69038</v>
      </c>
      <c r="K23908" s="2" t="s">
        <v>69039</v>
      </c>
      <c r="L23908" s="5" t="s">
        <v>69038</v>
      </c>
      <c r="M23908" s="2" t="s">
        <v>69039</v>
      </c>
      <c r="N23908" s="5" t="s">
        <v>1521</v>
      </c>
      <c r="O23908" s="5" t="s">
        <v>38</v>
      </c>
      <c r="P23908" s="5" t="s">
        <v>39</v>
      </c>
      <c r="Q23908" s="5" t="s">
        <v>40</v>
      </c>
      <c r="R23908" s="5" t="s">
        <v>1522</v>
      </c>
      <c r="S23908" s="5" t="s">
        <v>1523</v>
      </c>
      <c r="T23908" s="5" t="s">
        <v>42</v>
      </c>
      <c r="U23908" s="2">
        <v>1.9610000000000001</v>
      </c>
      <c r="V23908" s="2">
        <v>1.4990000000000001</v>
      </c>
      <c r="W23908" s="2">
        <v>0.01</v>
      </c>
      <c r="X23908" s="2">
        <v>76.900000000000006</v>
      </c>
      <c r="Y23908" s="2">
        <v>7.6</v>
      </c>
      <c r="Z23908" s="2">
        <v>16.7</v>
      </c>
      <c r="AA23908" s="5"/>
      <c r="AB23908" s="5" t="s">
        <v>43</v>
      </c>
      <c r="AC23908" s="5" t="s">
        <v>44</v>
      </c>
      <c r="AD23908" s="2"/>
      <c r="AE23908" s="1"/>
    </row>
    <row r="23909" spans="1:31" ht="14.45">
      <c r="A23909" s="11"/>
      <c r="B23909" s="20"/>
      <c r="C23909" s="2" t="s">
        <v>76606</v>
      </c>
      <c r="D23909" s="14" t="s">
        <v>76607</v>
      </c>
      <c r="E23909" s="2" t="s">
        <v>76608</v>
      </c>
      <c r="F23909" s="2" t="s">
        <v>7615</v>
      </c>
      <c r="G23909" s="8">
        <v>224</v>
      </c>
      <c r="H23909" s="5">
        <v>6</v>
      </c>
      <c r="I23909" s="5" t="s">
        <v>1518</v>
      </c>
      <c r="J23909" s="5" t="s">
        <v>69038</v>
      </c>
      <c r="K23909" s="2" t="s">
        <v>69039</v>
      </c>
      <c r="L23909" s="5" t="s">
        <v>69038</v>
      </c>
      <c r="M23909" s="2" t="s">
        <v>69039</v>
      </c>
      <c r="N23909" s="5" t="s">
        <v>1521</v>
      </c>
      <c r="O23909" s="5" t="s">
        <v>38</v>
      </c>
      <c r="P23909" s="5" t="s">
        <v>39</v>
      </c>
      <c r="Q23909" s="5" t="s">
        <v>40</v>
      </c>
      <c r="R23909" s="5" t="s">
        <v>1522</v>
      </c>
      <c r="S23909" s="5" t="s">
        <v>1523</v>
      </c>
      <c r="T23909" s="5" t="s">
        <v>42</v>
      </c>
      <c r="U23909" s="2">
        <v>1.9610000000000001</v>
      </c>
      <c r="V23909" s="2">
        <v>1.4990000000000001</v>
      </c>
      <c r="W23909" s="2">
        <v>0.01</v>
      </c>
      <c r="X23909" s="2">
        <v>76.900000000000006</v>
      </c>
      <c r="Y23909" s="2">
        <v>7.6</v>
      </c>
      <c r="Z23909" s="2">
        <v>16.7</v>
      </c>
      <c r="AA23909" s="5"/>
      <c r="AB23909" s="5" t="s">
        <v>43</v>
      </c>
      <c r="AC23909" s="5" t="s">
        <v>44</v>
      </c>
      <c r="AD23909" s="2"/>
      <c r="AE23909" s="1"/>
    </row>
    <row r="23910" spans="1:31" ht="14.45">
      <c r="A23910" s="11"/>
      <c r="B23910" s="20"/>
      <c r="C23910" s="2" t="s">
        <v>76609</v>
      </c>
      <c r="D23910" s="14" t="s">
        <v>76610</v>
      </c>
      <c r="E23910" s="2" t="s">
        <v>76611</v>
      </c>
      <c r="F23910" s="2" t="s">
        <v>7619</v>
      </c>
      <c r="G23910" s="8">
        <v>224</v>
      </c>
      <c r="H23910" s="5">
        <v>6</v>
      </c>
      <c r="I23910" s="5" t="s">
        <v>1518</v>
      </c>
      <c r="J23910" s="5" t="s">
        <v>69038</v>
      </c>
      <c r="K23910" s="2" t="s">
        <v>69039</v>
      </c>
      <c r="L23910" s="5" t="s">
        <v>69038</v>
      </c>
      <c r="M23910" s="2" t="s">
        <v>69039</v>
      </c>
      <c r="N23910" s="5" t="s">
        <v>1521</v>
      </c>
      <c r="O23910" s="5" t="s">
        <v>38</v>
      </c>
      <c r="P23910" s="5" t="s">
        <v>39</v>
      </c>
      <c r="Q23910" s="5" t="s">
        <v>40</v>
      </c>
      <c r="R23910" s="5" t="s">
        <v>1522</v>
      </c>
      <c r="S23910" s="5" t="s">
        <v>1523</v>
      </c>
      <c r="T23910" s="5" t="s">
        <v>42</v>
      </c>
      <c r="U23910" s="2">
        <v>2.008</v>
      </c>
      <c r="V23910" s="2">
        <v>1.546</v>
      </c>
      <c r="W23910" s="2">
        <v>0.01</v>
      </c>
      <c r="X23910" s="2">
        <v>76.900000000000006</v>
      </c>
      <c r="Y23910" s="2">
        <v>7.6</v>
      </c>
      <c r="Z23910" s="2">
        <v>16.7</v>
      </c>
      <c r="AA23910" s="5"/>
      <c r="AB23910" s="5" t="s">
        <v>43</v>
      </c>
      <c r="AC23910" s="5" t="s">
        <v>44</v>
      </c>
      <c r="AD23910" s="2"/>
      <c r="AE23910" s="1"/>
    </row>
    <row r="23911" spans="1:31" ht="14.45">
      <c r="A23911" s="11"/>
      <c r="B23911" s="20"/>
      <c r="C23911" s="2" t="s">
        <v>76612</v>
      </c>
      <c r="D23911" s="14" t="s">
        <v>76613</v>
      </c>
      <c r="E23911" s="2" t="s">
        <v>76614</v>
      </c>
      <c r="F23911" s="2" t="s">
        <v>16014</v>
      </c>
      <c r="G23911" s="8">
        <v>224</v>
      </c>
      <c r="H23911" s="5">
        <v>6</v>
      </c>
      <c r="I23911" s="5" t="s">
        <v>1518</v>
      </c>
      <c r="J23911" s="5" t="s">
        <v>69038</v>
      </c>
      <c r="K23911" s="2" t="s">
        <v>69039</v>
      </c>
      <c r="L23911" s="5" t="s">
        <v>69038</v>
      </c>
      <c r="M23911" s="2" t="s">
        <v>69039</v>
      </c>
      <c r="N23911" s="5" t="s">
        <v>1521</v>
      </c>
      <c r="O23911" s="5" t="s">
        <v>38</v>
      </c>
      <c r="P23911" s="5" t="s">
        <v>39</v>
      </c>
      <c r="Q23911" s="5" t="s">
        <v>40</v>
      </c>
      <c r="R23911" s="5" t="s">
        <v>1522</v>
      </c>
      <c r="S23911" s="5" t="s">
        <v>1523</v>
      </c>
      <c r="T23911" s="5" t="s">
        <v>42</v>
      </c>
      <c r="U23911" s="2">
        <v>1.9610000000000001</v>
      </c>
      <c r="V23911" s="2">
        <v>1.4990000000000001</v>
      </c>
      <c r="W23911" s="2">
        <v>0.01</v>
      </c>
      <c r="X23911" s="2">
        <v>76.900000000000006</v>
      </c>
      <c r="Y23911" s="2">
        <v>7.6</v>
      </c>
      <c r="Z23911" s="2">
        <v>16.7</v>
      </c>
      <c r="AA23911" s="5"/>
      <c r="AB23911" s="5" t="s">
        <v>43</v>
      </c>
      <c r="AC23911" s="5" t="s">
        <v>44</v>
      </c>
      <c r="AD23911" s="2"/>
      <c r="AE23911" s="1"/>
    </row>
    <row r="23912" spans="1:31" ht="14.45">
      <c r="A23912" s="11"/>
      <c r="B23912" s="20"/>
      <c r="C23912" s="2" t="s">
        <v>76615</v>
      </c>
      <c r="D23912" s="14" t="s">
        <v>76616</v>
      </c>
      <c r="E23912" s="2" t="s">
        <v>76617</v>
      </c>
      <c r="F23912" s="2" t="s">
        <v>7212</v>
      </c>
      <c r="G23912" s="8">
        <v>212</v>
      </c>
      <c r="H23912" s="5">
        <v>6</v>
      </c>
      <c r="I23912" s="5" t="s">
        <v>1518</v>
      </c>
      <c r="J23912" s="5" t="s">
        <v>69038</v>
      </c>
      <c r="K23912" s="2" t="s">
        <v>69039</v>
      </c>
      <c r="L23912" s="5" t="s">
        <v>69038</v>
      </c>
      <c r="M23912" s="2" t="s">
        <v>69039</v>
      </c>
      <c r="N23912" s="5" t="s">
        <v>1521</v>
      </c>
      <c r="O23912" s="5" t="s">
        <v>38</v>
      </c>
      <c r="P23912" s="5" t="s">
        <v>39</v>
      </c>
      <c r="Q23912" s="5" t="s">
        <v>40</v>
      </c>
      <c r="R23912" s="5" t="s">
        <v>1522</v>
      </c>
      <c r="S23912" s="5" t="s">
        <v>1523</v>
      </c>
      <c r="T23912" s="5" t="s">
        <v>42</v>
      </c>
      <c r="U23912" s="2">
        <v>1.9610000000000001</v>
      </c>
      <c r="V23912" s="2">
        <v>1.4990000000000001</v>
      </c>
      <c r="W23912" s="2">
        <v>0.01</v>
      </c>
      <c r="X23912" s="2">
        <v>76.900000000000006</v>
      </c>
      <c r="Y23912" s="2">
        <v>7.6</v>
      </c>
      <c r="Z23912" s="2">
        <v>16.7</v>
      </c>
      <c r="AA23912" s="5"/>
      <c r="AB23912" s="5" t="s">
        <v>43</v>
      </c>
      <c r="AC23912" s="5" t="s">
        <v>44</v>
      </c>
      <c r="AD23912" s="2"/>
      <c r="AE23912" s="1"/>
    </row>
    <row r="23913" spans="1:31" ht="14.45">
      <c r="A23913" s="11"/>
      <c r="B23913" s="20"/>
      <c r="C23913" s="2" t="s">
        <v>76618</v>
      </c>
      <c r="D23913" s="14" t="s">
        <v>76619</v>
      </c>
      <c r="E23913" s="2" t="s">
        <v>76620</v>
      </c>
      <c r="F23913" s="2" t="s">
        <v>7528</v>
      </c>
      <c r="G23913" s="8">
        <v>212</v>
      </c>
      <c r="H23913" s="5">
        <v>6</v>
      </c>
      <c r="I23913" s="5" t="s">
        <v>1518</v>
      </c>
      <c r="J23913" s="5" t="s">
        <v>69038</v>
      </c>
      <c r="K23913" s="2" t="s">
        <v>69039</v>
      </c>
      <c r="L23913" s="5" t="s">
        <v>69038</v>
      </c>
      <c r="M23913" s="2" t="s">
        <v>69039</v>
      </c>
      <c r="N23913" s="5" t="s">
        <v>1521</v>
      </c>
      <c r="O23913" s="5" t="s">
        <v>38</v>
      </c>
      <c r="P23913" s="5" t="s">
        <v>39</v>
      </c>
      <c r="Q23913" s="5" t="s">
        <v>40</v>
      </c>
      <c r="R23913" s="5" t="s">
        <v>1522</v>
      </c>
      <c r="S23913" s="5" t="s">
        <v>1523</v>
      </c>
      <c r="T23913" s="5" t="s">
        <v>42</v>
      </c>
      <c r="U23913" s="2">
        <v>2.008</v>
      </c>
      <c r="V23913" s="2">
        <v>1.546</v>
      </c>
      <c r="W23913" s="2">
        <v>0.01</v>
      </c>
      <c r="X23913" s="2">
        <v>76.900000000000006</v>
      </c>
      <c r="Y23913" s="2">
        <v>7.6</v>
      </c>
      <c r="Z23913" s="2">
        <v>16.7</v>
      </c>
      <c r="AA23913" s="5"/>
      <c r="AB23913" s="5" t="s">
        <v>43</v>
      </c>
      <c r="AC23913" s="5" t="s">
        <v>44</v>
      </c>
      <c r="AD23913" s="2"/>
      <c r="AE23913" s="1"/>
    </row>
    <row r="23914" spans="1:31" ht="14.45">
      <c r="A23914" s="11"/>
      <c r="B23914" s="20"/>
      <c r="C23914" s="2" t="s">
        <v>76621</v>
      </c>
      <c r="D23914" s="14" t="s">
        <v>76622</v>
      </c>
      <c r="E23914" s="2" t="s">
        <v>76623</v>
      </c>
      <c r="F23914" s="2" t="s">
        <v>16029</v>
      </c>
      <c r="G23914" s="8">
        <v>224</v>
      </c>
      <c r="H23914" s="5">
        <v>6</v>
      </c>
      <c r="I23914" s="5" t="s">
        <v>1518</v>
      </c>
      <c r="J23914" s="5" t="s">
        <v>69038</v>
      </c>
      <c r="K23914" s="2" t="s">
        <v>69039</v>
      </c>
      <c r="L23914" s="5" t="s">
        <v>69038</v>
      </c>
      <c r="M23914" s="2" t="s">
        <v>69039</v>
      </c>
      <c r="N23914" s="5" t="s">
        <v>1521</v>
      </c>
      <c r="O23914" s="5" t="s">
        <v>38</v>
      </c>
      <c r="P23914" s="5" t="s">
        <v>39</v>
      </c>
      <c r="Q23914" s="5" t="s">
        <v>40</v>
      </c>
      <c r="R23914" s="5" t="s">
        <v>1522</v>
      </c>
      <c r="S23914" s="5" t="s">
        <v>1523</v>
      </c>
      <c r="T23914" s="5" t="s">
        <v>42</v>
      </c>
      <c r="U23914" s="2">
        <v>1.9670000000000001</v>
      </c>
      <c r="V23914" s="2">
        <v>1.5049999999999999</v>
      </c>
      <c r="W23914" s="2">
        <v>0.01</v>
      </c>
      <c r="X23914" s="2">
        <v>76.900000000000006</v>
      </c>
      <c r="Y23914" s="2">
        <v>7.6</v>
      </c>
      <c r="Z23914" s="2">
        <v>16.7</v>
      </c>
      <c r="AA23914" s="5"/>
      <c r="AB23914" s="5" t="s">
        <v>43</v>
      </c>
      <c r="AC23914" s="5" t="s">
        <v>44</v>
      </c>
      <c r="AD23914" s="2"/>
      <c r="AE23914" s="1"/>
    </row>
    <row r="23915" spans="1:31" ht="14.45">
      <c r="A23915" s="11"/>
      <c r="B23915" s="20"/>
      <c r="C23915" s="2" t="s">
        <v>76624</v>
      </c>
      <c r="D23915" s="14" t="s">
        <v>76625</v>
      </c>
      <c r="E23915" s="2" t="s">
        <v>76626</v>
      </c>
      <c r="F23915" s="2" t="s">
        <v>16033</v>
      </c>
      <c r="G23915" s="8">
        <v>224</v>
      </c>
      <c r="H23915" s="5">
        <v>6</v>
      </c>
      <c r="I23915" s="5" t="s">
        <v>1518</v>
      </c>
      <c r="J23915" s="5" t="s">
        <v>69038</v>
      </c>
      <c r="K23915" s="2" t="s">
        <v>69039</v>
      </c>
      <c r="L23915" s="5" t="s">
        <v>69038</v>
      </c>
      <c r="M23915" s="2" t="s">
        <v>69039</v>
      </c>
      <c r="N23915" s="5" t="s">
        <v>1521</v>
      </c>
      <c r="O23915" s="5" t="s">
        <v>38</v>
      </c>
      <c r="P23915" s="5" t="s">
        <v>39</v>
      </c>
      <c r="Q23915" s="5" t="s">
        <v>40</v>
      </c>
      <c r="R23915" s="5" t="s">
        <v>1522</v>
      </c>
      <c r="S23915" s="5" t="s">
        <v>1523</v>
      </c>
      <c r="T23915" s="5" t="s">
        <v>42</v>
      </c>
      <c r="U23915" s="2">
        <v>2.0139999999999998</v>
      </c>
      <c r="V23915" s="2">
        <v>1.552</v>
      </c>
      <c r="W23915" s="2">
        <v>0.01</v>
      </c>
      <c r="X23915" s="2">
        <v>76.900000000000006</v>
      </c>
      <c r="Y23915" s="2">
        <v>7.6</v>
      </c>
      <c r="Z23915" s="2">
        <v>16.7</v>
      </c>
      <c r="AA23915" s="5"/>
      <c r="AB23915" s="5" t="s">
        <v>43</v>
      </c>
      <c r="AC23915" s="5" t="s">
        <v>44</v>
      </c>
      <c r="AD23915" s="2"/>
      <c r="AE23915" s="1"/>
    </row>
    <row r="23916" spans="1:31" ht="14.45">
      <c r="A23916" s="11"/>
      <c r="B23916" s="20"/>
      <c r="C23916" s="2" t="s">
        <v>76627</v>
      </c>
      <c r="D23916" s="14" t="s">
        <v>76628</v>
      </c>
      <c r="E23916" s="2" t="s">
        <v>76629</v>
      </c>
      <c r="F23916" s="2" t="s">
        <v>7204</v>
      </c>
      <c r="G23916" s="8">
        <v>223</v>
      </c>
      <c r="H23916" s="5">
        <v>6</v>
      </c>
      <c r="I23916" s="5" t="s">
        <v>1518</v>
      </c>
      <c r="J23916" s="5" t="s">
        <v>69038</v>
      </c>
      <c r="K23916" s="2" t="s">
        <v>69039</v>
      </c>
      <c r="L23916" s="5" t="s">
        <v>69038</v>
      </c>
      <c r="M23916" s="2" t="s">
        <v>69039</v>
      </c>
      <c r="N23916" s="5" t="s">
        <v>1521</v>
      </c>
      <c r="O23916" s="5" t="s">
        <v>38</v>
      </c>
      <c r="P23916" s="5" t="s">
        <v>39</v>
      </c>
      <c r="Q23916" s="5" t="s">
        <v>40</v>
      </c>
      <c r="R23916" s="5" t="s">
        <v>1522</v>
      </c>
      <c r="S23916" s="5" t="s">
        <v>1523</v>
      </c>
      <c r="T23916" s="5" t="s">
        <v>42</v>
      </c>
      <c r="U23916" s="2">
        <v>2.1070000000000002</v>
      </c>
      <c r="V23916" s="2">
        <v>1.651</v>
      </c>
      <c r="W23916" s="2">
        <v>0.01</v>
      </c>
      <c r="X23916" s="2">
        <v>76.900000000000006</v>
      </c>
      <c r="Y23916" s="2">
        <v>7.6</v>
      </c>
      <c r="Z23916" s="2">
        <v>16.7</v>
      </c>
      <c r="AA23916" s="5"/>
      <c r="AB23916" s="5" t="s">
        <v>43</v>
      </c>
      <c r="AC23916" s="5" t="s">
        <v>44</v>
      </c>
      <c r="AD23916" s="2"/>
      <c r="AE23916" s="1"/>
    </row>
    <row r="23917" spans="1:31" ht="14.45">
      <c r="A23917" s="11"/>
      <c r="B23917" s="20"/>
      <c r="C23917" s="2" t="s">
        <v>76630</v>
      </c>
      <c r="D23917" s="14" t="s">
        <v>76631</v>
      </c>
      <c r="E23917" s="2" t="s">
        <v>76632</v>
      </c>
      <c r="F23917" s="2" t="s">
        <v>7514</v>
      </c>
      <c r="G23917" s="8">
        <v>223</v>
      </c>
      <c r="H23917" s="5">
        <v>6</v>
      </c>
      <c r="I23917" s="5" t="s">
        <v>1518</v>
      </c>
      <c r="J23917" s="5" t="s">
        <v>69038</v>
      </c>
      <c r="K23917" s="2" t="s">
        <v>69039</v>
      </c>
      <c r="L23917" s="5" t="s">
        <v>69038</v>
      </c>
      <c r="M23917" s="2" t="s">
        <v>69039</v>
      </c>
      <c r="N23917" s="5" t="s">
        <v>1521</v>
      </c>
      <c r="O23917" s="5" t="s">
        <v>38</v>
      </c>
      <c r="P23917" s="5" t="s">
        <v>39</v>
      </c>
      <c r="Q23917" s="5" t="s">
        <v>40</v>
      </c>
      <c r="R23917" s="5" t="s">
        <v>1522</v>
      </c>
      <c r="S23917" s="5" t="s">
        <v>1523</v>
      </c>
      <c r="T23917" s="5" t="s">
        <v>42</v>
      </c>
      <c r="U23917" s="2">
        <v>2.165</v>
      </c>
      <c r="V23917" s="2">
        <v>1.7090000000000001</v>
      </c>
      <c r="W23917" s="2">
        <v>0.01</v>
      </c>
      <c r="X23917" s="2">
        <v>76.900000000000006</v>
      </c>
      <c r="Y23917" s="2">
        <v>7.6</v>
      </c>
      <c r="Z23917" s="2">
        <v>16.7</v>
      </c>
      <c r="AA23917" s="5"/>
      <c r="AB23917" s="5" t="s">
        <v>43</v>
      </c>
      <c r="AC23917" s="5" t="s">
        <v>44</v>
      </c>
      <c r="AD23917" s="2"/>
      <c r="AE23917" s="1"/>
    </row>
    <row r="23918" spans="1:31" ht="14.45">
      <c r="A23918" s="11"/>
      <c r="B23918" s="20"/>
      <c r="C23918" s="2" t="s">
        <v>76633</v>
      </c>
      <c r="D23918" s="14" t="s">
        <v>76634</v>
      </c>
      <c r="E23918" s="2" t="s">
        <v>76635</v>
      </c>
      <c r="F23918" s="2" t="s">
        <v>7208</v>
      </c>
      <c r="G23918" s="8">
        <v>223</v>
      </c>
      <c r="H23918" s="5">
        <v>6</v>
      </c>
      <c r="I23918" s="5" t="s">
        <v>1518</v>
      </c>
      <c r="J23918" s="5" t="s">
        <v>69038</v>
      </c>
      <c r="K23918" s="2" t="s">
        <v>69039</v>
      </c>
      <c r="L23918" s="5" t="s">
        <v>69038</v>
      </c>
      <c r="M23918" s="2" t="s">
        <v>69039</v>
      </c>
      <c r="N23918" s="5" t="s">
        <v>1521</v>
      </c>
      <c r="O23918" s="5" t="s">
        <v>38</v>
      </c>
      <c r="P23918" s="5" t="s">
        <v>39</v>
      </c>
      <c r="Q23918" s="5" t="s">
        <v>40</v>
      </c>
      <c r="R23918" s="5" t="s">
        <v>1522</v>
      </c>
      <c r="S23918" s="5" t="s">
        <v>1523</v>
      </c>
      <c r="T23918" s="5" t="s">
        <v>42</v>
      </c>
      <c r="U23918" s="2">
        <v>2.1070000000000002</v>
      </c>
      <c r="V23918" s="2">
        <v>1.651</v>
      </c>
      <c r="W23918" s="2">
        <v>0.01</v>
      </c>
      <c r="X23918" s="2">
        <v>76.900000000000006</v>
      </c>
      <c r="Y23918" s="2">
        <v>7.6</v>
      </c>
      <c r="Z23918" s="2">
        <v>16.7</v>
      </c>
      <c r="AA23918" s="5"/>
      <c r="AB23918" s="5" t="s">
        <v>43</v>
      </c>
      <c r="AC23918" s="5" t="s">
        <v>44</v>
      </c>
      <c r="AD23918" s="2"/>
      <c r="AE23918" s="1"/>
    </row>
    <row r="23919" spans="1:31" ht="14.45">
      <c r="A23919" s="11"/>
      <c r="B23919" s="20"/>
      <c r="C23919" s="2" t="s">
        <v>76636</v>
      </c>
      <c r="D23919" s="14" t="s">
        <v>76637</v>
      </c>
      <c r="E23919" s="2" t="s">
        <v>76638</v>
      </c>
      <c r="F23919" s="2" t="s">
        <v>7521</v>
      </c>
      <c r="G23919" s="8">
        <v>223</v>
      </c>
      <c r="H23919" s="5">
        <v>6</v>
      </c>
      <c r="I23919" s="5" t="s">
        <v>1518</v>
      </c>
      <c r="J23919" s="5" t="s">
        <v>69038</v>
      </c>
      <c r="K23919" s="2" t="s">
        <v>69039</v>
      </c>
      <c r="L23919" s="5" t="s">
        <v>69038</v>
      </c>
      <c r="M23919" s="2" t="s">
        <v>69039</v>
      </c>
      <c r="N23919" s="5" t="s">
        <v>1521</v>
      </c>
      <c r="O23919" s="5" t="s">
        <v>38</v>
      </c>
      <c r="P23919" s="5" t="s">
        <v>39</v>
      </c>
      <c r="Q23919" s="5" t="s">
        <v>40</v>
      </c>
      <c r="R23919" s="5" t="s">
        <v>1522</v>
      </c>
      <c r="S23919" s="5" t="s">
        <v>1523</v>
      </c>
      <c r="T23919" s="5" t="s">
        <v>42</v>
      </c>
      <c r="U23919" s="2">
        <v>2.165</v>
      </c>
      <c r="V23919" s="2">
        <v>1.7090000000000001</v>
      </c>
      <c r="W23919" s="2">
        <v>0.01</v>
      </c>
      <c r="X23919" s="2">
        <v>76.900000000000006</v>
      </c>
      <c r="Y23919" s="2">
        <v>7.6</v>
      </c>
      <c r="Z23919" s="2">
        <v>16.7</v>
      </c>
      <c r="AA23919" s="5"/>
      <c r="AB23919" s="5" t="s">
        <v>43</v>
      </c>
      <c r="AC23919" s="5" t="s">
        <v>44</v>
      </c>
      <c r="AD23919" s="2"/>
      <c r="AE23919" s="1"/>
    </row>
    <row r="23920" spans="1:31" ht="14.45">
      <c r="A23920" s="11"/>
      <c r="B23920" s="20"/>
      <c r="C23920" s="2" t="s">
        <v>76639</v>
      </c>
      <c r="D23920" s="14" t="s">
        <v>76640</v>
      </c>
      <c r="E23920" s="2" t="s">
        <v>76641</v>
      </c>
      <c r="F23920" s="2" t="s">
        <v>7406</v>
      </c>
      <c r="G23920" s="8">
        <v>237</v>
      </c>
      <c r="H23920" s="5">
        <v>6</v>
      </c>
      <c r="I23920" s="5" t="s">
        <v>1518</v>
      </c>
      <c r="J23920" s="5" t="s">
        <v>69038</v>
      </c>
      <c r="K23920" s="2" t="s">
        <v>69039</v>
      </c>
      <c r="L23920" s="5" t="s">
        <v>69038</v>
      </c>
      <c r="M23920" s="2" t="s">
        <v>69039</v>
      </c>
      <c r="N23920" s="5" t="s">
        <v>1521</v>
      </c>
      <c r="O23920" s="5" t="s">
        <v>38</v>
      </c>
      <c r="P23920" s="5" t="s">
        <v>39</v>
      </c>
      <c r="Q23920" s="5" t="s">
        <v>40</v>
      </c>
      <c r="R23920" s="5" t="s">
        <v>1522</v>
      </c>
      <c r="S23920" s="5" t="s">
        <v>1523</v>
      </c>
      <c r="T23920" s="5" t="s">
        <v>42</v>
      </c>
      <c r="U23920" s="2">
        <v>2.1070000000000002</v>
      </c>
      <c r="V23920" s="2">
        <v>1.651</v>
      </c>
      <c r="W23920" s="2">
        <v>0.01</v>
      </c>
      <c r="X23920" s="2">
        <v>76.900000000000006</v>
      </c>
      <c r="Y23920" s="2">
        <v>7.6</v>
      </c>
      <c r="Z23920" s="2">
        <v>16.7</v>
      </c>
      <c r="AA23920" s="5"/>
      <c r="AB23920" s="5" t="s">
        <v>43</v>
      </c>
      <c r="AC23920" s="5" t="s">
        <v>44</v>
      </c>
      <c r="AD23920" s="2"/>
      <c r="AE23920" s="1"/>
    </row>
    <row r="23921" spans="1:31" ht="14.45">
      <c r="A23921" s="11"/>
      <c r="B23921" s="20"/>
      <c r="C23921" s="2" t="s">
        <v>76642</v>
      </c>
      <c r="D23921" s="14" t="s">
        <v>76643</v>
      </c>
      <c r="E23921" s="2" t="s">
        <v>76644</v>
      </c>
      <c r="F23921" s="2" t="s">
        <v>7539</v>
      </c>
      <c r="G23921" s="8">
        <v>237</v>
      </c>
      <c r="H23921" s="5">
        <v>6</v>
      </c>
      <c r="I23921" s="5" t="s">
        <v>1518</v>
      </c>
      <c r="J23921" s="5" t="s">
        <v>69038</v>
      </c>
      <c r="K23921" s="2" t="s">
        <v>69039</v>
      </c>
      <c r="L23921" s="5" t="s">
        <v>69038</v>
      </c>
      <c r="M23921" s="2" t="s">
        <v>69039</v>
      </c>
      <c r="N23921" s="5" t="s">
        <v>1521</v>
      </c>
      <c r="O23921" s="5" t="s">
        <v>38</v>
      </c>
      <c r="P23921" s="5" t="s">
        <v>39</v>
      </c>
      <c r="Q23921" s="5" t="s">
        <v>40</v>
      </c>
      <c r="R23921" s="5" t="s">
        <v>1522</v>
      </c>
      <c r="S23921" s="5" t="s">
        <v>1523</v>
      </c>
      <c r="T23921" s="5" t="s">
        <v>42</v>
      </c>
      <c r="U23921" s="2">
        <v>2.1070000000000002</v>
      </c>
      <c r="V23921" s="2">
        <v>1.651</v>
      </c>
      <c r="W23921" s="2">
        <v>0.01</v>
      </c>
      <c r="X23921" s="2">
        <v>76.900000000000006</v>
      </c>
      <c r="Y23921" s="2">
        <v>7.6</v>
      </c>
      <c r="Z23921" s="2">
        <v>16.7</v>
      </c>
      <c r="AA23921" s="5"/>
      <c r="AB23921" s="5" t="s">
        <v>43</v>
      </c>
      <c r="AC23921" s="5" t="s">
        <v>44</v>
      </c>
      <c r="AD23921" s="2"/>
      <c r="AE23921" s="1"/>
    </row>
    <row r="23922" spans="1:31" ht="14.45">
      <c r="A23922" s="11"/>
      <c r="B23922" s="20"/>
      <c r="C23922" s="2" t="s">
        <v>76645</v>
      </c>
      <c r="D23922" s="14" t="s">
        <v>76646</v>
      </c>
      <c r="E23922" s="2" t="s">
        <v>76647</v>
      </c>
      <c r="F23922" s="2" t="s">
        <v>7543</v>
      </c>
      <c r="G23922" s="8">
        <v>237</v>
      </c>
      <c r="H23922" s="5">
        <v>6</v>
      </c>
      <c r="I23922" s="5" t="s">
        <v>1518</v>
      </c>
      <c r="J23922" s="5" t="s">
        <v>69038</v>
      </c>
      <c r="K23922" s="2" t="s">
        <v>69039</v>
      </c>
      <c r="L23922" s="5" t="s">
        <v>69038</v>
      </c>
      <c r="M23922" s="2" t="s">
        <v>69039</v>
      </c>
      <c r="N23922" s="5" t="s">
        <v>1521</v>
      </c>
      <c r="O23922" s="5" t="s">
        <v>38</v>
      </c>
      <c r="P23922" s="5" t="s">
        <v>39</v>
      </c>
      <c r="Q23922" s="5" t="s">
        <v>40</v>
      </c>
      <c r="R23922" s="5" t="s">
        <v>1522</v>
      </c>
      <c r="S23922" s="5" t="s">
        <v>1523</v>
      </c>
      <c r="T23922" s="5" t="s">
        <v>42</v>
      </c>
      <c r="U23922" s="2">
        <v>2.165</v>
      </c>
      <c r="V23922" s="2">
        <v>1.7090000000000001</v>
      </c>
      <c r="W23922" s="2">
        <v>0.01</v>
      </c>
      <c r="X23922" s="2">
        <v>76.900000000000006</v>
      </c>
      <c r="Y23922" s="2">
        <v>7.6</v>
      </c>
      <c r="Z23922" s="2">
        <v>16.7</v>
      </c>
      <c r="AA23922" s="5"/>
      <c r="AB23922" s="5" t="s">
        <v>43</v>
      </c>
      <c r="AC23922" s="5" t="s">
        <v>44</v>
      </c>
      <c r="AD23922" s="2"/>
      <c r="AE23922" s="1"/>
    </row>
    <row r="23923" spans="1:31" ht="14.45">
      <c r="A23923" s="11"/>
      <c r="B23923" s="20"/>
      <c r="C23923" s="2" t="s">
        <v>76648</v>
      </c>
      <c r="D23923" s="14" t="s">
        <v>76649</v>
      </c>
      <c r="E23923" s="2" t="s">
        <v>76650</v>
      </c>
      <c r="F23923" s="2" t="s">
        <v>7396</v>
      </c>
      <c r="G23923" s="8">
        <v>223</v>
      </c>
      <c r="H23923" s="5">
        <v>6</v>
      </c>
      <c r="I23923" s="5" t="s">
        <v>1518</v>
      </c>
      <c r="J23923" s="5" t="s">
        <v>69038</v>
      </c>
      <c r="K23923" s="2" t="s">
        <v>69039</v>
      </c>
      <c r="L23923" s="5" t="s">
        <v>69038</v>
      </c>
      <c r="M23923" s="2" t="s">
        <v>69039</v>
      </c>
      <c r="N23923" s="5" t="s">
        <v>1521</v>
      </c>
      <c r="O23923" s="5" t="s">
        <v>38</v>
      </c>
      <c r="P23923" s="5" t="s">
        <v>39</v>
      </c>
      <c r="Q23923" s="5" t="s">
        <v>40</v>
      </c>
      <c r="R23923" s="5" t="s">
        <v>1522</v>
      </c>
      <c r="S23923" s="5" t="s">
        <v>1523</v>
      </c>
      <c r="T23923" s="5" t="s">
        <v>42</v>
      </c>
      <c r="U23923" s="2">
        <v>2.1070000000000002</v>
      </c>
      <c r="V23923" s="2">
        <v>1.651</v>
      </c>
      <c r="W23923" s="2">
        <v>0.01</v>
      </c>
      <c r="X23923" s="2">
        <v>76.900000000000006</v>
      </c>
      <c r="Y23923" s="2">
        <v>7.6</v>
      </c>
      <c r="Z23923" s="2">
        <v>16.7</v>
      </c>
      <c r="AA23923" s="5"/>
      <c r="AB23923" s="5" t="s">
        <v>43</v>
      </c>
      <c r="AC23923" s="5" t="s">
        <v>44</v>
      </c>
      <c r="AD23923" s="2"/>
      <c r="AE23923" s="1"/>
    </row>
    <row r="23924" spans="1:31" ht="14.45">
      <c r="A23924" s="11"/>
      <c r="B23924" s="20"/>
      <c r="C23924" s="2" t="s">
        <v>76651</v>
      </c>
      <c r="D23924" s="14" t="s">
        <v>76652</v>
      </c>
      <c r="E23924" s="2" t="s">
        <v>76653</v>
      </c>
      <c r="F23924" s="2" t="s">
        <v>7507</v>
      </c>
      <c r="G23924" s="8">
        <v>223</v>
      </c>
      <c r="H23924" s="5">
        <v>6</v>
      </c>
      <c r="I23924" s="5" t="s">
        <v>1518</v>
      </c>
      <c r="J23924" s="5" t="s">
        <v>69038</v>
      </c>
      <c r="K23924" s="2" t="s">
        <v>69039</v>
      </c>
      <c r="L23924" s="5" t="s">
        <v>69038</v>
      </c>
      <c r="M23924" s="2" t="s">
        <v>69039</v>
      </c>
      <c r="N23924" s="5" t="s">
        <v>1521</v>
      </c>
      <c r="O23924" s="5" t="s">
        <v>38</v>
      </c>
      <c r="P23924" s="5" t="s">
        <v>39</v>
      </c>
      <c r="Q23924" s="5" t="s">
        <v>40</v>
      </c>
      <c r="R23924" s="5" t="s">
        <v>1522</v>
      </c>
      <c r="S23924" s="5" t="s">
        <v>1523</v>
      </c>
      <c r="T23924" s="5" t="s">
        <v>42</v>
      </c>
      <c r="U23924" s="2">
        <v>2.165</v>
      </c>
      <c r="V23924" s="2">
        <v>1.7090000000000001</v>
      </c>
      <c r="W23924" s="2">
        <v>0.01</v>
      </c>
      <c r="X23924" s="2">
        <v>76.900000000000006</v>
      </c>
      <c r="Y23924" s="2">
        <v>7.6</v>
      </c>
      <c r="Z23924" s="2">
        <v>16.7</v>
      </c>
      <c r="AA23924" s="5"/>
      <c r="AB23924" s="5" t="s">
        <v>43</v>
      </c>
      <c r="AC23924" s="5" t="s">
        <v>44</v>
      </c>
      <c r="AD23924" s="2"/>
      <c r="AE23924" s="1"/>
    </row>
    <row r="23925" spans="1:31" ht="14.45">
      <c r="A23925" s="11"/>
      <c r="B23925" s="20"/>
      <c r="C23925" s="2" t="s">
        <v>76654</v>
      </c>
      <c r="D23925" s="14" t="s">
        <v>76655</v>
      </c>
      <c r="E23925" s="2" t="s">
        <v>76656</v>
      </c>
      <c r="F23925" s="2" t="s">
        <v>7563</v>
      </c>
      <c r="G23925" s="8">
        <v>237</v>
      </c>
      <c r="H23925" s="5">
        <v>6</v>
      </c>
      <c r="I23925" s="5" t="s">
        <v>1518</v>
      </c>
      <c r="J23925" s="5" t="s">
        <v>69038</v>
      </c>
      <c r="K23925" s="2" t="s">
        <v>69039</v>
      </c>
      <c r="L23925" s="5" t="s">
        <v>69038</v>
      </c>
      <c r="M23925" s="2" t="s">
        <v>69039</v>
      </c>
      <c r="N23925" s="5" t="s">
        <v>1521</v>
      </c>
      <c r="O23925" s="5" t="s">
        <v>38</v>
      </c>
      <c r="P23925" s="5" t="s">
        <v>39</v>
      </c>
      <c r="Q23925" s="5" t="s">
        <v>40</v>
      </c>
      <c r="R23925" s="5" t="s">
        <v>1522</v>
      </c>
      <c r="S23925" s="5" t="s">
        <v>1523</v>
      </c>
      <c r="T23925" s="5" t="s">
        <v>42</v>
      </c>
      <c r="U23925" s="2">
        <v>2.1070000000000002</v>
      </c>
      <c r="V23925" s="2">
        <v>1.651</v>
      </c>
      <c r="W23925" s="2">
        <v>0.01</v>
      </c>
      <c r="X23925" s="2">
        <v>76.900000000000006</v>
      </c>
      <c r="Y23925" s="2">
        <v>7.6</v>
      </c>
      <c r="Z23925" s="2">
        <v>16.7</v>
      </c>
      <c r="AA23925" s="5"/>
      <c r="AB23925" s="5" t="s">
        <v>43</v>
      </c>
      <c r="AC23925" s="5" t="s">
        <v>44</v>
      </c>
      <c r="AD23925" s="2"/>
      <c r="AE23925" s="1"/>
    </row>
    <row r="23926" spans="1:31" ht="14.45">
      <c r="A23926" s="11"/>
      <c r="B23926" s="20"/>
      <c r="C23926" s="2" t="s">
        <v>76657</v>
      </c>
      <c r="D23926" s="14" t="s">
        <v>76658</v>
      </c>
      <c r="E23926" s="2" t="s">
        <v>76659</v>
      </c>
      <c r="F23926" s="2" t="s">
        <v>7555</v>
      </c>
      <c r="G23926" s="8">
        <v>237</v>
      </c>
      <c r="H23926" s="5">
        <v>6</v>
      </c>
      <c r="I23926" s="5" t="s">
        <v>1518</v>
      </c>
      <c r="J23926" s="5" t="s">
        <v>69038</v>
      </c>
      <c r="K23926" s="2" t="s">
        <v>69039</v>
      </c>
      <c r="L23926" s="5" t="s">
        <v>69038</v>
      </c>
      <c r="M23926" s="2" t="s">
        <v>69039</v>
      </c>
      <c r="N23926" s="5" t="s">
        <v>1521</v>
      </c>
      <c r="O23926" s="5" t="s">
        <v>38</v>
      </c>
      <c r="P23926" s="5" t="s">
        <v>39</v>
      </c>
      <c r="Q23926" s="5" t="s">
        <v>40</v>
      </c>
      <c r="R23926" s="5" t="s">
        <v>1522</v>
      </c>
      <c r="S23926" s="5" t="s">
        <v>1523</v>
      </c>
      <c r="T23926" s="5" t="s">
        <v>42</v>
      </c>
      <c r="U23926" s="2">
        <v>2.1070000000000002</v>
      </c>
      <c r="V23926" s="2">
        <v>1.651</v>
      </c>
      <c r="W23926" s="2">
        <v>0.01</v>
      </c>
      <c r="X23926" s="2">
        <v>76.900000000000006</v>
      </c>
      <c r="Y23926" s="2">
        <v>7.6</v>
      </c>
      <c r="Z23926" s="2">
        <v>16.7</v>
      </c>
      <c r="AA23926" s="5"/>
      <c r="AB23926" s="5" t="s">
        <v>43</v>
      </c>
      <c r="AC23926" s="5" t="s">
        <v>44</v>
      </c>
      <c r="AD23926" s="2"/>
      <c r="AE23926" s="1"/>
    </row>
    <row r="23927" spans="1:31" ht="14.45">
      <c r="A23927" s="11"/>
      <c r="B23927" s="20"/>
      <c r="C23927" s="2" t="s">
        <v>76660</v>
      </c>
      <c r="D23927" s="14" t="s">
        <v>76661</v>
      </c>
      <c r="E23927" s="2" t="s">
        <v>76662</v>
      </c>
      <c r="F23927" s="2" t="s">
        <v>7559</v>
      </c>
      <c r="G23927" s="8">
        <v>237</v>
      </c>
      <c r="H23927" s="5">
        <v>6</v>
      </c>
      <c r="I23927" s="5" t="s">
        <v>1518</v>
      </c>
      <c r="J23927" s="5" t="s">
        <v>69038</v>
      </c>
      <c r="K23927" s="2" t="s">
        <v>69039</v>
      </c>
      <c r="L23927" s="5" t="s">
        <v>69038</v>
      </c>
      <c r="M23927" s="2" t="s">
        <v>69039</v>
      </c>
      <c r="N23927" s="5" t="s">
        <v>1521</v>
      </c>
      <c r="O23927" s="5" t="s">
        <v>38</v>
      </c>
      <c r="P23927" s="5" t="s">
        <v>39</v>
      </c>
      <c r="Q23927" s="5" t="s">
        <v>40</v>
      </c>
      <c r="R23927" s="5" t="s">
        <v>1522</v>
      </c>
      <c r="S23927" s="5" t="s">
        <v>1523</v>
      </c>
      <c r="T23927" s="5" t="s">
        <v>42</v>
      </c>
      <c r="U23927" s="2">
        <v>2.165</v>
      </c>
      <c r="V23927" s="2">
        <v>1.7090000000000001</v>
      </c>
      <c r="W23927" s="2">
        <v>0.01</v>
      </c>
      <c r="X23927" s="2">
        <v>76.900000000000006</v>
      </c>
      <c r="Y23927" s="2">
        <v>7.6</v>
      </c>
      <c r="Z23927" s="2">
        <v>16.7</v>
      </c>
      <c r="AA23927" s="5"/>
      <c r="AB23927" s="5" t="s">
        <v>43</v>
      </c>
      <c r="AC23927" s="5" t="s">
        <v>44</v>
      </c>
      <c r="AD23927" s="2"/>
      <c r="AE23927" s="1"/>
    </row>
    <row r="23928" spans="1:31" ht="14.45">
      <c r="A23928" s="11"/>
      <c r="B23928" s="20"/>
      <c r="C23928" s="2" t="s">
        <v>76663</v>
      </c>
      <c r="D23928" s="14" t="s">
        <v>76664</v>
      </c>
      <c r="E23928" s="2" t="s">
        <v>76665</v>
      </c>
      <c r="F23928" s="2" t="s">
        <v>7449</v>
      </c>
      <c r="G23928" s="8">
        <v>237</v>
      </c>
      <c r="H23928" s="5">
        <v>6</v>
      </c>
      <c r="I23928" s="5" t="s">
        <v>1518</v>
      </c>
      <c r="J23928" s="5" t="s">
        <v>69038</v>
      </c>
      <c r="K23928" s="2" t="s">
        <v>69039</v>
      </c>
      <c r="L23928" s="5" t="s">
        <v>69038</v>
      </c>
      <c r="M23928" s="2" t="s">
        <v>69039</v>
      </c>
      <c r="N23928" s="5" t="s">
        <v>1521</v>
      </c>
      <c r="O23928" s="5" t="s">
        <v>38</v>
      </c>
      <c r="P23928" s="5" t="s">
        <v>39</v>
      </c>
      <c r="Q23928" s="5" t="s">
        <v>40</v>
      </c>
      <c r="R23928" s="5" t="s">
        <v>1522</v>
      </c>
      <c r="S23928" s="5" t="s">
        <v>1523</v>
      </c>
      <c r="T23928" s="5" t="s">
        <v>42</v>
      </c>
      <c r="U23928" s="2">
        <v>2.1070000000000002</v>
      </c>
      <c r="V23928" s="2">
        <v>1.651</v>
      </c>
      <c r="W23928" s="2">
        <v>0.01</v>
      </c>
      <c r="X23928" s="2">
        <v>76.900000000000006</v>
      </c>
      <c r="Y23928" s="2">
        <v>7.6</v>
      </c>
      <c r="Z23928" s="2">
        <v>16.7</v>
      </c>
      <c r="AA23928" s="5"/>
      <c r="AB23928" s="5" t="s">
        <v>43</v>
      </c>
      <c r="AC23928" s="5" t="s">
        <v>44</v>
      </c>
      <c r="AD23928" s="2"/>
      <c r="AE23928" s="1"/>
    </row>
    <row r="23929" spans="1:31" ht="14.45">
      <c r="A23929" s="11"/>
      <c r="B23929" s="20"/>
      <c r="C23929" s="2" t="s">
        <v>76666</v>
      </c>
      <c r="D23929" s="14" t="s">
        <v>76667</v>
      </c>
      <c r="E23929" s="2" t="s">
        <v>76668</v>
      </c>
      <c r="F23929" s="2" t="s">
        <v>7581</v>
      </c>
      <c r="G23929" s="8">
        <v>237</v>
      </c>
      <c r="H23929" s="5">
        <v>6</v>
      </c>
      <c r="I23929" s="5" t="s">
        <v>1518</v>
      </c>
      <c r="J23929" s="5" t="s">
        <v>69038</v>
      </c>
      <c r="K23929" s="2" t="s">
        <v>69039</v>
      </c>
      <c r="L23929" s="5" t="s">
        <v>69038</v>
      </c>
      <c r="M23929" s="2" t="s">
        <v>69039</v>
      </c>
      <c r="N23929" s="5" t="s">
        <v>1521</v>
      </c>
      <c r="O23929" s="5" t="s">
        <v>38</v>
      </c>
      <c r="P23929" s="5" t="s">
        <v>39</v>
      </c>
      <c r="Q23929" s="5" t="s">
        <v>40</v>
      </c>
      <c r="R23929" s="5" t="s">
        <v>1522</v>
      </c>
      <c r="S23929" s="5" t="s">
        <v>1523</v>
      </c>
      <c r="T23929" s="5" t="s">
        <v>42</v>
      </c>
      <c r="U23929" s="2">
        <v>2.165</v>
      </c>
      <c r="V23929" s="2">
        <v>1.7090000000000001</v>
      </c>
      <c r="W23929" s="2">
        <v>0.01</v>
      </c>
      <c r="X23929" s="2">
        <v>76.900000000000006</v>
      </c>
      <c r="Y23929" s="2">
        <v>7.6</v>
      </c>
      <c r="Z23929" s="2">
        <v>16.7</v>
      </c>
      <c r="AA23929" s="5"/>
      <c r="AB23929" s="5" t="s">
        <v>43</v>
      </c>
      <c r="AC23929" s="5" t="s">
        <v>44</v>
      </c>
      <c r="AD23929" s="2"/>
      <c r="AE23929" s="1"/>
    </row>
    <row r="23930" spans="1:31" ht="14.45">
      <c r="A23930" s="11"/>
      <c r="B23930" s="20"/>
      <c r="C23930" s="2" t="s">
        <v>76669</v>
      </c>
      <c r="D23930" s="14" t="s">
        <v>76670</v>
      </c>
      <c r="E23930" s="2" t="s">
        <v>76671</v>
      </c>
      <c r="F23930" s="2" t="s">
        <v>7593</v>
      </c>
      <c r="G23930" s="8">
        <v>237</v>
      </c>
      <c r="H23930" s="5">
        <v>6</v>
      </c>
      <c r="I23930" s="5" t="s">
        <v>1518</v>
      </c>
      <c r="J23930" s="5" t="s">
        <v>69038</v>
      </c>
      <c r="K23930" s="2" t="s">
        <v>69039</v>
      </c>
      <c r="L23930" s="5" t="s">
        <v>69038</v>
      </c>
      <c r="M23930" s="2" t="s">
        <v>69039</v>
      </c>
      <c r="N23930" s="5" t="s">
        <v>1521</v>
      </c>
      <c r="O23930" s="5" t="s">
        <v>38</v>
      </c>
      <c r="P23930" s="5" t="s">
        <v>39</v>
      </c>
      <c r="Q23930" s="5" t="s">
        <v>40</v>
      </c>
      <c r="R23930" s="5" t="s">
        <v>1522</v>
      </c>
      <c r="S23930" s="5" t="s">
        <v>1523</v>
      </c>
      <c r="T23930" s="5" t="s">
        <v>42</v>
      </c>
      <c r="U23930" s="2">
        <v>2.1070000000000002</v>
      </c>
      <c r="V23930" s="2">
        <v>1.651</v>
      </c>
      <c r="W23930" s="2">
        <v>0.01</v>
      </c>
      <c r="X23930" s="2">
        <v>76.900000000000006</v>
      </c>
      <c r="Y23930" s="2">
        <v>7.6</v>
      </c>
      <c r="Z23930" s="2">
        <v>16.7</v>
      </c>
      <c r="AA23930" s="5"/>
      <c r="AB23930" s="5" t="s">
        <v>43</v>
      </c>
      <c r="AC23930" s="5" t="s">
        <v>44</v>
      </c>
      <c r="AD23930" s="2"/>
      <c r="AE23930" s="1"/>
    </row>
    <row r="23931" spans="1:31" ht="14.45">
      <c r="A23931" s="11"/>
      <c r="B23931" s="20"/>
      <c r="C23931" s="2" t="s">
        <v>76672</v>
      </c>
      <c r="D23931" s="14" t="s">
        <v>76673</v>
      </c>
      <c r="E23931" s="2" t="s">
        <v>76674</v>
      </c>
      <c r="F23931" s="2" t="s">
        <v>73358</v>
      </c>
      <c r="G23931" s="8">
        <v>237</v>
      </c>
      <c r="H23931" s="5">
        <v>6</v>
      </c>
      <c r="I23931" s="5" t="s">
        <v>1518</v>
      </c>
      <c r="J23931" s="5" t="s">
        <v>69038</v>
      </c>
      <c r="K23931" s="2" t="s">
        <v>69039</v>
      </c>
      <c r="L23931" s="5" t="s">
        <v>69038</v>
      </c>
      <c r="M23931" s="2" t="s">
        <v>69039</v>
      </c>
      <c r="N23931" s="5" t="s">
        <v>1521</v>
      </c>
      <c r="O23931" s="5" t="s">
        <v>38</v>
      </c>
      <c r="P23931" s="5" t="s">
        <v>39</v>
      </c>
      <c r="Q23931" s="5" t="s">
        <v>40</v>
      </c>
      <c r="R23931" s="5" t="s">
        <v>1522</v>
      </c>
      <c r="S23931" s="5" t="s">
        <v>1523</v>
      </c>
      <c r="T23931" s="5" t="s">
        <v>42</v>
      </c>
      <c r="U23931" s="2">
        <v>2.1070000000000002</v>
      </c>
      <c r="V23931" s="2">
        <v>1.651</v>
      </c>
      <c r="W23931" s="2">
        <v>0.01</v>
      </c>
      <c r="X23931" s="2">
        <v>76.900000000000006</v>
      </c>
      <c r="Y23931" s="2">
        <v>7.6</v>
      </c>
      <c r="Z23931" s="2">
        <v>16.7</v>
      </c>
      <c r="AA23931" s="5"/>
      <c r="AB23931" s="5" t="s">
        <v>43</v>
      </c>
      <c r="AC23931" s="5" t="s">
        <v>44</v>
      </c>
      <c r="AD23931" s="2"/>
      <c r="AE23931" s="1"/>
    </row>
    <row r="23932" spans="1:31" ht="14.45">
      <c r="A23932" s="11"/>
      <c r="B23932" s="20"/>
      <c r="C23932" s="2" t="s">
        <v>76675</v>
      </c>
      <c r="D23932" s="14" t="s">
        <v>76676</v>
      </c>
      <c r="E23932" s="2" t="s">
        <v>76677</v>
      </c>
      <c r="F23932" s="2" t="s">
        <v>7615</v>
      </c>
      <c r="G23932" s="8">
        <v>237</v>
      </c>
      <c r="H23932" s="5">
        <v>6</v>
      </c>
      <c r="I23932" s="5" t="s">
        <v>1518</v>
      </c>
      <c r="J23932" s="5" t="s">
        <v>69038</v>
      </c>
      <c r="K23932" s="2" t="s">
        <v>69039</v>
      </c>
      <c r="L23932" s="5" t="s">
        <v>69038</v>
      </c>
      <c r="M23932" s="2" t="s">
        <v>69039</v>
      </c>
      <c r="N23932" s="5" t="s">
        <v>1521</v>
      </c>
      <c r="O23932" s="5" t="s">
        <v>38</v>
      </c>
      <c r="P23932" s="5" t="s">
        <v>39</v>
      </c>
      <c r="Q23932" s="5" t="s">
        <v>40</v>
      </c>
      <c r="R23932" s="5" t="s">
        <v>1522</v>
      </c>
      <c r="S23932" s="5" t="s">
        <v>1523</v>
      </c>
      <c r="T23932" s="5" t="s">
        <v>42</v>
      </c>
      <c r="U23932" s="2">
        <v>2.1070000000000002</v>
      </c>
      <c r="V23932" s="2">
        <v>1.651</v>
      </c>
      <c r="W23932" s="2">
        <v>0.01</v>
      </c>
      <c r="X23932" s="2">
        <v>76.900000000000006</v>
      </c>
      <c r="Y23932" s="2">
        <v>7.6</v>
      </c>
      <c r="Z23932" s="2">
        <v>16.7</v>
      </c>
      <c r="AA23932" s="5"/>
      <c r="AB23932" s="5" t="s">
        <v>43</v>
      </c>
      <c r="AC23932" s="5" t="s">
        <v>44</v>
      </c>
      <c r="AD23932" s="2"/>
      <c r="AE23932" s="1"/>
    </row>
    <row r="23933" spans="1:31" ht="14.45">
      <c r="A23933" s="11"/>
      <c r="B23933" s="20"/>
      <c r="C23933" s="2" t="s">
        <v>76678</v>
      </c>
      <c r="D23933" s="14" t="s">
        <v>76679</v>
      </c>
      <c r="E23933" s="2" t="s">
        <v>76680</v>
      </c>
      <c r="F23933" s="2" t="s">
        <v>7619</v>
      </c>
      <c r="G23933" s="8">
        <v>237</v>
      </c>
      <c r="H23933" s="5">
        <v>6</v>
      </c>
      <c r="I23933" s="5" t="s">
        <v>1518</v>
      </c>
      <c r="J23933" s="5" t="s">
        <v>69038</v>
      </c>
      <c r="K23933" s="2" t="s">
        <v>69039</v>
      </c>
      <c r="L23933" s="5" t="s">
        <v>69038</v>
      </c>
      <c r="M23933" s="2" t="s">
        <v>69039</v>
      </c>
      <c r="N23933" s="5" t="s">
        <v>1521</v>
      </c>
      <c r="O23933" s="5" t="s">
        <v>38</v>
      </c>
      <c r="P23933" s="5" t="s">
        <v>39</v>
      </c>
      <c r="Q23933" s="5" t="s">
        <v>40</v>
      </c>
      <c r="R23933" s="5" t="s">
        <v>1522</v>
      </c>
      <c r="S23933" s="5" t="s">
        <v>1523</v>
      </c>
      <c r="T23933" s="5" t="s">
        <v>42</v>
      </c>
      <c r="U23933" s="2">
        <v>2.165</v>
      </c>
      <c r="V23933" s="2">
        <v>1.7090000000000001</v>
      </c>
      <c r="W23933" s="2">
        <v>0.01</v>
      </c>
      <c r="X23933" s="2">
        <v>76.900000000000006</v>
      </c>
      <c r="Y23933" s="2">
        <v>7.6</v>
      </c>
      <c r="Z23933" s="2">
        <v>16.7</v>
      </c>
      <c r="AA23933" s="5"/>
      <c r="AB23933" s="5" t="s">
        <v>43</v>
      </c>
      <c r="AC23933" s="5" t="s">
        <v>44</v>
      </c>
      <c r="AD23933" s="2"/>
      <c r="AE23933" s="1"/>
    </row>
    <row r="23934" spans="1:31" ht="14.45">
      <c r="A23934" s="11"/>
      <c r="B23934" s="20"/>
      <c r="C23934" s="2" t="s">
        <v>76681</v>
      </c>
      <c r="D23934" s="14" t="s">
        <v>76682</v>
      </c>
      <c r="E23934" s="2" t="s">
        <v>76683</v>
      </c>
      <c r="F23934" s="2" t="s">
        <v>16014</v>
      </c>
      <c r="G23934" s="8">
        <v>237</v>
      </c>
      <c r="H23934" s="5">
        <v>6</v>
      </c>
      <c r="I23934" s="5" t="s">
        <v>1518</v>
      </c>
      <c r="J23934" s="5" t="s">
        <v>69038</v>
      </c>
      <c r="K23934" s="2" t="s">
        <v>69039</v>
      </c>
      <c r="L23934" s="5" t="s">
        <v>69038</v>
      </c>
      <c r="M23934" s="2" t="s">
        <v>69039</v>
      </c>
      <c r="N23934" s="5" t="s">
        <v>1521</v>
      </c>
      <c r="O23934" s="5" t="s">
        <v>38</v>
      </c>
      <c r="P23934" s="5" t="s">
        <v>39</v>
      </c>
      <c r="Q23934" s="5" t="s">
        <v>40</v>
      </c>
      <c r="R23934" s="5" t="s">
        <v>1522</v>
      </c>
      <c r="S23934" s="5" t="s">
        <v>1523</v>
      </c>
      <c r="T23934" s="5" t="s">
        <v>42</v>
      </c>
      <c r="U23934" s="2">
        <v>2.1070000000000002</v>
      </c>
      <c r="V23934" s="2">
        <v>1.651</v>
      </c>
      <c r="W23934" s="2">
        <v>0.01</v>
      </c>
      <c r="X23934" s="2">
        <v>76.900000000000006</v>
      </c>
      <c r="Y23934" s="2">
        <v>7.6</v>
      </c>
      <c r="Z23934" s="2">
        <v>16.7</v>
      </c>
      <c r="AA23934" s="5"/>
      <c r="AB23934" s="5" t="s">
        <v>43</v>
      </c>
      <c r="AC23934" s="5" t="s">
        <v>44</v>
      </c>
      <c r="AD23934" s="2"/>
      <c r="AE23934" s="1"/>
    </row>
    <row r="23935" spans="1:31" ht="14.45">
      <c r="A23935" s="11"/>
      <c r="B23935" s="20"/>
      <c r="C23935" s="2" t="s">
        <v>76684</v>
      </c>
      <c r="D23935" s="14" t="s">
        <v>76685</v>
      </c>
      <c r="E23935" s="2" t="s">
        <v>76686</v>
      </c>
      <c r="F23935" s="2" t="s">
        <v>16219</v>
      </c>
      <c r="G23935" s="8">
        <v>237</v>
      </c>
      <c r="H23935" s="5">
        <v>6</v>
      </c>
      <c r="I23935" s="5" t="s">
        <v>1518</v>
      </c>
      <c r="J23935" s="5" t="s">
        <v>69038</v>
      </c>
      <c r="K23935" s="2" t="s">
        <v>69039</v>
      </c>
      <c r="L23935" s="5" t="s">
        <v>69038</v>
      </c>
      <c r="M23935" s="2" t="s">
        <v>69039</v>
      </c>
      <c r="N23935" s="5" t="s">
        <v>1521</v>
      </c>
      <c r="O23935" s="5" t="s">
        <v>38</v>
      </c>
      <c r="P23935" s="5" t="s">
        <v>39</v>
      </c>
      <c r="Q23935" s="5" t="s">
        <v>40</v>
      </c>
      <c r="R23935" s="5" t="s">
        <v>1522</v>
      </c>
      <c r="S23935" s="5" t="s">
        <v>1523</v>
      </c>
      <c r="T23935" s="5" t="s">
        <v>42</v>
      </c>
      <c r="U23935" s="2">
        <v>2.165</v>
      </c>
      <c r="V23935" s="2">
        <v>1.7090000000000001</v>
      </c>
      <c r="W23935" s="2">
        <v>0.01</v>
      </c>
      <c r="X23935" s="2">
        <v>76.900000000000006</v>
      </c>
      <c r="Y23935" s="2">
        <v>7.6</v>
      </c>
      <c r="Z23935" s="2">
        <v>16.7</v>
      </c>
      <c r="AA23935" s="5"/>
      <c r="AB23935" s="5" t="s">
        <v>43</v>
      </c>
      <c r="AC23935" s="5" t="s">
        <v>44</v>
      </c>
      <c r="AD23935" s="2"/>
      <c r="AE23935" s="1"/>
    </row>
    <row r="23936" spans="1:31" ht="14.45">
      <c r="A23936" s="11"/>
      <c r="B23936" s="20"/>
      <c r="C23936" s="2" t="s">
        <v>76687</v>
      </c>
      <c r="D23936" s="14" t="s">
        <v>76688</v>
      </c>
      <c r="E23936" s="2" t="s">
        <v>76689</v>
      </c>
      <c r="F23936" s="2" t="s">
        <v>7212</v>
      </c>
      <c r="G23936" s="8">
        <v>223</v>
      </c>
      <c r="H23936" s="5">
        <v>6</v>
      </c>
      <c r="I23936" s="5" t="s">
        <v>1518</v>
      </c>
      <c r="J23936" s="5" t="s">
        <v>69038</v>
      </c>
      <c r="K23936" s="2" t="s">
        <v>69039</v>
      </c>
      <c r="L23936" s="5" t="s">
        <v>69038</v>
      </c>
      <c r="M23936" s="2" t="s">
        <v>69039</v>
      </c>
      <c r="N23936" s="5" t="s">
        <v>1521</v>
      </c>
      <c r="O23936" s="5" t="s">
        <v>38</v>
      </c>
      <c r="P23936" s="5" t="s">
        <v>39</v>
      </c>
      <c r="Q23936" s="5" t="s">
        <v>40</v>
      </c>
      <c r="R23936" s="5" t="s">
        <v>1522</v>
      </c>
      <c r="S23936" s="5" t="s">
        <v>1523</v>
      </c>
      <c r="T23936" s="5" t="s">
        <v>42</v>
      </c>
      <c r="U23936" s="2">
        <v>2.1070000000000002</v>
      </c>
      <c r="V23936" s="2">
        <v>1.651</v>
      </c>
      <c r="W23936" s="2">
        <v>0.01</v>
      </c>
      <c r="X23936" s="2">
        <v>76.900000000000006</v>
      </c>
      <c r="Y23936" s="2">
        <v>7.6</v>
      </c>
      <c r="Z23936" s="2">
        <v>16.7</v>
      </c>
      <c r="AA23936" s="5"/>
      <c r="AB23936" s="5" t="s">
        <v>43</v>
      </c>
      <c r="AC23936" s="5" t="s">
        <v>44</v>
      </c>
      <c r="AD23936" s="2"/>
      <c r="AE23936" s="1"/>
    </row>
    <row r="23937" spans="1:31" ht="14.45">
      <c r="A23937" s="11"/>
      <c r="B23937" s="20"/>
      <c r="C23937" s="2" t="s">
        <v>76690</v>
      </c>
      <c r="D23937" s="14" t="s">
        <v>76691</v>
      </c>
      <c r="E23937" s="2" t="s">
        <v>76692</v>
      </c>
      <c r="F23937" s="2" t="s">
        <v>7528</v>
      </c>
      <c r="G23937" s="8">
        <v>223</v>
      </c>
      <c r="H23937" s="5">
        <v>6</v>
      </c>
      <c r="I23937" s="5" t="s">
        <v>1518</v>
      </c>
      <c r="J23937" s="5" t="s">
        <v>69038</v>
      </c>
      <c r="K23937" s="2" t="s">
        <v>69039</v>
      </c>
      <c r="L23937" s="5" t="s">
        <v>69038</v>
      </c>
      <c r="M23937" s="2" t="s">
        <v>69039</v>
      </c>
      <c r="N23937" s="5" t="s">
        <v>1521</v>
      </c>
      <c r="O23937" s="5" t="s">
        <v>38</v>
      </c>
      <c r="P23937" s="5" t="s">
        <v>39</v>
      </c>
      <c r="Q23937" s="5" t="s">
        <v>40</v>
      </c>
      <c r="R23937" s="5" t="s">
        <v>1522</v>
      </c>
      <c r="S23937" s="5" t="s">
        <v>1523</v>
      </c>
      <c r="T23937" s="5" t="s">
        <v>42</v>
      </c>
      <c r="U23937" s="2">
        <v>2.165</v>
      </c>
      <c r="V23937" s="2">
        <v>1.7090000000000001</v>
      </c>
      <c r="W23937" s="2">
        <v>0.01</v>
      </c>
      <c r="X23937" s="2">
        <v>76.900000000000006</v>
      </c>
      <c r="Y23937" s="2">
        <v>7.6</v>
      </c>
      <c r="Z23937" s="2">
        <v>16.7</v>
      </c>
      <c r="AA23937" s="5"/>
      <c r="AB23937" s="5" t="s">
        <v>43</v>
      </c>
      <c r="AC23937" s="5" t="s">
        <v>44</v>
      </c>
      <c r="AD23937" s="2"/>
      <c r="AE23937" s="1"/>
    </row>
    <row r="23938" spans="1:31" ht="14.45">
      <c r="A23938" s="11"/>
      <c r="B23938" s="20"/>
      <c r="C23938" s="2" t="s">
        <v>76693</v>
      </c>
      <c r="D23938" s="14" t="s">
        <v>76694</v>
      </c>
      <c r="E23938" s="2" t="s">
        <v>76695</v>
      </c>
      <c r="F23938" s="2" t="s">
        <v>16029</v>
      </c>
      <c r="G23938" s="8">
        <v>237</v>
      </c>
      <c r="H23938" s="5">
        <v>6</v>
      </c>
      <c r="I23938" s="5" t="s">
        <v>1518</v>
      </c>
      <c r="J23938" s="5" t="s">
        <v>69038</v>
      </c>
      <c r="K23938" s="2" t="s">
        <v>69039</v>
      </c>
      <c r="L23938" s="5" t="s">
        <v>69038</v>
      </c>
      <c r="M23938" s="2" t="s">
        <v>69039</v>
      </c>
      <c r="N23938" s="5" t="s">
        <v>1521</v>
      </c>
      <c r="O23938" s="5" t="s">
        <v>38</v>
      </c>
      <c r="P23938" s="5" t="s">
        <v>39</v>
      </c>
      <c r="Q23938" s="5" t="s">
        <v>40</v>
      </c>
      <c r="R23938" s="5" t="s">
        <v>1522</v>
      </c>
      <c r="S23938" s="5" t="s">
        <v>1523</v>
      </c>
      <c r="T23938" s="5" t="s">
        <v>42</v>
      </c>
      <c r="U23938" s="2">
        <v>2.113</v>
      </c>
      <c r="V23938" s="2">
        <v>1.657</v>
      </c>
      <c r="W23938" s="2">
        <v>0.01</v>
      </c>
      <c r="X23938" s="2">
        <v>76.900000000000006</v>
      </c>
      <c r="Y23938" s="2">
        <v>7.6</v>
      </c>
      <c r="Z23938" s="2">
        <v>16.7</v>
      </c>
      <c r="AA23938" s="5"/>
      <c r="AB23938" s="5" t="s">
        <v>43</v>
      </c>
      <c r="AC23938" s="5" t="s">
        <v>44</v>
      </c>
      <c r="AD23938" s="2"/>
      <c r="AE23938" s="1"/>
    </row>
    <row r="23939" spans="1:31" ht="14.45">
      <c r="A23939" s="11"/>
      <c r="B23939" s="20"/>
      <c r="C23939" s="2" t="s">
        <v>76696</v>
      </c>
      <c r="D23939" s="14" t="s">
        <v>76697</v>
      </c>
      <c r="E23939" s="2" t="s">
        <v>76698</v>
      </c>
      <c r="F23939" s="2" t="s">
        <v>16033</v>
      </c>
      <c r="G23939" s="8">
        <v>237</v>
      </c>
      <c r="H23939" s="5">
        <v>6</v>
      </c>
      <c r="I23939" s="5" t="s">
        <v>1518</v>
      </c>
      <c r="J23939" s="5" t="s">
        <v>69038</v>
      </c>
      <c r="K23939" s="2" t="s">
        <v>69039</v>
      </c>
      <c r="L23939" s="5" t="s">
        <v>69038</v>
      </c>
      <c r="M23939" s="2" t="s">
        <v>69039</v>
      </c>
      <c r="N23939" s="5" t="s">
        <v>1521</v>
      </c>
      <c r="O23939" s="5" t="s">
        <v>38</v>
      </c>
      <c r="P23939" s="5" t="s">
        <v>39</v>
      </c>
      <c r="Q23939" s="5" t="s">
        <v>40</v>
      </c>
      <c r="R23939" s="5" t="s">
        <v>1522</v>
      </c>
      <c r="S23939" s="5" t="s">
        <v>1523</v>
      </c>
      <c r="T23939" s="5" t="s">
        <v>42</v>
      </c>
      <c r="U23939" s="2">
        <v>2.1709999999999998</v>
      </c>
      <c r="V23939" s="2">
        <v>1.7150000000000001</v>
      </c>
      <c r="W23939" s="2">
        <v>0.01</v>
      </c>
      <c r="X23939" s="2">
        <v>76.900000000000006</v>
      </c>
      <c r="Y23939" s="2">
        <v>7.6</v>
      </c>
      <c r="Z23939" s="2">
        <v>16.7</v>
      </c>
      <c r="AA23939" s="5"/>
      <c r="AB23939" s="5" t="s">
        <v>43</v>
      </c>
      <c r="AC23939" s="5" t="s">
        <v>44</v>
      </c>
      <c r="AD23939" s="2"/>
      <c r="AE23939" s="1"/>
    </row>
    <row r="23940" spans="1:31" ht="14.45">
      <c r="A23940" s="11"/>
      <c r="B23940" s="20"/>
      <c r="C23940" s="2" t="s">
        <v>76699</v>
      </c>
      <c r="D23940" s="14" t="s">
        <v>76700</v>
      </c>
      <c r="E23940" s="2" t="s">
        <v>76701</v>
      </c>
      <c r="F23940" s="2" t="s">
        <v>7514</v>
      </c>
      <c r="G23940" s="8">
        <v>233</v>
      </c>
      <c r="H23940" s="5">
        <v>6</v>
      </c>
      <c r="I23940" s="5" t="s">
        <v>1518</v>
      </c>
      <c r="J23940" s="5" t="s">
        <v>69038</v>
      </c>
      <c r="K23940" s="2" t="s">
        <v>69039</v>
      </c>
      <c r="L23940" s="5" t="s">
        <v>69038</v>
      </c>
      <c r="M23940" s="2" t="s">
        <v>69039</v>
      </c>
      <c r="N23940" s="5" t="s">
        <v>1521</v>
      </c>
      <c r="O23940" s="5" t="s">
        <v>38</v>
      </c>
      <c r="P23940" s="5" t="s">
        <v>39</v>
      </c>
      <c r="Q23940" s="5" t="s">
        <v>40</v>
      </c>
      <c r="R23940" s="5" t="s">
        <v>1522</v>
      </c>
      <c r="S23940" s="5" t="s">
        <v>1523</v>
      </c>
      <c r="T23940" s="5" t="s">
        <v>42</v>
      </c>
      <c r="U23940" s="2">
        <v>2.4340000000000002</v>
      </c>
      <c r="V23940" s="2">
        <v>1.87</v>
      </c>
      <c r="W23940" s="2">
        <v>1.2999999999999999E-2</v>
      </c>
      <c r="X23940" s="2">
        <v>99.1</v>
      </c>
      <c r="Y23940" s="2">
        <v>7.6</v>
      </c>
      <c r="Z23940" s="2">
        <v>16.7</v>
      </c>
      <c r="AA23940" s="5"/>
      <c r="AB23940" s="5" t="s">
        <v>43</v>
      </c>
      <c r="AC23940" s="5" t="s">
        <v>44</v>
      </c>
      <c r="AD23940" s="2"/>
      <c r="AE23940" s="1"/>
    </row>
    <row r="23941" spans="1:31" ht="14.45">
      <c r="A23941" s="11"/>
      <c r="B23941" s="20"/>
      <c r="C23941" s="2" t="s">
        <v>76702</v>
      </c>
      <c r="D23941" s="14" t="s">
        <v>76703</v>
      </c>
      <c r="E23941" s="2" t="s">
        <v>76704</v>
      </c>
      <c r="F23941" s="2" t="s">
        <v>7208</v>
      </c>
      <c r="G23941" s="8">
        <v>233</v>
      </c>
      <c r="H23941" s="5">
        <v>6</v>
      </c>
      <c r="I23941" s="5" t="s">
        <v>1518</v>
      </c>
      <c r="J23941" s="5" t="s">
        <v>69038</v>
      </c>
      <c r="K23941" s="2" t="s">
        <v>69039</v>
      </c>
      <c r="L23941" s="5" t="s">
        <v>69038</v>
      </c>
      <c r="M23941" s="2" t="s">
        <v>69039</v>
      </c>
      <c r="N23941" s="5" t="s">
        <v>1521</v>
      </c>
      <c r="O23941" s="5" t="s">
        <v>38</v>
      </c>
      <c r="P23941" s="5" t="s">
        <v>39</v>
      </c>
      <c r="Q23941" s="5" t="s">
        <v>40</v>
      </c>
      <c r="R23941" s="5" t="s">
        <v>1522</v>
      </c>
      <c r="S23941" s="5" t="s">
        <v>1523</v>
      </c>
      <c r="T23941" s="5" t="s">
        <v>42</v>
      </c>
      <c r="U23941" s="2">
        <v>2.3650000000000002</v>
      </c>
      <c r="V23941" s="2">
        <v>1.8009999999999999</v>
      </c>
      <c r="W23941" s="2">
        <v>1.2999999999999999E-2</v>
      </c>
      <c r="X23941" s="2">
        <v>99.1</v>
      </c>
      <c r="Y23941" s="2">
        <v>7.6</v>
      </c>
      <c r="Z23941" s="2">
        <v>16.7</v>
      </c>
      <c r="AA23941" s="5"/>
      <c r="AB23941" s="5" t="s">
        <v>43</v>
      </c>
      <c r="AC23941" s="5" t="s">
        <v>44</v>
      </c>
      <c r="AD23941" s="2"/>
      <c r="AE23941" s="1"/>
    </row>
    <row r="23942" spans="1:31" ht="14.45">
      <c r="A23942" s="11"/>
      <c r="B23942" s="20"/>
      <c r="C23942" s="2" t="s">
        <v>76705</v>
      </c>
      <c r="D23942" s="14" t="s">
        <v>76706</v>
      </c>
      <c r="E23942" s="2" t="s">
        <v>76707</v>
      </c>
      <c r="F23942" s="2" t="s">
        <v>7406</v>
      </c>
      <c r="G23942" s="8">
        <v>249</v>
      </c>
      <c r="H23942" s="5">
        <v>6</v>
      </c>
      <c r="I23942" s="5" t="s">
        <v>1518</v>
      </c>
      <c r="J23942" s="5" t="s">
        <v>69038</v>
      </c>
      <c r="K23942" s="2" t="s">
        <v>69039</v>
      </c>
      <c r="L23942" s="5" t="s">
        <v>69038</v>
      </c>
      <c r="M23942" s="2" t="s">
        <v>69039</v>
      </c>
      <c r="N23942" s="5" t="s">
        <v>1521</v>
      </c>
      <c r="O23942" s="5" t="s">
        <v>38</v>
      </c>
      <c r="P23942" s="5" t="s">
        <v>39</v>
      </c>
      <c r="Q23942" s="5" t="s">
        <v>40</v>
      </c>
      <c r="R23942" s="5" t="s">
        <v>1522</v>
      </c>
      <c r="S23942" s="5" t="s">
        <v>1523</v>
      </c>
      <c r="T23942" s="5" t="s">
        <v>42</v>
      </c>
      <c r="U23942" s="2">
        <v>2.3650000000000002</v>
      </c>
      <c r="V23942" s="2">
        <v>1.8009999999999999</v>
      </c>
      <c r="W23942" s="2">
        <v>1.2999999999999999E-2</v>
      </c>
      <c r="X23942" s="2">
        <v>99.1</v>
      </c>
      <c r="Y23942" s="2">
        <v>7.6</v>
      </c>
      <c r="Z23942" s="2">
        <v>16.7</v>
      </c>
      <c r="AA23942" s="5"/>
      <c r="AB23942" s="5" t="s">
        <v>43</v>
      </c>
      <c r="AC23942" s="5" t="s">
        <v>44</v>
      </c>
      <c r="AD23942" s="2"/>
      <c r="AE23942" s="1"/>
    </row>
    <row r="23943" spans="1:31" ht="14.45">
      <c r="A23943" s="11"/>
      <c r="B23943" s="20"/>
      <c r="C23943" s="2" t="s">
        <v>76708</v>
      </c>
      <c r="D23943" s="14" t="s">
        <v>76709</v>
      </c>
      <c r="E23943" s="2" t="s">
        <v>76710</v>
      </c>
      <c r="F23943" s="2" t="s">
        <v>7539</v>
      </c>
      <c r="G23943" s="8">
        <v>249</v>
      </c>
      <c r="H23943" s="5">
        <v>6</v>
      </c>
      <c r="I23943" s="5" t="s">
        <v>1518</v>
      </c>
      <c r="J23943" s="5" t="s">
        <v>69038</v>
      </c>
      <c r="K23943" s="2" t="s">
        <v>69039</v>
      </c>
      <c r="L23943" s="5" t="s">
        <v>69038</v>
      </c>
      <c r="M23943" s="2" t="s">
        <v>69039</v>
      </c>
      <c r="N23943" s="5" t="s">
        <v>1521</v>
      </c>
      <c r="O23943" s="5" t="s">
        <v>38</v>
      </c>
      <c r="P23943" s="5" t="s">
        <v>39</v>
      </c>
      <c r="Q23943" s="5" t="s">
        <v>40</v>
      </c>
      <c r="R23943" s="5" t="s">
        <v>1522</v>
      </c>
      <c r="S23943" s="5" t="s">
        <v>1523</v>
      </c>
      <c r="T23943" s="5" t="s">
        <v>42</v>
      </c>
      <c r="U23943" s="2">
        <v>2.3650000000000002</v>
      </c>
      <c r="V23943" s="2">
        <v>1.8009999999999999</v>
      </c>
      <c r="W23943" s="2">
        <v>1.2999999999999999E-2</v>
      </c>
      <c r="X23943" s="2">
        <v>99.1</v>
      </c>
      <c r="Y23943" s="2">
        <v>7.6</v>
      </c>
      <c r="Z23943" s="2">
        <v>16.7</v>
      </c>
      <c r="AA23943" s="5"/>
      <c r="AB23943" s="5" t="s">
        <v>43</v>
      </c>
      <c r="AC23943" s="5" t="s">
        <v>44</v>
      </c>
      <c r="AD23943" s="2"/>
      <c r="AE23943" s="1"/>
    </row>
    <row r="23944" spans="1:31" ht="14.45">
      <c r="A23944" s="11"/>
      <c r="B23944" s="20"/>
      <c r="C23944" s="2" t="s">
        <v>76711</v>
      </c>
      <c r="D23944" s="14" t="s">
        <v>76712</v>
      </c>
      <c r="E23944" s="2" t="s">
        <v>76713</v>
      </c>
      <c r="F23944" s="2" t="s">
        <v>7396</v>
      </c>
      <c r="G23944" s="8">
        <v>233</v>
      </c>
      <c r="H23944" s="5">
        <v>6</v>
      </c>
      <c r="I23944" s="5" t="s">
        <v>1518</v>
      </c>
      <c r="J23944" s="5" t="s">
        <v>69038</v>
      </c>
      <c r="K23944" s="2" t="s">
        <v>69039</v>
      </c>
      <c r="L23944" s="5" t="s">
        <v>69038</v>
      </c>
      <c r="M23944" s="2" t="s">
        <v>69039</v>
      </c>
      <c r="N23944" s="5" t="s">
        <v>1521</v>
      </c>
      <c r="O23944" s="5" t="s">
        <v>38</v>
      </c>
      <c r="P23944" s="5" t="s">
        <v>39</v>
      </c>
      <c r="Q23944" s="5" t="s">
        <v>40</v>
      </c>
      <c r="R23944" s="5" t="s">
        <v>1522</v>
      </c>
      <c r="S23944" s="5" t="s">
        <v>1523</v>
      </c>
      <c r="T23944" s="5" t="s">
        <v>42</v>
      </c>
      <c r="U23944" s="2">
        <v>2.3650000000000002</v>
      </c>
      <c r="V23944" s="2">
        <v>1.8009999999999999</v>
      </c>
      <c r="W23944" s="2">
        <v>1.2999999999999999E-2</v>
      </c>
      <c r="X23944" s="2">
        <v>99.1</v>
      </c>
      <c r="Y23944" s="2">
        <v>7.6</v>
      </c>
      <c r="Z23944" s="2">
        <v>16.7</v>
      </c>
      <c r="AA23944" s="5"/>
      <c r="AB23944" s="5" t="s">
        <v>43</v>
      </c>
      <c r="AC23944" s="5" t="s">
        <v>44</v>
      </c>
      <c r="AD23944" s="2"/>
      <c r="AE23944" s="1"/>
    </row>
    <row r="23945" spans="1:31" ht="14.45">
      <c r="A23945" s="11"/>
      <c r="B23945" s="20"/>
      <c r="C23945" s="2" t="s">
        <v>76714</v>
      </c>
      <c r="D23945" s="14" t="s">
        <v>76715</v>
      </c>
      <c r="E23945" s="2" t="s">
        <v>76716</v>
      </c>
      <c r="F23945" s="2" t="s">
        <v>73362</v>
      </c>
      <c r="G23945" s="8">
        <v>249</v>
      </c>
      <c r="H23945" s="5">
        <v>6</v>
      </c>
      <c r="I23945" s="5" t="s">
        <v>1518</v>
      </c>
      <c r="J23945" s="5" t="s">
        <v>69038</v>
      </c>
      <c r="K23945" s="2" t="s">
        <v>69039</v>
      </c>
      <c r="L23945" s="5" t="s">
        <v>69038</v>
      </c>
      <c r="M23945" s="2" t="s">
        <v>69039</v>
      </c>
      <c r="N23945" s="5" t="s">
        <v>1521</v>
      </c>
      <c r="O23945" s="5" t="s">
        <v>38</v>
      </c>
      <c r="P23945" s="5" t="s">
        <v>39</v>
      </c>
      <c r="Q23945" s="5" t="s">
        <v>40</v>
      </c>
      <c r="R23945" s="5" t="s">
        <v>1522</v>
      </c>
      <c r="S23945" s="5" t="s">
        <v>1523</v>
      </c>
      <c r="T23945" s="5" t="s">
        <v>42</v>
      </c>
      <c r="U23945" s="2">
        <v>2.4340000000000002</v>
      </c>
      <c r="V23945" s="2">
        <v>1.87</v>
      </c>
      <c r="W23945" s="2">
        <v>1.2999999999999999E-2</v>
      </c>
      <c r="X23945" s="2">
        <v>99.1</v>
      </c>
      <c r="Y23945" s="2">
        <v>7.6</v>
      </c>
      <c r="Z23945" s="2">
        <v>16.7</v>
      </c>
      <c r="AA23945" s="5"/>
      <c r="AB23945" s="5" t="s">
        <v>43</v>
      </c>
      <c r="AC23945" s="5" t="s">
        <v>44</v>
      </c>
      <c r="AD23945" s="2"/>
      <c r="AE23945" s="1"/>
    </row>
    <row r="23946" spans="1:31" ht="14.45">
      <c r="A23946" s="11"/>
      <c r="B23946" s="20"/>
      <c r="C23946" s="2" t="s">
        <v>76717</v>
      </c>
      <c r="D23946" s="14" t="s">
        <v>76718</v>
      </c>
      <c r="E23946" s="2" t="s">
        <v>76719</v>
      </c>
      <c r="F23946" s="2" t="s">
        <v>7615</v>
      </c>
      <c r="G23946" s="8">
        <v>249</v>
      </c>
      <c r="H23946" s="5">
        <v>6</v>
      </c>
      <c r="I23946" s="5" t="s">
        <v>1518</v>
      </c>
      <c r="J23946" s="5" t="s">
        <v>69038</v>
      </c>
      <c r="K23946" s="2" t="s">
        <v>69039</v>
      </c>
      <c r="L23946" s="5" t="s">
        <v>69038</v>
      </c>
      <c r="M23946" s="2" t="s">
        <v>69039</v>
      </c>
      <c r="N23946" s="5" t="s">
        <v>1521</v>
      </c>
      <c r="O23946" s="5" t="s">
        <v>38</v>
      </c>
      <c r="P23946" s="5" t="s">
        <v>39</v>
      </c>
      <c r="Q23946" s="5" t="s">
        <v>40</v>
      </c>
      <c r="R23946" s="5" t="s">
        <v>1522</v>
      </c>
      <c r="S23946" s="5" t="s">
        <v>1523</v>
      </c>
      <c r="T23946" s="5" t="s">
        <v>42</v>
      </c>
      <c r="U23946" s="2">
        <v>2.3650000000000002</v>
      </c>
      <c r="V23946" s="2">
        <v>1.8009999999999999</v>
      </c>
      <c r="W23946" s="2">
        <v>1.2999999999999999E-2</v>
      </c>
      <c r="X23946" s="2">
        <v>99.1</v>
      </c>
      <c r="Y23946" s="2">
        <v>7.6</v>
      </c>
      <c r="Z23946" s="2">
        <v>16.7</v>
      </c>
      <c r="AA23946" s="5"/>
      <c r="AB23946" s="5" t="s">
        <v>43</v>
      </c>
      <c r="AC23946" s="5" t="s">
        <v>44</v>
      </c>
      <c r="AD23946" s="2"/>
      <c r="AE23946" s="1"/>
    </row>
    <row r="23947" spans="1:31" ht="14.45">
      <c r="A23947" s="11"/>
      <c r="B23947" s="20"/>
      <c r="C23947" s="2" t="s">
        <v>76720</v>
      </c>
      <c r="D23947" s="14" t="s">
        <v>76721</v>
      </c>
      <c r="E23947" s="2" t="s">
        <v>76722</v>
      </c>
      <c r="F23947" s="2" t="s">
        <v>7619</v>
      </c>
      <c r="G23947" s="8">
        <v>249</v>
      </c>
      <c r="H23947" s="5">
        <v>6</v>
      </c>
      <c r="I23947" s="5" t="s">
        <v>1518</v>
      </c>
      <c r="J23947" s="5" t="s">
        <v>69038</v>
      </c>
      <c r="K23947" s="2" t="s">
        <v>69039</v>
      </c>
      <c r="L23947" s="5" t="s">
        <v>69038</v>
      </c>
      <c r="M23947" s="2" t="s">
        <v>69039</v>
      </c>
      <c r="N23947" s="5" t="s">
        <v>1521</v>
      </c>
      <c r="O23947" s="5" t="s">
        <v>38</v>
      </c>
      <c r="P23947" s="5" t="s">
        <v>39</v>
      </c>
      <c r="Q23947" s="5" t="s">
        <v>40</v>
      </c>
      <c r="R23947" s="5" t="s">
        <v>1522</v>
      </c>
      <c r="S23947" s="5" t="s">
        <v>1523</v>
      </c>
      <c r="T23947" s="5" t="s">
        <v>42</v>
      </c>
      <c r="U23947" s="2">
        <v>2.4340000000000002</v>
      </c>
      <c r="V23947" s="2">
        <v>1.87</v>
      </c>
      <c r="W23947" s="2">
        <v>1.2999999999999999E-2</v>
      </c>
      <c r="X23947" s="2">
        <v>99.1</v>
      </c>
      <c r="Y23947" s="2">
        <v>7.6</v>
      </c>
      <c r="Z23947" s="2">
        <v>16.7</v>
      </c>
      <c r="AA23947" s="5"/>
      <c r="AB23947" s="5" t="s">
        <v>43</v>
      </c>
      <c r="AC23947" s="5" t="s">
        <v>44</v>
      </c>
      <c r="AD23947" s="2"/>
      <c r="AE23947" s="1"/>
    </row>
    <row r="23948" spans="1:31" ht="14.45">
      <c r="A23948" s="11"/>
      <c r="B23948" s="20"/>
      <c r="C23948" s="2" t="s">
        <v>76723</v>
      </c>
      <c r="D23948" s="14" t="s">
        <v>76724</v>
      </c>
      <c r="E23948" s="2" t="s">
        <v>76725</v>
      </c>
      <c r="F23948" s="2" t="s">
        <v>16029</v>
      </c>
      <c r="G23948" s="8">
        <v>249</v>
      </c>
      <c r="H23948" s="5">
        <v>6</v>
      </c>
      <c r="I23948" s="5" t="s">
        <v>1518</v>
      </c>
      <c r="J23948" s="5" t="s">
        <v>69038</v>
      </c>
      <c r="K23948" s="2" t="s">
        <v>69039</v>
      </c>
      <c r="L23948" s="5" t="s">
        <v>69038</v>
      </c>
      <c r="M23948" s="2" t="s">
        <v>69039</v>
      </c>
      <c r="N23948" s="5" t="s">
        <v>1521</v>
      </c>
      <c r="O23948" s="5" t="s">
        <v>38</v>
      </c>
      <c r="P23948" s="5" t="s">
        <v>39</v>
      </c>
      <c r="Q23948" s="5" t="s">
        <v>40</v>
      </c>
      <c r="R23948" s="5" t="s">
        <v>1522</v>
      </c>
      <c r="S23948" s="5" t="s">
        <v>1523</v>
      </c>
      <c r="T23948" s="5" t="s">
        <v>42</v>
      </c>
      <c r="U23948" s="2">
        <v>2.371</v>
      </c>
      <c r="V23948" s="2">
        <v>1.8069999999999999</v>
      </c>
      <c r="W23948" s="2">
        <v>1.2999999999999999E-2</v>
      </c>
      <c r="X23948" s="2">
        <v>99.1</v>
      </c>
      <c r="Y23948" s="2">
        <v>7.6</v>
      </c>
      <c r="Z23948" s="2">
        <v>16.7</v>
      </c>
      <c r="AA23948" s="5"/>
      <c r="AB23948" s="5" t="s">
        <v>43</v>
      </c>
      <c r="AC23948" s="5" t="s">
        <v>44</v>
      </c>
      <c r="AD23948" s="2"/>
      <c r="AE23948" s="1"/>
    </row>
    <row r="23949" spans="1:31" ht="14.45">
      <c r="A23949" s="11"/>
      <c r="B23949" s="20"/>
      <c r="C23949" s="2" t="s">
        <v>76726</v>
      </c>
      <c r="D23949" s="14" t="s">
        <v>76727</v>
      </c>
      <c r="E23949" s="2" t="s">
        <v>76728</v>
      </c>
      <c r="F23949" s="2" t="s">
        <v>16033</v>
      </c>
      <c r="G23949" s="8">
        <v>249</v>
      </c>
      <c r="H23949" s="5">
        <v>6</v>
      </c>
      <c r="I23949" s="5" t="s">
        <v>1518</v>
      </c>
      <c r="J23949" s="5" t="s">
        <v>69038</v>
      </c>
      <c r="K23949" s="2" t="s">
        <v>69039</v>
      </c>
      <c r="L23949" s="5" t="s">
        <v>69038</v>
      </c>
      <c r="M23949" s="2" t="s">
        <v>69039</v>
      </c>
      <c r="N23949" s="5" t="s">
        <v>1521</v>
      </c>
      <c r="O23949" s="5" t="s">
        <v>38</v>
      </c>
      <c r="P23949" s="5" t="s">
        <v>39</v>
      </c>
      <c r="Q23949" s="5" t="s">
        <v>40</v>
      </c>
      <c r="R23949" s="5" t="s">
        <v>1522</v>
      </c>
      <c r="S23949" s="5" t="s">
        <v>1523</v>
      </c>
      <c r="T23949" s="5" t="s">
        <v>42</v>
      </c>
      <c r="U23949" s="2">
        <v>2.44</v>
      </c>
      <c r="V23949" s="2">
        <v>1.8759999999999999</v>
      </c>
      <c r="W23949" s="2">
        <v>1.2999999999999999E-2</v>
      </c>
      <c r="X23949" s="2">
        <v>99.1</v>
      </c>
      <c r="Y23949" s="2">
        <v>7.6</v>
      </c>
      <c r="Z23949" s="2">
        <v>16.7</v>
      </c>
      <c r="AA23949" s="5"/>
      <c r="AB23949" s="5" t="s">
        <v>43</v>
      </c>
      <c r="AC23949" s="5" t="s">
        <v>44</v>
      </c>
      <c r="AD23949" s="2"/>
      <c r="AE23949" s="1"/>
    </row>
    <row r="23950" spans="1:31" ht="14.45">
      <c r="A23950" s="11"/>
      <c r="B23950" s="20"/>
      <c r="C23950" s="2" t="s">
        <v>76729</v>
      </c>
      <c r="D23950" s="14" t="s">
        <v>76730</v>
      </c>
      <c r="E23950" s="2" t="s">
        <v>76731</v>
      </c>
      <c r="F23950" s="2" t="s">
        <v>7204</v>
      </c>
      <c r="G23950" s="8">
        <v>212</v>
      </c>
      <c r="H23950" s="5">
        <v>6</v>
      </c>
      <c r="I23950" s="5" t="s">
        <v>1518</v>
      </c>
      <c r="J23950" s="5" t="s">
        <v>69038</v>
      </c>
      <c r="K23950" s="2" t="s">
        <v>69039</v>
      </c>
      <c r="L23950" s="5" t="s">
        <v>69038</v>
      </c>
      <c r="M23950" s="2" t="s">
        <v>69039</v>
      </c>
      <c r="N23950" s="5" t="s">
        <v>1521</v>
      </c>
      <c r="O23950" s="5" t="s">
        <v>38</v>
      </c>
      <c r="P23950" s="5" t="s">
        <v>39</v>
      </c>
      <c r="Q23950" s="5" t="s">
        <v>40</v>
      </c>
      <c r="R23950" s="5" t="s">
        <v>1522</v>
      </c>
      <c r="S23950" s="5" t="s">
        <v>1523</v>
      </c>
      <c r="T23950" s="5" t="s">
        <v>42</v>
      </c>
      <c r="U23950" s="2">
        <v>2.004</v>
      </c>
      <c r="V23950" s="2">
        <v>1.544</v>
      </c>
      <c r="W23950" s="2">
        <v>0.01</v>
      </c>
      <c r="X23950" s="2">
        <v>76.900000000000006</v>
      </c>
      <c r="Y23950" s="2">
        <v>7.6</v>
      </c>
      <c r="Z23950" s="2">
        <v>16.7</v>
      </c>
      <c r="AA23950" s="5"/>
      <c r="AB23950" s="5" t="s">
        <v>43</v>
      </c>
      <c r="AC23950" s="5" t="s">
        <v>44</v>
      </c>
      <c r="AD23950" s="2"/>
      <c r="AE23950" s="1"/>
    </row>
    <row r="23951" spans="1:31" ht="14.45">
      <c r="A23951" s="11"/>
      <c r="B23951" s="20"/>
      <c r="C23951" s="2" t="s">
        <v>76732</v>
      </c>
      <c r="D23951" s="14" t="s">
        <v>76733</v>
      </c>
      <c r="E23951" s="2" t="s">
        <v>76734</v>
      </c>
      <c r="F23951" s="2" t="s">
        <v>7514</v>
      </c>
      <c r="G23951" s="8">
        <v>212</v>
      </c>
      <c r="H23951" s="5">
        <v>6</v>
      </c>
      <c r="I23951" s="5" t="s">
        <v>1518</v>
      </c>
      <c r="J23951" s="5" t="s">
        <v>69038</v>
      </c>
      <c r="K23951" s="2" t="s">
        <v>69039</v>
      </c>
      <c r="L23951" s="5" t="s">
        <v>69038</v>
      </c>
      <c r="M23951" s="2" t="s">
        <v>69039</v>
      </c>
      <c r="N23951" s="5" t="s">
        <v>1521</v>
      </c>
      <c r="O23951" s="5" t="s">
        <v>38</v>
      </c>
      <c r="P23951" s="5" t="s">
        <v>39</v>
      </c>
      <c r="Q23951" s="5" t="s">
        <v>40</v>
      </c>
      <c r="R23951" s="5" t="s">
        <v>1522</v>
      </c>
      <c r="S23951" s="5" t="s">
        <v>1523</v>
      </c>
      <c r="T23951" s="5" t="s">
        <v>42</v>
      </c>
      <c r="U23951" s="2">
        <v>2.0539999999999998</v>
      </c>
      <c r="V23951" s="2">
        <v>1.5940000000000001</v>
      </c>
      <c r="W23951" s="2">
        <v>0.01</v>
      </c>
      <c r="X23951" s="2">
        <v>76.900000000000006</v>
      </c>
      <c r="Y23951" s="2">
        <v>7.6</v>
      </c>
      <c r="Z23951" s="2">
        <v>16.7</v>
      </c>
      <c r="AA23951" s="5"/>
      <c r="AB23951" s="5" t="s">
        <v>43</v>
      </c>
      <c r="AC23951" s="5" t="s">
        <v>44</v>
      </c>
      <c r="AD23951" s="2"/>
      <c r="AE23951" s="1"/>
    </row>
    <row r="23952" spans="1:31" ht="14.45">
      <c r="A23952" s="11"/>
      <c r="B23952" s="20"/>
      <c r="C23952" s="2" t="s">
        <v>76735</v>
      </c>
      <c r="D23952" s="14" t="s">
        <v>76736</v>
      </c>
      <c r="E23952" s="2" t="s">
        <v>76737</v>
      </c>
      <c r="F23952" s="2" t="s">
        <v>7208</v>
      </c>
      <c r="G23952" s="8">
        <v>212</v>
      </c>
      <c r="H23952" s="5">
        <v>6</v>
      </c>
      <c r="I23952" s="5" t="s">
        <v>1518</v>
      </c>
      <c r="J23952" s="5" t="s">
        <v>69038</v>
      </c>
      <c r="K23952" s="2" t="s">
        <v>69039</v>
      </c>
      <c r="L23952" s="5" t="s">
        <v>69038</v>
      </c>
      <c r="M23952" s="2" t="s">
        <v>69039</v>
      </c>
      <c r="N23952" s="5" t="s">
        <v>1521</v>
      </c>
      <c r="O23952" s="5" t="s">
        <v>38</v>
      </c>
      <c r="P23952" s="5" t="s">
        <v>39</v>
      </c>
      <c r="Q23952" s="5" t="s">
        <v>40</v>
      </c>
      <c r="R23952" s="5" t="s">
        <v>1522</v>
      </c>
      <c r="S23952" s="5" t="s">
        <v>1523</v>
      </c>
      <c r="T23952" s="5" t="s">
        <v>42</v>
      </c>
      <c r="U23952" s="2">
        <v>2.004</v>
      </c>
      <c r="V23952" s="2">
        <v>1.544</v>
      </c>
      <c r="W23952" s="2">
        <v>0.01</v>
      </c>
      <c r="X23952" s="2">
        <v>76.900000000000006</v>
      </c>
      <c r="Y23952" s="2">
        <v>7.6</v>
      </c>
      <c r="Z23952" s="2">
        <v>16.7</v>
      </c>
      <c r="AA23952" s="5"/>
      <c r="AB23952" s="5" t="s">
        <v>43</v>
      </c>
      <c r="AC23952" s="5" t="s">
        <v>44</v>
      </c>
      <c r="AD23952" s="2"/>
      <c r="AE23952" s="1"/>
    </row>
    <row r="23953" spans="1:31" ht="14.45">
      <c r="A23953" s="11"/>
      <c r="B23953" s="20"/>
      <c r="C23953" s="2" t="s">
        <v>76738</v>
      </c>
      <c r="D23953" s="14" t="s">
        <v>76739</v>
      </c>
      <c r="E23953" s="2" t="s">
        <v>76740</v>
      </c>
      <c r="F23953" s="2" t="s">
        <v>7521</v>
      </c>
      <c r="G23953" s="8">
        <v>212</v>
      </c>
      <c r="H23953" s="5">
        <v>6</v>
      </c>
      <c r="I23953" s="5" t="s">
        <v>1518</v>
      </c>
      <c r="J23953" s="5" t="s">
        <v>69038</v>
      </c>
      <c r="K23953" s="2" t="s">
        <v>69039</v>
      </c>
      <c r="L23953" s="5" t="s">
        <v>69038</v>
      </c>
      <c r="M23953" s="2" t="s">
        <v>69039</v>
      </c>
      <c r="N23953" s="5" t="s">
        <v>1521</v>
      </c>
      <c r="O23953" s="5" t="s">
        <v>38</v>
      </c>
      <c r="P23953" s="5" t="s">
        <v>39</v>
      </c>
      <c r="Q23953" s="5" t="s">
        <v>40</v>
      </c>
      <c r="R23953" s="5" t="s">
        <v>1522</v>
      </c>
      <c r="S23953" s="5" t="s">
        <v>1523</v>
      </c>
      <c r="T23953" s="5" t="s">
        <v>42</v>
      </c>
      <c r="U23953" s="2">
        <v>2.0539999999999998</v>
      </c>
      <c r="V23953" s="2">
        <v>1.5940000000000001</v>
      </c>
      <c r="W23953" s="2">
        <v>0.01</v>
      </c>
      <c r="X23953" s="2">
        <v>76.900000000000006</v>
      </c>
      <c r="Y23953" s="2">
        <v>7.6</v>
      </c>
      <c r="Z23953" s="2">
        <v>16.7</v>
      </c>
      <c r="AA23953" s="5"/>
      <c r="AB23953" s="5" t="s">
        <v>43</v>
      </c>
      <c r="AC23953" s="5" t="s">
        <v>44</v>
      </c>
      <c r="AD23953" s="2"/>
      <c r="AE23953" s="1"/>
    </row>
    <row r="23954" spans="1:31" ht="14.45">
      <c r="A23954" s="11"/>
      <c r="B23954" s="20"/>
      <c r="C23954" s="2" t="s">
        <v>76741</v>
      </c>
      <c r="D23954" s="14" t="s">
        <v>76742</v>
      </c>
      <c r="E23954" s="2" t="s">
        <v>76743</v>
      </c>
      <c r="F23954" s="2" t="s">
        <v>7406</v>
      </c>
      <c r="G23954" s="8">
        <v>224</v>
      </c>
      <c r="H23954" s="5">
        <v>6</v>
      </c>
      <c r="I23954" s="5" t="s">
        <v>1518</v>
      </c>
      <c r="J23954" s="5" t="s">
        <v>69038</v>
      </c>
      <c r="K23954" s="2" t="s">
        <v>69039</v>
      </c>
      <c r="L23954" s="5" t="s">
        <v>69038</v>
      </c>
      <c r="M23954" s="2" t="s">
        <v>69039</v>
      </c>
      <c r="N23954" s="5" t="s">
        <v>1521</v>
      </c>
      <c r="O23954" s="5" t="s">
        <v>38</v>
      </c>
      <c r="P23954" s="5" t="s">
        <v>39</v>
      </c>
      <c r="Q23954" s="5" t="s">
        <v>40</v>
      </c>
      <c r="R23954" s="5" t="s">
        <v>1522</v>
      </c>
      <c r="S23954" s="5" t="s">
        <v>1523</v>
      </c>
      <c r="T23954" s="5" t="s">
        <v>42</v>
      </c>
      <c r="U23954" s="2">
        <v>2.004</v>
      </c>
      <c r="V23954" s="2">
        <v>1.544</v>
      </c>
      <c r="W23954" s="2">
        <v>0.01</v>
      </c>
      <c r="X23954" s="2">
        <v>76.900000000000006</v>
      </c>
      <c r="Y23954" s="2">
        <v>7.6</v>
      </c>
      <c r="Z23954" s="2">
        <v>16.7</v>
      </c>
      <c r="AA23954" s="5"/>
      <c r="AB23954" s="5" t="s">
        <v>43</v>
      </c>
      <c r="AC23954" s="5" t="s">
        <v>44</v>
      </c>
      <c r="AD23954" s="2"/>
      <c r="AE23954" s="1"/>
    </row>
    <row r="23955" spans="1:31" ht="14.45">
      <c r="A23955" s="11"/>
      <c r="B23955" s="20"/>
      <c r="C23955" s="2" t="s">
        <v>76744</v>
      </c>
      <c r="D23955" s="14" t="s">
        <v>76745</v>
      </c>
      <c r="E23955" s="2" t="s">
        <v>76746</v>
      </c>
      <c r="F23955" s="2" t="s">
        <v>7535</v>
      </c>
      <c r="G23955" s="8">
        <v>224</v>
      </c>
      <c r="H23955" s="5">
        <v>6</v>
      </c>
      <c r="I23955" s="5" t="s">
        <v>1518</v>
      </c>
      <c r="J23955" s="5" t="s">
        <v>69038</v>
      </c>
      <c r="K23955" s="2" t="s">
        <v>69039</v>
      </c>
      <c r="L23955" s="5" t="s">
        <v>69038</v>
      </c>
      <c r="M23955" s="2" t="s">
        <v>69039</v>
      </c>
      <c r="N23955" s="5" t="s">
        <v>1521</v>
      </c>
      <c r="O23955" s="5" t="s">
        <v>38</v>
      </c>
      <c r="P23955" s="5" t="s">
        <v>39</v>
      </c>
      <c r="Q23955" s="5" t="s">
        <v>40</v>
      </c>
      <c r="R23955" s="5" t="s">
        <v>1522</v>
      </c>
      <c r="S23955" s="5" t="s">
        <v>1523</v>
      </c>
      <c r="T23955" s="5" t="s">
        <v>42</v>
      </c>
      <c r="U23955" s="2">
        <v>2.0539999999999998</v>
      </c>
      <c r="V23955" s="2">
        <v>1.5940000000000001</v>
      </c>
      <c r="W23955" s="2">
        <v>0.01</v>
      </c>
      <c r="X23955" s="2">
        <v>76.900000000000006</v>
      </c>
      <c r="Y23955" s="2">
        <v>7.6</v>
      </c>
      <c r="Z23955" s="2">
        <v>16.7</v>
      </c>
      <c r="AA23955" s="5"/>
      <c r="AB23955" s="5" t="s">
        <v>43</v>
      </c>
      <c r="AC23955" s="5" t="s">
        <v>44</v>
      </c>
      <c r="AD23955" s="2"/>
      <c r="AE23955" s="1"/>
    </row>
    <row r="23956" spans="1:31" ht="14.45">
      <c r="A23956" s="11"/>
      <c r="B23956" s="20"/>
      <c r="C23956" s="2" t="s">
        <v>76747</v>
      </c>
      <c r="D23956" s="14" t="s">
        <v>76748</v>
      </c>
      <c r="E23956" s="2" t="s">
        <v>76749</v>
      </c>
      <c r="F23956" s="2" t="s">
        <v>7539</v>
      </c>
      <c r="G23956" s="8">
        <v>224</v>
      </c>
      <c r="H23956" s="5">
        <v>6</v>
      </c>
      <c r="I23956" s="5" t="s">
        <v>1518</v>
      </c>
      <c r="J23956" s="5" t="s">
        <v>69038</v>
      </c>
      <c r="K23956" s="2" t="s">
        <v>69039</v>
      </c>
      <c r="L23956" s="5" t="s">
        <v>69038</v>
      </c>
      <c r="M23956" s="2" t="s">
        <v>69039</v>
      </c>
      <c r="N23956" s="5" t="s">
        <v>1521</v>
      </c>
      <c r="O23956" s="5" t="s">
        <v>38</v>
      </c>
      <c r="P23956" s="5" t="s">
        <v>39</v>
      </c>
      <c r="Q23956" s="5" t="s">
        <v>40</v>
      </c>
      <c r="R23956" s="5" t="s">
        <v>1522</v>
      </c>
      <c r="S23956" s="5" t="s">
        <v>1523</v>
      </c>
      <c r="T23956" s="5" t="s">
        <v>42</v>
      </c>
      <c r="U23956" s="2">
        <v>2.004</v>
      </c>
      <c r="V23956" s="2">
        <v>1.544</v>
      </c>
      <c r="W23956" s="2">
        <v>0.01</v>
      </c>
      <c r="X23956" s="2">
        <v>76.900000000000006</v>
      </c>
      <c r="Y23956" s="2">
        <v>7.6</v>
      </c>
      <c r="Z23956" s="2">
        <v>16.7</v>
      </c>
      <c r="AA23956" s="5"/>
      <c r="AB23956" s="5" t="s">
        <v>43</v>
      </c>
      <c r="AC23956" s="5" t="s">
        <v>44</v>
      </c>
      <c r="AD23956" s="2"/>
      <c r="AE23956" s="1"/>
    </row>
    <row r="23957" spans="1:31" ht="14.45">
      <c r="A23957" s="11"/>
      <c r="B23957" s="20"/>
      <c r="C23957" s="2" t="s">
        <v>76750</v>
      </c>
      <c r="D23957" s="14" t="s">
        <v>76751</v>
      </c>
      <c r="E23957" s="2" t="s">
        <v>76752</v>
      </c>
      <c r="F23957" s="2" t="s">
        <v>7543</v>
      </c>
      <c r="G23957" s="8">
        <v>224</v>
      </c>
      <c r="H23957" s="5">
        <v>6</v>
      </c>
      <c r="I23957" s="5" t="s">
        <v>1518</v>
      </c>
      <c r="J23957" s="5" t="s">
        <v>69038</v>
      </c>
      <c r="K23957" s="2" t="s">
        <v>69039</v>
      </c>
      <c r="L23957" s="5" t="s">
        <v>69038</v>
      </c>
      <c r="M23957" s="2" t="s">
        <v>69039</v>
      </c>
      <c r="N23957" s="5" t="s">
        <v>1521</v>
      </c>
      <c r="O23957" s="5" t="s">
        <v>38</v>
      </c>
      <c r="P23957" s="5" t="s">
        <v>39</v>
      </c>
      <c r="Q23957" s="5" t="s">
        <v>40</v>
      </c>
      <c r="R23957" s="5" t="s">
        <v>1522</v>
      </c>
      <c r="S23957" s="5" t="s">
        <v>1523</v>
      </c>
      <c r="T23957" s="5" t="s">
        <v>42</v>
      </c>
      <c r="U23957" s="2">
        <v>2.0539999999999998</v>
      </c>
      <c r="V23957" s="2">
        <v>1.5940000000000001</v>
      </c>
      <c r="W23957" s="2">
        <v>0.01</v>
      </c>
      <c r="X23957" s="2">
        <v>76.900000000000006</v>
      </c>
      <c r="Y23957" s="2">
        <v>7.6</v>
      </c>
      <c r="Z23957" s="2">
        <v>16.7</v>
      </c>
      <c r="AA23957" s="5"/>
      <c r="AB23957" s="5" t="s">
        <v>43</v>
      </c>
      <c r="AC23957" s="5" t="s">
        <v>44</v>
      </c>
      <c r="AD23957" s="2"/>
      <c r="AE23957" s="1"/>
    </row>
    <row r="23958" spans="1:31" ht="14.45">
      <c r="A23958" s="11"/>
      <c r="B23958" s="20"/>
      <c r="C23958" s="2" t="s">
        <v>76753</v>
      </c>
      <c r="D23958" s="14" t="s">
        <v>76754</v>
      </c>
      <c r="E23958" s="2" t="s">
        <v>76755</v>
      </c>
      <c r="F23958" s="2" t="s">
        <v>7396</v>
      </c>
      <c r="G23958" s="8">
        <v>212</v>
      </c>
      <c r="H23958" s="5">
        <v>6</v>
      </c>
      <c r="I23958" s="5" t="s">
        <v>1518</v>
      </c>
      <c r="J23958" s="5" t="s">
        <v>69038</v>
      </c>
      <c r="K23958" s="2" t="s">
        <v>69039</v>
      </c>
      <c r="L23958" s="5" t="s">
        <v>69038</v>
      </c>
      <c r="M23958" s="2" t="s">
        <v>69039</v>
      </c>
      <c r="N23958" s="5" t="s">
        <v>1521</v>
      </c>
      <c r="O23958" s="5" t="s">
        <v>38</v>
      </c>
      <c r="P23958" s="5" t="s">
        <v>39</v>
      </c>
      <c r="Q23958" s="5" t="s">
        <v>40</v>
      </c>
      <c r="R23958" s="5" t="s">
        <v>1522</v>
      </c>
      <c r="S23958" s="5" t="s">
        <v>1523</v>
      </c>
      <c r="T23958" s="5" t="s">
        <v>42</v>
      </c>
      <c r="U23958" s="2">
        <v>2.004</v>
      </c>
      <c r="V23958" s="2">
        <v>1.544</v>
      </c>
      <c r="W23958" s="2">
        <v>0.01</v>
      </c>
      <c r="X23958" s="2">
        <v>76.900000000000006</v>
      </c>
      <c r="Y23958" s="2">
        <v>7.6</v>
      </c>
      <c r="Z23958" s="2">
        <v>16.7</v>
      </c>
      <c r="AA23958" s="5"/>
      <c r="AB23958" s="5" t="s">
        <v>43</v>
      </c>
      <c r="AC23958" s="5" t="s">
        <v>44</v>
      </c>
      <c r="AD23958" s="2"/>
      <c r="AE23958" s="1"/>
    </row>
    <row r="23959" spans="1:31" ht="14.45">
      <c r="A23959" s="11"/>
      <c r="B23959" s="20"/>
      <c r="C23959" s="2" t="s">
        <v>76756</v>
      </c>
      <c r="D23959" s="14" t="s">
        <v>76757</v>
      </c>
      <c r="E23959" s="2" t="s">
        <v>76758</v>
      </c>
      <c r="F23959" s="2" t="s">
        <v>7507</v>
      </c>
      <c r="G23959" s="8">
        <v>212</v>
      </c>
      <c r="H23959" s="5">
        <v>6</v>
      </c>
      <c r="I23959" s="5" t="s">
        <v>1518</v>
      </c>
      <c r="J23959" s="5" t="s">
        <v>69038</v>
      </c>
      <c r="K23959" s="2" t="s">
        <v>69039</v>
      </c>
      <c r="L23959" s="5" t="s">
        <v>69038</v>
      </c>
      <c r="M23959" s="2" t="s">
        <v>69039</v>
      </c>
      <c r="N23959" s="5" t="s">
        <v>1521</v>
      </c>
      <c r="O23959" s="5" t="s">
        <v>38</v>
      </c>
      <c r="P23959" s="5" t="s">
        <v>39</v>
      </c>
      <c r="Q23959" s="5" t="s">
        <v>40</v>
      </c>
      <c r="R23959" s="5" t="s">
        <v>1522</v>
      </c>
      <c r="S23959" s="5" t="s">
        <v>1523</v>
      </c>
      <c r="T23959" s="5" t="s">
        <v>42</v>
      </c>
      <c r="U23959" s="2">
        <v>2.0539999999999998</v>
      </c>
      <c r="V23959" s="2">
        <v>1.5940000000000001</v>
      </c>
      <c r="W23959" s="2">
        <v>0.01</v>
      </c>
      <c r="X23959" s="2">
        <v>76.900000000000006</v>
      </c>
      <c r="Y23959" s="2">
        <v>7.6</v>
      </c>
      <c r="Z23959" s="2">
        <v>16.7</v>
      </c>
      <c r="AA23959" s="5"/>
      <c r="AB23959" s="5" t="s">
        <v>43</v>
      </c>
      <c r="AC23959" s="5" t="s">
        <v>44</v>
      </c>
      <c r="AD23959" s="2"/>
      <c r="AE23959" s="1"/>
    </row>
    <row r="23960" spans="1:31" ht="14.45">
      <c r="A23960" s="11"/>
      <c r="B23960" s="20"/>
      <c r="C23960" s="2" t="s">
        <v>76759</v>
      </c>
      <c r="D23960" s="14" t="s">
        <v>76760</v>
      </c>
      <c r="E23960" s="2" t="s">
        <v>76761</v>
      </c>
      <c r="F23960" s="2" t="s">
        <v>7563</v>
      </c>
      <c r="G23960" s="8">
        <v>224</v>
      </c>
      <c r="H23960" s="5">
        <v>6</v>
      </c>
      <c r="I23960" s="5" t="s">
        <v>1518</v>
      </c>
      <c r="J23960" s="5" t="s">
        <v>69038</v>
      </c>
      <c r="K23960" s="2" t="s">
        <v>69039</v>
      </c>
      <c r="L23960" s="5" t="s">
        <v>69038</v>
      </c>
      <c r="M23960" s="2" t="s">
        <v>69039</v>
      </c>
      <c r="N23960" s="5" t="s">
        <v>1521</v>
      </c>
      <c r="O23960" s="5" t="s">
        <v>38</v>
      </c>
      <c r="P23960" s="5" t="s">
        <v>39</v>
      </c>
      <c r="Q23960" s="5" t="s">
        <v>40</v>
      </c>
      <c r="R23960" s="5" t="s">
        <v>1522</v>
      </c>
      <c r="S23960" s="5" t="s">
        <v>1523</v>
      </c>
      <c r="T23960" s="5" t="s">
        <v>42</v>
      </c>
      <c r="U23960" s="2">
        <v>2.004</v>
      </c>
      <c r="V23960" s="2">
        <v>1.544</v>
      </c>
      <c r="W23960" s="2">
        <v>0.01</v>
      </c>
      <c r="X23960" s="2">
        <v>76.900000000000006</v>
      </c>
      <c r="Y23960" s="2">
        <v>7.6</v>
      </c>
      <c r="Z23960" s="2">
        <v>16.7</v>
      </c>
      <c r="AA23960" s="5"/>
      <c r="AB23960" s="5" t="s">
        <v>43</v>
      </c>
      <c r="AC23960" s="5" t="s">
        <v>44</v>
      </c>
      <c r="AD23960" s="2"/>
      <c r="AE23960" s="1"/>
    </row>
    <row r="23961" spans="1:31" ht="14.45">
      <c r="A23961" s="11"/>
      <c r="B23961" s="20"/>
      <c r="C23961" s="2" t="s">
        <v>76762</v>
      </c>
      <c r="D23961" s="14" t="s">
        <v>76763</v>
      </c>
      <c r="E23961" s="2" t="s">
        <v>76764</v>
      </c>
      <c r="F23961" s="2" t="s">
        <v>7567</v>
      </c>
      <c r="G23961" s="8">
        <v>224</v>
      </c>
      <c r="H23961" s="5">
        <v>6</v>
      </c>
      <c r="I23961" s="5" t="s">
        <v>1518</v>
      </c>
      <c r="J23961" s="5" t="s">
        <v>69038</v>
      </c>
      <c r="K23961" s="2" t="s">
        <v>69039</v>
      </c>
      <c r="L23961" s="5" t="s">
        <v>69038</v>
      </c>
      <c r="M23961" s="2" t="s">
        <v>69039</v>
      </c>
      <c r="N23961" s="5" t="s">
        <v>1521</v>
      </c>
      <c r="O23961" s="5" t="s">
        <v>38</v>
      </c>
      <c r="P23961" s="5" t="s">
        <v>39</v>
      </c>
      <c r="Q23961" s="5" t="s">
        <v>40</v>
      </c>
      <c r="R23961" s="5" t="s">
        <v>1522</v>
      </c>
      <c r="S23961" s="5" t="s">
        <v>1523</v>
      </c>
      <c r="T23961" s="5" t="s">
        <v>42</v>
      </c>
      <c r="U23961" s="2">
        <v>2.0539999999999998</v>
      </c>
      <c r="V23961" s="2">
        <v>1.5940000000000001</v>
      </c>
      <c r="W23961" s="2">
        <v>0.01</v>
      </c>
      <c r="X23961" s="2">
        <v>76.900000000000006</v>
      </c>
      <c r="Y23961" s="2">
        <v>7.6</v>
      </c>
      <c r="Z23961" s="2">
        <v>16.7</v>
      </c>
      <c r="AA23961" s="5"/>
      <c r="AB23961" s="5" t="s">
        <v>43</v>
      </c>
      <c r="AC23961" s="5" t="s">
        <v>44</v>
      </c>
      <c r="AD23961" s="2"/>
      <c r="AE23961" s="1"/>
    </row>
    <row r="23962" spans="1:31" ht="14.45">
      <c r="A23962" s="11"/>
      <c r="B23962" s="20"/>
      <c r="C23962" s="2" t="s">
        <v>76765</v>
      </c>
      <c r="D23962" s="14" t="s">
        <v>76766</v>
      </c>
      <c r="E23962" s="2" t="s">
        <v>76767</v>
      </c>
      <c r="F23962" s="2" t="s">
        <v>7555</v>
      </c>
      <c r="G23962" s="8">
        <v>224</v>
      </c>
      <c r="H23962" s="5">
        <v>6</v>
      </c>
      <c r="I23962" s="5" t="s">
        <v>1518</v>
      </c>
      <c r="J23962" s="5" t="s">
        <v>69038</v>
      </c>
      <c r="K23962" s="2" t="s">
        <v>69039</v>
      </c>
      <c r="L23962" s="5" t="s">
        <v>69038</v>
      </c>
      <c r="M23962" s="2" t="s">
        <v>69039</v>
      </c>
      <c r="N23962" s="5" t="s">
        <v>1521</v>
      </c>
      <c r="O23962" s="5" t="s">
        <v>38</v>
      </c>
      <c r="P23962" s="5" t="s">
        <v>39</v>
      </c>
      <c r="Q23962" s="5" t="s">
        <v>40</v>
      </c>
      <c r="R23962" s="5" t="s">
        <v>1522</v>
      </c>
      <c r="S23962" s="5" t="s">
        <v>1523</v>
      </c>
      <c r="T23962" s="5" t="s">
        <v>42</v>
      </c>
      <c r="U23962" s="2">
        <v>2.004</v>
      </c>
      <c r="V23962" s="2">
        <v>1.544</v>
      </c>
      <c r="W23962" s="2">
        <v>0.01</v>
      </c>
      <c r="X23962" s="2">
        <v>76.900000000000006</v>
      </c>
      <c r="Y23962" s="2">
        <v>7.6</v>
      </c>
      <c r="Z23962" s="2">
        <v>16.7</v>
      </c>
      <c r="AA23962" s="5"/>
      <c r="AB23962" s="5" t="s">
        <v>43</v>
      </c>
      <c r="AC23962" s="5" t="s">
        <v>44</v>
      </c>
      <c r="AD23962" s="2"/>
      <c r="AE23962" s="1"/>
    </row>
    <row r="23963" spans="1:31" ht="14.45">
      <c r="A23963" s="11"/>
      <c r="B23963" s="20"/>
      <c r="C23963" s="2" t="s">
        <v>76768</v>
      </c>
      <c r="D23963" s="14" t="s">
        <v>76769</v>
      </c>
      <c r="E23963" s="2" t="s">
        <v>76770</v>
      </c>
      <c r="F23963" s="2" t="s">
        <v>7559</v>
      </c>
      <c r="G23963" s="8">
        <v>224</v>
      </c>
      <c r="H23963" s="5">
        <v>6</v>
      </c>
      <c r="I23963" s="5" t="s">
        <v>1518</v>
      </c>
      <c r="J23963" s="5" t="s">
        <v>69038</v>
      </c>
      <c r="K23963" s="2" t="s">
        <v>69039</v>
      </c>
      <c r="L23963" s="5" t="s">
        <v>69038</v>
      </c>
      <c r="M23963" s="2" t="s">
        <v>69039</v>
      </c>
      <c r="N23963" s="5" t="s">
        <v>1521</v>
      </c>
      <c r="O23963" s="5" t="s">
        <v>38</v>
      </c>
      <c r="P23963" s="5" t="s">
        <v>39</v>
      </c>
      <c r="Q23963" s="5" t="s">
        <v>40</v>
      </c>
      <c r="R23963" s="5" t="s">
        <v>1522</v>
      </c>
      <c r="S23963" s="5" t="s">
        <v>1523</v>
      </c>
      <c r="T23963" s="5" t="s">
        <v>42</v>
      </c>
      <c r="U23963" s="2">
        <v>2.0539999999999998</v>
      </c>
      <c r="V23963" s="2">
        <v>1.5940000000000001</v>
      </c>
      <c r="W23963" s="2">
        <v>0.01</v>
      </c>
      <c r="X23963" s="2">
        <v>76.900000000000006</v>
      </c>
      <c r="Y23963" s="2">
        <v>7.6</v>
      </c>
      <c r="Z23963" s="2">
        <v>16.7</v>
      </c>
      <c r="AA23963" s="5"/>
      <c r="AB23963" s="5" t="s">
        <v>43</v>
      </c>
      <c r="AC23963" s="5" t="s">
        <v>44</v>
      </c>
      <c r="AD23963" s="2"/>
      <c r="AE23963" s="1"/>
    </row>
    <row r="23964" spans="1:31" ht="14.45">
      <c r="A23964" s="11"/>
      <c r="B23964" s="20"/>
      <c r="C23964" s="2" t="s">
        <v>76771</v>
      </c>
      <c r="D23964" s="14" t="s">
        <v>76772</v>
      </c>
      <c r="E23964" s="2" t="s">
        <v>76773</v>
      </c>
      <c r="F23964" s="2" t="s">
        <v>16194</v>
      </c>
      <c r="G23964" s="8">
        <v>224</v>
      </c>
      <c r="H23964" s="5">
        <v>6</v>
      </c>
      <c r="I23964" s="5" t="s">
        <v>1518</v>
      </c>
      <c r="J23964" s="5" t="s">
        <v>69038</v>
      </c>
      <c r="K23964" s="2" t="s">
        <v>69039</v>
      </c>
      <c r="L23964" s="5" t="s">
        <v>69038</v>
      </c>
      <c r="M23964" s="2" t="s">
        <v>69039</v>
      </c>
      <c r="N23964" s="5" t="s">
        <v>1521</v>
      </c>
      <c r="O23964" s="5" t="s">
        <v>38</v>
      </c>
      <c r="P23964" s="5" t="s">
        <v>39</v>
      </c>
      <c r="Q23964" s="5" t="s">
        <v>40</v>
      </c>
      <c r="R23964" s="5" t="s">
        <v>1522</v>
      </c>
      <c r="S23964" s="5" t="s">
        <v>1523</v>
      </c>
      <c r="T23964" s="5" t="s">
        <v>42</v>
      </c>
      <c r="U23964" s="2">
        <v>2.0539999999999998</v>
      </c>
      <c r="V23964" s="2">
        <v>1.5940000000000001</v>
      </c>
      <c r="W23964" s="2">
        <v>0.01</v>
      </c>
      <c r="X23964" s="2">
        <v>76.900000000000006</v>
      </c>
      <c r="Y23964" s="2">
        <v>7.6</v>
      </c>
      <c r="Z23964" s="2">
        <v>16.7</v>
      </c>
      <c r="AA23964" s="5"/>
      <c r="AB23964" s="5" t="s">
        <v>43</v>
      </c>
      <c r="AC23964" s="5" t="s">
        <v>44</v>
      </c>
      <c r="AD23964" s="2"/>
      <c r="AE23964" s="1"/>
    </row>
    <row r="23965" spans="1:31" ht="14.45">
      <c r="A23965" s="11"/>
      <c r="B23965" s="20"/>
      <c r="C23965" s="2" t="s">
        <v>76774</v>
      </c>
      <c r="D23965" s="14" t="s">
        <v>76775</v>
      </c>
      <c r="E23965" s="2" t="s">
        <v>76776</v>
      </c>
      <c r="F23965" s="2" t="s">
        <v>7449</v>
      </c>
      <c r="G23965" s="8">
        <v>224</v>
      </c>
      <c r="H23965" s="5">
        <v>6</v>
      </c>
      <c r="I23965" s="5" t="s">
        <v>1518</v>
      </c>
      <c r="J23965" s="5" t="s">
        <v>69038</v>
      </c>
      <c r="K23965" s="2" t="s">
        <v>69039</v>
      </c>
      <c r="L23965" s="5" t="s">
        <v>69038</v>
      </c>
      <c r="M23965" s="2" t="s">
        <v>69039</v>
      </c>
      <c r="N23965" s="5" t="s">
        <v>1521</v>
      </c>
      <c r="O23965" s="5" t="s">
        <v>38</v>
      </c>
      <c r="P23965" s="5" t="s">
        <v>39</v>
      </c>
      <c r="Q23965" s="5" t="s">
        <v>40</v>
      </c>
      <c r="R23965" s="5" t="s">
        <v>1522</v>
      </c>
      <c r="S23965" s="5" t="s">
        <v>1523</v>
      </c>
      <c r="T23965" s="5" t="s">
        <v>42</v>
      </c>
      <c r="U23965" s="2">
        <v>2.004</v>
      </c>
      <c r="V23965" s="2">
        <v>1.544</v>
      </c>
      <c r="W23965" s="2">
        <v>0.01</v>
      </c>
      <c r="X23965" s="2">
        <v>76.900000000000006</v>
      </c>
      <c r="Y23965" s="2">
        <v>7.6</v>
      </c>
      <c r="Z23965" s="2">
        <v>16.7</v>
      </c>
      <c r="AA23965" s="5"/>
      <c r="AB23965" s="5" t="s">
        <v>43</v>
      </c>
      <c r="AC23965" s="5" t="s">
        <v>44</v>
      </c>
      <c r="AD23965" s="2"/>
      <c r="AE23965" s="1"/>
    </row>
    <row r="23966" spans="1:31" ht="14.45">
      <c r="A23966" s="11"/>
      <c r="B23966" s="20"/>
      <c r="C23966" s="2" t="s">
        <v>76777</v>
      </c>
      <c r="D23966" s="14" t="s">
        <v>76778</v>
      </c>
      <c r="E23966" s="2" t="s">
        <v>76779</v>
      </c>
      <c r="F23966" s="2" t="s">
        <v>7581</v>
      </c>
      <c r="G23966" s="8">
        <v>224</v>
      </c>
      <c r="H23966" s="5">
        <v>6</v>
      </c>
      <c r="I23966" s="5" t="s">
        <v>1518</v>
      </c>
      <c r="J23966" s="5" t="s">
        <v>69038</v>
      </c>
      <c r="K23966" s="2" t="s">
        <v>69039</v>
      </c>
      <c r="L23966" s="5" t="s">
        <v>69038</v>
      </c>
      <c r="M23966" s="2" t="s">
        <v>69039</v>
      </c>
      <c r="N23966" s="5" t="s">
        <v>1521</v>
      </c>
      <c r="O23966" s="5" t="s">
        <v>38</v>
      </c>
      <c r="P23966" s="5" t="s">
        <v>39</v>
      </c>
      <c r="Q23966" s="5" t="s">
        <v>40</v>
      </c>
      <c r="R23966" s="5" t="s">
        <v>1522</v>
      </c>
      <c r="S23966" s="5" t="s">
        <v>1523</v>
      </c>
      <c r="T23966" s="5" t="s">
        <v>42</v>
      </c>
      <c r="U23966" s="2">
        <v>2.0539999999999998</v>
      </c>
      <c r="V23966" s="2">
        <v>1.5940000000000001</v>
      </c>
      <c r="W23966" s="2">
        <v>0.01</v>
      </c>
      <c r="X23966" s="2">
        <v>76.900000000000006</v>
      </c>
      <c r="Y23966" s="2">
        <v>7.6</v>
      </c>
      <c r="Z23966" s="2">
        <v>16.7</v>
      </c>
      <c r="AA23966" s="5"/>
      <c r="AB23966" s="5" t="s">
        <v>43</v>
      </c>
      <c r="AC23966" s="5" t="s">
        <v>44</v>
      </c>
      <c r="AD23966" s="2"/>
      <c r="AE23966" s="1"/>
    </row>
    <row r="23967" spans="1:31" ht="14.45">
      <c r="A23967" s="11"/>
      <c r="B23967" s="20"/>
      <c r="C23967" s="2" t="s">
        <v>76780</v>
      </c>
      <c r="D23967" s="14" t="s">
        <v>76781</v>
      </c>
      <c r="E23967" s="2" t="s">
        <v>76782</v>
      </c>
      <c r="F23967" s="2" t="s">
        <v>7589</v>
      </c>
      <c r="G23967" s="8">
        <v>224</v>
      </c>
      <c r="H23967" s="5">
        <v>6</v>
      </c>
      <c r="I23967" s="5" t="s">
        <v>1518</v>
      </c>
      <c r="J23967" s="5" t="s">
        <v>69038</v>
      </c>
      <c r="K23967" s="2" t="s">
        <v>69039</v>
      </c>
      <c r="L23967" s="5" t="s">
        <v>69038</v>
      </c>
      <c r="M23967" s="2" t="s">
        <v>69039</v>
      </c>
      <c r="N23967" s="5" t="s">
        <v>1521</v>
      </c>
      <c r="O23967" s="5" t="s">
        <v>38</v>
      </c>
      <c r="P23967" s="5" t="s">
        <v>39</v>
      </c>
      <c r="Q23967" s="5" t="s">
        <v>40</v>
      </c>
      <c r="R23967" s="5" t="s">
        <v>1522</v>
      </c>
      <c r="S23967" s="5" t="s">
        <v>1523</v>
      </c>
      <c r="T23967" s="5" t="s">
        <v>42</v>
      </c>
      <c r="U23967" s="2">
        <v>2.0539999999999998</v>
      </c>
      <c r="V23967" s="2">
        <v>1.5940000000000001</v>
      </c>
      <c r="W23967" s="2">
        <v>0.01</v>
      </c>
      <c r="X23967" s="2">
        <v>76.900000000000006</v>
      </c>
      <c r="Y23967" s="2">
        <v>7.6</v>
      </c>
      <c r="Z23967" s="2">
        <v>16.7</v>
      </c>
      <c r="AA23967" s="5"/>
      <c r="AB23967" s="5" t="s">
        <v>43</v>
      </c>
      <c r="AC23967" s="5" t="s">
        <v>44</v>
      </c>
      <c r="AD23967" s="2"/>
      <c r="AE23967" s="1"/>
    </row>
    <row r="23968" spans="1:31" ht="14.45">
      <c r="A23968" s="11"/>
      <c r="B23968" s="20"/>
      <c r="C23968" s="2" t="s">
        <v>76783</v>
      </c>
      <c r="D23968" s="14" t="s">
        <v>76784</v>
      </c>
      <c r="E23968" s="2" t="s">
        <v>76785</v>
      </c>
      <c r="F23968" s="2" t="s">
        <v>73358</v>
      </c>
      <c r="G23968" s="8">
        <v>224</v>
      </c>
      <c r="H23968" s="5">
        <v>6</v>
      </c>
      <c r="I23968" s="5" t="s">
        <v>1518</v>
      </c>
      <c r="J23968" s="5" t="s">
        <v>69038</v>
      </c>
      <c r="K23968" s="2" t="s">
        <v>69039</v>
      </c>
      <c r="L23968" s="5" t="s">
        <v>69038</v>
      </c>
      <c r="M23968" s="2" t="s">
        <v>69039</v>
      </c>
      <c r="N23968" s="5" t="s">
        <v>1521</v>
      </c>
      <c r="O23968" s="5" t="s">
        <v>38</v>
      </c>
      <c r="P23968" s="5" t="s">
        <v>39</v>
      </c>
      <c r="Q23968" s="5" t="s">
        <v>40</v>
      </c>
      <c r="R23968" s="5" t="s">
        <v>1522</v>
      </c>
      <c r="S23968" s="5" t="s">
        <v>1523</v>
      </c>
      <c r="T23968" s="5" t="s">
        <v>42</v>
      </c>
      <c r="U23968" s="2">
        <v>2.004</v>
      </c>
      <c r="V23968" s="2">
        <v>1.544</v>
      </c>
      <c r="W23968" s="2">
        <v>0.01</v>
      </c>
      <c r="X23968" s="2">
        <v>76.900000000000006</v>
      </c>
      <c r="Y23968" s="2">
        <v>7.6</v>
      </c>
      <c r="Z23968" s="2">
        <v>16.7</v>
      </c>
      <c r="AA23968" s="5"/>
      <c r="AB23968" s="5" t="s">
        <v>43</v>
      </c>
      <c r="AC23968" s="5" t="s">
        <v>44</v>
      </c>
      <c r="AD23968" s="2"/>
      <c r="AE23968" s="1"/>
    </row>
    <row r="23969" spans="1:31" ht="14.45">
      <c r="A23969" s="11"/>
      <c r="B23969" s="20"/>
      <c r="C23969" s="2" t="s">
        <v>76786</v>
      </c>
      <c r="D23969" s="14" t="s">
        <v>76787</v>
      </c>
      <c r="E23969" s="2" t="s">
        <v>76788</v>
      </c>
      <c r="F23969" s="2" t="s">
        <v>73362</v>
      </c>
      <c r="G23969" s="8">
        <v>224</v>
      </c>
      <c r="H23969" s="5">
        <v>6</v>
      </c>
      <c r="I23969" s="5" t="s">
        <v>1518</v>
      </c>
      <c r="J23969" s="5" t="s">
        <v>69038</v>
      </c>
      <c r="K23969" s="2" t="s">
        <v>69039</v>
      </c>
      <c r="L23969" s="5" t="s">
        <v>69038</v>
      </c>
      <c r="M23969" s="2" t="s">
        <v>69039</v>
      </c>
      <c r="N23969" s="5" t="s">
        <v>1521</v>
      </c>
      <c r="O23969" s="5" t="s">
        <v>38</v>
      </c>
      <c r="P23969" s="5" t="s">
        <v>39</v>
      </c>
      <c r="Q23969" s="5" t="s">
        <v>40</v>
      </c>
      <c r="R23969" s="5" t="s">
        <v>1522</v>
      </c>
      <c r="S23969" s="5" t="s">
        <v>1523</v>
      </c>
      <c r="T23969" s="5" t="s">
        <v>42</v>
      </c>
      <c r="U23969" s="2">
        <v>2.0539999999999998</v>
      </c>
      <c r="V23969" s="2">
        <v>1.5940000000000001</v>
      </c>
      <c r="W23969" s="2">
        <v>0.01</v>
      </c>
      <c r="X23969" s="2">
        <v>76.900000000000006</v>
      </c>
      <c r="Y23969" s="2">
        <v>7.6</v>
      </c>
      <c r="Z23969" s="2">
        <v>16.7</v>
      </c>
      <c r="AA23969" s="5"/>
      <c r="AB23969" s="5" t="s">
        <v>43</v>
      </c>
      <c r="AC23969" s="5" t="s">
        <v>44</v>
      </c>
      <c r="AD23969" s="2"/>
      <c r="AE23969" s="1"/>
    </row>
    <row r="23970" spans="1:31" ht="14.45">
      <c r="A23970" s="11"/>
      <c r="B23970" s="20"/>
      <c r="C23970" s="2" t="s">
        <v>76789</v>
      </c>
      <c r="D23970" s="14" t="s">
        <v>76790</v>
      </c>
      <c r="E23970" s="2" t="s">
        <v>76791</v>
      </c>
      <c r="F23970" s="2" t="s">
        <v>7615</v>
      </c>
      <c r="G23970" s="8">
        <v>224</v>
      </c>
      <c r="H23970" s="5">
        <v>6</v>
      </c>
      <c r="I23970" s="5" t="s">
        <v>1518</v>
      </c>
      <c r="J23970" s="5" t="s">
        <v>69038</v>
      </c>
      <c r="K23970" s="2" t="s">
        <v>69039</v>
      </c>
      <c r="L23970" s="5" t="s">
        <v>69038</v>
      </c>
      <c r="M23970" s="2" t="s">
        <v>69039</v>
      </c>
      <c r="N23970" s="5" t="s">
        <v>1521</v>
      </c>
      <c r="O23970" s="5" t="s">
        <v>38</v>
      </c>
      <c r="P23970" s="5" t="s">
        <v>39</v>
      </c>
      <c r="Q23970" s="5" t="s">
        <v>40</v>
      </c>
      <c r="R23970" s="5" t="s">
        <v>1522</v>
      </c>
      <c r="S23970" s="5" t="s">
        <v>1523</v>
      </c>
      <c r="T23970" s="5" t="s">
        <v>42</v>
      </c>
      <c r="U23970" s="2">
        <v>2.004</v>
      </c>
      <c r="V23970" s="2">
        <v>1.544</v>
      </c>
      <c r="W23970" s="2">
        <v>0.01</v>
      </c>
      <c r="X23970" s="2">
        <v>76.900000000000006</v>
      </c>
      <c r="Y23970" s="2">
        <v>7.6</v>
      </c>
      <c r="Z23970" s="2">
        <v>16.7</v>
      </c>
      <c r="AA23970" s="5"/>
      <c r="AB23970" s="5" t="s">
        <v>43</v>
      </c>
      <c r="AC23970" s="5" t="s">
        <v>44</v>
      </c>
      <c r="AD23970" s="2"/>
      <c r="AE23970" s="1"/>
    </row>
    <row r="23971" spans="1:31" ht="14.45">
      <c r="A23971" s="11"/>
      <c r="B23971" s="20"/>
      <c r="C23971" s="2" t="s">
        <v>76792</v>
      </c>
      <c r="D23971" s="14" t="s">
        <v>76793</v>
      </c>
      <c r="E23971" s="2" t="s">
        <v>76794</v>
      </c>
      <c r="F23971" s="2" t="s">
        <v>7619</v>
      </c>
      <c r="G23971" s="8">
        <v>224</v>
      </c>
      <c r="H23971" s="5">
        <v>6</v>
      </c>
      <c r="I23971" s="5" t="s">
        <v>1518</v>
      </c>
      <c r="J23971" s="5" t="s">
        <v>69038</v>
      </c>
      <c r="K23971" s="2" t="s">
        <v>69039</v>
      </c>
      <c r="L23971" s="5" t="s">
        <v>69038</v>
      </c>
      <c r="M23971" s="2" t="s">
        <v>69039</v>
      </c>
      <c r="N23971" s="5" t="s">
        <v>1521</v>
      </c>
      <c r="O23971" s="5" t="s">
        <v>38</v>
      </c>
      <c r="P23971" s="5" t="s">
        <v>39</v>
      </c>
      <c r="Q23971" s="5" t="s">
        <v>40</v>
      </c>
      <c r="R23971" s="5" t="s">
        <v>1522</v>
      </c>
      <c r="S23971" s="5" t="s">
        <v>1523</v>
      </c>
      <c r="T23971" s="5" t="s">
        <v>42</v>
      </c>
      <c r="U23971" s="2">
        <v>2.0539999999999998</v>
      </c>
      <c r="V23971" s="2">
        <v>1.5940000000000001</v>
      </c>
      <c r="W23971" s="2">
        <v>0.01</v>
      </c>
      <c r="X23971" s="2">
        <v>76.900000000000006</v>
      </c>
      <c r="Y23971" s="2">
        <v>7.6</v>
      </c>
      <c r="Z23971" s="2">
        <v>16.7</v>
      </c>
      <c r="AA23971" s="5"/>
      <c r="AB23971" s="5" t="s">
        <v>43</v>
      </c>
      <c r="AC23971" s="5" t="s">
        <v>44</v>
      </c>
      <c r="AD23971" s="2"/>
      <c r="AE23971" s="1"/>
    </row>
    <row r="23972" spans="1:31" ht="14.45">
      <c r="A23972" s="11"/>
      <c r="B23972" s="20"/>
      <c r="C23972" s="2" t="s">
        <v>76795</v>
      </c>
      <c r="D23972" s="14" t="s">
        <v>76796</v>
      </c>
      <c r="E23972" s="2" t="s">
        <v>76797</v>
      </c>
      <c r="F23972" s="2" t="s">
        <v>16219</v>
      </c>
      <c r="G23972" s="8">
        <v>224</v>
      </c>
      <c r="H23972" s="5">
        <v>6</v>
      </c>
      <c r="I23972" s="5" t="s">
        <v>1518</v>
      </c>
      <c r="J23972" s="5" t="s">
        <v>69038</v>
      </c>
      <c r="K23972" s="2" t="s">
        <v>69039</v>
      </c>
      <c r="L23972" s="5" t="s">
        <v>69038</v>
      </c>
      <c r="M23972" s="2" t="s">
        <v>69039</v>
      </c>
      <c r="N23972" s="5" t="s">
        <v>1521</v>
      </c>
      <c r="O23972" s="5" t="s">
        <v>38</v>
      </c>
      <c r="P23972" s="5" t="s">
        <v>39</v>
      </c>
      <c r="Q23972" s="5" t="s">
        <v>40</v>
      </c>
      <c r="R23972" s="5" t="s">
        <v>1522</v>
      </c>
      <c r="S23972" s="5" t="s">
        <v>1523</v>
      </c>
      <c r="T23972" s="5" t="s">
        <v>42</v>
      </c>
      <c r="U23972" s="2">
        <v>2.0539999999999998</v>
      </c>
      <c r="V23972" s="2">
        <v>1.5940000000000001</v>
      </c>
      <c r="W23972" s="2">
        <v>0.01</v>
      </c>
      <c r="X23972" s="2">
        <v>76.900000000000006</v>
      </c>
      <c r="Y23972" s="2">
        <v>7.6</v>
      </c>
      <c r="Z23972" s="2">
        <v>16.7</v>
      </c>
      <c r="AA23972" s="5"/>
      <c r="AB23972" s="5" t="s">
        <v>43</v>
      </c>
      <c r="AC23972" s="5" t="s">
        <v>44</v>
      </c>
      <c r="AD23972" s="2"/>
      <c r="AE23972" s="1"/>
    </row>
    <row r="23973" spans="1:31" ht="14.45">
      <c r="A23973" s="11"/>
      <c r="B23973" s="20"/>
      <c r="C23973" s="2" t="s">
        <v>76798</v>
      </c>
      <c r="D23973" s="14" t="s">
        <v>76799</v>
      </c>
      <c r="E23973" s="2" t="s">
        <v>76800</v>
      </c>
      <c r="F23973" s="2" t="s">
        <v>7212</v>
      </c>
      <c r="G23973" s="8">
        <v>212</v>
      </c>
      <c r="H23973" s="5">
        <v>6</v>
      </c>
      <c r="I23973" s="5" t="s">
        <v>1518</v>
      </c>
      <c r="J23973" s="5" t="s">
        <v>69038</v>
      </c>
      <c r="K23973" s="2" t="s">
        <v>69039</v>
      </c>
      <c r="L23973" s="5" t="s">
        <v>69038</v>
      </c>
      <c r="M23973" s="2" t="s">
        <v>69039</v>
      </c>
      <c r="N23973" s="5" t="s">
        <v>1521</v>
      </c>
      <c r="O23973" s="5" t="s">
        <v>38</v>
      </c>
      <c r="P23973" s="5" t="s">
        <v>39</v>
      </c>
      <c r="Q23973" s="5" t="s">
        <v>40</v>
      </c>
      <c r="R23973" s="5" t="s">
        <v>1522</v>
      </c>
      <c r="S23973" s="5" t="s">
        <v>1523</v>
      </c>
      <c r="T23973" s="5" t="s">
        <v>42</v>
      </c>
      <c r="U23973" s="2">
        <v>2.004</v>
      </c>
      <c r="V23973" s="2">
        <v>1.544</v>
      </c>
      <c r="W23973" s="2">
        <v>0.01</v>
      </c>
      <c r="X23973" s="2">
        <v>76.900000000000006</v>
      </c>
      <c r="Y23973" s="2">
        <v>7.6</v>
      </c>
      <c r="Z23973" s="2">
        <v>16.7</v>
      </c>
      <c r="AA23973" s="5"/>
      <c r="AB23973" s="5" t="s">
        <v>43</v>
      </c>
      <c r="AC23973" s="5" t="s">
        <v>44</v>
      </c>
      <c r="AD23973" s="2"/>
      <c r="AE23973" s="1"/>
    </row>
    <row r="23974" spans="1:31" ht="14.45">
      <c r="A23974" s="11"/>
      <c r="B23974" s="20"/>
      <c r="C23974" s="2" t="s">
        <v>76801</v>
      </c>
      <c r="D23974" s="14" t="s">
        <v>76802</v>
      </c>
      <c r="E23974" s="2" t="s">
        <v>76803</v>
      </c>
      <c r="F23974" s="2" t="s">
        <v>7528</v>
      </c>
      <c r="G23974" s="8">
        <v>212</v>
      </c>
      <c r="H23974" s="5">
        <v>6</v>
      </c>
      <c r="I23974" s="5" t="s">
        <v>1518</v>
      </c>
      <c r="J23974" s="5" t="s">
        <v>69038</v>
      </c>
      <c r="K23974" s="2" t="s">
        <v>69039</v>
      </c>
      <c r="L23974" s="5" t="s">
        <v>69038</v>
      </c>
      <c r="M23974" s="2" t="s">
        <v>69039</v>
      </c>
      <c r="N23974" s="5" t="s">
        <v>1521</v>
      </c>
      <c r="O23974" s="5" t="s">
        <v>38</v>
      </c>
      <c r="P23974" s="5" t="s">
        <v>39</v>
      </c>
      <c r="Q23974" s="5" t="s">
        <v>40</v>
      </c>
      <c r="R23974" s="5" t="s">
        <v>1522</v>
      </c>
      <c r="S23974" s="5" t="s">
        <v>1523</v>
      </c>
      <c r="T23974" s="5" t="s">
        <v>42</v>
      </c>
      <c r="U23974" s="2">
        <v>2.0539999999999998</v>
      </c>
      <c r="V23974" s="2">
        <v>1.5940000000000001</v>
      </c>
      <c r="W23974" s="2">
        <v>0.01</v>
      </c>
      <c r="X23974" s="2">
        <v>76.900000000000006</v>
      </c>
      <c r="Y23974" s="2">
        <v>7.6</v>
      </c>
      <c r="Z23974" s="2">
        <v>16.7</v>
      </c>
      <c r="AA23974" s="5"/>
      <c r="AB23974" s="5" t="s">
        <v>43</v>
      </c>
      <c r="AC23974" s="5" t="s">
        <v>44</v>
      </c>
      <c r="AD23974" s="2"/>
      <c r="AE23974" s="1"/>
    </row>
    <row r="23975" spans="1:31" ht="14.45">
      <c r="A23975" s="11"/>
      <c r="B23975" s="20"/>
      <c r="C23975" s="2" t="s">
        <v>76804</v>
      </c>
      <c r="D23975" s="14" t="s">
        <v>76805</v>
      </c>
      <c r="E23975" s="2" t="s">
        <v>76806</v>
      </c>
      <c r="F23975" s="2" t="s">
        <v>16029</v>
      </c>
      <c r="G23975" s="8">
        <v>224</v>
      </c>
      <c r="H23975" s="5">
        <v>6</v>
      </c>
      <c r="I23975" s="5" t="s">
        <v>1518</v>
      </c>
      <c r="J23975" s="5" t="s">
        <v>69038</v>
      </c>
      <c r="K23975" s="2" t="s">
        <v>69039</v>
      </c>
      <c r="L23975" s="5" t="s">
        <v>69038</v>
      </c>
      <c r="M23975" s="2" t="s">
        <v>69039</v>
      </c>
      <c r="N23975" s="5" t="s">
        <v>1521</v>
      </c>
      <c r="O23975" s="5" t="s">
        <v>38</v>
      </c>
      <c r="P23975" s="5" t="s">
        <v>39</v>
      </c>
      <c r="Q23975" s="5" t="s">
        <v>40</v>
      </c>
      <c r="R23975" s="5" t="s">
        <v>1522</v>
      </c>
      <c r="S23975" s="5" t="s">
        <v>1523</v>
      </c>
      <c r="T23975" s="5" t="s">
        <v>42</v>
      </c>
      <c r="U23975" s="2">
        <v>2.0099999999999998</v>
      </c>
      <c r="V23975" s="2">
        <v>1.55</v>
      </c>
      <c r="W23975" s="2">
        <v>0.01</v>
      </c>
      <c r="X23975" s="2">
        <v>76.900000000000006</v>
      </c>
      <c r="Y23975" s="2">
        <v>7.6</v>
      </c>
      <c r="Z23975" s="2">
        <v>16.7</v>
      </c>
      <c r="AA23975" s="5"/>
      <c r="AB23975" s="5" t="s">
        <v>43</v>
      </c>
      <c r="AC23975" s="5" t="s">
        <v>44</v>
      </c>
      <c r="AD23975" s="2"/>
      <c r="AE23975" s="1"/>
    </row>
    <row r="23976" spans="1:31" ht="14.45">
      <c r="A23976" s="11"/>
      <c r="B23976" s="20"/>
      <c r="C23976" s="2" t="s">
        <v>76807</v>
      </c>
      <c r="D23976" s="14" t="s">
        <v>76808</v>
      </c>
      <c r="E23976" s="2" t="s">
        <v>76809</v>
      </c>
      <c r="F23976" s="2" t="s">
        <v>16033</v>
      </c>
      <c r="G23976" s="8">
        <v>224</v>
      </c>
      <c r="H23976" s="5">
        <v>6</v>
      </c>
      <c r="I23976" s="5" t="s">
        <v>1518</v>
      </c>
      <c r="J23976" s="5" t="s">
        <v>69038</v>
      </c>
      <c r="K23976" s="2" t="s">
        <v>69039</v>
      </c>
      <c r="L23976" s="5" t="s">
        <v>69038</v>
      </c>
      <c r="M23976" s="2" t="s">
        <v>69039</v>
      </c>
      <c r="N23976" s="5" t="s">
        <v>1521</v>
      </c>
      <c r="O23976" s="5" t="s">
        <v>38</v>
      </c>
      <c r="P23976" s="5" t="s">
        <v>39</v>
      </c>
      <c r="Q23976" s="5" t="s">
        <v>40</v>
      </c>
      <c r="R23976" s="5" t="s">
        <v>1522</v>
      </c>
      <c r="S23976" s="5" t="s">
        <v>1523</v>
      </c>
      <c r="T23976" s="5" t="s">
        <v>42</v>
      </c>
      <c r="U23976" s="2">
        <v>2.06</v>
      </c>
      <c r="V23976" s="2">
        <v>1.6</v>
      </c>
      <c r="W23976" s="2">
        <v>0.01</v>
      </c>
      <c r="X23976" s="2">
        <v>76.900000000000006</v>
      </c>
      <c r="Y23976" s="2">
        <v>7.6</v>
      </c>
      <c r="Z23976" s="2">
        <v>16.7</v>
      </c>
      <c r="AA23976" s="5"/>
      <c r="AB23976" s="5" t="s">
        <v>43</v>
      </c>
      <c r="AC23976" s="5" t="s">
        <v>44</v>
      </c>
      <c r="AD23976" s="2"/>
      <c r="AE23976" s="1"/>
    </row>
    <row r="23977" spans="1:31" ht="14.45">
      <c r="A23977" s="11"/>
      <c r="B23977" s="20"/>
      <c r="C23977" s="2" t="s">
        <v>76810</v>
      </c>
      <c r="D23977" s="14" t="s">
        <v>76811</v>
      </c>
      <c r="E23977" s="2" t="s">
        <v>76812</v>
      </c>
      <c r="F23977" s="2" t="s">
        <v>7204</v>
      </c>
      <c r="G23977" s="8">
        <v>223</v>
      </c>
      <c r="H23977" s="5">
        <v>6</v>
      </c>
      <c r="I23977" s="5" t="s">
        <v>1518</v>
      </c>
      <c r="J23977" s="5" t="s">
        <v>69038</v>
      </c>
      <c r="K23977" s="2" t="s">
        <v>69039</v>
      </c>
      <c r="L23977" s="5" t="s">
        <v>69038</v>
      </c>
      <c r="M23977" s="2" t="s">
        <v>69039</v>
      </c>
      <c r="N23977" s="5" t="s">
        <v>1521</v>
      </c>
      <c r="O23977" s="5" t="s">
        <v>38</v>
      </c>
      <c r="P23977" s="5" t="s">
        <v>39</v>
      </c>
      <c r="Q23977" s="5" t="s">
        <v>40</v>
      </c>
      <c r="R23977" s="5" t="s">
        <v>1522</v>
      </c>
      <c r="S23977" s="5" t="s">
        <v>1523</v>
      </c>
      <c r="T23977" s="5" t="s">
        <v>42</v>
      </c>
      <c r="U23977" s="2">
        <v>2.1669999999999998</v>
      </c>
      <c r="V23977" s="2">
        <v>1.6850000000000001</v>
      </c>
      <c r="W23977" s="2">
        <v>1.0999999999999999E-2</v>
      </c>
      <c r="X23977" s="2">
        <v>82.9</v>
      </c>
      <c r="Y23977" s="2">
        <v>7.6</v>
      </c>
      <c r="Z23977" s="2">
        <v>16.7</v>
      </c>
      <c r="AA23977" s="5"/>
      <c r="AB23977" s="5" t="s">
        <v>43</v>
      </c>
      <c r="AC23977" s="5" t="s">
        <v>44</v>
      </c>
      <c r="AD23977" s="2"/>
      <c r="AE23977" s="1"/>
    </row>
    <row r="23978" spans="1:31" ht="14.45">
      <c r="A23978" s="11"/>
      <c r="B23978" s="20"/>
      <c r="C23978" s="2" t="s">
        <v>76813</v>
      </c>
      <c r="D23978" s="14" t="s">
        <v>76814</v>
      </c>
      <c r="E23978" s="2" t="s">
        <v>76815</v>
      </c>
      <c r="F23978" s="2" t="s">
        <v>7514</v>
      </c>
      <c r="G23978" s="8">
        <v>223</v>
      </c>
      <c r="H23978" s="5">
        <v>6</v>
      </c>
      <c r="I23978" s="5" t="s">
        <v>1518</v>
      </c>
      <c r="J23978" s="5" t="s">
        <v>69038</v>
      </c>
      <c r="K23978" s="2" t="s">
        <v>69039</v>
      </c>
      <c r="L23978" s="5" t="s">
        <v>69038</v>
      </c>
      <c r="M23978" s="2" t="s">
        <v>69039</v>
      </c>
      <c r="N23978" s="5" t="s">
        <v>1521</v>
      </c>
      <c r="O23978" s="5" t="s">
        <v>38</v>
      </c>
      <c r="P23978" s="5" t="s">
        <v>39</v>
      </c>
      <c r="Q23978" s="5" t="s">
        <v>40</v>
      </c>
      <c r="R23978" s="5" t="s">
        <v>1522</v>
      </c>
      <c r="S23978" s="5" t="s">
        <v>1523</v>
      </c>
      <c r="T23978" s="5" t="s">
        <v>42</v>
      </c>
      <c r="U23978" s="2">
        <v>2.2290000000000001</v>
      </c>
      <c r="V23978" s="2">
        <v>1.7470000000000001</v>
      </c>
      <c r="W23978" s="2">
        <v>1.0999999999999999E-2</v>
      </c>
      <c r="X23978" s="2">
        <v>82.9</v>
      </c>
      <c r="Y23978" s="2">
        <v>7.6</v>
      </c>
      <c r="Z23978" s="2">
        <v>16.7</v>
      </c>
      <c r="AA23978" s="5"/>
      <c r="AB23978" s="5" t="s">
        <v>43</v>
      </c>
      <c r="AC23978" s="5" t="s">
        <v>44</v>
      </c>
      <c r="AD23978" s="2"/>
      <c r="AE23978" s="1"/>
    </row>
    <row r="23979" spans="1:31" ht="14.45">
      <c r="A23979" s="11"/>
      <c r="B23979" s="20"/>
      <c r="C23979" s="2" t="s">
        <v>76816</v>
      </c>
      <c r="D23979" s="14" t="s">
        <v>76817</v>
      </c>
      <c r="E23979" s="2" t="s">
        <v>76818</v>
      </c>
      <c r="F23979" s="2" t="s">
        <v>7208</v>
      </c>
      <c r="G23979" s="8">
        <v>223</v>
      </c>
      <c r="H23979" s="5">
        <v>6</v>
      </c>
      <c r="I23979" s="5" t="s">
        <v>1518</v>
      </c>
      <c r="J23979" s="5" t="s">
        <v>69038</v>
      </c>
      <c r="K23979" s="2" t="s">
        <v>69039</v>
      </c>
      <c r="L23979" s="5" t="s">
        <v>69038</v>
      </c>
      <c r="M23979" s="2" t="s">
        <v>69039</v>
      </c>
      <c r="N23979" s="5" t="s">
        <v>1521</v>
      </c>
      <c r="O23979" s="5" t="s">
        <v>38</v>
      </c>
      <c r="P23979" s="5" t="s">
        <v>39</v>
      </c>
      <c r="Q23979" s="5" t="s">
        <v>40</v>
      </c>
      <c r="R23979" s="5" t="s">
        <v>1522</v>
      </c>
      <c r="S23979" s="5" t="s">
        <v>1523</v>
      </c>
      <c r="T23979" s="5" t="s">
        <v>42</v>
      </c>
      <c r="U23979" s="2">
        <v>2.1669999999999998</v>
      </c>
      <c r="V23979" s="2">
        <v>1.6850000000000001</v>
      </c>
      <c r="W23979" s="2">
        <v>1.0999999999999999E-2</v>
      </c>
      <c r="X23979" s="2">
        <v>82.9</v>
      </c>
      <c r="Y23979" s="2">
        <v>7.6</v>
      </c>
      <c r="Z23979" s="2">
        <v>16.7</v>
      </c>
      <c r="AA23979" s="5"/>
      <c r="AB23979" s="5" t="s">
        <v>43</v>
      </c>
      <c r="AC23979" s="5" t="s">
        <v>44</v>
      </c>
      <c r="AD23979" s="2"/>
      <c r="AE23979" s="1"/>
    </row>
    <row r="23980" spans="1:31" ht="14.45">
      <c r="A23980" s="11"/>
      <c r="B23980" s="20"/>
      <c r="C23980" s="2" t="s">
        <v>76819</v>
      </c>
      <c r="D23980" s="14" t="s">
        <v>76820</v>
      </c>
      <c r="E23980" s="2" t="s">
        <v>76821</v>
      </c>
      <c r="F23980" s="2" t="s">
        <v>7521</v>
      </c>
      <c r="G23980" s="8">
        <v>223</v>
      </c>
      <c r="H23980" s="5">
        <v>6</v>
      </c>
      <c r="I23980" s="5" t="s">
        <v>1518</v>
      </c>
      <c r="J23980" s="5" t="s">
        <v>69038</v>
      </c>
      <c r="K23980" s="2" t="s">
        <v>69039</v>
      </c>
      <c r="L23980" s="5" t="s">
        <v>69038</v>
      </c>
      <c r="M23980" s="2" t="s">
        <v>69039</v>
      </c>
      <c r="N23980" s="5" t="s">
        <v>1521</v>
      </c>
      <c r="O23980" s="5" t="s">
        <v>38</v>
      </c>
      <c r="P23980" s="5" t="s">
        <v>39</v>
      </c>
      <c r="Q23980" s="5" t="s">
        <v>40</v>
      </c>
      <c r="R23980" s="5" t="s">
        <v>1522</v>
      </c>
      <c r="S23980" s="5" t="s">
        <v>1523</v>
      </c>
      <c r="T23980" s="5" t="s">
        <v>42</v>
      </c>
      <c r="U23980" s="2">
        <v>2.2290000000000001</v>
      </c>
      <c r="V23980" s="2">
        <v>1.7470000000000001</v>
      </c>
      <c r="W23980" s="2">
        <v>1.0999999999999999E-2</v>
      </c>
      <c r="X23980" s="2">
        <v>82.9</v>
      </c>
      <c r="Y23980" s="2">
        <v>7.6</v>
      </c>
      <c r="Z23980" s="2">
        <v>16.7</v>
      </c>
      <c r="AA23980" s="5"/>
      <c r="AB23980" s="5" t="s">
        <v>43</v>
      </c>
      <c r="AC23980" s="5" t="s">
        <v>44</v>
      </c>
      <c r="AD23980" s="2"/>
      <c r="AE23980" s="1"/>
    </row>
    <row r="23981" spans="1:31" ht="14.45">
      <c r="A23981" s="11"/>
      <c r="B23981" s="20"/>
      <c r="C23981" s="2" t="s">
        <v>76822</v>
      </c>
      <c r="D23981" s="14" t="s">
        <v>76823</v>
      </c>
      <c r="E23981" s="2" t="s">
        <v>76824</v>
      </c>
      <c r="F23981" s="2" t="s">
        <v>7406</v>
      </c>
      <c r="G23981" s="8">
        <v>237</v>
      </c>
      <c r="H23981" s="5">
        <v>6</v>
      </c>
      <c r="I23981" s="5" t="s">
        <v>1518</v>
      </c>
      <c r="J23981" s="5" t="s">
        <v>69038</v>
      </c>
      <c r="K23981" s="2" t="s">
        <v>69039</v>
      </c>
      <c r="L23981" s="5" t="s">
        <v>69038</v>
      </c>
      <c r="M23981" s="2" t="s">
        <v>69039</v>
      </c>
      <c r="N23981" s="5" t="s">
        <v>1521</v>
      </c>
      <c r="O23981" s="5" t="s">
        <v>38</v>
      </c>
      <c r="P23981" s="5" t="s">
        <v>39</v>
      </c>
      <c r="Q23981" s="5" t="s">
        <v>40</v>
      </c>
      <c r="R23981" s="5" t="s">
        <v>1522</v>
      </c>
      <c r="S23981" s="5" t="s">
        <v>1523</v>
      </c>
      <c r="T23981" s="5" t="s">
        <v>42</v>
      </c>
      <c r="U23981" s="2">
        <v>2.1669999999999998</v>
      </c>
      <c r="V23981" s="2">
        <v>1.6850000000000001</v>
      </c>
      <c r="W23981" s="2">
        <v>1.0999999999999999E-2</v>
      </c>
      <c r="X23981" s="2">
        <v>82.9</v>
      </c>
      <c r="Y23981" s="2">
        <v>7.6</v>
      </c>
      <c r="Z23981" s="2">
        <v>16.7</v>
      </c>
      <c r="AA23981" s="5"/>
      <c r="AB23981" s="5" t="s">
        <v>43</v>
      </c>
      <c r="AC23981" s="5" t="s">
        <v>44</v>
      </c>
      <c r="AD23981" s="2"/>
      <c r="AE23981" s="1"/>
    </row>
    <row r="23982" spans="1:31" ht="14.45">
      <c r="A23982" s="11"/>
      <c r="B23982" s="20"/>
      <c r="C23982" s="2" t="s">
        <v>76825</v>
      </c>
      <c r="D23982" s="14" t="s">
        <v>76826</v>
      </c>
      <c r="E23982" s="2" t="s">
        <v>76827</v>
      </c>
      <c r="F23982" s="2" t="s">
        <v>7535</v>
      </c>
      <c r="G23982" s="8">
        <v>237</v>
      </c>
      <c r="H23982" s="5">
        <v>6</v>
      </c>
      <c r="I23982" s="5" t="s">
        <v>1518</v>
      </c>
      <c r="J23982" s="5" t="s">
        <v>69038</v>
      </c>
      <c r="K23982" s="2" t="s">
        <v>69039</v>
      </c>
      <c r="L23982" s="5" t="s">
        <v>69038</v>
      </c>
      <c r="M23982" s="2" t="s">
        <v>69039</v>
      </c>
      <c r="N23982" s="5" t="s">
        <v>1521</v>
      </c>
      <c r="O23982" s="5" t="s">
        <v>38</v>
      </c>
      <c r="P23982" s="5" t="s">
        <v>39</v>
      </c>
      <c r="Q23982" s="5" t="s">
        <v>40</v>
      </c>
      <c r="R23982" s="5" t="s">
        <v>1522</v>
      </c>
      <c r="S23982" s="5" t="s">
        <v>1523</v>
      </c>
      <c r="T23982" s="5" t="s">
        <v>42</v>
      </c>
      <c r="U23982" s="2">
        <v>2.2290000000000001</v>
      </c>
      <c r="V23982" s="2">
        <v>1.7470000000000001</v>
      </c>
      <c r="W23982" s="2">
        <v>1.0999999999999999E-2</v>
      </c>
      <c r="X23982" s="2">
        <v>82.9</v>
      </c>
      <c r="Y23982" s="2">
        <v>7.6</v>
      </c>
      <c r="Z23982" s="2">
        <v>16.7</v>
      </c>
      <c r="AA23982" s="5"/>
      <c r="AB23982" s="5" t="s">
        <v>43</v>
      </c>
      <c r="AC23982" s="5" t="s">
        <v>44</v>
      </c>
      <c r="AD23982" s="2"/>
      <c r="AE23982" s="1"/>
    </row>
    <row r="23983" spans="1:31" ht="14.45">
      <c r="A23983" s="11"/>
      <c r="B23983" s="20"/>
      <c r="C23983" s="2" t="s">
        <v>76828</v>
      </c>
      <c r="D23983" s="14" t="s">
        <v>76829</v>
      </c>
      <c r="E23983" s="2" t="s">
        <v>76830</v>
      </c>
      <c r="F23983" s="2" t="s">
        <v>7539</v>
      </c>
      <c r="G23983" s="8">
        <v>237</v>
      </c>
      <c r="H23983" s="5">
        <v>6</v>
      </c>
      <c r="I23983" s="5" t="s">
        <v>1518</v>
      </c>
      <c r="J23983" s="5" t="s">
        <v>69038</v>
      </c>
      <c r="K23983" s="2" t="s">
        <v>69039</v>
      </c>
      <c r="L23983" s="5" t="s">
        <v>69038</v>
      </c>
      <c r="M23983" s="2" t="s">
        <v>69039</v>
      </c>
      <c r="N23983" s="5" t="s">
        <v>1521</v>
      </c>
      <c r="O23983" s="5" t="s">
        <v>38</v>
      </c>
      <c r="P23983" s="5" t="s">
        <v>39</v>
      </c>
      <c r="Q23983" s="5" t="s">
        <v>40</v>
      </c>
      <c r="R23983" s="5" t="s">
        <v>1522</v>
      </c>
      <c r="S23983" s="5" t="s">
        <v>1523</v>
      </c>
      <c r="T23983" s="5" t="s">
        <v>42</v>
      </c>
      <c r="U23983" s="2">
        <v>2.1669999999999998</v>
      </c>
      <c r="V23983" s="2">
        <v>1.6850000000000001</v>
      </c>
      <c r="W23983" s="2">
        <v>1.0999999999999999E-2</v>
      </c>
      <c r="X23983" s="2">
        <v>82.9</v>
      </c>
      <c r="Y23983" s="2">
        <v>7.6</v>
      </c>
      <c r="Z23983" s="2">
        <v>16.7</v>
      </c>
      <c r="AA23983" s="5"/>
      <c r="AB23983" s="5" t="s">
        <v>43</v>
      </c>
      <c r="AC23983" s="5" t="s">
        <v>44</v>
      </c>
      <c r="AD23983" s="2"/>
      <c r="AE23983" s="1"/>
    </row>
    <row r="23984" spans="1:31" ht="14.45">
      <c r="A23984" s="11"/>
      <c r="B23984" s="20"/>
      <c r="C23984" s="2" t="s">
        <v>76831</v>
      </c>
      <c r="D23984" s="14" t="s">
        <v>76832</v>
      </c>
      <c r="E23984" s="2" t="s">
        <v>76833</v>
      </c>
      <c r="F23984" s="2" t="s">
        <v>7543</v>
      </c>
      <c r="G23984" s="8">
        <v>237</v>
      </c>
      <c r="H23984" s="5">
        <v>6</v>
      </c>
      <c r="I23984" s="5" t="s">
        <v>1518</v>
      </c>
      <c r="J23984" s="5" t="s">
        <v>69038</v>
      </c>
      <c r="K23984" s="2" t="s">
        <v>69039</v>
      </c>
      <c r="L23984" s="5" t="s">
        <v>69038</v>
      </c>
      <c r="M23984" s="2" t="s">
        <v>69039</v>
      </c>
      <c r="N23984" s="5" t="s">
        <v>1521</v>
      </c>
      <c r="O23984" s="5" t="s">
        <v>38</v>
      </c>
      <c r="P23984" s="5" t="s">
        <v>39</v>
      </c>
      <c r="Q23984" s="5" t="s">
        <v>40</v>
      </c>
      <c r="R23984" s="5" t="s">
        <v>1522</v>
      </c>
      <c r="S23984" s="5" t="s">
        <v>1523</v>
      </c>
      <c r="T23984" s="5" t="s">
        <v>42</v>
      </c>
      <c r="U23984" s="2">
        <v>2.2290000000000001</v>
      </c>
      <c r="V23984" s="2">
        <v>1.7470000000000001</v>
      </c>
      <c r="W23984" s="2">
        <v>1.0999999999999999E-2</v>
      </c>
      <c r="X23984" s="2">
        <v>82.9</v>
      </c>
      <c r="Y23984" s="2">
        <v>7.6</v>
      </c>
      <c r="Z23984" s="2">
        <v>16.7</v>
      </c>
      <c r="AA23984" s="5"/>
      <c r="AB23984" s="5" t="s">
        <v>43</v>
      </c>
      <c r="AC23984" s="5" t="s">
        <v>44</v>
      </c>
      <c r="AD23984" s="2"/>
      <c r="AE23984" s="1"/>
    </row>
    <row r="23985" spans="1:31" ht="14.45">
      <c r="A23985" s="11"/>
      <c r="B23985" s="20"/>
      <c r="C23985" s="2" t="s">
        <v>76834</v>
      </c>
      <c r="D23985" s="14" t="s">
        <v>76835</v>
      </c>
      <c r="E23985" s="2" t="s">
        <v>76836</v>
      </c>
      <c r="F23985" s="2" t="s">
        <v>7396</v>
      </c>
      <c r="G23985" s="8">
        <v>223</v>
      </c>
      <c r="H23985" s="5">
        <v>6</v>
      </c>
      <c r="I23985" s="5" t="s">
        <v>1518</v>
      </c>
      <c r="J23985" s="5" t="s">
        <v>69038</v>
      </c>
      <c r="K23985" s="2" t="s">
        <v>69039</v>
      </c>
      <c r="L23985" s="5" t="s">
        <v>69038</v>
      </c>
      <c r="M23985" s="2" t="s">
        <v>69039</v>
      </c>
      <c r="N23985" s="5" t="s">
        <v>1521</v>
      </c>
      <c r="O23985" s="5" t="s">
        <v>38</v>
      </c>
      <c r="P23985" s="5" t="s">
        <v>39</v>
      </c>
      <c r="Q23985" s="5" t="s">
        <v>40</v>
      </c>
      <c r="R23985" s="5" t="s">
        <v>1522</v>
      </c>
      <c r="S23985" s="5" t="s">
        <v>1523</v>
      </c>
      <c r="T23985" s="5" t="s">
        <v>42</v>
      </c>
      <c r="U23985" s="2">
        <v>2.1669999999999998</v>
      </c>
      <c r="V23985" s="2">
        <v>1.6850000000000001</v>
      </c>
      <c r="W23985" s="2">
        <v>1.0999999999999999E-2</v>
      </c>
      <c r="X23985" s="2">
        <v>82.9</v>
      </c>
      <c r="Y23985" s="2">
        <v>7.6</v>
      </c>
      <c r="Z23985" s="2">
        <v>16.7</v>
      </c>
      <c r="AA23985" s="5"/>
      <c r="AB23985" s="5" t="s">
        <v>43</v>
      </c>
      <c r="AC23985" s="5" t="s">
        <v>44</v>
      </c>
      <c r="AD23985" s="2"/>
      <c r="AE23985" s="1"/>
    </row>
    <row r="23986" spans="1:31" ht="14.45">
      <c r="A23986" s="11"/>
      <c r="B23986" s="20"/>
      <c r="C23986" s="2" t="s">
        <v>76837</v>
      </c>
      <c r="D23986" s="14" t="s">
        <v>76838</v>
      </c>
      <c r="E23986" s="2" t="s">
        <v>76839</v>
      </c>
      <c r="F23986" s="2" t="s">
        <v>7507</v>
      </c>
      <c r="G23986" s="8">
        <v>223</v>
      </c>
      <c r="H23986" s="5">
        <v>6</v>
      </c>
      <c r="I23986" s="5" t="s">
        <v>1518</v>
      </c>
      <c r="J23986" s="5" t="s">
        <v>69038</v>
      </c>
      <c r="K23986" s="2" t="s">
        <v>69039</v>
      </c>
      <c r="L23986" s="5" t="s">
        <v>69038</v>
      </c>
      <c r="M23986" s="2" t="s">
        <v>69039</v>
      </c>
      <c r="N23986" s="5" t="s">
        <v>1521</v>
      </c>
      <c r="O23986" s="5" t="s">
        <v>38</v>
      </c>
      <c r="P23986" s="5" t="s">
        <v>39</v>
      </c>
      <c r="Q23986" s="5" t="s">
        <v>40</v>
      </c>
      <c r="R23986" s="5" t="s">
        <v>1522</v>
      </c>
      <c r="S23986" s="5" t="s">
        <v>1523</v>
      </c>
      <c r="T23986" s="5" t="s">
        <v>42</v>
      </c>
      <c r="U23986" s="2">
        <v>2.2290000000000001</v>
      </c>
      <c r="V23986" s="2">
        <v>1.7470000000000001</v>
      </c>
      <c r="W23986" s="2">
        <v>1.0999999999999999E-2</v>
      </c>
      <c r="X23986" s="2">
        <v>82.9</v>
      </c>
      <c r="Y23986" s="2">
        <v>7.6</v>
      </c>
      <c r="Z23986" s="2">
        <v>16.7</v>
      </c>
      <c r="AA23986" s="5"/>
      <c r="AB23986" s="5" t="s">
        <v>43</v>
      </c>
      <c r="AC23986" s="5" t="s">
        <v>44</v>
      </c>
      <c r="AD23986" s="2"/>
      <c r="AE23986" s="1"/>
    </row>
    <row r="23987" spans="1:31" ht="14.45">
      <c r="A23987" s="11"/>
      <c r="B23987" s="20"/>
      <c r="C23987" s="2" t="s">
        <v>76840</v>
      </c>
      <c r="D23987" s="14" t="s">
        <v>76841</v>
      </c>
      <c r="E23987" s="2" t="s">
        <v>76842</v>
      </c>
      <c r="F23987" s="2" t="s">
        <v>7547</v>
      </c>
      <c r="G23987" s="8">
        <v>237</v>
      </c>
      <c r="H23987" s="5">
        <v>6</v>
      </c>
      <c r="I23987" s="5" t="s">
        <v>1518</v>
      </c>
      <c r="J23987" s="5" t="s">
        <v>69038</v>
      </c>
      <c r="K23987" s="2" t="s">
        <v>69039</v>
      </c>
      <c r="L23987" s="5" t="s">
        <v>69038</v>
      </c>
      <c r="M23987" s="2" t="s">
        <v>69039</v>
      </c>
      <c r="N23987" s="5" t="s">
        <v>1521</v>
      </c>
      <c r="O23987" s="5" t="s">
        <v>38</v>
      </c>
      <c r="P23987" s="5" t="s">
        <v>39</v>
      </c>
      <c r="Q23987" s="5" t="s">
        <v>40</v>
      </c>
      <c r="R23987" s="5" t="s">
        <v>1522</v>
      </c>
      <c r="S23987" s="5" t="s">
        <v>1523</v>
      </c>
      <c r="T23987" s="5" t="s">
        <v>42</v>
      </c>
      <c r="U23987" s="2">
        <v>2.1669999999999998</v>
      </c>
      <c r="V23987" s="2">
        <v>1.6850000000000001</v>
      </c>
      <c r="W23987" s="2">
        <v>1.0999999999999999E-2</v>
      </c>
      <c r="X23987" s="2">
        <v>82.9</v>
      </c>
      <c r="Y23987" s="2">
        <v>7.6</v>
      </c>
      <c r="Z23987" s="2">
        <v>16.7</v>
      </c>
      <c r="AA23987" s="5"/>
      <c r="AB23987" s="5" t="s">
        <v>43</v>
      </c>
      <c r="AC23987" s="5" t="s">
        <v>44</v>
      </c>
      <c r="AD23987" s="2"/>
      <c r="AE23987" s="1"/>
    </row>
    <row r="23988" spans="1:31" ht="14.45">
      <c r="A23988" s="11"/>
      <c r="B23988" s="20"/>
      <c r="C23988" s="2" t="s">
        <v>76843</v>
      </c>
      <c r="D23988" s="14" t="s">
        <v>76844</v>
      </c>
      <c r="E23988" s="2" t="s">
        <v>76845</v>
      </c>
      <c r="F23988" s="2" t="s">
        <v>7563</v>
      </c>
      <c r="G23988" s="8">
        <v>237</v>
      </c>
      <c r="H23988" s="5">
        <v>6</v>
      </c>
      <c r="I23988" s="5" t="s">
        <v>1518</v>
      </c>
      <c r="J23988" s="5" t="s">
        <v>69038</v>
      </c>
      <c r="K23988" s="2" t="s">
        <v>69039</v>
      </c>
      <c r="L23988" s="5" t="s">
        <v>69038</v>
      </c>
      <c r="M23988" s="2" t="s">
        <v>69039</v>
      </c>
      <c r="N23988" s="5" t="s">
        <v>1521</v>
      </c>
      <c r="O23988" s="5" t="s">
        <v>38</v>
      </c>
      <c r="P23988" s="5" t="s">
        <v>39</v>
      </c>
      <c r="Q23988" s="5" t="s">
        <v>40</v>
      </c>
      <c r="R23988" s="5" t="s">
        <v>1522</v>
      </c>
      <c r="S23988" s="5" t="s">
        <v>1523</v>
      </c>
      <c r="T23988" s="5" t="s">
        <v>42</v>
      </c>
      <c r="U23988" s="2">
        <v>2.1669999999999998</v>
      </c>
      <c r="V23988" s="2">
        <v>1.6850000000000001</v>
      </c>
      <c r="W23988" s="2">
        <v>1.0999999999999999E-2</v>
      </c>
      <c r="X23988" s="2">
        <v>82.9</v>
      </c>
      <c r="Y23988" s="2">
        <v>7.6</v>
      </c>
      <c r="Z23988" s="2">
        <v>16.7</v>
      </c>
      <c r="AA23988" s="5"/>
      <c r="AB23988" s="5" t="s">
        <v>43</v>
      </c>
      <c r="AC23988" s="5" t="s">
        <v>44</v>
      </c>
      <c r="AD23988" s="2"/>
      <c r="AE23988" s="1"/>
    </row>
    <row r="23989" spans="1:31" ht="14.45">
      <c r="A23989" s="11"/>
      <c r="B23989" s="20"/>
      <c r="C23989" s="2" t="s">
        <v>76846</v>
      </c>
      <c r="D23989" s="14" t="s">
        <v>76847</v>
      </c>
      <c r="E23989" s="2" t="s">
        <v>76848</v>
      </c>
      <c r="F23989" s="2" t="s">
        <v>7567</v>
      </c>
      <c r="G23989" s="8">
        <v>237</v>
      </c>
      <c r="H23989" s="5">
        <v>6</v>
      </c>
      <c r="I23989" s="5" t="s">
        <v>1518</v>
      </c>
      <c r="J23989" s="5" t="s">
        <v>69038</v>
      </c>
      <c r="K23989" s="2" t="s">
        <v>69039</v>
      </c>
      <c r="L23989" s="5" t="s">
        <v>69038</v>
      </c>
      <c r="M23989" s="2" t="s">
        <v>69039</v>
      </c>
      <c r="N23989" s="5" t="s">
        <v>1521</v>
      </c>
      <c r="O23989" s="5" t="s">
        <v>38</v>
      </c>
      <c r="P23989" s="5" t="s">
        <v>39</v>
      </c>
      <c r="Q23989" s="5" t="s">
        <v>40</v>
      </c>
      <c r="R23989" s="5" t="s">
        <v>1522</v>
      </c>
      <c r="S23989" s="5" t="s">
        <v>1523</v>
      </c>
      <c r="T23989" s="5" t="s">
        <v>42</v>
      </c>
      <c r="U23989" s="2">
        <v>2.2290000000000001</v>
      </c>
      <c r="V23989" s="2">
        <v>1.7470000000000001</v>
      </c>
      <c r="W23989" s="2">
        <v>1.0999999999999999E-2</v>
      </c>
      <c r="X23989" s="2">
        <v>82.9</v>
      </c>
      <c r="Y23989" s="2">
        <v>7.6</v>
      </c>
      <c r="Z23989" s="2">
        <v>16.7</v>
      </c>
      <c r="AA23989" s="5"/>
      <c r="AB23989" s="5" t="s">
        <v>43</v>
      </c>
      <c r="AC23989" s="5" t="s">
        <v>44</v>
      </c>
      <c r="AD23989" s="2"/>
      <c r="AE23989" s="1"/>
    </row>
    <row r="23990" spans="1:31" ht="14.45">
      <c r="A23990" s="11"/>
      <c r="B23990" s="20"/>
      <c r="C23990" s="2" t="s">
        <v>76849</v>
      </c>
      <c r="D23990" s="14" t="s">
        <v>76850</v>
      </c>
      <c r="E23990" s="2" t="s">
        <v>76851</v>
      </c>
      <c r="F23990" s="2" t="s">
        <v>7555</v>
      </c>
      <c r="G23990" s="8">
        <v>237</v>
      </c>
      <c r="H23990" s="5">
        <v>6</v>
      </c>
      <c r="I23990" s="5" t="s">
        <v>1518</v>
      </c>
      <c r="J23990" s="5" t="s">
        <v>69038</v>
      </c>
      <c r="K23990" s="2" t="s">
        <v>69039</v>
      </c>
      <c r="L23990" s="5" t="s">
        <v>69038</v>
      </c>
      <c r="M23990" s="2" t="s">
        <v>69039</v>
      </c>
      <c r="N23990" s="5" t="s">
        <v>1521</v>
      </c>
      <c r="O23990" s="5" t="s">
        <v>38</v>
      </c>
      <c r="P23990" s="5" t="s">
        <v>39</v>
      </c>
      <c r="Q23990" s="5" t="s">
        <v>40</v>
      </c>
      <c r="R23990" s="5" t="s">
        <v>1522</v>
      </c>
      <c r="S23990" s="5" t="s">
        <v>1523</v>
      </c>
      <c r="T23990" s="5" t="s">
        <v>42</v>
      </c>
      <c r="U23990" s="2">
        <v>2.1669999999999998</v>
      </c>
      <c r="V23990" s="2">
        <v>1.6850000000000001</v>
      </c>
      <c r="W23990" s="2">
        <v>1.0999999999999999E-2</v>
      </c>
      <c r="X23990" s="2">
        <v>82.9</v>
      </c>
      <c r="Y23990" s="2">
        <v>7.6</v>
      </c>
      <c r="Z23990" s="2">
        <v>16.7</v>
      </c>
      <c r="AA23990" s="5"/>
      <c r="AB23990" s="5" t="s">
        <v>43</v>
      </c>
      <c r="AC23990" s="5" t="s">
        <v>44</v>
      </c>
      <c r="AD23990" s="2"/>
      <c r="AE23990" s="1"/>
    </row>
    <row r="23991" spans="1:31" ht="14.45">
      <c r="A23991" s="11"/>
      <c r="B23991" s="20"/>
      <c r="C23991" s="2" t="s">
        <v>76852</v>
      </c>
      <c r="D23991" s="14" t="s">
        <v>76853</v>
      </c>
      <c r="E23991" s="2" t="s">
        <v>76854</v>
      </c>
      <c r="F23991" s="2" t="s">
        <v>7559</v>
      </c>
      <c r="G23991" s="8">
        <v>237</v>
      </c>
      <c r="H23991" s="5">
        <v>6</v>
      </c>
      <c r="I23991" s="5" t="s">
        <v>1518</v>
      </c>
      <c r="J23991" s="5" t="s">
        <v>69038</v>
      </c>
      <c r="K23991" s="2" t="s">
        <v>69039</v>
      </c>
      <c r="L23991" s="5" t="s">
        <v>69038</v>
      </c>
      <c r="M23991" s="2" t="s">
        <v>69039</v>
      </c>
      <c r="N23991" s="5" t="s">
        <v>1521</v>
      </c>
      <c r="O23991" s="5" t="s">
        <v>38</v>
      </c>
      <c r="P23991" s="5" t="s">
        <v>39</v>
      </c>
      <c r="Q23991" s="5" t="s">
        <v>40</v>
      </c>
      <c r="R23991" s="5" t="s">
        <v>1522</v>
      </c>
      <c r="S23991" s="5" t="s">
        <v>1523</v>
      </c>
      <c r="T23991" s="5" t="s">
        <v>42</v>
      </c>
      <c r="U23991" s="2">
        <v>2.2290000000000001</v>
      </c>
      <c r="V23991" s="2">
        <v>1.7470000000000001</v>
      </c>
      <c r="W23991" s="2">
        <v>1.0999999999999999E-2</v>
      </c>
      <c r="X23991" s="2">
        <v>82.9</v>
      </c>
      <c r="Y23991" s="2">
        <v>7.6</v>
      </c>
      <c r="Z23991" s="2">
        <v>16.7</v>
      </c>
      <c r="AA23991" s="5"/>
      <c r="AB23991" s="5" t="s">
        <v>43</v>
      </c>
      <c r="AC23991" s="5" t="s">
        <v>44</v>
      </c>
      <c r="AD23991" s="2"/>
      <c r="AE23991" s="1"/>
    </row>
    <row r="23992" spans="1:31" ht="14.45">
      <c r="A23992" s="11"/>
      <c r="B23992" s="20"/>
      <c r="C23992" s="2" t="s">
        <v>76855</v>
      </c>
      <c r="D23992" s="14" t="s">
        <v>76856</v>
      </c>
      <c r="E23992" s="2" t="s">
        <v>76857</v>
      </c>
      <c r="F23992" s="2" t="s">
        <v>16194</v>
      </c>
      <c r="G23992" s="8">
        <v>237</v>
      </c>
      <c r="H23992" s="5">
        <v>6</v>
      </c>
      <c r="I23992" s="5" t="s">
        <v>1518</v>
      </c>
      <c r="J23992" s="5" t="s">
        <v>69038</v>
      </c>
      <c r="K23992" s="2" t="s">
        <v>69039</v>
      </c>
      <c r="L23992" s="5" t="s">
        <v>69038</v>
      </c>
      <c r="M23992" s="2" t="s">
        <v>69039</v>
      </c>
      <c r="N23992" s="5" t="s">
        <v>1521</v>
      </c>
      <c r="O23992" s="5" t="s">
        <v>38</v>
      </c>
      <c r="P23992" s="5" t="s">
        <v>39</v>
      </c>
      <c r="Q23992" s="5" t="s">
        <v>40</v>
      </c>
      <c r="R23992" s="5" t="s">
        <v>1522</v>
      </c>
      <c r="S23992" s="5" t="s">
        <v>1523</v>
      </c>
      <c r="T23992" s="5" t="s">
        <v>42</v>
      </c>
      <c r="U23992" s="2">
        <v>2.2290000000000001</v>
      </c>
      <c r="V23992" s="2">
        <v>1.7470000000000001</v>
      </c>
      <c r="W23992" s="2">
        <v>1.0999999999999999E-2</v>
      </c>
      <c r="X23992" s="2">
        <v>82.9</v>
      </c>
      <c r="Y23992" s="2">
        <v>7.6</v>
      </c>
      <c r="Z23992" s="2">
        <v>16.7</v>
      </c>
      <c r="AA23992" s="5"/>
      <c r="AB23992" s="5" t="s">
        <v>43</v>
      </c>
      <c r="AC23992" s="5" t="s">
        <v>44</v>
      </c>
      <c r="AD23992" s="2"/>
      <c r="AE23992" s="1"/>
    </row>
    <row r="23993" spans="1:31" ht="14.45">
      <c r="A23993" s="11"/>
      <c r="B23993" s="20"/>
      <c r="C23993" s="2" t="s">
        <v>76858</v>
      </c>
      <c r="D23993" s="14" t="s">
        <v>76859</v>
      </c>
      <c r="E23993" s="2" t="s">
        <v>76860</v>
      </c>
      <c r="F23993" s="2" t="s">
        <v>7449</v>
      </c>
      <c r="G23993" s="8">
        <v>237</v>
      </c>
      <c r="H23993" s="5">
        <v>6</v>
      </c>
      <c r="I23993" s="5" t="s">
        <v>1518</v>
      </c>
      <c r="J23993" s="5" t="s">
        <v>69038</v>
      </c>
      <c r="K23993" s="2" t="s">
        <v>69039</v>
      </c>
      <c r="L23993" s="5" t="s">
        <v>69038</v>
      </c>
      <c r="M23993" s="2" t="s">
        <v>69039</v>
      </c>
      <c r="N23993" s="5" t="s">
        <v>1521</v>
      </c>
      <c r="O23993" s="5" t="s">
        <v>38</v>
      </c>
      <c r="P23993" s="5" t="s">
        <v>39</v>
      </c>
      <c r="Q23993" s="5" t="s">
        <v>40</v>
      </c>
      <c r="R23993" s="5" t="s">
        <v>1522</v>
      </c>
      <c r="S23993" s="5" t="s">
        <v>1523</v>
      </c>
      <c r="T23993" s="5" t="s">
        <v>42</v>
      </c>
      <c r="U23993" s="2">
        <v>2.1669999999999998</v>
      </c>
      <c r="V23993" s="2">
        <v>1.6850000000000001</v>
      </c>
      <c r="W23993" s="2">
        <v>1.0999999999999999E-2</v>
      </c>
      <c r="X23993" s="2">
        <v>82.9</v>
      </c>
      <c r="Y23993" s="2">
        <v>7.6</v>
      </c>
      <c r="Z23993" s="2">
        <v>16.7</v>
      </c>
      <c r="AA23993" s="5"/>
      <c r="AB23993" s="5" t="s">
        <v>43</v>
      </c>
      <c r="AC23993" s="5" t="s">
        <v>44</v>
      </c>
      <c r="AD23993" s="2"/>
      <c r="AE23993" s="1"/>
    </row>
    <row r="23994" spans="1:31" ht="14.45">
      <c r="A23994" s="11"/>
      <c r="B23994" s="20"/>
      <c r="C23994" s="2" t="s">
        <v>76861</v>
      </c>
      <c r="D23994" s="14" t="s">
        <v>76862</v>
      </c>
      <c r="E23994" s="2" t="s">
        <v>76863</v>
      </c>
      <c r="F23994" s="2" t="s">
        <v>7581</v>
      </c>
      <c r="G23994" s="8">
        <v>237</v>
      </c>
      <c r="H23994" s="5">
        <v>6</v>
      </c>
      <c r="I23994" s="5" t="s">
        <v>1518</v>
      </c>
      <c r="J23994" s="5" t="s">
        <v>69038</v>
      </c>
      <c r="K23994" s="2" t="s">
        <v>69039</v>
      </c>
      <c r="L23994" s="5" t="s">
        <v>69038</v>
      </c>
      <c r="M23994" s="2" t="s">
        <v>69039</v>
      </c>
      <c r="N23994" s="5" t="s">
        <v>1521</v>
      </c>
      <c r="O23994" s="5" t="s">
        <v>38</v>
      </c>
      <c r="P23994" s="5" t="s">
        <v>39</v>
      </c>
      <c r="Q23994" s="5" t="s">
        <v>40</v>
      </c>
      <c r="R23994" s="5" t="s">
        <v>1522</v>
      </c>
      <c r="S23994" s="5" t="s">
        <v>1523</v>
      </c>
      <c r="T23994" s="5" t="s">
        <v>42</v>
      </c>
      <c r="U23994" s="2">
        <v>2.2290000000000001</v>
      </c>
      <c r="V23994" s="2">
        <v>1.7470000000000001</v>
      </c>
      <c r="W23994" s="2">
        <v>1.0999999999999999E-2</v>
      </c>
      <c r="X23994" s="2">
        <v>82.9</v>
      </c>
      <c r="Y23994" s="2">
        <v>7.6</v>
      </c>
      <c r="Z23994" s="2">
        <v>16.7</v>
      </c>
      <c r="AA23994" s="5"/>
      <c r="AB23994" s="5" t="s">
        <v>43</v>
      </c>
      <c r="AC23994" s="5" t="s">
        <v>44</v>
      </c>
      <c r="AD23994" s="2"/>
      <c r="AE23994" s="1"/>
    </row>
    <row r="23995" spans="1:31" ht="14.45">
      <c r="A23995" s="11"/>
      <c r="B23995" s="20"/>
      <c r="C23995" s="2" t="s">
        <v>76864</v>
      </c>
      <c r="D23995" s="14" t="s">
        <v>76865</v>
      </c>
      <c r="E23995" s="2" t="s">
        <v>76866</v>
      </c>
      <c r="F23995" s="2" t="s">
        <v>7585</v>
      </c>
      <c r="G23995" s="8">
        <v>237</v>
      </c>
      <c r="H23995" s="5">
        <v>6</v>
      </c>
      <c r="I23995" s="5" t="s">
        <v>1518</v>
      </c>
      <c r="J23995" s="5" t="s">
        <v>69038</v>
      </c>
      <c r="K23995" s="2" t="s">
        <v>69039</v>
      </c>
      <c r="L23995" s="5" t="s">
        <v>69038</v>
      </c>
      <c r="M23995" s="2" t="s">
        <v>69039</v>
      </c>
      <c r="N23995" s="5" t="s">
        <v>1521</v>
      </c>
      <c r="O23995" s="5" t="s">
        <v>38</v>
      </c>
      <c r="P23995" s="5" t="s">
        <v>39</v>
      </c>
      <c r="Q23995" s="5" t="s">
        <v>40</v>
      </c>
      <c r="R23995" s="5" t="s">
        <v>1522</v>
      </c>
      <c r="S23995" s="5" t="s">
        <v>1523</v>
      </c>
      <c r="T23995" s="5" t="s">
        <v>42</v>
      </c>
      <c r="U23995" s="2">
        <v>2.1669999999999998</v>
      </c>
      <c r="V23995" s="2">
        <v>1.6850000000000001</v>
      </c>
      <c r="W23995" s="2">
        <v>1.0999999999999999E-2</v>
      </c>
      <c r="X23995" s="2">
        <v>82.9</v>
      </c>
      <c r="Y23995" s="2">
        <v>7.6</v>
      </c>
      <c r="Z23995" s="2">
        <v>16.7</v>
      </c>
      <c r="AA23995" s="5"/>
      <c r="AB23995" s="5" t="s">
        <v>43</v>
      </c>
      <c r="AC23995" s="5" t="s">
        <v>44</v>
      </c>
      <c r="AD23995" s="2"/>
      <c r="AE23995" s="1"/>
    </row>
    <row r="23996" spans="1:31" ht="14.45">
      <c r="A23996" s="11"/>
      <c r="B23996" s="20"/>
      <c r="C23996" s="2" t="s">
        <v>76867</v>
      </c>
      <c r="D23996" s="14" t="s">
        <v>76868</v>
      </c>
      <c r="E23996" s="2" t="s">
        <v>76869</v>
      </c>
      <c r="F23996" s="2" t="s">
        <v>7589</v>
      </c>
      <c r="G23996" s="8">
        <v>237</v>
      </c>
      <c r="H23996" s="5">
        <v>6</v>
      </c>
      <c r="I23996" s="5" t="s">
        <v>1518</v>
      </c>
      <c r="J23996" s="5" t="s">
        <v>69038</v>
      </c>
      <c r="K23996" s="2" t="s">
        <v>69039</v>
      </c>
      <c r="L23996" s="5" t="s">
        <v>69038</v>
      </c>
      <c r="M23996" s="2" t="s">
        <v>69039</v>
      </c>
      <c r="N23996" s="5" t="s">
        <v>1521</v>
      </c>
      <c r="O23996" s="5" t="s">
        <v>38</v>
      </c>
      <c r="P23996" s="5" t="s">
        <v>39</v>
      </c>
      <c r="Q23996" s="5" t="s">
        <v>40</v>
      </c>
      <c r="R23996" s="5" t="s">
        <v>1522</v>
      </c>
      <c r="S23996" s="5" t="s">
        <v>1523</v>
      </c>
      <c r="T23996" s="5" t="s">
        <v>42</v>
      </c>
      <c r="U23996" s="2">
        <v>2.2290000000000001</v>
      </c>
      <c r="V23996" s="2">
        <v>1.7470000000000001</v>
      </c>
      <c r="W23996" s="2">
        <v>1.0999999999999999E-2</v>
      </c>
      <c r="X23996" s="2">
        <v>82.9</v>
      </c>
      <c r="Y23996" s="2">
        <v>7.6</v>
      </c>
      <c r="Z23996" s="2">
        <v>16.7</v>
      </c>
      <c r="AA23996" s="5"/>
      <c r="AB23996" s="5" t="s">
        <v>43</v>
      </c>
      <c r="AC23996" s="5" t="s">
        <v>44</v>
      </c>
      <c r="AD23996" s="2"/>
      <c r="AE23996" s="1"/>
    </row>
    <row r="23997" spans="1:31" ht="14.45">
      <c r="A23997" s="11"/>
      <c r="B23997" s="20"/>
      <c r="C23997" s="2" t="s">
        <v>76870</v>
      </c>
      <c r="D23997" s="14" t="s">
        <v>76871</v>
      </c>
      <c r="E23997" s="2" t="s">
        <v>76872</v>
      </c>
      <c r="F23997" s="2" t="s">
        <v>7597</v>
      </c>
      <c r="G23997" s="8">
        <v>237</v>
      </c>
      <c r="H23997" s="5">
        <v>6</v>
      </c>
      <c r="I23997" s="5" t="s">
        <v>1518</v>
      </c>
      <c r="J23997" s="5" t="s">
        <v>69038</v>
      </c>
      <c r="K23997" s="2" t="s">
        <v>69039</v>
      </c>
      <c r="L23997" s="5" t="s">
        <v>69038</v>
      </c>
      <c r="M23997" s="2" t="s">
        <v>69039</v>
      </c>
      <c r="N23997" s="5" t="s">
        <v>1521</v>
      </c>
      <c r="O23997" s="5" t="s">
        <v>38</v>
      </c>
      <c r="P23997" s="5" t="s">
        <v>39</v>
      </c>
      <c r="Q23997" s="5" t="s">
        <v>40</v>
      </c>
      <c r="R23997" s="5" t="s">
        <v>1522</v>
      </c>
      <c r="S23997" s="5" t="s">
        <v>1523</v>
      </c>
      <c r="T23997" s="5" t="s">
        <v>42</v>
      </c>
      <c r="U23997" s="2">
        <v>2.2290000000000001</v>
      </c>
      <c r="V23997" s="2">
        <v>1.7470000000000001</v>
      </c>
      <c r="W23997" s="2">
        <v>1.0999999999999999E-2</v>
      </c>
      <c r="X23997" s="2">
        <v>82.9</v>
      </c>
      <c r="Y23997" s="2">
        <v>7.6</v>
      </c>
      <c r="Z23997" s="2">
        <v>16.7</v>
      </c>
      <c r="AA23997" s="5"/>
      <c r="AB23997" s="5" t="s">
        <v>43</v>
      </c>
      <c r="AC23997" s="5" t="s">
        <v>44</v>
      </c>
      <c r="AD23997" s="2"/>
      <c r="AE23997" s="1"/>
    </row>
    <row r="23998" spans="1:31" ht="14.45">
      <c r="A23998" s="11"/>
      <c r="B23998" s="20"/>
      <c r="C23998" s="2" t="s">
        <v>76873</v>
      </c>
      <c r="D23998" s="14" t="s">
        <v>76874</v>
      </c>
      <c r="E23998" s="2" t="s">
        <v>76875</v>
      </c>
      <c r="F23998" s="2" t="s">
        <v>73358</v>
      </c>
      <c r="G23998" s="8">
        <v>237</v>
      </c>
      <c r="H23998" s="5">
        <v>6</v>
      </c>
      <c r="I23998" s="5" t="s">
        <v>1518</v>
      </c>
      <c r="J23998" s="5" t="s">
        <v>69038</v>
      </c>
      <c r="K23998" s="2" t="s">
        <v>69039</v>
      </c>
      <c r="L23998" s="5" t="s">
        <v>69038</v>
      </c>
      <c r="M23998" s="2" t="s">
        <v>69039</v>
      </c>
      <c r="N23998" s="5" t="s">
        <v>1521</v>
      </c>
      <c r="O23998" s="5" t="s">
        <v>38</v>
      </c>
      <c r="P23998" s="5" t="s">
        <v>39</v>
      </c>
      <c r="Q23998" s="5" t="s">
        <v>40</v>
      </c>
      <c r="R23998" s="5" t="s">
        <v>1522</v>
      </c>
      <c r="S23998" s="5" t="s">
        <v>1523</v>
      </c>
      <c r="T23998" s="5" t="s">
        <v>42</v>
      </c>
      <c r="U23998" s="2">
        <v>2.1669999999999998</v>
      </c>
      <c r="V23998" s="2">
        <v>1.6850000000000001</v>
      </c>
      <c r="W23998" s="2">
        <v>1.0999999999999999E-2</v>
      </c>
      <c r="X23998" s="2">
        <v>82.9</v>
      </c>
      <c r="Y23998" s="2">
        <v>7.6</v>
      </c>
      <c r="Z23998" s="2">
        <v>16.7</v>
      </c>
      <c r="AA23998" s="5"/>
      <c r="AB23998" s="5" t="s">
        <v>43</v>
      </c>
      <c r="AC23998" s="5" t="s">
        <v>44</v>
      </c>
      <c r="AD23998" s="2"/>
      <c r="AE23998" s="1"/>
    </row>
    <row r="23999" spans="1:31" ht="14.45">
      <c r="A23999" s="11"/>
      <c r="B23999" s="20"/>
      <c r="C23999" s="2" t="s">
        <v>76876</v>
      </c>
      <c r="D23999" s="14" t="s">
        <v>76877</v>
      </c>
      <c r="E23999" s="2" t="s">
        <v>76878</v>
      </c>
      <c r="F23999" s="2" t="s">
        <v>73362</v>
      </c>
      <c r="G23999" s="8">
        <v>237</v>
      </c>
      <c r="H23999" s="5">
        <v>6</v>
      </c>
      <c r="I23999" s="5" t="s">
        <v>1518</v>
      </c>
      <c r="J23999" s="5" t="s">
        <v>69038</v>
      </c>
      <c r="K23999" s="2" t="s">
        <v>69039</v>
      </c>
      <c r="L23999" s="5" t="s">
        <v>69038</v>
      </c>
      <c r="M23999" s="2" t="s">
        <v>69039</v>
      </c>
      <c r="N23999" s="5" t="s">
        <v>1521</v>
      </c>
      <c r="O23999" s="5" t="s">
        <v>38</v>
      </c>
      <c r="P23999" s="5" t="s">
        <v>39</v>
      </c>
      <c r="Q23999" s="5" t="s">
        <v>40</v>
      </c>
      <c r="R23999" s="5" t="s">
        <v>1522</v>
      </c>
      <c r="S23999" s="5" t="s">
        <v>1523</v>
      </c>
      <c r="T23999" s="5" t="s">
        <v>42</v>
      </c>
      <c r="U23999" s="2">
        <v>2.2290000000000001</v>
      </c>
      <c r="V23999" s="2">
        <v>1.7470000000000001</v>
      </c>
      <c r="W23999" s="2">
        <v>1.0999999999999999E-2</v>
      </c>
      <c r="X23999" s="2">
        <v>82.9</v>
      </c>
      <c r="Y23999" s="2">
        <v>7.6</v>
      </c>
      <c r="Z23999" s="2">
        <v>16.7</v>
      </c>
      <c r="AA23999" s="5"/>
      <c r="AB23999" s="5" t="s">
        <v>43</v>
      </c>
      <c r="AC23999" s="5" t="s">
        <v>44</v>
      </c>
      <c r="AD23999" s="2"/>
      <c r="AE23999" s="1"/>
    </row>
    <row r="24000" spans="1:31" ht="14.45">
      <c r="A24000" s="11"/>
      <c r="B24000" s="20"/>
      <c r="C24000" s="2" t="s">
        <v>76879</v>
      </c>
      <c r="D24000" s="14" t="s">
        <v>76880</v>
      </c>
      <c r="E24000" s="2" t="s">
        <v>76881</v>
      </c>
      <c r="F24000" s="2" t="s">
        <v>7615</v>
      </c>
      <c r="G24000" s="8">
        <v>237</v>
      </c>
      <c r="H24000" s="5">
        <v>6</v>
      </c>
      <c r="I24000" s="5" t="s">
        <v>1518</v>
      </c>
      <c r="J24000" s="5" t="s">
        <v>69038</v>
      </c>
      <c r="K24000" s="2" t="s">
        <v>69039</v>
      </c>
      <c r="L24000" s="5" t="s">
        <v>69038</v>
      </c>
      <c r="M24000" s="2" t="s">
        <v>69039</v>
      </c>
      <c r="N24000" s="5" t="s">
        <v>1521</v>
      </c>
      <c r="O24000" s="5" t="s">
        <v>38</v>
      </c>
      <c r="P24000" s="5" t="s">
        <v>39</v>
      </c>
      <c r="Q24000" s="5" t="s">
        <v>40</v>
      </c>
      <c r="R24000" s="5" t="s">
        <v>1522</v>
      </c>
      <c r="S24000" s="5" t="s">
        <v>1523</v>
      </c>
      <c r="T24000" s="5" t="s">
        <v>42</v>
      </c>
      <c r="U24000" s="2">
        <v>2.1669999999999998</v>
      </c>
      <c r="V24000" s="2">
        <v>1.6850000000000001</v>
      </c>
      <c r="W24000" s="2">
        <v>1.0999999999999999E-2</v>
      </c>
      <c r="X24000" s="2">
        <v>82.9</v>
      </c>
      <c r="Y24000" s="2">
        <v>7.6</v>
      </c>
      <c r="Z24000" s="2">
        <v>16.7</v>
      </c>
      <c r="AA24000" s="5"/>
      <c r="AB24000" s="5" t="s">
        <v>43</v>
      </c>
      <c r="AC24000" s="5" t="s">
        <v>44</v>
      </c>
      <c r="AD24000" s="2"/>
      <c r="AE24000" s="1"/>
    </row>
    <row r="24001" spans="1:31" ht="14.45">
      <c r="A24001" s="11"/>
      <c r="B24001" s="20"/>
      <c r="C24001" s="2" t="s">
        <v>76882</v>
      </c>
      <c r="D24001" s="14" t="s">
        <v>76883</v>
      </c>
      <c r="E24001" s="2" t="s">
        <v>76884</v>
      </c>
      <c r="F24001" s="2" t="s">
        <v>7619</v>
      </c>
      <c r="G24001" s="8">
        <v>237</v>
      </c>
      <c r="H24001" s="5">
        <v>6</v>
      </c>
      <c r="I24001" s="5" t="s">
        <v>1518</v>
      </c>
      <c r="J24001" s="5" t="s">
        <v>69038</v>
      </c>
      <c r="K24001" s="2" t="s">
        <v>69039</v>
      </c>
      <c r="L24001" s="5" t="s">
        <v>69038</v>
      </c>
      <c r="M24001" s="2" t="s">
        <v>69039</v>
      </c>
      <c r="N24001" s="5" t="s">
        <v>1521</v>
      </c>
      <c r="O24001" s="5" t="s">
        <v>38</v>
      </c>
      <c r="P24001" s="5" t="s">
        <v>39</v>
      </c>
      <c r="Q24001" s="5" t="s">
        <v>40</v>
      </c>
      <c r="R24001" s="5" t="s">
        <v>1522</v>
      </c>
      <c r="S24001" s="5" t="s">
        <v>1523</v>
      </c>
      <c r="T24001" s="5" t="s">
        <v>42</v>
      </c>
      <c r="U24001" s="2">
        <v>2.2290000000000001</v>
      </c>
      <c r="V24001" s="2">
        <v>1.7470000000000001</v>
      </c>
      <c r="W24001" s="2">
        <v>1.0999999999999999E-2</v>
      </c>
      <c r="X24001" s="2">
        <v>82.9</v>
      </c>
      <c r="Y24001" s="2">
        <v>7.6</v>
      </c>
      <c r="Z24001" s="2">
        <v>16.7</v>
      </c>
      <c r="AA24001" s="5"/>
      <c r="AB24001" s="5" t="s">
        <v>43</v>
      </c>
      <c r="AC24001" s="5" t="s">
        <v>44</v>
      </c>
      <c r="AD24001" s="2"/>
      <c r="AE24001" s="1"/>
    </row>
    <row r="24002" spans="1:31" ht="14.45">
      <c r="A24002" s="11"/>
      <c r="B24002" s="20"/>
      <c r="C24002" s="2" t="s">
        <v>76885</v>
      </c>
      <c r="D24002" s="14" t="s">
        <v>76886</v>
      </c>
      <c r="E24002" s="2" t="s">
        <v>76887</v>
      </c>
      <c r="F24002" s="2" t="s">
        <v>16014</v>
      </c>
      <c r="G24002" s="8">
        <v>237</v>
      </c>
      <c r="H24002" s="5">
        <v>6</v>
      </c>
      <c r="I24002" s="5" t="s">
        <v>1518</v>
      </c>
      <c r="J24002" s="5" t="s">
        <v>69038</v>
      </c>
      <c r="K24002" s="2" t="s">
        <v>69039</v>
      </c>
      <c r="L24002" s="5" t="s">
        <v>69038</v>
      </c>
      <c r="M24002" s="2" t="s">
        <v>69039</v>
      </c>
      <c r="N24002" s="5" t="s">
        <v>1521</v>
      </c>
      <c r="O24002" s="5" t="s">
        <v>38</v>
      </c>
      <c r="P24002" s="5" t="s">
        <v>39</v>
      </c>
      <c r="Q24002" s="5" t="s">
        <v>40</v>
      </c>
      <c r="R24002" s="5" t="s">
        <v>1522</v>
      </c>
      <c r="S24002" s="5" t="s">
        <v>1523</v>
      </c>
      <c r="T24002" s="5" t="s">
        <v>42</v>
      </c>
      <c r="U24002" s="2">
        <v>2.1669999999999998</v>
      </c>
      <c r="V24002" s="2">
        <v>1.6850000000000001</v>
      </c>
      <c r="W24002" s="2">
        <v>1.0999999999999999E-2</v>
      </c>
      <c r="X24002" s="2">
        <v>82.9</v>
      </c>
      <c r="Y24002" s="2">
        <v>7.6</v>
      </c>
      <c r="Z24002" s="2">
        <v>16.7</v>
      </c>
      <c r="AA24002" s="5"/>
      <c r="AB24002" s="5" t="s">
        <v>43</v>
      </c>
      <c r="AC24002" s="5" t="s">
        <v>44</v>
      </c>
      <c r="AD24002" s="2"/>
      <c r="AE24002" s="1"/>
    </row>
    <row r="24003" spans="1:31" ht="14.45">
      <c r="A24003" s="11"/>
      <c r="B24003" s="20"/>
      <c r="C24003" s="2" t="s">
        <v>76888</v>
      </c>
      <c r="D24003" s="14" t="s">
        <v>76889</v>
      </c>
      <c r="E24003" s="2" t="s">
        <v>76890</v>
      </c>
      <c r="F24003" s="2" t="s">
        <v>16219</v>
      </c>
      <c r="G24003" s="8">
        <v>237</v>
      </c>
      <c r="H24003" s="5">
        <v>6</v>
      </c>
      <c r="I24003" s="5" t="s">
        <v>1518</v>
      </c>
      <c r="J24003" s="5" t="s">
        <v>69038</v>
      </c>
      <c r="K24003" s="2" t="s">
        <v>69039</v>
      </c>
      <c r="L24003" s="5" t="s">
        <v>69038</v>
      </c>
      <c r="M24003" s="2" t="s">
        <v>69039</v>
      </c>
      <c r="N24003" s="5" t="s">
        <v>1521</v>
      </c>
      <c r="O24003" s="5" t="s">
        <v>38</v>
      </c>
      <c r="P24003" s="5" t="s">
        <v>39</v>
      </c>
      <c r="Q24003" s="5" t="s">
        <v>40</v>
      </c>
      <c r="R24003" s="5" t="s">
        <v>1522</v>
      </c>
      <c r="S24003" s="5" t="s">
        <v>1523</v>
      </c>
      <c r="T24003" s="5" t="s">
        <v>42</v>
      </c>
      <c r="U24003" s="2">
        <v>2.2290000000000001</v>
      </c>
      <c r="V24003" s="2">
        <v>1.7470000000000001</v>
      </c>
      <c r="W24003" s="2">
        <v>1.0999999999999999E-2</v>
      </c>
      <c r="X24003" s="2">
        <v>82.9</v>
      </c>
      <c r="Y24003" s="2">
        <v>7.6</v>
      </c>
      <c r="Z24003" s="2">
        <v>16.7</v>
      </c>
      <c r="AA24003" s="5"/>
      <c r="AB24003" s="5" t="s">
        <v>43</v>
      </c>
      <c r="AC24003" s="5" t="s">
        <v>44</v>
      </c>
      <c r="AD24003" s="2"/>
      <c r="AE24003" s="1"/>
    </row>
    <row r="24004" spans="1:31" ht="14.45">
      <c r="A24004" s="11"/>
      <c r="B24004" s="20"/>
      <c r="C24004" s="2" t="s">
        <v>76891</v>
      </c>
      <c r="D24004" s="14" t="s">
        <v>76892</v>
      </c>
      <c r="E24004" s="2" t="s">
        <v>76893</v>
      </c>
      <c r="F24004" s="2" t="s">
        <v>7212</v>
      </c>
      <c r="G24004" s="8">
        <v>223</v>
      </c>
      <c r="H24004" s="5">
        <v>6</v>
      </c>
      <c r="I24004" s="5" t="s">
        <v>1518</v>
      </c>
      <c r="J24004" s="5" t="s">
        <v>69038</v>
      </c>
      <c r="K24004" s="2" t="s">
        <v>69039</v>
      </c>
      <c r="L24004" s="5" t="s">
        <v>69038</v>
      </c>
      <c r="M24004" s="2" t="s">
        <v>69039</v>
      </c>
      <c r="N24004" s="5" t="s">
        <v>1521</v>
      </c>
      <c r="O24004" s="5" t="s">
        <v>38</v>
      </c>
      <c r="P24004" s="5" t="s">
        <v>39</v>
      </c>
      <c r="Q24004" s="5" t="s">
        <v>40</v>
      </c>
      <c r="R24004" s="5" t="s">
        <v>1522</v>
      </c>
      <c r="S24004" s="5" t="s">
        <v>1523</v>
      </c>
      <c r="T24004" s="5" t="s">
        <v>42</v>
      </c>
      <c r="U24004" s="2">
        <v>2.1669999999999998</v>
      </c>
      <c r="V24004" s="2">
        <v>1.6850000000000001</v>
      </c>
      <c r="W24004" s="2">
        <v>1.0999999999999999E-2</v>
      </c>
      <c r="X24004" s="2">
        <v>82.9</v>
      </c>
      <c r="Y24004" s="2">
        <v>7.6</v>
      </c>
      <c r="Z24004" s="2">
        <v>16.7</v>
      </c>
      <c r="AA24004" s="5"/>
      <c r="AB24004" s="5" t="s">
        <v>43</v>
      </c>
      <c r="AC24004" s="5" t="s">
        <v>44</v>
      </c>
      <c r="AD24004" s="2"/>
      <c r="AE24004" s="1"/>
    </row>
    <row r="24005" spans="1:31" ht="14.45">
      <c r="A24005" s="11"/>
      <c r="B24005" s="20"/>
      <c r="C24005" s="2" t="s">
        <v>76894</v>
      </c>
      <c r="D24005" s="14" t="s">
        <v>76895</v>
      </c>
      <c r="E24005" s="2" t="s">
        <v>76896</v>
      </c>
      <c r="F24005" s="2" t="s">
        <v>7528</v>
      </c>
      <c r="G24005" s="8">
        <v>223</v>
      </c>
      <c r="H24005" s="5">
        <v>6</v>
      </c>
      <c r="I24005" s="5" t="s">
        <v>1518</v>
      </c>
      <c r="J24005" s="5" t="s">
        <v>69038</v>
      </c>
      <c r="K24005" s="2" t="s">
        <v>69039</v>
      </c>
      <c r="L24005" s="5" t="s">
        <v>69038</v>
      </c>
      <c r="M24005" s="2" t="s">
        <v>69039</v>
      </c>
      <c r="N24005" s="5" t="s">
        <v>1521</v>
      </c>
      <c r="O24005" s="5" t="s">
        <v>38</v>
      </c>
      <c r="P24005" s="5" t="s">
        <v>39</v>
      </c>
      <c r="Q24005" s="5" t="s">
        <v>40</v>
      </c>
      <c r="R24005" s="5" t="s">
        <v>1522</v>
      </c>
      <c r="S24005" s="5" t="s">
        <v>1523</v>
      </c>
      <c r="T24005" s="5" t="s">
        <v>42</v>
      </c>
      <c r="U24005" s="2">
        <v>2.2290000000000001</v>
      </c>
      <c r="V24005" s="2">
        <v>1.7470000000000001</v>
      </c>
      <c r="W24005" s="2">
        <v>1.0999999999999999E-2</v>
      </c>
      <c r="X24005" s="2">
        <v>82.9</v>
      </c>
      <c r="Y24005" s="2">
        <v>7.6</v>
      </c>
      <c r="Z24005" s="2">
        <v>16.7</v>
      </c>
      <c r="AA24005" s="5"/>
      <c r="AB24005" s="5" t="s">
        <v>43</v>
      </c>
      <c r="AC24005" s="5" t="s">
        <v>44</v>
      </c>
      <c r="AD24005" s="2"/>
      <c r="AE24005" s="1"/>
    </row>
    <row r="24006" spans="1:31" ht="14.45">
      <c r="A24006" s="11"/>
      <c r="B24006" s="20"/>
      <c r="C24006" s="2" t="s">
        <v>76897</v>
      </c>
      <c r="D24006" s="14" t="s">
        <v>76898</v>
      </c>
      <c r="E24006" s="2" t="s">
        <v>76899</v>
      </c>
      <c r="F24006" s="2" t="s">
        <v>16029</v>
      </c>
      <c r="G24006" s="8">
        <v>237</v>
      </c>
      <c r="H24006" s="5">
        <v>6</v>
      </c>
      <c r="I24006" s="5" t="s">
        <v>1518</v>
      </c>
      <c r="J24006" s="5" t="s">
        <v>69038</v>
      </c>
      <c r="K24006" s="2" t="s">
        <v>69039</v>
      </c>
      <c r="L24006" s="5" t="s">
        <v>69038</v>
      </c>
      <c r="M24006" s="2" t="s">
        <v>69039</v>
      </c>
      <c r="N24006" s="5" t="s">
        <v>1521</v>
      </c>
      <c r="O24006" s="5" t="s">
        <v>38</v>
      </c>
      <c r="P24006" s="5" t="s">
        <v>39</v>
      </c>
      <c r="Q24006" s="5" t="s">
        <v>40</v>
      </c>
      <c r="R24006" s="5" t="s">
        <v>1522</v>
      </c>
      <c r="S24006" s="5" t="s">
        <v>1523</v>
      </c>
      <c r="T24006" s="5" t="s">
        <v>42</v>
      </c>
      <c r="U24006" s="2">
        <v>2.173</v>
      </c>
      <c r="V24006" s="2">
        <v>1.6910000000000001</v>
      </c>
      <c r="W24006" s="2">
        <v>1.0999999999999999E-2</v>
      </c>
      <c r="X24006" s="2">
        <v>82.9</v>
      </c>
      <c r="Y24006" s="2">
        <v>7.6</v>
      </c>
      <c r="Z24006" s="2">
        <v>16.7</v>
      </c>
      <c r="AA24006" s="5"/>
      <c r="AB24006" s="5" t="s">
        <v>43</v>
      </c>
      <c r="AC24006" s="5" t="s">
        <v>44</v>
      </c>
      <c r="AD24006" s="2"/>
      <c r="AE24006" s="1"/>
    </row>
    <row r="24007" spans="1:31" ht="14.45">
      <c r="A24007" s="11"/>
      <c r="B24007" s="20"/>
      <c r="C24007" s="2" t="s">
        <v>76900</v>
      </c>
      <c r="D24007" s="14" t="s">
        <v>76901</v>
      </c>
      <c r="E24007" s="2" t="s">
        <v>76902</v>
      </c>
      <c r="F24007" s="2" t="s">
        <v>16033</v>
      </c>
      <c r="G24007" s="8">
        <v>237</v>
      </c>
      <c r="H24007" s="5">
        <v>6</v>
      </c>
      <c r="I24007" s="5" t="s">
        <v>1518</v>
      </c>
      <c r="J24007" s="5" t="s">
        <v>69038</v>
      </c>
      <c r="K24007" s="2" t="s">
        <v>69039</v>
      </c>
      <c r="L24007" s="5" t="s">
        <v>69038</v>
      </c>
      <c r="M24007" s="2" t="s">
        <v>69039</v>
      </c>
      <c r="N24007" s="5" t="s">
        <v>1521</v>
      </c>
      <c r="O24007" s="5" t="s">
        <v>38</v>
      </c>
      <c r="P24007" s="5" t="s">
        <v>39</v>
      </c>
      <c r="Q24007" s="5" t="s">
        <v>40</v>
      </c>
      <c r="R24007" s="5" t="s">
        <v>1522</v>
      </c>
      <c r="S24007" s="5" t="s">
        <v>1523</v>
      </c>
      <c r="T24007" s="5" t="s">
        <v>42</v>
      </c>
      <c r="U24007" s="2">
        <v>2.2349999999999999</v>
      </c>
      <c r="V24007" s="2">
        <v>1.7529999999999999</v>
      </c>
      <c r="W24007" s="2">
        <v>1.0999999999999999E-2</v>
      </c>
      <c r="X24007" s="2">
        <v>82.9</v>
      </c>
      <c r="Y24007" s="2">
        <v>7.6</v>
      </c>
      <c r="Z24007" s="2">
        <v>16.7</v>
      </c>
      <c r="AA24007" s="5"/>
      <c r="AB24007" s="5" t="s">
        <v>43</v>
      </c>
      <c r="AC24007" s="5" t="s">
        <v>44</v>
      </c>
      <c r="AD24007" s="2"/>
      <c r="AE24007" s="1"/>
    </row>
    <row r="24008" spans="1:31" ht="14.45">
      <c r="A24008" s="11"/>
      <c r="B24008" s="20"/>
      <c r="C24008" s="2" t="s">
        <v>76903</v>
      </c>
      <c r="D24008" s="14" t="s">
        <v>76904</v>
      </c>
      <c r="E24008" s="2" t="s">
        <v>76905</v>
      </c>
      <c r="F24008" s="2" t="s">
        <v>7204</v>
      </c>
      <c r="G24008" s="8">
        <v>233</v>
      </c>
      <c r="H24008" s="5">
        <v>6</v>
      </c>
      <c r="I24008" s="5" t="s">
        <v>1518</v>
      </c>
      <c r="J24008" s="5" t="s">
        <v>69038</v>
      </c>
      <c r="K24008" s="2" t="s">
        <v>69039</v>
      </c>
      <c r="L24008" s="5" t="s">
        <v>69038</v>
      </c>
      <c r="M24008" s="2" t="s">
        <v>69039</v>
      </c>
      <c r="N24008" s="5" t="s">
        <v>1521</v>
      </c>
      <c r="O24008" s="5" t="s">
        <v>38</v>
      </c>
      <c r="P24008" s="5" t="s">
        <v>39</v>
      </c>
      <c r="Q24008" s="5" t="s">
        <v>40</v>
      </c>
      <c r="R24008" s="5" t="s">
        <v>1522</v>
      </c>
      <c r="S24008" s="5" t="s">
        <v>1523</v>
      </c>
      <c r="T24008" s="5" t="s">
        <v>42</v>
      </c>
      <c r="U24008" s="2">
        <v>2.4049999999999998</v>
      </c>
      <c r="V24008" s="2">
        <v>1.835</v>
      </c>
      <c r="W24008" s="2">
        <v>1.4999999999999999E-2</v>
      </c>
      <c r="X24008" s="2">
        <v>118.9</v>
      </c>
      <c r="Y24008" s="2">
        <v>7.6</v>
      </c>
      <c r="Z24008" s="2">
        <v>16.7</v>
      </c>
      <c r="AA24008" s="5"/>
      <c r="AB24008" s="5" t="s">
        <v>43</v>
      </c>
      <c r="AC24008" s="5" t="s">
        <v>44</v>
      </c>
      <c r="AD24008" s="2"/>
      <c r="AE24008" s="1"/>
    </row>
    <row r="24009" spans="1:31" ht="14.45">
      <c r="A24009" s="11"/>
      <c r="B24009" s="20"/>
      <c r="C24009" s="2" t="s">
        <v>76906</v>
      </c>
      <c r="D24009" s="14" t="s">
        <v>76907</v>
      </c>
      <c r="E24009" s="2" t="s">
        <v>76908</v>
      </c>
      <c r="F24009" s="2" t="s">
        <v>7514</v>
      </c>
      <c r="G24009" s="8">
        <v>233</v>
      </c>
      <c r="H24009" s="5">
        <v>6</v>
      </c>
      <c r="I24009" s="5" t="s">
        <v>1518</v>
      </c>
      <c r="J24009" s="5" t="s">
        <v>69038</v>
      </c>
      <c r="K24009" s="2" t="s">
        <v>69039</v>
      </c>
      <c r="L24009" s="5" t="s">
        <v>69038</v>
      </c>
      <c r="M24009" s="2" t="s">
        <v>69039</v>
      </c>
      <c r="N24009" s="5" t="s">
        <v>1521</v>
      </c>
      <c r="O24009" s="5" t="s">
        <v>38</v>
      </c>
      <c r="P24009" s="5" t="s">
        <v>39</v>
      </c>
      <c r="Q24009" s="5" t="s">
        <v>40</v>
      </c>
      <c r="R24009" s="5" t="s">
        <v>1522</v>
      </c>
      <c r="S24009" s="5" t="s">
        <v>1523</v>
      </c>
      <c r="T24009" s="5" t="s">
        <v>42</v>
      </c>
      <c r="U24009" s="2">
        <v>2.4780000000000002</v>
      </c>
      <c r="V24009" s="2">
        <v>1.9079999999999999</v>
      </c>
      <c r="W24009" s="2">
        <v>1.4999999999999999E-2</v>
      </c>
      <c r="X24009" s="2">
        <v>118.9</v>
      </c>
      <c r="Y24009" s="2">
        <v>7.6</v>
      </c>
      <c r="Z24009" s="2">
        <v>16.7</v>
      </c>
      <c r="AA24009" s="5"/>
      <c r="AB24009" s="5" t="s">
        <v>43</v>
      </c>
      <c r="AC24009" s="5" t="s">
        <v>44</v>
      </c>
      <c r="AD24009" s="2"/>
      <c r="AE24009" s="1"/>
    </row>
    <row r="24010" spans="1:31" ht="14.45">
      <c r="A24010" s="11"/>
      <c r="B24010" s="20"/>
      <c r="C24010" s="2" t="s">
        <v>76909</v>
      </c>
      <c r="D24010" s="14" t="s">
        <v>76910</v>
      </c>
      <c r="E24010" s="2" t="s">
        <v>76911</v>
      </c>
      <c r="F24010" s="2" t="s">
        <v>7208</v>
      </c>
      <c r="G24010" s="8">
        <v>233</v>
      </c>
      <c r="H24010" s="5">
        <v>6</v>
      </c>
      <c r="I24010" s="5" t="s">
        <v>1518</v>
      </c>
      <c r="J24010" s="5" t="s">
        <v>69038</v>
      </c>
      <c r="K24010" s="2" t="s">
        <v>69039</v>
      </c>
      <c r="L24010" s="5" t="s">
        <v>69038</v>
      </c>
      <c r="M24010" s="2" t="s">
        <v>69039</v>
      </c>
      <c r="N24010" s="5" t="s">
        <v>1521</v>
      </c>
      <c r="O24010" s="5" t="s">
        <v>38</v>
      </c>
      <c r="P24010" s="5" t="s">
        <v>39</v>
      </c>
      <c r="Q24010" s="5" t="s">
        <v>40</v>
      </c>
      <c r="R24010" s="5" t="s">
        <v>1522</v>
      </c>
      <c r="S24010" s="5" t="s">
        <v>1523</v>
      </c>
      <c r="T24010" s="5" t="s">
        <v>42</v>
      </c>
      <c r="U24010" s="2">
        <v>2.4049999999999998</v>
      </c>
      <c r="V24010" s="2">
        <v>1.835</v>
      </c>
      <c r="W24010" s="2">
        <v>1.4999999999999999E-2</v>
      </c>
      <c r="X24010" s="2">
        <v>118.9</v>
      </c>
      <c r="Y24010" s="2">
        <v>7.6</v>
      </c>
      <c r="Z24010" s="2">
        <v>16.7</v>
      </c>
      <c r="AA24010" s="5"/>
      <c r="AB24010" s="5" t="s">
        <v>43</v>
      </c>
      <c r="AC24010" s="5" t="s">
        <v>44</v>
      </c>
      <c r="AD24010" s="2"/>
      <c r="AE24010" s="1"/>
    </row>
    <row r="24011" spans="1:31" ht="14.45">
      <c r="A24011" s="11"/>
      <c r="B24011" s="20"/>
      <c r="C24011" s="2" t="s">
        <v>76912</v>
      </c>
      <c r="D24011" s="14" t="s">
        <v>76913</v>
      </c>
      <c r="E24011" s="2" t="s">
        <v>76914</v>
      </c>
      <c r="F24011" s="2" t="s">
        <v>7521</v>
      </c>
      <c r="G24011" s="8">
        <v>233</v>
      </c>
      <c r="H24011" s="5">
        <v>6</v>
      </c>
      <c r="I24011" s="5" t="s">
        <v>1518</v>
      </c>
      <c r="J24011" s="5" t="s">
        <v>69038</v>
      </c>
      <c r="K24011" s="2" t="s">
        <v>69039</v>
      </c>
      <c r="L24011" s="5" t="s">
        <v>69038</v>
      </c>
      <c r="M24011" s="2" t="s">
        <v>69039</v>
      </c>
      <c r="N24011" s="5" t="s">
        <v>1521</v>
      </c>
      <c r="O24011" s="5" t="s">
        <v>38</v>
      </c>
      <c r="P24011" s="5" t="s">
        <v>39</v>
      </c>
      <c r="Q24011" s="5" t="s">
        <v>40</v>
      </c>
      <c r="R24011" s="5" t="s">
        <v>1522</v>
      </c>
      <c r="S24011" s="5" t="s">
        <v>1523</v>
      </c>
      <c r="T24011" s="5" t="s">
        <v>42</v>
      </c>
      <c r="U24011" s="2">
        <v>2.4780000000000002</v>
      </c>
      <c r="V24011" s="2">
        <v>1.9079999999999999</v>
      </c>
      <c r="W24011" s="2">
        <v>1.4999999999999999E-2</v>
      </c>
      <c r="X24011" s="2">
        <v>118.9</v>
      </c>
      <c r="Y24011" s="2">
        <v>7.6</v>
      </c>
      <c r="Z24011" s="2">
        <v>16.7</v>
      </c>
      <c r="AA24011" s="5"/>
      <c r="AB24011" s="5" t="s">
        <v>43</v>
      </c>
      <c r="AC24011" s="5" t="s">
        <v>44</v>
      </c>
      <c r="AD24011" s="2"/>
      <c r="AE24011" s="1"/>
    </row>
    <row r="24012" spans="1:31" ht="14.45">
      <c r="A24012" s="11"/>
      <c r="B24012" s="20"/>
      <c r="C24012" s="2" t="s">
        <v>76915</v>
      </c>
      <c r="D24012" s="14" t="s">
        <v>76916</v>
      </c>
      <c r="E24012" s="2" t="s">
        <v>76917</v>
      </c>
      <c r="F24012" s="2" t="s">
        <v>7406</v>
      </c>
      <c r="G24012" s="8">
        <v>249</v>
      </c>
      <c r="H24012" s="5">
        <v>6</v>
      </c>
      <c r="I24012" s="5" t="s">
        <v>1518</v>
      </c>
      <c r="J24012" s="5" t="s">
        <v>69038</v>
      </c>
      <c r="K24012" s="2" t="s">
        <v>69039</v>
      </c>
      <c r="L24012" s="5" t="s">
        <v>69038</v>
      </c>
      <c r="M24012" s="2" t="s">
        <v>69039</v>
      </c>
      <c r="N24012" s="5" t="s">
        <v>1521</v>
      </c>
      <c r="O24012" s="5" t="s">
        <v>38</v>
      </c>
      <c r="P24012" s="5" t="s">
        <v>39</v>
      </c>
      <c r="Q24012" s="5" t="s">
        <v>40</v>
      </c>
      <c r="R24012" s="5" t="s">
        <v>1522</v>
      </c>
      <c r="S24012" s="5" t="s">
        <v>1523</v>
      </c>
      <c r="T24012" s="5" t="s">
        <v>42</v>
      </c>
      <c r="U24012" s="2">
        <v>2.4049999999999998</v>
      </c>
      <c r="V24012" s="2">
        <v>1.835</v>
      </c>
      <c r="W24012" s="2">
        <v>1.4999999999999999E-2</v>
      </c>
      <c r="X24012" s="2">
        <v>118.9</v>
      </c>
      <c r="Y24012" s="2">
        <v>7.6</v>
      </c>
      <c r="Z24012" s="2">
        <v>16.7</v>
      </c>
      <c r="AA24012" s="5"/>
      <c r="AB24012" s="5" t="s">
        <v>43</v>
      </c>
      <c r="AC24012" s="5" t="s">
        <v>44</v>
      </c>
      <c r="AD24012" s="2"/>
      <c r="AE24012" s="1"/>
    </row>
    <row r="24013" spans="1:31" ht="14.45">
      <c r="A24013" s="11"/>
      <c r="B24013" s="20"/>
      <c r="C24013" s="2" t="s">
        <v>76918</v>
      </c>
      <c r="D24013" s="14" t="s">
        <v>76919</v>
      </c>
      <c r="E24013" s="2" t="s">
        <v>76920</v>
      </c>
      <c r="F24013" s="2" t="s">
        <v>7539</v>
      </c>
      <c r="G24013" s="8">
        <v>249</v>
      </c>
      <c r="H24013" s="5">
        <v>6</v>
      </c>
      <c r="I24013" s="5" t="s">
        <v>1518</v>
      </c>
      <c r="J24013" s="5" t="s">
        <v>69038</v>
      </c>
      <c r="K24013" s="2" t="s">
        <v>69039</v>
      </c>
      <c r="L24013" s="5" t="s">
        <v>69038</v>
      </c>
      <c r="M24013" s="2" t="s">
        <v>69039</v>
      </c>
      <c r="N24013" s="5" t="s">
        <v>1521</v>
      </c>
      <c r="O24013" s="5" t="s">
        <v>38</v>
      </c>
      <c r="P24013" s="5" t="s">
        <v>39</v>
      </c>
      <c r="Q24013" s="5" t="s">
        <v>40</v>
      </c>
      <c r="R24013" s="5" t="s">
        <v>1522</v>
      </c>
      <c r="S24013" s="5" t="s">
        <v>1523</v>
      </c>
      <c r="T24013" s="5" t="s">
        <v>42</v>
      </c>
      <c r="U24013" s="2">
        <v>2.4049999999999998</v>
      </c>
      <c r="V24013" s="2">
        <v>1.835</v>
      </c>
      <c r="W24013" s="2">
        <v>1.4999999999999999E-2</v>
      </c>
      <c r="X24013" s="2">
        <v>118.9</v>
      </c>
      <c r="Y24013" s="2">
        <v>7.6</v>
      </c>
      <c r="Z24013" s="2">
        <v>16.7</v>
      </c>
      <c r="AA24013" s="5"/>
      <c r="AB24013" s="5" t="s">
        <v>43</v>
      </c>
      <c r="AC24013" s="5" t="s">
        <v>44</v>
      </c>
      <c r="AD24013" s="2"/>
      <c r="AE24013" s="1"/>
    </row>
    <row r="24014" spans="1:31" ht="14.45">
      <c r="A24014" s="11"/>
      <c r="B24014" s="20"/>
      <c r="C24014" s="2" t="s">
        <v>76921</v>
      </c>
      <c r="D24014" s="14" t="s">
        <v>76922</v>
      </c>
      <c r="E24014" s="2" t="s">
        <v>76923</v>
      </c>
      <c r="F24014" s="2" t="s">
        <v>7543</v>
      </c>
      <c r="G24014" s="8">
        <v>249</v>
      </c>
      <c r="H24014" s="5">
        <v>6</v>
      </c>
      <c r="I24014" s="5" t="s">
        <v>1518</v>
      </c>
      <c r="J24014" s="5" t="s">
        <v>69038</v>
      </c>
      <c r="K24014" s="2" t="s">
        <v>69039</v>
      </c>
      <c r="L24014" s="5" t="s">
        <v>69038</v>
      </c>
      <c r="M24014" s="2" t="s">
        <v>69039</v>
      </c>
      <c r="N24014" s="5" t="s">
        <v>1521</v>
      </c>
      <c r="O24014" s="5" t="s">
        <v>38</v>
      </c>
      <c r="P24014" s="5" t="s">
        <v>39</v>
      </c>
      <c r="Q24014" s="5" t="s">
        <v>40</v>
      </c>
      <c r="R24014" s="5" t="s">
        <v>1522</v>
      </c>
      <c r="S24014" s="5" t="s">
        <v>1523</v>
      </c>
      <c r="T24014" s="5" t="s">
        <v>42</v>
      </c>
      <c r="U24014" s="2">
        <v>2.4780000000000002</v>
      </c>
      <c r="V24014" s="2">
        <v>1.9079999999999999</v>
      </c>
      <c r="W24014" s="2">
        <v>1.4999999999999999E-2</v>
      </c>
      <c r="X24014" s="2">
        <v>118.9</v>
      </c>
      <c r="Y24014" s="2">
        <v>7.6</v>
      </c>
      <c r="Z24014" s="2">
        <v>16.7</v>
      </c>
      <c r="AA24014" s="5"/>
      <c r="AB24014" s="5" t="s">
        <v>43</v>
      </c>
      <c r="AC24014" s="5" t="s">
        <v>44</v>
      </c>
      <c r="AD24014" s="2"/>
      <c r="AE24014" s="1"/>
    </row>
    <row r="24015" spans="1:31" ht="14.45">
      <c r="A24015" s="11"/>
      <c r="B24015" s="20"/>
      <c r="C24015" s="2" t="s">
        <v>76924</v>
      </c>
      <c r="D24015" s="14" t="s">
        <v>76925</v>
      </c>
      <c r="E24015" s="2" t="s">
        <v>76926</v>
      </c>
      <c r="F24015" s="2" t="s">
        <v>7396</v>
      </c>
      <c r="G24015" s="8">
        <v>233</v>
      </c>
      <c r="H24015" s="5">
        <v>6</v>
      </c>
      <c r="I24015" s="5" t="s">
        <v>1518</v>
      </c>
      <c r="J24015" s="5" t="s">
        <v>69038</v>
      </c>
      <c r="K24015" s="2" t="s">
        <v>69039</v>
      </c>
      <c r="L24015" s="5" t="s">
        <v>69038</v>
      </c>
      <c r="M24015" s="2" t="s">
        <v>69039</v>
      </c>
      <c r="N24015" s="5" t="s">
        <v>1521</v>
      </c>
      <c r="O24015" s="5" t="s">
        <v>38</v>
      </c>
      <c r="P24015" s="5" t="s">
        <v>39</v>
      </c>
      <c r="Q24015" s="5" t="s">
        <v>40</v>
      </c>
      <c r="R24015" s="5" t="s">
        <v>1522</v>
      </c>
      <c r="S24015" s="5" t="s">
        <v>1523</v>
      </c>
      <c r="T24015" s="5" t="s">
        <v>42</v>
      </c>
      <c r="U24015" s="2">
        <v>2.4049999999999998</v>
      </c>
      <c r="V24015" s="2">
        <v>1.835</v>
      </c>
      <c r="W24015" s="2">
        <v>1.4999999999999999E-2</v>
      </c>
      <c r="X24015" s="2">
        <v>118.9</v>
      </c>
      <c r="Y24015" s="2">
        <v>7.6</v>
      </c>
      <c r="Z24015" s="2">
        <v>16.7</v>
      </c>
      <c r="AA24015" s="5"/>
      <c r="AB24015" s="5" t="s">
        <v>43</v>
      </c>
      <c r="AC24015" s="5" t="s">
        <v>44</v>
      </c>
      <c r="AD24015" s="2"/>
      <c r="AE24015" s="1"/>
    </row>
    <row r="24016" spans="1:31" ht="14.45">
      <c r="A24016" s="11"/>
      <c r="B24016" s="20"/>
      <c r="C24016" s="2" t="s">
        <v>76927</v>
      </c>
      <c r="D24016" s="14" t="s">
        <v>76928</v>
      </c>
      <c r="E24016" s="2" t="s">
        <v>76929</v>
      </c>
      <c r="F24016" s="2" t="s">
        <v>7507</v>
      </c>
      <c r="G24016" s="8">
        <v>233</v>
      </c>
      <c r="H24016" s="5">
        <v>6</v>
      </c>
      <c r="I24016" s="5" t="s">
        <v>1518</v>
      </c>
      <c r="J24016" s="5" t="s">
        <v>69038</v>
      </c>
      <c r="K24016" s="2" t="s">
        <v>69039</v>
      </c>
      <c r="L24016" s="5" t="s">
        <v>69038</v>
      </c>
      <c r="M24016" s="2" t="s">
        <v>69039</v>
      </c>
      <c r="N24016" s="5" t="s">
        <v>1521</v>
      </c>
      <c r="O24016" s="5" t="s">
        <v>38</v>
      </c>
      <c r="P24016" s="5" t="s">
        <v>39</v>
      </c>
      <c r="Q24016" s="5" t="s">
        <v>40</v>
      </c>
      <c r="R24016" s="5" t="s">
        <v>1522</v>
      </c>
      <c r="S24016" s="5" t="s">
        <v>1523</v>
      </c>
      <c r="T24016" s="5" t="s">
        <v>42</v>
      </c>
      <c r="U24016" s="2">
        <v>2.4780000000000002</v>
      </c>
      <c r="V24016" s="2">
        <v>1.9079999999999999</v>
      </c>
      <c r="W24016" s="2">
        <v>1.4999999999999999E-2</v>
      </c>
      <c r="X24016" s="2">
        <v>118.9</v>
      </c>
      <c r="Y24016" s="2">
        <v>7.6</v>
      </c>
      <c r="Z24016" s="2">
        <v>16.7</v>
      </c>
      <c r="AA24016" s="5"/>
      <c r="AB24016" s="5" t="s">
        <v>43</v>
      </c>
      <c r="AC24016" s="5" t="s">
        <v>44</v>
      </c>
      <c r="AD24016" s="2"/>
      <c r="AE24016" s="1"/>
    </row>
    <row r="24017" spans="1:31" ht="14.45">
      <c r="A24017" s="11"/>
      <c r="B24017" s="20"/>
      <c r="C24017" s="2" t="s">
        <v>76930</v>
      </c>
      <c r="D24017" s="14" t="s">
        <v>76931</v>
      </c>
      <c r="E24017" s="2" t="s">
        <v>76932</v>
      </c>
      <c r="F24017" s="2" t="s">
        <v>7563</v>
      </c>
      <c r="G24017" s="8">
        <v>249</v>
      </c>
      <c r="H24017" s="5">
        <v>6</v>
      </c>
      <c r="I24017" s="5" t="s">
        <v>1518</v>
      </c>
      <c r="J24017" s="5" t="s">
        <v>69038</v>
      </c>
      <c r="K24017" s="2" t="s">
        <v>69039</v>
      </c>
      <c r="L24017" s="5" t="s">
        <v>69038</v>
      </c>
      <c r="M24017" s="2" t="s">
        <v>69039</v>
      </c>
      <c r="N24017" s="5" t="s">
        <v>1521</v>
      </c>
      <c r="O24017" s="5" t="s">
        <v>38</v>
      </c>
      <c r="P24017" s="5" t="s">
        <v>39</v>
      </c>
      <c r="Q24017" s="5" t="s">
        <v>40</v>
      </c>
      <c r="R24017" s="5" t="s">
        <v>1522</v>
      </c>
      <c r="S24017" s="5" t="s">
        <v>1523</v>
      </c>
      <c r="T24017" s="5" t="s">
        <v>42</v>
      </c>
      <c r="U24017" s="2">
        <v>2.4049999999999998</v>
      </c>
      <c r="V24017" s="2">
        <v>1.835</v>
      </c>
      <c r="W24017" s="2">
        <v>1.4999999999999999E-2</v>
      </c>
      <c r="X24017" s="2">
        <v>118.9</v>
      </c>
      <c r="Y24017" s="2">
        <v>7.6</v>
      </c>
      <c r="Z24017" s="2">
        <v>16.7</v>
      </c>
      <c r="AA24017" s="5"/>
      <c r="AB24017" s="5" t="s">
        <v>43</v>
      </c>
      <c r="AC24017" s="5" t="s">
        <v>44</v>
      </c>
      <c r="AD24017" s="2"/>
      <c r="AE24017" s="1"/>
    </row>
    <row r="24018" spans="1:31" ht="14.45">
      <c r="A24018" s="11"/>
      <c r="B24018" s="20"/>
      <c r="C24018" s="2" t="s">
        <v>76933</v>
      </c>
      <c r="D24018" s="14" t="s">
        <v>76934</v>
      </c>
      <c r="E24018" s="2" t="s">
        <v>76935</v>
      </c>
      <c r="F24018" s="2" t="s">
        <v>7567</v>
      </c>
      <c r="G24018" s="8">
        <v>249</v>
      </c>
      <c r="H24018" s="5">
        <v>6</v>
      </c>
      <c r="I24018" s="5" t="s">
        <v>1518</v>
      </c>
      <c r="J24018" s="5" t="s">
        <v>69038</v>
      </c>
      <c r="K24018" s="2" t="s">
        <v>69039</v>
      </c>
      <c r="L24018" s="5" t="s">
        <v>69038</v>
      </c>
      <c r="M24018" s="2" t="s">
        <v>69039</v>
      </c>
      <c r="N24018" s="5" t="s">
        <v>1521</v>
      </c>
      <c r="O24018" s="5" t="s">
        <v>38</v>
      </c>
      <c r="P24018" s="5" t="s">
        <v>39</v>
      </c>
      <c r="Q24018" s="5" t="s">
        <v>40</v>
      </c>
      <c r="R24018" s="5" t="s">
        <v>1522</v>
      </c>
      <c r="S24018" s="5" t="s">
        <v>1523</v>
      </c>
      <c r="T24018" s="5" t="s">
        <v>42</v>
      </c>
      <c r="U24018" s="2">
        <v>2.4780000000000002</v>
      </c>
      <c r="V24018" s="2">
        <v>1.9079999999999999</v>
      </c>
      <c r="W24018" s="2">
        <v>1.4999999999999999E-2</v>
      </c>
      <c r="X24018" s="2">
        <v>118.9</v>
      </c>
      <c r="Y24018" s="2">
        <v>7.6</v>
      </c>
      <c r="Z24018" s="2">
        <v>16.7</v>
      </c>
      <c r="AA24018" s="5"/>
      <c r="AB24018" s="5" t="s">
        <v>43</v>
      </c>
      <c r="AC24018" s="5" t="s">
        <v>44</v>
      </c>
      <c r="AD24018" s="2"/>
      <c r="AE24018" s="1"/>
    </row>
    <row r="24019" spans="1:31" ht="14.45">
      <c r="A24019" s="11"/>
      <c r="B24019" s="20"/>
      <c r="C24019" s="2" t="s">
        <v>76936</v>
      </c>
      <c r="D24019" s="14" t="s">
        <v>76937</v>
      </c>
      <c r="E24019" s="2" t="s">
        <v>76938</v>
      </c>
      <c r="F24019" s="2" t="s">
        <v>7559</v>
      </c>
      <c r="G24019" s="8">
        <v>249</v>
      </c>
      <c r="H24019" s="5">
        <v>6</v>
      </c>
      <c r="I24019" s="5" t="s">
        <v>1518</v>
      </c>
      <c r="J24019" s="5" t="s">
        <v>69038</v>
      </c>
      <c r="K24019" s="2" t="s">
        <v>69039</v>
      </c>
      <c r="L24019" s="5" t="s">
        <v>69038</v>
      </c>
      <c r="M24019" s="2" t="s">
        <v>69039</v>
      </c>
      <c r="N24019" s="5" t="s">
        <v>1521</v>
      </c>
      <c r="O24019" s="5" t="s">
        <v>38</v>
      </c>
      <c r="P24019" s="5" t="s">
        <v>39</v>
      </c>
      <c r="Q24019" s="5" t="s">
        <v>40</v>
      </c>
      <c r="R24019" s="5" t="s">
        <v>1522</v>
      </c>
      <c r="S24019" s="5" t="s">
        <v>1523</v>
      </c>
      <c r="T24019" s="5" t="s">
        <v>42</v>
      </c>
      <c r="U24019" s="2">
        <v>2.4780000000000002</v>
      </c>
      <c r="V24019" s="2">
        <v>1.9079999999999999</v>
      </c>
      <c r="W24019" s="2">
        <v>1.4999999999999999E-2</v>
      </c>
      <c r="X24019" s="2">
        <v>118.9</v>
      </c>
      <c r="Y24019" s="2">
        <v>7.6</v>
      </c>
      <c r="Z24019" s="2">
        <v>16.7</v>
      </c>
      <c r="AA24019" s="5"/>
      <c r="AB24019" s="5" t="s">
        <v>43</v>
      </c>
      <c r="AC24019" s="5" t="s">
        <v>44</v>
      </c>
      <c r="AD24019" s="2"/>
      <c r="AE24019" s="1"/>
    </row>
    <row r="24020" spans="1:31" ht="14.45">
      <c r="A24020" s="11"/>
      <c r="B24020" s="20"/>
      <c r="C24020" s="2" t="s">
        <v>76939</v>
      </c>
      <c r="D24020" s="14" t="s">
        <v>76940</v>
      </c>
      <c r="E24020" s="2" t="s">
        <v>76941</v>
      </c>
      <c r="F24020" s="2" t="s">
        <v>7449</v>
      </c>
      <c r="G24020" s="8">
        <v>249</v>
      </c>
      <c r="H24020" s="5">
        <v>6</v>
      </c>
      <c r="I24020" s="5" t="s">
        <v>1518</v>
      </c>
      <c r="J24020" s="5" t="s">
        <v>69038</v>
      </c>
      <c r="K24020" s="2" t="s">
        <v>69039</v>
      </c>
      <c r="L24020" s="5" t="s">
        <v>69038</v>
      </c>
      <c r="M24020" s="2" t="s">
        <v>69039</v>
      </c>
      <c r="N24020" s="5" t="s">
        <v>1521</v>
      </c>
      <c r="O24020" s="5" t="s">
        <v>38</v>
      </c>
      <c r="P24020" s="5" t="s">
        <v>39</v>
      </c>
      <c r="Q24020" s="5" t="s">
        <v>40</v>
      </c>
      <c r="R24020" s="5" t="s">
        <v>1522</v>
      </c>
      <c r="S24020" s="5" t="s">
        <v>1523</v>
      </c>
      <c r="T24020" s="5" t="s">
        <v>42</v>
      </c>
      <c r="U24020" s="2">
        <v>2.4049999999999998</v>
      </c>
      <c r="V24020" s="2">
        <v>1.835</v>
      </c>
      <c r="W24020" s="2">
        <v>1.4999999999999999E-2</v>
      </c>
      <c r="X24020" s="2">
        <v>118.9</v>
      </c>
      <c r="Y24020" s="2">
        <v>7.6</v>
      </c>
      <c r="Z24020" s="2">
        <v>16.7</v>
      </c>
      <c r="AA24020" s="5"/>
      <c r="AB24020" s="5" t="s">
        <v>43</v>
      </c>
      <c r="AC24020" s="5" t="s">
        <v>44</v>
      </c>
      <c r="AD24020" s="2"/>
      <c r="AE24020" s="1"/>
    </row>
    <row r="24021" spans="1:31" ht="14.45">
      <c r="A24021" s="11"/>
      <c r="B24021" s="20"/>
      <c r="C24021" s="2" t="s">
        <v>76942</v>
      </c>
      <c r="D24021" s="14" t="s">
        <v>76943</v>
      </c>
      <c r="E24021" s="2" t="s">
        <v>76944</v>
      </c>
      <c r="F24021" s="2" t="s">
        <v>7581</v>
      </c>
      <c r="G24021" s="8">
        <v>249</v>
      </c>
      <c r="H24021" s="5">
        <v>6</v>
      </c>
      <c r="I24021" s="5" t="s">
        <v>1518</v>
      </c>
      <c r="J24021" s="5" t="s">
        <v>69038</v>
      </c>
      <c r="K24021" s="2" t="s">
        <v>69039</v>
      </c>
      <c r="L24021" s="5" t="s">
        <v>69038</v>
      </c>
      <c r="M24021" s="2" t="s">
        <v>69039</v>
      </c>
      <c r="N24021" s="5" t="s">
        <v>1521</v>
      </c>
      <c r="O24021" s="5" t="s">
        <v>38</v>
      </c>
      <c r="P24021" s="5" t="s">
        <v>39</v>
      </c>
      <c r="Q24021" s="5" t="s">
        <v>40</v>
      </c>
      <c r="R24021" s="5" t="s">
        <v>1522</v>
      </c>
      <c r="S24021" s="5" t="s">
        <v>1523</v>
      </c>
      <c r="T24021" s="5" t="s">
        <v>42</v>
      </c>
      <c r="U24021" s="2">
        <v>2.4780000000000002</v>
      </c>
      <c r="V24021" s="2">
        <v>1.9079999999999999</v>
      </c>
      <c r="W24021" s="2">
        <v>1.4999999999999999E-2</v>
      </c>
      <c r="X24021" s="2">
        <v>118.9</v>
      </c>
      <c r="Y24021" s="2">
        <v>7.6</v>
      </c>
      <c r="Z24021" s="2">
        <v>16.7</v>
      </c>
      <c r="AA24021" s="5"/>
      <c r="AB24021" s="5" t="s">
        <v>43</v>
      </c>
      <c r="AC24021" s="5" t="s">
        <v>44</v>
      </c>
      <c r="AD24021" s="2"/>
      <c r="AE24021" s="1"/>
    </row>
    <row r="24022" spans="1:31" ht="14.45">
      <c r="A24022" s="11"/>
      <c r="B24022" s="20"/>
      <c r="C24022" s="2" t="s">
        <v>76945</v>
      </c>
      <c r="D24022" s="14" t="s">
        <v>76946</v>
      </c>
      <c r="E24022" s="2" t="s">
        <v>76947</v>
      </c>
      <c r="F24022" s="2" t="s">
        <v>7585</v>
      </c>
      <c r="G24022" s="8">
        <v>249</v>
      </c>
      <c r="H24022" s="5">
        <v>6</v>
      </c>
      <c r="I24022" s="5" t="s">
        <v>1518</v>
      </c>
      <c r="J24022" s="5" t="s">
        <v>69038</v>
      </c>
      <c r="K24022" s="2" t="s">
        <v>69039</v>
      </c>
      <c r="L24022" s="5" t="s">
        <v>69038</v>
      </c>
      <c r="M24022" s="2" t="s">
        <v>69039</v>
      </c>
      <c r="N24022" s="5" t="s">
        <v>1521</v>
      </c>
      <c r="O24022" s="5" t="s">
        <v>38</v>
      </c>
      <c r="P24022" s="5" t="s">
        <v>39</v>
      </c>
      <c r="Q24022" s="5" t="s">
        <v>40</v>
      </c>
      <c r="R24022" s="5" t="s">
        <v>1522</v>
      </c>
      <c r="S24022" s="5" t="s">
        <v>1523</v>
      </c>
      <c r="T24022" s="5" t="s">
        <v>42</v>
      </c>
      <c r="U24022" s="2">
        <v>2.4049999999999998</v>
      </c>
      <c r="V24022" s="2">
        <v>1.835</v>
      </c>
      <c r="W24022" s="2">
        <v>1.4999999999999999E-2</v>
      </c>
      <c r="X24022" s="2">
        <v>118.9</v>
      </c>
      <c r="Y24022" s="2">
        <v>7.6</v>
      </c>
      <c r="Z24022" s="2">
        <v>16.7</v>
      </c>
      <c r="AA24022" s="5"/>
      <c r="AB24022" s="5" t="s">
        <v>43</v>
      </c>
      <c r="AC24022" s="5" t="s">
        <v>44</v>
      </c>
      <c r="AD24022" s="2"/>
      <c r="AE24022" s="1"/>
    </row>
    <row r="24023" spans="1:31" ht="14.45">
      <c r="A24023" s="11"/>
      <c r="B24023" s="20"/>
      <c r="C24023" s="2" t="s">
        <v>76948</v>
      </c>
      <c r="D24023" s="14" t="s">
        <v>76949</v>
      </c>
      <c r="E24023" s="2" t="s">
        <v>76950</v>
      </c>
      <c r="F24023" s="2" t="s">
        <v>7589</v>
      </c>
      <c r="G24023" s="8">
        <v>249</v>
      </c>
      <c r="H24023" s="5">
        <v>6</v>
      </c>
      <c r="I24023" s="5" t="s">
        <v>1518</v>
      </c>
      <c r="J24023" s="5" t="s">
        <v>69038</v>
      </c>
      <c r="K24023" s="2" t="s">
        <v>69039</v>
      </c>
      <c r="L24023" s="5" t="s">
        <v>69038</v>
      </c>
      <c r="M24023" s="2" t="s">
        <v>69039</v>
      </c>
      <c r="N24023" s="5" t="s">
        <v>1521</v>
      </c>
      <c r="O24023" s="5" t="s">
        <v>38</v>
      </c>
      <c r="P24023" s="5" t="s">
        <v>39</v>
      </c>
      <c r="Q24023" s="5" t="s">
        <v>40</v>
      </c>
      <c r="R24023" s="5" t="s">
        <v>1522</v>
      </c>
      <c r="S24023" s="5" t="s">
        <v>1523</v>
      </c>
      <c r="T24023" s="5" t="s">
        <v>42</v>
      </c>
      <c r="U24023" s="2">
        <v>2.4780000000000002</v>
      </c>
      <c r="V24023" s="2">
        <v>1.9079999999999999</v>
      </c>
      <c r="W24023" s="2">
        <v>1.4999999999999999E-2</v>
      </c>
      <c r="X24023" s="2">
        <v>118.9</v>
      </c>
      <c r="Y24023" s="2">
        <v>7.6</v>
      </c>
      <c r="Z24023" s="2">
        <v>16.7</v>
      </c>
      <c r="AA24023" s="5"/>
      <c r="AB24023" s="5" t="s">
        <v>43</v>
      </c>
      <c r="AC24023" s="5" t="s">
        <v>44</v>
      </c>
      <c r="AD24023" s="2"/>
      <c r="AE24023" s="1"/>
    </row>
    <row r="24024" spans="1:31" ht="14.45">
      <c r="A24024" s="11"/>
      <c r="B24024" s="20"/>
      <c r="C24024" s="2" t="s">
        <v>76951</v>
      </c>
      <c r="D24024" s="14" t="s">
        <v>76952</v>
      </c>
      <c r="E24024" s="2" t="s">
        <v>76953</v>
      </c>
      <c r="F24024" s="2" t="s">
        <v>7597</v>
      </c>
      <c r="G24024" s="8">
        <v>249</v>
      </c>
      <c r="H24024" s="5">
        <v>6</v>
      </c>
      <c r="I24024" s="5" t="s">
        <v>1518</v>
      </c>
      <c r="J24024" s="5" t="s">
        <v>69038</v>
      </c>
      <c r="K24024" s="2" t="s">
        <v>69039</v>
      </c>
      <c r="L24024" s="5" t="s">
        <v>69038</v>
      </c>
      <c r="M24024" s="2" t="s">
        <v>69039</v>
      </c>
      <c r="N24024" s="5" t="s">
        <v>1521</v>
      </c>
      <c r="O24024" s="5" t="s">
        <v>38</v>
      </c>
      <c r="P24024" s="5" t="s">
        <v>39</v>
      </c>
      <c r="Q24024" s="5" t="s">
        <v>40</v>
      </c>
      <c r="R24024" s="5" t="s">
        <v>1522</v>
      </c>
      <c r="S24024" s="5" t="s">
        <v>1523</v>
      </c>
      <c r="T24024" s="5" t="s">
        <v>42</v>
      </c>
      <c r="U24024" s="2">
        <v>2.4780000000000002</v>
      </c>
      <c r="V24024" s="2">
        <v>1.9079999999999999</v>
      </c>
      <c r="W24024" s="2">
        <v>1.4999999999999999E-2</v>
      </c>
      <c r="X24024" s="2">
        <v>118.9</v>
      </c>
      <c r="Y24024" s="2">
        <v>7.6</v>
      </c>
      <c r="Z24024" s="2">
        <v>16.7</v>
      </c>
      <c r="AA24024" s="5"/>
      <c r="AB24024" s="5" t="s">
        <v>43</v>
      </c>
      <c r="AC24024" s="5" t="s">
        <v>44</v>
      </c>
      <c r="AD24024" s="2"/>
      <c r="AE24024" s="1"/>
    </row>
    <row r="24025" spans="1:31" ht="14.45">
      <c r="A24025" s="11"/>
      <c r="B24025" s="20"/>
      <c r="C24025" s="2" t="s">
        <v>76954</v>
      </c>
      <c r="D24025" s="14" t="s">
        <v>76955</v>
      </c>
      <c r="E24025" s="2" t="s">
        <v>76956</v>
      </c>
      <c r="F24025" s="2" t="s">
        <v>73358</v>
      </c>
      <c r="G24025" s="8">
        <v>249</v>
      </c>
      <c r="H24025" s="5">
        <v>6</v>
      </c>
      <c r="I24025" s="5" t="s">
        <v>1518</v>
      </c>
      <c r="J24025" s="5" t="s">
        <v>69038</v>
      </c>
      <c r="K24025" s="2" t="s">
        <v>69039</v>
      </c>
      <c r="L24025" s="5" t="s">
        <v>69038</v>
      </c>
      <c r="M24025" s="2" t="s">
        <v>69039</v>
      </c>
      <c r="N24025" s="5" t="s">
        <v>1521</v>
      </c>
      <c r="O24025" s="5" t="s">
        <v>38</v>
      </c>
      <c r="P24025" s="5" t="s">
        <v>39</v>
      </c>
      <c r="Q24025" s="5" t="s">
        <v>40</v>
      </c>
      <c r="R24025" s="5" t="s">
        <v>1522</v>
      </c>
      <c r="S24025" s="5" t="s">
        <v>1523</v>
      </c>
      <c r="T24025" s="5" t="s">
        <v>42</v>
      </c>
      <c r="U24025" s="2">
        <v>2.4049999999999998</v>
      </c>
      <c r="V24025" s="2">
        <v>1.835</v>
      </c>
      <c r="W24025" s="2">
        <v>1.4999999999999999E-2</v>
      </c>
      <c r="X24025" s="2">
        <v>118.9</v>
      </c>
      <c r="Y24025" s="2">
        <v>7.6</v>
      </c>
      <c r="Z24025" s="2">
        <v>16.7</v>
      </c>
      <c r="AA24025" s="5"/>
      <c r="AB24025" s="5" t="s">
        <v>43</v>
      </c>
      <c r="AC24025" s="5" t="s">
        <v>44</v>
      </c>
      <c r="AD24025" s="2"/>
      <c r="AE24025" s="1"/>
    </row>
    <row r="24026" spans="1:31" ht="14.45">
      <c r="A24026" s="11"/>
      <c r="B24026" s="20"/>
      <c r="C24026" s="2" t="s">
        <v>76957</v>
      </c>
      <c r="D24026" s="14" t="s">
        <v>76958</v>
      </c>
      <c r="E24026" s="2" t="s">
        <v>76959</v>
      </c>
      <c r="F24026" s="2" t="s">
        <v>73362</v>
      </c>
      <c r="G24026" s="8">
        <v>249</v>
      </c>
      <c r="H24026" s="5">
        <v>6</v>
      </c>
      <c r="I24026" s="5" t="s">
        <v>1518</v>
      </c>
      <c r="J24026" s="5" t="s">
        <v>69038</v>
      </c>
      <c r="K24026" s="2" t="s">
        <v>69039</v>
      </c>
      <c r="L24026" s="5" t="s">
        <v>69038</v>
      </c>
      <c r="M24026" s="2" t="s">
        <v>69039</v>
      </c>
      <c r="N24026" s="5" t="s">
        <v>1521</v>
      </c>
      <c r="O24026" s="5" t="s">
        <v>38</v>
      </c>
      <c r="P24026" s="5" t="s">
        <v>39</v>
      </c>
      <c r="Q24026" s="5" t="s">
        <v>40</v>
      </c>
      <c r="R24026" s="5" t="s">
        <v>1522</v>
      </c>
      <c r="S24026" s="5" t="s">
        <v>1523</v>
      </c>
      <c r="T24026" s="5" t="s">
        <v>42</v>
      </c>
      <c r="U24026" s="2">
        <v>2.4780000000000002</v>
      </c>
      <c r="V24026" s="2">
        <v>1.9079999999999999</v>
      </c>
      <c r="W24026" s="2">
        <v>1.4999999999999999E-2</v>
      </c>
      <c r="X24026" s="2">
        <v>118.9</v>
      </c>
      <c r="Y24026" s="2">
        <v>7.6</v>
      </c>
      <c r="Z24026" s="2">
        <v>16.7</v>
      </c>
      <c r="AA24026" s="5"/>
      <c r="AB24026" s="5" t="s">
        <v>43</v>
      </c>
      <c r="AC24026" s="5" t="s">
        <v>44</v>
      </c>
      <c r="AD24026" s="2"/>
      <c r="AE24026" s="1"/>
    </row>
    <row r="24027" spans="1:31" ht="14.45">
      <c r="A24027" s="11"/>
      <c r="B24027" s="20"/>
      <c r="C24027" s="2" t="s">
        <v>76960</v>
      </c>
      <c r="D24027" s="14" t="s">
        <v>76961</v>
      </c>
      <c r="E24027" s="2" t="s">
        <v>76962</v>
      </c>
      <c r="F24027" s="2" t="s">
        <v>7615</v>
      </c>
      <c r="G24027" s="8">
        <v>249</v>
      </c>
      <c r="H24027" s="5">
        <v>6</v>
      </c>
      <c r="I24027" s="5" t="s">
        <v>1518</v>
      </c>
      <c r="J24027" s="5" t="s">
        <v>69038</v>
      </c>
      <c r="K24027" s="2" t="s">
        <v>69039</v>
      </c>
      <c r="L24027" s="5" t="s">
        <v>69038</v>
      </c>
      <c r="M24027" s="2" t="s">
        <v>69039</v>
      </c>
      <c r="N24027" s="5" t="s">
        <v>1521</v>
      </c>
      <c r="O24027" s="5" t="s">
        <v>38</v>
      </c>
      <c r="P24027" s="5" t="s">
        <v>39</v>
      </c>
      <c r="Q24027" s="5" t="s">
        <v>40</v>
      </c>
      <c r="R24027" s="5" t="s">
        <v>1522</v>
      </c>
      <c r="S24027" s="5" t="s">
        <v>1523</v>
      </c>
      <c r="T24027" s="5" t="s">
        <v>42</v>
      </c>
      <c r="U24027" s="2">
        <v>2.4049999999999998</v>
      </c>
      <c r="V24027" s="2">
        <v>1.835</v>
      </c>
      <c r="W24027" s="2">
        <v>1.4999999999999999E-2</v>
      </c>
      <c r="X24027" s="2">
        <v>118.9</v>
      </c>
      <c r="Y24027" s="2">
        <v>7.6</v>
      </c>
      <c r="Z24027" s="2">
        <v>16.7</v>
      </c>
      <c r="AA24027" s="5"/>
      <c r="AB24027" s="5" t="s">
        <v>43</v>
      </c>
      <c r="AC24027" s="5" t="s">
        <v>44</v>
      </c>
      <c r="AD24027" s="2"/>
      <c r="AE24027" s="1"/>
    </row>
    <row r="24028" spans="1:31" ht="14.45">
      <c r="A24028" s="11"/>
      <c r="B24028" s="20"/>
      <c r="C24028" s="2" t="s">
        <v>76963</v>
      </c>
      <c r="D24028" s="14" t="s">
        <v>76964</v>
      </c>
      <c r="E24028" s="2" t="s">
        <v>76965</v>
      </c>
      <c r="F24028" s="2" t="s">
        <v>7619</v>
      </c>
      <c r="G24028" s="8">
        <v>249</v>
      </c>
      <c r="H24028" s="5">
        <v>6</v>
      </c>
      <c r="I24028" s="5" t="s">
        <v>1518</v>
      </c>
      <c r="J24028" s="5" t="s">
        <v>69038</v>
      </c>
      <c r="K24028" s="2" t="s">
        <v>69039</v>
      </c>
      <c r="L24028" s="5" t="s">
        <v>69038</v>
      </c>
      <c r="M24028" s="2" t="s">
        <v>69039</v>
      </c>
      <c r="N24028" s="5" t="s">
        <v>1521</v>
      </c>
      <c r="O24028" s="5" t="s">
        <v>38</v>
      </c>
      <c r="P24028" s="5" t="s">
        <v>39</v>
      </c>
      <c r="Q24028" s="5" t="s">
        <v>40</v>
      </c>
      <c r="R24028" s="5" t="s">
        <v>1522</v>
      </c>
      <c r="S24028" s="5" t="s">
        <v>1523</v>
      </c>
      <c r="T24028" s="5" t="s">
        <v>42</v>
      </c>
      <c r="U24028" s="2">
        <v>2.4780000000000002</v>
      </c>
      <c r="V24028" s="2">
        <v>1.9079999999999999</v>
      </c>
      <c r="W24028" s="2">
        <v>1.4999999999999999E-2</v>
      </c>
      <c r="X24028" s="2">
        <v>118.9</v>
      </c>
      <c r="Y24028" s="2">
        <v>7.6</v>
      </c>
      <c r="Z24028" s="2">
        <v>16.7</v>
      </c>
      <c r="AA24028" s="5"/>
      <c r="AB24028" s="5" t="s">
        <v>43</v>
      </c>
      <c r="AC24028" s="5" t="s">
        <v>44</v>
      </c>
      <c r="AD24028" s="2"/>
      <c r="AE24028" s="1"/>
    </row>
    <row r="24029" spans="1:31" ht="14.45">
      <c r="A24029" s="11"/>
      <c r="B24029" s="20"/>
      <c r="C24029" s="2" t="s">
        <v>76966</v>
      </c>
      <c r="D24029" s="14" t="s">
        <v>76967</v>
      </c>
      <c r="E24029" s="2" t="s">
        <v>76968</v>
      </c>
      <c r="F24029" s="2" t="s">
        <v>16219</v>
      </c>
      <c r="G24029" s="8">
        <v>249</v>
      </c>
      <c r="H24029" s="5">
        <v>6</v>
      </c>
      <c r="I24029" s="5" t="s">
        <v>1518</v>
      </c>
      <c r="J24029" s="5" t="s">
        <v>69038</v>
      </c>
      <c r="K24029" s="2" t="s">
        <v>69039</v>
      </c>
      <c r="L24029" s="5" t="s">
        <v>69038</v>
      </c>
      <c r="M24029" s="2" t="s">
        <v>69039</v>
      </c>
      <c r="N24029" s="5" t="s">
        <v>1521</v>
      </c>
      <c r="O24029" s="5" t="s">
        <v>38</v>
      </c>
      <c r="P24029" s="5" t="s">
        <v>39</v>
      </c>
      <c r="Q24029" s="5" t="s">
        <v>40</v>
      </c>
      <c r="R24029" s="5" t="s">
        <v>1522</v>
      </c>
      <c r="S24029" s="5" t="s">
        <v>1523</v>
      </c>
      <c r="T24029" s="5" t="s">
        <v>42</v>
      </c>
      <c r="U24029" s="2">
        <v>2.4780000000000002</v>
      </c>
      <c r="V24029" s="2">
        <v>1.9079999999999999</v>
      </c>
      <c r="W24029" s="2">
        <v>1.4999999999999999E-2</v>
      </c>
      <c r="X24029" s="2">
        <v>118.9</v>
      </c>
      <c r="Y24029" s="2">
        <v>7.6</v>
      </c>
      <c r="Z24029" s="2">
        <v>16.7</v>
      </c>
      <c r="AA24029" s="5"/>
      <c r="AB24029" s="5" t="s">
        <v>43</v>
      </c>
      <c r="AC24029" s="5" t="s">
        <v>44</v>
      </c>
      <c r="AD24029" s="2"/>
      <c r="AE24029" s="1"/>
    </row>
    <row r="24030" spans="1:31" ht="14.45">
      <c r="A24030" s="11"/>
      <c r="B24030" s="20"/>
      <c r="C24030" s="2" t="s">
        <v>76969</v>
      </c>
      <c r="D24030" s="14" t="s">
        <v>76970</v>
      </c>
      <c r="E24030" s="2" t="s">
        <v>76971</v>
      </c>
      <c r="F24030" s="2" t="s">
        <v>7212</v>
      </c>
      <c r="G24030" s="8">
        <v>233</v>
      </c>
      <c r="H24030" s="5">
        <v>6</v>
      </c>
      <c r="I24030" s="5" t="s">
        <v>1518</v>
      </c>
      <c r="J24030" s="5" t="s">
        <v>69038</v>
      </c>
      <c r="K24030" s="2" t="s">
        <v>69039</v>
      </c>
      <c r="L24030" s="5" t="s">
        <v>69038</v>
      </c>
      <c r="M24030" s="2" t="s">
        <v>69039</v>
      </c>
      <c r="N24030" s="5" t="s">
        <v>1521</v>
      </c>
      <c r="O24030" s="5" t="s">
        <v>38</v>
      </c>
      <c r="P24030" s="5" t="s">
        <v>39</v>
      </c>
      <c r="Q24030" s="5" t="s">
        <v>40</v>
      </c>
      <c r="R24030" s="5" t="s">
        <v>1522</v>
      </c>
      <c r="S24030" s="5" t="s">
        <v>1523</v>
      </c>
      <c r="T24030" s="5" t="s">
        <v>42</v>
      </c>
      <c r="U24030" s="2">
        <v>2.4049999999999998</v>
      </c>
      <c r="V24030" s="2">
        <v>1.835</v>
      </c>
      <c r="W24030" s="2">
        <v>1.4999999999999999E-2</v>
      </c>
      <c r="X24030" s="2">
        <v>118.9</v>
      </c>
      <c r="Y24030" s="2">
        <v>7.6</v>
      </c>
      <c r="Z24030" s="2">
        <v>16.7</v>
      </c>
      <c r="AA24030" s="5"/>
      <c r="AB24030" s="5" t="s">
        <v>43</v>
      </c>
      <c r="AC24030" s="5" t="s">
        <v>44</v>
      </c>
      <c r="AD24030" s="2"/>
      <c r="AE24030" s="1"/>
    </row>
    <row r="24031" spans="1:31" ht="14.45">
      <c r="A24031" s="11"/>
      <c r="B24031" s="20"/>
      <c r="C24031" s="2" t="s">
        <v>76972</v>
      </c>
      <c r="D24031" s="14" t="s">
        <v>76973</v>
      </c>
      <c r="E24031" s="2" t="s">
        <v>76974</v>
      </c>
      <c r="F24031" s="2" t="s">
        <v>7528</v>
      </c>
      <c r="G24031" s="8">
        <v>233</v>
      </c>
      <c r="H24031" s="5">
        <v>6</v>
      </c>
      <c r="I24031" s="5" t="s">
        <v>1518</v>
      </c>
      <c r="J24031" s="5" t="s">
        <v>69038</v>
      </c>
      <c r="K24031" s="2" t="s">
        <v>69039</v>
      </c>
      <c r="L24031" s="5" t="s">
        <v>69038</v>
      </c>
      <c r="M24031" s="2" t="s">
        <v>69039</v>
      </c>
      <c r="N24031" s="5" t="s">
        <v>1521</v>
      </c>
      <c r="O24031" s="5" t="s">
        <v>38</v>
      </c>
      <c r="P24031" s="5" t="s">
        <v>39</v>
      </c>
      <c r="Q24031" s="5" t="s">
        <v>40</v>
      </c>
      <c r="R24031" s="5" t="s">
        <v>1522</v>
      </c>
      <c r="S24031" s="5" t="s">
        <v>1523</v>
      </c>
      <c r="T24031" s="5" t="s">
        <v>42</v>
      </c>
      <c r="U24031" s="2">
        <v>2.4780000000000002</v>
      </c>
      <c r="V24031" s="2">
        <v>1.9079999999999999</v>
      </c>
      <c r="W24031" s="2">
        <v>1.4999999999999999E-2</v>
      </c>
      <c r="X24031" s="2">
        <v>118.9</v>
      </c>
      <c r="Y24031" s="2">
        <v>7.6</v>
      </c>
      <c r="Z24031" s="2">
        <v>16.7</v>
      </c>
      <c r="AA24031" s="5"/>
      <c r="AB24031" s="5" t="s">
        <v>43</v>
      </c>
      <c r="AC24031" s="5" t="s">
        <v>44</v>
      </c>
      <c r="AD24031" s="2"/>
      <c r="AE24031" s="1"/>
    </row>
    <row r="24032" spans="1:31" ht="14.45">
      <c r="A24032" s="11"/>
      <c r="B24032" s="20"/>
      <c r="C24032" s="2" t="s">
        <v>76975</v>
      </c>
      <c r="D24032" s="14" t="s">
        <v>76976</v>
      </c>
      <c r="E24032" s="2" t="s">
        <v>76977</v>
      </c>
      <c r="F24032" s="2" t="s">
        <v>16029</v>
      </c>
      <c r="G24032" s="8">
        <v>249</v>
      </c>
      <c r="H24032" s="5">
        <v>6</v>
      </c>
      <c r="I24032" s="5" t="s">
        <v>1518</v>
      </c>
      <c r="J24032" s="5" t="s">
        <v>69038</v>
      </c>
      <c r="K24032" s="2" t="s">
        <v>69039</v>
      </c>
      <c r="L24032" s="5" t="s">
        <v>69038</v>
      </c>
      <c r="M24032" s="2" t="s">
        <v>69039</v>
      </c>
      <c r="N24032" s="5" t="s">
        <v>1521</v>
      </c>
      <c r="O24032" s="5" t="s">
        <v>38</v>
      </c>
      <c r="P24032" s="5" t="s">
        <v>39</v>
      </c>
      <c r="Q24032" s="5" t="s">
        <v>40</v>
      </c>
      <c r="R24032" s="5" t="s">
        <v>1522</v>
      </c>
      <c r="S24032" s="5" t="s">
        <v>1523</v>
      </c>
      <c r="T24032" s="5" t="s">
        <v>42</v>
      </c>
      <c r="U24032" s="2">
        <v>2.411</v>
      </c>
      <c r="V24032" s="2">
        <v>1.841</v>
      </c>
      <c r="W24032" s="2">
        <v>1.4999999999999999E-2</v>
      </c>
      <c r="X24032" s="2">
        <v>118.9</v>
      </c>
      <c r="Y24032" s="2">
        <v>7.6</v>
      </c>
      <c r="Z24032" s="2">
        <v>16.7</v>
      </c>
      <c r="AA24032" s="5"/>
      <c r="AB24032" s="5" t="s">
        <v>43</v>
      </c>
      <c r="AC24032" s="5" t="s">
        <v>44</v>
      </c>
      <c r="AD24032" s="2"/>
      <c r="AE24032" s="1"/>
    </row>
    <row r="24033" spans="1:31" ht="14.45">
      <c r="A24033" s="11"/>
      <c r="B24033" s="20"/>
      <c r="C24033" s="2" t="s">
        <v>76978</v>
      </c>
      <c r="D24033" s="14" t="s">
        <v>76979</v>
      </c>
      <c r="E24033" s="2" t="s">
        <v>76980</v>
      </c>
      <c r="F24033" s="2" t="s">
        <v>16033</v>
      </c>
      <c r="G24033" s="8">
        <v>249</v>
      </c>
      <c r="H24033" s="5">
        <v>6</v>
      </c>
      <c r="I24033" s="5" t="s">
        <v>1518</v>
      </c>
      <c r="J24033" s="5" t="s">
        <v>69038</v>
      </c>
      <c r="K24033" s="2" t="s">
        <v>69039</v>
      </c>
      <c r="L24033" s="5" t="s">
        <v>69038</v>
      </c>
      <c r="M24033" s="2" t="s">
        <v>69039</v>
      </c>
      <c r="N24033" s="5" t="s">
        <v>1521</v>
      </c>
      <c r="O24033" s="5" t="s">
        <v>38</v>
      </c>
      <c r="P24033" s="5" t="s">
        <v>39</v>
      </c>
      <c r="Q24033" s="5" t="s">
        <v>40</v>
      </c>
      <c r="R24033" s="5" t="s">
        <v>1522</v>
      </c>
      <c r="S24033" s="5" t="s">
        <v>1523</v>
      </c>
      <c r="T24033" s="5" t="s">
        <v>42</v>
      </c>
      <c r="U24033" s="2">
        <v>2.484</v>
      </c>
      <c r="V24033" s="2">
        <v>1.9139999999999999</v>
      </c>
      <c r="W24033" s="2">
        <v>1.4999999999999999E-2</v>
      </c>
      <c r="X24033" s="2">
        <v>118.9</v>
      </c>
      <c r="Y24033" s="2">
        <v>7.6</v>
      </c>
      <c r="Z24033" s="2">
        <v>16.7</v>
      </c>
      <c r="AA24033" s="5"/>
      <c r="AB24033" s="5" t="s">
        <v>43</v>
      </c>
      <c r="AC24033" s="5" t="s">
        <v>44</v>
      </c>
      <c r="AD24033" s="2"/>
      <c r="AE24033" s="1"/>
    </row>
    <row r="24034" spans="1:31" ht="14.45">
      <c r="A24034" s="11"/>
      <c r="B24034" s="20"/>
      <c r="C24034" s="2" t="s">
        <v>76981</v>
      </c>
      <c r="D24034" s="14" t="s">
        <v>76982</v>
      </c>
      <c r="E24034" s="2" t="s">
        <v>76983</v>
      </c>
      <c r="F24034" s="2" t="s">
        <v>7204</v>
      </c>
      <c r="G24034" s="8">
        <v>232</v>
      </c>
      <c r="H24034" s="5">
        <v>6</v>
      </c>
      <c r="I24034" s="5" t="s">
        <v>1518</v>
      </c>
      <c r="J24034" s="5" t="s">
        <v>69038</v>
      </c>
      <c r="K24034" s="2" t="s">
        <v>69039</v>
      </c>
      <c r="L24034" s="5" t="s">
        <v>69038</v>
      </c>
      <c r="M24034" s="2" t="s">
        <v>69039</v>
      </c>
      <c r="N24034" s="5" t="s">
        <v>1521</v>
      </c>
      <c r="O24034" s="5" t="s">
        <v>38</v>
      </c>
      <c r="P24034" s="5" t="s">
        <v>39</v>
      </c>
      <c r="Q24034" s="5" t="s">
        <v>40</v>
      </c>
      <c r="R24034" s="5" t="s">
        <v>1522</v>
      </c>
      <c r="S24034" s="5" t="s">
        <v>1523</v>
      </c>
      <c r="T24034" s="5" t="s">
        <v>42</v>
      </c>
      <c r="U24034" s="2">
        <v>2.306</v>
      </c>
      <c r="V24034" s="2">
        <v>1.8340000000000001</v>
      </c>
      <c r="W24034" s="2">
        <v>1.0999999999999999E-2</v>
      </c>
      <c r="X24034" s="2">
        <v>82.9</v>
      </c>
      <c r="Y24034" s="2">
        <v>7.6</v>
      </c>
      <c r="Z24034" s="2">
        <v>16.7</v>
      </c>
      <c r="AA24034" s="5"/>
      <c r="AB24034" s="5" t="s">
        <v>43</v>
      </c>
      <c r="AC24034" s="5" t="s">
        <v>44</v>
      </c>
      <c r="AD24034" s="2"/>
      <c r="AE24034" s="1"/>
    </row>
    <row r="24035" spans="1:31" ht="14.45">
      <c r="A24035" s="11"/>
      <c r="B24035" s="20"/>
      <c r="C24035" s="2" t="s">
        <v>76984</v>
      </c>
      <c r="D24035" s="14" t="s">
        <v>76985</v>
      </c>
      <c r="E24035" s="2" t="s">
        <v>76986</v>
      </c>
      <c r="F24035" s="2" t="s">
        <v>7514</v>
      </c>
      <c r="G24035" s="8">
        <v>232</v>
      </c>
      <c r="H24035" s="5">
        <v>6</v>
      </c>
      <c r="I24035" s="5" t="s">
        <v>1518</v>
      </c>
      <c r="J24035" s="5" t="s">
        <v>69038</v>
      </c>
      <c r="K24035" s="2" t="s">
        <v>69039</v>
      </c>
      <c r="L24035" s="5" t="s">
        <v>69038</v>
      </c>
      <c r="M24035" s="2" t="s">
        <v>69039</v>
      </c>
      <c r="N24035" s="5" t="s">
        <v>1521</v>
      </c>
      <c r="O24035" s="5" t="s">
        <v>38</v>
      </c>
      <c r="P24035" s="5" t="s">
        <v>39</v>
      </c>
      <c r="Q24035" s="5" t="s">
        <v>40</v>
      </c>
      <c r="R24035" s="5" t="s">
        <v>1522</v>
      </c>
      <c r="S24035" s="5" t="s">
        <v>1523</v>
      </c>
      <c r="T24035" s="5" t="s">
        <v>42</v>
      </c>
      <c r="U24035" s="2">
        <v>2.3679999999999999</v>
      </c>
      <c r="V24035" s="2">
        <v>1.8959999999999999</v>
      </c>
      <c r="W24035" s="2">
        <v>1.0999999999999999E-2</v>
      </c>
      <c r="X24035" s="2">
        <v>82.9</v>
      </c>
      <c r="Y24035" s="2">
        <v>7.6</v>
      </c>
      <c r="Z24035" s="2">
        <v>16.7</v>
      </c>
      <c r="AA24035" s="5"/>
      <c r="AB24035" s="5" t="s">
        <v>43</v>
      </c>
      <c r="AC24035" s="5" t="s">
        <v>44</v>
      </c>
      <c r="AD24035" s="2"/>
      <c r="AE24035" s="1"/>
    </row>
    <row r="24036" spans="1:31" ht="14.45">
      <c r="A24036" s="11"/>
      <c r="B24036" s="20"/>
      <c r="C24036" s="2" t="s">
        <v>76987</v>
      </c>
      <c r="D24036" s="14" t="s">
        <v>76988</v>
      </c>
      <c r="E24036" s="2" t="s">
        <v>76989</v>
      </c>
      <c r="F24036" s="2" t="s">
        <v>7208</v>
      </c>
      <c r="G24036" s="8">
        <v>232</v>
      </c>
      <c r="H24036" s="5">
        <v>6</v>
      </c>
      <c r="I24036" s="5" t="s">
        <v>1518</v>
      </c>
      <c r="J24036" s="5" t="s">
        <v>69038</v>
      </c>
      <c r="K24036" s="2" t="s">
        <v>69039</v>
      </c>
      <c r="L24036" s="5" t="s">
        <v>69038</v>
      </c>
      <c r="M24036" s="2" t="s">
        <v>69039</v>
      </c>
      <c r="N24036" s="5" t="s">
        <v>1521</v>
      </c>
      <c r="O24036" s="5" t="s">
        <v>38</v>
      </c>
      <c r="P24036" s="5" t="s">
        <v>39</v>
      </c>
      <c r="Q24036" s="5" t="s">
        <v>40</v>
      </c>
      <c r="R24036" s="5" t="s">
        <v>1522</v>
      </c>
      <c r="S24036" s="5" t="s">
        <v>1523</v>
      </c>
      <c r="T24036" s="5" t="s">
        <v>42</v>
      </c>
      <c r="U24036" s="2">
        <v>2.306</v>
      </c>
      <c r="V24036" s="2">
        <v>1.8340000000000001</v>
      </c>
      <c r="W24036" s="2">
        <v>1.0999999999999999E-2</v>
      </c>
      <c r="X24036" s="2">
        <v>82.9</v>
      </c>
      <c r="Y24036" s="2">
        <v>7.6</v>
      </c>
      <c r="Z24036" s="2">
        <v>16.7</v>
      </c>
      <c r="AA24036" s="5"/>
      <c r="AB24036" s="5" t="s">
        <v>43</v>
      </c>
      <c r="AC24036" s="5" t="s">
        <v>44</v>
      </c>
      <c r="AD24036" s="2"/>
      <c r="AE24036" s="1"/>
    </row>
    <row r="24037" spans="1:31" s="4" customFormat="1" ht="14.45">
      <c r="A24037" s="11"/>
      <c r="B24037" s="20"/>
      <c r="C24037" s="2" t="s">
        <v>76990</v>
      </c>
      <c r="D24037" s="14" t="s">
        <v>76991</v>
      </c>
      <c r="E24037" s="2" t="s">
        <v>76992</v>
      </c>
      <c r="F24037" s="2" t="s">
        <v>7507</v>
      </c>
      <c r="G24037" s="8">
        <v>232</v>
      </c>
      <c r="H24037" s="5">
        <v>6</v>
      </c>
      <c r="I24037" s="5" t="s">
        <v>1518</v>
      </c>
      <c r="J24037" s="5" t="s">
        <v>69038</v>
      </c>
      <c r="K24037" s="2" t="s">
        <v>69039</v>
      </c>
      <c r="L24037" s="5" t="s">
        <v>69038</v>
      </c>
      <c r="M24037" s="2" t="s">
        <v>69039</v>
      </c>
      <c r="N24037" s="5" t="s">
        <v>1521</v>
      </c>
      <c r="O24037" s="5" t="s">
        <v>38</v>
      </c>
      <c r="P24037" s="5" t="s">
        <v>39</v>
      </c>
      <c r="Q24037" s="5" t="s">
        <v>40</v>
      </c>
      <c r="R24037" s="5" t="s">
        <v>1522</v>
      </c>
      <c r="S24037" s="5" t="s">
        <v>1523</v>
      </c>
      <c r="T24037" s="5" t="s">
        <v>42</v>
      </c>
      <c r="U24037" s="2">
        <v>2.3679999999999999</v>
      </c>
      <c r="V24037" s="2">
        <v>1.8959999999999999</v>
      </c>
      <c r="W24037" s="2">
        <v>1.0999999999999999E-2</v>
      </c>
      <c r="X24037" s="2">
        <v>82.9</v>
      </c>
      <c r="Y24037" s="2">
        <v>7.6</v>
      </c>
      <c r="Z24037" s="2">
        <v>16.7</v>
      </c>
      <c r="AA24037" s="5"/>
      <c r="AB24037" s="5" t="s">
        <v>43</v>
      </c>
      <c r="AC24037" s="5" t="s">
        <v>44</v>
      </c>
      <c r="AD24037" s="2"/>
    </row>
    <row r="24038" spans="1:31" s="4" customFormat="1" ht="14.45">
      <c r="A24038" s="11"/>
      <c r="B24038" s="20"/>
      <c r="C24038" s="2" t="s">
        <v>76993</v>
      </c>
      <c r="D24038" s="14" t="s">
        <v>76994</v>
      </c>
      <c r="E24038" s="2" t="s">
        <v>76995</v>
      </c>
      <c r="F24038" s="2" t="s">
        <v>7615</v>
      </c>
      <c r="G24038" s="8">
        <v>247</v>
      </c>
      <c r="H24038" s="5">
        <v>6</v>
      </c>
      <c r="I24038" s="5" t="s">
        <v>1518</v>
      </c>
      <c r="J24038" s="5" t="s">
        <v>69038</v>
      </c>
      <c r="K24038" s="2" t="s">
        <v>69039</v>
      </c>
      <c r="L24038" s="5" t="s">
        <v>69038</v>
      </c>
      <c r="M24038" s="2" t="s">
        <v>69039</v>
      </c>
      <c r="N24038" s="5" t="s">
        <v>1521</v>
      </c>
      <c r="O24038" s="5" t="s">
        <v>38</v>
      </c>
      <c r="P24038" s="5" t="s">
        <v>39</v>
      </c>
      <c r="Q24038" s="5" t="s">
        <v>40</v>
      </c>
      <c r="R24038" s="5" t="s">
        <v>1522</v>
      </c>
      <c r="S24038" s="5" t="s">
        <v>1523</v>
      </c>
      <c r="T24038" s="5" t="s">
        <v>42</v>
      </c>
      <c r="U24038" s="2">
        <v>2.306</v>
      </c>
      <c r="V24038" s="2">
        <v>1.8340000000000001</v>
      </c>
      <c r="W24038" s="2">
        <v>1.0999999999999999E-2</v>
      </c>
      <c r="X24038" s="2">
        <v>82.9</v>
      </c>
      <c r="Y24038" s="2">
        <v>7.6</v>
      </c>
      <c r="Z24038" s="2">
        <v>16.7</v>
      </c>
      <c r="AA24038" s="5"/>
      <c r="AB24038" s="5" t="s">
        <v>43</v>
      </c>
      <c r="AC24038" s="5" t="s">
        <v>44</v>
      </c>
      <c r="AD24038" s="2"/>
    </row>
    <row r="24039" spans="1:31" s="4" customFormat="1" ht="14.45">
      <c r="A24039" s="11"/>
      <c r="B24039" s="20"/>
      <c r="C24039" s="2" t="s">
        <v>76996</v>
      </c>
      <c r="D24039" s="14" t="s">
        <v>76997</v>
      </c>
      <c r="E24039" s="2" t="s">
        <v>76998</v>
      </c>
      <c r="F24039" s="2" t="s">
        <v>16029</v>
      </c>
      <c r="G24039" s="8">
        <v>247</v>
      </c>
      <c r="H24039" s="5">
        <v>6</v>
      </c>
      <c r="I24039" s="5" t="s">
        <v>1518</v>
      </c>
      <c r="J24039" s="5" t="s">
        <v>69038</v>
      </c>
      <c r="K24039" s="2" t="s">
        <v>69039</v>
      </c>
      <c r="L24039" s="5" t="s">
        <v>69038</v>
      </c>
      <c r="M24039" s="2" t="s">
        <v>69039</v>
      </c>
      <c r="N24039" s="5" t="s">
        <v>1521</v>
      </c>
      <c r="O24039" s="5" t="s">
        <v>38</v>
      </c>
      <c r="P24039" s="5" t="s">
        <v>39</v>
      </c>
      <c r="Q24039" s="5" t="s">
        <v>40</v>
      </c>
      <c r="R24039" s="5" t="s">
        <v>1522</v>
      </c>
      <c r="S24039" s="5" t="s">
        <v>1523</v>
      </c>
      <c r="T24039" s="5" t="s">
        <v>42</v>
      </c>
      <c r="U24039" s="2">
        <v>2.2839999999999998</v>
      </c>
      <c r="V24039" s="2">
        <v>1.8120000000000001</v>
      </c>
      <c r="W24039" s="2">
        <v>1.0999999999999999E-2</v>
      </c>
      <c r="X24039" s="2">
        <v>82.9</v>
      </c>
      <c r="Y24039" s="2">
        <v>7.6</v>
      </c>
      <c r="Z24039" s="2">
        <v>16.7</v>
      </c>
      <c r="AA24039" s="5"/>
      <c r="AB24039" s="5" t="s">
        <v>43</v>
      </c>
      <c r="AC24039" s="5" t="s">
        <v>44</v>
      </c>
      <c r="AD24039" s="2"/>
    </row>
    <row r="24040" spans="1:31" ht="14.45">
      <c r="A24040" s="11"/>
      <c r="B24040" s="20"/>
      <c r="C24040" s="2" t="s">
        <v>76999</v>
      </c>
      <c r="D24040" s="14" t="s">
        <v>77000</v>
      </c>
      <c r="E24040" s="2" t="s">
        <v>77001</v>
      </c>
      <c r="F24040" s="2" t="s">
        <v>16033</v>
      </c>
      <c r="G24040" s="8">
        <v>247</v>
      </c>
      <c r="H24040" s="5">
        <v>6</v>
      </c>
      <c r="I24040" s="5" t="s">
        <v>1518</v>
      </c>
      <c r="J24040" s="5" t="s">
        <v>69038</v>
      </c>
      <c r="K24040" s="2" t="s">
        <v>69039</v>
      </c>
      <c r="L24040" s="5" t="s">
        <v>69038</v>
      </c>
      <c r="M24040" s="2" t="s">
        <v>69039</v>
      </c>
      <c r="N24040" s="5" t="s">
        <v>1521</v>
      </c>
      <c r="O24040" s="5" t="s">
        <v>38</v>
      </c>
      <c r="P24040" s="5" t="s">
        <v>39</v>
      </c>
      <c r="Q24040" s="5" t="s">
        <v>40</v>
      </c>
      <c r="R24040" s="5" t="s">
        <v>1522</v>
      </c>
      <c r="S24040" s="5" t="s">
        <v>1523</v>
      </c>
      <c r="T24040" s="5" t="s">
        <v>42</v>
      </c>
      <c r="U24040" s="2">
        <v>2.3460000000000001</v>
      </c>
      <c r="V24040" s="2">
        <v>1.8740000000000001</v>
      </c>
      <c r="W24040" s="2">
        <v>1.0999999999999999E-2</v>
      </c>
      <c r="X24040" s="2">
        <v>82.9</v>
      </c>
      <c r="Y24040" s="2">
        <v>7.6</v>
      </c>
      <c r="Z24040" s="2">
        <v>16.7</v>
      </c>
      <c r="AA24040" s="5"/>
      <c r="AB24040" s="5" t="s">
        <v>43</v>
      </c>
      <c r="AC24040" s="5" t="s">
        <v>44</v>
      </c>
      <c r="AD24040" s="2"/>
      <c r="AE24040" s="1"/>
    </row>
    <row r="24041" spans="1:31" ht="14.45">
      <c r="A24041" s="11"/>
      <c r="B24041" s="20"/>
      <c r="C24041" s="2" t="s">
        <v>77002</v>
      </c>
      <c r="D24041" s="14" t="s">
        <v>77003</v>
      </c>
      <c r="E24041" s="2" t="s">
        <v>77004</v>
      </c>
      <c r="F24041" s="2" t="s">
        <v>7204</v>
      </c>
      <c r="G24041" s="8">
        <v>243</v>
      </c>
      <c r="H24041" s="5">
        <v>6</v>
      </c>
      <c r="I24041" s="5" t="s">
        <v>1518</v>
      </c>
      <c r="J24041" s="5" t="s">
        <v>69038</v>
      </c>
      <c r="K24041" s="2" t="s">
        <v>69039</v>
      </c>
      <c r="L24041" s="5" t="s">
        <v>69038</v>
      </c>
      <c r="M24041" s="2" t="s">
        <v>69039</v>
      </c>
      <c r="N24041" s="5" t="s">
        <v>1521</v>
      </c>
      <c r="O24041" s="5" t="s">
        <v>38</v>
      </c>
      <c r="P24041" s="5" t="s">
        <v>39</v>
      </c>
      <c r="Q24041" s="5" t="s">
        <v>40</v>
      </c>
      <c r="R24041" s="5" t="s">
        <v>1522</v>
      </c>
      <c r="S24041" s="5" t="s">
        <v>1523</v>
      </c>
      <c r="T24041" s="5" t="s">
        <v>42</v>
      </c>
      <c r="U24041" s="2">
        <v>2.54</v>
      </c>
      <c r="V24041" s="2">
        <v>1.9890000000000001</v>
      </c>
      <c r="W24041" s="2">
        <v>1.2999999999999999E-2</v>
      </c>
      <c r="X24041" s="2">
        <v>99.1</v>
      </c>
      <c r="Y24041" s="2">
        <v>7.6</v>
      </c>
      <c r="Z24041" s="2">
        <v>16.7</v>
      </c>
      <c r="AA24041" s="5"/>
      <c r="AB24041" s="5" t="s">
        <v>43</v>
      </c>
      <c r="AC24041" s="5" t="s">
        <v>44</v>
      </c>
      <c r="AD24041" s="2"/>
      <c r="AE24041" s="1"/>
    </row>
    <row r="24042" spans="1:31" ht="14.45">
      <c r="A24042" s="11"/>
      <c r="B24042" s="20"/>
      <c r="C24042" s="2" t="s">
        <v>77005</v>
      </c>
      <c r="D24042" s="14" t="s">
        <v>77006</v>
      </c>
      <c r="E24042" s="2" t="s">
        <v>77007</v>
      </c>
      <c r="F24042" s="2" t="s">
        <v>7514</v>
      </c>
      <c r="G24042" s="8">
        <v>243</v>
      </c>
      <c r="H24042" s="5">
        <v>6</v>
      </c>
      <c r="I24042" s="5" t="s">
        <v>1518</v>
      </c>
      <c r="J24042" s="5" t="s">
        <v>69038</v>
      </c>
      <c r="K24042" s="2" t="s">
        <v>69039</v>
      </c>
      <c r="L24042" s="5" t="s">
        <v>69038</v>
      </c>
      <c r="M24042" s="2" t="s">
        <v>69039</v>
      </c>
      <c r="N24042" s="5" t="s">
        <v>1521</v>
      </c>
      <c r="O24042" s="5" t="s">
        <v>38</v>
      </c>
      <c r="P24042" s="5" t="s">
        <v>39</v>
      </c>
      <c r="Q24042" s="5" t="s">
        <v>40</v>
      </c>
      <c r="R24042" s="5" t="s">
        <v>1522</v>
      </c>
      <c r="S24042" s="5" t="s">
        <v>1523</v>
      </c>
      <c r="T24042" s="5" t="s">
        <v>42</v>
      </c>
      <c r="U24042" s="2">
        <v>2.613</v>
      </c>
      <c r="V24042" s="2">
        <v>2.0619999999999998</v>
      </c>
      <c r="W24042" s="2">
        <v>1.2999999999999999E-2</v>
      </c>
      <c r="X24042" s="2">
        <v>99.1</v>
      </c>
      <c r="Y24042" s="2">
        <v>7.6</v>
      </c>
      <c r="Z24042" s="2">
        <v>16.7</v>
      </c>
      <c r="AA24042" s="5"/>
      <c r="AB24042" s="5" t="s">
        <v>43</v>
      </c>
      <c r="AC24042" s="5" t="s">
        <v>44</v>
      </c>
      <c r="AD24042" s="2"/>
      <c r="AE24042" s="1"/>
    </row>
    <row r="24043" spans="1:31" ht="14.45">
      <c r="A24043" s="11"/>
      <c r="B24043" s="20"/>
      <c r="C24043" s="2" t="s">
        <v>77008</v>
      </c>
      <c r="D24043" s="14" t="s">
        <v>77009</v>
      </c>
      <c r="E24043" s="2" t="s">
        <v>77010</v>
      </c>
      <c r="F24043" s="2" t="s">
        <v>7208</v>
      </c>
      <c r="G24043" s="8">
        <v>243</v>
      </c>
      <c r="H24043" s="5">
        <v>6</v>
      </c>
      <c r="I24043" s="5" t="s">
        <v>1518</v>
      </c>
      <c r="J24043" s="5" t="s">
        <v>69038</v>
      </c>
      <c r="K24043" s="2" t="s">
        <v>69039</v>
      </c>
      <c r="L24043" s="5" t="s">
        <v>69038</v>
      </c>
      <c r="M24043" s="2" t="s">
        <v>69039</v>
      </c>
      <c r="N24043" s="5" t="s">
        <v>1521</v>
      </c>
      <c r="O24043" s="5" t="s">
        <v>38</v>
      </c>
      <c r="P24043" s="5" t="s">
        <v>39</v>
      </c>
      <c r="Q24043" s="5" t="s">
        <v>40</v>
      </c>
      <c r="R24043" s="5" t="s">
        <v>1522</v>
      </c>
      <c r="S24043" s="5" t="s">
        <v>1523</v>
      </c>
      <c r="T24043" s="5" t="s">
        <v>42</v>
      </c>
      <c r="U24043" s="2">
        <v>2.54</v>
      </c>
      <c r="V24043" s="2">
        <v>1.9890000000000001</v>
      </c>
      <c r="W24043" s="2">
        <v>1.2999999999999999E-2</v>
      </c>
      <c r="X24043" s="2">
        <v>99.1</v>
      </c>
      <c r="Y24043" s="2">
        <v>7.6</v>
      </c>
      <c r="Z24043" s="2">
        <v>16.7</v>
      </c>
      <c r="AA24043" s="5"/>
      <c r="AB24043" s="5" t="s">
        <v>43</v>
      </c>
      <c r="AC24043" s="5" t="s">
        <v>44</v>
      </c>
      <c r="AD24043" s="2"/>
      <c r="AE24043" s="1"/>
    </row>
    <row r="24044" spans="1:31" ht="14.45">
      <c r="A24044" s="11"/>
      <c r="B24044" s="20"/>
      <c r="C24044" s="2" t="s">
        <v>77011</v>
      </c>
      <c r="D24044" s="14" t="s">
        <v>77012</v>
      </c>
      <c r="E24044" s="2" t="s">
        <v>77013</v>
      </c>
      <c r="F24044" s="2" t="s">
        <v>7521</v>
      </c>
      <c r="G24044" s="8">
        <v>243</v>
      </c>
      <c r="H24044" s="5">
        <v>6</v>
      </c>
      <c r="I24044" s="5" t="s">
        <v>1518</v>
      </c>
      <c r="J24044" s="5" t="s">
        <v>69038</v>
      </c>
      <c r="K24044" s="2" t="s">
        <v>69039</v>
      </c>
      <c r="L24044" s="5" t="s">
        <v>69038</v>
      </c>
      <c r="M24044" s="2" t="s">
        <v>69039</v>
      </c>
      <c r="N24044" s="5" t="s">
        <v>1521</v>
      </c>
      <c r="O24044" s="5" t="s">
        <v>38</v>
      </c>
      <c r="P24044" s="5" t="s">
        <v>39</v>
      </c>
      <c r="Q24044" s="5" t="s">
        <v>40</v>
      </c>
      <c r="R24044" s="5" t="s">
        <v>1522</v>
      </c>
      <c r="S24044" s="5" t="s">
        <v>1523</v>
      </c>
      <c r="T24044" s="5" t="s">
        <v>42</v>
      </c>
      <c r="U24044" s="2">
        <v>2.613</v>
      </c>
      <c r="V24044" s="2">
        <v>2.0619999999999998</v>
      </c>
      <c r="W24044" s="2">
        <v>1.2999999999999999E-2</v>
      </c>
      <c r="X24044" s="2">
        <v>99.1</v>
      </c>
      <c r="Y24044" s="2">
        <v>7.6</v>
      </c>
      <c r="Z24044" s="2">
        <v>16.7</v>
      </c>
      <c r="AA24044" s="5"/>
      <c r="AB24044" s="5" t="s">
        <v>43</v>
      </c>
      <c r="AC24044" s="5" t="s">
        <v>44</v>
      </c>
      <c r="AD24044" s="2"/>
      <c r="AE24044" s="1"/>
    </row>
    <row r="24045" spans="1:31" ht="14.45">
      <c r="A24045" s="11"/>
      <c r="B24045" s="20"/>
      <c r="C24045" s="2" t="s">
        <v>77014</v>
      </c>
      <c r="D24045" s="14" t="s">
        <v>77015</v>
      </c>
      <c r="E24045" s="2" t="s">
        <v>77016</v>
      </c>
      <c r="F24045" s="2" t="s">
        <v>7406</v>
      </c>
      <c r="G24045" s="8">
        <v>259</v>
      </c>
      <c r="H24045" s="5">
        <v>6</v>
      </c>
      <c r="I24045" s="5" t="s">
        <v>1518</v>
      </c>
      <c r="J24045" s="5" t="s">
        <v>69038</v>
      </c>
      <c r="K24045" s="2" t="s">
        <v>69039</v>
      </c>
      <c r="L24045" s="5" t="s">
        <v>69038</v>
      </c>
      <c r="M24045" s="2" t="s">
        <v>69039</v>
      </c>
      <c r="N24045" s="5" t="s">
        <v>1521</v>
      </c>
      <c r="O24045" s="5" t="s">
        <v>38</v>
      </c>
      <c r="P24045" s="5" t="s">
        <v>39</v>
      </c>
      <c r="Q24045" s="5" t="s">
        <v>40</v>
      </c>
      <c r="R24045" s="5" t="s">
        <v>1522</v>
      </c>
      <c r="S24045" s="5" t="s">
        <v>1523</v>
      </c>
      <c r="T24045" s="5" t="s">
        <v>42</v>
      </c>
      <c r="U24045" s="2">
        <v>2.54</v>
      </c>
      <c r="V24045" s="2">
        <v>1.9890000000000001</v>
      </c>
      <c r="W24045" s="2">
        <v>1.2999999999999999E-2</v>
      </c>
      <c r="X24045" s="2">
        <v>99.1</v>
      </c>
      <c r="Y24045" s="2">
        <v>7.6</v>
      </c>
      <c r="Z24045" s="2">
        <v>16.7</v>
      </c>
      <c r="AA24045" s="5"/>
      <c r="AB24045" s="5" t="s">
        <v>43</v>
      </c>
      <c r="AC24045" s="5" t="s">
        <v>44</v>
      </c>
      <c r="AD24045" s="2"/>
      <c r="AE24045" s="1"/>
    </row>
    <row r="24046" spans="1:31" ht="14.45">
      <c r="A24046" s="11"/>
      <c r="B24046" s="20"/>
      <c r="C24046" s="2" t="s">
        <v>77017</v>
      </c>
      <c r="D24046" s="14" t="s">
        <v>77018</v>
      </c>
      <c r="E24046" s="2" t="s">
        <v>77019</v>
      </c>
      <c r="F24046" s="2" t="s">
        <v>7535</v>
      </c>
      <c r="G24046" s="8">
        <v>259</v>
      </c>
      <c r="H24046" s="5">
        <v>6</v>
      </c>
      <c r="I24046" s="5" t="s">
        <v>1518</v>
      </c>
      <c r="J24046" s="5" t="s">
        <v>69038</v>
      </c>
      <c r="K24046" s="2" t="s">
        <v>69039</v>
      </c>
      <c r="L24046" s="5" t="s">
        <v>69038</v>
      </c>
      <c r="M24046" s="2" t="s">
        <v>69039</v>
      </c>
      <c r="N24046" s="5" t="s">
        <v>1521</v>
      </c>
      <c r="O24046" s="5" t="s">
        <v>38</v>
      </c>
      <c r="P24046" s="5" t="s">
        <v>39</v>
      </c>
      <c r="Q24046" s="5" t="s">
        <v>40</v>
      </c>
      <c r="R24046" s="5" t="s">
        <v>1522</v>
      </c>
      <c r="S24046" s="5" t="s">
        <v>1523</v>
      </c>
      <c r="T24046" s="5" t="s">
        <v>42</v>
      </c>
      <c r="U24046" s="2">
        <v>2.613</v>
      </c>
      <c r="V24046" s="2">
        <v>2.0619999999999998</v>
      </c>
      <c r="W24046" s="2">
        <v>1.2999999999999999E-2</v>
      </c>
      <c r="X24046" s="2">
        <v>99.1</v>
      </c>
      <c r="Y24046" s="2">
        <v>7.6</v>
      </c>
      <c r="Z24046" s="2">
        <v>16.7</v>
      </c>
      <c r="AA24046" s="5"/>
      <c r="AB24046" s="5" t="s">
        <v>43</v>
      </c>
      <c r="AC24046" s="5" t="s">
        <v>44</v>
      </c>
      <c r="AD24046" s="2"/>
      <c r="AE24046" s="1"/>
    </row>
    <row r="24047" spans="1:31" ht="14.45">
      <c r="A24047" s="11"/>
      <c r="B24047" s="20"/>
      <c r="C24047" s="2" t="s">
        <v>77020</v>
      </c>
      <c r="D24047" s="14" t="s">
        <v>77021</v>
      </c>
      <c r="E24047" s="2" t="s">
        <v>77022</v>
      </c>
      <c r="F24047" s="2" t="s">
        <v>7539</v>
      </c>
      <c r="G24047" s="8">
        <v>259</v>
      </c>
      <c r="H24047" s="5">
        <v>6</v>
      </c>
      <c r="I24047" s="5" t="s">
        <v>1518</v>
      </c>
      <c r="J24047" s="5" t="s">
        <v>69038</v>
      </c>
      <c r="K24047" s="2" t="s">
        <v>69039</v>
      </c>
      <c r="L24047" s="5" t="s">
        <v>69038</v>
      </c>
      <c r="M24047" s="2" t="s">
        <v>69039</v>
      </c>
      <c r="N24047" s="5" t="s">
        <v>1521</v>
      </c>
      <c r="O24047" s="5" t="s">
        <v>38</v>
      </c>
      <c r="P24047" s="5" t="s">
        <v>39</v>
      </c>
      <c r="Q24047" s="5" t="s">
        <v>40</v>
      </c>
      <c r="R24047" s="5" t="s">
        <v>1522</v>
      </c>
      <c r="S24047" s="5" t="s">
        <v>1523</v>
      </c>
      <c r="T24047" s="5" t="s">
        <v>42</v>
      </c>
      <c r="U24047" s="2">
        <v>2.54</v>
      </c>
      <c r="V24047" s="2">
        <v>1.9890000000000001</v>
      </c>
      <c r="W24047" s="2">
        <v>1.2999999999999999E-2</v>
      </c>
      <c r="X24047" s="2">
        <v>99.1</v>
      </c>
      <c r="Y24047" s="2">
        <v>7.6</v>
      </c>
      <c r="Z24047" s="2">
        <v>16.7</v>
      </c>
      <c r="AA24047" s="5"/>
      <c r="AB24047" s="5" t="s">
        <v>43</v>
      </c>
      <c r="AC24047" s="5" t="s">
        <v>44</v>
      </c>
      <c r="AD24047" s="2"/>
      <c r="AE24047" s="1"/>
    </row>
    <row r="24048" spans="1:31" ht="14.45">
      <c r="A24048" s="11"/>
      <c r="B24048" s="20"/>
      <c r="C24048" s="2" t="s">
        <v>77023</v>
      </c>
      <c r="D24048" s="14" t="s">
        <v>77024</v>
      </c>
      <c r="E24048" s="2" t="s">
        <v>77025</v>
      </c>
      <c r="F24048" s="2" t="s">
        <v>7543</v>
      </c>
      <c r="G24048" s="8">
        <v>259</v>
      </c>
      <c r="H24048" s="5">
        <v>6</v>
      </c>
      <c r="I24048" s="5" t="s">
        <v>1518</v>
      </c>
      <c r="J24048" s="5" t="s">
        <v>69038</v>
      </c>
      <c r="K24048" s="2" t="s">
        <v>69039</v>
      </c>
      <c r="L24048" s="5" t="s">
        <v>69038</v>
      </c>
      <c r="M24048" s="2" t="s">
        <v>69039</v>
      </c>
      <c r="N24048" s="5" t="s">
        <v>1521</v>
      </c>
      <c r="O24048" s="5" t="s">
        <v>38</v>
      </c>
      <c r="P24048" s="5" t="s">
        <v>39</v>
      </c>
      <c r="Q24048" s="5" t="s">
        <v>40</v>
      </c>
      <c r="R24048" s="5" t="s">
        <v>1522</v>
      </c>
      <c r="S24048" s="5" t="s">
        <v>1523</v>
      </c>
      <c r="T24048" s="5" t="s">
        <v>42</v>
      </c>
      <c r="U24048" s="2">
        <v>2.613</v>
      </c>
      <c r="V24048" s="2">
        <v>2.0619999999999998</v>
      </c>
      <c r="W24048" s="2">
        <v>1.2999999999999999E-2</v>
      </c>
      <c r="X24048" s="2">
        <v>99.1</v>
      </c>
      <c r="Y24048" s="2">
        <v>7.6</v>
      </c>
      <c r="Z24048" s="2">
        <v>16.7</v>
      </c>
      <c r="AA24048" s="5"/>
      <c r="AB24048" s="5" t="s">
        <v>43</v>
      </c>
      <c r="AC24048" s="5" t="s">
        <v>44</v>
      </c>
      <c r="AD24048" s="2"/>
      <c r="AE24048" s="1"/>
    </row>
    <row r="24049" spans="1:31" ht="14.45">
      <c r="A24049" s="11"/>
      <c r="B24049" s="20"/>
      <c r="C24049" s="2" t="s">
        <v>77026</v>
      </c>
      <c r="D24049" s="14" t="s">
        <v>77027</v>
      </c>
      <c r="E24049" s="2" t="s">
        <v>77028</v>
      </c>
      <c r="F24049" s="2" t="s">
        <v>7396</v>
      </c>
      <c r="G24049" s="8">
        <v>243</v>
      </c>
      <c r="H24049" s="5">
        <v>6</v>
      </c>
      <c r="I24049" s="5" t="s">
        <v>1518</v>
      </c>
      <c r="J24049" s="5" t="s">
        <v>69038</v>
      </c>
      <c r="K24049" s="2" t="s">
        <v>69039</v>
      </c>
      <c r="L24049" s="5" t="s">
        <v>69038</v>
      </c>
      <c r="M24049" s="2" t="s">
        <v>69039</v>
      </c>
      <c r="N24049" s="5" t="s">
        <v>1521</v>
      </c>
      <c r="O24049" s="5" t="s">
        <v>38</v>
      </c>
      <c r="P24049" s="5" t="s">
        <v>39</v>
      </c>
      <c r="Q24049" s="5" t="s">
        <v>40</v>
      </c>
      <c r="R24049" s="5" t="s">
        <v>1522</v>
      </c>
      <c r="S24049" s="5" t="s">
        <v>1523</v>
      </c>
      <c r="T24049" s="5" t="s">
        <v>42</v>
      </c>
      <c r="U24049" s="2">
        <v>2.54</v>
      </c>
      <c r="V24049" s="2">
        <v>1.9890000000000001</v>
      </c>
      <c r="W24049" s="2">
        <v>1.2999999999999999E-2</v>
      </c>
      <c r="X24049" s="2">
        <v>99.1</v>
      </c>
      <c r="Y24049" s="2">
        <v>7.6</v>
      </c>
      <c r="Z24049" s="2">
        <v>16.7</v>
      </c>
      <c r="AA24049" s="5"/>
      <c r="AB24049" s="5" t="s">
        <v>43</v>
      </c>
      <c r="AC24049" s="5" t="s">
        <v>44</v>
      </c>
      <c r="AD24049" s="2"/>
      <c r="AE24049" s="1"/>
    </row>
    <row r="24050" spans="1:31" ht="14.45">
      <c r="A24050" s="11"/>
      <c r="B24050" s="20"/>
      <c r="C24050" s="2" t="s">
        <v>77029</v>
      </c>
      <c r="D24050" s="14" t="s">
        <v>77030</v>
      </c>
      <c r="E24050" s="2" t="s">
        <v>77031</v>
      </c>
      <c r="F24050" s="2" t="s">
        <v>7507</v>
      </c>
      <c r="G24050" s="8">
        <v>243</v>
      </c>
      <c r="H24050" s="5">
        <v>6</v>
      </c>
      <c r="I24050" s="5" t="s">
        <v>1518</v>
      </c>
      <c r="J24050" s="5" t="s">
        <v>69038</v>
      </c>
      <c r="K24050" s="2" t="s">
        <v>69039</v>
      </c>
      <c r="L24050" s="5" t="s">
        <v>69038</v>
      </c>
      <c r="M24050" s="2" t="s">
        <v>69039</v>
      </c>
      <c r="N24050" s="5" t="s">
        <v>1521</v>
      </c>
      <c r="O24050" s="5" t="s">
        <v>38</v>
      </c>
      <c r="P24050" s="5" t="s">
        <v>39</v>
      </c>
      <c r="Q24050" s="5" t="s">
        <v>40</v>
      </c>
      <c r="R24050" s="5" t="s">
        <v>1522</v>
      </c>
      <c r="S24050" s="5" t="s">
        <v>1523</v>
      </c>
      <c r="T24050" s="5" t="s">
        <v>42</v>
      </c>
      <c r="U24050" s="2">
        <v>2.613</v>
      </c>
      <c r="V24050" s="2">
        <v>2.0619999999999998</v>
      </c>
      <c r="W24050" s="2">
        <v>1.2999999999999999E-2</v>
      </c>
      <c r="X24050" s="2">
        <v>99.1</v>
      </c>
      <c r="Y24050" s="2">
        <v>7.6</v>
      </c>
      <c r="Z24050" s="2">
        <v>16.7</v>
      </c>
      <c r="AA24050" s="5"/>
      <c r="AB24050" s="5" t="s">
        <v>43</v>
      </c>
      <c r="AC24050" s="5" t="s">
        <v>44</v>
      </c>
      <c r="AD24050" s="2"/>
      <c r="AE24050" s="1"/>
    </row>
    <row r="24051" spans="1:31" ht="14.45">
      <c r="A24051" s="11"/>
      <c r="B24051" s="20"/>
      <c r="C24051" s="2" t="s">
        <v>77032</v>
      </c>
      <c r="D24051" s="14" t="s">
        <v>77033</v>
      </c>
      <c r="E24051" s="2" t="s">
        <v>77034</v>
      </c>
      <c r="F24051" s="2" t="s">
        <v>7563</v>
      </c>
      <c r="G24051" s="8">
        <v>259</v>
      </c>
      <c r="H24051" s="5">
        <v>6</v>
      </c>
      <c r="I24051" s="5" t="s">
        <v>1518</v>
      </c>
      <c r="J24051" s="5" t="s">
        <v>69038</v>
      </c>
      <c r="K24051" s="2" t="s">
        <v>69039</v>
      </c>
      <c r="L24051" s="5" t="s">
        <v>69038</v>
      </c>
      <c r="M24051" s="2" t="s">
        <v>69039</v>
      </c>
      <c r="N24051" s="5" t="s">
        <v>1521</v>
      </c>
      <c r="O24051" s="5" t="s">
        <v>38</v>
      </c>
      <c r="P24051" s="5" t="s">
        <v>39</v>
      </c>
      <c r="Q24051" s="5" t="s">
        <v>40</v>
      </c>
      <c r="R24051" s="5" t="s">
        <v>1522</v>
      </c>
      <c r="S24051" s="5" t="s">
        <v>1523</v>
      </c>
      <c r="T24051" s="5" t="s">
        <v>42</v>
      </c>
      <c r="U24051" s="2">
        <v>2.54</v>
      </c>
      <c r="V24051" s="2">
        <v>1.9890000000000001</v>
      </c>
      <c r="W24051" s="2">
        <v>1.2999999999999999E-2</v>
      </c>
      <c r="X24051" s="2">
        <v>99.1</v>
      </c>
      <c r="Y24051" s="2">
        <v>7.6</v>
      </c>
      <c r="Z24051" s="2">
        <v>16.7</v>
      </c>
      <c r="AA24051" s="5"/>
      <c r="AB24051" s="5" t="s">
        <v>43</v>
      </c>
      <c r="AC24051" s="5" t="s">
        <v>44</v>
      </c>
      <c r="AD24051" s="2"/>
      <c r="AE24051" s="1"/>
    </row>
    <row r="24052" spans="1:31" ht="14.45">
      <c r="A24052" s="11"/>
      <c r="B24052" s="20"/>
      <c r="C24052" s="2" t="s">
        <v>77035</v>
      </c>
      <c r="D24052" s="14" t="s">
        <v>77036</v>
      </c>
      <c r="E24052" s="2" t="s">
        <v>77037</v>
      </c>
      <c r="F24052" s="2" t="s">
        <v>16079</v>
      </c>
      <c r="G24052" s="8">
        <v>259</v>
      </c>
      <c r="H24052" s="5">
        <v>6</v>
      </c>
      <c r="I24052" s="5" t="s">
        <v>1518</v>
      </c>
      <c r="J24052" s="5" t="s">
        <v>69038</v>
      </c>
      <c r="K24052" s="2" t="s">
        <v>69039</v>
      </c>
      <c r="L24052" s="5" t="s">
        <v>69038</v>
      </c>
      <c r="M24052" s="2" t="s">
        <v>69039</v>
      </c>
      <c r="N24052" s="5" t="s">
        <v>1521</v>
      </c>
      <c r="O24052" s="5" t="s">
        <v>38</v>
      </c>
      <c r="P24052" s="5" t="s">
        <v>39</v>
      </c>
      <c r="Q24052" s="5" t="s">
        <v>40</v>
      </c>
      <c r="R24052" s="5" t="s">
        <v>1522</v>
      </c>
      <c r="S24052" s="5" t="s">
        <v>1523</v>
      </c>
      <c r="T24052" s="5" t="s">
        <v>42</v>
      </c>
      <c r="U24052" s="2">
        <v>2.54</v>
      </c>
      <c r="V24052" s="2">
        <v>1.9890000000000001</v>
      </c>
      <c r="W24052" s="2">
        <v>1.2999999999999999E-2</v>
      </c>
      <c r="X24052" s="2">
        <v>99.1</v>
      </c>
      <c r="Y24052" s="2">
        <v>7.6</v>
      </c>
      <c r="Z24052" s="2">
        <v>16.7</v>
      </c>
      <c r="AA24052" s="5"/>
      <c r="AB24052" s="5" t="s">
        <v>43</v>
      </c>
      <c r="AC24052" s="5" t="s">
        <v>44</v>
      </c>
      <c r="AD24052" s="2"/>
      <c r="AE24052" s="1"/>
    </row>
    <row r="24053" spans="1:31" ht="14.45">
      <c r="A24053" s="11"/>
      <c r="B24053" s="20"/>
      <c r="C24053" s="2" t="s">
        <v>77038</v>
      </c>
      <c r="D24053" s="14" t="s">
        <v>77039</v>
      </c>
      <c r="E24053" s="2" t="s">
        <v>77040</v>
      </c>
      <c r="F24053" s="2" t="s">
        <v>16194</v>
      </c>
      <c r="G24053" s="8">
        <v>259</v>
      </c>
      <c r="H24053" s="5">
        <v>6</v>
      </c>
      <c r="I24053" s="5" t="s">
        <v>1518</v>
      </c>
      <c r="J24053" s="5" t="s">
        <v>69038</v>
      </c>
      <c r="K24053" s="2" t="s">
        <v>69039</v>
      </c>
      <c r="L24053" s="5" t="s">
        <v>69038</v>
      </c>
      <c r="M24053" s="2" t="s">
        <v>69039</v>
      </c>
      <c r="N24053" s="5" t="s">
        <v>1521</v>
      </c>
      <c r="O24053" s="5" t="s">
        <v>38</v>
      </c>
      <c r="P24053" s="5" t="s">
        <v>39</v>
      </c>
      <c r="Q24053" s="5" t="s">
        <v>40</v>
      </c>
      <c r="R24053" s="5" t="s">
        <v>1522</v>
      </c>
      <c r="S24053" s="5" t="s">
        <v>1523</v>
      </c>
      <c r="T24053" s="5" t="s">
        <v>42</v>
      </c>
      <c r="U24053" s="2">
        <v>2.613</v>
      </c>
      <c r="V24053" s="2">
        <v>2.0619999999999998</v>
      </c>
      <c r="W24053" s="2">
        <v>1.2999999999999999E-2</v>
      </c>
      <c r="X24053" s="2">
        <v>99.1</v>
      </c>
      <c r="Y24053" s="2">
        <v>7.6</v>
      </c>
      <c r="Z24053" s="2">
        <v>16.7</v>
      </c>
      <c r="AA24053" s="5"/>
      <c r="AB24053" s="5" t="s">
        <v>43</v>
      </c>
      <c r="AC24053" s="5" t="s">
        <v>44</v>
      </c>
      <c r="AD24053" s="2"/>
      <c r="AE24053" s="1"/>
    </row>
    <row r="24054" spans="1:31" ht="14.45">
      <c r="A24054" s="11"/>
      <c r="B24054" s="20"/>
      <c r="C24054" s="2" t="s">
        <v>77041</v>
      </c>
      <c r="D24054" s="14" t="s">
        <v>77042</v>
      </c>
      <c r="E24054" s="2" t="s">
        <v>77043</v>
      </c>
      <c r="F24054" s="2" t="s">
        <v>7449</v>
      </c>
      <c r="G24054" s="8">
        <v>259</v>
      </c>
      <c r="H24054" s="5">
        <v>6</v>
      </c>
      <c r="I24054" s="5" t="s">
        <v>1518</v>
      </c>
      <c r="J24054" s="5" t="s">
        <v>69038</v>
      </c>
      <c r="K24054" s="2" t="s">
        <v>69039</v>
      </c>
      <c r="L24054" s="5" t="s">
        <v>69038</v>
      </c>
      <c r="M24054" s="2" t="s">
        <v>69039</v>
      </c>
      <c r="N24054" s="5" t="s">
        <v>1521</v>
      </c>
      <c r="O24054" s="5" t="s">
        <v>38</v>
      </c>
      <c r="P24054" s="5" t="s">
        <v>39</v>
      </c>
      <c r="Q24054" s="5" t="s">
        <v>40</v>
      </c>
      <c r="R24054" s="5" t="s">
        <v>1522</v>
      </c>
      <c r="S24054" s="5" t="s">
        <v>1523</v>
      </c>
      <c r="T24054" s="5" t="s">
        <v>42</v>
      </c>
      <c r="U24054" s="2">
        <v>2.54</v>
      </c>
      <c r="V24054" s="2">
        <v>1.9890000000000001</v>
      </c>
      <c r="W24054" s="2">
        <v>1.2999999999999999E-2</v>
      </c>
      <c r="X24054" s="2">
        <v>99.1</v>
      </c>
      <c r="Y24054" s="2">
        <v>7.6</v>
      </c>
      <c r="Z24054" s="2">
        <v>16.7</v>
      </c>
      <c r="AA24054" s="5"/>
      <c r="AB24054" s="5" t="s">
        <v>43</v>
      </c>
      <c r="AC24054" s="5" t="s">
        <v>44</v>
      </c>
      <c r="AD24054" s="2"/>
      <c r="AE24054" s="1"/>
    </row>
    <row r="24055" spans="1:31" ht="14.45">
      <c r="A24055" s="11"/>
      <c r="B24055" s="20"/>
      <c r="C24055" s="2" t="s">
        <v>77044</v>
      </c>
      <c r="D24055" s="14" t="s">
        <v>77045</v>
      </c>
      <c r="E24055" s="2" t="s">
        <v>77046</v>
      </c>
      <c r="F24055" s="2" t="s">
        <v>7585</v>
      </c>
      <c r="G24055" s="8">
        <v>259</v>
      </c>
      <c r="H24055" s="5">
        <v>6</v>
      </c>
      <c r="I24055" s="5" t="s">
        <v>1518</v>
      </c>
      <c r="J24055" s="5" t="s">
        <v>69038</v>
      </c>
      <c r="K24055" s="2" t="s">
        <v>69039</v>
      </c>
      <c r="L24055" s="5" t="s">
        <v>69038</v>
      </c>
      <c r="M24055" s="2" t="s">
        <v>69039</v>
      </c>
      <c r="N24055" s="5" t="s">
        <v>1521</v>
      </c>
      <c r="O24055" s="5" t="s">
        <v>38</v>
      </c>
      <c r="P24055" s="5" t="s">
        <v>39</v>
      </c>
      <c r="Q24055" s="5" t="s">
        <v>40</v>
      </c>
      <c r="R24055" s="5" t="s">
        <v>1522</v>
      </c>
      <c r="S24055" s="5" t="s">
        <v>1523</v>
      </c>
      <c r="T24055" s="5" t="s">
        <v>42</v>
      </c>
      <c r="U24055" s="2">
        <v>2.54</v>
      </c>
      <c r="V24055" s="2">
        <v>1.9890000000000001</v>
      </c>
      <c r="W24055" s="2">
        <v>1.2999999999999999E-2</v>
      </c>
      <c r="X24055" s="2">
        <v>99.1</v>
      </c>
      <c r="Y24055" s="2">
        <v>7.6</v>
      </c>
      <c r="Z24055" s="2">
        <v>16.7</v>
      </c>
      <c r="AA24055" s="5"/>
      <c r="AB24055" s="5" t="s">
        <v>43</v>
      </c>
      <c r="AC24055" s="5" t="s">
        <v>44</v>
      </c>
      <c r="AD24055" s="2"/>
      <c r="AE24055" s="1"/>
    </row>
    <row r="24056" spans="1:31" ht="14.45">
      <c r="A24056" s="11"/>
      <c r="B24056" s="20"/>
      <c r="C24056" s="2" t="s">
        <v>77047</v>
      </c>
      <c r="D24056" s="14" t="s">
        <v>77048</v>
      </c>
      <c r="E24056" s="2" t="s">
        <v>77049</v>
      </c>
      <c r="F24056" s="2" t="s">
        <v>7589</v>
      </c>
      <c r="G24056" s="8">
        <v>259</v>
      </c>
      <c r="H24056" s="5">
        <v>6</v>
      </c>
      <c r="I24056" s="5" t="s">
        <v>1518</v>
      </c>
      <c r="J24056" s="5" t="s">
        <v>69038</v>
      </c>
      <c r="K24056" s="2" t="s">
        <v>69039</v>
      </c>
      <c r="L24056" s="5" t="s">
        <v>69038</v>
      </c>
      <c r="M24056" s="2" t="s">
        <v>69039</v>
      </c>
      <c r="N24056" s="5" t="s">
        <v>1521</v>
      </c>
      <c r="O24056" s="5" t="s">
        <v>38</v>
      </c>
      <c r="P24056" s="5" t="s">
        <v>39</v>
      </c>
      <c r="Q24056" s="5" t="s">
        <v>40</v>
      </c>
      <c r="R24056" s="5" t="s">
        <v>1522</v>
      </c>
      <c r="S24056" s="5" t="s">
        <v>1523</v>
      </c>
      <c r="T24056" s="5" t="s">
        <v>42</v>
      </c>
      <c r="U24056" s="2">
        <v>2.613</v>
      </c>
      <c r="V24056" s="2">
        <v>2.0619999999999998</v>
      </c>
      <c r="W24056" s="2">
        <v>1.2999999999999999E-2</v>
      </c>
      <c r="X24056" s="2">
        <v>99.1</v>
      </c>
      <c r="Y24056" s="2">
        <v>7.6</v>
      </c>
      <c r="Z24056" s="2">
        <v>16.7</v>
      </c>
      <c r="AA24056" s="5"/>
      <c r="AB24056" s="5" t="s">
        <v>43</v>
      </c>
      <c r="AC24056" s="5" t="s">
        <v>44</v>
      </c>
      <c r="AD24056" s="2"/>
      <c r="AE24056" s="1"/>
    </row>
    <row r="24057" spans="1:31" ht="14.45">
      <c r="A24057" s="11"/>
      <c r="B24057" s="20"/>
      <c r="C24057" s="2" t="s">
        <v>77050</v>
      </c>
      <c r="D24057" s="14" t="s">
        <v>77051</v>
      </c>
      <c r="E24057" s="2" t="s">
        <v>77052</v>
      </c>
      <c r="F24057" s="2" t="s">
        <v>73358</v>
      </c>
      <c r="G24057" s="8">
        <v>259</v>
      </c>
      <c r="H24057" s="5">
        <v>6</v>
      </c>
      <c r="I24057" s="5" t="s">
        <v>1518</v>
      </c>
      <c r="J24057" s="5" t="s">
        <v>69038</v>
      </c>
      <c r="K24057" s="2" t="s">
        <v>69039</v>
      </c>
      <c r="L24057" s="5" t="s">
        <v>69038</v>
      </c>
      <c r="M24057" s="2" t="s">
        <v>69039</v>
      </c>
      <c r="N24057" s="5" t="s">
        <v>1521</v>
      </c>
      <c r="O24057" s="5" t="s">
        <v>38</v>
      </c>
      <c r="P24057" s="5" t="s">
        <v>39</v>
      </c>
      <c r="Q24057" s="5" t="s">
        <v>40</v>
      </c>
      <c r="R24057" s="5" t="s">
        <v>1522</v>
      </c>
      <c r="S24057" s="5" t="s">
        <v>1523</v>
      </c>
      <c r="T24057" s="5" t="s">
        <v>42</v>
      </c>
      <c r="U24057" s="2">
        <v>2.54</v>
      </c>
      <c r="V24057" s="2">
        <v>1.9890000000000001</v>
      </c>
      <c r="W24057" s="2">
        <v>1.2999999999999999E-2</v>
      </c>
      <c r="X24057" s="2">
        <v>99.1</v>
      </c>
      <c r="Y24057" s="2">
        <v>7.6</v>
      </c>
      <c r="Z24057" s="2">
        <v>16.7</v>
      </c>
      <c r="AA24057" s="5"/>
      <c r="AB24057" s="5" t="s">
        <v>43</v>
      </c>
      <c r="AC24057" s="5" t="s">
        <v>44</v>
      </c>
      <c r="AD24057" s="2"/>
      <c r="AE24057" s="1"/>
    </row>
    <row r="24058" spans="1:31" ht="14.45">
      <c r="A24058" s="11"/>
      <c r="B24058" s="20"/>
      <c r="C24058" s="2" t="s">
        <v>77053</v>
      </c>
      <c r="D24058" s="14" t="s">
        <v>77054</v>
      </c>
      <c r="E24058" s="2" t="s">
        <v>77055</v>
      </c>
      <c r="F24058" s="2" t="s">
        <v>7615</v>
      </c>
      <c r="G24058" s="8">
        <v>259</v>
      </c>
      <c r="H24058" s="5">
        <v>6</v>
      </c>
      <c r="I24058" s="5" t="s">
        <v>1518</v>
      </c>
      <c r="J24058" s="5" t="s">
        <v>69038</v>
      </c>
      <c r="K24058" s="2" t="s">
        <v>69039</v>
      </c>
      <c r="L24058" s="5" t="s">
        <v>69038</v>
      </c>
      <c r="M24058" s="2" t="s">
        <v>69039</v>
      </c>
      <c r="N24058" s="5" t="s">
        <v>1521</v>
      </c>
      <c r="O24058" s="5" t="s">
        <v>38</v>
      </c>
      <c r="P24058" s="5" t="s">
        <v>39</v>
      </c>
      <c r="Q24058" s="5" t="s">
        <v>40</v>
      </c>
      <c r="R24058" s="5" t="s">
        <v>1522</v>
      </c>
      <c r="S24058" s="5" t="s">
        <v>1523</v>
      </c>
      <c r="T24058" s="5" t="s">
        <v>42</v>
      </c>
      <c r="U24058" s="2">
        <v>2.54</v>
      </c>
      <c r="V24058" s="2">
        <v>1.9890000000000001</v>
      </c>
      <c r="W24058" s="2">
        <v>1.2999999999999999E-2</v>
      </c>
      <c r="X24058" s="2">
        <v>99.1</v>
      </c>
      <c r="Y24058" s="2">
        <v>7.6</v>
      </c>
      <c r="Z24058" s="2">
        <v>16.7</v>
      </c>
      <c r="AA24058" s="5"/>
      <c r="AB24058" s="5" t="s">
        <v>43</v>
      </c>
      <c r="AC24058" s="5" t="s">
        <v>44</v>
      </c>
      <c r="AD24058" s="2"/>
      <c r="AE24058" s="1"/>
    </row>
    <row r="24059" spans="1:31" ht="14.45">
      <c r="A24059" s="11"/>
      <c r="B24059" s="20"/>
      <c r="C24059" s="2" t="s">
        <v>77056</v>
      </c>
      <c r="D24059" s="14" t="s">
        <v>77057</v>
      </c>
      <c r="E24059" s="2" t="s">
        <v>77058</v>
      </c>
      <c r="F24059" s="2" t="s">
        <v>7619</v>
      </c>
      <c r="G24059" s="8">
        <v>259</v>
      </c>
      <c r="H24059" s="5">
        <v>6</v>
      </c>
      <c r="I24059" s="5" t="s">
        <v>1518</v>
      </c>
      <c r="J24059" s="5" t="s">
        <v>69038</v>
      </c>
      <c r="K24059" s="2" t="s">
        <v>69039</v>
      </c>
      <c r="L24059" s="5" t="s">
        <v>69038</v>
      </c>
      <c r="M24059" s="2" t="s">
        <v>69039</v>
      </c>
      <c r="N24059" s="5" t="s">
        <v>1521</v>
      </c>
      <c r="O24059" s="5" t="s">
        <v>38</v>
      </c>
      <c r="P24059" s="5" t="s">
        <v>39</v>
      </c>
      <c r="Q24059" s="5" t="s">
        <v>40</v>
      </c>
      <c r="R24059" s="5" t="s">
        <v>1522</v>
      </c>
      <c r="S24059" s="5" t="s">
        <v>1523</v>
      </c>
      <c r="T24059" s="5" t="s">
        <v>42</v>
      </c>
      <c r="U24059" s="2">
        <v>2.613</v>
      </c>
      <c r="V24059" s="2">
        <v>2.0619999999999998</v>
      </c>
      <c r="W24059" s="2">
        <v>1.2999999999999999E-2</v>
      </c>
      <c r="X24059" s="2">
        <v>99.1</v>
      </c>
      <c r="Y24059" s="2">
        <v>7.6</v>
      </c>
      <c r="Z24059" s="2">
        <v>16.7</v>
      </c>
      <c r="AA24059" s="5"/>
      <c r="AB24059" s="5" t="s">
        <v>43</v>
      </c>
      <c r="AC24059" s="5" t="s">
        <v>44</v>
      </c>
      <c r="AD24059" s="2"/>
      <c r="AE24059" s="1"/>
    </row>
    <row r="24060" spans="1:31" ht="14.45">
      <c r="A24060" s="11"/>
      <c r="B24060" s="20"/>
      <c r="C24060" s="2" t="s">
        <v>77059</v>
      </c>
      <c r="D24060" s="14" t="s">
        <v>77060</v>
      </c>
      <c r="E24060" s="2" t="s">
        <v>77061</v>
      </c>
      <c r="F24060" s="2" t="s">
        <v>16014</v>
      </c>
      <c r="G24060" s="8">
        <v>259</v>
      </c>
      <c r="H24060" s="5">
        <v>6</v>
      </c>
      <c r="I24060" s="5" t="s">
        <v>1518</v>
      </c>
      <c r="J24060" s="5" t="s">
        <v>69038</v>
      </c>
      <c r="K24060" s="2" t="s">
        <v>69039</v>
      </c>
      <c r="L24060" s="5" t="s">
        <v>69038</v>
      </c>
      <c r="M24060" s="2" t="s">
        <v>69039</v>
      </c>
      <c r="N24060" s="5" t="s">
        <v>1521</v>
      </c>
      <c r="O24060" s="5" t="s">
        <v>38</v>
      </c>
      <c r="P24060" s="5" t="s">
        <v>39</v>
      </c>
      <c r="Q24060" s="5" t="s">
        <v>40</v>
      </c>
      <c r="R24060" s="5" t="s">
        <v>1522</v>
      </c>
      <c r="S24060" s="5" t="s">
        <v>1523</v>
      </c>
      <c r="T24060" s="5" t="s">
        <v>42</v>
      </c>
      <c r="U24060" s="2">
        <v>2.54</v>
      </c>
      <c r="V24060" s="2">
        <v>1.9890000000000001</v>
      </c>
      <c r="W24060" s="2">
        <v>1.2999999999999999E-2</v>
      </c>
      <c r="X24060" s="2">
        <v>99.1</v>
      </c>
      <c r="Y24060" s="2">
        <v>7.6</v>
      </c>
      <c r="Z24060" s="2">
        <v>16.7</v>
      </c>
      <c r="AA24060" s="5"/>
      <c r="AB24060" s="5" t="s">
        <v>43</v>
      </c>
      <c r="AC24060" s="5" t="s">
        <v>44</v>
      </c>
      <c r="AD24060" s="2"/>
      <c r="AE24060" s="1"/>
    </row>
    <row r="24061" spans="1:31" ht="14.45">
      <c r="A24061" s="11"/>
      <c r="B24061" s="20"/>
      <c r="C24061" s="2" t="s">
        <v>77062</v>
      </c>
      <c r="D24061" s="14" t="s">
        <v>77063</v>
      </c>
      <c r="E24061" s="2" t="s">
        <v>77064</v>
      </c>
      <c r="F24061" s="2" t="s">
        <v>16219</v>
      </c>
      <c r="G24061" s="8">
        <v>259</v>
      </c>
      <c r="H24061" s="5">
        <v>6</v>
      </c>
      <c r="I24061" s="5" t="s">
        <v>1518</v>
      </c>
      <c r="J24061" s="5" t="s">
        <v>69038</v>
      </c>
      <c r="K24061" s="2" t="s">
        <v>69039</v>
      </c>
      <c r="L24061" s="5" t="s">
        <v>69038</v>
      </c>
      <c r="M24061" s="2" t="s">
        <v>69039</v>
      </c>
      <c r="N24061" s="5" t="s">
        <v>1521</v>
      </c>
      <c r="O24061" s="5" t="s">
        <v>38</v>
      </c>
      <c r="P24061" s="5" t="s">
        <v>39</v>
      </c>
      <c r="Q24061" s="5" t="s">
        <v>40</v>
      </c>
      <c r="R24061" s="5" t="s">
        <v>1522</v>
      </c>
      <c r="S24061" s="5" t="s">
        <v>1523</v>
      </c>
      <c r="T24061" s="5" t="s">
        <v>42</v>
      </c>
      <c r="U24061" s="2">
        <v>2.613</v>
      </c>
      <c r="V24061" s="2">
        <v>2.0619999999999998</v>
      </c>
      <c r="W24061" s="2">
        <v>1.2999999999999999E-2</v>
      </c>
      <c r="X24061" s="2">
        <v>99.1</v>
      </c>
      <c r="Y24061" s="2">
        <v>7.6</v>
      </c>
      <c r="Z24061" s="2">
        <v>16.7</v>
      </c>
      <c r="AA24061" s="5"/>
      <c r="AB24061" s="5" t="s">
        <v>43</v>
      </c>
      <c r="AC24061" s="5" t="s">
        <v>44</v>
      </c>
      <c r="AD24061" s="2"/>
      <c r="AE24061" s="1"/>
    </row>
    <row r="24062" spans="1:31" ht="14.45">
      <c r="A24062" s="11"/>
      <c r="B24062" s="20"/>
      <c r="C24062" s="2" t="s">
        <v>77065</v>
      </c>
      <c r="D24062" s="14" t="s">
        <v>77066</v>
      </c>
      <c r="E24062" s="2" t="s">
        <v>77067</v>
      </c>
      <c r="F24062" s="2" t="s">
        <v>7212</v>
      </c>
      <c r="G24062" s="8">
        <v>243</v>
      </c>
      <c r="H24062" s="5">
        <v>6</v>
      </c>
      <c r="I24062" s="5" t="s">
        <v>1518</v>
      </c>
      <c r="J24062" s="5" t="s">
        <v>69038</v>
      </c>
      <c r="K24062" s="2" t="s">
        <v>69039</v>
      </c>
      <c r="L24062" s="5" t="s">
        <v>69038</v>
      </c>
      <c r="M24062" s="2" t="s">
        <v>69039</v>
      </c>
      <c r="N24062" s="5" t="s">
        <v>1521</v>
      </c>
      <c r="O24062" s="5" t="s">
        <v>38</v>
      </c>
      <c r="P24062" s="5" t="s">
        <v>39</v>
      </c>
      <c r="Q24062" s="5" t="s">
        <v>40</v>
      </c>
      <c r="R24062" s="5" t="s">
        <v>1522</v>
      </c>
      <c r="S24062" s="5" t="s">
        <v>1523</v>
      </c>
      <c r="T24062" s="5" t="s">
        <v>42</v>
      </c>
      <c r="U24062" s="2">
        <v>2.54</v>
      </c>
      <c r="V24062" s="2">
        <v>1.9890000000000001</v>
      </c>
      <c r="W24062" s="2">
        <v>1.2999999999999999E-2</v>
      </c>
      <c r="X24062" s="2">
        <v>99.1</v>
      </c>
      <c r="Y24062" s="2">
        <v>7.6</v>
      </c>
      <c r="Z24062" s="2">
        <v>16.7</v>
      </c>
      <c r="AA24062" s="5"/>
      <c r="AB24062" s="5" t="s">
        <v>43</v>
      </c>
      <c r="AC24062" s="5" t="s">
        <v>44</v>
      </c>
      <c r="AD24062" s="2"/>
      <c r="AE24062" s="1"/>
    </row>
    <row r="24063" spans="1:31" ht="14.45">
      <c r="A24063" s="11"/>
      <c r="B24063" s="20"/>
      <c r="C24063" s="2" t="s">
        <v>77068</v>
      </c>
      <c r="D24063" s="14" t="s">
        <v>77069</v>
      </c>
      <c r="E24063" s="2" t="s">
        <v>77070</v>
      </c>
      <c r="F24063" s="2" t="s">
        <v>7528</v>
      </c>
      <c r="G24063" s="8">
        <v>243</v>
      </c>
      <c r="H24063" s="5">
        <v>6</v>
      </c>
      <c r="I24063" s="5" t="s">
        <v>1518</v>
      </c>
      <c r="J24063" s="5" t="s">
        <v>69038</v>
      </c>
      <c r="K24063" s="2" t="s">
        <v>69039</v>
      </c>
      <c r="L24063" s="5" t="s">
        <v>69038</v>
      </c>
      <c r="M24063" s="2" t="s">
        <v>69039</v>
      </c>
      <c r="N24063" s="5" t="s">
        <v>1521</v>
      </c>
      <c r="O24063" s="5" t="s">
        <v>38</v>
      </c>
      <c r="P24063" s="5" t="s">
        <v>39</v>
      </c>
      <c r="Q24063" s="5" t="s">
        <v>40</v>
      </c>
      <c r="R24063" s="5" t="s">
        <v>1522</v>
      </c>
      <c r="S24063" s="5" t="s">
        <v>1523</v>
      </c>
      <c r="T24063" s="5" t="s">
        <v>42</v>
      </c>
      <c r="U24063" s="2">
        <v>2.613</v>
      </c>
      <c r="V24063" s="2">
        <v>2.0619999999999998</v>
      </c>
      <c r="W24063" s="2">
        <v>1.2999999999999999E-2</v>
      </c>
      <c r="X24063" s="2">
        <v>99.1</v>
      </c>
      <c r="Y24063" s="2">
        <v>7.6</v>
      </c>
      <c r="Z24063" s="2">
        <v>16.7</v>
      </c>
      <c r="AA24063" s="5"/>
      <c r="AB24063" s="5" t="s">
        <v>43</v>
      </c>
      <c r="AC24063" s="5" t="s">
        <v>44</v>
      </c>
      <c r="AD24063" s="2"/>
      <c r="AE24063" s="1"/>
    </row>
    <row r="24064" spans="1:31" ht="14.45">
      <c r="A24064" s="11"/>
      <c r="B24064" s="20"/>
      <c r="C24064" s="2" t="s">
        <v>77071</v>
      </c>
      <c r="D24064" s="14" t="s">
        <v>77072</v>
      </c>
      <c r="E24064" s="2" t="s">
        <v>77073</v>
      </c>
      <c r="F24064" s="2" t="s">
        <v>16029</v>
      </c>
      <c r="G24064" s="8">
        <v>259</v>
      </c>
      <c r="H24064" s="5">
        <v>6</v>
      </c>
      <c r="I24064" s="5" t="s">
        <v>1518</v>
      </c>
      <c r="J24064" s="5" t="s">
        <v>69038</v>
      </c>
      <c r="K24064" s="2" t="s">
        <v>69039</v>
      </c>
      <c r="L24064" s="5" t="s">
        <v>69038</v>
      </c>
      <c r="M24064" s="2" t="s">
        <v>69039</v>
      </c>
      <c r="N24064" s="5" t="s">
        <v>1521</v>
      </c>
      <c r="O24064" s="5" t="s">
        <v>38</v>
      </c>
      <c r="P24064" s="5" t="s">
        <v>39</v>
      </c>
      <c r="Q24064" s="5" t="s">
        <v>40</v>
      </c>
      <c r="R24064" s="5" t="s">
        <v>1522</v>
      </c>
      <c r="S24064" s="5" t="s">
        <v>1523</v>
      </c>
      <c r="T24064" s="5" t="s">
        <v>42</v>
      </c>
      <c r="U24064" s="2">
        <v>2.5179999999999998</v>
      </c>
      <c r="V24064" s="2">
        <v>1.9670000000000001</v>
      </c>
      <c r="W24064" s="2">
        <v>1.2999999999999999E-2</v>
      </c>
      <c r="X24064" s="2">
        <v>99.1</v>
      </c>
      <c r="Y24064" s="2">
        <v>7.6</v>
      </c>
      <c r="Z24064" s="2">
        <v>16.7</v>
      </c>
      <c r="AA24064" s="5"/>
      <c r="AB24064" s="5" t="s">
        <v>43</v>
      </c>
      <c r="AC24064" s="5" t="s">
        <v>44</v>
      </c>
      <c r="AD24064" s="2"/>
      <c r="AE24064" s="1"/>
    </row>
    <row r="24065" spans="1:31" ht="14.45">
      <c r="A24065" s="11"/>
      <c r="B24065" s="20"/>
      <c r="C24065" s="2" t="s">
        <v>77074</v>
      </c>
      <c r="D24065" s="14" t="s">
        <v>77075</v>
      </c>
      <c r="E24065" s="2" t="s">
        <v>77076</v>
      </c>
      <c r="F24065" s="2" t="s">
        <v>16033</v>
      </c>
      <c r="G24065" s="8">
        <v>259</v>
      </c>
      <c r="H24065" s="5">
        <v>6</v>
      </c>
      <c r="I24065" s="5" t="s">
        <v>1518</v>
      </c>
      <c r="J24065" s="5" t="s">
        <v>69038</v>
      </c>
      <c r="K24065" s="2" t="s">
        <v>69039</v>
      </c>
      <c r="L24065" s="5" t="s">
        <v>69038</v>
      </c>
      <c r="M24065" s="2" t="s">
        <v>69039</v>
      </c>
      <c r="N24065" s="5" t="s">
        <v>1521</v>
      </c>
      <c r="O24065" s="5" t="s">
        <v>38</v>
      </c>
      <c r="P24065" s="5" t="s">
        <v>39</v>
      </c>
      <c r="Q24065" s="5" t="s">
        <v>40</v>
      </c>
      <c r="R24065" s="5" t="s">
        <v>1522</v>
      </c>
      <c r="S24065" s="5" t="s">
        <v>1523</v>
      </c>
      <c r="T24065" s="5" t="s">
        <v>42</v>
      </c>
      <c r="U24065" s="2">
        <v>2.5910000000000002</v>
      </c>
      <c r="V24065" s="2">
        <v>2.04</v>
      </c>
      <c r="W24065" s="2">
        <v>1.2999999999999999E-2</v>
      </c>
      <c r="X24065" s="2">
        <v>99.1</v>
      </c>
      <c r="Y24065" s="2">
        <v>7.6</v>
      </c>
      <c r="Z24065" s="2">
        <v>16.7</v>
      </c>
      <c r="AA24065" s="5"/>
      <c r="AB24065" s="5" t="s">
        <v>43</v>
      </c>
      <c r="AC24065" s="5" t="s">
        <v>44</v>
      </c>
      <c r="AD24065" s="2"/>
      <c r="AE24065" s="1"/>
    </row>
    <row r="24066" spans="1:31" ht="14.45">
      <c r="A24066" s="11"/>
      <c r="B24066" s="20"/>
      <c r="C24066" s="2" t="s">
        <v>77077</v>
      </c>
      <c r="D24066" s="14" t="s">
        <v>77078</v>
      </c>
      <c r="E24066" s="2" t="s">
        <v>77079</v>
      </c>
      <c r="F24066" s="2" t="s">
        <v>7204</v>
      </c>
      <c r="G24066" s="8">
        <v>246</v>
      </c>
      <c r="H24066" s="5">
        <v>6</v>
      </c>
      <c r="I24066" s="5" t="s">
        <v>1518</v>
      </c>
      <c r="J24066" s="5" t="s">
        <v>69038</v>
      </c>
      <c r="K24066" s="2" t="s">
        <v>69039</v>
      </c>
      <c r="L24066" s="5" t="s">
        <v>69038</v>
      </c>
      <c r="M24066" s="2" t="s">
        <v>69039</v>
      </c>
      <c r="N24066" s="5" t="s">
        <v>1521</v>
      </c>
      <c r="O24066" s="5" t="s">
        <v>38</v>
      </c>
      <c r="P24066" s="5" t="s">
        <v>39</v>
      </c>
      <c r="Q24066" s="5" t="s">
        <v>40</v>
      </c>
      <c r="R24066" s="5" t="s">
        <v>1522</v>
      </c>
      <c r="S24066" s="5" t="s">
        <v>1523</v>
      </c>
      <c r="T24066" s="5" t="s">
        <v>42</v>
      </c>
      <c r="U24066" s="2">
        <v>2.6949999999999998</v>
      </c>
      <c r="V24066" s="2">
        <v>2.1440000000000001</v>
      </c>
      <c r="W24066" s="2">
        <v>1.4999999999999999E-2</v>
      </c>
      <c r="X24066" s="2">
        <v>118.9</v>
      </c>
      <c r="Y24066" s="2">
        <v>7.6</v>
      </c>
      <c r="Z24066" s="2">
        <v>16.7</v>
      </c>
      <c r="AA24066" s="5"/>
      <c r="AB24066" s="5" t="s">
        <v>43</v>
      </c>
      <c r="AC24066" s="5" t="s">
        <v>44</v>
      </c>
      <c r="AD24066" s="2"/>
      <c r="AE24066" s="1"/>
    </row>
    <row r="24067" spans="1:31" ht="14.45">
      <c r="A24067" s="11"/>
      <c r="B24067" s="20"/>
      <c r="C24067" s="2" t="s">
        <v>77080</v>
      </c>
      <c r="D24067" s="14" t="s">
        <v>77081</v>
      </c>
      <c r="E24067" s="2" t="s">
        <v>77082</v>
      </c>
      <c r="F24067" s="2" t="s">
        <v>7514</v>
      </c>
      <c r="G24067" s="8">
        <v>246</v>
      </c>
      <c r="H24067" s="5">
        <v>6</v>
      </c>
      <c r="I24067" s="5" t="s">
        <v>1518</v>
      </c>
      <c r="J24067" s="5" t="s">
        <v>69038</v>
      </c>
      <c r="K24067" s="2" t="s">
        <v>69039</v>
      </c>
      <c r="L24067" s="5" t="s">
        <v>69038</v>
      </c>
      <c r="M24067" s="2" t="s">
        <v>69039</v>
      </c>
      <c r="N24067" s="5" t="s">
        <v>1521</v>
      </c>
      <c r="O24067" s="5" t="s">
        <v>38</v>
      </c>
      <c r="P24067" s="5" t="s">
        <v>39</v>
      </c>
      <c r="Q24067" s="5" t="s">
        <v>40</v>
      </c>
      <c r="R24067" s="5" t="s">
        <v>1522</v>
      </c>
      <c r="S24067" s="5" t="s">
        <v>1523</v>
      </c>
      <c r="T24067" s="5" t="s">
        <v>42</v>
      </c>
      <c r="U24067" s="2">
        <v>2.782</v>
      </c>
      <c r="V24067" s="2">
        <v>2.2309999999999999</v>
      </c>
      <c r="W24067" s="2">
        <v>1.4999999999999999E-2</v>
      </c>
      <c r="X24067" s="2">
        <v>118.9</v>
      </c>
      <c r="Y24067" s="2">
        <v>7.6</v>
      </c>
      <c r="Z24067" s="2">
        <v>16.7</v>
      </c>
      <c r="AA24067" s="5"/>
      <c r="AB24067" s="5" t="s">
        <v>43</v>
      </c>
      <c r="AC24067" s="5" t="s">
        <v>44</v>
      </c>
      <c r="AD24067" s="2"/>
      <c r="AE24067" s="1"/>
    </row>
    <row r="24068" spans="1:31" ht="14.45">
      <c r="A24068" s="11"/>
      <c r="B24068" s="20"/>
      <c r="C24068" s="2" t="s">
        <v>77083</v>
      </c>
      <c r="D24068" s="14" t="s">
        <v>77084</v>
      </c>
      <c r="E24068" s="2" t="s">
        <v>77085</v>
      </c>
      <c r="F24068" s="2" t="s">
        <v>7208</v>
      </c>
      <c r="G24068" s="8">
        <v>246</v>
      </c>
      <c r="H24068" s="5">
        <v>6</v>
      </c>
      <c r="I24068" s="5" t="s">
        <v>1518</v>
      </c>
      <c r="J24068" s="5" t="s">
        <v>69038</v>
      </c>
      <c r="K24068" s="2" t="s">
        <v>69039</v>
      </c>
      <c r="L24068" s="5" t="s">
        <v>69038</v>
      </c>
      <c r="M24068" s="2" t="s">
        <v>69039</v>
      </c>
      <c r="N24068" s="5" t="s">
        <v>1521</v>
      </c>
      <c r="O24068" s="5" t="s">
        <v>38</v>
      </c>
      <c r="P24068" s="5" t="s">
        <v>39</v>
      </c>
      <c r="Q24068" s="5" t="s">
        <v>40</v>
      </c>
      <c r="R24068" s="5" t="s">
        <v>1522</v>
      </c>
      <c r="S24068" s="5" t="s">
        <v>1523</v>
      </c>
      <c r="T24068" s="5" t="s">
        <v>42</v>
      </c>
      <c r="U24068" s="2">
        <v>2.6949999999999998</v>
      </c>
      <c r="V24068" s="2">
        <v>2.1440000000000001</v>
      </c>
      <c r="W24068" s="2">
        <v>1.4999999999999999E-2</v>
      </c>
      <c r="X24068" s="2">
        <v>118.9</v>
      </c>
      <c r="Y24068" s="2">
        <v>7.6</v>
      </c>
      <c r="Z24068" s="2">
        <v>16.7</v>
      </c>
      <c r="AA24068" s="5"/>
      <c r="AB24068" s="5" t="s">
        <v>43</v>
      </c>
      <c r="AC24068" s="5" t="s">
        <v>44</v>
      </c>
      <c r="AD24068" s="2"/>
      <c r="AE24068" s="1"/>
    </row>
    <row r="24069" spans="1:31" ht="14.45">
      <c r="A24069" s="11"/>
      <c r="B24069" s="20"/>
      <c r="C24069" s="2" t="s">
        <v>77086</v>
      </c>
      <c r="D24069" s="14" t="s">
        <v>77087</v>
      </c>
      <c r="E24069" s="2" t="s">
        <v>77088</v>
      </c>
      <c r="F24069" s="2" t="s">
        <v>7396</v>
      </c>
      <c r="G24069" s="8">
        <v>246</v>
      </c>
      <c r="H24069" s="5">
        <v>6</v>
      </c>
      <c r="I24069" s="5" t="s">
        <v>1518</v>
      </c>
      <c r="J24069" s="5" t="s">
        <v>69038</v>
      </c>
      <c r="K24069" s="2" t="s">
        <v>69039</v>
      </c>
      <c r="L24069" s="5" t="s">
        <v>69038</v>
      </c>
      <c r="M24069" s="2" t="s">
        <v>69039</v>
      </c>
      <c r="N24069" s="5" t="s">
        <v>1521</v>
      </c>
      <c r="O24069" s="5" t="s">
        <v>38</v>
      </c>
      <c r="P24069" s="5" t="s">
        <v>39</v>
      </c>
      <c r="Q24069" s="5" t="s">
        <v>40</v>
      </c>
      <c r="R24069" s="5" t="s">
        <v>1522</v>
      </c>
      <c r="S24069" s="5" t="s">
        <v>1523</v>
      </c>
      <c r="T24069" s="5" t="s">
        <v>42</v>
      </c>
      <c r="U24069" s="2">
        <v>2.6949999999999998</v>
      </c>
      <c r="V24069" s="2">
        <v>2.1440000000000001</v>
      </c>
      <c r="W24069" s="2">
        <v>1.4999999999999999E-2</v>
      </c>
      <c r="X24069" s="2">
        <v>118.9</v>
      </c>
      <c r="Y24069" s="2">
        <v>7.6</v>
      </c>
      <c r="Z24069" s="2">
        <v>16.7</v>
      </c>
      <c r="AA24069" s="5"/>
      <c r="AB24069" s="5" t="s">
        <v>43</v>
      </c>
      <c r="AC24069" s="5" t="s">
        <v>44</v>
      </c>
      <c r="AD24069" s="2"/>
      <c r="AE24069" s="1"/>
    </row>
    <row r="24070" spans="1:31" ht="14.45">
      <c r="A24070" s="11"/>
      <c r="B24070" s="20"/>
      <c r="C24070" s="2" t="s">
        <v>77089</v>
      </c>
      <c r="D24070" s="14" t="s">
        <v>77090</v>
      </c>
      <c r="E24070" s="2" t="s">
        <v>77091</v>
      </c>
      <c r="F24070" s="2" t="s">
        <v>7507</v>
      </c>
      <c r="G24070" s="8">
        <v>246</v>
      </c>
      <c r="H24070" s="5">
        <v>6</v>
      </c>
      <c r="I24070" s="5" t="s">
        <v>1518</v>
      </c>
      <c r="J24070" s="5" t="s">
        <v>69038</v>
      </c>
      <c r="K24070" s="2" t="s">
        <v>69039</v>
      </c>
      <c r="L24070" s="5" t="s">
        <v>69038</v>
      </c>
      <c r="M24070" s="2" t="s">
        <v>69039</v>
      </c>
      <c r="N24070" s="5" t="s">
        <v>1521</v>
      </c>
      <c r="O24070" s="5" t="s">
        <v>38</v>
      </c>
      <c r="P24070" s="5" t="s">
        <v>39</v>
      </c>
      <c r="Q24070" s="5" t="s">
        <v>40</v>
      </c>
      <c r="R24070" s="5" t="s">
        <v>1522</v>
      </c>
      <c r="S24070" s="5" t="s">
        <v>1523</v>
      </c>
      <c r="T24070" s="5" t="s">
        <v>42</v>
      </c>
      <c r="U24070" s="2">
        <v>2.782</v>
      </c>
      <c r="V24070" s="2">
        <v>2.2309999999999999</v>
      </c>
      <c r="W24070" s="2">
        <v>1.4999999999999999E-2</v>
      </c>
      <c r="X24070" s="2">
        <v>118.9</v>
      </c>
      <c r="Y24070" s="2">
        <v>7.6</v>
      </c>
      <c r="Z24070" s="2">
        <v>16.7</v>
      </c>
      <c r="AA24070" s="5"/>
      <c r="AB24070" s="5" t="s">
        <v>43</v>
      </c>
      <c r="AC24070" s="5" t="s">
        <v>44</v>
      </c>
      <c r="AD24070" s="2"/>
      <c r="AE24070" s="1"/>
    </row>
    <row r="24071" spans="1:31" ht="14.45">
      <c r="A24071" s="11"/>
      <c r="B24071" s="20"/>
      <c r="C24071" s="2" t="s">
        <v>77092</v>
      </c>
      <c r="D24071" s="14" t="s">
        <v>77093</v>
      </c>
      <c r="E24071" s="2" t="s">
        <v>77094</v>
      </c>
      <c r="F24071" s="2" t="s">
        <v>16029</v>
      </c>
      <c r="G24071" s="8">
        <v>263</v>
      </c>
      <c r="H24071" s="5">
        <v>6</v>
      </c>
      <c r="I24071" s="5" t="s">
        <v>1518</v>
      </c>
      <c r="J24071" s="5" t="s">
        <v>69038</v>
      </c>
      <c r="K24071" s="2" t="s">
        <v>69039</v>
      </c>
      <c r="L24071" s="5" t="s">
        <v>69038</v>
      </c>
      <c r="M24071" s="2" t="s">
        <v>69039</v>
      </c>
      <c r="N24071" s="5" t="s">
        <v>1521</v>
      </c>
      <c r="O24071" s="5" t="s">
        <v>38</v>
      </c>
      <c r="P24071" s="5" t="s">
        <v>39</v>
      </c>
      <c r="Q24071" s="5" t="s">
        <v>40</v>
      </c>
      <c r="R24071" s="5" t="s">
        <v>1522</v>
      </c>
      <c r="S24071" s="5" t="s">
        <v>1523</v>
      </c>
      <c r="T24071" s="5" t="s">
        <v>42</v>
      </c>
      <c r="U24071" s="2">
        <v>2.673</v>
      </c>
      <c r="V24071" s="2">
        <v>2.1219999999999999</v>
      </c>
      <c r="W24071" s="2">
        <v>1.4999999999999999E-2</v>
      </c>
      <c r="X24071" s="2">
        <v>118.9</v>
      </c>
      <c r="Y24071" s="2">
        <v>7.6</v>
      </c>
      <c r="Z24071" s="2">
        <v>16.7</v>
      </c>
      <c r="AA24071" s="5"/>
      <c r="AB24071" s="5" t="s">
        <v>43</v>
      </c>
      <c r="AC24071" s="5" t="s">
        <v>44</v>
      </c>
      <c r="AD24071" s="2"/>
      <c r="AE24071" s="1"/>
    </row>
    <row r="24072" spans="1:31" ht="14.45">
      <c r="A24072" s="11"/>
      <c r="B24072" s="20"/>
      <c r="C24072" s="2" t="s">
        <v>77095</v>
      </c>
      <c r="D24072" s="14" t="s">
        <v>77096</v>
      </c>
      <c r="E24072" s="2" t="s">
        <v>77097</v>
      </c>
      <c r="F24072" s="2" t="s">
        <v>16033</v>
      </c>
      <c r="G24072" s="8">
        <v>263</v>
      </c>
      <c r="H24072" s="5">
        <v>6</v>
      </c>
      <c r="I24072" s="5" t="s">
        <v>1518</v>
      </c>
      <c r="J24072" s="5" t="s">
        <v>69038</v>
      </c>
      <c r="K24072" s="2" t="s">
        <v>69039</v>
      </c>
      <c r="L24072" s="5" t="s">
        <v>69038</v>
      </c>
      <c r="M24072" s="2" t="s">
        <v>69039</v>
      </c>
      <c r="N24072" s="5" t="s">
        <v>1521</v>
      </c>
      <c r="O24072" s="5" t="s">
        <v>38</v>
      </c>
      <c r="P24072" s="5" t="s">
        <v>39</v>
      </c>
      <c r="Q24072" s="5" t="s">
        <v>40</v>
      </c>
      <c r="R24072" s="5" t="s">
        <v>1522</v>
      </c>
      <c r="S24072" s="5" t="s">
        <v>1523</v>
      </c>
      <c r="T24072" s="5" t="s">
        <v>42</v>
      </c>
      <c r="U24072" s="2">
        <v>2.76</v>
      </c>
      <c r="V24072" s="2">
        <v>2.2090000000000001</v>
      </c>
      <c r="W24072" s="2">
        <v>1.4999999999999999E-2</v>
      </c>
      <c r="X24072" s="2">
        <v>118.9</v>
      </c>
      <c r="Y24072" s="2">
        <v>7.6</v>
      </c>
      <c r="Z24072" s="2">
        <v>16.7</v>
      </c>
      <c r="AA24072" s="5"/>
      <c r="AB24072" s="5" t="s">
        <v>43</v>
      </c>
      <c r="AC24072" s="5" t="s">
        <v>44</v>
      </c>
      <c r="AD24072" s="2"/>
      <c r="AE24072" s="1"/>
    </row>
    <row r="24073" spans="1:31" ht="14.45">
      <c r="A24073" s="11"/>
      <c r="B24073" s="20"/>
      <c r="C24073" s="2" t="s">
        <v>77098</v>
      </c>
      <c r="D24073" s="14" t="s">
        <v>77099</v>
      </c>
      <c r="E24073" s="2" t="s">
        <v>77100</v>
      </c>
      <c r="F24073" s="2" t="s">
        <v>7204</v>
      </c>
      <c r="G24073" s="8">
        <v>232</v>
      </c>
      <c r="H24073" s="5">
        <v>6</v>
      </c>
      <c r="I24073" s="5" t="s">
        <v>1518</v>
      </c>
      <c r="J24073" s="5" t="s">
        <v>69038</v>
      </c>
      <c r="K24073" s="2" t="s">
        <v>69039</v>
      </c>
      <c r="L24073" s="5" t="s">
        <v>69038</v>
      </c>
      <c r="M24073" s="2" t="s">
        <v>69039</v>
      </c>
      <c r="N24073" s="5" t="s">
        <v>1521</v>
      </c>
      <c r="O24073" s="5" t="s">
        <v>38</v>
      </c>
      <c r="P24073" s="5" t="s">
        <v>39</v>
      </c>
      <c r="Q24073" s="5" t="s">
        <v>40</v>
      </c>
      <c r="R24073" s="5" t="s">
        <v>1522</v>
      </c>
      <c r="S24073" s="5" t="s">
        <v>1523</v>
      </c>
      <c r="T24073" s="5" t="s">
        <v>42</v>
      </c>
      <c r="U24073" s="2">
        <v>2.339</v>
      </c>
      <c r="V24073" s="2">
        <v>1.869</v>
      </c>
      <c r="W24073" s="2">
        <v>1.0999999999999999E-2</v>
      </c>
      <c r="X24073" s="2">
        <v>82.9</v>
      </c>
      <c r="Y24073" s="2">
        <v>7.6</v>
      </c>
      <c r="Z24073" s="2">
        <v>16.7</v>
      </c>
      <c r="AA24073" s="5"/>
      <c r="AB24073" s="5" t="s">
        <v>43</v>
      </c>
      <c r="AC24073" s="5" t="s">
        <v>44</v>
      </c>
      <c r="AD24073" s="2"/>
      <c r="AE24073" s="1"/>
    </row>
    <row r="24074" spans="1:31" ht="14.45">
      <c r="A24074" s="11"/>
      <c r="B24074" s="20"/>
      <c r="C24074" s="2" t="s">
        <v>77101</v>
      </c>
      <c r="D24074" s="14" t="s">
        <v>77102</v>
      </c>
      <c r="E24074" s="2" t="s">
        <v>77103</v>
      </c>
      <c r="F24074" s="2" t="s">
        <v>7514</v>
      </c>
      <c r="G24074" s="8">
        <v>232</v>
      </c>
      <c r="H24074" s="5">
        <v>6</v>
      </c>
      <c r="I24074" s="5" t="s">
        <v>1518</v>
      </c>
      <c r="J24074" s="5" t="s">
        <v>69038</v>
      </c>
      <c r="K24074" s="2" t="s">
        <v>69039</v>
      </c>
      <c r="L24074" s="5" t="s">
        <v>69038</v>
      </c>
      <c r="M24074" s="2" t="s">
        <v>69039</v>
      </c>
      <c r="N24074" s="5" t="s">
        <v>1521</v>
      </c>
      <c r="O24074" s="5" t="s">
        <v>38</v>
      </c>
      <c r="P24074" s="5" t="s">
        <v>39</v>
      </c>
      <c r="Q24074" s="5" t="s">
        <v>40</v>
      </c>
      <c r="R24074" s="5" t="s">
        <v>1522</v>
      </c>
      <c r="S24074" s="5" t="s">
        <v>1523</v>
      </c>
      <c r="T24074" s="5" t="s">
        <v>42</v>
      </c>
      <c r="U24074" s="2">
        <v>2.4049999999999998</v>
      </c>
      <c r="V24074" s="2">
        <v>1.9350000000000001</v>
      </c>
      <c r="W24074" s="2">
        <v>1.0999999999999999E-2</v>
      </c>
      <c r="X24074" s="2">
        <v>82.9</v>
      </c>
      <c r="Y24074" s="2">
        <v>7.6</v>
      </c>
      <c r="Z24074" s="2">
        <v>16.7</v>
      </c>
      <c r="AA24074" s="5"/>
      <c r="AB24074" s="5" t="s">
        <v>43</v>
      </c>
      <c r="AC24074" s="5" t="s">
        <v>44</v>
      </c>
      <c r="AD24074" s="2"/>
      <c r="AE24074" s="1"/>
    </row>
    <row r="24075" spans="1:31" ht="14.45">
      <c r="A24075" s="11"/>
      <c r="B24075" s="20"/>
      <c r="C24075" s="2" t="s">
        <v>77104</v>
      </c>
      <c r="D24075" s="14" t="s">
        <v>77105</v>
      </c>
      <c r="E24075" s="2" t="s">
        <v>77106</v>
      </c>
      <c r="F24075" s="2" t="s">
        <v>7208</v>
      </c>
      <c r="G24075" s="8">
        <v>232</v>
      </c>
      <c r="H24075" s="5">
        <v>6</v>
      </c>
      <c r="I24075" s="5" t="s">
        <v>1518</v>
      </c>
      <c r="J24075" s="5" t="s">
        <v>69038</v>
      </c>
      <c r="K24075" s="2" t="s">
        <v>69039</v>
      </c>
      <c r="L24075" s="5" t="s">
        <v>69038</v>
      </c>
      <c r="M24075" s="2" t="s">
        <v>69039</v>
      </c>
      <c r="N24075" s="5" t="s">
        <v>1521</v>
      </c>
      <c r="O24075" s="5" t="s">
        <v>38</v>
      </c>
      <c r="P24075" s="5" t="s">
        <v>39</v>
      </c>
      <c r="Q24075" s="5" t="s">
        <v>40</v>
      </c>
      <c r="R24075" s="5" t="s">
        <v>1522</v>
      </c>
      <c r="S24075" s="5" t="s">
        <v>1523</v>
      </c>
      <c r="T24075" s="5" t="s">
        <v>42</v>
      </c>
      <c r="U24075" s="2">
        <v>2.339</v>
      </c>
      <c r="V24075" s="2">
        <v>1.869</v>
      </c>
      <c r="W24075" s="2">
        <v>1.0999999999999999E-2</v>
      </c>
      <c r="X24075" s="2">
        <v>82.9</v>
      </c>
      <c r="Y24075" s="2">
        <v>7.6</v>
      </c>
      <c r="Z24075" s="2">
        <v>16.7</v>
      </c>
      <c r="AA24075" s="5"/>
      <c r="AB24075" s="5" t="s">
        <v>43</v>
      </c>
      <c r="AC24075" s="5" t="s">
        <v>44</v>
      </c>
      <c r="AD24075" s="2"/>
      <c r="AE24075" s="1"/>
    </row>
    <row r="24076" spans="1:31" ht="14.45">
      <c r="A24076" s="11"/>
      <c r="B24076" s="20"/>
      <c r="C24076" s="2" t="s">
        <v>77107</v>
      </c>
      <c r="D24076" s="14" t="s">
        <v>77108</v>
      </c>
      <c r="E24076" s="2" t="s">
        <v>77109</v>
      </c>
      <c r="F24076" s="2" t="s">
        <v>7521</v>
      </c>
      <c r="G24076" s="8">
        <v>232</v>
      </c>
      <c r="H24076" s="5">
        <v>6</v>
      </c>
      <c r="I24076" s="5" t="s">
        <v>1518</v>
      </c>
      <c r="J24076" s="5" t="s">
        <v>69038</v>
      </c>
      <c r="K24076" s="2" t="s">
        <v>69039</v>
      </c>
      <c r="L24076" s="5" t="s">
        <v>69038</v>
      </c>
      <c r="M24076" s="2" t="s">
        <v>69039</v>
      </c>
      <c r="N24076" s="5" t="s">
        <v>1521</v>
      </c>
      <c r="O24076" s="5" t="s">
        <v>38</v>
      </c>
      <c r="P24076" s="5" t="s">
        <v>39</v>
      </c>
      <c r="Q24076" s="5" t="s">
        <v>40</v>
      </c>
      <c r="R24076" s="5" t="s">
        <v>1522</v>
      </c>
      <c r="S24076" s="5" t="s">
        <v>1523</v>
      </c>
      <c r="T24076" s="5" t="s">
        <v>42</v>
      </c>
      <c r="U24076" s="2">
        <v>2.4049999999999998</v>
      </c>
      <c r="V24076" s="2">
        <v>1.9350000000000001</v>
      </c>
      <c r="W24076" s="2">
        <v>1.0999999999999999E-2</v>
      </c>
      <c r="X24076" s="2">
        <v>82.9</v>
      </c>
      <c r="Y24076" s="2">
        <v>7.6</v>
      </c>
      <c r="Z24076" s="2">
        <v>16.7</v>
      </c>
      <c r="AA24076" s="5"/>
      <c r="AB24076" s="5" t="s">
        <v>43</v>
      </c>
      <c r="AC24076" s="5" t="s">
        <v>44</v>
      </c>
      <c r="AD24076" s="2"/>
      <c r="AE24076" s="1"/>
    </row>
    <row r="24077" spans="1:31" ht="14.45">
      <c r="A24077" s="11"/>
      <c r="B24077" s="20"/>
      <c r="C24077" s="2" t="s">
        <v>77110</v>
      </c>
      <c r="D24077" s="14" t="s">
        <v>77111</v>
      </c>
      <c r="E24077" s="2" t="s">
        <v>77112</v>
      </c>
      <c r="F24077" s="2" t="s">
        <v>7535</v>
      </c>
      <c r="G24077" s="8">
        <v>247</v>
      </c>
      <c r="H24077" s="5">
        <v>6</v>
      </c>
      <c r="I24077" s="5" t="s">
        <v>1518</v>
      </c>
      <c r="J24077" s="5" t="s">
        <v>69038</v>
      </c>
      <c r="K24077" s="2" t="s">
        <v>69039</v>
      </c>
      <c r="L24077" s="5" t="s">
        <v>69038</v>
      </c>
      <c r="M24077" s="2" t="s">
        <v>69039</v>
      </c>
      <c r="N24077" s="5" t="s">
        <v>1521</v>
      </c>
      <c r="O24077" s="5" t="s">
        <v>38</v>
      </c>
      <c r="P24077" s="5" t="s">
        <v>39</v>
      </c>
      <c r="Q24077" s="5" t="s">
        <v>40</v>
      </c>
      <c r="R24077" s="5" t="s">
        <v>1522</v>
      </c>
      <c r="S24077" s="5" t="s">
        <v>1523</v>
      </c>
      <c r="T24077" s="5" t="s">
        <v>42</v>
      </c>
      <c r="U24077" s="2">
        <v>2.4049999999999998</v>
      </c>
      <c r="V24077" s="2">
        <v>1.9350000000000001</v>
      </c>
      <c r="W24077" s="2">
        <v>1.0999999999999999E-2</v>
      </c>
      <c r="X24077" s="2">
        <v>82.9</v>
      </c>
      <c r="Y24077" s="2">
        <v>7.6</v>
      </c>
      <c r="Z24077" s="2">
        <v>16.7</v>
      </c>
      <c r="AA24077" s="5"/>
      <c r="AB24077" s="5" t="s">
        <v>43</v>
      </c>
      <c r="AC24077" s="5" t="s">
        <v>44</v>
      </c>
      <c r="AD24077" s="2"/>
      <c r="AE24077" s="1"/>
    </row>
    <row r="24078" spans="1:31" ht="14.45">
      <c r="A24078" s="11"/>
      <c r="B24078" s="20"/>
      <c r="C24078" s="2" t="s">
        <v>77113</v>
      </c>
      <c r="D24078" s="14" t="s">
        <v>77114</v>
      </c>
      <c r="E24078" s="2" t="s">
        <v>77115</v>
      </c>
      <c r="F24078" s="2" t="s">
        <v>7539</v>
      </c>
      <c r="G24078" s="8">
        <v>247</v>
      </c>
      <c r="H24078" s="5">
        <v>6</v>
      </c>
      <c r="I24078" s="5" t="s">
        <v>1518</v>
      </c>
      <c r="J24078" s="5" t="s">
        <v>69038</v>
      </c>
      <c r="K24078" s="2" t="s">
        <v>69039</v>
      </c>
      <c r="L24078" s="5" t="s">
        <v>69038</v>
      </c>
      <c r="M24078" s="2" t="s">
        <v>69039</v>
      </c>
      <c r="N24078" s="5" t="s">
        <v>1521</v>
      </c>
      <c r="O24078" s="5" t="s">
        <v>38</v>
      </c>
      <c r="P24078" s="5" t="s">
        <v>39</v>
      </c>
      <c r="Q24078" s="5" t="s">
        <v>40</v>
      </c>
      <c r="R24078" s="5" t="s">
        <v>1522</v>
      </c>
      <c r="S24078" s="5" t="s">
        <v>1523</v>
      </c>
      <c r="T24078" s="5" t="s">
        <v>42</v>
      </c>
      <c r="U24078" s="2">
        <v>2.339</v>
      </c>
      <c r="V24078" s="2">
        <v>1.869</v>
      </c>
      <c r="W24078" s="2">
        <v>1.0999999999999999E-2</v>
      </c>
      <c r="X24078" s="2">
        <v>82.9</v>
      </c>
      <c r="Y24078" s="2">
        <v>7.6</v>
      </c>
      <c r="Z24078" s="2">
        <v>16.7</v>
      </c>
      <c r="AA24078" s="5"/>
      <c r="AB24078" s="5" t="s">
        <v>43</v>
      </c>
      <c r="AC24078" s="5" t="s">
        <v>44</v>
      </c>
      <c r="AD24078" s="2"/>
      <c r="AE24078" s="1"/>
    </row>
    <row r="24079" spans="1:31" ht="14.45">
      <c r="A24079" s="11"/>
      <c r="B24079" s="20"/>
      <c r="C24079" s="2" t="s">
        <v>77116</v>
      </c>
      <c r="D24079" s="14" t="s">
        <v>77117</v>
      </c>
      <c r="E24079" s="2" t="s">
        <v>77118</v>
      </c>
      <c r="F24079" s="2" t="s">
        <v>7543</v>
      </c>
      <c r="G24079" s="8">
        <v>247</v>
      </c>
      <c r="H24079" s="5">
        <v>6</v>
      </c>
      <c r="I24079" s="5" t="s">
        <v>1518</v>
      </c>
      <c r="J24079" s="5" t="s">
        <v>69038</v>
      </c>
      <c r="K24079" s="2" t="s">
        <v>69039</v>
      </c>
      <c r="L24079" s="5" t="s">
        <v>69038</v>
      </c>
      <c r="M24079" s="2" t="s">
        <v>69039</v>
      </c>
      <c r="N24079" s="5" t="s">
        <v>1521</v>
      </c>
      <c r="O24079" s="5" t="s">
        <v>38</v>
      </c>
      <c r="P24079" s="5" t="s">
        <v>39</v>
      </c>
      <c r="Q24079" s="5" t="s">
        <v>40</v>
      </c>
      <c r="R24079" s="5" t="s">
        <v>1522</v>
      </c>
      <c r="S24079" s="5" t="s">
        <v>1523</v>
      </c>
      <c r="T24079" s="5" t="s">
        <v>42</v>
      </c>
      <c r="U24079" s="2">
        <v>2.4049999999999998</v>
      </c>
      <c r="V24079" s="2">
        <v>1.9350000000000001</v>
      </c>
      <c r="W24079" s="2">
        <v>1.0999999999999999E-2</v>
      </c>
      <c r="X24079" s="2">
        <v>82.9</v>
      </c>
      <c r="Y24079" s="2">
        <v>7.6</v>
      </c>
      <c r="Z24079" s="2">
        <v>16.7</v>
      </c>
      <c r="AA24079" s="5"/>
      <c r="AB24079" s="5" t="s">
        <v>43</v>
      </c>
      <c r="AC24079" s="5" t="s">
        <v>44</v>
      </c>
      <c r="AD24079" s="2"/>
      <c r="AE24079" s="1"/>
    </row>
    <row r="24080" spans="1:31" ht="14.45">
      <c r="A24080" s="11"/>
      <c r="B24080" s="20"/>
      <c r="C24080" s="2" t="s">
        <v>77119</v>
      </c>
      <c r="D24080" s="14" t="s">
        <v>77120</v>
      </c>
      <c r="E24080" s="2" t="s">
        <v>77121</v>
      </c>
      <c r="F24080" s="2" t="s">
        <v>7396</v>
      </c>
      <c r="G24080" s="8">
        <v>232</v>
      </c>
      <c r="H24080" s="5">
        <v>6</v>
      </c>
      <c r="I24080" s="5" t="s">
        <v>1518</v>
      </c>
      <c r="J24080" s="5" t="s">
        <v>69038</v>
      </c>
      <c r="K24080" s="2" t="s">
        <v>69039</v>
      </c>
      <c r="L24080" s="5" t="s">
        <v>69038</v>
      </c>
      <c r="M24080" s="2" t="s">
        <v>69039</v>
      </c>
      <c r="N24080" s="5" t="s">
        <v>1521</v>
      </c>
      <c r="O24080" s="5" t="s">
        <v>38</v>
      </c>
      <c r="P24080" s="5" t="s">
        <v>39</v>
      </c>
      <c r="Q24080" s="5" t="s">
        <v>40</v>
      </c>
      <c r="R24080" s="5" t="s">
        <v>1522</v>
      </c>
      <c r="S24080" s="5" t="s">
        <v>1523</v>
      </c>
      <c r="T24080" s="5" t="s">
        <v>42</v>
      </c>
      <c r="U24080" s="2">
        <v>2.339</v>
      </c>
      <c r="V24080" s="2">
        <v>1.869</v>
      </c>
      <c r="W24080" s="2">
        <v>1.0999999999999999E-2</v>
      </c>
      <c r="X24080" s="2">
        <v>82.9</v>
      </c>
      <c r="Y24080" s="2">
        <v>7.6</v>
      </c>
      <c r="Z24080" s="2">
        <v>16.7</v>
      </c>
      <c r="AA24080" s="5"/>
      <c r="AB24080" s="5" t="s">
        <v>43</v>
      </c>
      <c r="AC24080" s="5" t="s">
        <v>44</v>
      </c>
      <c r="AD24080" s="2"/>
      <c r="AE24080" s="1"/>
    </row>
    <row r="24081" spans="1:31" ht="14.45">
      <c r="A24081" s="11"/>
      <c r="B24081" s="20"/>
      <c r="C24081" s="2" t="s">
        <v>77122</v>
      </c>
      <c r="D24081" s="14" t="s">
        <v>77123</v>
      </c>
      <c r="E24081" s="2" t="s">
        <v>77124</v>
      </c>
      <c r="F24081" s="2" t="s">
        <v>7507</v>
      </c>
      <c r="G24081" s="8">
        <v>232</v>
      </c>
      <c r="H24081" s="5">
        <v>6</v>
      </c>
      <c r="I24081" s="5" t="s">
        <v>1518</v>
      </c>
      <c r="J24081" s="5" t="s">
        <v>69038</v>
      </c>
      <c r="K24081" s="2" t="s">
        <v>69039</v>
      </c>
      <c r="L24081" s="5" t="s">
        <v>69038</v>
      </c>
      <c r="M24081" s="2" t="s">
        <v>69039</v>
      </c>
      <c r="N24081" s="5" t="s">
        <v>1521</v>
      </c>
      <c r="O24081" s="5" t="s">
        <v>38</v>
      </c>
      <c r="P24081" s="5" t="s">
        <v>39</v>
      </c>
      <c r="Q24081" s="5" t="s">
        <v>40</v>
      </c>
      <c r="R24081" s="5" t="s">
        <v>1522</v>
      </c>
      <c r="S24081" s="5" t="s">
        <v>1523</v>
      </c>
      <c r="T24081" s="5" t="s">
        <v>42</v>
      </c>
      <c r="U24081" s="2">
        <v>2.4049999999999998</v>
      </c>
      <c r="V24081" s="2">
        <v>1.9350000000000001</v>
      </c>
      <c r="W24081" s="2">
        <v>1.0999999999999999E-2</v>
      </c>
      <c r="X24081" s="2">
        <v>82.9</v>
      </c>
      <c r="Y24081" s="2">
        <v>7.6</v>
      </c>
      <c r="Z24081" s="2">
        <v>16.7</v>
      </c>
      <c r="AA24081" s="5"/>
      <c r="AB24081" s="5" t="s">
        <v>43</v>
      </c>
      <c r="AC24081" s="5" t="s">
        <v>44</v>
      </c>
      <c r="AD24081" s="2"/>
      <c r="AE24081" s="1"/>
    </row>
    <row r="24082" spans="1:31" ht="14.45">
      <c r="A24082" s="11"/>
      <c r="B24082" s="20"/>
      <c r="C24082" s="2" t="s">
        <v>77125</v>
      </c>
      <c r="D24082" s="14" t="s">
        <v>77126</v>
      </c>
      <c r="E24082" s="2" t="s">
        <v>77127</v>
      </c>
      <c r="F24082" s="2" t="s">
        <v>7547</v>
      </c>
      <c r="G24082" s="8">
        <v>247</v>
      </c>
      <c r="H24082" s="5">
        <v>6</v>
      </c>
      <c r="I24082" s="5" t="s">
        <v>1518</v>
      </c>
      <c r="J24082" s="5" t="s">
        <v>69038</v>
      </c>
      <c r="K24082" s="2" t="s">
        <v>69039</v>
      </c>
      <c r="L24082" s="5" t="s">
        <v>69038</v>
      </c>
      <c r="M24082" s="2" t="s">
        <v>69039</v>
      </c>
      <c r="N24082" s="5" t="s">
        <v>1521</v>
      </c>
      <c r="O24082" s="5" t="s">
        <v>38</v>
      </c>
      <c r="P24082" s="5" t="s">
        <v>39</v>
      </c>
      <c r="Q24082" s="5" t="s">
        <v>40</v>
      </c>
      <c r="R24082" s="5" t="s">
        <v>1522</v>
      </c>
      <c r="S24082" s="5" t="s">
        <v>1523</v>
      </c>
      <c r="T24082" s="5" t="s">
        <v>42</v>
      </c>
      <c r="U24082" s="2">
        <v>2.339</v>
      </c>
      <c r="V24082" s="2">
        <v>1.869</v>
      </c>
      <c r="W24082" s="2">
        <v>1.0999999999999999E-2</v>
      </c>
      <c r="X24082" s="2">
        <v>82.9</v>
      </c>
      <c r="Y24082" s="2">
        <v>7.6</v>
      </c>
      <c r="Z24082" s="2">
        <v>16.7</v>
      </c>
      <c r="AA24082" s="5"/>
      <c r="AB24082" s="5" t="s">
        <v>43</v>
      </c>
      <c r="AC24082" s="5" t="s">
        <v>44</v>
      </c>
      <c r="AD24082" s="2"/>
      <c r="AE24082" s="1"/>
    </row>
    <row r="24083" spans="1:31" ht="14.45">
      <c r="A24083" s="11"/>
      <c r="B24083" s="20"/>
      <c r="C24083" s="2" t="s">
        <v>77128</v>
      </c>
      <c r="D24083" s="14" t="s">
        <v>77129</v>
      </c>
      <c r="E24083" s="2" t="s">
        <v>77130</v>
      </c>
      <c r="F24083" s="2" t="s">
        <v>7567</v>
      </c>
      <c r="G24083" s="8">
        <v>247</v>
      </c>
      <c r="H24083" s="5">
        <v>6</v>
      </c>
      <c r="I24083" s="5" t="s">
        <v>1518</v>
      </c>
      <c r="J24083" s="5" t="s">
        <v>69038</v>
      </c>
      <c r="K24083" s="2" t="s">
        <v>69039</v>
      </c>
      <c r="L24083" s="5" t="s">
        <v>69038</v>
      </c>
      <c r="M24083" s="2" t="s">
        <v>69039</v>
      </c>
      <c r="N24083" s="5" t="s">
        <v>1521</v>
      </c>
      <c r="O24083" s="5" t="s">
        <v>38</v>
      </c>
      <c r="P24083" s="5" t="s">
        <v>39</v>
      </c>
      <c r="Q24083" s="5" t="s">
        <v>40</v>
      </c>
      <c r="R24083" s="5" t="s">
        <v>1522</v>
      </c>
      <c r="S24083" s="5" t="s">
        <v>1523</v>
      </c>
      <c r="T24083" s="5" t="s">
        <v>42</v>
      </c>
      <c r="U24083" s="2">
        <v>2.4049999999999998</v>
      </c>
      <c r="V24083" s="2">
        <v>1.9350000000000001</v>
      </c>
      <c r="W24083" s="2">
        <v>1.0999999999999999E-2</v>
      </c>
      <c r="X24083" s="2">
        <v>82.9</v>
      </c>
      <c r="Y24083" s="2">
        <v>7.6</v>
      </c>
      <c r="Z24083" s="2">
        <v>16.7</v>
      </c>
      <c r="AA24083" s="5"/>
      <c r="AB24083" s="5" t="s">
        <v>43</v>
      </c>
      <c r="AC24083" s="5" t="s">
        <v>44</v>
      </c>
      <c r="AD24083" s="2"/>
      <c r="AE24083" s="1"/>
    </row>
    <row r="24084" spans="1:31" ht="14.45">
      <c r="A24084" s="11"/>
      <c r="B24084" s="20"/>
      <c r="C24084" s="2" t="s">
        <v>77131</v>
      </c>
      <c r="D24084" s="14" t="s">
        <v>77132</v>
      </c>
      <c r="E24084" s="2" t="s">
        <v>77133</v>
      </c>
      <c r="F24084" s="2" t="s">
        <v>7449</v>
      </c>
      <c r="G24084" s="8">
        <v>247</v>
      </c>
      <c r="H24084" s="5">
        <v>6</v>
      </c>
      <c r="I24084" s="5" t="s">
        <v>1518</v>
      </c>
      <c r="J24084" s="5" t="s">
        <v>69038</v>
      </c>
      <c r="K24084" s="2" t="s">
        <v>69039</v>
      </c>
      <c r="L24084" s="5" t="s">
        <v>69038</v>
      </c>
      <c r="M24084" s="2" t="s">
        <v>69039</v>
      </c>
      <c r="N24084" s="5" t="s">
        <v>1521</v>
      </c>
      <c r="O24084" s="5" t="s">
        <v>38</v>
      </c>
      <c r="P24084" s="5" t="s">
        <v>39</v>
      </c>
      <c r="Q24084" s="5" t="s">
        <v>40</v>
      </c>
      <c r="R24084" s="5" t="s">
        <v>1522</v>
      </c>
      <c r="S24084" s="5" t="s">
        <v>1523</v>
      </c>
      <c r="T24084" s="5" t="s">
        <v>42</v>
      </c>
      <c r="U24084" s="2">
        <v>2.339</v>
      </c>
      <c r="V24084" s="2">
        <v>1.869</v>
      </c>
      <c r="W24084" s="2">
        <v>1.0999999999999999E-2</v>
      </c>
      <c r="X24084" s="2">
        <v>82.9</v>
      </c>
      <c r="Y24084" s="2">
        <v>7.6</v>
      </c>
      <c r="Z24084" s="2">
        <v>16.7</v>
      </c>
      <c r="AA24084" s="5"/>
      <c r="AB24084" s="5" t="s">
        <v>43</v>
      </c>
      <c r="AC24084" s="5" t="s">
        <v>44</v>
      </c>
      <c r="AD24084" s="2"/>
      <c r="AE24084" s="1"/>
    </row>
    <row r="24085" spans="1:31" ht="14.45">
      <c r="A24085" s="11"/>
      <c r="B24085" s="20"/>
      <c r="C24085" s="2" t="s">
        <v>77134</v>
      </c>
      <c r="D24085" s="14" t="s">
        <v>77135</v>
      </c>
      <c r="E24085" s="2" t="s">
        <v>77136</v>
      </c>
      <c r="F24085" s="2" t="s">
        <v>7581</v>
      </c>
      <c r="G24085" s="8">
        <v>247</v>
      </c>
      <c r="H24085" s="5">
        <v>6</v>
      </c>
      <c r="I24085" s="5" t="s">
        <v>1518</v>
      </c>
      <c r="J24085" s="5" t="s">
        <v>69038</v>
      </c>
      <c r="K24085" s="2" t="s">
        <v>69039</v>
      </c>
      <c r="L24085" s="5" t="s">
        <v>69038</v>
      </c>
      <c r="M24085" s="2" t="s">
        <v>69039</v>
      </c>
      <c r="N24085" s="5" t="s">
        <v>1521</v>
      </c>
      <c r="O24085" s="5" t="s">
        <v>38</v>
      </c>
      <c r="P24085" s="5" t="s">
        <v>39</v>
      </c>
      <c r="Q24085" s="5" t="s">
        <v>40</v>
      </c>
      <c r="R24085" s="5" t="s">
        <v>1522</v>
      </c>
      <c r="S24085" s="5" t="s">
        <v>1523</v>
      </c>
      <c r="T24085" s="5" t="s">
        <v>42</v>
      </c>
      <c r="U24085" s="2">
        <v>2.4049999999999998</v>
      </c>
      <c r="V24085" s="2">
        <v>1.9350000000000001</v>
      </c>
      <c r="W24085" s="2">
        <v>1.0999999999999999E-2</v>
      </c>
      <c r="X24085" s="2">
        <v>82.9</v>
      </c>
      <c r="Y24085" s="2">
        <v>7.6</v>
      </c>
      <c r="Z24085" s="2">
        <v>16.7</v>
      </c>
      <c r="AA24085" s="5"/>
      <c r="AB24085" s="5" t="s">
        <v>43</v>
      </c>
      <c r="AC24085" s="5" t="s">
        <v>44</v>
      </c>
      <c r="AD24085" s="2"/>
      <c r="AE24085" s="1"/>
    </row>
    <row r="24086" spans="1:31" ht="14.45">
      <c r="A24086" s="11"/>
      <c r="B24086" s="20"/>
      <c r="C24086" s="2" t="s">
        <v>77137</v>
      </c>
      <c r="D24086" s="14" t="s">
        <v>77138</v>
      </c>
      <c r="E24086" s="2" t="s">
        <v>77139</v>
      </c>
      <c r="F24086" s="2" t="s">
        <v>73362</v>
      </c>
      <c r="G24086" s="8">
        <v>247</v>
      </c>
      <c r="H24086" s="5">
        <v>6</v>
      </c>
      <c r="I24086" s="5" t="s">
        <v>1518</v>
      </c>
      <c r="J24086" s="5" t="s">
        <v>69038</v>
      </c>
      <c r="K24086" s="2" t="s">
        <v>69039</v>
      </c>
      <c r="L24086" s="5" t="s">
        <v>69038</v>
      </c>
      <c r="M24086" s="2" t="s">
        <v>69039</v>
      </c>
      <c r="N24086" s="5" t="s">
        <v>1521</v>
      </c>
      <c r="O24086" s="5" t="s">
        <v>38</v>
      </c>
      <c r="P24086" s="5" t="s">
        <v>39</v>
      </c>
      <c r="Q24086" s="5" t="s">
        <v>40</v>
      </c>
      <c r="R24086" s="5" t="s">
        <v>1522</v>
      </c>
      <c r="S24086" s="5" t="s">
        <v>1523</v>
      </c>
      <c r="T24086" s="5" t="s">
        <v>42</v>
      </c>
      <c r="U24086" s="2">
        <v>2.4049999999999998</v>
      </c>
      <c r="V24086" s="2">
        <v>1.9350000000000001</v>
      </c>
      <c r="W24086" s="2">
        <v>1.0999999999999999E-2</v>
      </c>
      <c r="X24086" s="2">
        <v>82.9</v>
      </c>
      <c r="Y24086" s="2">
        <v>7.6</v>
      </c>
      <c r="Z24086" s="2">
        <v>16.7</v>
      </c>
      <c r="AA24086" s="5"/>
      <c r="AB24086" s="5" t="s">
        <v>43</v>
      </c>
      <c r="AC24086" s="5" t="s">
        <v>44</v>
      </c>
      <c r="AD24086" s="2"/>
      <c r="AE24086" s="1"/>
    </row>
    <row r="24087" spans="1:31" ht="14.45">
      <c r="A24087" s="11"/>
      <c r="B24087" s="20"/>
      <c r="C24087" s="2" t="s">
        <v>77140</v>
      </c>
      <c r="D24087" s="14" t="s">
        <v>77141</v>
      </c>
      <c r="E24087" s="2" t="s">
        <v>77142</v>
      </c>
      <c r="F24087" s="2" t="s">
        <v>7619</v>
      </c>
      <c r="G24087" s="8">
        <v>247</v>
      </c>
      <c r="H24087" s="5">
        <v>6</v>
      </c>
      <c r="I24087" s="5" t="s">
        <v>1518</v>
      </c>
      <c r="J24087" s="5" t="s">
        <v>69038</v>
      </c>
      <c r="K24087" s="2" t="s">
        <v>69039</v>
      </c>
      <c r="L24087" s="5" t="s">
        <v>69038</v>
      </c>
      <c r="M24087" s="2" t="s">
        <v>69039</v>
      </c>
      <c r="N24087" s="5" t="s">
        <v>1521</v>
      </c>
      <c r="O24087" s="5" t="s">
        <v>38</v>
      </c>
      <c r="P24087" s="5" t="s">
        <v>39</v>
      </c>
      <c r="Q24087" s="5" t="s">
        <v>40</v>
      </c>
      <c r="R24087" s="5" t="s">
        <v>1522</v>
      </c>
      <c r="S24087" s="5" t="s">
        <v>1523</v>
      </c>
      <c r="T24087" s="5" t="s">
        <v>42</v>
      </c>
      <c r="U24087" s="2">
        <v>2.4049999999999998</v>
      </c>
      <c r="V24087" s="2">
        <v>1.9350000000000001</v>
      </c>
      <c r="W24087" s="2">
        <v>1.0999999999999999E-2</v>
      </c>
      <c r="X24087" s="2">
        <v>82.9</v>
      </c>
      <c r="Y24087" s="2">
        <v>7.6</v>
      </c>
      <c r="Z24087" s="2">
        <v>16.7</v>
      </c>
      <c r="AA24087" s="5"/>
      <c r="AB24087" s="5" t="s">
        <v>43</v>
      </c>
      <c r="AC24087" s="5" t="s">
        <v>44</v>
      </c>
      <c r="AD24087" s="2"/>
      <c r="AE24087" s="1"/>
    </row>
    <row r="24088" spans="1:31" ht="14.45">
      <c r="A24088" s="11"/>
      <c r="B24088" s="20"/>
      <c r="C24088" s="2" t="s">
        <v>77143</v>
      </c>
      <c r="D24088" s="14" t="s">
        <v>77144</v>
      </c>
      <c r="E24088" s="2" t="s">
        <v>77145</v>
      </c>
      <c r="F24088" s="2" t="s">
        <v>16219</v>
      </c>
      <c r="G24088" s="8">
        <v>247</v>
      </c>
      <c r="H24088" s="5">
        <v>6</v>
      </c>
      <c r="I24088" s="5" t="s">
        <v>1518</v>
      </c>
      <c r="J24088" s="5" t="s">
        <v>69038</v>
      </c>
      <c r="K24088" s="2" t="s">
        <v>69039</v>
      </c>
      <c r="L24088" s="5" t="s">
        <v>69038</v>
      </c>
      <c r="M24088" s="2" t="s">
        <v>69039</v>
      </c>
      <c r="N24088" s="5" t="s">
        <v>1521</v>
      </c>
      <c r="O24088" s="5" t="s">
        <v>38</v>
      </c>
      <c r="P24088" s="5" t="s">
        <v>39</v>
      </c>
      <c r="Q24088" s="5" t="s">
        <v>40</v>
      </c>
      <c r="R24088" s="5" t="s">
        <v>1522</v>
      </c>
      <c r="S24088" s="5" t="s">
        <v>1523</v>
      </c>
      <c r="T24088" s="5" t="s">
        <v>42</v>
      </c>
      <c r="U24088" s="2">
        <v>2.4049999999999998</v>
      </c>
      <c r="V24088" s="2">
        <v>1.9350000000000001</v>
      </c>
      <c r="W24088" s="2">
        <v>1.0999999999999999E-2</v>
      </c>
      <c r="X24088" s="2">
        <v>82.9</v>
      </c>
      <c r="Y24088" s="2">
        <v>7.6</v>
      </c>
      <c r="Z24088" s="2">
        <v>16.7</v>
      </c>
      <c r="AA24088" s="5"/>
      <c r="AB24088" s="5" t="s">
        <v>43</v>
      </c>
      <c r="AC24088" s="5" t="s">
        <v>44</v>
      </c>
      <c r="AD24088" s="2"/>
      <c r="AE24088" s="1"/>
    </row>
    <row r="24089" spans="1:31" ht="14.45">
      <c r="A24089" s="11"/>
      <c r="B24089" s="20"/>
      <c r="C24089" s="2" t="s">
        <v>77146</v>
      </c>
      <c r="D24089" s="14" t="s">
        <v>77147</v>
      </c>
      <c r="E24089" s="2" t="s">
        <v>77148</v>
      </c>
      <c r="F24089" s="2" t="s">
        <v>7528</v>
      </c>
      <c r="G24089" s="8">
        <v>232</v>
      </c>
      <c r="H24089" s="5">
        <v>6</v>
      </c>
      <c r="I24089" s="5" t="s">
        <v>1518</v>
      </c>
      <c r="J24089" s="5" t="s">
        <v>69038</v>
      </c>
      <c r="K24089" s="2" t="s">
        <v>69039</v>
      </c>
      <c r="L24089" s="5" t="s">
        <v>69038</v>
      </c>
      <c r="M24089" s="2" t="s">
        <v>69039</v>
      </c>
      <c r="N24089" s="5" t="s">
        <v>1521</v>
      </c>
      <c r="O24089" s="5" t="s">
        <v>38</v>
      </c>
      <c r="P24089" s="5" t="s">
        <v>39</v>
      </c>
      <c r="Q24089" s="5" t="s">
        <v>40</v>
      </c>
      <c r="R24089" s="5" t="s">
        <v>1522</v>
      </c>
      <c r="S24089" s="5" t="s">
        <v>1523</v>
      </c>
      <c r="T24089" s="5" t="s">
        <v>42</v>
      </c>
      <c r="U24089" s="2">
        <v>2.4049999999999998</v>
      </c>
      <c r="V24089" s="2">
        <v>1.9350000000000001</v>
      </c>
      <c r="W24089" s="2">
        <v>1.0999999999999999E-2</v>
      </c>
      <c r="X24089" s="2">
        <v>82.9</v>
      </c>
      <c r="Y24089" s="2">
        <v>7.6</v>
      </c>
      <c r="Z24089" s="2">
        <v>16.7</v>
      </c>
      <c r="AA24089" s="5"/>
      <c r="AB24089" s="5" t="s">
        <v>43</v>
      </c>
      <c r="AC24089" s="5" t="s">
        <v>44</v>
      </c>
      <c r="AD24089" s="2"/>
      <c r="AE24089" s="1"/>
    </row>
    <row r="24090" spans="1:31" ht="14.45">
      <c r="A24090" s="11"/>
      <c r="B24090" s="20"/>
      <c r="C24090" s="2" t="s">
        <v>77149</v>
      </c>
      <c r="D24090" s="14" t="s">
        <v>77150</v>
      </c>
      <c r="E24090" s="2" t="s">
        <v>77151</v>
      </c>
      <c r="F24090" s="2" t="s">
        <v>16029</v>
      </c>
      <c r="G24090" s="8">
        <v>247</v>
      </c>
      <c r="H24090" s="5">
        <v>6</v>
      </c>
      <c r="I24090" s="5" t="s">
        <v>1518</v>
      </c>
      <c r="J24090" s="5" t="s">
        <v>69038</v>
      </c>
      <c r="K24090" s="2" t="s">
        <v>69039</v>
      </c>
      <c r="L24090" s="5" t="s">
        <v>69038</v>
      </c>
      <c r="M24090" s="2" t="s">
        <v>69039</v>
      </c>
      <c r="N24090" s="5" t="s">
        <v>1521</v>
      </c>
      <c r="O24090" s="5" t="s">
        <v>38</v>
      </c>
      <c r="P24090" s="5" t="s">
        <v>39</v>
      </c>
      <c r="Q24090" s="5" t="s">
        <v>40</v>
      </c>
      <c r="R24090" s="5" t="s">
        <v>1522</v>
      </c>
      <c r="S24090" s="5" t="s">
        <v>1523</v>
      </c>
      <c r="T24090" s="5" t="s">
        <v>42</v>
      </c>
      <c r="U24090" s="2">
        <v>2.3170000000000002</v>
      </c>
      <c r="V24090" s="2">
        <v>1.847</v>
      </c>
      <c r="W24090" s="2">
        <v>1.0999999999999999E-2</v>
      </c>
      <c r="X24090" s="2">
        <v>82.9</v>
      </c>
      <c r="Y24090" s="2">
        <v>7.6</v>
      </c>
      <c r="Z24090" s="2">
        <v>16.7</v>
      </c>
      <c r="AA24090" s="5"/>
      <c r="AB24090" s="5" t="s">
        <v>43</v>
      </c>
      <c r="AC24090" s="5" t="s">
        <v>44</v>
      </c>
      <c r="AD24090" s="2"/>
      <c r="AE24090" s="1"/>
    </row>
    <row r="24091" spans="1:31" ht="14.45">
      <c r="A24091" s="11"/>
      <c r="B24091" s="20"/>
      <c r="C24091" s="2" t="s">
        <v>77152</v>
      </c>
      <c r="D24091" s="14" t="s">
        <v>77153</v>
      </c>
      <c r="E24091" s="2" t="s">
        <v>77154</v>
      </c>
      <c r="F24091" s="2" t="s">
        <v>16033</v>
      </c>
      <c r="G24091" s="8">
        <v>247</v>
      </c>
      <c r="H24091" s="5">
        <v>6</v>
      </c>
      <c r="I24091" s="5" t="s">
        <v>1518</v>
      </c>
      <c r="J24091" s="5" t="s">
        <v>69038</v>
      </c>
      <c r="K24091" s="2" t="s">
        <v>69039</v>
      </c>
      <c r="L24091" s="5" t="s">
        <v>69038</v>
      </c>
      <c r="M24091" s="2" t="s">
        <v>69039</v>
      </c>
      <c r="N24091" s="5" t="s">
        <v>1521</v>
      </c>
      <c r="O24091" s="5" t="s">
        <v>38</v>
      </c>
      <c r="P24091" s="5" t="s">
        <v>39</v>
      </c>
      <c r="Q24091" s="5" t="s">
        <v>40</v>
      </c>
      <c r="R24091" s="5" t="s">
        <v>1522</v>
      </c>
      <c r="S24091" s="5" t="s">
        <v>1523</v>
      </c>
      <c r="T24091" s="5" t="s">
        <v>42</v>
      </c>
      <c r="U24091" s="2">
        <v>2.383</v>
      </c>
      <c r="V24091" s="2">
        <v>1.913</v>
      </c>
      <c r="W24091" s="2">
        <v>1.0999999999999999E-2</v>
      </c>
      <c r="X24091" s="2">
        <v>82.9</v>
      </c>
      <c r="Y24091" s="2">
        <v>7.6</v>
      </c>
      <c r="Z24091" s="2">
        <v>16.7</v>
      </c>
      <c r="AA24091" s="5"/>
      <c r="AB24091" s="5" t="s">
        <v>43</v>
      </c>
      <c r="AC24091" s="5" t="s">
        <v>44</v>
      </c>
      <c r="AD24091" s="2"/>
      <c r="AE24091" s="1"/>
    </row>
    <row r="24092" spans="1:31" ht="14.45">
      <c r="A24092" s="11"/>
      <c r="B24092" s="20"/>
      <c r="C24092" s="2" t="s">
        <v>77155</v>
      </c>
      <c r="D24092" s="14" t="s">
        <v>77156</v>
      </c>
      <c r="E24092" s="2" t="s">
        <v>77157</v>
      </c>
      <c r="F24092" s="2" t="s">
        <v>7204</v>
      </c>
      <c r="G24092" s="8">
        <v>243</v>
      </c>
      <c r="H24092" s="5">
        <v>6</v>
      </c>
      <c r="I24092" s="5" t="s">
        <v>1518</v>
      </c>
      <c r="J24092" s="5" t="s">
        <v>69038</v>
      </c>
      <c r="K24092" s="2" t="s">
        <v>69039</v>
      </c>
      <c r="L24092" s="5" t="s">
        <v>69038</v>
      </c>
      <c r="M24092" s="2" t="s">
        <v>69039</v>
      </c>
      <c r="N24092" s="5" t="s">
        <v>1521</v>
      </c>
      <c r="O24092" s="5" t="s">
        <v>38</v>
      </c>
      <c r="P24092" s="5" t="s">
        <v>39</v>
      </c>
      <c r="Q24092" s="5" t="s">
        <v>40</v>
      </c>
      <c r="R24092" s="5" t="s">
        <v>1522</v>
      </c>
      <c r="S24092" s="5" t="s">
        <v>1523</v>
      </c>
      <c r="T24092" s="5" t="s">
        <v>42</v>
      </c>
      <c r="U24092" s="2">
        <v>2.581</v>
      </c>
      <c r="V24092" s="2">
        <v>2.024</v>
      </c>
      <c r="W24092" s="2">
        <v>1.4999999999999999E-2</v>
      </c>
      <c r="X24092" s="2">
        <v>118.9</v>
      </c>
      <c r="Y24092" s="2">
        <v>7.6</v>
      </c>
      <c r="Z24092" s="2">
        <v>16.7</v>
      </c>
      <c r="AA24092" s="5"/>
      <c r="AB24092" s="5" t="s">
        <v>43</v>
      </c>
      <c r="AC24092" s="5" t="s">
        <v>44</v>
      </c>
      <c r="AD24092" s="2"/>
      <c r="AE24092" s="1"/>
    </row>
    <row r="24093" spans="1:31" ht="14.45">
      <c r="A24093" s="11"/>
      <c r="B24093" s="20"/>
      <c r="C24093" s="2" t="s">
        <v>77158</v>
      </c>
      <c r="D24093" s="14" t="s">
        <v>77159</v>
      </c>
      <c r="E24093" s="2" t="s">
        <v>77160</v>
      </c>
      <c r="F24093" s="2" t="s">
        <v>7514</v>
      </c>
      <c r="G24093" s="8">
        <v>243</v>
      </c>
      <c r="H24093" s="5">
        <v>6</v>
      </c>
      <c r="I24093" s="5" t="s">
        <v>1518</v>
      </c>
      <c r="J24093" s="5" t="s">
        <v>69038</v>
      </c>
      <c r="K24093" s="2" t="s">
        <v>69039</v>
      </c>
      <c r="L24093" s="5" t="s">
        <v>69038</v>
      </c>
      <c r="M24093" s="2" t="s">
        <v>69039</v>
      </c>
      <c r="N24093" s="5" t="s">
        <v>1521</v>
      </c>
      <c r="O24093" s="5" t="s">
        <v>38</v>
      </c>
      <c r="P24093" s="5" t="s">
        <v>39</v>
      </c>
      <c r="Q24093" s="5" t="s">
        <v>40</v>
      </c>
      <c r="R24093" s="5" t="s">
        <v>1522</v>
      </c>
      <c r="S24093" s="5" t="s">
        <v>1523</v>
      </c>
      <c r="T24093" s="5" t="s">
        <v>42</v>
      </c>
      <c r="U24093" s="2">
        <v>2.6579999999999999</v>
      </c>
      <c r="V24093" s="2">
        <v>2.101</v>
      </c>
      <c r="W24093" s="2">
        <v>1.4999999999999999E-2</v>
      </c>
      <c r="X24093" s="2">
        <v>118.9</v>
      </c>
      <c r="Y24093" s="2">
        <v>7.6</v>
      </c>
      <c r="Z24093" s="2">
        <v>16.7</v>
      </c>
      <c r="AA24093" s="5"/>
      <c r="AB24093" s="5" t="s">
        <v>43</v>
      </c>
      <c r="AC24093" s="5" t="s">
        <v>44</v>
      </c>
      <c r="AD24093" s="2"/>
      <c r="AE24093" s="1"/>
    </row>
    <row r="24094" spans="1:31" ht="14.45">
      <c r="A24094" s="11"/>
      <c r="B24094" s="20"/>
      <c r="C24094" s="2" t="s">
        <v>77161</v>
      </c>
      <c r="D24094" s="14" t="s">
        <v>77162</v>
      </c>
      <c r="E24094" s="2" t="s">
        <v>77163</v>
      </c>
      <c r="F24094" s="2" t="s">
        <v>7208</v>
      </c>
      <c r="G24094" s="8">
        <v>243</v>
      </c>
      <c r="H24094" s="5">
        <v>6</v>
      </c>
      <c r="I24094" s="5" t="s">
        <v>1518</v>
      </c>
      <c r="J24094" s="5" t="s">
        <v>69038</v>
      </c>
      <c r="K24094" s="2" t="s">
        <v>69039</v>
      </c>
      <c r="L24094" s="5" t="s">
        <v>69038</v>
      </c>
      <c r="M24094" s="2" t="s">
        <v>69039</v>
      </c>
      <c r="N24094" s="5" t="s">
        <v>1521</v>
      </c>
      <c r="O24094" s="5" t="s">
        <v>38</v>
      </c>
      <c r="P24094" s="5" t="s">
        <v>39</v>
      </c>
      <c r="Q24094" s="5" t="s">
        <v>40</v>
      </c>
      <c r="R24094" s="5" t="s">
        <v>1522</v>
      </c>
      <c r="S24094" s="5" t="s">
        <v>1523</v>
      </c>
      <c r="T24094" s="5" t="s">
        <v>42</v>
      </c>
      <c r="U24094" s="2">
        <v>2.581</v>
      </c>
      <c r="V24094" s="2">
        <v>2.024</v>
      </c>
      <c r="W24094" s="2">
        <v>1.4999999999999999E-2</v>
      </c>
      <c r="X24094" s="2">
        <v>118.9</v>
      </c>
      <c r="Y24094" s="2">
        <v>7.6</v>
      </c>
      <c r="Z24094" s="2">
        <v>16.7</v>
      </c>
      <c r="AA24094" s="5"/>
      <c r="AB24094" s="5" t="s">
        <v>43</v>
      </c>
      <c r="AC24094" s="5" t="s">
        <v>44</v>
      </c>
      <c r="AD24094" s="2"/>
      <c r="AE24094" s="1"/>
    </row>
    <row r="24095" spans="1:31" ht="14.45">
      <c r="A24095" s="11"/>
      <c r="B24095" s="20"/>
      <c r="C24095" s="2" t="s">
        <v>77164</v>
      </c>
      <c r="D24095" s="14" t="s">
        <v>77165</v>
      </c>
      <c r="E24095" s="2" t="s">
        <v>77166</v>
      </c>
      <c r="F24095" s="2" t="s">
        <v>7521</v>
      </c>
      <c r="G24095" s="8">
        <v>243</v>
      </c>
      <c r="H24095" s="5">
        <v>6</v>
      </c>
      <c r="I24095" s="5" t="s">
        <v>1518</v>
      </c>
      <c r="J24095" s="5" t="s">
        <v>69038</v>
      </c>
      <c r="K24095" s="2" t="s">
        <v>69039</v>
      </c>
      <c r="L24095" s="5" t="s">
        <v>69038</v>
      </c>
      <c r="M24095" s="2" t="s">
        <v>69039</v>
      </c>
      <c r="N24095" s="5" t="s">
        <v>1521</v>
      </c>
      <c r="O24095" s="5" t="s">
        <v>38</v>
      </c>
      <c r="P24095" s="5" t="s">
        <v>39</v>
      </c>
      <c r="Q24095" s="5" t="s">
        <v>40</v>
      </c>
      <c r="R24095" s="5" t="s">
        <v>1522</v>
      </c>
      <c r="S24095" s="5" t="s">
        <v>1523</v>
      </c>
      <c r="T24095" s="5" t="s">
        <v>42</v>
      </c>
      <c r="U24095" s="2">
        <v>2.6579999999999999</v>
      </c>
      <c r="V24095" s="2">
        <v>2.101</v>
      </c>
      <c r="W24095" s="2">
        <v>1.4999999999999999E-2</v>
      </c>
      <c r="X24095" s="2">
        <v>118.9</v>
      </c>
      <c r="Y24095" s="2">
        <v>7.6</v>
      </c>
      <c r="Z24095" s="2">
        <v>16.7</v>
      </c>
      <c r="AA24095" s="5"/>
      <c r="AB24095" s="5" t="s">
        <v>43</v>
      </c>
      <c r="AC24095" s="5" t="s">
        <v>44</v>
      </c>
      <c r="AD24095" s="2"/>
      <c r="AE24095" s="1"/>
    </row>
    <row r="24096" spans="1:31" ht="14.45">
      <c r="A24096" s="11"/>
      <c r="B24096" s="20"/>
      <c r="C24096" s="2" t="s">
        <v>77167</v>
      </c>
      <c r="D24096" s="14" t="s">
        <v>77168</v>
      </c>
      <c r="E24096" s="2" t="s">
        <v>77169</v>
      </c>
      <c r="F24096" s="2" t="s">
        <v>7406</v>
      </c>
      <c r="G24096" s="8">
        <v>259</v>
      </c>
      <c r="H24096" s="5">
        <v>6</v>
      </c>
      <c r="I24096" s="5" t="s">
        <v>1518</v>
      </c>
      <c r="J24096" s="5" t="s">
        <v>69038</v>
      </c>
      <c r="K24096" s="2" t="s">
        <v>69039</v>
      </c>
      <c r="L24096" s="5" t="s">
        <v>69038</v>
      </c>
      <c r="M24096" s="2" t="s">
        <v>69039</v>
      </c>
      <c r="N24096" s="5" t="s">
        <v>1521</v>
      </c>
      <c r="O24096" s="5" t="s">
        <v>38</v>
      </c>
      <c r="P24096" s="5" t="s">
        <v>39</v>
      </c>
      <c r="Q24096" s="5" t="s">
        <v>40</v>
      </c>
      <c r="R24096" s="5" t="s">
        <v>1522</v>
      </c>
      <c r="S24096" s="5" t="s">
        <v>1523</v>
      </c>
      <c r="T24096" s="5" t="s">
        <v>42</v>
      </c>
      <c r="U24096" s="2">
        <v>2.581</v>
      </c>
      <c r="V24096" s="2">
        <v>2.024</v>
      </c>
      <c r="W24096" s="2">
        <v>1.4999999999999999E-2</v>
      </c>
      <c r="X24096" s="2">
        <v>118.9</v>
      </c>
      <c r="Y24096" s="2">
        <v>7.6</v>
      </c>
      <c r="Z24096" s="2">
        <v>16.7</v>
      </c>
      <c r="AA24096" s="5"/>
      <c r="AB24096" s="5" t="s">
        <v>43</v>
      </c>
      <c r="AC24096" s="5" t="s">
        <v>44</v>
      </c>
      <c r="AD24096" s="2"/>
      <c r="AE24096" s="1"/>
    </row>
    <row r="24097" spans="1:31" ht="14.45">
      <c r="A24097" s="11"/>
      <c r="B24097" s="20"/>
      <c r="C24097" s="2" t="s">
        <v>77170</v>
      </c>
      <c r="D24097" s="14" t="s">
        <v>77171</v>
      </c>
      <c r="E24097" s="2" t="s">
        <v>77172</v>
      </c>
      <c r="F24097" s="2" t="s">
        <v>7535</v>
      </c>
      <c r="G24097" s="8">
        <v>259</v>
      </c>
      <c r="H24097" s="5">
        <v>6</v>
      </c>
      <c r="I24097" s="5" t="s">
        <v>1518</v>
      </c>
      <c r="J24097" s="5" t="s">
        <v>69038</v>
      </c>
      <c r="K24097" s="2" t="s">
        <v>69039</v>
      </c>
      <c r="L24097" s="5" t="s">
        <v>69038</v>
      </c>
      <c r="M24097" s="2" t="s">
        <v>69039</v>
      </c>
      <c r="N24097" s="5" t="s">
        <v>1521</v>
      </c>
      <c r="O24097" s="5" t="s">
        <v>38</v>
      </c>
      <c r="P24097" s="5" t="s">
        <v>39</v>
      </c>
      <c r="Q24097" s="5" t="s">
        <v>40</v>
      </c>
      <c r="R24097" s="5" t="s">
        <v>1522</v>
      </c>
      <c r="S24097" s="5" t="s">
        <v>1523</v>
      </c>
      <c r="T24097" s="5" t="s">
        <v>42</v>
      </c>
      <c r="U24097" s="2">
        <v>2.6579999999999999</v>
      </c>
      <c r="V24097" s="2">
        <v>2.101</v>
      </c>
      <c r="W24097" s="2">
        <v>1.4999999999999999E-2</v>
      </c>
      <c r="X24097" s="2">
        <v>118.9</v>
      </c>
      <c r="Y24097" s="2">
        <v>7.6</v>
      </c>
      <c r="Z24097" s="2">
        <v>16.7</v>
      </c>
      <c r="AA24097" s="5"/>
      <c r="AB24097" s="5" t="s">
        <v>43</v>
      </c>
      <c r="AC24097" s="5" t="s">
        <v>44</v>
      </c>
      <c r="AD24097" s="2"/>
      <c r="AE24097" s="1"/>
    </row>
    <row r="24098" spans="1:31" ht="14.45">
      <c r="A24098" s="11"/>
      <c r="B24098" s="20"/>
      <c r="C24098" s="2" t="s">
        <v>77173</v>
      </c>
      <c r="D24098" s="14" t="s">
        <v>77174</v>
      </c>
      <c r="E24098" s="2" t="s">
        <v>77175</v>
      </c>
      <c r="F24098" s="2" t="s">
        <v>7539</v>
      </c>
      <c r="G24098" s="8">
        <v>259</v>
      </c>
      <c r="H24098" s="5">
        <v>6</v>
      </c>
      <c r="I24098" s="5" t="s">
        <v>1518</v>
      </c>
      <c r="J24098" s="5" t="s">
        <v>69038</v>
      </c>
      <c r="K24098" s="2" t="s">
        <v>69039</v>
      </c>
      <c r="L24098" s="5" t="s">
        <v>69038</v>
      </c>
      <c r="M24098" s="2" t="s">
        <v>69039</v>
      </c>
      <c r="N24098" s="5" t="s">
        <v>1521</v>
      </c>
      <c r="O24098" s="5" t="s">
        <v>38</v>
      </c>
      <c r="P24098" s="5" t="s">
        <v>39</v>
      </c>
      <c r="Q24098" s="5" t="s">
        <v>40</v>
      </c>
      <c r="R24098" s="5" t="s">
        <v>1522</v>
      </c>
      <c r="S24098" s="5" t="s">
        <v>1523</v>
      </c>
      <c r="T24098" s="5" t="s">
        <v>42</v>
      </c>
      <c r="U24098" s="2">
        <v>2.581</v>
      </c>
      <c r="V24098" s="2">
        <v>2.024</v>
      </c>
      <c r="W24098" s="2">
        <v>1.4999999999999999E-2</v>
      </c>
      <c r="X24098" s="2">
        <v>118.9</v>
      </c>
      <c r="Y24098" s="2">
        <v>7.6</v>
      </c>
      <c r="Z24098" s="2">
        <v>16.7</v>
      </c>
      <c r="AA24098" s="5"/>
      <c r="AB24098" s="5" t="s">
        <v>43</v>
      </c>
      <c r="AC24098" s="5" t="s">
        <v>44</v>
      </c>
      <c r="AD24098" s="2"/>
      <c r="AE24098" s="1"/>
    </row>
    <row r="24099" spans="1:31" ht="14.45">
      <c r="A24099" s="11"/>
      <c r="B24099" s="20"/>
      <c r="C24099" s="2" t="s">
        <v>77176</v>
      </c>
      <c r="D24099" s="14" t="s">
        <v>77177</v>
      </c>
      <c r="E24099" s="2" t="s">
        <v>77178</v>
      </c>
      <c r="F24099" s="2" t="s">
        <v>7543</v>
      </c>
      <c r="G24099" s="8">
        <v>259</v>
      </c>
      <c r="H24099" s="5">
        <v>6</v>
      </c>
      <c r="I24099" s="5" t="s">
        <v>1518</v>
      </c>
      <c r="J24099" s="5" t="s">
        <v>69038</v>
      </c>
      <c r="K24099" s="2" t="s">
        <v>69039</v>
      </c>
      <c r="L24099" s="5" t="s">
        <v>69038</v>
      </c>
      <c r="M24099" s="2" t="s">
        <v>69039</v>
      </c>
      <c r="N24099" s="5" t="s">
        <v>1521</v>
      </c>
      <c r="O24099" s="5" t="s">
        <v>38</v>
      </c>
      <c r="P24099" s="5" t="s">
        <v>39</v>
      </c>
      <c r="Q24099" s="5" t="s">
        <v>40</v>
      </c>
      <c r="R24099" s="5" t="s">
        <v>1522</v>
      </c>
      <c r="S24099" s="5" t="s">
        <v>1523</v>
      </c>
      <c r="T24099" s="5" t="s">
        <v>42</v>
      </c>
      <c r="U24099" s="2">
        <v>2.6579999999999999</v>
      </c>
      <c r="V24099" s="2">
        <v>2.101</v>
      </c>
      <c r="W24099" s="2">
        <v>1.4999999999999999E-2</v>
      </c>
      <c r="X24099" s="2">
        <v>118.9</v>
      </c>
      <c r="Y24099" s="2">
        <v>7.6</v>
      </c>
      <c r="Z24099" s="2">
        <v>16.7</v>
      </c>
      <c r="AA24099" s="5"/>
      <c r="AB24099" s="5" t="s">
        <v>43</v>
      </c>
      <c r="AC24099" s="5" t="s">
        <v>44</v>
      </c>
      <c r="AD24099" s="2"/>
      <c r="AE24099" s="1"/>
    </row>
    <row r="24100" spans="1:31" ht="14.45">
      <c r="A24100" s="11"/>
      <c r="B24100" s="20"/>
      <c r="C24100" s="2" t="s">
        <v>77179</v>
      </c>
      <c r="D24100" s="14" t="s">
        <v>77180</v>
      </c>
      <c r="E24100" s="2" t="s">
        <v>77181</v>
      </c>
      <c r="F24100" s="2" t="s">
        <v>7396</v>
      </c>
      <c r="G24100" s="8">
        <v>243</v>
      </c>
      <c r="H24100" s="5">
        <v>6</v>
      </c>
      <c r="I24100" s="5" t="s">
        <v>1518</v>
      </c>
      <c r="J24100" s="5" t="s">
        <v>69038</v>
      </c>
      <c r="K24100" s="2" t="s">
        <v>69039</v>
      </c>
      <c r="L24100" s="5" t="s">
        <v>69038</v>
      </c>
      <c r="M24100" s="2" t="s">
        <v>69039</v>
      </c>
      <c r="N24100" s="5" t="s">
        <v>1521</v>
      </c>
      <c r="O24100" s="5" t="s">
        <v>38</v>
      </c>
      <c r="P24100" s="5" t="s">
        <v>39</v>
      </c>
      <c r="Q24100" s="5" t="s">
        <v>40</v>
      </c>
      <c r="R24100" s="5" t="s">
        <v>1522</v>
      </c>
      <c r="S24100" s="5" t="s">
        <v>1523</v>
      </c>
      <c r="T24100" s="5" t="s">
        <v>42</v>
      </c>
      <c r="U24100" s="2">
        <v>2.581</v>
      </c>
      <c r="V24100" s="2">
        <v>2.024</v>
      </c>
      <c r="W24100" s="2">
        <v>1.4999999999999999E-2</v>
      </c>
      <c r="X24100" s="2">
        <v>118.9</v>
      </c>
      <c r="Y24100" s="2">
        <v>7.6</v>
      </c>
      <c r="Z24100" s="2">
        <v>16.7</v>
      </c>
      <c r="AA24100" s="5"/>
      <c r="AB24100" s="5" t="s">
        <v>43</v>
      </c>
      <c r="AC24100" s="5" t="s">
        <v>44</v>
      </c>
      <c r="AD24100" s="2"/>
      <c r="AE24100" s="1"/>
    </row>
    <row r="24101" spans="1:31" ht="14.45">
      <c r="A24101" s="11"/>
      <c r="B24101" s="20"/>
      <c r="C24101" s="2" t="s">
        <v>77182</v>
      </c>
      <c r="D24101" s="14" t="s">
        <v>77183</v>
      </c>
      <c r="E24101" s="2" t="s">
        <v>77184</v>
      </c>
      <c r="F24101" s="2" t="s">
        <v>7507</v>
      </c>
      <c r="G24101" s="8">
        <v>243</v>
      </c>
      <c r="H24101" s="5">
        <v>6</v>
      </c>
      <c r="I24101" s="5" t="s">
        <v>1518</v>
      </c>
      <c r="J24101" s="5" t="s">
        <v>69038</v>
      </c>
      <c r="K24101" s="2" t="s">
        <v>69039</v>
      </c>
      <c r="L24101" s="5" t="s">
        <v>69038</v>
      </c>
      <c r="M24101" s="2" t="s">
        <v>69039</v>
      </c>
      <c r="N24101" s="5" t="s">
        <v>1521</v>
      </c>
      <c r="O24101" s="5" t="s">
        <v>38</v>
      </c>
      <c r="P24101" s="5" t="s">
        <v>39</v>
      </c>
      <c r="Q24101" s="5" t="s">
        <v>40</v>
      </c>
      <c r="R24101" s="5" t="s">
        <v>1522</v>
      </c>
      <c r="S24101" s="5" t="s">
        <v>1523</v>
      </c>
      <c r="T24101" s="5" t="s">
        <v>42</v>
      </c>
      <c r="U24101" s="2">
        <v>2.6579999999999999</v>
      </c>
      <c r="V24101" s="2">
        <v>2.101</v>
      </c>
      <c r="W24101" s="2">
        <v>1.4999999999999999E-2</v>
      </c>
      <c r="X24101" s="2">
        <v>118.9</v>
      </c>
      <c r="Y24101" s="2">
        <v>7.6</v>
      </c>
      <c r="Z24101" s="2">
        <v>16.7</v>
      </c>
      <c r="AA24101" s="5"/>
      <c r="AB24101" s="5" t="s">
        <v>43</v>
      </c>
      <c r="AC24101" s="5" t="s">
        <v>44</v>
      </c>
      <c r="AD24101" s="2"/>
      <c r="AE24101" s="1"/>
    </row>
    <row r="24102" spans="1:31" ht="14.45">
      <c r="A24102" s="11"/>
      <c r="B24102" s="20"/>
      <c r="C24102" s="2" t="s">
        <v>77185</v>
      </c>
      <c r="D24102" s="14" t="s">
        <v>77186</v>
      </c>
      <c r="E24102" s="2" t="s">
        <v>77187</v>
      </c>
      <c r="F24102" s="2" t="s">
        <v>7547</v>
      </c>
      <c r="G24102" s="8">
        <v>259</v>
      </c>
      <c r="H24102" s="5">
        <v>6</v>
      </c>
      <c r="I24102" s="5" t="s">
        <v>1518</v>
      </c>
      <c r="J24102" s="5" t="s">
        <v>69038</v>
      </c>
      <c r="K24102" s="2" t="s">
        <v>69039</v>
      </c>
      <c r="L24102" s="5" t="s">
        <v>69038</v>
      </c>
      <c r="M24102" s="2" t="s">
        <v>69039</v>
      </c>
      <c r="N24102" s="5" t="s">
        <v>1521</v>
      </c>
      <c r="O24102" s="5" t="s">
        <v>38</v>
      </c>
      <c r="P24102" s="5" t="s">
        <v>39</v>
      </c>
      <c r="Q24102" s="5" t="s">
        <v>40</v>
      </c>
      <c r="R24102" s="5" t="s">
        <v>1522</v>
      </c>
      <c r="S24102" s="5" t="s">
        <v>1523</v>
      </c>
      <c r="T24102" s="5" t="s">
        <v>42</v>
      </c>
      <c r="U24102" s="2">
        <v>2.581</v>
      </c>
      <c r="V24102" s="2">
        <v>2.024</v>
      </c>
      <c r="W24102" s="2">
        <v>1.4999999999999999E-2</v>
      </c>
      <c r="X24102" s="2">
        <v>118.9</v>
      </c>
      <c r="Y24102" s="2">
        <v>7.6</v>
      </c>
      <c r="Z24102" s="2">
        <v>16.7</v>
      </c>
      <c r="AA24102" s="5"/>
      <c r="AB24102" s="5" t="s">
        <v>43</v>
      </c>
      <c r="AC24102" s="5" t="s">
        <v>44</v>
      </c>
      <c r="AD24102" s="2"/>
      <c r="AE24102" s="1"/>
    </row>
    <row r="24103" spans="1:31" ht="14.45">
      <c r="A24103" s="11"/>
      <c r="B24103" s="20"/>
      <c r="C24103" s="2" t="s">
        <v>77188</v>
      </c>
      <c r="D24103" s="14" t="s">
        <v>77189</v>
      </c>
      <c r="E24103" s="2" t="s">
        <v>77190</v>
      </c>
      <c r="F24103" s="2" t="s">
        <v>7551</v>
      </c>
      <c r="G24103" s="8">
        <v>259</v>
      </c>
      <c r="H24103" s="5">
        <v>6</v>
      </c>
      <c r="I24103" s="5" t="s">
        <v>1518</v>
      </c>
      <c r="J24103" s="5" t="s">
        <v>69038</v>
      </c>
      <c r="K24103" s="2" t="s">
        <v>69039</v>
      </c>
      <c r="L24103" s="5" t="s">
        <v>69038</v>
      </c>
      <c r="M24103" s="2" t="s">
        <v>69039</v>
      </c>
      <c r="N24103" s="5" t="s">
        <v>1521</v>
      </c>
      <c r="O24103" s="5" t="s">
        <v>38</v>
      </c>
      <c r="P24103" s="5" t="s">
        <v>39</v>
      </c>
      <c r="Q24103" s="5" t="s">
        <v>40</v>
      </c>
      <c r="R24103" s="5" t="s">
        <v>1522</v>
      </c>
      <c r="S24103" s="5" t="s">
        <v>1523</v>
      </c>
      <c r="T24103" s="5" t="s">
        <v>42</v>
      </c>
      <c r="U24103" s="2">
        <v>2.6579999999999999</v>
      </c>
      <c r="V24103" s="2">
        <v>2.101</v>
      </c>
      <c r="W24103" s="2">
        <v>1.4999999999999999E-2</v>
      </c>
      <c r="X24103" s="2">
        <v>118.9</v>
      </c>
      <c r="Y24103" s="2">
        <v>7.6</v>
      </c>
      <c r="Z24103" s="2">
        <v>16.7</v>
      </c>
      <c r="AA24103" s="5"/>
      <c r="AB24103" s="5" t="s">
        <v>43</v>
      </c>
      <c r="AC24103" s="5" t="s">
        <v>44</v>
      </c>
      <c r="AD24103" s="2"/>
      <c r="AE24103" s="1"/>
    </row>
    <row r="24104" spans="1:31" ht="14.45">
      <c r="A24104" s="11"/>
      <c r="B24104" s="20"/>
      <c r="C24104" s="2" t="s">
        <v>77191</v>
      </c>
      <c r="D24104" s="14" t="s">
        <v>77192</v>
      </c>
      <c r="E24104" s="2" t="s">
        <v>77193</v>
      </c>
      <c r="F24104" s="2" t="s">
        <v>7563</v>
      </c>
      <c r="G24104" s="8">
        <v>259</v>
      </c>
      <c r="H24104" s="5">
        <v>6</v>
      </c>
      <c r="I24104" s="5" t="s">
        <v>1518</v>
      </c>
      <c r="J24104" s="5" t="s">
        <v>69038</v>
      </c>
      <c r="K24104" s="2" t="s">
        <v>69039</v>
      </c>
      <c r="L24104" s="5" t="s">
        <v>69038</v>
      </c>
      <c r="M24104" s="2" t="s">
        <v>69039</v>
      </c>
      <c r="N24104" s="5" t="s">
        <v>1521</v>
      </c>
      <c r="O24104" s="5" t="s">
        <v>38</v>
      </c>
      <c r="P24104" s="5" t="s">
        <v>39</v>
      </c>
      <c r="Q24104" s="5" t="s">
        <v>40</v>
      </c>
      <c r="R24104" s="5" t="s">
        <v>1522</v>
      </c>
      <c r="S24104" s="5" t="s">
        <v>1523</v>
      </c>
      <c r="T24104" s="5" t="s">
        <v>42</v>
      </c>
      <c r="U24104" s="2">
        <v>2.581</v>
      </c>
      <c r="V24104" s="2">
        <v>2.024</v>
      </c>
      <c r="W24104" s="2">
        <v>1.4999999999999999E-2</v>
      </c>
      <c r="X24104" s="2">
        <v>118.9</v>
      </c>
      <c r="Y24104" s="2">
        <v>7.6</v>
      </c>
      <c r="Z24104" s="2">
        <v>16.7</v>
      </c>
      <c r="AA24104" s="5"/>
      <c r="AB24104" s="5" t="s">
        <v>43</v>
      </c>
      <c r="AC24104" s="5" t="s">
        <v>44</v>
      </c>
      <c r="AD24104" s="2"/>
      <c r="AE24104" s="1"/>
    </row>
    <row r="24105" spans="1:31" ht="14.45">
      <c r="A24105" s="11"/>
      <c r="B24105" s="20"/>
      <c r="C24105" s="2" t="s">
        <v>77194</v>
      </c>
      <c r="D24105" s="14" t="s">
        <v>77195</v>
      </c>
      <c r="E24105" s="2" t="s">
        <v>77196</v>
      </c>
      <c r="F24105" s="2" t="s">
        <v>7567</v>
      </c>
      <c r="G24105" s="8">
        <v>259</v>
      </c>
      <c r="H24105" s="5">
        <v>6</v>
      </c>
      <c r="I24105" s="5" t="s">
        <v>1518</v>
      </c>
      <c r="J24105" s="5" t="s">
        <v>69038</v>
      </c>
      <c r="K24105" s="2" t="s">
        <v>69039</v>
      </c>
      <c r="L24105" s="5" t="s">
        <v>69038</v>
      </c>
      <c r="M24105" s="2" t="s">
        <v>69039</v>
      </c>
      <c r="N24105" s="5" t="s">
        <v>1521</v>
      </c>
      <c r="O24105" s="5" t="s">
        <v>38</v>
      </c>
      <c r="P24105" s="5" t="s">
        <v>39</v>
      </c>
      <c r="Q24105" s="5" t="s">
        <v>40</v>
      </c>
      <c r="R24105" s="5" t="s">
        <v>1522</v>
      </c>
      <c r="S24105" s="5" t="s">
        <v>1523</v>
      </c>
      <c r="T24105" s="5" t="s">
        <v>42</v>
      </c>
      <c r="U24105" s="2">
        <v>2.6579999999999999</v>
      </c>
      <c r="V24105" s="2">
        <v>2.101</v>
      </c>
      <c r="W24105" s="2">
        <v>1.4999999999999999E-2</v>
      </c>
      <c r="X24105" s="2">
        <v>118.9</v>
      </c>
      <c r="Y24105" s="2">
        <v>7.6</v>
      </c>
      <c r="Z24105" s="2">
        <v>16.7</v>
      </c>
      <c r="AA24105" s="5"/>
      <c r="AB24105" s="5" t="s">
        <v>43</v>
      </c>
      <c r="AC24105" s="5" t="s">
        <v>44</v>
      </c>
      <c r="AD24105" s="2"/>
      <c r="AE24105" s="1"/>
    </row>
    <row r="24106" spans="1:31" ht="14.45">
      <c r="A24106" s="11"/>
      <c r="B24106" s="20"/>
      <c r="C24106" s="2" t="s">
        <v>77197</v>
      </c>
      <c r="D24106" s="14" t="s">
        <v>77198</v>
      </c>
      <c r="E24106" s="2" t="s">
        <v>77199</v>
      </c>
      <c r="F24106" s="2" t="s">
        <v>7555</v>
      </c>
      <c r="G24106" s="8">
        <v>259</v>
      </c>
      <c r="H24106" s="5">
        <v>6</v>
      </c>
      <c r="I24106" s="5" t="s">
        <v>1518</v>
      </c>
      <c r="J24106" s="5" t="s">
        <v>69038</v>
      </c>
      <c r="K24106" s="2" t="s">
        <v>69039</v>
      </c>
      <c r="L24106" s="5" t="s">
        <v>69038</v>
      </c>
      <c r="M24106" s="2" t="s">
        <v>69039</v>
      </c>
      <c r="N24106" s="5" t="s">
        <v>1521</v>
      </c>
      <c r="O24106" s="5" t="s">
        <v>38</v>
      </c>
      <c r="P24106" s="5" t="s">
        <v>39</v>
      </c>
      <c r="Q24106" s="5" t="s">
        <v>40</v>
      </c>
      <c r="R24106" s="5" t="s">
        <v>1522</v>
      </c>
      <c r="S24106" s="5" t="s">
        <v>1523</v>
      </c>
      <c r="T24106" s="5" t="s">
        <v>42</v>
      </c>
      <c r="U24106" s="2">
        <v>2.581</v>
      </c>
      <c r="V24106" s="2">
        <v>2.024</v>
      </c>
      <c r="W24106" s="2">
        <v>1.4999999999999999E-2</v>
      </c>
      <c r="X24106" s="2">
        <v>118.9</v>
      </c>
      <c r="Y24106" s="2">
        <v>7.6</v>
      </c>
      <c r="Z24106" s="2">
        <v>16.7</v>
      </c>
      <c r="AA24106" s="5"/>
      <c r="AB24106" s="5" t="s">
        <v>43</v>
      </c>
      <c r="AC24106" s="5" t="s">
        <v>44</v>
      </c>
      <c r="AD24106" s="2"/>
      <c r="AE24106" s="1"/>
    </row>
    <row r="24107" spans="1:31" ht="14.45">
      <c r="A24107" s="11"/>
      <c r="B24107" s="20"/>
      <c r="C24107" s="2" t="s">
        <v>77200</v>
      </c>
      <c r="D24107" s="14" t="s">
        <v>77201</v>
      </c>
      <c r="E24107" s="2" t="s">
        <v>77202</v>
      </c>
      <c r="F24107" s="2" t="s">
        <v>7559</v>
      </c>
      <c r="G24107" s="8">
        <v>259</v>
      </c>
      <c r="H24107" s="5">
        <v>6</v>
      </c>
      <c r="I24107" s="5" t="s">
        <v>1518</v>
      </c>
      <c r="J24107" s="5" t="s">
        <v>69038</v>
      </c>
      <c r="K24107" s="2" t="s">
        <v>69039</v>
      </c>
      <c r="L24107" s="5" t="s">
        <v>69038</v>
      </c>
      <c r="M24107" s="2" t="s">
        <v>69039</v>
      </c>
      <c r="N24107" s="5" t="s">
        <v>1521</v>
      </c>
      <c r="O24107" s="5" t="s">
        <v>38</v>
      </c>
      <c r="P24107" s="5" t="s">
        <v>39</v>
      </c>
      <c r="Q24107" s="5" t="s">
        <v>40</v>
      </c>
      <c r="R24107" s="5" t="s">
        <v>1522</v>
      </c>
      <c r="S24107" s="5" t="s">
        <v>1523</v>
      </c>
      <c r="T24107" s="5" t="s">
        <v>42</v>
      </c>
      <c r="U24107" s="2">
        <v>2.6579999999999999</v>
      </c>
      <c r="V24107" s="2">
        <v>2.101</v>
      </c>
      <c r="W24107" s="2">
        <v>1.4999999999999999E-2</v>
      </c>
      <c r="X24107" s="2">
        <v>118.9</v>
      </c>
      <c r="Y24107" s="2">
        <v>7.6</v>
      </c>
      <c r="Z24107" s="2">
        <v>16.7</v>
      </c>
      <c r="AA24107" s="5"/>
      <c r="AB24107" s="5" t="s">
        <v>43</v>
      </c>
      <c r="AC24107" s="5" t="s">
        <v>44</v>
      </c>
      <c r="AD24107" s="2"/>
      <c r="AE24107" s="1"/>
    </row>
    <row r="24108" spans="1:31" ht="14.45">
      <c r="A24108" s="11"/>
      <c r="B24108" s="20"/>
      <c r="C24108" s="2" t="s">
        <v>77203</v>
      </c>
      <c r="D24108" s="14" t="s">
        <v>77204</v>
      </c>
      <c r="E24108" s="2" t="s">
        <v>77205</v>
      </c>
      <c r="F24108" s="2" t="s">
        <v>16079</v>
      </c>
      <c r="G24108" s="8">
        <v>259</v>
      </c>
      <c r="H24108" s="5">
        <v>6</v>
      </c>
      <c r="I24108" s="5" t="s">
        <v>1518</v>
      </c>
      <c r="J24108" s="5" t="s">
        <v>69038</v>
      </c>
      <c r="K24108" s="2" t="s">
        <v>69039</v>
      </c>
      <c r="L24108" s="5" t="s">
        <v>69038</v>
      </c>
      <c r="M24108" s="2" t="s">
        <v>69039</v>
      </c>
      <c r="N24108" s="5" t="s">
        <v>1521</v>
      </c>
      <c r="O24108" s="5" t="s">
        <v>38</v>
      </c>
      <c r="P24108" s="5" t="s">
        <v>39</v>
      </c>
      <c r="Q24108" s="5" t="s">
        <v>40</v>
      </c>
      <c r="R24108" s="5" t="s">
        <v>1522</v>
      </c>
      <c r="S24108" s="5" t="s">
        <v>1523</v>
      </c>
      <c r="T24108" s="5" t="s">
        <v>42</v>
      </c>
      <c r="U24108" s="2">
        <v>2.581</v>
      </c>
      <c r="V24108" s="2">
        <v>2.024</v>
      </c>
      <c r="W24108" s="2">
        <v>1.4999999999999999E-2</v>
      </c>
      <c r="X24108" s="2">
        <v>118.9</v>
      </c>
      <c r="Y24108" s="2">
        <v>7.6</v>
      </c>
      <c r="Z24108" s="2">
        <v>16.7</v>
      </c>
      <c r="AA24108" s="5"/>
      <c r="AB24108" s="5" t="s">
        <v>43</v>
      </c>
      <c r="AC24108" s="5" t="s">
        <v>44</v>
      </c>
      <c r="AD24108" s="2"/>
      <c r="AE24108" s="1"/>
    </row>
    <row r="24109" spans="1:31" ht="14.45">
      <c r="A24109" s="11"/>
      <c r="B24109" s="20"/>
      <c r="C24109" s="2" t="s">
        <v>77206</v>
      </c>
      <c r="D24109" s="14" t="s">
        <v>77207</v>
      </c>
      <c r="E24109" s="2" t="s">
        <v>77208</v>
      </c>
      <c r="F24109" s="2" t="s">
        <v>16194</v>
      </c>
      <c r="G24109" s="8">
        <v>259</v>
      </c>
      <c r="H24109" s="5">
        <v>6</v>
      </c>
      <c r="I24109" s="5" t="s">
        <v>1518</v>
      </c>
      <c r="J24109" s="5" t="s">
        <v>69038</v>
      </c>
      <c r="K24109" s="2" t="s">
        <v>69039</v>
      </c>
      <c r="L24109" s="5" t="s">
        <v>69038</v>
      </c>
      <c r="M24109" s="2" t="s">
        <v>69039</v>
      </c>
      <c r="N24109" s="5" t="s">
        <v>1521</v>
      </c>
      <c r="O24109" s="5" t="s">
        <v>38</v>
      </c>
      <c r="P24109" s="5" t="s">
        <v>39</v>
      </c>
      <c r="Q24109" s="5" t="s">
        <v>40</v>
      </c>
      <c r="R24109" s="5" t="s">
        <v>1522</v>
      </c>
      <c r="S24109" s="5" t="s">
        <v>1523</v>
      </c>
      <c r="T24109" s="5" t="s">
        <v>42</v>
      </c>
      <c r="U24109" s="2">
        <v>2.6579999999999999</v>
      </c>
      <c r="V24109" s="2">
        <v>2.101</v>
      </c>
      <c r="W24109" s="2">
        <v>1.4999999999999999E-2</v>
      </c>
      <c r="X24109" s="2">
        <v>118.9</v>
      </c>
      <c r="Y24109" s="2">
        <v>7.6</v>
      </c>
      <c r="Z24109" s="2">
        <v>16.7</v>
      </c>
      <c r="AA24109" s="5"/>
      <c r="AB24109" s="5" t="s">
        <v>43</v>
      </c>
      <c r="AC24109" s="5" t="s">
        <v>44</v>
      </c>
      <c r="AD24109" s="2"/>
      <c r="AE24109" s="1"/>
    </row>
    <row r="24110" spans="1:31" ht="14.45">
      <c r="A24110" s="11"/>
      <c r="B24110" s="20"/>
      <c r="C24110" s="2" t="s">
        <v>77209</v>
      </c>
      <c r="D24110" s="14" t="s">
        <v>77210</v>
      </c>
      <c r="E24110" s="2" t="s">
        <v>77211</v>
      </c>
      <c r="F24110" s="2" t="s">
        <v>7449</v>
      </c>
      <c r="G24110" s="8">
        <v>259</v>
      </c>
      <c r="H24110" s="5">
        <v>6</v>
      </c>
      <c r="I24110" s="5" t="s">
        <v>1518</v>
      </c>
      <c r="J24110" s="5" t="s">
        <v>69038</v>
      </c>
      <c r="K24110" s="2" t="s">
        <v>69039</v>
      </c>
      <c r="L24110" s="5" t="s">
        <v>69038</v>
      </c>
      <c r="M24110" s="2" t="s">
        <v>69039</v>
      </c>
      <c r="N24110" s="5" t="s">
        <v>1521</v>
      </c>
      <c r="O24110" s="5" t="s">
        <v>38</v>
      </c>
      <c r="P24110" s="5" t="s">
        <v>39</v>
      </c>
      <c r="Q24110" s="5" t="s">
        <v>40</v>
      </c>
      <c r="R24110" s="5" t="s">
        <v>1522</v>
      </c>
      <c r="S24110" s="5" t="s">
        <v>1523</v>
      </c>
      <c r="T24110" s="5" t="s">
        <v>42</v>
      </c>
      <c r="U24110" s="2">
        <v>2.581</v>
      </c>
      <c r="V24110" s="2">
        <v>2.024</v>
      </c>
      <c r="W24110" s="2">
        <v>1.4999999999999999E-2</v>
      </c>
      <c r="X24110" s="2">
        <v>118.9</v>
      </c>
      <c r="Y24110" s="2">
        <v>7.6</v>
      </c>
      <c r="Z24110" s="2">
        <v>16.7</v>
      </c>
      <c r="AA24110" s="5"/>
      <c r="AB24110" s="5" t="s">
        <v>43</v>
      </c>
      <c r="AC24110" s="5" t="s">
        <v>44</v>
      </c>
      <c r="AD24110" s="2"/>
      <c r="AE24110" s="1"/>
    </row>
    <row r="24111" spans="1:31" ht="14.45">
      <c r="A24111" s="11"/>
      <c r="B24111" s="20"/>
      <c r="C24111" s="2" t="s">
        <v>77212</v>
      </c>
      <c r="D24111" s="14" t="s">
        <v>77213</v>
      </c>
      <c r="E24111" s="2" t="s">
        <v>77214</v>
      </c>
      <c r="F24111" s="2" t="s">
        <v>7581</v>
      </c>
      <c r="G24111" s="8">
        <v>259</v>
      </c>
      <c r="H24111" s="5">
        <v>6</v>
      </c>
      <c r="I24111" s="5" t="s">
        <v>1518</v>
      </c>
      <c r="J24111" s="5" t="s">
        <v>69038</v>
      </c>
      <c r="K24111" s="2" t="s">
        <v>69039</v>
      </c>
      <c r="L24111" s="5" t="s">
        <v>69038</v>
      </c>
      <c r="M24111" s="2" t="s">
        <v>69039</v>
      </c>
      <c r="N24111" s="5" t="s">
        <v>1521</v>
      </c>
      <c r="O24111" s="5" t="s">
        <v>38</v>
      </c>
      <c r="P24111" s="5" t="s">
        <v>39</v>
      </c>
      <c r="Q24111" s="5" t="s">
        <v>40</v>
      </c>
      <c r="R24111" s="5" t="s">
        <v>1522</v>
      </c>
      <c r="S24111" s="5" t="s">
        <v>1523</v>
      </c>
      <c r="T24111" s="5" t="s">
        <v>42</v>
      </c>
      <c r="U24111" s="2">
        <v>2.6579999999999999</v>
      </c>
      <c r="V24111" s="2">
        <v>2.101</v>
      </c>
      <c r="W24111" s="2">
        <v>1.4999999999999999E-2</v>
      </c>
      <c r="X24111" s="2">
        <v>118.9</v>
      </c>
      <c r="Y24111" s="2">
        <v>7.6</v>
      </c>
      <c r="Z24111" s="2">
        <v>16.7</v>
      </c>
      <c r="AA24111" s="5"/>
      <c r="AB24111" s="5" t="s">
        <v>43</v>
      </c>
      <c r="AC24111" s="5" t="s">
        <v>44</v>
      </c>
      <c r="AD24111" s="2"/>
      <c r="AE24111" s="1"/>
    </row>
    <row r="24112" spans="1:31" ht="14.45">
      <c r="A24112" s="11"/>
      <c r="B24112" s="20"/>
      <c r="C24112" s="2" t="s">
        <v>77215</v>
      </c>
      <c r="D24112" s="14" t="s">
        <v>77216</v>
      </c>
      <c r="E24112" s="2" t="s">
        <v>77217</v>
      </c>
      <c r="F24112" s="2" t="s">
        <v>7585</v>
      </c>
      <c r="G24112" s="8">
        <v>259</v>
      </c>
      <c r="H24112" s="5">
        <v>6</v>
      </c>
      <c r="I24112" s="5" t="s">
        <v>1518</v>
      </c>
      <c r="J24112" s="5" t="s">
        <v>69038</v>
      </c>
      <c r="K24112" s="2" t="s">
        <v>69039</v>
      </c>
      <c r="L24112" s="5" t="s">
        <v>69038</v>
      </c>
      <c r="M24112" s="2" t="s">
        <v>69039</v>
      </c>
      <c r="N24112" s="5" t="s">
        <v>1521</v>
      </c>
      <c r="O24112" s="5" t="s">
        <v>38</v>
      </c>
      <c r="P24112" s="5" t="s">
        <v>39</v>
      </c>
      <c r="Q24112" s="5" t="s">
        <v>40</v>
      </c>
      <c r="R24112" s="5" t="s">
        <v>1522</v>
      </c>
      <c r="S24112" s="5" t="s">
        <v>1523</v>
      </c>
      <c r="T24112" s="5" t="s">
        <v>42</v>
      </c>
      <c r="U24112" s="2">
        <v>2.581</v>
      </c>
      <c r="V24112" s="2">
        <v>2.024</v>
      </c>
      <c r="W24112" s="2">
        <v>1.4999999999999999E-2</v>
      </c>
      <c r="X24112" s="2">
        <v>118.9</v>
      </c>
      <c r="Y24112" s="2">
        <v>7.6</v>
      </c>
      <c r="Z24112" s="2">
        <v>16.7</v>
      </c>
      <c r="AA24112" s="5"/>
      <c r="AB24112" s="5" t="s">
        <v>43</v>
      </c>
      <c r="AC24112" s="5" t="s">
        <v>44</v>
      </c>
      <c r="AD24112" s="2"/>
      <c r="AE24112" s="1"/>
    </row>
    <row r="24113" spans="1:31" ht="14.45">
      <c r="A24113" s="11"/>
      <c r="B24113" s="20"/>
      <c r="C24113" s="2" t="s">
        <v>77218</v>
      </c>
      <c r="D24113" s="14" t="s">
        <v>77219</v>
      </c>
      <c r="E24113" s="2" t="s">
        <v>77220</v>
      </c>
      <c r="F24113" s="2" t="s">
        <v>7589</v>
      </c>
      <c r="G24113" s="8">
        <v>259</v>
      </c>
      <c r="H24113" s="5">
        <v>6</v>
      </c>
      <c r="I24113" s="5" t="s">
        <v>1518</v>
      </c>
      <c r="J24113" s="5" t="s">
        <v>69038</v>
      </c>
      <c r="K24113" s="2" t="s">
        <v>69039</v>
      </c>
      <c r="L24113" s="5" t="s">
        <v>69038</v>
      </c>
      <c r="M24113" s="2" t="s">
        <v>69039</v>
      </c>
      <c r="N24113" s="5" t="s">
        <v>1521</v>
      </c>
      <c r="O24113" s="5" t="s">
        <v>38</v>
      </c>
      <c r="P24113" s="5" t="s">
        <v>39</v>
      </c>
      <c r="Q24113" s="5" t="s">
        <v>40</v>
      </c>
      <c r="R24113" s="5" t="s">
        <v>1522</v>
      </c>
      <c r="S24113" s="5" t="s">
        <v>1523</v>
      </c>
      <c r="T24113" s="5" t="s">
        <v>42</v>
      </c>
      <c r="U24113" s="2">
        <v>2.6579999999999999</v>
      </c>
      <c r="V24113" s="2">
        <v>2.101</v>
      </c>
      <c r="W24113" s="2">
        <v>1.4999999999999999E-2</v>
      </c>
      <c r="X24113" s="2">
        <v>118.9</v>
      </c>
      <c r="Y24113" s="2">
        <v>7.6</v>
      </c>
      <c r="Z24113" s="2">
        <v>16.7</v>
      </c>
      <c r="AA24113" s="5"/>
      <c r="AB24113" s="5" t="s">
        <v>43</v>
      </c>
      <c r="AC24113" s="5" t="s">
        <v>44</v>
      </c>
      <c r="AD24113" s="2"/>
      <c r="AE24113" s="1"/>
    </row>
    <row r="24114" spans="1:31" ht="14.45">
      <c r="A24114" s="11"/>
      <c r="B24114" s="20"/>
      <c r="C24114" s="2" t="s">
        <v>77221</v>
      </c>
      <c r="D24114" s="14" t="s">
        <v>77222</v>
      </c>
      <c r="E24114" s="2" t="s">
        <v>77223</v>
      </c>
      <c r="F24114" s="2" t="s">
        <v>7593</v>
      </c>
      <c r="G24114" s="8">
        <v>259</v>
      </c>
      <c r="H24114" s="5">
        <v>6</v>
      </c>
      <c r="I24114" s="5" t="s">
        <v>1518</v>
      </c>
      <c r="J24114" s="5" t="s">
        <v>69038</v>
      </c>
      <c r="K24114" s="2" t="s">
        <v>69039</v>
      </c>
      <c r="L24114" s="5" t="s">
        <v>69038</v>
      </c>
      <c r="M24114" s="2" t="s">
        <v>69039</v>
      </c>
      <c r="N24114" s="5" t="s">
        <v>1521</v>
      </c>
      <c r="O24114" s="5" t="s">
        <v>38</v>
      </c>
      <c r="P24114" s="5" t="s">
        <v>39</v>
      </c>
      <c r="Q24114" s="5" t="s">
        <v>40</v>
      </c>
      <c r="R24114" s="5" t="s">
        <v>1522</v>
      </c>
      <c r="S24114" s="5" t="s">
        <v>1523</v>
      </c>
      <c r="T24114" s="5" t="s">
        <v>42</v>
      </c>
      <c r="U24114" s="2">
        <v>2.581</v>
      </c>
      <c r="V24114" s="2">
        <v>2.024</v>
      </c>
      <c r="W24114" s="2">
        <v>1.4999999999999999E-2</v>
      </c>
      <c r="X24114" s="2">
        <v>118.9</v>
      </c>
      <c r="Y24114" s="2">
        <v>7.6</v>
      </c>
      <c r="Z24114" s="2">
        <v>16.7</v>
      </c>
      <c r="AA24114" s="5"/>
      <c r="AB24114" s="5" t="s">
        <v>43</v>
      </c>
      <c r="AC24114" s="5" t="s">
        <v>44</v>
      </c>
      <c r="AD24114" s="2"/>
      <c r="AE24114" s="1"/>
    </row>
    <row r="24115" spans="1:31" ht="14.45">
      <c r="A24115" s="11"/>
      <c r="B24115" s="20"/>
      <c r="C24115" s="2" t="s">
        <v>77224</v>
      </c>
      <c r="D24115" s="14" t="s">
        <v>77225</v>
      </c>
      <c r="E24115" s="2" t="s">
        <v>77226</v>
      </c>
      <c r="F24115" s="2" t="s">
        <v>7597</v>
      </c>
      <c r="G24115" s="8">
        <v>259</v>
      </c>
      <c r="H24115" s="5">
        <v>6</v>
      </c>
      <c r="I24115" s="5" t="s">
        <v>1518</v>
      </c>
      <c r="J24115" s="5" t="s">
        <v>69038</v>
      </c>
      <c r="K24115" s="2" t="s">
        <v>69039</v>
      </c>
      <c r="L24115" s="5" t="s">
        <v>69038</v>
      </c>
      <c r="M24115" s="2" t="s">
        <v>69039</v>
      </c>
      <c r="N24115" s="5" t="s">
        <v>1521</v>
      </c>
      <c r="O24115" s="5" t="s">
        <v>38</v>
      </c>
      <c r="P24115" s="5" t="s">
        <v>39</v>
      </c>
      <c r="Q24115" s="5" t="s">
        <v>40</v>
      </c>
      <c r="R24115" s="5" t="s">
        <v>1522</v>
      </c>
      <c r="S24115" s="5" t="s">
        <v>1523</v>
      </c>
      <c r="T24115" s="5" t="s">
        <v>42</v>
      </c>
      <c r="U24115" s="2">
        <v>2.6579999999999999</v>
      </c>
      <c r="V24115" s="2">
        <v>2.101</v>
      </c>
      <c r="W24115" s="2">
        <v>1.4999999999999999E-2</v>
      </c>
      <c r="X24115" s="2">
        <v>118.9</v>
      </c>
      <c r="Y24115" s="2">
        <v>7.6</v>
      </c>
      <c r="Z24115" s="2">
        <v>16.7</v>
      </c>
      <c r="AA24115" s="5"/>
      <c r="AB24115" s="5" t="s">
        <v>43</v>
      </c>
      <c r="AC24115" s="5" t="s">
        <v>44</v>
      </c>
      <c r="AD24115" s="2"/>
      <c r="AE24115" s="1"/>
    </row>
    <row r="24116" spans="1:31" ht="14.45">
      <c r="A24116" s="11"/>
      <c r="B24116" s="20"/>
      <c r="C24116" s="2" t="s">
        <v>77227</v>
      </c>
      <c r="D24116" s="14" t="s">
        <v>77228</v>
      </c>
      <c r="E24116" s="2" t="s">
        <v>77229</v>
      </c>
      <c r="F24116" s="2" t="s">
        <v>73358</v>
      </c>
      <c r="G24116" s="8">
        <v>259</v>
      </c>
      <c r="H24116" s="5">
        <v>6</v>
      </c>
      <c r="I24116" s="5" t="s">
        <v>1518</v>
      </c>
      <c r="J24116" s="5" t="s">
        <v>69038</v>
      </c>
      <c r="K24116" s="2" t="s">
        <v>69039</v>
      </c>
      <c r="L24116" s="5" t="s">
        <v>69038</v>
      </c>
      <c r="M24116" s="2" t="s">
        <v>69039</v>
      </c>
      <c r="N24116" s="5" t="s">
        <v>1521</v>
      </c>
      <c r="O24116" s="5" t="s">
        <v>38</v>
      </c>
      <c r="P24116" s="5" t="s">
        <v>39</v>
      </c>
      <c r="Q24116" s="5" t="s">
        <v>40</v>
      </c>
      <c r="R24116" s="5" t="s">
        <v>1522</v>
      </c>
      <c r="S24116" s="5" t="s">
        <v>1523</v>
      </c>
      <c r="T24116" s="5" t="s">
        <v>42</v>
      </c>
      <c r="U24116" s="2">
        <v>2.581</v>
      </c>
      <c r="V24116" s="2">
        <v>2.024</v>
      </c>
      <c r="W24116" s="2">
        <v>1.4999999999999999E-2</v>
      </c>
      <c r="X24116" s="2">
        <v>118.9</v>
      </c>
      <c r="Y24116" s="2">
        <v>7.6</v>
      </c>
      <c r="Z24116" s="2">
        <v>16.7</v>
      </c>
      <c r="AA24116" s="5"/>
      <c r="AB24116" s="5" t="s">
        <v>43</v>
      </c>
      <c r="AC24116" s="5" t="s">
        <v>44</v>
      </c>
      <c r="AD24116" s="2"/>
      <c r="AE24116" s="1"/>
    </row>
    <row r="24117" spans="1:31" ht="14.45">
      <c r="A24117" s="11"/>
      <c r="B24117" s="20"/>
      <c r="C24117" s="2" t="s">
        <v>77230</v>
      </c>
      <c r="D24117" s="14" t="s">
        <v>77231</v>
      </c>
      <c r="E24117" s="2" t="s">
        <v>77232</v>
      </c>
      <c r="F24117" s="2" t="s">
        <v>73362</v>
      </c>
      <c r="G24117" s="8">
        <v>259</v>
      </c>
      <c r="H24117" s="5">
        <v>6</v>
      </c>
      <c r="I24117" s="5" t="s">
        <v>1518</v>
      </c>
      <c r="J24117" s="5" t="s">
        <v>69038</v>
      </c>
      <c r="K24117" s="2" t="s">
        <v>69039</v>
      </c>
      <c r="L24117" s="5" t="s">
        <v>69038</v>
      </c>
      <c r="M24117" s="2" t="s">
        <v>69039</v>
      </c>
      <c r="N24117" s="5" t="s">
        <v>1521</v>
      </c>
      <c r="O24117" s="5" t="s">
        <v>38</v>
      </c>
      <c r="P24117" s="5" t="s">
        <v>39</v>
      </c>
      <c r="Q24117" s="5" t="s">
        <v>40</v>
      </c>
      <c r="R24117" s="5" t="s">
        <v>1522</v>
      </c>
      <c r="S24117" s="5" t="s">
        <v>1523</v>
      </c>
      <c r="T24117" s="5" t="s">
        <v>42</v>
      </c>
      <c r="U24117" s="2">
        <v>2.6579999999999999</v>
      </c>
      <c r="V24117" s="2">
        <v>2.101</v>
      </c>
      <c r="W24117" s="2">
        <v>1.4999999999999999E-2</v>
      </c>
      <c r="X24117" s="2">
        <v>118.9</v>
      </c>
      <c r="Y24117" s="2">
        <v>7.6</v>
      </c>
      <c r="Z24117" s="2">
        <v>16.7</v>
      </c>
      <c r="AA24117" s="5"/>
      <c r="AB24117" s="5" t="s">
        <v>43</v>
      </c>
      <c r="AC24117" s="5" t="s">
        <v>44</v>
      </c>
      <c r="AD24117" s="2"/>
      <c r="AE24117" s="1"/>
    </row>
    <row r="24118" spans="1:31" ht="14.45">
      <c r="A24118" s="11"/>
      <c r="B24118" s="20"/>
      <c r="C24118" s="2" t="s">
        <v>77233</v>
      </c>
      <c r="D24118" s="14" t="s">
        <v>77234</v>
      </c>
      <c r="E24118" s="2" t="s">
        <v>77235</v>
      </c>
      <c r="F24118" s="2" t="s">
        <v>7615</v>
      </c>
      <c r="G24118" s="8">
        <v>259</v>
      </c>
      <c r="H24118" s="5">
        <v>6</v>
      </c>
      <c r="I24118" s="5" t="s">
        <v>1518</v>
      </c>
      <c r="J24118" s="5" t="s">
        <v>69038</v>
      </c>
      <c r="K24118" s="2" t="s">
        <v>69039</v>
      </c>
      <c r="L24118" s="5" t="s">
        <v>69038</v>
      </c>
      <c r="M24118" s="2" t="s">
        <v>69039</v>
      </c>
      <c r="N24118" s="5" t="s">
        <v>1521</v>
      </c>
      <c r="O24118" s="5" t="s">
        <v>38</v>
      </c>
      <c r="P24118" s="5" t="s">
        <v>39</v>
      </c>
      <c r="Q24118" s="5" t="s">
        <v>40</v>
      </c>
      <c r="R24118" s="5" t="s">
        <v>1522</v>
      </c>
      <c r="S24118" s="5" t="s">
        <v>1523</v>
      </c>
      <c r="T24118" s="5" t="s">
        <v>42</v>
      </c>
      <c r="U24118" s="2">
        <v>2.581</v>
      </c>
      <c r="V24118" s="2">
        <v>2.024</v>
      </c>
      <c r="W24118" s="2">
        <v>1.4999999999999999E-2</v>
      </c>
      <c r="X24118" s="2">
        <v>118.9</v>
      </c>
      <c r="Y24118" s="2">
        <v>7.6</v>
      </c>
      <c r="Z24118" s="2">
        <v>16.7</v>
      </c>
      <c r="AA24118" s="5"/>
      <c r="AB24118" s="5" t="s">
        <v>43</v>
      </c>
      <c r="AC24118" s="5" t="s">
        <v>44</v>
      </c>
      <c r="AD24118" s="2"/>
      <c r="AE24118" s="1"/>
    </row>
    <row r="24119" spans="1:31" ht="14.45">
      <c r="A24119" s="11"/>
      <c r="B24119" s="20"/>
      <c r="C24119" s="2" t="s">
        <v>77236</v>
      </c>
      <c r="D24119" s="14" t="s">
        <v>77237</v>
      </c>
      <c r="E24119" s="2" t="s">
        <v>77238</v>
      </c>
      <c r="F24119" s="2" t="s">
        <v>7619</v>
      </c>
      <c r="G24119" s="8">
        <v>259</v>
      </c>
      <c r="H24119" s="5">
        <v>6</v>
      </c>
      <c r="I24119" s="5" t="s">
        <v>1518</v>
      </c>
      <c r="J24119" s="5" t="s">
        <v>69038</v>
      </c>
      <c r="K24119" s="2" t="s">
        <v>69039</v>
      </c>
      <c r="L24119" s="5" t="s">
        <v>69038</v>
      </c>
      <c r="M24119" s="2" t="s">
        <v>69039</v>
      </c>
      <c r="N24119" s="5" t="s">
        <v>1521</v>
      </c>
      <c r="O24119" s="5" t="s">
        <v>38</v>
      </c>
      <c r="P24119" s="5" t="s">
        <v>39</v>
      </c>
      <c r="Q24119" s="5" t="s">
        <v>40</v>
      </c>
      <c r="R24119" s="5" t="s">
        <v>1522</v>
      </c>
      <c r="S24119" s="5" t="s">
        <v>1523</v>
      </c>
      <c r="T24119" s="5" t="s">
        <v>42</v>
      </c>
      <c r="U24119" s="2">
        <v>2.6579999999999999</v>
      </c>
      <c r="V24119" s="2">
        <v>2.101</v>
      </c>
      <c r="W24119" s="2">
        <v>1.4999999999999999E-2</v>
      </c>
      <c r="X24119" s="2">
        <v>118.9</v>
      </c>
      <c r="Y24119" s="2">
        <v>7.6</v>
      </c>
      <c r="Z24119" s="2">
        <v>16.7</v>
      </c>
      <c r="AA24119" s="5"/>
      <c r="AB24119" s="5" t="s">
        <v>43</v>
      </c>
      <c r="AC24119" s="5" t="s">
        <v>44</v>
      </c>
      <c r="AD24119" s="2"/>
      <c r="AE24119" s="1"/>
    </row>
    <row r="24120" spans="1:31" ht="14.45">
      <c r="A24120" s="11"/>
      <c r="B24120" s="20"/>
      <c r="C24120" s="2" t="s">
        <v>77239</v>
      </c>
      <c r="D24120" s="14" t="s">
        <v>77240</v>
      </c>
      <c r="E24120" s="2" t="s">
        <v>77241</v>
      </c>
      <c r="F24120" s="2" t="s">
        <v>16014</v>
      </c>
      <c r="G24120" s="8">
        <v>259</v>
      </c>
      <c r="H24120" s="5">
        <v>6</v>
      </c>
      <c r="I24120" s="5" t="s">
        <v>1518</v>
      </c>
      <c r="J24120" s="5" t="s">
        <v>69038</v>
      </c>
      <c r="K24120" s="2" t="s">
        <v>69039</v>
      </c>
      <c r="L24120" s="5" t="s">
        <v>69038</v>
      </c>
      <c r="M24120" s="2" t="s">
        <v>69039</v>
      </c>
      <c r="N24120" s="5" t="s">
        <v>1521</v>
      </c>
      <c r="O24120" s="5" t="s">
        <v>38</v>
      </c>
      <c r="P24120" s="5" t="s">
        <v>39</v>
      </c>
      <c r="Q24120" s="5" t="s">
        <v>40</v>
      </c>
      <c r="R24120" s="5" t="s">
        <v>1522</v>
      </c>
      <c r="S24120" s="5" t="s">
        <v>1523</v>
      </c>
      <c r="T24120" s="5" t="s">
        <v>42</v>
      </c>
      <c r="U24120" s="2">
        <v>2.581</v>
      </c>
      <c r="V24120" s="2">
        <v>2.024</v>
      </c>
      <c r="W24120" s="2">
        <v>1.4999999999999999E-2</v>
      </c>
      <c r="X24120" s="2">
        <v>118.9</v>
      </c>
      <c r="Y24120" s="2">
        <v>7.6</v>
      </c>
      <c r="Z24120" s="2">
        <v>16.7</v>
      </c>
      <c r="AA24120" s="5"/>
      <c r="AB24120" s="5" t="s">
        <v>43</v>
      </c>
      <c r="AC24120" s="5" t="s">
        <v>44</v>
      </c>
      <c r="AD24120" s="2"/>
      <c r="AE24120" s="1"/>
    </row>
    <row r="24121" spans="1:31" ht="14.45">
      <c r="A24121" s="11"/>
      <c r="B24121" s="20"/>
      <c r="C24121" s="2" t="s">
        <v>77242</v>
      </c>
      <c r="D24121" s="14" t="s">
        <v>77243</v>
      </c>
      <c r="E24121" s="2" t="s">
        <v>77244</v>
      </c>
      <c r="F24121" s="2" t="s">
        <v>16219</v>
      </c>
      <c r="G24121" s="8">
        <v>259</v>
      </c>
      <c r="H24121" s="5">
        <v>6</v>
      </c>
      <c r="I24121" s="5" t="s">
        <v>1518</v>
      </c>
      <c r="J24121" s="5" t="s">
        <v>69038</v>
      </c>
      <c r="K24121" s="2" t="s">
        <v>69039</v>
      </c>
      <c r="L24121" s="5" t="s">
        <v>69038</v>
      </c>
      <c r="M24121" s="2" t="s">
        <v>69039</v>
      </c>
      <c r="N24121" s="5" t="s">
        <v>1521</v>
      </c>
      <c r="O24121" s="5" t="s">
        <v>38</v>
      </c>
      <c r="P24121" s="5" t="s">
        <v>39</v>
      </c>
      <c r="Q24121" s="5" t="s">
        <v>40</v>
      </c>
      <c r="R24121" s="5" t="s">
        <v>1522</v>
      </c>
      <c r="S24121" s="5" t="s">
        <v>1523</v>
      </c>
      <c r="T24121" s="5" t="s">
        <v>42</v>
      </c>
      <c r="U24121" s="2">
        <v>2.6579999999999999</v>
      </c>
      <c r="V24121" s="2">
        <v>2.101</v>
      </c>
      <c r="W24121" s="2">
        <v>1.4999999999999999E-2</v>
      </c>
      <c r="X24121" s="2">
        <v>118.9</v>
      </c>
      <c r="Y24121" s="2">
        <v>7.6</v>
      </c>
      <c r="Z24121" s="2">
        <v>16.7</v>
      </c>
      <c r="AA24121" s="5"/>
      <c r="AB24121" s="5" t="s">
        <v>43</v>
      </c>
      <c r="AC24121" s="5" t="s">
        <v>44</v>
      </c>
      <c r="AD24121" s="2"/>
      <c r="AE24121" s="1"/>
    </row>
    <row r="24122" spans="1:31" ht="14.45">
      <c r="A24122" s="11"/>
      <c r="B24122" s="20"/>
      <c r="C24122" s="2" t="s">
        <v>77245</v>
      </c>
      <c r="D24122" s="14" t="s">
        <v>77246</v>
      </c>
      <c r="E24122" s="2" t="s">
        <v>77247</v>
      </c>
      <c r="F24122" s="2" t="s">
        <v>7212</v>
      </c>
      <c r="G24122" s="8">
        <v>243</v>
      </c>
      <c r="H24122" s="5">
        <v>6</v>
      </c>
      <c r="I24122" s="5" t="s">
        <v>1518</v>
      </c>
      <c r="J24122" s="5" t="s">
        <v>69038</v>
      </c>
      <c r="K24122" s="2" t="s">
        <v>69039</v>
      </c>
      <c r="L24122" s="5" t="s">
        <v>69038</v>
      </c>
      <c r="M24122" s="2" t="s">
        <v>69039</v>
      </c>
      <c r="N24122" s="5" t="s">
        <v>1521</v>
      </c>
      <c r="O24122" s="5" t="s">
        <v>38</v>
      </c>
      <c r="P24122" s="5" t="s">
        <v>39</v>
      </c>
      <c r="Q24122" s="5" t="s">
        <v>40</v>
      </c>
      <c r="R24122" s="5" t="s">
        <v>1522</v>
      </c>
      <c r="S24122" s="5" t="s">
        <v>1523</v>
      </c>
      <c r="T24122" s="5" t="s">
        <v>42</v>
      </c>
      <c r="U24122" s="2">
        <v>2.581</v>
      </c>
      <c r="V24122" s="2">
        <v>2.024</v>
      </c>
      <c r="W24122" s="2">
        <v>1.4999999999999999E-2</v>
      </c>
      <c r="X24122" s="2">
        <v>118.9</v>
      </c>
      <c r="Y24122" s="2">
        <v>7.6</v>
      </c>
      <c r="Z24122" s="2">
        <v>16.7</v>
      </c>
      <c r="AA24122" s="5"/>
      <c r="AB24122" s="5" t="s">
        <v>43</v>
      </c>
      <c r="AC24122" s="5" t="s">
        <v>44</v>
      </c>
      <c r="AD24122" s="2"/>
      <c r="AE24122" s="1"/>
    </row>
    <row r="24123" spans="1:31" ht="14.45">
      <c r="A24123" s="11"/>
      <c r="B24123" s="20"/>
      <c r="C24123" s="2" t="s">
        <v>77248</v>
      </c>
      <c r="D24123" s="14" t="s">
        <v>77249</v>
      </c>
      <c r="E24123" s="2" t="s">
        <v>77250</v>
      </c>
      <c r="F24123" s="2" t="s">
        <v>7528</v>
      </c>
      <c r="G24123" s="8">
        <v>243</v>
      </c>
      <c r="H24123" s="5">
        <v>6</v>
      </c>
      <c r="I24123" s="5" t="s">
        <v>1518</v>
      </c>
      <c r="J24123" s="5" t="s">
        <v>69038</v>
      </c>
      <c r="K24123" s="2" t="s">
        <v>69039</v>
      </c>
      <c r="L24123" s="5" t="s">
        <v>69038</v>
      </c>
      <c r="M24123" s="2" t="s">
        <v>69039</v>
      </c>
      <c r="N24123" s="5" t="s">
        <v>1521</v>
      </c>
      <c r="O24123" s="5" t="s">
        <v>38</v>
      </c>
      <c r="P24123" s="5" t="s">
        <v>39</v>
      </c>
      <c r="Q24123" s="5" t="s">
        <v>40</v>
      </c>
      <c r="R24123" s="5" t="s">
        <v>1522</v>
      </c>
      <c r="S24123" s="5" t="s">
        <v>1523</v>
      </c>
      <c r="T24123" s="5" t="s">
        <v>42</v>
      </c>
      <c r="U24123" s="2">
        <v>2.6579999999999999</v>
      </c>
      <c r="V24123" s="2">
        <v>2.101</v>
      </c>
      <c r="W24123" s="2">
        <v>1.4999999999999999E-2</v>
      </c>
      <c r="X24123" s="2">
        <v>118.9</v>
      </c>
      <c r="Y24123" s="2">
        <v>7.6</v>
      </c>
      <c r="Z24123" s="2">
        <v>16.7</v>
      </c>
      <c r="AA24123" s="5"/>
      <c r="AB24123" s="5" t="s">
        <v>43</v>
      </c>
      <c r="AC24123" s="5" t="s">
        <v>44</v>
      </c>
      <c r="AD24123" s="2"/>
      <c r="AE24123" s="1"/>
    </row>
    <row r="24124" spans="1:31" ht="14.45">
      <c r="A24124" s="11"/>
      <c r="B24124" s="20"/>
      <c r="C24124" s="2" t="s">
        <v>77251</v>
      </c>
      <c r="D24124" s="14" t="s">
        <v>77252</v>
      </c>
      <c r="E24124" s="2" t="s">
        <v>77253</v>
      </c>
      <c r="F24124" s="2" t="s">
        <v>16029</v>
      </c>
      <c r="G24124" s="8">
        <v>259</v>
      </c>
      <c r="H24124" s="5">
        <v>6</v>
      </c>
      <c r="I24124" s="5" t="s">
        <v>1518</v>
      </c>
      <c r="J24124" s="5" t="s">
        <v>69038</v>
      </c>
      <c r="K24124" s="2" t="s">
        <v>69039</v>
      </c>
      <c r="L24124" s="5" t="s">
        <v>69038</v>
      </c>
      <c r="M24124" s="2" t="s">
        <v>69039</v>
      </c>
      <c r="N24124" s="5" t="s">
        <v>1521</v>
      </c>
      <c r="O24124" s="5" t="s">
        <v>38</v>
      </c>
      <c r="P24124" s="5" t="s">
        <v>39</v>
      </c>
      <c r="Q24124" s="5" t="s">
        <v>40</v>
      </c>
      <c r="R24124" s="5" t="s">
        <v>1522</v>
      </c>
      <c r="S24124" s="5" t="s">
        <v>1523</v>
      </c>
      <c r="T24124" s="5" t="s">
        <v>42</v>
      </c>
      <c r="U24124" s="2">
        <v>2.5590000000000002</v>
      </c>
      <c r="V24124" s="2">
        <v>2.0019999999999998</v>
      </c>
      <c r="W24124" s="2">
        <v>1.4999999999999999E-2</v>
      </c>
      <c r="X24124" s="2">
        <v>118.9</v>
      </c>
      <c r="Y24124" s="2">
        <v>7.6</v>
      </c>
      <c r="Z24124" s="2">
        <v>16.7</v>
      </c>
      <c r="AA24124" s="5"/>
      <c r="AB24124" s="5" t="s">
        <v>43</v>
      </c>
      <c r="AC24124" s="5" t="s">
        <v>44</v>
      </c>
      <c r="AD24124" s="2"/>
      <c r="AE24124" s="1"/>
    </row>
    <row r="24125" spans="1:31" ht="14.45">
      <c r="A24125" s="11"/>
      <c r="B24125" s="20"/>
      <c r="C24125" s="2" t="s">
        <v>77254</v>
      </c>
      <c r="D24125" s="14" t="s">
        <v>77255</v>
      </c>
      <c r="E24125" s="2" t="s">
        <v>77256</v>
      </c>
      <c r="F24125" s="2" t="s">
        <v>16033</v>
      </c>
      <c r="G24125" s="8">
        <v>259</v>
      </c>
      <c r="H24125" s="5">
        <v>6</v>
      </c>
      <c r="I24125" s="5" t="s">
        <v>1518</v>
      </c>
      <c r="J24125" s="5" t="s">
        <v>69038</v>
      </c>
      <c r="K24125" s="2" t="s">
        <v>69039</v>
      </c>
      <c r="L24125" s="5" t="s">
        <v>69038</v>
      </c>
      <c r="M24125" s="2" t="s">
        <v>69039</v>
      </c>
      <c r="N24125" s="5" t="s">
        <v>1521</v>
      </c>
      <c r="O24125" s="5" t="s">
        <v>38</v>
      </c>
      <c r="P24125" s="5" t="s">
        <v>39</v>
      </c>
      <c r="Q24125" s="5" t="s">
        <v>40</v>
      </c>
      <c r="R24125" s="5" t="s">
        <v>1522</v>
      </c>
      <c r="S24125" s="5" t="s">
        <v>1523</v>
      </c>
      <c r="T24125" s="5" t="s">
        <v>42</v>
      </c>
      <c r="U24125" s="2">
        <v>2.6360000000000001</v>
      </c>
      <c r="V24125" s="2">
        <v>2.0790000000000002</v>
      </c>
      <c r="W24125" s="2">
        <v>1.4999999999999999E-2</v>
      </c>
      <c r="X24125" s="2">
        <v>118.9</v>
      </c>
      <c r="Y24125" s="2">
        <v>7.6</v>
      </c>
      <c r="Z24125" s="2">
        <v>16.7</v>
      </c>
      <c r="AA24125" s="5"/>
      <c r="AB24125" s="5" t="s">
        <v>43</v>
      </c>
      <c r="AC24125" s="5" t="s">
        <v>44</v>
      </c>
      <c r="AD24125" s="2"/>
      <c r="AE24125" s="1"/>
    </row>
    <row r="24126" spans="1:31" ht="14.45">
      <c r="A24126" s="11"/>
      <c r="B24126" s="20"/>
      <c r="C24126" s="2" t="s">
        <v>77257</v>
      </c>
      <c r="D24126" s="14" t="s">
        <v>77258</v>
      </c>
      <c r="E24126" s="2" t="s">
        <v>77259</v>
      </c>
      <c r="F24126" s="2" t="s">
        <v>7204</v>
      </c>
      <c r="G24126" s="8">
        <v>246</v>
      </c>
      <c r="H24126" s="5">
        <v>6</v>
      </c>
      <c r="I24126" s="5" t="s">
        <v>1518</v>
      </c>
      <c r="J24126" s="5" t="s">
        <v>69038</v>
      </c>
      <c r="K24126" s="2" t="s">
        <v>69039</v>
      </c>
      <c r="L24126" s="5" t="s">
        <v>69038</v>
      </c>
      <c r="M24126" s="2" t="s">
        <v>69039</v>
      </c>
      <c r="N24126" s="5" t="s">
        <v>1521</v>
      </c>
      <c r="O24126" s="5" t="s">
        <v>38</v>
      </c>
      <c r="P24126" s="5" t="s">
        <v>39</v>
      </c>
      <c r="Q24126" s="5" t="s">
        <v>40</v>
      </c>
      <c r="R24126" s="5" t="s">
        <v>1522</v>
      </c>
      <c r="S24126" s="5" t="s">
        <v>1523</v>
      </c>
      <c r="T24126" s="5" t="s">
        <v>42</v>
      </c>
      <c r="U24126" s="2">
        <v>2.8239999999999998</v>
      </c>
      <c r="V24126" s="2">
        <v>2.1930000000000001</v>
      </c>
      <c r="W24126" s="2">
        <v>1.7999999999999999E-2</v>
      </c>
      <c r="X24126" s="2">
        <v>139.1</v>
      </c>
      <c r="Y24126" s="2">
        <v>7.6</v>
      </c>
      <c r="Z24126" s="2">
        <v>16.7</v>
      </c>
      <c r="AA24126" s="5"/>
      <c r="AB24126" s="5" t="s">
        <v>43</v>
      </c>
      <c r="AC24126" s="5" t="s">
        <v>44</v>
      </c>
      <c r="AD24126" s="2"/>
      <c r="AE24126" s="1"/>
    </row>
    <row r="24127" spans="1:31" ht="14.45">
      <c r="A24127" s="11"/>
      <c r="B24127" s="20"/>
      <c r="C24127" s="2" t="s">
        <v>77260</v>
      </c>
      <c r="D24127" s="14" t="s">
        <v>77261</v>
      </c>
      <c r="E24127" s="2" t="s">
        <v>77262</v>
      </c>
      <c r="F24127" s="2" t="s">
        <v>7514</v>
      </c>
      <c r="G24127" s="8">
        <v>246</v>
      </c>
      <c r="H24127" s="5">
        <v>6</v>
      </c>
      <c r="I24127" s="5" t="s">
        <v>1518</v>
      </c>
      <c r="J24127" s="5" t="s">
        <v>69038</v>
      </c>
      <c r="K24127" s="2" t="s">
        <v>69039</v>
      </c>
      <c r="L24127" s="5" t="s">
        <v>69038</v>
      </c>
      <c r="M24127" s="2" t="s">
        <v>69039</v>
      </c>
      <c r="N24127" s="5" t="s">
        <v>1521</v>
      </c>
      <c r="O24127" s="5" t="s">
        <v>38</v>
      </c>
      <c r="P24127" s="5" t="s">
        <v>39</v>
      </c>
      <c r="Q24127" s="5" t="s">
        <v>40</v>
      </c>
      <c r="R24127" s="5" t="s">
        <v>1522</v>
      </c>
      <c r="S24127" s="5" t="s">
        <v>1523</v>
      </c>
      <c r="T24127" s="5" t="s">
        <v>42</v>
      </c>
      <c r="U24127" s="2">
        <v>2.9129999999999998</v>
      </c>
      <c r="V24127" s="2">
        <v>2.282</v>
      </c>
      <c r="W24127" s="2">
        <v>1.7999999999999999E-2</v>
      </c>
      <c r="X24127" s="2">
        <v>139.1</v>
      </c>
      <c r="Y24127" s="2">
        <v>7.6</v>
      </c>
      <c r="Z24127" s="2">
        <v>16.7</v>
      </c>
      <c r="AA24127" s="5"/>
      <c r="AB24127" s="5" t="s">
        <v>43</v>
      </c>
      <c r="AC24127" s="5" t="s">
        <v>44</v>
      </c>
      <c r="AD24127" s="2"/>
      <c r="AE24127" s="1"/>
    </row>
    <row r="24128" spans="1:31" ht="14.45">
      <c r="A24128" s="11"/>
      <c r="B24128" s="20"/>
      <c r="C24128" s="2" t="s">
        <v>77263</v>
      </c>
      <c r="D24128" s="14" t="s">
        <v>77264</v>
      </c>
      <c r="E24128" s="2" t="s">
        <v>77265</v>
      </c>
      <c r="F24128" s="2" t="s">
        <v>7208</v>
      </c>
      <c r="G24128" s="8">
        <v>246</v>
      </c>
      <c r="H24128" s="5">
        <v>6</v>
      </c>
      <c r="I24128" s="5" t="s">
        <v>1518</v>
      </c>
      <c r="J24128" s="5" t="s">
        <v>69038</v>
      </c>
      <c r="K24128" s="2" t="s">
        <v>69039</v>
      </c>
      <c r="L24128" s="5" t="s">
        <v>69038</v>
      </c>
      <c r="M24128" s="2" t="s">
        <v>69039</v>
      </c>
      <c r="N24128" s="5" t="s">
        <v>1521</v>
      </c>
      <c r="O24128" s="5" t="s">
        <v>38</v>
      </c>
      <c r="P24128" s="5" t="s">
        <v>39</v>
      </c>
      <c r="Q24128" s="5" t="s">
        <v>40</v>
      </c>
      <c r="R24128" s="5" t="s">
        <v>1522</v>
      </c>
      <c r="S24128" s="5" t="s">
        <v>1523</v>
      </c>
      <c r="T24128" s="5" t="s">
        <v>42</v>
      </c>
      <c r="U24128" s="2">
        <v>2.8239999999999998</v>
      </c>
      <c r="V24128" s="2">
        <v>2.1930000000000001</v>
      </c>
      <c r="W24128" s="2">
        <v>1.7999999999999999E-2</v>
      </c>
      <c r="X24128" s="2">
        <v>139.1</v>
      </c>
      <c r="Y24128" s="2">
        <v>7.6</v>
      </c>
      <c r="Z24128" s="2">
        <v>16.7</v>
      </c>
      <c r="AA24128" s="5"/>
      <c r="AB24128" s="5" t="s">
        <v>43</v>
      </c>
      <c r="AC24128" s="5" t="s">
        <v>44</v>
      </c>
      <c r="AD24128" s="2"/>
      <c r="AE24128" s="1"/>
    </row>
    <row r="24129" spans="1:31" ht="14.45">
      <c r="A24129" s="11"/>
      <c r="B24129" s="20"/>
      <c r="C24129" s="2" t="s">
        <v>77266</v>
      </c>
      <c r="D24129" s="14" t="s">
        <v>77267</v>
      </c>
      <c r="E24129" s="2" t="s">
        <v>77268</v>
      </c>
      <c r="F24129" s="2" t="s">
        <v>7521</v>
      </c>
      <c r="G24129" s="8">
        <v>246</v>
      </c>
      <c r="H24129" s="5">
        <v>6</v>
      </c>
      <c r="I24129" s="5" t="s">
        <v>1518</v>
      </c>
      <c r="J24129" s="5" t="s">
        <v>69038</v>
      </c>
      <c r="K24129" s="2" t="s">
        <v>69039</v>
      </c>
      <c r="L24129" s="5" t="s">
        <v>69038</v>
      </c>
      <c r="M24129" s="2" t="s">
        <v>69039</v>
      </c>
      <c r="N24129" s="5" t="s">
        <v>1521</v>
      </c>
      <c r="O24129" s="5" t="s">
        <v>38</v>
      </c>
      <c r="P24129" s="5" t="s">
        <v>39</v>
      </c>
      <c r="Q24129" s="5" t="s">
        <v>40</v>
      </c>
      <c r="R24129" s="5" t="s">
        <v>1522</v>
      </c>
      <c r="S24129" s="5" t="s">
        <v>1523</v>
      </c>
      <c r="T24129" s="5" t="s">
        <v>42</v>
      </c>
      <c r="U24129" s="2">
        <v>2.9129999999999998</v>
      </c>
      <c r="V24129" s="2">
        <v>2.282</v>
      </c>
      <c r="W24129" s="2">
        <v>1.7999999999999999E-2</v>
      </c>
      <c r="X24129" s="2">
        <v>139.1</v>
      </c>
      <c r="Y24129" s="2">
        <v>7.6</v>
      </c>
      <c r="Z24129" s="2">
        <v>16.7</v>
      </c>
      <c r="AA24129" s="5"/>
      <c r="AB24129" s="5" t="s">
        <v>43</v>
      </c>
      <c r="AC24129" s="5" t="s">
        <v>44</v>
      </c>
      <c r="AD24129" s="2"/>
      <c r="AE24129" s="1"/>
    </row>
    <row r="24130" spans="1:31" ht="14.45">
      <c r="A24130" s="11"/>
      <c r="B24130" s="20"/>
      <c r="C24130" s="2" t="s">
        <v>77269</v>
      </c>
      <c r="D24130" s="14" t="s">
        <v>77270</v>
      </c>
      <c r="E24130" s="2" t="s">
        <v>77271</v>
      </c>
      <c r="F24130" s="2" t="s">
        <v>7406</v>
      </c>
      <c r="G24130" s="8">
        <v>263</v>
      </c>
      <c r="H24130" s="5">
        <v>6</v>
      </c>
      <c r="I24130" s="5" t="s">
        <v>1518</v>
      </c>
      <c r="J24130" s="5" t="s">
        <v>69038</v>
      </c>
      <c r="K24130" s="2" t="s">
        <v>69039</v>
      </c>
      <c r="L24130" s="5" t="s">
        <v>69038</v>
      </c>
      <c r="M24130" s="2" t="s">
        <v>69039</v>
      </c>
      <c r="N24130" s="5" t="s">
        <v>1521</v>
      </c>
      <c r="O24130" s="5" t="s">
        <v>38</v>
      </c>
      <c r="P24130" s="5" t="s">
        <v>39</v>
      </c>
      <c r="Q24130" s="5" t="s">
        <v>40</v>
      </c>
      <c r="R24130" s="5" t="s">
        <v>1522</v>
      </c>
      <c r="S24130" s="5" t="s">
        <v>1523</v>
      </c>
      <c r="T24130" s="5" t="s">
        <v>42</v>
      </c>
      <c r="U24130" s="2">
        <v>2.8239999999999998</v>
      </c>
      <c r="V24130" s="2">
        <v>2.1930000000000001</v>
      </c>
      <c r="W24130" s="2">
        <v>1.7999999999999999E-2</v>
      </c>
      <c r="X24130" s="2">
        <v>139.1</v>
      </c>
      <c r="Y24130" s="2">
        <v>7.6</v>
      </c>
      <c r="Z24130" s="2">
        <v>16.7</v>
      </c>
      <c r="AA24130" s="5"/>
      <c r="AB24130" s="5" t="s">
        <v>43</v>
      </c>
      <c r="AC24130" s="5" t="s">
        <v>44</v>
      </c>
      <c r="AD24130" s="2"/>
      <c r="AE24130" s="1"/>
    </row>
    <row r="24131" spans="1:31" ht="14.45">
      <c r="A24131" s="11"/>
      <c r="B24131" s="20"/>
      <c r="C24131" s="2" t="s">
        <v>77272</v>
      </c>
      <c r="D24131" s="14" t="s">
        <v>77273</v>
      </c>
      <c r="E24131" s="2" t="s">
        <v>77274</v>
      </c>
      <c r="F24131" s="2" t="s">
        <v>7535</v>
      </c>
      <c r="G24131" s="8">
        <v>263</v>
      </c>
      <c r="H24131" s="5">
        <v>6</v>
      </c>
      <c r="I24131" s="5" t="s">
        <v>1518</v>
      </c>
      <c r="J24131" s="5" t="s">
        <v>69038</v>
      </c>
      <c r="K24131" s="2" t="s">
        <v>69039</v>
      </c>
      <c r="L24131" s="5" t="s">
        <v>69038</v>
      </c>
      <c r="M24131" s="2" t="s">
        <v>69039</v>
      </c>
      <c r="N24131" s="5" t="s">
        <v>1521</v>
      </c>
      <c r="O24131" s="5" t="s">
        <v>38</v>
      </c>
      <c r="P24131" s="5" t="s">
        <v>39</v>
      </c>
      <c r="Q24131" s="5" t="s">
        <v>40</v>
      </c>
      <c r="R24131" s="5" t="s">
        <v>1522</v>
      </c>
      <c r="S24131" s="5" t="s">
        <v>1523</v>
      </c>
      <c r="T24131" s="5" t="s">
        <v>42</v>
      </c>
      <c r="U24131" s="2">
        <v>2.9129999999999998</v>
      </c>
      <c r="V24131" s="2">
        <v>2.282</v>
      </c>
      <c r="W24131" s="2">
        <v>1.7999999999999999E-2</v>
      </c>
      <c r="X24131" s="2">
        <v>139.1</v>
      </c>
      <c r="Y24131" s="2">
        <v>7.6</v>
      </c>
      <c r="Z24131" s="2">
        <v>16.7</v>
      </c>
      <c r="AA24131" s="5"/>
      <c r="AB24131" s="5" t="s">
        <v>43</v>
      </c>
      <c r="AC24131" s="5" t="s">
        <v>44</v>
      </c>
      <c r="AD24131" s="2"/>
      <c r="AE24131" s="1"/>
    </row>
    <row r="24132" spans="1:31" ht="14.45">
      <c r="A24132" s="11"/>
      <c r="B24132" s="20"/>
      <c r="C24132" s="2" t="s">
        <v>77275</v>
      </c>
      <c r="D24132" s="14" t="s">
        <v>77276</v>
      </c>
      <c r="E24132" s="2" t="s">
        <v>77277</v>
      </c>
      <c r="F24132" s="2" t="s">
        <v>7539</v>
      </c>
      <c r="G24132" s="8">
        <v>263</v>
      </c>
      <c r="H24132" s="5">
        <v>6</v>
      </c>
      <c r="I24132" s="5" t="s">
        <v>1518</v>
      </c>
      <c r="J24132" s="5" t="s">
        <v>69038</v>
      </c>
      <c r="K24132" s="2" t="s">
        <v>69039</v>
      </c>
      <c r="L24132" s="5" t="s">
        <v>69038</v>
      </c>
      <c r="M24132" s="2" t="s">
        <v>69039</v>
      </c>
      <c r="N24132" s="5" t="s">
        <v>1521</v>
      </c>
      <c r="O24132" s="5" t="s">
        <v>38</v>
      </c>
      <c r="P24132" s="5" t="s">
        <v>39</v>
      </c>
      <c r="Q24132" s="5" t="s">
        <v>40</v>
      </c>
      <c r="R24132" s="5" t="s">
        <v>1522</v>
      </c>
      <c r="S24132" s="5" t="s">
        <v>1523</v>
      </c>
      <c r="T24132" s="5" t="s">
        <v>42</v>
      </c>
      <c r="U24132" s="2">
        <v>2.8239999999999998</v>
      </c>
      <c r="V24132" s="2">
        <v>2.1930000000000001</v>
      </c>
      <c r="W24132" s="2">
        <v>1.7999999999999999E-2</v>
      </c>
      <c r="X24132" s="2">
        <v>139.1</v>
      </c>
      <c r="Y24132" s="2">
        <v>7.6</v>
      </c>
      <c r="Z24132" s="2">
        <v>16.7</v>
      </c>
      <c r="AA24132" s="5"/>
      <c r="AB24132" s="5" t="s">
        <v>43</v>
      </c>
      <c r="AC24132" s="5" t="s">
        <v>44</v>
      </c>
      <c r="AD24132" s="2"/>
      <c r="AE24132" s="1"/>
    </row>
    <row r="24133" spans="1:31" ht="14.45">
      <c r="A24133" s="11"/>
      <c r="B24133" s="20"/>
      <c r="C24133" s="2" t="s">
        <v>77278</v>
      </c>
      <c r="D24133" s="14" t="s">
        <v>77279</v>
      </c>
      <c r="E24133" s="2" t="s">
        <v>77280</v>
      </c>
      <c r="F24133" s="2" t="s">
        <v>7543</v>
      </c>
      <c r="G24133" s="8">
        <v>263</v>
      </c>
      <c r="H24133" s="5">
        <v>6</v>
      </c>
      <c r="I24133" s="5" t="s">
        <v>1518</v>
      </c>
      <c r="J24133" s="5" t="s">
        <v>69038</v>
      </c>
      <c r="K24133" s="2" t="s">
        <v>69039</v>
      </c>
      <c r="L24133" s="5" t="s">
        <v>69038</v>
      </c>
      <c r="M24133" s="2" t="s">
        <v>69039</v>
      </c>
      <c r="N24133" s="5" t="s">
        <v>1521</v>
      </c>
      <c r="O24133" s="5" t="s">
        <v>38</v>
      </c>
      <c r="P24133" s="5" t="s">
        <v>39</v>
      </c>
      <c r="Q24133" s="5" t="s">
        <v>40</v>
      </c>
      <c r="R24133" s="5" t="s">
        <v>1522</v>
      </c>
      <c r="S24133" s="5" t="s">
        <v>1523</v>
      </c>
      <c r="T24133" s="5" t="s">
        <v>42</v>
      </c>
      <c r="U24133" s="2">
        <v>2.9129999999999998</v>
      </c>
      <c r="V24133" s="2">
        <v>2.282</v>
      </c>
      <c r="W24133" s="2">
        <v>1.7999999999999999E-2</v>
      </c>
      <c r="X24133" s="2">
        <v>139.1</v>
      </c>
      <c r="Y24133" s="2">
        <v>7.6</v>
      </c>
      <c r="Z24133" s="2">
        <v>16.7</v>
      </c>
      <c r="AA24133" s="5"/>
      <c r="AB24133" s="5" t="s">
        <v>43</v>
      </c>
      <c r="AC24133" s="5" t="s">
        <v>44</v>
      </c>
      <c r="AD24133" s="2"/>
      <c r="AE24133" s="1"/>
    </row>
    <row r="24134" spans="1:31" ht="14.45">
      <c r="A24134" s="11"/>
      <c r="B24134" s="20"/>
      <c r="C24134" s="2" t="s">
        <v>77281</v>
      </c>
      <c r="D24134" s="14" t="s">
        <v>77282</v>
      </c>
      <c r="E24134" s="2" t="s">
        <v>77283</v>
      </c>
      <c r="F24134" s="2" t="s">
        <v>7396</v>
      </c>
      <c r="G24134" s="8">
        <v>246</v>
      </c>
      <c r="H24134" s="5">
        <v>6</v>
      </c>
      <c r="I24134" s="5" t="s">
        <v>1518</v>
      </c>
      <c r="J24134" s="5" t="s">
        <v>69038</v>
      </c>
      <c r="K24134" s="2" t="s">
        <v>69039</v>
      </c>
      <c r="L24134" s="5" t="s">
        <v>69038</v>
      </c>
      <c r="M24134" s="2" t="s">
        <v>69039</v>
      </c>
      <c r="N24134" s="5" t="s">
        <v>1521</v>
      </c>
      <c r="O24134" s="5" t="s">
        <v>38</v>
      </c>
      <c r="P24134" s="5" t="s">
        <v>39</v>
      </c>
      <c r="Q24134" s="5" t="s">
        <v>40</v>
      </c>
      <c r="R24134" s="5" t="s">
        <v>1522</v>
      </c>
      <c r="S24134" s="5" t="s">
        <v>1523</v>
      </c>
      <c r="T24134" s="5" t="s">
        <v>42</v>
      </c>
      <c r="U24134" s="2">
        <v>2.8239999999999998</v>
      </c>
      <c r="V24134" s="2">
        <v>2.1930000000000001</v>
      </c>
      <c r="W24134" s="2">
        <v>1.7999999999999999E-2</v>
      </c>
      <c r="X24134" s="2">
        <v>139.1</v>
      </c>
      <c r="Y24134" s="2">
        <v>7.6</v>
      </c>
      <c r="Z24134" s="2">
        <v>16.7</v>
      </c>
      <c r="AA24134" s="5"/>
      <c r="AB24134" s="5" t="s">
        <v>43</v>
      </c>
      <c r="AC24134" s="5" t="s">
        <v>44</v>
      </c>
      <c r="AD24134" s="2"/>
      <c r="AE24134" s="1"/>
    </row>
    <row r="24135" spans="1:31" ht="14.45">
      <c r="A24135" s="11"/>
      <c r="B24135" s="20"/>
      <c r="C24135" s="2" t="s">
        <v>77284</v>
      </c>
      <c r="D24135" s="14" t="s">
        <v>77285</v>
      </c>
      <c r="E24135" s="2" t="s">
        <v>77286</v>
      </c>
      <c r="F24135" s="2" t="s">
        <v>7507</v>
      </c>
      <c r="G24135" s="8">
        <v>246</v>
      </c>
      <c r="H24135" s="5">
        <v>6</v>
      </c>
      <c r="I24135" s="5" t="s">
        <v>1518</v>
      </c>
      <c r="J24135" s="5" t="s">
        <v>69038</v>
      </c>
      <c r="K24135" s="2" t="s">
        <v>69039</v>
      </c>
      <c r="L24135" s="5" t="s">
        <v>69038</v>
      </c>
      <c r="M24135" s="2" t="s">
        <v>69039</v>
      </c>
      <c r="N24135" s="5" t="s">
        <v>1521</v>
      </c>
      <c r="O24135" s="5" t="s">
        <v>38</v>
      </c>
      <c r="P24135" s="5" t="s">
        <v>39</v>
      </c>
      <c r="Q24135" s="5" t="s">
        <v>40</v>
      </c>
      <c r="R24135" s="5" t="s">
        <v>1522</v>
      </c>
      <c r="S24135" s="5" t="s">
        <v>1523</v>
      </c>
      <c r="T24135" s="5" t="s">
        <v>42</v>
      </c>
      <c r="U24135" s="2">
        <v>2.9129999999999998</v>
      </c>
      <c r="V24135" s="2">
        <v>2.282</v>
      </c>
      <c r="W24135" s="2">
        <v>1.7999999999999999E-2</v>
      </c>
      <c r="X24135" s="2">
        <v>139.1</v>
      </c>
      <c r="Y24135" s="2">
        <v>7.6</v>
      </c>
      <c r="Z24135" s="2">
        <v>16.7</v>
      </c>
      <c r="AA24135" s="5"/>
      <c r="AB24135" s="5" t="s">
        <v>43</v>
      </c>
      <c r="AC24135" s="5" t="s">
        <v>44</v>
      </c>
      <c r="AD24135" s="2"/>
      <c r="AE24135" s="1"/>
    </row>
    <row r="24136" spans="1:31" ht="14.45">
      <c r="A24136" s="11"/>
      <c r="B24136" s="20"/>
      <c r="C24136" s="2" t="s">
        <v>77287</v>
      </c>
      <c r="D24136" s="14" t="s">
        <v>77288</v>
      </c>
      <c r="E24136" s="2" t="s">
        <v>77289</v>
      </c>
      <c r="F24136" s="2" t="s">
        <v>7563</v>
      </c>
      <c r="G24136" s="8">
        <v>263</v>
      </c>
      <c r="H24136" s="5">
        <v>6</v>
      </c>
      <c r="I24136" s="5" t="s">
        <v>1518</v>
      </c>
      <c r="J24136" s="5" t="s">
        <v>69038</v>
      </c>
      <c r="K24136" s="2" t="s">
        <v>69039</v>
      </c>
      <c r="L24136" s="5" t="s">
        <v>69038</v>
      </c>
      <c r="M24136" s="2" t="s">
        <v>69039</v>
      </c>
      <c r="N24136" s="5" t="s">
        <v>1521</v>
      </c>
      <c r="O24136" s="5" t="s">
        <v>38</v>
      </c>
      <c r="P24136" s="5" t="s">
        <v>39</v>
      </c>
      <c r="Q24136" s="5" t="s">
        <v>40</v>
      </c>
      <c r="R24136" s="5" t="s">
        <v>1522</v>
      </c>
      <c r="S24136" s="5" t="s">
        <v>1523</v>
      </c>
      <c r="T24136" s="5" t="s">
        <v>42</v>
      </c>
      <c r="U24136" s="2">
        <v>2.8239999999999998</v>
      </c>
      <c r="V24136" s="2">
        <v>2.1930000000000001</v>
      </c>
      <c r="W24136" s="2">
        <v>1.7999999999999999E-2</v>
      </c>
      <c r="X24136" s="2">
        <v>139.1</v>
      </c>
      <c r="Y24136" s="2">
        <v>7.6</v>
      </c>
      <c r="Z24136" s="2">
        <v>16.7</v>
      </c>
      <c r="AA24136" s="5"/>
      <c r="AB24136" s="5" t="s">
        <v>43</v>
      </c>
      <c r="AC24136" s="5" t="s">
        <v>44</v>
      </c>
      <c r="AD24136" s="2"/>
      <c r="AE24136" s="1"/>
    </row>
    <row r="24137" spans="1:31" ht="14.45">
      <c r="A24137" s="11"/>
      <c r="B24137" s="20"/>
      <c r="C24137" s="2" t="s">
        <v>77290</v>
      </c>
      <c r="D24137" s="14" t="s">
        <v>77291</v>
      </c>
      <c r="E24137" s="2" t="s">
        <v>77292</v>
      </c>
      <c r="F24137" s="2" t="s">
        <v>7567</v>
      </c>
      <c r="G24137" s="8">
        <v>263</v>
      </c>
      <c r="H24137" s="5">
        <v>6</v>
      </c>
      <c r="I24137" s="5" t="s">
        <v>1518</v>
      </c>
      <c r="J24137" s="5" t="s">
        <v>69038</v>
      </c>
      <c r="K24137" s="2" t="s">
        <v>69039</v>
      </c>
      <c r="L24137" s="5" t="s">
        <v>69038</v>
      </c>
      <c r="M24137" s="2" t="s">
        <v>69039</v>
      </c>
      <c r="N24137" s="5" t="s">
        <v>1521</v>
      </c>
      <c r="O24137" s="5" t="s">
        <v>38</v>
      </c>
      <c r="P24137" s="5" t="s">
        <v>39</v>
      </c>
      <c r="Q24137" s="5" t="s">
        <v>40</v>
      </c>
      <c r="R24137" s="5" t="s">
        <v>1522</v>
      </c>
      <c r="S24137" s="5" t="s">
        <v>1523</v>
      </c>
      <c r="T24137" s="5" t="s">
        <v>42</v>
      </c>
      <c r="U24137" s="2">
        <v>2.9129999999999998</v>
      </c>
      <c r="V24137" s="2">
        <v>2.282</v>
      </c>
      <c r="W24137" s="2">
        <v>1.7999999999999999E-2</v>
      </c>
      <c r="X24137" s="2">
        <v>139.1</v>
      </c>
      <c r="Y24137" s="2">
        <v>7.6</v>
      </c>
      <c r="Z24137" s="2">
        <v>16.7</v>
      </c>
      <c r="AA24137" s="5"/>
      <c r="AB24137" s="5" t="s">
        <v>43</v>
      </c>
      <c r="AC24137" s="5" t="s">
        <v>44</v>
      </c>
      <c r="AD24137" s="2"/>
      <c r="AE24137" s="1"/>
    </row>
    <row r="24138" spans="1:31" ht="14.45">
      <c r="A24138" s="11"/>
      <c r="B24138" s="20"/>
      <c r="C24138" s="2" t="s">
        <v>77293</v>
      </c>
      <c r="D24138" s="14" t="s">
        <v>77294</v>
      </c>
      <c r="E24138" s="2" t="s">
        <v>77295</v>
      </c>
      <c r="F24138" s="2" t="s">
        <v>7559</v>
      </c>
      <c r="G24138" s="8">
        <v>263</v>
      </c>
      <c r="H24138" s="5">
        <v>6</v>
      </c>
      <c r="I24138" s="5" t="s">
        <v>1518</v>
      </c>
      <c r="J24138" s="5" t="s">
        <v>69038</v>
      </c>
      <c r="K24138" s="2" t="s">
        <v>69039</v>
      </c>
      <c r="L24138" s="5" t="s">
        <v>69038</v>
      </c>
      <c r="M24138" s="2" t="s">
        <v>69039</v>
      </c>
      <c r="N24138" s="5" t="s">
        <v>1521</v>
      </c>
      <c r="O24138" s="5" t="s">
        <v>38</v>
      </c>
      <c r="P24138" s="5" t="s">
        <v>39</v>
      </c>
      <c r="Q24138" s="5" t="s">
        <v>40</v>
      </c>
      <c r="R24138" s="5" t="s">
        <v>1522</v>
      </c>
      <c r="S24138" s="5" t="s">
        <v>1523</v>
      </c>
      <c r="T24138" s="5" t="s">
        <v>42</v>
      </c>
      <c r="U24138" s="2">
        <v>2.9129999999999998</v>
      </c>
      <c r="V24138" s="2">
        <v>2.282</v>
      </c>
      <c r="W24138" s="2">
        <v>1.7999999999999999E-2</v>
      </c>
      <c r="X24138" s="2">
        <v>139.1</v>
      </c>
      <c r="Y24138" s="2">
        <v>7.6</v>
      </c>
      <c r="Z24138" s="2">
        <v>16.7</v>
      </c>
      <c r="AA24138" s="5"/>
      <c r="AB24138" s="5" t="s">
        <v>43</v>
      </c>
      <c r="AC24138" s="5" t="s">
        <v>44</v>
      </c>
      <c r="AD24138" s="2"/>
      <c r="AE24138" s="1"/>
    </row>
    <row r="24139" spans="1:31" ht="14.45">
      <c r="A24139" s="11"/>
      <c r="B24139" s="20"/>
      <c r="C24139" s="2" t="s">
        <v>77296</v>
      </c>
      <c r="D24139" s="14" t="s">
        <v>77297</v>
      </c>
      <c r="E24139" s="2" t="s">
        <v>77298</v>
      </c>
      <c r="F24139" s="2" t="s">
        <v>16194</v>
      </c>
      <c r="G24139" s="8">
        <v>263</v>
      </c>
      <c r="H24139" s="5">
        <v>6</v>
      </c>
      <c r="I24139" s="5" t="s">
        <v>1518</v>
      </c>
      <c r="J24139" s="5" t="s">
        <v>69038</v>
      </c>
      <c r="K24139" s="2" t="s">
        <v>69039</v>
      </c>
      <c r="L24139" s="5" t="s">
        <v>69038</v>
      </c>
      <c r="M24139" s="2" t="s">
        <v>69039</v>
      </c>
      <c r="N24139" s="5" t="s">
        <v>1521</v>
      </c>
      <c r="O24139" s="5" t="s">
        <v>38</v>
      </c>
      <c r="P24139" s="5" t="s">
        <v>39</v>
      </c>
      <c r="Q24139" s="5" t="s">
        <v>40</v>
      </c>
      <c r="R24139" s="5" t="s">
        <v>1522</v>
      </c>
      <c r="S24139" s="5" t="s">
        <v>1523</v>
      </c>
      <c r="T24139" s="5" t="s">
        <v>42</v>
      </c>
      <c r="U24139" s="2">
        <v>2.9129999999999998</v>
      </c>
      <c r="V24139" s="2">
        <v>2.282</v>
      </c>
      <c r="W24139" s="2">
        <v>1.7999999999999999E-2</v>
      </c>
      <c r="X24139" s="2">
        <v>139.1</v>
      </c>
      <c r="Y24139" s="2">
        <v>7.6</v>
      </c>
      <c r="Z24139" s="2">
        <v>16.7</v>
      </c>
      <c r="AA24139" s="5"/>
      <c r="AB24139" s="5" t="s">
        <v>43</v>
      </c>
      <c r="AC24139" s="5" t="s">
        <v>44</v>
      </c>
      <c r="AD24139" s="2"/>
      <c r="AE24139" s="1"/>
    </row>
    <row r="24140" spans="1:31" ht="14.45">
      <c r="A24140" s="11"/>
      <c r="B24140" s="20"/>
      <c r="C24140" s="2" t="s">
        <v>77299</v>
      </c>
      <c r="D24140" s="14" t="s">
        <v>77300</v>
      </c>
      <c r="E24140" s="2" t="s">
        <v>77301</v>
      </c>
      <c r="F24140" s="2" t="s">
        <v>7449</v>
      </c>
      <c r="G24140" s="8">
        <v>263</v>
      </c>
      <c r="H24140" s="5">
        <v>6</v>
      </c>
      <c r="I24140" s="5" t="s">
        <v>1518</v>
      </c>
      <c r="J24140" s="5" t="s">
        <v>69038</v>
      </c>
      <c r="K24140" s="2" t="s">
        <v>69039</v>
      </c>
      <c r="L24140" s="5" t="s">
        <v>69038</v>
      </c>
      <c r="M24140" s="2" t="s">
        <v>69039</v>
      </c>
      <c r="N24140" s="5" t="s">
        <v>1521</v>
      </c>
      <c r="O24140" s="5" t="s">
        <v>38</v>
      </c>
      <c r="P24140" s="5" t="s">
        <v>39</v>
      </c>
      <c r="Q24140" s="5" t="s">
        <v>40</v>
      </c>
      <c r="R24140" s="5" t="s">
        <v>1522</v>
      </c>
      <c r="S24140" s="5" t="s">
        <v>1523</v>
      </c>
      <c r="T24140" s="5" t="s">
        <v>42</v>
      </c>
      <c r="U24140" s="2">
        <v>2.8239999999999998</v>
      </c>
      <c r="V24140" s="2">
        <v>2.1930000000000001</v>
      </c>
      <c r="W24140" s="2">
        <v>1.7999999999999999E-2</v>
      </c>
      <c r="X24140" s="2">
        <v>139.1</v>
      </c>
      <c r="Y24140" s="2">
        <v>7.6</v>
      </c>
      <c r="Z24140" s="2">
        <v>16.7</v>
      </c>
      <c r="AA24140" s="5"/>
      <c r="AB24140" s="5" t="s">
        <v>43</v>
      </c>
      <c r="AC24140" s="5" t="s">
        <v>44</v>
      </c>
      <c r="AD24140" s="2"/>
      <c r="AE24140" s="1"/>
    </row>
    <row r="24141" spans="1:31" ht="14.45">
      <c r="A24141" s="11"/>
      <c r="B24141" s="20"/>
      <c r="C24141" s="2" t="s">
        <v>77302</v>
      </c>
      <c r="D24141" s="14" t="s">
        <v>77303</v>
      </c>
      <c r="E24141" s="2" t="s">
        <v>77304</v>
      </c>
      <c r="F24141" s="2" t="s">
        <v>7581</v>
      </c>
      <c r="G24141" s="8">
        <v>263</v>
      </c>
      <c r="H24141" s="5">
        <v>6</v>
      </c>
      <c r="I24141" s="5" t="s">
        <v>1518</v>
      </c>
      <c r="J24141" s="5" t="s">
        <v>69038</v>
      </c>
      <c r="K24141" s="2" t="s">
        <v>69039</v>
      </c>
      <c r="L24141" s="5" t="s">
        <v>69038</v>
      </c>
      <c r="M24141" s="2" t="s">
        <v>69039</v>
      </c>
      <c r="N24141" s="5" t="s">
        <v>1521</v>
      </c>
      <c r="O24141" s="5" t="s">
        <v>38</v>
      </c>
      <c r="P24141" s="5" t="s">
        <v>39</v>
      </c>
      <c r="Q24141" s="5" t="s">
        <v>40</v>
      </c>
      <c r="R24141" s="5" t="s">
        <v>1522</v>
      </c>
      <c r="S24141" s="5" t="s">
        <v>1523</v>
      </c>
      <c r="T24141" s="5" t="s">
        <v>42</v>
      </c>
      <c r="U24141" s="2">
        <v>2.9129999999999998</v>
      </c>
      <c r="V24141" s="2">
        <v>2.282</v>
      </c>
      <c r="W24141" s="2">
        <v>1.7999999999999999E-2</v>
      </c>
      <c r="X24141" s="2">
        <v>139.1</v>
      </c>
      <c r="Y24141" s="2">
        <v>7.6</v>
      </c>
      <c r="Z24141" s="2">
        <v>16.7</v>
      </c>
      <c r="AA24141" s="5"/>
      <c r="AB24141" s="5" t="s">
        <v>43</v>
      </c>
      <c r="AC24141" s="5" t="s">
        <v>44</v>
      </c>
      <c r="AD24141" s="2"/>
      <c r="AE24141" s="1"/>
    </row>
    <row r="24142" spans="1:31" ht="14.45">
      <c r="A24142" s="11"/>
      <c r="B24142" s="20"/>
      <c r="C24142" s="2" t="s">
        <v>77305</v>
      </c>
      <c r="D24142" s="14" t="s">
        <v>77306</v>
      </c>
      <c r="E24142" s="2" t="s">
        <v>77307</v>
      </c>
      <c r="F24142" s="2" t="s">
        <v>7585</v>
      </c>
      <c r="G24142" s="8">
        <v>263</v>
      </c>
      <c r="H24142" s="5">
        <v>6</v>
      </c>
      <c r="I24142" s="5" t="s">
        <v>1518</v>
      </c>
      <c r="J24142" s="5" t="s">
        <v>69038</v>
      </c>
      <c r="K24142" s="2" t="s">
        <v>69039</v>
      </c>
      <c r="L24142" s="5" t="s">
        <v>69038</v>
      </c>
      <c r="M24142" s="2" t="s">
        <v>69039</v>
      </c>
      <c r="N24142" s="5" t="s">
        <v>1521</v>
      </c>
      <c r="O24142" s="5" t="s">
        <v>38</v>
      </c>
      <c r="P24142" s="5" t="s">
        <v>39</v>
      </c>
      <c r="Q24142" s="5" t="s">
        <v>40</v>
      </c>
      <c r="R24142" s="5" t="s">
        <v>1522</v>
      </c>
      <c r="S24142" s="5" t="s">
        <v>1523</v>
      </c>
      <c r="T24142" s="5" t="s">
        <v>42</v>
      </c>
      <c r="U24142" s="2">
        <v>2.8239999999999998</v>
      </c>
      <c r="V24142" s="2">
        <v>2.1930000000000001</v>
      </c>
      <c r="W24142" s="2">
        <v>1.7999999999999999E-2</v>
      </c>
      <c r="X24142" s="2">
        <v>139.1</v>
      </c>
      <c r="Y24142" s="2">
        <v>7.6</v>
      </c>
      <c r="Z24142" s="2">
        <v>16.7</v>
      </c>
      <c r="AA24142" s="5"/>
      <c r="AB24142" s="5" t="s">
        <v>43</v>
      </c>
      <c r="AC24142" s="5" t="s">
        <v>44</v>
      </c>
      <c r="AD24142" s="2"/>
      <c r="AE24142" s="1"/>
    </row>
    <row r="24143" spans="1:31" ht="14.45">
      <c r="A24143" s="11"/>
      <c r="B24143" s="20"/>
      <c r="C24143" s="2" t="s">
        <v>77308</v>
      </c>
      <c r="D24143" s="14" t="s">
        <v>77309</v>
      </c>
      <c r="E24143" s="2" t="s">
        <v>77310</v>
      </c>
      <c r="F24143" s="2" t="s">
        <v>7589</v>
      </c>
      <c r="G24143" s="8">
        <v>263</v>
      </c>
      <c r="H24143" s="5">
        <v>6</v>
      </c>
      <c r="I24143" s="5" t="s">
        <v>1518</v>
      </c>
      <c r="J24143" s="5" t="s">
        <v>69038</v>
      </c>
      <c r="K24143" s="2" t="s">
        <v>69039</v>
      </c>
      <c r="L24143" s="5" t="s">
        <v>69038</v>
      </c>
      <c r="M24143" s="2" t="s">
        <v>69039</v>
      </c>
      <c r="N24143" s="5" t="s">
        <v>1521</v>
      </c>
      <c r="O24143" s="5" t="s">
        <v>38</v>
      </c>
      <c r="P24143" s="5" t="s">
        <v>39</v>
      </c>
      <c r="Q24143" s="5" t="s">
        <v>40</v>
      </c>
      <c r="R24143" s="5" t="s">
        <v>1522</v>
      </c>
      <c r="S24143" s="5" t="s">
        <v>1523</v>
      </c>
      <c r="T24143" s="5" t="s">
        <v>42</v>
      </c>
      <c r="U24143" s="2">
        <v>2.9129999999999998</v>
      </c>
      <c r="V24143" s="2">
        <v>2.282</v>
      </c>
      <c r="W24143" s="2">
        <v>1.7999999999999999E-2</v>
      </c>
      <c r="X24143" s="2">
        <v>139.1</v>
      </c>
      <c r="Y24143" s="2">
        <v>7.6</v>
      </c>
      <c r="Z24143" s="2">
        <v>16.7</v>
      </c>
      <c r="AA24143" s="5"/>
      <c r="AB24143" s="5" t="s">
        <v>43</v>
      </c>
      <c r="AC24143" s="5" t="s">
        <v>44</v>
      </c>
      <c r="AD24143" s="2"/>
      <c r="AE24143" s="1"/>
    </row>
    <row r="24144" spans="1:31" ht="14.45">
      <c r="A24144" s="11"/>
      <c r="B24144" s="20"/>
      <c r="C24144" s="2" t="s">
        <v>77311</v>
      </c>
      <c r="D24144" s="14" t="s">
        <v>77312</v>
      </c>
      <c r="E24144" s="2" t="s">
        <v>77313</v>
      </c>
      <c r="F24144" s="2" t="s">
        <v>7593</v>
      </c>
      <c r="G24144" s="8">
        <v>263</v>
      </c>
      <c r="H24144" s="5">
        <v>6</v>
      </c>
      <c r="I24144" s="5" t="s">
        <v>1518</v>
      </c>
      <c r="J24144" s="5" t="s">
        <v>69038</v>
      </c>
      <c r="K24144" s="2" t="s">
        <v>69039</v>
      </c>
      <c r="L24144" s="5" t="s">
        <v>69038</v>
      </c>
      <c r="M24144" s="2" t="s">
        <v>69039</v>
      </c>
      <c r="N24144" s="5" t="s">
        <v>1521</v>
      </c>
      <c r="O24144" s="5" t="s">
        <v>38</v>
      </c>
      <c r="P24144" s="5" t="s">
        <v>39</v>
      </c>
      <c r="Q24144" s="5" t="s">
        <v>40</v>
      </c>
      <c r="R24144" s="5" t="s">
        <v>1522</v>
      </c>
      <c r="S24144" s="5" t="s">
        <v>1523</v>
      </c>
      <c r="T24144" s="5" t="s">
        <v>42</v>
      </c>
      <c r="U24144" s="2">
        <v>2.8239999999999998</v>
      </c>
      <c r="V24144" s="2">
        <v>2.1930000000000001</v>
      </c>
      <c r="W24144" s="2">
        <v>1.7999999999999999E-2</v>
      </c>
      <c r="X24144" s="2">
        <v>139.1</v>
      </c>
      <c r="Y24144" s="2">
        <v>7.6</v>
      </c>
      <c r="Z24144" s="2">
        <v>16.7</v>
      </c>
      <c r="AA24144" s="5"/>
      <c r="AB24144" s="5" t="s">
        <v>43</v>
      </c>
      <c r="AC24144" s="5" t="s">
        <v>44</v>
      </c>
      <c r="AD24144" s="2"/>
      <c r="AE24144" s="1"/>
    </row>
    <row r="24145" spans="1:31" ht="14.45">
      <c r="A24145" s="11"/>
      <c r="B24145" s="20"/>
      <c r="C24145" s="2" t="s">
        <v>77314</v>
      </c>
      <c r="D24145" s="14" t="s">
        <v>77315</v>
      </c>
      <c r="E24145" s="2" t="s">
        <v>77316</v>
      </c>
      <c r="F24145" s="2" t="s">
        <v>73358</v>
      </c>
      <c r="G24145" s="8">
        <v>263</v>
      </c>
      <c r="H24145" s="5">
        <v>6</v>
      </c>
      <c r="I24145" s="5" t="s">
        <v>1518</v>
      </c>
      <c r="J24145" s="5" t="s">
        <v>69038</v>
      </c>
      <c r="K24145" s="2" t="s">
        <v>69039</v>
      </c>
      <c r="L24145" s="5" t="s">
        <v>69038</v>
      </c>
      <c r="M24145" s="2" t="s">
        <v>69039</v>
      </c>
      <c r="N24145" s="5" t="s">
        <v>1521</v>
      </c>
      <c r="O24145" s="5" t="s">
        <v>38</v>
      </c>
      <c r="P24145" s="5" t="s">
        <v>39</v>
      </c>
      <c r="Q24145" s="5" t="s">
        <v>40</v>
      </c>
      <c r="R24145" s="5" t="s">
        <v>1522</v>
      </c>
      <c r="S24145" s="5" t="s">
        <v>1523</v>
      </c>
      <c r="T24145" s="5" t="s">
        <v>42</v>
      </c>
      <c r="U24145" s="2">
        <v>2.8239999999999998</v>
      </c>
      <c r="V24145" s="2">
        <v>2.1930000000000001</v>
      </c>
      <c r="W24145" s="2">
        <v>1.7999999999999999E-2</v>
      </c>
      <c r="X24145" s="2">
        <v>139.1</v>
      </c>
      <c r="Y24145" s="2">
        <v>7.6</v>
      </c>
      <c r="Z24145" s="2">
        <v>16.7</v>
      </c>
      <c r="AA24145" s="5"/>
      <c r="AB24145" s="5" t="s">
        <v>43</v>
      </c>
      <c r="AC24145" s="5" t="s">
        <v>44</v>
      </c>
      <c r="AD24145" s="2"/>
      <c r="AE24145" s="1"/>
    </row>
    <row r="24146" spans="1:31" ht="14.45">
      <c r="A24146" s="11"/>
      <c r="B24146" s="20"/>
      <c r="C24146" s="2" t="s">
        <v>77317</v>
      </c>
      <c r="D24146" s="14" t="s">
        <v>77318</v>
      </c>
      <c r="E24146" s="2" t="s">
        <v>77319</v>
      </c>
      <c r="F24146" s="2" t="s">
        <v>73362</v>
      </c>
      <c r="G24146" s="8">
        <v>263</v>
      </c>
      <c r="H24146" s="5">
        <v>6</v>
      </c>
      <c r="I24146" s="5" t="s">
        <v>1518</v>
      </c>
      <c r="J24146" s="5" t="s">
        <v>69038</v>
      </c>
      <c r="K24146" s="2" t="s">
        <v>69039</v>
      </c>
      <c r="L24146" s="5" t="s">
        <v>69038</v>
      </c>
      <c r="M24146" s="2" t="s">
        <v>69039</v>
      </c>
      <c r="N24146" s="5" t="s">
        <v>1521</v>
      </c>
      <c r="O24146" s="5" t="s">
        <v>38</v>
      </c>
      <c r="P24146" s="5" t="s">
        <v>39</v>
      </c>
      <c r="Q24146" s="5" t="s">
        <v>40</v>
      </c>
      <c r="R24146" s="5" t="s">
        <v>1522</v>
      </c>
      <c r="S24146" s="5" t="s">
        <v>1523</v>
      </c>
      <c r="T24146" s="5" t="s">
        <v>42</v>
      </c>
      <c r="U24146" s="2">
        <v>2.9129999999999998</v>
      </c>
      <c r="V24146" s="2">
        <v>2.282</v>
      </c>
      <c r="W24146" s="2">
        <v>1.7999999999999999E-2</v>
      </c>
      <c r="X24146" s="2">
        <v>139.1</v>
      </c>
      <c r="Y24146" s="2">
        <v>7.6</v>
      </c>
      <c r="Z24146" s="2">
        <v>16.7</v>
      </c>
      <c r="AA24146" s="5"/>
      <c r="AB24146" s="5" t="s">
        <v>43</v>
      </c>
      <c r="AC24146" s="5" t="s">
        <v>44</v>
      </c>
      <c r="AD24146" s="2"/>
      <c r="AE24146" s="1"/>
    </row>
    <row r="24147" spans="1:31" ht="14.45">
      <c r="A24147" s="11"/>
      <c r="B24147" s="20"/>
      <c r="C24147" s="2" t="s">
        <v>77320</v>
      </c>
      <c r="D24147" s="14" t="s">
        <v>77321</v>
      </c>
      <c r="E24147" s="2" t="s">
        <v>77322</v>
      </c>
      <c r="F24147" s="2" t="s">
        <v>7615</v>
      </c>
      <c r="G24147" s="8">
        <v>263</v>
      </c>
      <c r="H24147" s="5">
        <v>6</v>
      </c>
      <c r="I24147" s="5" t="s">
        <v>1518</v>
      </c>
      <c r="J24147" s="5" t="s">
        <v>69038</v>
      </c>
      <c r="K24147" s="2" t="s">
        <v>69039</v>
      </c>
      <c r="L24147" s="5" t="s">
        <v>69038</v>
      </c>
      <c r="M24147" s="2" t="s">
        <v>69039</v>
      </c>
      <c r="N24147" s="5" t="s">
        <v>1521</v>
      </c>
      <c r="O24147" s="5" t="s">
        <v>38</v>
      </c>
      <c r="P24147" s="5" t="s">
        <v>39</v>
      </c>
      <c r="Q24147" s="5" t="s">
        <v>40</v>
      </c>
      <c r="R24147" s="5" t="s">
        <v>1522</v>
      </c>
      <c r="S24147" s="5" t="s">
        <v>1523</v>
      </c>
      <c r="T24147" s="5" t="s">
        <v>42</v>
      </c>
      <c r="U24147" s="2">
        <v>2.8239999999999998</v>
      </c>
      <c r="V24147" s="2">
        <v>2.1930000000000001</v>
      </c>
      <c r="W24147" s="2">
        <v>1.7999999999999999E-2</v>
      </c>
      <c r="X24147" s="2">
        <v>139.1</v>
      </c>
      <c r="Y24147" s="2">
        <v>7.6</v>
      </c>
      <c r="Z24147" s="2">
        <v>16.7</v>
      </c>
      <c r="AA24147" s="5"/>
      <c r="AB24147" s="5" t="s">
        <v>43</v>
      </c>
      <c r="AC24147" s="5" t="s">
        <v>44</v>
      </c>
      <c r="AD24147" s="2"/>
      <c r="AE24147" s="1"/>
    </row>
    <row r="24148" spans="1:31" ht="14.45">
      <c r="A24148" s="11"/>
      <c r="B24148" s="20"/>
      <c r="C24148" s="2" t="s">
        <v>77323</v>
      </c>
      <c r="D24148" s="14" t="s">
        <v>77324</v>
      </c>
      <c r="E24148" s="2" t="s">
        <v>77325</v>
      </c>
      <c r="F24148" s="2" t="s">
        <v>7619</v>
      </c>
      <c r="G24148" s="8">
        <v>263</v>
      </c>
      <c r="H24148" s="5">
        <v>6</v>
      </c>
      <c r="I24148" s="5" t="s">
        <v>1518</v>
      </c>
      <c r="J24148" s="5" t="s">
        <v>69038</v>
      </c>
      <c r="K24148" s="2" t="s">
        <v>69039</v>
      </c>
      <c r="L24148" s="5" t="s">
        <v>69038</v>
      </c>
      <c r="M24148" s="2" t="s">
        <v>69039</v>
      </c>
      <c r="N24148" s="5" t="s">
        <v>1521</v>
      </c>
      <c r="O24148" s="5" t="s">
        <v>38</v>
      </c>
      <c r="P24148" s="5" t="s">
        <v>39</v>
      </c>
      <c r="Q24148" s="5" t="s">
        <v>40</v>
      </c>
      <c r="R24148" s="5" t="s">
        <v>1522</v>
      </c>
      <c r="S24148" s="5" t="s">
        <v>1523</v>
      </c>
      <c r="T24148" s="5" t="s">
        <v>42</v>
      </c>
      <c r="U24148" s="2">
        <v>2.9129999999999998</v>
      </c>
      <c r="V24148" s="2">
        <v>2.282</v>
      </c>
      <c r="W24148" s="2">
        <v>1.7999999999999999E-2</v>
      </c>
      <c r="X24148" s="2">
        <v>139.1</v>
      </c>
      <c r="Y24148" s="2">
        <v>7.6</v>
      </c>
      <c r="Z24148" s="2">
        <v>16.7</v>
      </c>
      <c r="AA24148" s="5"/>
      <c r="AB24148" s="5" t="s">
        <v>43</v>
      </c>
      <c r="AC24148" s="5" t="s">
        <v>44</v>
      </c>
      <c r="AD24148" s="2"/>
      <c r="AE24148" s="1"/>
    </row>
    <row r="24149" spans="1:31" ht="14.45">
      <c r="A24149" s="11"/>
      <c r="B24149" s="20"/>
      <c r="C24149" s="2" t="s">
        <v>77326</v>
      </c>
      <c r="D24149" s="14" t="s">
        <v>77327</v>
      </c>
      <c r="E24149" s="2" t="s">
        <v>77328</v>
      </c>
      <c r="F24149" s="2" t="s">
        <v>16014</v>
      </c>
      <c r="G24149" s="8">
        <v>263</v>
      </c>
      <c r="H24149" s="5">
        <v>6</v>
      </c>
      <c r="I24149" s="5" t="s">
        <v>1518</v>
      </c>
      <c r="J24149" s="5" t="s">
        <v>69038</v>
      </c>
      <c r="K24149" s="2" t="s">
        <v>69039</v>
      </c>
      <c r="L24149" s="5" t="s">
        <v>69038</v>
      </c>
      <c r="M24149" s="2" t="s">
        <v>69039</v>
      </c>
      <c r="N24149" s="5" t="s">
        <v>1521</v>
      </c>
      <c r="O24149" s="5" t="s">
        <v>38</v>
      </c>
      <c r="P24149" s="5" t="s">
        <v>39</v>
      </c>
      <c r="Q24149" s="5" t="s">
        <v>40</v>
      </c>
      <c r="R24149" s="5" t="s">
        <v>1522</v>
      </c>
      <c r="S24149" s="5" t="s">
        <v>1523</v>
      </c>
      <c r="T24149" s="5" t="s">
        <v>42</v>
      </c>
      <c r="U24149" s="2">
        <v>2.8239999999999998</v>
      </c>
      <c r="V24149" s="2">
        <v>2.1930000000000001</v>
      </c>
      <c r="W24149" s="2">
        <v>1.7999999999999999E-2</v>
      </c>
      <c r="X24149" s="2">
        <v>139.1</v>
      </c>
      <c r="Y24149" s="2">
        <v>7.6</v>
      </c>
      <c r="Z24149" s="2">
        <v>16.7</v>
      </c>
      <c r="AA24149" s="5"/>
      <c r="AB24149" s="5" t="s">
        <v>43</v>
      </c>
      <c r="AC24149" s="5" t="s">
        <v>44</v>
      </c>
      <c r="AD24149" s="2"/>
      <c r="AE24149" s="1"/>
    </row>
    <row r="24150" spans="1:31" ht="14.45">
      <c r="A24150" s="11"/>
      <c r="B24150" s="20"/>
      <c r="C24150" s="2" t="s">
        <v>77329</v>
      </c>
      <c r="D24150" s="14" t="s">
        <v>77330</v>
      </c>
      <c r="E24150" s="2" t="s">
        <v>77331</v>
      </c>
      <c r="F24150" s="2" t="s">
        <v>16219</v>
      </c>
      <c r="G24150" s="8">
        <v>263</v>
      </c>
      <c r="H24150" s="5">
        <v>6</v>
      </c>
      <c r="I24150" s="5" t="s">
        <v>1518</v>
      </c>
      <c r="J24150" s="5" t="s">
        <v>69038</v>
      </c>
      <c r="K24150" s="2" t="s">
        <v>69039</v>
      </c>
      <c r="L24150" s="5" t="s">
        <v>69038</v>
      </c>
      <c r="M24150" s="2" t="s">
        <v>69039</v>
      </c>
      <c r="N24150" s="5" t="s">
        <v>1521</v>
      </c>
      <c r="O24150" s="5" t="s">
        <v>38</v>
      </c>
      <c r="P24150" s="5" t="s">
        <v>39</v>
      </c>
      <c r="Q24150" s="5" t="s">
        <v>40</v>
      </c>
      <c r="R24150" s="5" t="s">
        <v>1522</v>
      </c>
      <c r="S24150" s="5" t="s">
        <v>1523</v>
      </c>
      <c r="T24150" s="5" t="s">
        <v>42</v>
      </c>
      <c r="U24150" s="2">
        <v>2.9129999999999998</v>
      </c>
      <c r="V24150" s="2">
        <v>2.282</v>
      </c>
      <c r="W24150" s="2">
        <v>1.7999999999999999E-2</v>
      </c>
      <c r="X24150" s="2">
        <v>139.1</v>
      </c>
      <c r="Y24150" s="2">
        <v>7.6</v>
      </c>
      <c r="Z24150" s="2">
        <v>16.7</v>
      </c>
      <c r="AA24150" s="5"/>
      <c r="AB24150" s="5" t="s">
        <v>43</v>
      </c>
      <c r="AC24150" s="5" t="s">
        <v>44</v>
      </c>
      <c r="AD24150" s="2"/>
      <c r="AE24150" s="1"/>
    </row>
    <row r="24151" spans="1:31" ht="14.45">
      <c r="A24151" s="11"/>
      <c r="B24151" s="20"/>
      <c r="C24151" s="2" t="s">
        <v>77332</v>
      </c>
      <c r="D24151" s="14" t="s">
        <v>77333</v>
      </c>
      <c r="E24151" s="2" t="s">
        <v>77334</v>
      </c>
      <c r="F24151" s="2" t="s">
        <v>16029</v>
      </c>
      <c r="G24151" s="8">
        <v>263</v>
      </c>
      <c r="H24151" s="5">
        <v>6</v>
      </c>
      <c r="I24151" s="5" t="s">
        <v>1518</v>
      </c>
      <c r="J24151" s="5" t="s">
        <v>69038</v>
      </c>
      <c r="K24151" s="2" t="s">
        <v>69039</v>
      </c>
      <c r="L24151" s="5" t="s">
        <v>69038</v>
      </c>
      <c r="M24151" s="2" t="s">
        <v>69039</v>
      </c>
      <c r="N24151" s="5" t="s">
        <v>1521</v>
      </c>
      <c r="O24151" s="5" t="s">
        <v>38</v>
      </c>
      <c r="P24151" s="5" t="s">
        <v>39</v>
      </c>
      <c r="Q24151" s="5" t="s">
        <v>40</v>
      </c>
      <c r="R24151" s="5" t="s">
        <v>1522</v>
      </c>
      <c r="S24151" s="5" t="s">
        <v>1523</v>
      </c>
      <c r="T24151" s="5" t="s">
        <v>42</v>
      </c>
      <c r="U24151" s="2">
        <v>2.802</v>
      </c>
      <c r="V24151" s="2">
        <v>2.1709999999999998</v>
      </c>
      <c r="W24151" s="2">
        <v>1.7999999999999999E-2</v>
      </c>
      <c r="X24151" s="2">
        <v>139.1</v>
      </c>
      <c r="Y24151" s="2">
        <v>7.6</v>
      </c>
      <c r="Z24151" s="2">
        <v>16.7</v>
      </c>
      <c r="AA24151" s="5"/>
      <c r="AB24151" s="5" t="s">
        <v>43</v>
      </c>
      <c r="AC24151" s="5" t="s">
        <v>44</v>
      </c>
      <c r="AD24151" s="2"/>
      <c r="AE24151" s="1"/>
    </row>
    <row r="24152" spans="1:31" ht="14.45">
      <c r="A24152" s="11"/>
      <c r="B24152" s="20"/>
      <c r="C24152" s="2" t="s">
        <v>77335</v>
      </c>
      <c r="D24152" s="14" t="s">
        <v>77336</v>
      </c>
      <c r="E24152" s="2" t="s">
        <v>77337</v>
      </c>
      <c r="F24152" s="2" t="s">
        <v>16033</v>
      </c>
      <c r="G24152" s="8">
        <v>263</v>
      </c>
      <c r="H24152" s="5">
        <v>6</v>
      </c>
      <c r="I24152" s="5" t="s">
        <v>1518</v>
      </c>
      <c r="J24152" s="5" t="s">
        <v>69038</v>
      </c>
      <c r="K24152" s="2" t="s">
        <v>69039</v>
      </c>
      <c r="L24152" s="5" t="s">
        <v>69038</v>
      </c>
      <c r="M24152" s="2" t="s">
        <v>69039</v>
      </c>
      <c r="N24152" s="5" t="s">
        <v>1521</v>
      </c>
      <c r="O24152" s="5" t="s">
        <v>38</v>
      </c>
      <c r="P24152" s="5" t="s">
        <v>39</v>
      </c>
      <c r="Q24152" s="5" t="s">
        <v>40</v>
      </c>
      <c r="R24152" s="5" t="s">
        <v>1522</v>
      </c>
      <c r="S24152" s="5" t="s">
        <v>1523</v>
      </c>
      <c r="T24152" s="5" t="s">
        <v>42</v>
      </c>
      <c r="U24152" s="2">
        <v>2.891</v>
      </c>
      <c r="V24152" s="2">
        <v>2.2599999999999998</v>
      </c>
      <c r="W24152" s="2">
        <v>1.7999999999999999E-2</v>
      </c>
      <c r="X24152" s="2">
        <v>139.1</v>
      </c>
      <c r="Y24152" s="2">
        <v>7.6</v>
      </c>
      <c r="Z24152" s="2">
        <v>16.7</v>
      </c>
      <c r="AA24152" s="5"/>
      <c r="AB24152" s="5" t="s">
        <v>43</v>
      </c>
      <c r="AC24152" s="5" t="s">
        <v>44</v>
      </c>
      <c r="AD24152" s="2"/>
      <c r="AE24152" s="1"/>
    </row>
    <row r="24153" spans="1:31" ht="14.45">
      <c r="A24153" s="11"/>
      <c r="B24153" s="20"/>
      <c r="C24153" s="2" t="s">
        <v>77338</v>
      </c>
      <c r="D24153" s="14" t="s">
        <v>77339</v>
      </c>
      <c r="E24153" s="2" t="s">
        <v>77340</v>
      </c>
      <c r="F24153" s="2" t="s">
        <v>7204</v>
      </c>
      <c r="G24153" s="8">
        <v>237</v>
      </c>
      <c r="H24153" s="5">
        <v>6</v>
      </c>
      <c r="I24153" s="5" t="s">
        <v>1518</v>
      </c>
      <c r="J24153" s="5" t="s">
        <v>69038</v>
      </c>
      <c r="K24153" s="2" t="s">
        <v>69039</v>
      </c>
      <c r="L24153" s="5" t="s">
        <v>69038</v>
      </c>
      <c r="M24153" s="2" t="s">
        <v>69039</v>
      </c>
      <c r="N24153" s="5" t="s">
        <v>1521</v>
      </c>
      <c r="O24153" s="5" t="s">
        <v>38</v>
      </c>
      <c r="P24153" s="5" t="s">
        <v>39</v>
      </c>
      <c r="Q24153" s="5" t="s">
        <v>40</v>
      </c>
      <c r="R24153" s="5" t="s">
        <v>1522</v>
      </c>
      <c r="S24153" s="5" t="s">
        <v>1523</v>
      </c>
      <c r="T24153" s="5" t="s">
        <v>42</v>
      </c>
      <c r="U24153" s="2">
        <v>2.5489999999999999</v>
      </c>
      <c r="V24153" s="2">
        <v>2.0030000000000001</v>
      </c>
      <c r="W24153" s="2">
        <v>1.2999999999999999E-2</v>
      </c>
      <c r="X24153" s="2">
        <v>99.1</v>
      </c>
      <c r="Y24153" s="2">
        <v>7.6</v>
      </c>
      <c r="Z24153" s="2">
        <v>16.7</v>
      </c>
      <c r="AA24153" s="5"/>
      <c r="AB24153" s="5" t="s">
        <v>43</v>
      </c>
      <c r="AC24153" s="5" t="s">
        <v>44</v>
      </c>
      <c r="AD24153" s="2"/>
      <c r="AE24153" s="1"/>
    </row>
    <row r="24154" spans="1:31" ht="14.45">
      <c r="A24154" s="11"/>
      <c r="B24154" s="20"/>
      <c r="C24154" s="2" t="s">
        <v>77341</v>
      </c>
      <c r="D24154" s="14" t="s">
        <v>77342</v>
      </c>
      <c r="E24154" s="2" t="s">
        <v>77343</v>
      </c>
      <c r="F24154" s="2" t="s">
        <v>7514</v>
      </c>
      <c r="G24154" s="8">
        <v>237</v>
      </c>
      <c r="H24154" s="5">
        <v>6</v>
      </c>
      <c r="I24154" s="5" t="s">
        <v>1518</v>
      </c>
      <c r="J24154" s="5" t="s">
        <v>69038</v>
      </c>
      <c r="K24154" s="2" t="s">
        <v>69039</v>
      </c>
      <c r="L24154" s="5" t="s">
        <v>69038</v>
      </c>
      <c r="M24154" s="2" t="s">
        <v>69039</v>
      </c>
      <c r="N24154" s="5" t="s">
        <v>1521</v>
      </c>
      <c r="O24154" s="5" t="s">
        <v>38</v>
      </c>
      <c r="P24154" s="5" t="s">
        <v>39</v>
      </c>
      <c r="Q24154" s="5" t="s">
        <v>40</v>
      </c>
      <c r="R24154" s="5" t="s">
        <v>1522</v>
      </c>
      <c r="S24154" s="5" t="s">
        <v>1523</v>
      </c>
      <c r="T24154" s="5" t="s">
        <v>42</v>
      </c>
      <c r="U24154" s="2">
        <v>2.6160000000000001</v>
      </c>
      <c r="V24154" s="2">
        <v>2.0699999999999998</v>
      </c>
      <c r="W24154" s="2">
        <v>1.2999999999999999E-2</v>
      </c>
      <c r="X24154" s="2">
        <v>99.1</v>
      </c>
      <c r="Y24154" s="2">
        <v>7.6</v>
      </c>
      <c r="Z24154" s="2">
        <v>16.7</v>
      </c>
      <c r="AA24154" s="5"/>
      <c r="AB24154" s="5" t="s">
        <v>43</v>
      </c>
      <c r="AC24154" s="5" t="s">
        <v>44</v>
      </c>
      <c r="AD24154" s="2"/>
      <c r="AE24154" s="1"/>
    </row>
    <row r="24155" spans="1:31" ht="14.45">
      <c r="A24155" s="11"/>
      <c r="B24155" s="20"/>
      <c r="C24155" s="2" t="s">
        <v>77344</v>
      </c>
      <c r="D24155" s="14" t="s">
        <v>77345</v>
      </c>
      <c r="E24155" s="2" t="s">
        <v>77346</v>
      </c>
      <c r="F24155" s="2" t="s">
        <v>7208</v>
      </c>
      <c r="G24155" s="8">
        <v>237</v>
      </c>
      <c r="H24155" s="5">
        <v>6</v>
      </c>
      <c r="I24155" s="5" t="s">
        <v>1518</v>
      </c>
      <c r="J24155" s="5" t="s">
        <v>69038</v>
      </c>
      <c r="K24155" s="2" t="s">
        <v>69039</v>
      </c>
      <c r="L24155" s="5" t="s">
        <v>69038</v>
      </c>
      <c r="M24155" s="2" t="s">
        <v>69039</v>
      </c>
      <c r="N24155" s="5" t="s">
        <v>1521</v>
      </c>
      <c r="O24155" s="5" t="s">
        <v>38</v>
      </c>
      <c r="P24155" s="5" t="s">
        <v>39</v>
      </c>
      <c r="Q24155" s="5" t="s">
        <v>40</v>
      </c>
      <c r="R24155" s="5" t="s">
        <v>1522</v>
      </c>
      <c r="S24155" s="5" t="s">
        <v>1523</v>
      </c>
      <c r="T24155" s="5" t="s">
        <v>42</v>
      </c>
      <c r="U24155" s="2">
        <v>2.5489999999999999</v>
      </c>
      <c r="V24155" s="2">
        <v>2.0030000000000001</v>
      </c>
      <c r="W24155" s="2">
        <v>1.2999999999999999E-2</v>
      </c>
      <c r="X24155" s="2">
        <v>99.1</v>
      </c>
      <c r="Y24155" s="2">
        <v>7.6</v>
      </c>
      <c r="Z24155" s="2">
        <v>16.7</v>
      </c>
      <c r="AA24155" s="5"/>
      <c r="AB24155" s="5" t="s">
        <v>43</v>
      </c>
      <c r="AC24155" s="5" t="s">
        <v>44</v>
      </c>
      <c r="AD24155" s="2"/>
      <c r="AE24155" s="1"/>
    </row>
    <row r="24156" spans="1:31" ht="14.45">
      <c r="A24156" s="11"/>
      <c r="B24156" s="20"/>
      <c r="C24156" s="2" t="s">
        <v>77347</v>
      </c>
      <c r="D24156" s="14" t="s">
        <v>77348</v>
      </c>
      <c r="E24156" s="2" t="s">
        <v>77349</v>
      </c>
      <c r="F24156" s="2" t="s">
        <v>7521</v>
      </c>
      <c r="G24156" s="8">
        <v>237</v>
      </c>
      <c r="H24156" s="5">
        <v>6</v>
      </c>
      <c r="I24156" s="5" t="s">
        <v>1518</v>
      </c>
      <c r="J24156" s="5" t="s">
        <v>69038</v>
      </c>
      <c r="K24156" s="2" t="s">
        <v>69039</v>
      </c>
      <c r="L24156" s="5" t="s">
        <v>69038</v>
      </c>
      <c r="M24156" s="2" t="s">
        <v>69039</v>
      </c>
      <c r="N24156" s="5" t="s">
        <v>1521</v>
      </c>
      <c r="O24156" s="5" t="s">
        <v>38</v>
      </c>
      <c r="P24156" s="5" t="s">
        <v>39</v>
      </c>
      <c r="Q24156" s="5" t="s">
        <v>40</v>
      </c>
      <c r="R24156" s="5" t="s">
        <v>1522</v>
      </c>
      <c r="S24156" s="5" t="s">
        <v>1523</v>
      </c>
      <c r="T24156" s="5" t="s">
        <v>42</v>
      </c>
      <c r="U24156" s="2">
        <v>2.6160000000000001</v>
      </c>
      <c r="V24156" s="2">
        <v>2.0699999999999998</v>
      </c>
      <c r="W24156" s="2">
        <v>1.2999999999999999E-2</v>
      </c>
      <c r="X24156" s="2">
        <v>99.1</v>
      </c>
      <c r="Y24156" s="2">
        <v>7.6</v>
      </c>
      <c r="Z24156" s="2">
        <v>16.7</v>
      </c>
      <c r="AA24156" s="5"/>
      <c r="AB24156" s="5" t="s">
        <v>43</v>
      </c>
      <c r="AC24156" s="5" t="s">
        <v>44</v>
      </c>
      <c r="AD24156" s="2"/>
      <c r="AE24156" s="1"/>
    </row>
    <row r="24157" spans="1:31" ht="14.45">
      <c r="A24157" s="11"/>
      <c r="B24157" s="20"/>
      <c r="C24157" s="2" t="s">
        <v>77350</v>
      </c>
      <c r="D24157" s="14" t="s">
        <v>77351</v>
      </c>
      <c r="E24157" s="2" t="s">
        <v>77352</v>
      </c>
      <c r="F24157" s="2" t="s">
        <v>7406</v>
      </c>
      <c r="G24157" s="8">
        <v>253</v>
      </c>
      <c r="H24157" s="5">
        <v>6</v>
      </c>
      <c r="I24157" s="5" t="s">
        <v>1518</v>
      </c>
      <c r="J24157" s="5" t="s">
        <v>69038</v>
      </c>
      <c r="K24157" s="2" t="s">
        <v>69039</v>
      </c>
      <c r="L24157" s="5" t="s">
        <v>69038</v>
      </c>
      <c r="M24157" s="2" t="s">
        <v>69039</v>
      </c>
      <c r="N24157" s="5" t="s">
        <v>1521</v>
      </c>
      <c r="O24157" s="5" t="s">
        <v>38</v>
      </c>
      <c r="P24157" s="5" t="s">
        <v>39</v>
      </c>
      <c r="Q24157" s="5" t="s">
        <v>40</v>
      </c>
      <c r="R24157" s="5" t="s">
        <v>1522</v>
      </c>
      <c r="S24157" s="5" t="s">
        <v>1523</v>
      </c>
      <c r="T24157" s="5" t="s">
        <v>42</v>
      </c>
      <c r="U24157" s="2">
        <v>2.5489999999999999</v>
      </c>
      <c r="V24157" s="2">
        <v>2.0030000000000001</v>
      </c>
      <c r="W24157" s="2">
        <v>1.2999999999999999E-2</v>
      </c>
      <c r="X24157" s="2">
        <v>99.1</v>
      </c>
      <c r="Y24157" s="2">
        <v>7.6</v>
      </c>
      <c r="Z24157" s="2">
        <v>16.7</v>
      </c>
      <c r="AA24157" s="5"/>
      <c r="AB24157" s="5" t="s">
        <v>43</v>
      </c>
      <c r="AC24157" s="5" t="s">
        <v>44</v>
      </c>
      <c r="AD24157" s="2"/>
      <c r="AE24157" s="1"/>
    </row>
    <row r="24158" spans="1:31" ht="14.45">
      <c r="A24158" s="11"/>
      <c r="B24158" s="20"/>
      <c r="C24158" s="2" t="s">
        <v>77353</v>
      </c>
      <c r="D24158" s="14" t="s">
        <v>77354</v>
      </c>
      <c r="E24158" s="2" t="s">
        <v>77355</v>
      </c>
      <c r="F24158" s="2" t="s">
        <v>7535</v>
      </c>
      <c r="G24158" s="8">
        <v>253</v>
      </c>
      <c r="H24158" s="5">
        <v>6</v>
      </c>
      <c r="I24158" s="5" t="s">
        <v>1518</v>
      </c>
      <c r="J24158" s="5" t="s">
        <v>69038</v>
      </c>
      <c r="K24158" s="2" t="s">
        <v>69039</v>
      </c>
      <c r="L24158" s="5" t="s">
        <v>69038</v>
      </c>
      <c r="M24158" s="2" t="s">
        <v>69039</v>
      </c>
      <c r="N24158" s="5" t="s">
        <v>1521</v>
      </c>
      <c r="O24158" s="5" t="s">
        <v>38</v>
      </c>
      <c r="P24158" s="5" t="s">
        <v>39</v>
      </c>
      <c r="Q24158" s="5" t="s">
        <v>40</v>
      </c>
      <c r="R24158" s="5" t="s">
        <v>1522</v>
      </c>
      <c r="S24158" s="5" t="s">
        <v>1523</v>
      </c>
      <c r="T24158" s="5" t="s">
        <v>42</v>
      </c>
      <c r="U24158" s="2">
        <v>2.6160000000000001</v>
      </c>
      <c r="V24158" s="2">
        <v>2.0699999999999998</v>
      </c>
      <c r="W24158" s="2">
        <v>1.2999999999999999E-2</v>
      </c>
      <c r="X24158" s="2">
        <v>99.1</v>
      </c>
      <c r="Y24158" s="2">
        <v>7.6</v>
      </c>
      <c r="Z24158" s="2">
        <v>16.7</v>
      </c>
      <c r="AA24158" s="5"/>
      <c r="AB24158" s="5" t="s">
        <v>43</v>
      </c>
      <c r="AC24158" s="5" t="s">
        <v>44</v>
      </c>
      <c r="AD24158" s="2"/>
      <c r="AE24158" s="1"/>
    </row>
    <row r="24159" spans="1:31" ht="14.45">
      <c r="A24159" s="11"/>
      <c r="B24159" s="20"/>
      <c r="C24159" s="2" t="s">
        <v>77356</v>
      </c>
      <c r="D24159" s="14" t="s">
        <v>77357</v>
      </c>
      <c r="E24159" s="2" t="s">
        <v>77358</v>
      </c>
      <c r="F24159" s="2" t="s">
        <v>7539</v>
      </c>
      <c r="G24159" s="8">
        <v>253</v>
      </c>
      <c r="H24159" s="5">
        <v>6</v>
      </c>
      <c r="I24159" s="5" t="s">
        <v>1518</v>
      </c>
      <c r="J24159" s="5" t="s">
        <v>69038</v>
      </c>
      <c r="K24159" s="2" t="s">
        <v>69039</v>
      </c>
      <c r="L24159" s="5" t="s">
        <v>69038</v>
      </c>
      <c r="M24159" s="2" t="s">
        <v>69039</v>
      </c>
      <c r="N24159" s="5" t="s">
        <v>1521</v>
      </c>
      <c r="O24159" s="5" t="s">
        <v>38</v>
      </c>
      <c r="P24159" s="5" t="s">
        <v>39</v>
      </c>
      <c r="Q24159" s="5" t="s">
        <v>40</v>
      </c>
      <c r="R24159" s="5" t="s">
        <v>1522</v>
      </c>
      <c r="S24159" s="5" t="s">
        <v>1523</v>
      </c>
      <c r="T24159" s="5" t="s">
        <v>42</v>
      </c>
      <c r="U24159" s="2">
        <v>2.5489999999999999</v>
      </c>
      <c r="V24159" s="2">
        <v>2.0030000000000001</v>
      </c>
      <c r="W24159" s="2">
        <v>1.2999999999999999E-2</v>
      </c>
      <c r="X24159" s="2">
        <v>99.1</v>
      </c>
      <c r="Y24159" s="2">
        <v>7.6</v>
      </c>
      <c r="Z24159" s="2">
        <v>16.7</v>
      </c>
      <c r="AA24159" s="5"/>
      <c r="AB24159" s="5" t="s">
        <v>43</v>
      </c>
      <c r="AC24159" s="5" t="s">
        <v>44</v>
      </c>
      <c r="AD24159" s="2"/>
      <c r="AE24159" s="1"/>
    </row>
    <row r="24160" spans="1:31" ht="14.45">
      <c r="A24160" s="11"/>
      <c r="B24160" s="20"/>
      <c r="C24160" s="2" t="s">
        <v>77359</v>
      </c>
      <c r="D24160" s="14" t="s">
        <v>77360</v>
      </c>
      <c r="E24160" s="2" t="s">
        <v>77361</v>
      </c>
      <c r="F24160" s="2" t="s">
        <v>7543</v>
      </c>
      <c r="G24160" s="8">
        <v>253</v>
      </c>
      <c r="H24160" s="5">
        <v>6</v>
      </c>
      <c r="I24160" s="5" t="s">
        <v>1518</v>
      </c>
      <c r="J24160" s="5" t="s">
        <v>69038</v>
      </c>
      <c r="K24160" s="2" t="s">
        <v>69039</v>
      </c>
      <c r="L24160" s="5" t="s">
        <v>69038</v>
      </c>
      <c r="M24160" s="2" t="s">
        <v>69039</v>
      </c>
      <c r="N24160" s="5" t="s">
        <v>1521</v>
      </c>
      <c r="O24160" s="5" t="s">
        <v>38</v>
      </c>
      <c r="P24160" s="5" t="s">
        <v>39</v>
      </c>
      <c r="Q24160" s="5" t="s">
        <v>40</v>
      </c>
      <c r="R24160" s="5" t="s">
        <v>1522</v>
      </c>
      <c r="S24160" s="5" t="s">
        <v>1523</v>
      </c>
      <c r="T24160" s="5" t="s">
        <v>42</v>
      </c>
      <c r="U24160" s="2">
        <v>2.6160000000000001</v>
      </c>
      <c r="V24160" s="2">
        <v>2.0699999999999998</v>
      </c>
      <c r="W24160" s="2">
        <v>1.2999999999999999E-2</v>
      </c>
      <c r="X24160" s="2">
        <v>99.1</v>
      </c>
      <c r="Y24160" s="2">
        <v>7.6</v>
      </c>
      <c r="Z24160" s="2">
        <v>16.7</v>
      </c>
      <c r="AA24160" s="5"/>
      <c r="AB24160" s="5" t="s">
        <v>43</v>
      </c>
      <c r="AC24160" s="5" t="s">
        <v>44</v>
      </c>
      <c r="AD24160" s="2"/>
      <c r="AE24160" s="1"/>
    </row>
    <row r="24161" spans="1:31" ht="14.45">
      <c r="A24161" s="11"/>
      <c r="B24161" s="20"/>
      <c r="C24161" s="2" t="s">
        <v>77362</v>
      </c>
      <c r="D24161" s="14" t="s">
        <v>77363</v>
      </c>
      <c r="E24161" s="2" t="s">
        <v>77364</v>
      </c>
      <c r="F24161" s="2" t="s">
        <v>7396</v>
      </c>
      <c r="G24161" s="8">
        <v>237</v>
      </c>
      <c r="H24161" s="5">
        <v>6</v>
      </c>
      <c r="I24161" s="5" t="s">
        <v>1518</v>
      </c>
      <c r="J24161" s="5" t="s">
        <v>69038</v>
      </c>
      <c r="K24161" s="2" t="s">
        <v>69039</v>
      </c>
      <c r="L24161" s="5" t="s">
        <v>69038</v>
      </c>
      <c r="M24161" s="2" t="s">
        <v>69039</v>
      </c>
      <c r="N24161" s="5" t="s">
        <v>1521</v>
      </c>
      <c r="O24161" s="5" t="s">
        <v>38</v>
      </c>
      <c r="P24161" s="5" t="s">
        <v>39</v>
      </c>
      <c r="Q24161" s="5" t="s">
        <v>40</v>
      </c>
      <c r="R24161" s="5" t="s">
        <v>1522</v>
      </c>
      <c r="S24161" s="5" t="s">
        <v>1523</v>
      </c>
      <c r="T24161" s="5" t="s">
        <v>42</v>
      </c>
      <c r="U24161" s="2">
        <v>2.5489999999999999</v>
      </c>
      <c r="V24161" s="2">
        <v>2.0030000000000001</v>
      </c>
      <c r="W24161" s="2">
        <v>1.2999999999999999E-2</v>
      </c>
      <c r="X24161" s="2">
        <v>99.1</v>
      </c>
      <c r="Y24161" s="2">
        <v>7.6</v>
      </c>
      <c r="Z24161" s="2">
        <v>16.7</v>
      </c>
      <c r="AA24161" s="5"/>
      <c r="AB24161" s="5" t="s">
        <v>43</v>
      </c>
      <c r="AC24161" s="5" t="s">
        <v>44</v>
      </c>
      <c r="AD24161" s="2"/>
      <c r="AE24161" s="1"/>
    </row>
    <row r="24162" spans="1:31" ht="14.45">
      <c r="A24162" s="11"/>
      <c r="B24162" s="20"/>
      <c r="C24162" s="2" t="s">
        <v>77365</v>
      </c>
      <c r="D24162" s="14" t="s">
        <v>77366</v>
      </c>
      <c r="E24162" s="2" t="s">
        <v>77367</v>
      </c>
      <c r="F24162" s="2" t="s">
        <v>7507</v>
      </c>
      <c r="G24162" s="8">
        <v>237</v>
      </c>
      <c r="H24162" s="5">
        <v>6</v>
      </c>
      <c r="I24162" s="5" t="s">
        <v>1518</v>
      </c>
      <c r="J24162" s="5" t="s">
        <v>69038</v>
      </c>
      <c r="K24162" s="2" t="s">
        <v>69039</v>
      </c>
      <c r="L24162" s="5" t="s">
        <v>69038</v>
      </c>
      <c r="M24162" s="2" t="s">
        <v>69039</v>
      </c>
      <c r="N24162" s="5" t="s">
        <v>1521</v>
      </c>
      <c r="O24162" s="5" t="s">
        <v>38</v>
      </c>
      <c r="P24162" s="5" t="s">
        <v>39</v>
      </c>
      <c r="Q24162" s="5" t="s">
        <v>40</v>
      </c>
      <c r="R24162" s="5" t="s">
        <v>1522</v>
      </c>
      <c r="S24162" s="5" t="s">
        <v>1523</v>
      </c>
      <c r="T24162" s="5" t="s">
        <v>42</v>
      </c>
      <c r="U24162" s="2">
        <v>2.6160000000000001</v>
      </c>
      <c r="V24162" s="2">
        <v>2.0699999999999998</v>
      </c>
      <c r="W24162" s="2">
        <v>1.2999999999999999E-2</v>
      </c>
      <c r="X24162" s="2">
        <v>99.1</v>
      </c>
      <c r="Y24162" s="2">
        <v>7.6</v>
      </c>
      <c r="Z24162" s="2">
        <v>16.7</v>
      </c>
      <c r="AA24162" s="5"/>
      <c r="AB24162" s="5" t="s">
        <v>43</v>
      </c>
      <c r="AC24162" s="5" t="s">
        <v>44</v>
      </c>
      <c r="AD24162" s="2"/>
      <c r="AE24162" s="1"/>
    </row>
    <row r="24163" spans="1:31" ht="14.45">
      <c r="A24163" s="11"/>
      <c r="B24163" s="20"/>
      <c r="C24163" s="2" t="s">
        <v>77368</v>
      </c>
      <c r="D24163" s="14" t="s">
        <v>77369</v>
      </c>
      <c r="E24163" s="2" t="s">
        <v>77370</v>
      </c>
      <c r="F24163" s="2" t="s">
        <v>7547</v>
      </c>
      <c r="G24163" s="8">
        <v>253</v>
      </c>
      <c r="H24163" s="5">
        <v>6</v>
      </c>
      <c r="I24163" s="5" t="s">
        <v>1518</v>
      </c>
      <c r="J24163" s="5" t="s">
        <v>69038</v>
      </c>
      <c r="K24163" s="2" t="s">
        <v>69039</v>
      </c>
      <c r="L24163" s="5" t="s">
        <v>69038</v>
      </c>
      <c r="M24163" s="2" t="s">
        <v>69039</v>
      </c>
      <c r="N24163" s="5" t="s">
        <v>1521</v>
      </c>
      <c r="O24163" s="5" t="s">
        <v>38</v>
      </c>
      <c r="P24163" s="5" t="s">
        <v>39</v>
      </c>
      <c r="Q24163" s="5" t="s">
        <v>40</v>
      </c>
      <c r="R24163" s="5" t="s">
        <v>1522</v>
      </c>
      <c r="S24163" s="5" t="s">
        <v>1523</v>
      </c>
      <c r="T24163" s="5" t="s">
        <v>42</v>
      </c>
      <c r="U24163" s="2">
        <v>2.5489999999999999</v>
      </c>
      <c r="V24163" s="2">
        <v>2.0030000000000001</v>
      </c>
      <c r="W24163" s="2">
        <v>1.2999999999999999E-2</v>
      </c>
      <c r="X24163" s="2">
        <v>99.1</v>
      </c>
      <c r="Y24163" s="2">
        <v>7.6</v>
      </c>
      <c r="Z24163" s="2">
        <v>16.7</v>
      </c>
      <c r="AA24163" s="5"/>
      <c r="AB24163" s="5" t="s">
        <v>43</v>
      </c>
      <c r="AC24163" s="5" t="s">
        <v>44</v>
      </c>
      <c r="AD24163" s="2"/>
      <c r="AE24163" s="1"/>
    </row>
    <row r="24164" spans="1:31" ht="14.45">
      <c r="A24164" s="11"/>
      <c r="B24164" s="20"/>
      <c r="C24164" s="2" t="s">
        <v>77371</v>
      </c>
      <c r="D24164" s="14" t="s">
        <v>77372</v>
      </c>
      <c r="E24164" s="2" t="s">
        <v>77373</v>
      </c>
      <c r="F24164" s="2" t="s">
        <v>7563</v>
      </c>
      <c r="G24164" s="8">
        <v>253</v>
      </c>
      <c r="H24164" s="5">
        <v>6</v>
      </c>
      <c r="I24164" s="5" t="s">
        <v>1518</v>
      </c>
      <c r="J24164" s="5" t="s">
        <v>69038</v>
      </c>
      <c r="K24164" s="2" t="s">
        <v>69039</v>
      </c>
      <c r="L24164" s="5" t="s">
        <v>69038</v>
      </c>
      <c r="M24164" s="2" t="s">
        <v>69039</v>
      </c>
      <c r="N24164" s="5" t="s">
        <v>1521</v>
      </c>
      <c r="O24164" s="5" t="s">
        <v>38</v>
      </c>
      <c r="P24164" s="5" t="s">
        <v>39</v>
      </c>
      <c r="Q24164" s="5" t="s">
        <v>40</v>
      </c>
      <c r="R24164" s="5" t="s">
        <v>1522</v>
      </c>
      <c r="S24164" s="5" t="s">
        <v>1523</v>
      </c>
      <c r="T24164" s="5" t="s">
        <v>42</v>
      </c>
      <c r="U24164" s="2">
        <v>2.5489999999999999</v>
      </c>
      <c r="V24164" s="2">
        <v>2.0030000000000001</v>
      </c>
      <c r="W24164" s="2">
        <v>1.2999999999999999E-2</v>
      </c>
      <c r="X24164" s="2">
        <v>99.1</v>
      </c>
      <c r="Y24164" s="2">
        <v>7.6</v>
      </c>
      <c r="Z24164" s="2">
        <v>16.7</v>
      </c>
      <c r="AA24164" s="5"/>
      <c r="AB24164" s="5" t="s">
        <v>43</v>
      </c>
      <c r="AC24164" s="5" t="s">
        <v>44</v>
      </c>
      <c r="AD24164" s="2"/>
      <c r="AE24164" s="1"/>
    </row>
    <row r="24165" spans="1:31" ht="14.45">
      <c r="A24165" s="11"/>
      <c r="B24165" s="20"/>
      <c r="C24165" s="2" t="s">
        <v>77374</v>
      </c>
      <c r="D24165" s="14" t="s">
        <v>77375</v>
      </c>
      <c r="E24165" s="2" t="s">
        <v>77376</v>
      </c>
      <c r="F24165" s="2" t="s">
        <v>7567</v>
      </c>
      <c r="G24165" s="8">
        <v>253</v>
      </c>
      <c r="H24165" s="5">
        <v>6</v>
      </c>
      <c r="I24165" s="5" t="s">
        <v>1518</v>
      </c>
      <c r="J24165" s="5" t="s">
        <v>69038</v>
      </c>
      <c r="K24165" s="2" t="s">
        <v>69039</v>
      </c>
      <c r="L24165" s="5" t="s">
        <v>69038</v>
      </c>
      <c r="M24165" s="2" t="s">
        <v>69039</v>
      </c>
      <c r="N24165" s="5" t="s">
        <v>1521</v>
      </c>
      <c r="O24165" s="5" t="s">
        <v>38</v>
      </c>
      <c r="P24165" s="5" t="s">
        <v>39</v>
      </c>
      <c r="Q24165" s="5" t="s">
        <v>40</v>
      </c>
      <c r="R24165" s="5" t="s">
        <v>1522</v>
      </c>
      <c r="S24165" s="5" t="s">
        <v>1523</v>
      </c>
      <c r="T24165" s="5" t="s">
        <v>42</v>
      </c>
      <c r="U24165" s="2">
        <v>2.6160000000000001</v>
      </c>
      <c r="V24165" s="2">
        <v>2.0699999999999998</v>
      </c>
      <c r="W24165" s="2">
        <v>1.2999999999999999E-2</v>
      </c>
      <c r="X24165" s="2">
        <v>99.1</v>
      </c>
      <c r="Y24165" s="2">
        <v>7.6</v>
      </c>
      <c r="Z24165" s="2">
        <v>16.7</v>
      </c>
      <c r="AA24165" s="5"/>
      <c r="AB24165" s="5" t="s">
        <v>43</v>
      </c>
      <c r="AC24165" s="5" t="s">
        <v>44</v>
      </c>
      <c r="AD24165" s="2"/>
      <c r="AE24165" s="1"/>
    </row>
    <row r="24166" spans="1:31" ht="14.45">
      <c r="A24166" s="11"/>
      <c r="B24166" s="20"/>
      <c r="C24166" s="2" t="s">
        <v>77377</v>
      </c>
      <c r="D24166" s="14" t="s">
        <v>77378</v>
      </c>
      <c r="E24166" s="2" t="s">
        <v>77379</v>
      </c>
      <c r="F24166" s="2" t="s">
        <v>7555</v>
      </c>
      <c r="G24166" s="8">
        <v>253</v>
      </c>
      <c r="H24166" s="5">
        <v>6</v>
      </c>
      <c r="I24166" s="5" t="s">
        <v>1518</v>
      </c>
      <c r="J24166" s="5" t="s">
        <v>69038</v>
      </c>
      <c r="K24166" s="2" t="s">
        <v>69039</v>
      </c>
      <c r="L24166" s="5" t="s">
        <v>69038</v>
      </c>
      <c r="M24166" s="2" t="s">
        <v>69039</v>
      </c>
      <c r="N24166" s="5" t="s">
        <v>1521</v>
      </c>
      <c r="O24166" s="5" t="s">
        <v>38</v>
      </c>
      <c r="P24166" s="5" t="s">
        <v>39</v>
      </c>
      <c r="Q24166" s="5" t="s">
        <v>40</v>
      </c>
      <c r="R24166" s="5" t="s">
        <v>1522</v>
      </c>
      <c r="S24166" s="5" t="s">
        <v>1523</v>
      </c>
      <c r="T24166" s="5" t="s">
        <v>42</v>
      </c>
      <c r="U24166" s="2">
        <v>2.5489999999999999</v>
      </c>
      <c r="V24166" s="2">
        <v>2.0030000000000001</v>
      </c>
      <c r="W24166" s="2">
        <v>1.2999999999999999E-2</v>
      </c>
      <c r="X24166" s="2">
        <v>99.1</v>
      </c>
      <c r="Y24166" s="2">
        <v>7.6</v>
      </c>
      <c r="Z24166" s="2">
        <v>16.7</v>
      </c>
      <c r="AA24166" s="5"/>
      <c r="AB24166" s="5" t="s">
        <v>43</v>
      </c>
      <c r="AC24166" s="5" t="s">
        <v>44</v>
      </c>
      <c r="AD24166" s="2"/>
      <c r="AE24166" s="1"/>
    </row>
    <row r="24167" spans="1:31" ht="14.45">
      <c r="A24167" s="11"/>
      <c r="B24167" s="20"/>
      <c r="C24167" s="2" t="s">
        <v>77380</v>
      </c>
      <c r="D24167" s="14" t="s">
        <v>77381</v>
      </c>
      <c r="E24167" s="2" t="s">
        <v>77382</v>
      </c>
      <c r="F24167" s="2" t="s">
        <v>7559</v>
      </c>
      <c r="G24167" s="8">
        <v>253</v>
      </c>
      <c r="H24167" s="5">
        <v>6</v>
      </c>
      <c r="I24167" s="5" t="s">
        <v>1518</v>
      </c>
      <c r="J24167" s="5" t="s">
        <v>69038</v>
      </c>
      <c r="K24167" s="2" t="s">
        <v>69039</v>
      </c>
      <c r="L24167" s="5" t="s">
        <v>69038</v>
      </c>
      <c r="M24167" s="2" t="s">
        <v>69039</v>
      </c>
      <c r="N24167" s="5" t="s">
        <v>1521</v>
      </c>
      <c r="O24167" s="5" t="s">
        <v>38</v>
      </c>
      <c r="P24167" s="5" t="s">
        <v>39</v>
      </c>
      <c r="Q24167" s="5" t="s">
        <v>40</v>
      </c>
      <c r="R24167" s="5" t="s">
        <v>1522</v>
      </c>
      <c r="S24167" s="5" t="s">
        <v>1523</v>
      </c>
      <c r="T24167" s="5" t="s">
        <v>42</v>
      </c>
      <c r="U24167" s="2">
        <v>2.6160000000000001</v>
      </c>
      <c r="V24167" s="2">
        <v>2.0699999999999998</v>
      </c>
      <c r="W24167" s="2">
        <v>1.2999999999999999E-2</v>
      </c>
      <c r="X24167" s="2">
        <v>99.1</v>
      </c>
      <c r="Y24167" s="2">
        <v>7.6</v>
      </c>
      <c r="Z24167" s="2">
        <v>16.7</v>
      </c>
      <c r="AA24167" s="5"/>
      <c r="AB24167" s="5" t="s">
        <v>43</v>
      </c>
      <c r="AC24167" s="5" t="s">
        <v>44</v>
      </c>
      <c r="AD24167" s="2"/>
      <c r="AE24167" s="1"/>
    </row>
    <row r="24168" spans="1:31" ht="14.45">
      <c r="A24168" s="11"/>
      <c r="B24168" s="20"/>
      <c r="C24168" s="2" t="s">
        <v>77383</v>
      </c>
      <c r="D24168" s="14" t="s">
        <v>77384</v>
      </c>
      <c r="E24168" s="2" t="s">
        <v>77385</v>
      </c>
      <c r="F24168" s="2" t="s">
        <v>16079</v>
      </c>
      <c r="G24168" s="8">
        <v>253</v>
      </c>
      <c r="H24168" s="5">
        <v>6</v>
      </c>
      <c r="I24168" s="5" t="s">
        <v>1518</v>
      </c>
      <c r="J24168" s="5" t="s">
        <v>69038</v>
      </c>
      <c r="K24168" s="2" t="s">
        <v>69039</v>
      </c>
      <c r="L24168" s="5" t="s">
        <v>69038</v>
      </c>
      <c r="M24168" s="2" t="s">
        <v>69039</v>
      </c>
      <c r="N24168" s="5" t="s">
        <v>1521</v>
      </c>
      <c r="O24168" s="5" t="s">
        <v>38</v>
      </c>
      <c r="P24168" s="5" t="s">
        <v>39</v>
      </c>
      <c r="Q24168" s="5" t="s">
        <v>40</v>
      </c>
      <c r="R24168" s="5" t="s">
        <v>1522</v>
      </c>
      <c r="S24168" s="5" t="s">
        <v>1523</v>
      </c>
      <c r="T24168" s="5" t="s">
        <v>42</v>
      </c>
      <c r="U24168" s="2">
        <v>2.5489999999999999</v>
      </c>
      <c r="V24168" s="2">
        <v>2.0030000000000001</v>
      </c>
      <c r="W24168" s="2">
        <v>1.2999999999999999E-2</v>
      </c>
      <c r="X24168" s="2">
        <v>99.1</v>
      </c>
      <c r="Y24168" s="2">
        <v>7.6</v>
      </c>
      <c r="Z24168" s="2">
        <v>16.7</v>
      </c>
      <c r="AA24168" s="5"/>
      <c r="AB24168" s="5" t="s">
        <v>43</v>
      </c>
      <c r="AC24168" s="5" t="s">
        <v>44</v>
      </c>
      <c r="AD24168" s="2"/>
      <c r="AE24168" s="1"/>
    </row>
    <row r="24169" spans="1:31" ht="14.45">
      <c r="A24169" s="11"/>
      <c r="B24169" s="20"/>
      <c r="C24169" s="2" t="s">
        <v>77386</v>
      </c>
      <c r="D24169" s="14" t="s">
        <v>77387</v>
      </c>
      <c r="E24169" s="2" t="s">
        <v>77388</v>
      </c>
      <c r="F24169" s="2" t="s">
        <v>16194</v>
      </c>
      <c r="G24169" s="8">
        <v>253</v>
      </c>
      <c r="H24169" s="5">
        <v>6</v>
      </c>
      <c r="I24169" s="5" t="s">
        <v>1518</v>
      </c>
      <c r="J24169" s="5" t="s">
        <v>69038</v>
      </c>
      <c r="K24169" s="2" t="s">
        <v>69039</v>
      </c>
      <c r="L24169" s="5" t="s">
        <v>69038</v>
      </c>
      <c r="M24169" s="2" t="s">
        <v>69039</v>
      </c>
      <c r="N24169" s="5" t="s">
        <v>1521</v>
      </c>
      <c r="O24169" s="5" t="s">
        <v>38</v>
      </c>
      <c r="P24169" s="5" t="s">
        <v>39</v>
      </c>
      <c r="Q24169" s="5" t="s">
        <v>40</v>
      </c>
      <c r="R24169" s="5" t="s">
        <v>1522</v>
      </c>
      <c r="S24169" s="5" t="s">
        <v>1523</v>
      </c>
      <c r="T24169" s="5" t="s">
        <v>42</v>
      </c>
      <c r="U24169" s="2">
        <v>2.6160000000000001</v>
      </c>
      <c r="V24169" s="2">
        <v>2.0699999999999998</v>
      </c>
      <c r="W24169" s="2">
        <v>1.2999999999999999E-2</v>
      </c>
      <c r="X24169" s="2">
        <v>99.1</v>
      </c>
      <c r="Y24169" s="2">
        <v>7.6</v>
      </c>
      <c r="Z24169" s="2">
        <v>16.7</v>
      </c>
      <c r="AA24169" s="5"/>
      <c r="AB24169" s="5" t="s">
        <v>43</v>
      </c>
      <c r="AC24169" s="5" t="s">
        <v>44</v>
      </c>
      <c r="AD24169" s="2"/>
      <c r="AE24169" s="1"/>
    </row>
    <row r="24170" spans="1:31" ht="14.45">
      <c r="A24170" s="11"/>
      <c r="B24170" s="20"/>
      <c r="C24170" s="2" t="s">
        <v>77389</v>
      </c>
      <c r="D24170" s="14" t="s">
        <v>77390</v>
      </c>
      <c r="E24170" s="2" t="s">
        <v>77391</v>
      </c>
      <c r="F24170" s="2" t="s">
        <v>7449</v>
      </c>
      <c r="G24170" s="8">
        <v>253</v>
      </c>
      <c r="H24170" s="5">
        <v>6</v>
      </c>
      <c r="I24170" s="5" t="s">
        <v>1518</v>
      </c>
      <c r="J24170" s="5" t="s">
        <v>69038</v>
      </c>
      <c r="K24170" s="2" t="s">
        <v>69039</v>
      </c>
      <c r="L24170" s="5" t="s">
        <v>69038</v>
      </c>
      <c r="M24170" s="2" t="s">
        <v>69039</v>
      </c>
      <c r="N24170" s="5" t="s">
        <v>1521</v>
      </c>
      <c r="O24170" s="5" t="s">
        <v>38</v>
      </c>
      <c r="P24170" s="5" t="s">
        <v>39</v>
      </c>
      <c r="Q24170" s="5" t="s">
        <v>40</v>
      </c>
      <c r="R24170" s="5" t="s">
        <v>1522</v>
      </c>
      <c r="S24170" s="5" t="s">
        <v>1523</v>
      </c>
      <c r="T24170" s="5" t="s">
        <v>42</v>
      </c>
      <c r="U24170" s="2">
        <v>2.5489999999999999</v>
      </c>
      <c r="V24170" s="2">
        <v>2.0030000000000001</v>
      </c>
      <c r="W24170" s="2">
        <v>1.2999999999999999E-2</v>
      </c>
      <c r="X24170" s="2">
        <v>99.1</v>
      </c>
      <c r="Y24170" s="2">
        <v>7.6</v>
      </c>
      <c r="Z24170" s="2">
        <v>16.7</v>
      </c>
      <c r="AA24170" s="5"/>
      <c r="AB24170" s="5" t="s">
        <v>43</v>
      </c>
      <c r="AC24170" s="5" t="s">
        <v>44</v>
      </c>
      <c r="AD24170" s="2"/>
      <c r="AE24170" s="1"/>
    </row>
    <row r="24171" spans="1:31" ht="14.45">
      <c r="A24171" s="11"/>
      <c r="B24171" s="20"/>
      <c r="C24171" s="2" t="s">
        <v>77392</v>
      </c>
      <c r="D24171" s="14" t="s">
        <v>77393</v>
      </c>
      <c r="E24171" s="2" t="s">
        <v>77394</v>
      </c>
      <c r="F24171" s="2" t="s">
        <v>7581</v>
      </c>
      <c r="G24171" s="8">
        <v>253</v>
      </c>
      <c r="H24171" s="5">
        <v>6</v>
      </c>
      <c r="I24171" s="5" t="s">
        <v>1518</v>
      </c>
      <c r="J24171" s="5" t="s">
        <v>69038</v>
      </c>
      <c r="K24171" s="2" t="s">
        <v>69039</v>
      </c>
      <c r="L24171" s="5" t="s">
        <v>69038</v>
      </c>
      <c r="M24171" s="2" t="s">
        <v>69039</v>
      </c>
      <c r="N24171" s="5" t="s">
        <v>1521</v>
      </c>
      <c r="O24171" s="5" t="s">
        <v>38</v>
      </c>
      <c r="P24171" s="5" t="s">
        <v>39</v>
      </c>
      <c r="Q24171" s="5" t="s">
        <v>40</v>
      </c>
      <c r="R24171" s="5" t="s">
        <v>1522</v>
      </c>
      <c r="S24171" s="5" t="s">
        <v>1523</v>
      </c>
      <c r="T24171" s="5" t="s">
        <v>42</v>
      </c>
      <c r="U24171" s="2">
        <v>2.6160000000000001</v>
      </c>
      <c r="V24171" s="2">
        <v>2.0699999999999998</v>
      </c>
      <c r="W24171" s="2">
        <v>1.2999999999999999E-2</v>
      </c>
      <c r="X24171" s="2">
        <v>99.1</v>
      </c>
      <c r="Y24171" s="2">
        <v>7.6</v>
      </c>
      <c r="Z24171" s="2">
        <v>16.7</v>
      </c>
      <c r="AA24171" s="5"/>
      <c r="AB24171" s="5" t="s">
        <v>43</v>
      </c>
      <c r="AC24171" s="5" t="s">
        <v>44</v>
      </c>
      <c r="AD24171" s="2"/>
      <c r="AE24171" s="1"/>
    </row>
    <row r="24172" spans="1:31" ht="14.45">
      <c r="A24172" s="11"/>
      <c r="B24172" s="20"/>
      <c r="C24172" s="2" t="s">
        <v>77395</v>
      </c>
      <c r="D24172" s="14" t="s">
        <v>77396</v>
      </c>
      <c r="E24172" s="2" t="s">
        <v>77397</v>
      </c>
      <c r="F24172" s="2" t="s">
        <v>7585</v>
      </c>
      <c r="G24172" s="8">
        <v>253</v>
      </c>
      <c r="H24172" s="5">
        <v>6</v>
      </c>
      <c r="I24172" s="5" t="s">
        <v>1518</v>
      </c>
      <c r="J24172" s="5" t="s">
        <v>69038</v>
      </c>
      <c r="K24172" s="2" t="s">
        <v>69039</v>
      </c>
      <c r="L24172" s="5" t="s">
        <v>69038</v>
      </c>
      <c r="M24172" s="2" t="s">
        <v>69039</v>
      </c>
      <c r="N24172" s="5" t="s">
        <v>1521</v>
      </c>
      <c r="O24172" s="5" t="s">
        <v>38</v>
      </c>
      <c r="P24172" s="5" t="s">
        <v>39</v>
      </c>
      <c r="Q24172" s="5" t="s">
        <v>40</v>
      </c>
      <c r="R24172" s="5" t="s">
        <v>1522</v>
      </c>
      <c r="S24172" s="5" t="s">
        <v>1523</v>
      </c>
      <c r="T24172" s="5" t="s">
        <v>42</v>
      </c>
      <c r="U24172" s="2">
        <v>2.5489999999999999</v>
      </c>
      <c r="V24172" s="2">
        <v>2.0030000000000001</v>
      </c>
      <c r="W24172" s="2">
        <v>1.2999999999999999E-2</v>
      </c>
      <c r="X24172" s="2">
        <v>99.1</v>
      </c>
      <c r="Y24172" s="2">
        <v>7.6</v>
      </c>
      <c r="Z24172" s="2">
        <v>16.7</v>
      </c>
      <c r="AA24172" s="5"/>
      <c r="AB24172" s="5" t="s">
        <v>43</v>
      </c>
      <c r="AC24172" s="5" t="s">
        <v>44</v>
      </c>
      <c r="AD24172" s="2"/>
      <c r="AE24172" s="1"/>
    </row>
    <row r="24173" spans="1:31" ht="14.45">
      <c r="A24173" s="11"/>
      <c r="B24173" s="20"/>
      <c r="C24173" s="2" t="s">
        <v>77398</v>
      </c>
      <c r="D24173" s="14" t="s">
        <v>77399</v>
      </c>
      <c r="E24173" s="2" t="s">
        <v>77400</v>
      </c>
      <c r="F24173" s="2" t="s">
        <v>7589</v>
      </c>
      <c r="G24173" s="8">
        <v>253</v>
      </c>
      <c r="H24173" s="5">
        <v>6</v>
      </c>
      <c r="I24173" s="5" t="s">
        <v>1518</v>
      </c>
      <c r="J24173" s="5" t="s">
        <v>69038</v>
      </c>
      <c r="K24173" s="2" t="s">
        <v>69039</v>
      </c>
      <c r="L24173" s="5" t="s">
        <v>69038</v>
      </c>
      <c r="M24173" s="2" t="s">
        <v>69039</v>
      </c>
      <c r="N24173" s="5" t="s">
        <v>1521</v>
      </c>
      <c r="O24173" s="5" t="s">
        <v>38</v>
      </c>
      <c r="P24173" s="5" t="s">
        <v>39</v>
      </c>
      <c r="Q24173" s="5" t="s">
        <v>40</v>
      </c>
      <c r="R24173" s="5" t="s">
        <v>1522</v>
      </c>
      <c r="S24173" s="5" t="s">
        <v>1523</v>
      </c>
      <c r="T24173" s="5" t="s">
        <v>42</v>
      </c>
      <c r="U24173" s="2">
        <v>2.6160000000000001</v>
      </c>
      <c r="V24173" s="2">
        <v>2.0699999999999998</v>
      </c>
      <c r="W24173" s="2">
        <v>1.2999999999999999E-2</v>
      </c>
      <c r="X24173" s="2">
        <v>99.1</v>
      </c>
      <c r="Y24173" s="2">
        <v>7.6</v>
      </c>
      <c r="Z24173" s="2">
        <v>16.7</v>
      </c>
      <c r="AA24173" s="5"/>
      <c r="AB24173" s="5" t="s">
        <v>43</v>
      </c>
      <c r="AC24173" s="5" t="s">
        <v>44</v>
      </c>
      <c r="AD24173" s="2"/>
      <c r="AE24173" s="1"/>
    </row>
    <row r="24174" spans="1:31" ht="14.45">
      <c r="A24174" s="11"/>
      <c r="B24174" s="20"/>
      <c r="C24174" s="2" t="s">
        <v>77401</v>
      </c>
      <c r="D24174" s="14" t="s">
        <v>77402</v>
      </c>
      <c r="E24174" s="2" t="s">
        <v>77403</v>
      </c>
      <c r="F24174" s="2" t="s">
        <v>7593</v>
      </c>
      <c r="G24174" s="8">
        <v>253</v>
      </c>
      <c r="H24174" s="5">
        <v>6</v>
      </c>
      <c r="I24174" s="5" t="s">
        <v>1518</v>
      </c>
      <c r="J24174" s="5" t="s">
        <v>69038</v>
      </c>
      <c r="K24174" s="2" t="s">
        <v>69039</v>
      </c>
      <c r="L24174" s="5" t="s">
        <v>69038</v>
      </c>
      <c r="M24174" s="2" t="s">
        <v>69039</v>
      </c>
      <c r="N24174" s="5" t="s">
        <v>1521</v>
      </c>
      <c r="O24174" s="5" t="s">
        <v>38</v>
      </c>
      <c r="P24174" s="5" t="s">
        <v>39</v>
      </c>
      <c r="Q24174" s="5" t="s">
        <v>40</v>
      </c>
      <c r="R24174" s="5" t="s">
        <v>1522</v>
      </c>
      <c r="S24174" s="5" t="s">
        <v>1523</v>
      </c>
      <c r="T24174" s="5" t="s">
        <v>42</v>
      </c>
      <c r="U24174" s="2">
        <v>2.5489999999999999</v>
      </c>
      <c r="V24174" s="2">
        <v>2.0030000000000001</v>
      </c>
      <c r="W24174" s="2">
        <v>1.2999999999999999E-2</v>
      </c>
      <c r="X24174" s="2">
        <v>99.1</v>
      </c>
      <c r="Y24174" s="2">
        <v>7.6</v>
      </c>
      <c r="Z24174" s="2">
        <v>16.7</v>
      </c>
      <c r="AA24174" s="5"/>
      <c r="AB24174" s="5" t="s">
        <v>43</v>
      </c>
      <c r="AC24174" s="5" t="s">
        <v>44</v>
      </c>
      <c r="AD24174" s="2"/>
      <c r="AE24174" s="1"/>
    </row>
    <row r="24175" spans="1:31" ht="14.45">
      <c r="A24175" s="11"/>
      <c r="B24175" s="20"/>
      <c r="C24175" s="2" t="s">
        <v>77404</v>
      </c>
      <c r="D24175" s="14" t="s">
        <v>77405</v>
      </c>
      <c r="E24175" s="2" t="s">
        <v>77406</v>
      </c>
      <c r="F24175" s="2" t="s">
        <v>73358</v>
      </c>
      <c r="G24175" s="8">
        <v>253</v>
      </c>
      <c r="H24175" s="5">
        <v>6</v>
      </c>
      <c r="I24175" s="5" t="s">
        <v>1518</v>
      </c>
      <c r="J24175" s="5" t="s">
        <v>69038</v>
      </c>
      <c r="K24175" s="2" t="s">
        <v>69039</v>
      </c>
      <c r="L24175" s="5" t="s">
        <v>69038</v>
      </c>
      <c r="M24175" s="2" t="s">
        <v>69039</v>
      </c>
      <c r="N24175" s="5" t="s">
        <v>1521</v>
      </c>
      <c r="O24175" s="5" t="s">
        <v>38</v>
      </c>
      <c r="P24175" s="5" t="s">
        <v>39</v>
      </c>
      <c r="Q24175" s="5" t="s">
        <v>40</v>
      </c>
      <c r="R24175" s="5" t="s">
        <v>1522</v>
      </c>
      <c r="S24175" s="5" t="s">
        <v>1523</v>
      </c>
      <c r="T24175" s="5" t="s">
        <v>42</v>
      </c>
      <c r="U24175" s="2">
        <v>2.5489999999999999</v>
      </c>
      <c r="V24175" s="2">
        <v>2.0030000000000001</v>
      </c>
      <c r="W24175" s="2">
        <v>1.2999999999999999E-2</v>
      </c>
      <c r="X24175" s="2">
        <v>99.1</v>
      </c>
      <c r="Y24175" s="2">
        <v>7.6</v>
      </c>
      <c r="Z24175" s="2">
        <v>16.7</v>
      </c>
      <c r="AA24175" s="5"/>
      <c r="AB24175" s="5" t="s">
        <v>43</v>
      </c>
      <c r="AC24175" s="5" t="s">
        <v>44</v>
      </c>
      <c r="AD24175" s="2"/>
      <c r="AE24175" s="1"/>
    </row>
    <row r="24176" spans="1:31" ht="14.45">
      <c r="A24176" s="11"/>
      <c r="B24176" s="20"/>
      <c r="C24176" s="2" t="s">
        <v>77407</v>
      </c>
      <c r="D24176" s="14" t="s">
        <v>77408</v>
      </c>
      <c r="E24176" s="2" t="s">
        <v>77409</v>
      </c>
      <c r="F24176" s="2" t="s">
        <v>73362</v>
      </c>
      <c r="G24176" s="8">
        <v>253</v>
      </c>
      <c r="H24176" s="5">
        <v>6</v>
      </c>
      <c r="I24176" s="5" t="s">
        <v>1518</v>
      </c>
      <c r="J24176" s="5" t="s">
        <v>69038</v>
      </c>
      <c r="K24176" s="2" t="s">
        <v>69039</v>
      </c>
      <c r="L24176" s="5" t="s">
        <v>69038</v>
      </c>
      <c r="M24176" s="2" t="s">
        <v>69039</v>
      </c>
      <c r="N24176" s="5" t="s">
        <v>1521</v>
      </c>
      <c r="O24176" s="5" t="s">
        <v>38</v>
      </c>
      <c r="P24176" s="5" t="s">
        <v>39</v>
      </c>
      <c r="Q24176" s="5" t="s">
        <v>40</v>
      </c>
      <c r="R24176" s="5" t="s">
        <v>1522</v>
      </c>
      <c r="S24176" s="5" t="s">
        <v>1523</v>
      </c>
      <c r="T24176" s="5" t="s">
        <v>42</v>
      </c>
      <c r="U24176" s="2">
        <v>2.6160000000000001</v>
      </c>
      <c r="V24176" s="2">
        <v>2.0699999999999998</v>
      </c>
      <c r="W24176" s="2">
        <v>1.2999999999999999E-2</v>
      </c>
      <c r="X24176" s="2">
        <v>99.1</v>
      </c>
      <c r="Y24176" s="2">
        <v>7.6</v>
      </c>
      <c r="Z24176" s="2">
        <v>16.7</v>
      </c>
      <c r="AA24176" s="5"/>
      <c r="AB24176" s="5" t="s">
        <v>43</v>
      </c>
      <c r="AC24176" s="5" t="s">
        <v>44</v>
      </c>
      <c r="AD24176" s="2"/>
      <c r="AE24176" s="1"/>
    </row>
    <row r="24177" spans="1:31" ht="14.45">
      <c r="A24177" s="11"/>
      <c r="B24177" s="20"/>
      <c r="C24177" s="2" t="s">
        <v>77410</v>
      </c>
      <c r="D24177" s="14" t="s">
        <v>77411</v>
      </c>
      <c r="E24177" s="2" t="s">
        <v>77412</v>
      </c>
      <c r="F24177" s="2" t="s">
        <v>7615</v>
      </c>
      <c r="G24177" s="8">
        <v>253</v>
      </c>
      <c r="H24177" s="5">
        <v>6</v>
      </c>
      <c r="I24177" s="5" t="s">
        <v>1518</v>
      </c>
      <c r="J24177" s="5" t="s">
        <v>69038</v>
      </c>
      <c r="K24177" s="2" t="s">
        <v>69039</v>
      </c>
      <c r="L24177" s="5" t="s">
        <v>69038</v>
      </c>
      <c r="M24177" s="2" t="s">
        <v>69039</v>
      </c>
      <c r="N24177" s="5" t="s">
        <v>1521</v>
      </c>
      <c r="O24177" s="5" t="s">
        <v>38</v>
      </c>
      <c r="P24177" s="5" t="s">
        <v>39</v>
      </c>
      <c r="Q24177" s="5" t="s">
        <v>40</v>
      </c>
      <c r="R24177" s="5" t="s">
        <v>1522</v>
      </c>
      <c r="S24177" s="5" t="s">
        <v>1523</v>
      </c>
      <c r="T24177" s="5" t="s">
        <v>42</v>
      </c>
      <c r="U24177" s="2">
        <v>2.5489999999999999</v>
      </c>
      <c r="V24177" s="2">
        <v>2.0030000000000001</v>
      </c>
      <c r="W24177" s="2">
        <v>1.2999999999999999E-2</v>
      </c>
      <c r="X24177" s="2">
        <v>99.1</v>
      </c>
      <c r="Y24177" s="2">
        <v>7.6</v>
      </c>
      <c r="Z24177" s="2">
        <v>16.7</v>
      </c>
      <c r="AA24177" s="5"/>
      <c r="AB24177" s="5" t="s">
        <v>43</v>
      </c>
      <c r="AC24177" s="5" t="s">
        <v>44</v>
      </c>
      <c r="AD24177" s="2"/>
      <c r="AE24177" s="1"/>
    </row>
    <row r="24178" spans="1:31" ht="14.45">
      <c r="A24178" s="11"/>
      <c r="B24178" s="20"/>
      <c r="C24178" s="2" t="s">
        <v>77413</v>
      </c>
      <c r="D24178" s="14" t="s">
        <v>77414</v>
      </c>
      <c r="E24178" s="2" t="s">
        <v>77415</v>
      </c>
      <c r="F24178" s="2" t="s">
        <v>7619</v>
      </c>
      <c r="G24178" s="8">
        <v>253</v>
      </c>
      <c r="H24178" s="5">
        <v>6</v>
      </c>
      <c r="I24178" s="5" t="s">
        <v>1518</v>
      </c>
      <c r="J24178" s="5" t="s">
        <v>69038</v>
      </c>
      <c r="K24178" s="2" t="s">
        <v>69039</v>
      </c>
      <c r="L24178" s="5" t="s">
        <v>69038</v>
      </c>
      <c r="M24178" s="2" t="s">
        <v>69039</v>
      </c>
      <c r="N24178" s="5" t="s">
        <v>1521</v>
      </c>
      <c r="O24178" s="5" t="s">
        <v>38</v>
      </c>
      <c r="P24178" s="5" t="s">
        <v>39</v>
      </c>
      <c r="Q24178" s="5" t="s">
        <v>40</v>
      </c>
      <c r="R24178" s="5" t="s">
        <v>1522</v>
      </c>
      <c r="S24178" s="5" t="s">
        <v>1523</v>
      </c>
      <c r="T24178" s="5" t="s">
        <v>42</v>
      </c>
      <c r="U24178" s="2">
        <v>2.6160000000000001</v>
      </c>
      <c r="V24178" s="2">
        <v>2.0699999999999998</v>
      </c>
      <c r="W24178" s="2">
        <v>1.2999999999999999E-2</v>
      </c>
      <c r="X24178" s="2">
        <v>99.1</v>
      </c>
      <c r="Y24178" s="2">
        <v>7.6</v>
      </c>
      <c r="Z24178" s="2">
        <v>16.7</v>
      </c>
      <c r="AA24178" s="5"/>
      <c r="AB24178" s="5" t="s">
        <v>43</v>
      </c>
      <c r="AC24178" s="5" t="s">
        <v>44</v>
      </c>
      <c r="AD24178" s="2"/>
      <c r="AE24178" s="1"/>
    </row>
    <row r="24179" spans="1:31" ht="14.45">
      <c r="A24179" s="11"/>
      <c r="B24179" s="20"/>
      <c r="C24179" s="2" t="s">
        <v>77416</v>
      </c>
      <c r="D24179" s="14" t="s">
        <v>77417</v>
      </c>
      <c r="E24179" s="2" t="s">
        <v>77418</v>
      </c>
      <c r="F24179" s="2" t="s">
        <v>16014</v>
      </c>
      <c r="G24179" s="8">
        <v>253</v>
      </c>
      <c r="H24179" s="5">
        <v>6</v>
      </c>
      <c r="I24179" s="5" t="s">
        <v>1518</v>
      </c>
      <c r="J24179" s="5" t="s">
        <v>69038</v>
      </c>
      <c r="K24179" s="2" t="s">
        <v>69039</v>
      </c>
      <c r="L24179" s="5" t="s">
        <v>69038</v>
      </c>
      <c r="M24179" s="2" t="s">
        <v>69039</v>
      </c>
      <c r="N24179" s="5" t="s">
        <v>1521</v>
      </c>
      <c r="O24179" s="5" t="s">
        <v>38</v>
      </c>
      <c r="P24179" s="5" t="s">
        <v>39</v>
      </c>
      <c r="Q24179" s="5" t="s">
        <v>40</v>
      </c>
      <c r="R24179" s="5" t="s">
        <v>1522</v>
      </c>
      <c r="S24179" s="5" t="s">
        <v>1523</v>
      </c>
      <c r="T24179" s="5" t="s">
        <v>42</v>
      </c>
      <c r="U24179" s="2">
        <v>2.5489999999999999</v>
      </c>
      <c r="V24179" s="2">
        <v>2.0030000000000001</v>
      </c>
      <c r="W24179" s="2">
        <v>1.2999999999999999E-2</v>
      </c>
      <c r="X24179" s="2">
        <v>99.1</v>
      </c>
      <c r="Y24179" s="2">
        <v>7.6</v>
      </c>
      <c r="Z24179" s="2">
        <v>16.7</v>
      </c>
      <c r="AA24179" s="5"/>
      <c r="AB24179" s="5" t="s">
        <v>43</v>
      </c>
      <c r="AC24179" s="5" t="s">
        <v>44</v>
      </c>
      <c r="AD24179" s="2"/>
      <c r="AE24179" s="1"/>
    </row>
    <row r="24180" spans="1:31" ht="14.45">
      <c r="A24180" s="11"/>
      <c r="B24180" s="20"/>
      <c r="C24180" s="2" t="s">
        <v>77419</v>
      </c>
      <c r="D24180" s="14" t="s">
        <v>77420</v>
      </c>
      <c r="E24180" s="2" t="s">
        <v>77421</v>
      </c>
      <c r="F24180" s="2" t="s">
        <v>16219</v>
      </c>
      <c r="G24180" s="8">
        <v>253</v>
      </c>
      <c r="H24180" s="5">
        <v>6</v>
      </c>
      <c r="I24180" s="5" t="s">
        <v>1518</v>
      </c>
      <c r="J24180" s="5" t="s">
        <v>69038</v>
      </c>
      <c r="K24180" s="2" t="s">
        <v>69039</v>
      </c>
      <c r="L24180" s="5" t="s">
        <v>69038</v>
      </c>
      <c r="M24180" s="2" t="s">
        <v>69039</v>
      </c>
      <c r="N24180" s="5" t="s">
        <v>1521</v>
      </c>
      <c r="O24180" s="5" t="s">
        <v>38</v>
      </c>
      <c r="P24180" s="5" t="s">
        <v>39</v>
      </c>
      <c r="Q24180" s="5" t="s">
        <v>40</v>
      </c>
      <c r="R24180" s="5" t="s">
        <v>1522</v>
      </c>
      <c r="S24180" s="5" t="s">
        <v>1523</v>
      </c>
      <c r="T24180" s="5" t="s">
        <v>42</v>
      </c>
      <c r="U24180" s="2">
        <v>2.6160000000000001</v>
      </c>
      <c r="V24180" s="2">
        <v>2.0699999999999998</v>
      </c>
      <c r="W24180" s="2">
        <v>1.2999999999999999E-2</v>
      </c>
      <c r="X24180" s="2">
        <v>99.1</v>
      </c>
      <c r="Y24180" s="2">
        <v>7.6</v>
      </c>
      <c r="Z24180" s="2">
        <v>16.7</v>
      </c>
      <c r="AA24180" s="5"/>
      <c r="AB24180" s="5" t="s">
        <v>43</v>
      </c>
      <c r="AC24180" s="5" t="s">
        <v>44</v>
      </c>
      <c r="AD24180" s="2"/>
      <c r="AE24180" s="1"/>
    </row>
    <row r="24181" spans="1:31" ht="14.45">
      <c r="A24181" s="11"/>
      <c r="B24181" s="20"/>
      <c r="C24181" s="2" t="s">
        <v>77422</v>
      </c>
      <c r="D24181" s="14" t="s">
        <v>77423</v>
      </c>
      <c r="E24181" s="2" t="s">
        <v>77424</v>
      </c>
      <c r="F24181" s="2" t="s">
        <v>7212</v>
      </c>
      <c r="G24181" s="8">
        <v>237</v>
      </c>
      <c r="H24181" s="5">
        <v>6</v>
      </c>
      <c r="I24181" s="5" t="s">
        <v>1518</v>
      </c>
      <c r="J24181" s="5" t="s">
        <v>69038</v>
      </c>
      <c r="K24181" s="2" t="s">
        <v>69039</v>
      </c>
      <c r="L24181" s="5" t="s">
        <v>69038</v>
      </c>
      <c r="M24181" s="2" t="s">
        <v>69039</v>
      </c>
      <c r="N24181" s="5" t="s">
        <v>1521</v>
      </c>
      <c r="O24181" s="5" t="s">
        <v>38</v>
      </c>
      <c r="P24181" s="5" t="s">
        <v>39</v>
      </c>
      <c r="Q24181" s="5" t="s">
        <v>40</v>
      </c>
      <c r="R24181" s="5" t="s">
        <v>1522</v>
      </c>
      <c r="S24181" s="5" t="s">
        <v>1523</v>
      </c>
      <c r="T24181" s="5" t="s">
        <v>42</v>
      </c>
      <c r="U24181" s="2">
        <v>2.5489999999999999</v>
      </c>
      <c r="V24181" s="2">
        <v>2.0030000000000001</v>
      </c>
      <c r="W24181" s="2">
        <v>1.2999999999999999E-2</v>
      </c>
      <c r="X24181" s="2">
        <v>99.1</v>
      </c>
      <c r="Y24181" s="2">
        <v>7.6</v>
      </c>
      <c r="Z24181" s="2">
        <v>16.7</v>
      </c>
      <c r="AA24181" s="5"/>
      <c r="AB24181" s="5" t="s">
        <v>43</v>
      </c>
      <c r="AC24181" s="5" t="s">
        <v>44</v>
      </c>
      <c r="AD24181" s="2"/>
      <c r="AE24181" s="1"/>
    </row>
    <row r="24182" spans="1:31" ht="14.45">
      <c r="A24182" s="11"/>
      <c r="B24182" s="20"/>
      <c r="C24182" s="2" t="s">
        <v>77425</v>
      </c>
      <c r="D24182" s="14" t="s">
        <v>77426</v>
      </c>
      <c r="E24182" s="2" t="s">
        <v>77427</v>
      </c>
      <c r="F24182" s="2" t="s">
        <v>7528</v>
      </c>
      <c r="G24182" s="8">
        <v>237</v>
      </c>
      <c r="H24182" s="5">
        <v>6</v>
      </c>
      <c r="I24182" s="5" t="s">
        <v>1518</v>
      </c>
      <c r="J24182" s="5" t="s">
        <v>69038</v>
      </c>
      <c r="K24182" s="2" t="s">
        <v>69039</v>
      </c>
      <c r="L24182" s="5" t="s">
        <v>69038</v>
      </c>
      <c r="M24182" s="2" t="s">
        <v>69039</v>
      </c>
      <c r="N24182" s="5" t="s">
        <v>1521</v>
      </c>
      <c r="O24182" s="5" t="s">
        <v>38</v>
      </c>
      <c r="P24182" s="5" t="s">
        <v>39</v>
      </c>
      <c r="Q24182" s="5" t="s">
        <v>40</v>
      </c>
      <c r="R24182" s="5" t="s">
        <v>1522</v>
      </c>
      <c r="S24182" s="5" t="s">
        <v>1523</v>
      </c>
      <c r="T24182" s="5" t="s">
        <v>42</v>
      </c>
      <c r="U24182" s="2">
        <v>2.6160000000000001</v>
      </c>
      <c r="V24182" s="2">
        <v>2.0699999999999998</v>
      </c>
      <c r="W24182" s="2">
        <v>1.2999999999999999E-2</v>
      </c>
      <c r="X24182" s="2">
        <v>99.1</v>
      </c>
      <c r="Y24182" s="2">
        <v>7.6</v>
      </c>
      <c r="Z24182" s="2">
        <v>16.7</v>
      </c>
      <c r="AA24182" s="5"/>
      <c r="AB24182" s="5" t="s">
        <v>43</v>
      </c>
      <c r="AC24182" s="5" t="s">
        <v>44</v>
      </c>
      <c r="AD24182" s="2"/>
      <c r="AE24182" s="1"/>
    </row>
    <row r="24183" spans="1:31" ht="14.45">
      <c r="A24183" s="11"/>
      <c r="B24183" s="20"/>
      <c r="C24183" s="2" t="s">
        <v>77428</v>
      </c>
      <c r="D24183" s="14" t="s">
        <v>77429</v>
      </c>
      <c r="E24183" s="2" t="s">
        <v>77430</v>
      </c>
      <c r="F24183" s="2" t="s">
        <v>16029</v>
      </c>
      <c r="G24183" s="8">
        <v>253</v>
      </c>
      <c r="H24183" s="5">
        <v>6</v>
      </c>
      <c r="I24183" s="5" t="s">
        <v>1518</v>
      </c>
      <c r="J24183" s="5" t="s">
        <v>69038</v>
      </c>
      <c r="K24183" s="2" t="s">
        <v>69039</v>
      </c>
      <c r="L24183" s="5" t="s">
        <v>69038</v>
      </c>
      <c r="M24183" s="2" t="s">
        <v>69039</v>
      </c>
      <c r="N24183" s="5" t="s">
        <v>1521</v>
      </c>
      <c r="O24183" s="5" t="s">
        <v>38</v>
      </c>
      <c r="P24183" s="5" t="s">
        <v>39</v>
      </c>
      <c r="Q24183" s="5" t="s">
        <v>40</v>
      </c>
      <c r="R24183" s="5" t="s">
        <v>1522</v>
      </c>
      <c r="S24183" s="5" t="s">
        <v>1523</v>
      </c>
      <c r="T24183" s="5" t="s">
        <v>42</v>
      </c>
      <c r="U24183" s="2">
        <v>2.5529999999999999</v>
      </c>
      <c r="V24183" s="2">
        <v>2.0070000000000001</v>
      </c>
      <c r="W24183" s="2">
        <v>1.2999999999999999E-2</v>
      </c>
      <c r="X24183" s="2">
        <v>99.1</v>
      </c>
      <c r="Y24183" s="2">
        <v>7.6</v>
      </c>
      <c r="Z24183" s="2">
        <v>16.7</v>
      </c>
      <c r="AA24183" s="5"/>
      <c r="AB24183" s="5" t="s">
        <v>43</v>
      </c>
      <c r="AC24183" s="5" t="s">
        <v>44</v>
      </c>
      <c r="AD24183" s="2"/>
      <c r="AE24183" s="1"/>
    </row>
    <row r="24184" spans="1:31" ht="14.45">
      <c r="A24184" s="11"/>
      <c r="B24184" s="20"/>
      <c r="C24184" s="2" t="s">
        <v>77431</v>
      </c>
      <c r="D24184" s="14" t="s">
        <v>77432</v>
      </c>
      <c r="E24184" s="2" t="s">
        <v>77433</v>
      </c>
      <c r="F24184" s="2" t="s">
        <v>16033</v>
      </c>
      <c r="G24184" s="8">
        <v>253</v>
      </c>
      <c r="H24184" s="5">
        <v>6</v>
      </c>
      <c r="I24184" s="5" t="s">
        <v>1518</v>
      </c>
      <c r="J24184" s="5" t="s">
        <v>69038</v>
      </c>
      <c r="K24184" s="2" t="s">
        <v>69039</v>
      </c>
      <c r="L24184" s="5" t="s">
        <v>69038</v>
      </c>
      <c r="M24184" s="2" t="s">
        <v>69039</v>
      </c>
      <c r="N24184" s="5" t="s">
        <v>1521</v>
      </c>
      <c r="O24184" s="5" t="s">
        <v>38</v>
      </c>
      <c r="P24184" s="5" t="s">
        <v>39</v>
      </c>
      <c r="Q24184" s="5" t="s">
        <v>40</v>
      </c>
      <c r="R24184" s="5" t="s">
        <v>1522</v>
      </c>
      <c r="S24184" s="5" t="s">
        <v>1523</v>
      </c>
      <c r="T24184" s="5" t="s">
        <v>42</v>
      </c>
      <c r="U24184" s="2">
        <v>2.62</v>
      </c>
      <c r="V24184" s="2">
        <v>2.0739999999999998</v>
      </c>
      <c r="W24184" s="2">
        <v>1.2999999999999999E-2</v>
      </c>
      <c r="X24184" s="2">
        <v>99.1</v>
      </c>
      <c r="Y24184" s="2">
        <v>7.6</v>
      </c>
      <c r="Z24184" s="2">
        <v>16.7</v>
      </c>
      <c r="AA24184" s="5"/>
      <c r="AB24184" s="5" t="s">
        <v>43</v>
      </c>
      <c r="AC24184" s="5" t="s">
        <v>44</v>
      </c>
      <c r="AD24184" s="2"/>
      <c r="AE24184" s="1"/>
    </row>
    <row r="24185" spans="1:31" ht="14.45">
      <c r="A24185" s="11"/>
      <c r="B24185" s="20"/>
      <c r="C24185" s="2" t="s">
        <v>77434</v>
      </c>
      <c r="D24185" s="14" t="s">
        <v>77435</v>
      </c>
      <c r="E24185" s="2" t="s">
        <v>77436</v>
      </c>
      <c r="F24185" s="2" t="s">
        <v>7204</v>
      </c>
      <c r="G24185" s="8">
        <v>246</v>
      </c>
      <c r="H24185" s="5">
        <v>6</v>
      </c>
      <c r="I24185" s="5" t="s">
        <v>1518</v>
      </c>
      <c r="J24185" s="5" t="s">
        <v>69038</v>
      </c>
      <c r="K24185" s="2" t="s">
        <v>69039</v>
      </c>
      <c r="L24185" s="5" t="s">
        <v>69038</v>
      </c>
      <c r="M24185" s="2" t="s">
        <v>69039</v>
      </c>
      <c r="N24185" s="5" t="s">
        <v>1521</v>
      </c>
      <c r="O24185" s="5" t="s">
        <v>38</v>
      </c>
      <c r="P24185" s="5" t="s">
        <v>39</v>
      </c>
      <c r="Q24185" s="5" t="s">
        <v>40</v>
      </c>
      <c r="R24185" s="5" t="s">
        <v>1522</v>
      </c>
      <c r="S24185" s="5" t="s">
        <v>1523</v>
      </c>
      <c r="T24185" s="5" t="s">
        <v>42</v>
      </c>
      <c r="U24185" s="2">
        <v>2.698</v>
      </c>
      <c r="V24185" s="2">
        <v>2.161</v>
      </c>
      <c r="W24185" s="2">
        <v>1.2999999999999999E-2</v>
      </c>
      <c r="X24185" s="2">
        <v>99.1</v>
      </c>
      <c r="Y24185" s="2">
        <v>7.6</v>
      </c>
      <c r="Z24185" s="2">
        <v>16.7</v>
      </c>
      <c r="AA24185" s="5"/>
      <c r="AB24185" s="5" t="s">
        <v>43</v>
      </c>
      <c r="AC24185" s="5" t="s">
        <v>44</v>
      </c>
      <c r="AD24185" s="2"/>
      <c r="AE24185" s="1"/>
    </row>
    <row r="24186" spans="1:31" ht="14.45">
      <c r="A24186" s="11"/>
      <c r="B24186" s="20"/>
      <c r="C24186" s="2" t="s">
        <v>77437</v>
      </c>
      <c r="D24186" s="14" t="s">
        <v>77438</v>
      </c>
      <c r="E24186" s="2" t="s">
        <v>77439</v>
      </c>
      <c r="F24186" s="2" t="s">
        <v>7514</v>
      </c>
      <c r="G24186" s="8">
        <v>246</v>
      </c>
      <c r="H24186" s="5">
        <v>6</v>
      </c>
      <c r="I24186" s="5" t="s">
        <v>1518</v>
      </c>
      <c r="J24186" s="5" t="s">
        <v>69038</v>
      </c>
      <c r="K24186" s="2" t="s">
        <v>69039</v>
      </c>
      <c r="L24186" s="5" t="s">
        <v>69038</v>
      </c>
      <c r="M24186" s="2" t="s">
        <v>69039</v>
      </c>
      <c r="N24186" s="5" t="s">
        <v>1521</v>
      </c>
      <c r="O24186" s="5" t="s">
        <v>38</v>
      </c>
      <c r="P24186" s="5" t="s">
        <v>39</v>
      </c>
      <c r="Q24186" s="5" t="s">
        <v>40</v>
      </c>
      <c r="R24186" s="5" t="s">
        <v>1522</v>
      </c>
      <c r="S24186" s="5" t="s">
        <v>1523</v>
      </c>
      <c r="T24186" s="5" t="s">
        <v>42</v>
      </c>
      <c r="U24186" s="2">
        <v>2.7759999999999998</v>
      </c>
      <c r="V24186" s="2">
        <v>2.2389999999999999</v>
      </c>
      <c r="W24186" s="2">
        <v>1.2999999999999999E-2</v>
      </c>
      <c r="X24186" s="2">
        <v>99.1</v>
      </c>
      <c r="Y24186" s="2">
        <v>7.6</v>
      </c>
      <c r="Z24186" s="2">
        <v>16.7</v>
      </c>
      <c r="AA24186" s="5"/>
      <c r="AB24186" s="5" t="s">
        <v>43</v>
      </c>
      <c r="AC24186" s="5" t="s">
        <v>44</v>
      </c>
      <c r="AD24186" s="2"/>
      <c r="AE24186" s="1"/>
    </row>
    <row r="24187" spans="1:31" ht="14.45">
      <c r="A24187" s="11"/>
      <c r="B24187" s="20"/>
      <c r="C24187" s="2" t="s">
        <v>77440</v>
      </c>
      <c r="D24187" s="14" t="s">
        <v>77441</v>
      </c>
      <c r="E24187" s="2" t="s">
        <v>77442</v>
      </c>
      <c r="F24187" s="2" t="s">
        <v>7208</v>
      </c>
      <c r="G24187" s="8">
        <v>246</v>
      </c>
      <c r="H24187" s="5">
        <v>6</v>
      </c>
      <c r="I24187" s="5" t="s">
        <v>1518</v>
      </c>
      <c r="J24187" s="5" t="s">
        <v>69038</v>
      </c>
      <c r="K24187" s="2" t="s">
        <v>69039</v>
      </c>
      <c r="L24187" s="5" t="s">
        <v>69038</v>
      </c>
      <c r="M24187" s="2" t="s">
        <v>69039</v>
      </c>
      <c r="N24187" s="5" t="s">
        <v>1521</v>
      </c>
      <c r="O24187" s="5" t="s">
        <v>38</v>
      </c>
      <c r="P24187" s="5" t="s">
        <v>39</v>
      </c>
      <c r="Q24187" s="5" t="s">
        <v>40</v>
      </c>
      <c r="R24187" s="5" t="s">
        <v>1522</v>
      </c>
      <c r="S24187" s="5" t="s">
        <v>1523</v>
      </c>
      <c r="T24187" s="5" t="s">
        <v>42</v>
      </c>
      <c r="U24187" s="2">
        <v>2.698</v>
      </c>
      <c r="V24187" s="2">
        <v>2.161</v>
      </c>
      <c r="W24187" s="2">
        <v>1.2999999999999999E-2</v>
      </c>
      <c r="X24187" s="2">
        <v>99.1</v>
      </c>
      <c r="Y24187" s="2">
        <v>7.6</v>
      </c>
      <c r="Z24187" s="2">
        <v>16.7</v>
      </c>
      <c r="AA24187" s="5"/>
      <c r="AB24187" s="5" t="s">
        <v>43</v>
      </c>
      <c r="AC24187" s="5" t="s">
        <v>44</v>
      </c>
      <c r="AD24187" s="2"/>
      <c r="AE24187" s="1"/>
    </row>
    <row r="24188" spans="1:31" ht="14.45">
      <c r="A24188" s="11"/>
      <c r="B24188" s="20"/>
      <c r="C24188" s="2" t="s">
        <v>77443</v>
      </c>
      <c r="D24188" s="14" t="s">
        <v>77444</v>
      </c>
      <c r="E24188" s="2" t="s">
        <v>77445</v>
      </c>
      <c r="F24188" s="2" t="s">
        <v>7521</v>
      </c>
      <c r="G24188" s="8">
        <v>246</v>
      </c>
      <c r="H24188" s="5">
        <v>6</v>
      </c>
      <c r="I24188" s="5" t="s">
        <v>1518</v>
      </c>
      <c r="J24188" s="5" t="s">
        <v>69038</v>
      </c>
      <c r="K24188" s="2" t="s">
        <v>69039</v>
      </c>
      <c r="L24188" s="5" t="s">
        <v>69038</v>
      </c>
      <c r="M24188" s="2" t="s">
        <v>69039</v>
      </c>
      <c r="N24188" s="5" t="s">
        <v>1521</v>
      </c>
      <c r="O24188" s="5" t="s">
        <v>38</v>
      </c>
      <c r="P24188" s="5" t="s">
        <v>39</v>
      </c>
      <c r="Q24188" s="5" t="s">
        <v>40</v>
      </c>
      <c r="R24188" s="5" t="s">
        <v>1522</v>
      </c>
      <c r="S24188" s="5" t="s">
        <v>1523</v>
      </c>
      <c r="T24188" s="5" t="s">
        <v>42</v>
      </c>
      <c r="U24188" s="2">
        <v>2.7759999999999998</v>
      </c>
      <c r="V24188" s="2">
        <v>2.2389999999999999</v>
      </c>
      <c r="W24188" s="2">
        <v>1.2999999999999999E-2</v>
      </c>
      <c r="X24188" s="2">
        <v>99.1</v>
      </c>
      <c r="Y24188" s="2">
        <v>7.6</v>
      </c>
      <c r="Z24188" s="2">
        <v>16.7</v>
      </c>
      <c r="AA24188" s="5"/>
      <c r="AB24188" s="5" t="s">
        <v>43</v>
      </c>
      <c r="AC24188" s="5" t="s">
        <v>44</v>
      </c>
      <c r="AD24188" s="2"/>
      <c r="AE24188" s="1"/>
    </row>
    <row r="24189" spans="1:31" ht="14.45">
      <c r="A24189" s="11"/>
      <c r="B24189" s="20"/>
      <c r="C24189" s="2" t="s">
        <v>77446</v>
      </c>
      <c r="D24189" s="14" t="s">
        <v>77447</v>
      </c>
      <c r="E24189" s="2" t="s">
        <v>77448</v>
      </c>
      <c r="F24189" s="2" t="s">
        <v>7406</v>
      </c>
      <c r="G24189" s="8">
        <v>263</v>
      </c>
      <c r="H24189" s="5">
        <v>6</v>
      </c>
      <c r="I24189" s="5" t="s">
        <v>1518</v>
      </c>
      <c r="J24189" s="5" t="s">
        <v>69038</v>
      </c>
      <c r="K24189" s="2" t="s">
        <v>69039</v>
      </c>
      <c r="L24189" s="5" t="s">
        <v>69038</v>
      </c>
      <c r="M24189" s="2" t="s">
        <v>69039</v>
      </c>
      <c r="N24189" s="5" t="s">
        <v>1521</v>
      </c>
      <c r="O24189" s="5" t="s">
        <v>38</v>
      </c>
      <c r="P24189" s="5" t="s">
        <v>39</v>
      </c>
      <c r="Q24189" s="5" t="s">
        <v>40</v>
      </c>
      <c r="R24189" s="5" t="s">
        <v>1522</v>
      </c>
      <c r="S24189" s="5" t="s">
        <v>1523</v>
      </c>
      <c r="T24189" s="5" t="s">
        <v>42</v>
      </c>
      <c r="U24189" s="2">
        <v>2.698</v>
      </c>
      <c r="V24189" s="2">
        <v>2.161</v>
      </c>
      <c r="W24189" s="2">
        <v>1.2999999999999999E-2</v>
      </c>
      <c r="X24189" s="2">
        <v>99.1</v>
      </c>
      <c r="Y24189" s="2">
        <v>7.6</v>
      </c>
      <c r="Z24189" s="2">
        <v>16.7</v>
      </c>
      <c r="AA24189" s="5"/>
      <c r="AB24189" s="5" t="s">
        <v>43</v>
      </c>
      <c r="AC24189" s="5" t="s">
        <v>44</v>
      </c>
      <c r="AD24189" s="2"/>
      <c r="AE24189" s="1"/>
    </row>
    <row r="24190" spans="1:31" ht="14.45">
      <c r="A24190" s="11"/>
      <c r="B24190" s="20"/>
      <c r="C24190" s="2" t="s">
        <v>77449</v>
      </c>
      <c r="D24190" s="14" t="s">
        <v>77450</v>
      </c>
      <c r="E24190" s="2" t="s">
        <v>77451</v>
      </c>
      <c r="F24190" s="2" t="s">
        <v>7535</v>
      </c>
      <c r="G24190" s="8">
        <v>263</v>
      </c>
      <c r="H24190" s="5">
        <v>6</v>
      </c>
      <c r="I24190" s="5" t="s">
        <v>1518</v>
      </c>
      <c r="J24190" s="5" t="s">
        <v>69038</v>
      </c>
      <c r="K24190" s="2" t="s">
        <v>69039</v>
      </c>
      <c r="L24190" s="5" t="s">
        <v>69038</v>
      </c>
      <c r="M24190" s="2" t="s">
        <v>69039</v>
      </c>
      <c r="N24190" s="5" t="s">
        <v>1521</v>
      </c>
      <c r="O24190" s="5" t="s">
        <v>38</v>
      </c>
      <c r="P24190" s="5" t="s">
        <v>39</v>
      </c>
      <c r="Q24190" s="5" t="s">
        <v>40</v>
      </c>
      <c r="R24190" s="5" t="s">
        <v>1522</v>
      </c>
      <c r="S24190" s="5" t="s">
        <v>1523</v>
      </c>
      <c r="T24190" s="5" t="s">
        <v>42</v>
      </c>
      <c r="U24190" s="2">
        <v>2.7759999999999998</v>
      </c>
      <c r="V24190" s="2">
        <v>2.2389999999999999</v>
      </c>
      <c r="W24190" s="2">
        <v>1.2999999999999999E-2</v>
      </c>
      <c r="X24190" s="2">
        <v>99.1</v>
      </c>
      <c r="Y24190" s="2">
        <v>7.6</v>
      </c>
      <c r="Z24190" s="2">
        <v>16.7</v>
      </c>
      <c r="AA24190" s="5"/>
      <c r="AB24190" s="5" t="s">
        <v>43</v>
      </c>
      <c r="AC24190" s="5" t="s">
        <v>44</v>
      </c>
      <c r="AD24190" s="2"/>
      <c r="AE24190" s="1"/>
    </row>
    <row r="24191" spans="1:31" ht="14.45">
      <c r="A24191" s="11"/>
      <c r="B24191" s="20"/>
      <c r="C24191" s="2" t="s">
        <v>77452</v>
      </c>
      <c r="D24191" s="14" t="s">
        <v>77453</v>
      </c>
      <c r="E24191" s="2" t="s">
        <v>77454</v>
      </c>
      <c r="F24191" s="2" t="s">
        <v>7539</v>
      </c>
      <c r="G24191" s="8">
        <v>263</v>
      </c>
      <c r="H24191" s="5">
        <v>6</v>
      </c>
      <c r="I24191" s="5" t="s">
        <v>1518</v>
      </c>
      <c r="J24191" s="5" t="s">
        <v>69038</v>
      </c>
      <c r="K24191" s="2" t="s">
        <v>69039</v>
      </c>
      <c r="L24191" s="5" t="s">
        <v>69038</v>
      </c>
      <c r="M24191" s="2" t="s">
        <v>69039</v>
      </c>
      <c r="N24191" s="5" t="s">
        <v>1521</v>
      </c>
      <c r="O24191" s="5" t="s">
        <v>38</v>
      </c>
      <c r="P24191" s="5" t="s">
        <v>39</v>
      </c>
      <c r="Q24191" s="5" t="s">
        <v>40</v>
      </c>
      <c r="R24191" s="5" t="s">
        <v>1522</v>
      </c>
      <c r="S24191" s="5" t="s">
        <v>1523</v>
      </c>
      <c r="T24191" s="5" t="s">
        <v>42</v>
      </c>
      <c r="U24191" s="2">
        <v>2.698</v>
      </c>
      <c r="V24191" s="2">
        <v>2.161</v>
      </c>
      <c r="W24191" s="2">
        <v>1.2999999999999999E-2</v>
      </c>
      <c r="X24191" s="2">
        <v>99.1</v>
      </c>
      <c r="Y24191" s="2">
        <v>7.6</v>
      </c>
      <c r="Z24191" s="2">
        <v>16.7</v>
      </c>
      <c r="AA24191" s="5"/>
      <c r="AB24191" s="5" t="s">
        <v>43</v>
      </c>
      <c r="AC24191" s="5" t="s">
        <v>44</v>
      </c>
      <c r="AD24191" s="2"/>
      <c r="AE24191" s="1"/>
    </row>
    <row r="24192" spans="1:31" ht="14.45">
      <c r="A24192" s="11"/>
      <c r="B24192" s="20"/>
      <c r="C24192" s="2" t="s">
        <v>77455</v>
      </c>
      <c r="D24192" s="14" t="s">
        <v>77456</v>
      </c>
      <c r="E24192" s="2" t="s">
        <v>77457</v>
      </c>
      <c r="F24192" s="2" t="s">
        <v>7543</v>
      </c>
      <c r="G24192" s="8">
        <v>263</v>
      </c>
      <c r="H24192" s="5">
        <v>6</v>
      </c>
      <c r="I24192" s="5" t="s">
        <v>1518</v>
      </c>
      <c r="J24192" s="5" t="s">
        <v>69038</v>
      </c>
      <c r="K24192" s="2" t="s">
        <v>69039</v>
      </c>
      <c r="L24192" s="5" t="s">
        <v>69038</v>
      </c>
      <c r="M24192" s="2" t="s">
        <v>69039</v>
      </c>
      <c r="N24192" s="5" t="s">
        <v>1521</v>
      </c>
      <c r="O24192" s="5" t="s">
        <v>38</v>
      </c>
      <c r="P24192" s="5" t="s">
        <v>39</v>
      </c>
      <c r="Q24192" s="5" t="s">
        <v>40</v>
      </c>
      <c r="R24192" s="5" t="s">
        <v>1522</v>
      </c>
      <c r="S24192" s="5" t="s">
        <v>1523</v>
      </c>
      <c r="T24192" s="5" t="s">
        <v>42</v>
      </c>
      <c r="U24192" s="2">
        <v>2.7759999999999998</v>
      </c>
      <c r="V24192" s="2">
        <v>2.2389999999999999</v>
      </c>
      <c r="W24192" s="2">
        <v>1.2999999999999999E-2</v>
      </c>
      <c r="X24192" s="2">
        <v>99.1</v>
      </c>
      <c r="Y24192" s="2">
        <v>7.6</v>
      </c>
      <c r="Z24192" s="2">
        <v>16.7</v>
      </c>
      <c r="AA24192" s="5"/>
      <c r="AB24192" s="5" t="s">
        <v>43</v>
      </c>
      <c r="AC24192" s="5" t="s">
        <v>44</v>
      </c>
      <c r="AD24192" s="2"/>
      <c r="AE24192" s="1"/>
    </row>
    <row r="24193" spans="1:31" ht="14.45">
      <c r="A24193" s="11"/>
      <c r="B24193" s="20"/>
      <c r="C24193" s="2" t="s">
        <v>77458</v>
      </c>
      <c r="D24193" s="14" t="s">
        <v>77459</v>
      </c>
      <c r="E24193" s="2" t="s">
        <v>77460</v>
      </c>
      <c r="F24193" s="2" t="s">
        <v>7396</v>
      </c>
      <c r="G24193" s="8">
        <v>246</v>
      </c>
      <c r="H24193" s="5">
        <v>6</v>
      </c>
      <c r="I24193" s="5" t="s">
        <v>1518</v>
      </c>
      <c r="J24193" s="5" t="s">
        <v>69038</v>
      </c>
      <c r="K24193" s="2" t="s">
        <v>69039</v>
      </c>
      <c r="L24193" s="5" t="s">
        <v>69038</v>
      </c>
      <c r="M24193" s="2" t="s">
        <v>69039</v>
      </c>
      <c r="N24193" s="5" t="s">
        <v>1521</v>
      </c>
      <c r="O24193" s="5" t="s">
        <v>38</v>
      </c>
      <c r="P24193" s="5" t="s">
        <v>39</v>
      </c>
      <c r="Q24193" s="5" t="s">
        <v>40</v>
      </c>
      <c r="R24193" s="5" t="s">
        <v>1522</v>
      </c>
      <c r="S24193" s="5" t="s">
        <v>1523</v>
      </c>
      <c r="T24193" s="5" t="s">
        <v>42</v>
      </c>
      <c r="U24193" s="2">
        <v>2.698</v>
      </c>
      <c r="V24193" s="2">
        <v>2.161</v>
      </c>
      <c r="W24193" s="2">
        <v>1.2999999999999999E-2</v>
      </c>
      <c r="X24193" s="2">
        <v>99.1</v>
      </c>
      <c r="Y24193" s="2">
        <v>7.6</v>
      </c>
      <c r="Z24193" s="2">
        <v>16.7</v>
      </c>
      <c r="AA24193" s="5"/>
      <c r="AB24193" s="5" t="s">
        <v>43</v>
      </c>
      <c r="AC24193" s="5" t="s">
        <v>44</v>
      </c>
      <c r="AD24193" s="2"/>
      <c r="AE24193" s="1"/>
    </row>
    <row r="24194" spans="1:31" ht="14.45">
      <c r="A24194" s="11"/>
      <c r="B24194" s="20"/>
      <c r="C24194" s="2" t="s">
        <v>77461</v>
      </c>
      <c r="D24194" s="14" t="s">
        <v>77462</v>
      </c>
      <c r="E24194" s="2" t="s">
        <v>77463</v>
      </c>
      <c r="F24194" s="2" t="s">
        <v>7507</v>
      </c>
      <c r="G24194" s="8">
        <v>246</v>
      </c>
      <c r="H24194" s="5">
        <v>6</v>
      </c>
      <c r="I24194" s="5" t="s">
        <v>1518</v>
      </c>
      <c r="J24194" s="5" t="s">
        <v>69038</v>
      </c>
      <c r="K24194" s="2" t="s">
        <v>69039</v>
      </c>
      <c r="L24194" s="5" t="s">
        <v>69038</v>
      </c>
      <c r="M24194" s="2" t="s">
        <v>69039</v>
      </c>
      <c r="N24194" s="5" t="s">
        <v>1521</v>
      </c>
      <c r="O24194" s="5" t="s">
        <v>38</v>
      </c>
      <c r="P24194" s="5" t="s">
        <v>39</v>
      </c>
      <c r="Q24194" s="5" t="s">
        <v>40</v>
      </c>
      <c r="R24194" s="5" t="s">
        <v>1522</v>
      </c>
      <c r="S24194" s="5" t="s">
        <v>1523</v>
      </c>
      <c r="T24194" s="5" t="s">
        <v>42</v>
      </c>
      <c r="U24194" s="2">
        <v>2.7759999999999998</v>
      </c>
      <c r="V24194" s="2">
        <v>2.2389999999999999</v>
      </c>
      <c r="W24194" s="2">
        <v>1.2999999999999999E-2</v>
      </c>
      <c r="X24194" s="2">
        <v>99.1</v>
      </c>
      <c r="Y24194" s="2">
        <v>7.6</v>
      </c>
      <c r="Z24194" s="2">
        <v>16.7</v>
      </c>
      <c r="AA24194" s="5"/>
      <c r="AB24194" s="5" t="s">
        <v>43</v>
      </c>
      <c r="AC24194" s="5" t="s">
        <v>44</v>
      </c>
      <c r="AD24194" s="2"/>
      <c r="AE24194" s="1"/>
    </row>
    <row r="24195" spans="1:31" ht="14.45">
      <c r="A24195" s="11"/>
      <c r="B24195" s="20"/>
      <c r="C24195" s="2" t="s">
        <v>77464</v>
      </c>
      <c r="D24195" s="14" t="s">
        <v>77465</v>
      </c>
      <c r="E24195" s="2" t="s">
        <v>77466</v>
      </c>
      <c r="F24195" s="2" t="s">
        <v>7551</v>
      </c>
      <c r="G24195" s="8">
        <v>263</v>
      </c>
      <c r="H24195" s="5">
        <v>6</v>
      </c>
      <c r="I24195" s="5" t="s">
        <v>1518</v>
      </c>
      <c r="J24195" s="5" t="s">
        <v>69038</v>
      </c>
      <c r="K24195" s="2" t="s">
        <v>69039</v>
      </c>
      <c r="L24195" s="5" t="s">
        <v>69038</v>
      </c>
      <c r="M24195" s="2" t="s">
        <v>69039</v>
      </c>
      <c r="N24195" s="5" t="s">
        <v>1521</v>
      </c>
      <c r="O24195" s="5" t="s">
        <v>38</v>
      </c>
      <c r="P24195" s="5" t="s">
        <v>39</v>
      </c>
      <c r="Q24195" s="5" t="s">
        <v>40</v>
      </c>
      <c r="R24195" s="5" t="s">
        <v>1522</v>
      </c>
      <c r="S24195" s="5" t="s">
        <v>1523</v>
      </c>
      <c r="T24195" s="5" t="s">
        <v>42</v>
      </c>
      <c r="U24195" s="2">
        <v>2.7759999999999998</v>
      </c>
      <c r="V24195" s="2">
        <v>2.2389999999999999</v>
      </c>
      <c r="W24195" s="2">
        <v>1.2999999999999999E-2</v>
      </c>
      <c r="X24195" s="2">
        <v>99.1</v>
      </c>
      <c r="Y24195" s="2">
        <v>7.6</v>
      </c>
      <c r="Z24195" s="2">
        <v>16.7</v>
      </c>
      <c r="AA24195" s="5"/>
      <c r="AB24195" s="5" t="s">
        <v>43</v>
      </c>
      <c r="AC24195" s="5" t="s">
        <v>44</v>
      </c>
      <c r="AD24195" s="2"/>
      <c r="AE24195" s="1"/>
    </row>
    <row r="24196" spans="1:31" ht="14.45">
      <c r="A24196" s="11"/>
      <c r="B24196" s="20"/>
      <c r="C24196" s="2" t="s">
        <v>77467</v>
      </c>
      <c r="D24196" s="14" t="s">
        <v>77468</v>
      </c>
      <c r="E24196" s="2" t="s">
        <v>77469</v>
      </c>
      <c r="F24196" s="2" t="s">
        <v>7563</v>
      </c>
      <c r="G24196" s="8">
        <v>263</v>
      </c>
      <c r="H24196" s="5">
        <v>6</v>
      </c>
      <c r="I24196" s="5" t="s">
        <v>1518</v>
      </c>
      <c r="J24196" s="5" t="s">
        <v>69038</v>
      </c>
      <c r="K24196" s="2" t="s">
        <v>69039</v>
      </c>
      <c r="L24196" s="5" t="s">
        <v>69038</v>
      </c>
      <c r="M24196" s="2" t="s">
        <v>69039</v>
      </c>
      <c r="N24196" s="5" t="s">
        <v>1521</v>
      </c>
      <c r="O24196" s="5" t="s">
        <v>38</v>
      </c>
      <c r="P24196" s="5" t="s">
        <v>39</v>
      </c>
      <c r="Q24196" s="5" t="s">
        <v>40</v>
      </c>
      <c r="R24196" s="5" t="s">
        <v>1522</v>
      </c>
      <c r="S24196" s="5" t="s">
        <v>1523</v>
      </c>
      <c r="T24196" s="5" t="s">
        <v>42</v>
      </c>
      <c r="U24196" s="2">
        <v>2.698</v>
      </c>
      <c r="V24196" s="2">
        <v>2.161</v>
      </c>
      <c r="W24196" s="2">
        <v>1.2999999999999999E-2</v>
      </c>
      <c r="X24196" s="2">
        <v>99.1</v>
      </c>
      <c r="Y24196" s="2">
        <v>7.6</v>
      </c>
      <c r="Z24196" s="2">
        <v>16.7</v>
      </c>
      <c r="AA24196" s="5"/>
      <c r="AB24196" s="5" t="s">
        <v>43</v>
      </c>
      <c r="AC24196" s="5" t="s">
        <v>44</v>
      </c>
      <c r="AD24196" s="2"/>
      <c r="AE24196" s="1"/>
    </row>
    <row r="24197" spans="1:31" ht="14.45">
      <c r="A24197" s="11"/>
      <c r="B24197" s="20"/>
      <c r="C24197" s="2" t="s">
        <v>77470</v>
      </c>
      <c r="D24197" s="14" t="s">
        <v>77471</v>
      </c>
      <c r="E24197" s="2" t="s">
        <v>77472</v>
      </c>
      <c r="F24197" s="2" t="s">
        <v>7567</v>
      </c>
      <c r="G24197" s="8">
        <v>263</v>
      </c>
      <c r="H24197" s="5">
        <v>6</v>
      </c>
      <c r="I24197" s="5" t="s">
        <v>1518</v>
      </c>
      <c r="J24197" s="5" t="s">
        <v>69038</v>
      </c>
      <c r="K24197" s="2" t="s">
        <v>69039</v>
      </c>
      <c r="L24197" s="5" t="s">
        <v>69038</v>
      </c>
      <c r="M24197" s="2" t="s">
        <v>69039</v>
      </c>
      <c r="N24197" s="5" t="s">
        <v>1521</v>
      </c>
      <c r="O24197" s="5" t="s">
        <v>38</v>
      </c>
      <c r="P24197" s="5" t="s">
        <v>39</v>
      </c>
      <c r="Q24197" s="5" t="s">
        <v>40</v>
      </c>
      <c r="R24197" s="5" t="s">
        <v>1522</v>
      </c>
      <c r="S24197" s="5" t="s">
        <v>1523</v>
      </c>
      <c r="T24197" s="5" t="s">
        <v>42</v>
      </c>
      <c r="U24197" s="2">
        <v>2.7759999999999998</v>
      </c>
      <c r="V24197" s="2">
        <v>2.2389999999999999</v>
      </c>
      <c r="W24197" s="2">
        <v>1.2999999999999999E-2</v>
      </c>
      <c r="X24197" s="2">
        <v>99.1</v>
      </c>
      <c r="Y24197" s="2">
        <v>7.6</v>
      </c>
      <c r="Z24197" s="2">
        <v>16.7</v>
      </c>
      <c r="AA24197" s="5"/>
      <c r="AB24197" s="5" t="s">
        <v>43</v>
      </c>
      <c r="AC24197" s="5" t="s">
        <v>44</v>
      </c>
      <c r="AD24197" s="2"/>
      <c r="AE24197" s="1"/>
    </row>
    <row r="24198" spans="1:31" ht="14.45">
      <c r="A24198" s="11"/>
      <c r="B24198" s="20"/>
      <c r="C24198" s="2" t="s">
        <v>77473</v>
      </c>
      <c r="D24198" s="14" t="s">
        <v>77474</v>
      </c>
      <c r="E24198" s="2" t="s">
        <v>77475</v>
      </c>
      <c r="F24198" s="2" t="s">
        <v>7555</v>
      </c>
      <c r="G24198" s="8">
        <v>263</v>
      </c>
      <c r="H24198" s="5">
        <v>6</v>
      </c>
      <c r="I24198" s="5" t="s">
        <v>1518</v>
      </c>
      <c r="J24198" s="5" t="s">
        <v>69038</v>
      </c>
      <c r="K24198" s="2" t="s">
        <v>69039</v>
      </c>
      <c r="L24198" s="5" t="s">
        <v>69038</v>
      </c>
      <c r="M24198" s="2" t="s">
        <v>69039</v>
      </c>
      <c r="N24198" s="5" t="s">
        <v>1521</v>
      </c>
      <c r="O24198" s="5" t="s">
        <v>38</v>
      </c>
      <c r="P24198" s="5" t="s">
        <v>39</v>
      </c>
      <c r="Q24198" s="5" t="s">
        <v>40</v>
      </c>
      <c r="R24198" s="5" t="s">
        <v>1522</v>
      </c>
      <c r="S24198" s="5" t="s">
        <v>1523</v>
      </c>
      <c r="T24198" s="5" t="s">
        <v>42</v>
      </c>
      <c r="U24198" s="2">
        <v>2.698</v>
      </c>
      <c r="V24198" s="2">
        <v>2.161</v>
      </c>
      <c r="W24198" s="2">
        <v>1.2999999999999999E-2</v>
      </c>
      <c r="X24198" s="2">
        <v>99.1</v>
      </c>
      <c r="Y24198" s="2">
        <v>7.6</v>
      </c>
      <c r="Z24198" s="2">
        <v>16.7</v>
      </c>
      <c r="AA24198" s="5"/>
      <c r="AB24198" s="5" t="s">
        <v>43</v>
      </c>
      <c r="AC24198" s="5" t="s">
        <v>44</v>
      </c>
      <c r="AD24198" s="2"/>
      <c r="AE24198" s="1"/>
    </row>
    <row r="24199" spans="1:31" ht="14.45">
      <c r="A24199" s="11"/>
      <c r="B24199" s="20"/>
      <c r="C24199" s="2" t="s">
        <v>77476</v>
      </c>
      <c r="D24199" s="14" t="s">
        <v>77477</v>
      </c>
      <c r="E24199" s="2" t="s">
        <v>77478</v>
      </c>
      <c r="F24199" s="2" t="s">
        <v>7559</v>
      </c>
      <c r="G24199" s="8">
        <v>263</v>
      </c>
      <c r="H24199" s="5">
        <v>6</v>
      </c>
      <c r="I24199" s="5" t="s">
        <v>1518</v>
      </c>
      <c r="J24199" s="5" t="s">
        <v>69038</v>
      </c>
      <c r="K24199" s="2" t="s">
        <v>69039</v>
      </c>
      <c r="L24199" s="5" t="s">
        <v>69038</v>
      </c>
      <c r="M24199" s="2" t="s">
        <v>69039</v>
      </c>
      <c r="N24199" s="5" t="s">
        <v>1521</v>
      </c>
      <c r="O24199" s="5" t="s">
        <v>38</v>
      </c>
      <c r="P24199" s="5" t="s">
        <v>39</v>
      </c>
      <c r="Q24199" s="5" t="s">
        <v>40</v>
      </c>
      <c r="R24199" s="5" t="s">
        <v>1522</v>
      </c>
      <c r="S24199" s="5" t="s">
        <v>1523</v>
      </c>
      <c r="T24199" s="5" t="s">
        <v>42</v>
      </c>
      <c r="U24199" s="2">
        <v>2.7759999999999998</v>
      </c>
      <c r="V24199" s="2">
        <v>2.2389999999999999</v>
      </c>
      <c r="W24199" s="2">
        <v>1.2999999999999999E-2</v>
      </c>
      <c r="X24199" s="2">
        <v>99.1</v>
      </c>
      <c r="Y24199" s="2">
        <v>7.6</v>
      </c>
      <c r="Z24199" s="2">
        <v>16.7</v>
      </c>
      <c r="AA24199" s="5"/>
      <c r="AB24199" s="5" t="s">
        <v>43</v>
      </c>
      <c r="AC24199" s="5" t="s">
        <v>44</v>
      </c>
      <c r="AD24199" s="2"/>
      <c r="AE24199" s="1"/>
    </row>
    <row r="24200" spans="1:31" ht="14.45">
      <c r="A24200" s="11"/>
      <c r="B24200" s="20"/>
      <c r="C24200" s="2" t="s">
        <v>77479</v>
      </c>
      <c r="D24200" s="14" t="s">
        <v>77480</v>
      </c>
      <c r="E24200" s="2" t="s">
        <v>77481</v>
      </c>
      <c r="F24200" s="2" t="s">
        <v>16079</v>
      </c>
      <c r="G24200" s="8">
        <v>263</v>
      </c>
      <c r="H24200" s="5">
        <v>6</v>
      </c>
      <c r="I24200" s="5" t="s">
        <v>1518</v>
      </c>
      <c r="J24200" s="5" t="s">
        <v>69038</v>
      </c>
      <c r="K24200" s="2" t="s">
        <v>69039</v>
      </c>
      <c r="L24200" s="5" t="s">
        <v>69038</v>
      </c>
      <c r="M24200" s="2" t="s">
        <v>69039</v>
      </c>
      <c r="N24200" s="5" t="s">
        <v>1521</v>
      </c>
      <c r="O24200" s="5" t="s">
        <v>38</v>
      </c>
      <c r="P24200" s="5" t="s">
        <v>39</v>
      </c>
      <c r="Q24200" s="5" t="s">
        <v>40</v>
      </c>
      <c r="R24200" s="5" t="s">
        <v>1522</v>
      </c>
      <c r="S24200" s="5" t="s">
        <v>1523</v>
      </c>
      <c r="T24200" s="5" t="s">
        <v>42</v>
      </c>
      <c r="U24200" s="2">
        <v>2.698</v>
      </c>
      <c r="V24200" s="2">
        <v>2.161</v>
      </c>
      <c r="W24200" s="2">
        <v>1.2999999999999999E-2</v>
      </c>
      <c r="X24200" s="2">
        <v>99.1</v>
      </c>
      <c r="Y24200" s="2">
        <v>7.6</v>
      </c>
      <c r="Z24200" s="2">
        <v>16.7</v>
      </c>
      <c r="AA24200" s="5"/>
      <c r="AB24200" s="5" t="s">
        <v>43</v>
      </c>
      <c r="AC24200" s="5" t="s">
        <v>44</v>
      </c>
      <c r="AD24200" s="2"/>
      <c r="AE24200" s="1"/>
    </row>
    <row r="24201" spans="1:31" ht="14.45">
      <c r="A24201" s="11"/>
      <c r="B24201" s="20"/>
      <c r="C24201" s="2" t="s">
        <v>77482</v>
      </c>
      <c r="D24201" s="14" t="s">
        <v>77483</v>
      </c>
      <c r="E24201" s="2" t="s">
        <v>77484</v>
      </c>
      <c r="F24201" s="2" t="s">
        <v>16194</v>
      </c>
      <c r="G24201" s="8">
        <v>263</v>
      </c>
      <c r="H24201" s="5">
        <v>6</v>
      </c>
      <c r="I24201" s="5" t="s">
        <v>1518</v>
      </c>
      <c r="J24201" s="5" t="s">
        <v>69038</v>
      </c>
      <c r="K24201" s="2" t="s">
        <v>69039</v>
      </c>
      <c r="L24201" s="5" t="s">
        <v>69038</v>
      </c>
      <c r="M24201" s="2" t="s">
        <v>69039</v>
      </c>
      <c r="N24201" s="5" t="s">
        <v>1521</v>
      </c>
      <c r="O24201" s="5" t="s">
        <v>38</v>
      </c>
      <c r="P24201" s="5" t="s">
        <v>39</v>
      </c>
      <c r="Q24201" s="5" t="s">
        <v>40</v>
      </c>
      <c r="R24201" s="5" t="s">
        <v>1522</v>
      </c>
      <c r="S24201" s="5" t="s">
        <v>1523</v>
      </c>
      <c r="T24201" s="5" t="s">
        <v>42</v>
      </c>
      <c r="U24201" s="2">
        <v>2.7759999999999998</v>
      </c>
      <c r="V24201" s="2">
        <v>2.2389999999999999</v>
      </c>
      <c r="W24201" s="2">
        <v>1.2999999999999999E-2</v>
      </c>
      <c r="X24201" s="2">
        <v>99.1</v>
      </c>
      <c r="Y24201" s="2">
        <v>7.6</v>
      </c>
      <c r="Z24201" s="2">
        <v>16.7</v>
      </c>
      <c r="AA24201" s="5"/>
      <c r="AB24201" s="5" t="s">
        <v>43</v>
      </c>
      <c r="AC24201" s="5" t="s">
        <v>44</v>
      </c>
      <c r="AD24201" s="2"/>
      <c r="AE24201" s="1"/>
    </row>
    <row r="24202" spans="1:31" ht="14.45">
      <c r="A24202" s="11"/>
      <c r="B24202" s="20"/>
      <c r="C24202" s="2" t="s">
        <v>77485</v>
      </c>
      <c r="D24202" s="14" t="s">
        <v>77486</v>
      </c>
      <c r="E24202" s="2" t="s">
        <v>77487</v>
      </c>
      <c r="F24202" s="2" t="s">
        <v>7449</v>
      </c>
      <c r="G24202" s="8">
        <v>263</v>
      </c>
      <c r="H24202" s="5">
        <v>6</v>
      </c>
      <c r="I24202" s="5" t="s">
        <v>1518</v>
      </c>
      <c r="J24202" s="5" t="s">
        <v>69038</v>
      </c>
      <c r="K24202" s="2" t="s">
        <v>69039</v>
      </c>
      <c r="L24202" s="5" t="s">
        <v>69038</v>
      </c>
      <c r="M24202" s="2" t="s">
        <v>69039</v>
      </c>
      <c r="N24202" s="5" t="s">
        <v>1521</v>
      </c>
      <c r="O24202" s="5" t="s">
        <v>38</v>
      </c>
      <c r="P24202" s="5" t="s">
        <v>39</v>
      </c>
      <c r="Q24202" s="5" t="s">
        <v>40</v>
      </c>
      <c r="R24202" s="5" t="s">
        <v>1522</v>
      </c>
      <c r="S24202" s="5" t="s">
        <v>1523</v>
      </c>
      <c r="T24202" s="5" t="s">
        <v>42</v>
      </c>
      <c r="U24202" s="2">
        <v>2.698</v>
      </c>
      <c r="V24202" s="2">
        <v>2.161</v>
      </c>
      <c r="W24202" s="2">
        <v>1.2999999999999999E-2</v>
      </c>
      <c r="X24202" s="2">
        <v>99.1</v>
      </c>
      <c r="Y24202" s="2">
        <v>7.6</v>
      </c>
      <c r="Z24202" s="2">
        <v>16.7</v>
      </c>
      <c r="AA24202" s="5"/>
      <c r="AB24202" s="5" t="s">
        <v>43</v>
      </c>
      <c r="AC24202" s="5" t="s">
        <v>44</v>
      </c>
      <c r="AD24202" s="2"/>
      <c r="AE24202" s="1"/>
    </row>
    <row r="24203" spans="1:31" ht="14.45">
      <c r="A24203" s="11"/>
      <c r="B24203" s="20"/>
      <c r="C24203" s="2" t="s">
        <v>77488</v>
      </c>
      <c r="D24203" s="14" t="s">
        <v>77489</v>
      </c>
      <c r="E24203" s="2" t="s">
        <v>77490</v>
      </c>
      <c r="F24203" s="2" t="s">
        <v>7581</v>
      </c>
      <c r="G24203" s="8">
        <v>263</v>
      </c>
      <c r="H24203" s="5">
        <v>6</v>
      </c>
      <c r="I24203" s="5" t="s">
        <v>1518</v>
      </c>
      <c r="J24203" s="5" t="s">
        <v>69038</v>
      </c>
      <c r="K24203" s="2" t="s">
        <v>69039</v>
      </c>
      <c r="L24203" s="5" t="s">
        <v>69038</v>
      </c>
      <c r="M24203" s="2" t="s">
        <v>69039</v>
      </c>
      <c r="N24203" s="5" t="s">
        <v>1521</v>
      </c>
      <c r="O24203" s="5" t="s">
        <v>38</v>
      </c>
      <c r="P24203" s="5" t="s">
        <v>39</v>
      </c>
      <c r="Q24203" s="5" t="s">
        <v>40</v>
      </c>
      <c r="R24203" s="5" t="s">
        <v>1522</v>
      </c>
      <c r="S24203" s="5" t="s">
        <v>1523</v>
      </c>
      <c r="T24203" s="5" t="s">
        <v>42</v>
      </c>
      <c r="U24203" s="2">
        <v>2.7759999999999998</v>
      </c>
      <c r="V24203" s="2">
        <v>2.2389999999999999</v>
      </c>
      <c r="W24203" s="2">
        <v>1.2999999999999999E-2</v>
      </c>
      <c r="X24203" s="2">
        <v>99.1</v>
      </c>
      <c r="Y24203" s="2">
        <v>7.6</v>
      </c>
      <c r="Z24203" s="2">
        <v>16.7</v>
      </c>
      <c r="AA24203" s="5"/>
      <c r="AB24203" s="5" t="s">
        <v>43</v>
      </c>
      <c r="AC24203" s="5" t="s">
        <v>44</v>
      </c>
      <c r="AD24203" s="2"/>
      <c r="AE24203" s="1"/>
    </row>
    <row r="24204" spans="1:31" ht="14.45">
      <c r="A24204" s="11"/>
      <c r="B24204" s="20"/>
      <c r="C24204" s="2" t="s">
        <v>77491</v>
      </c>
      <c r="D24204" s="14" t="s">
        <v>77492</v>
      </c>
      <c r="E24204" s="2" t="s">
        <v>77493</v>
      </c>
      <c r="F24204" s="2" t="s">
        <v>7585</v>
      </c>
      <c r="G24204" s="8">
        <v>263</v>
      </c>
      <c r="H24204" s="5">
        <v>6</v>
      </c>
      <c r="I24204" s="5" t="s">
        <v>1518</v>
      </c>
      <c r="J24204" s="5" t="s">
        <v>69038</v>
      </c>
      <c r="K24204" s="2" t="s">
        <v>69039</v>
      </c>
      <c r="L24204" s="5" t="s">
        <v>69038</v>
      </c>
      <c r="M24204" s="2" t="s">
        <v>69039</v>
      </c>
      <c r="N24204" s="5" t="s">
        <v>1521</v>
      </c>
      <c r="O24204" s="5" t="s">
        <v>38</v>
      </c>
      <c r="P24204" s="5" t="s">
        <v>39</v>
      </c>
      <c r="Q24204" s="5" t="s">
        <v>40</v>
      </c>
      <c r="R24204" s="5" t="s">
        <v>1522</v>
      </c>
      <c r="S24204" s="5" t="s">
        <v>1523</v>
      </c>
      <c r="T24204" s="5" t="s">
        <v>42</v>
      </c>
      <c r="U24204" s="2">
        <v>2.698</v>
      </c>
      <c r="V24204" s="2">
        <v>2.161</v>
      </c>
      <c r="W24204" s="2">
        <v>1.2999999999999999E-2</v>
      </c>
      <c r="X24204" s="2">
        <v>99.1</v>
      </c>
      <c r="Y24204" s="2">
        <v>7.6</v>
      </c>
      <c r="Z24204" s="2">
        <v>16.7</v>
      </c>
      <c r="AA24204" s="5"/>
      <c r="AB24204" s="5" t="s">
        <v>43</v>
      </c>
      <c r="AC24204" s="5" t="s">
        <v>44</v>
      </c>
      <c r="AD24204" s="2"/>
      <c r="AE24204" s="1"/>
    </row>
    <row r="24205" spans="1:31" ht="14.45">
      <c r="A24205" s="11"/>
      <c r="B24205" s="20"/>
      <c r="C24205" s="2" t="s">
        <v>77494</v>
      </c>
      <c r="D24205" s="14" t="s">
        <v>77495</v>
      </c>
      <c r="E24205" s="2" t="s">
        <v>77496</v>
      </c>
      <c r="F24205" s="2" t="s">
        <v>7593</v>
      </c>
      <c r="G24205" s="8">
        <v>263</v>
      </c>
      <c r="H24205" s="5">
        <v>6</v>
      </c>
      <c r="I24205" s="5" t="s">
        <v>1518</v>
      </c>
      <c r="J24205" s="5" t="s">
        <v>69038</v>
      </c>
      <c r="K24205" s="2" t="s">
        <v>69039</v>
      </c>
      <c r="L24205" s="5" t="s">
        <v>69038</v>
      </c>
      <c r="M24205" s="2" t="s">
        <v>69039</v>
      </c>
      <c r="N24205" s="5" t="s">
        <v>1521</v>
      </c>
      <c r="O24205" s="5" t="s">
        <v>38</v>
      </c>
      <c r="P24205" s="5" t="s">
        <v>39</v>
      </c>
      <c r="Q24205" s="5" t="s">
        <v>40</v>
      </c>
      <c r="R24205" s="5" t="s">
        <v>1522</v>
      </c>
      <c r="S24205" s="5" t="s">
        <v>1523</v>
      </c>
      <c r="T24205" s="5" t="s">
        <v>42</v>
      </c>
      <c r="U24205" s="2">
        <v>2.698</v>
      </c>
      <c r="V24205" s="2">
        <v>2.161</v>
      </c>
      <c r="W24205" s="2">
        <v>1.2999999999999999E-2</v>
      </c>
      <c r="X24205" s="2">
        <v>99.1</v>
      </c>
      <c r="Y24205" s="2">
        <v>7.6</v>
      </c>
      <c r="Z24205" s="2">
        <v>16.7</v>
      </c>
      <c r="AA24205" s="5"/>
      <c r="AB24205" s="5" t="s">
        <v>43</v>
      </c>
      <c r="AC24205" s="5" t="s">
        <v>44</v>
      </c>
      <c r="AD24205" s="2"/>
      <c r="AE24205" s="1"/>
    </row>
    <row r="24206" spans="1:31" ht="14.45">
      <c r="A24206" s="11"/>
      <c r="B24206" s="20"/>
      <c r="C24206" s="2" t="s">
        <v>77497</v>
      </c>
      <c r="D24206" s="14" t="s">
        <v>77498</v>
      </c>
      <c r="E24206" s="2" t="s">
        <v>77499</v>
      </c>
      <c r="F24206" s="2" t="s">
        <v>73358</v>
      </c>
      <c r="G24206" s="8">
        <v>263</v>
      </c>
      <c r="H24206" s="5">
        <v>6</v>
      </c>
      <c r="I24206" s="5" t="s">
        <v>1518</v>
      </c>
      <c r="J24206" s="5" t="s">
        <v>69038</v>
      </c>
      <c r="K24206" s="2" t="s">
        <v>69039</v>
      </c>
      <c r="L24206" s="5" t="s">
        <v>69038</v>
      </c>
      <c r="M24206" s="2" t="s">
        <v>69039</v>
      </c>
      <c r="N24206" s="5" t="s">
        <v>1521</v>
      </c>
      <c r="O24206" s="5" t="s">
        <v>38</v>
      </c>
      <c r="P24206" s="5" t="s">
        <v>39</v>
      </c>
      <c r="Q24206" s="5" t="s">
        <v>40</v>
      </c>
      <c r="R24206" s="5" t="s">
        <v>1522</v>
      </c>
      <c r="S24206" s="5" t="s">
        <v>1523</v>
      </c>
      <c r="T24206" s="5" t="s">
        <v>42</v>
      </c>
      <c r="U24206" s="2">
        <v>2.698</v>
      </c>
      <c r="V24206" s="2">
        <v>2.161</v>
      </c>
      <c r="W24206" s="2">
        <v>1.2999999999999999E-2</v>
      </c>
      <c r="X24206" s="2">
        <v>99.1</v>
      </c>
      <c r="Y24206" s="2">
        <v>7.6</v>
      </c>
      <c r="Z24206" s="2">
        <v>16.7</v>
      </c>
      <c r="AA24206" s="5"/>
      <c r="AB24206" s="5" t="s">
        <v>43</v>
      </c>
      <c r="AC24206" s="5" t="s">
        <v>44</v>
      </c>
      <c r="AD24206" s="2"/>
      <c r="AE24206" s="1"/>
    </row>
    <row r="24207" spans="1:31" ht="14.45">
      <c r="A24207" s="11"/>
      <c r="B24207" s="20"/>
      <c r="C24207" s="2" t="s">
        <v>77500</v>
      </c>
      <c r="D24207" s="14" t="s">
        <v>77501</v>
      </c>
      <c r="E24207" s="2" t="s">
        <v>77502</v>
      </c>
      <c r="F24207" s="2" t="s">
        <v>73362</v>
      </c>
      <c r="G24207" s="8">
        <v>263</v>
      </c>
      <c r="H24207" s="5">
        <v>6</v>
      </c>
      <c r="I24207" s="5" t="s">
        <v>1518</v>
      </c>
      <c r="J24207" s="5" t="s">
        <v>69038</v>
      </c>
      <c r="K24207" s="2" t="s">
        <v>69039</v>
      </c>
      <c r="L24207" s="5" t="s">
        <v>69038</v>
      </c>
      <c r="M24207" s="2" t="s">
        <v>69039</v>
      </c>
      <c r="N24207" s="5" t="s">
        <v>1521</v>
      </c>
      <c r="O24207" s="5" t="s">
        <v>38</v>
      </c>
      <c r="P24207" s="5" t="s">
        <v>39</v>
      </c>
      <c r="Q24207" s="5" t="s">
        <v>40</v>
      </c>
      <c r="R24207" s="5" t="s">
        <v>1522</v>
      </c>
      <c r="S24207" s="5" t="s">
        <v>1523</v>
      </c>
      <c r="T24207" s="5" t="s">
        <v>42</v>
      </c>
      <c r="U24207" s="2">
        <v>2.7759999999999998</v>
      </c>
      <c r="V24207" s="2">
        <v>2.2389999999999999</v>
      </c>
      <c r="W24207" s="2">
        <v>1.2999999999999999E-2</v>
      </c>
      <c r="X24207" s="2">
        <v>99.1</v>
      </c>
      <c r="Y24207" s="2">
        <v>7.6</v>
      </c>
      <c r="Z24207" s="2">
        <v>16.7</v>
      </c>
      <c r="AA24207" s="5"/>
      <c r="AB24207" s="5" t="s">
        <v>43</v>
      </c>
      <c r="AC24207" s="5" t="s">
        <v>44</v>
      </c>
      <c r="AD24207" s="2"/>
      <c r="AE24207" s="1"/>
    </row>
    <row r="24208" spans="1:31" ht="14.45">
      <c r="A24208" s="11"/>
      <c r="B24208" s="20"/>
      <c r="C24208" s="2" t="s">
        <v>77503</v>
      </c>
      <c r="D24208" s="14" t="s">
        <v>77504</v>
      </c>
      <c r="E24208" s="2" t="s">
        <v>77505</v>
      </c>
      <c r="F24208" s="2" t="s">
        <v>7615</v>
      </c>
      <c r="G24208" s="8">
        <v>263</v>
      </c>
      <c r="H24208" s="5">
        <v>6</v>
      </c>
      <c r="I24208" s="5" t="s">
        <v>1518</v>
      </c>
      <c r="J24208" s="5" t="s">
        <v>69038</v>
      </c>
      <c r="K24208" s="2" t="s">
        <v>69039</v>
      </c>
      <c r="L24208" s="5" t="s">
        <v>69038</v>
      </c>
      <c r="M24208" s="2" t="s">
        <v>69039</v>
      </c>
      <c r="N24208" s="5" t="s">
        <v>1521</v>
      </c>
      <c r="O24208" s="5" t="s">
        <v>38</v>
      </c>
      <c r="P24208" s="5" t="s">
        <v>39</v>
      </c>
      <c r="Q24208" s="5" t="s">
        <v>40</v>
      </c>
      <c r="R24208" s="5" t="s">
        <v>1522</v>
      </c>
      <c r="S24208" s="5" t="s">
        <v>1523</v>
      </c>
      <c r="T24208" s="5" t="s">
        <v>42</v>
      </c>
      <c r="U24208" s="2">
        <v>2.698</v>
      </c>
      <c r="V24208" s="2">
        <v>2.161</v>
      </c>
      <c r="W24208" s="2">
        <v>1.2999999999999999E-2</v>
      </c>
      <c r="X24208" s="2">
        <v>99.1</v>
      </c>
      <c r="Y24208" s="2">
        <v>7.6</v>
      </c>
      <c r="Z24208" s="2">
        <v>16.7</v>
      </c>
      <c r="AA24208" s="5"/>
      <c r="AB24208" s="5" t="s">
        <v>43</v>
      </c>
      <c r="AC24208" s="5" t="s">
        <v>44</v>
      </c>
      <c r="AD24208" s="2"/>
      <c r="AE24208" s="1"/>
    </row>
    <row r="24209" spans="1:31" ht="14.45">
      <c r="A24209" s="11"/>
      <c r="B24209" s="20"/>
      <c r="C24209" s="2" t="s">
        <v>77506</v>
      </c>
      <c r="D24209" s="14" t="s">
        <v>77507</v>
      </c>
      <c r="E24209" s="2" t="s">
        <v>77508</v>
      </c>
      <c r="F24209" s="2" t="s">
        <v>7619</v>
      </c>
      <c r="G24209" s="8">
        <v>263</v>
      </c>
      <c r="H24209" s="5">
        <v>6</v>
      </c>
      <c r="I24209" s="5" t="s">
        <v>1518</v>
      </c>
      <c r="J24209" s="5" t="s">
        <v>69038</v>
      </c>
      <c r="K24209" s="2" t="s">
        <v>69039</v>
      </c>
      <c r="L24209" s="5" t="s">
        <v>69038</v>
      </c>
      <c r="M24209" s="2" t="s">
        <v>69039</v>
      </c>
      <c r="N24209" s="5" t="s">
        <v>1521</v>
      </c>
      <c r="O24209" s="5" t="s">
        <v>38</v>
      </c>
      <c r="P24209" s="5" t="s">
        <v>39</v>
      </c>
      <c r="Q24209" s="5" t="s">
        <v>40</v>
      </c>
      <c r="R24209" s="5" t="s">
        <v>1522</v>
      </c>
      <c r="S24209" s="5" t="s">
        <v>1523</v>
      </c>
      <c r="T24209" s="5" t="s">
        <v>42</v>
      </c>
      <c r="U24209" s="2">
        <v>2.7759999999999998</v>
      </c>
      <c r="V24209" s="2">
        <v>2.2389999999999999</v>
      </c>
      <c r="W24209" s="2">
        <v>1.2999999999999999E-2</v>
      </c>
      <c r="X24209" s="2">
        <v>99.1</v>
      </c>
      <c r="Y24209" s="2">
        <v>7.6</v>
      </c>
      <c r="Z24209" s="2">
        <v>16.7</v>
      </c>
      <c r="AA24209" s="5"/>
      <c r="AB24209" s="5" t="s">
        <v>43</v>
      </c>
      <c r="AC24209" s="5" t="s">
        <v>44</v>
      </c>
      <c r="AD24209" s="2"/>
      <c r="AE24209" s="1"/>
    </row>
    <row r="24210" spans="1:31" ht="14.45">
      <c r="A24210" s="11"/>
      <c r="B24210" s="20"/>
      <c r="C24210" s="2" t="s">
        <v>77509</v>
      </c>
      <c r="D24210" s="14" t="s">
        <v>77510</v>
      </c>
      <c r="E24210" s="2" t="s">
        <v>77511</v>
      </c>
      <c r="F24210" s="2" t="s">
        <v>16014</v>
      </c>
      <c r="G24210" s="8">
        <v>263</v>
      </c>
      <c r="H24210" s="5">
        <v>6</v>
      </c>
      <c r="I24210" s="5" t="s">
        <v>1518</v>
      </c>
      <c r="J24210" s="5" t="s">
        <v>69038</v>
      </c>
      <c r="K24210" s="2" t="s">
        <v>69039</v>
      </c>
      <c r="L24210" s="5" t="s">
        <v>69038</v>
      </c>
      <c r="M24210" s="2" t="s">
        <v>69039</v>
      </c>
      <c r="N24210" s="5" t="s">
        <v>1521</v>
      </c>
      <c r="O24210" s="5" t="s">
        <v>38</v>
      </c>
      <c r="P24210" s="5" t="s">
        <v>39</v>
      </c>
      <c r="Q24210" s="5" t="s">
        <v>40</v>
      </c>
      <c r="R24210" s="5" t="s">
        <v>1522</v>
      </c>
      <c r="S24210" s="5" t="s">
        <v>1523</v>
      </c>
      <c r="T24210" s="5" t="s">
        <v>42</v>
      </c>
      <c r="U24210" s="2">
        <v>2.698</v>
      </c>
      <c r="V24210" s="2">
        <v>2.161</v>
      </c>
      <c r="W24210" s="2">
        <v>1.2999999999999999E-2</v>
      </c>
      <c r="X24210" s="2">
        <v>99.1</v>
      </c>
      <c r="Y24210" s="2">
        <v>7.6</v>
      </c>
      <c r="Z24210" s="2">
        <v>16.7</v>
      </c>
      <c r="AA24210" s="5"/>
      <c r="AB24210" s="5" t="s">
        <v>43</v>
      </c>
      <c r="AC24210" s="5" t="s">
        <v>44</v>
      </c>
      <c r="AD24210" s="2"/>
      <c r="AE24210" s="1"/>
    </row>
    <row r="24211" spans="1:31" ht="14.45">
      <c r="A24211" s="11"/>
      <c r="B24211" s="20"/>
      <c r="C24211" s="2" t="s">
        <v>77512</v>
      </c>
      <c r="D24211" s="14" t="s">
        <v>77513</v>
      </c>
      <c r="E24211" s="2" t="s">
        <v>77514</v>
      </c>
      <c r="F24211" s="2" t="s">
        <v>16219</v>
      </c>
      <c r="G24211" s="8">
        <v>263</v>
      </c>
      <c r="H24211" s="5">
        <v>6</v>
      </c>
      <c r="I24211" s="5" t="s">
        <v>1518</v>
      </c>
      <c r="J24211" s="5" t="s">
        <v>69038</v>
      </c>
      <c r="K24211" s="2" t="s">
        <v>69039</v>
      </c>
      <c r="L24211" s="5" t="s">
        <v>69038</v>
      </c>
      <c r="M24211" s="2" t="s">
        <v>69039</v>
      </c>
      <c r="N24211" s="5" t="s">
        <v>1521</v>
      </c>
      <c r="O24211" s="5" t="s">
        <v>38</v>
      </c>
      <c r="P24211" s="5" t="s">
        <v>39</v>
      </c>
      <c r="Q24211" s="5" t="s">
        <v>40</v>
      </c>
      <c r="R24211" s="5" t="s">
        <v>1522</v>
      </c>
      <c r="S24211" s="5" t="s">
        <v>1523</v>
      </c>
      <c r="T24211" s="5" t="s">
        <v>42</v>
      </c>
      <c r="U24211" s="2">
        <v>2.7759999999999998</v>
      </c>
      <c r="V24211" s="2">
        <v>2.2389999999999999</v>
      </c>
      <c r="W24211" s="2">
        <v>1.2999999999999999E-2</v>
      </c>
      <c r="X24211" s="2">
        <v>99.1</v>
      </c>
      <c r="Y24211" s="2">
        <v>7.6</v>
      </c>
      <c r="Z24211" s="2">
        <v>16.7</v>
      </c>
      <c r="AA24211" s="5"/>
      <c r="AB24211" s="5" t="s">
        <v>43</v>
      </c>
      <c r="AC24211" s="5" t="s">
        <v>44</v>
      </c>
      <c r="AD24211" s="2"/>
      <c r="AE24211" s="1"/>
    </row>
    <row r="24212" spans="1:31" ht="14.45">
      <c r="A24212" s="11"/>
      <c r="B24212" s="20"/>
      <c r="C24212" s="2" t="s">
        <v>77515</v>
      </c>
      <c r="D24212" s="14" t="s">
        <v>77516</v>
      </c>
      <c r="E24212" s="2" t="s">
        <v>77517</v>
      </c>
      <c r="F24212" s="2" t="s">
        <v>7212</v>
      </c>
      <c r="G24212" s="8">
        <v>246</v>
      </c>
      <c r="H24212" s="5">
        <v>6</v>
      </c>
      <c r="I24212" s="5" t="s">
        <v>1518</v>
      </c>
      <c r="J24212" s="5" t="s">
        <v>69038</v>
      </c>
      <c r="K24212" s="2" t="s">
        <v>69039</v>
      </c>
      <c r="L24212" s="5" t="s">
        <v>69038</v>
      </c>
      <c r="M24212" s="2" t="s">
        <v>69039</v>
      </c>
      <c r="N24212" s="5" t="s">
        <v>1521</v>
      </c>
      <c r="O24212" s="5" t="s">
        <v>38</v>
      </c>
      <c r="P24212" s="5" t="s">
        <v>39</v>
      </c>
      <c r="Q24212" s="5" t="s">
        <v>40</v>
      </c>
      <c r="R24212" s="5" t="s">
        <v>1522</v>
      </c>
      <c r="S24212" s="5" t="s">
        <v>1523</v>
      </c>
      <c r="T24212" s="5" t="s">
        <v>42</v>
      </c>
      <c r="U24212" s="2">
        <v>2.698</v>
      </c>
      <c r="V24212" s="2">
        <v>2.161</v>
      </c>
      <c r="W24212" s="2">
        <v>1.2999999999999999E-2</v>
      </c>
      <c r="X24212" s="2">
        <v>99.1</v>
      </c>
      <c r="Y24212" s="2">
        <v>7.6</v>
      </c>
      <c r="Z24212" s="2">
        <v>16.7</v>
      </c>
      <c r="AA24212" s="5"/>
      <c r="AB24212" s="5" t="s">
        <v>43</v>
      </c>
      <c r="AC24212" s="5" t="s">
        <v>44</v>
      </c>
      <c r="AD24212" s="2"/>
      <c r="AE24212" s="1"/>
    </row>
    <row r="24213" spans="1:31" ht="14.45">
      <c r="A24213" s="11"/>
      <c r="B24213" s="20"/>
      <c r="C24213" s="2" t="s">
        <v>77518</v>
      </c>
      <c r="D24213" s="14" t="s">
        <v>77519</v>
      </c>
      <c r="E24213" s="2" t="s">
        <v>77520</v>
      </c>
      <c r="F24213" s="2" t="s">
        <v>7528</v>
      </c>
      <c r="G24213" s="8">
        <v>246</v>
      </c>
      <c r="H24213" s="5">
        <v>6</v>
      </c>
      <c r="I24213" s="5" t="s">
        <v>1518</v>
      </c>
      <c r="J24213" s="5" t="s">
        <v>69038</v>
      </c>
      <c r="K24213" s="2" t="s">
        <v>69039</v>
      </c>
      <c r="L24213" s="5" t="s">
        <v>69038</v>
      </c>
      <c r="M24213" s="2" t="s">
        <v>69039</v>
      </c>
      <c r="N24213" s="5" t="s">
        <v>1521</v>
      </c>
      <c r="O24213" s="5" t="s">
        <v>38</v>
      </c>
      <c r="P24213" s="5" t="s">
        <v>39</v>
      </c>
      <c r="Q24213" s="5" t="s">
        <v>40</v>
      </c>
      <c r="R24213" s="5" t="s">
        <v>1522</v>
      </c>
      <c r="S24213" s="5" t="s">
        <v>1523</v>
      </c>
      <c r="T24213" s="5" t="s">
        <v>42</v>
      </c>
      <c r="U24213" s="2">
        <v>2.7759999999999998</v>
      </c>
      <c r="V24213" s="2">
        <v>2.2389999999999999</v>
      </c>
      <c r="W24213" s="2">
        <v>1.2999999999999999E-2</v>
      </c>
      <c r="X24213" s="2">
        <v>99.1</v>
      </c>
      <c r="Y24213" s="2">
        <v>7.6</v>
      </c>
      <c r="Z24213" s="2">
        <v>16.7</v>
      </c>
      <c r="AA24213" s="5"/>
      <c r="AB24213" s="5" t="s">
        <v>43</v>
      </c>
      <c r="AC24213" s="5" t="s">
        <v>44</v>
      </c>
      <c r="AD24213" s="2"/>
      <c r="AE24213" s="1"/>
    </row>
    <row r="24214" spans="1:31" ht="14.45">
      <c r="A24214" s="11"/>
      <c r="B24214" s="20"/>
      <c r="C24214" s="2" t="s">
        <v>77521</v>
      </c>
      <c r="D24214" s="14" t="s">
        <v>77522</v>
      </c>
      <c r="E24214" s="2" t="s">
        <v>77523</v>
      </c>
      <c r="F24214" s="2" t="s">
        <v>16029</v>
      </c>
      <c r="G24214" s="8">
        <v>263</v>
      </c>
      <c r="H24214" s="5">
        <v>6</v>
      </c>
      <c r="I24214" s="5" t="s">
        <v>1518</v>
      </c>
      <c r="J24214" s="5" t="s">
        <v>69038</v>
      </c>
      <c r="K24214" s="2" t="s">
        <v>69039</v>
      </c>
      <c r="L24214" s="5" t="s">
        <v>69038</v>
      </c>
      <c r="M24214" s="2" t="s">
        <v>69039</v>
      </c>
      <c r="N24214" s="5" t="s">
        <v>1521</v>
      </c>
      <c r="O24214" s="5" t="s">
        <v>38</v>
      </c>
      <c r="P24214" s="5" t="s">
        <v>39</v>
      </c>
      <c r="Q24214" s="5" t="s">
        <v>40</v>
      </c>
      <c r="R24214" s="5" t="s">
        <v>1522</v>
      </c>
      <c r="S24214" s="5" t="s">
        <v>1523</v>
      </c>
      <c r="T24214" s="5" t="s">
        <v>42</v>
      </c>
      <c r="U24214" s="2">
        <v>2.702</v>
      </c>
      <c r="V24214" s="2">
        <v>2.165</v>
      </c>
      <c r="W24214" s="2">
        <v>1.2999999999999999E-2</v>
      </c>
      <c r="X24214" s="2">
        <v>99.1</v>
      </c>
      <c r="Y24214" s="2">
        <v>7.6</v>
      </c>
      <c r="Z24214" s="2">
        <v>16.7</v>
      </c>
      <c r="AA24214" s="5"/>
      <c r="AB24214" s="5" t="s">
        <v>43</v>
      </c>
      <c r="AC24214" s="5" t="s">
        <v>44</v>
      </c>
      <c r="AD24214" s="2"/>
      <c r="AE24214" s="1"/>
    </row>
    <row r="24215" spans="1:31" ht="14.45">
      <c r="A24215" s="11"/>
      <c r="B24215" s="20"/>
      <c r="C24215" s="2" t="s">
        <v>77524</v>
      </c>
      <c r="D24215" s="14" t="s">
        <v>77525</v>
      </c>
      <c r="E24215" s="2" t="s">
        <v>77526</v>
      </c>
      <c r="F24215" s="2" t="s">
        <v>16033</v>
      </c>
      <c r="G24215" s="8">
        <v>263</v>
      </c>
      <c r="H24215" s="5">
        <v>6</v>
      </c>
      <c r="I24215" s="5" t="s">
        <v>1518</v>
      </c>
      <c r="J24215" s="5" t="s">
        <v>69038</v>
      </c>
      <c r="K24215" s="2" t="s">
        <v>69039</v>
      </c>
      <c r="L24215" s="5" t="s">
        <v>69038</v>
      </c>
      <c r="M24215" s="2" t="s">
        <v>69039</v>
      </c>
      <c r="N24215" s="5" t="s">
        <v>1521</v>
      </c>
      <c r="O24215" s="5" t="s">
        <v>38</v>
      </c>
      <c r="P24215" s="5" t="s">
        <v>39</v>
      </c>
      <c r="Q24215" s="5" t="s">
        <v>40</v>
      </c>
      <c r="R24215" s="5" t="s">
        <v>1522</v>
      </c>
      <c r="S24215" s="5" t="s">
        <v>1523</v>
      </c>
      <c r="T24215" s="5" t="s">
        <v>42</v>
      </c>
      <c r="U24215" s="2">
        <v>2.78</v>
      </c>
      <c r="V24215" s="2">
        <v>2.2429999999999999</v>
      </c>
      <c r="W24215" s="2">
        <v>1.2999999999999999E-2</v>
      </c>
      <c r="X24215" s="2">
        <v>99.1</v>
      </c>
      <c r="Y24215" s="2">
        <v>7.6</v>
      </c>
      <c r="Z24215" s="2">
        <v>16.7</v>
      </c>
      <c r="AA24215" s="5"/>
      <c r="AB24215" s="5" t="s">
        <v>43</v>
      </c>
      <c r="AC24215" s="5" t="s">
        <v>44</v>
      </c>
      <c r="AD24215" s="2"/>
      <c r="AE24215" s="1"/>
    </row>
    <row r="24216" spans="1:31" ht="14.45">
      <c r="A24216" s="11"/>
      <c r="B24216" s="20"/>
      <c r="C24216" s="2" t="s">
        <v>77527</v>
      </c>
      <c r="D24216" s="14" t="s">
        <v>77528</v>
      </c>
      <c r="E24216" s="2" t="s">
        <v>77529</v>
      </c>
      <c r="F24216" s="2" t="s">
        <v>7204</v>
      </c>
      <c r="G24216" s="8">
        <v>249</v>
      </c>
      <c r="H24216" s="5">
        <v>6</v>
      </c>
      <c r="I24216" s="5" t="s">
        <v>1518</v>
      </c>
      <c r="J24216" s="5" t="s">
        <v>69038</v>
      </c>
      <c r="K24216" s="2" t="s">
        <v>69039</v>
      </c>
      <c r="L24216" s="5" t="s">
        <v>69038</v>
      </c>
      <c r="M24216" s="2" t="s">
        <v>69039</v>
      </c>
      <c r="N24216" s="5" t="s">
        <v>1521</v>
      </c>
      <c r="O24216" s="5" t="s">
        <v>38</v>
      </c>
      <c r="P24216" s="5" t="s">
        <v>39</v>
      </c>
      <c r="Q24216" s="5" t="s">
        <v>40</v>
      </c>
      <c r="R24216" s="5" t="s">
        <v>1522</v>
      </c>
      <c r="S24216" s="5" t="s">
        <v>1523</v>
      </c>
      <c r="T24216" s="5" t="s">
        <v>42</v>
      </c>
      <c r="U24216" s="2">
        <v>2.8580000000000001</v>
      </c>
      <c r="V24216" s="2">
        <v>2.3210000000000002</v>
      </c>
      <c r="W24216" s="2">
        <v>1.4999999999999999E-2</v>
      </c>
      <c r="X24216" s="2">
        <v>118.9</v>
      </c>
      <c r="Y24216" s="2">
        <v>7.6</v>
      </c>
      <c r="Z24216" s="2">
        <v>16.7</v>
      </c>
      <c r="AA24216" s="5"/>
      <c r="AB24216" s="5" t="s">
        <v>43</v>
      </c>
      <c r="AC24216" s="5" t="s">
        <v>44</v>
      </c>
      <c r="AD24216" s="2"/>
      <c r="AE24216" s="1"/>
    </row>
    <row r="24217" spans="1:31" ht="14.45">
      <c r="A24217" s="11"/>
      <c r="B24217" s="20"/>
      <c r="C24217" s="2" t="s">
        <v>77530</v>
      </c>
      <c r="D24217" s="14" t="s">
        <v>77531</v>
      </c>
      <c r="E24217" s="2" t="s">
        <v>77532</v>
      </c>
      <c r="F24217" s="2" t="s">
        <v>7514</v>
      </c>
      <c r="G24217" s="8">
        <v>249</v>
      </c>
      <c r="H24217" s="5">
        <v>6</v>
      </c>
      <c r="I24217" s="5" t="s">
        <v>1518</v>
      </c>
      <c r="J24217" s="5" t="s">
        <v>69038</v>
      </c>
      <c r="K24217" s="2" t="s">
        <v>69039</v>
      </c>
      <c r="L24217" s="5" t="s">
        <v>69038</v>
      </c>
      <c r="M24217" s="2" t="s">
        <v>69039</v>
      </c>
      <c r="N24217" s="5" t="s">
        <v>1521</v>
      </c>
      <c r="O24217" s="5" t="s">
        <v>38</v>
      </c>
      <c r="P24217" s="5" t="s">
        <v>39</v>
      </c>
      <c r="Q24217" s="5" t="s">
        <v>40</v>
      </c>
      <c r="R24217" s="5" t="s">
        <v>1522</v>
      </c>
      <c r="S24217" s="5" t="s">
        <v>1523</v>
      </c>
      <c r="T24217" s="5" t="s">
        <v>42</v>
      </c>
      <c r="U24217" s="2">
        <v>2.95</v>
      </c>
      <c r="V24217" s="2">
        <v>2.4129999999999998</v>
      </c>
      <c r="W24217" s="2">
        <v>1.4999999999999999E-2</v>
      </c>
      <c r="X24217" s="2">
        <v>118.9</v>
      </c>
      <c r="Y24217" s="2">
        <v>7.6</v>
      </c>
      <c r="Z24217" s="2">
        <v>16.7</v>
      </c>
      <c r="AA24217" s="5"/>
      <c r="AB24217" s="5" t="s">
        <v>43</v>
      </c>
      <c r="AC24217" s="5" t="s">
        <v>44</v>
      </c>
      <c r="AD24217" s="2"/>
      <c r="AE24217" s="1"/>
    </row>
    <row r="24218" spans="1:31" ht="14.45">
      <c r="A24218" s="11"/>
      <c r="B24218" s="20"/>
      <c r="C24218" s="2" t="s">
        <v>77533</v>
      </c>
      <c r="D24218" s="14" t="s">
        <v>77534</v>
      </c>
      <c r="E24218" s="2" t="s">
        <v>77535</v>
      </c>
      <c r="F24218" s="2" t="s">
        <v>7208</v>
      </c>
      <c r="G24218" s="8">
        <v>249</v>
      </c>
      <c r="H24218" s="5">
        <v>6</v>
      </c>
      <c r="I24218" s="5" t="s">
        <v>1518</v>
      </c>
      <c r="J24218" s="5" t="s">
        <v>69038</v>
      </c>
      <c r="K24218" s="2" t="s">
        <v>69039</v>
      </c>
      <c r="L24218" s="5" t="s">
        <v>69038</v>
      </c>
      <c r="M24218" s="2" t="s">
        <v>69039</v>
      </c>
      <c r="N24218" s="5" t="s">
        <v>1521</v>
      </c>
      <c r="O24218" s="5" t="s">
        <v>38</v>
      </c>
      <c r="P24218" s="5" t="s">
        <v>39</v>
      </c>
      <c r="Q24218" s="5" t="s">
        <v>40</v>
      </c>
      <c r="R24218" s="5" t="s">
        <v>1522</v>
      </c>
      <c r="S24218" s="5" t="s">
        <v>1523</v>
      </c>
      <c r="T24218" s="5" t="s">
        <v>42</v>
      </c>
      <c r="U24218" s="2">
        <v>2.8580000000000001</v>
      </c>
      <c r="V24218" s="2">
        <v>2.3210000000000002</v>
      </c>
      <c r="W24218" s="2">
        <v>1.4999999999999999E-2</v>
      </c>
      <c r="X24218" s="2">
        <v>118.9</v>
      </c>
      <c r="Y24218" s="2">
        <v>7.6</v>
      </c>
      <c r="Z24218" s="2">
        <v>16.7</v>
      </c>
      <c r="AA24218" s="5"/>
      <c r="AB24218" s="5" t="s">
        <v>43</v>
      </c>
      <c r="AC24218" s="5" t="s">
        <v>44</v>
      </c>
      <c r="AD24218" s="2"/>
      <c r="AE24218" s="1"/>
    </row>
    <row r="24219" spans="1:31" ht="14.45">
      <c r="A24219" s="11"/>
      <c r="B24219" s="20"/>
      <c r="C24219" s="2" t="s">
        <v>77536</v>
      </c>
      <c r="D24219" s="14" t="s">
        <v>77537</v>
      </c>
      <c r="E24219" s="2" t="s">
        <v>77538</v>
      </c>
      <c r="F24219" s="2" t="s">
        <v>7521</v>
      </c>
      <c r="G24219" s="8">
        <v>249</v>
      </c>
      <c r="H24219" s="5">
        <v>6</v>
      </c>
      <c r="I24219" s="5" t="s">
        <v>1518</v>
      </c>
      <c r="J24219" s="5" t="s">
        <v>69038</v>
      </c>
      <c r="K24219" s="2" t="s">
        <v>69039</v>
      </c>
      <c r="L24219" s="5" t="s">
        <v>69038</v>
      </c>
      <c r="M24219" s="2" t="s">
        <v>69039</v>
      </c>
      <c r="N24219" s="5" t="s">
        <v>1521</v>
      </c>
      <c r="O24219" s="5" t="s">
        <v>38</v>
      </c>
      <c r="P24219" s="5" t="s">
        <v>39</v>
      </c>
      <c r="Q24219" s="5" t="s">
        <v>40</v>
      </c>
      <c r="R24219" s="5" t="s">
        <v>1522</v>
      </c>
      <c r="S24219" s="5" t="s">
        <v>1523</v>
      </c>
      <c r="T24219" s="5" t="s">
        <v>42</v>
      </c>
      <c r="U24219" s="2">
        <v>2.95</v>
      </c>
      <c r="V24219" s="2">
        <v>2.4129999999999998</v>
      </c>
      <c r="W24219" s="2">
        <v>1.4999999999999999E-2</v>
      </c>
      <c r="X24219" s="2">
        <v>118.9</v>
      </c>
      <c r="Y24219" s="2">
        <v>7.6</v>
      </c>
      <c r="Z24219" s="2">
        <v>16.7</v>
      </c>
      <c r="AA24219" s="5"/>
      <c r="AB24219" s="5" t="s">
        <v>43</v>
      </c>
      <c r="AC24219" s="5" t="s">
        <v>44</v>
      </c>
      <c r="AD24219" s="2"/>
      <c r="AE24219" s="1"/>
    </row>
    <row r="24220" spans="1:31" ht="14.45">
      <c r="A24220" s="11"/>
      <c r="B24220" s="20"/>
      <c r="C24220" s="2" t="s">
        <v>77539</v>
      </c>
      <c r="D24220" s="14" t="s">
        <v>77540</v>
      </c>
      <c r="E24220" s="2" t="s">
        <v>77541</v>
      </c>
      <c r="F24220" s="2" t="s">
        <v>7406</v>
      </c>
      <c r="G24220" s="8">
        <v>267</v>
      </c>
      <c r="H24220" s="5">
        <v>6</v>
      </c>
      <c r="I24220" s="5" t="s">
        <v>1518</v>
      </c>
      <c r="J24220" s="5" t="s">
        <v>69038</v>
      </c>
      <c r="K24220" s="2" t="s">
        <v>69039</v>
      </c>
      <c r="L24220" s="5" t="s">
        <v>69038</v>
      </c>
      <c r="M24220" s="2" t="s">
        <v>69039</v>
      </c>
      <c r="N24220" s="5" t="s">
        <v>1521</v>
      </c>
      <c r="O24220" s="5" t="s">
        <v>38</v>
      </c>
      <c r="P24220" s="5" t="s">
        <v>39</v>
      </c>
      <c r="Q24220" s="5" t="s">
        <v>40</v>
      </c>
      <c r="R24220" s="5" t="s">
        <v>1522</v>
      </c>
      <c r="S24220" s="5" t="s">
        <v>1523</v>
      </c>
      <c r="T24220" s="5" t="s">
        <v>42</v>
      </c>
      <c r="U24220" s="2">
        <v>2.8580000000000001</v>
      </c>
      <c r="V24220" s="2">
        <v>2.3210000000000002</v>
      </c>
      <c r="W24220" s="2">
        <v>1.4999999999999999E-2</v>
      </c>
      <c r="X24220" s="2">
        <v>118.9</v>
      </c>
      <c r="Y24220" s="2">
        <v>7.6</v>
      </c>
      <c r="Z24220" s="2">
        <v>16.7</v>
      </c>
      <c r="AA24220" s="5"/>
      <c r="AB24220" s="5" t="s">
        <v>43</v>
      </c>
      <c r="AC24220" s="5" t="s">
        <v>44</v>
      </c>
      <c r="AD24220" s="2"/>
      <c r="AE24220" s="1"/>
    </row>
    <row r="24221" spans="1:31" ht="14.45">
      <c r="A24221" s="11"/>
      <c r="B24221" s="20"/>
      <c r="C24221" s="2" t="s">
        <v>77542</v>
      </c>
      <c r="D24221" s="14" t="s">
        <v>77543</v>
      </c>
      <c r="E24221" s="2" t="s">
        <v>77544</v>
      </c>
      <c r="F24221" s="2" t="s">
        <v>7535</v>
      </c>
      <c r="G24221" s="8">
        <v>267</v>
      </c>
      <c r="H24221" s="5">
        <v>6</v>
      </c>
      <c r="I24221" s="5" t="s">
        <v>1518</v>
      </c>
      <c r="J24221" s="5" t="s">
        <v>69038</v>
      </c>
      <c r="K24221" s="2" t="s">
        <v>69039</v>
      </c>
      <c r="L24221" s="5" t="s">
        <v>69038</v>
      </c>
      <c r="M24221" s="2" t="s">
        <v>69039</v>
      </c>
      <c r="N24221" s="5" t="s">
        <v>1521</v>
      </c>
      <c r="O24221" s="5" t="s">
        <v>38</v>
      </c>
      <c r="P24221" s="5" t="s">
        <v>39</v>
      </c>
      <c r="Q24221" s="5" t="s">
        <v>40</v>
      </c>
      <c r="R24221" s="5" t="s">
        <v>1522</v>
      </c>
      <c r="S24221" s="5" t="s">
        <v>1523</v>
      </c>
      <c r="T24221" s="5" t="s">
        <v>42</v>
      </c>
      <c r="U24221" s="2">
        <v>2.95</v>
      </c>
      <c r="V24221" s="2">
        <v>2.4129999999999998</v>
      </c>
      <c r="W24221" s="2">
        <v>1.4999999999999999E-2</v>
      </c>
      <c r="X24221" s="2">
        <v>118.9</v>
      </c>
      <c r="Y24221" s="2">
        <v>7.6</v>
      </c>
      <c r="Z24221" s="2">
        <v>16.7</v>
      </c>
      <c r="AA24221" s="5"/>
      <c r="AB24221" s="5" t="s">
        <v>43</v>
      </c>
      <c r="AC24221" s="5" t="s">
        <v>44</v>
      </c>
      <c r="AD24221" s="2"/>
      <c r="AE24221" s="1"/>
    </row>
    <row r="24222" spans="1:31" ht="14.45">
      <c r="A24222" s="11"/>
      <c r="B24222" s="20"/>
      <c r="C24222" s="2" t="s">
        <v>77545</v>
      </c>
      <c r="D24222" s="14" t="s">
        <v>77546</v>
      </c>
      <c r="E24222" s="2" t="s">
        <v>77547</v>
      </c>
      <c r="F24222" s="2" t="s">
        <v>7539</v>
      </c>
      <c r="G24222" s="8">
        <v>267</v>
      </c>
      <c r="H24222" s="5">
        <v>6</v>
      </c>
      <c r="I24222" s="5" t="s">
        <v>1518</v>
      </c>
      <c r="J24222" s="5" t="s">
        <v>69038</v>
      </c>
      <c r="K24222" s="2" t="s">
        <v>69039</v>
      </c>
      <c r="L24222" s="5" t="s">
        <v>69038</v>
      </c>
      <c r="M24222" s="2" t="s">
        <v>69039</v>
      </c>
      <c r="N24222" s="5" t="s">
        <v>1521</v>
      </c>
      <c r="O24222" s="5" t="s">
        <v>38</v>
      </c>
      <c r="P24222" s="5" t="s">
        <v>39</v>
      </c>
      <c r="Q24222" s="5" t="s">
        <v>40</v>
      </c>
      <c r="R24222" s="5" t="s">
        <v>1522</v>
      </c>
      <c r="S24222" s="5" t="s">
        <v>1523</v>
      </c>
      <c r="T24222" s="5" t="s">
        <v>42</v>
      </c>
      <c r="U24222" s="2">
        <v>2.8580000000000001</v>
      </c>
      <c r="V24222" s="2">
        <v>2.3210000000000002</v>
      </c>
      <c r="W24222" s="2">
        <v>1.4999999999999999E-2</v>
      </c>
      <c r="X24222" s="2">
        <v>118.9</v>
      </c>
      <c r="Y24222" s="2">
        <v>7.6</v>
      </c>
      <c r="Z24222" s="2">
        <v>16.7</v>
      </c>
      <c r="AA24222" s="5"/>
      <c r="AB24222" s="5" t="s">
        <v>43</v>
      </c>
      <c r="AC24222" s="5" t="s">
        <v>44</v>
      </c>
      <c r="AD24222" s="2"/>
      <c r="AE24222" s="1"/>
    </row>
    <row r="24223" spans="1:31" ht="14.45">
      <c r="A24223" s="11"/>
      <c r="B24223" s="20"/>
      <c r="C24223" s="2" t="s">
        <v>77548</v>
      </c>
      <c r="D24223" s="14" t="s">
        <v>77549</v>
      </c>
      <c r="E24223" s="2" t="s">
        <v>77550</v>
      </c>
      <c r="F24223" s="2" t="s">
        <v>7543</v>
      </c>
      <c r="G24223" s="8">
        <v>267</v>
      </c>
      <c r="H24223" s="5">
        <v>6</v>
      </c>
      <c r="I24223" s="5" t="s">
        <v>1518</v>
      </c>
      <c r="J24223" s="5" t="s">
        <v>69038</v>
      </c>
      <c r="K24223" s="2" t="s">
        <v>69039</v>
      </c>
      <c r="L24223" s="5" t="s">
        <v>69038</v>
      </c>
      <c r="M24223" s="2" t="s">
        <v>69039</v>
      </c>
      <c r="N24223" s="5" t="s">
        <v>1521</v>
      </c>
      <c r="O24223" s="5" t="s">
        <v>38</v>
      </c>
      <c r="P24223" s="5" t="s">
        <v>39</v>
      </c>
      <c r="Q24223" s="5" t="s">
        <v>40</v>
      </c>
      <c r="R24223" s="5" t="s">
        <v>1522</v>
      </c>
      <c r="S24223" s="5" t="s">
        <v>1523</v>
      </c>
      <c r="T24223" s="5" t="s">
        <v>42</v>
      </c>
      <c r="U24223" s="2">
        <v>2.95</v>
      </c>
      <c r="V24223" s="2">
        <v>2.4129999999999998</v>
      </c>
      <c r="W24223" s="2">
        <v>1.4999999999999999E-2</v>
      </c>
      <c r="X24223" s="2">
        <v>118.9</v>
      </c>
      <c r="Y24223" s="2">
        <v>7.6</v>
      </c>
      <c r="Z24223" s="2">
        <v>16.7</v>
      </c>
      <c r="AA24223" s="5"/>
      <c r="AB24223" s="5" t="s">
        <v>43</v>
      </c>
      <c r="AC24223" s="5" t="s">
        <v>44</v>
      </c>
      <c r="AD24223" s="2"/>
      <c r="AE24223" s="1"/>
    </row>
    <row r="24224" spans="1:31" ht="14.45">
      <c r="A24224" s="11"/>
      <c r="B24224" s="20"/>
      <c r="C24224" s="2" t="s">
        <v>77551</v>
      </c>
      <c r="D24224" s="14" t="s">
        <v>77552</v>
      </c>
      <c r="E24224" s="2" t="s">
        <v>77553</v>
      </c>
      <c r="F24224" s="2" t="s">
        <v>7396</v>
      </c>
      <c r="G24224" s="8">
        <v>249</v>
      </c>
      <c r="H24224" s="5">
        <v>6</v>
      </c>
      <c r="I24224" s="5" t="s">
        <v>1518</v>
      </c>
      <c r="J24224" s="5" t="s">
        <v>69038</v>
      </c>
      <c r="K24224" s="2" t="s">
        <v>69039</v>
      </c>
      <c r="L24224" s="5" t="s">
        <v>69038</v>
      </c>
      <c r="M24224" s="2" t="s">
        <v>69039</v>
      </c>
      <c r="N24224" s="5" t="s">
        <v>1521</v>
      </c>
      <c r="O24224" s="5" t="s">
        <v>38</v>
      </c>
      <c r="P24224" s="5" t="s">
        <v>39</v>
      </c>
      <c r="Q24224" s="5" t="s">
        <v>40</v>
      </c>
      <c r="R24224" s="5" t="s">
        <v>1522</v>
      </c>
      <c r="S24224" s="5" t="s">
        <v>1523</v>
      </c>
      <c r="T24224" s="5" t="s">
        <v>42</v>
      </c>
      <c r="U24224" s="2">
        <v>2.8580000000000001</v>
      </c>
      <c r="V24224" s="2">
        <v>2.3210000000000002</v>
      </c>
      <c r="W24224" s="2">
        <v>1.4999999999999999E-2</v>
      </c>
      <c r="X24224" s="2">
        <v>118.9</v>
      </c>
      <c r="Y24224" s="2">
        <v>7.6</v>
      </c>
      <c r="Z24224" s="2">
        <v>16.7</v>
      </c>
      <c r="AA24224" s="5"/>
      <c r="AB24224" s="5" t="s">
        <v>43</v>
      </c>
      <c r="AC24224" s="5" t="s">
        <v>44</v>
      </c>
      <c r="AD24224" s="2"/>
      <c r="AE24224" s="1"/>
    </row>
    <row r="24225" spans="1:31" ht="14.45">
      <c r="A24225" s="11"/>
      <c r="B24225" s="20"/>
      <c r="C24225" s="2" t="s">
        <v>77554</v>
      </c>
      <c r="D24225" s="14" t="s">
        <v>77555</v>
      </c>
      <c r="E24225" s="2" t="s">
        <v>77556</v>
      </c>
      <c r="F24225" s="2" t="s">
        <v>7507</v>
      </c>
      <c r="G24225" s="8">
        <v>249</v>
      </c>
      <c r="H24225" s="5">
        <v>6</v>
      </c>
      <c r="I24225" s="5" t="s">
        <v>1518</v>
      </c>
      <c r="J24225" s="5" t="s">
        <v>69038</v>
      </c>
      <c r="K24225" s="2" t="s">
        <v>69039</v>
      </c>
      <c r="L24225" s="5" t="s">
        <v>69038</v>
      </c>
      <c r="M24225" s="2" t="s">
        <v>69039</v>
      </c>
      <c r="N24225" s="5" t="s">
        <v>1521</v>
      </c>
      <c r="O24225" s="5" t="s">
        <v>38</v>
      </c>
      <c r="P24225" s="5" t="s">
        <v>39</v>
      </c>
      <c r="Q24225" s="5" t="s">
        <v>40</v>
      </c>
      <c r="R24225" s="5" t="s">
        <v>1522</v>
      </c>
      <c r="S24225" s="5" t="s">
        <v>1523</v>
      </c>
      <c r="T24225" s="5" t="s">
        <v>42</v>
      </c>
      <c r="U24225" s="2">
        <v>2.95</v>
      </c>
      <c r="V24225" s="2">
        <v>2.4129999999999998</v>
      </c>
      <c r="W24225" s="2">
        <v>1.4999999999999999E-2</v>
      </c>
      <c r="X24225" s="2">
        <v>118.9</v>
      </c>
      <c r="Y24225" s="2">
        <v>7.6</v>
      </c>
      <c r="Z24225" s="2">
        <v>16.7</v>
      </c>
      <c r="AA24225" s="5"/>
      <c r="AB24225" s="5" t="s">
        <v>43</v>
      </c>
      <c r="AC24225" s="5" t="s">
        <v>44</v>
      </c>
      <c r="AD24225" s="2"/>
      <c r="AE24225" s="1"/>
    </row>
    <row r="24226" spans="1:31" ht="14.45">
      <c r="A24226" s="11"/>
      <c r="B24226" s="20"/>
      <c r="C24226" s="2" t="s">
        <v>77557</v>
      </c>
      <c r="D24226" s="14" t="s">
        <v>77558</v>
      </c>
      <c r="E24226" s="2" t="s">
        <v>77559</v>
      </c>
      <c r="F24226" s="2" t="s">
        <v>7547</v>
      </c>
      <c r="G24226" s="8">
        <v>267</v>
      </c>
      <c r="H24226" s="5">
        <v>6</v>
      </c>
      <c r="I24226" s="5" t="s">
        <v>1518</v>
      </c>
      <c r="J24226" s="5" t="s">
        <v>69038</v>
      </c>
      <c r="K24226" s="2" t="s">
        <v>69039</v>
      </c>
      <c r="L24226" s="5" t="s">
        <v>69038</v>
      </c>
      <c r="M24226" s="2" t="s">
        <v>69039</v>
      </c>
      <c r="N24226" s="5" t="s">
        <v>1521</v>
      </c>
      <c r="O24226" s="5" t="s">
        <v>38</v>
      </c>
      <c r="P24226" s="5" t="s">
        <v>39</v>
      </c>
      <c r="Q24226" s="5" t="s">
        <v>40</v>
      </c>
      <c r="R24226" s="5" t="s">
        <v>1522</v>
      </c>
      <c r="S24226" s="5" t="s">
        <v>1523</v>
      </c>
      <c r="T24226" s="5" t="s">
        <v>42</v>
      </c>
      <c r="U24226" s="2">
        <v>2.8580000000000001</v>
      </c>
      <c r="V24226" s="2">
        <v>2.3210000000000002</v>
      </c>
      <c r="W24226" s="2">
        <v>1.4999999999999999E-2</v>
      </c>
      <c r="X24226" s="2">
        <v>118.9</v>
      </c>
      <c r="Y24226" s="2">
        <v>7.6</v>
      </c>
      <c r="Z24226" s="2">
        <v>16.7</v>
      </c>
      <c r="AA24226" s="5"/>
      <c r="AB24226" s="5" t="s">
        <v>43</v>
      </c>
      <c r="AC24226" s="5" t="s">
        <v>44</v>
      </c>
      <c r="AD24226" s="2"/>
      <c r="AE24226" s="1"/>
    </row>
    <row r="24227" spans="1:31" ht="14.45">
      <c r="A24227" s="11"/>
      <c r="B24227" s="20"/>
      <c r="C24227" s="2" t="s">
        <v>77560</v>
      </c>
      <c r="D24227" s="14" t="s">
        <v>77561</v>
      </c>
      <c r="E24227" s="2" t="s">
        <v>77562</v>
      </c>
      <c r="F24227" s="2" t="s">
        <v>7563</v>
      </c>
      <c r="G24227" s="8">
        <v>267</v>
      </c>
      <c r="H24227" s="5">
        <v>6</v>
      </c>
      <c r="I24227" s="5" t="s">
        <v>1518</v>
      </c>
      <c r="J24227" s="5" t="s">
        <v>69038</v>
      </c>
      <c r="K24227" s="2" t="s">
        <v>69039</v>
      </c>
      <c r="L24227" s="5" t="s">
        <v>69038</v>
      </c>
      <c r="M24227" s="2" t="s">
        <v>69039</v>
      </c>
      <c r="N24227" s="5" t="s">
        <v>1521</v>
      </c>
      <c r="O24227" s="5" t="s">
        <v>38</v>
      </c>
      <c r="P24227" s="5" t="s">
        <v>39</v>
      </c>
      <c r="Q24227" s="5" t="s">
        <v>40</v>
      </c>
      <c r="R24227" s="5" t="s">
        <v>1522</v>
      </c>
      <c r="S24227" s="5" t="s">
        <v>1523</v>
      </c>
      <c r="T24227" s="5" t="s">
        <v>42</v>
      </c>
      <c r="U24227" s="2">
        <v>2.8580000000000001</v>
      </c>
      <c r="V24227" s="2">
        <v>2.3210000000000002</v>
      </c>
      <c r="W24227" s="2">
        <v>1.4999999999999999E-2</v>
      </c>
      <c r="X24227" s="2">
        <v>118.9</v>
      </c>
      <c r="Y24227" s="2">
        <v>7.6</v>
      </c>
      <c r="Z24227" s="2">
        <v>16.7</v>
      </c>
      <c r="AA24227" s="5"/>
      <c r="AB24227" s="5" t="s">
        <v>43</v>
      </c>
      <c r="AC24227" s="5" t="s">
        <v>44</v>
      </c>
      <c r="AD24227" s="2"/>
      <c r="AE24227" s="1"/>
    </row>
    <row r="24228" spans="1:31" ht="14.45">
      <c r="A24228" s="11"/>
      <c r="B24228" s="20"/>
      <c r="C24228" s="2" t="s">
        <v>77563</v>
      </c>
      <c r="D24228" s="14" t="s">
        <v>77564</v>
      </c>
      <c r="E24228" s="2" t="s">
        <v>77565</v>
      </c>
      <c r="F24228" s="2" t="s">
        <v>7567</v>
      </c>
      <c r="G24228" s="8">
        <v>267</v>
      </c>
      <c r="H24228" s="5">
        <v>6</v>
      </c>
      <c r="I24228" s="5" t="s">
        <v>1518</v>
      </c>
      <c r="J24228" s="5" t="s">
        <v>69038</v>
      </c>
      <c r="K24228" s="2" t="s">
        <v>69039</v>
      </c>
      <c r="L24228" s="5" t="s">
        <v>69038</v>
      </c>
      <c r="M24228" s="2" t="s">
        <v>69039</v>
      </c>
      <c r="N24228" s="5" t="s">
        <v>1521</v>
      </c>
      <c r="O24228" s="5" t="s">
        <v>38</v>
      </c>
      <c r="P24228" s="5" t="s">
        <v>39</v>
      </c>
      <c r="Q24228" s="5" t="s">
        <v>40</v>
      </c>
      <c r="R24228" s="5" t="s">
        <v>1522</v>
      </c>
      <c r="S24228" s="5" t="s">
        <v>1523</v>
      </c>
      <c r="T24228" s="5" t="s">
        <v>42</v>
      </c>
      <c r="U24228" s="2">
        <v>2.95</v>
      </c>
      <c r="V24228" s="2">
        <v>2.4129999999999998</v>
      </c>
      <c r="W24228" s="2">
        <v>1.4999999999999999E-2</v>
      </c>
      <c r="X24228" s="2">
        <v>118.9</v>
      </c>
      <c r="Y24228" s="2">
        <v>7.6</v>
      </c>
      <c r="Z24228" s="2">
        <v>16.7</v>
      </c>
      <c r="AA24228" s="5"/>
      <c r="AB24228" s="5" t="s">
        <v>43</v>
      </c>
      <c r="AC24228" s="5" t="s">
        <v>44</v>
      </c>
      <c r="AD24228" s="2"/>
      <c r="AE24228" s="1"/>
    </row>
    <row r="24229" spans="1:31" ht="14.45">
      <c r="A24229" s="11"/>
      <c r="B24229" s="20"/>
      <c r="C24229" s="2" t="s">
        <v>77566</v>
      </c>
      <c r="D24229" s="14" t="s">
        <v>77567</v>
      </c>
      <c r="E24229" s="2" t="s">
        <v>77568</v>
      </c>
      <c r="F24229" s="2" t="s">
        <v>7555</v>
      </c>
      <c r="G24229" s="8">
        <v>267</v>
      </c>
      <c r="H24229" s="5">
        <v>6</v>
      </c>
      <c r="I24229" s="5" t="s">
        <v>1518</v>
      </c>
      <c r="J24229" s="5" t="s">
        <v>69038</v>
      </c>
      <c r="K24229" s="2" t="s">
        <v>69039</v>
      </c>
      <c r="L24229" s="5" t="s">
        <v>69038</v>
      </c>
      <c r="M24229" s="2" t="s">
        <v>69039</v>
      </c>
      <c r="N24229" s="5" t="s">
        <v>1521</v>
      </c>
      <c r="O24229" s="5" t="s">
        <v>38</v>
      </c>
      <c r="P24229" s="5" t="s">
        <v>39</v>
      </c>
      <c r="Q24229" s="5" t="s">
        <v>40</v>
      </c>
      <c r="R24229" s="5" t="s">
        <v>1522</v>
      </c>
      <c r="S24229" s="5" t="s">
        <v>1523</v>
      </c>
      <c r="T24229" s="5" t="s">
        <v>42</v>
      </c>
      <c r="U24229" s="2">
        <v>2.8580000000000001</v>
      </c>
      <c r="V24229" s="2">
        <v>2.3210000000000002</v>
      </c>
      <c r="W24229" s="2">
        <v>1.4999999999999999E-2</v>
      </c>
      <c r="X24229" s="2">
        <v>118.9</v>
      </c>
      <c r="Y24229" s="2">
        <v>7.6</v>
      </c>
      <c r="Z24229" s="2">
        <v>16.7</v>
      </c>
      <c r="AA24229" s="5"/>
      <c r="AB24229" s="5" t="s">
        <v>43</v>
      </c>
      <c r="AC24229" s="5" t="s">
        <v>44</v>
      </c>
      <c r="AD24229" s="2"/>
      <c r="AE24229" s="1"/>
    </row>
    <row r="24230" spans="1:31" ht="14.45">
      <c r="A24230" s="11"/>
      <c r="B24230" s="20"/>
      <c r="C24230" s="2" t="s">
        <v>77569</v>
      </c>
      <c r="D24230" s="14" t="s">
        <v>77570</v>
      </c>
      <c r="E24230" s="2" t="s">
        <v>77571</v>
      </c>
      <c r="F24230" s="2" t="s">
        <v>16079</v>
      </c>
      <c r="G24230" s="8">
        <v>267</v>
      </c>
      <c r="H24230" s="5">
        <v>6</v>
      </c>
      <c r="I24230" s="5" t="s">
        <v>1518</v>
      </c>
      <c r="J24230" s="5" t="s">
        <v>69038</v>
      </c>
      <c r="K24230" s="2" t="s">
        <v>69039</v>
      </c>
      <c r="L24230" s="5" t="s">
        <v>69038</v>
      </c>
      <c r="M24230" s="2" t="s">
        <v>69039</v>
      </c>
      <c r="N24230" s="5" t="s">
        <v>1521</v>
      </c>
      <c r="O24230" s="5" t="s">
        <v>38</v>
      </c>
      <c r="P24230" s="5" t="s">
        <v>39</v>
      </c>
      <c r="Q24230" s="5" t="s">
        <v>40</v>
      </c>
      <c r="R24230" s="5" t="s">
        <v>1522</v>
      </c>
      <c r="S24230" s="5" t="s">
        <v>1523</v>
      </c>
      <c r="T24230" s="5" t="s">
        <v>42</v>
      </c>
      <c r="U24230" s="2">
        <v>2.8580000000000001</v>
      </c>
      <c r="V24230" s="2">
        <v>2.3210000000000002</v>
      </c>
      <c r="W24230" s="2">
        <v>1.4999999999999999E-2</v>
      </c>
      <c r="X24230" s="2">
        <v>118.9</v>
      </c>
      <c r="Y24230" s="2">
        <v>7.6</v>
      </c>
      <c r="Z24230" s="2">
        <v>16.7</v>
      </c>
      <c r="AA24230" s="5"/>
      <c r="AB24230" s="5" t="s">
        <v>43</v>
      </c>
      <c r="AC24230" s="5" t="s">
        <v>44</v>
      </c>
      <c r="AD24230" s="2"/>
      <c r="AE24230" s="1"/>
    </row>
    <row r="24231" spans="1:31" ht="14.45">
      <c r="A24231" s="11"/>
      <c r="B24231" s="20"/>
      <c r="C24231" s="2" t="s">
        <v>77572</v>
      </c>
      <c r="D24231" s="14" t="s">
        <v>77573</v>
      </c>
      <c r="E24231" s="2" t="s">
        <v>77574</v>
      </c>
      <c r="F24231" s="2" t="s">
        <v>16194</v>
      </c>
      <c r="G24231" s="8">
        <v>267</v>
      </c>
      <c r="H24231" s="5">
        <v>6</v>
      </c>
      <c r="I24231" s="5" t="s">
        <v>1518</v>
      </c>
      <c r="J24231" s="5" t="s">
        <v>69038</v>
      </c>
      <c r="K24231" s="2" t="s">
        <v>69039</v>
      </c>
      <c r="L24231" s="5" t="s">
        <v>69038</v>
      </c>
      <c r="M24231" s="2" t="s">
        <v>69039</v>
      </c>
      <c r="N24231" s="5" t="s">
        <v>1521</v>
      </c>
      <c r="O24231" s="5" t="s">
        <v>38</v>
      </c>
      <c r="P24231" s="5" t="s">
        <v>39</v>
      </c>
      <c r="Q24231" s="5" t="s">
        <v>40</v>
      </c>
      <c r="R24231" s="5" t="s">
        <v>1522</v>
      </c>
      <c r="S24231" s="5" t="s">
        <v>1523</v>
      </c>
      <c r="T24231" s="5" t="s">
        <v>42</v>
      </c>
      <c r="U24231" s="2">
        <v>2.95</v>
      </c>
      <c r="V24231" s="2">
        <v>2.4129999999999998</v>
      </c>
      <c r="W24231" s="2">
        <v>1.4999999999999999E-2</v>
      </c>
      <c r="X24231" s="2">
        <v>118.9</v>
      </c>
      <c r="Y24231" s="2">
        <v>7.6</v>
      </c>
      <c r="Z24231" s="2">
        <v>16.7</v>
      </c>
      <c r="AA24231" s="5"/>
      <c r="AB24231" s="5" t="s">
        <v>43</v>
      </c>
      <c r="AC24231" s="5" t="s">
        <v>44</v>
      </c>
      <c r="AD24231" s="2"/>
      <c r="AE24231" s="1"/>
    </row>
    <row r="24232" spans="1:31" ht="14.45">
      <c r="A24232" s="11"/>
      <c r="B24232" s="20"/>
      <c r="C24232" s="2" t="s">
        <v>77575</v>
      </c>
      <c r="D24232" s="14" t="s">
        <v>77576</v>
      </c>
      <c r="E24232" s="2" t="s">
        <v>77577</v>
      </c>
      <c r="F24232" s="2" t="s">
        <v>7449</v>
      </c>
      <c r="G24232" s="8">
        <v>267</v>
      </c>
      <c r="H24232" s="5">
        <v>6</v>
      </c>
      <c r="I24232" s="5" t="s">
        <v>1518</v>
      </c>
      <c r="J24232" s="5" t="s">
        <v>69038</v>
      </c>
      <c r="K24232" s="2" t="s">
        <v>69039</v>
      </c>
      <c r="L24232" s="5" t="s">
        <v>69038</v>
      </c>
      <c r="M24232" s="2" t="s">
        <v>69039</v>
      </c>
      <c r="N24232" s="5" t="s">
        <v>1521</v>
      </c>
      <c r="O24232" s="5" t="s">
        <v>38</v>
      </c>
      <c r="P24232" s="5" t="s">
        <v>39</v>
      </c>
      <c r="Q24232" s="5" t="s">
        <v>40</v>
      </c>
      <c r="R24232" s="5" t="s">
        <v>1522</v>
      </c>
      <c r="S24232" s="5" t="s">
        <v>1523</v>
      </c>
      <c r="T24232" s="5" t="s">
        <v>42</v>
      </c>
      <c r="U24232" s="2">
        <v>2.8580000000000001</v>
      </c>
      <c r="V24232" s="2">
        <v>2.3210000000000002</v>
      </c>
      <c r="W24232" s="2">
        <v>1.4999999999999999E-2</v>
      </c>
      <c r="X24232" s="2">
        <v>118.9</v>
      </c>
      <c r="Y24232" s="2">
        <v>7.6</v>
      </c>
      <c r="Z24232" s="2">
        <v>16.7</v>
      </c>
      <c r="AA24232" s="5"/>
      <c r="AB24232" s="5" t="s">
        <v>43</v>
      </c>
      <c r="AC24232" s="5" t="s">
        <v>44</v>
      </c>
      <c r="AD24232" s="2"/>
      <c r="AE24232" s="1"/>
    </row>
    <row r="24233" spans="1:31" ht="14.45">
      <c r="A24233" s="11"/>
      <c r="B24233" s="20"/>
      <c r="C24233" s="2" t="s">
        <v>77578</v>
      </c>
      <c r="D24233" s="14" t="s">
        <v>77579</v>
      </c>
      <c r="E24233" s="2" t="s">
        <v>77580</v>
      </c>
      <c r="F24233" s="2" t="s">
        <v>7581</v>
      </c>
      <c r="G24233" s="8">
        <v>267</v>
      </c>
      <c r="H24233" s="5">
        <v>6</v>
      </c>
      <c r="I24233" s="5" t="s">
        <v>1518</v>
      </c>
      <c r="J24233" s="5" t="s">
        <v>69038</v>
      </c>
      <c r="K24233" s="2" t="s">
        <v>69039</v>
      </c>
      <c r="L24233" s="5" t="s">
        <v>69038</v>
      </c>
      <c r="M24233" s="2" t="s">
        <v>69039</v>
      </c>
      <c r="N24233" s="5" t="s">
        <v>1521</v>
      </c>
      <c r="O24233" s="5" t="s">
        <v>38</v>
      </c>
      <c r="P24233" s="5" t="s">
        <v>39</v>
      </c>
      <c r="Q24233" s="5" t="s">
        <v>40</v>
      </c>
      <c r="R24233" s="5" t="s">
        <v>1522</v>
      </c>
      <c r="S24233" s="5" t="s">
        <v>1523</v>
      </c>
      <c r="T24233" s="5" t="s">
        <v>42</v>
      </c>
      <c r="U24233" s="2">
        <v>2.95</v>
      </c>
      <c r="V24233" s="2">
        <v>2.4129999999999998</v>
      </c>
      <c r="W24233" s="2">
        <v>1.4999999999999999E-2</v>
      </c>
      <c r="X24233" s="2">
        <v>118.9</v>
      </c>
      <c r="Y24233" s="2">
        <v>7.6</v>
      </c>
      <c r="Z24233" s="2">
        <v>16.7</v>
      </c>
      <c r="AA24233" s="5"/>
      <c r="AB24233" s="5" t="s">
        <v>43</v>
      </c>
      <c r="AC24233" s="5" t="s">
        <v>44</v>
      </c>
      <c r="AD24233" s="2"/>
      <c r="AE24233" s="1"/>
    </row>
    <row r="24234" spans="1:31" ht="14.45">
      <c r="A24234" s="11"/>
      <c r="B24234" s="20"/>
      <c r="C24234" s="2" t="s">
        <v>77581</v>
      </c>
      <c r="D24234" s="14" t="s">
        <v>77582</v>
      </c>
      <c r="E24234" s="2" t="s">
        <v>77583</v>
      </c>
      <c r="F24234" s="2" t="s">
        <v>7585</v>
      </c>
      <c r="G24234" s="8">
        <v>267</v>
      </c>
      <c r="H24234" s="5">
        <v>6</v>
      </c>
      <c r="I24234" s="5" t="s">
        <v>1518</v>
      </c>
      <c r="J24234" s="5" t="s">
        <v>69038</v>
      </c>
      <c r="K24234" s="2" t="s">
        <v>69039</v>
      </c>
      <c r="L24234" s="5" t="s">
        <v>69038</v>
      </c>
      <c r="M24234" s="2" t="s">
        <v>69039</v>
      </c>
      <c r="N24234" s="5" t="s">
        <v>1521</v>
      </c>
      <c r="O24234" s="5" t="s">
        <v>38</v>
      </c>
      <c r="P24234" s="5" t="s">
        <v>39</v>
      </c>
      <c r="Q24234" s="5" t="s">
        <v>40</v>
      </c>
      <c r="R24234" s="5" t="s">
        <v>1522</v>
      </c>
      <c r="S24234" s="5" t="s">
        <v>1523</v>
      </c>
      <c r="T24234" s="5" t="s">
        <v>42</v>
      </c>
      <c r="U24234" s="2">
        <v>2.8580000000000001</v>
      </c>
      <c r="V24234" s="2">
        <v>2.3210000000000002</v>
      </c>
      <c r="W24234" s="2">
        <v>1.4999999999999999E-2</v>
      </c>
      <c r="X24234" s="2">
        <v>118.9</v>
      </c>
      <c r="Y24234" s="2">
        <v>7.6</v>
      </c>
      <c r="Z24234" s="2">
        <v>16.7</v>
      </c>
      <c r="AA24234" s="5"/>
      <c r="AB24234" s="5" t="s">
        <v>43</v>
      </c>
      <c r="AC24234" s="5" t="s">
        <v>44</v>
      </c>
      <c r="AD24234" s="2"/>
      <c r="AE24234" s="1"/>
    </row>
    <row r="24235" spans="1:31" ht="14.45">
      <c r="A24235" s="11"/>
      <c r="B24235" s="20"/>
      <c r="C24235" s="2" t="s">
        <v>77584</v>
      </c>
      <c r="D24235" s="14" t="s">
        <v>77585</v>
      </c>
      <c r="E24235" s="2" t="s">
        <v>77586</v>
      </c>
      <c r="F24235" s="2" t="s">
        <v>7589</v>
      </c>
      <c r="G24235" s="8">
        <v>267</v>
      </c>
      <c r="H24235" s="5">
        <v>6</v>
      </c>
      <c r="I24235" s="5" t="s">
        <v>1518</v>
      </c>
      <c r="J24235" s="5" t="s">
        <v>69038</v>
      </c>
      <c r="K24235" s="2" t="s">
        <v>69039</v>
      </c>
      <c r="L24235" s="5" t="s">
        <v>69038</v>
      </c>
      <c r="M24235" s="2" t="s">
        <v>69039</v>
      </c>
      <c r="N24235" s="5" t="s">
        <v>1521</v>
      </c>
      <c r="O24235" s="5" t="s">
        <v>38</v>
      </c>
      <c r="P24235" s="5" t="s">
        <v>39</v>
      </c>
      <c r="Q24235" s="5" t="s">
        <v>40</v>
      </c>
      <c r="R24235" s="5" t="s">
        <v>1522</v>
      </c>
      <c r="S24235" s="5" t="s">
        <v>1523</v>
      </c>
      <c r="T24235" s="5" t="s">
        <v>42</v>
      </c>
      <c r="U24235" s="2">
        <v>2.95</v>
      </c>
      <c r="V24235" s="2">
        <v>2.4129999999999998</v>
      </c>
      <c r="W24235" s="2">
        <v>1.4999999999999999E-2</v>
      </c>
      <c r="X24235" s="2">
        <v>118.9</v>
      </c>
      <c r="Y24235" s="2">
        <v>7.6</v>
      </c>
      <c r="Z24235" s="2">
        <v>16.7</v>
      </c>
      <c r="AA24235" s="5"/>
      <c r="AB24235" s="5" t="s">
        <v>43</v>
      </c>
      <c r="AC24235" s="5" t="s">
        <v>44</v>
      </c>
      <c r="AD24235" s="2"/>
      <c r="AE24235" s="1"/>
    </row>
    <row r="24236" spans="1:31" ht="14.45">
      <c r="A24236" s="11"/>
      <c r="B24236" s="20"/>
      <c r="C24236" s="2" t="s">
        <v>77587</v>
      </c>
      <c r="D24236" s="14" t="s">
        <v>77588</v>
      </c>
      <c r="E24236" s="2" t="s">
        <v>77589</v>
      </c>
      <c r="F24236" s="2" t="s">
        <v>7593</v>
      </c>
      <c r="G24236" s="8">
        <v>267</v>
      </c>
      <c r="H24236" s="5">
        <v>6</v>
      </c>
      <c r="I24236" s="5" t="s">
        <v>1518</v>
      </c>
      <c r="J24236" s="5" t="s">
        <v>69038</v>
      </c>
      <c r="K24236" s="2" t="s">
        <v>69039</v>
      </c>
      <c r="L24236" s="5" t="s">
        <v>69038</v>
      </c>
      <c r="M24236" s="2" t="s">
        <v>69039</v>
      </c>
      <c r="N24236" s="5" t="s">
        <v>1521</v>
      </c>
      <c r="O24236" s="5" t="s">
        <v>38</v>
      </c>
      <c r="P24236" s="5" t="s">
        <v>39</v>
      </c>
      <c r="Q24236" s="5" t="s">
        <v>40</v>
      </c>
      <c r="R24236" s="5" t="s">
        <v>1522</v>
      </c>
      <c r="S24236" s="5" t="s">
        <v>1523</v>
      </c>
      <c r="T24236" s="5" t="s">
        <v>42</v>
      </c>
      <c r="U24236" s="2">
        <v>2.8580000000000001</v>
      </c>
      <c r="V24236" s="2">
        <v>2.3210000000000002</v>
      </c>
      <c r="W24236" s="2">
        <v>1.4999999999999999E-2</v>
      </c>
      <c r="X24236" s="2">
        <v>118.9</v>
      </c>
      <c r="Y24236" s="2">
        <v>7.6</v>
      </c>
      <c r="Z24236" s="2">
        <v>16.7</v>
      </c>
      <c r="AA24236" s="5"/>
      <c r="AB24236" s="5" t="s">
        <v>43</v>
      </c>
      <c r="AC24236" s="5" t="s">
        <v>44</v>
      </c>
      <c r="AD24236" s="2"/>
      <c r="AE24236" s="1"/>
    </row>
    <row r="24237" spans="1:31" ht="14.45">
      <c r="A24237" s="11"/>
      <c r="B24237" s="20"/>
      <c r="C24237" s="2" t="s">
        <v>77590</v>
      </c>
      <c r="D24237" s="14" t="s">
        <v>77591</v>
      </c>
      <c r="E24237" s="2" t="s">
        <v>77592</v>
      </c>
      <c r="F24237" s="2" t="s">
        <v>73358</v>
      </c>
      <c r="G24237" s="8">
        <v>267</v>
      </c>
      <c r="H24237" s="5">
        <v>6</v>
      </c>
      <c r="I24237" s="5" t="s">
        <v>1518</v>
      </c>
      <c r="J24237" s="5" t="s">
        <v>69038</v>
      </c>
      <c r="K24237" s="2" t="s">
        <v>69039</v>
      </c>
      <c r="L24237" s="5" t="s">
        <v>69038</v>
      </c>
      <c r="M24237" s="2" t="s">
        <v>69039</v>
      </c>
      <c r="N24237" s="5" t="s">
        <v>1521</v>
      </c>
      <c r="O24237" s="5" t="s">
        <v>38</v>
      </c>
      <c r="P24237" s="5" t="s">
        <v>39</v>
      </c>
      <c r="Q24237" s="5" t="s">
        <v>40</v>
      </c>
      <c r="R24237" s="5" t="s">
        <v>1522</v>
      </c>
      <c r="S24237" s="5" t="s">
        <v>1523</v>
      </c>
      <c r="T24237" s="5" t="s">
        <v>42</v>
      </c>
      <c r="U24237" s="2">
        <v>2.8580000000000001</v>
      </c>
      <c r="V24237" s="2">
        <v>2.3210000000000002</v>
      </c>
      <c r="W24237" s="2">
        <v>1.4999999999999999E-2</v>
      </c>
      <c r="X24237" s="2">
        <v>118.9</v>
      </c>
      <c r="Y24237" s="2">
        <v>7.6</v>
      </c>
      <c r="Z24237" s="2">
        <v>16.7</v>
      </c>
      <c r="AA24237" s="5"/>
      <c r="AB24237" s="5" t="s">
        <v>43</v>
      </c>
      <c r="AC24237" s="5" t="s">
        <v>44</v>
      </c>
      <c r="AD24237" s="2"/>
      <c r="AE24237" s="1"/>
    </row>
    <row r="24238" spans="1:31" ht="14.45">
      <c r="A24238" s="11"/>
      <c r="B24238" s="20"/>
      <c r="C24238" s="2" t="s">
        <v>77593</v>
      </c>
      <c r="D24238" s="14" t="s">
        <v>77594</v>
      </c>
      <c r="E24238" s="2" t="s">
        <v>77595</v>
      </c>
      <c r="F24238" s="2" t="s">
        <v>73362</v>
      </c>
      <c r="G24238" s="8">
        <v>267</v>
      </c>
      <c r="H24238" s="5">
        <v>6</v>
      </c>
      <c r="I24238" s="5" t="s">
        <v>1518</v>
      </c>
      <c r="J24238" s="5" t="s">
        <v>69038</v>
      </c>
      <c r="K24238" s="2" t="s">
        <v>69039</v>
      </c>
      <c r="L24238" s="5" t="s">
        <v>69038</v>
      </c>
      <c r="M24238" s="2" t="s">
        <v>69039</v>
      </c>
      <c r="N24238" s="5" t="s">
        <v>1521</v>
      </c>
      <c r="O24238" s="5" t="s">
        <v>38</v>
      </c>
      <c r="P24238" s="5" t="s">
        <v>39</v>
      </c>
      <c r="Q24238" s="5" t="s">
        <v>40</v>
      </c>
      <c r="R24238" s="5" t="s">
        <v>1522</v>
      </c>
      <c r="S24238" s="5" t="s">
        <v>1523</v>
      </c>
      <c r="T24238" s="5" t="s">
        <v>42</v>
      </c>
      <c r="U24238" s="2">
        <v>2.95</v>
      </c>
      <c r="V24238" s="2">
        <v>2.4129999999999998</v>
      </c>
      <c r="W24238" s="2">
        <v>1.4999999999999999E-2</v>
      </c>
      <c r="X24238" s="2">
        <v>118.9</v>
      </c>
      <c r="Y24238" s="2">
        <v>7.6</v>
      </c>
      <c r="Z24238" s="2">
        <v>16.7</v>
      </c>
      <c r="AA24238" s="5"/>
      <c r="AB24238" s="5" t="s">
        <v>43</v>
      </c>
      <c r="AC24238" s="5" t="s">
        <v>44</v>
      </c>
      <c r="AD24238" s="2"/>
      <c r="AE24238" s="1"/>
    </row>
    <row r="24239" spans="1:31" ht="14.45">
      <c r="A24239" s="11"/>
      <c r="B24239" s="20"/>
      <c r="C24239" s="2" t="s">
        <v>77596</v>
      </c>
      <c r="D24239" s="14" t="s">
        <v>77597</v>
      </c>
      <c r="E24239" s="2" t="s">
        <v>77598</v>
      </c>
      <c r="F24239" s="2" t="s">
        <v>7615</v>
      </c>
      <c r="G24239" s="8">
        <v>267</v>
      </c>
      <c r="H24239" s="5">
        <v>6</v>
      </c>
      <c r="I24239" s="5" t="s">
        <v>1518</v>
      </c>
      <c r="J24239" s="5" t="s">
        <v>69038</v>
      </c>
      <c r="K24239" s="2" t="s">
        <v>69039</v>
      </c>
      <c r="L24239" s="5" t="s">
        <v>69038</v>
      </c>
      <c r="M24239" s="2" t="s">
        <v>69039</v>
      </c>
      <c r="N24239" s="5" t="s">
        <v>1521</v>
      </c>
      <c r="O24239" s="5" t="s">
        <v>38</v>
      </c>
      <c r="P24239" s="5" t="s">
        <v>39</v>
      </c>
      <c r="Q24239" s="5" t="s">
        <v>40</v>
      </c>
      <c r="R24239" s="5" t="s">
        <v>1522</v>
      </c>
      <c r="S24239" s="5" t="s">
        <v>1523</v>
      </c>
      <c r="T24239" s="5" t="s">
        <v>42</v>
      </c>
      <c r="U24239" s="2">
        <v>2.8580000000000001</v>
      </c>
      <c r="V24239" s="2">
        <v>2.3210000000000002</v>
      </c>
      <c r="W24239" s="2">
        <v>1.4999999999999999E-2</v>
      </c>
      <c r="X24239" s="2">
        <v>118.9</v>
      </c>
      <c r="Y24239" s="2">
        <v>7.6</v>
      </c>
      <c r="Z24239" s="2">
        <v>16.7</v>
      </c>
      <c r="AA24239" s="5"/>
      <c r="AB24239" s="5" t="s">
        <v>43</v>
      </c>
      <c r="AC24239" s="5" t="s">
        <v>44</v>
      </c>
      <c r="AD24239" s="2"/>
      <c r="AE24239" s="1"/>
    </row>
    <row r="24240" spans="1:31" ht="14.45">
      <c r="A24240" s="11"/>
      <c r="B24240" s="20"/>
      <c r="C24240" s="2" t="s">
        <v>77599</v>
      </c>
      <c r="D24240" s="14" t="s">
        <v>77600</v>
      </c>
      <c r="E24240" s="2" t="s">
        <v>77601</v>
      </c>
      <c r="F24240" s="2" t="s">
        <v>7619</v>
      </c>
      <c r="G24240" s="8">
        <v>267</v>
      </c>
      <c r="H24240" s="5">
        <v>6</v>
      </c>
      <c r="I24240" s="5" t="s">
        <v>1518</v>
      </c>
      <c r="J24240" s="5" t="s">
        <v>69038</v>
      </c>
      <c r="K24240" s="2" t="s">
        <v>69039</v>
      </c>
      <c r="L24240" s="5" t="s">
        <v>69038</v>
      </c>
      <c r="M24240" s="2" t="s">
        <v>69039</v>
      </c>
      <c r="N24240" s="5" t="s">
        <v>1521</v>
      </c>
      <c r="O24240" s="5" t="s">
        <v>38</v>
      </c>
      <c r="P24240" s="5" t="s">
        <v>39</v>
      </c>
      <c r="Q24240" s="5" t="s">
        <v>40</v>
      </c>
      <c r="R24240" s="5" t="s">
        <v>1522</v>
      </c>
      <c r="S24240" s="5" t="s">
        <v>1523</v>
      </c>
      <c r="T24240" s="5" t="s">
        <v>42</v>
      </c>
      <c r="U24240" s="2">
        <v>2.95</v>
      </c>
      <c r="V24240" s="2">
        <v>2.4129999999999998</v>
      </c>
      <c r="W24240" s="2">
        <v>1.4999999999999999E-2</v>
      </c>
      <c r="X24240" s="2">
        <v>118.9</v>
      </c>
      <c r="Y24240" s="2">
        <v>7.6</v>
      </c>
      <c r="Z24240" s="2">
        <v>16.7</v>
      </c>
      <c r="AA24240" s="5"/>
      <c r="AB24240" s="5" t="s">
        <v>43</v>
      </c>
      <c r="AC24240" s="5" t="s">
        <v>44</v>
      </c>
      <c r="AD24240" s="2"/>
      <c r="AE24240" s="1"/>
    </row>
    <row r="24241" spans="1:31" ht="14.45">
      <c r="A24241" s="11"/>
      <c r="B24241" s="20"/>
      <c r="C24241" s="2" t="s">
        <v>77602</v>
      </c>
      <c r="D24241" s="14" t="s">
        <v>77603</v>
      </c>
      <c r="E24241" s="2" t="s">
        <v>77604</v>
      </c>
      <c r="F24241" s="2" t="s">
        <v>16014</v>
      </c>
      <c r="G24241" s="8">
        <v>267</v>
      </c>
      <c r="H24241" s="5">
        <v>6</v>
      </c>
      <c r="I24241" s="5" t="s">
        <v>1518</v>
      </c>
      <c r="J24241" s="5" t="s">
        <v>69038</v>
      </c>
      <c r="K24241" s="2" t="s">
        <v>69039</v>
      </c>
      <c r="L24241" s="5" t="s">
        <v>69038</v>
      </c>
      <c r="M24241" s="2" t="s">
        <v>69039</v>
      </c>
      <c r="N24241" s="5" t="s">
        <v>1521</v>
      </c>
      <c r="O24241" s="5" t="s">
        <v>38</v>
      </c>
      <c r="P24241" s="5" t="s">
        <v>39</v>
      </c>
      <c r="Q24241" s="5" t="s">
        <v>40</v>
      </c>
      <c r="R24241" s="5" t="s">
        <v>1522</v>
      </c>
      <c r="S24241" s="5" t="s">
        <v>1523</v>
      </c>
      <c r="T24241" s="5" t="s">
        <v>42</v>
      </c>
      <c r="U24241" s="2">
        <v>2.8580000000000001</v>
      </c>
      <c r="V24241" s="2">
        <v>2.3210000000000002</v>
      </c>
      <c r="W24241" s="2">
        <v>1.4999999999999999E-2</v>
      </c>
      <c r="X24241" s="2">
        <v>118.9</v>
      </c>
      <c r="Y24241" s="2">
        <v>7.6</v>
      </c>
      <c r="Z24241" s="2">
        <v>16.7</v>
      </c>
      <c r="AA24241" s="5"/>
      <c r="AB24241" s="5" t="s">
        <v>43</v>
      </c>
      <c r="AC24241" s="5" t="s">
        <v>44</v>
      </c>
      <c r="AD24241" s="2"/>
      <c r="AE24241" s="1"/>
    </row>
    <row r="24242" spans="1:31" ht="14.45">
      <c r="A24242" s="11"/>
      <c r="B24242" s="20"/>
      <c r="C24242" s="2" t="s">
        <v>77605</v>
      </c>
      <c r="D24242" s="14" t="s">
        <v>77606</v>
      </c>
      <c r="E24242" s="2" t="s">
        <v>77607</v>
      </c>
      <c r="F24242" s="2" t="s">
        <v>16219</v>
      </c>
      <c r="G24242" s="8">
        <v>267</v>
      </c>
      <c r="H24242" s="5">
        <v>6</v>
      </c>
      <c r="I24242" s="5" t="s">
        <v>1518</v>
      </c>
      <c r="J24242" s="5" t="s">
        <v>69038</v>
      </c>
      <c r="K24242" s="2" t="s">
        <v>69039</v>
      </c>
      <c r="L24242" s="5" t="s">
        <v>69038</v>
      </c>
      <c r="M24242" s="2" t="s">
        <v>69039</v>
      </c>
      <c r="N24242" s="5" t="s">
        <v>1521</v>
      </c>
      <c r="O24242" s="5" t="s">
        <v>38</v>
      </c>
      <c r="P24242" s="5" t="s">
        <v>39</v>
      </c>
      <c r="Q24242" s="5" t="s">
        <v>40</v>
      </c>
      <c r="R24242" s="5" t="s">
        <v>1522</v>
      </c>
      <c r="S24242" s="5" t="s">
        <v>1523</v>
      </c>
      <c r="T24242" s="5" t="s">
        <v>42</v>
      </c>
      <c r="U24242" s="2">
        <v>2.95</v>
      </c>
      <c r="V24242" s="2">
        <v>2.4129999999999998</v>
      </c>
      <c r="W24242" s="2">
        <v>1.4999999999999999E-2</v>
      </c>
      <c r="X24242" s="2">
        <v>118.9</v>
      </c>
      <c r="Y24242" s="2">
        <v>7.6</v>
      </c>
      <c r="Z24242" s="2">
        <v>16.7</v>
      </c>
      <c r="AA24242" s="5"/>
      <c r="AB24242" s="5" t="s">
        <v>43</v>
      </c>
      <c r="AC24242" s="5" t="s">
        <v>44</v>
      </c>
      <c r="AD24242" s="2"/>
      <c r="AE24242" s="1"/>
    </row>
    <row r="24243" spans="1:31" ht="14.45">
      <c r="A24243" s="11"/>
      <c r="B24243" s="20"/>
      <c r="C24243" s="2" t="s">
        <v>77608</v>
      </c>
      <c r="D24243" s="14" t="s">
        <v>77609</v>
      </c>
      <c r="E24243" s="2" t="s">
        <v>77610</v>
      </c>
      <c r="F24243" s="2" t="s">
        <v>7212</v>
      </c>
      <c r="G24243" s="8">
        <v>249</v>
      </c>
      <c r="H24243" s="5">
        <v>6</v>
      </c>
      <c r="I24243" s="5" t="s">
        <v>1518</v>
      </c>
      <c r="J24243" s="5" t="s">
        <v>69038</v>
      </c>
      <c r="K24243" s="2" t="s">
        <v>69039</v>
      </c>
      <c r="L24243" s="5" t="s">
        <v>69038</v>
      </c>
      <c r="M24243" s="2" t="s">
        <v>69039</v>
      </c>
      <c r="N24243" s="5" t="s">
        <v>1521</v>
      </c>
      <c r="O24243" s="5" t="s">
        <v>38</v>
      </c>
      <c r="P24243" s="5" t="s">
        <v>39</v>
      </c>
      <c r="Q24243" s="5" t="s">
        <v>40</v>
      </c>
      <c r="R24243" s="5" t="s">
        <v>1522</v>
      </c>
      <c r="S24243" s="5" t="s">
        <v>1523</v>
      </c>
      <c r="T24243" s="5" t="s">
        <v>42</v>
      </c>
      <c r="U24243" s="2">
        <v>2.8580000000000001</v>
      </c>
      <c r="V24243" s="2">
        <v>2.3210000000000002</v>
      </c>
      <c r="W24243" s="2">
        <v>1.4999999999999999E-2</v>
      </c>
      <c r="X24243" s="2">
        <v>118.9</v>
      </c>
      <c r="Y24243" s="2">
        <v>7.6</v>
      </c>
      <c r="Z24243" s="2">
        <v>16.7</v>
      </c>
      <c r="AA24243" s="5"/>
      <c r="AB24243" s="5" t="s">
        <v>43</v>
      </c>
      <c r="AC24243" s="5" t="s">
        <v>44</v>
      </c>
      <c r="AD24243" s="2"/>
      <c r="AE24243" s="1"/>
    </row>
    <row r="24244" spans="1:31" ht="14.45">
      <c r="A24244" s="11"/>
      <c r="B24244" s="20"/>
      <c r="C24244" s="2" t="s">
        <v>77611</v>
      </c>
      <c r="D24244" s="14" t="s">
        <v>77612</v>
      </c>
      <c r="E24244" s="2" t="s">
        <v>77613</v>
      </c>
      <c r="F24244" s="2" t="s">
        <v>7528</v>
      </c>
      <c r="G24244" s="8">
        <v>249</v>
      </c>
      <c r="H24244" s="5">
        <v>6</v>
      </c>
      <c r="I24244" s="5" t="s">
        <v>1518</v>
      </c>
      <c r="J24244" s="5" t="s">
        <v>69038</v>
      </c>
      <c r="K24244" s="2" t="s">
        <v>69039</v>
      </c>
      <c r="L24244" s="5" t="s">
        <v>69038</v>
      </c>
      <c r="M24244" s="2" t="s">
        <v>69039</v>
      </c>
      <c r="N24244" s="5" t="s">
        <v>1521</v>
      </c>
      <c r="O24244" s="5" t="s">
        <v>38</v>
      </c>
      <c r="P24244" s="5" t="s">
        <v>39</v>
      </c>
      <c r="Q24244" s="5" t="s">
        <v>40</v>
      </c>
      <c r="R24244" s="5" t="s">
        <v>1522</v>
      </c>
      <c r="S24244" s="5" t="s">
        <v>1523</v>
      </c>
      <c r="T24244" s="5" t="s">
        <v>42</v>
      </c>
      <c r="U24244" s="2">
        <v>2.95</v>
      </c>
      <c r="V24244" s="2">
        <v>2.4129999999999998</v>
      </c>
      <c r="W24244" s="2">
        <v>1.4999999999999999E-2</v>
      </c>
      <c r="X24244" s="2">
        <v>118.9</v>
      </c>
      <c r="Y24244" s="2">
        <v>7.6</v>
      </c>
      <c r="Z24244" s="2">
        <v>16.7</v>
      </c>
      <c r="AA24244" s="5"/>
      <c r="AB24244" s="5" t="s">
        <v>43</v>
      </c>
      <c r="AC24244" s="5" t="s">
        <v>44</v>
      </c>
      <c r="AD24244" s="2"/>
      <c r="AE24244" s="1"/>
    </row>
    <row r="24245" spans="1:31" ht="14.45">
      <c r="A24245" s="11"/>
      <c r="B24245" s="20"/>
      <c r="C24245" s="2" t="s">
        <v>77614</v>
      </c>
      <c r="D24245" s="14" t="s">
        <v>77615</v>
      </c>
      <c r="E24245" s="2" t="s">
        <v>77616</v>
      </c>
      <c r="F24245" s="2" t="s">
        <v>16029</v>
      </c>
      <c r="G24245" s="8">
        <v>267</v>
      </c>
      <c r="H24245" s="5">
        <v>6</v>
      </c>
      <c r="I24245" s="5" t="s">
        <v>1518</v>
      </c>
      <c r="J24245" s="5" t="s">
        <v>69038</v>
      </c>
      <c r="K24245" s="2" t="s">
        <v>69039</v>
      </c>
      <c r="L24245" s="5" t="s">
        <v>69038</v>
      </c>
      <c r="M24245" s="2" t="s">
        <v>69039</v>
      </c>
      <c r="N24245" s="5" t="s">
        <v>1521</v>
      </c>
      <c r="O24245" s="5" t="s">
        <v>38</v>
      </c>
      <c r="P24245" s="5" t="s">
        <v>39</v>
      </c>
      <c r="Q24245" s="5" t="s">
        <v>40</v>
      </c>
      <c r="R24245" s="5" t="s">
        <v>1522</v>
      </c>
      <c r="S24245" s="5" t="s">
        <v>1523</v>
      </c>
      <c r="T24245" s="5" t="s">
        <v>42</v>
      </c>
      <c r="U24245" s="2">
        <v>2.8620000000000001</v>
      </c>
      <c r="V24245" s="2">
        <v>2.3250000000000002</v>
      </c>
      <c r="W24245" s="2">
        <v>1.4999999999999999E-2</v>
      </c>
      <c r="X24245" s="2">
        <v>118.9</v>
      </c>
      <c r="Y24245" s="2">
        <v>7.6</v>
      </c>
      <c r="Z24245" s="2">
        <v>16.7</v>
      </c>
      <c r="AA24245" s="5"/>
      <c r="AB24245" s="5" t="s">
        <v>43</v>
      </c>
      <c r="AC24245" s="5" t="s">
        <v>44</v>
      </c>
      <c r="AD24245" s="2"/>
      <c r="AE24245" s="1"/>
    </row>
    <row r="24246" spans="1:31" ht="14.45">
      <c r="A24246" s="11"/>
      <c r="B24246" s="20"/>
      <c r="C24246" s="2" t="s">
        <v>77617</v>
      </c>
      <c r="D24246" s="14" t="s">
        <v>77618</v>
      </c>
      <c r="E24246" s="2" t="s">
        <v>77619</v>
      </c>
      <c r="F24246" s="2" t="s">
        <v>16033</v>
      </c>
      <c r="G24246" s="8">
        <v>267</v>
      </c>
      <c r="H24246" s="5">
        <v>6</v>
      </c>
      <c r="I24246" s="5" t="s">
        <v>1518</v>
      </c>
      <c r="J24246" s="5" t="s">
        <v>69038</v>
      </c>
      <c r="K24246" s="2" t="s">
        <v>69039</v>
      </c>
      <c r="L24246" s="5" t="s">
        <v>69038</v>
      </c>
      <c r="M24246" s="2" t="s">
        <v>69039</v>
      </c>
      <c r="N24246" s="5" t="s">
        <v>1521</v>
      </c>
      <c r="O24246" s="5" t="s">
        <v>38</v>
      </c>
      <c r="P24246" s="5" t="s">
        <v>39</v>
      </c>
      <c r="Q24246" s="5" t="s">
        <v>40</v>
      </c>
      <c r="R24246" s="5" t="s">
        <v>1522</v>
      </c>
      <c r="S24246" s="5" t="s">
        <v>1523</v>
      </c>
      <c r="T24246" s="5" t="s">
        <v>42</v>
      </c>
      <c r="U24246" s="2">
        <v>2.9540000000000002</v>
      </c>
      <c r="V24246" s="2">
        <v>2.4169999999999998</v>
      </c>
      <c r="W24246" s="2">
        <v>1.4999999999999999E-2</v>
      </c>
      <c r="X24246" s="2">
        <v>118.9</v>
      </c>
      <c r="Y24246" s="2">
        <v>7.6</v>
      </c>
      <c r="Z24246" s="2">
        <v>16.7</v>
      </c>
      <c r="AA24246" s="5"/>
      <c r="AB24246" s="5" t="s">
        <v>43</v>
      </c>
      <c r="AC24246" s="5" t="s">
        <v>44</v>
      </c>
      <c r="AD24246" s="2"/>
      <c r="AE24246" s="1"/>
    </row>
    <row r="24247" spans="1:31" ht="14.45">
      <c r="A24247" s="11"/>
      <c r="B24247" s="20"/>
      <c r="C24247" s="2" t="s">
        <v>77620</v>
      </c>
      <c r="D24247" s="14" t="s">
        <v>77621</v>
      </c>
      <c r="E24247" s="2" t="s">
        <v>77622</v>
      </c>
      <c r="F24247" s="2" t="s">
        <v>7204</v>
      </c>
      <c r="G24247" s="8">
        <v>256</v>
      </c>
      <c r="H24247" s="5">
        <v>6</v>
      </c>
      <c r="I24247" s="5" t="s">
        <v>1518</v>
      </c>
      <c r="J24247" s="5" t="s">
        <v>69038</v>
      </c>
      <c r="K24247" s="2" t="s">
        <v>69039</v>
      </c>
      <c r="L24247" s="5" t="s">
        <v>69038</v>
      </c>
      <c r="M24247" s="2" t="s">
        <v>69039</v>
      </c>
      <c r="N24247" s="5" t="s">
        <v>1521</v>
      </c>
      <c r="O24247" s="5" t="s">
        <v>38</v>
      </c>
      <c r="P24247" s="5" t="s">
        <v>39</v>
      </c>
      <c r="Q24247" s="5" t="s">
        <v>40</v>
      </c>
      <c r="R24247" s="5" t="s">
        <v>1522</v>
      </c>
      <c r="S24247" s="5" t="s">
        <v>1523</v>
      </c>
      <c r="T24247" s="5" t="s">
        <v>42</v>
      </c>
      <c r="U24247" s="2">
        <v>3.097</v>
      </c>
      <c r="V24247" s="2">
        <v>2.484</v>
      </c>
      <c r="W24247" s="2">
        <v>1.7999999999999999E-2</v>
      </c>
      <c r="X24247" s="2">
        <v>139.1</v>
      </c>
      <c r="Y24247" s="2">
        <v>7.6</v>
      </c>
      <c r="Z24247" s="2">
        <v>16.7</v>
      </c>
      <c r="AA24247" s="5"/>
      <c r="AB24247" s="5" t="s">
        <v>43</v>
      </c>
      <c r="AC24247" s="5" t="s">
        <v>44</v>
      </c>
      <c r="AD24247" s="2"/>
      <c r="AE24247" s="1"/>
    </row>
    <row r="24248" spans="1:31" ht="14.45">
      <c r="A24248" s="11"/>
      <c r="B24248" s="20"/>
      <c r="C24248" s="2" t="s">
        <v>77623</v>
      </c>
      <c r="D24248" s="14" t="s">
        <v>77624</v>
      </c>
      <c r="E24248" s="2" t="s">
        <v>77625</v>
      </c>
      <c r="F24248" s="2" t="s">
        <v>7514</v>
      </c>
      <c r="G24248" s="8">
        <v>256</v>
      </c>
      <c r="H24248" s="5">
        <v>6</v>
      </c>
      <c r="I24248" s="5" t="s">
        <v>1518</v>
      </c>
      <c r="J24248" s="5" t="s">
        <v>69038</v>
      </c>
      <c r="K24248" s="2" t="s">
        <v>69039</v>
      </c>
      <c r="L24248" s="5" t="s">
        <v>69038</v>
      </c>
      <c r="M24248" s="2" t="s">
        <v>69039</v>
      </c>
      <c r="N24248" s="5" t="s">
        <v>1521</v>
      </c>
      <c r="O24248" s="5" t="s">
        <v>38</v>
      </c>
      <c r="P24248" s="5" t="s">
        <v>39</v>
      </c>
      <c r="Q24248" s="5" t="s">
        <v>40</v>
      </c>
      <c r="R24248" s="5" t="s">
        <v>1522</v>
      </c>
      <c r="S24248" s="5" t="s">
        <v>1523</v>
      </c>
      <c r="T24248" s="5" t="s">
        <v>42</v>
      </c>
      <c r="U24248" s="2">
        <v>3.1989999999999998</v>
      </c>
      <c r="V24248" s="2">
        <v>2.5859999999999999</v>
      </c>
      <c r="W24248" s="2">
        <v>1.7999999999999999E-2</v>
      </c>
      <c r="X24248" s="2">
        <v>139.1</v>
      </c>
      <c r="Y24248" s="2">
        <v>7.6</v>
      </c>
      <c r="Z24248" s="2">
        <v>16.7</v>
      </c>
      <c r="AA24248" s="5"/>
      <c r="AB24248" s="5" t="s">
        <v>43</v>
      </c>
      <c r="AC24248" s="5" t="s">
        <v>44</v>
      </c>
      <c r="AD24248" s="2"/>
      <c r="AE24248" s="1"/>
    </row>
    <row r="24249" spans="1:31" ht="14.45">
      <c r="A24249" s="11"/>
      <c r="B24249" s="20"/>
      <c r="C24249" s="2" t="s">
        <v>77626</v>
      </c>
      <c r="D24249" s="14" t="s">
        <v>77627</v>
      </c>
      <c r="E24249" s="2" t="s">
        <v>77628</v>
      </c>
      <c r="F24249" s="2" t="s">
        <v>7208</v>
      </c>
      <c r="G24249" s="8">
        <v>256</v>
      </c>
      <c r="H24249" s="5">
        <v>6</v>
      </c>
      <c r="I24249" s="5" t="s">
        <v>1518</v>
      </c>
      <c r="J24249" s="5" t="s">
        <v>69038</v>
      </c>
      <c r="K24249" s="2" t="s">
        <v>69039</v>
      </c>
      <c r="L24249" s="5" t="s">
        <v>69038</v>
      </c>
      <c r="M24249" s="2" t="s">
        <v>69039</v>
      </c>
      <c r="N24249" s="5" t="s">
        <v>1521</v>
      </c>
      <c r="O24249" s="5" t="s">
        <v>38</v>
      </c>
      <c r="P24249" s="5" t="s">
        <v>39</v>
      </c>
      <c r="Q24249" s="5" t="s">
        <v>40</v>
      </c>
      <c r="R24249" s="5" t="s">
        <v>1522</v>
      </c>
      <c r="S24249" s="5" t="s">
        <v>1523</v>
      </c>
      <c r="T24249" s="5" t="s">
        <v>42</v>
      </c>
      <c r="U24249" s="2">
        <v>3.097</v>
      </c>
      <c r="V24249" s="2">
        <v>2.484</v>
      </c>
      <c r="W24249" s="2">
        <v>1.7999999999999999E-2</v>
      </c>
      <c r="X24249" s="2">
        <v>139.1</v>
      </c>
      <c r="Y24249" s="2">
        <v>7.6</v>
      </c>
      <c r="Z24249" s="2">
        <v>16.7</v>
      </c>
      <c r="AA24249" s="5"/>
      <c r="AB24249" s="5" t="s">
        <v>43</v>
      </c>
      <c r="AC24249" s="5" t="s">
        <v>44</v>
      </c>
      <c r="AD24249" s="2"/>
      <c r="AE24249" s="1"/>
    </row>
    <row r="24250" spans="1:31" ht="14.45">
      <c r="A24250" s="11"/>
      <c r="B24250" s="20"/>
      <c r="C24250" s="2" t="s">
        <v>77629</v>
      </c>
      <c r="D24250" s="14" t="s">
        <v>77630</v>
      </c>
      <c r="E24250" s="2" t="s">
        <v>77631</v>
      </c>
      <c r="F24250" s="2" t="s">
        <v>7406</v>
      </c>
      <c r="G24250" s="8">
        <v>275</v>
      </c>
      <c r="H24250" s="5">
        <v>6</v>
      </c>
      <c r="I24250" s="5" t="s">
        <v>1518</v>
      </c>
      <c r="J24250" s="5" t="s">
        <v>69038</v>
      </c>
      <c r="K24250" s="2" t="s">
        <v>69039</v>
      </c>
      <c r="L24250" s="5" t="s">
        <v>69038</v>
      </c>
      <c r="M24250" s="2" t="s">
        <v>69039</v>
      </c>
      <c r="N24250" s="5" t="s">
        <v>1521</v>
      </c>
      <c r="O24250" s="5" t="s">
        <v>38</v>
      </c>
      <c r="P24250" s="5" t="s">
        <v>39</v>
      </c>
      <c r="Q24250" s="5" t="s">
        <v>40</v>
      </c>
      <c r="R24250" s="5" t="s">
        <v>1522</v>
      </c>
      <c r="S24250" s="5" t="s">
        <v>1523</v>
      </c>
      <c r="T24250" s="5" t="s">
        <v>42</v>
      </c>
      <c r="U24250" s="2">
        <v>3.097</v>
      </c>
      <c r="V24250" s="2">
        <v>2.484</v>
      </c>
      <c r="W24250" s="2">
        <v>1.7999999999999999E-2</v>
      </c>
      <c r="X24250" s="2">
        <v>139.1</v>
      </c>
      <c r="Y24250" s="2">
        <v>7.6</v>
      </c>
      <c r="Z24250" s="2">
        <v>16.7</v>
      </c>
      <c r="AA24250" s="5"/>
      <c r="AB24250" s="5" t="s">
        <v>43</v>
      </c>
      <c r="AC24250" s="5" t="s">
        <v>44</v>
      </c>
      <c r="AD24250" s="2"/>
      <c r="AE24250" s="1"/>
    </row>
    <row r="24251" spans="1:31" ht="14.45">
      <c r="A24251" s="11"/>
      <c r="B24251" s="20"/>
      <c r="C24251" s="2" t="s">
        <v>77632</v>
      </c>
      <c r="D24251" s="14" t="s">
        <v>77633</v>
      </c>
      <c r="E24251" s="2" t="s">
        <v>77634</v>
      </c>
      <c r="F24251" s="2" t="s">
        <v>7535</v>
      </c>
      <c r="G24251" s="8">
        <v>275</v>
      </c>
      <c r="H24251" s="5">
        <v>6</v>
      </c>
      <c r="I24251" s="5" t="s">
        <v>1518</v>
      </c>
      <c r="J24251" s="5" t="s">
        <v>69038</v>
      </c>
      <c r="K24251" s="2" t="s">
        <v>69039</v>
      </c>
      <c r="L24251" s="5" t="s">
        <v>69038</v>
      </c>
      <c r="M24251" s="2" t="s">
        <v>69039</v>
      </c>
      <c r="N24251" s="5" t="s">
        <v>1521</v>
      </c>
      <c r="O24251" s="5" t="s">
        <v>38</v>
      </c>
      <c r="P24251" s="5" t="s">
        <v>39</v>
      </c>
      <c r="Q24251" s="5" t="s">
        <v>40</v>
      </c>
      <c r="R24251" s="5" t="s">
        <v>1522</v>
      </c>
      <c r="S24251" s="5" t="s">
        <v>1523</v>
      </c>
      <c r="T24251" s="5" t="s">
        <v>42</v>
      </c>
      <c r="U24251" s="2">
        <v>3.1989999999999998</v>
      </c>
      <c r="V24251" s="2">
        <v>2.5859999999999999</v>
      </c>
      <c r="W24251" s="2">
        <v>1.7999999999999999E-2</v>
      </c>
      <c r="X24251" s="2">
        <v>139.1</v>
      </c>
      <c r="Y24251" s="2">
        <v>7.6</v>
      </c>
      <c r="Z24251" s="2">
        <v>16.7</v>
      </c>
      <c r="AA24251" s="5"/>
      <c r="AB24251" s="5" t="s">
        <v>43</v>
      </c>
      <c r="AC24251" s="5" t="s">
        <v>44</v>
      </c>
      <c r="AD24251" s="2"/>
      <c r="AE24251" s="1"/>
    </row>
    <row r="24252" spans="1:31" ht="14.45">
      <c r="A24252" s="11"/>
      <c r="B24252" s="20"/>
      <c r="C24252" s="2" t="s">
        <v>77635</v>
      </c>
      <c r="D24252" s="14" t="s">
        <v>77636</v>
      </c>
      <c r="E24252" s="2" t="s">
        <v>77637</v>
      </c>
      <c r="F24252" s="2" t="s">
        <v>7539</v>
      </c>
      <c r="G24252" s="8">
        <v>275</v>
      </c>
      <c r="H24252" s="5">
        <v>6</v>
      </c>
      <c r="I24252" s="5" t="s">
        <v>1518</v>
      </c>
      <c r="J24252" s="5" t="s">
        <v>69038</v>
      </c>
      <c r="K24252" s="2" t="s">
        <v>69039</v>
      </c>
      <c r="L24252" s="5" t="s">
        <v>69038</v>
      </c>
      <c r="M24252" s="2" t="s">
        <v>69039</v>
      </c>
      <c r="N24252" s="5" t="s">
        <v>1521</v>
      </c>
      <c r="O24252" s="5" t="s">
        <v>38</v>
      </c>
      <c r="P24252" s="5" t="s">
        <v>39</v>
      </c>
      <c r="Q24252" s="5" t="s">
        <v>40</v>
      </c>
      <c r="R24252" s="5" t="s">
        <v>1522</v>
      </c>
      <c r="S24252" s="5" t="s">
        <v>1523</v>
      </c>
      <c r="T24252" s="5" t="s">
        <v>42</v>
      </c>
      <c r="U24252" s="2">
        <v>3.097</v>
      </c>
      <c r="V24252" s="2">
        <v>2.484</v>
      </c>
      <c r="W24252" s="2">
        <v>1.7999999999999999E-2</v>
      </c>
      <c r="X24252" s="2">
        <v>139.1</v>
      </c>
      <c r="Y24252" s="2">
        <v>7.6</v>
      </c>
      <c r="Z24252" s="2">
        <v>16.7</v>
      </c>
      <c r="AA24252" s="5"/>
      <c r="AB24252" s="5" t="s">
        <v>43</v>
      </c>
      <c r="AC24252" s="5" t="s">
        <v>44</v>
      </c>
      <c r="AD24252" s="2"/>
      <c r="AE24252" s="1"/>
    </row>
    <row r="24253" spans="1:31" ht="14.45">
      <c r="A24253" s="11"/>
      <c r="B24253" s="20"/>
      <c r="C24253" s="2" t="s">
        <v>77638</v>
      </c>
      <c r="D24253" s="14" t="s">
        <v>77639</v>
      </c>
      <c r="E24253" s="2" t="s">
        <v>77640</v>
      </c>
      <c r="F24253" s="2" t="s">
        <v>7543</v>
      </c>
      <c r="G24253" s="8">
        <v>275</v>
      </c>
      <c r="H24253" s="5">
        <v>6</v>
      </c>
      <c r="I24253" s="5" t="s">
        <v>1518</v>
      </c>
      <c r="J24253" s="5" t="s">
        <v>69038</v>
      </c>
      <c r="K24253" s="2" t="s">
        <v>69039</v>
      </c>
      <c r="L24253" s="5" t="s">
        <v>69038</v>
      </c>
      <c r="M24253" s="2" t="s">
        <v>69039</v>
      </c>
      <c r="N24253" s="5" t="s">
        <v>1521</v>
      </c>
      <c r="O24253" s="5" t="s">
        <v>38</v>
      </c>
      <c r="P24253" s="5" t="s">
        <v>39</v>
      </c>
      <c r="Q24253" s="5" t="s">
        <v>40</v>
      </c>
      <c r="R24253" s="5" t="s">
        <v>1522</v>
      </c>
      <c r="S24253" s="5" t="s">
        <v>1523</v>
      </c>
      <c r="T24253" s="5" t="s">
        <v>42</v>
      </c>
      <c r="U24253" s="2">
        <v>3.1989999999999998</v>
      </c>
      <c r="V24253" s="2">
        <v>2.5859999999999999</v>
      </c>
      <c r="W24253" s="2">
        <v>1.7999999999999999E-2</v>
      </c>
      <c r="X24253" s="2">
        <v>139.1</v>
      </c>
      <c r="Y24253" s="2">
        <v>7.6</v>
      </c>
      <c r="Z24253" s="2">
        <v>16.7</v>
      </c>
      <c r="AA24253" s="5"/>
      <c r="AB24253" s="5" t="s">
        <v>43</v>
      </c>
      <c r="AC24253" s="5" t="s">
        <v>44</v>
      </c>
      <c r="AD24253" s="2"/>
      <c r="AE24253" s="1"/>
    </row>
    <row r="24254" spans="1:31" ht="14.45">
      <c r="A24254" s="11"/>
      <c r="B24254" s="20"/>
      <c r="C24254" s="2" t="s">
        <v>77641</v>
      </c>
      <c r="D24254" s="14" t="s">
        <v>77642</v>
      </c>
      <c r="E24254" s="2" t="s">
        <v>77643</v>
      </c>
      <c r="F24254" s="2" t="s">
        <v>7396</v>
      </c>
      <c r="G24254" s="8">
        <v>256</v>
      </c>
      <c r="H24254" s="5">
        <v>6</v>
      </c>
      <c r="I24254" s="5" t="s">
        <v>1518</v>
      </c>
      <c r="J24254" s="5" t="s">
        <v>69038</v>
      </c>
      <c r="K24254" s="2" t="s">
        <v>69039</v>
      </c>
      <c r="L24254" s="5" t="s">
        <v>69038</v>
      </c>
      <c r="M24254" s="2" t="s">
        <v>69039</v>
      </c>
      <c r="N24254" s="5" t="s">
        <v>1521</v>
      </c>
      <c r="O24254" s="5" t="s">
        <v>38</v>
      </c>
      <c r="P24254" s="5" t="s">
        <v>39</v>
      </c>
      <c r="Q24254" s="5" t="s">
        <v>40</v>
      </c>
      <c r="R24254" s="5" t="s">
        <v>1522</v>
      </c>
      <c r="S24254" s="5" t="s">
        <v>1523</v>
      </c>
      <c r="T24254" s="5" t="s">
        <v>42</v>
      </c>
      <c r="U24254" s="2">
        <v>3.097</v>
      </c>
      <c r="V24254" s="2">
        <v>2.484</v>
      </c>
      <c r="W24254" s="2">
        <v>1.7999999999999999E-2</v>
      </c>
      <c r="X24254" s="2">
        <v>139.1</v>
      </c>
      <c r="Y24254" s="2">
        <v>7.6</v>
      </c>
      <c r="Z24254" s="2">
        <v>16.7</v>
      </c>
      <c r="AA24254" s="5"/>
      <c r="AB24254" s="5" t="s">
        <v>43</v>
      </c>
      <c r="AC24254" s="5" t="s">
        <v>44</v>
      </c>
      <c r="AD24254" s="2"/>
      <c r="AE24254" s="1"/>
    </row>
    <row r="24255" spans="1:31" ht="14.45">
      <c r="A24255" s="11"/>
      <c r="B24255" s="20"/>
      <c r="C24255" s="2" t="s">
        <v>77644</v>
      </c>
      <c r="D24255" s="14" t="s">
        <v>77645</v>
      </c>
      <c r="E24255" s="2" t="s">
        <v>77646</v>
      </c>
      <c r="F24255" s="2" t="s">
        <v>7547</v>
      </c>
      <c r="G24255" s="8">
        <v>275</v>
      </c>
      <c r="H24255" s="5">
        <v>6</v>
      </c>
      <c r="I24255" s="5" t="s">
        <v>1518</v>
      </c>
      <c r="J24255" s="5" t="s">
        <v>69038</v>
      </c>
      <c r="K24255" s="2" t="s">
        <v>69039</v>
      </c>
      <c r="L24255" s="5" t="s">
        <v>69038</v>
      </c>
      <c r="M24255" s="2" t="s">
        <v>69039</v>
      </c>
      <c r="N24255" s="5" t="s">
        <v>1521</v>
      </c>
      <c r="O24255" s="5" t="s">
        <v>38</v>
      </c>
      <c r="P24255" s="5" t="s">
        <v>39</v>
      </c>
      <c r="Q24255" s="5" t="s">
        <v>40</v>
      </c>
      <c r="R24255" s="5" t="s">
        <v>1522</v>
      </c>
      <c r="S24255" s="5" t="s">
        <v>1523</v>
      </c>
      <c r="T24255" s="5" t="s">
        <v>42</v>
      </c>
      <c r="U24255" s="2">
        <v>3.097</v>
      </c>
      <c r="V24255" s="2">
        <v>2.484</v>
      </c>
      <c r="W24255" s="2">
        <v>1.7999999999999999E-2</v>
      </c>
      <c r="X24255" s="2">
        <v>139.1</v>
      </c>
      <c r="Y24255" s="2">
        <v>7.6</v>
      </c>
      <c r="Z24255" s="2">
        <v>16.7</v>
      </c>
      <c r="AA24255" s="5"/>
      <c r="AB24255" s="5" t="s">
        <v>43</v>
      </c>
      <c r="AC24255" s="5" t="s">
        <v>44</v>
      </c>
      <c r="AD24255" s="2"/>
      <c r="AE24255" s="1"/>
    </row>
    <row r="24256" spans="1:31" ht="14.45">
      <c r="A24256" s="11"/>
      <c r="B24256" s="20"/>
      <c r="C24256" s="2" t="s">
        <v>77647</v>
      </c>
      <c r="D24256" s="14" t="s">
        <v>77648</v>
      </c>
      <c r="E24256" s="2" t="s">
        <v>77649</v>
      </c>
      <c r="F24256" s="2" t="s">
        <v>7551</v>
      </c>
      <c r="G24256" s="8">
        <v>275</v>
      </c>
      <c r="H24256" s="5">
        <v>6</v>
      </c>
      <c r="I24256" s="5" t="s">
        <v>1518</v>
      </c>
      <c r="J24256" s="5" t="s">
        <v>69038</v>
      </c>
      <c r="K24256" s="2" t="s">
        <v>69039</v>
      </c>
      <c r="L24256" s="5" t="s">
        <v>69038</v>
      </c>
      <c r="M24256" s="2" t="s">
        <v>69039</v>
      </c>
      <c r="N24256" s="5" t="s">
        <v>1521</v>
      </c>
      <c r="O24256" s="5" t="s">
        <v>38</v>
      </c>
      <c r="P24256" s="5" t="s">
        <v>39</v>
      </c>
      <c r="Q24256" s="5" t="s">
        <v>40</v>
      </c>
      <c r="R24256" s="5" t="s">
        <v>1522</v>
      </c>
      <c r="S24256" s="5" t="s">
        <v>1523</v>
      </c>
      <c r="T24256" s="5" t="s">
        <v>42</v>
      </c>
      <c r="U24256" s="2">
        <v>3.1989999999999998</v>
      </c>
      <c r="V24256" s="2">
        <v>2.5859999999999999</v>
      </c>
      <c r="W24256" s="2">
        <v>1.7999999999999999E-2</v>
      </c>
      <c r="X24256" s="2">
        <v>139.1</v>
      </c>
      <c r="Y24256" s="2">
        <v>7.6</v>
      </c>
      <c r="Z24256" s="2">
        <v>16.7</v>
      </c>
      <c r="AA24256" s="5"/>
      <c r="AB24256" s="5" t="s">
        <v>43</v>
      </c>
      <c r="AC24256" s="5" t="s">
        <v>44</v>
      </c>
      <c r="AD24256" s="2"/>
      <c r="AE24256" s="1"/>
    </row>
    <row r="24257" spans="1:31" ht="14.45">
      <c r="A24257" s="11"/>
      <c r="B24257" s="20"/>
      <c r="C24257" s="2" t="s">
        <v>77650</v>
      </c>
      <c r="D24257" s="14" t="s">
        <v>77651</v>
      </c>
      <c r="E24257" s="2" t="s">
        <v>77652</v>
      </c>
      <c r="F24257" s="2" t="s">
        <v>7212</v>
      </c>
      <c r="G24257" s="8">
        <v>256</v>
      </c>
      <c r="H24257" s="5">
        <v>6</v>
      </c>
      <c r="I24257" s="5" t="s">
        <v>1518</v>
      </c>
      <c r="J24257" s="5" t="s">
        <v>69038</v>
      </c>
      <c r="K24257" s="2" t="s">
        <v>69039</v>
      </c>
      <c r="L24257" s="5" t="s">
        <v>69038</v>
      </c>
      <c r="M24257" s="2" t="s">
        <v>69039</v>
      </c>
      <c r="N24257" s="5" t="s">
        <v>1521</v>
      </c>
      <c r="O24257" s="5" t="s">
        <v>38</v>
      </c>
      <c r="P24257" s="5" t="s">
        <v>39</v>
      </c>
      <c r="Q24257" s="5" t="s">
        <v>40</v>
      </c>
      <c r="R24257" s="5" t="s">
        <v>1522</v>
      </c>
      <c r="S24257" s="5" t="s">
        <v>1523</v>
      </c>
      <c r="T24257" s="5" t="s">
        <v>42</v>
      </c>
      <c r="U24257" s="2">
        <v>3.097</v>
      </c>
      <c r="V24257" s="2">
        <v>2.484</v>
      </c>
      <c r="W24257" s="2">
        <v>1.7999999999999999E-2</v>
      </c>
      <c r="X24257" s="2">
        <v>139.1</v>
      </c>
      <c r="Y24257" s="2">
        <v>7.6</v>
      </c>
      <c r="Z24257" s="2">
        <v>16.7</v>
      </c>
      <c r="AA24257" s="5"/>
      <c r="AB24257" s="5" t="s">
        <v>43</v>
      </c>
      <c r="AC24257" s="5" t="s">
        <v>44</v>
      </c>
      <c r="AD24257" s="2"/>
      <c r="AE24257" s="1"/>
    </row>
    <row r="24258" spans="1:31" ht="14.45">
      <c r="A24258" s="11"/>
      <c r="B24258" s="20"/>
      <c r="C24258" s="2" t="s">
        <v>77653</v>
      </c>
      <c r="D24258" s="14" t="s">
        <v>77654</v>
      </c>
      <c r="E24258" s="2" t="s">
        <v>77655</v>
      </c>
      <c r="F24258" s="2" t="s">
        <v>16029</v>
      </c>
      <c r="G24258" s="8">
        <v>275</v>
      </c>
      <c r="H24258" s="5">
        <v>6</v>
      </c>
      <c r="I24258" s="5" t="s">
        <v>1518</v>
      </c>
      <c r="J24258" s="5" t="s">
        <v>69038</v>
      </c>
      <c r="K24258" s="2" t="s">
        <v>69039</v>
      </c>
      <c r="L24258" s="5" t="s">
        <v>69038</v>
      </c>
      <c r="M24258" s="2" t="s">
        <v>69039</v>
      </c>
      <c r="N24258" s="5" t="s">
        <v>1521</v>
      </c>
      <c r="O24258" s="5" t="s">
        <v>38</v>
      </c>
      <c r="P24258" s="5" t="s">
        <v>39</v>
      </c>
      <c r="Q24258" s="5" t="s">
        <v>40</v>
      </c>
      <c r="R24258" s="5" t="s">
        <v>1522</v>
      </c>
      <c r="S24258" s="5" t="s">
        <v>1523</v>
      </c>
      <c r="T24258" s="5" t="s">
        <v>42</v>
      </c>
      <c r="U24258" s="2">
        <v>3.101</v>
      </c>
      <c r="V24258" s="2">
        <v>2.488</v>
      </c>
      <c r="W24258" s="2">
        <v>1.7999999999999999E-2</v>
      </c>
      <c r="X24258" s="2">
        <v>139.1</v>
      </c>
      <c r="Y24258" s="2">
        <v>7.6</v>
      </c>
      <c r="Z24258" s="2">
        <v>16.7</v>
      </c>
      <c r="AA24258" s="5"/>
      <c r="AB24258" s="5" t="s">
        <v>43</v>
      </c>
      <c r="AC24258" s="5" t="s">
        <v>44</v>
      </c>
      <c r="AD24258" s="2"/>
      <c r="AE24258" s="1"/>
    </row>
    <row r="24259" spans="1:31" ht="14.45">
      <c r="A24259" s="11"/>
      <c r="B24259" s="20"/>
      <c r="C24259" s="2" t="s">
        <v>77656</v>
      </c>
      <c r="D24259" s="14" t="s">
        <v>77657</v>
      </c>
      <c r="E24259" s="2" t="s">
        <v>77658</v>
      </c>
      <c r="F24259" s="2" t="s">
        <v>16033</v>
      </c>
      <c r="G24259" s="8">
        <v>275</v>
      </c>
      <c r="H24259" s="5">
        <v>6</v>
      </c>
      <c r="I24259" s="5" t="s">
        <v>1518</v>
      </c>
      <c r="J24259" s="5" t="s">
        <v>69038</v>
      </c>
      <c r="K24259" s="2" t="s">
        <v>69039</v>
      </c>
      <c r="L24259" s="5" t="s">
        <v>69038</v>
      </c>
      <c r="M24259" s="2" t="s">
        <v>69039</v>
      </c>
      <c r="N24259" s="5" t="s">
        <v>1521</v>
      </c>
      <c r="O24259" s="5" t="s">
        <v>38</v>
      </c>
      <c r="P24259" s="5" t="s">
        <v>39</v>
      </c>
      <c r="Q24259" s="5" t="s">
        <v>40</v>
      </c>
      <c r="R24259" s="5" t="s">
        <v>1522</v>
      </c>
      <c r="S24259" s="5" t="s">
        <v>1523</v>
      </c>
      <c r="T24259" s="5" t="s">
        <v>42</v>
      </c>
      <c r="U24259" s="2">
        <v>3.2029999999999998</v>
      </c>
      <c r="V24259" s="2">
        <v>2.59</v>
      </c>
      <c r="W24259" s="2">
        <v>1.7999999999999999E-2</v>
      </c>
      <c r="X24259" s="2">
        <v>139.1</v>
      </c>
      <c r="Y24259" s="2">
        <v>7.6</v>
      </c>
      <c r="Z24259" s="2">
        <v>16.7</v>
      </c>
      <c r="AA24259" s="5"/>
      <c r="AB24259" s="5" t="s">
        <v>43</v>
      </c>
      <c r="AC24259" s="5" t="s">
        <v>44</v>
      </c>
      <c r="AD24259" s="2"/>
      <c r="AE24259" s="1"/>
    </row>
    <row r="24260" spans="1:31" ht="14.45">
      <c r="A24260" s="11"/>
      <c r="B24260" s="20"/>
      <c r="C24260" s="2" t="s">
        <v>77659</v>
      </c>
      <c r="D24260" s="14" t="s">
        <v>77660</v>
      </c>
      <c r="E24260" s="2" t="s">
        <v>77661</v>
      </c>
      <c r="F24260" s="2" t="s">
        <v>7204</v>
      </c>
      <c r="G24260" s="8">
        <v>237</v>
      </c>
      <c r="H24260" s="5">
        <v>6</v>
      </c>
      <c r="I24260" s="5" t="s">
        <v>1518</v>
      </c>
      <c r="J24260" s="5" t="s">
        <v>69038</v>
      </c>
      <c r="K24260" s="2" t="s">
        <v>69039</v>
      </c>
      <c r="L24260" s="5" t="s">
        <v>69038</v>
      </c>
      <c r="M24260" s="2" t="s">
        <v>69039</v>
      </c>
      <c r="N24260" s="5" t="s">
        <v>1521</v>
      </c>
      <c r="O24260" s="5" t="s">
        <v>38</v>
      </c>
      <c r="P24260" s="5" t="s">
        <v>39</v>
      </c>
      <c r="Q24260" s="5" t="s">
        <v>40</v>
      </c>
      <c r="R24260" s="5" t="s">
        <v>1522</v>
      </c>
      <c r="S24260" s="5" t="s">
        <v>1523</v>
      </c>
      <c r="T24260" s="5" t="s">
        <v>42</v>
      </c>
      <c r="U24260" s="2">
        <v>2.2909999999999999</v>
      </c>
      <c r="V24260" s="2">
        <v>1.7310000000000001</v>
      </c>
      <c r="W24260" s="2">
        <v>1.2999999999999999E-2</v>
      </c>
      <c r="X24260" s="2">
        <v>99.1</v>
      </c>
      <c r="Y24260" s="2">
        <v>7.6</v>
      </c>
      <c r="Z24260" s="2">
        <v>16.7</v>
      </c>
      <c r="AA24260" s="5"/>
      <c r="AB24260" s="5" t="s">
        <v>43</v>
      </c>
      <c r="AC24260" s="5" t="s">
        <v>44</v>
      </c>
      <c r="AD24260" s="2"/>
      <c r="AE24260" s="1"/>
    </row>
    <row r="24261" spans="1:31" ht="14.45">
      <c r="A24261" s="11"/>
      <c r="B24261" s="20"/>
      <c r="C24261" s="2" t="s">
        <v>77662</v>
      </c>
      <c r="D24261" s="14" t="s">
        <v>77663</v>
      </c>
      <c r="E24261" s="2" t="s">
        <v>77664</v>
      </c>
      <c r="F24261" s="2" t="s">
        <v>7514</v>
      </c>
      <c r="G24261" s="8">
        <v>237</v>
      </c>
      <c r="H24261" s="5">
        <v>6</v>
      </c>
      <c r="I24261" s="5" t="s">
        <v>1518</v>
      </c>
      <c r="J24261" s="5" t="s">
        <v>69038</v>
      </c>
      <c r="K24261" s="2" t="s">
        <v>69039</v>
      </c>
      <c r="L24261" s="5" t="s">
        <v>69038</v>
      </c>
      <c r="M24261" s="2" t="s">
        <v>69039</v>
      </c>
      <c r="N24261" s="5" t="s">
        <v>1521</v>
      </c>
      <c r="O24261" s="5" t="s">
        <v>38</v>
      </c>
      <c r="P24261" s="5" t="s">
        <v>39</v>
      </c>
      <c r="Q24261" s="5" t="s">
        <v>40</v>
      </c>
      <c r="R24261" s="5" t="s">
        <v>1522</v>
      </c>
      <c r="S24261" s="5" t="s">
        <v>1523</v>
      </c>
      <c r="T24261" s="5" t="s">
        <v>42</v>
      </c>
      <c r="U24261" s="2">
        <v>2.339</v>
      </c>
      <c r="V24261" s="2">
        <v>1.7789999999999999</v>
      </c>
      <c r="W24261" s="2">
        <v>1.2999999999999999E-2</v>
      </c>
      <c r="X24261" s="2">
        <v>99.1</v>
      </c>
      <c r="Y24261" s="2">
        <v>7.6</v>
      </c>
      <c r="Z24261" s="2">
        <v>16.7</v>
      </c>
      <c r="AA24261" s="5"/>
      <c r="AB24261" s="5" t="s">
        <v>43</v>
      </c>
      <c r="AC24261" s="5" t="s">
        <v>44</v>
      </c>
      <c r="AD24261" s="2"/>
      <c r="AE24261" s="1"/>
    </row>
    <row r="24262" spans="1:31" ht="14.45">
      <c r="A24262" s="11"/>
      <c r="B24262" s="20"/>
      <c r="C24262" s="2" t="s">
        <v>77665</v>
      </c>
      <c r="D24262" s="14" t="s">
        <v>77666</v>
      </c>
      <c r="E24262" s="2" t="s">
        <v>77667</v>
      </c>
      <c r="F24262" s="2" t="s">
        <v>7547</v>
      </c>
      <c r="G24262" s="8">
        <v>253</v>
      </c>
      <c r="H24262" s="5">
        <v>6</v>
      </c>
      <c r="I24262" s="5" t="s">
        <v>1518</v>
      </c>
      <c r="J24262" s="5" t="s">
        <v>69038</v>
      </c>
      <c r="K24262" s="2" t="s">
        <v>69039</v>
      </c>
      <c r="L24262" s="5" t="s">
        <v>69038</v>
      </c>
      <c r="M24262" s="2" t="s">
        <v>69039</v>
      </c>
      <c r="N24262" s="5" t="s">
        <v>1521</v>
      </c>
      <c r="O24262" s="5" t="s">
        <v>38</v>
      </c>
      <c r="P24262" s="5" t="s">
        <v>39</v>
      </c>
      <c r="Q24262" s="5" t="s">
        <v>40</v>
      </c>
      <c r="R24262" s="5" t="s">
        <v>1522</v>
      </c>
      <c r="S24262" s="5" t="s">
        <v>1523</v>
      </c>
      <c r="T24262" s="5" t="s">
        <v>42</v>
      </c>
      <c r="U24262" s="2">
        <v>2.2909999999999999</v>
      </c>
      <c r="V24262" s="2">
        <v>1.7310000000000001</v>
      </c>
      <c r="W24262" s="2">
        <v>1.2999999999999999E-2</v>
      </c>
      <c r="X24262" s="2">
        <v>99.1</v>
      </c>
      <c r="Y24262" s="2">
        <v>7.6</v>
      </c>
      <c r="Z24262" s="2">
        <v>16.7</v>
      </c>
      <c r="AA24262" s="5"/>
      <c r="AB24262" s="5" t="s">
        <v>43</v>
      </c>
      <c r="AC24262" s="5" t="s">
        <v>44</v>
      </c>
      <c r="AD24262" s="2"/>
      <c r="AE24262" s="1"/>
    </row>
    <row r="24263" spans="1:31" ht="14.45">
      <c r="A24263" s="11"/>
      <c r="B24263" s="20"/>
      <c r="C24263" s="2" t="s">
        <v>77668</v>
      </c>
      <c r="D24263" s="14" t="s">
        <v>77669</v>
      </c>
      <c r="E24263" s="2" t="s">
        <v>77670</v>
      </c>
      <c r="F24263" s="2" t="s">
        <v>7581</v>
      </c>
      <c r="G24263" s="8">
        <v>253</v>
      </c>
      <c r="H24263" s="5">
        <v>6</v>
      </c>
      <c r="I24263" s="5" t="s">
        <v>1518</v>
      </c>
      <c r="J24263" s="5" t="s">
        <v>69038</v>
      </c>
      <c r="K24263" s="2" t="s">
        <v>69039</v>
      </c>
      <c r="L24263" s="5" t="s">
        <v>69038</v>
      </c>
      <c r="M24263" s="2" t="s">
        <v>69039</v>
      </c>
      <c r="N24263" s="5" t="s">
        <v>1521</v>
      </c>
      <c r="O24263" s="5" t="s">
        <v>38</v>
      </c>
      <c r="P24263" s="5" t="s">
        <v>39</v>
      </c>
      <c r="Q24263" s="5" t="s">
        <v>40</v>
      </c>
      <c r="R24263" s="5" t="s">
        <v>1522</v>
      </c>
      <c r="S24263" s="5" t="s">
        <v>1523</v>
      </c>
      <c r="T24263" s="5" t="s">
        <v>42</v>
      </c>
      <c r="U24263" s="2">
        <v>2.339</v>
      </c>
      <c r="V24263" s="2">
        <v>1.7789999999999999</v>
      </c>
      <c r="W24263" s="2">
        <v>1.2999999999999999E-2</v>
      </c>
      <c r="X24263" s="2">
        <v>99.1</v>
      </c>
      <c r="Y24263" s="2">
        <v>7.6</v>
      </c>
      <c r="Z24263" s="2">
        <v>16.7</v>
      </c>
      <c r="AA24263" s="5"/>
      <c r="AB24263" s="5" t="s">
        <v>43</v>
      </c>
      <c r="AC24263" s="5" t="s">
        <v>44</v>
      </c>
      <c r="AD24263" s="2"/>
      <c r="AE24263" s="1"/>
    </row>
    <row r="24264" spans="1:31" ht="14.45">
      <c r="A24264" s="11"/>
      <c r="B24264" s="20"/>
      <c r="C24264" s="2" t="s">
        <v>77671</v>
      </c>
      <c r="D24264" s="14" t="s">
        <v>77672</v>
      </c>
      <c r="E24264" s="2" t="s">
        <v>77673</v>
      </c>
      <c r="F24264" s="2" t="s">
        <v>16029</v>
      </c>
      <c r="G24264" s="8">
        <v>253</v>
      </c>
      <c r="H24264" s="5">
        <v>6</v>
      </c>
      <c r="I24264" s="5" t="s">
        <v>1518</v>
      </c>
      <c r="J24264" s="5" t="s">
        <v>69038</v>
      </c>
      <c r="K24264" s="2" t="s">
        <v>69039</v>
      </c>
      <c r="L24264" s="5" t="s">
        <v>69038</v>
      </c>
      <c r="M24264" s="2" t="s">
        <v>69039</v>
      </c>
      <c r="N24264" s="5" t="s">
        <v>1521</v>
      </c>
      <c r="O24264" s="5" t="s">
        <v>38</v>
      </c>
      <c r="P24264" s="5" t="s">
        <v>39</v>
      </c>
      <c r="Q24264" s="5" t="s">
        <v>40</v>
      </c>
      <c r="R24264" s="5" t="s">
        <v>1522</v>
      </c>
      <c r="S24264" s="5" t="s">
        <v>1523</v>
      </c>
      <c r="T24264" s="5" t="s">
        <v>42</v>
      </c>
      <c r="U24264" s="2">
        <v>2.2949999999999999</v>
      </c>
      <c r="V24264" s="2">
        <v>1.7350000000000001</v>
      </c>
      <c r="W24264" s="2">
        <v>1.2999999999999999E-2</v>
      </c>
      <c r="X24264" s="2">
        <v>99.1</v>
      </c>
      <c r="Y24264" s="2">
        <v>7.6</v>
      </c>
      <c r="Z24264" s="2">
        <v>16.7</v>
      </c>
      <c r="AA24264" s="5"/>
      <c r="AB24264" s="5" t="s">
        <v>43</v>
      </c>
      <c r="AC24264" s="5" t="s">
        <v>44</v>
      </c>
      <c r="AD24264" s="2"/>
      <c r="AE24264" s="1"/>
    </row>
    <row r="24265" spans="1:31" ht="14.45">
      <c r="A24265" s="11"/>
      <c r="B24265" s="20"/>
      <c r="C24265" s="2" t="s">
        <v>77674</v>
      </c>
      <c r="D24265" s="14" t="s">
        <v>77675</v>
      </c>
      <c r="E24265" s="2" t="s">
        <v>77676</v>
      </c>
      <c r="F24265" s="2" t="s">
        <v>16033</v>
      </c>
      <c r="G24265" s="8">
        <v>253</v>
      </c>
      <c r="H24265" s="5">
        <v>6</v>
      </c>
      <c r="I24265" s="5" t="s">
        <v>1518</v>
      </c>
      <c r="J24265" s="5" t="s">
        <v>69038</v>
      </c>
      <c r="K24265" s="2" t="s">
        <v>69039</v>
      </c>
      <c r="L24265" s="5" t="s">
        <v>69038</v>
      </c>
      <c r="M24265" s="2" t="s">
        <v>69039</v>
      </c>
      <c r="N24265" s="5" t="s">
        <v>1521</v>
      </c>
      <c r="O24265" s="5" t="s">
        <v>38</v>
      </c>
      <c r="P24265" s="5" t="s">
        <v>39</v>
      </c>
      <c r="Q24265" s="5" t="s">
        <v>40</v>
      </c>
      <c r="R24265" s="5" t="s">
        <v>1522</v>
      </c>
      <c r="S24265" s="5" t="s">
        <v>1523</v>
      </c>
      <c r="T24265" s="5" t="s">
        <v>42</v>
      </c>
      <c r="U24265" s="2">
        <v>2.343</v>
      </c>
      <c r="V24265" s="2">
        <v>1.7829999999999999</v>
      </c>
      <c r="W24265" s="2">
        <v>1.2999999999999999E-2</v>
      </c>
      <c r="X24265" s="2">
        <v>99.1</v>
      </c>
      <c r="Y24265" s="2">
        <v>7.6</v>
      </c>
      <c r="Z24265" s="2">
        <v>16.7</v>
      </c>
      <c r="AA24265" s="5"/>
      <c r="AB24265" s="5" t="s">
        <v>43</v>
      </c>
      <c r="AC24265" s="5" t="s">
        <v>44</v>
      </c>
      <c r="AD24265" s="2"/>
      <c r="AE24265" s="1"/>
    </row>
    <row r="24266" spans="1:31" ht="14.45">
      <c r="A24266" s="11"/>
      <c r="B24266" s="20"/>
      <c r="C24266" s="2" t="s">
        <v>77677</v>
      </c>
      <c r="D24266" s="14" t="s">
        <v>77678</v>
      </c>
      <c r="E24266" s="2" t="s">
        <v>77679</v>
      </c>
      <c r="F24266" s="2" t="s">
        <v>7204</v>
      </c>
      <c r="G24266" s="8">
        <v>237</v>
      </c>
      <c r="H24266" s="5">
        <v>6</v>
      </c>
      <c r="I24266" s="5" t="s">
        <v>1518</v>
      </c>
      <c r="J24266" s="5" t="s">
        <v>69038</v>
      </c>
      <c r="K24266" s="2" t="s">
        <v>69039</v>
      </c>
      <c r="L24266" s="5" t="s">
        <v>69038</v>
      </c>
      <c r="M24266" s="2" t="s">
        <v>69039</v>
      </c>
      <c r="N24266" s="5" t="s">
        <v>1521</v>
      </c>
      <c r="O24266" s="5" t="s">
        <v>38</v>
      </c>
      <c r="P24266" s="5" t="s">
        <v>39</v>
      </c>
      <c r="Q24266" s="5" t="s">
        <v>40</v>
      </c>
      <c r="R24266" s="5" t="s">
        <v>1522</v>
      </c>
      <c r="S24266" s="5" t="s">
        <v>1523</v>
      </c>
      <c r="T24266" s="5" t="s">
        <v>42</v>
      </c>
      <c r="U24266" s="2">
        <v>2.5819999999999999</v>
      </c>
      <c r="V24266" s="2">
        <v>2.0390000000000001</v>
      </c>
      <c r="W24266" s="2">
        <v>1.2999999999999999E-2</v>
      </c>
      <c r="X24266" s="2">
        <v>99.1</v>
      </c>
      <c r="Y24266" s="2">
        <v>7.6</v>
      </c>
      <c r="Z24266" s="2">
        <v>16.7</v>
      </c>
      <c r="AA24266" s="5"/>
      <c r="AB24266" s="5" t="s">
        <v>43</v>
      </c>
      <c r="AC24266" s="5" t="s">
        <v>44</v>
      </c>
      <c r="AD24266" s="2"/>
      <c r="AE24266" s="1"/>
    </row>
    <row r="24267" spans="1:31" ht="14.45">
      <c r="A24267" s="11"/>
      <c r="B24267" s="20"/>
      <c r="C24267" s="2" t="s">
        <v>77680</v>
      </c>
      <c r="D24267" s="14" t="s">
        <v>77681</v>
      </c>
      <c r="E24267" s="2" t="s">
        <v>77682</v>
      </c>
      <c r="F24267" s="2" t="s">
        <v>7514</v>
      </c>
      <c r="G24267" s="8">
        <v>237</v>
      </c>
      <c r="H24267" s="5">
        <v>6</v>
      </c>
      <c r="I24267" s="5" t="s">
        <v>1518</v>
      </c>
      <c r="J24267" s="5" t="s">
        <v>69038</v>
      </c>
      <c r="K24267" s="2" t="s">
        <v>69039</v>
      </c>
      <c r="L24267" s="5" t="s">
        <v>69038</v>
      </c>
      <c r="M24267" s="2" t="s">
        <v>69039</v>
      </c>
      <c r="N24267" s="5" t="s">
        <v>1521</v>
      </c>
      <c r="O24267" s="5" t="s">
        <v>38</v>
      </c>
      <c r="P24267" s="5" t="s">
        <v>39</v>
      </c>
      <c r="Q24267" s="5" t="s">
        <v>40</v>
      </c>
      <c r="R24267" s="5" t="s">
        <v>1522</v>
      </c>
      <c r="S24267" s="5" t="s">
        <v>1523</v>
      </c>
      <c r="T24267" s="5" t="s">
        <v>42</v>
      </c>
      <c r="U24267" s="2">
        <v>2.653</v>
      </c>
      <c r="V24267" s="2">
        <v>2.11</v>
      </c>
      <c r="W24267" s="2">
        <v>1.2999999999999999E-2</v>
      </c>
      <c r="X24267" s="2">
        <v>99.1</v>
      </c>
      <c r="Y24267" s="2">
        <v>7.6</v>
      </c>
      <c r="Z24267" s="2">
        <v>16.7</v>
      </c>
      <c r="AA24267" s="5"/>
      <c r="AB24267" s="5" t="s">
        <v>43</v>
      </c>
      <c r="AC24267" s="5" t="s">
        <v>44</v>
      </c>
      <c r="AD24267" s="2"/>
      <c r="AE24267" s="1"/>
    </row>
    <row r="24268" spans="1:31" ht="14.45">
      <c r="A24268" s="11"/>
      <c r="B24268" s="20"/>
      <c r="C24268" s="2" t="s">
        <v>77683</v>
      </c>
      <c r="D24268" s="14" t="s">
        <v>77684</v>
      </c>
      <c r="E24268" s="2" t="s">
        <v>77685</v>
      </c>
      <c r="F24268" s="2" t="s">
        <v>7208</v>
      </c>
      <c r="G24268" s="8">
        <v>237</v>
      </c>
      <c r="H24268" s="5">
        <v>6</v>
      </c>
      <c r="I24268" s="5" t="s">
        <v>1518</v>
      </c>
      <c r="J24268" s="5" t="s">
        <v>69038</v>
      </c>
      <c r="K24268" s="2" t="s">
        <v>69039</v>
      </c>
      <c r="L24268" s="5" t="s">
        <v>69038</v>
      </c>
      <c r="M24268" s="2" t="s">
        <v>69039</v>
      </c>
      <c r="N24268" s="5" t="s">
        <v>1521</v>
      </c>
      <c r="O24268" s="5" t="s">
        <v>38</v>
      </c>
      <c r="P24268" s="5" t="s">
        <v>39</v>
      </c>
      <c r="Q24268" s="5" t="s">
        <v>40</v>
      </c>
      <c r="R24268" s="5" t="s">
        <v>1522</v>
      </c>
      <c r="S24268" s="5" t="s">
        <v>1523</v>
      </c>
      <c r="T24268" s="5" t="s">
        <v>42</v>
      </c>
      <c r="U24268" s="2">
        <v>2.5819999999999999</v>
      </c>
      <c r="V24268" s="2">
        <v>2.0390000000000001</v>
      </c>
      <c r="W24268" s="2">
        <v>1.2999999999999999E-2</v>
      </c>
      <c r="X24268" s="2">
        <v>99.1</v>
      </c>
      <c r="Y24268" s="2">
        <v>7.6</v>
      </c>
      <c r="Z24268" s="2">
        <v>16.7</v>
      </c>
      <c r="AA24268" s="5"/>
      <c r="AB24268" s="5" t="s">
        <v>43</v>
      </c>
      <c r="AC24268" s="5" t="s">
        <v>44</v>
      </c>
      <c r="AD24268" s="2"/>
      <c r="AE24268" s="1"/>
    </row>
    <row r="24269" spans="1:31" ht="14.45">
      <c r="A24269" s="11"/>
      <c r="B24269" s="20"/>
      <c r="C24269" s="2" t="s">
        <v>77686</v>
      </c>
      <c r="D24269" s="14" t="s">
        <v>77687</v>
      </c>
      <c r="E24269" s="2" t="s">
        <v>77688</v>
      </c>
      <c r="F24269" s="2" t="s">
        <v>7521</v>
      </c>
      <c r="G24269" s="8">
        <v>237</v>
      </c>
      <c r="H24269" s="5">
        <v>6</v>
      </c>
      <c r="I24269" s="5" t="s">
        <v>1518</v>
      </c>
      <c r="J24269" s="5" t="s">
        <v>69038</v>
      </c>
      <c r="K24269" s="2" t="s">
        <v>69039</v>
      </c>
      <c r="L24269" s="5" t="s">
        <v>69038</v>
      </c>
      <c r="M24269" s="2" t="s">
        <v>69039</v>
      </c>
      <c r="N24269" s="5" t="s">
        <v>1521</v>
      </c>
      <c r="O24269" s="5" t="s">
        <v>38</v>
      </c>
      <c r="P24269" s="5" t="s">
        <v>39</v>
      </c>
      <c r="Q24269" s="5" t="s">
        <v>40</v>
      </c>
      <c r="R24269" s="5" t="s">
        <v>1522</v>
      </c>
      <c r="S24269" s="5" t="s">
        <v>1523</v>
      </c>
      <c r="T24269" s="5" t="s">
        <v>42</v>
      </c>
      <c r="U24269" s="2">
        <v>2.653</v>
      </c>
      <c r="V24269" s="2">
        <v>2.11</v>
      </c>
      <c r="W24269" s="2">
        <v>1.2999999999999999E-2</v>
      </c>
      <c r="X24269" s="2">
        <v>99.1</v>
      </c>
      <c r="Y24269" s="2">
        <v>7.6</v>
      </c>
      <c r="Z24269" s="2">
        <v>16.7</v>
      </c>
      <c r="AA24269" s="5"/>
      <c r="AB24269" s="5" t="s">
        <v>43</v>
      </c>
      <c r="AC24269" s="5" t="s">
        <v>44</v>
      </c>
      <c r="AD24269" s="2"/>
      <c r="AE24269" s="1"/>
    </row>
    <row r="24270" spans="1:31" ht="14.45">
      <c r="A24270" s="11"/>
      <c r="B24270" s="20"/>
      <c r="C24270" s="2" t="s">
        <v>77689</v>
      </c>
      <c r="D24270" s="14" t="s">
        <v>77690</v>
      </c>
      <c r="E24270" s="2" t="s">
        <v>77691</v>
      </c>
      <c r="F24270" s="2" t="s">
        <v>7406</v>
      </c>
      <c r="G24270" s="8">
        <v>253</v>
      </c>
      <c r="H24270" s="5">
        <v>6</v>
      </c>
      <c r="I24270" s="5" t="s">
        <v>1518</v>
      </c>
      <c r="J24270" s="5" t="s">
        <v>69038</v>
      </c>
      <c r="K24270" s="2" t="s">
        <v>69039</v>
      </c>
      <c r="L24270" s="5" t="s">
        <v>69038</v>
      </c>
      <c r="M24270" s="2" t="s">
        <v>69039</v>
      </c>
      <c r="N24270" s="5" t="s">
        <v>1521</v>
      </c>
      <c r="O24270" s="5" t="s">
        <v>38</v>
      </c>
      <c r="P24270" s="5" t="s">
        <v>39</v>
      </c>
      <c r="Q24270" s="5" t="s">
        <v>40</v>
      </c>
      <c r="R24270" s="5" t="s">
        <v>1522</v>
      </c>
      <c r="S24270" s="5" t="s">
        <v>1523</v>
      </c>
      <c r="T24270" s="5" t="s">
        <v>42</v>
      </c>
      <c r="U24270" s="2">
        <v>2.5819999999999999</v>
      </c>
      <c r="V24270" s="2">
        <v>2.0390000000000001</v>
      </c>
      <c r="W24270" s="2">
        <v>1.2999999999999999E-2</v>
      </c>
      <c r="X24270" s="2">
        <v>99.1</v>
      </c>
      <c r="Y24270" s="2">
        <v>7.6</v>
      </c>
      <c r="Z24270" s="2">
        <v>16.7</v>
      </c>
      <c r="AA24270" s="5"/>
      <c r="AB24270" s="5" t="s">
        <v>43</v>
      </c>
      <c r="AC24270" s="5" t="s">
        <v>44</v>
      </c>
      <c r="AD24270" s="2"/>
      <c r="AE24270" s="1"/>
    </row>
    <row r="24271" spans="1:31" ht="14.45">
      <c r="A24271" s="11"/>
      <c r="B24271" s="20"/>
      <c r="C24271" s="2" t="s">
        <v>77692</v>
      </c>
      <c r="D24271" s="14" t="s">
        <v>77693</v>
      </c>
      <c r="E24271" s="2" t="s">
        <v>77694</v>
      </c>
      <c r="F24271" s="2" t="s">
        <v>7535</v>
      </c>
      <c r="G24271" s="8">
        <v>253</v>
      </c>
      <c r="H24271" s="5">
        <v>6</v>
      </c>
      <c r="I24271" s="5" t="s">
        <v>1518</v>
      </c>
      <c r="J24271" s="5" t="s">
        <v>69038</v>
      </c>
      <c r="K24271" s="2" t="s">
        <v>69039</v>
      </c>
      <c r="L24271" s="5" t="s">
        <v>69038</v>
      </c>
      <c r="M24271" s="2" t="s">
        <v>69039</v>
      </c>
      <c r="N24271" s="5" t="s">
        <v>1521</v>
      </c>
      <c r="O24271" s="5" t="s">
        <v>38</v>
      </c>
      <c r="P24271" s="5" t="s">
        <v>39</v>
      </c>
      <c r="Q24271" s="5" t="s">
        <v>40</v>
      </c>
      <c r="R24271" s="5" t="s">
        <v>1522</v>
      </c>
      <c r="S24271" s="5" t="s">
        <v>1523</v>
      </c>
      <c r="T24271" s="5" t="s">
        <v>42</v>
      </c>
      <c r="U24271" s="2">
        <v>2.653</v>
      </c>
      <c r="V24271" s="2">
        <v>2.11</v>
      </c>
      <c r="W24271" s="2">
        <v>1.2999999999999999E-2</v>
      </c>
      <c r="X24271" s="2">
        <v>99.1</v>
      </c>
      <c r="Y24271" s="2">
        <v>7.6</v>
      </c>
      <c r="Z24271" s="2">
        <v>16.7</v>
      </c>
      <c r="AA24271" s="5"/>
      <c r="AB24271" s="5" t="s">
        <v>43</v>
      </c>
      <c r="AC24271" s="5" t="s">
        <v>44</v>
      </c>
      <c r="AD24271" s="2"/>
      <c r="AE24271" s="1"/>
    </row>
    <row r="24272" spans="1:31" ht="14.45">
      <c r="A24272" s="11"/>
      <c r="B24272" s="20"/>
      <c r="C24272" s="2" t="s">
        <v>77695</v>
      </c>
      <c r="D24272" s="14" t="s">
        <v>77696</v>
      </c>
      <c r="E24272" s="2" t="s">
        <v>77697</v>
      </c>
      <c r="F24272" s="2" t="s">
        <v>7539</v>
      </c>
      <c r="G24272" s="8">
        <v>253</v>
      </c>
      <c r="H24272" s="5">
        <v>6</v>
      </c>
      <c r="I24272" s="5" t="s">
        <v>1518</v>
      </c>
      <c r="J24272" s="5" t="s">
        <v>69038</v>
      </c>
      <c r="K24272" s="2" t="s">
        <v>69039</v>
      </c>
      <c r="L24272" s="5" t="s">
        <v>69038</v>
      </c>
      <c r="M24272" s="2" t="s">
        <v>69039</v>
      </c>
      <c r="N24272" s="5" t="s">
        <v>1521</v>
      </c>
      <c r="O24272" s="5" t="s">
        <v>38</v>
      </c>
      <c r="P24272" s="5" t="s">
        <v>39</v>
      </c>
      <c r="Q24272" s="5" t="s">
        <v>40</v>
      </c>
      <c r="R24272" s="5" t="s">
        <v>1522</v>
      </c>
      <c r="S24272" s="5" t="s">
        <v>1523</v>
      </c>
      <c r="T24272" s="5" t="s">
        <v>42</v>
      </c>
      <c r="U24272" s="2">
        <v>2.5819999999999999</v>
      </c>
      <c r="V24272" s="2">
        <v>2.0390000000000001</v>
      </c>
      <c r="W24272" s="2">
        <v>1.2999999999999999E-2</v>
      </c>
      <c r="X24272" s="2">
        <v>99.1</v>
      </c>
      <c r="Y24272" s="2">
        <v>7.6</v>
      </c>
      <c r="Z24272" s="2">
        <v>16.7</v>
      </c>
      <c r="AA24272" s="5"/>
      <c r="AB24272" s="5" t="s">
        <v>43</v>
      </c>
      <c r="AC24272" s="5" t="s">
        <v>44</v>
      </c>
      <c r="AD24272" s="2"/>
      <c r="AE24272" s="1"/>
    </row>
    <row r="24273" spans="1:31" ht="14.45">
      <c r="A24273" s="11"/>
      <c r="B24273" s="20"/>
      <c r="C24273" s="2" t="s">
        <v>77698</v>
      </c>
      <c r="D24273" s="14" t="s">
        <v>77699</v>
      </c>
      <c r="E24273" s="2" t="s">
        <v>77700</v>
      </c>
      <c r="F24273" s="2" t="s">
        <v>7543</v>
      </c>
      <c r="G24273" s="8">
        <v>253</v>
      </c>
      <c r="H24273" s="5">
        <v>6</v>
      </c>
      <c r="I24273" s="5" t="s">
        <v>1518</v>
      </c>
      <c r="J24273" s="5" t="s">
        <v>69038</v>
      </c>
      <c r="K24273" s="2" t="s">
        <v>69039</v>
      </c>
      <c r="L24273" s="5" t="s">
        <v>69038</v>
      </c>
      <c r="M24273" s="2" t="s">
        <v>69039</v>
      </c>
      <c r="N24273" s="5" t="s">
        <v>1521</v>
      </c>
      <c r="O24273" s="5" t="s">
        <v>38</v>
      </c>
      <c r="P24273" s="5" t="s">
        <v>39</v>
      </c>
      <c r="Q24273" s="5" t="s">
        <v>40</v>
      </c>
      <c r="R24273" s="5" t="s">
        <v>1522</v>
      </c>
      <c r="S24273" s="5" t="s">
        <v>1523</v>
      </c>
      <c r="T24273" s="5" t="s">
        <v>42</v>
      </c>
      <c r="U24273" s="2">
        <v>2.653</v>
      </c>
      <c r="V24273" s="2">
        <v>2.11</v>
      </c>
      <c r="W24273" s="2">
        <v>1.2999999999999999E-2</v>
      </c>
      <c r="X24273" s="2">
        <v>99.1</v>
      </c>
      <c r="Y24273" s="2">
        <v>7.6</v>
      </c>
      <c r="Z24273" s="2">
        <v>16.7</v>
      </c>
      <c r="AA24273" s="5"/>
      <c r="AB24273" s="5" t="s">
        <v>43</v>
      </c>
      <c r="AC24273" s="5" t="s">
        <v>44</v>
      </c>
      <c r="AD24273" s="2"/>
      <c r="AE24273" s="1"/>
    </row>
    <row r="24274" spans="1:31" ht="14.45">
      <c r="A24274" s="11"/>
      <c r="B24274" s="20"/>
      <c r="C24274" s="2" t="s">
        <v>77701</v>
      </c>
      <c r="D24274" s="14" t="s">
        <v>77702</v>
      </c>
      <c r="E24274" s="2" t="s">
        <v>77703</v>
      </c>
      <c r="F24274" s="2" t="s">
        <v>7396</v>
      </c>
      <c r="G24274" s="8">
        <v>237</v>
      </c>
      <c r="H24274" s="5">
        <v>6</v>
      </c>
      <c r="I24274" s="5" t="s">
        <v>1518</v>
      </c>
      <c r="J24274" s="5" t="s">
        <v>69038</v>
      </c>
      <c r="K24274" s="2" t="s">
        <v>69039</v>
      </c>
      <c r="L24274" s="5" t="s">
        <v>69038</v>
      </c>
      <c r="M24274" s="2" t="s">
        <v>69039</v>
      </c>
      <c r="N24274" s="5" t="s">
        <v>1521</v>
      </c>
      <c r="O24274" s="5" t="s">
        <v>38</v>
      </c>
      <c r="P24274" s="5" t="s">
        <v>39</v>
      </c>
      <c r="Q24274" s="5" t="s">
        <v>40</v>
      </c>
      <c r="R24274" s="5" t="s">
        <v>1522</v>
      </c>
      <c r="S24274" s="5" t="s">
        <v>1523</v>
      </c>
      <c r="T24274" s="5" t="s">
        <v>42</v>
      </c>
      <c r="U24274" s="2">
        <v>2.5819999999999999</v>
      </c>
      <c r="V24274" s="2">
        <v>2.0390000000000001</v>
      </c>
      <c r="W24274" s="2">
        <v>1.2999999999999999E-2</v>
      </c>
      <c r="X24274" s="2">
        <v>99.1</v>
      </c>
      <c r="Y24274" s="2">
        <v>7.6</v>
      </c>
      <c r="Z24274" s="2">
        <v>16.7</v>
      </c>
      <c r="AA24274" s="5"/>
      <c r="AB24274" s="5" t="s">
        <v>43</v>
      </c>
      <c r="AC24274" s="5" t="s">
        <v>44</v>
      </c>
      <c r="AD24274" s="2"/>
      <c r="AE24274" s="1"/>
    </row>
    <row r="24275" spans="1:31" ht="14.45">
      <c r="A24275" s="11"/>
      <c r="B24275" s="20"/>
      <c r="C24275" s="2" t="s">
        <v>77704</v>
      </c>
      <c r="D24275" s="14" t="s">
        <v>77705</v>
      </c>
      <c r="E24275" s="2" t="s">
        <v>77706</v>
      </c>
      <c r="F24275" s="2" t="s">
        <v>7507</v>
      </c>
      <c r="G24275" s="8">
        <v>237</v>
      </c>
      <c r="H24275" s="5">
        <v>6</v>
      </c>
      <c r="I24275" s="5" t="s">
        <v>1518</v>
      </c>
      <c r="J24275" s="5" t="s">
        <v>69038</v>
      </c>
      <c r="K24275" s="2" t="s">
        <v>69039</v>
      </c>
      <c r="L24275" s="5" t="s">
        <v>69038</v>
      </c>
      <c r="M24275" s="2" t="s">
        <v>69039</v>
      </c>
      <c r="N24275" s="5" t="s">
        <v>1521</v>
      </c>
      <c r="O24275" s="5" t="s">
        <v>38</v>
      </c>
      <c r="P24275" s="5" t="s">
        <v>39</v>
      </c>
      <c r="Q24275" s="5" t="s">
        <v>40</v>
      </c>
      <c r="R24275" s="5" t="s">
        <v>1522</v>
      </c>
      <c r="S24275" s="5" t="s">
        <v>1523</v>
      </c>
      <c r="T24275" s="5" t="s">
        <v>42</v>
      </c>
      <c r="U24275" s="2">
        <v>2.653</v>
      </c>
      <c r="V24275" s="2">
        <v>2.11</v>
      </c>
      <c r="W24275" s="2">
        <v>1.2999999999999999E-2</v>
      </c>
      <c r="X24275" s="2">
        <v>99.1</v>
      </c>
      <c r="Y24275" s="2">
        <v>7.6</v>
      </c>
      <c r="Z24275" s="2">
        <v>16.7</v>
      </c>
      <c r="AA24275" s="5"/>
      <c r="AB24275" s="5" t="s">
        <v>43</v>
      </c>
      <c r="AC24275" s="5" t="s">
        <v>44</v>
      </c>
      <c r="AD24275" s="2"/>
      <c r="AE24275" s="1"/>
    </row>
    <row r="24276" spans="1:31" ht="14.45">
      <c r="A24276" s="11"/>
      <c r="B24276" s="20"/>
      <c r="C24276" s="2" t="s">
        <v>77707</v>
      </c>
      <c r="D24276" s="14" t="s">
        <v>77708</v>
      </c>
      <c r="E24276" s="2" t="s">
        <v>77709</v>
      </c>
      <c r="F24276" s="2" t="s">
        <v>7547</v>
      </c>
      <c r="G24276" s="8">
        <v>253</v>
      </c>
      <c r="H24276" s="5">
        <v>6</v>
      </c>
      <c r="I24276" s="5" t="s">
        <v>1518</v>
      </c>
      <c r="J24276" s="5" t="s">
        <v>69038</v>
      </c>
      <c r="K24276" s="2" t="s">
        <v>69039</v>
      </c>
      <c r="L24276" s="5" t="s">
        <v>69038</v>
      </c>
      <c r="M24276" s="2" t="s">
        <v>69039</v>
      </c>
      <c r="N24276" s="5" t="s">
        <v>1521</v>
      </c>
      <c r="O24276" s="5" t="s">
        <v>38</v>
      </c>
      <c r="P24276" s="5" t="s">
        <v>39</v>
      </c>
      <c r="Q24276" s="5" t="s">
        <v>40</v>
      </c>
      <c r="R24276" s="5" t="s">
        <v>1522</v>
      </c>
      <c r="S24276" s="5" t="s">
        <v>1523</v>
      </c>
      <c r="T24276" s="5" t="s">
        <v>42</v>
      </c>
      <c r="U24276" s="2">
        <v>2.5819999999999999</v>
      </c>
      <c r="V24276" s="2">
        <v>2.0390000000000001</v>
      </c>
      <c r="W24276" s="2">
        <v>1.2999999999999999E-2</v>
      </c>
      <c r="X24276" s="2">
        <v>99.1</v>
      </c>
      <c r="Y24276" s="2">
        <v>7.6</v>
      </c>
      <c r="Z24276" s="2">
        <v>16.7</v>
      </c>
      <c r="AA24276" s="5"/>
      <c r="AB24276" s="5" t="s">
        <v>43</v>
      </c>
      <c r="AC24276" s="5" t="s">
        <v>44</v>
      </c>
      <c r="AD24276" s="2"/>
      <c r="AE24276" s="1"/>
    </row>
    <row r="24277" spans="1:31" ht="14.45">
      <c r="A24277" s="11"/>
      <c r="B24277" s="20"/>
      <c r="C24277" s="2" t="s">
        <v>77710</v>
      </c>
      <c r="D24277" s="14" t="s">
        <v>77711</v>
      </c>
      <c r="E24277" s="2" t="s">
        <v>77712</v>
      </c>
      <c r="F24277" s="2" t="s">
        <v>7551</v>
      </c>
      <c r="G24277" s="8">
        <v>253</v>
      </c>
      <c r="H24277" s="5">
        <v>6</v>
      </c>
      <c r="I24277" s="5" t="s">
        <v>1518</v>
      </c>
      <c r="J24277" s="5" t="s">
        <v>69038</v>
      </c>
      <c r="K24277" s="2" t="s">
        <v>69039</v>
      </c>
      <c r="L24277" s="5" t="s">
        <v>69038</v>
      </c>
      <c r="M24277" s="2" t="s">
        <v>69039</v>
      </c>
      <c r="N24277" s="5" t="s">
        <v>1521</v>
      </c>
      <c r="O24277" s="5" t="s">
        <v>38</v>
      </c>
      <c r="P24277" s="5" t="s">
        <v>39</v>
      </c>
      <c r="Q24277" s="5" t="s">
        <v>40</v>
      </c>
      <c r="R24277" s="5" t="s">
        <v>1522</v>
      </c>
      <c r="S24277" s="5" t="s">
        <v>1523</v>
      </c>
      <c r="T24277" s="5" t="s">
        <v>42</v>
      </c>
      <c r="U24277" s="2">
        <v>2.653</v>
      </c>
      <c r="V24277" s="2">
        <v>2.11</v>
      </c>
      <c r="W24277" s="2">
        <v>1.2999999999999999E-2</v>
      </c>
      <c r="X24277" s="2">
        <v>99.1</v>
      </c>
      <c r="Y24277" s="2">
        <v>7.6</v>
      </c>
      <c r="Z24277" s="2">
        <v>16.7</v>
      </c>
      <c r="AA24277" s="5"/>
      <c r="AB24277" s="5" t="s">
        <v>43</v>
      </c>
      <c r="AC24277" s="5" t="s">
        <v>44</v>
      </c>
      <c r="AD24277" s="2"/>
      <c r="AE24277" s="1"/>
    </row>
    <row r="24278" spans="1:31" ht="14.45">
      <c r="A24278" s="11"/>
      <c r="B24278" s="20"/>
      <c r="C24278" s="2" t="s">
        <v>77713</v>
      </c>
      <c r="D24278" s="14" t="s">
        <v>77714</v>
      </c>
      <c r="E24278" s="2" t="s">
        <v>77715</v>
      </c>
      <c r="F24278" s="2" t="s">
        <v>7563</v>
      </c>
      <c r="G24278" s="8">
        <v>253</v>
      </c>
      <c r="H24278" s="5">
        <v>6</v>
      </c>
      <c r="I24278" s="5" t="s">
        <v>1518</v>
      </c>
      <c r="J24278" s="5" t="s">
        <v>69038</v>
      </c>
      <c r="K24278" s="2" t="s">
        <v>69039</v>
      </c>
      <c r="L24278" s="5" t="s">
        <v>69038</v>
      </c>
      <c r="M24278" s="2" t="s">
        <v>69039</v>
      </c>
      <c r="N24278" s="5" t="s">
        <v>1521</v>
      </c>
      <c r="O24278" s="5" t="s">
        <v>38</v>
      </c>
      <c r="P24278" s="5" t="s">
        <v>39</v>
      </c>
      <c r="Q24278" s="5" t="s">
        <v>40</v>
      </c>
      <c r="R24278" s="5" t="s">
        <v>1522</v>
      </c>
      <c r="S24278" s="5" t="s">
        <v>1523</v>
      </c>
      <c r="T24278" s="5" t="s">
        <v>42</v>
      </c>
      <c r="U24278" s="2">
        <v>2.5819999999999999</v>
      </c>
      <c r="V24278" s="2">
        <v>2.0390000000000001</v>
      </c>
      <c r="W24278" s="2">
        <v>1.2999999999999999E-2</v>
      </c>
      <c r="X24278" s="2">
        <v>99.1</v>
      </c>
      <c r="Y24278" s="2">
        <v>7.6</v>
      </c>
      <c r="Z24278" s="2">
        <v>16.7</v>
      </c>
      <c r="AA24278" s="5"/>
      <c r="AB24278" s="5" t="s">
        <v>43</v>
      </c>
      <c r="AC24278" s="5" t="s">
        <v>44</v>
      </c>
      <c r="AD24278" s="2"/>
      <c r="AE24278" s="1"/>
    </row>
    <row r="24279" spans="1:31" ht="14.45">
      <c r="A24279" s="11"/>
      <c r="B24279" s="20"/>
      <c r="C24279" s="2" t="s">
        <v>77716</v>
      </c>
      <c r="D24279" s="14" t="s">
        <v>77717</v>
      </c>
      <c r="E24279" s="2" t="s">
        <v>77718</v>
      </c>
      <c r="F24279" s="2" t="s">
        <v>7567</v>
      </c>
      <c r="G24279" s="8">
        <v>253</v>
      </c>
      <c r="H24279" s="5">
        <v>6</v>
      </c>
      <c r="I24279" s="5" t="s">
        <v>1518</v>
      </c>
      <c r="J24279" s="5" t="s">
        <v>69038</v>
      </c>
      <c r="K24279" s="2" t="s">
        <v>69039</v>
      </c>
      <c r="L24279" s="5" t="s">
        <v>69038</v>
      </c>
      <c r="M24279" s="2" t="s">
        <v>69039</v>
      </c>
      <c r="N24279" s="5" t="s">
        <v>1521</v>
      </c>
      <c r="O24279" s="5" t="s">
        <v>38</v>
      </c>
      <c r="P24279" s="5" t="s">
        <v>39</v>
      </c>
      <c r="Q24279" s="5" t="s">
        <v>40</v>
      </c>
      <c r="R24279" s="5" t="s">
        <v>1522</v>
      </c>
      <c r="S24279" s="5" t="s">
        <v>1523</v>
      </c>
      <c r="T24279" s="5" t="s">
        <v>42</v>
      </c>
      <c r="U24279" s="2">
        <v>2.653</v>
      </c>
      <c r="V24279" s="2">
        <v>2.11</v>
      </c>
      <c r="W24279" s="2">
        <v>1.2999999999999999E-2</v>
      </c>
      <c r="X24279" s="2">
        <v>99.1</v>
      </c>
      <c r="Y24279" s="2">
        <v>7.6</v>
      </c>
      <c r="Z24279" s="2">
        <v>16.7</v>
      </c>
      <c r="AA24279" s="5"/>
      <c r="AB24279" s="5" t="s">
        <v>43</v>
      </c>
      <c r="AC24279" s="5" t="s">
        <v>44</v>
      </c>
      <c r="AD24279" s="2"/>
      <c r="AE24279" s="1"/>
    </row>
    <row r="24280" spans="1:31" ht="14.45">
      <c r="A24280" s="11"/>
      <c r="B24280" s="20"/>
      <c r="C24280" s="2" t="s">
        <v>77719</v>
      </c>
      <c r="D24280" s="14" t="s">
        <v>77720</v>
      </c>
      <c r="E24280" s="2" t="s">
        <v>77721</v>
      </c>
      <c r="F24280" s="2" t="s">
        <v>7555</v>
      </c>
      <c r="G24280" s="8">
        <v>253</v>
      </c>
      <c r="H24280" s="5">
        <v>6</v>
      </c>
      <c r="I24280" s="5" t="s">
        <v>1518</v>
      </c>
      <c r="J24280" s="5" t="s">
        <v>69038</v>
      </c>
      <c r="K24280" s="2" t="s">
        <v>69039</v>
      </c>
      <c r="L24280" s="5" t="s">
        <v>69038</v>
      </c>
      <c r="M24280" s="2" t="s">
        <v>69039</v>
      </c>
      <c r="N24280" s="5" t="s">
        <v>1521</v>
      </c>
      <c r="O24280" s="5" t="s">
        <v>38</v>
      </c>
      <c r="P24280" s="5" t="s">
        <v>39</v>
      </c>
      <c r="Q24280" s="5" t="s">
        <v>40</v>
      </c>
      <c r="R24280" s="5" t="s">
        <v>1522</v>
      </c>
      <c r="S24280" s="5" t="s">
        <v>1523</v>
      </c>
      <c r="T24280" s="5" t="s">
        <v>42</v>
      </c>
      <c r="U24280" s="2">
        <v>2.5819999999999999</v>
      </c>
      <c r="V24280" s="2">
        <v>2.0390000000000001</v>
      </c>
      <c r="W24280" s="2">
        <v>1.2999999999999999E-2</v>
      </c>
      <c r="X24280" s="2">
        <v>99.1</v>
      </c>
      <c r="Y24280" s="2">
        <v>7.6</v>
      </c>
      <c r="Z24280" s="2">
        <v>16.7</v>
      </c>
      <c r="AA24280" s="5"/>
      <c r="AB24280" s="5" t="s">
        <v>43</v>
      </c>
      <c r="AC24280" s="5" t="s">
        <v>44</v>
      </c>
      <c r="AD24280" s="2"/>
      <c r="AE24280" s="1"/>
    </row>
    <row r="24281" spans="1:31" ht="14.45">
      <c r="A24281" s="11"/>
      <c r="B24281" s="20"/>
      <c r="C24281" s="2" t="s">
        <v>77722</v>
      </c>
      <c r="D24281" s="14" t="s">
        <v>77723</v>
      </c>
      <c r="E24281" s="2" t="s">
        <v>77724</v>
      </c>
      <c r="F24281" s="2" t="s">
        <v>7559</v>
      </c>
      <c r="G24281" s="8">
        <v>253</v>
      </c>
      <c r="H24281" s="5">
        <v>6</v>
      </c>
      <c r="I24281" s="5" t="s">
        <v>1518</v>
      </c>
      <c r="J24281" s="5" t="s">
        <v>69038</v>
      </c>
      <c r="K24281" s="2" t="s">
        <v>69039</v>
      </c>
      <c r="L24281" s="5" t="s">
        <v>69038</v>
      </c>
      <c r="M24281" s="2" t="s">
        <v>69039</v>
      </c>
      <c r="N24281" s="5" t="s">
        <v>1521</v>
      </c>
      <c r="O24281" s="5" t="s">
        <v>38</v>
      </c>
      <c r="P24281" s="5" t="s">
        <v>39</v>
      </c>
      <c r="Q24281" s="5" t="s">
        <v>40</v>
      </c>
      <c r="R24281" s="5" t="s">
        <v>1522</v>
      </c>
      <c r="S24281" s="5" t="s">
        <v>1523</v>
      </c>
      <c r="T24281" s="5" t="s">
        <v>42</v>
      </c>
      <c r="U24281" s="2">
        <v>2.653</v>
      </c>
      <c r="V24281" s="2">
        <v>2.11</v>
      </c>
      <c r="W24281" s="2">
        <v>1.2999999999999999E-2</v>
      </c>
      <c r="X24281" s="2">
        <v>99.1</v>
      </c>
      <c r="Y24281" s="2">
        <v>7.6</v>
      </c>
      <c r="Z24281" s="2">
        <v>16.7</v>
      </c>
      <c r="AA24281" s="5"/>
      <c r="AB24281" s="5" t="s">
        <v>43</v>
      </c>
      <c r="AC24281" s="5" t="s">
        <v>44</v>
      </c>
      <c r="AD24281" s="2"/>
      <c r="AE24281" s="1"/>
    </row>
    <row r="24282" spans="1:31" ht="14.45">
      <c r="A24282" s="11"/>
      <c r="B24282" s="20"/>
      <c r="C24282" s="2" t="s">
        <v>77725</v>
      </c>
      <c r="D24282" s="14" t="s">
        <v>77726</v>
      </c>
      <c r="E24282" s="2" t="s">
        <v>77727</v>
      </c>
      <c r="F24282" s="2" t="s">
        <v>16079</v>
      </c>
      <c r="G24282" s="8">
        <v>253</v>
      </c>
      <c r="H24282" s="5">
        <v>6</v>
      </c>
      <c r="I24282" s="5" t="s">
        <v>1518</v>
      </c>
      <c r="J24282" s="5" t="s">
        <v>69038</v>
      </c>
      <c r="K24282" s="2" t="s">
        <v>69039</v>
      </c>
      <c r="L24282" s="5" t="s">
        <v>69038</v>
      </c>
      <c r="M24282" s="2" t="s">
        <v>69039</v>
      </c>
      <c r="N24282" s="5" t="s">
        <v>1521</v>
      </c>
      <c r="O24282" s="5" t="s">
        <v>38</v>
      </c>
      <c r="P24282" s="5" t="s">
        <v>39</v>
      </c>
      <c r="Q24282" s="5" t="s">
        <v>40</v>
      </c>
      <c r="R24282" s="5" t="s">
        <v>1522</v>
      </c>
      <c r="S24282" s="5" t="s">
        <v>1523</v>
      </c>
      <c r="T24282" s="5" t="s">
        <v>42</v>
      </c>
      <c r="U24282" s="2">
        <v>2.5819999999999999</v>
      </c>
      <c r="V24282" s="2">
        <v>2.0390000000000001</v>
      </c>
      <c r="W24282" s="2">
        <v>1.2999999999999999E-2</v>
      </c>
      <c r="X24282" s="2">
        <v>99.1</v>
      </c>
      <c r="Y24282" s="2">
        <v>7.6</v>
      </c>
      <c r="Z24282" s="2">
        <v>16.7</v>
      </c>
      <c r="AA24282" s="5"/>
      <c r="AB24282" s="5" t="s">
        <v>43</v>
      </c>
      <c r="AC24282" s="5" t="s">
        <v>44</v>
      </c>
      <c r="AD24282" s="2"/>
      <c r="AE24282" s="1"/>
    </row>
    <row r="24283" spans="1:31" ht="14.45">
      <c r="A24283" s="11"/>
      <c r="B24283" s="20"/>
      <c r="C24283" s="2" t="s">
        <v>77728</v>
      </c>
      <c r="D24283" s="14" t="s">
        <v>77729</v>
      </c>
      <c r="E24283" s="2" t="s">
        <v>77730</v>
      </c>
      <c r="F24283" s="2" t="s">
        <v>16194</v>
      </c>
      <c r="G24283" s="8">
        <v>253</v>
      </c>
      <c r="H24283" s="5">
        <v>6</v>
      </c>
      <c r="I24283" s="5" t="s">
        <v>1518</v>
      </c>
      <c r="J24283" s="5" t="s">
        <v>69038</v>
      </c>
      <c r="K24283" s="2" t="s">
        <v>69039</v>
      </c>
      <c r="L24283" s="5" t="s">
        <v>69038</v>
      </c>
      <c r="M24283" s="2" t="s">
        <v>69039</v>
      </c>
      <c r="N24283" s="5" t="s">
        <v>1521</v>
      </c>
      <c r="O24283" s="5" t="s">
        <v>38</v>
      </c>
      <c r="P24283" s="5" t="s">
        <v>39</v>
      </c>
      <c r="Q24283" s="5" t="s">
        <v>40</v>
      </c>
      <c r="R24283" s="5" t="s">
        <v>1522</v>
      </c>
      <c r="S24283" s="5" t="s">
        <v>1523</v>
      </c>
      <c r="T24283" s="5" t="s">
        <v>42</v>
      </c>
      <c r="U24283" s="2">
        <v>2.653</v>
      </c>
      <c r="V24283" s="2">
        <v>2.11</v>
      </c>
      <c r="W24283" s="2">
        <v>1.2999999999999999E-2</v>
      </c>
      <c r="X24283" s="2">
        <v>99.1</v>
      </c>
      <c r="Y24283" s="2">
        <v>7.6</v>
      </c>
      <c r="Z24283" s="2">
        <v>16.7</v>
      </c>
      <c r="AA24283" s="5"/>
      <c r="AB24283" s="5" t="s">
        <v>43</v>
      </c>
      <c r="AC24283" s="5" t="s">
        <v>44</v>
      </c>
      <c r="AD24283" s="2"/>
      <c r="AE24283" s="1"/>
    </row>
    <row r="24284" spans="1:31" ht="14.45">
      <c r="A24284" s="11"/>
      <c r="B24284" s="20"/>
      <c r="C24284" s="2" t="s">
        <v>77731</v>
      </c>
      <c r="D24284" s="14" t="s">
        <v>77732</v>
      </c>
      <c r="E24284" s="2" t="s">
        <v>77733</v>
      </c>
      <c r="F24284" s="2" t="s">
        <v>7449</v>
      </c>
      <c r="G24284" s="8">
        <v>253</v>
      </c>
      <c r="H24284" s="5">
        <v>6</v>
      </c>
      <c r="I24284" s="5" t="s">
        <v>1518</v>
      </c>
      <c r="J24284" s="5" t="s">
        <v>69038</v>
      </c>
      <c r="K24284" s="2" t="s">
        <v>69039</v>
      </c>
      <c r="L24284" s="5" t="s">
        <v>69038</v>
      </c>
      <c r="M24284" s="2" t="s">
        <v>69039</v>
      </c>
      <c r="N24284" s="5" t="s">
        <v>1521</v>
      </c>
      <c r="O24284" s="5" t="s">
        <v>38</v>
      </c>
      <c r="P24284" s="5" t="s">
        <v>39</v>
      </c>
      <c r="Q24284" s="5" t="s">
        <v>40</v>
      </c>
      <c r="R24284" s="5" t="s">
        <v>1522</v>
      </c>
      <c r="S24284" s="5" t="s">
        <v>1523</v>
      </c>
      <c r="T24284" s="5" t="s">
        <v>42</v>
      </c>
      <c r="U24284" s="2">
        <v>2.5819999999999999</v>
      </c>
      <c r="V24284" s="2">
        <v>2.0390000000000001</v>
      </c>
      <c r="W24284" s="2">
        <v>1.2999999999999999E-2</v>
      </c>
      <c r="X24284" s="2">
        <v>99.1</v>
      </c>
      <c r="Y24284" s="2">
        <v>7.6</v>
      </c>
      <c r="Z24284" s="2">
        <v>16.7</v>
      </c>
      <c r="AA24284" s="5"/>
      <c r="AB24284" s="5" t="s">
        <v>43</v>
      </c>
      <c r="AC24284" s="5" t="s">
        <v>44</v>
      </c>
      <c r="AD24284" s="2"/>
      <c r="AE24284" s="1"/>
    </row>
    <row r="24285" spans="1:31" ht="14.45">
      <c r="A24285" s="11"/>
      <c r="B24285" s="20"/>
      <c r="C24285" s="2" t="s">
        <v>77734</v>
      </c>
      <c r="D24285" s="14" t="s">
        <v>77735</v>
      </c>
      <c r="E24285" s="2" t="s">
        <v>77736</v>
      </c>
      <c r="F24285" s="2" t="s">
        <v>7581</v>
      </c>
      <c r="G24285" s="8">
        <v>253</v>
      </c>
      <c r="H24285" s="5">
        <v>6</v>
      </c>
      <c r="I24285" s="5" t="s">
        <v>1518</v>
      </c>
      <c r="J24285" s="5" t="s">
        <v>69038</v>
      </c>
      <c r="K24285" s="2" t="s">
        <v>69039</v>
      </c>
      <c r="L24285" s="5" t="s">
        <v>69038</v>
      </c>
      <c r="M24285" s="2" t="s">
        <v>69039</v>
      </c>
      <c r="N24285" s="5" t="s">
        <v>1521</v>
      </c>
      <c r="O24285" s="5" t="s">
        <v>38</v>
      </c>
      <c r="P24285" s="5" t="s">
        <v>39</v>
      </c>
      <c r="Q24285" s="5" t="s">
        <v>40</v>
      </c>
      <c r="R24285" s="5" t="s">
        <v>1522</v>
      </c>
      <c r="S24285" s="5" t="s">
        <v>1523</v>
      </c>
      <c r="T24285" s="5" t="s">
        <v>42</v>
      </c>
      <c r="U24285" s="2">
        <v>2.653</v>
      </c>
      <c r="V24285" s="2">
        <v>2.11</v>
      </c>
      <c r="W24285" s="2">
        <v>1.2999999999999999E-2</v>
      </c>
      <c r="X24285" s="2">
        <v>99.1</v>
      </c>
      <c r="Y24285" s="2">
        <v>7.6</v>
      </c>
      <c r="Z24285" s="2">
        <v>16.7</v>
      </c>
      <c r="AA24285" s="5"/>
      <c r="AB24285" s="5" t="s">
        <v>43</v>
      </c>
      <c r="AC24285" s="5" t="s">
        <v>44</v>
      </c>
      <c r="AD24285" s="2"/>
      <c r="AE24285" s="1"/>
    </row>
    <row r="24286" spans="1:31" ht="14.45">
      <c r="A24286" s="11"/>
      <c r="B24286" s="20"/>
      <c r="C24286" s="2" t="s">
        <v>77737</v>
      </c>
      <c r="D24286" s="14" t="s">
        <v>77738</v>
      </c>
      <c r="E24286" s="2" t="s">
        <v>77739</v>
      </c>
      <c r="F24286" s="2" t="s">
        <v>7585</v>
      </c>
      <c r="G24286" s="8">
        <v>253</v>
      </c>
      <c r="H24286" s="5">
        <v>6</v>
      </c>
      <c r="I24286" s="5" t="s">
        <v>1518</v>
      </c>
      <c r="J24286" s="5" t="s">
        <v>69038</v>
      </c>
      <c r="K24286" s="2" t="s">
        <v>69039</v>
      </c>
      <c r="L24286" s="5" t="s">
        <v>69038</v>
      </c>
      <c r="M24286" s="2" t="s">
        <v>69039</v>
      </c>
      <c r="N24286" s="5" t="s">
        <v>1521</v>
      </c>
      <c r="O24286" s="5" t="s">
        <v>38</v>
      </c>
      <c r="P24286" s="5" t="s">
        <v>39</v>
      </c>
      <c r="Q24286" s="5" t="s">
        <v>40</v>
      </c>
      <c r="R24286" s="5" t="s">
        <v>1522</v>
      </c>
      <c r="S24286" s="5" t="s">
        <v>1523</v>
      </c>
      <c r="T24286" s="5" t="s">
        <v>42</v>
      </c>
      <c r="U24286" s="2">
        <v>2.5819999999999999</v>
      </c>
      <c r="V24286" s="2">
        <v>2.0390000000000001</v>
      </c>
      <c r="W24286" s="2">
        <v>1.2999999999999999E-2</v>
      </c>
      <c r="X24286" s="2">
        <v>99.1</v>
      </c>
      <c r="Y24286" s="2">
        <v>7.6</v>
      </c>
      <c r="Z24286" s="2">
        <v>16.7</v>
      </c>
      <c r="AA24286" s="5"/>
      <c r="AB24286" s="5" t="s">
        <v>43</v>
      </c>
      <c r="AC24286" s="5" t="s">
        <v>44</v>
      </c>
      <c r="AD24286" s="2"/>
      <c r="AE24286" s="1"/>
    </row>
    <row r="24287" spans="1:31" ht="14.45">
      <c r="A24287" s="11"/>
      <c r="B24287" s="20"/>
      <c r="C24287" s="2" t="s">
        <v>77740</v>
      </c>
      <c r="D24287" s="14" t="s">
        <v>77741</v>
      </c>
      <c r="E24287" s="2" t="s">
        <v>77742</v>
      </c>
      <c r="F24287" s="2" t="s">
        <v>7589</v>
      </c>
      <c r="G24287" s="8">
        <v>253</v>
      </c>
      <c r="H24287" s="5">
        <v>6</v>
      </c>
      <c r="I24287" s="5" t="s">
        <v>1518</v>
      </c>
      <c r="J24287" s="5" t="s">
        <v>69038</v>
      </c>
      <c r="K24287" s="2" t="s">
        <v>69039</v>
      </c>
      <c r="L24287" s="5" t="s">
        <v>69038</v>
      </c>
      <c r="M24287" s="2" t="s">
        <v>69039</v>
      </c>
      <c r="N24287" s="5" t="s">
        <v>1521</v>
      </c>
      <c r="O24287" s="5" t="s">
        <v>38</v>
      </c>
      <c r="P24287" s="5" t="s">
        <v>39</v>
      </c>
      <c r="Q24287" s="5" t="s">
        <v>40</v>
      </c>
      <c r="R24287" s="5" t="s">
        <v>1522</v>
      </c>
      <c r="S24287" s="5" t="s">
        <v>1523</v>
      </c>
      <c r="T24287" s="5" t="s">
        <v>42</v>
      </c>
      <c r="U24287" s="2">
        <v>2.653</v>
      </c>
      <c r="V24287" s="2">
        <v>2.11</v>
      </c>
      <c r="W24287" s="2">
        <v>1.2999999999999999E-2</v>
      </c>
      <c r="X24287" s="2">
        <v>99.1</v>
      </c>
      <c r="Y24287" s="2">
        <v>7.6</v>
      </c>
      <c r="Z24287" s="2">
        <v>16.7</v>
      </c>
      <c r="AA24287" s="5"/>
      <c r="AB24287" s="5" t="s">
        <v>43</v>
      </c>
      <c r="AC24287" s="5" t="s">
        <v>44</v>
      </c>
      <c r="AD24287" s="2"/>
      <c r="AE24287" s="1"/>
    </row>
    <row r="24288" spans="1:31" ht="14.45">
      <c r="A24288" s="11"/>
      <c r="B24288" s="20"/>
      <c r="C24288" s="2" t="s">
        <v>77743</v>
      </c>
      <c r="D24288" s="14" t="s">
        <v>77744</v>
      </c>
      <c r="E24288" s="2" t="s">
        <v>77745</v>
      </c>
      <c r="F24288" s="2" t="s">
        <v>7593</v>
      </c>
      <c r="G24288" s="8">
        <v>253</v>
      </c>
      <c r="H24288" s="5">
        <v>6</v>
      </c>
      <c r="I24288" s="5" t="s">
        <v>1518</v>
      </c>
      <c r="J24288" s="5" t="s">
        <v>69038</v>
      </c>
      <c r="K24288" s="2" t="s">
        <v>69039</v>
      </c>
      <c r="L24288" s="5" t="s">
        <v>69038</v>
      </c>
      <c r="M24288" s="2" t="s">
        <v>69039</v>
      </c>
      <c r="N24288" s="5" t="s">
        <v>1521</v>
      </c>
      <c r="O24288" s="5" t="s">
        <v>38</v>
      </c>
      <c r="P24288" s="5" t="s">
        <v>39</v>
      </c>
      <c r="Q24288" s="5" t="s">
        <v>40</v>
      </c>
      <c r="R24288" s="5" t="s">
        <v>1522</v>
      </c>
      <c r="S24288" s="5" t="s">
        <v>1523</v>
      </c>
      <c r="T24288" s="5" t="s">
        <v>42</v>
      </c>
      <c r="U24288" s="2">
        <v>2.5819999999999999</v>
      </c>
      <c r="V24288" s="2">
        <v>2.0390000000000001</v>
      </c>
      <c r="W24288" s="2">
        <v>1.2999999999999999E-2</v>
      </c>
      <c r="X24288" s="2">
        <v>99.1</v>
      </c>
      <c r="Y24288" s="2">
        <v>7.6</v>
      </c>
      <c r="Z24288" s="2">
        <v>16.7</v>
      </c>
      <c r="AA24288" s="5"/>
      <c r="AB24288" s="5" t="s">
        <v>43</v>
      </c>
      <c r="AC24288" s="5" t="s">
        <v>44</v>
      </c>
      <c r="AD24288" s="2"/>
      <c r="AE24288" s="1"/>
    </row>
    <row r="24289" spans="1:31" ht="14.45">
      <c r="A24289" s="11"/>
      <c r="B24289" s="20"/>
      <c r="C24289" s="2" t="s">
        <v>77746</v>
      </c>
      <c r="D24289" s="14" t="s">
        <v>77747</v>
      </c>
      <c r="E24289" s="2" t="s">
        <v>77748</v>
      </c>
      <c r="F24289" s="2" t="s">
        <v>7597</v>
      </c>
      <c r="G24289" s="8">
        <v>253</v>
      </c>
      <c r="H24289" s="5">
        <v>6</v>
      </c>
      <c r="I24289" s="5" t="s">
        <v>1518</v>
      </c>
      <c r="J24289" s="5" t="s">
        <v>69038</v>
      </c>
      <c r="K24289" s="2" t="s">
        <v>69039</v>
      </c>
      <c r="L24289" s="5" t="s">
        <v>69038</v>
      </c>
      <c r="M24289" s="2" t="s">
        <v>69039</v>
      </c>
      <c r="N24289" s="5" t="s">
        <v>1521</v>
      </c>
      <c r="O24289" s="5" t="s">
        <v>38</v>
      </c>
      <c r="P24289" s="5" t="s">
        <v>39</v>
      </c>
      <c r="Q24289" s="5" t="s">
        <v>40</v>
      </c>
      <c r="R24289" s="5" t="s">
        <v>1522</v>
      </c>
      <c r="S24289" s="5" t="s">
        <v>1523</v>
      </c>
      <c r="T24289" s="5" t="s">
        <v>42</v>
      </c>
      <c r="U24289" s="2">
        <v>2.653</v>
      </c>
      <c r="V24289" s="2">
        <v>2.11</v>
      </c>
      <c r="W24289" s="2">
        <v>1.2999999999999999E-2</v>
      </c>
      <c r="X24289" s="2">
        <v>99.1</v>
      </c>
      <c r="Y24289" s="2">
        <v>7.6</v>
      </c>
      <c r="Z24289" s="2">
        <v>16.7</v>
      </c>
      <c r="AA24289" s="5"/>
      <c r="AB24289" s="5" t="s">
        <v>43</v>
      </c>
      <c r="AC24289" s="5" t="s">
        <v>44</v>
      </c>
      <c r="AD24289" s="2"/>
      <c r="AE24289" s="1"/>
    </row>
    <row r="24290" spans="1:31" ht="14.45">
      <c r="A24290" s="11"/>
      <c r="B24290" s="20"/>
      <c r="C24290" s="2" t="s">
        <v>77749</v>
      </c>
      <c r="D24290" s="14" t="s">
        <v>77750</v>
      </c>
      <c r="E24290" s="2" t="s">
        <v>77751</v>
      </c>
      <c r="F24290" s="2" t="s">
        <v>73358</v>
      </c>
      <c r="G24290" s="8">
        <v>253</v>
      </c>
      <c r="H24290" s="5">
        <v>6</v>
      </c>
      <c r="I24290" s="5" t="s">
        <v>1518</v>
      </c>
      <c r="J24290" s="5" t="s">
        <v>69038</v>
      </c>
      <c r="K24290" s="2" t="s">
        <v>69039</v>
      </c>
      <c r="L24290" s="5" t="s">
        <v>69038</v>
      </c>
      <c r="M24290" s="2" t="s">
        <v>69039</v>
      </c>
      <c r="N24290" s="5" t="s">
        <v>1521</v>
      </c>
      <c r="O24290" s="5" t="s">
        <v>38</v>
      </c>
      <c r="P24290" s="5" t="s">
        <v>39</v>
      </c>
      <c r="Q24290" s="5" t="s">
        <v>40</v>
      </c>
      <c r="R24290" s="5" t="s">
        <v>1522</v>
      </c>
      <c r="S24290" s="5" t="s">
        <v>1523</v>
      </c>
      <c r="T24290" s="5" t="s">
        <v>42</v>
      </c>
      <c r="U24290" s="2">
        <v>2.5819999999999999</v>
      </c>
      <c r="V24290" s="2">
        <v>2.0390000000000001</v>
      </c>
      <c r="W24290" s="2">
        <v>1.2999999999999999E-2</v>
      </c>
      <c r="X24290" s="2">
        <v>99.1</v>
      </c>
      <c r="Y24290" s="2">
        <v>7.6</v>
      </c>
      <c r="Z24290" s="2">
        <v>16.7</v>
      </c>
      <c r="AA24290" s="5"/>
      <c r="AB24290" s="5" t="s">
        <v>43</v>
      </c>
      <c r="AC24290" s="5" t="s">
        <v>44</v>
      </c>
      <c r="AD24290" s="2"/>
      <c r="AE24290" s="1"/>
    </row>
    <row r="24291" spans="1:31" ht="14.45">
      <c r="A24291" s="11"/>
      <c r="B24291" s="20"/>
      <c r="C24291" s="2" t="s">
        <v>77752</v>
      </c>
      <c r="D24291" s="14" t="s">
        <v>77753</v>
      </c>
      <c r="E24291" s="2" t="s">
        <v>77754</v>
      </c>
      <c r="F24291" s="2" t="s">
        <v>73362</v>
      </c>
      <c r="G24291" s="8">
        <v>253</v>
      </c>
      <c r="H24291" s="5">
        <v>6</v>
      </c>
      <c r="I24291" s="5" t="s">
        <v>1518</v>
      </c>
      <c r="J24291" s="5" t="s">
        <v>69038</v>
      </c>
      <c r="K24291" s="2" t="s">
        <v>69039</v>
      </c>
      <c r="L24291" s="5" t="s">
        <v>69038</v>
      </c>
      <c r="M24291" s="2" t="s">
        <v>69039</v>
      </c>
      <c r="N24291" s="5" t="s">
        <v>1521</v>
      </c>
      <c r="O24291" s="5" t="s">
        <v>38</v>
      </c>
      <c r="P24291" s="5" t="s">
        <v>39</v>
      </c>
      <c r="Q24291" s="5" t="s">
        <v>40</v>
      </c>
      <c r="R24291" s="5" t="s">
        <v>1522</v>
      </c>
      <c r="S24291" s="5" t="s">
        <v>1523</v>
      </c>
      <c r="T24291" s="5" t="s">
        <v>42</v>
      </c>
      <c r="U24291" s="2">
        <v>2.653</v>
      </c>
      <c r="V24291" s="2">
        <v>2.11</v>
      </c>
      <c r="W24291" s="2">
        <v>1.2999999999999999E-2</v>
      </c>
      <c r="X24291" s="2">
        <v>99.1</v>
      </c>
      <c r="Y24291" s="2">
        <v>7.6</v>
      </c>
      <c r="Z24291" s="2">
        <v>16.7</v>
      </c>
      <c r="AA24291" s="5"/>
      <c r="AB24291" s="5" t="s">
        <v>43</v>
      </c>
      <c r="AC24291" s="5" t="s">
        <v>44</v>
      </c>
      <c r="AD24291" s="2"/>
      <c r="AE24291" s="1"/>
    </row>
    <row r="24292" spans="1:31" ht="14.45">
      <c r="A24292" s="11"/>
      <c r="B24292" s="20"/>
      <c r="C24292" s="2" t="s">
        <v>77755</v>
      </c>
      <c r="D24292" s="14" t="s">
        <v>77756</v>
      </c>
      <c r="E24292" s="2" t="s">
        <v>77757</v>
      </c>
      <c r="F24292" s="2" t="s">
        <v>7615</v>
      </c>
      <c r="G24292" s="8">
        <v>253</v>
      </c>
      <c r="H24292" s="5">
        <v>6</v>
      </c>
      <c r="I24292" s="5" t="s">
        <v>1518</v>
      </c>
      <c r="J24292" s="5" t="s">
        <v>69038</v>
      </c>
      <c r="K24292" s="2" t="s">
        <v>69039</v>
      </c>
      <c r="L24292" s="5" t="s">
        <v>69038</v>
      </c>
      <c r="M24292" s="2" t="s">
        <v>69039</v>
      </c>
      <c r="N24292" s="5" t="s">
        <v>1521</v>
      </c>
      <c r="O24292" s="5" t="s">
        <v>38</v>
      </c>
      <c r="P24292" s="5" t="s">
        <v>39</v>
      </c>
      <c r="Q24292" s="5" t="s">
        <v>40</v>
      </c>
      <c r="R24292" s="5" t="s">
        <v>1522</v>
      </c>
      <c r="S24292" s="5" t="s">
        <v>1523</v>
      </c>
      <c r="T24292" s="5" t="s">
        <v>42</v>
      </c>
      <c r="U24292" s="2">
        <v>2.5819999999999999</v>
      </c>
      <c r="V24292" s="2">
        <v>2.0390000000000001</v>
      </c>
      <c r="W24292" s="2">
        <v>1.2999999999999999E-2</v>
      </c>
      <c r="X24292" s="2">
        <v>99.1</v>
      </c>
      <c r="Y24292" s="2">
        <v>7.6</v>
      </c>
      <c r="Z24292" s="2">
        <v>16.7</v>
      </c>
      <c r="AA24292" s="5"/>
      <c r="AB24292" s="5" t="s">
        <v>43</v>
      </c>
      <c r="AC24292" s="5" t="s">
        <v>44</v>
      </c>
      <c r="AD24292" s="2"/>
      <c r="AE24292" s="1"/>
    </row>
    <row r="24293" spans="1:31" ht="14.45">
      <c r="A24293" s="11"/>
      <c r="B24293" s="20"/>
      <c r="C24293" s="2" t="s">
        <v>77758</v>
      </c>
      <c r="D24293" s="14" t="s">
        <v>77759</v>
      </c>
      <c r="E24293" s="2" t="s">
        <v>77760</v>
      </c>
      <c r="F24293" s="2" t="s">
        <v>7619</v>
      </c>
      <c r="G24293" s="8">
        <v>253</v>
      </c>
      <c r="H24293" s="5">
        <v>6</v>
      </c>
      <c r="I24293" s="5" t="s">
        <v>1518</v>
      </c>
      <c r="J24293" s="5" t="s">
        <v>69038</v>
      </c>
      <c r="K24293" s="2" t="s">
        <v>69039</v>
      </c>
      <c r="L24293" s="5" t="s">
        <v>69038</v>
      </c>
      <c r="M24293" s="2" t="s">
        <v>69039</v>
      </c>
      <c r="N24293" s="5" t="s">
        <v>1521</v>
      </c>
      <c r="O24293" s="5" t="s">
        <v>38</v>
      </c>
      <c r="P24293" s="5" t="s">
        <v>39</v>
      </c>
      <c r="Q24293" s="5" t="s">
        <v>40</v>
      </c>
      <c r="R24293" s="5" t="s">
        <v>1522</v>
      </c>
      <c r="S24293" s="5" t="s">
        <v>1523</v>
      </c>
      <c r="T24293" s="5" t="s">
        <v>42</v>
      </c>
      <c r="U24293" s="2">
        <v>2.653</v>
      </c>
      <c r="V24293" s="2">
        <v>2.11</v>
      </c>
      <c r="W24293" s="2">
        <v>1.2999999999999999E-2</v>
      </c>
      <c r="X24293" s="2">
        <v>99.1</v>
      </c>
      <c r="Y24293" s="2">
        <v>7.6</v>
      </c>
      <c r="Z24293" s="2">
        <v>16.7</v>
      </c>
      <c r="AA24293" s="5"/>
      <c r="AB24293" s="5" t="s">
        <v>43</v>
      </c>
      <c r="AC24293" s="5" t="s">
        <v>44</v>
      </c>
      <c r="AD24293" s="2"/>
      <c r="AE24293" s="1"/>
    </row>
    <row r="24294" spans="1:31" ht="14.45">
      <c r="A24294" s="11"/>
      <c r="B24294" s="20"/>
      <c r="C24294" s="2" t="s">
        <v>77761</v>
      </c>
      <c r="D24294" s="14" t="s">
        <v>77762</v>
      </c>
      <c r="E24294" s="2" t="s">
        <v>77763</v>
      </c>
      <c r="F24294" s="2" t="s">
        <v>16014</v>
      </c>
      <c r="G24294" s="8">
        <v>253</v>
      </c>
      <c r="H24294" s="5">
        <v>6</v>
      </c>
      <c r="I24294" s="5" t="s">
        <v>1518</v>
      </c>
      <c r="J24294" s="5" t="s">
        <v>69038</v>
      </c>
      <c r="K24294" s="2" t="s">
        <v>69039</v>
      </c>
      <c r="L24294" s="5" t="s">
        <v>69038</v>
      </c>
      <c r="M24294" s="2" t="s">
        <v>69039</v>
      </c>
      <c r="N24294" s="5" t="s">
        <v>1521</v>
      </c>
      <c r="O24294" s="5" t="s">
        <v>38</v>
      </c>
      <c r="P24294" s="5" t="s">
        <v>39</v>
      </c>
      <c r="Q24294" s="5" t="s">
        <v>40</v>
      </c>
      <c r="R24294" s="5" t="s">
        <v>1522</v>
      </c>
      <c r="S24294" s="5" t="s">
        <v>1523</v>
      </c>
      <c r="T24294" s="5" t="s">
        <v>42</v>
      </c>
      <c r="U24294" s="2">
        <v>2.5819999999999999</v>
      </c>
      <c r="V24294" s="2">
        <v>2.0390000000000001</v>
      </c>
      <c r="W24294" s="2">
        <v>1.2999999999999999E-2</v>
      </c>
      <c r="X24294" s="2">
        <v>99.1</v>
      </c>
      <c r="Y24294" s="2">
        <v>7.6</v>
      </c>
      <c r="Z24294" s="2">
        <v>16.7</v>
      </c>
      <c r="AA24294" s="5"/>
      <c r="AB24294" s="5" t="s">
        <v>43</v>
      </c>
      <c r="AC24294" s="5" t="s">
        <v>44</v>
      </c>
      <c r="AD24294" s="2"/>
      <c r="AE24294" s="1"/>
    </row>
    <row r="24295" spans="1:31" ht="14.45">
      <c r="A24295" s="11"/>
      <c r="B24295" s="20"/>
      <c r="C24295" s="2" t="s">
        <v>77764</v>
      </c>
      <c r="D24295" s="14" t="s">
        <v>77765</v>
      </c>
      <c r="E24295" s="2" t="s">
        <v>77766</v>
      </c>
      <c r="F24295" s="2" t="s">
        <v>16219</v>
      </c>
      <c r="G24295" s="8">
        <v>253</v>
      </c>
      <c r="H24295" s="5">
        <v>6</v>
      </c>
      <c r="I24295" s="5" t="s">
        <v>1518</v>
      </c>
      <c r="J24295" s="5" t="s">
        <v>69038</v>
      </c>
      <c r="K24295" s="2" t="s">
        <v>69039</v>
      </c>
      <c r="L24295" s="5" t="s">
        <v>69038</v>
      </c>
      <c r="M24295" s="2" t="s">
        <v>69039</v>
      </c>
      <c r="N24295" s="5" t="s">
        <v>1521</v>
      </c>
      <c r="O24295" s="5" t="s">
        <v>38</v>
      </c>
      <c r="P24295" s="5" t="s">
        <v>39</v>
      </c>
      <c r="Q24295" s="5" t="s">
        <v>40</v>
      </c>
      <c r="R24295" s="5" t="s">
        <v>1522</v>
      </c>
      <c r="S24295" s="5" t="s">
        <v>1523</v>
      </c>
      <c r="T24295" s="5" t="s">
        <v>42</v>
      </c>
      <c r="U24295" s="2">
        <v>2.653</v>
      </c>
      <c r="V24295" s="2">
        <v>2.11</v>
      </c>
      <c r="W24295" s="2">
        <v>1.2999999999999999E-2</v>
      </c>
      <c r="X24295" s="2">
        <v>99.1</v>
      </c>
      <c r="Y24295" s="2">
        <v>7.6</v>
      </c>
      <c r="Z24295" s="2">
        <v>16.7</v>
      </c>
      <c r="AA24295" s="5"/>
      <c r="AB24295" s="5" t="s">
        <v>43</v>
      </c>
      <c r="AC24295" s="5" t="s">
        <v>44</v>
      </c>
      <c r="AD24295" s="2"/>
      <c r="AE24295" s="1"/>
    </row>
    <row r="24296" spans="1:31" ht="14.45">
      <c r="A24296" s="11"/>
      <c r="B24296" s="20"/>
      <c r="C24296" s="2" t="s">
        <v>77767</v>
      </c>
      <c r="D24296" s="14" t="s">
        <v>77768</v>
      </c>
      <c r="E24296" s="2" t="s">
        <v>77769</v>
      </c>
      <c r="F24296" s="2" t="s">
        <v>7212</v>
      </c>
      <c r="G24296" s="8">
        <v>237</v>
      </c>
      <c r="H24296" s="5">
        <v>6</v>
      </c>
      <c r="I24296" s="5" t="s">
        <v>1518</v>
      </c>
      <c r="J24296" s="5" t="s">
        <v>69038</v>
      </c>
      <c r="K24296" s="2" t="s">
        <v>69039</v>
      </c>
      <c r="L24296" s="5" t="s">
        <v>69038</v>
      </c>
      <c r="M24296" s="2" t="s">
        <v>69039</v>
      </c>
      <c r="N24296" s="5" t="s">
        <v>1521</v>
      </c>
      <c r="O24296" s="5" t="s">
        <v>38</v>
      </c>
      <c r="P24296" s="5" t="s">
        <v>39</v>
      </c>
      <c r="Q24296" s="5" t="s">
        <v>40</v>
      </c>
      <c r="R24296" s="5" t="s">
        <v>1522</v>
      </c>
      <c r="S24296" s="5" t="s">
        <v>1523</v>
      </c>
      <c r="T24296" s="5" t="s">
        <v>42</v>
      </c>
      <c r="U24296" s="2">
        <v>2.5819999999999999</v>
      </c>
      <c r="V24296" s="2">
        <v>2.0390000000000001</v>
      </c>
      <c r="W24296" s="2">
        <v>1.2999999999999999E-2</v>
      </c>
      <c r="X24296" s="2">
        <v>99.1</v>
      </c>
      <c r="Y24296" s="2">
        <v>7.6</v>
      </c>
      <c r="Z24296" s="2">
        <v>16.7</v>
      </c>
      <c r="AA24296" s="5"/>
      <c r="AB24296" s="5" t="s">
        <v>43</v>
      </c>
      <c r="AC24296" s="5" t="s">
        <v>44</v>
      </c>
      <c r="AD24296" s="2"/>
      <c r="AE24296" s="1"/>
    </row>
    <row r="24297" spans="1:31" ht="14.45">
      <c r="A24297" s="11"/>
      <c r="B24297" s="20"/>
      <c r="C24297" s="2" t="s">
        <v>77770</v>
      </c>
      <c r="D24297" s="14" t="s">
        <v>77771</v>
      </c>
      <c r="E24297" s="2" t="s">
        <v>77772</v>
      </c>
      <c r="F24297" s="2" t="s">
        <v>7528</v>
      </c>
      <c r="G24297" s="8">
        <v>237</v>
      </c>
      <c r="H24297" s="5">
        <v>6</v>
      </c>
      <c r="I24297" s="5" t="s">
        <v>1518</v>
      </c>
      <c r="J24297" s="5" t="s">
        <v>69038</v>
      </c>
      <c r="K24297" s="2" t="s">
        <v>69039</v>
      </c>
      <c r="L24297" s="5" t="s">
        <v>69038</v>
      </c>
      <c r="M24297" s="2" t="s">
        <v>69039</v>
      </c>
      <c r="N24297" s="5" t="s">
        <v>1521</v>
      </c>
      <c r="O24297" s="5" t="s">
        <v>38</v>
      </c>
      <c r="P24297" s="5" t="s">
        <v>39</v>
      </c>
      <c r="Q24297" s="5" t="s">
        <v>40</v>
      </c>
      <c r="R24297" s="5" t="s">
        <v>1522</v>
      </c>
      <c r="S24297" s="5" t="s">
        <v>1523</v>
      </c>
      <c r="T24297" s="5" t="s">
        <v>42</v>
      </c>
      <c r="U24297" s="2">
        <v>2.653</v>
      </c>
      <c r="V24297" s="2">
        <v>2.11</v>
      </c>
      <c r="W24297" s="2">
        <v>1.2999999999999999E-2</v>
      </c>
      <c r="X24297" s="2">
        <v>99.1</v>
      </c>
      <c r="Y24297" s="2">
        <v>7.6</v>
      </c>
      <c r="Z24297" s="2">
        <v>16.7</v>
      </c>
      <c r="AA24297" s="5"/>
      <c r="AB24297" s="5" t="s">
        <v>43</v>
      </c>
      <c r="AC24297" s="5" t="s">
        <v>44</v>
      </c>
      <c r="AD24297" s="2"/>
      <c r="AE24297" s="1"/>
    </row>
    <row r="24298" spans="1:31" ht="14.45">
      <c r="A24298" s="11"/>
      <c r="B24298" s="20"/>
      <c r="C24298" s="2" t="s">
        <v>77773</v>
      </c>
      <c r="D24298" s="14" t="s">
        <v>77774</v>
      </c>
      <c r="E24298" s="2" t="s">
        <v>77775</v>
      </c>
      <c r="F24298" s="2" t="s">
        <v>16029</v>
      </c>
      <c r="G24298" s="8">
        <v>253</v>
      </c>
      <c r="H24298" s="5">
        <v>6</v>
      </c>
      <c r="I24298" s="5" t="s">
        <v>1518</v>
      </c>
      <c r="J24298" s="5" t="s">
        <v>69038</v>
      </c>
      <c r="K24298" s="2" t="s">
        <v>69039</v>
      </c>
      <c r="L24298" s="5" t="s">
        <v>69038</v>
      </c>
      <c r="M24298" s="2" t="s">
        <v>69039</v>
      </c>
      <c r="N24298" s="5" t="s">
        <v>1521</v>
      </c>
      <c r="O24298" s="5" t="s">
        <v>38</v>
      </c>
      <c r="P24298" s="5" t="s">
        <v>39</v>
      </c>
      <c r="Q24298" s="5" t="s">
        <v>40</v>
      </c>
      <c r="R24298" s="5" t="s">
        <v>1522</v>
      </c>
      <c r="S24298" s="5" t="s">
        <v>1523</v>
      </c>
      <c r="T24298" s="5" t="s">
        <v>42</v>
      </c>
      <c r="U24298" s="2">
        <v>2.5859999999999999</v>
      </c>
      <c r="V24298" s="2">
        <v>2.0430000000000001</v>
      </c>
      <c r="W24298" s="2">
        <v>1.2999999999999999E-2</v>
      </c>
      <c r="X24298" s="2">
        <v>99.1</v>
      </c>
      <c r="Y24298" s="2">
        <v>7.6</v>
      </c>
      <c r="Z24298" s="2">
        <v>16.7</v>
      </c>
      <c r="AA24298" s="5"/>
      <c r="AB24298" s="5" t="s">
        <v>43</v>
      </c>
      <c r="AC24298" s="5" t="s">
        <v>44</v>
      </c>
      <c r="AD24298" s="2"/>
      <c r="AE24298" s="1"/>
    </row>
    <row r="24299" spans="1:31" ht="14.45">
      <c r="A24299" s="11"/>
      <c r="B24299" s="20"/>
      <c r="C24299" s="2" t="s">
        <v>77776</v>
      </c>
      <c r="D24299" s="14" t="s">
        <v>77777</v>
      </c>
      <c r="E24299" s="2" t="s">
        <v>77778</v>
      </c>
      <c r="F24299" s="2" t="s">
        <v>16033</v>
      </c>
      <c r="G24299" s="8">
        <v>253</v>
      </c>
      <c r="H24299" s="5">
        <v>6</v>
      </c>
      <c r="I24299" s="5" t="s">
        <v>1518</v>
      </c>
      <c r="J24299" s="5" t="s">
        <v>69038</v>
      </c>
      <c r="K24299" s="2" t="s">
        <v>69039</v>
      </c>
      <c r="L24299" s="5" t="s">
        <v>69038</v>
      </c>
      <c r="M24299" s="2" t="s">
        <v>69039</v>
      </c>
      <c r="N24299" s="5" t="s">
        <v>1521</v>
      </c>
      <c r="O24299" s="5" t="s">
        <v>38</v>
      </c>
      <c r="P24299" s="5" t="s">
        <v>39</v>
      </c>
      <c r="Q24299" s="5" t="s">
        <v>40</v>
      </c>
      <c r="R24299" s="5" t="s">
        <v>1522</v>
      </c>
      <c r="S24299" s="5" t="s">
        <v>1523</v>
      </c>
      <c r="T24299" s="5" t="s">
        <v>42</v>
      </c>
      <c r="U24299" s="2">
        <v>2.657</v>
      </c>
      <c r="V24299" s="2">
        <v>2.1139999999999999</v>
      </c>
      <c r="W24299" s="2">
        <v>1.2999999999999999E-2</v>
      </c>
      <c r="X24299" s="2">
        <v>99.1</v>
      </c>
      <c r="Y24299" s="2">
        <v>7.6</v>
      </c>
      <c r="Z24299" s="2">
        <v>16.7</v>
      </c>
      <c r="AA24299" s="5"/>
      <c r="AB24299" s="5" t="s">
        <v>43</v>
      </c>
      <c r="AC24299" s="5" t="s">
        <v>44</v>
      </c>
      <c r="AD24299" s="2"/>
      <c r="AE24299" s="1"/>
    </row>
    <row r="24300" spans="1:31" ht="14.45">
      <c r="A24300" s="11"/>
      <c r="B24300" s="20"/>
      <c r="C24300" s="2" t="s">
        <v>77779</v>
      </c>
      <c r="D24300" s="14" t="s">
        <v>77780</v>
      </c>
      <c r="E24300" s="2" t="s">
        <v>77781</v>
      </c>
      <c r="F24300" s="2" t="s">
        <v>7204</v>
      </c>
      <c r="G24300" s="8">
        <v>246</v>
      </c>
      <c r="H24300" s="5">
        <v>6</v>
      </c>
      <c r="I24300" s="5" t="s">
        <v>1518</v>
      </c>
      <c r="J24300" s="5" t="s">
        <v>69038</v>
      </c>
      <c r="K24300" s="2" t="s">
        <v>69039</v>
      </c>
      <c r="L24300" s="5" t="s">
        <v>69038</v>
      </c>
      <c r="M24300" s="2" t="s">
        <v>69039</v>
      </c>
      <c r="N24300" s="5" t="s">
        <v>1521</v>
      </c>
      <c r="O24300" s="5" t="s">
        <v>38</v>
      </c>
      <c r="P24300" s="5" t="s">
        <v>39</v>
      </c>
      <c r="Q24300" s="5" t="s">
        <v>40</v>
      </c>
      <c r="R24300" s="5" t="s">
        <v>1522</v>
      </c>
      <c r="S24300" s="5" t="s">
        <v>1523</v>
      </c>
      <c r="T24300" s="5" t="s">
        <v>42</v>
      </c>
      <c r="U24300" s="2">
        <v>2.74</v>
      </c>
      <c r="V24300" s="2">
        <v>2.1970000000000001</v>
      </c>
      <c r="W24300" s="2">
        <v>1.4999999999999999E-2</v>
      </c>
      <c r="X24300" s="2">
        <v>118.9</v>
      </c>
      <c r="Y24300" s="2">
        <v>7.6</v>
      </c>
      <c r="Z24300" s="2">
        <v>16.7</v>
      </c>
      <c r="AA24300" s="5"/>
      <c r="AB24300" s="5" t="s">
        <v>43</v>
      </c>
      <c r="AC24300" s="5" t="s">
        <v>44</v>
      </c>
      <c r="AD24300" s="2"/>
      <c r="AE24300" s="1"/>
    </row>
    <row r="24301" spans="1:31" ht="14.45">
      <c r="A24301" s="11"/>
      <c r="B24301" s="20"/>
      <c r="C24301" s="2" t="s">
        <v>77782</v>
      </c>
      <c r="D24301" s="14" t="s">
        <v>77783</v>
      </c>
      <c r="E24301" s="2" t="s">
        <v>77784</v>
      </c>
      <c r="F24301" s="2" t="s">
        <v>7514</v>
      </c>
      <c r="G24301" s="8">
        <v>246</v>
      </c>
      <c r="H24301" s="5">
        <v>6</v>
      </c>
      <c r="I24301" s="5" t="s">
        <v>1518</v>
      </c>
      <c r="J24301" s="5" t="s">
        <v>69038</v>
      </c>
      <c r="K24301" s="2" t="s">
        <v>69039</v>
      </c>
      <c r="L24301" s="5" t="s">
        <v>69038</v>
      </c>
      <c r="M24301" s="2" t="s">
        <v>69039</v>
      </c>
      <c r="N24301" s="5" t="s">
        <v>1521</v>
      </c>
      <c r="O24301" s="5" t="s">
        <v>38</v>
      </c>
      <c r="P24301" s="5" t="s">
        <v>39</v>
      </c>
      <c r="Q24301" s="5" t="s">
        <v>40</v>
      </c>
      <c r="R24301" s="5" t="s">
        <v>1522</v>
      </c>
      <c r="S24301" s="5" t="s">
        <v>1523</v>
      </c>
      <c r="T24301" s="5" t="s">
        <v>42</v>
      </c>
      <c r="U24301" s="2">
        <v>2.8220000000000001</v>
      </c>
      <c r="V24301" s="2">
        <v>2.2789999999999999</v>
      </c>
      <c r="W24301" s="2">
        <v>1.4999999999999999E-2</v>
      </c>
      <c r="X24301" s="2">
        <v>118.9</v>
      </c>
      <c r="Y24301" s="2">
        <v>7.6</v>
      </c>
      <c r="Z24301" s="2">
        <v>16.7</v>
      </c>
      <c r="AA24301" s="5"/>
      <c r="AB24301" s="5" t="s">
        <v>43</v>
      </c>
      <c r="AC24301" s="5" t="s">
        <v>44</v>
      </c>
      <c r="AD24301" s="2"/>
      <c r="AE24301" s="1"/>
    </row>
    <row r="24302" spans="1:31" ht="14.45">
      <c r="A24302" s="11"/>
      <c r="B24302" s="20"/>
      <c r="C24302" s="2" t="s">
        <v>77785</v>
      </c>
      <c r="D24302" s="14" t="s">
        <v>77786</v>
      </c>
      <c r="E24302" s="2" t="s">
        <v>77787</v>
      </c>
      <c r="F24302" s="2" t="s">
        <v>7208</v>
      </c>
      <c r="G24302" s="8">
        <v>246</v>
      </c>
      <c r="H24302" s="5">
        <v>6</v>
      </c>
      <c r="I24302" s="5" t="s">
        <v>1518</v>
      </c>
      <c r="J24302" s="5" t="s">
        <v>69038</v>
      </c>
      <c r="K24302" s="2" t="s">
        <v>69039</v>
      </c>
      <c r="L24302" s="5" t="s">
        <v>69038</v>
      </c>
      <c r="M24302" s="2" t="s">
        <v>69039</v>
      </c>
      <c r="N24302" s="5" t="s">
        <v>1521</v>
      </c>
      <c r="O24302" s="5" t="s">
        <v>38</v>
      </c>
      <c r="P24302" s="5" t="s">
        <v>39</v>
      </c>
      <c r="Q24302" s="5" t="s">
        <v>40</v>
      </c>
      <c r="R24302" s="5" t="s">
        <v>1522</v>
      </c>
      <c r="S24302" s="5" t="s">
        <v>1523</v>
      </c>
      <c r="T24302" s="5" t="s">
        <v>42</v>
      </c>
      <c r="U24302" s="2">
        <v>2.74</v>
      </c>
      <c r="V24302" s="2">
        <v>2.1970000000000001</v>
      </c>
      <c r="W24302" s="2">
        <v>1.4999999999999999E-2</v>
      </c>
      <c r="X24302" s="2">
        <v>118.9</v>
      </c>
      <c r="Y24302" s="2">
        <v>7.6</v>
      </c>
      <c r="Z24302" s="2">
        <v>16.7</v>
      </c>
      <c r="AA24302" s="5"/>
      <c r="AB24302" s="5" t="s">
        <v>43</v>
      </c>
      <c r="AC24302" s="5" t="s">
        <v>44</v>
      </c>
      <c r="AD24302" s="2"/>
      <c r="AE24302" s="1"/>
    </row>
    <row r="24303" spans="1:31" ht="14.45">
      <c r="A24303" s="11"/>
      <c r="B24303" s="20"/>
      <c r="C24303" s="2" t="s">
        <v>77788</v>
      </c>
      <c r="D24303" s="14" t="s">
        <v>77789</v>
      </c>
      <c r="E24303" s="2" t="s">
        <v>77790</v>
      </c>
      <c r="F24303" s="2" t="s">
        <v>7521</v>
      </c>
      <c r="G24303" s="8">
        <v>246</v>
      </c>
      <c r="H24303" s="5">
        <v>6</v>
      </c>
      <c r="I24303" s="5" t="s">
        <v>1518</v>
      </c>
      <c r="J24303" s="5" t="s">
        <v>69038</v>
      </c>
      <c r="K24303" s="2" t="s">
        <v>69039</v>
      </c>
      <c r="L24303" s="5" t="s">
        <v>69038</v>
      </c>
      <c r="M24303" s="2" t="s">
        <v>69039</v>
      </c>
      <c r="N24303" s="5" t="s">
        <v>1521</v>
      </c>
      <c r="O24303" s="5" t="s">
        <v>38</v>
      </c>
      <c r="P24303" s="5" t="s">
        <v>39</v>
      </c>
      <c r="Q24303" s="5" t="s">
        <v>40</v>
      </c>
      <c r="R24303" s="5" t="s">
        <v>1522</v>
      </c>
      <c r="S24303" s="5" t="s">
        <v>1523</v>
      </c>
      <c r="T24303" s="5" t="s">
        <v>42</v>
      </c>
      <c r="U24303" s="2">
        <v>2.8220000000000001</v>
      </c>
      <c r="V24303" s="2">
        <v>2.2789999999999999</v>
      </c>
      <c r="W24303" s="2">
        <v>1.4999999999999999E-2</v>
      </c>
      <c r="X24303" s="2">
        <v>118.9</v>
      </c>
      <c r="Y24303" s="2">
        <v>7.6</v>
      </c>
      <c r="Z24303" s="2">
        <v>16.7</v>
      </c>
      <c r="AA24303" s="5"/>
      <c r="AB24303" s="5" t="s">
        <v>43</v>
      </c>
      <c r="AC24303" s="5" t="s">
        <v>44</v>
      </c>
      <c r="AD24303" s="2"/>
      <c r="AE24303" s="1"/>
    </row>
    <row r="24304" spans="1:31" ht="14.45">
      <c r="A24304" s="11"/>
      <c r="B24304" s="20"/>
      <c r="C24304" s="2" t="s">
        <v>77791</v>
      </c>
      <c r="D24304" s="14" t="s">
        <v>77792</v>
      </c>
      <c r="E24304" s="2" t="s">
        <v>77793</v>
      </c>
      <c r="F24304" s="2" t="s">
        <v>7406</v>
      </c>
      <c r="G24304" s="8">
        <v>263</v>
      </c>
      <c r="H24304" s="5">
        <v>6</v>
      </c>
      <c r="I24304" s="5" t="s">
        <v>1518</v>
      </c>
      <c r="J24304" s="5" t="s">
        <v>69038</v>
      </c>
      <c r="K24304" s="2" t="s">
        <v>69039</v>
      </c>
      <c r="L24304" s="5" t="s">
        <v>69038</v>
      </c>
      <c r="M24304" s="2" t="s">
        <v>69039</v>
      </c>
      <c r="N24304" s="5" t="s">
        <v>1521</v>
      </c>
      <c r="O24304" s="5" t="s">
        <v>38</v>
      </c>
      <c r="P24304" s="5" t="s">
        <v>39</v>
      </c>
      <c r="Q24304" s="5" t="s">
        <v>40</v>
      </c>
      <c r="R24304" s="5" t="s">
        <v>1522</v>
      </c>
      <c r="S24304" s="5" t="s">
        <v>1523</v>
      </c>
      <c r="T24304" s="5" t="s">
        <v>42</v>
      </c>
      <c r="U24304" s="2">
        <v>2.74</v>
      </c>
      <c r="V24304" s="2">
        <v>2.1970000000000001</v>
      </c>
      <c r="W24304" s="2">
        <v>1.4999999999999999E-2</v>
      </c>
      <c r="X24304" s="2">
        <v>118.9</v>
      </c>
      <c r="Y24304" s="2">
        <v>7.6</v>
      </c>
      <c r="Z24304" s="2">
        <v>16.7</v>
      </c>
      <c r="AA24304" s="5"/>
      <c r="AB24304" s="5" t="s">
        <v>43</v>
      </c>
      <c r="AC24304" s="5" t="s">
        <v>44</v>
      </c>
      <c r="AD24304" s="2"/>
      <c r="AE24304" s="1"/>
    </row>
    <row r="24305" spans="1:31" ht="14.45">
      <c r="A24305" s="11"/>
      <c r="B24305" s="20"/>
      <c r="C24305" s="2" t="s">
        <v>77794</v>
      </c>
      <c r="D24305" s="14" t="s">
        <v>77795</v>
      </c>
      <c r="E24305" s="2" t="s">
        <v>77796</v>
      </c>
      <c r="F24305" s="2" t="s">
        <v>7535</v>
      </c>
      <c r="G24305" s="8">
        <v>263</v>
      </c>
      <c r="H24305" s="5">
        <v>6</v>
      </c>
      <c r="I24305" s="5" t="s">
        <v>1518</v>
      </c>
      <c r="J24305" s="5" t="s">
        <v>69038</v>
      </c>
      <c r="K24305" s="2" t="s">
        <v>69039</v>
      </c>
      <c r="L24305" s="5" t="s">
        <v>69038</v>
      </c>
      <c r="M24305" s="2" t="s">
        <v>69039</v>
      </c>
      <c r="N24305" s="5" t="s">
        <v>1521</v>
      </c>
      <c r="O24305" s="5" t="s">
        <v>38</v>
      </c>
      <c r="P24305" s="5" t="s">
        <v>39</v>
      </c>
      <c r="Q24305" s="5" t="s">
        <v>40</v>
      </c>
      <c r="R24305" s="5" t="s">
        <v>1522</v>
      </c>
      <c r="S24305" s="5" t="s">
        <v>1523</v>
      </c>
      <c r="T24305" s="5" t="s">
        <v>42</v>
      </c>
      <c r="U24305" s="2">
        <v>2.8220000000000001</v>
      </c>
      <c r="V24305" s="2">
        <v>2.2789999999999999</v>
      </c>
      <c r="W24305" s="2">
        <v>1.4999999999999999E-2</v>
      </c>
      <c r="X24305" s="2">
        <v>118.9</v>
      </c>
      <c r="Y24305" s="2">
        <v>7.6</v>
      </c>
      <c r="Z24305" s="2">
        <v>16.7</v>
      </c>
      <c r="AA24305" s="5"/>
      <c r="AB24305" s="5" t="s">
        <v>43</v>
      </c>
      <c r="AC24305" s="5" t="s">
        <v>44</v>
      </c>
      <c r="AD24305" s="2"/>
      <c r="AE24305" s="1"/>
    </row>
    <row r="24306" spans="1:31" ht="14.45">
      <c r="A24306" s="11"/>
      <c r="B24306" s="20"/>
      <c r="C24306" s="2" t="s">
        <v>77797</v>
      </c>
      <c r="D24306" s="14" t="s">
        <v>77798</v>
      </c>
      <c r="E24306" s="2" t="s">
        <v>77799</v>
      </c>
      <c r="F24306" s="2" t="s">
        <v>7539</v>
      </c>
      <c r="G24306" s="8">
        <v>263</v>
      </c>
      <c r="H24306" s="5">
        <v>6</v>
      </c>
      <c r="I24306" s="5" t="s">
        <v>1518</v>
      </c>
      <c r="J24306" s="5" t="s">
        <v>69038</v>
      </c>
      <c r="K24306" s="2" t="s">
        <v>69039</v>
      </c>
      <c r="L24306" s="5" t="s">
        <v>69038</v>
      </c>
      <c r="M24306" s="2" t="s">
        <v>69039</v>
      </c>
      <c r="N24306" s="5" t="s">
        <v>1521</v>
      </c>
      <c r="O24306" s="5" t="s">
        <v>38</v>
      </c>
      <c r="P24306" s="5" t="s">
        <v>39</v>
      </c>
      <c r="Q24306" s="5" t="s">
        <v>40</v>
      </c>
      <c r="R24306" s="5" t="s">
        <v>1522</v>
      </c>
      <c r="S24306" s="5" t="s">
        <v>1523</v>
      </c>
      <c r="T24306" s="5" t="s">
        <v>42</v>
      </c>
      <c r="U24306" s="2">
        <v>2.74</v>
      </c>
      <c r="V24306" s="2">
        <v>2.1970000000000001</v>
      </c>
      <c r="W24306" s="2">
        <v>1.4999999999999999E-2</v>
      </c>
      <c r="X24306" s="2">
        <v>118.9</v>
      </c>
      <c r="Y24306" s="2">
        <v>7.6</v>
      </c>
      <c r="Z24306" s="2">
        <v>16.7</v>
      </c>
      <c r="AA24306" s="5"/>
      <c r="AB24306" s="5" t="s">
        <v>43</v>
      </c>
      <c r="AC24306" s="5" t="s">
        <v>44</v>
      </c>
      <c r="AD24306" s="2"/>
      <c r="AE24306" s="1"/>
    </row>
    <row r="24307" spans="1:31" ht="14.45">
      <c r="A24307" s="11"/>
      <c r="B24307" s="20"/>
      <c r="C24307" s="2" t="s">
        <v>77800</v>
      </c>
      <c r="D24307" s="14" t="s">
        <v>77801</v>
      </c>
      <c r="E24307" s="2" t="s">
        <v>77802</v>
      </c>
      <c r="F24307" s="2" t="s">
        <v>7543</v>
      </c>
      <c r="G24307" s="8">
        <v>263</v>
      </c>
      <c r="H24307" s="5">
        <v>6</v>
      </c>
      <c r="I24307" s="5" t="s">
        <v>1518</v>
      </c>
      <c r="J24307" s="5" t="s">
        <v>69038</v>
      </c>
      <c r="K24307" s="2" t="s">
        <v>69039</v>
      </c>
      <c r="L24307" s="5" t="s">
        <v>69038</v>
      </c>
      <c r="M24307" s="2" t="s">
        <v>69039</v>
      </c>
      <c r="N24307" s="5" t="s">
        <v>1521</v>
      </c>
      <c r="O24307" s="5" t="s">
        <v>38</v>
      </c>
      <c r="P24307" s="5" t="s">
        <v>39</v>
      </c>
      <c r="Q24307" s="5" t="s">
        <v>40</v>
      </c>
      <c r="R24307" s="5" t="s">
        <v>1522</v>
      </c>
      <c r="S24307" s="5" t="s">
        <v>1523</v>
      </c>
      <c r="T24307" s="5" t="s">
        <v>42</v>
      </c>
      <c r="U24307" s="2">
        <v>2.8220000000000001</v>
      </c>
      <c r="V24307" s="2">
        <v>2.2789999999999999</v>
      </c>
      <c r="W24307" s="2">
        <v>1.4999999999999999E-2</v>
      </c>
      <c r="X24307" s="2">
        <v>118.9</v>
      </c>
      <c r="Y24307" s="2">
        <v>7.6</v>
      </c>
      <c r="Z24307" s="2">
        <v>16.7</v>
      </c>
      <c r="AA24307" s="5"/>
      <c r="AB24307" s="5" t="s">
        <v>43</v>
      </c>
      <c r="AC24307" s="5" t="s">
        <v>44</v>
      </c>
      <c r="AD24307" s="2"/>
      <c r="AE24307" s="1"/>
    </row>
    <row r="24308" spans="1:31" ht="14.45">
      <c r="A24308" s="11"/>
      <c r="B24308" s="20"/>
      <c r="C24308" s="2" t="s">
        <v>77803</v>
      </c>
      <c r="D24308" s="14" t="s">
        <v>77804</v>
      </c>
      <c r="E24308" s="2" t="s">
        <v>77805</v>
      </c>
      <c r="F24308" s="2" t="s">
        <v>7396</v>
      </c>
      <c r="G24308" s="8">
        <v>246</v>
      </c>
      <c r="H24308" s="5">
        <v>6</v>
      </c>
      <c r="I24308" s="5" t="s">
        <v>1518</v>
      </c>
      <c r="J24308" s="5" t="s">
        <v>69038</v>
      </c>
      <c r="K24308" s="2" t="s">
        <v>69039</v>
      </c>
      <c r="L24308" s="5" t="s">
        <v>69038</v>
      </c>
      <c r="M24308" s="2" t="s">
        <v>69039</v>
      </c>
      <c r="N24308" s="5" t="s">
        <v>1521</v>
      </c>
      <c r="O24308" s="5" t="s">
        <v>38</v>
      </c>
      <c r="P24308" s="5" t="s">
        <v>39</v>
      </c>
      <c r="Q24308" s="5" t="s">
        <v>40</v>
      </c>
      <c r="R24308" s="5" t="s">
        <v>1522</v>
      </c>
      <c r="S24308" s="5" t="s">
        <v>1523</v>
      </c>
      <c r="T24308" s="5" t="s">
        <v>42</v>
      </c>
      <c r="U24308" s="2">
        <v>2.74</v>
      </c>
      <c r="V24308" s="2">
        <v>2.1970000000000001</v>
      </c>
      <c r="W24308" s="2">
        <v>1.4999999999999999E-2</v>
      </c>
      <c r="X24308" s="2">
        <v>118.9</v>
      </c>
      <c r="Y24308" s="2">
        <v>7.6</v>
      </c>
      <c r="Z24308" s="2">
        <v>16.7</v>
      </c>
      <c r="AA24308" s="5"/>
      <c r="AB24308" s="5" t="s">
        <v>43</v>
      </c>
      <c r="AC24308" s="5" t="s">
        <v>44</v>
      </c>
      <c r="AD24308" s="2"/>
      <c r="AE24308" s="1"/>
    </row>
    <row r="24309" spans="1:31" ht="14.45">
      <c r="A24309" s="11"/>
      <c r="B24309" s="20"/>
      <c r="C24309" s="2" t="s">
        <v>77806</v>
      </c>
      <c r="D24309" s="14" t="s">
        <v>77807</v>
      </c>
      <c r="E24309" s="2" t="s">
        <v>77808</v>
      </c>
      <c r="F24309" s="2" t="s">
        <v>7507</v>
      </c>
      <c r="G24309" s="8">
        <v>246</v>
      </c>
      <c r="H24309" s="5">
        <v>6</v>
      </c>
      <c r="I24309" s="5" t="s">
        <v>1518</v>
      </c>
      <c r="J24309" s="5" t="s">
        <v>69038</v>
      </c>
      <c r="K24309" s="2" t="s">
        <v>69039</v>
      </c>
      <c r="L24309" s="5" t="s">
        <v>69038</v>
      </c>
      <c r="M24309" s="2" t="s">
        <v>69039</v>
      </c>
      <c r="N24309" s="5" t="s">
        <v>1521</v>
      </c>
      <c r="O24309" s="5" t="s">
        <v>38</v>
      </c>
      <c r="P24309" s="5" t="s">
        <v>39</v>
      </c>
      <c r="Q24309" s="5" t="s">
        <v>40</v>
      </c>
      <c r="R24309" s="5" t="s">
        <v>1522</v>
      </c>
      <c r="S24309" s="5" t="s">
        <v>1523</v>
      </c>
      <c r="T24309" s="5" t="s">
        <v>42</v>
      </c>
      <c r="U24309" s="2">
        <v>2.8220000000000001</v>
      </c>
      <c r="V24309" s="2">
        <v>2.2789999999999999</v>
      </c>
      <c r="W24309" s="2">
        <v>1.4999999999999999E-2</v>
      </c>
      <c r="X24309" s="2">
        <v>118.9</v>
      </c>
      <c r="Y24309" s="2">
        <v>7.6</v>
      </c>
      <c r="Z24309" s="2">
        <v>16.7</v>
      </c>
      <c r="AA24309" s="5"/>
      <c r="AB24309" s="5" t="s">
        <v>43</v>
      </c>
      <c r="AC24309" s="5" t="s">
        <v>44</v>
      </c>
      <c r="AD24309" s="2"/>
      <c r="AE24309" s="1"/>
    </row>
    <row r="24310" spans="1:31" ht="14.45">
      <c r="A24310" s="11"/>
      <c r="B24310" s="20"/>
      <c r="C24310" s="2" t="s">
        <v>77809</v>
      </c>
      <c r="D24310" s="14" t="s">
        <v>77810</v>
      </c>
      <c r="E24310" s="2" t="s">
        <v>77811</v>
      </c>
      <c r="F24310" s="2" t="s">
        <v>7547</v>
      </c>
      <c r="G24310" s="8">
        <v>263</v>
      </c>
      <c r="H24310" s="5">
        <v>6</v>
      </c>
      <c r="I24310" s="5" t="s">
        <v>1518</v>
      </c>
      <c r="J24310" s="5" t="s">
        <v>69038</v>
      </c>
      <c r="K24310" s="2" t="s">
        <v>69039</v>
      </c>
      <c r="L24310" s="5" t="s">
        <v>69038</v>
      </c>
      <c r="M24310" s="2" t="s">
        <v>69039</v>
      </c>
      <c r="N24310" s="5" t="s">
        <v>1521</v>
      </c>
      <c r="O24310" s="5" t="s">
        <v>38</v>
      </c>
      <c r="P24310" s="5" t="s">
        <v>39</v>
      </c>
      <c r="Q24310" s="5" t="s">
        <v>40</v>
      </c>
      <c r="R24310" s="5" t="s">
        <v>1522</v>
      </c>
      <c r="S24310" s="5" t="s">
        <v>1523</v>
      </c>
      <c r="T24310" s="5" t="s">
        <v>42</v>
      </c>
      <c r="U24310" s="2">
        <v>2.74</v>
      </c>
      <c r="V24310" s="2">
        <v>2.1970000000000001</v>
      </c>
      <c r="W24310" s="2">
        <v>1.4999999999999999E-2</v>
      </c>
      <c r="X24310" s="2">
        <v>118.9</v>
      </c>
      <c r="Y24310" s="2">
        <v>7.6</v>
      </c>
      <c r="Z24310" s="2">
        <v>16.7</v>
      </c>
      <c r="AA24310" s="5"/>
      <c r="AB24310" s="5" t="s">
        <v>43</v>
      </c>
      <c r="AC24310" s="5" t="s">
        <v>44</v>
      </c>
      <c r="AD24310" s="2"/>
      <c r="AE24310" s="1"/>
    </row>
    <row r="24311" spans="1:31" ht="14.45">
      <c r="A24311" s="11"/>
      <c r="B24311" s="20"/>
      <c r="C24311" s="2" t="s">
        <v>77812</v>
      </c>
      <c r="D24311" s="14" t="s">
        <v>77813</v>
      </c>
      <c r="E24311" s="2" t="s">
        <v>77814</v>
      </c>
      <c r="F24311" s="2" t="s">
        <v>7551</v>
      </c>
      <c r="G24311" s="8">
        <v>263</v>
      </c>
      <c r="H24311" s="5">
        <v>6</v>
      </c>
      <c r="I24311" s="5" t="s">
        <v>1518</v>
      </c>
      <c r="J24311" s="5" t="s">
        <v>69038</v>
      </c>
      <c r="K24311" s="2" t="s">
        <v>69039</v>
      </c>
      <c r="L24311" s="5" t="s">
        <v>69038</v>
      </c>
      <c r="M24311" s="2" t="s">
        <v>69039</v>
      </c>
      <c r="N24311" s="5" t="s">
        <v>1521</v>
      </c>
      <c r="O24311" s="5" t="s">
        <v>38</v>
      </c>
      <c r="P24311" s="5" t="s">
        <v>39</v>
      </c>
      <c r="Q24311" s="5" t="s">
        <v>40</v>
      </c>
      <c r="R24311" s="5" t="s">
        <v>1522</v>
      </c>
      <c r="S24311" s="5" t="s">
        <v>1523</v>
      </c>
      <c r="T24311" s="5" t="s">
        <v>42</v>
      </c>
      <c r="U24311" s="2">
        <v>2.8220000000000001</v>
      </c>
      <c r="V24311" s="2">
        <v>2.2789999999999999</v>
      </c>
      <c r="W24311" s="2">
        <v>1.4999999999999999E-2</v>
      </c>
      <c r="X24311" s="2">
        <v>118.9</v>
      </c>
      <c r="Y24311" s="2">
        <v>7.6</v>
      </c>
      <c r="Z24311" s="2">
        <v>16.7</v>
      </c>
      <c r="AA24311" s="5"/>
      <c r="AB24311" s="5" t="s">
        <v>43</v>
      </c>
      <c r="AC24311" s="5" t="s">
        <v>44</v>
      </c>
      <c r="AD24311" s="2"/>
      <c r="AE24311" s="1"/>
    </row>
    <row r="24312" spans="1:31" ht="14.45">
      <c r="A24312" s="11"/>
      <c r="B24312" s="20"/>
      <c r="C24312" s="2" t="s">
        <v>77815</v>
      </c>
      <c r="D24312" s="14" t="s">
        <v>77816</v>
      </c>
      <c r="E24312" s="2" t="s">
        <v>77817</v>
      </c>
      <c r="F24312" s="2" t="s">
        <v>7563</v>
      </c>
      <c r="G24312" s="8">
        <v>263</v>
      </c>
      <c r="H24312" s="5">
        <v>6</v>
      </c>
      <c r="I24312" s="5" t="s">
        <v>1518</v>
      </c>
      <c r="J24312" s="5" t="s">
        <v>69038</v>
      </c>
      <c r="K24312" s="2" t="s">
        <v>69039</v>
      </c>
      <c r="L24312" s="5" t="s">
        <v>69038</v>
      </c>
      <c r="M24312" s="2" t="s">
        <v>69039</v>
      </c>
      <c r="N24312" s="5" t="s">
        <v>1521</v>
      </c>
      <c r="O24312" s="5" t="s">
        <v>38</v>
      </c>
      <c r="P24312" s="5" t="s">
        <v>39</v>
      </c>
      <c r="Q24312" s="5" t="s">
        <v>40</v>
      </c>
      <c r="R24312" s="5" t="s">
        <v>1522</v>
      </c>
      <c r="S24312" s="5" t="s">
        <v>1523</v>
      </c>
      <c r="T24312" s="5" t="s">
        <v>42</v>
      </c>
      <c r="U24312" s="2">
        <v>2.74</v>
      </c>
      <c r="V24312" s="2">
        <v>2.1970000000000001</v>
      </c>
      <c r="W24312" s="2">
        <v>1.4999999999999999E-2</v>
      </c>
      <c r="X24312" s="2">
        <v>118.9</v>
      </c>
      <c r="Y24312" s="2">
        <v>7.6</v>
      </c>
      <c r="Z24312" s="2">
        <v>16.7</v>
      </c>
      <c r="AA24312" s="5"/>
      <c r="AB24312" s="5" t="s">
        <v>43</v>
      </c>
      <c r="AC24312" s="5" t="s">
        <v>44</v>
      </c>
      <c r="AD24312" s="2"/>
      <c r="AE24312" s="1"/>
    </row>
    <row r="24313" spans="1:31" ht="14.45">
      <c r="A24313" s="11"/>
      <c r="B24313" s="20"/>
      <c r="C24313" s="2" t="s">
        <v>77818</v>
      </c>
      <c r="D24313" s="14" t="s">
        <v>77819</v>
      </c>
      <c r="E24313" s="2" t="s">
        <v>77820</v>
      </c>
      <c r="F24313" s="2" t="s">
        <v>7567</v>
      </c>
      <c r="G24313" s="8">
        <v>263</v>
      </c>
      <c r="H24313" s="5">
        <v>6</v>
      </c>
      <c r="I24313" s="5" t="s">
        <v>1518</v>
      </c>
      <c r="J24313" s="5" t="s">
        <v>69038</v>
      </c>
      <c r="K24313" s="2" t="s">
        <v>69039</v>
      </c>
      <c r="L24313" s="5" t="s">
        <v>69038</v>
      </c>
      <c r="M24313" s="2" t="s">
        <v>69039</v>
      </c>
      <c r="N24313" s="5" t="s">
        <v>1521</v>
      </c>
      <c r="O24313" s="5" t="s">
        <v>38</v>
      </c>
      <c r="P24313" s="5" t="s">
        <v>39</v>
      </c>
      <c r="Q24313" s="5" t="s">
        <v>40</v>
      </c>
      <c r="R24313" s="5" t="s">
        <v>1522</v>
      </c>
      <c r="S24313" s="5" t="s">
        <v>1523</v>
      </c>
      <c r="T24313" s="5" t="s">
        <v>42</v>
      </c>
      <c r="U24313" s="2">
        <v>2.8220000000000001</v>
      </c>
      <c r="V24313" s="2">
        <v>2.2789999999999999</v>
      </c>
      <c r="W24313" s="2">
        <v>1.4999999999999999E-2</v>
      </c>
      <c r="X24313" s="2">
        <v>118.9</v>
      </c>
      <c r="Y24313" s="2">
        <v>7.6</v>
      </c>
      <c r="Z24313" s="2">
        <v>16.7</v>
      </c>
      <c r="AA24313" s="5"/>
      <c r="AB24313" s="5" t="s">
        <v>43</v>
      </c>
      <c r="AC24313" s="5" t="s">
        <v>44</v>
      </c>
      <c r="AD24313" s="2"/>
      <c r="AE24313" s="1"/>
    </row>
    <row r="24314" spans="1:31" ht="14.45">
      <c r="A24314" s="11"/>
      <c r="B24314" s="20"/>
      <c r="C24314" s="2" t="s">
        <v>77821</v>
      </c>
      <c r="D24314" s="14" t="s">
        <v>77822</v>
      </c>
      <c r="E24314" s="2" t="s">
        <v>77823</v>
      </c>
      <c r="F24314" s="2" t="s">
        <v>7555</v>
      </c>
      <c r="G24314" s="8">
        <v>263</v>
      </c>
      <c r="H24314" s="5">
        <v>6</v>
      </c>
      <c r="I24314" s="5" t="s">
        <v>1518</v>
      </c>
      <c r="J24314" s="5" t="s">
        <v>69038</v>
      </c>
      <c r="K24314" s="2" t="s">
        <v>69039</v>
      </c>
      <c r="L24314" s="5" t="s">
        <v>69038</v>
      </c>
      <c r="M24314" s="2" t="s">
        <v>69039</v>
      </c>
      <c r="N24314" s="5" t="s">
        <v>1521</v>
      </c>
      <c r="O24314" s="5" t="s">
        <v>38</v>
      </c>
      <c r="P24314" s="5" t="s">
        <v>39</v>
      </c>
      <c r="Q24314" s="5" t="s">
        <v>40</v>
      </c>
      <c r="R24314" s="5" t="s">
        <v>1522</v>
      </c>
      <c r="S24314" s="5" t="s">
        <v>1523</v>
      </c>
      <c r="T24314" s="5" t="s">
        <v>42</v>
      </c>
      <c r="U24314" s="2">
        <v>2.74</v>
      </c>
      <c r="V24314" s="2">
        <v>2.1970000000000001</v>
      </c>
      <c r="W24314" s="2">
        <v>1.4999999999999999E-2</v>
      </c>
      <c r="X24314" s="2">
        <v>118.9</v>
      </c>
      <c r="Y24314" s="2">
        <v>7.6</v>
      </c>
      <c r="Z24314" s="2">
        <v>16.7</v>
      </c>
      <c r="AA24314" s="5"/>
      <c r="AB24314" s="5" t="s">
        <v>43</v>
      </c>
      <c r="AC24314" s="5" t="s">
        <v>44</v>
      </c>
      <c r="AD24314" s="2"/>
      <c r="AE24314" s="1"/>
    </row>
    <row r="24315" spans="1:31" ht="14.45">
      <c r="A24315" s="11"/>
      <c r="B24315" s="20"/>
      <c r="C24315" s="2" t="s">
        <v>77824</v>
      </c>
      <c r="D24315" s="14" t="s">
        <v>77825</v>
      </c>
      <c r="E24315" s="2" t="s">
        <v>77826</v>
      </c>
      <c r="F24315" s="2" t="s">
        <v>7559</v>
      </c>
      <c r="G24315" s="8">
        <v>263</v>
      </c>
      <c r="H24315" s="5">
        <v>6</v>
      </c>
      <c r="I24315" s="5" t="s">
        <v>1518</v>
      </c>
      <c r="J24315" s="5" t="s">
        <v>69038</v>
      </c>
      <c r="K24315" s="2" t="s">
        <v>69039</v>
      </c>
      <c r="L24315" s="5" t="s">
        <v>69038</v>
      </c>
      <c r="M24315" s="2" t="s">
        <v>69039</v>
      </c>
      <c r="N24315" s="5" t="s">
        <v>1521</v>
      </c>
      <c r="O24315" s="5" t="s">
        <v>38</v>
      </c>
      <c r="P24315" s="5" t="s">
        <v>39</v>
      </c>
      <c r="Q24315" s="5" t="s">
        <v>40</v>
      </c>
      <c r="R24315" s="5" t="s">
        <v>1522</v>
      </c>
      <c r="S24315" s="5" t="s">
        <v>1523</v>
      </c>
      <c r="T24315" s="5" t="s">
        <v>42</v>
      </c>
      <c r="U24315" s="2">
        <v>2.8220000000000001</v>
      </c>
      <c r="V24315" s="2">
        <v>2.2789999999999999</v>
      </c>
      <c r="W24315" s="2">
        <v>1.4999999999999999E-2</v>
      </c>
      <c r="X24315" s="2">
        <v>118.9</v>
      </c>
      <c r="Y24315" s="2">
        <v>7.6</v>
      </c>
      <c r="Z24315" s="2">
        <v>16.7</v>
      </c>
      <c r="AA24315" s="5"/>
      <c r="AB24315" s="5" t="s">
        <v>43</v>
      </c>
      <c r="AC24315" s="5" t="s">
        <v>44</v>
      </c>
      <c r="AD24315" s="2"/>
      <c r="AE24315" s="1"/>
    </row>
    <row r="24316" spans="1:31" ht="14.45">
      <c r="A24316" s="11"/>
      <c r="B24316" s="20"/>
      <c r="C24316" s="2" t="s">
        <v>77827</v>
      </c>
      <c r="D24316" s="14" t="s">
        <v>77828</v>
      </c>
      <c r="E24316" s="2" t="s">
        <v>77829</v>
      </c>
      <c r="F24316" s="2" t="s">
        <v>16194</v>
      </c>
      <c r="G24316" s="8">
        <v>263</v>
      </c>
      <c r="H24316" s="5">
        <v>6</v>
      </c>
      <c r="I24316" s="5" t="s">
        <v>1518</v>
      </c>
      <c r="J24316" s="5" t="s">
        <v>69038</v>
      </c>
      <c r="K24316" s="2" t="s">
        <v>69039</v>
      </c>
      <c r="L24316" s="5" t="s">
        <v>69038</v>
      </c>
      <c r="M24316" s="2" t="s">
        <v>69039</v>
      </c>
      <c r="N24316" s="5" t="s">
        <v>1521</v>
      </c>
      <c r="O24316" s="5" t="s">
        <v>38</v>
      </c>
      <c r="P24316" s="5" t="s">
        <v>39</v>
      </c>
      <c r="Q24316" s="5" t="s">
        <v>40</v>
      </c>
      <c r="R24316" s="5" t="s">
        <v>1522</v>
      </c>
      <c r="S24316" s="5" t="s">
        <v>1523</v>
      </c>
      <c r="T24316" s="5" t="s">
        <v>42</v>
      </c>
      <c r="U24316" s="2">
        <v>2.8220000000000001</v>
      </c>
      <c r="V24316" s="2">
        <v>2.2789999999999999</v>
      </c>
      <c r="W24316" s="2">
        <v>1.4999999999999999E-2</v>
      </c>
      <c r="X24316" s="2">
        <v>118.9</v>
      </c>
      <c r="Y24316" s="2">
        <v>7.6</v>
      </c>
      <c r="Z24316" s="2">
        <v>16.7</v>
      </c>
      <c r="AA24316" s="5"/>
      <c r="AB24316" s="5" t="s">
        <v>43</v>
      </c>
      <c r="AC24316" s="5" t="s">
        <v>44</v>
      </c>
      <c r="AD24316" s="2"/>
      <c r="AE24316" s="1"/>
    </row>
    <row r="24317" spans="1:31" ht="14.45">
      <c r="A24317" s="11"/>
      <c r="B24317" s="20"/>
      <c r="C24317" s="2" t="s">
        <v>77830</v>
      </c>
      <c r="D24317" s="14" t="s">
        <v>77831</v>
      </c>
      <c r="E24317" s="2" t="s">
        <v>77832</v>
      </c>
      <c r="F24317" s="2" t="s">
        <v>7449</v>
      </c>
      <c r="G24317" s="8">
        <v>263</v>
      </c>
      <c r="H24317" s="5">
        <v>6</v>
      </c>
      <c r="I24317" s="5" t="s">
        <v>1518</v>
      </c>
      <c r="J24317" s="5" t="s">
        <v>69038</v>
      </c>
      <c r="K24317" s="2" t="s">
        <v>69039</v>
      </c>
      <c r="L24317" s="5" t="s">
        <v>69038</v>
      </c>
      <c r="M24317" s="2" t="s">
        <v>69039</v>
      </c>
      <c r="N24317" s="5" t="s">
        <v>1521</v>
      </c>
      <c r="O24317" s="5" t="s">
        <v>38</v>
      </c>
      <c r="P24317" s="5" t="s">
        <v>39</v>
      </c>
      <c r="Q24317" s="5" t="s">
        <v>40</v>
      </c>
      <c r="R24317" s="5" t="s">
        <v>1522</v>
      </c>
      <c r="S24317" s="5" t="s">
        <v>1523</v>
      </c>
      <c r="T24317" s="5" t="s">
        <v>42</v>
      </c>
      <c r="U24317" s="2">
        <v>2.74</v>
      </c>
      <c r="V24317" s="2">
        <v>2.1970000000000001</v>
      </c>
      <c r="W24317" s="2">
        <v>1.4999999999999999E-2</v>
      </c>
      <c r="X24317" s="2">
        <v>118.9</v>
      </c>
      <c r="Y24317" s="2">
        <v>7.6</v>
      </c>
      <c r="Z24317" s="2">
        <v>16.7</v>
      </c>
      <c r="AA24317" s="5"/>
      <c r="AB24317" s="5" t="s">
        <v>43</v>
      </c>
      <c r="AC24317" s="5" t="s">
        <v>44</v>
      </c>
      <c r="AD24317" s="2"/>
      <c r="AE24317" s="1"/>
    </row>
    <row r="24318" spans="1:31" ht="14.45">
      <c r="A24318" s="11"/>
      <c r="B24318" s="20"/>
      <c r="C24318" s="2" t="s">
        <v>77833</v>
      </c>
      <c r="D24318" s="14" t="s">
        <v>77834</v>
      </c>
      <c r="E24318" s="2" t="s">
        <v>77835</v>
      </c>
      <c r="F24318" s="2" t="s">
        <v>7581</v>
      </c>
      <c r="G24318" s="8">
        <v>263</v>
      </c>
      <c r="H24318" s="5">
        <v>6</v>
      </c>
      <c r="I24318" s="5" t="s">
        <v>1518</v>
      </c>
      <c r="J24318" s="5" t="s">
        <v>69038</v>
      </c>
      <c r="K24318" s="2" t="s">
        <v>69039</v>
      </c>
      <c r="L24318" s="5" t="s">
        <v>69038</v>
      </c>
      <c r="M24318" s="2" t="s">
        <v>69039</v>
      </c>
      <c r="N24318" s="5" t="s">
        <v>1521</v>
      </c>
      <c r="O24318" s="5" t="s">
        <v>38</v>
      </c>
      <c r="P24318" s="5" t="s">
        <v>39</v>
      </c>
      <c r="Q24318" s="5" t="s">
        <v>40</v>
      </c>
      <c r="R24318" s="5" t="s">
        <v>1522</v>
      </c>
      <c r="S24318" s="5" t="s">
        <v>1523</v>
      </c>
      <c r="T24318" s="5" t="s">
        <v>42</v>
      </c>
      <c r="U24318" s="2">
        <v>2.8220000000000001</v>
      </c>
      <c r="V24318" s="2">
        <v>2.2789999999999999</v>
      </c>
      <c r="W24318" s="2">
        <v>1.4999999999999999E-2</v>
      </c>
      <c r="X24318" s="2">
        <v>118.9</v>
      </c>
      <c r="Y24318" s="2">
        <v>7.6</v>
      </c>
      <c r="Z24318" s="2">
        <v>16.7</v>
      </c>
      <c r="AA24318" s="5"/>
      <c r="AB24318" s="5" t="s">
        <v>43</v>
      </c>
      <c r="AC24318" s="5" t="s">
        <v>44</v>
      </c>
      <c r="AD24318" s="2"/>
      <c r="AE24318" s="1"/>
    </row>
    <row r="24319" spans="1:31" ht="14.45">
      <c r="A24319" s="11"/>
      <c r="B24319" s="20"/>
      <c r="C24319" s="2" t="s">
        <v>77836</v>
      </c>
      <c r="D24319" s="14" t="s">
        <v>77837</v>
      </c>
      <c r="E24319" s="2" t="s">
        <v>77838</v>
      </c>
      <c r="F24319" s="2" t="s">
        <v>7585</v>
      </c>
      <c r="G24319" s="8">
        <v>263</v>
      </c>
      <c r="H24319" s="5">
        <v>6</v>
      </c>
      <c r="I24319" s="5" t="s">
        <v>1518</v>
      </c>
      <c r="J24319" s="5" t="s">
        <v>69038</v>
      </c>
      <c r="K24319" s="2" t="s">
        <v>69039</v>
      </c>
      <c r="L24319" s="5" t="s">
        <v>69038</v>
      </c>
      <c r="M24319" s="2" t="s">
        <v>69039</v>
      </c>
      <c r="N24319" s="5" t="s">
        <v>1521</v>
      </c>
      <c r="O24319" s="5" t="s">
        <v>38</v>
      </c>
      <c r="P24319" s="5" t="s">
        <v>39</v>
      </c>
      <c r="Q24319" s="5" t="s">
        <v>40</v>
      </c>
      <c r="R24319" s="5" t="s">
        <v>1522</v>
      </c>
      <c r="S24319" s="5" t="s">
        <v>1523</v>
      </c>
      <c r="T24319" s="5" t="s">
        <v>42</v>
      </c>
      <c r="U24319" s="2">
        <v>2.74</v>
      </c>
      <c r="V24319" s="2">
        <v>2.1970000000000001</v>
      </c>
      <c r="W24319" s="2">
        <v>1.4999999999999999E-2</v>
      </c>
      <c r="X24319" s="2">
        <v>118.9</v>
      </c>
      <c r="Y24319" s="2">
        <v>7.6</v>
      </c>
      <c r="Z24319" s="2">
        <v>16.7</v>
      </c>
      <c r="AA24319" s="5"/>
      <c r="AB24319" s="5" t="s">
        <v>43</v>
      </c>
      <c r="AC24319" s="5" t="s">
        <v>44</v>
      </c>
      <c r="AD24319" s="2"/>
      <c r="AE24319" s="1"/>
    </row>
    <row r="24320" spans="1:31" ht="14.45">
      <c r="A24320" s="11"/>
      <c r="B24320" s="20"/>
      <c r="C24320" s="2" t="s">
        <v>77839</v>
      </c>
      <c r="D24320" s="14" t="s">
        <v>77840</v>
      </c>
      <c r="E24320" s="2" t="s">
        <v>77841</v>
      </c>
      <c r="F24320" s="2" t="s">
        <v>7589</v>
      </c>
      <c r="G24320" s="8">
        <v>263</v>
      </c>
      <c r="H24320" s="5">
        <v>6</v>
      </c>
      <c r="I24320" s="5" t="s">
        <v>1518</v>
      </c>
      <c r="J24320" s="5" t="s">
        <v>69038</v>
      </c>
      <c r="K24320" s="2" t="s">
        <v>69039</v>
      </c>
      <c r="L24320" s="5" t="s">
        <v>69038</v>
      </c>
      <c r="M24320" s="2" t="s">
        <v>69039</v>
      </c>
      <c r="N24320" s="5" t="s">
        <v>1521</v>
      </c>
      <c r="O24320" s="5" t="s">
        <v>38</v>
      </c>
      <c r="P24320" s="5" t="s">
        <v>39</v>
      </c>
      <c r="Q24320" s="5" t="s">
        <v>40</v>
      </c>
      <c r="R24320" s="5" t="s">
        <v>1522</v>
      </c>
      <c r="S24320" s="5" t="s">
        <v>1523</v>
      </c>
      <c r="T24320" s="5" t="s">
        <v>42</v>
      </c>
      <c r="U24320" s="2">
        <v>2.8220000000000001</v>
      </c>
      <c r="V24320" s="2">
        <v>2.2789999999999999</v>
      </c>
      <c r="W24320" s="2">
        <v>1.4999999999999999E-2</v>
      </c>
      <c r="X24320" s="2">
        <v>118.9</v>
      </c>
      <c r="Y24320" s="2">
        <v>7.6</v>
      </c>
      <c r="Z24320" s="2">
        <v>16.7</v>
      </c>
      <c r="AA24320" s="5"/>
      <c r="AB24320" s="5" t="s">
        <v>43</v>
      </c>
      <c r="AC24320" s="5" t="s">
        <v>44</v>
      </c>
      <c r="AD24320" s="2"/>
      <c r="AE24320" s="1"/>
    </row>
    <row r="24321" spans="1:31" ht="14.45">
      <c r="A24321" s="11"/>
      <c r="B24321" s="20"/>
      <c r="C24321" s="2" t="s">
        <v>77842</v>
      </c>
      <c r="D24321" s="14" t="s">
        <v>77843</v>
      </c>
      <c r="E24321" s="2" t="s">
        <v>77844</v>
      </c>
      <c r="F24321" s="2" t="s">
        <v>7593</v>
      </c>
      <c r="G24321" s="8">
        <v>263</v>
      </c>
      <c r="H24321" s="5">
        <v>6</v>
      </c>
      <c r="I24321" s="5" t="s">
        <v>1518</v>
      </c>
      <c r="J24321" s="5" t="s">
        <v>69038</v>
      </c>
      <c r="K24321" s="2" t="s">
        <v>69039</v>
      </c>
      <c r="L24321" s="5" t="s">
        <v>69038</v>
      </c>
      <c r="M24321" s="2" t="s">
        <v>69039</v>
      </c>
      <c r="N24321" s="5" t="s">
        <v>1521</v>
      </c>
      <c r="O24321" s="5" t="s">
        <v>38</v>
      </c>
      <c r="P24321" s="5" t="s">
        <v>39</v>
      </c>
      <c r="Q24321" s="5" t="s">
        <v>40</v>
      </c>
      <c r="R24321" s="5" t="s">
        <v>1522</v>
      </c>
      <c r="S24321" s="5" t="s">
        <v>1523</v>
      </c>
      <c r="T24321" s="5" t="s">
        <v>42</v>
      </c>
      <c r="U24321" s="2">
        <v>2.74</v>
      </c>
      <c r="V24321" s="2">
        <v>2.1970000000000001</v>
      </c>
      <c r="W24321" s="2">
        <v>1.4999999999999999E-2</v>
      </c>
      <c r="X24321" s="2">
        <v>118.9</v>
      </c>
      <c r="Y24321" s="2">
        <v>7.6</v>
      </c>
      <c r="Z24321" s="2">
        <v>16.7</v>
      </c>
      <c r="AA24321" s="5"/>
      <c r="AB24321" s="5" t="s">
        <v>43</v>
      </c>
      <c r="AC24321" s="5" t="s">
        <v>44</v>
      </c>
      <c r="AD24321" s="2"/>
      <c r="AE24321" s="1"/>
    </row>
    <row r="24322" spans="1:31" ht="14.45">
      <c r="A24322" s="11"/>
      <c r="B24322" s="20"/>
      <c r="C24322" s="2" t="s">
        <v>77845</v>
      </c>
      <c r="D24322" s="14" t="s">
        <v>77846</v>
      </c>
      <c r="E24322" s="2" t="s">
        <v>77847</v>
      </c>
      <c r="F24322" s="2" t="s">
        <v>7597</v>
      </c>
      <c r="G24322" s="8">
        <v>263</v>
      </c>
      <c r="H24322" s="5">
        <v>6</v>
      </c>
      <c r="I24322" s="5" t="s">
        <v>1518</v>
      </c>
      <c r="J24322" s="5" t="s">
        <v>69038</v>
      </c>
      <c r="K24322" s="2" t="s">
        <v>69039</v>
      </c>
      <c r="L24322" s="5" t="s">
        <v>69038</v>
      </c>
      <c r="M24322" s="2" t="s">
        <v>69039</v>
      </c>
      <c r="N24322" s="5" t="s">
        <v>1521</v>
      </c>
      <c r="O24322" s="5" t="s">
        <v>38</v>
      </c>
      <c r="P24322" s="5" t="s">
        <v>39</v>
      </c>
      <c r="Q24322" s="5" t="s">
        <v>40</v>
      </c>
      <c r="R24322" s="5" t="s">
        <v>1522</v>
      </c>
      <c r="S24322" s="5" t="s">
        <v>1523</v>
      </c>
      <c r="T24322" s="5" t="s">
        <v>42</v>
      </c>
      <c r="U24322" s="2">
        <v>2.8220000000000001</v>
      </c>
      <c r="V24322" s="2">
        <v>2.2789999999999999</v>
      </c>
      <c r="W24322" s="2">
        <v>1.4999999999999999E-2</v>
      </c>
      <c r="X24322" s="2">
        <v>118.9</v>
      </c>
      <c r="Y24322" s="2">
        <v>7.6</v>
      </c>
      <c r="Z24322" s="2">
        <v>16.7</v>
      </c>
      <c r="AA24322" s="5"/>
      <c r="AB24322" s="5" t="s">
        <v>43</v>
      </c>
      <c r="AC24322" s="5" t="s">
        <v>44</v>
      </c>
      <c r="AD24322" s="2"/>
      <c r="AE24322" s="1"/>
    </row>
    <row r="24323" spans="1:31" ht="14.45">
      <c r="A24323" s="11"/>
      <c r="B24323" s="20"/>
      <c r="C24323" s="2" t="s">
        <v>77848</v>
      </c>
      <c r="D24323" s="14" t="s">
        <v>77849</v>
      </c>
      <c r="E24323" s="2" t="s">
        <v>77850</v>
      </c>
      <c r="F24323" s="2" t="s">
        <v>73358</v>
      </c>
      <c r="G24323" s="8">
        <v>263</v>
      </c>
      <c r="H24323" s="5">
        <v>6</v>
      </c>
      <c r="I24323" s="5" t="s">
        <v>1518</v>
      </c>
      <c r="J24323" s="5" t="s">
        <v>69038</v>
      </c>
      <c r="K24323" s="2" t="s">
        <v>69039</v>
      </c>
      <c r="L24323" s="5" t="s">
        <v>69038</v>
      </c>
      <c r="M24323" s="2" t="s">
        <v>69039</v>
      </c>
      <c r="N24323" s="5" t="s">
        <v>1521</v>
      </c>
      <c r="O24323" s="5" t="s">
        <v>38</v>
      </c>
      <c r="P24323" s="5" t="s">
        <v>39</v>
      </c>
      <c r="Q24323" s="5" t="s">
        <v>40</v>
      </c>
      <c r="R24323" s="5" t="s">
        <v>1522</v>
      </c>
      <c r="S24323" s="5" t="s">
        <v>1523</v>
      </c>
      <c r="T24323" s="5" t="s">
        <v>42</v>
      </c>
      <c r="U24323" s="2">
        <v>2.74</v>
      </c>
      <c r="V24323" s="2">
        <v>2.1970000000000001</v>
      </c>
      <c r="W24323" s="2">
        <v>1.4999999999999999E-2</v>
      </c>
      <c r="X24323" s="2">
        <v>118.9</v>
      </c>
      <c r="Y24323" s="2">
        <v>7.6</v>
      </c>
      <c r="Z24323" s="2">
        <v>16.7</v>
      </c>
      <c r="AA24323" s="5"/>
      <c r="AB24323" s="5" t="s">
        <v>43</v>
      </c>
      <c r="AC24323" s="5" t="s">
        <v>44</v>
      </c>
      <c r="AD24323" s="2"/>
      <c r="AE24323" s="1"/>
    </row>
    <row r="24324" spans="1:31" ht="14.45">
      <c r="A24324" s="11"/>
      <c r="B24324" s="20"/>
      <c r="C24324" s="2" t="s">
        <v>77851</v>
      </c>
      <c r="D24324" s="14" t="s">
        <v>77852</v>
      </c>
      <c r="E24324" s="2" t="s">
        <v>77853</v>
      </c>
      <c r="F24324" s="2" t="s">
        <v>73362</v>
      </c>
      <c r="G24324" s="8">
        <v>263</v>
      </c>
      <c r="H24324" s="5">
        <v>6</v>
      </c>
      <c r="I24324" s="5" t="s">
        <v>1518</v>
      </c>
      <c r="J24324" s="5" t="s">
        <v>69038</v>
      </c>
      <c r="K24324" s="2" t="s">
        <v>69039</v>
      </c>
      <c r="L24324" s="5" t="s">
        <v>69038</v>
      </c>
      <c r="M24324" s="2" t="s">
        <v>69039</v>
      </c>
      <c r="N24324" s="5" t="s">
        <v>1521</v>
      </c>
      <c r="O24324" s="5" t="s">
        <v>38</v>
      </c>
      <c r="P24324" s="5" t="s">
        <v>39</v>
      </c>
      <c r="Q24324" s="5" t="s">
        <v>40</v>
      </c>
      <c r="R24324" s="5" t="s">
        <v>1522</v>
      </c>
      <c r="S24324" s="5" t="s">
        <v>1523</v>
      </c>
      <c r="T24324" s="5" t="s">
        <v>42</v>
      </c>
      <c r="U24324" s="2">
        <v>2.8220000000000001</v>
      </c>
      <c r="V24324" s="2">
        <v>2.2789999999999999</v>
      </c>
      <c r="W24324" s="2">
        <v>1.4999999999999999E-2</v>
      </c>
      <c r="X24324" s="2">
        <v>118.9</v>
      </c>
      <c r="Y24324" s="2">
        <v>7.6</v>
      </c>
      <c r="Z24324" s="2">
        <v>16.7</v>
      </c>
      <c r="AA24324" s="5"/>
      <c r="AB24324" s="5" t="s">
        <v>43</v>
      </c>
      <c r="AC24324" s="5" t="s">
        <v>44</v>
      </c>
      <c r="AD24324" s="2"/>
      <c r="AE24324" s="1"/>
    </row>
    <row r="24325" spans="1:31" ht="14.45">
      <c r="A24325" s="11"/>
      <c r="B24325" s="20"/>
      <c r="C24325" s="2" t="s">
        <v>77854</v>
      </c>
      <c r="D24325" s="14" t="s">
        <v>77855</v>
      </c>
      <c r="E24325" s="2" t="s">
        <v>77856</v>
      </c>
      <c r="F24325" s="2" t="s">
        <v>7615</v>
      </c>
      <c r="G24325" s="8">
        <v>263</v>
      </c>
      <c r="H24325" s="5">
        <v>6</v>
      </c>
      <c r="I24325" s="5" t="s">
        <v>1518</v>
      </c>
      <c r="J24325" s="5" t="s">
        <v>69038</v>
      </c>
      <c r="K24325" s="2" t="s">
        <v>69039</v>
      </c>
      <c r="L24325" s="5" t="s">
        <v>69038</v>
      </c>
      <c r="M24325" s="2" t="s">
        <v>69039</v>
      </c>
      <c r="N24325" s="5" t="s">
        <v>1521</v>
      </c>
      <c r="O24325" s="5" t="s">
        <v>38</v>
      </c>
      <c r="P24325" s="5" t="s">
        <v>39</v>
      </c>
      <c r="Q24325" s="5" t="s">
        <v>40</v>
      </c>
      <c r="R24325" s="5" t="s">
        <v>1522</v>
      </c>
      <c r="S24325" s="5" t="s">
        <v>1523</v>
      </c>
      <c r="T24325" s="5" t="s">
        <v>42</v>
      </c>
      <c r="U24325" s="2">
        <v>2.74</v>
      </c>
      <c r="V24325" s="2">
        <v>2.1970000000000001</v>
      </c>
      <c r="W24325" s="2">
        <v>1.4999999999999999E-2</v>
      </c>
      <c r="X24325" s="2">
        <v>118.9</v>
      </c>
      <c r="Y24325" s="2">
        <v>7.6</v>
      </c>
      <c r="Z24325" s="2">
        <v>16.7</v>
      </c>
      <c r="AA24325" s="5"/>
      <c r="AB24325" s="5" t="s">
        <v>43</v>
      </c>
      <c r="AC24325" s="5" t="s">
        <v>44</v>
      </c>
      <c r="AD24325" s="2"/>
      <c r="AE24325" s="1"/>
    </row>
    <row r="24326" spans="1:31" ht="14.45">
      <c r="A24326" s="11"/>
      <c r="B24326" s="20"/>
      <c r="C24326" s="2" t="s">
        <v>77857</v>
      </c>
      <c r="D24326" s="14" t="s">
        <v>77858</v>
      </c>
      <c r="E24326" s="2" t="s">
        <v>77859</v>
      </c>
      <c r="F24326" s="2" t="s">
        <v>7619</v>
      </c>
      <c r="G24326" s="8">
        <v>263</v>
      </c>
      <c r="H24326" s="5">
        <v>6</v>
      </c>
      <c r="I24326" s="5" t="s">
        <v>1518</v>
      </c>
      <c r="J24326" s="5" t="s">
        <v>69038</v>
      </c>
      <c r="K24326" s="2" t="s">
        <v>69039</v>
      </c>
      <c r="L24326" s="5" t="s">
        <v>69038</v>
      </c>
      <c r="M24326" s="2" t="s">
        <v>69039</v>
      </c>
      <c r="N24326" s="5" t="s">
        <v>1521</v>
      </c>
      <c r="O24326" s="5" t="s">
        <v>38</v>
      </c>
      <c r="P24326" s="5" t="s">
        <v>39</v>
      </c>
      <c r="Q24326" s="5" t="s">
        <v>40</v>
      </c>
      <c r="R24326" s="5" t="s">
        <v>1522</v>
      </c>
      <c r="S24326" s="5" t="s">
        <v>1523</v>
      </c>
      <c r="T24326" s="5" t="s">
        <v>42</v>
      </c>
      <c r="U24326" s="2">
        <v>2.8220000000000001</v>
      </c>
      <c r="V24326" s="2">
        <v>2.2789999999999999</v>
      </c>
      <c r="W24326" s="2">
        <v>1.4999999999999999E-2</v>
      </c>
      <c r="X24326" s="2">
        <v>118.9</v>
      </c>
      <c r="Y24326" s="2">
        <v>7.6</v>
      </c>
      <c r="Z24326" s="2">
        <v>16.7</v>
      </c>
      <c r="AA24326" s="5"/>
      <c r="AB24326" s="5" t="s">
        <v>43</v>
      </c>
      <c r="AC24326" s="5" t="s">
        <v>44</v>
      </c>
      <c r="AD24326" s="2"/>
      <c r="AE24326" s="1"/>
    </row>
    <row r="24327" spans="1:31" ht="14.45">
      <c r="A24327" s="11"/>
      <c r="B24327" s="20"/>
      <c r="C24327" s="2" t="s">
        <v>77860</v>
      </c>
      <c r="D24327" s="14" t="s">
        <v>77861</v>
      </c>
      <c r="E24327" s="2" t="s">
        <v>77862</v>
      </c>
      <c r="F24327" s="2" t="s">
        <v>16014</v>
      </c>
      <c r="G24327" s="8">
        <v>263</v>
      </c>
      <c r="H24327" s="5">
        <v>6</v>
      </c>
      <c r="I24327" s="5" t="s">
        <v>1518</v>
      </c>
      <c r="J24327" s="5" t="s">
        <v>69038</v>
      </c>
      <c r="K24327" s="2" t="s">
        <v>69039</v>
      </c>
      <c r="L24327" s="5" t="s">
        <v>69038</v>
      </c>
      <c r="M24327" s="2" t="s">
        <v>69039</v>
      </c>
      <c r="N24327" s="5" t="s">
        <v>1521</v>
      </c>
      <c r="O24327" s="5" t="s">
        <v>38</v>
      </c>
      <c r="P24327" s="5" t="s">
        <v>39</v>
      </c>
      <c r="Q24327" s="5" t="s">
        <v>40</v>
      </c>
      <c r="R24327" s="5" t="s">
        <v>1522</v>
      </c>
      <c r="S24327" s="5" t="s">
        <v>1523</v>
      </c>
      <c r="T24327" s="5" t="s">
        <v>42</v>
      </c>
      <c r="U24327" s="2">
        <v>2.74</v>
      </c>
      <c r="V24327" s="2">
        <v>2.1970000000000001</v>
      </c>
      <c r="W24327" s="2">
        <v>1.4999999999999999E-2</v>
      </c>
      <c r="X24327" s="2">
        <v>118.9</v>
      </c>
      <c r="Y24327" s="2">
        <v>7.6</v>
      </c>
      <c r="Z24327" s="2">
        <v>16.7</v>
      </c>
      <c r="AA24327" s="5"/>
      <c r="AB24327" s="5" t="s">
        <v>43</v>
      </c>
      <c r="AC24327" s="5" t="s">
        <v>44</v>
      </c>
      <c r="AD24327" s="2"/>
      <c r="AE24327" s="1"/>
    </row>
    <row r="24328" spans="1:31" ht="14.45">
      <c r="A24328" s="11"/>
      <c r="B24328" s="20"/>
      <c r="C24328" s="2" t="s">
        <v>77863</v>
      </c>
      <c r="D24328" s="14" t="s">
        <v>77864</v>
      </c>
      <c r="E24328" s="2" t="s">
        <v>77865</v>
      </c>
      <c r="F24328" s="2" t="s">
        <v>16219</v>
      </c>
      <c r="G24328" s="8">
        <v>263</v>
      </c>
      <c r="H24328" s="5">
        <v>6</v>
      </c>
      <c r="I24328" s="5" t="s">
        <v>1518</v>
      </c>
      <c r="J24328" s="5" t="s">
        <v>69038</v>
      </c>
      <c r="K24328" s="2" t="s">
        <v>69039</v>
      </c>
      <c r="L24328" s="5" t="s">
        <v>69038</v>
      </c>
      <c r="M24328" s="2" t="s">
        <v>69039</v>
      </c>
      <c r="N24328" s="5" t="s">
        <v>1521</v>
      </c>
      <c r="O24328" s="5" t="s">
        <v>38</v>
      </c>
      <c r="P24328" s="5" t="s">
        <v>39</v>
      </c>
      <c r="Q24328" s="5" t="s">
        <v>40</v>
      </c>
      <c r="R24328" s="5" t="s">
        <v>1522</v>
      </c>
      <c r="S24328" s="5" t="s">
        <v>1523</v>
      </c>
      <c r="T24328" s="5" t="s">
        <v>42</v>
      </c>
      <c r="U24328" s="2">
        <v>2.8220000000000001</v>
      </c>
      <c r="V24328" s="2">
        <v>2.2789999999999999</v>
      </c>
      <c r="W24328" s="2">
        <v>1.4999999999999999E-2</v>
      </c>
      <c r="X24328" s="2">
        <v>118.9</v>
      </c>
      <c r="Y24328" s="2">
        <v>7.6</v>
      </c>
      <c r="Z24328" s="2">
        <v>16.7</v>
      </c>
      <c r="AA24328" s="5"/>
      <c r="AB24328" s="5" t="s">
        <v>43</v>
      </c>
      <c r="AC24328" s="5" t="s">
        <v>44</v>
      </c>
      <c r="AD24328" s="2"/>
      <c r="AE24328" s="1"/>
    </row>
    <row r="24329" spans="1:31" ht="14.45">
      <c r="A24329" s="11"/>
      <c r="B24329" s="20"/>
      <c r="C24329" s="2" t="s">
        <v>77866</v>
      </c>
      <c r="D24329" s="14" t="s">
        <v>77867</v>
      </c>
      <c r="E24329" s="2" t="s">
        <v>77868</v>
      </c>
      <c r="F24329" s="2" t="s">
        <v>7212</v>
      </c>
      <c r="G24329" s="8">
        <v>246</v>
      </c>
      <c r="H24329" s="5">
        <v>6</v>
      </c>
      <c r="I24329" s="5" t="s">
        <v>1518</v>
      </c>
      <c r="J24329" s="5" t="s">
        <v>69038</v>
      </c>
      <c r="K24329" s="2" t="s">
        <v>69039</v>
      </c>
      <c r="L24329" s="5" t="s">
        <v>69038</v>
      </c>
      <c r="M24329" s="2" t="s">
        <v>69039</v>
      </c>
      <c r="N24329" s="5" t="s">
        <v>1521</v>
      </c>
      <c r="O24329" s="5" t="s">
        <v>38</v>
      </c>
      <c r="P24329" s="5" t="s">
        <v>39</v>
      </c>
      <c r="Q24329" s="5" t="s">
        <v>40</v>
      </c>
      <c r="R24329" s="5" t="s">
        <v>1522</v>
      </c>
      <c r="S24329" s="5" t="s">
        <v>1523</v>
      </c>
      <c r="T24329" s="5" t="s">
        <v>42</v>
      </c>
      <c r="U24329" s="2">
        <v>2.74</v>
      </c>
      <c r="V24329" s="2">
        <v>2.1970000000000001</v>
      </c>
      <c r="W24329" s="2">
        <v>1.4999999999999999E-2</v>
      </c>
      <c r="X24329" s="2">
        <v>118.9</v>
      </c>
      <c r="Y24329" s="2">
        <v>7.6</v>
      </c>
      <c r="Z24329" s="2">
        <v>16.7</v>
      </c>
      <c r="AA24329" s="5"/>
      <c r="AB24329" s="5" t="s">
        <v>43</v>
      </c>
      <c r="AC24329" s="5" t="s">
        <v>44</v>
      </c>
      <c r="AD24329" s="2"/>
      <c r="AE24329" s="1"/>
    </row>
    <row r="24330" spans="1:31" ht="14.45">
      <c r="A24330" s="11"/>
      <c r="B24330" s="20"/>
      <c r="C24330" s="2" t="s">
        <v>77869</v>
      </c>
      <c r="D24330" s="14" t="s">
        <v>77870</v>
      </c>
      <c r="E24330" s="2" t="s">
        <v>77871</v>
      </c>
      <c r="F24330" s="2" t="s">
        <v>7528</v>
      </c>
      <c r="G24330" s="8">
        <v>246</v>
      </c>
      <c r="H24330" s="5">
        <v>6</v>
      </c>
      <c r="I24330" s="5" t="s">
        <v>1518</v>
      </c>
      <c r="J24330" s="5" t="s">
        <v>69038</v>
      </c>
      <c r="K24330" s="2" t="s">
        <v>69039</v>
      </c>
      <c r="L24330" s="5" t="s">
        <v>69038</v>
      </c>
      <c r="M24330" s="2" t="s">
        <v>69039</v>
      </c>
      <c r="N24330" s="5" t="s">
        <v>1521</v>
      </c>
      <c r="O24330" s="5" t="s">
        <v>38</v>
      </c>
      <c r="P24330" s="5" t="s">
        <v>39</v>
      </c>
      <c r="Q24330" s="5" t="s">
        <v>40</v>
      </c>
      <c r="R24330" s="5" t="s">
        <v>1522</v>
      </c>
      <c r="S24330" s="5" t="s">
        <v>1523</v>
      </c>
      <c r="T24330" s="5" t="s">
        <v>42</v>
      </c>
      <c r="U24330" s="2">
        <v>2.8220000000000001</v>
      </c>
      <c r="V24330" s="2">
        <v>2.2789999999999999</v>
      </c>
      <c r="W24330" s="2">
        <v>1.4999999999999999E-2</v>
      </c>
      <c r="X24330" s="2">
        <v>118.9</v>
      </c>
      <c r="Y24330" s="2">
        <v>7.6</v>
      </c>
      <c r="Z24330" s="2">
        <v>16.7</v>
      </c>
      <c r="AA24330" s="5"/>
      <c r="AB24330" s="5" t="s">
        <v>43</v>
      </c>
      <c r="AC24330" s="5" t="s">
        <v>44</v>
      </c>
      <c r="AD24330" s="2"/>
      <c r="AE24330" s="1"/>
    </row>
    <row r="24331" spans="1:31" ht="14.45">
      <c r="A24331" s="11"/>
      <c r="B24331" s="20"/>
      <c r="C24331" s="2" t="s">
        <v>77872</v>
      </c>
      <c r="D24331" s="14" t="s">
        <v>77873</v>
      </c>
      <c r="E24331" s="2" t="s">
        <v>77874</v>
      </c>
      <c r="F24331" s="2" t="s">
        <v>16029</v>
      </c>
      <c r="G24331" s="8">
        <v>263</v>
      </c>
      <c r="H24331" s="5">
        <v>6</v>
      </c>
      <c r="I24331" s="5" t="s">
        <v>1518</v>
      </c>
      <c r="J24331" s="5" t="s">
        <v>69038</v>
      </c>
      <c r="K24331" s="2" t="s">
        <v>69039</v>
      </c>
      <c r="L24331" s="5" t="s">
        <v>69038</v>
      </c>
      <c r="M24331" s="2" t="s">
        <v>69039</v>
      </c>
      <c r="N24331" s="5" t="s">
        <v>1521</v>
      </c>
      <c r="O24331" s="5" t="s">
        <v>38</v>
      </c>
      <c r="P24331" s="5" t="s">
        <v>39</v>
      </c>
      <c r="Q24331" s="5" t="s">
        <v>40</v>
      </c>
      <c r="R24331" s="5" t="s">
        <v>1522</v>
      </c>
      <c r="S24331" s="5" t="s">
        <v>1523</v>
      </c>
      <c r="T24331" s="5" t="s">
        <v>42</v>
      </c>
      <c r="U24331" s="2">
        <v>2.7440000000000002</v>
      </c>
      <c r="V24331" s="2">
        <v>2.2010000000000001</v>
      </c>
      <c r="W24331" s="2">
        <v>1.4999999999999999E-2</v>
      </c>
      <c r="X24331" s="2">
        <v>118.9</v>
      </c>
      <c r="Y24331" s="2">
        <v>7.6</v>
      </c>
      <c r="Z24331" s="2">
        <v>16.7</v>
      </c>
      <c r="AA24331" s="5"/>
      <c r="AB24331" s="5" t="s">
        <v>43</v>
      </c>
      <c r="AC24331" s="5" t="s">
        <v>44</v>
      </c>
      <c r="AD24331" s="2"/>
      <c r="AE24331" s="1"/>
    </row>
    <row r="24332" spans="1:31" ht="14.45">
      <c r="A24332" s="11"/>
      <c r="B24332" s="20"/>
      <c r="C24332" s="2" t="s">
        <v>77875</v>
      </c>
      <c r="D24332" s="14" t="s">
        <v>77876</v>
      </c>
      <c r="E24332" s="2" t="s">
        <v>77877</v>
      </c>
      <c r="F24332" s="2" t="s">
        <v>16033</v>
      </c>
      <c r="G24332" s="8">
        <v>263</v>
      </c>
      <c r="H24332" s="5">
        <v>6</v>
      </c>
      <c r="I24332" s="5" t="s">
        <v>1518</v>
      </c>
      <c r="J24332" s="5" t="s">
        <v>69038</v>
      </c>
      <c r="K24332" s="2" t="s">
        <v>69039</v>
      </c>
      <c r="L24332" s="5" t="s">
        <v>69038</v>
      </c>
      <c r="M24332" s="2" t="s">
        <v>69039</v>
      </c>
      <c r="N24332" s="5" t="s">
        <v>1521</v>
      </c>
      <c r="O24332" s="5" t="s">
        <v>38</v>
      </c>
      <c r="P24332" s="5" t="s">
        <v>39</v>
      </c>
      <c r="Q24332" s="5" t="s">
        <v>40</v>
      </c>
      <c r="R24332" s="5" t="s">
        <v>1522</v>
      </c>
      <c r="S24332" s="5" t="s">
        <v>1523</v>
      </c>
      <c r="T24332" s="5" t="s">
        <v>42</v>
      </c>
      <c r="U24332" s="2">
        <v>2.8260000000000001</v>
      </c>
      <c r="V24332" s="2">
        <v>2.2829999999999999</v>
      </c>
      <c r="W24332" s="2">
        <v>1.4999999999999999E-2</v>
      </c>
      <c r="X24332" s="2">
        <v>118.9</v>
      </c>
      <c r="Y24332" s="2">
        <v>7.6</v>
      </c>
      <c r="Z24332" s="2">
        <v>16.7</v>
      </c>
      <c r="AA24332" s="5"/>
      <c r="AB24332" s="5" t="s">
        <v>43</v>
      </c>
      <c r="AC24332" s="5" t="s">
        <v>44</v>
      </c>
      <c r="AD24332" s="2"/>
      <c r="AE24332" s="1"/>
    </row>
    <row r="24333" spans="1:31" ht="14.45">
      <c r="A24333" s="11"/>
      <c r="B24333" s="20"/>
      <c r="C24333" s="2" t="s">
        <v>77878</v>
      </c>
      <c r="D24333" s="14" t="s">
        <v>77879</v>
      </c>
      <c r="E24333" s="2" t="s">
        <v>77880</v>
      </c>
      <c r="F24333" s="2" t="s">
        <v>7204</v>
      </c>
      <c r="G24333" s="8">
        <v>249</v>
      </c>
      <c r="H24333" s="5">
        <v>6</v>
      </c>
      <c r="I24333" s="5" t="s">
        <v>1518</v>
      </c>
      <c r="J24333" s="5" t="s">
        <v>69038</v>
      </c>
      <c r="K24333" s="2" t="s">
        <v>69039</v>
      </c>
      <c r="L24333" s="5" t="s">
        <v>69038</v>
      </c>
      <c r="M24333" s="2" t="s">
        <v>69039</v>
      </c>
      <c r="N24333" s="5" t="s">
        <v>1521</v>
      </c>
      <c r="O24333" s="5" t="s">
        <v>38</v>
      </c>
      <c r="P24333" s="5" t="s">
        <v>39</v>
      </c>
      <c r="Q24333" s="5" t="s">
        <v>40</v>
      </c>
      <c r="R24333" s="5" t="s">
        <v>1522</v>
      </c>
      <c r="S24333" s="5" t="s">
        <v>1523</v>
      </c>
      <c r="T24333" s="5" t="s">
        <v>42</v>
      </c>
      <c r="U24333" s="2">
        <v>2.988</v>
      </c>
      <c r="V24333" s="2">
        <v>2.371</v>
      </c>
      <c r="W24333" s="2">
        <v>1.7999999999999999E-2</v>
      </c>
      <c r="X24333" s="2">
        <v>139.1</v>
      </c>
      <c r="Y24333" s="2">
        <v>7.6</v>
      </c>
      <c r="Z24333" s="2">
        <v>16.7</v>
      </c>
      <c r="AA24333" s="5"/>
      <c r="AB24333" s="5" t="s">
        <v>43</v>
      </c>
      <c r="AC24333" s="5" t="s">
        <v>44</v>
      </c>
      <c r="AD24333" s="2"/>
      <c r="AE24333" s="1"/>
    </row>
    <row r="24334" spans="1:31" ht="14.45">
      <c r="A24334" s="11"/>
      <c r="B24334" s="20"/>
      <c r="C24334" s="2" t="s">
        <v>77881</v>
      </c>
      <c r="D24334" s="14" t="s">
        <v>77882</v>
      </c>
      <c r="E24334" s="2" t="s">
        <v>77883</v>
      </c>
      <c r="F24334" s="2" t="s">
        <v>7514</v>
      </c>
      <c r="G24334" s="8">
        <v>249</v>
      </c>
      <c r="H24334" s="5">
        <v>6</v>
      </c>
      <c r="I24334" s="5" t="s">
        <v>1518</v>
      </c>
      <c r="J24334" s="5" t="s">
        <v>69038</v>
      </c>
      <c r="K24334" s="2" t="s">
        <v>69039</v>
      </c>
      <c r="L24334" s="5" t="s">
        <v>69038</v>
      </c>
      <c r="M24334" s="2" t="s">
        <v>69039</v>
      </c>
      <c r="N24334" s="5" t="s">
        <v>1521</v>
      </c>
      <c r="O24334" s="5" t="s">
        <v>38</v>
      </c>
      <c r="P24334" s="5" t="s">
        <v>39</v>
      </c>
      <c r="Q24334" s="5" t="s">
        <v>40</v>
      </c>
      <c r="R24334" s="5" t="s">
        <v>1522</v>
      </c>
      <c r="S24334" s="5" t="s">
        <v>1523</v>
      </c>
      <c r="T24334" s="5" t="s">
        <v>42</v>
      </c>
      <c r="U24334" s="2">
        <v>3.0819999999999999</v>
      </c>
      <c r="V24334" s="2">
        <v>2.4649999999999999</v>
      </c>
      <c r="W24334" s="2">
        <v>1.7999999999999999E-2</v>
      </c>
      <c r="X24334" s="2">
        <v>139.1</v>
      </c>
      <c r="Y24334" s="2">
        <v>7.6</v>
      </c>
      <c r="Z24334" s="2">
        <v>16.7</v>
      </c>
      <c r="AA24334" s="5"/>
      <c r="AB24334" s="5" t="s">
        <v>43</v>
      </c>
      <c r="AC24334" s="5" t="s">
        <v>44</v>
      </c>
      <c r="AD24334" s="2"/>
      <c r="AE24334" s="1"/>
    </row>
    <row r="24335" spans="1:31" ht="14.45">
      <c r="A24335" s="11"/>
      <c r="B24335" s="20"/>
      <c r="C24335" s="2" t="s">
        <v>77884</v>
      </c>
      <c r="D24335" s="14" t="s">
        <v>77885</v>
      </c>
      <c r="E24335" s="2" t="s">
        <v>77886</v>
      </c>
      <c r="F24335" s="2" t="s">
        <v>7208</v>
      </c>
      <c r="G24335" s="8">
        <v>249</v>
      </c>
      <c r="H24335" s="5">
        <v>6</v>
      </c>
      <c r="I24335" s="5" t="s">
        <v>1518</v>
      </c>
      <c r="J24335" s="5" t="s">
        <v>69038</v>
      </c>
      <c r="K24335" s="2" t="s">
        <v>69039</v>
      </c>
      <c r="L24335" s="5" t="s">
        <v>69038</v>
      </c>
      <c r="M24335" s="2" t="s">
        <v>69039</v>
      </c>
      <c r="N24335" s="5" t="s">
        <v>1521</v>
      </c>
      <c r="O24335" s="5" t="s">
        <v>38</v>
      </c>
      <c r="P24335" s="5" t="s">
        <v>39</v>
      </c>
      <c r="Q24335" s="5" t="s">
        <v>40</v>
      </c>
      <c r="R24335" s="5" t="s">
        <v>1522</v>
      </c>
      <c r="S24335" s="5" t="s">
        <v>1523</v>
      </c>
      <c r="T24335" s="5" t="s">
        <v>42</v>
      </c>
      <c r="U24335" s="2">
        <v>2.988</v>
      </c>
      <c r="V24335" s="2">
        <v>2.371</v>
      </c>
      <c r="W24335" s="2">
        <v>1.7999999999999999E-2</v>
      </c>
      <c r="X24335" s="2">
        <v>139.1</v>
      </c>
      <c r="Y24335" s="2">
        <v>7.6</v>
      </c>
      <c r="Z24335" s="2">
        <v>16.7</v>
      </c>
      <c r="AA24335" s="5"/>
      <c r="AB24335" s="5" t="s">
        <v>43</v>
      </c>
      <c r="AC24335" s="5" t="s">
        <v>44</v>
      </c>
      <c r="AD24335" s="2"/>
      <c r="AE24335" s="1"/>
    </row>
    <row r="24336" spans="1:31" ht="14.45">
      <c r="A24336" s="11"/>
      <c r="B24336" s="20"/>
      <c r="C24336" s="2" t="s">
        <v>77887</v>
      </c>
      <c r="D24336" s="14" t="s">
        <v>77888</v>
      </c>
      <c r="E24336" s="2" t="s">
        <v>77889</v>
      </c>
      <c r="F24336" s="2" t="s">
        <v>7521</v>
      </c>
      <c r="G24336" s="8">
        <v>249</v>
      </c>
      <c r="H24336" s="5">
        <v>6</v>
      </c>
      <c r="I24336" s="5" t="s">
        <v>1518</v>
      </c>
      <c r="J24336" s="5" t="s">
        <v>69038</v>
      </c>
      <c r="K24336" s="2" t="s">
        <v>69039</v>
      </c>
      <c r="L24336" s="5" t="s">
        <v>69038</v>
      </c>
      <c r="M24336" s="2" t="s">
        <v>69039</v>
      </c>
      <c r="N24336" s="5" t="s">
        <v>1521</v>
      </c>
      <c r="O24336" s="5" t="s">
        <v>38</v>
      </c>
      <c r="P24336" s="5" t="s">
        <v>39</v>
      </c>
      <c r="Q24336" s="5" t="s">
        <v>40</v>
      </c>
      <c r="R24336" s="5" t="s">
        <v>1522</v>
      </c>
      <c r="S24336" s="5" t="s">
        <v>1523</v>
      </c>
      <c r="T24336" s="5" t="s">
        <v>42</v>
      </c>
      <c r="U24336" s="2">
        <v>3.0819999999999999</v>
      </c>
      <c r="V24336" s="2">
        <v>2.4649999999999999</v>
      </c>
      <c r="W24336" s="2">
        <v>1.7999999999999999E-2</v>
      </c>
      <c r="X24336" s="2">
        <v>139.1</v>
      </c>
      <c r="Y24336" s="2">
        <v>7.6</v>
      </c>
      <c r="Z24336" s="2">
        <v>16.7</v>
      </c>
      <c r="AA24336" s="5"/>
      <c r="AB24336" s="5" t="s">
        <v>43</v>
      </c>
      <c r="AC24336" s="5" t="s">
        <v>44</v>
      </c>
      <c r="AD24336" s="2"/>
      <c r="AE24336" s="1"/>
    </row>
    <row r="24337" spans="1:31" ht="14.45">
      <c r="A24337" s="11"/>
      <c r="B24337" s="20"/>
      <c r="C24337" s="2" t="s">
        <v>77890</v>
      </c>
      <c r="D24337" s="14" t="s">
        <v>77891</v>
      </c>
      <c r="E24337" s="2" t="s">
        <v>77892</v>
      </c>
      <c r="F24337" s="2" t="s">
        <v>7406</v>
      </c>
      <c r="G24337" s="8">
        <v>267</v>
      </c>
      <c r="H24337" s="5">
        <v>6</v>
      </c>
      <c r="I24337" s="5" t="s">
        <v>1518</v>
      </c>
      <c r="J24337" s="5" t="s">
        <v>69038</v>
      </c>
      <c r="K24337" s="2" t="s">
        <v>69039</v>
      </c>
      <c r="L24337" s="5" t="s">
        <v>69038</v>
      </c>
      <c r="M24337" s="2" t="s">
        <v>69039</v>
      </c>
      <c r="N24337" s="5" t="s">
        <v>1521</v>
      </c>
      <c r="O24337" s="5" t="s">
        <v>38</v>
      </c>
      <c r="P24337" s="5" t="s">
        <v>39</v>
      </c>
      <c r="Q24337" s="5" t="s">
        <v>40</v>
      </c>
      <c r="R24337" s="5" t="s">
        <v>1522</v>
      </c>
      <c r="S24337" s="5" t="s">
        <v>1523</v>
      </c>
      <c r="T24337" s="5" t="s">
        <v>42</v>
      </c>
      <c r="U24337" s="2">
        <v>2.988</v>
      </c>
      <c r="V24337" s="2">
        <v>2.371</v>
      </c>
      <c r="W24337" s="2">
        <v>1.7999999999999999E-2</v>
      </c>
      <c r="X24337" s="2">
        <v>139.1</v>
      </c>
      <c r="Y24337" s="2">
        <v>7.6</v>
      </c>
      <c r="Z24337" s="2">
        <v>16.7</v>
      </c>
      <c r="AA24337" s="5"/>
      <c r="AB24337" s="5" t="s">
        <v>43</v>
      </c>
      <c r="AC24337" s="5" t="s">
        <v>44</v>
      </c>
      <c r="AD24337" s="2"/>
      <c r="AE24337" s="1"/>
    </row>
    <row r="24338" spans="1:31" ht="14.45">
      <c r="A24338" s="11"/>
      <c r="B24338" s="20"/>
      <c r="C24338" s="2" t="s">
        <v>77893</v>
      </c>
      <c r="D24338" s="14" t="s">
        <v>77894</v>
      </c>
      <c r="E24338" s="2" t="s">
        <v>77895</v>
      </c>
      <c r="F24338" s="2" t="s">
        <v>7535</v>
      </c>
      <c r="G24338" s="8">
        <v>267</v>
      </c>
      <c r="H24338" s="5">
        <v>6</v>
      </c>
      <c r="I24338" s="5" t="s">
        <v>1518</v>
      </c>
      <c r="J24338" s="5" t="s">
        <v>69038</v>
      </c>
      <c r="K24338" s="2" t="s">
        <v>69039</v>
      </c>
      <c r="L24338" s="5" t="s">
        <v>69038</v>
      </c>
      <c r="M24338" s="2" t="s">
        <v>69039</v>
      </c>
      <c r="N24338" s="5" t="s">
        <v>1521</v>
      </c>
      <c r="O24338" s="5" t="s">
        <v>38</v>
      </c>
      <c r="P24338" s="5" t="s">
        <v>39</v>
      </c>
      <c r="Q24338" s="5" t="s">
        <v>40</v>
      </c>
      <c r="R24338" s="5" t="s">
        <v>1522</v>
      </c>
      <c r="S24338" s="5" t="s">
        <v>1523</v>
      </c>
      <c r="T24338" s="5" t="s">
        <v>42</v>
      </c>
      <c r="U24338" s="2">
        <v>3.0819999999999999</v>
      </c>
      <c r="V24338" s="2">
        <v>2.4649999999999999</v>
      </c>
      <c r="W24338" s="2">
        <v>1.7999999999999999E-2</v>
      </c>
      <c r="X24338" s="2">
        <v>139.1</v>
      </c>
      <c r="Y24338" s="2">
        <v>7.6</v>
      </c>
      <c r="Z24338" s="2">
        <v>16.7</v>
      </c>
      <c r="AA24338" s="5"/>
      <c r="AB24338" s="5" t="s">
        <v>43</v>
      </c>
      <c r="AC24338" s="5" t="s">
        <v>44</v>
      </c>
      <c r="AD24338" s="2"/>
      <c r="AE24338" s="1"/>
    </row>
    <row r="24339" spans="1:31" ht="14.45">
      <c r="A24339" s="11"/>
      <c r="B24339" s="20"/>
      <c r="C24339" s="2" t="s">
        <v>77896</v>
      </c>
      <c r="D24339" s="14" t="s">
        <v>77897</v>
      </c>
      <c r="E24339" s="2" t="s">
        <v>77898</v>
      </c>
      <c r="F24339" s="2" t="s">
        <v>7539</v>
      </c>
      <c r="G24339" s="8">
        <v>267</v>
      </c>
      <c r="H24339" s="5">
        <v>6</v>
      </c>
      <c r="I24339" s="5" t="s">
        <v>1518</v>
      </c>
      <c r="J24339" s="5" t="s">
        <v>69038</v>
      </c>
      <c r="K24339" s="2" t="s">
        <v>69039</v>
      </c>
      <c r="L24339" s="5" t="s">
        <v>69038</v>
      </c>
      <c r="M24339" s="2" t="s">
        <v>69039</v>
      </c>
      <c r="N24339" s="5" t="s">
        <v>1521</v>
      </c>
      <c r="O24339" s="5" t="s">
        <v>38</v>
      </c>
      <c r="P24339" s="5" t="s">
        <v>39</v>
      </c>
      <c r="Q24339" s="5" t="s">
        <v>40</v>
      </c>
      <c r="R24339" s="5" t="s">
        <v>1522</v>
      </c>
      <c r="S24339" s="5" t="s">
        <v>1523</v>
      </c>
      <c r="T24339" s="5" t="s">
        <v>42</v>
      </c>
      <c r="U24339" s="2">
        <v>2.988</v>
      </c>
      <c r="V24339" s="2">
        <v>2.371</v>
      </c>
      <c r="W24339" s="2">
        <v>1.7999999999999999E-2</v>
      </c>
      <c r="X24339" s="2">
        <v>139.1</v>
      </c>
      <c r="Y24339" s="2">
        <v>7.6</v>
      </c>
      <c r="Z24339" s="2">
        <v>16.7</v>
      </c>
      <c r="AA24339" s="5"/>
      <c r="AB24339" s="5" t="s">
        <v>43</v>
      </c>
      <c r="AC24339" s="5" t="s">
        <v>44</v>
      </c>
      <c r="AD24339" s="2"/>
      <c r="AE24339" s="1"/>
    </row>
    <row r="24340" spans="1:31" ht="14.45">
      <c r="A24340" s="11"/>
      <c r="B24340" s="20"/>
      <c r="C24340" s="2" t="s">
        <v>77899</v>
      </c>
      <c r="D24340" s="14" t="s">
        <v>77900</v>
      </c>
      <c r="E24340" s="2" t="s">
        <v>77901</v>
      </c>
      <c r="F24340" s="2" t="s">
        <v>7543</v>
      </c>
      <c r="G24340" s="8">
        <v>267</v>
      </c>
      <c r="H24340" s="5">
        <v>6</v>
      </c>
      <c r="I24340" s="5" t="s">
        <v>1518</v>
      </c>
      <c r="J24340" s="5" t="s">
        <v>69038</v>
      </c>
      <c r="K24340" s="2" t="s">
        <v>69039</v>
      </c>
      <c r="L24340" s="5" t="s">
        <v>69038</v>
      </c>
      <c r="M24340" s="2" t="s">
        <v>69039</v>
      </c>
      <c r="N24340" s="5" t="s">
        <v>1521</v>
      </c>
      <c r="O24340" s="5" t="s">
        <v>38</v>
      </c>
      <c r="P24340" s="5" t="s">
        <v>39</v>
      </c>
      <c r="Q24340" s="5" t="s">
        <v>40</v>
      </c>
      <c r="R24340" s="5" t="s">
        <v>1522</v>
      </c>
      <c r="S24340" s="5" t="s">
        <v>1523</v>
      </c>
      <c r="T24340" s="5" t="s">
        <v>42</v>
      </c>
      <c r="U24340" s="2">
        <v>3.0819999999999999</v>
      </c>
      <c r="V24340" s="2">
        <v>2.4649999999999999</v>
      </c>
      <c r="W24340" s="2">
        <v>1.7999999999999999E-2</v>
      </c>
      <c r="X24340" s="2">
        <v>139.1</v>
      </c>
      <c r="Y24340" s="2">
        <v>7.6</v>
      </c>
      <c r="Z24340" s="2">
        <v>16.7</v>
      </c>
      <c r="AA24340" s="5"/>
      <c r="AB24340" s="5" t="s">
        <v>43</v>
      </c>
      <c r="AC24340" s="5" t="s">
        <v>44</v>
      </c>
      <c r="AD24340" s="2"/>
      <c r="AE24340" s="1"/>
    </row>
    <row r="24341" spans="1:31" ht="14.45">
      <c r="A24341" s="11"/>
      <c r="B24341" s="20"/>
      <c r="C24341" s="2" t="s">
        <v>77902</v>
      </c>
      <c r="D24341" s="14" t="s">
        <v>77903</v>
      </c>
      <c r="E24341" s="2" t="s">
        <v>77904</v>
      </c>
      <c r="F24341" s="2" t="s">
        <v>7396</v>
      </c>
      <c r="G24341" s="8">
        <v>249</v>
      </c>
      <c r="H24341" s="5">
        <v>6</v>
      </c>
      <c r="I24341" s="5" t="s">
        <v>1518</v>
      </c>
      <c r="J24341" s="5" t="s">
        <v>69038</v>
      </c>
      <c r="K24341" s="2" t="s">
        <v>69039</v>
      </c>
      <c r="L24341" s="5" t="s">
        <v>69038</v>
      </c>
      <c r="M24341" s="2" t="s">
        <v>69039</v>
      </c>
      <c r="N24341" s="5" t="s">
        <v>1521</v>
      </c>
      <c r="O24341" s="5" t="s">
        <v>38</v>
      </c>
      <c r="P24341" s="5" t="s">
        <v>39</v>
      </c>
      <c r="Q24341" s="5" t="s">
        <v>40</v>
      </c>
      <c r="R24341" s="5" t="s">
        <v>1522</v>
      </c>
      <c r="S24341" s="5" t="s">
        <v>1523</v>
      </c>
      <c r="T24341" s="5" t="s">
        <v>42</v>
      </c>
      <c r="U24341" s="2">
        <v>2.988</v>
      </c>
      <c r="V24341" s="2">
        <v>2.371</v>
      </c>
      <c r="W24341" s="2">
        <v>1.7999999999999999E-2</v>
      </c>
      <c r="X24341" s="2">
        <v>139.1</v>
      </c>
      <c r="Y24341" s="2">
        <v>7.6</v>
      </c>
      <c r="Z24341" s="2">
        <v>16.7</v>
      </c>
      <c r="AA24341" s="5"/>
      <c r="AB24341" s="5" t="s">
        <v>43</v>
      </c>
      <c r="AC24341" s="5" t="s">
        <v>44</v>
      </c>
      <c r="AD24341" s="2"/>
      <c r="AE24341" s="1"/>
    </row>
    <row r="24342" spans="1:31" ht="14.45">
      <c r="A24342" s="11"/>
      <c r="B24342" s="20"/>
      <c r="C24342" s="2" t="s">
        <v>77905</v>
      </c>
      <c r="D24342" s="14" t="s">
        <v>77906</v>
      </c>
      <c r="E24342" s="2" t="s">
        <v>77907</v>
      </c>
      <c r="F24342" s="2" t="s">
        <v>7507</v>
      </c>
      <c r="G24342" s="8">
        <v>249</v>
      </c>
      <c r="H24342" s="5">
        <v>6</v>
      </c>
      <c r="I24342" s="5" t="s">
        <v>1518</v>
      </c>
      <c r="J24342" s="5" t="s">
        <v>69038</v>
      </c>
      <c r="K24342" s="2" t="s">
        <v>69039</v>
      </c>
      <c r="L24342" s="5" t="s">
        <v>69038</v>
      </c>
      <c r="M24342" s="2" t="s">
        <v>69039</v>
      </c>
      <c r="N24342" s="5" t="s">
        <v>1521</v>
      </c>
      <c r="O24342" s="5" t="s">
        <v>38</v>
      </c>
      <c r="P24342" s="5" t="s">
        <v>39</v>
      </c>
      <c r="Q24342" s="5" t="s">
        <v>40</v>
      </c>
      <c r="R24342" s="5" t="s">
        <v>1522</v>
      </c>
      <c r="S24342" s="5" t="s">
        <v>1523</v>
      </c>
      <c r="T24342" s="5" t="s">
        <v>42</v>
      </c>
      <c r="U24342" s="2">
        <v>3.0819999999999999</v>
      </c>
      <c r="V24342" s="2">
        <v>2.4649999999999999</v>
      </c>
      <c r="W24342" s="2">
        <v>1.7999999999999999E-2</v>
      </c>
      <c r="X24342" s="2">
        <v>139.1</v>
      </c>
      <c r="Y24342" s="2">
        <v>7.6</v>
      </c>
      <c r="Z24342" s="2">
        <v>16.7</v>
      </c>
      <c r="AA24342" s="5"/>
      <c r="AB24342" s="5" t="s">
        <v>43</v>
      </c>
      <c r="AC24342" s="5" t="s">
        <v>44</v>
      </c>
      <c r="AD24342" s="2"/>
      <c r="AE24342" s="1"/>
    </row>
    <row r="24343" spans="1:31" ht="14.45">
      <c r="A24343" s="11"/>
      <c r="B24343" s="20"/>
      <c r="C24343" s="2" t="s">
        <v>77908</v>
      </c>
      <c r="D24343" s="14" t="s">
        <v>77909</v>
      </c>
      <c r="E24343" s="2" t="s">
        <v>77910</v>
      </c>
      <c r="F24343" s="2" t="s">
        <v>7547</v>
      </c>
      <c r="G24343" s="8">
        <v>267</v>
      </c>
      <c r="H24343" s="5">
        <v>6</v>
      </c>
      <c r="I24343" s="5" t="s">
        <v>1518</v>
      </c>
      <c r="J24343" s="5" t="s">
        <v>69038</v>
      </c>
      <c r="K24343" s="2" t="s">
        <v>69039</v>
      </c>
      <c r="L24343" s="5" t="s">
        <v>69038</v>
      </c>
      <c r="M24343" s="2" t="s">
        <v>69039</v>
      </c>
      <c r="N24343" s="5" t="s">
        <v>1521</v>
      </c>
      <c r="O24343" s="5" t="s">
        <v>38</v>
      </c>
      <c r="P24343" s="5" t="s">
        <v>39</v>
      </c>
      <c r="Q24343" s="5" t="s">
        <v>40</v>
      </c>
      <c r="R24343" s="5" t="s">
        <v>1522</v>
      </c>
      <c r="S24343" s="5" t="s">
        <v>1523</v>
      </c>
      <c r="T24343" s="5" t="s">
        <v>42</v>
      </c>
      <c r="U24343" s="2">
        <v>2.988</v>
      </c>
      <c r="V24343" s="2">
        <v>2.371</v>
      </c>
      <c r="W24343" s="2">
        <v>1.7999999999999999E-2</v>
      </c>
      <c r="X24343" s="2">
        <v>139.1</v>
      </c>
      <c r="Y24343" s="2">
        <v>7.6</v>
      </c>
      <c r="Z24343" s="2">
        <v>16.7</v>
      </c>
      <c r="AA24343" s="5"/>
      <c r="AB24343" s="5" t="s">
        <v>43</v>
      </c>
      <c r="AC24343" s="5" t="s">
        <v>44</v>
      </c>
      <c r="AD24343" s="2"/>
      <c r="AE24343" s="1"/>
    </row>
    <row r="24344" spans="1:31" ht="14.45">
      <c r="A24344" s="11"/>
      <c r="B24344" s="20"/>
      <c r="C24344" s="2" t="s">
        <v>77911</v>
      </c>
      <c r="D24344" s="14" t="s">
        <v>77912</v>
      </c>
      <c r="E24344" s="2" t="s">
        <v>77913</v>
      </c>
      <c r="F24344" s="2" t="s">
        <v>7551</v>
      </c>
      <c r="G24344" s="8">
        <v>267</v>
      </c>
      <c r="H24344" s="5">
        <v>6</v>
      </c>
      <c r="I24344" s="5" t="s">
        <v>1518</v>
      </c>
      <c r="J24344" s="5" t="s">
        <v>69038</v>
      </c>
      <c r="K24344" s="2" t="s">
        <v>69039</v>
      </c>
      <c r="L24344" s="5" t="s">
        <v>69038</v>
      </c>
      <c r="M24344" s="2" t="s">
        <v>69039</v>
      </c>
      <c r="N24344" s="5" t="s">
        <v>1521</v>
      </c>
      <c r="O24344" s="5" t="s">
        <v>38</v>
      </c>
      <c r="P24344" s="5" t="s">
        <v>39</v>
      </c>
      <c r="Q24344" s="5" t="s">
        <v>40</v>
      </c>
      <c r="R24344" s="5" t="s">
        <v>1522</v>
      </c>
      <c r="S24344" s="5" t="s">
        <v>1523</v>
      </c>
      <c r="T24344" s="5" t="s">
        <v>42</v>
      </c>
      <c r="U24344" s="2">
        <v>3.0819999999999999</v>
      </c>
      <c r="V24344" s="2">
        <v>2.4649999999999999</v>
      </c>
      <c r="W24344" s="2">
        <v>1.7999999999999999E-2</v>
      </c>
      <c r="X24344" s="2">
        <v>139.1</v>
      </c>
      <c r="Y24344" s="2">
        <v>7.6</v>
      </c>
      <c r="Z24344" s="2">
        <v>16.7</v>
      </c>
      <c r="AA24344" s="5"/>
      <c r="AB24344" s="5" t="s">
        <v>43</v>
      </c>
      <c r="AC24344" s="5" t="s">
        <v>44</v>
      </c>
      <c r="AD24344" s="2"/>
      <c r="AE24344" s="1"/>
    </row>
    <row r="24345" spans="1:31" ht="14.45">
      <c r="A24345" s="11"/>
      <c r="B24345" s="20"/>
      <c r="C24345" s="2" t="s">
        <v>77914</v>
      </c>
      <c r="D24345" s="14" t="s">
        <v>77915</v>
      </c>
      <c r="E24345" s="2" t="s">
        <v>77916</v>
      </c>
      <c r="F24345" s="2" t="s">
        <v>7563</v>
      </c>
      <c r="G24345" s="8">
        <v>267</v>
      </c>
      <c r="H24345" s="5">
        <v>6</v>
      </c>
      <c r="I24345" s="5" t="s">
        <v>1518</v>
      </c>
      <c r="J24345" s="5" t="s">
        <v>69038</v>
      </c>
      <c r="K24345" s="2" t="s">
        <v>69039</v>
      </c>
      <c r="L24345" s="5" t="s">
        <v>69038</v>
      </c>
      <c r="M24345" s="2" t="s">
        <v>69039</v>
      </c>
      <c r="N24345" s="5" t="s">
        <v>1521</v>
      </c>
      <c r="O24345" s="5" t="s">
        <v>38</v>
      </c>
      <c r="P24345" s="5" t="s">
        <v>39</v>
      </c>
      <c r="Q24345" s="5" t="s">
        <v>40</v>
      </c>
      <c r="R24345" s="5" t="s">
        <v>1522</v>
      </c>
      <c r="S24345" s="5" t="s">
        <v>1523</v>
      </c>
      <c r="T24345" s="5" t="s">
        <v>42</v>
      </c>
      <c r="U24345" s="2">
        <v>2.988</v>
      </c>
      <c r="V24345" s="2">
        <v>2.371</v>
      </c>
      <c r="W24345" s="2">
        <v>1.7999999999999999E-2</v>
      </c>
      <c r="X24345" s="2">
        <v>139.1</v>
      </c>
      <c r="Y24345" s="2">
        <v>7.6</v>
      </c>
      <c r="Z24345" s="2">
        <v>16.7</v>
      </c>
      <c r="AA24345" s="5"/>
      <c r="AB24345" s="5" t="s">
        <v>43</v>
      </c>
      <c r="AC24345" s="5" t="s">
        <v>44</v>
      </c>
      <c r="AD24345" s="2"/>
      <c r="AE24345" s="1"/>
    </row>
    <row r="24346" spans="1:31" ht="14.45">
      <c r="A24346" s="11"/>
      <c r="B24346" s="20"/>
      <c r="C24346" s="2" t="s">
        <v>77917</v>
      </c>
      <c r="D24346" s="14" t="s">
        <v>77918</v>
      </c>
      <c r="E24346" s="2" t="s">
        <v>77919</v>
      </c>
      <c r="F24346" s="2" t="s">
        <v>7567</v>
      </c>
      <c r="G24346" s="8">
        <v>267</v>
      </c>
      <c r="H24346" s="5">
        <v>6</v>
      </c>
      <c r="I24346" s="5" t="s">
        <v>1518</v>
      </c>
      <c r="J24346" s="5" t="s">
        <v>69038</v>
      </c>
      <c r="K24346" s="2" t="s">
        <v>69039</v>
      </c>
      <c r="L24346" s="5" t="s">
        <v>69038</v>
      </c>
      <c r="M24346" s="2" t="s">
        <v>69039</v>
      </c>
      <c r="N24346" s="5" t="s">
        <v>1521</v>
      </c>
      <c r="O24346" s="5" t="s">
        <v>38</v>
      </c>
      <c r="P24346" s="5" t="s">
        <v>39</v>
      </c>
      <c r="Q24346" s="5" t="s">
        <v>40</v>
      </c>
      <c r="R24346" s="5" t="s">
        <v>1522</v>
      </c>
      <c r="S24346" s="5" t="s">
        <v>1523</v>
      </c>
      <c r="T24346" s="5" t="s">
        <v>42</v>
      </c>
      <c r="U24346" s="2">
        <v>3.0819999999999999</v>
      </c>
      <c r="V24346" s="2">
        <v>2.4649999999999999</v>
      </c>
      <c r="W24346" s="2">
        <v>1.7999999999999999E-2</v>
      </c>
      <c r="X24346" s="2">
        <v>139.1</v>
      </c>
      <c r="Y24346" s="2">
        <v>7.6</v>
      </c>
      <c r="Z24346" s="2">
        <v>16.7</v>
      </c>
      <c r="AA24346" s="5"/>
      <c r="AB24346" s="5" t="s">
        <v>43</v>
      </c>
      <c r="AC24346" s="5" t="s">
        <v>44</v>
      </c>
      <c r="AD24346" s="2"/>
      <c r="AE24346" s="1"/>
    </row>
    <row r="24347" spans="1:31" ht="14.45">
      <c r="A24347" s="11"/>
      <c r="B24347" s="20"/>
      <c r="C24347" s="2" t="s">
        <v>77920</v>
      </c>
      <c r="D24347" s="14" t="s">
        <v>77921</v>
      </c>
      <c r="E24347" s="2" t="s">
        <v>77922</v>
      </c>
      <c r="F24347" s="2" t="s">
        <v>7555</v>
      </c>
      <c r="G24347" s="8">
        <v>267</v>
      </c>
      <c r="H24347" s="5">
        <v>6</v>
      </c>
      <c r="I24347" s="5" t="s">
        <v>1518</v>
      </c>
      <c r="J24347" s="5" t="s">
        <v>69038</v>
      </c>
      <c r="K24347" s="2" t="s">
        <v>69039</v>
      </c>
      <c r="L24347" s="5" t="s">
        <v>69038</v>
      </c>
      <c r="M24347" s="2" t="s">
        <v>69039</v>
      </c>
      <c r="N24347" s="5" t="s">
        <v>1521</v>
      </c>
      <c r="O24347" s="5" t="s">
        <v>38</v>
      </c>
      <c r="P24347" s="5" t="s">
        <v>39</v>
      </c>
      <c r="Q24347" s="5" t="s">
        <v>40</v>
      </c>
      <c r="R24347" s="5" t="s">
        <v>1522</v>
      </c>
      <c r="S24347" s="5" t="s">
        <v>1523</v>
      </c>
      <c r="T24347" s="5" t="s">
        <v>42</v>
      </c>
      <c r="U24347" s="2">
        <v>2.988</v>
      </c>
      <c r="V24347" s="2">
        <v>2.371</v>
      </c>
      <c r="W24347" s="2">
        <v>1.7999999999999999E-2</v>
      </c>
      <c r="X24347" s="2">
        <v>139.1</v>
      </c>
      <c r="Y24347" s="2">
        <v>7.6</v>
      </c>
      <c r="Z24347" s="2">
        <v>16.7</v>
      </c>
      <c r="AA24347" s="5"/>
      <c r="AB24347" s="5" t="s">
        <v>43</v>
      </c>
      <c r="AC24347" s="5" t="s">
        <v>44</v>
      </c>
      <c r="AD24347" s="2"/>
      <c r="AE24347" s="1"/>
    </row>
    <row r="24348" spans="1:31" ht="14.45">
      <c r="A24348" s="11"/>
      <c r="B24348" s="20"/>
      <c r="C24348" s="2" t="s">
        <v>77923</v>
      </c>
      <c r="D24348" s="14" t="s">
        <v>77924</v>
      </c>
      <c r="E24348" s="2" t="s">
        <v>77925</v>
      </c>
      <c r="F24348" s="2" t="s">
        <v>7559</v>
      </c>
      <c r="G24348" s="8">
        <v>267</v>
      </c>
      <c r="H24348" s="5">
        <v>6</v>
      </c>
      <c r="I24348" s="5" t="s">
        <v>1518</v>
      </c>
      <c r="J24348" s="5" t="s">
        <v>69038</v>
      </c>
      <c r="K24348" s="2" t="s">
        <v>69039</v>
      </c>
      <c r="L24348" s="5" t="s">
        <v>69038</v>
      </c>
      <c r="M24348" s="2" t="s">
        <v>69039</v>
      </c>
      <c r="N24348" s="5" t="s">
        <v>1521</v>
      </c>
      <c r="O24348" s="5" t="s">
        <v>38</v>
      </c>
      <c r="P24348" s="5" t="s">
        <v>39</v>
      </c>
      <c r="Q24348" s="5" t="s">
        <v>40</v>
      </c>
      <c r="R24348" s="5" t="s">
        <v>1522</v>
      </c>
      <c r="S24348" s="5" t="s">
        <v>1523</v>
      </c>
      <c r="T24348" s="5" t="s">
        <v>42</v>
      </c>
      <c r="U24348" s="2">
        <v>3.0819999999999999</v>
      </c>
      <c r="V24348" s="2">
        <v>2.4649999999999999</v>
      </c>
      <c r="W24348" s="2">
        <v>1.7999999999999999E-2</v>
      </c>
      <c r="X24348" s="2">
        <v>139.1</v>
      </c>
      <c r="Y24348" s="2">
        <v>7.6</v>
      </c>
      <c r="Z24348" s="2">
        <v>16.7</v>
      </c>
      <c r="AA24348" s="5"/>
      <c r="AB24348" s="5" t="s">
        <v>43</v>
      </c>
      <c r="AC24348" s="5" t="s">
        <v>44</v>
      </c>
      <c r="AD24348" s="2"/>
      <c r="AE24348" s="1"/>
    </row>
    <row r="24349" spans="1:31" ht="14.45">
      <c r="A24349" s="11"/>
      <c r="B24349" s="20"/>
      <c r="C24349" s="2" t="s">
        <v>77926</v>
      </c>
      <c r="D24349" s="14" t="s">
        <v>77927</v>
      </c>
      <c r="E24349" s="2" t="s">
        <v>77928</v>
      </c>
      <c r="F24349" s="2" t="s">
        <v>16079</v>
      </c>
      <c r="G24349" s="8">
        <v>267</v>
      </c>
      <c r="H24349" s="5">
        <v>6</v>
      </c>
      <c r="I24349" s="5" t="s">
        <v>1518</v>
      </c>
      <c r="J24349" s="5" t="s">
        <v>69038</v>
      </c>
      <c r="K24349" s="2" t="s">
        <v>69039</v>
      </c>
      <c r="L24349" s="5" t="s">
        <v>69038</v>
      </c>
      <c r="M24349" s="2" t="s">
        <v>69039</v>
      </c>
      <c r="N24349" s="5" t="s">
        <v>1521</v>
      </c>
      <c r="O24349" s="5" t="s">
        <v>38</v>
      </c>
      <c r="P24349" s="5" t="s">
        <v>39</v>
      </c>
      <c r="Q24349" s="5" t="s">
        <v>40</v>
      </c>
      <c r="R24349" s="5" t="s">
        <v>1522</v>
      </c>
      <c r="S24349" s="5" t="s">
        <v>1523</v>
      </c>
      <c r="T24349" s="5" t="s">
        <v>42</v>
      </c>
      <c r="U24349" s="2">
        <v>2.988</v>
      </c>
      <c r="V24349" s="2">
        <v>2.371</v>
      </c>
      <c r="W24349" s="2">
        <v>1.7999999999999999E-2</v>
      </c>
      <c r="X24349" s="2">
        <v>139.1</v>
      </c>
      <c r="Y24349" s="2">
        <v>7.6</v>
      </c>
      <c r="Z24349" s="2">
        <v>16.7</v>
      </c>
      <c r="AA24349" s="5"/>
      <c r="AB24349" s="5" t="s">
        <v>43</v>
      </c>
      <c r="AC24349" s="5" t="s">
        <v>44</v>
      </c>
      <c r="AD24349" s="2"/>
      <c r="AE24349" s="1"/>
    </row>
    <row r="24350" spans="1:31" ht="14.45">
      <c r="A24350" s="11"/>
      <c r="B24350" s="20"/>
      <c r="C24350" s="2" t="s">
        <v>77929</v>
      </c>
      <c r="D24350" s="14" t="s">
        <v>77930</v>
      </c>
      <c r="E24350" s="2" t="s">
        <v>77931</v>
      </c>
      <c r="F24350" s="2" t="s">
        <v>16194</v>
      </c>
      <c r="G24350" s="8">
        <v>267</v>
      </c>
      <c r="H24350" s="5">
        <v>6</v>
      </c>
      <c r="I24350" s="5" t="s">
        <v>1518</v>
      </c>
      <c r="J24350" s="5" t="s">
        <v>69038</v>
      </c>
      <c r="K24350" s="2" t="s">
        <v>69039</v>
      </c>
      <c r="L24350" s="5" t="s">
        <v>69038</v>
      </c>
      <c r="M24350" s="2" t="s">
        <v>69039</v>
      </c>
      <c r="N24350" s="5" t="s">
        <v>1521</v>
      </c>
      <c r="O24350" s="5" t="s">
        <v>38</v>
      </c>
      <c r="P24350" s="5" t="s">
        <v>39</v>
      </c>
      <c r="Q24350" s="5" t="s">
        <v>40</v>
      </c>
      <c r="R24350" s="5" t="s">
        <v>1522</v>
      </c>
      <c r="S24350" s="5" t="s">
        <v>1523</v>
      </c>
      <c r="T24350" s="5" t="s">
        <v>42</v>
      </c>
      <c r="U24350" s="2">
        <v>3.0819999999999999</v>
      </c>
      <c r="V24350" s="2">
        <v>2.4649999999999999</v>
      </c>
      <c r="W24350" s="2">
        <v>1.7999999999999999E-2</v>
      </c>
      <c r="X24350" s="2">
        <v>139.1</v>
      </c>
      <c r="Y24350" s="2">
        <v>7.6</v>
      </c>
      <c r="Z24350" s="2">
        <v>16.7</v>
      </c>
      <c r="AA24350" s="5"/>
      <c r="AB24350" s="5" t="s">
        <v>43</v>
      </c>
      <c r="AC24350" s="5" t="s">
        <v>44</v>
      </c>
      <c r="AD24350" s="2"/>
      <c r="AE24350" s="1"/>
    </row>
    <row r="24351" spans="1:31" ht="14.45">
      <c r="A24351" s="11"/>
      <c r="B24351" s="20"/>
      <c r="C24351" s="2" t="s">
        <v>77932</v>
      </c>
      <c r="D24351" s="14" t="s">
        <v>77933</v>
      </c>
      <c r="E24351" s="2" t="s">
        <v>77934</v>
      </c>
      <c r="F24351" s="2" t="s">
        <v>7449</v>
      </c>
      <c r="G24351" s="8">
        <v>267</v>
      </c>
      <c r="H24351" s="5">
        <v>6</v>
      </c>
      <c r="I24351" s="5" t="s">
        <v>1518</v>
      </c>
      <c r="J24351" s="5" t="s">
        <v>69038</v>
      </c>
      <c r="K24351" s="2" t="s">
        <v>69039</v>
      </c>
      <c r="L24351" s="5" t="s">
        <v>69038</v>
      </c>
      <c r="M24351" s="2" t="s">
        <v>69039</v>
      </c>
      <c r="N24351" s="5" t="s">
        <v>1521</v>
      </c>
      <c r="O24351" s="5" t="s">
        <v>38</v>
      </c>
      <c r="P24351" s="5" t="s">
        <v>39</v>
      </c>
      <c r="Q24351" s="5" t="s">
        <v>40</v>
      </c>
      <c r="R24351" s="5" t="s">
        <v>1522</v>
      </c>
      <c r="S24351" s="5" t="s">
        <v>1523</v>
      </c>
      <c r="T24351" s="5" t="s">
        <v>42</v>
      </c>
      <c r="U24351" s="2">
        <v>2.988</v>
      </c>
      <c r="V24351" s="2">
        <v>2.371</v>
      </c>
      <c r="W24351" s="2">
        <v>1.7999999999999999E-2</v>
      </c>
      <c r="X24351" s="2">
        <v>139.1</v>
      </c>
      <c r="Y24351" s="2">
        <v>7.6</v>
      </c>
      <c r="Z24351" s="2">
        <v>16.7</v>
      </c>
      <c r="AA24351" s="5"/>
      <c r="AB24351" s="5" t="s">
        <v>43</v>
      </c>
      <c r="AC24351" s="5" t="s">
        <v>44</v>
      </c>
      <c r="AD24351" s="2"/>
      <c r="AE24351" s="1"/>
    </row>
    <row r="24352" spans="1:31" ht="14.45">
      <c r="A24352" s="11"/>
      <c r="B24352" s="20"/>
      <c r="C24352" s="2" t="s">
        <v>77935</v>
      </c>
      <c r="D24352" s="14" t="s">
        <v>77936</v>
      </c>
      <c r="E24352" s="2" t="s">
        <v>77937</v>
      </c>
      <c r="F24352" s="2" t="s">
        <v>7581</v>
      </c>
      <c r="G24352" s="8">
        <v>267</v>
      </c>
      <c r="H24352" s="5">
        <v>6</v>
      </c>
      <c r="I24352" s="5" t="s">
        <v>1518</v>
      </c>
      <c r="J24352" s="5" t="s">
        <v>69038</v>
      </c>
      <c r="K24352" s="2" t="s">
        <v>69039</v>
      </c>
      <c r="L24352" s="5" t="s">
        <v>69038</v>
      </c>
      <c r="M24352" s="2" t="s">
        <v>69039</v>
      </c>
      <c r="N24352" s="5" t="s">
        <v>1521</v>
      </c>
      <c r="O24352" s="5" t="s">
        <v>38</v>
      </c>
      <c r="P24352" s="5" t="s">
        <v>39</v>
      </c>
      <c r="Q24352" s="5" t="s">
        <v>40</v>
      </c>
      <c r="R24352" s="5" t="s">
        <v>1522</v>
      </c>
      <c r="S24352" s="5" t="s">
        <v>1523</v>
      </c>
      <c r="T24352" s="5" t="s">
        <v>42</v>
      </c>
      <c r="U24352" s="2">
        <v>3.0819999999999999</v>
      </c>
      <c r="V24352" s="2">
        <v>2.4649999999999999</v>
      </c>
      <c r="W24352" s="2">
        <v>1.7999999999999999E-2</v>
      </c>
      <c r="X24352" s="2">
        <v>139.1</v>
      </c>
      <c r="Y24352" s="2">
        <v>7.6</v>
      </c>
      <c r="Z24352" s="2">
        <v>16.7</v>
      </c>
      <c r="AA24352" s="5"/>
      <c r="AB24352" s="5" t="s">
        <v>43</v>
      </c>
      <c r="AC24352" s="5" t="s">
        <v>44</v>
      </c>
      <c r="AD24352" s="2"/>
      <c r="AE24352" s="1"/>
    </row>
    <row r="24353" spans="1:31" ht="14.45">
      <c r="A24353" s="11"/>
      <c r="B24353" s="20"/>
      <c r="C24353" s="2" t="s">
        <v>77938</v>
      </c>
      <c r="D24353" s="14" t="s">
        <v>77939</v>
      </c>
      <c r="E24353" s="2" t="s">
        <v>77940</v>
      </c>
      <c r="F24353" s="2" t="s">
        <v>7585</v>
      </c>
      <c r="G24353" s="8">
        <v>267</v>
      </c>
      <c r="H24353" s="5">
        <v>6</v>
      </c>
      <c r="I24353" s="5" t="s">
        <v>1518</v>
      </c>
      <c r="J24353" s="5" t="s">
        <v>69038</v>
      </c>
      <c r="K24353" s="2" t="s">
        <v>69039</v>
      </c>
      <c r="L24353" s="5" t="s">
        <v>69038</v>
      </c>
      <c r="M24353" s="2" t="s">
        <v>69039</v>
      </c>
      <c r="N24353" s="5" t="s">
        <v>1521</v>
      </c>
      <c r="O24353" s="5" t="s">
        <v>38</v>
      </c>
      <c r="P24353" s="5" t="s">
        <v>39</v>
      </c>
      <c r="Q24353" s="5" t="s">
        <v>40</v>
      </c>
      <c r="R24353" s="5" t="s">
        <v>1522</v>
      </c>
      <c r="S24353" s="5" t="s">
        <v>1523</v>
      </c>
      <c r="T24353" s="5" t="s">
        <v>42</v>
      </c>
      <c r="U24353" s="2">
        <v>2.988</v>
      </c>
      <c r="V24353" s="2">
        <v>2.371</v>
      </c>
      <c r="W24353" s="2">
        <v>1.7999999999999999E-2</v>
      </c>
      <c r="X24353" s="2">
        <v>139.1</v>
      </c>
      <c r="Y24353" s="2">
        <v>7.6</v>
      </c>
      <c r="Z24353" s="2">
        <v>16.7</v>
      </c>
      <c r="AA24353" s="5"/>
      <c r="AB24353" s="5" t="s">
        <v>43</v>
      </c>
      <c r="AC24353" s="5" t="s">
        <v>44</v>
      </c>
      <c r="AD24353" s="2"/>
      <c r="AE24353" s="1"/>
    </row>
    <row r="24354" spans="1:31" ht="14.45">
      <c r="A24354" s="11"/>
      <c r="B24354" s="20"/>
      <c r="C24354" s="2" t="s">
        <v>77941</v>
      </c>
      <c r="D24354" s="14" t="s">
        <v>77942</v>
      </c>
      <c r="E24354" s="2" t="s">
        <v>77943</v>
      </c>
      <c r="F24354" s="2" t="s">
        <v>7589</v>
      </c>
      <c r="G24354" s="8">
        <v>267</v>
      </c>
      <c r="H24354" s="5">
        <v>6</v>
      </c>
      <c r="I24354" s="5" t="s">
        <v>1518</v>
      </c>
      <c r="J24354" s="5" t="s">
        <v>69038</v>
      </c>
      <c r="K24354" s="2" t="s">
        <v>69039</v>
      </c>
      <c r="L24354" s="5" t="s">
        <v>69038</v>
      </c>
      <c r="M24354" s="2" t="s">
        <v>69039</v>
      </c>
      <c r="N24354" s="5" t="s">
        <v>1521</v>
      </c>
      <c r="O24354" s="5" t="s">
        <v>38</v>
      </c>
      <c r="P24354" s="5" t="s">
        <v>39</v>
      </c>
      <c r="Q24354" s="5" t="s">
        <v>40</v>
      </c>
      <c r="R24354" s="5" t="s">
        <v>1522</v>
      </c>
      <c r="S24354" s="5" t="s">
        <v>1523</v>
      </c>
      <c r="T24354" s="5" t="s">
        <v>42</v>
      </c>
      <c r="U24354" s="2">
        <v>3.0819999999999999</v>
      </c>
      <c r="V24354" s="2">
        <v>2.4649999999999999</v>
      </c>
      <c r="W24354" s="2">
        <v>1.7999999999999999E-2</v>
      </c>
      <c r="X24354" s="2">
        <v>139.1</v>
      </c>
      <c r="Y24354" s="2">
        <v>7.6</v>
      </c>
      <c r="Z24354" s="2">
        <v>16.7</v>
      </c>
      <c r="AA24354" s="5"/>
      <c r="AB24354" s="5" t="s">
        <v>43</v>
      </c>
      <c r="AC24354" s="5" t="s">
        <v>44</v>
      </c>
      <c r="AD24354" s="2"/>
      <c r="AE24354" s="1"/>
    </row>
    <row r="24355" spans="1:31" ht="14.45">
      <c r="A24355" s="11"/>
      <c r="B24355" s="20"/>
      <c r="C24355" s="2" t="s">
        <v>77944</v>
      </c>
      <c r="D24355" s="14" t="s">
        <v>77945</v>
      </c>
      <c r="E24355" s="2" t="s">
        <v>77946</v>
      </c>
      <c r="F24355" s="2" t="s">
        <v>7593</v>
      </c>
      <c r="G24355" s="8">
        <v>267</v>
      </c>
      <c r="H24355" s="5">
        <v>6</v>
      </c>
      <c r="I24355" s="5" t="s">
        <v>1518</v>
      </c>
      <c r="J24355" s="5" t="s">
        <v>69038</v>
      </c>
      <c r="K24355" s="2" t="s">
        <v>69039</v>
      </c>
      <c r="L24355" s="5" t="s">
        <v>69038</v>
      </c>
      <c r="M24355" s="2" t="s">
        <v>69039</v>
      </c>
      <c r="N24355" s="5" t="s">
        <v>1521</v>
      </c>
      <c r="O24355" s="5" t="s">
        <v>38</v>
      </c>
      <c r="P24355" s="5" t="s">
        <v>39</v>
      </c>
      <c r="Q24355" s="5" t="s">
        <v>40</v>
      </c>
      <c r="R24355" s="5" t="s">
        <v>1522</v>
      </c>
      <c r="S24355" s="5" t="s">
        <v>1523</v>
      </c>
      <c r="T24355" s="5" t="s">
        <v>42</v>
      </c>
      <c r="U24355" s="2">
        <v>2.988</v>
      </c>
      <c r="V24355" s="2">
        <v>2.371</v>
      </c>
      <c r="W24355" s="2">
        <v>1.7999999999999999E-2</v>
      </c>
      <c r="X24355" s="2">
        <v>139.1</v>
      </c>
      <c r="Y24355" s="2">
        <v>7.6</v>
      </c>
      <c r="Z24355" s="2">
        <v>16.7</v>
      </c>
      <c r="AA24355" s="5"/>
      <c r="AB24355" s="5" t="s">
        <v>43</v>
      </c>
      <c r="AC24355" s="5" t="s">
        <v>44</v>
      </c>
      <c r="AD24355" s="2"/>
      <c r="AE24355" s="1"/>
    </row>
    <row r="24356" spans="1:31" ht="14.45">
      <c r="A24356" s="11"/>
      <c r="B24356" s="20"/>
      <c r="C24356" s="2" t="s">
        <v>77947</v>
      </c>
      <c r="D24356" s="14" t="s">
        <v>77948</v>
      </c>
      <c r="E24356" s="2" t="s">
        <v>77949</v>
      </c>
      <c r="F24356" s="2" t="s">
        <v>7597</v>
      </c>
      <c r="G24356" s="8">
        <v>267</v>
      </c>
      <c r="H24356" s="5">
        <v>6</v>
      </c>
      <c r="I24356" s="5" t="s">
        <v>1518</v>
      </c>
      <c r="J24356" s="5" t="s">
        <v>69038</v>
      </c>
      <c r="K24356" s="2" t="s">
        <v>69039</v>
      </c>
      <c r="L24356" s="5" t="s">
        <v>69038</v>
      </c>
      <c r="M24356" s="2" t="s">
        <v>69039</v>
      </c>
      <c r="N24356" s="5" t="s">
        <v>1521</v>
      </c>
      <c r="O24356" s="5" t="s">
        <v>38</v>
      </c>
      <c r="P24356" s="5" t="s">
        <v>39</v>
      </c>
      <c r="Q24356" s="5" t="s">
        <v>40</v>
      </c>
      <c r="R24356" s="5" t="s">
        <v>1522</v>
      </c>
      <c r="S24356" s="5" t="s">
        <v>1523</v>
      </c>
      <c r="T24356" s="5" t="s">
        <v>42</v>
      </c>
      <c r="U24356" s="2">
        <v>3.0819999999999999</v>
      </c>
      <c r="V24356" s="2">
        <v>2.4649999999999999</v>
      </c>
      <c r="W24356" s="2">
        <v>1.7999999999999999E-2</v>
      </c>
      <c r="X24356" s="2">
        <v>139.1</v>
      </c>
      <c r="Y24356" s="2">
        <v>7.6</v>
      </c>
      <c r="Z24356" s="2">
        <v>16.7</v>
      </c>
      <c r="AA24356" s="5"/>
      <c r="AB24356" s="5" t="s">
        <v>43</v>
      </c>
      <c r="AC24356" s="5" t="s">
        <v>44</v>
      </c>
      <c r="AD24356" s="2"/>
      <c r="AE24356" s="1"/>
    </row>
    <row r="24357" spans="1:31" ht="14.45">
      <c r="A24357" s="11"/>
      <c r="B24357" s="20"/>
      <c r="C24357" s="2" t="s">
        <v>77950</v>
      </c>
      <c r="D24357" s="14" t="s">
        <v>77951</v>
      </c>
      <c r="E24357" s="2" t="s">
        <v>77952</v>
      </c>
      <c r="F24357" s="2" t="s">
        <v>73358</v>
      </c>
      <c r="G24357" s="8">
        <v>267</v>
      </c>
      <c r="H24357" s="5">
        <v>6</v>
      </c>
      <c r="I24357" s="5" t="s">
        <v>1518</v>
      </c>
      <c r="J24357" s="5" t="s">
        <v>69038</v>
      </c>
      <c r="K24357" s="2" t="s">
        <v>69039</v>
      </c>
      <c r="L24357" s="5" t="s">
        <v>69038</v>
      </c>
      <c r="M24357" s="2" t="s">
        <v>69039</v>
      </c>
      <c r="N24357" s="5" t="s">
        <v>1521</v>
      </c>
      <c r="O24357" s="5" t="s">
        <v>38</v>
      </c>
      <c r="P24357" s="5" t="s">
        <v>39</v>
      </c>
      <c r="Q24357" s="5" t="s">
        <v>40</v>
      </c>
      <c r="R24357" s="5" t="s">
        <v>1522</v>
      </c>
      <c r="S24357" s="5" t="s">
        <v>1523</v>
      </c>
      <c r="T24357" s="5" t="s">
        <v>42</v>
      </c>
      <c r="U24357" s="2">
        <v>2.988</v>
      </c>
      <c r="V24357" s="2">
        <v>2.371</v>
      </c>
      <c r="W24357" s="2">
        <v>1.7999999999999999E-2</v>
      </c>
      <c r="X24357" s="2">
        <v>139.1</v>
      </c>
      <c r="Y24357" s="2">
        <v>7.6</v>
      </c>
      <c r="Z24357" s="2">
        <v>16.7</v>
      </c>
      <c r="AA24357" s="5"/>
      <c r="AB24357" s="5" t="s">
        <v>43</v>
      </c>
      <c r="AC24357" s="5" t="s">
        <v>44</v>
      </c>
      <c r="AD24357" s="2"/>
      <c r="AE24357" s="1"/>
    </row>
    <row r="24358" spans="1:31" ht="14.45">
      <c r="A24358" s="11"/>
      <c r="B24358" s="20"/>
      <c r="C24358" s="2" t="s">
        <v>77953</v>
      </c>
      <c r="D24358" s="14" t="s">
        <v>77954</v>
      </c>
      <c r="E24358" s="2" t="s">
        <v>77955</v>
      </c>
      <c r="F24358" s="2" t="s">
        <v>73362</v>
      </c>
      <c r="G24358" s="8">
        <v>267</v>
      </c>
      <c r="H24358" s="5">
        <v>6</v>
      </c>
      <c r="I24358" s="5" t="s">
        <v>1518</v>
      </c>
      <c r="J24358" s="5" t="s">
        <v>69038</v>
      </c>
      <c r="K24358" s="2" t="s">
        <v>69039</v>
      </c>
      <c r="L24358" s="5" t="s">
        <v>69038</v>
      </c>
      <c r="M24358" s="2" t="s">
        <v>69039</v>
      </c>
      <c r="N24358" s="5" t="s">
        <v>1521</v>
      </c>
      <c r="O24358" s="5" t="s">
        <v>38</v>
      </c>
      <c r="P24358" s="5" t="s">
        <v>39</v>
      </c>
      <c r="Q24358" s="5" t="s">
        <v>40</v>
      </c>
      <c r="R24358" s="5" t="s">
        <v>1522</v>
      </c>
      <c r="S24358" s="5" t="s">
        <v>1523</v>
      </c>
      <c r="T24358" s="5" t="s">
        <v>42</v>
      </c>
      <c r="U24358" s="2">
        <v>3.0819999999999999</v>
      </c>
      <c r="V24358" s="2">
        <v>2.4649999999999999</v>
      </c>
      <c r="W24358" s="2">
        <v>1.7999999999999999E-2</v>
      </c>
      <c r="X24358" s="2">
        <v>139.1</v>
      </c>
      <c r="Y24358" s="2">
        <v>7.6</v>
      </c>
      <c r="Z24358" s="2">
        <v>16.7</v>
      </c>
      <c r="AA24358" s="5"/>
      <c r="AB24358" s="5" t="s">
        <v>43</v>
      </c>
      <c r="AC24358" s="5" t="s">
        <v>44</v>
      </c>
      <c r="AD24358" s="2"/>
      <c r="AE24358" s="1"/>
    </row>
    <row r="24359" spans="1:31" ht="14.45">
      <c r="A24359" s="11"/>
      <c r="B24359" s="20"/>
      <c r="C24359" s="2" t="s">
        <v>77956</v>
      </c>
      <c r="D24359" s="14" t="s">
        <v>77957</v>
      </c>
      <c r="E24359" s="2" t="s">
        <v>77958</v>
      </c>
      <c r="F24359" s="2" t="s">
        <v>7615</v>
      </c>
      <c r="G24359" s="8">
        <v>267</v>
      </c>
      <c r="H24359" s="5">
        <v>6</v>
      </c>
      <c r="I24359" s="5" t="s">
        <v>1518</v>
      </c>
      <c r="J24359" s="5" t="s">
        <v>69038</v>
      </c>
      <c r="K24359" s="2" t="s">
        <v>69039</v>
      </c>
      <c r="L24359" s="5" t="s">
        <v>69038</v>
      </c>
      <c r="M24359" s="2" t="s">
        <v>69039</v>
      </c>
      <c r="N24359" s="5" t="s">
        <v>1521</v>
      </c>
      <c r="O24359" s="5" t="s">
        <v>38</v>
      </c>
      <c r="P24359" s="5" t="s">
        <v>39</v>
      </c>
      <c r="Q24359" s="5" t="s">
        <v>40</v>
      </c>
      <c r="R24359" s="5" t="s">
        <v>1522</v>
      </c>
      <c r="S24359" s="5" t="s">
        <v>1523</v>
      </c>
      <c r="T24359" s="5" t="s">
        <v>42</v>
      </c>
      <c r="U24359" s="2">
        <v>2.988</v>
      </c>
      <c r="V24359" s="2">
        <v>2.371</v>
      </c>
      <c r="W24359" s="2">
        <v>1.7999999999999999E-2</v>
      </c>
      <c r="X24359" s="2">
        <v>139.1</v>
      </c>
      <c r="Y24359" s="2">
        <v>7.6</v>
      </c>
      <c r="Z24359" s="2">
        <v>16.7</v>
      </c>
      <c r="AA24359" s="5"/>
      <c r="AB24359" s="5" t="s">
        <v>43</v>
      </c>
      <c r="AC24359" s="5" t="s">
        <v>44</v>
      </c>
      <c r="AD24359" s="2"/>
      <c r="AE24359" s="1"/>
    </row>
    <row r="24360" spans="1:31" ht="14.45">
      <c r="A24360" s="11"/>
      <c r="B24360" s="20"/>
      <c r="C24360" s="2" t="s">
        <v>77959</v>
      </c>
      <c r="D24360" s="14" t="s">
        <v>77960</v>
      </c>
      <c r="E24360" s="2" t="s">
        <v>77961</v>
      </c>
      <c r="F24360" s="2" t="s">
        <v>7619</v>
      </c>
      <c r="G24360" s="8">
        <v>267</v>
      </c>
      <c r="H24360" s="5">
        <v>6</v>
      </c>
      <c r="I24360" s="5" t="s">
        <v>1518</v>
      </c>
      <c r="J24360" s="5" t="s">
        <v>69038</v>
      </c>
      <c r="K24360" s="2" t="s">
        <v>69039</v>
      </c>
      <c r="L24360" s="5" t="s">
        <v>69038</v>
      </c>
      <c r="M24360" s="2" t="s">
        <v>69039</v>
      </c>
      <c r="N24360" s="5" t="s">
        <v>1521</v>
      </c>
      <c r="O24360" s="5" t="s">
        <v>38</v>
      </c>
      <c r="P24360" s="5" t="s">
        <v>39</v>
      </c>
      <c r="Q24360" s="5" t="s">
        <v>40</v>
      </c>
      <c r="R24360" s="5" t="s">
        <v>1522</v>
      </c>
      <c r="S24360" s="5" t="s">
        <v>1523</v>
      </c>
      <c r="T24360" s="5" t="s">
        <v>42</v>
      </c>
      <c r="U24360" s="2">
        <v>3.0819999999999999</v>
      </c>
      <c r="V24360" s="2">
        <v>2.4649999999999999</v>
      </c>
      <c r="W24360" s="2">
        <v>1.7999999999999999E-2</v>
      </c>
      <c r="X24360" s="2">
        <v>139.1</v>
      </c>
      <c r="Y24360" s="2">
        <v>7.6</v>
      </c>
      <c r="Z24360" s="2">
        <v>16.7</v>
      </c>
      <c r="AA24360" s="5"/>
      <c r="AB24360" s="5" t="s">
        <v>43</v>
      </c>
      <c r="AC24360" s="5" t="s">
        <v>44</v>
      </c>
      <c r="AD24360" s="2"/>
      <c r="AE24360" s="1"/>
    </row>
    <row r="24361" spans="1:31" ht="14.45">
      <c r="A24361" s="11"/>
      <c r="B24361" s="20"/>
      <c r="C24361" s="2" t="s">
        <v>77962</v>
      </c>
      <c r="D24361" s="14" t="s">
        <v>77963</v>
      </c>
      <c r="E24361" s="2" t="s">
        <v>77964</v>
      </c>
      <c r="F24361" s="2" t="s">
        <v>16014</v>
      </c>
      <c r="G24361" s="8">
        <v>267</v>
      </c>
      <c r="H24361" s="5">
        <v>6</v>
      </c>
      <c r="I24361" s="5" t="s">
        <v>1518</v>
      </c>
      <c r="J24361" s="5" t="s">
        <v>69038</v>
      </c>
      <c r="K24361" s="2" t="s">
        <v>69039</v>
      </c>
      <c r="L24361" s="5" t="s">
        <v>69038</v>
      </c>
      <c r="M24361" s="2" t="s">
        <v>69039</v>
      </c>
      <c r="N24361" s="5" t="s">
        <v>1521</v>
      </c>
      <c r="O24361" s="5" t="s">
        <v>38</v>
      </c>
      <c r="P24361" s="5" t="s">
        <v>39</v>
      </c>
      <c r="Q24361" s="5" t="s">
        <v>40</v>
      </c>
      <c r="R24361" s="5" t="s">
        <v>1522</v>
      </c>
      <c r="S24361" s="5" t="s">
        <v>1523</v>
      </c>
      <c r="T24361" s="5" t="s">
        <v>42</v>
      </c>
      <c r="U24361" s="2">
        <v>2.988</v>
      </c>
      <c r="V24361" s="2">
        <v>2.371</v>
      </c>
      <c r="W24361" s="2">
        <v>1.7999999999999999E-2</v>
      </c>
      <c r="X24361" s="2">
        <v>139.1</v>
      </c>
      <c r="Y24361" s="2">
        <v>7.6</v>
      </c>
      <c r="Z24361" s="2">
        <v>16.7</v>
      </c>
      <c r="AA24361" s="5"/>
      <c r="AB24361" s="5" t="s">
        <v>43</v>
      </c>
      <c r="AC24361" s="5" t="s">
        <v>44</v>
      </c>
      <c r="AD24361" s="2"/>
      <c r="AE24361" s="1"/>
    </row>
    <row r="24362" spans="1:31" ht="14.45">
      <c r="A24362" s="11"/>
      <c r="B24362" s="20"/>
      <c r="C24362" s="2" t="s">
        <v>77965</v>
      </c>
      <c r="D24362" s="14" t="s">
        <v>77966</v>
      </c>
      <c r="E24362" s="2" t="s">
        <v>77967</v>
      </c>
      <c r="F24362" s="2" t="s">
        <v>16219</v>
      </c>
      <c r="G24362" s="8">
        <v>267</v>
      </c>
      <c r="H24362" s="5">
        <v>6</v>
      </c>
      <c r="I24362" s="5" t="s">
        <v>1518</v>
      </c>
      <c r="J24362" s="5" t="s">
        <v>69038</v>
      </c>
      <c r="K24362" s="2" t="s">
        <v>69039</v>
      </c>
      <c r="L24362" s="5" t="s">
        <v>69038</v>
      </c>
      <c r="M24362" s="2" t="s">
        <v>69039</v>
      </c>
      <c r="N24362" s="5" t="s">
        <v>1521</v>
      </c>
      <c r="O24362" s="5" t="s">
        <v>38</v>
      </c>
      <c r="P24362" s="5" t="s">
        <v>39</v>
      </c>
      <c r="Q24362" s="5" t="s">
        <v>40</v>
      </c>
      <c r="R24362" s="5" t="s">
        <v>1522</v>
      </c>
      <c r="S24362" s="5" t="s">
        <v>1523</v>
      </c>
      <c r="T24362" s="5" t="s">
        <v>42</v>
      </c>
      <c r="U24362" s="2">
        <v>3.0819999999999999</v>
      </c>
      <c r="V24362" s="2">
        <v>2.4649999999999999</v>
      </c>
      <c r="W24362" s="2">
        <v>1.7999999999999999E-2</v>
      </c>
      <c r="X24362" s="2">
        <v>139.1</v>
      </c>
      <c r="Y24362" s="2">
        <v>7.6</v>
      </c>
      <c r="Z24362" s="2">
        <v>16.7</v>
      </c>
      <c r="AA24362" s="5"/>
      <c r="AB24362" s="5" t="s">
        <v>43</v>
      </c>
      <c r="AC24362" s="5" t="s">
        <v>44</v>
      </c>
      <c r="AD24362" s="2"/>
      <c r="AE24362" s="1"/>
    </row>
    <row r="24363" spans="1:31" ht="14.45">
      <c r="A24363" s="11"/>
      <c r="B24363" s="20"/>
      <c r="C24363" s="2" t="s">
        <v>77968</v>
      </c>
      <c r="D24363" s="14" t="s">
        <v>77969</v>
      </c>
      <c r="E24363" s="2" t="s">
        <v>77970</v>
      </c>
      <c r="F24363" s="2" t="s">
        <v>7212</v>
      </c>
      <c r="G24363" s="8">
        <v>249</v>
      </c>
      <c r="H24363" s="5">
        <v>6</v>
      </c>
      <c r="I24363" s="5" t="s">
        <v>1518</v>
      </c>
      <c r="J24363" s="5" t="s">
        <v>69038</v>
      </c>
      <c r="K24363" s="2" t="s">
        <v>69039</v>
      </c>
      <c r="L24363" s="5" t="s">
        <v>69038</v>
      </c>
      <c r="M24363" s="2" t="s">
        <v>69039</v>
      </c>
      <c r="N24363" s="5" t="s">
        <v>1521</v>
      </c>
      <c r="O24363" s="5" t="s">
        <v>38</v>
      </c>
      <c r="P24363" s="5" t="s">
        <v>39</v>
      </c>
      <c r="Q24363" s="5" t="s">
        <v>40</v>
      </c>
      <c r="R24363" s="5" t="s">
        <v>1522</v>
      </c>
      <c r="S24363" s="5" t="s">
        <v>1523</v>
      </c>
      <c r="T24363" s="5" t="s">
        <v>42</v>
      </c>
      <c r="U24363" s="2">
        <v>2.988</v>
      </c>
      <c r="V24363" s="2">
        <v>2.371</v>
      </c>
      <c r="W24363" s="2">
        <v>1.7999999999999999E-2</v>
      </c>
      <c r="X24363" s="2">
        <v>139.1</v>
      </c>
      <c r="Y24363" s="2">
        <v>7.6</v>
      </c>
      <c r="Z24363" s="2">
        <v>16.7</v>
      </c>
      <c r="AA24363" s="5"/>
      <c r="AB24363" s="5" t="s">
        <v>43</v>
      </c>
      <c r="AC24363" s="5" t="s">
        <v>44</v>
      </c>
      <c r="AD24363" s="2"/>
      <c r="AE24363" s="1"/>
    </row>
    <row r="24364" spans="1:31" ht="14.45">
      <c r="A24364" s="11"/>
      <c r="B24364" s="20"/>
      <c r="C24364" s="2" t="s">
        <v>77971</v>
      </c>
      <c r="D24364" s="14" t="s">
        <v>77972</v>
      </c>
      <c r="E24364" s="2" t="s">
        <v>77973</v>
      </c>
      <c r="F24364" s="2" t="s">
        <v>7528</v>
      </c>
      <c r="G24364" s="8">
        <v>249</v>
      </c>
      <c r="H24364" s="5">
        <v>6</v>
      </c>
      <c r="I24364" s="5" t="s">
        <v>1518</v>
      </c>
      <c r="J24364" s="5" t="s">
        <v>69038</v>
      </c>
      <c r="K24364" s="2" t="s">
        <v>69039</v>
      </c>
      <c r="L24364" s="5" t="s">
        <v>69038</v>
      </c>
      <c r="M24364" s="2" t="s">
        <v>69039</v>
      </c>
      <c r="N24364" s="5" t="s">
        <v>1521</v>
      </c>
      <c r="O24364" s="5" t="s">
        <v>38</v>
      </c>
      <c r="P24364" s="5" t="s">
        <v>39</v>
      </c>
      <c r="Q24364" s="5" t="s">
        <v>40</v>
      </c>
      <c r="R24364" s="5" t="s">
        <v>1522</v>
      </c>
      <c r="S24364" s="5" t="s">
        <v>1523</v>
      </c>
      <c r="T24364" s="5" t="s">
        <v>42</v>
      </c>
      <c r="U24364" s="2">
        <v>3.0819999999999999</v>
      </c>
      <c r="V24364" s="2">
        <v>2.4649999999999999</v>
      </c>
      <c r="W24364" s="2">
        <v>1.7999999999999999E-2</v>
      </c>
      <c r="X24364" s="2">
        <v>139.1</v>
      </c>
      <c r="Y24364" s="2">
        <v>7.6</v>
      </c>
      <c r="Z24364" s="2">
        <v>16.7</v>
      </c>
      <c r="AA24364" s="5"/>
      <c r="AB24364" s="5" t="s">
        <v>43</v>
      </c>
      <c r="AC24364" s="5" t="s">
        <v>44</v>
      </c>
      <c r="AD24364" s="2"/>
      <c r="AE24364" s="1"/>
    </row>
    <row r="24365" spans="1:31" ht="14.45">
      <c r="A24365" s="11"/>
      <c r="B24365" s="20"/>
      <c r="C24365" s="2" t="s">
        <v>77974</v>
      </c>
      <c r="D24365" s="14" t="s">
        <v>77975</v>
      </c>
      <c r="E24365" s="2" t="s">
        <v>77976</v>
      </c>
      <c r="F24365" s="2" t="s">
        <v>16029</v>
      </c>
      <c r="G24365" s="8">
        <v>267</v>
      </c>
      <c r="H24365" s="5">
        <v>6</v>
      </c>
      <c r="I24365" s="5" t="s">
        <v>1518</v>
      </c>
      <c r="J24365" s="5" t="s">
        <v>69038</v>
      </c>
      <c r="K24365" s="2" t="s">
        <v>69039</v>
      </c>
      <c r="L24365" s="5" t="s">
        <v>69038</v>
      </c>
      <c r="M24365" s="2" t="s">
        <v>69039</v>
      </c>
      <c r="N24365" s="5" t="s">
        <v>1521</v>
      </c>
      <c r="O24365" s="5" t="s">
        <v>38</v>
      </c>
      <c r="P24365" s="5" t="s">
        <v>39</v>
      </c>
      <c r="Q24365" s="5" t="s">
        <v>40</v>
      </c>
      <c r="R24365" s="5" t="s">
        <v>1522</v>
      </c>
      <c r="S24365" s="5" t="s">
        <v>1523</v>
      </c>
      <c r="T24365" s="5" t="s">
        <v>42</v>
      </c>
      <c r="U24365" s="2">
        <v>2.992</v>
      </c>
      <c r="V24365" s="2">
        <v>2.375</v>
      </c>
      <c r="W24365" s="2">
        <v>1.7999999999999999E-2</v>
      </c>
      <c r="X24365" s="2">
        <v>139.1</v>
      </c>
      <c r="Y24365" s="2">
        <v>7.6</v>
      </c>
      <c r="Z24365" s="2">
        <v>16.7</v>
      </c>
      <c r="AA24365" s="5"/>
      <c r="AB24365" s="5" t="s">
        <v>43</v>
      </c>
      <c r="AC24365" s="5" t="s">
        <v>44</v>
      </c>
      <c r="AD24365" s="2"/>
      <c r="AE24365" s="1"/>
    </row>
    <row r="24366" spans="1:31" ht="14.45">
      <c r="A24366" s="11"/>
      <c r="B24366" s="20"/>
      <c r="C24366" s="2" t="s">
        <v>77977</v>
      </c>
      <c r="D24366" s="14" t="s">
        <v>77978</v>
      </c>
      <c r="E24366" s="2" t="s">
        <v>77979</v>
      </c>
      <c r="F24366" s="2" t="s">
        <v>16033</v>
      </c>
      <c r="G24366" s="8">
        <v>267</v>
      </c>
      <c r="H24366" s="5">
        <v>6</v>
      </c>
      <c r="I24366" s="5" t="s">
        <v>1518</v>
      </c>
      <c r="J24366" s="5" t="s">
        <v>69038</v>
      </c>
      <c r="K24366" s="2" t="s">
        <v>69039</v>
      </c>
      <c r="L24366" s="5" t="s">
        <v>69038</v>
      </c>
      <c r="M24366" s="2" t="s">
        <v>69039</v>
      </c>
      <c r="N24366" s="5" t="s">
        <v>1521</v>
      </c>
      <c r="O24366" s="5" t="s">
        <v>38</v>
      </c>
      <c r="P24366" s="5" t="s">
        <v>39</v>
      </c>
      <c r="Q24366" s="5" t="s">
        <v>40</v>
      </c>
      <c r="R24366" s="5" t="s">
        <v>1522</v>
      </c>
      <c r="S24366" s="5" t="s">
        <v>1523</v>
      </c>
      <c r="T24366" s="5" t="s">
        <v>42</v>
      </c>
      <c r="U24366" s="2">
        <v>3.0859999999999999</v>
      </c>
      <c r="V24366" s="2">
        <v>2.4689999999999999</v>
      </c>
      <c r="W24366" s="2">
        <v>1.7999999999999999E-2</v>
      </c>
      <c r="X24366" s="2">
        <v>139.1</v>
      </c>
      <c r="Y24366" s="2">
        <v>7.6</v>
      </c>
      <c r="Z24366" s="2">
        <v>16.7</v>
      </c>
      <c r="AA24366" s="5"/>
      <c r="AB24366" s="5" t="s">
        <v>43</v>
      </c>
      <c r="AC24366" s="5" t="s">
        <v>44</v>
      </c>
      <c r="AD24366" s="2"/>
      <c r="AE24366" s="1"/>
    </row>
    <row r="24367" spans="1:31" ht="14.45">
      <c r="A24367" s="11"/>
      <c r="B24367" s="20"/>
      <c r="C24367" s="2" t="s">
        <v>77980</v>
      </c>
      <c r="D24367" s="14" t="s">
        <v>77981</v>
      </c>
      <c r="E24367" s="2" t="s">
        <v>77982</v>
      </c>
      <c r="F24367" s="2" t="s">
        <v>7204</v>
      </c>
      <c r="G24367" s="8">
        <v>256</v>
      </c>
      <c r="H24367" s="5">
        <v>6</v>
      </c>
      <c r="I24367" s="5" t="s">
        <v>1518</v>
      </c>
      <c r="J24367" s="5" t="s">
        <v>69038</v>
      </c>
      <c r="K24367" s="2" t="s">
        <v>69039</v>
      </c>
      <c r="L24367" s="5" t="s">
        <v>69038</v>
      </c>
      <c r="M24367" s="2" t="s">
        <v>69039</v>
      </c>
      <c r="N24367" s="5" t="s">
        <v>1521</v>
      </c>
      <c r="O24367" s="5" t="s">
        <v>38</v>
      </c>
      <c r="P24367" s="5" t="s">
        <v>39</v>
      </c>
      <c r="Q24367" s="5" t="s">
        <v>40</v>
      </c>
      <c r="R24367" s="5" t="s">
        <v>1522</v>
      </c>
      <c r="S24367" s="5" t="s">
        <v>1523</v>
      </c>
      <c r="T24367" s="5" t="s">
        <v>42</v>
      </c>
      <c r="U24367" s="2">
        <v>3.2309999999999999</v>
      </c>
      <c r="V24367" s="2">
        <v>2.5310000000000001</v>
      </c>
      <c r="W24367" s="2">
        <v>0.02</v>
      </c>
      <c r="X24367" s="2">
        <v>159.1</v>
      </c>
      <c r="Y24367" s="2">
        <v>7.6</v>
      </c>
      <c r="Z24367" s="2">
        <v>16.7</v>
      </c>
      <c r="AA24367" s="5"/>
      <c r="AB24367" s="5" t="s">
        <v>43</v>
      </c>
      <c r="AC24367" s="5" t="s">
        <v>44</v>
      </c>
      <c r="AD24367" s="2"/>
      <c r="AE24367" s="1"/>
    </row>
    <row r="24368" spans="1:31" ht="14.45">
      <c r="A24368" s="11"/>
      <c r="B24368" s="20"/>
      <c r="C24368" s="2" t="s">
        <v>77983</v>
      </c>
      <c r="D24368" s="14" t="s">
        <v>77984</v>
      </c>
      <c r="E24368" s="2" t="s">
        <v>77985</v>
      </c>
      <c r="F24368" s="2" t="s">
        <v>7514</v>
      </c>
      <c r="G24368" s="8">
        <v>256</v>
      </c>
      <c r="H24368" s="5">
        <v>6</v>
      </c>
      <c r="I24368" s="5" t="s">
        <v>1518</v>
      </c>
      <c r="J24368" s="5" t="s">
        <v>69038</v>
      </c>
      <c r="K24368" s="2" t="s">
        <v>69039</v>
      </c>
      <c r="L24368" s="5" t="s">
        <v>69038</v>
      </c>
      <c r="M24368" s="2" t="s">
        <v>69039</v>
      </c>
      <c r="N24368" s="5" t="s">
        <v>1521</v>
      </c>
      <c r="O24368" s="5" t="s">
        <v>38</v>
      </c>
      <c r="P24368" s="5" t="s">
        <v>39</v>
      </c>
      <c r="Q24368" s="5" t="s">
        <v>40</v>
      </c>
      <c r="R24368" s="5" t="s">
        <v>1522</v>
      </c>
      <c r="S24368" s="5" t="s">
        <v>1523</v>
      </c>
      <c r="T24368" s="5" t="s">
        <v>42</v>
      </c>
      <c r="U24368" s="2">
        <v>3.3370000000000002</v>
      </c>
      <c r="V24368" s="2">
        <v>2.637</v>
      </c>
      <c r="W24368" s="2">
        <v>0.02</v>
      </c>
      <c r="X24368" s="2">
        <v>159.1</v>
      </c>
      <c r="Y24368" s="2">
        <v>7.6</v>
      </c>
      <c r="Z24368" s="2">
        <v>16.7</v>
      </c>
      <c r="AA24368" s="5"/>
      <c r="AB24368" s="5" t="s">
        <v>43</v>
      </c>
      <c r="AC24368" s="5" t="s">
        <v>44</v>
      </c>
      <c r="AD24368" s="2"/>
      <c r="AE24368" s="1"/>
    </row>
    <row r="24369" spans="1:31" ht="14.45">
      <c r="A24369" s="11"/>
      <c r="B24369" s="20"/>
      <c r="C24369" s="2" t="s">
        <v>77986</v>
      </c>
      <c r="D24369" s="14" t="s">
        <v>77987</v>
      </c>
      <c r="E24369" s="2" t="s">
        <v>77988</v>
      </c>
      <c r="F24369" s="2" t="s">
        <v>7208</v>
      </c>
      <c r="G24369" s="8">
        <v>256</v>
      </c>
      <c r="H24369" s="5">
        <v>6</v>
      </c>
      <c r="I24369" s="5" t="s">
        <v>1518</v>
      </c>
      <c r="J24369" s="5" t="s">
        <v>69038</v>
      </c>
      <c r="K24369" s="2" t="s">
        <v>69039</v>
      </c>
      <c r="L24369" s="5" t="s">
        <v>69038</v>
      </c>
      <c r="M24369" s="2" t="s">
        <v>69039</v>
      </c>
      <c r="N24369" s="5" t="s">
        <v>1521</v>
      </c>
      <c r="O24369" s="5" t="s">
        <v>38</v>
      </c>
      <c r="P24369" s="5" t="s">
        <v>39</v>
      </c>
      <c r="Q24369" s="5" t="s">
        <v>40</v>
      </c>
      <c r="R24369" s="5" t="s">
        <v>1522</v>
      </c>
      <c r="S24369" s="5" t="s">
        <v>1523</v>
      </c>
      <c r="T24369" s="5" t="s">
        <v>42</v>
      </c>
      <c r="U24369" s="2">
        <v>3.2309999999999999</v>
      </c>
      <c r="V24369" s="2">
        <v>2.5310000000000001</v>
      </c>
      <c r="W24369" s="2">
        <v>0.02</v>
      </c>
      <c r="X24369" s="2">
        <v>159.1</v>
      </c>
      <c r="Y24369" s="2">
        <v>7.6</v>
      </c>
      <c r="Z24369" s="2">
        <v>16.7</v>
      </c>
      <c r="AA24369" s="5"/>
      <c r="AB24369" s="5" t="s">
        <v>43</v>
      </c>
      <c r="AC24369" s="5" t="s">
        <v>44</v>
      </c>
      <c r="AD24369" s="2"/>
      <c r="AE24369" s="1"/>
    </row>
    <row r="24370" spans="1:31" ht="14.45">
      <c r="A24370" s="11"/>
      <c r="B24370" s="20"/>
      <c r="C24370" s="2" t="s">
        <v>77989</v>
      </c>
      <c r="D24370" s="14" t="s">
        <v>77990</v>
      </c>
      <c r="E24370" s="2" t="s">
        <v>77991</v>
      </c>
      <c r="F24370" s="2" t="s">
        <v>7521</v>
      </c>
      <c r="G24370" s="8">
        <v>256</v>
      </c>
      <c r="H24370" s="5">
        <v>6</v>
      </c>
      <c r="I24370" s="5" t="s">
        <v>1518</v>
      </c>
      <c r="J24370" s="5" t="s">
        <v>69038</v>
      </c>
      <c r="K24370" s="2" t="s">
        <v>69039</v>
      </c>
      <c r="L24370" s="5" t="s">
        <v>69038</v>
      </c>
      <c r="M24370" s="2" t="s">
        <v>69039</v>
      </c>
      <c r="N24370" s="5" t="s">
        <v>1521</v>
      </c>
      <c r="O24370" s="5" t="s">
        <v>38</v>
      </c>
      <c r="P24370" s="5" t="s">
        <v>39</v>
      </c>
      <c r="Q24370" s="5" t="s">
        <v>40</v>
      </c>
      <c r="R24370" s="5" t="s">
        <v>1522</v>
      </c>
      <c r="S24370" s="5" t="s">
        <v>1523</v>
      </c>
      <c r="T24370" s="5" t="s">
        <v>42</v>
      </c>
      <c r="U24370" s="2">
        <v>3.3370000000000002</v>
      </c>
      <c r="V24370" s="2">
        <v>2.637</v>
      </c>
      <c r="W24370" s="2">
        <v>0.02</v>
      </c>
      <c r="X24370" s="2">
        <v>159.1</v>
      </c>
      <c r="Y24370" s="2">
        <v>7.6</v>
      </c>
      <c r="Z24370" s="2">
        <v>16.7</v>
      </c>
      <c r="AA24370" s="5"/>
      <c r="AB24370" s="5" t="s">
        <v>43</v>
      </c>
      <c r="AC24370" s="5" t="s">
        <v>44</v>
      </c>
      <c r="AD24370" s="2"/>
      <c r="AE24370" s="1"/>
    </row>
    <row r="24371" spans="1:31" ht="14.45">
      <c r="A24371" s="11"/>
      <c r="B24371" s="20"/>
      <c r="C24371" s="2" t="s">
        <v>77992</v>
      </c>
      <c r="D24371" s="14" t="s">
        <v>77993</v>
      </c>
      <c r="E24371" s="2" t="s">
        <v>77994</v>
      </c>
      <c r="F24371" s="2" t="s">
        <v>7406</v>
      </c>
      <c r="G24371" s="8">
        <v>275</v>
      </c>
      <c r="H24371" s="5">
        <v>6</v>
      </c>
      <c r="I24371" s="5" t="s">
        <v>1518</v>
      </c>
      <c r="J24371" s="5" t="s">
        <v>69038</v>
      </c>
      <c r="K24371" s="2" t="s">
        <v>69039</v>
      </c>
      <c r="L24371" s="5" t="s">
        <v>69038</v>
      </c>
      <c r="M24371" s="2" t="s">
        <v>69039</v>
      </c>
      <c r="N24371" s="5" t="s">
        <v>1521</v>
      </c>
      <c r="O24371" s="5" t="s">
        <v>38</v>
      </c>
      <c r="P24371" s="5" t="s">
        <v>39</v>
      </c>
      <c r="Q24371" s="5" t="s">
        <v>40</v>
      </c>
      <c r="R24371" s="5" t="s">
        <v>1522</v>
      </c>
      <c r="S24371" s="5" t="s">
        <v>1523</v>
      </c>
      <c r="T24371" s="5" t="s">
        <v>42</v>
      </c>
      <c r="U24371" s="2">
        <v>3.2309999999999999</v>
      </c>
      <c r="V24371" s="2">
        <v>2.5310000000000001</v>
      </c>
      <c r="W24371" s="2">
        <v>0.02</v>
      </c>
      <c r="X24371" s="2">
        <v>159.1</v>
      </c>
      <c r="Y24371" s="2">
        <v>7.6</v>
      </c>
      <c r="Z24371" s="2">
        <v>16.7</v>
      </c>
      <c r="AA24371" s="5"/>
      <c r="AB24371" s="5" t="s">
        <v>43</v>
      </c>
      <c r="AC24371" s="5" t="s">
        <v>44</v>
      </c>
      <c r="AD24371" s="2"/>
      <c r="AE24371" s="1"/>
    </row>
    <row r="24372" spans="1:31" ht="14.45">
      <c r="A24372" s="11"/>
      <c r="B24372" s="20"/>
      <c r="C24372" s="2" t="s">
        <v>77995</v>
      </c>
      <c r="D24372" s="14" t="s">
        <v>77996</v>
      </c>
      <c r="E24372" s="2" t="s">
        <v>77997</v>
      </c>
      <c r="F24372" s="2" t="s">
        <v>7535</v>
      </c>
      <c r="G24372" s="8">
        <v>275</v>
      </c>
      <c r="H24372" s="5">
        <v>6</v>
      </c>
      <c r="I24372" s="5" t="s">
        <v>1518</v>
      </c>
      <c r="J24372" s="5" t="s">
        <v>69038</v>
      </c>
      <c r="K24372" s="2" t="s">
        <v>69039</v>
      </c>
      <c r="L24372" s="5" t="s">
        <v>69038</v>
      </c>
      <c r="M24372" s="2" t="s">
        <v>69039</v>
      </c>
      <c r="N24372" s="5" t="s">
        <v>1521</v>
      </c>
      <c r="O24372" s="5" t="s">
        <v>38</v>
      </c>
      <c r="P24372" s="5" t="s">
        <v>39</v>
      </c>
      <c r="Q24372" s="5" t="s">
        <v>40</v>
      </c>
      <c r="R24372" s="5" t="s">
        <v>1522</v>
      </c>
      <c r="S24372" s="5" t="s">
        <v>1523</v>
      </c>
      <c r="T24372" s="5" t="s">
        <v>42</v>
      </c>
      <c r="U24372" s="2">
        <v>3.3370000000000002</v>
      </c>
      <c r="V24372" s="2">
        <v>2.637</v>
      </c>
      <c r="W24372" s="2">
        <v>0.02</v>
      </c>
      <c r="X24372" s="2">
        <v>159.1</v>
      </c>
      <c r="Y24372" s="2">
        <v>7.6</v>
      </c>
      <c r="Z24372" s="2">
        <v>16.7</v>
      </c>
      <c r="AA24372" s="5"/>
      <c r="AB24372" s="5" t="s">
        <v>43</v>
      </c>
      <c r="AC24372" s="5" t="s">
        <v>44</v>
      </c>
      <c r="AD24372" s="2"/>
      <c r="AE24372" s="1"/>
    </row>
    <row r="24373" spans="1:31" ht="14.45">
      <c r="A24373" s="11"/>
      <c r="B24373" s="20"/>
      <c r="C24373" s="2" t="s">
        <v>77998</v>
      </c>
      <c r="D24373" s="14" t="s">
        <v>77999</v>
      </c>
      <c r="E24373" s="2" t="s">
        <v>78000</v>
      </c>
      <c r="F24373" s="2" t="s">
        <v>7539</v>
      </c>
      <c r="G24373" s="8">
        <v>275</v>
      </c>
      <c r="H24373" s="5">
        <v>6</v>
      </c>
      <c r="I24373" s="5" t="s">
        <v>1518</v>
      </c>
      <c r="J24373" s="5" t="s">
        <v>69038</v>
      </c>
      <c r="K24373" s="2" t="s">
        <v>69039</v>
      </c>
      <c r="L24373" s="5" t="s">
        <v>69038</v>
      </c>
      <c r="M24373" s="2" t="s">
        <v>69039</v>
      </c>
      <c r="N24373" s="5" t="s">
        <v>1521</v>
      </c>
      <c r="O24373" s="5" t="s">
        <v>38</v>
      </c>
      <c r="P24373" s="5" t="s">
        <v>39</v>
      </c>
      <c r="Q24373" s="5" t="s">
        <v>40</v>
      </c>
      <c r="R24373" s="5" t="s">
        <v>1522</v>
      </c>
      <c r="S24373" s="5" t="s">
        <v>1523</v>
      </c>
      <c r="T24373" s="5" t="s">
        <v>42</v>
      </c>
      <c r="U24373" s="2">
        <v>3.2309999999999999</v>
      </c>
      <c r="V24373" s="2">
        <v>2.5310000000000001</v>
      </c>
      <c r="W24373" s="2">
        <v>0.02</v>
      </c>
      <c r="X24373" s="2">
        <v>159.1</v>
      </c>
      <c r="Y24373" s="2">
        <v>7.6</v>
      </c>
      <c r="Z24373" s="2">
        <v>16.7</v>
      </c>
      <c r="AA24373" s="5"/>
      <c r="AB24373" s="5" t="s">
        <v>43</v>
      </c>
      <c r="AC24373" s="5" t="s">
        <v>44</v>
      </c>
      <c r="AD24373" s="2"/>
      <c r="AE24373" s="1"/>
    </row>
    <row r="24374" spans="1:31" ht="14.45">
      <c r="A24374" s="11"/>
      <c r="B24374" s="20"/>
      <c r="C24374" s="2" t="s">
        <v>78001</v>
      </c>
      <c r="D24374" s="14" t="s">
        <v>78002</v>
      </c>
      <c r="E24374" s="2" t="s">
        <v>78003</v>
      </c>
      <c r="F24374" s="2" t="s">
        <v>7543</v>
      </c>
      <c r="G24374" s="8">
        <v>275</v>
      </c>
      <c r="H24374" s="5">
        <v>6</v>
      </c>
      <c r="I24374" s="5" t="s">
        <v>1518</v>
      </c>
      <c r="J24374" s="5" t="s">
        <v>69038</v>
      </c>
      <c r="K24374" s="2" t="s">
        <v>69039</v>
      </c>
      <c r="L24374" s="5" t="s">
        <v>69038</v>
      </c>
      <c r="M24374" s="2" t="s">
        <v>69039</v>
      </c>
      <c r="N24374" s="5" t="s">
        <v>1521</v>
      </c>
      <c r="O24374" s="5" t="s">
        <v>38</v>
      </c>
      <c r="P24374" s="5" t="s">
        <v>39</v>
      </c>
      <c r="Q24374" s="5" t="s">
        <v>40</v>
      </c>
      <c r="R24374" s="5" t="s">
        <v>1522</v>
      </c>
      <c r="S24374" s="5" t="s">
        <v>1523</v>
      </c>
      <c r="T24374" s="5" t="s">
        <v>42</v>
      </c>
      <c r="U24374" s="2">
        <v>3.3370000000000002</v>
      </c>
      <c r="V24374" s="2">
        <v>2.637</v>
      </c>
      <c r="W24374" s="2">
        <v>0.02</v>
      </c>
      <c r="X24374" s="2">
        <v>159.1</v>
      </c>
      <c r="Y24374" s="2">
        <v>7.6</v>
      </c>
      <c r="Z24374" s="2">
        <v>16.7</v>
      </c>
      <c r="AA24374" s="5"/>
      <c r="AB24374" s="5" t="s">
        <v>43</v>
      </c>
      <c r="AC24374" s="5" t="s">
        <v>44</v>
      </c>
      <c r="AD24374" s="2"/>
      <c r="AE24374" s="1"/>
    </row>
    <row r="24375" spans="1:31" ht="14.45">
      <c r="A24375" s="11"/>
      <c r="B24375" s="20"/>
      <c r="C24375" s="2" t="s">
        <v>78004</v>
      </c>
      <c r="D24375" s="14" t="s">
        <v>78005</v>
      </c>
      <c r="E24375" s="2" t="s">
        <v>78006</v>
      </c>
      <c r="F24375" s="2" t="s">
        <v>7396</v>
      </c>
      <c r="G24375" s="8">
        <v>256</v>
      </c>
      <c r="H24375" s="5">
        <v>6</v>
      </c>
      <c r="I24375" s="5" t="s">
        <v>1518</v>
      </c>
      <c r="J24375" s="5" t="s">
        <v>69038</v>
      </c>
      <c r="K24375" s="2" t="s">
        <v>69039</v>
      </c>
      <c r="L24375" s="5" t="s">
        <v>69038</v>
      </c>
      <c r="M24375" s="2" t="s">
        <v>69039</v>
      </c>
      <c r="N24375" s="5" t="s">
        <v>1521</v>
      </c>
      <c r="O24375" s="5" t="s">
        <v>38</v>
      </c>
      <c r="P24375" s="5" t="s">
        <v>39</v>
      </c>
      <c r="Q24375" s="5" t="s">
        <v>40</v>
      </c>
      <c r="R24375" s="5" t="s">
        <v>1522</v>
      </c>
      <c r="S24375" s="5" t="s">
        <v>1523</v>
      </c>
      <c r="T24375" s="5" t="s">
        <v>42</v>
      </c>
      <c r="U24375" s="2">
        <v>3.2309999999999999</v>
      </c>
      <c r="V24375" s="2">
        <v>2.5310000000000001</v>
      </c>
      <c r="W24375" s="2">
        <v>0.02</v>
      </c>
      <c r="X24375" s="2">
        <v>159.1</v>
      </c>
      <c r="Y24375" s="2">
        <v>7.6</v>
      </c>
      <c r="Z24375" s="2">
        <v>16.7</v>
      </c>
      <c r="AA24375" s="5"/>
      <c r="AB24375" s="5" t="s">
        <v>43</v>
      </c>
      <c r="AC24375" s="5" t="s">
        <v>44</v>
      </c>
      <c r="AD24375" s="2"/>
      <c r="AE24375" s="1"/>
    </row>
    <row r="24376" spans="1:31" ht="14.45">
      <c r="A24376" s="11"/>
      <c r="B24376" s="20"/>
      <c r="C24376" s="2" t="s">
        <v>78007</v>
      </c>
      <c r="D24376" s="14" t="s">
        <v>78008</v>
      </c>
      <c r="E24376" s="2" t="s">
        <v>78009</v>
      </c>
      <c r="F24376" s="2" t="s">
        <v>7507</v>
      </c>
      <c r="G24376" s="8">
        <v>256</v>
      </c>
      <c r="H24376" s="5">
        <v>6</v>
      </c>
      <c r="I24376" s="5" t="s">
        <v>1518</v>
      </c>
      <c r="J24376" s="5" t="s">
        <v>69038</v>
      </c>
      <c r="K24376" s="2" t="s">
        <v>69039</v>
      </c>
      <c r="L24376" s="5" t="s">
        <v>69038</v>
      </c>
      <c r="M24376" s="2" t="s">
        <v>69039</v>
      </c>
      <c r="N24376" s="5" t="s">
        <v>1521</v>
      </c>
      <c r="O24376" s="5" t="s">
        <v>38</v>
      </c>
      <c r="P24376" s="5" t="s">
        <v>39</v>
      </c>
      <c r="Q24376" s="5" t="s">
        <v>40</v>
      </c>
      <c r="R24376" s="5" t="s">
        <v>1522</v>
      </c>
      <c r="S24376" s="5" t="s">
        <v>1523</v>
      </c>
      <c r="T24376" s="5" t="s">
        <v>42</v>
      </c>
      <c r="U24376" s="2">
        <v>3.3370000000000002</v>
      </c>
      <c r="V24376" s="2">
        <v>2.637</v>
      </c>
      <c r="W24376" s="2">
        <v>0.02</v>
      </c>
      <c r="X24376" s="2">
        <v>159.1</v>
      </c>
      <c r="Y24376" s="2">
        <v>7.6</v>
      </c>
      <c r="Z24376" s="2">
        <v>16.7</v>
      </c>
      <c r="AA24376" s="5"/>
      <c r="AB24376" s="5" t="s">
        <v>43</v>
      </c>
      <c r="AC24376" s="5" t="s">
        <v>44</v>
      </c>
      <c r="AD24376" s="2"/>
      <c r="AE24376" s="1"/>
    </row>
    <row r="24377" spans="1:31" ht="14.45">
      <c r="A24377" s="11"/>
      <c r="B24377" s="20"/>
      <c r="C24377" s="2" t="s">
        <v>78010</v>
      </c>
      <c r="D24377" s="14" t="s">
        <v>78011</v>
      </c>
      <c r="E24377" s="2" t="s">
        <v>78012</v>
      </c>
      <c r="F24377" s="2" t="s">
        <v>7551</v>
      </c>
      <c r="G24377" s="8">
        <v>275</v>
      </c>
      <c r="H24377" s="5">
        <v>6</v>
      </c>
      <c r="I24377" s="5" t="s">
        <v>1518</v>
      </c>
      <c r="J24377" s="5" t="s">
        <v>69038</v>
      </c>
      <c r="K24377" s="2" t="s">
        <v>69039</v>
      </c>
      <c r="L24377" s="5" t="s">
        <v>69038</v>
      </c>
      <c r="M24377" s="2" t="s">
        <v>69039</v>
      </c>
      <c r="N24377" s="5" t="s">
        <v>1521</v>
      </c>
      <c r="O24377" s="5" t="s">
        <v>38</v>
      </c>
      <c r="P24377" s="5" t="s">
        <v>39</v>
      </c>
      <c r="Q24377" s="5" t="s">
        <v>40</v>
      </c>
      <c r="R24377" s="5" t="s">
        <v>1522</v>
      </c>
      <c r="S24377" s="5" t="s">
        <v>1523</v>
      </c>
      <c r="T24377" s="5" t="s">
        <v>42</v>
      </c>
      <c r="U24377" s="2">
        <v>3.3370000000000002</v>
      </c>
      <c r="V24377" s="2">
        <v>2.637</v>
      </c>
      <c r="W24377" s="2">
        <v>0.02</v>
      </c>
      <c r="X24377" s="2">
        <v>159.1</v>
      </c>
      <c r="Y24377" s="2">
        <v>7.6</v>
      </c>
      <c r="Z24377" s="2">
        <v>16.7</v>
      </c>
      <c r="AA24377" s="5"/>
      <c r="AB24377" s="5" t="s">
        <v>43</v>
      </c>
      <c r="AC24377" s="5" t="s">
        <v>44</v>
      </c>
      <c r="AD24377" s="2"/>
      <c r="AE24377" s="1"/>
    </row>
    <row r="24378" spans="1:31" ht="14.45">
      <c r="A24378" s="11"/>
      <c r="B24378" s="20"/>
      <c r="C24378" s="2" t="s">
        <v>78013</v>
      </c>
      <c r="D24378" s="14" t="s">
        <v>78014</v>
      </c>
      <c r="E24378" s="2" t="s">
        <v>78015</v>
      </c>
      <c r="F24378" s="2" t="s">
        <v>7563</v>
      </c>
      <c r="G24378" s="8">
        <v>275</v>
      </c>
      <c r="H24378" s="5">
        <v>6</v>
      </c>
      <c r="I24378" s="5" t="s">
        <v>1518</v>
      </c>
      <c r="J24378" s="5" t="s">
        <v>69038</v>
      </c>
      <c r="K24378" s="2" t="s">
        <v>69039</v>
      </c>
      <c r="L24378" s="5" t="s">
        <v>69038</v>
      </c>
      <c r="M24378" s="2" t="s">
        <v>69039</v>
      </c>
      <c r="N24378" s="5" t="s">
        <v>1521</v>
      </c>
      <c r="O24378" s="5" t="s">
        <v>38</v>
      </c>
      <c r="P24378" s="5" t="s">
        <v>39</v>
      </c>
      <c r="Q24378" s="5" t="s">
        <v>40</v>
      </c>
      <c r="R24378" s="5" t="s">
        <v>1522</v>
      </c>
      <c r="S24378" s="5" t="s">
        <v>1523</v>
      </c>
      <c r="T24378" s="5" t="s">
        <v>42</v>
      </c>
      <c r="U24378" s="2">
        <v>3.2309999999999999</v>
      </c>
      <c r="V24378" s="2">
        <v>2.5310000000000001</v>
      </c>
      <c r="W24378" s="2">
        <v>0.02</v>
      </c>
      <c r="X24378" s="2">
        <v>159.1</v>
      </c>
      <c r="Y24378" s="2">
        <v>7.6</v>
      </c>
      <c r="Z24378" s="2">
        <v>16.7</v>
      </c>
      <c r="AA24378" s="5"/>
      <c r="AB24378" s="5" t="s">
        <v>43</v>
      </c>
      <c r="AC24378" s="5" t="s">
        <v>44</v>
      </c>
      <c r="AD24378" s="2"/>
      <c r="AE24378" s="1"/>
    </row>
    <row r="24379" spans="1:31" ht="14.45">
      <c r="A24379" s="11"/>
      <c r="B24379" s="20"/>
      <c r="C24379" s="2" t="s">
        <v>78016</v>
      </c>
      <c r="D24379" s="14" t="s">
        <v>78017</v>
      </c>
      <c r="E24379" s="2" t="s">
        <v>78018</v>
      </c>
      <c r="F24379" s="2" t="s">
        <v>7567</v>
      </c>
      <c r="G24379" s="8">
        <v>275</v>
      </c>
      <c r="H24379" s="5">
        <v>6</v>
      </c>
      <c r="I24379" s="5" t="s">
        <v>1518</v>
      </c>
      <c r="J24379" s="5" t="s">
        <v>69038</v>
      </c>
      <c r="K24379" s="2" t="s">
        <v>69039</v>
      </c>
      <c r="L24379" s="5" t="s">
        <v>69038</v>
      </c>
      <c r="M24379" s="2" t="s">
        <v>69039</v>
      </c>
      <c r="N24379" s="5" t="s">
        <v>1521</v>
      </c>
      <c r="O24379" s="5" t="s">
        <v>38</v>
      </c>
      <c r="P24379" s="5" t="s">
        <v>39</v>
      </c>
      <c r="Q24379" s="5" t="s">
        <v>40</v>
      </c>
      <c r="R24379" s="5" t="s">
        <v>1522</v>
      </c>
      <c r="S24379" s="5" t="s">
        <v>1523</v>
      </c>
      <c r="T24379" s="5" t="s">
        <v>42</v>
      </c>
      <c r="U24379" s="2">
        <v>3.3370000000000002</v>
      </c>
      <c r="V24379" s="2">
        <v>2.637</v>
      </c>
      <c r="W24379" s="2">
        <v>0.02</v>
      </c>
      <c r="X24379" s="2">
        <v>159.1</v>
      </c>
      <c r="Y24379" s="2">
        <v>7.6</v>
      </c>
      <c r="Z24379" s="2">
        <v>16.7</v>
      </c>
      <c r="AA24379" s="5"/>
      <c r="AB24379" s="5" t="s">
        <v>43</v>
      </c>
      <c r="AC24379" s="5" t="s">
        <v>44</v>
      </c>
      <c r="AD24379" s="2"/>
      <c r="AE24379" s="1"/>
    </row>
    <row r="24380" spans="1:31" ht="14.45">
      <c r="A24380" s="11"/>
      <c r="B24380" s="20"/>
      <c r="C24380" s="2" t="s">
        <v>78019</v>
      </c>
      <c r="D24380" s="14" t="s">
        <v>78020</v>
      </c>
      <c r="E24380" s="2" t="s">
        <v>78021</v>
      </c>
      <c r="F24380" s="2" t="s">
        <v>7555</v>
      </c>
      <c r="G24380" s="8">
        <v>275</v>
      </c>
      <c r="H24380" s="5">
        <v>6</v>
      </c>
      <c r="I24380" s="5" t="s">
        <v>1518</v>
      </c>
      <c r="J24380" s="5" t="s">
        <v>69038</v>
      </c>
      <c r="K24380" s="2" t="s">
        <v>69039</v>
      </c>
      <c r="L24380" s="5" t="s">
        <v>69038</v>
      </c>
      <c r="M24380" s="2" t="s">
        <v>69039</v>
      </c>
      <c r="N24380" s="5" t="s">
        <v>1521</v>
      </c>
      <c r="O24380" s="5" t="s">
        <v>38</v>
      </c>
      <c r="P24380" s="5" t="s">
        <v>39</v>
      </c>
      <c r="Q24380" s="5" t="s">
        <v>40</v>
      </c>
      <c r="R24380" s="5" t="s">
        <v>1522</v>
      </c>
      <c r="S24380" s="5" t="s">
        <v>1523</v>
      </c>
      <c r="T24380" s="5" t="s">
        <v>42</v>
      </c>
      <c r="U24380" s="2">
        <v>3.2309999999999999</v>
      </c>
      <c r="V24380" s="2">
        <v>2.5310000000000001</v>
      </c>
      <c r="W24380" s="2">
        <v>0.02</v>
      </c>
      <c r="X24380" s="2">
        <v>159.1</v>
      </c>
      <c r="Y24380" s="2">
        <v>7.6</v>
      </c>
      <c r="Z24380" s="2">
        <v>16.7</v>
      </c>
      <c r="AA24380" s="5"/>
      <c r="AB24380" s="5" t="s">
        <v>43</v>
      </c>
      <c r="AC24380" s="5" t="s">
        <v>44</v>
      </c>
      <c r="AD24380" s="2"/>
      <c r="AE24380" s="1"/>
    </row>
    <row r="24381" spans="1:31" ht="14.45">
      <c r="A24381" s="11"/>
      <c r="B24381" s="20"/>
      <c r="C24381" s="2" t="s">
        <v>78022</v>
      </c>
      <c r="D24381" s="14" t="s">
        <v>78023</v>
      </c>
      <c r="E24381" s="2" t="s">
        <v>78024</v>
      </c>
      <c r="F24381" s="2" t="s">
        <v>7559</v>
      </c>
      <c r="G24381" s="8">
        <v>275</v>
      </c>
      <c r="H24381" s="5">
        <v>6</v>
      </c>
      <c r="I24381" s="5" t="s">
        <v>1518</v>
      </c>
      <c r="J24381" s="5" t="s">
        <v>69038</v>
      </c>
      <c r="K24381" s="2" t="s">
        <v>69039</v>
      </c>
      <c r="L24381" s="5" t="s">
        <v>69038</v>
      </c>
      <c r="M24381" s="2" t="s">
        <v>69039</v>
      </c>
      <c r="N24381" s="5" t="s">
        <v>1521</v>
      </c>
      <c r="O24381" s="5" t="s">
        <v>38</v>
      </c>
      <c r="P24381" s="5" t="s">
        <v>39</v>
      </c>
      <c r="Q24381" s="5" t="s">
        <v>40</v>
      </c>
      <c r="R24381" s="5" t="s">
        <v>1522</v>
      </c>
      <c r="S24381" s="5" t="s">
        <v>1523</v>
      </c>
      <c r="T24381" s="5" t="s">
        <v>42</v>
      </c>
      <c r="U24381" s="2">
        <v>3.3370000000000002</v>
      </c>
      <c r="V24381" s="2">
        <v>2.637</v>
      </c>
      <c r="W24381" s="2">
        <v>0.02</v>
      </c>
      <c r="X24381" s="2">
        <v>159.1</v>
      </c>
      <c r="Y24381" s="2">
        <v>7.6</v>
      </c>
      <c r="Z24381" s="2">
        <v>16.7</v>
      </c>
      <c r="AA24381" s="5"/>
      <c r="AB24381" s="5" t="s">
        <v>43</v>
      </c>
      <c r="AC24381" s="5" t="s">
        <v>44</v>
      </c>
      <c r="AD24381" s="2"/>
      <c r="AE24381" s="1"/>
    </row>
    <row r="24382" spans="1:31" ht="14.45">
      <c r="A24382" s="11"/>
      <c r="B24382" s="20"/>
      <c r="C24382" s="2" t="s">
        <v>78025</v>
      </c>
      <c r="D24382" s="14" t="s">
        <v>78026</v>
      </c>
      <c r="E24382" s="2" t="s">
        <v>78027</v>
      </c>
      <c r="F24382" s="2" t="s">
        <v>7581</v>
      </c>
      <c r="G24382" s="8">
        <v>275</v>
      </c>
      <c r="H24382" s="5">
        <v>6</v>
      </c>
      <c r="I24382" s="5" t="s">
        <v>1518</v>
      </c>
      <c r="J24382" s="5" t="s">
        <v>69038</v>
      </c>
      <c r="K24382" s="2" t="s">
        <v>69039</v>
      </c>
      <c r="L24382" s="5" t="s">
        <v>69038</v>
      </c>
      <c r="M24382" s="2" t="s">
        <v>69039</v>
      </c>
      <c r="N24382" s="5" t="s">
        <v>1521</v>
      </c>
      <c r="O24382" s="5" t="s">
        <v>38</v>
      </c>
      <c r="P24382" s="5" t="s">
        <v>39</v>
      </c>
      <c r="Q24382" s="5" t="s">
        <v>40</v>
      </c>
      <c r="R24382" s="5" t="s">
        <v>1522</v>
      </c>
      <c r="S24382" s="5" t="s">
        <v>1523</v>
      </c>
      <c r="T24382" s="5" t="s">
        <v>42</v>
      </c>
      <c r="U24382" s="2">
        <v>3.3370000000000002</v>
      </c>
      <c r="V24382" s="2">
        <v>2.637</v>
      </c>
      <c r="W24382" s="2">
        <v>0.02</v>
      </c>
      <c r="X24382" s="2">
        <v>159.1</v>
      </c>
      <c r="Y24382" s="2">
        <v>7.6</v>
      </c>
      <c r="Z24382" s="2">
        <v>16.7</v>
      </c>
      <c r="AA24382" s="5"/>
      <c r="AB24382" s="5" t="s">
        <v>43</v>
      </c>
      <c r="AC24382" s="5" t="s">
        <v>44</v>
      </c>
      <c r="AD24382" s="2"/>
      <c r="AE24382" s="1"/>
    </row>
    <row r="24383" spans="1:31" ht="14.45">
      <c r="A24383" s="11"/>
      <c r="B24383" s="20"/>
      <c r="C24383" s="2" t="s">
        <v>78028</v>
      </c>
      <c r="D24383" s="14" t="s">
        <v>78029</v>
      </c>
      <c r="E24383" s="2" t="s">
        <v>78030</v>
      </c>
      <c r="F24383" s="2" t="s">
        <v>7585</v>
      </c>
      <c r="G24383" s="8">
        <v>275</v>
      </c>
      <c r="H24383" s="5">
        <v>6</v>
      </c>
      <c r="I24383" s="5" t="s">
        <v>1518</v>
      </c>
      <c r="J24383" s="5" t="s">
        <v>69038</v>
      </c>
      <c r="K24383" s="2" t="s">
        <v>69039</v>
      </c>
      <c r="L24383" s="5" t="s">
        <v>69038</v>
      </c>
      <c r="M24383" s="2" t="s">
        <v>69039</v>
      </c>
      <c r="N24383" s="5" t="s">
        <v>1521</v>
      </c>
      <c r="O24383" s="5" t="s">
        <v>38</v>
      </c>
      <c r="P24383" s="5" t="s">
        <v>39</v>
      </c>
      <c r="Q24383" s="5" t="s">
        <v>40</v>
      </c>
      <c r="R24383" s="5" t="s">
        <v>1522</v>
      </c>
      <c r="S24383" s="5" t="s">
        <v>1523</v>
      </c>
      <c r="T24383" s="5" t="s">
        <v>42</v>
      </c>
      <c r="U24383" s="2">
        <v>3.2309999999999999</v>
      </c>
      <c r="V24383" s="2">
        <v>2.5310000000000001</v>
      </c>
      <c r="W24383" s="2">
        <v>0.02</v>
      </c>
      <c r="X24383" s="2">
        <v>159.1</v>
      </c>
      <c r="Y24383" s="2">
        <v>7.6</v>
      </c>
      <c r="Z24383" s="2">
        <v>16.7</v>
      </c>
      <c r="AA24383" s="5"/>
      <c r="AB24383" s="5" t="s">
        <v>43</v>
      </c>
      <c r="AC24383" s="5" t="s">
        <v>44</v>
      </c>
      <c r="AD24383" s="2"/>
      <c r="AE24383" s="1"/>
    </row>
    <row r="24384" spans="1:31" ht="14.45">
      <c r="A24384" s="11"/>
      <c r="B24384" s="20"/>
      <c r="C24384" s="2" t="s">
        <v>78031</v>
      </c>
      <c r="D24384" s="14" t="s">
        <v>78032</v>
      </c>
      <c r="E24384" s="2" t="s">
        <v>78033</v>
      </c>
      <c r="F24384" s="2" t="s">
        <v>7597</v>
      </c>
      <c r="G24384" s="8">
        <v>275</v>
      </c>
      <c r="H24384" s="5">
        <v>6</v>
      </c>
      <c r="I24384" s="5" t="s">
        <v>1518</v>
      </c>
      <c r="J24384" s="5" t="s">
        <v>69038</v>
      </c>
      <c r="K24384" s="2" t="s">
        <v>69039</v>
      </c>
      <c r="L24384" s="5" t="s">
        <v>69038</v>
      </c>
      <c r="M24384" s="2" t="s">
        <v>69039</v>
      </c>
      <c r="N24384" s="5" t="s">
        <v>1521</v>
      </c>
      <c r="O24384" s="5" t="s">
        <v>38</v>
      </c>
      <c r="P24384" s="5" t="s">
        <v>39</v>
      </c>
      <c r="Q24384" s="5" t="s">
        <v>40</v>
      </c>
      <c r="R24384" s="5" t="s">
        <v>1522</v>
      </c>
      <c r="S24384" s="5" t="s">
        <v>1523</v>
      </c>
      <c r="T24384" s="5" t="s">
        <v>42</v>
      </c>
      <c r="U24384" s="2">
        <v>3.3370000000000002</v>
      </c>
      <c r="V24384" s="2">
        <v>2.637</v>
      </c>
      <c r="W24384" s="2">
        <v>0.02</v>
      </c>
      <c r="X24384" s="2">
        <v>159.1</v>
      </c>
      <c r="Y24384" s="2">
        <v>7.6</v>
      </c>
      <c r="Z24384" s="2">
        <v>16.7</v>
      </c>
      <c r="AA24384" s="5"/>
      <c r="AB24384" s="5" t="s">
        <v>43</v>
      </c>
      <c r="AC24384" s="5" t="s">
        <v>44</v>
      </c>
      <c r="AD24384" s="2"/>
      <c r="AE24384" s="1"/>
    </row>
    <row r="24385" spans="1:31" ht="14.45">
      <c r="A24385" s="11"/>
      <c r="B24385" s="20"/>
      <c r="C24385" s="2" t="s">
        <v>78034</v>
      </c>
      <c r="D24385" s="14" t="s">
        <v>78035</v>
      </c>
      <c r="E24385" s="2" t="s">
        <v>78036</v>
      </c>
      <c r="F24385" s="2" t="s">
        <v>73358</v>
      </c>
      <c r="G24385" s="8">
        <v>275</v>
      </c>
      <c r="H24385" s="5">
        <v>6</v>
      </c>
      <c r="I24385" s="5" t="s">
        <v>1518</v>
      </c>
      <c r="J24385" s="5" t="s">
        <v>69038</v>
      </c>
      <c r="K24385" s="2" t="s">
        <v>69039</v>
      </c>
      <c r="L24385" s="5" t="s">
        <v>69038</v>
      </c>
      <c r="M24385" s="2" t="s">
        <v>69039</v>
      </c>
      <c r="N24385" s="5" t="s">
        <v>1521</v>
      </c>
      <c r="O24385" s="5" t="s">
        <v>38</v>
      </c>
      <c r="P24385" s="5" t="s">
        <v>39</v>
      </c>
      <c r="Q24385" s="5" t="s">
        <v>40</v>
      </c>
      <c r="R24385" s="5" t="s">
        <v>1522</v>
      </c>
      <c r="S24385" s="5" t="s">
        <v>1523</v>
      </c>
      <c r="T24385" s="5" t="s">
        <v>42</v>
      </c>
      <c r="U24385" s="2">
        <v>3.2309999999999999</v>
      </c>
      <c r="V24385" s="2">
        <v>2.5310000000000001</v>
      </c>
      <c r="W24385" s="2">
        <v>0.02</v>
      </c>
      <c r="X24385" s="2">
        <v>159.1</v>
      </c>
      <c r="Y24385" s="2">
        <v>7.6</v>
      </c>
      <c r="Z24385" s="2">
        <v>16.7</v>
      </c>
      <c r="AA24385" s="5"/>
      <c r="AB24385" s="5" t="s">
        <v>43</v>
      </c>
      <c r="AC24385" s="5" t="s">
        <v>44</v>
      </c>
      <c r="AD24385" s="2"/>
      <c r="AE24385" s="1"/>
    </row>
    <row r="24386" spans="1:31" ht="14.45">
      <c r="A24386" s="11"/>
      <c r="B24386" s="20"/>
      <c r="C24386" s="2" t="s">
        <v>78037</v>
      </c>
      <c r="D24386" s="14" t="s">
        <v>78038</v>
      </c>
      <c r="E24386" s="2" t="s">
        <v>78039</v>
      </c>
      <c r="F24386" s="2" t="s">
        <v>73362</v>
      </c>
      <c r="G24386" s="8">
        <v>275</v>
      </c>
      <c r="H24386" s="5">
        <v>6</v>
      </c>
      <c r="I24386" s="5" t="s">
        <v>1518</v>
      </c>
      <c r="J24386" s="5" t="s">
        <v>69038</v>
      </c>
      <c r="K24386" s="2" t="s">
        <v>69039</v>
      </c>
      <c r="L24386" s="5" t="s">
        <v>69038</v>
      </c>
      <c r="M24386" s="2" t="s">
        <v>69039</v>
      </c>
      <c r="N24386" s="5" t="s">
        <v>1521</v>
      </c>
      <c r="O24386" s="5" t="s">
        <v>38</v>
      </c>
      <c r="P24386" s="5" t="s">
        <v>39</v>
      </c>
      <c r="Q24386" s="5" t="s">
        <v>40</v>
      </c>
      <c r="R24386" s="5" t="s">
        <v>1522</v>
      </c>
      <c r="S24386" s="5" t="s">
        <v>1523</v>
      </c>
      <c r="T24386" s="5" t="s">
        <v>42</v>
      </c>
      <c r="U24386" s="2">
        <v>3.3370000000000002</v>
      </c>
      <c r="V24386" s="2">
        <v>2.637</v>
      </c>
      <c r="W24386" s="2">
        <v>0.02</v>
      </c>
      <c r="X24386" s="2">
        <v>159.1</v>
      </c>
      <c r="Y24386" s="2">
        <v>7.6</v>
      </c>
      <c r="Z24386" s="2">
        <v>16.7</v>
      </c>
      <c r="AA24386" s="5"/>
      <c r="AB24386" s="5" t="s">
        <v>43</v>
      </c>
      <c r="AC24386" s="5" t="s">
        <v>44</v>
      </c>
      <c r="AD24386" s="2"/>
      <c r="AE24386" s="1"/>
    </row>
    <row r="24387" spans="1:31" ht="14.45">
      <c r="A24387" s="11"/>
      <c r="B24387" s="20"/>
      <c r="C24387" s="2" t="s">
        <v>78040</v>
      </c>
      <c r="D24387" s="14" t="s">
        <v>78041</v>
      </c>
      <c r="E24387" s="2" t="s">
        <v>78042</v>
      </c>
      <c r="F24387" s="2" t="s">
        <v>7619</v>
      </c>
      <c r="G24387" s="8">
        <v>275</v>
      </c>
      <c r="H24387" s="5">
        <v>6</v>
      </c>
      <c r="I24387" s="5" t="s">
        <v>1518</v>
      </c>
      <c r="J24387" s="5" t="s">
        <v>69038</v>
      </c>
      <c r="K24387" s="2" t="s">
        <v>69039</v>
      </c>
      <c r="L24387" s="5" t="s">
        <v>69038</v>
      </c>
      <c r="M24387" s="2" t="s">
        <v>69039</v>
      </c>
      <c r="N24387" s="5" t="s">
        <v>1521</v>
      </c>
      <c r="O24387" s="5" t="s">
        <v>38</v>
      </c>
      <c r="P24387" s="5" t="s">
        <v>39</v>
      </c>
      <c r="Q24387" s="5" t="s">
        <v>40</v>
      </c>
      <c r="R24387" s="5" t="s">
        <v>1522</v>
      </c>
      <c r="S24387" s="5" t="s">
        <v>1523</v>
      </c>
      <c r="T24387" s="5" t="s">
        <v>42</v>
      </c>
      <c r="U24387" s="2">
        <v>3.3370000000000002</v>
      </c>
      <c r="V24387" s="2">
        <v>2.637</v>
      </c>
      <c r="W24387" s="2">
        <v>0.02</v>
      </c>
      <c r="X24387" s="2">
        <v>159.1</v>
      </c>
      <c r="Y24387" s="2">
        <v>7.6</v>
      </c>
      <c r="Z24387" s="2">
        <v>16.7</v>
      </c>
      <c r="AA24387" s="5"/>
      <c r="AB24387" s="5" t="s">
        <v>43</v>
      </c>
      <c r="AC24387" s="5" t="s">
        <v>44</v>
      </c>
      <c r="AD24387" s="2"/>
      <c r="AE24387" s="1"/>
    </row>
    <row r="24388" spans="1:31" ht="14.45">
      <c r="A24388" s="11"/>
      <c r="B24388" s="20"/>
      <c r="C24388" s="2" t="s">
        <v>78043</v>
      </c>
      <c r="D24388" s="14" t="s">
        <v>78044</v>
      </c>
      <c r="E24388" s="2" t="s">
        <v>78045</v>
      </c>
      <c r="F24388" s="2" t="s">
        <v>7212</v>
      </c>
      <c r="G24388" s="8">
        <v>256</v>
      </c>
      <c r="H24388" s="5">
        <v>6</v>
      </c>
      <c r="I24388" s="5" t="s">
        <v>1518</v>
      </c>
      <c r="J24388" s="5" t="s">
        <v>69038</v>
      </c>
      <c r="K24388" s="2" t="s">
        <v>69039</v>
      </c>
      <c r="L24388" s="5" t="s">
        <v>69038</v>
      </c>
      <c r="M24388" s="2" t="s">
        <v>69039</v>
      </c>
      <c r="N24388" s="5" t="s">
        <v>1521</v>
      </c>
      <c r="O24388" s="5" t="s">
        <v>38</v>
      </c>
      <c r="P24388" s="5" t="s">
        <v>39</v>
      </c>
      <c r="Q24388" s="5" t="s">
        <v>40</v>
      </c>
      <c r="R24388" s="5" t="s">
        <v>1522</v>
      </c>
      <c r="S24388" s="5" t="s">
        <v>1523</v>
      </c>
      <c r="T24388" s="5" t="s">
        <v>42</v>
      </c>
      <c r="U24388" s="2">
        <v>3.2309999999999999</v>
      </c>
      <c r="V24388" s="2">
        <v>2.5310000000000001</v>
      </c>
      <c r="W24388" s="2">
        <v>0.02</v>
      </c>
      <c r="X24388" s="2">
        <v>159.1</v>
      </c>
      <c r="Y24388" s="2">
        <v>7.6</v>
      </c>
      <c r="Z24388" s="2">
        <v>16.7</v>
      </c>
      <c r="AA24388" s="5"/>
      <c r="AB24388" s="5" t="s">
        <v>43</v>
      </c>
      <c r="AC24388" s="5" t="s">
        <v>44</v>
      </c>
      <c r="AD24388" s="2"/>
      <c r="AE24388" s="1"/>
    </row>
    <row r="24389" spans="1:31" ht="14.45">
      <c r="A24389" s="11"/>
      <c r="B24389" s="20"/>
      <c r="C24389" s="2" t="s">
        <v>78046</v>
      </c>
      <c r="D24389" s="14" t="s">
        <v>78047</v>
      </c>
      <c r="E24389" s="2" t="s">
        <v>78048</v>
      </c>
      <c r="F24389" s="2" t="s">
        <v>7528</v>
      </c>
      <c r="G24389" s="8">
        <v>256</v>
      </c>
      <c r="H24389" s="5">
        <v>6</v>
      </c>
      <c r="I24389" s="5" t="s">
        <v>1518</v>
      </c>
      <c r="J24389" s="5" t="s">
        <v>69038</v>
      </c>
      <c r="K24389" s="2" t="s">
        <v>69039</v>
      </c>
      <c r="L24389" s="5" t="s">
        <v>69038</v>
      </c>
      <c r="M24389" s="2" t="s">
        <v>69039</v>
      </c>
      <c r="N24389" s="5" t="s">
        <v>1521</v>
      </c>
      <c r="O24389" s="5" t="s">
        <v>38</v>
      </c>
      <c r="P24389" s="5" t="s">
        <v>39</v>
      </c>
      <c r="Q24389" s="5" t="s">
        <v>40</v>
      </c>
      <c r="R24389" s="5" t="s">
        <v>1522</v>
      </c>
      <c r="S24389" s="5" t="s">
        <v>1523</v>
      </c>
      <c r="T24389" s="5" t="s">
        <v>42</v>
      </c>
      <c r="U24389" s="2">
        <v>3.3370000000000002</v>
      </c>
      <c r="V24389" s="2">
        <v>2.637</v>
      </c>
      <c r="W24389" s="2">
        <v>0.02</v>
      </c>
      <c r="X24389" s="2">
        <v>159.1</v>
      </c>
      <c r="Y24389" s="2">
        <v>7.6</v>
      </c>
      <c r="Z24389" s="2">
        <v>16.7</v>
      </c>
      <c r="AA24389" s="5"/>
      <c r="AB24389" s="5" t="s">
        <v>43</v>
      </c>
      <c r="AC24389" s="5" t="s">
        <v>44</v>
      </c>
      <c r="AD24389" s="2"/>
      <c r="AE24389" s="1"/>
    </row>
    <row r="24390" spans="1:31" ht="14.45">
      <c r="A24390" s="11"/>
      <c r="B24390" s="20"/>
      <c r="C24390" s="2" t="s">
        <v>78049</v>
      </c>
      <c r="D24390" s="14" t="s">
        <v>78050</v>
      </c>
      <c r="E24390" s="2" t="s">
        <v>78051</v>
      </c>
      <c r="F24390" s="2" t="s">
        <v>16029</v>
      </c>
      <c r="G24390" s="8">
        <v>275</v>
      </c>
      <c r="H24390" s="5">
        <v>6</v>
      </c>
      <c r="I24390" s="5" t="s">
        <v>1518</v>
      </c>
      <c r="J24390" s="5" t="s">
        <v>69038</v>
      </c>
      <c r="K24390" s="2" t="s">
        <v>69039</v>
      </c>
      <c r="L24390" s="5" t="s">
        <v>69038</v>
      </c>
      <c r="M24390" s="2" t="s">
        <v>69039</v>
      </c>
      <c r="N24390" s="5" t="s">
        <v>1521</v>
      </c>
      <c r="O24390" s="5" t="s">
        <v>38</v>
      </c>
      <c r="P24390" s="5" t="s">
        <v>39</v>
      </c>
      <c r="Q24390" s="5" t="s">
        <v>40</v>
      </c>
      <c r="R24390" s="5" t="s">
        <v>1522</v>
      </c>
      <c r="S24390" s="5" t="s">
        <v>1523</v>
      </c>
      <c r="T24390" s="5" t="s">
        <v>42</v>
      </c>
      <c r="U24390" s="2">
        <v>3.2349999999999999</v>
      </c>
      <c r="V24390" s="2">
        <v>2.5350000000000001</v>
      </c>
      <c r="W24390" s="2">
        <v>0.02</v>
      </c>
      <c r="X24390" s="2">
        <v>159.1</v>
      </c>
      <c r="Y24390" s="2">
        <v>7.6</v>
      </c>
      <c r="Z24390" s="2">
        <v>16.7</v>
      </c>
      <c r="AA24390" s="5"/>
      <c r="AB24390" s="5" t="s">
        <v>43</v>
      </c>
      <c r="AC24390" s="5" t="s">
        <v>44</v>
      </c>
      <c r="AD24390" s="2"/>
      <c r="AE24390" s="1"/>
    </row>
    <row r="24391" spans="1:31" ht="14.45">
      <c r="A24391" s="11"/>
      <c r="B24391" s="20"/>
      <c r="C24391" s="2" t="s">
        <v>78052</v>
      </c>
      <c r="D24391" s="14" t="s">
        <v>78053</v>
      </c>
      <c r="E24391" s="2" t="s">
        <v>78054</v>
      </c>
      <c r="F24391" s="2" t="s">
        <v>16033</v>
      </c>
      <c r="G24391" s="8">
        <v>275</v>
      </c>
      <c r="H24391" s="5">
        <v>6</v>
      </c>
      <c r="I24391" s="5" t="s">
        <v>1518</v>
      </c>
      <c r="J24391" s="5" t="s">
        <v>69038</v>
      </c>
      <c r="K24391" s="2" t="s">
        <v>69039</v>
      </c>
      <c r="L24391" s="5" t="s">
        <v>69038</v>
      </c>
      <c r="M24391" s="2" t="s">
        <v>69039</v>
      </c>
      <c r="N24391" s="5" t="s">
        <v>1521</v>
      </c>
      <c r="O24391" s="5" t="s">
        <v>38</v>
      </c>
      <c r="P24391" s="5" t="s">
        <v>39</v>
      </c>
      <c r="Q24391" s="5" t="s">
        <v>40</v>
      </c>
      <c r="R24391" s="5" t="s">
        <v>1522</v>
      </c>
      <c r="S24391" s="5" t="s">
        <v>1523</v>
      </c>
      <c r="T24391" s="5" t="s">
        <v>42</v>
      </c>
      <c r="U24391" s="2">
        <v>3.3410000000000002</v>
      </c>
      <c r="V24391" s="2">
        <v>2.641</v>
      </c>
      <c r="W24391" s="2">
        <v>0.02</v>
      </c>
      <c r="X24391" s="2">
        <v>159.1</v>
      </c>
      <c r="Y24391" s="2">
        <v>7.6</v>
      </c>
      <c r="Z24391" s="2">
        <v>16.7</v>
      </c>
      <c r="AA24391" s="5"/>
      <c r="AB24391" s="5" t="s">
        <v>43</v>
      </c>
      <c r="AC24391" s="5" t="s">
        <v>44</v>
      </c>
      <c r="AD24391" s="2"/>
      <c r="AE24391" s="1"/>
    </row>
    <row r="24392" spans="1:31" ht="14.45">
      <c r="A24392" s="11"/>
      <c r="B24392" s="20"/>
      <c r="C24392" s="2" t="s">
        <v>78055</v>
      </c>
      <c r="D24392" s="14" t="s">
        <v>78056</v>
      </c>
      <c r="E24392" s="2" t="s">
        <v>78057</v>
      </c>
      <c r="F24392" s="2" t="s">
        <v>7204</v>
      </c>
      <c r="G24392" s="8">
        <v>267</v>
      </c>
      <c r="H24392" s="5">
        <v>6</v>
      </c>
      <c r="I24392" s="5" t="s">
        <v>1518</v>
      </c>
      <c r="J24392" s="5" t="s">
        <v>69038</v>
      </c>
      <c r="K24392" s="2" t="s">
        <v>69039</v>
      </c>
      <c r="L24392" s="5" t="s">
        <v>69038</v>
      </c>
      <c r="M24392" s="2" t="s">
        <v>69039</v>
      </c>
      <c r="N24392" s="5" t="s">
        <v>1521</v>
      </c>
      <c r="O24392" s="5" t="s">
        <v>38</v>
      </c>
      <c r="P24392" s="5" t="s">
        <v>39</v>
      </c>
      <c r="Q24392" s="5" t="s">
        <v>40</v>
      </c>
      <c r="R24392" s="5" t="s">
        <v>1522</v>
      </c>
      <c r="S24392" s="5" t="s">
        <v>1523</v>
      </c>
      <c r="T24392" s="5" t="s">
        <v>42</v>
      </c>
      <c r="U24392" s="2">
        <v>3.4470000000000001</v>
      </c>
      <c r="V24392" s="2">
        <v>2.6789999999999998</v>
      </c>
      <c r="W24392" s="2">
        <v>2.1000000000000001E-2</v>
      </c>
      <c r="X24392" s="2">
        <v>165.1</v>
      </c>
      <c r="Y24392" s="2">
        <v>7.6</v>
      </c>
      <c r="Z24392" s="2">
        <v>16.7</v>
      </c>
      <c r="AA24392" s="5"/>
      <c r="AB24392" s="5" t="s">
        <v>43</v>
      </c>
      <c r="AC24392" s="5" t="s">
        <v>44</v>
      </c>
      <c r="AD24392" s="2"/>
      <c r="AE24392" s="1"/>
    </row>
    <row r="24393" spans="1:31" ht="14.45">
      <c r="A24393" s="11"/>
      <c r="B24393" s="20"/>
      <c r="C24393" s="2" t="s">
        <v>78058</v>
      </c>
      <c r="D24393" s="14" t="s">
        <v>78059</v>
      </c>
      <c r="E24393" s="2" t="s">
        <v>78060</v>
      </c>
      <c r="F24393" s="2" t="s">
        <v>7514</v>
      </c>
      <c r="G24393" s="8">
        <v>267</v>
      </c>
      <c r="H24393" s="5">
        <v>6</v>
      </c>
      <c r="I24393" s="5" t="s">
        <v>1518</v>
      </c>
      <c r="J24393" s="5" t="s">
        <v>69038</v>
      </c>
      <c r="K24393" s="2" t="s">
        <v>69039</v>
      </c>
      <c r="L24393" s="5" t="s">
        <v>69038</v>
      </c>
      <c r="M24393" s="2" t="s">
        <v>69039</v>
      </c>
      <c r="N24393" s="5" t="s">
        <v>1521</v>
      </c>
      <c r="O24393" s="5" t="s">
        <v>38</v>
      </c>
      <c r="P24393" s="5" t="s">
        <v>39</v>
      </c>
      <c r="Q24393" s="5" t="s">
        <v>40</v>
      </c>
      <c r="R24393" s="5" t="s">
        <v>1522</v>
      </c>
      <c r="S24393" s="5" t="s">
        <v>1523</v>
      </c>
      <c r="T24393" s="5" t="s">
        <v>42</v>
      </c>
      <c r="U24393" s="2">
        <v>3.5640000000000001</v>
      </c>
      <c r="V24393" s="2">
        <v>2.7959999999999998</v>
      </c>
      <c r="W24393" s="2">
        <v>2.1000000000000001E-2</v>
      </c>
      <c r="X24393" s="2">
        <v>165.1</v>
      </c>
      <c r="Y24393" s="2">
        <v>7.6</v>
      </c>
      <c r="Z24393" s="2">
        <v>16.7</v>
      </c>
      <c r="AA24393" s="5"/>
      <c r="AB24393" s="5" t="s">
        <v>43</v>
      </c>
      <c r="AC24393" s="5" t="s">
        <v>44</v>
      </c>
      <c r="AD24393" s="2"/>
      <c r="AE24393" s="1"/>
    </row>
    <row r="24394" spans="1:31" ht="14.45">
      <c r="A24394" s="11"/>
      <c r="B24394" s="20"/>
      <c r="C24394" s="2" t="s">
        <v>78061</v>
      </c>
      <c r="D24394" s="14" t="s">
        <v>78062</v>
      </c>
      <c r="E24394" s="2" t="s">
        <v>78063</v>
      </c>
      <c r="F24394" s="2" t="s">
        <v>7208</v>
      </c>
      <c r="G24394" s="8">
        <v>267</v>
      </c>
      <c r="H24394" s="5">
        <v>6</v>
      </c>
      <c r="I24394" s="5" t="s">
        <v>1518</v>
      </c>
      <c r="J24394" s="5" t="s">
        <v>69038</v>
      </c>
      <c r="K24394" s="2" t="s">
        <v>69039</v>
      </c>
      <c r="L24394" s="5" t="s">
        <v>69038</v>
      </c>
      <c r="M24394" s="2" t="s">
        <v>69039</v>
      </c>
      <c r="N24394" s="5" t="s">
        <v>1521</v>
      </c>
      <c r="O24394" s="5" t="s">
        <v>38</v>
      </c>
      <c r="P24394" s="5" t="s">
        <v>39</v>
      </c>
      <c r="Q24394" s="5" t="s">
        <v>40</v>
      </c>
      <c r="R24394" s="5" t="s">
        <v>1522</v>
      </c>
      <c r="S24394" s="5" t="s">
        <v>1523</v>
      </c>
      <c r="T24394" s="5" t="s">
        <v>42</v>
      </c>
      <c r="U24394" s="2">
        <v>3.4470000000000001</v>
      </c>
      <c r="V24394" s="2">
        <v>2.6789999999999998</v>
      </c>
      <c r="W24394" s="2">
        <v>2.1000000000000001E-2</v>
      </c>
      <c r="X24394" s="2">
        <v>165.1</v>
      </c>
      <c r="Y24394" s="2">
        <v>7.6</v>
      </c>
      <c r="Z24394" s="2">
        <v>16.7</v>
      </c>
      <c r="AA24394" s="5"/>
      <c r="AB24394" s="5" t="s">
        <v>43</v>
      </c>
      <c r="AC24394" s="5" t="s">
        <v>44</v>
      </c>
      <c r="AD24394" s="2"/>
      <c r="AE24394" s="1"/>
    </row>
    <row r="24395" spans="1:31" ht="14.45">
      <c r="A24395" s="11"/>
      <c r="B24395" s="20"/>
      <c r="C24395" s="2" t="s">
        <v>78064</v>
      </c>
      <c r="D24395" s="14" t="s">
        <v>78065</v>
      </c>
      <c r="E24395" s="2" t="s">
        <v>78066</v>
      </c>
      <c r="F24395" s="2" t="s">
        <v>7521</v>
      </c>
      <c r="G24395" s="8">
        <v>267</v>
      </c>
      <c r="H24395" s="5">
        <v>6</v>
      </c>
      <c r="I24395" s="5" t="s">
        <v>1518</v>
      </c>
      <c r="J24395" s="5" t="s">
        <v>69038</v>
      </c>
      <c r="K24395" s="2" t="s">
        <v>69039</v>
      </c>
      <c r="L24395" s="5" t="s">
        <v>69038</v>
      </c>
      <c r="M24395" s="2" t="s">
        <v>69039</v>
      </c>
      <c r="N24395" s="5" t="s">
        <v>1521</v>
      </c>
      <c r="O24395" s="5" t="s">
        <v>38</v>
      </c>
      <c r="P24395" s="5" t="s">
        <v>39</v>
      </c>
      <c r="Q24395" s="5" t="s">
        <v>40</v>
      </c>
      <c r="R24395" s="5" t="s">
        <v>1522</v>
      </c>
      <c r="S24395" s="5" t="s">
        <v>1523</v>
      </c>
      <c r="T24395" s="5" t="s">
        <v>42</v>
      </c>
      <c r="U24395" s="2">
        <v>3.5640000000000001</v>
      </c>
      <c r="V24395" s="2">
        <v>2.7959999999999998</v>
      </c>
      <c r="W24395" s="2">
        <v>2.1000000000000001E-2</v>
      </c>
      <c r="X24395" s="2">
        <v>165.1</v>
      </c>
      <c r="Y24395" s="2">
        <v>7.6</v>
      </c>
      <c r="Z24395" s="2">
        <v>16.7</v>
      </c>
      <c r="AA24395" s="5"/>
      <c r="AB24395" s="5" t="s">
        <v>43</v>
      </c>
      <c r="AC24395" s="5" t="s">
        <v>44</v>
      </c>
      <c r="AD24395" s="2"/>
      <c r="AE24395" s="1"/>
    </row>
    <row r="24396" spans="1:31" ht="14.45">
      <c r="A24396" s="11"/>
      <c r="B24396" s="20"/>
      <c r="C24396" s="2" t="s">
        <v>78067</v>
      </c>
      <c r="D24396" s="14" t="s">
        <v>78068</v>
      </c>
      <c r="E24396" s="2" t="s">
        <v>78069</v>
      </c>
      <c r="F24396" s="2" t="s">
        <v>7535</v>
      </c>
      <c r="G24396" s="8">
        <v>287</v>
      </c>
      <c r="H24396" s="5">
        <v>6</v>
      </c>
      <c r="I24396" s="5" t="s">
        <v>1518</v>
      </c>
      <c r="J24396" s="5" t="s">
        <v>69038</v>
      </c>
      <c r="K24396" s="2" t="s">
        <v>69039</v>
      </c>
      <c r="L24396" s="5" t="s">
        <v>69038</v>
      </c>
      <c r="M24396" s="2" t="s">
        <v>69039</v>
      </c>
      <c r="N24396" s="5" t="s">
        <v>1521</v>
      </c>
      <c r="O24396" s="5" t="s">
        <v>38</v>
      </c>
      <c r="P24396" s="5" t="s">
        <v>39</v>
      </c>
      <c r="Q24396" s="5" t="s">
        <v>40</v>
      </c>
      <c r="R24396" s="5" t="s">
        <v>1522</v>
      </c>
      <c r="S24396" s="5" t="s">
        <v>1523</v>
      </c>
      <c r="T24396" s="5" t="s">
        <v>42</v>
      </c>
      <c r="U24396" s="2">
        <v>3.5640000000000001</v>
      </c>
      <c r="V24396" s="2">
        <v>2.7959999999999998</v>
      </c>
      <c r="W24396" s="2">
        <v>2.1000000000000001E-2</v>
      </c>
      <c r="X24396" s="2">
        <v>165.1</v>
      </c>
      <c r="Y24396" s="2">
        <v>7.6</v>
      </c>
      <c r="Z24396" s="2">
        <v>16.7</v>
      </c>
      <c r="AA24396" s="5"/>
      <c r="AB24396" s="5" t="s">
        <v>43</v>
      </c>
      <c r="AC24396" s="5" t="s">
        <v>44</v>
      </c>
      <c r="AD24396" s="2"/>
      <c r="AE24396" s="1"/>
    </row>
    <row r="24397" spans="1:31" ht="14.45">
      <c r="A24397" s="11"/>
      <c r="B24397" s="20"/>
      <c r="C24397" s="2" t="s">
        <v>78070</v>
      </c>
      <c r="D24397" s="14" t="s">
        <v>78071</v>
      </c>
      <c r="E24397" s="2" t="s">
        <v>78072</v>
      </c>
      <c r="F24397" s="2" t="s">
        <v>7539</v>
      </c>
      <c r="G24397" s="8">
        <v>287</v>
      </c>
      <c r="H24397" s="5">
        <v>6</v>
      </c>
      <c r="I24397" s="5" t="s">
        <v>1518</v>
      </c>
      <c r="J24397" s="5" t="s">
        <v>69038</v>
      </c>
      <c r="K24397" s="2" t="s">
        <v>69039</v>
      </c>
      <c r="L24397" s="5" t="s">
        <v>69038</v>
      </c>
      <c r="M24397" s="2" t="s">
        <v>69039</v>
      </c>
      <c r="N24397" s="5" t="s">
        <v>1521</v>
      </c>
      <c r="O24397" s="5" t="s">
        <v>38</v>
      </c>
      <c r="P24397" s="5" t="s">
        <v>39</v>
      </c>
      <c r="Q24397" s="5" t="s">
        <v>40</v>
      </c>
      <c r="R24397" s="5" t="s">
        <v>1522</v>
      </c>
      <c r="S24397" s="5" t="s">
        <v>1523</v>
      </c>
      <c r="T24397" s="5" t="s">
        <v>42</v>
      </c>
      <c r="U24397" s="2">
        <v>3.4470000000000001</v>
      </c>
      <c r="V24397" s="2">
        <v>2.6789999999999998</v>
      </c>
      <c r="W24397" s="2">
        <v>2.1000000000000001E-2</v>
      </c>
      <c r="X24397" s="2">
        <v>165.1</v>
      </c>
      <c r="Y24397" s="2">
        <v>7.6</v>
      </c>
      <c r="Z24397" s="2">
        <v>16.7</v>
      </c>
      <c r="AA24397" s="5"/>
      <c r="AB24397" s="5" t="s">
        <v>43</v>
      </c>
      <c r="AC24397" s="5" t="s">
        <v>44</v>
      </c>
      <c r="AD24397" s="2"/>
      <c r="AE24397" s="1"/>
    </row>
    <row r="24398" spans="1:31" ht="14.45">
      <c r="A24398" s="11"/>
      <c r="B24398" s="20"/>
      <c r="C24398" s="2" t="s">
        <v>78073</v>
      </c>
      <c r="D24398" s="14" t="s">
        <v>78074</v>
      </c>
      <c r="E24398" s="2" t="s">
        <v>78075</v>
      </c>
      <c r="F24398" s="2" t="s">
        <v>7396</v>
      </c>
      <c r="G24398" s="8">
        <v>267</v>
      </c>
      <c r="H24398" s="5">
        <v>6</v>
      </c>
      <c r="I24398" s="5" t="s">
        <v>1518</v>
      </c>
      <c r="J24398" s="5" t="s">
        <v>69038</v>
      </c>
      <c r="K24398" s="2" t="s">
        <v>69039</v>
      </c>
      <c r="L24398" s="5" t="s">
        <v>69038</v>
      </c>
      <c r="M24398" s="2" t="s">
        <v>69039</v>
      </c>
      <c r="N24398" s="5" t="s">
        <v>1521</v>
      </c>
      <c r="O24398" s="5" t="s">
        <v>38</v>
      </c>
      <c r="P24398" s="5" t="s">
        <v>39</v>
      </c>
      <c r="Q24398" s="5" t="s">
        <v>40</v>
      </c>
      <c r="R24398" s="5" t="s">
        <v>1522</v>
      </c>
      <c r="S24398" s="5" t="s">
        <v>1523</v>
      </c>
      <c r="T24398" s="5" t="s">
        <v>42</v>
      </c>
      <c r="U24398" s="2">
        <v>3.4470000000000001</v>
      </c>
      <c r="V24398" s="2">
        <v>2.6789999999999998</v>
      </c>
      <c r="W24398" s="2">
        <v>2.1000000000000001E-2</v>
      </c>
      <c r="X24398" s="2">
        <v>165.1</v>
      </c>
      <c r="Y24398" s="2">
        <v>7.6</v>
      </c>
      <c r="Z24398" s="2">
        <v>16.7</v>
      </c>
      <c r="AA24398" s="5"/>
      <c r="AB24398" s="5" t="s">
        <v>43</v>
      </c>
      <c r="AC24398" s="5" t="s">
        <v>44</v>
      </c>
      <c r="AD24398" s="2"/>
      <c r="AE24398" s="1"/>
    </row>
    <row r="24399" spans="1:31" ht="14.45">
      <c r="A24399" s="11"/>
      <c r="B24399" s="20"/>
      <c r="C24399" s="2" t="s">
        <v>78076</v>
      </c>
      <c r="D24399" s="14" t="s">
        <v>78077</v>
      </c>
      <c r="E24399" s="2" t="s">
        <v>78078</v>
      </c>
      <c r="F24399" s="2" t="s">
        <v>7507</v>
      </c>
      <c r="G24399" s="8">
        <v>267</v>
      </c>
      <c r="H24399" s="5">
        <v>6</v>
      </c>
      <c r="I24399" s="5" t="s">
        <v>1518</v>
      </c>
      <c r="J24399" s="5" t="s">
        <v>69038</v>
      </c>
      <c r="K24399" s="2" t="s">
        <v>69039</v>
      </c>
      <c r="L24399" s="5" t="s">
        <v>69038</v>
      </c>
      <c r="M24399" s="2" t="s">
        <v>69039</v>
      </c>
      <c r="N24399" s="5" t="s">
        <v>1521</v>
      </c>
      <c r="O24399" s="5" t="s">
        <v>38</v>
      </c>
      <c r="P24399" s="5" t="s">
        <v>39</v>
      </c>
      <c r="Q24399" s="5" t="s">
        <v>40</v>
      </c>
      <c r="R24399" s="5" t="s">
        <v>1522</v>
      </c>
      <c r="S24399" s="5" t="s">
        <v>1523</v>
      </c>
      <c r="T24399" s="5" t="s">
        <v>42</v>
      </c>
      <c r="U24399" s="2">
        <v>3.5640000000000001</v>
      </c>
      <c r="V24399" s="2">
        <v>2.7959999999999998</v>
      </c>
      <c r="W24399" s="2">
        <v>2.1000000000000001E-2</v>
      </c>
      <c r="X24399" s="2">
        <v>165.1</v>
      </c>
      <c r="Y24399" s="2">
        <v>7.6</v>
      </c>
      <c r="Z24399" s="2">
        <v>16.7</v>
      </c>
      <c r="AA24399" s="5"/>
      <c r="AB24399" s="5" t="s">
        <v>43</v>
      </c>
      <c r="AC24399" s="5" t="s">
        <v>44</v>
      </c>
      <c r="AD24399" s="2"/>
      <c r="AE24399" s="1"/>
    </row>
    <row r="24400" spans="1:31" ht="14.45">
      <c r="A24400" s="11"/>
      <c r="B24400" s="20"/>
      <c r="C24400" s="2" t="s">
        <v>78079</v>
      </c>
      <c r="D24400" s="14" t="s">
        <v>78080</v>
      </c>
      <c r="E24400" s="2" t="s">
        <v>78081</v>
      </c>
      <c r="F24400" s="2" t="s">
        <v>7567</v>
      </c>
      <c r="G24400" s="8">
        <v>287</v>
      </c>
      <c r="H24400" s="5">
        <v>6</v>
      </c>
      <c r="I24400" s="5" t="s">
        <v>1518</v>
      </c>
      <c r="J24400" s="5" t="s">
        <v>69038</v>
      </c>
      <c r="K24400" s="2" t="s">
        <v>69039</v>
      </c>
      <c r="L24400" s="5" t="s">
        <v>69038</v>
      </c>
      <c r="M24400" s="2" t="s">
        <v>69039</v>
      </c>
      <c r="N24400" s="5" t="s">
        <v>1521</v>
      </c>
      <c r="O24400" s="5" t="s">
        <v>38</v>
      </c>
      <c r="P24400" s="5" t="s">
        <v>39</v>
      </c>
      <c r="Q24400" s="5" t="s">
        <v>40</v>
      </c>
      <c r="R24400" s="5" t="s">
        <v>1522</v>
      </c>
      <c r="S24400" s="5" t="s">
        <v>1523</v>
      </c>
      <c r="T24400" s="5" t="s">
        <v>42</v>
      </c>
      <c r="U24400" s="2">
        <v>3.5640000000000001</v>
      </c>
      <c r="V24400" s="2">
        <v>2.7959999999999998</v>
      </c>
      <c r="W24400" s="2">
        <v>2.1000000000000001E-2</v>
      </c>
      <c r="X24400" s="2">
        <v>165.1</v>
      </c>
      <c r="Y24400" s="2">
        <v>7.6</v>
      </c>
      <c r="Z24400" s="2">
        <v>16.7</v>
      </c>
      <c r="AA24400" s="5"/>
      <c r="AB24400" s="5" t="s">
        <v>43</v>
      </c>
      <c r="AC24400" s="5" t="s">
        <v>44</v>
      </c>
      <c r="AD24400" s="2"/>
      <c r="AE24400" s="1"/>
    </row>
    <row r="24401" spans="1:31" ht="14.45">
      <c r="A24401" s="11"/>
      <c r="B24401" s="20"/>
      <c r="C24401" s="2" t="s">
        <v>78082</v>
      </c>
      <c r="D24401" s="14" t="s">
        <v>78083</v>
      </c>
      <c r="E24401" s="2" t="s">
        <v>78084</v>
      </c>
      <c r="F24401" s="2" t="s">
        <v>16194</v>
      </c>
      <c r="G24401" s="8">
        <v>287</v>
      </c>
      <c r="H24401" s="5">
        <v>6</v>
      </c>
      <c r="I24401" s="5" t="s">
        <v>1518</v>
      </c>
      <c r="J24401" s="5" t="s">
        <v>69038</v>
      </c>
      <c r="K24401" s="2" t="s">
        <v>69039</v>
      </c>
      <c r="L24401" s="5" t="s">
        <v>69038</v>
      </c>
      <c r="M24401" s="2" t="s">
        <v>69039</v>
      </c>
      <c r="N24401" s="5" t="s">
        <v>1521</v>
      </c>
      <c r="O24401" s="5" t="s">
        <v>38</v>
      </c>
      <c r="P24401" s="5" t="s">
        <v>39</v>
      </c>
      <c r="Q24401" s="5" t="s">
        <v>40</v>
      </c>
      <c r="R24401" s="5" t="s">
        <v>1522</v>
      </c>
      <c r="S24401" s="5" t="s">
        <v>1523</v>
      </c>
      <c r="T24401" s="5" t="s">
        <v>42</v>
      </c>
      <c r="U24401" s="2">
        <v>3.5640000000000001</v>
      </c>
      <c r="V24401" s="2">
        <v>2.7959999999999998</v>
      </c>
      <c r="W24401" s="2">
        <v>2.1000000000000001E-2</v>
      </c>
      <c r="X24401" s="2">
        <v>165.1</v>
      </c>
      <c r="Y24401" s="2">
        <v>7.6</v>
      </c>
      <c r="Z24401" s="2">
        <v>16.7</v>
      </c>
      <c r="AA24401" s="5"/>
      <c r="AB24401" s="5" t="s">
        <v>43</v>
      </c>
      <c r="AC24401" s="5" t="s">
        <v>44</v>
      </c>
      <c r="AD24401" s="2"/>
      <c r="AE24401" s="1"/>
    </row>
    <row r="24402" spans="1:31" ht="14.45">
      <c r="A24402" s="11"/>
      <c r="B24402" s="20"/>
      <c r="C24402" s="2" t="s">
        <v>78085</v>
      </c>
      <c r="D24402" s="14" t="s">
        <v>78086</v>
      </c>
      <c r="E24402" s="2" t="s">
        <v>78087</v>
      </c>
      <c r="F24402" s="2" t="s">
        <v>73358</v>
      </c>
      <c r="G24402" s="8">
        <v>287</v>
      </c>
      <c r="H24402" s="5">
        <v>6</v>
      </c>
      <c r="I24402" s="5" t="s">
        <v>1518</v>
      </c>
      <c r="J24402" s="5" t="s">
        <v>69038</v>
      </c>
      <c r="K24402" s="2" t="s">
        <v>69039</v>
      </c>
      <c r="L24402" s="5" t="s">
        <v>69038</v>
      </c>
      <c r="M24402" s="2" t="s">
        <v>69039</v>
      </c>
      <c r="N24402" s="5" t="s">
        <v>1521</v>
      </c>
      <c r="O24402" s="5" t="s">
        <v>38</v>
      </c>
      <c r="P24402" s="5" t="s">
        <v>39</v>
      </c>
      <c r="Q24402" s="5" t="s">
        <v>40</v>
      </c>
      <c r="R24402" s="5" t="s">
        <v>1522</v>
      </c>
      <c r="S24402" s="5" t="s">
        <v>1523</v>
      </c>
      <c r="T24402" s="5" t="s">
        <v>42</v>
      </c>
      <c r="U24402" s="2">
        <v>3.4470000000000001</v>
      </c>
      <c r="V24402" s="2">
        <v>2.6789999999999998</v>
      </c>
      <c r="W24402" s="2">
        <v>2.1000000000000001E-2</v>
      </c>
      <c r="X24402" s="2">
        <v>165.1</v>
      </c>
      <c r="Y24402" s="2">
        <v>7.6</v>
      </c>
      <c r="Z24402" s="2">
        <v>16.7</v>
      </c>
      <c r="AA24402" s="5"/>
      <c r="AB24402" s="5" t="s">
        <v>43</v>
      </c>
      <c r="AC24402" s="5" t="s">
        <v>44</v>
      </c>
      <c r="AD24402" s="2"/>
      <c r="AE24402" s="1"/>
    </row>
    <row r="24403" spans="1:31" ht="14.45">
      <c r="A24403" s="11"/>
      <c r="B24403" s="20"/>
      <c r="C24403" s="2" t="s">
        <v>78088</v>
      </c>
      <c r="D24403" s="14" t="s">
        <v>78089</v>
      </c>
      <c r="E24403" s="2" t="s">
        <v>78090</v>
      </c>
      <c r="F24403" s="2" t="s">
        <v>73362</v>
      </c>
      <c r="G24403" s="8">
        <v>287</v>
      </c>
      <c r="H24403" s="5">
        <v>6</v>
      </c>
      <c r="I24403" s="5" t="s">
        <v>1518</v>
      </c>
      <c r="J24403" s="5" t="s">
        <v>69038</v>
      </c>
      <c r="K24403" s="2" t="s">
        <v>69039</v>
      </c>
      <c r="L24403" s="5" t="s">
        <v>69038</v>
      </c>
      <c r="M24403" s="2" t="s">
        <v>69039</v>
      </c>
      <c r="N24403" s="5" t="s">
        <v>1521</v>
      </c>
      <c r="O24403" s="5" t="s">
        <v>38</v>
      </c>
      <c r="P24403" s="5" t="s">
        <v>39</v>
      </c>
      <c r="Q24403" s="5" t="s">
        <v>40</v>
      </c>
      <c r="R24403" s="5" t="s">
        <v>1522</v>
      </c>
      <c r="S24403" s="5" t="s">
        <v>1523</v>
      </c>
      <c r="T24403" s="5" t="s">
        <v>42</v>
      </c>
      <c r="U24403" s="2">
        <v>3.5640000000000001</v>
      </c>
      <c r="V24403" s="2">
        <v>2.7959999999999998</v>
      </c>
      <c r="W24403" s="2">
        <v>2.1000000000000001E-2</v>
      </c>
      <c r="X24403" s="2">
        <v>165.1</v>
      </c>
      <c r="Y24403" s="2">
        <v>7.6</v>
      </c>
      <c r="Z24403" s="2">
        <v>16.7</v>
      </c>
      <c r="AA24403" s="5"/>
      <c r="AB24403" s="5" t="s">
        <v>43</v>
      </c>
      <c r="AC24403" s="5" t="s">
        <v>44</v>
      </c>
      <c r="AD24403" s="2"/>
      <c r="AE24403" s="1"/>
    </row>
    <row r="24404" spans="1:31" ht="14.45">
      <c r="A24404" s="11"/>
      <c r="B24404" s="20"/>
      <c r="C24404" s="2" t="s">
        <v>78091</v>
      </c>
      <c r="D24404" s="14" t="s">
        <v>78092</v>
      </c>
      <c r="E24404" s="2" t="s">
        <v>78093</v>
      </c>
      <c r="F24404" s="2" t="s">
        <v>7619</v>
      </c>
      <c r="G24404" s="8">
        <v>287</v>
      </c>
      <c r="H24404" s="5">
        <v>6</v>
      </c>
      <c r="I24404" s="5" t="s">
        <v>1518</v>
      </c>
      <c r="J24404" s="5" t="s">
        <v>69038</v>
      </c>
      <c r="K24404" s="2" t="s">
        <v>69039</v>
      </c>
      <c r="L24404" s="5" t="s">
        <v>69038</v>
      </c>
      <c r="M24404" s="2" t="s">
        <v>69039</v>
      </c>
      <c r="N24404" s="5" t="s">
        <v>1521</v>
      </c>
      <c r="O24404" s="5" t="s">
        <v>38</v>
      </c>
      <c r="P24404" s="5" t="s">
        <v>39</v>
      </c>
      <c r="Q24404" s="5" t="s">
        <v>40</v>
      </c>
      <c r="R24404" s="5" t="s">
        <v>1522</v>
      </c>
      <c r="S24404" s="5" t="s">
        <v>1523</v>
      </c>
      <c r="T24404" s="5" t="s">
        <v>42</v>
      </c>
      <c r="U24404" s="2">
        <v>3.5640000000000001</v>
      </c>
      <c r="V24404" s="2">
        <v>2.7959999999999998</v>
      </c>
      <c r="W24404" s="2">
        <v>2.1000000000000001E-2</v>
      </c>
      <c r="X24404" s="2">
        <v>165.1</v>
      </c>
      <c r="Y24404" s="2">
        <v>7.6</v>
      </c>
      <c r="Z24404" s="2">
        <v>16.7</v>
      </c>
      <c r="AA24404" s="5"/>
      <c r="AB24404" s="5" t="s">
        <v>43</v>
      </c>
      <c r="AC24404" s="5" t="s">
        <v>44</v>
      </c>
      <c r="AD24404" s="2"/>
      <c r="AE24404" s="1"/>
    </row>
    <row r="24405" spans="1:31" ht="14.45">
      <c r="A24405" s="11"/>
      <c r="B24405" s="20"/>
      <c r="C24405" s="2" t="s">
        <v>78094</v>
      </c>
      <c r="D24405" s="14" t="s">
        <v>78095</v>
      </c>
      <c r="E24405" s="2" t="s">
        <v>78096</v>
      </c>
      <c r="F24405" s="2" t="s">
        <v>16219</v>
      </c>
      <c r="G24405" s="8">
        <v>287</v>
      </c>
      <c r="H24405" s="5">
        <v>6</v>
      </c>
      <c r="I24405" s="5" t="s">
        <v>1518</v>
      </c>
      <c r="J24405" s="5" t="s">
        <v>69038</v>
      </c>
      <c r="K24405" s="2" t="s">
        <v>69039</v>
      </c>
      <c r="L24405" s="5" t="s">
        <v>69038</v>
      </c>
      <c r="M24405" s="2" t="s">
        <v>69039</v>
      </c>
      <c r="N24405" s="5" t="s">
        <v>1521</v>
      </c>
      <c r="O24405" s="5" t="s">
        <v>38</v>
      </c>
      <c r="P24405" s="5" t="s">
        <v>39</v>
      </c>
      <c r="Q24405" s="5" t="s">
        <v>40</v>
      </c>
      <c r="R24405" s="5" t="s">
        <v>1522</v>
      </c>
      <c r="S24405" s="5" t="s">
        <v>1523</v>
      </c>
      <c r="T24405" s="5" t="s">
        <v>42</v>
      </c>
      <c r="U24405" s="2">
        <v>3.5640000000000001</v>
      </c>
      <c r="V24405" s="2">
        <v>2.7959999999999998</v>
      </c>
      <c r="W24405" s="2">
        <v>2.1000000000000001E-2</v>
      </c>
      <c r="X24405" s="2">
        <v>165.1</v>
      </c>
      <c r="Y24405" s="2">
        <v>7.6</v>
      </c>
      <c r="Z24405" s="2">
        <v>16.7</v>
      </c>
      <c r="AA24405" s="5"/>
      <c r="AB24405" s="5" t="s">
        <v>43</v>
      </c>
      <c r="AC24405" s="5" t="s">
        <v>44</v>
      </c>
      <c r="AD24405" s="2"/>
      <c r="AE24405" s="1"/>
    </row>
    <row r="24406" spans="1:31" ht="14.45">
      <c r="A24406" s="11"/>
      <c r="B24406" s="20"/>
      <c r="C24406" s="2" t="s">
        <v>78097</v>
      </c>
      <c r="D24406" s="14" t="s">
        <v>78098</v>
      </c>
      <c r="E24406" s="2" t="s">
        <v>78099</v>
      </c>
      <c r="F24406" s="2" t="s">
        <v>7212</v>
      </c>
      <c r="G24406" s="8">
        <v>267</v>
      </c>
      <c r="H24406" s="5">
        <v>6</v>
      </c>
      <c r="I24406" s="5" t="s">
        <v>1518</v>
      </c>
      <c r="J24406" s="5" t="s">
        <v>69038</v>
      </c>
      <c r="K24406" s="2" t="s">
        <v>69039</v>
      </c>
      <c r="L24406" s="5" t="s">
        <v>69038</v>
      </c>
      <c r="M24406" s="2" t="s">
        <v>69039</v>
      </c>
      <c r="N24406" s="5" t="s">
        <v>1521</v>
      </c>
      <c r="O24406" s="5" t="s">
        <v>38</v>
      </c>
      <c r="P24406" s="5" t="s">
        <v>39</v>
      </c>
      <c r="Q24406" s="5" t="s">
        <v>40</v>
      </c>
      <c r="R24406" s="5" t="s">
        <v>1522</v>
      </c>
      <c r="S24406" s="5" t="s">
        <v>1523</v>
      </c>
      <c r="T24406" s="5" t="s">
        <v>42</v>
      </c>
      <c r="U24406" s="2">
        <v>3.4470000000000001</v>
      </c>
      <c r="V24406" s="2">
        <v>2.6789999999999998</v>
      </c>
      <c r="W24406" s="2">
        <v>2.1000000000000001E-2</v>
      </c>
      <c r="X24406" s="2">
        <v>165.1</v>
      </c>
      <c r="Y24406" s="2">
        <v>7.6</v>
      </c>
      <c r="Z24406" s="2">
        <v>16.7</v>
      </c>
      <c r="AA24406" s="5"/>
      <c r="AB24406" s="5" t="s">
        <v>43</v>
      </c>
      <c r="AC24406" s="5" t="s">
        <v>44</v>
      </c>
      <c r="AD24406" s="2"/>
      <c r="AE24406" s="1"/>
    </row>
    <row r="24407" spans="1:31" ht="14.45">
      <c r="A24407" s="11"/>
      <c r="B24407" s="20"/>
      <c r="C24407" s="2" t="s">
        <v>78100</v>
      </c>
      <c r="D24407" s="14" t="s">
        <v>78101</v>
      </c>
      <c r="E24407" s="2" t="s">
        <v>78102</v>
      </c>
      <c r="F24407" s="2" t="s">
        <v>7528</v>
      </c>
      <c r="G24407" s="8">
        <v>267</v>
      </c>
      <c r="H24407" s="5">
        <v>6</v>
      </c>
      <c r="I24407" s="5" t="s">
        <v>1518</v>
      </c>
      <c r="J24407" s="5" t="s">
        <v>69038</v>
      </c>
      <c r="K24407" s="2" t="s">
        <v>69039</v>
      </c>
      <c r="L24407" s="5" t="s">
        <v>69038</v>
      </c>
      <c r="M24407" s="2" t="s">
        <v>69039</v>
      </c>
      <c r="N24407" s="5" t="s">
        <v>1521</v>
      </c>
      <c r="O24407" s="5" t="s">
        <v>38</v>
      </c>
      <c r="P24407" s="5" t="s">
        <v>39</v>
      </c>
      <c r="Q24407" s="5" t="s">
        <v>40</v>
      </c>
      <c r="R24407" s="5" t="s">
        <v>1522</v>
      </c>
      <c r="S24407" s="5" t="s">
        <v>1523</v>
      </c>
      <c r="T24407" s="5" t="s">
        <v>42</v>
      </c>
      <c r="U24407" s="2">
        <v>3.5640000000000001</v>
      </c>
      <c r="V24407" s="2">
        <v>2.7959999999999998</v>
      </c>
      <c r="W24407" s="2">
        <v>2.1000000000000001E-2</v>
      </c>
      <c r="X24407" s="2">
        <v>165.1</v>
      </c>
      <c r="Y24407" s="2">
        <v>7.6</v>
      </c>
      <c r="Z24407" s="2">
        <v>16.7</v>
      </c>
      <c r="AA24407" s="5"/>
      <c r="AB24407" s="5" t="s">
        <v>43</v>
      </c>
      <c r="AC24407" s="5" t="s">
        <v>44</v>
      </c>
      <c r="AD24407" s="2"/>
      <c r="AE24407" s="1"/>
    </row>
    <row r="24408" spans="1:31" ht="14.45">
      <c r="A24408" s="11"/>
      <c r="B24408" s="20"/>
      <c r="C24408" s="2" t="s">
        <v>78103</v>
      </c>
      <c r="D24408" s="14" t="s">
        <v>78104</v>
      </c>
      <c r="E24408" s="2" t="s">
        <v>78105</v>
      </c>
      <c r="F24408" s="2" t="s">
        <v>16029</v>
      </c>
      <c r="G24408" s="8">
        <v>287</v>
      </c>
      <c r="H24408" s="5">
        <v>6</v>
      </c>
      <c r="I24408" s="5" t="s">
        <v>1518</v>
      </c>
      <c r="J24408" s="5" t="s">
        <v>69038</v>
      </c>
      <c r="K24408" s="2" t="s">
        <v>69039</v>
      </c>
      <c r="L24408" s="5" t="s">
        <v>69038</v>
      </c>
      <c r="M24408" s="2" t="s">
        <v>69039</v>
      </c>
      <c r="N24408" s="5" t="s">
        <v>1521</v>
      </c>
      <c r="O24408" s="5" t="s">
        <v>38</v>
      </c>
      <c r="P24408" s="5" t="s">
        <v>39</v>
      </c>
      <c r="Q24408" s="5" t="s">
        <v>40</v>
      </c>
      <c r="R24408" s="5" t="s">
        <v>1522</v>
      </c>
      <c r="S24408" s="5" t="s">
        <v>1523</v>
      </c>
      <c r="T24408" s="5" t="s">
        <v>42</v>
      </c>
      <c r="U24408" s="2">
        <v>3.4510000000000001</v>
      </c>
      <c r="V24408" s="2">
        <v>2.6829999999999998</v>
      </c>
      <c r="W24408" s="2">
        <v>2.1000000000000001E-2</v>
      </c>
      <c r="X24408" s="2">
        <v>165.1</v>
      </c>
      <c r="Y24408" s="2">
        <v>7.6</v>
      </c>
      <c r="Z24408" s="2">
        <v>16.7</v>
      </c>
      <c r="AA24408" s="5"/>
      <c r="AB24408" s="5" t="s">
        <v>43</v>
      </c>
      <c r="AC24408" s="5" t="s">
        <v>44</v>
      </c>
      <c r="AD24408" s="2"/>
      <c r="AE24408" s="1"/>
    </row>
    <row r="24409" spans="1:31" ht="14.45">
      <c r="A24409" s="11"/>
      <c r="B24409" s="20"/>
      <c r="C24409" s="2" t="s">
        <v>78106</v>
      </c>
      <c r="D24409" s="14" t="s">
        <v>78107</v>
      </c>
      <c r="E24409" s="2" t="s">
        <v>78108</v>
      </c>
      <c r="F24409" s="2" t="s">
        <v>16033</v>
      </c>
      <c r="G24409" s="8">
        <v>287</v>
      </c>
      <c r="H24409" s="5">
        <v>6</v>
      </c>
      <c r="I24409" s="5" t="s">
        <v>1518</v>
      </c>
      <c r="J24409" s="5" t="s">
        <v>69038</v>
      </c>
      <c r="K24409" s="2" t="s">
        <v>69039</v>
      </c>
      <c r="L24409" s="5" t="s">
        <v>69038</v>
      </c>
      <c r="M24409" s="2" t="s">
        <v>69039</v>
      </c>
      <c r="N24409" s="5" t="s">
        <v>1521</v>
      </c>
      <c r="O24409" s="5" t="s">
        <v>38</v>
      </c>
      <c r="P24409" s="5" t="s">
        <v>39</v>
      </c>
      <c r="Q24409" s="5" t="s">
        <v>40</v>
      </c>
      <c r="R24409" s="5" t="s">
        <v>1522</v>
      </c>
      <c r="S24409" s="5" t="s">
        <v>1523</v>
      </c>
      <c r="T24409" s="5" t="s">
        <v>42</v>
      </c>
      <c r="U24409" s="2">
        <v>3.5680000000000001</v>
      </c>
      <c r="V24409" s="2">
        <v>2.8</v>
      </c>
      <c r="W24409" s="2">
        <v>2.1000000000000001E-2</v>
      </c>
      <c r="X24409" s="2">
        <v>165.1</v>
      </c>
      <c r="Y24409" s="2">
        <v>7.6</v>
      </c>
      <c r="Z24409" s="2">
        <v>16.7</v>
      </c>
      <c r="AA24409" s="5"/>
      <c r="AB24409" s="5" t="s">
        <v>43</v>
      </c>
      <c r="AC24409" s="5" t="s">
        <v>44</v>
      </c>
      <c r="AD24409" s="2"/>
      <c r="AE24409" s="1"/>
    </row>
    <row r="24410" spans="1:31" ht="14.45">
      <c r="A24410" s="11"/>
      <c r="B24410" s="20"/>
      <c r="C24410" s="2" t="s">
        <v>78109</v>
      </c>
      <c r="D24410" s="14" t="s">
        <v>78110</v>
      </c>
      <c r="E24410" s="2" t="s">
        <v>78111</v>
      </c>
      <c r="F24410" s="2" t="s">
        <v>7204</v>
      </c>
      <c r="G24410" s="8">
        <v>254</v>
      </c>
      <c r="H24410" s="5">
        <v>6</v>
      </c>
      <c r="I24410" s="5" t="s">
        <v>1518</v>
      </c>
      <c r="J24410" s="5" t="s">
        <v>69038</v>
      </c>
      <c r="K24410" s="2" t="s">
        <v>69039</v>
      </c>
      <c r="L24410" s="5" t="s">
        <v>69038</v>
      </c>
      <c r="M24410" s="2" t="s">
        <v>69039</v>
      </c>
      <c r="N24410" s="5" t="s">
        <v>1521</v>
      </c>
      <c r="O24410" s="5" t="s">
        <v>38</v>
      </c>
      <c r="P24410" s="5" t="s">
        <v>39</v>
      </c>
      <c r="Q24410" s="5" t="s">
        <v>40</v>
      </c>
      <c r="R24410" s="5" t="s">
        <v>1522</v>
      </c>
      <c r="S24410" s="5" t="s">
        <v>1523</v>
      </c>
      <c r="T24410" s="5" t="s">
        <v>42</v>
      </c>
      <c r="U24410" s="2">
        <v>2.7679999999999998</v>
      </c>
      <c r="V24410" s="2">
        <v>2.2330000000000001</v>
      </c>
      <c r="W24410" s="2">
        <v>1.4999999999999999E-2</v>
      </c>
      <c r="X24410" s="2">
        <v>118.9</v>
      </c>
      <c r="Y24410" s="2">
        <v>7.6</v>
      </c>
      <c r="Z24410" s="2">
        <v>16.7</v>
      </c>
      <c r="AA24410" s="5"/>
      <c r="AB24410" s="5" t="s">
        <v>43</v>
      </c>
      <c r="AC24410" s="5" t="s">
        <v>44</v>
      </c>
      <c r="AD24410" s="2"/>
      <c r="AE24410" s="1"/>
    </row>
    <row r="24411" spans="1:31" ht="14.45">
      <c r="A24411" s="11"/>
      <c r="B24411" s="20"/>
      <c r="C24411" s="2" t="s">
        <v>78112</v>
      </c>
      <c r="D24411" s="14" t="s">
        <v>78113</v>
      </c>
      <c r="E24411" s="2" t="s">
        <v>78114</v>
      </c>
      <c r="F24411" s="2" t="s">
        <v>7514</v>
      </c>
      <c r="G24411" s="8">
        <v>254</v>
      </c>
      <c r="H24411" s="5">
        <v>6</v>
      </c>
      <c r="I24411" s="5" t="s">
        <v>1518</v>
      </c>
      <c r="J24411" s="5" t="s">
        <v>69038</v>
      </c>
      <c r="K24411" s="2" t="s">
        <v>69039</v>
      </c>
      <c r="L24411" s="5" t="s">
        <v>69038</v>
      </c>
      <c r="M24411" s="2" t="s">
        <v>69039</v>
      </c>
      <c r="N24411" s="5" t="s">
        <v>1521</v>
      </c>
      <c r="O24411" s="5" t="s">
        <v>38</v>
      </c>
      <c r="P24411" s="5" t="s">
        <v>39</v>
      </c>
      <c r="Q24411" s="5" t="s">
        <v>40</v>
      </c>
      <c r="R24411" s="5" t="s">
        <v>1522</v>
      </c>
      <c r="S24411" s="5" t="s">
        <v>1523</v>
      </c>
      <c r="T24411" s="5" t="s">
        <v>42</v>
      </c>
      <c r="U24411" s="2">
        <v>2.843</v>
      </c>
      <c r="V24411" s="2">
        <v>2.3079999999999998</v>
      </c>
      <c r="W24411" s="2">
        <v>1.4999999999999999E-2</v>
      </c>
      <c r="X24411" s="2">
        <v>118.9</v>
      </c>
      <c r="Y24411" s="2">
        <v>7.6</v>
      </c>
      <c r="Z24411" s="2">
        <v>16.7</v>
      </c>
      <c r="AA24411" s="5"/>
      <c r="AB24411" s="5" t="s">
        <v>43</v>
      </c>
      <c r="AC24411" s="5" t="s">
        <v>44</v>
      </c>
      <c r="AD24411" s="2"/>
      <c r="AE24411" s="1"/>
    </row>
    <row r="24412" spans="1:31" ht="14.45">
      <c r="A24412" s="11"/>
      <c r="B24412" s="20"/>
      <c r="C24412" s="2" t="s">
        <v>78115</v>
      </c>
      <c r="D24412" s="14" t="s">
        <v>78116</v>
      </c>
      <c r="E24412" s="2" t="s">
        <v>78117</v>
      </c>
      <c r="F24412" s="2" t="s">
        <v>7208</v>
      </c>
      <c r="G24412" s="8">
        <v>254</v>
      </c>
      <c r="H24412" s="5">
        <v>6</v>
      </c>
      <c r="I24412" s="5" t="s">
        <v>1518</v>
      </c>
      <c r="J24412" s="5" t="s">
        <v>69038</v>
      </c>
      <c r="K24412" s="2" t="s">
        <v>69039</v>
      </c>
      <c r="L24412" s="5" t="s">
        <v>69038</v>
      </c>
      <c r="M24412" s="2" t="s">
        <v>69039</v>
      </c>
      <c r="N24412" s="5" t="s">
        <v>1521</v>
      </c>
      <c r="O24412" s="5" t="s">
        <v>38</v>
      </c>
      <c r="P24412" s="5" t="s">
        <v>39</v>
      </c>
      <c r="Q24412" s="5" t="s">
        <v>40</v>
      </c>
      <c r="R24412" s="5" t="s">
        <v>1522</v>
      </c>
      <c r="S24412" s="5" t="s">
        <v>1523</v>
      </c>
      <c r="T24412" s="5" t="s">
        <v>42</v>
      </c>
      <c r="U24412" s="2">
        <v>2.7679999999999998</v>
      </c>
      <c r="V24412" s="2">
        <v>2.2330000000000001</v>
      </c>
      <c r="W24412" s="2">
        <v>1.4999999999999999E-2</v>
      </c>
      <c r="X24412" s="2">
        <v>118.9</v>
      </c>
      <c r="Y24412" s="2">
        <v>7.6</v>
      </c>
      <c r="Z24412" s="2">
        <v>16.7</v>
      </c>
      <c r="AA24412" s="5"/>
      <c r="AB24412" s="5" t="s">
        <v>43</v>
      </c>
      <c r="AC24412" s="5" t="s">
        <v>44</v>
      </c>
      <c r="AD24412" s="2"/>
      <c r="AE24412" s="1"/>
    </row>
    <row r="24413" spans="1:31" ht="14.45">
      <c r="A24413" s="11"/>
      <c r="B24413" s="20"/>
      <c r="C24413" s="2" t="s">
        <v>78118</v>
      </c>
      <c r="D24413" s="14" t="s">
        <v>78119</v>
      </c>
      <c r="E24413" s="2" t="s">
        <v>78120</v>
      </c>
      <c r="F24413" s="2" t="s">
        <v>7521</v>
      </c>
      <c r="G24413" s="8">
        <v>254</v>
      </c>
      <c r="H24413" s="5">
        <v>6</v>
      </c>
      <c r="I24413" s="5" t="s">
        <v>1518</v>
      </c>
      <c r="J24413" s="5" t="s">
        <v>69038</v>
      </c>
      <c r="K24413" s="2" t="s">
        <v>69039</v>
      </c>
      <c r="L24413" s="5" t="s">
        <v>69038</v>
      </c>
      <c r="M24413" s="2" t="s">
        <v>69039</v>
      </c>
      <c r="N24413" s="5" t="s">
        <v>1521</v>
      </c>
      <c r="O24413" s="5" t="s">
        <v>38</v>
      </c>
      <c r="P24413" s="5" t="s">
        <v>39</v>
      </c>
      <c r="Q24413" s="5" t="s">
        <v>40</v>
      </c>
      <c r="R24413" s="5" t="s">
        <v>1522</v>
      </c>
      <c r="S24413" s="5" t="s">
        <v>1523</v>
      </c>
      <c r="T24413" s="5" t="s">
        <v>42</v>
      </c>
      <c r="U24413" s="2">
        <v>2.843</v>
      </c>
      <c r="V24413" s="2">
        <v>2.3079999999999998</v>
      </c>
      <c r="W24413" s="2">
        <v>1.4999999999999999E-2</v>
      </c>
      <c r="X24413" s="2">
        <v>118.9</v>
      </c>
      <c r="Y24413" s="2">
        <v>7.6</v>
      </c>
      <c r="Z24413" s="2">
        <v>16.7</v>
      </c>
      <c r="AA24413" s="5"/>
      <c r="AB24413" s="5" t="s">
        <v>43</v>
      </c>
      <c r="AC24413" s="5" t="s">
        <v>44</v>
      </c>
      <c r="AD24413" s="2"/>
      <c r="AE24413" s="1"/>
    </row>
    <row r="24414" spans="1:31" ht="14.45">
      <c r="A24414" s="11"/>
      <c r="B24414" s="20"/>
      <c r="C24414" s="2" t="s">
        <v>78121</v>
      </c>
      <c r="D24414" s="14" t="s">
        <v>78122</v>
      </c>
      <c r="E24414" s="2" t="s">
        <v>78123</v>
      </c>
      <c r="F24414" s="2" t="s">
        <v>7406</v>
      </c>
      <c r="G24414" s="8">
        <v>272</v>
      </c>
      <c r="H24414" s="5">
        <v>6</v>
      </c>
      <c r="I24414" s="5" t="s">
        <v>1518</v>
      </c>
      <c r="J24414" s="5" t="s">
        <v>69038</v>
      </c>
      <c r="K24414" s="2" t="s">
        <v>69039</v>
      </c>
      <c r="L24414" s="5" t="s">
        <v>69038</v>
      </c>
      <c r="M24414" s="2" t="s">
        <v>69039</v>
      </c>
      <c r="N24414" s="5" t="s">
        <v>1521</v>
      </c>
      <c r="O24414" s="5" t="s">
        <v>38</v>
      </c>
      <c r="P24414" s="5" t="s">
        <v>39</v>
      </c>
      <c r="Q24414" s="5" t="s">
        <v>40</v>
      </c>
      <c r="R24414" s="5" t="s">
        <v>1522</v>
      </c>
      <c r="S24414" s="5" t="s">
        <v>1523</v>
      </c>
      <c r="T24414" s="5" t="s">
        <v>42</v>
      </c>
      <c r="U24414" s="2">
        <v>2.7679999999999998</v>
      </c>
      <c r="V24414" s="2">
        <v>2.2330000000000001</v>
      </c>
      <c r="W24414" s="2">
        <v>1.4999999999999999E-2</v>
      </c>
      <c r="X24414" s="2">
        <v>118.9</v>
      </c>
      <c r="Y24414" s="2">
        <v>7.6</v>
      </c>
      <c r="Z24414" s="2">
        <v>16.7</v>
      </c>
      <c r="AA24414" s="5"/>
      <c r="AB24414" s="5" t="s">
        <v>43</v>
      </c>
      <c r="AC24414" s="5" t="s">
        <v>44</v>
      </c>
      <c r="AD24414" s="2"/>
      <c r="AE24414" s="1"/>
    </row>
    <row r="24415" spans="1:31" ht="14.45">
      <c r="A24415" s="11"/>
      <c r="B24415" s="20"/>
      <c r="C24415" s="2" t="s">
        <v>78124</v>
      </c>
      <c r="D24415" s="14" t="s">
        <v>78125</v>
      </c>
      <c r="E24415" s="2" t="s">
        <v>78126</v>
      </c>
      <c r="F24415" s="2" t="s">
        <v>7535</v>
      </c>
      <c r="G24415" s="8">
        <v>272</v>
      </c>
      <c r="H24415" s="5">
        <v>6</v>
      </c>
      <c r="I24415" s="5" t="s">
        <v>1518</v>
      </c>
      <c r="J24415" s="5" t="s">
        <v>69038</v>
      </c>
      <c r="K24415" s="2" t="s">
        <v>69039</v>
      </c>
      <c r="L24415" s="5" t="s">
        <v>69038</v>
      </c>
      <c r="M24415" s="2" t="s">
        <v>69039</v>
      </c>
      <c r="N24415" s="5" t="s">
        <v>1521</v>
      </c>
      <c r="O24415" s="5" t="s">
        <v>38</v>
      </c>
      <c r="P24415" s="5" t="s">
        <v>39</v>
      </c>
      <c r="Q24415" s="5" t="s">
        <v>40</v>
      </c>
      <c r="R24415" s="5" t="s">
        <v>1522</v>
      </c>
      <c r="S24415" s="5" t="s">
        <v>1523</v>
      </c>
      <c r="T24415" s="5" t="s">
        <v>42</v>
      </c>
      <c r="U24415" s="2">
        <v>2.843</v>
      </c>
      <c r="V24415" s="2">
        <v>2.3079999999999998</v>
      </c>
      <c r="W24415" s="2">
        <v>1.4999999999999999E-2</v>
      </c>
      <c r="X24415" s="2">
        <v>118.9</v>
      </c>
      <c r="Y24415" s="2">
        <v>7.6</v>
      </c>
      <c r="Z24415" s="2">
        <v>16.7</v>
      </c>
      <c r="AA24415" s="5"/>
      <c r="AB24415" s="5" t="s">
        <v>43</v>
      </c>
      <c r="AC24415" s="5" t="s">
        <v>44</v>
      </c>
      <c r="AD24415" s="2"/>
      <c r="AE24415" s="1"/>
    </row>
    <row r="24416" spans="1:31" ht="14.45">
      <c r="A24416" s="11"/>
      <c r="B24416" s="20"/>
      <c r="C24416" s="2" t="s">
        <v>78127</v>
      </c>
      <c r="D24416" s="14" t="s">
        <v>78128</v>
      </c>
      <c r="E24416" s="2" t="s">
        <v>78129</v>
      </c>
      <c r="F24416" s="2" t="s">
        <v>7539</v>
      </c>
      <c r="G24416" s="8">
        <v>272</v>
      </c>
      <c r="H24416" s="5">
        <v>6</v>
      </c>
      <c r="I24416" s="5" t="s">
        <v>1518</v>
      </c>
      <c r="J24416" s="5" t="s">
        <v>69038</v>
      </c>
      <c r="K24416" s="2" t="s">
        <v>69039</v>
      </c>
      <c r="L24416" s="5" t="s">
        <v>69038</v>
      </c>
      <c r="M24416" s="2" t="s">
        <v>69039</v>
      </c>
      <c r="N24416" s="5" t="s">
        <v>1521</v>
      </c>
      <c r="O24416" s="5" t="s">
        <v>38</v>
      </c>
      <c r="P24416" s="5" t="s">
        <v>39</v>
      </c>
      <c r="Q24416" s="5" t="s">
        <v>40</v>
      </c>
      <c r="R24416" s="5" t="s">
        <v>1522</v>
      </c>
      <c r="S24416" s="5" t="s">
        <v>1523</v>
      </c>
      <c r="T24416" s="5" t="s">
        <v>42</v>
      </c>
      <c r="U24416" s="2">
        <v>2.7679999999999998</v>
      </c>
      <c r="V24416" s="2">
        <v>2.2330000000000001</v>
      </c>
      <c r="W24416" s="2">
        <v>1.4999999999999999E-2</v>
      </c>
      <c r="X24416" s="2">
        <v>118.9</v>
      </c>
      <c r="Y24416" s="2">
        <v>7.6</v>
      </c>
      <c r="Z24416" s="2">
        <v>16.7</v>
      </c>
      <c r="AA24416" s="5"/>
      <c r="AB24416" s="5" t="s">
        <v>43</v>
      </c>
      <c r="AC24416" s="5" t="s">
        <v>44</v>
      </c>
      <c r="AD24416" s="2"/>
      <c r="AE24416" s="1"/>
    </row>
    <row r="24417" spans="1:31" ht="14.45">
      <c r="A24417" s="11"/>
      <c r="B24417" s="20"/>
      <c r="C24417" s="2" t="s">
        <v>78130</v>
      </c>
      <c r="D24417" s="14" t="s">
        <v>78131</v>
      </c>
      <c r="E24417" s="2" t="s">
        <v>78132</v>
      </c>
      <c r="F24417" s="2" t="s">
        <v>7543</v>
      </c>
      <c r="G24417" s="8">
        <v>272</v>
      </c>
      <c r="H24417" s="5">
        <v>6</v>
      </c>
      <c r="I24417" s="5" t="s">
        <v>1518</v>
      </c>
      <c r="J24417" s="5" t="s">
        <v>69038</v>
      </c>
      <c r="K24417" s="2" t="s">
        <v>69039</v>
      </c>
      <c r="L24417" s="5" t="s">
        <v>69038</v>
      </c>
      <c r="M24417" s="2" t="s">
        <v>69039</v>
      </c>
      <c r="N24417" s="5" t="s">
        <v>1521</v>
      </c>
      <c r="O24417" s="5" t="s">
        <v>38</v>
      </c>
      <c r="P24417" s="5" t="s">
        <v>39</v>
      </c>
      <c r="Q24417" s="5" t="s">
        <v>40</v>
      </c>
      <c r="R24417" s="5" t="s">
        <v>1522</v>
      </c>
      <c r="S24417" s="5" t="s">
        <v>1523</v>
      </c>
      <c r="T24417" s="5" t="s">
        <v>42</v>
      </c>
      <c r="U24417" s="2">
        <v>2.843</v>
      </c>
      <c r="V24417" s="2">
        <v>2.3079999999999998</v>
      </c>
      <c r="W24417" s="2">
        <v>1.4999999999999999E-2</v>
      </c>
      <c r="X24417" s="2">
        <v>118.9</v>
      </c>
      <c r="Y24417" s="2">
        <v>7.6</v>
      </c>
      <c r="Z24417" s="2">
        <v>16.7</v>
      </c>
      <c r="AA24417" s="5"/>
      <c r="AB24417" s="5" t="s">
        <v>43</v>
      </c>
      <c r="AC24417" s="5" t="s">
        <v>44</v>
      </c>
      <c r="AD24417" s="2"/>
      <c r="AE24417" s="1"/>
    </row>
    <row r="24418" spans="1:31" ht="14.45">
      <c r="A24418" s="11"/>
      <c r="B24418" s="20"/>
      <c r="C24418" s="2" t="s">
        <v>78133</v>
      </c>
      <c r="D24418" s="14" t="s">
        <v>78134</v>
      </c>
      <c r="E24418" s="2" t="s">
        <v>78135</v>
      </c>
      <c r="F24418" s="2" t="s">
        <v>7396</v>
      </c>
      <c r="G24418" s="8">
        <v>254</v>
      </c>
      <c r="H24418" s="5">
        <v>6</v>
      </c>
      <c r="I24418" s="5" t="s">
        <v>1518</v>
      </c>
      <c r="J24418" s="5" t="s">
        <v>69038</v>
      </c>
      <c r="K24418" s="2" t="s">
        <v>69039</v>
      </c>
      <c r="L24418" s="5" t="s">
        <v>69038</v>
      </c>
      <c r="M24418" s="2" t="s">
        <v>69039</v>
      </c>
      <c r="N24418" s="5" t="s">
        <v>1521</v>
      </c>
      <c r="O24418" s="5" t="s">
        <v>38</v>
      </c>
      <c r="P24418" s="5" t="s">
        <v>39</v>
      </c>
      <c r="Q24418" s="5" t="s">
        <v>40</v>
      </c>
      <c r="R24418" s="5" t="s">
        <v>1522</v>
      </c>
      <c r="S24418" s="5" t="s">
        <v>1523</v>
      </c>
      <c r="T24418" s="5" t="s">
        <v>42</v>
      </c>
      <c r="U24418" s="2">
        <v>2.7679999999999998</v>
      </c>
      <c r="V24418" s="2">
        <v>2.2330000000000001</v>
      </c>
      <c r="W24418" s="2">
        <v>1.4999999999999999E-2</v>
      </c>
      <c r="X24418" s="2">
        <v>118.9</v>
      </c>
      <c r="Y24418" s="2">
        <v>7.6</v>
      </c>
      <c r="Z24418" s="2">
        <v>16.7</v>
      </c>
      <c r="AA24418" s="5"/>
      <c r="AB24418" s="5" t="s">
        <v>43</v>
      </c>
      <c r="AC24418" s="5" t="s">
        <v>44</v>
      </c>
      <c r="AD24418" s="2"/>
      <c r="AE24418" s="1"/>
    </row>
    <row r="24419" spans="1:31" ht="14.45">
      <c r="A24419" s="11"/>
      <c r="B24419" s="20"/>
      <c r="C24419" s="2" t="s">
        <v>78136</v>
      </c>
      <c r="D24419" s="14" t="s">
        <v>78137</v>
      </c>
      <c r="E24419" s="2" t="s">
        <v>78138</v>
      </c>
      <c r="F24419" s="2" t="s">
        <v>7507</v>
      </c>
      <c r="G24419" s="8">
        <v>254</v>
      </c>
      <c r="H24419" s="5">
        <v>6</v>
      </c>
      <c r="I24419" s="5" t="s">
        <v>1518</v>
      </c>
      <c r="J24419" s="5" t="s">
        <v>69038</v>
      </c>
      <c r="K24419" s="2" t="s">
        <v>69039</v>
      </c>
      <c r="L24419" s="5" t="s">
        <v>69038</v>
      </c>
      <c r="M24419" s="2" t="s">
        <v>69039</v>
      </c>
      <c r="N24419" s="5" t="s">
        <v>1521</v>
      </c>
      <c r="O24419" s="5" t="s">
        <v>38</v>
      </c>
      <c r="P24419" s="5" t="s">
        <v>39</v>
      </c>
      <c r="Q24419" s="5" t="s">
        <v>40</v>
      </c>
      <c r="R24419" s="5" t="s">
        <v>1522</v>
      </c>
      <c r="S24419" s="5" t="s">
        <v>1523</v>
      </c>
      <c r="T24419" s="5" t="s">
        <v>42</v>
      </c>
      <c r="U24419" s="2">
        <v>2.843</v>
      </c>
      <c r="V24419" s="2">
        <v>2.3079999999999998</v>
      </c>
      <c r="W24419" s="2">
        <v>1.4999999999999999E-2</v>
      </c>
      <c r="X24419" s="2">
        <v>118.9</v>
      </c>
      <c r="Y24419" s="2">
        <v>7.6</v>
      </c>
      <c r="Z24419" s="2">
        <v>16.7</v>
      </c>
      <c r="AA24419" s="5"/>
      <c r="AB24419" s="5" t="s">
        <v>43</v>
      </c>
      <c r="AC24419" s="5" t="s">
        <v>44</v>
      </c>
      <c r="AD24419" s="2"/>
      <c r="AE24419" s="1"/>
    </row>
    <row r="24420" spans="1:31" ht="14.45">
      <c r="A24420" s="11"/>
      <c r="B24420" s="20"/>
      <c r="C24420" s="2" t="s">
        <v>78139</v>
      </c>
      <c r="D24420" s="14" t="s">
        <v>78140</v>
      </c>
      <c r="E24420" s="2" t="s">
        <v>78141</v>
      </c>
      <c r="F24420" s="2" t="s">
        <v>7563</v>
      </c>
      <c r="G24420" s="8">
        <v>272</v>
      </c>
      <c r="H24420" s="5">
        <v>6</v>
      </c>
      <c r="I24420" s="5" t="s">
        <v>1518</v>
      </c>
      <c r="J24420" s="5" t="s">
        <v>69038</v>
      </c>
      <c r="K24420" s="2" t="s">
        <v>69039</v>
      </c>
      <c r="L24420" s="5" t="s">
        <v>69038</v>
      </c>
      <c r="M24420" s="2" t="s">
        <v>69039</v>
      </c>
      <c r="N24420" s="5" t="s">
        <v>1521</v>
      </c>
      <c r="O24420" s="5" t="s">
        <v>38</v>
      </c>
      <c r="P24420" s="5" t="s">
        <v>39</v>
      </c>
      <c r="Q24420" s="5" t="s">
        <v>40</v>
      </c>
      <c r="R24420" s="5" t="s">
        <v>1522</v>
      </c>
      <c r="S24420" s="5" t="s">
        <v>1523</v>
      </c>
      <c r="T24420" s="5" t="s">
        <v>42</v>
      </c>
      <c r="U24420" s="2">
        <v>2.7679999999999998</v>
      </c>
      <c r="V24420" s="2">
        <v>2.2330000000000001</v>
      </c>
      <c r="W24420" s="2">
        <v>1.4999999999999999E-2</v>
      </c>
      <c r="X24420" s="2">
        <v>118.9</v>
      </c>
      <c r="Y24420" s="2">
        <v>7.6</v>
      </c>
      <c r="Z24420" s="2">
        <v>16.7</v>
      </c>
      <c r="AA24420" s="5"/>
      <c r="AB24420" s="5" t="s">
        <v>43</v>
      </c>
      <c r="AC24420" s="5" t="s">
        <v>44</v>
      </c>
      <c r="AD24420" s="2"/>
      <c r="AE24420" s="1"/>
    </row>
    <row r="24421" spans="1:31" ht="14.45">
      <c r="A24421" s="11"/>
      <c r="B24421" s="20"/>
      <c r="C24421" s="2" t="s">
        <v>78142</v>
      </c>
      <c r="D24421" s="14" t="s">
        <v>78143</v>
      </c>
      <c r="E24421" s="2" t="s">
        <v>78144</v>
      </c>
      <c r="F24421" s="2" t="s">
        <v>7567</v>
      </c>
      <c r="G24421" s="8">
        <v>272</v>
      </c>
      <c r="H24421" s="5">
        <v>6</v>
      </c>
      <c r="I24421" s="5" t="s">
        <v>1518</v>
      </c>
      <c r="J24421" s="5" t="s">
        <v>69038</v>
      </c>
      <c r="K24421" s="2" t="s">
        <v>69039</v>
      </c>
      <c r="L24421" s="5" t="s">
        <v>69038</v>
      </c>
      <c r="M24421" s="2" t="s">
        <v>69039</v>
      </c>
      <c r="N24421" s="5" t="s">
        <v>1521</v>
      </c>
      <c r="O24421" s="5" t="s">
        <v>38</v>
      </c>
      <c r="P24421" s="5" t="s">
        <v>39</v>
      </c>
      <c r="Q24421" s="5" t="s">
        <v>40</v>
      </c>
      <c r="R24421" s="5" t="s">
        <v>1522</v>
      </c>
      <c r="S24421" s="5" t="s">
        <v>1523</v>
      </c>
      <c r="T24421" s="5" t="s">
        <v>42</v>
      </c>
      <c r="U24421" s="2">
        <v>2.843</v>
      </c>
      <c r="V24421" s="2">
        <v>2.3079999999999998</v>
      </c>
      <c r="W24421" s="2">
        <v>1.4999999999999999E-2</v>
      </c>
      <c r="X24421" s="2">
        <v>118.9</v>
      </c>
      <c r="Y24421" s="2">
        <v>7.6</v>
      </c>
      <c r="Z24421" s="2">
        <v>16.7</v>
      </c>
      <c r="AA24421" s="5"/>
      <c r="AB24421" s="5" t="s">
        <v>43</v>
      </c>
      <c r="AC24421" s="5" t="s">
        <v>44</v>
      </c>
      <c r="AD24421" s="2"/>
      <c r="AE24421" s="1"/>
    </row>
    <row r="24422" spans="1:31" ht="14.45">
      <c r="A24422" s="11"/>
      <c r="B24422" s="20"/>
      <c r="C24422" s="2" t="s">
        <v>78145</v>
      </c>
      <c r="D24422" s="14" t="s">
        <v>78146</v>
      </c>
      <c r="E24422" s="2" t="s">
        <v>78147</v>
      </c>
      <c r="F24422" s="2" t="s">
        <v>7555</v>
      </c>
      <c r="G24422" s="8">
        <v>272</v>
      </c>
      <c r="H24422" s="5">
        <v>6</v>
      </c>
      <c r="I24422" s="5" t="s">
        <v>1518</v>
      </c>
      <c r="J24422" s="5" t="s">
        <v>69038</v>
      </c>
      <c r="K24422" s="2" t="s">
        <v>69039</v>
      </c>
      <c r="L24422" s="5" t="s">
        <v>69038</v>
      </c>
      <c r="M24422" s="2" t="s">
        <v>69039</v>
      </c>
      <c r="N24422" s="5" t="s">
        <v>1521</v>
      </c>
      <c r="O24422" s="5" t="s">
        <v>38</v>
      </c>
      <c r="P24422" s="5" t="s">
        <v>39</v>
      </c>
      <c r="Q24422" s="5" t="s">
        <v>40</v>
      </c>
      <c r="R24422" s="5" t="s">
        <v>1522</v>
      </c>
      <c r="S24422" s="5" t="s">
        <v>1523</v>
      </c>
      <c r="T24422" s="5" t="s">
        <v>42</v>
      </c>
      <c r="U24422" s="2">
        <v>2.7679999999999998</v>
      </c>
      <c r="V24422" s="2">
        <v>2.2330000000000001</v>
      </c>
      <c r="W24422" s="2">
        <v>1.4999999999999999E-2</v>
      </c>
      <c r="X24422" s="2">
        <v>118.9</v>
      </c>
      <c r="Y24422" s="2">
        <v>7.6</v>
      </c>
      <c r="Z24422" s="2">
        <v>16.7</v>
      </c>
      <c r="AA24422" s="5"/>
      <c r="AB24422" s="5" t="s">
        <v>43</v>
      </c>
      <c r="AC24422" s="5" t="s">
        <v>44</v>
      </c>
      <c r="AD24422" s="2"/>
      <c r="AE24422" s="1"/>
    </row>
    <row r="24423" spans="1:31" ht="14.45">
      <c r="A24423" s="11"/>
      <c r="B24423" s="20"/>
      <c r="C24423" s="2" t="s">
        <v>78148</v>
      </c>
      <c r="D24423" s="14" t="s">
        <v>78149</v>
      </c>
      <c r="E24423" s="2" t="s">
        <v>78150</v>
      </c>
      <c r="F24423" s="2" t="s">
        <v>7449</v>
      </c>
      <c r="G24423" s="8">
        <v>272</v>
      </c>
      <c r="H24423" s="5">
        <v>6</v>
      </c>
      <c r="I24423" s="5" t="s">
        <v>1518</v>
      </c>
      <c r="J24423" s="5" t="s">
        <v>69038</v>
      </c>
      <c r="K24423" s="2" t="s">
        <v>69039</v>
      </c>
      <c r="L24423" s="5" t="s">
        <v>69038</v>
      </c>
      <c r="M24423" s="2" t="s">
        <v>69039</v>
      </c>
      <c r="N24423" s="5" t="s">
        <v>1521</v>
      </c>
      <c r="O24423" s="5" t="s">
        <v>38</v>
      </c>
      <c r="P24423" s="5" t="s">
        <v>39</v>
      </c>
      <c r="Q24423" s="5" t="s">
        <v>40</v>
      </c>
      <c r="R24423" s="5" t="s">
        <v>1522</v>
      </c>
      <c r="S24423" s="5" t="s">
        <v>1523</v>
      </c>
      <c r="T24423" s="5" t="s">
        <v>42</v>
      </c>
      <c r="U24423" s="2">
        <v>2.7679999999999998</v>
      </c>
      <c r="V24423" s="2">
        <v>2.2330000000000001</v>
      </c>
      <c r="W24423" s="2">
        <v>1.4999999999999999E-2</v>
      </c>
      <c r="X24423" s="2">
        <v>118.9</v>
      </c>
      <c r="Y24423" s="2">
        <v>7.6</v>
      </c>
      <c r="Z24423" s="2">
        <v>16.7</v>
      </c>
      <c r="AA24423" s="5"/>
      <c r="AB24423" s="5" t="s">
        <v>43</v>
      </c>
      <c r="AC24423" s="5" t="s">
        <v>44</v>
      </c>
      <c r="AD24423" s="2"/>
      <c r="AE24423" s="1"/>
    </row>
    <row r="24424" spans="1:31" ht="14.45">
      <c r="A24424" s="11"/>
      <c r="B24424" s="20"/>
      <c r="C24424" s="2" t="s">
        <v>78151</v>
      </c>
      <c r="D24424" s="14" t="s">
        <v>78152</v>
      </c>
      <c r="E24424" s="2" t="s">
        <v>78153</v>
      </c>
      <c r="F24424" s="2" t="s">
        <v>7581</v>
      </c>
      <c r="G24424" s="8">
        <v>272</v>
      </c>
      <c r="H24424" s="5">
        <v>6</v>
      </c>
      <c r="I24424" s="5" t="s">
        <v>1518</v>
      </c>
      <c r="J24424" s="5" t="s">
        <v>69038</v>
      </c>
      <c r="K24424" s="2" t="s">
        <v>69039</v>
      </c>
      <c r="L24424" s="5" t="s">
        <v>69038</v>
      </c>
      <c r="M24424" s="2" t="s">
        <v>69039</v>
      </c>
      <c r="N24424" s="5" t="s">
        <v>1521</v>
      </c>
      <c r="O24424" s="5" t="s">
        <v>38</v>
      </c>
      <c r="P24424" s="5" t="s">
        <v>39</v>
      </c>
      <c r="Q24424" s="5" t="s">
        <v>40</v>
      </c>
      <c r="R24424" s="5" t="s">
        <v>1522</v>
      </c>
      <c r="S24424" s="5" t="s">
        <v>1523</v>
      </c>
      <c r="T24424" s="5" t="s">
        <v>42</v>
      </c>
      <c r="U24424" s="2">
        <v>2.843</v>
      </c>
      <c r="V24424" s="2">
        <v>2.3079999999999998</v>
      </c>
      <c r="W24424" s="2">
        <v>1.4999999999999999E-2</v>
      </c>
      <c r="X24424" s="2">
        <v>118.9</v>
      </c>
      <c r="Y24424" s="2">
        <v>7.6</v>
      </c>
      <c r="Z24424" s="2">
        <v>16.7</v>
      </c>
      <c r="AA24424" s="5"/>
      <c r="AB24424" s="5" t="s">
        <v>43</v>
      </c>
      <c r="AC24424" s="5" t="s">
        <v>44</v>
      </c>
      <c r="AD24424" s="2"/>
      <c r="AE24424" s="1"/>
    </row>
    <row r="24425" spans="1:31" ht="14.45">
      <c r="A24425" s="11"/>
      <c r="B24425" s="20"/>
      <c r="C24425" s="2" t="s">
        <v>78154</v>
      </c>
      <c r="D24425" s="14" t="s">
        <v>78155</v>
      </c>
      <c r="E24425" s="2" t="s">
        <v>78156</v>
      </c>
      <c r="F24425" s="2" t="s">
        <v>7585</v>
      </c>
      <c r="G24425" s="8">
        <v>272</v>
      </c>
      <c r="H24425" s="5">
        <v>6</v>
      </c>
      <c r="I24425" s="5" t="s">
        <v>1518</v>
      </c>
      <c r="J24425" s="5" t="s">
        <v>69038</v>
      </c>
      <c r="K24425" s="2" t="s">
        <v>69039</v>
      </c>
      <c r="L24425" s="5" t="s">
        <v>69038</v>
      </c>
      <c r="M24425" s="2" t="s">
        <v>69039</v>
      </c>
      <c r="N24425" s="5" t="s">
        <v>1521</v>
      </c>
      <c r="O24425" s="5" t="s">
        <v>38</v>
      </c>
      <c r="P24425" s="5" t="s">
        <v>39</v>
      </c>
      <c r="Q24425" s="5" t="s">
        <v>40</v>
      </c>
      <c r="R24425" s="5" t="s">
        <v>1522</v>
      </c>
      <c r="S24425" s="5" t="s">
        <v>1523</v>
      </c>
      <c r="T24425" s="5" t="s">
        <v>42</v>
      </c>
      <c r="U24425" s="2">
        <v>2.7679999999999998</v>
      </c>
      <c r="V24425" s="2">
        <v>2.2330000000000001</v>
      </c>
      <c r="W24425" s="2">
        <v>1.4999999999999999E-2</v>
      </c>
      <c r="X24425" s="2">
        <v>118.9</v>
      </c>
      <c r="Y24425" s="2">
        <v>7.6</v>
      </c>
      <c r="Z24425" s="2">
        <v>16.7</v>
      </c>
      <c r="AA24425" s="5"/>
      <c r="AB24425" s="5" t="s">
        <v>43</v>
      </c>
      <c r="AC24425" s="5" t="s">
        <v>44</v>
      </c>
      <c r="AD24425" s="2"/>
      <c r="AE24425" s="1"/>
    </row>
    <row r="24426" spans="1:31" ht="14.45">
      <c r="A24426" s="11"/>
      <c r="B24426" s="20"/>
      <c r="C24426" s="2" t="s">
        <v>78157</v>
      </c>
      <c r="D24426" s="14" t="s">
        <v>78158</v>
      </c>
      <c r="E24426" s="2" t="s">
        <v>78159</v>
      </c>
      <c r="F24426" s="2" t="s">
        <v>7589</v>
      </c>
      <c r="G24426" s="8">
        <v>272</v>
      </c>
      <c r="H24426" s="5">
        <v>6</v>
      </c>
      <c r="I24426" s="5" t="s">
        <v>1518</v>
      </c>
      <c r="J24426" s="5" t="s">
        <v>69038</v>
      </c>
      <c r="K24426" s="2" t="s">
        <v>69039</v>
      </c>
      <c r="L24426" s="5" t="s">
        <v>69038</v>
      </c>
      <c r="M24426" s="2" t="s">
        <v>69039</v>
      </c>
      <c r="N24426" s="5" t="s">
        <v>1521</v>
      </c>
      <c r="O24426" s="5" t="s">
        <v>38</v>
      </c>
      <c r="P24426" s="5" t="s">
        <v>39</v>
      </c>
      <c r="Q24426" s="5" t="s">
        <v>40</v>
      </c>
      <c r="R24426" s="5" t="s">
        <v>1522</v>
      </c>
      <c r="S24426" s="5" t="s">
        <v>1523</v>
      </c>
      <c r="T24426" s="5" t="s">
        <v>42</v>
      </c>
      <c r="U24426" s="2">
        <v>2.843</v>
      </c>
      <c r="V24426" s="2">
        <v>2.3079999999999998</v>
      </c>
      <c r="W24426" s="2">
        <v>1.4999999999999999E-2</v>
      </c>
      <c r="X24426" s="2">
        <v>118.9</v>
      </c>
      <c r="Y24426" s="2">
        <v>7.6</v>
      </c>
      <c r="Z24426" s="2">
        <v>16.7</v>
      </c>
      <c r="AA24426" s="5"/>
      <c r="AB24426" s="5" t="s">
        <v>43</v>
      </c>
      <c r="AC24426" s="5" t="s">
        <v>44</v>
      </c>
      <c r="AD24426" s="2"/>
      <c r="AE24426" s="1"/>
    </row>
    <row r="24427" spans="1:31" ht="14.45">
      <c r="A24427" s="11"/>
      <c r="B24427" s="20"/>
      <c r="C24427" s="2" t="s">
        <v>78160</v>
      </c>
      <c r="D24427" s="14" t="s">
        <v>78161</v>
      </c>
      <c r="E24427" s="2" t="s">
        <v>78162</v>
      </c>
      <c r="F24427" s="2" t="s">
        <v>73362</v>
      </c>
      <c r="G24427" s="8">
        <v>272</v>
      </c>
      <c r="H24427" s="5">
        <v>6</v>
      </c>
      <c r="I24427" s="5" t="s">
        <v>1518</v>
      </c>
      <c r="J24427" s="5" t="s">
        <v>69038</v>
      </c>
      <c r="K24427" s="2" t="s">
        <v>69039</v>
      </c>
      <c r="L24427" s="5" t="s">
        <v>69038</v>
      </c>
      <c r="M24427" s="2" t="s">
        <v>69039</v>
      </c>
      <c r="N24427" s="5" t="s">
        <v>1521</v>
      </c>
      <c r="O24427" s="5" t="s">
        <v>38</v>
      </c>
      <c r="P24427" s="5" t="s">
        <v>39</v>
      </c>
      <c r="Q24427" s="5" t="s">
        <v>40</v>
      </c>
      <c r="R24427" s="5" t="s">
        <v>1522</v>
      </c>
      <c r="S24427" s="5" t="s">
        <v>1523</v>
      </c>
      <c r="T24427" s="5" t="s">
        <v>42</v>
      </c>
      <c r="U24427" s="2">
        <v>2.843</v>
      </c>
      <c r="V24427" s="2">
        <v>2.3079999999999998</v>
      </c>
      <c r="W24427" s="2">
        <v>1.4999999999999999E-2</v>
      </c>
      <c r="X24427" s="2">
        <v>118.9</v>
      </c>
      <c r="Y24427" s="2">
        <v>7.6</v>
      </c>
      <c r="Z24427" s="2">
        <v>16.7</v>
      </c>
      <c r="AA24427" s="5"/>
      <c r="AB24427" s="5" t="s">
        <v>43</v>
      </c>
      <c r="AC24427" s="5" t="s">
        <v>44</v>
      </c>
      <c r="AD24427" s="2"/>
      <c r="AE24427" s="1"/>
    </row>
    <row r="24428" spans="1:31" ht="14.45">
      <c r="A24428" s="11"/>
      <c r="B24428" s="20"/>
      <c r="C24428" s="2" t="s">
        <v>78163</v>
      </c>
      <c r="D24428" s="14" t="s">
        <v>78164</v>
      </c>
      <c r="E24428" s="2" t="s">
        <v>78165</v>
      </c>
      <c r="F24428" s="2" t="s">
        <v>7615</v>
      </c>
      <c r="G24428" s="8">
        <v>272</v>
      </c>
      <c r="H24428" s="5">
        <v>6</v>
      </c>
      <c r="I24428" s="5" t="s">
        <v>1518</v>
      </c>
      <c r="J24428" s="5" t="s">
        <v>69038</v>
      </c>
      <c r="K24428" s="2" t="s">
        <v>69039</v>
      </c>
      <c r="L24428" s="5" t="s">
        <v>69038</v>
      </c>
      <c r="M24428" s="2" t="s">
        <v>69039</v>
      </c>
      <c r="N24428" s="5" t="s">
        <v>1521</v>
      </c>
      <c r="O24428" s="5" t="s">
        <v>38</v>
      </c>
      <c r="P24428" s="5" t="s">
        <v>39</v>
      </c>
      <c r="Q24428" s="5" t="s">
        <v>40</v>
      </c>
      <c r="R24428" s="5" t="s">
        <v>1522</v>
      </c>
      <c r="S24428" s="5" t="s">
        <v>1523</v>
      </c>
      <c r="T24428" s="5" t="s">
        <v>42</v>
      </c>
      <c r="U24428" s="2">
        <v>2.7679999999999998</v>
      </c>
      <c r="V24428" s="2">
        <v>2.2330000000000001</v>
      </c>
      <c r="W24428" s="2">
        <v>1.4999999999999999E-2</v>
      </c>
      <c r="X24428" s="2">
        <v>118.9</v>
      </c>
      <c r="Y24428" s="2">
        <v>7.6</v>
      </c>
      <c r="Z24428" s="2">
        <v>16.7</v>
      </c>
      <c r="AA24428" s="5"/>
      <c r="AB24428" s="5" t="s">
        <v>43</v>
      </c>
      <c r="AC24428" s="5" t="s">
        <v>44</v>
      </c>
      <c r="AD24428" s="2"/>
      <c r="AE24428" s="1"/>
    </row>
    <row r="24429" spans="1:31" ht="14.45">
      <c r="A24429" s="11"/>
      <c r="B24429" s="20"/>
      <c r="C24429" s="2" t="s">
        <v>78166</v>
      </c>
      <c r="D24429" s="14" t="s">
        <v>78167</v>
      </c>
      <c r="E24429" s="2" t="s">
        <v>78168</v>
      </c>
      <c r="F24429" s="2" t="s">
        <v>7619</v>
      </c>
      <c r="G24429" s="8">
        <v>272</v>
      </c>
      <c r="H24429" s="5">
        <v>6</v>
      </c>
      <c r="I24429" s="5" t="s">
        <v>1518</v>
      </c>
      <c r="J24429" s="5" t="s">
        <v>69038</v>
      </c>
      <c r="K24429" s="2" t="s">
        <v>69039</v>
      </c>
      <c r="L24429" s="5" t="s">
        <v>69038</v>
      </c>
      <c r="M24429" s="2" t="s">
        <v>69039</v>
      </c>
      <c r="N24429" s="5" t="s">
        <v>1521</v>
      </c>
      <c r="O24429" s="5" t="s">
        <v>38</v>
      </c>
      <c r="P24429" s="5" t="s">
        <v>39</v>
      </c>
      <c r="Q24429" s="5" t="s">
        <v>40</v>
      </c>
      <c r="R24429" s="5" t="s">
        <v>1522</v>
      </c>
      <c r="S24429" s="5" t="s">
        <v>1523</v>
      </c>
      <c r="T24429" s="5" t="s">
        <v>42</v>
      </c>
      <c r="U24429" s="2">
        <v>2.843</v>
      </c>
      <c r="V24429" s="2">
        <v>2.3079999999999998</v>
      </c>
      <c r="W24429" s="2">
        <v>1.4999999999999999E-2</v>
      </c>
      <c r="X24429" s="2">
        <v>118.9</v>
      </c>
      <c r="Y24429" s="2">
        <v>7.6</v>
      </c>
      <c r="Z24429" s="2">
        <v>16.7</v>
      </c>
      <c r="AA24429" s="5"/>
      <c r="AB24429" s="5" t="s">
        <v>43</v>
      </c>
      <c r="AC24429" s="5" t="s">
        <v>44</v>
      </c>
      <c r="AD24429" s="2"/>
      <c r="AE24429" s="1"/>
    </row>
    <row r="24430" spans="1:31" ht="14.45">
      <c r="A24430" s="11"/>
      <c r="B24430" s="20"/>
      <c r="C24430" s="2" t="s">
        <v>78169</v>
      </c>
      <c r="D24430" s="14" t="s">
        <v>78170</v>
      </c>
      <c r="E24430" s="2" t="s">
        <v>78171</v>
      </c>
      <c r="F24430" s="2" t="s">
        <v>7212</v>
      </c>
      <c r="G24430" s="8">
        <v>254</v>
      </c>
      <c r="H24430" s="5">
        <v>6</v>
      </c>
      <c r="I24430" s="5" t="s">
        <v>1518</v>
      </c>
      <c r="J24430" s="5" t="s">
        <v>69038</v>
      </c>
      <c r="K24430" s="2" t="s">
        <v>69039</v>
      </c>
      <c r="L24430" s="5" t="s">
        <v>69038</v>
      </c>
      <c r="M24430" s="2" t="s">
        <v>69039</v>
      </c>
      <c r="N24430" s="5" t="s">
        <v>1521</v>
      </c>
      <c r="O24430" s="5" t="s">
        <v>38</v>
      </c>
      <c r="P24430" s="5" t="s">
        <v>39</v>
      </c>
      <c r="Q24430" s="5" t="s">
        <v>40</v>
      </c>
      <c r="R24430" s="5" t="s">
        <v>1522</v>
      </c>
      <c r="S24430" s="5" t="s">
        <v>1523</v>
      </c>
      <c r="T24430" s="5" t="s">
        <v>42</v>
      </c>
      <c r="U24430" s="2">
        <v>2.7679999999999998</v>
      </c>
      <c r="V24430" s="2">
        <v>2.2330000000000001</v>
      </c>
      <c r="W24430" s="2">
        <v>1.4999999999999999E-2</v>
      </c>
      <c r="X24430" s="2">
        <v>118.9</v>
      </c>
      <c r="Y24430" s="2">
        <v>7.6</v>
      </c>
      <c r="Z24430" s="2">
        <v>16.7</v>
      </c>
      <c r="AA24430" s="5"/>
      <c r="AB24430" s="5" t="s">
        <v>43</v>
      </c>
      <c r="AC24430" s="5" t="s">
        <v>44</v>
      </c>
      <c r="AD24430" s="2"/>
      <c r="AE24430" s="1"/>
    </row>
    <row r="24431" spans="1:31" ht="14.45">
      <c r="A24431" s="11"/>
      <c r="B24431" s="20"/>
      <c r="C24431" s="2" t="s">
        <v>78172</v>
      </c>
      <c r="D24431" s="14" t="s">
        <v>78173</v>
      </c>
      <c r="E24431" s="2" t="s">
        <v>78174</v>
      </c>
      <c r="F24431" s="2" t="s">
        <v>7528</v>
      </c>
      <c r="G24431" s="8">
        <v>254</v>
      </c>
      <c r="H24431" s="5">
        <v>6</v>
      </c>
      <c r="I24431" s="5" t="s">
        <v>1518</v>
      </c>
      <c r="J24431" s="5" t="s">
        <v>69038</v>
      </c>
      <c r="K24431" s="2" t="s">
        <v>69039</v>
      </c>
      <c r="L24431" s="5" t="s">
        <v>69038</v>
      </c>
      <c r="M24431" s="2" t="s">
        <v>69039</v>
      </c>
      <c r="N24431" s="5" t="s">
        <v>1521</v>
      </c>
      <c r="O24431" s="5" t="s">
        <v>38</v>
      </c>
      <c r="P24431" s="5" t="s">
        <v>39</v>
      </c>
      <c r="Q24431" s="5" t="s">
        <v>40</v>
      </c>
      <c r="R24431" s="5" t="s">
        <v>1522</v>
      </c>
      <c r="S24431" s="5" t="s">
        <v>1523</v>
      </c>
      <c r="T24431" s="5" t="s">
        <v>42</v>
      </c>
      <c r="U24431" s="2">
        <v>2.843</v>
      </c>
      <c r="V24431" s="2">
        <v>2.3079999999999998</v>
      </c>
      <c r="W24431" s="2">
        <v>1.4999999999999999E-2</v>
      </c>
      <c r="X24431" s="2">
        <v>118.9</v>
      </c>
      <c r="Y24431" s="2">
        <v>7.6</v>
      </c>
      <c r="Z24431" s="2">
        <v>16.7</v>
      </c>
      <c r="AA24431" s="5"/>
      <c r="AB24431" s="5" t="s">
        <v>43</v>
      </c>
      <c r="AC24431" s="5" t="s">
        <v>44</v>
      </c>
      <c r="AD24431" s="2"/>
      <c r="AE24431" s="1"/>
    </row>
    <row r="24432" spans="1:31" ht="14.45">
      <c r="A24432" s="11"/>
      <c r="B24432" s="20"/>
      <c r="C24432" s="2" t="s">
        <v>78175</v>
      </c>
      <c r="D24432" s="14" t="s">
        <v>78176</v>
      </c>
      <c r="E24432" s="2" t="s">
        <v>78177</v>
      </c>
      <c r="F24432" s="2" t="s">
        <v>16029</v>
      </c>
      <c r="G24432" s="8">
        <v>272</v>
      </c>
      <c r="H24432" s="5">
        <v>6</v>
      </c>
      <c r="I24432" s="5" t="s">
        <v>1518</v>
      </c>
      <c r="J24432" s="5" t="s">
        <v>69038</v>
      </c>
      <c r="K24432" s="2" t="s">
        <v>69039</v>
      </c>
      <c r="L24432" s="5" t="s">
        <v>69038</v>
      </c>
      <c r="M24432" s="2" t="s">
        <v>69039</v>
      </c>
      <c r="N24432" s="5" t="s">
        <v>1521</v>
      </c>
      <c r="O24432" s="5" t="s">
        <v>38</v>
      </c>
      <c r="P24432" s="5" t="s">
        <v>39</v>
      </c>
      <c r="Q24432" s="5" t="s">
        <v>40</v>
      </c>
      <c r="R24432" s="5" t="s">
        <v>1522</v>
      </c>
      <c r="S24432" s="5" t="s">
        <v>1523</v>
      </c>
      <c r="T24432" s="5" t="s">
        <v>42</v>
      </c>
      <c r="U24432" s="2">
        <v>2.77</v>
      </c>
      <c r="V24432" s="2">
        <v>2.2349999999999999</v>
      </c>
      <c r="W24432" s="2">
        <v>1.4999999999999999E-2</v>
      </c>
      <c r="X24432" s="2">
        <v>118.9</v>
      </c>
      <c r="Y24432" s="2">
        <v>7.6</v>
      </c>
      <c r="Z24432" s="2">
        <v>16.7</v>
      </c>
      <c r="AA24432" s="5"/>
      <c r="AB24432" s="5" t="s">
        <v>43</v>
      </c>
      <c r="AC24432" s="5" t="s">
        <v>44</v>
      </c>
      <c r="AD24432" s="2"/>
      <c r="AE24432" s="1"/>
    </row>
    <row r="24433" spans="1:31" ht="14.45">
      <c r="A24433" s="11"/>
      <c r="B24433" s="20"/>
      <c r="C24433" s="2" t="s">
        <v>78178</v>
      </c>
      <c r="D24433" s="14" t="s">
        <v>78179</v>
      </c>
      <c r="E24433" s="2" t="s">
        <v>78180</v>
      </c>
      <c r="F24433" s="2" t="s">
        <v>16033</v>
      </c>
      <c r="G24433" s="8">
        <v>272</v>
      </c>
      <c r="H24433" s="5">
        <v>6</v>
      </c>
      <c r="I24433" s="5" t="s">
        <v>1518</v>
      </c>
      <c r="J24433" s="5" t="s">
        <v>69038</v>
      </c>
      <c r="K24433" s="2" t="s">
        <v>69039</v>
      </c>
      <c r="L24433" s="5" t="s">
        <v>69038</v>
      </c>
      <c r="M24433" s="2" t="s">
        <v>69039</v>
      </c>
      <c r="N24433" s="5" t="s">
        <v>1521</v>
      </c>
      <c r="O24433" s="5" t="s">
        <v>38</v>
      </c>
      <c r="P24433" s="5" t="s">
        <v>39</v>
      </c>
      <c r="Q24433" s="5" t="s">
        <v>40</v>
      </c>
      <c r="R24433" s="5" t="s">
        <v>1522</v>
      </c>
      <c r="S24433" s="5" t="s">
        <v>1523</v>
      </c>
      <c r="T24433" s="5" t="s">
        <v>42</v>
      </c>
      <c r="U24433" s="2">
        <v>2.8450000000000002</v>
      </c>
      <c r="V24433" s="2">
        <v>2.31</v>
      </c>
      <c r="W24433" s="2">
        <v>1.4999999999999999E-2</v>
      </c>
      <c r="X24433" s="2">
        <v>118.9</v>
      </c>
      <c r="Y24433" s="2">
        <v>7.6</v>
      </c>
      <c r="Z24433" s="2">
        <v>16.7</v>
      </c>
      <c r="AA24433" s="5"/>
      <c r="AB24433" s="5" t="s">
        <v>43</v>
      </c>
      <c r="AC24433" s="5" t="s">
        <v>44</v>
      </c>
      <c r="AD24433" s="2"/>
      <c r="AE24433" s="1"/>
    </row>
    <row r="24434" spans="1:31" ht="14.45">
      <c r="A24434" s="11"/>
      <c r="B24434" s="20"/>
      <c r="C24434" s="2" t="s">
        <v>78181</v>
      </c>
      <c r="D24434" s="14" t="s">
        <v>78182</v>
      </c>
      <c r="E24434" s="2" t="s">
        <v>78183</v>
      </c>
      <c r="F24434" s="2" t="s">
        <v>7204</v>
      </c>
      <c r="G24434" s="8">
        <v>254</v>
      </c>
      <c r="H24434" s="5">
        <v>6</v>
      </c>
      <c r="I24434" s="5" t="s">
        <v>1518</v>
      </c>
      <c r="J24434" s="5" t="s">
        <v>69038</v>
      </c>
      <c r="K24434" s="2" t="s">
        <v>69039</v>
      </c>
      <c r="L24434" s="5" t="s">
        <v>69038</v>
      </c>
      <c r="M24434" s="2" t="s">
        <v>69039</v>
      </c>
      <c r="N24434" s="5" t="s">
        <v>1521</v>
      </c>
      <c r="O24434" s="5" t="s">
        <v>38</v>
      </c>
      <c r="P24434" s="5" t="s">
        <v>39</v>
      </c>
      <c r="Q24434" s="5" t="s">
        <v>40</v>
      </c>
      <c r="R24434" s="5" t="s">
        <v>1522</v>
      </c>
      <c r="S24434" s="5" t="s">
        <v>1523</v>
      </c>
      <c r="T24434" s="5" t="s">
        <v>42</v>
      </c>
      <c r="U24434" s="2">
        <v>2.9239999999999999</v>
      </c>
      <c r="V24434" s="2">
        <v>2.3969999999999998</v>
      </c>
      <c r="W24434" s="2">
        <v>1.4999999999999999E-2</v>
      </c>
      <c r="X24434" s="2">
        <v>118.9</v>
      </c>
      <c r="Y24434" s="2">
        <v>7.6</v>
      </c>
      <c r="Z24434" s="2">
        <v>16.7</v>
      </c>
      <c r="AA24434" s="5"/>
      <c r="AB24434" s="5" t="s">
        <v>43</v>
      </c>
      <c r="AC24434" s="5" t="s">
        <v>44</v>
      </c>
      <c r="AD24434" s="2"/>
      <c r="AE24434" s="1"/>
    </row>
    <row r="24435" spans="1:31" ht="14.45">
      <c r="A24435" s="11"/>
      <c r="B24435" s="20"/>
      <c r="C24435" s="2" t="s">
        <v>78184</v>
      </c>
      <c r="D24435" s="14" t="s">
        <v>78185</v>
      </c>
      <c r="E24435" s="2" t="s">
        <v>78186</v>
      </c>
      <c r="F24435" s="2" t="s">
        <v>7514</v>
      </c>
      <c r="G24435" s="8">
        <v>254</v>
      </c>
      <c r="H24435" s="5">
        <v>6</v>
      </c>
      <c r="I24435" s="5" t="s">
        <v>1518</v>
      </c>
      <c r="J24435" s="5" t="s">
        <v>69038</v>
      </c>
      <c r="K24435" s="2" t="s">
        <v>69039</v>
      </c>
      <c r="L24435" s="5" t="s">
        <v>69038</v>
      </c>
      <c r="M24435" s="2" t="s">
        <v>69039</v>
      </c>
      <c r="N24435" s="5" t="s">
        <v>1521</v>
      </c>
      <c r="O24435" s="5" t="s">
        <v>38</v>
      </c>
      <c r="P24435" s="5" t="s">
        <v>39</v>
      </c>
      <c r="Q24435" s="5" t="s">
        <v>40</v>
      </c>
      <c r="R24435" s="5" t="s">
        <v>1522</v>
      </c>
      <c r="S24435" s="5" t="s">
        <v>1523</v>
      </c>
      <c r="T24435" s="5" t="s">
        <v>42</v>
      </c>
      <c r="U24435" s="2">
        <v>3.01</v>
      </c>
      <c r="V24435" s="2">
        <v>2.4830000000000001</v>
      </c>
      <c r="W24435" s="2">
        <v>1.4999999999999999E-2</v>
      </c>
      <c r="X24435" s="2">
        <v>118.9</v>
      </c>
      <c r="Y24435" s="2">
        <v>7.6</v>
      </c>
      <c r="Z24435" s="2">
        <v>16.7</v>
      </c>
      <c r="AA24435" s="5"/>
      <c r="AB24435" s="5" t="s">
        <v>43</v>
      </c>
      <c r="AC24435" s="5" t="s">
        <v>44</v>
      </c>
      <c r="AD24435" s="2"/>
      <c r="AE24435" s="1"/>
    </row>
    <row r="24436" spans="1:31" ht="14.45">
      <c r="A24436" s="11"/>
      <c r="B24436" s="20"/>
      <c r="C24436" s="2" t="s">
        <v>78187</v>
      </c>
      <c r="D24436" s="14" t="s">
        <v>78188</v>
      </c>
      <c r="E24436" s="2" t="s">
        <v>78189</v>
      </c>
      <c r="F24436" s="2" t="s">
        <v>7208</v>
      </c>
      <c r="G24436" s="8">
        <v>254</v>
      </c>
      <c r="H24436" s="5">
        <v>6</v>
      </c>
      <c r="I24436" s="5" t="s">
        <v>1518</v>
      </c>
      <c r="J24436" s="5" t="s">
        <v>69038</v>
      </c>
      <c r="K24436" s="2" t="s">
        <v>69039</v>
      </c>
      <c r="L24436" s="5" t="s">
        <v>69038</v>
      </c>
      <c r="M24436" s="2" t="s">
        <v>69039</v>
      </c>
      <c r="N24436" s="5" t="s">
        <v>1521</v>
      </c>
      <c r="O24436" s="5" t="s">
        <v>38</v>
      </c>
      <c r="P24436" s="5" t="s">
        <v>39</v>
      </c>
      <c r="Q24436" s="5" t="s">
        <v>40</v>
      </c>
      <c r="R24436" s="5" t="s">
        <v>1522</v>
      </c>
      <c r="S24436" s="5" t="s">
        <v>1523</v>
      </c>
      <c r="T24436" s="5" t="s">
        <v>42</v>
      </c>
      <c r="U24436" s="2">
        <v>2.9239999999999999</v>
      </c>
      <c r="V24436" s="2">
        <v>2.3969999999999998</v>
      </c>
      <c r="W24436" s="2">
        <v>1.4999999999999999E-2</v>
      </c>
      <c r="X24436" s="2">
        <v>118.9</v>
      </c>
      <c r="Y24436" s="2">
        <v>7.6</v>
      </c>
      <c r="Z24436" s="2">
        <v>16.7</v>
      </c>
      <c r="AA24436" s="5"/>
      <c r="AB24436" s="5" t="s">
        <v>43</v>
      </c>
      <c r="AC24436" s="5" t="s">
        <v>44</v>
      </c>
      <c r="AD24436" s="2"/>
      <c r="AE24436" s="1"/>
    </row>
    <row r="24437" spans="1:31" ht="14.45">
      <c r="A24437" s="11"/>
      <c r="B24437" s="20"/>
      <c r="C24437" s="2" t="s">
        <v>78190</v>
      </c>
      <c r="D24437" s="14" t="s">
        <v>78191</v>
      </c>
      <c r="E24437" s="2" t="s">
        <v>78192</v>
      </c>
      <c r="F24437" s="2" t="s">
        <v>7406</v>
      </c>
      <c r="G24437" s="8">
        <v>272</v>
      </c>
      <c r="H24437" s="5">
        <v>6</v>
      </c>
      <c r="I24437" s="5" t="s">
        <v>1518</v>
      </c>
      <c r="J24437" s="5" t="s">
        <v>69038</v>
      </c>
      <c r="K24437" s="2" t="s">
        <v>69039</v>
      </c>
      <c r="L24437" s="5" t="s">
        <v>69038</v>
      </c>
      <c r="M24437" s="2" t="s">
        <v>69039</v>
      </c>
      <c r="N24437" s="5" t="s">
        <v>1521</v>
      </c>
      <c r="O24437" s="5" t="s">
        <v>38</v>
      </c>
      <c r="P24437" s="5" t="s">
        <v>39</v>
      </c>
      <c r="Q24437" s="5" t="s">
        <v>40</v>
      </c>
      <c r="R24437" s="5" t="s">
        <v>1522</v>
      </c>
      <c r="S24437" s="5" t="s">
        <v>1523</v>
      </c>
      <c r="T24437" s="5" t="s">
        <v>42</v>
      </c>
      <c r="U24437" s="2">
        <v>2.9239999999999999</v>
      </c>
      <c r="V24437" s="2">
        <v>2.3969999999999998</v>
      </c>
      <c r="W24437" s="2">
        <v>1.4999999999999999E-2</v>
      </c>
      <c r="X24437" s="2">
        <v>118.9</v>
      </c>
      <c r="Y24437" s="2">
        <v>7.6</v>
      </c>
      <c r="Z24437" s="2">
        <v>16.7</v>
      </c>
      <c r="AA24437" s="5"/>
      <c r="AB24437" s="5" t="s">
        <v>43</v>
      </c>
      <c r="AC24437" s="5" t="s">
        <v>44</v>
      </c>
      <c r="AD24437" s="2"/>
      <c r="AE24437" s="1"/>
    </row>
    <row r="24438" spans="1:31" ht="14.45">
      <c r="A24438" s="11"/>
      <c r="B24438" s="20"/>
      <c r="C24438" s="2" t="s">
        <v>78193</v>
      </c>
      <c r="D24438" s="14" t="s">
        <v>78194</v>
      </c>
      <c r="E24438" s="2" t="s">
        <v>78195</v>
      </c>
      <c r="F24438" s="2" t="s">
        <v>7539</v>
      </c>
      <c r="G24438" s="8">
        <v>272</v>
      </c>
      <c r="H24438" s="5">
        <v>6</v>
      </c>
      <c r="I24438" s="5" t="s">
        <v>1518</v>
      </c>
      <c r="J24438" s="5" t="s">
        <v>69038</v>
      </c>
      <c r="K24438" s="2" t="s">
        <v>69039</v>
      </c>
      <c r="L24438" s="5" t="s">
        <v>69038</v>
      </c>
      <c r="M24438" s="2" t="s">
        <v>69039</v>
      </c>
      <c r="N24438" s="5" t="s">
        <v>1521</v>
      </c>
      <c r="O24438" s="5" t="s">
        <v>38</v>
      </c>
      <c r="P24438" s="5" t="s">
        <v>39</v>
      </c>
      <c r="Q24438" s="5" t="s">
        <v>40</v>
      </c>
      <c r="R24438" s="5" t="s">
        <v>1522</v>
      </c>
      <c r="S24438" s="5" t="s">
        <v>1523</v>
      </c>
      <c r="T24438" s="5" t="s">
        <v>42</v>
      </c>
      <c r="U24438" s="2">
        <v>2.9239999999999999</v>
      </c>
      <c r="V24438" s="2">
        <v>2.3969999999999998</v>
      </c>
      <c r="W24438" s="2">
        <v>1.4999999999999999E-2</v>
      </c>
      <c r="X24438" s="2">
        <v>118.9</v>
      </c>
      <c r="Y24438" s="2">
        <v>7.6</v>
      </c>
      <c r="Z24438" s="2">
        <v>16.7</v>
      </c>
      <c r="AA24438" s="5"/>
      <c r="AB24438" s="5" t="s">
        <v>43</v>
      </c>
      <c r="AC24438" s="5" t="s">
        <v>44</v>
      </c>
      <c r="AD24438" s="2"/>
      <c r="AE24438" s="1"/>
    </row>
    <row r="24439" spans="1:31" ht="14.45">
      <c r="A24439" s="11"/>
      <c r="B24439" s="20"/>
      <c r="C24439" s="2" t="s">
        <v>78196</v>
      </c>
      <c r="D24439" s="14" t="s">
        <v>78197</v>
      </c>
      <c r="E24439" s="2" t="s">
        <v>78198</v>
      </c>
      <c r="F24439" s="2" t="s">
        <v>7543</v>
      </c>
      <c r="G24439" s="8">
        <v>272</v>
      </c>
      <c r="H24439" s="5">
        <v>6</v>
      </c>
      <c r="I24439" s="5" t="s">
        <v>1518</v>
      </c>
      <c r="J24439" s="5" t="s">
        <v>69038</v>
      </c>
      <c r="K24439" s="2" t="s">
        <v>69039</v>
      </c>
      <c r="L24439" s="5" t="s">
        <v>69038</v>
      </c>
      <c r="M24439" s="2" t="s">
        <v>69039</v>
      </c>
      <c r="N24439" s="5" t="s">
        <v>1521</v>
      </c>
      <c r="O24439" s="5" t="s">
        <v>38</v>
      </c>
      <c r="P24439" s="5" t="s">
        <v>39</v>
      </c>
      <c r="Q24439" s="5" t="s">
        <v>40</v>
      </c>
      <c r="R24439" s="5" t="s">
        <v>1522</v>
      </c>
      <c r="S24439" s="5" t="s">
        <v>1523</v>
      </c>
      <c r="T24439" s="5" t="s">
        <v>42</v>
      </c>
      <c r="U24439" s="2">
        <v>3.01</v>
      </c>
      <c r="V24439" s="2">
        <v>2.4830000000000001</v>
      </c>
      <c r="W24439" s="2">
        <v>1.4999999999999999E-2</v>
      </c>
      <c r="X24439" s="2">
        <v>118.9</v>
      </c>
      <c r="Y24439" s="2">
        <v>7.6</v>
      </c>
      <c r="Z24439" s="2">
        <v>16.7</v>
      </c>
      <c r="AA24439" s="5"/>
      <c r="AB24439" s="5" t="s">
        <v>43</v>
      </c>
      <c r="AC24439" s="5" t="s">
        <v>44</v>
      </c>
      <c r="AD24439" s="2"/>
      <c r="AE24439" s="1"/>
    </row>
    <row r="24440" spans="1:31" ht="14.45">
      <c r="A24440" s="11"/>
      <c r="B24440" s="20"/>
      <c r="C24440" s="2" t="s">
        <v>78199</v>
      </c>
      <c r="D24440" s="14" t="s">
        <v>78200</v>
      </c>
      <c r="E24440" s="2" t="s">
        <v>78201</v>
      </c>
      <c r="F24440" s="2" t="s">
        <v>7396</v>
      </c>
      <c r="G24440" s="8">
        <v>254</v>
      </c>
      <c r="H24440" s="5">
        <v>6</v>
      </c>
      <c r="I24440" s="5" t="s">
        <v>1518</v>
      </c>
      <c r="J24440" s="5" t="s">
        <v>69038</v>
      </c>
      <c r="K24440" s="2" t="s">
        <v>69039</v>
      </c>
      <c r="L24440" s="5" t="s">
        <v>69038</v>
      </c>
      <c r="M24440" s="2" t="s">
        <v>69039</v>
      </c>
      <c r="N24440" s="5" t="s">
        <v>1521</v>
      </c>
      <c r="O24440" s="5" t="s">
        <v>38</v>
      </c>
      <c r="P24440" s="5" t="s">
        <v>39</v>
      </c>
      <c r="Q24440" s="5" t="s">
        <v>40</v>
      </c>
      <c r="R24440" s="5" t="s">
        <v>1522</v>
      </c>
      <c r="S24440" s="5" t="s">
        <v>1523</v>
      </c>
      <c r="T24440" s="5" t="s">
        <v>42</v>
      </c>
      <c r="U24440" s="2">
        <v>2.9239999999999999</v>
      </c>
      <c r="V24440" s="2">
        <v>2.3969999999999998</v>
      </c>
      <c r="W24440" s="2">
        <v>1.4999999999999999E-2</v>
      </c>
      <c r="X24440" s="2">
        <v>118.9</v>
      </c>
      <c r="Y24440" s="2">
        <v>7.6</v>
      </c>
      <c r="Z24440" s="2">
        <v>16.7</v>
      </c>
      <c r="AA24440" s="5"/>
      <c r="AB24440" s="5" t="s">
        <v>43</v>
      </c>
      <c r="AC24440" s="5" t="s">
        <v>44</v>
      </c>
      <c r="AD24440" s="2"/>
      <c r="AE24440" s="1"/>
    </row>
    <row r="24441" spans="1:31" ht="14.45">
      <c r="A24441" s="11"/>
      <c r="B24441" s="20"/>
      <c r="C24441" s="2" t="s">
        <v>78202</v>
      </c>
      <c r="D24441" s="14" t="s">
        <v>78203</v>
      </c>
      <c r="E24441" s="2" t="s">
        <v>78204</v>
      </c>
      <c r="F24441" s="2" t="s">
        <v>7507</v>
      </c>
      <c r="G24441" s="8">
        <v>254</v>
      </c>
      <c r="H24441" s="5">
        <v>6</v>
      </c>
      <c r="I24441" s="5" t="s">
        <v>1518</v>
      </c>
      <c r="J24441" s="5" t="s">
        <v>69038</v>
      </c>
      <c r="K24441" s="2" t="s">
        <v>69039</v>
      </c>
      <c r="L24441" s="5" t="s">
        <v>69038</v>
      </c>
      <c r="M24441" s="2" t="s">
        <v>69039</v>
      </c>
      <c r="N24441" s="5" t="s">
        <v>1521</v>
      </c>
      <c r="O24441" s="5" t="s">
        <v>38</v>
      </c>
      <c r="P24441" s="5" t="s">
        <v>39</v>
      </c>
      <c r="Q24441" s="5" t="s">
        <v>40</v>
      </c>
      <c r="R24441" s="5" t="s">
        <v>1522</v>
      </c>
      <c r="S24441" s="5" t="s">
        <v>1523</v>
      </c>
      <c r="T24441" s="5" t="s">
        <v>42</v>
      </c>
      <c r="U24441" s="2">
        <v>3.01</v>
      </c>
      <c r="V24441" s="2">
        <v>2.4830000000000001</v>
      </c>
      <c r="W24441" s="2">
        <v>1.4999999999999999E-2</v>
      </c>
      <c r="X24441" s="2">
        <v>118.9</v>
      </c>
      <c r="Y24441" s="2">
        <v>7.6</v>
      </c>
      <c r="Z24441" s="2">
        <v>16.7</v>
      </c>
      <c r="AA24441" s="5"/>
      <c r="AB24441" s="5" t="s">
        <v>43</v>
      </c>
      <c r="AC24441" s="5" t="s">
        <v>44</v>
      </c>
      <c r="AD24441" s="2"/>
      <c r="AE24441" s="1"/>
    </row>
    <row r="24442" spans="1:31" ht="14.45">
      <c r="A24442" s="11"/>
      <c r="B24442" s="20"/>
      <c r="C24442" s="2" t="s">
        <v>78205</v>
      </c>
      <c r="D24442" s="14" t="s">
        <v>78206</v>
      </c>
      <c r="E24442" s="2" t="s">
        <v>78207</v>
      </c>
      <c r="F24442" s="2" t="s">
        <v>7563</v>
      </c>
      <c r="G24442" s="8">
        <v>272</v>
      </c>
      <c r="H24442" s="5">
        <v>6</v>
      </c>
      <c r="I24442" s="5" t="s">
        <v>1518</v>
      </c>
      <c r="J24442" s="5" t="s">
        <v>69038</v>
      </c>
      <c r="K24442" s="2" t="s">
        <v>69039</v>
      </c>
      <c r="L24442" s="5" t="s">
        <v>69038</v>
      </c>
      <c r="M24442" s="2" t="s">
        <v>69039</v>
      </c>
      <c r="N24442" s="5" t="s">
        <v>1521</v>
      </c>
      <c r="O24442" s="5" t="s">
        <v>38</v>
      </c>
      <c r="P24442" s="5" t="s">
        <v>39</v>
      </c>
      <c r="Q24442" s="5" t="s">
        <v>40</v>
      </c>
      <c r="R24442" s="5" t="s">
        <v>1522</v>
      </c>
      <c r="S24442" s="5" t="s">
        <v>1523</v>
      </c>
      <c r="T24442" s="5" t="s">
        <v>42</v>
      </c>
      <c r="U24442" s="2">
        <v>2.9239999999999999</v>
      </c>
      <c r="V24442" s="2">
        <v>2.3969999999999998</v>
      </c>
      <c r="W24442" s="2">
        <v>1.4999999999999999E-2</v>
      </c>
      <c r="X24442" s="2">
        <v>118.9</v>
      </c>
      <c r="Y24442" s="2">
        <v>7.6</v>
      </c>
      <c r="Z24442" s="2">
        <v>16.7</v>
      </c>
      <c r="AA24442" s="5"/>
      <c r="AB24442" s="5" t="s">
        <v>43</v>
      </c>
      <c r="AC24442" s="5" t="s">
        <v>44</v>
      </c>
      <c r="AD24442" s="2"/>
      <c r="AE24442" s="1"/>
    </row>
    <row r="24443" spans="1:31" ht="14.45">
      <c r="A24443" s="11"/>
      <c r="B24443" s="20"/>
      <c r="C24443" s="2" t="s">
        <v>78208</v>
      </c>
      <c r="D24443" s="14" t="s">
        <v>78209</v>
      </c>
      <c r="E24443" s="2" t="s">
        <v>78210</v>
      </c>
      <c r="F24443" s="2" t="s">
        <v>7559</v>
      </c>
      <c r="G24443" s="8">
        <v>272</v>
      </c>
      <c r="H24443" s="5">
        <v>6</v>
      </c>
      <c r="I24443" s="5" t="s">
        <v>1518</v>
      </c>
      <c r="J24443" s="5" t="s">
        <v>69038</v>
      </c>
      <c r="K24443" s="2" t="s">
        <v>69039</v>
      </c>
      <c r="L24443" s="5" t="s">
        <v>69038</v>
      </c>
      <c r="M24443" s="2" t="s">
        <v>69039</v>
      </c>
      <c r="N24443" s="5" t="s">
        <v>1521</v>
      </c>
      <c r="O24443" s="5" t="s">
        <v>38</v>
      </c>
      <c r="P24443" s="5" t="s">
        <v>39</v>
      </c>
      <c r="Q24443" s="5" t="s">
        <v>40</v>
      </c>
      <c r="R24443" s="5" t="s">
        <v>1522</v>
      </c>
      <c r="S24443" s="5" t="s">
        <v>1523</v>
      </c>
      <c r="T24443" s="5" t="s">
        <v>42</v>
      </c>
      <c r="U24443" s="2">
        <v>3.01</v>
      </c>
      <c r="V24443" s="2">
        <v>2.4830000000000001</v>
      </c>
      <c r="W24443" s="2">
        <v>1.4999999999999999E-2</v>
      </c>
      <c r="X24443" s="2">
        <v>118.9</v>
      </c>
      <c r="Y24443" s="2">
        <v>7.6</v>
      </c>
      <c r="Z24443" s="2">
        <v>16.7</v>
      </c>
      <c r="AA24443" s="5"/>
      <c r="AB24443" s="5" t="s">
        <v>43</v>
      </c>
      <c r="AC24443" s="5" t="s">
        <v>44</v>
      </c>
      <c r="AD24443" s="2"/>
      <c r="AE24443" s="1"/>
    </row>
    <row r="24444" spans="1:31" ht="14.45">
      <c r="A24444" s="11"/>
      <c r="B24444" s="20"/>
      <c r="C24444" s="2" t="s">
        <v>78211</v>
      </c>
      <c r="D24444" s="14" t="s">
        <v>78212</v>
      </c>
      <c r="E24444" s="2" t="s">
        <v>78213</v>
      </c>
      <c r="F24444" s="2" t="s">
        <v>7449</v>
      </c>
      <c r="G24444" s="8">
        <v>272</v>
      </c>
      <c r="H24444" s="5">
        <v>6</v>
      </c>
      <c r="I24444" s="5" t="s">
        <v>1518</v>
      </c>
      <c r="J24444" s="5" t="s">
        <v>69038</v>
      </c>
      <c r="K24444" s="2" t="s">
        <v>69039</v>
      </c>
      <c r="L24444" s="5" t="s">
        <v>69038</v>
      </c>
      <c r="M24444" s="2" t="s">
        <v>69039</v>
      </c>
      <c r="N24444" s="5" t="s">
        <v>1521</v>
      </c>
      <c r="O24444" s="5" t="s">
        <v>38</v>
      </c>
      <c r="P24444" s="5" t="s">
        <v>39</v>
      </c>
      <c r="Q24444" s="5" t="s">
        <v>40</v>
      </c>
      <c r="R24444" s="5" t="s">
        <v>1522</v>
      </c>
      <c r="S24444" s="5" t="s">
        <v>1523</v>
      </c>
      <c r="T24444" s="5" t="s">
        <v>42</v>
      </c>
      <c r="U24444" s="2">
        <v>2.9239999999999999</v>
      </c>
      <c r="V24444" s="2">
        <v>2.3969999999999998</v>
      </c>
      <c r="W24444" s="2">
        <v>1.4999999999999999E-2</v>
      </c>
      <c r="X24444" s="2">
        <v>118.9</v>
      </c>
      <c r="Y24444" s="2">
        <v>7.6</v>
      </c>
      <c r="Z24444" s="2">
        <v>16.7</v>
      </c>
      <c r="AA24444" s="5"/>
      <c r="AB24444" s="5" t="s">
        <v>43</v>
      </c>
      <c r="AC24444" s="5" t="s">
        <v>44</v>
      </c>
      <c r="AD24444" s="2"/>
      <c r="AE24444" s="1"/>
    </row>
    <row r="24445" spans="1:31" ht="14.45">
      <c r="A24445" s="11"/>
      <c r="B24445" s="20"/>
      <c r="C24445" s="2" t="s">
        <v>78214</v>
      </c>
      <c r="D24445" s="14" t="s">
        <v>78215</v>
      </c>
      <c r="E24445" s="2" t="s">
        <v>78216</v>
      </c>
      <c r="F24445" s="2" t="s">
        <v>7619</v>
      </c>
      <c r="G24445" s="8">
        <v>272</v>
      </c>
      <c r="H24445" s="5">
        <v>6</v>
      </c>
      <c r="I24445" s="5" t="s">
        <v>1518</v>
      </c>
      <c r="J24445" s="5" t="s">
        <v>69038</v>
      </c>
      <c r="K24445" s="2" t="s">
        <v>69039</v>
      </c>
      <c r="L24445" s="5" t="s">
        <v>69038</v>
      </c>
      <c r="M24445" s="2" t="s">
        <v>69039</v>
      </c>
      <c r="N24445" s="5" t="s">
        <v>1521</v>
      </c>
      <c r="O24445" s="5" t="s">
        <v>38</v>
      </c>
      <c r="P24445" s="5" t="s">
        <v>39</v>
      </c>
      <c r="Q24445" s="5" t="s">
        <v>40</v>
      </c>
      <c r="R24445" s="5" t="s">
        <v>1522</v>
      </c>
      <c r="S24445" s="5" t="s">
        <v>1523</v>
      </c>
      <c r="T24445" s="5" t="s">
        <v>42</v>
      </c>
      <c r="U24445" s="2">
        <v>3.01</v>
      </c>
      <c r="V24445" s="2">
        <v>2.4830000000000001</v>
      </c>
      <c r="W24445" s="2">
        <v>1.4999999999999999E-2</v>
      </c>
      <c r="X24445" s="2">
        <v>118.9</v>
      </c>
      <c r="Y24445" s="2">
        <v>7.6</v>
      </c>
      <c r="Z24445" s="2">
        <v>16.7</v>
      </c>
      <c r="AA24445" s="5"/>
      <c r="AB24445" s="5" t="s">
        <v>43</v>
      </c>
      <c r="AC24445" s="5" t="s">
        <v>44</v>
      </c>
      <c r="AD24445" s="2"/>
      <c r="AE24445" s="1"/>
    </row>
    <row r="24446" spans="1:31" ht="14.45">
      <c r="A24446" s="11"/>
      <c r="B24446" s="20"/>
      <c r="C24446" s="2" t="s">
        <v>78217</v>
      </c>
      <c r="D24446" s="14" t="s">
        <v>78218</v>
      </c>
      <c r="E24446" s="2" t="s">
        <v>78219</v>
      </c>
      <c r="F24446" s="2" t="s">
        <v>16014</v>
      </c>
      <c r="G24446" s="8">
        <v>272</v>
      </c>
      <c r="H24446" s="5">
        <v>6</v>
      </c>
      <c r="I24446" s="5" t="s">
        <v>1518</v>
      </c>
      <c r="J24446" s="5" t="s">
        <v>69038</v>
      </c>
      <c r="K24446" s="2" t="s">
        <v>69039</v>
      </c>
      <c r="L24446" s="5" t="s">
        <v>69038</v>
      </c>
      <c r="M24446" s="2" t="s">
        <v>69039</v>
      </c>
      <c r="N24446" s="5" t="s">
        <v>1521</v>
      </c>
      <c r="O24446" s="5" t="s">
        <v>38</v>
      </c>
      <c r="P24446" s="5" t="s">
        <v>39</v>
      </c>
      <c r="Q24446" s="5" t="s">
        <v>40</v>
      </c>
      <c r="R24446" s="5" t="s">
        <v>1522</v>
      </c>
      <c r="S24446" s="5" t="s">
        <v>1523</v>
      </c>
      <c r="T24446" s="5" t="s">
        <v>42</v>
      </c>
      <c r="U24446" s="2">
        <v>2.9239999999999999</v>
      </c>
      <c r="V24446" s="2">
        <v>2.3969999999999998</v>
      </c>
      <c r="W24446" s="2">
        <v>1.4999999999999999E-2</v>
      </c>
      <c r="X24446" s="2">
        <v>118.9</v>
      </c>
      <c r="Y24446" s="2">
        <v>7.6</v>
      </c>
      <c r="Z24446" s="2">
        <v>16.7</v>
      </c>
      <c r="AA24446" s="5"/>
      <c r="AB24446" s="5" t="s">
        <v>43</v>
      </c>
      <c r="AC24446" s="5" t="s">
        <v>44</v>
      </c>
      <c r="AD24446" s="2"/>
      <c r="AE24446" s="1"/>
    </row>
    <row r="24447" spans="1:31" ht="14.45">
      <c r="A24447" s="11"/>
      <c r="B24447" s="20"/>
      <c r="C24447" s="2" t="s">
        <v>78220</v>
      </c>
      <c r="D24447" s="14" t="s">
        <v>78221</v>
      </c>
      <c r="E24447" s="2" t="s">
        <v>78222</v>
      </c>
      <c r="F24447" s="2" t="s">
        <v>16029</v>
      </c>
      <c r="G24447" s="8">
        <v>272</v>
      </c>
      <c r="H24447" s="5">
        <v>6</v>
      </c>
      <c r="I24447" s="5" t="s">
        <v>1518</v>
      </c>
      <c r="J24447" s="5" t="s">
        <v>69038</v>
      </c>
      <c r="K24447" s="2" t="s">
        <v>69039</v>
      </c>
      <c r="L24447" s="5" t="s">
        <v>69038</v>
      </c>
      <c r="M24447" s="2" t="s">
        <v>69039</v>
      </c>
      <c r="N24447" s="5" t="s">
        <v>1521</v>
      </c>
      <c r="O24447" s="5" t="s">
        <v>38</v>
      </c>
      <c r="P24447" s="5" t="s">
        <v>39</v>
      </c>
      <c r="Q24447" s="5" t="s">
        <v>40</v>
      </c>
      <c r="R24447" s="5" t="s">
        <v>1522</v>
      </c>
      <c r="S24447" s="5" t="s">
        <v>1523</v>
      </c>
      <c r="T24447" s="5" t="s">
        <v>42</v>
      </c>
      <c r="U24447" s="2">
        <v>2.9260000000000002</v>
      </c>
      <c r="V24447" s="2">
        <v>2.399</v>
      </c>
      <c r="W24447" s="2">
        <v>1.4999999999999999E-2</v>
      </c>
      <c r="X24447" s="2">
        <v>118.9</v>
      </c>
      <c r="Y24447" s="2">
        <v>7.6</v>
      </c>
      <c r="Z24447" s="2">
        <v>16.7</v>
      </c>
      <c r="AA24447" s="5"/>
      <c r="AB24447" s="5" t="s">
        <v>43</v>
      </c>
      <c r="AC24447" s="5" t="s">
        <v>44</v>
      </c>
      <c r="AD24447" s="2"/>
      <c r="AE24447" s="1"/>
    </row>
    <row r="24448" spans="1:31" ht="14.45">
      <c r="A24448" s="11"/>
      <c r="B24448" s="20"/>
      <c r="C24448" s="2" t="s">
        <v>78223</v>
      </c>
      <c r="D24448" s="14" t="s">
        <v>78224</v>
      </c>
      <c r="E24448" s="2" t="s">
        <v>78225</v>
      </c>
      <c r="F24448" s="2" t="s">
        <v>16033</v>
      </c>
      <c r="G24448" s="8">
        <v>272</v>
      </c>
      <c r="H24448" s="5">
        <v>6</v>
      </c>
      <c r="I24448" s="5" t="s">
        <v>1518</v>
      </c>
      <c r="J24448" s="5" t="s">
        <v>69038</v>
      </c>
      <c r="K24448" s="2" t="s">
        <v>69039</v>
      </c>
      <c r="L24448" s="5" t="s">
        <v>69038</v>
      </c>
      <c r="M24448" s="2" t="s">
        <v>69039</v>
      </c>
      <c r="N24448" s="5" t="s">
        <v>1521</v>
      </c>
      <c r="O24448" s="5" t="s">
        <v>38</v>
      </c>
      <c r="P24448" s="5" t="s">
        <v>39</v>
      </c>
      <c r="Q24448" s="5" t="s">
        <v>40</v>
      </c>
      <c r="R24448" s="5" t="s">
        <v>1522</v>
      </c>
      <c r="S24448" s="5" t="s">
        <v>1523</v>
      </c>
      <c r="T24448" s="5" t="s">
        <v>42</v>
      </c>
      <c r="U24448" s="2">
        <v>3.012</v>
      </c>
      <c r="V24448" s="2">
        <v>2.4849999999999999</v>
      </c>
      <c r="W24448" s="2">
        <v>1.4999999999999999E-2</v>
      </c>
      <c r="X24448" s="2">
        <v>118.9</v>
      </c>
      <c r="Y24448" s="2">
        <v>7.6</v>
      </c>
      <c r="Z24448" s="2">
        <v>16.7</v>
      </c>
      <c r="AA24448" s="5"/>
      <c r="AB24448" s="5" t="s">
        <v>43</v>
      </c>
      <c r="AC24448" s="5" t="s">
        <v>44</v>
      </c>
      <c r="AD24448" s="2"/>
      <c r="AE24448" s="1"/>
    </row>
    <row r="24449" spans="1:31" ht="14.45">
      <c r="A24449" s="11"/>
      <c r="B24449" s="20"/>
      <c r="C24449" s="2" t="s">
        <v>78226</v>
      </c>
      <c r="D24449" s="14" t="s">
        <v>78227</v>
      </c>
      <c r="E24449" s="2" t="s">
        <v>78228</v>
      </c>
      <c r="F24449" s="2" t="s">
        <v>7204</v>
      </c>
      <c r="G24449" s="8">
        <v>263</v>
      </c>
      <c r="H24449" s="5">
        <v>6</v>
      </c>
      <c r="I24449" s="5" t="s">
        <v>1518</v>
      </c>
      <c r="J24449" s="5" t="s">
        <v>69038</v>
      </c>
      <c r="K24449" s="2" t="s">
        <v>69039</v>
      </c>
      <c r="L24449" s="5" t="s">
        <v>69038</v>
      </c>
      <c r="M24449" s="2" t="s">
        <v>69039</v>
      </c>
      <c r="N24449" s="5" t="s">
        <v>1521</v>
      </c>
      <c r="O24449" s="5" t="s">
        <v>38</v>
      </c>
      <c r="P24449" s="5" t="s">
        <v>39</v>
      </c>
      <c r="Q24449" s="5" t="s">
        <v>40</v>
      </c>
      <c r="R24449" s="5" t="s">
        <v>1522</v>
      </c>
      <c r="S24449" s="5" t="s">
        <v>1523</v>
      </c>
      <c r="T24449" s="5" t="s">
        <v>42</v>
      </c>
      <c r="U24449" s="2">
        <v>3.0819999999999999</v>
      </c>
      <c r="V24449" s="2">
        <v>2.5640000000000001</v>
      </c>
      <c r="W24449" s="2">
        <v>1.4999999999999999E-2</v>
      </c>
      <c r="X24449" s="2">
        <v>118.9</v>
      </c>
      <c r="Y24449" s="2">
        <v>7.6</v>
      </c>
      <c r="Z24449" s="2">
        <v>16.7</v>
      </c>
      <c r="AA24449" s="5"/>
      <c r="AB24449" s="5" t="s">
        <v>43</v>
      </c>
      <c r="AC24449" s="5" t="s">
        <v>44</v>
      </c>
      <c r="AD24449" s="2"/>
      <c r="AE24449" s="1"/>
    </row>
    <row r="24450" spans="1:31" ht="14.45">
      <c r="A24450" s="11"/>
      <c r="B24450" s="20"/>
      <c r="C24450" s="2" t="s">
        <v>78229</v>
      </c>
      <c r="D24450" s="14" t="s">
        <v>78230</v>
      </c>
      <c r="E24450" s="2" t="s">
        <v>78231</v>
      </c>
      <c r="F24450" s="2" t="s">
        <v>7514</v>
      </c>
      <c r="G24450" s="8">
        <v>263</v>
      </c>
      <c r="H24450" s="5">
        <v>6</v>
      </c>
      <c r="I24450" s="5" t="s">
        <v>1518</v>
      </c>
      <c r="J24450" s="5" t="s">
        <v>69038</v>
      </c>
      <c r="K24450" s="2" t="s">
        <v>69039</v>
      </c>
      <c r="L24450" s="5" t="s">
        <v>69038</v>
      </c>
      <c r="M24450" s="2" t="s">
        <v>69039</v>
      </c>
      <c r="N24450" s="5" t="s">
        <v>1521</v>
      </c>
      <c r="O24450" s="5" t="s">
        <v>38</v>
      </c>
      <c r="P24450" s="5" t="s">
        <v>39</v>
      </c>
      <c r="Q24450" s="5" t="s">
        <v>40</v>
      </c>
      <c r="R24450" s="5" t="s">
        <v>1522</v>
      </c>
      <c r="S24450" s="5" t="s">
        <v>1523</v>
      </c>
      <c r="T24450" s="5" t="s">
        <v>42</v>
      </c>
      <c r="U24450" s="2">
        <v>3.1819999999999999</v>
      </c>
      <c r="V24450" s="2">
        <v>2.6640000000000001</v>
      </c>
      <c r="W24450" s="2">
        <v>1.4999999999999999E-2</v>
      </c>
      <c r="X24450" s="2">
        <v>118.9</v>
      </c>
      <c r="Y24450" s="2">
        <v>7.6</v>
      </c>
      <c r="Z24450" s="2">
        <v>16.7</v>
      </c>
      <c r="AA24450" s="5"/>
      <c r="AB24450" s="5" t="s">
        <v>43</v>
      </c>
      <c r="AC24450" s="5" t="s">
        <v>44</v>
      </c>
      <c r="AD24450" s="2"/>
      <c r="AE24450" s="1"/>
    </row>
    <row r="24451" spans="1:31" ht="14.45">
      <c r="A24451" s="11"/>
      <c r="B24451" s="20"/>
      <c r="C24451" s="2" t="s">
        <v>78232</v>
      </c>
      <c r="D24451" s="14" t="s">
        <v>78233</v>
      </c>
      <c r="E24451" s="2" t="s">
        <v>78234</v>
      </c>
      <c r="F24451" s="2" t="s">
        <v>7208</v>
      </c>
      <c r="G24451" s="8">
        <v>263</v>
      </c>
      <c r="H24451" s="5">
        <v>6</v>
      </c>
      <c r="I24451" s="5" t="s">
        <v>1518</v>
      </c>
      <c r="J24451" s="5" t="s">
        <v>69038</v>
      </c>
      <c r="K24451" s="2" t="s">
        <v>69039</v>
      </c>
      <c r="L24451" s="5" t="s">
        <v>69038</v>
      </c>
      <c r="M24451" s="2" t="s">
        <v>69039</v>
      </c>
      <c r="N24451" s="5" t="s">
        <v>1521</v>
      </c>
      <c r="O24451" s="5" t="s">
        <v>38</v>
      </c>
      <c r="P24451" s="5" t="s">
        <v>39</v>
      </c>
      <c r="Q24451" s="5" t="s">
        <v>40</v>
      </c>
      <c r="R24451" s="5" t="s">
        <v>1522</v>
      </c>
      <c r="S24451" s="5" t="s">
        <v>1523</v>
      </c>
      <c r="T24451" s="5" t="s">
        <v>42</v>
      </c>
      <c r="U24451" s="2">
        <v>3.0819999999999999</v>
      </c>
      <c r="V24451" s="2">
        <v>2.5640000000000001</v>
      </c>
      <c r="W24451" s="2">
        <v>1.4999999999999999E-2</v>
      </c>
      <c r="X24451" s="2">
        <v>118.9</v>
      </c>
      <c r="Y24451" s="2">
        <v>7.6</v>
      </c>
      <c r="Z24451" s="2">
        <v>16.7</v>
      </c>
      <c r="AA24451" s="5"/>
      <c r="AB24451" s="5" t="s">
        <v>43</v>
      </c>
      <c r="AC24451" s="5" t="s">
        <v>44</v>
      </c>
      <c r="AD24451" s="2"/>
      <c r="AE24451" s="1"/>
    </row>
    <row r="24452" spans="1:31" ht="14.45">
      <c r="A24452" s="11"/>
      <c r="B24452" s="20"/>
      <c r="C24452" s="2" t="s">
        <v>78235</v>
      </c>
      <c r="D24452" s="14" t="s">
        <v>78236</v>
      </c>
      <c r="E24452" s="2" t="s">
        <v>78237</v>
      </c>
      <c r="F24452" s="2" t="s">
        <v>7521</v>
      </c>
      <c r="G24452" s="8">
        <v>263</v>
      </c>
      <c r="H24452" s="5">
        <v>6</v>
      </c>
      <c r="I24452" s="5" t="s">
        <v>1518</v>
      </c>
      <c r="J24452" s="5" t="s">
        <v>69038</v>
      </c>
      <c r="K24452" s="2" t="s">
        <v>69039</v>
      </c>
      <c r="L24452" s="5" t="s">
        <v>69038</v>
      </c>
      <c r="M24452" s="2" t="s">
        <v>69039</v>
      </c>
      <c r="N24452" s="5" t="s">
        <v>1521</v>
      </c>
      <c r="O24452" s="5" t="s">
        <v>38</v>
      </c>
      <c r="P24452" s="5" t="s">
        <v>39</v>
      </c>
      <c r="Q24452" s="5" t="s">
        <v>40</v>
      </c>
      <c r="R24452" s="5" t="s">
        <v>1522</v>
      </c>
      <c r="S24452" s="5" t="s">
        <v>1523</v>
      </c>
      <c r="T24452" s="5" t="s">
        <v>42</v>
      </c>
      <c r="U24452" s="2">
        <v>3.1819999999999999</v>
      </c>
      <c r="V24452" s="2">
        <v>2.6640000000000001</v>
      </c>
      <c r="W24452" s="2">
        <v>1.4999999999999999E-2</v>
      </c>
      <c r="X24452" s="2">
        <v>118.9</v>
      </c>
      <c r="Y24452" s="2">
        <v>7.6</v>
      </c>
      <c r="Z24452" s="2">
        <v>16.7</v>
      </c>
      <c r="AA24452" s="5"/>
      <c r="AB24452" s="5" t="s">
        <v>43</v>
      </c>
      <c r="AC24452" s="5" t="s">
        <v>44</v>
      </c>
      <c r="AD24452" s="2"/>
      <c r="AE24452" s="1"/>
    </row>
    <row r="24453" spans="1:31" ht="14.45">
      <c r="A24453" s="11"/>
      <c r="B24453" s="20"/>
      <c r="C24453" s="2" t="s">
        <v>78238</v>
      </c>
      <c r="D24453" s="14" t="s">
        <v>78239</v>
      </c>
      <c r="E24453" s="2" t="s">
        <v>78240</v>
      </c>
      <c r="F24453" s="2" t="s">
        <v>7535</v>
      </c>
      <c r="G24453" s="8">
        <v>283</v>
      </c>
      <c r="H24453" s="5">
        <v>6</v>
      </c>
      <c r="I24453" s="5" t="s">
        <v>1518</v>
      </c>
      <c r="J24453" s="5" t="s">
        <v>69038</v>
      </c>
      <c r="K24453" s="2" t="s">
        <v>69039</v>
      </c>
      <c r="L24453" s="5" t="s">
        <v>69038</v>
      </c>
      <c r="M24453" s="2" t="s">
        <v>69039</v>
      </c>
      <c r="N24453" s="5" t="s">
        <v>1521</v>
      </c>
      <c r="O24453" s="5" t="s">
        <v>38</v>
      </c>
      <c r="P24453" s="5" t="s">
        <v>39</v>
      </c>
      <c r="Q24453" s="5" t="s">
        <v>40</v>
      </c>
      <c r="R24453" s="5" t="s">
        <v>1522</v>
      </c>
      <c r="S24453" s="5" t="s">
        <v>1523</v>
      </c>
      <c r="T24453" s="5" t="s">
        <v>42</v>
      </c>
      <c r="U24453" s="2">
        <v>3.1819999999999999</v>
      </c>
      <c r="V24453" s="2">
        <v>2.6640000000000001</v>
      </c>
      <c r="W24453" s="2">
        <v>1.4999999999999999E-2</v>
      </c>
      <c r="X24453" s="2">
        <v>118.9</v>
      </c>
      <c r="Y24453" s="2">
        <v>7.6</v>
      </c>
      <c r="Z24453" s="2">
        <v>16.7</v>
      </c>
      <c r="AA24453" s="5"/>
      <c r="AB24453" s="5" t="s">
        <v>43</v>
      </c>
      <c r="AC24453" s="5" t="s">
        <v>44</v>
      </c>
      <c r="AD24453" s="2"/>
      <c r="AE24453" s="1"/>
    </row>
    <row r="24454" spans="1:31" ht="14.45">
      <c r="A24454" s="11"/>
      <c r="B24454" s="20"/>
      <c r="C24454" s="2" t="s">
        <v>78241</v>
      </c>
      <c r="D24454" s="14" t="s">
        <v>78242</v>
      </c>
      <c r="E24454" s="2" t="s">
        <v>78243</v>
      </c>
      <c r="F24454" s="2" t="s">
        <v>7539</v>
      </c>
      <c r="G24454" s="8">
        <v>283</v>
      </c>
      <c r="H24454" s="5">
        <v>6</v>
      </c>
      <c r="I24454" s="5" t="s">
        <v>1518</v>
      </c>
      <c r="J24454" s="5" t="s">
        <v>69038</v>
      </c>
      <c r="K24454" s="2" t="s">
        <v>69039</v>
      </c>
      <c r="L24454" s="5" t="s">
        <v>69038</v>
      </c>
      <c r="M24454" s="2" t="s">
        <v>69039</v>
      </c>
      <c r="N24454" s="5" t="s">
        <v>1521</v>
      </c>
      <c r="O24454" s="5" t="s">
        <v>38</v>
      </c>
      <c r="P24454" s="5" t="s">
        <v>39</v>
      </c>
      <c r="Q24454" s="5" t="s">
        <v>40</v>
      </c>
      <c r="R24454" s="5" t="s">
        <v>1522</v>
      </c>
      <c r="S24454" s="5" t="s">
        <v>1523</v>
      </c>
      <c r="T24454" s="5" t="s">
        <v>42</v>
      </c>
      <c r="U24454" s="2">
        <v>3.0819999999999999</v>
      </c>
      <c r="V24454" s="2">
        <v>2.5640000000000001</v>
      </c>
      <c r="W24454" s="2">
        <v>1.4999999999999999E-2</v>
      </c>
      <c r="X24454" s="2">
        <v>118.9</v>
      </c>
      <c r="Y24454" s="2">
        <v>7.6</v>
      </c>
      <c r="Z24454" s="2">
        <v>16.7</v>
      </c>
      <c r="AA24454" s="5"/>
      <c r="AB24454" s="5" t="s">
        <v>43</v>
      </c>
      <c r="AC24454" s="5" t="s">
        <v>44</v>
      </c>
      <c r="AD24454" s="2"/>
      <c r="AE24454" s="1"/>
    </row>
    <row r="24455" spans="1:31" ht="14.45">
      <c r="A24455" s="11"/>
      <c r="B24455" s="20"/>
      <c r="C24455" s="2" t="s">
        <v>78244</v>
      </c>
      <c r="D24455" s="14" t="s">
        <v>78245</v>
      </c>
      <c r="E24455" s="2" t="s">
        <v>78246</v>
      </c>
      <c r="F24455" s="2" t="s">
        <v>7543</v>
      </c>
      <c r="G24455" s="8">
        <v>283</v>
      </c>
      <c r="H24455" s="5">
        <v>6</v>
      </c>
      <c r="I24455" s="5" t="s">
        <v>1518</v>
      </c>
      <c r="J24455" s="5" t="s">
        <v>69038</v>
      </c>
      <c r="K24455" s="2" t="s">
        <v>69039</v>
      </c>
      <c r="L24455" s="5" t="s">
        <v>69038</v>
      </c>
      <c r="M24455" s="2" t="s">
        <v>69039</v>
      </c>
      <c r="N24455" s="5" t="s">
        <v>1521</v>
      </c>
      <c r="O24455" s="5" t="s">
        <v>38</v>
      </c>
      <c r="P24455" s="5" t="s">
        <v>39</v>
      </c>
      <c r="Q24455" s="5" t="s">
        <v>40</v>
      </c>
      <c r="R24455" s="5" t="s">
        <v>1522</v>
      </c>
      <c r="S24455" s="5" t="s">
        <v>1523</v>
      </c>
      <c r="T24455" s="5" t="s">
        <v>42</v>
      </c>
      <c r="U24455" s="2">
        <v>3.1819999999999999</v>
      </c>
      <c r="V24455" s="2">
        <v>2.6640000000000001</v>
      </c>
      <c r="W24455" s="2">
        <v>1.4999999999999999E-2</v>
      </c>
      <c r="X24455" s="2">
        <v>118.9</v>
      </c>
      <c r="Y24455" s="2">
        <v>7.6</v>
      </c>
      <c r="Z24455" s="2">
        <v>16.7</v>
      </c>
      <c r="AA24455" s="5"/>
      <c r="AB24455" s="5" t="s">
        <v>43</v>
      </c>
      <c r="AC24455" s="5" t="s">
        <v>44</v>
      </c>
      <c r="AD24455" s="2"/>
      <c r="AE24455" s="1"/>
    </row>
    <row r="24456" spans="1:31" ht="14.45">
      <c r="A24456" s="11"/>
      <c r="B24456" s="20"/>
      <c r="C24456" s="2" t="s">
        <v>78247</v>
      </c>
      <c r="D24456" s="14" t="s">
        <v>78248</v>
      </c>
      <c r="E24456" s="2" t="s">
        <v>78249</v>
      </c>
      <c r="F24456" s="2" t="s">
        <v>7396</v>
      </c>
      <c r="G24456" s="8">
        <v>263</v>
      </c>
      <c r="H24456" s="5">
        <v>6</v>
      </c>
      <c r="I24456" s="5" t="s">
        <v>1518</v>
      </c>
      <c r="J24456" s="5" t="s">
        <v>69038</v>
      </c>
      <c r="K24456" s="2" t="s">
        <v>69039</v>
      </c>
      <c r="L24456" s="5" t="s">
        <v>69038</v>
      </c>
      <c r="M24456" s="2" t="s">
        <v>69039</v>
      </c>
      <c r="N24456" s="5" t="s">
        <v>1521</v>
      </c>
      <c r="O24456" s="5" t="s">
        <v>38</v>
      </c>
      <c r="P24456" s="5" t="s">
        <v>39</v>
      </c>
      <c r="Q24456" s="5" t="s">
        <v>40</v>
      </c>
      <c r="R24456" s="5" t="s">
        <v>1522</v>
      </c>
      <c r="S24456" s="5" t="s">
        <v>1523</v>
      </c>
      <c r="T24456" s="5" t="s">
        <v>42</v>
      </c>
      <c r="U24456" s="2">
        <v>3.0819999999999999</v>
      </c>
      <c r="V24456" s="2">
        <v>2.5640000000000001</v>
      </c>
      <c r="W24456" s="2">
        <v>1.4999999999999999E-2</v>
      </c>
      <c r="X24456" s="2">
        <v>118.9</v>
      </c>
      <c r="Y24456" s="2">
        <v>7.6</v>
      </c>
      <c r="Z24456" s="2">
        <v>16.7</v>
      </c>
      <c r="AA24456" s="5"/>
      <c r="AB24456" s="5" t="s">
        <v>43</v>
      </c>
      <c r="AC24456" s="5" t="s">
        <v>44</v>
      </c>
      <c r="AD24456" s="2"/>
      <c r="AE24456" s="1"/>
    </row>
    <row r="24457" spans="1:31" ht="14.45">
      <c r="A24457" s="11"/>
      <c r="B24457" s="20"/>
      <c r="C24457" s="2" t="s">
        <v>78250</v>
      </c>
      <c r="D24457" s="14" t="s">
        <v>78251</v>
      </c>
      <c r="E24457" s="2" t="s">
        <v>78252</v>
      </c>
      <c r="F24457" s="2" t="s">
        <v>7507</v>
      </c>
      <c r="G24457" s="8">
        <v>263</v>
      </c>
      <c r="H24457" s="5">
        <v>6</v>
      </c>
      <c r="I24457" s="5" t="s">
        <v>1518</v>
      </c>
      <c r="J24457" s="5" t="s">
        <v>69038</v>
      </c>
      <c r="K24457" s="2" t="s">
        <v>69039</v>
      </c>
      <c r="L24457" s="5" t="s">
        <v>69038</v>
      </c>
      <c r="M24457" s="2" t="s">
        <v>69039</v>
      </c>
      <c r="N24457" s="5" t="s">
        <v>1521</v>
      </c>
      <c r="O24457" s="5" t="s">
        <v>38</v>
      </c>
      <c r="P24457" s="5" t="s">
        <v>39</v>
      </c>
      <c r="Q24457" s="5" t="s">
        <v>40</v>
      </c>
      <c r="R24457" s="5" t="s">
        <v>1522</v>
      </c>
      <c r="S24457" s="5" t="s">
        <v>1523</v>
      </c>
      <c r="T24457" s="5" t="s">
        <v>42</v>
      </c>
      <c r="U24457" s="2">
        <v>3.1819999999999999</v>
      </c>
      <c r="V24457" s="2">
        <v>2.6640000000000001</v>
      </c>
      <c r="W24457" s="2">
        <v>1.4999999999999999E-2</v>
      </c>
      <c r="X24457" s="2">
        <v>118.9</v>
      </c>
      <c r="Y24457" s="2">
        <v>7.6</v>
      </c>
      <c r="Z24457" s="2">
        <v>16.7</v>
      </c>
      <c r="AA24457" s="5"/>
      <c r="AB24457" s="5" t="s">
        <v>43</v>
      </c>
      <c r="AC24457" s="5" t="s">
        <v>44</v>
      </c>
      <c r="AD24457" s="2"/>
      <c r="AE24457" s="1"/>
    </row>
    <row r="24458" spans="1:31" ht="14.45">
      <c r="A24458" s="11"/>
      <c r="B24458" s="20"/>
      <c r="C24458" s="2" t="s">
        <v>78253</v>
      </c>
      <c r="D24458" s="14" t="s">
        <v>78254</v>
      </c>
      <c r="E24458" s="2" t="s">
        <v>78255</v>
      </c>
      <c r="F24458" s="2" t="s">
        <v>7449</v>
      </c>
      <c r="G24458" s="8">
        <v>283</v>
      </c>
      <c r="H24458" s="5">
        <v>6</v>
      </c>
      <c r="I24458" s="5" t="s">
        <v>1518</v>
      </c>
      <c r="J24458" s="5" t="s">
        <v>69038</v>
      </c>
      <c r="K24458" s="2" t="s">
        <v>69039</v>
      </c>
      <c r="L24458" s="5" t="s">
        <v>69038</v>
      </c>
      <c r="M24458" s="2" t="s">
        <v>69039</v>
      </c>
      <c r="N24458" s="5" t="s">
        <v>1521</v>
      </c>
      <c r="O24458" s="5" t="s">
        <v>38</v>
      </c>
      <c r="P24458" s="5" t="s">
        <v>39</v>
      </c>
      <c r="Q24458" s="5" t="s">
        <v>40</v>
      </c>
      <c r="R24458" s="5" t="s">
        <v>1522</v>
      </c>
      <c r="S24458" s="5" t="s">
        <v>1523</v>
      </c>
      <c r="T24458" s="5" t="s">
        <v>42</v>
      </c>
      <c r="U24458" s="2">
        <v>3.0819999999999999</v>
      </c>
      <c r="V24458" s="2">
        <v>2.5640000000000001</v>
      </c>
      <c r="W24458" s="2">
        <v>1.4999999999999999E-2</v>
      </c>
      <c r="X24458" s="2">
        <v>118.9</v>
      </c>
      <c r="Y24458" s="2">
        <v>7.6</v>
      </c>
      <c r="Z24458" s="2">
        <v>16.7</v>
      </c>
      <c r="AA24458" s="5"/>
      <c r="AB24458" s="5" t="s">
        <v>43</v>
      </c>
      <c r="AC24458" s="5" t="s">
        <v>44</v>
      </c>
      <c r="AD24458" s="2"/>
      <c r="AE24458" s="1"/>
    </row>
    <row r="24459" spans="1:31" ht="14.45">
      <c r="A24459" s="11"/>
      <c r="B24459" s="20"/>
      <c r="C24459" s="2" t="s">
        <v>78256</v>
      </c>
      <c r="D24459" s="14" t="s">
        <v>78257</v>
      </c>
      <c r="E24459" s="2" t="s">
        <v>78258</v>
      </c>
      <c r="F24459" s="2" t="s">
        <v>7597</v>
      </c>
      <c r="G24459" s="8">
        <v>283</v>
      </c>
      <c r="H24459" s="5">
        <v>6</v>
      </c>
      <c r="I24459" s="5" t="s">
        <v>1518</v>
      </c>
      <c r="J24459" s="5" t="s">
        <v>69038</v>
      </c>
      <c r="K24459" s="2" t="s">
        <v>69039</v>
      </c>
      <c r="L24459" s="5" t="s">
        <v>69038</v>
      </c>
      <c r="M24459" s="2" t="s">
        <v>69039</v>
      </c>
      <c r="N24459" s="5" t="s">
        <v>1521</v>
      </c>
      <c r="O24459" s="5" t="s">
        <v>38</v>
      </c>
      <c r="P24459" s="5" t="s">
        <v>39</v>
      </c>
      <c r="Q24459" s="5" t="s">
        <v>40</v>
      </c>
      <c r="R24459" s="5" t="s">
        <v>1522</v>
      </c>
      <c r="S24459" s="5" t="s">
        <v>1523</v>
      </c>
      <c r="T24459" s="5" t="s">
        <v>42</v>
      </c>
      <c r="U24459" s="2">
        <v>3.1819999999999999</v>
      </c>
      <c r="V24459" s="2">
        <v>2.6640000000000001</v>
      </c>
      <c r="W24459" s="2">
        <v>1.4999999999999999E-2</v>
      </c>
      <c r="X24459" s="2">
        <v>118.9</v>
      </c>
      <c r="Y24459" s="2">
        <v>7.6</v>
      </c>
      <c r="Z24459" s="2">
        <v>16.7</v>
      </c>
      <c r="AA24459" s="5"/>
      <c r="AB24459" s="5" t="s">
        <v>43</v>
      </c>
      <c r="AC24459" s="5" t="s">
        <v>44</v>
      </c>
      <c r="AD24459" s="2"/>
      <c r="AE24459" s="1"/>
    </row>
    <row r="24460" spans="1:31" ht="14.45">
      <c r="A24460" s="11"/>
      <c r="B24460" s="20"/>
      <c r="C24460" s="2" t="s">
        <v>78259</v>
      </c>
      <c r="D24460" s="14" t="s">
        <v>78260</v>
      </c>
      <c r="E24460" s="2" t="s">
        <v>78261</v>
      </c>
      <c r="F24460" s="2" t="s">
        <v>73362</v>
      </c>
      <c r="G24460" s="8">
        <v>283</v>
      </c>
      <c r="H24460" s="5">
        <v>6</v>
      </c>
      <c r="I24460" s="5" t="s">
        <v>1518</v>
      </c>
      <c r="J24460" s="5" t="s">
        <v>69038</v>
      </c>
      <c r="K24460" s="2" t="s">
        <v>69039</v>
      </c>
      <c r="L24460" s="5" t="s">
        <v>69038</v>
      </c>
      <c r="M24460" s="2" t="s">
        <v>69039</v>
      </c>
      <c r="N24460" s="5" t="s">
        <v>1521</v>
      </c>
      <c r="O24460" s="5" t="s">
        <v>38</v>
      </c>
      <c r="P24460" s="5" t="s">
        <v>39</v>
      </c>
      <c r="Q24460" s="5" t="s">
        <v>40</v>
      </c>
      <c r="R24460" s="5" t="s">
        <v>1522</v>
      </c>
      <c r="S24460" s="5" t="s">
        <v>1523</v>
      </c>
      <c r="T24460" s="5" t="s">
        <v>42</v>
      </c>
      <c r="U24460" s="2">
        <v>3.1819999999999999</v>
      </c>
      <c r="V24460" s="2">
        <v>2.6640000000000001</v>
      </c>
      <c r="W24460" s="2">
        <v>1.4999999999999999E-2</v>
      </c>
      <c r="X24460" s="2">
        <v>118.9</v>
      </c>
      <c r="Y24460" s="2">
        <v>7.6</v>
      </c>
      <c r="Z24460" s="2">
        <v>16.7</v>
      </c>
      <c r="AA24460" s="5"/>
      <c r="AB24460" s="5" t="s">
        <v>43</v>
      </c>
      <c r="AC24460" s="5" t="s">
        <v>44</v>
      </c>
      <c r="AD24460" s="2"/>
      <c r="AE24460" s="1"/>
    </row>
    <row r="24461" spans="1:31" ht="14.45">
      <c r="A24461" s="11"/>
      <c r="B24461" s="20"/>
      <c r="C24461" s="2" t="s">
        <v>78262</v>
      </c>
      <c r="D24461" s="14" t="s">
        <v>78263</v>
      </c>
      <c r="E24461" s="2" t="s">
        <v>78264</v>
      </c>
      <c r="F24461" s="2" t="s">
        <v>7615</v>
      </c>
      <c r="G24461" s="8">
        <v>283</v>
      </c>
      <c r="H24461" s="5">
        <v>6</v>
      </c>
      <c r="I24461" s="5" t="s">
        <v>1518</v>
      </c>
      <c r="J24461" s="5" t="s">
        <v>69038</v>
      </c>
      <c r="K24461" s="2" t="s">
        <v>69039</v>
      </c>
      <c r="L24461" s="5" t="s">
        <v>69038</v>
      </c>
      <c r="M24461" s="2" t="s">
        <v>69039</v>
      </c>
      <c r="N24461" s="5" t="s">
        <v>1521</v>
      </c>
      <c r="O24461" s="5" t="s">
        <v>38</v>
      </c>
      <c r="P24461" s="5" t="s">
        <v>39</v>
      </c>
      <c r="Q24461" s="5" t="s">
        <v>40</v>
      </c>
      <c r="R24461" s="5" t="s">
        <v>1522</v>
      </c>
      <c r="S24461" s="5" t="s">
        <v>1523</v>
      </c>
      <c r="T24461" s="5" t="s">
        <v>42</v>
      </c>
      <c r="U24461" s="2">
        <v>3.0819999999999999</v>
      </c>
      <c r="V24461" s="2">
        <v>2.5640000000000001</v>
      </c>
      <c r="W24461" s="2">
        <v>1.4999999999999999E-2</v>
      </c>
      <c r="X24461" s="2">
        <v>118.9</v>
      </c>
      <c r="Y24461" s="2">
        <v>7.6</v>
      </c>
      <c r="Z24461" s="2">
        <v>16.7</v>
      </c>
      <c r="AA24461" s="5"/>
      <c r="AB24461" s="5" t="s">
        <v>43</v>
      </c>
      <c r="AC24461" s="5" t="s">
        <v>44</v>
      </c>
      <c r="AD24461" s="2"/>
      <c r="AE24461" s="1"/>
    </row>
    <row r="24462" spans="1:31" ht="14.45">
      <c r="A24462" s="11"/>
      <c r="B24462" s="20"/>
      <c r="C24462" s="2" t="s">
        <v>78265</v>
      </c>
      <c r="D24462" s="14" t="s">
        <v>78266</v>
      </c>
      <c r="E24462" s="2" t="s">
        <v>78267</v>
      </c>
      <c r="F24462" s="2" t="s">
        <v>16014</v>
      </c>
      <c r="G24462" s="8">
        <v>283</v>
      </c>
      <c r="H24462" s="5">
        <v>6</v>
      </c>
      <c r="I24462" s="5" t="s">
        <v>1518</v>
      </c>
      <c r="J24462" s="5" t="s">
        <v>69038</v>
      </c>
      <c r="K24462" s="2" t="s">
        <v>69039</v>
      </c>
      <c r="L24462" s="5" t="s">
        <v>69038</v>
      </c>
      <c r="M24462" s="2" t="s">
        <v>69039</v>
      </c>
      <c r="N24462" s="5" t="s">
        <v>1521</v>
      </c>
      <c r="O24462" s="5" t="s">
        <v>38</v>
      </c>
      <c r="P24462" s="5" t="s">
        <v>39</v>
      </c>
      <c r="Q24462" s="5" t="s">
        <v>40</v>
      </c>
      <c r="R24462" s="5" t="s">
        <v>1522</v>
      </c>
      <c r="S24462" s="5" t="s">
        <v>1523</v>
      </c>
      <c r="T24462" s="5" t="s">
        <v>42</v>
      </c>
      <c r="U24462" s="2">
        <v>3.0819999999999999</v>
      </c>
      <c r="V24462" s="2">
        <v>2.5640000000000001</v>
      </c>
      <c r="W24462" s="2">
        <v>1.4999999999999999E-2</v>
      </c>
      <c r="X24462" s="2">
        <v>118.9</v>
      </c>
      <c r="Y24462" s="2">
        <v>7.6</v>
      </c>
      <c r="Z24462" s="2">
        <v>16.7</v>
      </c>
      <c r="AA24462" s="5"/>
      <c r="AB24462" s="5" t="s">
        <v>43</v>
      </c>
      <c r="AC24462" s="5" t="s">
        <v>44</v>
      </c>
      <c r="AD24462" s="2"/>
      <c r="AE24462" s="1"/>
    </row>
    <row r="24463" spans="1:31" ht="14.45">
      <c r="A24463" s="11"/>
      <c r="B24463" s="20"/>
      <c r="C24463" s="2" t="s">
        <v>78268</v>
      </c>
      <c r="D24463" s="14" t="s">
        <v>78269</v>
      </c>
      <c r="E24463" s="2" t="s">
        <v>78270</v>
      </c>
      <c r="F24463" s="2" t="s">
        <v>7212</v>
      </c>
      <c r="G24463" s="8">
        <v>263</v>
      </c>
      <c r="H24463" s="5">
        <v>6</v>
      </c>
      <c r="I24463" s="5" t="s">
        <v>1518</v>
      </c>
      <c r="J24463" s="5" t="s">
        <v>69038</v>
      </c>
      <c r="K24463" s="2" t="s">
        <v>69039</v>
      </c>
      <c r="L24463" s="5" t="s">
        <v>69038</v>
      </c>
      <c r="M24463" s="2" t="s">
        <v>69039</v>
      </c>
      <c r="N24463" s="5" t="s">
        <v>1521</v>
      </c>
      <c r="O24463" s="5" t="s">
        <v>38</v>
      </c>
      <c r="P24463" s="5" t="s">
        <v>39</v>
      </c>
      <c r="Q24463" s="5" t="s">
        <v>40</v>
      </c>
      <c r="R24463" s="5" t="s">
        <v>1522</v>
      </c>
      <c r="S24463" s="5" t="s">
        <v>1523</v>
      </c>
      <c r="T24463" s="5" t="s">
        <v>42</v>
      </c>
      <c r="U24463" s="2">
        <v>3.0819999999999999</v>
      </c>
      <c r="V24463" s="2">
        <v>2.5640000000000001</v>
      </c>
      <c r="W24463" s="2">
        <v>1.4999999999999999E-2</v>
      </c>
      <c r="X24463" s="2">
        <v>118.9</v>
      </c>
      <c r="Y24463" s="2">
        <v>7.6</v>
      </c>
      <c r="Z24463" s="2">
        <v>16.7</v>
      </c>
      <c r="AA24463" s="5"/>
      <c r="AB24463" s="5" t="s">
        <v>43</v>
      </c>
      <c r="AC24463" s="5" t="s">
        <v>44</v>
      </c>
      <c r="AD24463" s="2"/>
      <c r="AE24463" s="1"/>
    </row>
    <row r="24464" spans="1:31" ht="14.45">
      <c r="A24464" s="11"/>
      <c r="B24464" s="20"/>
      <c r="C24464" s="2" t="s">
        <v>78271</v>
      </c>
      <c r="D24464" s="14" t="s">
        <v>78272</v>
      </c>
      <c r="E24464" s="2" t="s">
        <v>78273</v>
      </c>
      <c r="F24464" s="2" t="s">
        <v>7528</v>
      </c>
      <c r="G24464" s="8">
        <v>263</v>
      </c>
      <c r="H24464" s="5">
        <v>6</v>
      </c>
      <c r="I24464" s="5" t="s">
        <v>1518</v>
      </c>
      <c r="J24464" s="5" t="s">
        <v>69038</v>
      </c>
      <c r="K24464" s="2" t="s">
        <v>69039</v>
      </c>
      <c r="L24464" s="5" t="s">
        <v>69038</v>
      </c>
      <c r="M24464" s="2" t="s">
        <v>69039</v>
      </c>
      <c r="N24464" s="5" t="s">
        <v>1521</v>
      </c>
      <c r="O24464" s="5" t="s">
        <v>38</v>
      </c>
      <c r="P24464" s="5" t="s">
        <v>39</v>
      </c>
      <c r="Q24464" s="5" t="s">
        <v>40</v>
      </c>
      <c r="R24464" s="5" t="s">
        <v>1522</v>
      </c>
      <c r="S24464" s="5" t="s">
        <v>1523</v>
      </c>
      <c r="T24464" s="5" t="s">
        <v>42</v>
      </c>
      <c r="U24464" s="2">
        <v>3.1819999999999999</v>
      </c>
      <c r="V24464" s="2">
        <v>2.6640000000000001</v>
      </c>
      <c r="W24464" s="2">
        <v>1.4999999999999999E-2</v>
      </c>
      <c r="X24464" s="2">
        <v>118.9</v>
      </c>
      <c r="Y24464" s="2">
        <v>7.6</v>
      </c>
      <c r="Z24464" s="2">
        <v>16.7</v>
      </c>
      <c r="AA24464" s="5"/>
      <c r="AB24464" s="5" t="s">
        <v>43</v>
      </c>
      <c r="AC24464" s="5" t="s">
        <v>44</v>
      </c>
      <c r="AD24464" s="2"/>
      <c r="AE24464" s="1"/>
    </row>
    <row r="24465" spans="1:31" ht="14.45">
      <c r="A24465" s="11"/>
      <c r="B24465" s="20"/>
      <c r="C24465" s="2" t="s">
        <v>78274</v>
      </c>
      <c r="D24465" s="14" t="s">
        <v>78275</v>
      </c>
      <c r="E24465" s="2" t="s">
        <v>78276</v>
      </c>
      <c r="F24465" s="2" t="s">
        <v>16029</v>
      </c>
      <c r="G24465" s="8">
        <v>283</v>
      </c>
      <c r="H24465" s="5">
        <v>6</v>
      </c>
      <c r="I24465" s="5" t="s">
        <v>1518</v>
      </c>
      <c r="J24465" s="5" t="s">
        <v>69038</v>
      </c>
      <c r="K24465" s="2" t="s">
        <v>69039</v>
      </c>
      <c r="L24465" s="5" t="s">
        <v>69038</v>
      </c>
      <c r="M24465" s="2" t="s">
        <v>69039</v>
      </c>
      <c r="N24465" s="5" t="s">
        <v>1521</v>
      </c>
      <c r="O24465" s="5" t="s">
        <v>38</v>
      </c>
      <c r="P24465" s="5" t="s">
        <v>39</v>
      </c>
      <c r="Q24465" s="5" t="s">
        <v>40</v>
      </c>
      <c r="R24465" s="5" t="s">
        <v>1522</v>
      </c>
      <c r="S24465" s="5" t="s">
        <v>1523</v>
      </c>
      <c r="T24465" s="5" t="s">
        <v>42</v>
      </c>
      <c r="U24465" s="2">
        <v>3.0840000000000001</v>
      </c>
      <c r="V24465" s="2">
        <v>2.5659999999999998</v>
      </c>
      <c r="W24465" s="2">
        <v>1.4999999999999999E-2</v>
      </c>
      <c r="X24465" s="2">
        <v>118.9</v>
      </c>
      <c r="Y24465" s="2">
        <v>7.6</v>
      </c>
      <c r="Z24465" s="2">
        <v>16.7</v>
      </c>
      <c r="AA24465" s="5"/>
      <c r="AB24465" s="5" t="s">
        <v>43</v>
      </c>
      <c r="AC24465" s="5" t="s">
        <v>44</v>
      </c>
      <c r="AD24465" s="2"/>
      <c r="AE24465" s="1"/>
    </row>
    <row r="24466" spans="1:31" ht="14.45">
      <c r="A24466" s="11"/>
      <c r="B24466" s="20"/>
      <c r="C24466" s="2" t="s">
        <v>78277</v>
      </c>
      <c r="D24466" s="14" t="s">
        <v>78278</v>
      </c>
      <c r="E24466" s="2" t="s">
        <v>78279</v>
      </c>
      <c r="F24466" s="2" t="s">
        <v>16033</v>
      </c>
      <c r="G24466" s="8">
        <v>283</v>
      </c>
      <c r="H24466" s="5">
        <v>6</v>
      </c>
      <c r="I24466" s="5" t="s">
        <v>1518</v>
      </c>
      <c r="J24466" s="5" t="s">
        <v>69038</v>
      </c>
      <c r="K24466" s="2" t="s">
        <v>69039</v>
      </c>
      <c r="L24466" s="5" t="s">
        <v>69038</v>
      </c>
      <c r="M24466" s="2" t="s">
        <v>69039</v>
      </c>
      <c r="N24466" s="5" t="s">
        <v>1521</v>
      </c>
      <c r="O24466" s="5" t="s">
        <v>38</v>
      </c>
      <c r="P24466" s="5" t="s">
        <v>39</v>
      </c>
      <c r="Q24466" s="5" t="s">
        <v>40</v>
      </c>
      <c r="R24466" s="5" t="s">
        <v>1522</v>
      </c>
      <c r="S24466" s="5" t="s">
        <v>1523</v>
      </c>
      <c r="T24466" s="5" t="s">
        <v>42</v>
      </c>
      <c r="U24466" s="2">
        <v>3.1840000000000002</v>
      </c>
      <c r="V24466" s="2">
        <v>2.6659999999999999</v>
      </c>
      <c r="W24466" s="2">
        <v>1.4999999999999999E-2</v>
      </c>
      <c r="X24466" s="2">
        <v>118.9</v>
      </c>
      <c r="Y24466" s="2">
        <v>7.6</v>
      </c>
      <c r="Z24466" s="2">
        <v>16.7</v>
      </c>
      <c r="AA24466" s="5"/>
      <c r="AB24466" s="5" t="s">
        <v>43</v>
      </c>
      <c r="AC24466" s="5" t="s">
        <v>44</v>
      </c>
      <c r="AD24466" s="2"/>
      <c r="AE24466" s="1"/>
    </row>
    <row r="24467" spans="1:31" ht="14.45">
      <c r="A24467" s="11"/>
      <c r="B24467" s="20"/>
      <c r="C24467" s="2" t="s">
        <v>78280</v>
      </c>
      <c r="D24467" s="14" t="s">
        <v>78281</v>
      </c>
      <c r="E24467" s="2" t="s">
        <v>78282</v>
      </c>
      <c r="F24467" s="2" t="s">
        <v>7204</v>
      </c>
      <c r="G24467" s="8">
        <v>275</v>
      </c>
      <c r="H24467" s="5">
        <v>6</v>
      </c>
      <c r="I24467" s="5" t="s">
        <v>1518</v>
      </c>
      <c r="J24467" s="5" t="s">
        <v>69038</v>
      </c>
      <c r="K24467" s="2" t="s">
        <v>69039</v>
      </c>
      <c r="L24467" s="5" t="s">
        <v>69038</v>
      </c>
      <c r="M24467" s="2" t="s">
        <v>69039</v>
      </c>
      <c r="N24467" s="5" t="s">
        <v>1521</v>
      </c>
      <c r="O24467" s="5" t="s">
        <v>38</v>
      </c>
      <c r="P24467" s="5" t="s">
        <v>39</v>
      </c>
      <c r="Q24467" s="5" t="s">
        <v>40</v>
      </c>
      <c r="R24467" s="5" t="s">
        <v>1522</v>
      </c>
      <c r="S24467" s="5" t="s">
        <v>1523</v>
      </c>
      <c r="T24467" s="5" t="s">
        <v>42</v>
      </c>
      <c r="U24467" s="2">
        <v>3.327</v>
      </c>
      <c r="V24467" s="2">
        <v>2.7320000000000002</v>
      </c>
      <c r="W24467" s="2">
        <v>1.7999999999999999E-2</v>
      </c>
      <c r="X24467" s="2">
        <v>139.1</v>
      </c>
      <c r="Y24467" s="2">
        <v>7.6</v>
      </c>
      <c r="Z24467" s="2">
        <v>16.7</v>
      </c>
      <c r="AA24467" s="5"/>
      <c r="AB24467" s="5" t="s">
        <v>43</v>
      </c>
      <c r="AC24467" s="5" t="s">
        <v>44</v>
      </c>
      <c r="AD24467" s="2"/>
      <c r="AE24467" s="1"/>
    </row>
    <row r="24468" spans="1:31" ht="14.45">
      <c r="A24468" s="11"/>
      <c r="B24468" s="20"/>
      <c r="C24468" s="2" t="s">
        <v>78283</v>
      </c>
      <c r="D24468" s="14" t="s">
        <v>78284</v>
      </c>
      <c r="E24468" s="2" t="s">
        <v>78285</v>
      </c>
      <c r="F24468" s="2" t="s">
        <v>7514</v>
      </c>
      <c r="G24468" s="8">
        <v>275</v>
      </c>
      <c r="H24468" s="5">
        <v>6</v>
      </c>
      <c r="I24468" s="5" t="s">
        <v>1518</v>
      </c>
      <c r="J24468" s="5" t="s">
        <v>69038</v>
      </c>
      <c r="K24468" s="2" t="s">
        <v>69039</v>
      </c>
      <c r="L24468" s="5" t="s">
        <v>69038</v>
      </c>
      <c r="M24468" s="2" t="s">
        <v>69039</v>
      </c>
      <c r="N24468" s="5" t="s">
        <v>1521</v>
      </c>
      <c r="O24468" s="5" t="s">
        <v>38</v>
      </c>
      <c r="P24468" s="5" t="s">
        <v>39</v>
      </c>
      <c r="Q24468" s="5" t="s">
        <v>40</v>
      </c>
      <c r="R24468" s="5" t="s">
        <v>1522</v>
      </c>
      <c r="S24468" s="5" t="s">
        <v>1523</v>
      </c>
      <c r="T24468" s="5" t="s">
        <v>42</v>
      </c>
      <c r="U24468" s="2">
        <v>3.4369999999999998</v>
      </c>
      <c r="V24468" s="2">
        <v>2.8420000000000001</v>
      </c>
      <c r="W24468" s="2">
        <v>1.7999999999999999E-2</v>
      </c>
      <c r="X24468" s="2">
        <v>139.1</v>
      </c>
      <c r="Y24468" s="2">
        <v>7.6</v>
      </c>
      <c r="Z24468" s="2">
        <v>16.7</v>
      </c>
      <c r="AA24468" s="5"/>
      <c r="AB24468" s="5" t="s">
        <v>43</v>
      </c>
      <c r="AC24468" s="5" t="s">
        <v>44</v>
      </c>
      <c r="AD24468" s="2"/>
      <c r="AE24468" s="1"/>
    </row>
    <row r="24469" spans="1:31" ht="14.45">
      <c r="A24469" s="11"/>
      <c r="B24469" s="20"/>
      <c r="C24469" s="2" t="s">
        <v>78286</v>
      </c>
      <c r="D24469" s="14" t="s">
        <v>78287</v>
      </c>
      <c r="E24469" s="2" t="s">
        <v>78288</v>
      </c>
      <c r="F24469" s="2" t="s">
        <v>7208</v>
      </c>
      <c r="G24469" s="8">
        <v>275</v>
      </c>
      <c r="H24469" s="5">
        <v>6</v>
      </c>
      <c r="I24469" s="5" t="s">
        <v>1518</v>
      </c>
      <c r="J24469" s="5" t="s">
        <v>69038</v>
      </c>
      <c r="K24469" s="2" t="s">
        <v>69039</v>
      </c>
      <c r="L24469" s="5" t="s">
        <v>69038</v>
      </c>
      <c r="M24469" s="2" t="s">
        <v>69039</v>
      </c>
      <c r="N24469" s="5" t="s">
        <v>1521</v>
      </c>
      <c r="O24469" s="5" t="s">
        <v>38</v>
      </c>
      <c r="P24469" s="5" t="s">
        <v>39</v>
      </c>
      <c r="Q24469" s="5" t="s">
        <v>40</v>
      </c>
      <c r="R24469" s="5" t="s">
        <v>1522</v>
      </c>
      <c r="S24469" s="5" t="s">
        <v>1523</v>
      </c>
      <c r="T24469" s="5" t="s">
        <v>42</v>
      </c>
      <c r="U24469" s="2">
        <v>3.327</v>
      </c>
      <c r="V24469" s="2">
        <v>2.7320000000000002</v>
      </c>
      <c r="W24469" s="2">
        <v>1.7999999999999999E-2</v>
      </c>
      <c r="X24469" s="2">
        <v>139.1</v>
      </c>
      <c r="Y24469" s="2">
        <v>7.6</v>
      </c>
      <c r="Z24469" s="2">
        <v>16.7</v>
      </c>
      <c r="AA24469" s="5"/>
      <c r="AB24469" s="5" t="s">
        <v>43</v>
      </c>
      <c r="AC24469" s="5" t="s">
        <v>44</v>
      </c>
      <c r="AD24469" s="2"/>
      <c r="AE24469" s="1"/>
    </row>
    <row r="24470" spans="1:31" ht="14.45">
      <c r="A24470" s="11"/>
      <c r="B24470" s="20"/>
      <c r="C24470" s="2" t="s">
        <v>78289</v>
      </c>
      <c r="D24470" s="14" t="s">
        <v>78290</v>
      </c>
      <c r="E24470" s="2" t="s">
        <v>78291</v>
      </c>
      <c r="F24470" s="2" t="s">
        <v>7521</v>
      </c>
      <c r="G24470" s="8">
        <v>275</v>
      </c>
      <c r="H24470" s="5">
        <v>6</v>
      </c>
      <c r="I24470" s="5" t="s">
        <v>1518</v>
      </c>
      <c r="J24470" s="5" t="s">
        <v>69038</v>
      </c>
      <c r="K24470" s="2" t="s">
        <v>69039</v>
      </c>
      <c r="L24470" s="5" t="s">
        <v>69038</v>
      </c>
      <c r="M24470" s="2" t="s">
        <v>69039</v>
      </c>
      <c r="N24470" s="5" t="s">
        <v>1521</v>
      </c>
      <c r="O24470" s="5" t="s">
        <v>38</v>
      </c>
      <c r="P24470" s="5" t="s">
        <v>39</v>
      </c>
      <c r="Q24470" s="5" t="s">
        <v>40</v>
      </c>
      <c r="R24470" s="5" t="s">
        <v>1522</v>
      </c>
      <c r="S24470" s="5" t="s">
        <v>1523</v>
      </c>
      <c r="T24470" s="5" t="s">
        <v>42</v>
      </c>
      <c r="U24470" s="2">
        <v>3.4369999999999998</v>
      </c>
      <c r="V24470" s="2">
        <v>2.8420000000000001</v>
      </c>
      <c r="W24470" s="2">
        <v>1.7999999999999999E-2</v>
      </c>
      <c r="X24470" s="2">
        <v>139.1</v>
      </c>
      <c r="Y24470" s="2">
        <v>7.6</v>
      </c>
      <c r="Z24470" s="2">
        <v>16.7</v>
      </c>
      <c r="AA24470" s="5"/>
      <c r="AB24470" s="5" t="s">
        <v>43</v>
      </c>
      <c r="AC24470" s="5" t="s">
        <v>44</v>
      </c>
      <c r="AD24470" s="2"/>
      <c r="AE24470" s="1"/>
    </row>
    <row r="24471" spans="1:31" ht="14.45">
      <c r="A24471" s="11"/>
      <c r="B24471" s="20"/>
      <c r="C24471" s="2" t="s">
        <v>78292</v>
      </c>
      <c r="D24471" s="14" t="s">
        <v>78293</v>
      </c>
      <c r="E24471" s="2" t="s">
        <v>78294</v>
      </c>
      <c r="F24471" s="2" t="s">
        <v>7535</v>
      </c>
      <c r="G24471" s="8">
        <v>296</v>
      </c>
      <c r="H24471" s="5">
        <v>6</v>
      </c>
      <c r="I24471" s="5" t="s">
        <v>1518</v>
      </c>
      <c r="J24471" s="5" t="s">
        <v>69038</v>
      </c>
      <c r="K24471" s="2" t="s">
        <v>69039</v>
      </c>
      <c r="L24471" s="5" t="s">
        <v>69038</v>
      </c>
      <c r="M24471" s="2" t="s">
        <v>69039</v>
      </c>
      <c r="N24471" s="5" t="s">
        <v>1521</v>
      </c>
      <c r="O24471" s="5" t="s">
        <v>38</v>
      </c>
      <c r="P24471" s="5" t="s">
        <v>39</v>
      </c>
      <c r="Q24471" s="5" t="s">
        <v>40</v>
      </c>
      <c r="R24471" s="5" t="s">
        <v>1522</v>
      </c>
      <c r="S24471" s="5" t="s">
        <v>1523</v>
      </c>
      <c r="T24471" s="5" t="s">
        <v>42</v>
      </c>
      <c r="U24471" s="2">
        <v>3.4369999999999998</v>
      </c>
      <c r="V24471" s="2">
        <v>2.8420000000000001</v>
      </c>
      <c r="W24471" s="2">
        <v>1.7999999999999999E-2</v>
      </c>
      <c r="X24471" s="2">
        <v>139.1</v>
      </c>
      <c r="Y24471" s="2">
        <v>7.6</v>
      </c>
      <c r="Z24471" s="2">
        <v>16.7</v>
      </c>
      <c r="AA24471" s="5"/>
      <c r="AB24471" s="5" t="s">
        <v>43</v>
      </c>
      <c r="AC24471" s="5" t="s">
        <v>44</v>
      </c>
      <c r="AD24471" s="2"/>
      <c r="AE24471" s="1"/>
    </row>
    <row r="24472" spans="1:31" ht="14.45">
      <c r="A24472" s="11"/>
      <c r="B24472" s="20"/>
      <c r="C24472" s="2" t="s">
        <v>78295</v>
      </c>
      <c r="D24472" s="14" t="s">
        <v>78296</v>
      </c>
      <c r="E24472" s="2" t="s">
        <v>78297</v>
      </c>
      <c r="F24472" s="2" t="s">
        <v>7539</v>
      </c>
      <c r="G24472" s="8">
        <v>296</v>
      </c>
      <c r="H24472" s="5">
        <v>6</v>
      </c>
      <c r="I24472" s="5" t="s">
        <v>1518</v>
      </c>
      <c r="J24472" s="5" t="s">
        <v>69038</v>
      </c>
      <c r="K24472" s="2" t="s">
        <v>69039</v>
      </c>
      <c r="L24472" s="5" t="s">
        <v>69038</v>
      </c>
      <c r="M24472" s="2" t="s">
        <v>69039</v>
      </c>
      <c r="N24472" s="5" t="s">
        <v>1521</v>
      </c>
      <c r="O24472" s="5" t="s">
        <v>38</v>
      </c>
      <c r="P24472" s="5" t="s">
        <v>39</v>
      </c>
      <c r="Q24472" s="5" t="s">
        <v>40</v>
      </c>
      <c r="R24472" s="5" t="s">
        <v>1522</v>
      </c>
      <c r="S24472" s="5" t="s">
        <v>1523</v>
      </c>
      <c r="T24472" s="5" t="s">
        <v>42</v>
      </c>
      <c r="U24472" s="2">
        <v>3.327</v>
      </c>
      <c r="V24472" s="2">
        <v>2.7320000000000002</v>
      </c>
      <c r="W24472" s="2">
        <v>1.7999999999999999E-2</v>
      </c>
      <c r="X24472" s="2">
        <v>139.1</v>
      </c>
      <c r="Y24472" s="2">
        <v>7.6</v>
      </c>
      <c r="Z24472" s="2">
        <v>16.7</v>
      </c>
      <c r="AA24472" s="5"/>
      <c r="AB24472" s="5" t="s">
        <v>43</v>
      </c>
      <c r="AC24472" s="5" t="s">
        <v>44</v>
      </c>
      <c r="AD24472" s="2"/>
      <c r="AE24472" s="1"/>
    </row>
    <row r="24473" spans="1:31" ht="14.45">
      <c r="A24473" s="11"/>
      <c r="B24473" s="20"/>
      <c r="C24473" s="2" t="s">
        <v>78298</v>
      </c>
      <c r="D24473" s="14" t="s">
        <v>78299</v>
      </c>
      <c r="E24473" s="2" t="s">
        <v>78300</v>
      </c>
      <c r="F24473" s="2" t="s">
        <v>7543</v>
      </c>
      <c r="G24473" s="8">
        <v>296</v>
      </c>
      <c r="H24473" s="5">
        <v>6</v>
      </c>
      <c r="I24473" s="5" t="s">
        <v>1518</v>
      </c>
      <c r="J24473" s="5" t="s">
        <v>69038</v>
      </c>
      <c r="K24473" s="2" t="s">
        <v>69039</v>
      </c>
      <c r="L24473" s="5" t="s">
        <v>69038</v>
      </c>
      <c r="M24473" s="2" t="s">
        <v>69039</v>
      </c>
      <c r="N24473" s="5" t="s">
        <v>1521</v>
      </c>
      <c r="O24473" s="5" t="s">
        <v>38</v>
      </c>
      <c r="P24473" s="5" t="s">
        <v>39</v>
      </c>
      <c r="Q24473" s="5" t="s">
        <v>40</v>
      </c>
      <c r="R24473" s="5" t="s">
        <v>1522</v>
      </c>
      <c r="S24473" s="5" t="s">
        <v>1523</v>
      </c>
      <c r="T24473" s="5" t="s">
        <v>42</v>
      </c>
      <c r="U24473" s="2">
        <v>3.4369999999999998</v>
      </c>
      <c r="V24473" s="2">
        <v>2.8420000000000001</v>
      </c>
      <c r="W24473" s="2">
        <v>1.7999999999999999E-2</v>
      </c>
      <c r="X24473" s="2">
        <v>139.1</v>
      </c>
      <c r="Y24473" s="2">
        <v>7.6</v>
      </c>
      <c r="Z24473" s="2">
        <v>16.7</v>
      </c>
      <c r="AA24473" s="5"/>
      <c r="AB24473" s="5" t="s">
        <v>43</v>
      </c>
      <c r="AC24473" s="5" t="s">
        <v>44</v>
      </c>
      <c r="AD24473" s="2"/>
      <c r="AE24473" s="1"/>
    </row>
    <row r="24474" spans="1:31" ht="14.45">
      <c r="A24474" s="11"/>
      <c r="B24474" s="20"/>
      <c r="C24474" s="2" t="s">
        <v>78301</v>
      </c>
      <c r="D24474" s="14" t="s">
        <v>78302</v>
      </c>
      <c r="E24474" s="2" t="s">
        <v>78303</v>
      </c>
      <c r="F24474" s="2" t="s">
        <v>7396</v>
      </c>
      <c r="G24474" s="8">
        <v>275</v>
      </c>
      <c r="H24474" s="5">
        <v>6</v>
      </c>
      <c r="I24474" s="5" t="s">
        <v>1518</v>
      </c>
      <c r="J24474" s="5" t="s">
        <v>69038</v>
      </c>
      <c r="K24474" s="2" t="s">
        <v>69039</v>
      </c>
      <c r="L24474" s="5" t="s">
        <v>69038</v>
      </c>
      <c r="M24474" s="2" t="s">
        <v>69039</v>
      </c>
      <c r="N24474" s="5" t="s">
        <v>1521</v>
      </c>
      <c r="O24474" s="5" t="s">
        <v>38</v>
      </c>
      <c r="P24474" s="5" t="s">
        <v>39</v>
      </c>
      <c r="Q24474" s="5" t="s">
        <v>40</v>
      </c>
      <c r="R24474" s="5" t="s">
        <v>1522</v>
      </c>
      <c r="S24474" s="5" t="s">
        <v>1523</v>
      </c>
      <c r="T24474" s="5" t="s">
        <v>42</v>
      </c>
      <c r="U24474" s="2">
        <v>3.327</v>
      </c>
      <c r="V24474" s="2">
        <v>2.7320000000000002</v>
      </c>
      <c r="W24474" s="2">
        <v>1.7999999999999999E-2</v>
      </c>
      <c r="X24474" s="2">
        <v>139.1</v>
      </c>
      <c r="Y24474" s="2">
        <v>7.6</v>
      </c>
      <c r="Z24474" s="2">
        <v>16.7</v>
      </c>
      <c r="AA24474" s="5"/>
      <c r="AB24474" s="5" t="s">
        <v>43</v>
      </c>
      <c r="AC24474" s="5" t="s">
        <v>44</v>
      </c>
      <c r="AD24474" s="2"/>
      <c r="AE24474" s="1"/>
    </row>
    <row r="24475" spans="1:31" ht="14.45">
      <c r="A24475" s="11"/>
      <c r="B24475" s="20"/>
      <c r="C24475" s="2" t="s">
        <v>78304</v>
      </c>
      <c r="D24475" s="14" t="s">
        <v>78305</v>
      </c>
      <c r="E24475" s="2" t="s">
        <v>78306</v>
      </c>
      <c r="F24475" s="2" t="s">
        <v>7507</v>
      </c>
      <c r="G24475" s="8">
        <v>275</v>
      </c>
      <c r="H24475" s="5">
        <v>6</v>
      </c>
      <c r="I24475" s="5" t="s">
        <v>1518</v>
      </c>
      <c r="J24475" s="5" t="s">
        <v>69038</v>
      </c>
      <c r="K24475" s="2" t="s">
        <v>69039</v>
      </c>
      <c r="L24475" s="5" t="s">
        <v>69038</v>
      </c>
      <c r="M24475" s="2" t="s">
        <v>69039</v>
      </c>
      <c r="N24475" s="5" t="s">
        <v>1521</v>
      </c>
      <c r="O24475" s="5" t="s">
        <v>38</v>
      </c>
      <c r="P24475" s="5" t="s">
        <v>39</v>
      </c>
      <c r="Q24475" s="5" t="s">
        <v>40</v>
      </c>
      <c r="R24475" s="5" t="s">
        <v>1522</v>
      </c>
      <c r="S24475" s="5" t="s">
        <v>1523</v>
      </c>
      <c r="T24475" s="5" t="s">
        <v>42</v>
      </c>
      <c r="U24475" s="2">
        <v>3.4369999999999998</v>
      </c>
      <c r="V24475" s="2">
        <v>2.8420000000000001</v>
      </c>
      <c r="W24475" s="2">
        <v>1.7999999999999999E-2</v>
      </c>
      <c r="X24475" s="2">
        <v>139.1</v>
      </c>
      <c r="Y24475" s="2">
        <v>7.6</v>
      </c>
      <c r="Z24475" s="2">
        <v>16.7</v>
      </c>
      <c r="AA24475" s="5"/>
      <c r="AB24475" s="5" t="s">
        <v>43</v>
      </c>
      <c r="AC24475" s="5" t="s">
        <v>44</v>
      </c>
      <c r="AD24475" s="2"/>
      <c r="AE24475" s="1"/>
    </row>
    <row r="24476" spans="1:31" ht="14.45">
      <c r="A24476" s="11"/>
      <c r="B24476" s="20"/>
      <c r="C24476" s="2" t="s">
        <v>78307</v>
      </c>
      <c r="D24476" s="14" t="s">
        <v>78308</v>
      </c>
      <c r="E24476" s="2" t="s">
        <v>78309</v>
      </c>
      <c r="F24476" s="2" t="s">
        <v>7547</v>
      </c>
      <c r="G24476" s="8">
        <v>296</v>
      </c>
      <c r="H24476" s="5">
        <v>6</v>
      </c>
      <c r="I24476" s="5" t="s">
        <v>1518</v>
      </c>
      <c r="J24476" s="5" t="s">
        <v>69038</v>
      </c>
      <c r="K24476" s="2" t="s">
        <v>69039</v>
      </c>
      <c r="L24476" s="5" t="s">
        <v>69038</v>
      </c>
      <c r="M24476" s="2" t="s">
        <v>69039</v>
      </c>
      <c r="N24476" s="5" t="s">
        <v>1521</v>
      </c>
      <c r="O24476" s="5" t="s">
        <v>38</v>
      </c>
      <c r="P24476" s="5" t="s">
        <v>39</v>
      </c>
      <c r="Q24476" s="5" t="s">
        <v>40</v>
      </c>
      <c r="R24476" s="5" t="s">
        <v>1522</v>
      </c>
      <c r="S24476" s="5" t="s">
        <v>1523</v>
      </c>
      <c r="T24476" s="5" t="s">
        <v>42</v>
      </c>
      <c r="U24476" s="2">
        <v>3.327</v>
      </c>
      <c r="V24476" s="2">
        <v>2.7320000000000002</v>
      </c>
      <c r="W24476" s="2">
        <v>1.7999999999999999E-2</v>
      </c>
      <c r="X24476" s="2">
        <v>139.1</v>
      </c>
      <c r="Y24476" s="2">
        <v>7.6</v>
      </c>
      <c r="Z24476" s="2">
        <v>16.7</v>
      </c>
      <c r="AA24476" s="5"/>
      <c r="AB24476" s="5" t="s">
        <v>43</v>
      </c>
      <c r="AC24476" s="5" t="s">
        <v>44</v>
      </c>
      <c r="AD24476" s="2"/>
      <c r="AE24476" s="1"/>
    </row>
    <row r="24477" spans="1:31" ht="14.45">
      <c r="A24477" s="11"/>
      <c r="B24477" s="20"/>
      <c r="C24477" s="2" t="s">
        <v>78310</v>
      </c>
      <c r="D24477" s="14" t="s">
        <v>78311</v>
      </c>
      <c r="E24477" s="2" t="s">
        <v>78312</v>
      </c>
      <c r="F24477" s="2" t="s">
        <v>7563</v>
      </c>
      <c r="G24477" s="8">
        <v>296</v>
      </c>
      <c r="H24477" s="5">
        <v>6</v>
      </c>
      <c r="I24477" s="5" t="s">
        <v>1518</v>
      </c>
      <c r="J24477" s="5" t="s">
        <v>69038</v>
      </c>
      <c r="K24477" s="2" t="s">
        <v>69039</v>
      </c>
      <c r="L24477" s="5" t="s">
        <v>69038</v>
      </c>
      <c r="M24477" s="2" t="s">
        <v>69039</v>
      </c>
      <c r="N24477" s="5" t="s">
        <v>1521</v>
      </c>
      <c r="O24477" s="5" t="s">
        <v>38</v>
      </c>
      <c r="P24477" s="5" t="s">
        <v>39</v>
      </c>
      <c r="Q24477" s="5" t="s">
        <v>40</v>
      </c>
      <c r="R24477" s="5" t="s">
        <v>1522</v>
      </c>
      <c r="S24477" s="5" t="s">
        <v>1523</v>
      </c>
      <c r="T24477" s="5" t="s">
        <v>42</v>
      </c>
      <c r="U24477" s="2">
        <v>3.327</v>
      </c>
      <c r="V24477" s="2">
        <v>2.7320000000000002</v>
      </c>
      <c r="W24477" s="2">
        <v>1.7999999999999999E-2</v>
      </c>
      <c r="X24477" s="2">
        <v>139.1</v>
      </c>
      <c r="Y24477" s="2">
        <v>7.6</v>
      </c>
      <c r="Z24477" s="2">
        <v>16.7</v>
      </c>
      <c r="AA24477" s="5"/>
      <c r="AB24477" s="5" t="s">
        <v>43</v>
      </c>
      <c r="AC24477" s="5" t="s">
        <v>44</v>
      </c>
      <c r="AD24477" s="2"/>
      <c r="AE24477" s="1"/>
    </row>
    <row r="24478" spans="1:31" ht="14.45">
      <c r="A24478" s="11"/>
      <c r="B24478" s="20"/>
      <c r="C24478" s="2" t="s">
        <v>78313</v>
      </c>
      <c r="D24478" s="14" t="s">
        <v>78314</v>
      </c>
      <c r="E24478" s="2" t="s">
        <v>78315</v>
      </c>
      <c r="F24478" s="2" t="s">
        <v>7567</v>
      </c>
      <c r="G24478" s="8">
        <v>296</v>
      </c>
      <c r="H24478" s="5">
        <v>6</v>
      </c>
      <c r="I24478" s="5" t="s">
        <v>1518</v>
      </c>
      <c r="J24478" s="5" t="s">
        <v>69038</v>
      </c>
      <c r="K24478" s="2" t="s">
        <v>69039</v>
      </c>
      <c r="L24478" s="5" t="s">
        <v>69038</v>
      </c>
      <c r="M24478" s="2" t="s">
        <v>69039</v>
      </c>
      <c r="N24478" s="5" t="s">
        <v>1521</v>
      </c>
      <c r="O24478" s="5" t="s">
        <v>38</v>
      </c>
      <c r="P24478" s="5" t="s">
        <v>39</v>
      </c>
      <c r="Q24478" s="5" t="s">
        <v>40</v>
      </c>
      <c r="R24478" s="5" t="s">
        <v>1522</v>
      </c>
      <c r="S24478" s="5" t="s">
        <v>1523</v>
      </c>
      <c r="T24478" s="5" t="s">
        <v>42</v>
      </c>
      <c r="U24478" s="2">
        <v>3.4369999999999998</v>
      </c>
      <c r="V24478" s="2">
        <v>2.8420000000000001</v>
      </c>
      <c r="W24478" s="2">
        <v>1.7999999999999999E-2</v>
      </c>
      <c r="X24478" s="2">
        <v>139.1</v>
      </c>
      <c r="Y24478" s="2">
        <v>7.6</v>
      </c>
      <c r="Z24478" s="2">
        <v>16.7</v>
      </c>
      <c r="AA24478" s="5"/>
      <c r="AB24478" s="5" t="s">
        <v>43</v>
      </c>
      <c r="AC24478" s="5" t="s">
        <v>44</v>
      </c>
      <c r="AD24478" s="2"/>
      <c r="AE24478" s="1"/>
    </row>
    <row r="24479" spans="1:31" ht="14.45">
      <c r="A24479" s="11"/>
      <c r="B24479" s="20"/>
      <c r="C24479" s="2" t="s">
        <v>78316</v>
      </c>
      <c r="D24479" s="14" t="s">
        <v>78317</v>
      </c>
      <c r="E24479" s="2" t="s">
        <v>78318</v>
      </c>
      <c r="F24479" s="2" t="s">
        <v>7555</v>
      </c>
      <c r="G24479" s="8">
        <v>296</v>
      </c>
      <c r="H24479" s="5">
        <v>6</v>
      </c>
      <c r="I24479" s="5" t="s">
        <v>1518</v>
      </c>
      <c r="J24479" s="5" t="s">
        <v>69038</v>
      </c>
      <c r="K24479" s="2" t="s">
        <v>69039</v>
      </c>
      <c r="L24479" s="5" t="s">
        <v>69038</v>
      </c>
      <c r="M24479" s="2" t="s">
        <v>69039</v>
      </c>
      <c r="N24479" s="5" t="s">
        <v>1521</v>
      </c>
      <c r="O24479" s="5" t="s">
        <v>38</v>
      </c>
      <c r="P24479" s="5" t="s">
        <v>39</v>
      </c>
      <c r="Q24479" s="5" t="s">
        <v>40</v>
      </c>
      <c r="R24479" s="5" t="s">
        <v>1522</v>
      </c>
      <c r="S24479" s="5" t="s">
        <v>1523</v>
      </c>
      <c r="T24479" s="5" t="s">
        <v>42</v>
      </c>
      <c r="U24479" s="2">
        <v>3.327</v>
      </c>
      <c r="V24479" s="2">
        <v>2.7320000000000002</v>
      </c>
      <c r="W24479" s="2">
        <v>1.7999999999999999E-2</v>
      </c>
      <c r="X24479" s="2">
        <v>139.1</v>
      </c>
      <c r="Y24479" s="2">
        <v>7.6</v>
      </c>
      <c r="Z24479" s="2">
        <v>16.7</v>
      </c>
      <c r="AA24479" s="5"/>
      <c r="AB24479" s="5" t="s">
        <v>43</v>
      </c>
      <c r="AC24479" s="5" t="s">
        <v>44</v>
      </c>
      <c r="AD24479" s="2"/>
      <c r="AE24479" s="1"/>
    </row>
    <row r="24480" spans="1:31" ht="14.45">
      <c r="A24480" s="11"/>
      <c r="B24480" s="20"/>
      <c r="C24480" s="2" t="s">
        <v>78319</v>
      </c>
      <c r="D24480" s="14" t="s">
        <v>78320</v>
      </c>
      <c r="E24480" s="2" t="s">
        <v>78321</v>
      </c>
      <c r="F24480" s="2" t="s">
        <v>16079</v>
      </c>
      <c r="G24480" s="8">
        <v>296</v>
      </c>
      <c r="H24480" s="5">
        <v>6</v>
      </c>
      <c r="I24480" s="5" t="s">
        <v>1518</v>
      </c>
      <c r="J24480" s="5" t="s">
        <v>69038</v>
      </c>
      <c r="K24480" s="2" t="s">
        <v>69039</v>
      </c>
      <c r="L24480" s="5" t="s">
        <v>69038</v>
      </c>
      <c r="M24480" s="2" t="s">
        <v>69039</v>
      </c>
      <c r="N24480" s="5" t="s">
        <v>1521</v>
      </c>
      <c r="O24480" s="5" t="s">
        <v>38</v>
      </c>
      <c r="P24480" s="5" t="s">
        <v>39</v>
      </c>
      <c r="Q24480" s="5" t="s">
        <v>40</v>
      </c>
      <c r="R24480" s="5" t="s">
        <v>1522</v>
      </c>
      <c r="S24480" s="5" t="s">
        <v>1523</v>
      </c>
      <c r="T24480" s="5" t="s">
        <v>42</v>
      </c>
      <c r="U24480" s="2">
        <v>3.327</v>
      </c>
      <c r="V24480" s="2">
        <v>2.7320000000000002</v>
      </c>
      <c r="W24480" s="2">
        <v>1.7999999999999999E-2</v>
      </c>
      <c r="X24480" s="2">
        <v>139.1</v>
      </c>
      <c r="Y24480" s="2">
        <v>7.6</v>
      </c>
      <c r="Z24480" s="2">
        <v>16.7</v>
      </c>
      <c r="AA24480" s="5"/>
      <c r="AB24480" s="5" t="s">
        <v>43</v>
      </c>
      <c r="AC24480" s="5" t="s">
        <v>44</v>
      </c>
      <c r="AD24480" s="2"/>
      <c r="AE24480" s="1"/>
    </row>
    <row r="24481" spans="1:31" ht="14.45">
      <c r="A24481" s="11"/>
      <c r="B24481" s="20"/>
      <c r="C24481" s="2" t="s">
        <v>78322</v>
      </c>
      <c r="D24481" s="14" t="s">
        <v>78323</v>
      </c>
      <c r="E24481" s="2" t="s">
        <v>78324</v>
      </c>
      <c r="F24481" s="2" t="s">
        <v>16194</v>
      </c>
      <c r="G24481" s="8">
        <v>296</v>
      </c>
      <c r="H24481" s="5">
        <v>6</v>
      </c>
      <c r="I24481" s="5" t="s">
        <v>1518</v>
      </c>
      <c r="J24481" s="5" t="s">
        <v>69038</v>
      </c>
      <c r="K24481" s="2" t="s">
        <v>69039</v>
      </c>
      <c r="L24481" s="5" t="s">
        <v>69038</v>
      </c>
      <c r="M24481" s="2" t="s">
        <v>69039</v>
      </c>
      <c r="N24481" s="5" t="s">
        <v>1521</v>
      </c>
      <c r="O24481" s="5" t="s">
        <v>38</v>
      </c>
      <c r="P24481" s="5" t="s">
        <v>39</v>
      </c>
      <c r="Q24481" s="5" t="s">
        <v>40</v>
      </c>
      <c r="R24481" s="5" t="s">
        <v>1522</v>
      </c>
      <c r="S24481" s="5" t="s">
        <v>1523</v>
      </c>
      <c r="T24481" s="5" t="s">
        <v>42</v>
      </c>
      <c r="U24481" s="2">
        <v>3.4369999999999998</v>
      </c>
      <c r="V24481" s="2">
        <v>2.8420000000000001</v>
      </c>
      <c r="W24481" s="2">
        <v>1.7999999999999999E-2</v>
      </c>
      <c r="X24481" s="2">
        <v>139.1</v>
      </c>
      <c r="Y24481" s="2">
        <v>7.6</v>
      </c>
      <c r="Z24481" s="2">
        <v>16.7</v>
      </c>
      <c r="AA24481" s="5"/>
      <c r="AB24481" s="5" t="s">
        <v>43</v>
      </c>
      <c r="AC24481" s="5" t="s">
        <v>44</v>
      </c>
      <c r="AD24481" s="2"/>
      <c r="AE24481" s="1"/>
    </row>
    <row r="24482" spans="1:31" ht="14.45">
      <c r="A24482" s="11"/>
      <c r="B24482" s="20"/>
      <c r="C24482" s="2" t="s">
        <v>78325</v>
      </c>
      <c r="D24482" s="14" t="s">
        <v>78326</v>
      </c>
      <c r="E24482" s="2" t="s">
        <v>78327</v>
      </c>
      <c r="F24482" s="2" t="s">
        <v>7449</v>
      </c>
      <c r="G24482" s="8">
        <v>296</v>
      </c>
      <c r="H24482" s="5">
        <v>6</v>
      </c>
      <c r="I24482" s="5" t="s">
        <v>1518</v>
      </c>
      <c r="J24482" s="5" t="s">
        <v>69038</v>
      </c>
      <c r="K24482" s="2" t="s">
        <v>69039</v>
      </c>
      <c r="L24482" s="5" t="s">
        <v>69038</v>
      </c>
      <c r="M24482" s="2" t="s">
        <v>69039</v>
      </c>
      <c r="N24482" s="5" t="s">
        <v>1521</v>
      </c>
      <c r="O24482" s="5" t="s">
        <v>38</v>
      </c>
      <c r="P24482" s="5" t="s">
        <v>39</v>
      </c>
      <c r="Q24482" s="5" t="s">
        <v>40</v>
      </c>
      <c r="R24482" s="5" t="s">
        <v>1522</v>
      </c>
      <c r="S24482" s="5" t="s">
        <v>1523</v>
      </c>
      <c r="T24482" s="5" t="s">
        <v>42</v>
      </c>
      <c r="U24482" s="2">
        <v>3.327</v>
      </c>
      <c r="V24482" s="2">
        <v>2.7320000000000002</v>
      </c>
      <c r="W24482" s="2">
        <v>1.7999999999999999E-2</v>
      </c>
      <c r="X24482" s="2">
        <v>139.1</v>
      </c>
      <c r="Y24482" s="2">
        <v>7.6</v>
      </c>
      <c r="Z24482" s="2">
        <v>16.7</v>
      </c>
      <c r="AA24482" s="5"/>
      <c r="AB24482" s="5" t="s">
        <v>43</v>
      </c>
      <c r="AC24482" s="5" t="s">
        <v>44</v>
      </c>
      <c r="AD24482" s="2"/>
      <c r="AE24482" s="1"/>
    </row>
    <row r="24483" spans="1:31" ht="14.45">
      <c r="A24483" s="11"/>
      <c r="B24483" s="20"/>
      <c r="C24483" s="2" t="s">
        <v>78328</v>
      </c>
      <c r="D24483" s="14" t="s">
        <v>78329</v>
      </c>
      <c r="E24483" s="2" t="s">
        <v>78330</v>
      </c>
      <c r="F24483" s="2" t="s">
        <v>7581</v>
      </c>
      <c r="G24483" s="8">
        <v>296</v>
      </c>
      <c r="H24483" s="5">
        <v>6</v>
      </c>
      <c r="I24483" s="5" t="s">
        <v>1518</v>
      </c>
      <c r="J24483" s="5" t="s">
        <v>69038</v>
      </c>
      <c r="K24483" s="2" t="s">
        <v>69039</v>
      </c>
      <c r="L24483" s="5" t="s">
        <v>69038</v>
      </c>
      <c r="M24483" s="2" t="s">
        <v>69039</v>
      </c>
      <c r="N24483" s="5" t="s">
        <v>1521</v>
      </c>
      <c r="O24483" s="5" t="s">
        <v>38</v>
      </c>
      <c r="P24483" s="5" t="s">
        <v>39</v>
      </c>
      <c r="Q24483" s="5" t="s">
        <v>40</v>
      </c>
      <c r="R24483" s="5" t="s">
        <v>1522</v>
      </c>
      <c r="S24483" s="5" t="s">
        <v>1523</v>
      </c>
      <c r="T24483" s="5" t="s">
        <v>42</v>
      </c>
      <c r="U24483" s="2">
        <v>3.4369999999999998</v>
      </c>
      <c r="V24483" s="2">
        <v>2.8420000000000001</v>
      </c>
      <c r="W24483" s="2">
        <v>1.7999999999999999E-2</v>
      </c>
      <c r="X24483" s="2">
        <v>139.1</v>
      </c>
      <c r="Y24483" s="2">
        <v>7.6</v>
      </c>
      <c r="Z24483" s="2">
        <v>16.7</v>
      </c>
      <c r="AA24483" s="5"/>
      <c r="AB24483" s="5" t="s">
        <v>43</v>
      </c>
      <c r="AC24483" s="5" t="s">
        <v>44</v>
      </c>
      <c r="AD24483" s="2"/>
      <c r="AE24483" s="1"/>
    </row>
    <row r="24484" spans="1:31" ht="14.45">
      <c r="A24484" s="11"/>
      <c r="B24484" s="20"/>
      <c r="C24484" s="2" t="s">
        <v>78331</v>
      </c>
      <c r="D24484" s="14" t="s">
        <v>78332</v>
      </c>
      <c r="E24484" s="2" t="s">
        <v>78333</v>
      </c>
      <c r="F24484" s="2" t="s">
        <v>7585</v>
      </c>
      <c r="G24484" s="8">
        <v>296</v>
      </c>
      <c r="H24484" s="5">
        <v>6</v>
      </c>
      <c r="I24484" s="5" t="s">
        <v>1518</v>
      </c>
      <c r="J24484" s="5" t="s">
        <v>69038</v>
      </c>
      <c r="K24484" s="2" t="s">
        <v>69039</v>
      </c>
      <c r="L24484" s="5" t="s">
        <v>69038</v>
      </c>
      <c r="M24484" s="2" t="s">
        <v>69039</v>
      </c>
      <c r="N24484" s="5" t="s">
        <v>1521</v>
      </c>
      <c r="O24484" s="5" t="s">
        <v>38</v>
      </c>
      <c r="P24484" s="5" t="s">
        <v>39</v>
      </c>
      <c r="Q24484" s="5" t="s">
        <v>40</v>
      </c>
      <c r="R24484" s="5" t="s">
        <v>1522</v>
      </c>
      <c r="S24484" s="5" t="s">
        <v>1523</v>
      </c>
      <c r="T24484" s="5" t="s">
        <v>42</v>
      </c>
      <c r="U24484" s="2">
        <v>3.327</v>
      </c>
      <c r="V24484" s="2">
        <v>2.7320000000000002</v>
      </c>
      <c r="W24484" s="2">
        <v>1.7999999999999999E-2</v>
      </c>
      <c r="X24484" s="2">
        <v>139.1</v>
      </c>
      <c r="Y24484" s="2">
        <v>7.6</v>
      </c>
      <c r="Z24484" s="2">
        <v>16.7</v>
      </c>
      <c r="AA24484" s="5"/>
      <c r="AB24484" s="5" t="s">
        <v>43</v>
      </c>
      <c r="AC24484" s="5" t="s">
        <v>44</v>
      </c>
      <c r="AD24484" s="2"/>
      <c r="AE24484" s="1"/>
    </row>
    <row r="24485" spans="1:31" ht="14.45">
      <c r="A24485" s="11"/>
      <c r="B24485" s="20"/>
      <c r="C24485" s="2" t="s">
        <v>78334</v>
      </c>
      <c r="D24485" s="14" t="s">
        <v>78335</v>
      </c>
      <c r="E24485" s="2" t="s">
        <v>78336</v>
      </c>
      <c r="F24485" s="2" t="s">
        <v>7589</v>
      </c>
      <c r="G24485" s="8">
        <v>296</v>
      </c>
      <c r="H24485" s="5">
        <v>6</v>
      </c>
      <c r="I24485" s="5" t="s">
        <v>1518</v>
      </c>
      <c r="J24485" s="5" t="s">
        <v>69038</v>
      </c>
      <c r="K24485" s="2" t="s">
        <v>69039</v>
      </c>
      <c r="L24485" s="5" t="s">
        <v>69038</v>
      </c>
      <c r="M24485" s="2" t="s">
        <v>69039</v>
      </c>
      <c r="N24485" s="5" t="s">
        <v>1521</v>
      </c>
      <c r="O24485" s="5" t="s">
        <v>38</v>
      </c>
      <c r="P24485" s="5" t="s">
        <v>39</v>
      </c>
      <c r="Q24485" s="5" t="s">
        <v>40</v>
      </c>
      <c r="R24485" s="5" t="s">
        <v>1522</v>
      </c>
      <c r="S24485" s="5" t="s">
        <v>1523</v>
      </c>
      <c r="T24485" s="5" t="s">
        <v>42</v>
      </c>
      <c r="U24485" s="2">
        <v>3.4369999999999998</v>
      </c>
      <c r="V24485" s="2">
        <v>2.8420000000000001</v>
      </c>
      <c r="W24485" s="2">
        <v>1.7999999999999999E-2</v>
      </c>
      <c r="X24485" s="2">
        <v>139.1</v>
      </c>
      <c r="Y24485" s="2">
        <v>7.6</v>
      </c>
      <c r="Z24485" s="2">
        <v>16.7</v>
      </c>
      <c r="AA24485" s="5"/>
      <c r="AB24485" s="5" t="s">
        <v>43</v>
      </c>
      <c r="AC24485" s="5" t="s">
        <v>44</v>
      </c>
      <c r="AD24485" s="2"/>
      <c r="AE24485" s="1"/>
    </row>
    <row r="24486" spans="1:31" ht="14.45">
      <c r="A24486" s="11"/>
      <c r="B24486" s="20"/>
      <c r="C24486" s="2" t="s">
        <v>78337</v>
      </c>
      <c r="D24486" s="14" t="s">
        <v>78338</v>
      </c>
      <c r="E24486" s="2" t="s">
        <v>78339</v>
      </c>
      <c r="F24486" s="2" t="s">
        <v>7593</v>
      </c>
      <c r="G24486" s="8">
        <v>296</v>
      </c>
      <c r="H24486" s="5">
        <v>6</v>
      </c>
      <c r="I24486" s="5" t="s">
        <v>1518</v>
      </c>
      <c r="J24486" s="5" t="s">
        <v>69038</v>
      </c>
      <c r="K24486" s="2" t="s">
        <v>69039</v>
      </c>
      <c r="L24486" s="5" t="s">
        <v>69038</v>
      </c>
      <c r="M24486" s="2" t="s">
        <v>69039</v>
      </c>
      <c r="N24486" s="5" t="s">
        <v>1521</v>
      </c>
      <c r="O24486" s="5" t="s">
        <v>38</v>
      </c>
      <c r="P24486" s="5" t="s">
        <v>39</v>
      </c>
      <c r="Q24486" s="5" t="s">
        <v>40</v>
      </c>
      <c r="R24486" s="5" t="s">
        <v>1522</v>
      </c>
      <c r="S24486" s="5" t="s">
        <v>1523</v>
      </c>
      <c r="T24486" s="5" t="s">
        <v>42</v>
      </c>
      <c r="U24486" s="2">
        <v>3.327</v>
      </c>
      <c r="V24486" s="2">
        <v>2.7320000000000002</v>
      </c>
      <c r="W24486" s="2">
        <v>1.7999999999999999E-2</v>
      </c>
      <c r="X24486" s="2">
        <v>139.1</v>
      </c>
      <c r="Y24486" s="2">
        <v>7.6</v>
      </c>
      <c r="Z24486" s="2">
        <v>16.7</v>
      </c>
      <c r="AA24486" s="5"/>
      <c r="AB24486" s="5" t="s">
        <v>43</v>
      </c>
      <c r="AC24486" s="5" t="s">
        <v>44</v>
      </c>
      <c r="AD24486" s="2"/>
      <c r="AE24486" s="1"/>
    </row>
    <row r="24487" spans="1:31" ht="14.45">
      <c r="A24487" s="11"/>
      <c r="B24487" s="20"/>
      <c r="C24487" s="2" t="s">
        <v>78340</v>
      </c>
      <c r="D24487" s="14" t="s">
        <v>78341</v>
      </c>
      <c r="E24487" s="2" t="s">
        <v>78342</v>
      </c>
      <c r="F24487" s="2" t="s">
        <v>7597</v>
      </c>
      <c r="G24487" s="8">
        <v>296</v>
      </c>
      <c r="H24487" s="5">
        <v>6</v>
      </c>
      <c r="I24487" s="5" t="s">
        <v>1518</v>
      </c>
      <c r="J24487" s="5" t="s">
        <v>69038</v>
      </c>
      <c r="K24487" s="2" t="s">
        <v>69039</v>
      </c>
      <c r="L24487" s="5" t="s">
        <v>69038</v>
      </c>
      <c r="M24487" s="2" t="s">
        <v>69039</v>
      </c>
      <c r="N24487" s="5" t="s">
        <v>1521</v>
      </c>
      <c r="O24487" s="5" t="s">
        <v>38</v>
      </c>
      <c r="P24487" s="5" t="s">
        <v>39</v>
      </c>
      <c r="Q24487" s="5" t="s">
        <v>40</v>
      </c>
      <c r="R24487" s="5" t="s">
        <v>1522</v>
      </c>
      <c r="S24487" s="5" t="s">
        <v>1523</v>
      </c>
      <c r="T24487" s="5" t="s">
        <v>42</v>
      </c>
      <c r="U24487" s="2">
        <v>3.4369999999999998</v>
      </c>
      <c r="V24487" s="2">
        <v>2.8420000000000001</v>
      </c>
      <c r="W24487" s="2">
        <v>1.7999999999999999E-2</v>
      </c>
      <c r="X24487" s="2">
        <v>139.1</v>
      </c>
      <c r="Y24487" s="2">
        <v>7.6</v>
      </c>
      <c r="Z24487" s="2">
        <v>16.7</v>
      </c>
      <c r="AA24487" s="5"/>
      <c r="AB24487" s="5" t="s">
        <v>43</v>
      </c>
      <c r="AC24487" s="5" t="s">
        <v>44</v>
      </c>
      <c r="AD24487" s="2"/>
      <c r="AE24487" s="1"/>
    </row>
    <row r="24488" spans="1:31" ht="14.45">
      <c r="A24488" s="11"/>
      <c r="B24488" s="20"/>
      <c r="C24488" s="2" t="s">
        <v>78343</v>
      </c>
      <c r="D24488" s="14" t="s">
        <v>78344</v>
      </c>
      <c r="E24488" s="2" t="s">
        <v>78345</v>
      </c>
      <c r="F24488" s="2" t="s">
        <v>73358</v>
      </c>
      <c r="G24488" s="8">
        <v>296</v>
      </c>
      <c r="H24488" s="5">
        <v>6</v>
      </c>
      <c r="I24488" s="5" t="s">
        <v>1518</v>
      </c>
      <c r="J24488" s="5" t="s">
        <v>69038</v>
      </c>
      <c r="K24488" s="2" t="s">
        <v>69039</v>
      </c>
      <c r="L24488" s="5" t="s">
        <v>69038</v>
      </c>
      <c r="M24488" s="2" t="s">
        <v>69039</v>
      </c>
      <c r="N24488" s="5" t="s">
        <v>1521</v>
      </c>
      <c r="O24488" s="5" t="s">
        <v>38</v>
      </c>
      <c r="P24488" s="5" t="s">
        <v>39</v>
      </c>
      <c r="Q24488" s="5" t="s">
        <v>40</v>
      </c>
      <c r="R24488" s="5" t="s">
        <v>1522</v>
      </c>
      <c r="S24488" s="5" t="s">
        <v>1523</v>
      </c>
      <c r="T24488" s="5" t="s">
        <v>42</v>
      </c>
      <c r="U24488" s="2">
        <v>3.327</v>
      </c>
      <c r="V24488" s="2">
        <v>2.7320000000000002</v>
      </c>
      <c r="W24488" s="2">
        <v>1.7999999999999999E-2</v>
      </c>
      <c r="X24488" s="2">
        <v>139.1</v>
      </c>
      <c r="Y24488" s="2">
        <v>7.6</v>
      </c>
      <c r="Z24488" s="2">
        <v>16.7</v>
      </c>
      <c r="AA24488" s="5"/>
      <c r="AB24488" s="5" t="s">
        <v>43</v>
      </c>
      <c r="AC24488" s="5" t="s">
        <v>44</v>
      </c>
      <c r="AD24488" s="2"/>
      <c r="AE24488" s="1"/>
    </row>
    <row r="24489" spans="1:31" ht="14.45">
      <c r="A24489" s="11"/>
      <c r="B24489" s="20"/>
      <c r="C24489" s="2" t="s">
        <v>78346</v>
      </c>
      <c r="D24489" s="14" t="s">
        <v>78347</v>
      </c>
      <c r="E24489" s="2" t="s">
        <v>78348</v>
      </c>
      <c r="F24489" s="2" t="s">
        <v>7615</v>
      </c>
      <c r="G24489" s="8">
        <v>296</v>
      </c>
      <c r="H24489" s="5">
        <v>6</v>
      </c>
      <c r="I24489" s="5" t="s">
        <v>1518</v>
      </c>
      <c r="J24489" s="5" t="s">
        <v>69038</v>
      </c>
      <c r="K24489" s="2" t="s">
        <v>69039</v>
      </c>
      <c r="L24489" s="5" t="s">
        <v>69038</v>
      </c>
      <c r="M24489" s="2" t="s">
        <v>69039</v>
      </c>
      <c r="N24489" s="5" t="s">
        <v>1521</v>
      </c>
      <c r="O24489" s="5" t="s">
        <v>38</v>
      </c>
      <c r="P24489" s="5" t="s">
        <v>39</v>
      </c>
      <c r="Q24489" s="5" t="s">
        <v>40</v>
      </c>
      <c r="R24489" s="5" t="s">
        <v>1522</v>
      </c>
      <c r="S24489" s="5" t="s">
        <v>1523</v>
      </c>
      <c r="T24489" s="5" t="s">
        <v>42</v>
      </c>
      <c r="U24489" s="2">
        <v>3.327</v>
      </c>
      <c r="V24489" s="2">
        <v>2.7320000000000002</v>
      </c>
      <c r="W24489" s="2">
        <v>1.7999999999999999E-2</v>
      </c>
      <c r="X24489" s="2">
        <v>139.1</v>
      </c>
      <c r="Y24489" s="2">
        <v>7.6</v>
      </c>
      <c r="Z24489" s="2">
        <v>16.7</v>
      </c>
      <c r="AA24489" s="5"/>
      <c r="AB24489" s="5" t="s">
        <v>43</v>
      </c>
      <c r="AC24489" s="5" t="s">
        <v>44</v>
      </c>
      <c r="AD24489" s="2"/>
      <c r="AE24489" s="1"/>
    </row>
    <row r="24490" spans="1:31" ht="14.45">
      <c r="A24490" s="11"/>
      <c r="B24490" s="20"/>
      <c r="C24490" s="2" t="s">
        <v>78349</v>
      </c>
      <c r="D24490" s="14" t="s">
        <v>78350</v>
      </c>
      <c r="E24490" s="2" t="s">
        <v>78351</v>
      </c>
      <c r="F24490" s="2" t="s">
        <v>7619</v>
      </c>
      <c r="G24490" s="8">
        <v>296</v>
      </c>
      <c r="H24490" s="5">
        <v>6</v>
      </c>
      <c r="I24490" s="5" t="s">
        <v>1518</v>
      </c>
      <c r="J24490" s="5" t="s">
        <v>69038</v>
      </c>
      <c r="K24490" s="2" t="s">
        <v>69039</v>
      </c>
      <c r="L24490" s="5" t="s">
        <v>69038</v>
      </c>
      <c r="M24490" s="2" t="s">
        <v>69039</v>
      </c>
      <c r="N24490" s="5" t="s">
        <v>1521</v>
      </c>
      <c r="O24490" s="5" t="s">
        <v>38</v>
      </c>
      <c r="P24490" s="5" t="s">
        <v>39</v>
      </c>
      <c r="Q24490" s="5" t="s">
        <v>40</v>
      </c>
      <c r="R24490" s="5" t="s">
        <v>1522</v>
      </c>
      <c r="S24490" s="5" t="s">
        <v>1523</v>
      </c>
      <c r="T24490" s="5" t="s">
        <v>42</v>
      </c>
      <c r="U24490" s="2">
        <v>3.4369999999999998</v>
      </c>
      <c r="V24490" s="2">
        <v>2.8420000000000001</v>
      </c>
      <c r="W24490" s="2">
        <v>1.7999999999999999E-2</v>
      </c>
      <c r="X24490" s="2">
        <v>139.1</v>
      </c>
      <c r="Y24490" s="2">
        <v>7.6</v>
      </c>
      <c r="Z24490" s="2">
        <v>16.7</v>
      </c>
      <c r="AA24490" s="5"/>
      <c r="AB24490" s="5" t="s">
        <v>43</v>
      </c>
      <c r="AC24490" s="5" t="s">
        <v>44</v>
      </c>
      <c r="AD24490" s="2"/>
      <c r="AE24490" s="1"/>
    </row>
    <row r="24491" spans="1:31" ht="14.45">
      <c r="A24491" s="11"/>
      <c r="B24491" s="20"/>
      <c r="C24491" s="2" t="s">
        <v>78352</v>
      </c>
      <c r="D24491" s="14" t="s">
        <v>78353</v>
      </c>
      <c r="E24491" s="2" t="s">
        <v>78354</v>
      </c>
      <c r="F24491" s="2" t="s">
        <v>16014</v>
      </c>
      <c r="G24491" s="8">
        <v>296</v>
      </c>
      <c r="H24491" s="5">
        <v>6</v>
      </c>
      <c r="I24491" s="5" t="s">
        <v>1518</v>
      </c>
      <c r="J24491" s="5" t="s">
        <v>69038</v>
      </c>
      <c r="K24491" s="2" t="s">
        <v>69039</v>
      </c>
      <c r="L24491" s="5" t="s">
        <v>69038</v>
      </c>
      <c r="M24491" s="2" t="s">
        <v>69039</v>
      </c>
      <c r="N24491" s="5" t="s">
        <v>1521</v>
      </c>
      <c r="O24491" s="5" t="s">
        <v>38</v>
      </c>
      <c r="P24491" s="5" t="s">
        <v>39</v>
      </c>
      <c r="Q24491" s="5" t="s">
        <v>40</v>
      </c>
      <c r="R24491" s="5" t="s">
        <v>1522</v>
      </c>
      <c r="S24491" s="5" t="s">
        <v>1523</v>
      </c>
      <c r="T24491" s="5" t="s">
        <v>42</v>
      </c>
      <c r="U24491" s="2">
        <v>3.327</v>
      </c>
      <c r="V24491" s="2">
        <v>2.7320000000000002</v>
      </c>
      <c r="W24491" s="2">
        <v>1.7999999999999999E-2</v>
      </c>
      <c r="X24491" s="2">
        <v>139.1</v>
      </c>
      <c r="Y24491" s="2">
        <v>7.6</v>
      </c>
      <c r="Z24491" s="2">
        <v>16.7</v>
      </c>
      <c r="AA24491" s="5"/>
      <c r="AB24491" s="5" t="s">
        <v>43</v>
      </c>
      <c r="AC24491" s="5" t="s">
        <v>44</v>
      </c>
      <c r="AD24491" s="2"/>
      <c r="AE24491" s="1"/>
    </row>
    <row r="24492" spans="1:31" ht="14.45">
      <c r="A24492" s="11"/>
      <c r="B24492" s="20"/>
      <c r="C24492" s="2" t="s">
        <v>78355</v>
      </c>
      <c r="D24492" s="14" t="s">
        <v>78356</v>
      </c>
      <c r="E24492" s="2" t="s">
        <v>78357</v>
      </c>
      <c r="F24492" s="2" t="s">
        <v>16219</v>
      </c>
      <c r="G24492" s="8">
        <v>296</v>
      </c>
      <c r="H24492" s="5">
        <v>6</v>
      </c>
      <c r="I24492" s="5" t="s">
        <v>1518</v>
      </c>
      <c r="J24492" s="5" t="s">
        <v>69038</v>
      </c>
      <c r="K24492" s="2" t="s">
        <v>69039</v>
      </c>
      <c r="L24492" s="5" t="s">
        <v>69038</v>
      </c>
      <c r="M24492" s="2" t="s">
        <v>69039</v>
      </c>
      <c r="N24492" s="5" t="s">
        <v>1521</v>
      </c>
      <c r="O24492" s="5" t="s">
        <v>38</v>
      </c>
      <c r="P24492" s="5" t="s">
        <v>39</v>
      </c>
      <c r="Q24492" s="5" t="s">
        <v>40</v>
      </c>
      <c r="R24492" s="5" t="s">
        <v>1522</v>
      </c>
      <c r="S24492" s="5" t="s">
        <v>1523</v>
      </c>
      <c r="T24492" s="5" t="s">
        <v>42</v>
      </c>
      <c r="U24492" s="2">
        <v>3.4369999999999998</v>
      </c>
      <c r="V24492" s="2">
        <v>2.8420000000000001</v>
      </c>
      <c r="W24492" s="2">
        <v>1.7999999999999999E-2</v>
      </c>
      <c r="X24492" s="2">
        <v>139.1</v>
      </c>
      <c r="Y24492" s="2">
        <v>7.6</v>
      </c>
      <c r="Z24492" s="2">
        <v>16.7</v>
      </c>
      <c r="AA24492" s="5"/>
      <c r="AB24492" s="5" t="s">
        <v>43</v>
      </c>
      <c r="AC24492" s="5" t="s">
        <v>44</v>
      </c>
      <c r="AD24492" s="2"/>
      <c r="AE24492" s="1"/>
    </row>
    <row r="24493" spans="1:31" ht="14.45">
      <c r="A24493" s="11"/>
      <c r="B24493" s="20"/>
      <c r="C24493" s="2" t="s">
        <v>78358</v>
      </c>
      <c r="D24493" s="14" t="s">
        <v>78359</v>
      </c>
      <c r="E24493" s="2" t="s">
        <v>78360</v>
      </c>
      <c r="F24493" s="2" t="s">
        <v>7212</v>
      </c>
      <c r="G24493" s="8">
        <v>275</v>
      </c>
      <c r="H24493" s="5">
        <v>6</v>
      </c>
      <c r="I24493" s="5" t="s">
        <v>1518</v>
      </c>
      <c r="J24493" s="5" t="s">
        <v>69038</v>
      </c>
      <c r="K24493" s="2" t="s">
        <v>69039</v>
      </c>
      <c r="L24493" s="5" t="s">
        <v>69038</v>
      </c>
      <c r="M24493" s="2" t="s">
        <v>69039</v>
      </c>
      <c r="N24493" s="5" t="s">
        <v>1521</v>
      </c>
      <c r="O24493" s="5" t="s">
        <v>38</v>
      </c>
      <c r="P24493" s="5" t="s">
        <v>39</v>
      </c>
      <c r="Q24493" s="5" t="s">
        <v>40</v>
      </c>
      <c r="R24493" s="5" t="s">
        <v>1522</v>
      </c>
      <c r="S24493" s="5" t="s">
        <v>1523</v>
      </c>
      <c r="T24493" s="5" t="s">
        <v>42</v>
      </c>
      <c r="U24493" s="2">
        <v>3.327</v>
      </c>
      <c r="V24493" s="2">
        <v>2.7320000000000002</v>
      </c>
      <c r="W24493" s="2">
        <v>1.7999999999999999E-2</v>
      </c>
      <c r="X24493" s="2">
        <v>139.1</v>
      </c>
      <c r="Y24493" s="2">
        <v>7.6</v>
      </c>
      <c r="Z24493" s="2">
        <v>16.7</v>
      </c>
      <c r="AA24493" s="5"/>
      <c r="AB24493" s="5" t="s">
        <v>43</v>
      </c>
      <c r="AC24493" s="5" t="s">
        <v>44</v>
      </c>
      <c r="AD24493" s="2"/>
      <c r="AE24493" s="1"/>
    </row>
    <row r="24494" spans="1:31" ht="14.45">
      <c r="A24494" s="11"/>
      <c r="B24494" s="20"/>
      <c r="C24494" s="2" t="s">
        <v>78361</v>
      </c>
      <c r="D24494" s="14" t="s">
        <v>78362</v>
      </c>
      <c r="E24494" s="2" t="s">
        <v>78363</v>
      </c>
      <c r="F24494" s="2" t="s">
        <v>7528</v>
      </c>
      <c r="G24494" s="8">
        <v>275</v>
      </c>
      <c r="H24494" s="5">
        <v>6</v>
      </c>
      <c r="I24494" s="5" t="s">
        <v>1518</v>
      </c>
      <c r="J24494" s="5" t="s">
        <v>69038</v>
      </c>
      <c r="K24494" s="2" t="s">
        <v>69039</v>
      </c>
      <c r="L24494" s="5" t="s">
        <v>69038</v>
      </c>
      <c r="M24494" s="2" t="s">
        <v>69039</v>
      </c>
      <c r="N24494" s="5" t="s">
        <v>1521</v>
      </c>
      <c r="O24494" s="5" t="s">
        <v>38</v>
      </c>
      <c r="P24494" s="5" t="s">
        <v>39</v>
      </c>
      <c r="Q24494" s="5" t="s">
        <v>40</v>
      </c>
      <c r="R24494" s="5" t="s">
        <v>1522</v>
      </c>
      <c r="S24494" s="5" t="s">
        <v>1523</v>
      </c>
      <c r="T24494" s="5" t="s">
        <v>42</v>
      </c>
      <c r="U24494" s="2">
        <v>3.4369999999999998</v>
      </c>
      <c r="V24494" s="2">
        <v>2.8420000000000001</v>
      </c>
      <c r="W24494" s="2">
        <v>1.7999999999999999E-2</v>
      </c>
      <c r="X24494" s="2">
        <v>139.1</v>
      </c>
      <c r="Y24494" s="2">
        <v>7.6</v>
      </c>
      <c r="Z24494" s="2">
        <v>16.7</v>
      </c>
      <c r="AA24494" s="5"/>
      <c r="AB24494" s="5" t="s">
        <v>43</v>
      </c>
      <c r="AC24494" s="5" t="s">
        <v>44</v>
      </c>
      <c r="AD24494" s="2"/>
      <c r="AE24494" s="1"/>
    </row>
    <row r="24495" spans="1:31" ht="14.45">
      <c r="A24495" s="11"/>
      <c r="B24495" s="20"/>
      <c r="C24495" s="2" t="s">
        <v>78364</v>
      </c>
      <c r="D24495" s="14" t="s">
        <v>78365</v>
      </c>
      <c r="E24495" s="2" t="s">
        <v>78366</v>
      </c>
      <c r="F24495" s="2" t="s">
        <v>16029</v>
      </c>
      <c r="G24495" s="8">
        <v>296</v>
      </c>
      <c r="H24495" s="5">
        <v>6</v>
      </c>
      <c r="I24495" s="5" t="s">
        <v>1518</v>
      </c>
      <c r="J24495" s="5" t="s">
        <v>69038</v>
      </c>
      <c r="K24495" s="2" t="s">
        <v>69039</v>
      </c>
      <c r="L24495" s="5" t="s">
        <v>69038</v>
      </c>
      <c r="M24495" s="2" t="s">
        <v>69039</v>
      </c>
      <c r="N24495" s="5" t="s">
        <v>1521</v>
      </c>
      <c r="O24495" s="5" t="s">
        <v>38</v>
      </c>
      <c r="P24495" s="5" t="s">
        <v>39</v>
      </c>
      <c r="Q24495" s="5" t="s">
        <v>40</v>
      </c>
      <c r="R24495" s="5" t="s">
        <v>1522</v>
      </c>
      <c r="S24495" s="5" t="s">
        <v>1523</v>
      </c>
      <c r="T24495" s="5" t="s">
        <v>42</v>
      </c>
      <c r="U24495" s="2">
        <v>3.3290000000000002</v>
      </c>
      <c r="V24495" s="2">
        <v>2.734</v>
      </c>
      <c r="W24495" s="2">
        <v>1.7999999999999999E-2</v>
      </c>
      <c r="X24495" s="2">
        <v>139.1</v>
      </c>
      <c r="Y24495" s="2">
        <v>7.6</v>
      </c>
      <c r="Z24495" s="2">
        <v>16.7</v>
      </c>
      <c r="AA24495" s="5"/>
      <c r="AB24495" s="5" t="s">
        <v>43</v>
      </c>
      <c r="AC24495" s="5" t="s">
        <v>44</v>
      </c>
      <c r="AD24495" s="2"/>
      <c r="AE24495" s="1"/>
    </row>
    <row r="24496" spans="1:31" ht="14.45">
      <c r="A24496" s="11"/>
      <c r="B24496" s="20"/>
      <c r="C24496" s="2" t="s">
        <v>78367</v>
      </c>
      <c r="D24496" s="14" t="s">
        <v>78368</v>
      </c>
      <c r="E24496" s="2" t="s">
        <v>78369</v>
      </c>
      <c r="F24496" s="2" t="s">
        <v>16033</v>
      </c>
      <c r="G24496" s="8">
        <v>296</v>
      </c>
      <c r="H24496" s="5">
        <v>6</v>
      </c>
      <c r="I24496" s="5" t="s">
        <v>1518</v>
      </c>
      <c r="J24496" s="5" t="s">
        <v>69038</v>
      </c>
      <c r="K24496" s="2" t="s">
        <v>69039</v>
      </c>
      <c r="L24496" s="5" t="s">
        <v>69038</v>
      </c>
      <c r="M24496" s="2" t="s">
        <v>69039</v>
      </c>
      <c r="N24496" s="5" t="s">
        <v>1521</v>
      </c>
      <c r="O24496" s="5" t="s">
        <v>38</v>
      </c>
      <c r="P24496" s="5" t="s">
        <v>39</v>
      </c>
      <c r="Q24496" s="5" t="s">
        <v>40</v>
      </c>
      <c r="R24496" s="5" t="s">
        <v>1522</v>
      </c>
      <c r="S24496" s="5" t="s">
        <v>1523</v>
      </c>
      <c r="T24496" s="5" t="s">
        <v>42</v>
      </c>
      <c r="U24496" s="2">
        <v>3.4390000000000001</v>
      </c>
      <c r="V24496" s="2">
        <v>2.8439999999999999</v>
      </c>
      <c r="W24496" s="2">
        <v>1.7999999999999999E-2</v>
      </c>
      <c r="X24496" s="2">
        <v>139.1</v>
      </c>
      <c r="Y24496" s="2">
        <v>7.6</v>
      </c>
      <c r="Z24496" s="2">
        <v>16.7</v>
      </c>
      <c r="AA24496" s="5"/>
      <c r="AB24496" s="5" t="s">
        <v>43</v>
      </c>
      <c r="AC24496" s="5" t="s">
        <v>44</v>
      </c>
      <c r="AD24496" s="2"/>
      <c r="AE24496" s="1"/>
    </row>
    <row r="24497" spans="1:31" ht="14.45">
      <c r="A24497" s="11"/>
      <c r="B24497" s="20"/>
      <c r="C24497" s="2" t="s">
        <v>78370</v>
      </c>
      <c r="D24497" s="14" t="s">
        <v>78371</v>
      </c>
      <c r="E24497" s="2" t="s">
        <v>78372</v>
      </c>
      <c r="F24497" s="2" t="s">
        <v>7204</v>
      </c>
      <c r="G24497" s="8">
        <v>254</v>
      </c>
      <c r="H24497" s="5">
        <v>6</v>
      </c>
      <c r="I24497" s="5" t="s">
        <v>1518</v>
      </c>
      <c r="J24497" s="5" t="s">
        <v>69038</v>
      </c>
      <c r="K24497" s="2" t="s">
        <v>69039</v>
      </c>
      <c r="L24497" s="5" t="s">
        <v>69038</v>
      </c>
      <c r="M24497" s="2" t="s">
        <v>69039</v>
      </c>
      <c r="N24497" s="5" t="s">
        <v>1521</v>
      </c>
      <c r="O24497" s="5" t="s">
        <v>38</v>
      </c>
      <c r="P24497" s="5" t="s">
        <v>39</v>
      </c>
      <c r="Q24497" s="5" t="s">
        <v>40</v>
      </c>
      <c r="R24497" s="5" t="s">
        <v>1522</v>
      </c>
      <c r="S24497" s="5" t="s">
        <v>1523</v>
      </c>
      <c r="T24497" s="5" t="s">
        <v>42</v>
      </c>
      <c r="U24497" s="2">
        <v>2.5030000000000001</v>
      </c>
      <c r="V24497" s="2">
        <v>1.9530000000000001</v>
      </c>
      <c r="W24497" s="2">
        <v>1.4999999999999999E-2</v>
      </c>
      <c r="X24497" s="2">
        <v>118.9</v>
      </c>
      <c r="Y24497" s="2">
        <v>7.6</v>
      </c>
      <c r="Z24497" s="2">
        <v>16.7</v>
      </c>
      <c r="AA24497" s="5"/>
      <c r="AB24497" s="5" t="s">
        <v>43</v>
      </c>
      <c r="AC24497" s="5" t="s">
        <v>44</v>
      </c>
      <c r="AD24497" s="2"/>
      <c r="AE24497" s="1"/>
    </row>
    <row r="24498" spans="1:31" ht="14.45">
      <c r="A24498" s="11"/>
      <c r="B24498" s="20"/>
      <c r="C24498" s="2" t="s">
        <v>78373</v>
      </c>
      <c r="D24498" s="14" t="s">
        <v>78374</v>
      </c>
      <c r="E24498" s="2" t="s">
        <v>78375</v>
      </c>
      <c r="F24498" s="2" t="s">
        <v>7514</v>
      </c>
      <c r="G24498" s="8">
        <v>254</v>
      </c>
      <c r="H24498" s="5">
        <v>6</v>
      </c>
      <c r="I24498" s="5" t="s">
        <v>1518</v>
      </c>
      <c r="J24498" s="5" t="s">
        <v>69038</v>
      </c>
      <c r="K24498" s="2" t="s">
        <v>69039</v>
      </c>
      <c r="L24498" s="5" t="s">
        <v>69038</v>
      </c>
      <c r="M24498" s="2" t="s">
        <v>69039</v>
      </c>
      <c r="N24498" s="5" t="s">
        <v>1521</v>
      </c>
      <c r="O24498" s="5" t="s">
        <v>38</v>
      </c>
      <c r="P24498" s="5" t="s">
        <v>39</v>
      </c>
      <c r="Q24498" s="5" t="s">
        <v>40</v>
      </c>
      <c r="R24498" s="5" t="s">
        <v>1522</v>
      </c>
      <c r="S24498" s="5" t="s">
        <v>1523</v>
      </c>
      <c r="T24498" s="5" t="s">
        <v>42</v>
      </c>
      <c r="U24498" s="2">
        <v>2.5590000000000002</v>
      </c>
      <c r="V24498" s="2">
        <v>2.0089999999999999</v>
      </c>
      <c r="W24498" s="2">
        <v>1.4999999999999999E-2</v>
      </c>
      <c r="X24498" s="2">
        <v>118.9</v>
      </c>
      <c r="Y24498" s="2">
        <v>7.6</v>
      </c>
      <c r="Z24498" s="2">
        <v>16.7</v>
      </c>
      <c r="AA24498" s="5"/>
      <c r="AB24498" s="5" t="s">
        <v>43</v>
      </c>
      <c r="AC24498" s="5" t="s">
        <v>44</v>
      </c>
      <c r="AD24498" s="2"/>
      <c r="AE24498" s="1"/>
    </row>
    <row r="24499" spans="1:31" ht="14.45">
      <c r="A24499" s="11"/>
      <c r="B24499" s="20"/>
      <c r="C24499" s="2" t="s">
        <v>78376</v>
      </c>
      <c r="D24499" s="14" t="s">
        <v>78377</v>
      </c>
      <c r="E24499" s="2" t="s">
        <v>78378</v>
      </c>
      <c r="F24499" s="2" t="s">
        <v>7521</v>
      </c>
      <c r="G24499" s="8">
        <v>254</v>
      </c>
      <c r="H24499" s="5">
        <v>6</v>
      </c>
      <c r="I24499" s="5" t="s">
        <v>1518</v>
      </c>
      <c r="J24499" s="5" t="s">
        <v>69038</v>
      </c>
      <c r="K24499" s="2" t="s">
        <v>69039</v>
      </c>
      <c r="L24499" s="5" t="s">
        <v>69038</v>
      </c>
      <c r="M24499" s="2" t="s">
        <v>69039</v>
      </c>
      <c r="N24499" s="5" t="s">
        <v>1521</v>
      </c>
      <c r="O24499" s="5" t="s">
        <v>38</v>
      </c>
      <c r="P24499" s="5" t="s">
        <v>39</v>
      </c>
      <c r="Q24499" s="5" t="s">
        <v>40</v>
      </c>
      <c r="R24499" s="5" t="s">
        <v>1522</v>
      </c>
      <c r="S24499" s="5" t="s">
        <v>1523</v>
      </c>
      <c r="T24499" s="5" t="s">
        <v>42</v>
      </c>
      <c r="U24499" s="2">
        <v>2.5590000000000002</v>
      </c>
      <c r="V24499" s="2">
        <v>2.0089999999999999</v>
      </c>
      <c r="W24499" s="2">
        <v>1.4999999999999999E-2</v>
      </c>
      <c r="X24499" s="2">
        <v>118.9</v>
      </c>
      <c r="Y24499" s="2">
        <v>7.6</v>
      </c>
      <c r="Z24499" s="2">
        <v>16.7</v>
      </c>
      <c r="AA24499" s="5"/>
      <c r="AB24499" s="5" t="s">
        <v>43</v>
      </c>
      <c r="AC24499" s="5" t="s">
        <v>44</v>
      </c>
      <c r="AD24499" s="2"/>
      <c r="AE24499" s="1"/>
    </row>
    <row r="24500" spans="1:31" ht="14.45">
      <c r="A24500" s="11"/>
      <c r="B24500" s="20"/>
      <c r="C24500" s="2" t="s">
        <v>78379</v>
      </c>
      <c r="D24500" s="14" t="s">
        <v>78380</v>
      </c>
      <c r="E24500" s="2" t="s">
        <v>78381</v>
      </c>
      <c r="F24500" s="2" t="s">
        <v>7396</v>
      </c>
      <c r="G24500" s="8">
        <v>254</v>
      </c>
      <c r="H24500" s="5">
        <v>6</v>
      </c>
      <c r="I24500" s="5" t="s">
        <v>1518</v>
      </c>
      <c r="J24500" s="5" t="s">
        <v>69038</v>
      </c>
      <c r="K24500" s="2" t="s">
        <v>69039</v>
      </c>
      <c r="L24500" s="5" t="s">
        <v>69038</v>
      </c>
      <c r="M24500" s="2" t="s">
        <v>69039</v>
      </c>
      <c r="N24500" s="5" t="s">
        <v>1521</v>
      </c>
      <c r="O24500" s="5" t="s">
        <v>38</v>
      </c>
      <c r="P24500" s="5" t="s">
        <v>39</v>
      </c>
      <c r="Q24500" s="5" t="s">
        <v>40</v>
      </c>
      <c r="R24500" s="5" t="s">
        <v>1522</v>
      </c>
      <c r="S24500" s="5" t="s">
        <v>1523</v>
      </c>
      <c r="T24500" s="5" t="s">
        <v>42</v>
      </c>
      <c r="U24500" s="2">
        <v>2.5030000000000001</v>
      </c>
      <c r="V24500" s="2">
        <v>1.9530000000000001</v>
      </c>
      <c r="W24500" s="2">
        <v>1.4999999999999999E-2</v>
      </c>
      <c r="X24500" s="2">
        <v>118.9</v>
      </c>
      <c r="Y24500" s="2">
        <v>7.6</v>
      </c>
      <c r="Z24500" s="2">
        <v>16.7</v>
      </c>
      <c r="AA24500" s="5"/>
      <c r="AB24500" s="5" t="s">
        <v>43</v>
      </c>
      <c r="AC24500" s="5" t="s">
        <v>44</v>
      </c>
      <c r="AD24500" s="2"/>
      <c r="AE24500" s="1"/>
    </row>
    <row r="24501" spans="1:31" ht="14.45">
      <c r="A24501" s="11"/>
      <c r="B24501" s="20"/>
      <c r="C24501" s="2" t="s">
        <v>78382</v>
      </c>
      <c r="D24501" s="14" t="s">
        <v>78383</v>
      </c>
      <c r="E24501" s="2" t="s">
        <v>78384</v>
      </c>
      <c r="F24501" s="2" t="s">
        <v>7507</v>
      </c>
      <c r="G24501" s="8">
        <v>254</v>
      </c>
      <c r="H24501" s="5">
        <v>6</v>
      </c>
      <c r="I24501" s="5" t="s">
        <v>1518</v>
      </c>
      <c r="J24501" s="5" t="s">
        <v>69038</v>
      </c>
      <c r="K24501" s="2" t="s">
        <v>69039</v>
      </c>
      <c r="L24501" s="5" t="s">
        <v>69038</v>
      </c>
      <c r="M24501" s="2" t="s">
        <v>69039</v>
      </c>
      <c r="N24501" s="5" t="s">
        <v>1521</v>
      </c>
      <c r="O24501" s="5" t="s">
        <v>38</v>
      </c>
      <c r="P24501" s="5" t="s">
        <v>39</v>
      </c>
      <c r="Q24501" s="5" t="s">
        <v>40</v>
      </c>
      <c r="R24501" s="5" t="s">
        <v>1522</v>
      </c>
      <c r="S24501" s="5" t="s">
        <v>1523</v>
      </c>
      <c r="T24501" s="5" t="s">
        <v>42</v>
      </c>
      <c r="U24501" s="2">
        <v>2.5590000000000002</v>
      </c>
      <c r="V24501" s="2">
        <v>2.0089999999999999</v>
      </c>
      <c r="W24501" s="2">
        <v>1.4999999999999999E-2</v>
      </c>
      <c r="X24501" s="2">
        <v>118.9</v>
      </c>
      <c r="Y24501" s="2">
        <v>7.6</v>
      </c>
      <c r="Z24501" s="2">
        <v>16.7</v>
      </c>
      <c r="AA24501" s="5"/>
      <c r="AB24501" s="5" t="s">
        <v>43</v>
      </c>
      <c r="AC24501" s="5" t="s">
        <v>44</v>
      </c>
      <c r="AD24501" s="2"/>
      <c r="AE24501" s="1"/>
    </row>
    <row r="24502" spans="1:31" ht="14.45">
      <c r="A24502" s="11"/>
      <c r="B24502" s="20"/>
      <c r="C24502" s="2" t="s">
        <v>78385</v>
      </c>
      <c r="D24502" s="14" t="s">
        <v>78386</v>
      </c>
      <c r="E24502" s="2" t="s">
        <v>78387</v>
      </c>
      <c r="F24502" s="2" t="s">
        <v>16029</v>
      </c>
      <c r="G24502" s="8">
        <v>272</v>
      </c>
      <c r="H24502" s="5">
        <v>6</v>
      </c>
      <c r="I24502" s="5" t="s">
        <v>1518</v>
      </c>
      <c r="J24502" s="5" t="s">
        <v>69038</v>
      </c>
      <c r="K24502" s="2" t="s">
        <v>69039</v>
      </c>
      <c r="L24502" s="5" t="s">
        <v>69038</v>
      </c>
      <c r="M24502" s="2" t="s">
        <v>69039</v>
      </c>
      <c r="N24502" s="5" t="s">
        <v>1521</v>
      </c>
      <c r="O24502" s="5" t="s">
        <v>38</v>
      </c>
      <c r="P24502" s="5" t="s">
        <v>39</v>
      </c>
      <c r="Q24502" s="5" t="s">
        <v>40</v>
      </c>
      <c r="R24502" s="5" t="s">
        <v>1522</v>
      </c>
      <c r="S24502" s="5" t="s">
        <v>1523</v>
      </c>
      <c r="T24502" s="5" t="s">
        <v>42</v>
      </c>
      <c r="U24502" s="2">
        <v>2.5049999999999999</v>
      </c>
      <c r="V24502" s="2">
        <v>1.9550000000000001</v>
      </c>
      <c r="W24502" s="2">
        <v>1.4999999999999999E-2</v>
      </c>
      <c r="X24502" s="2">
        <v>118.9</v>
      </c>
      <c r="Y24502" s="2">
        <v>7.6</v>
      </c>
      <c r="Z24502" s="2">
        <v>16.7</v>
      </c>
      <c r="AA24502" s="5"/>
      <c r="AB24502" s="5" t="s">
        <v>43</v>
      </c>
      <c r="AC24502" s="5" t="s">
        <v>44</v>
      </c>
      <c r="AD24502" s="2"/>
      <c r="AE24502" s="1"/>
    </row>
    <row r="24503" spans="1:31" ht="14.45">
      <c r="A24503" s="11"/>
      <c r="B24503" s="20"/>
      <c r="C24503" s="2" t="s">
        <v>78388</v>
      </c>
      <c r="D24503" s="14" t="s">
        <v>78389</v>
      </c>
      <c r="E24503" s="2" t="s">
        <v>78390</v>
      </c>
      <c r="F24503" s="2" t="s">
        <v>16033</v>
      </c>
      <c r="G24503" s="8">
        <v>272</v>
      </c>
      <c r="H24503" s="5">
        <v>6</v>
      </c>
      <c r="I24503" s="5" t="s">
        <v>1518</v>
      </c>
      <c r="J24503" s="5" t="s">
        <v>69038</v>
      </c>
      <c r="K24503" s="2" t="s">
        <v>69039</v>
      </c>
      <c r="L24503" s="5" t="s">
        <v>69038</v>
      </c>
      <c r="M24503" s="2" t="s">
        <v>69039</v>
      </c>
      <c r="N24503" s="5" t="s">
        <v>1521</v>
      </c>
      <c r="O24503" s="5" t="s">
        <v>38</v>
      </c>
      <c r="P24503" s="5" t="s">
        <v>39</v>
      </c>
      <c r="Q24503" s="5" t="s">
        <v>40</v>
      </c>
      <c r="R24503" s="5" t="s">
        <v>1522</v>
      </c>
      <c r="S24503" s="5" t="s">
        <v>1523</v>
      </c>
      <c r="T24503" s="5" t="s">
        <v>42</v>
      </c>
      <c r="U24503" s="2">
        <v>2.5609999999999999</v>
      </c>
      <c r="V24503" s="2">
        <v>2.0110000000000001</v>
      </c>
      <c r="W24503" s="2">
        <v>1.4999999999999999E-2</v>
      </c>
      <c r="X24503" s="2">
        <v>118.9</v>
      </c>
      <c r="Y24503" s="2">
        <v>7.6</v>
      </c>
      <c r="Z24503" s="2">
        <v>16.7</v>
      </c>
      <c r="AA24503" s="5"/>
      <c r="AB24503" s="5" t="s">
        <v>43</v>
      </c>
      <c r="AC24503" s="5" t="s">
        <v>44</v>
      </c>
      <c r="AD24503" s="2"/>
      <c r="AE24503" s="1"/>
    </row>
    <row r="24504" spans="1:31" ht="14.45">
      <c r="A24504" s="11"/>
      <c r="B24504" s="20"/>
      <c r="C24504" s="2" t="s">
        <v>78391</v>
      </c>
      <c r="D24504" s="14" t="s">
        <v>78392</v>
      </c>
      <c r="E24504" s="2" t="s">
        <v>78393</v>
      </c>
      <c r="F24504" s="2" t="s">
        <v>7204</v>
      </c>
      <c r="G24504" s="8">
        <v>254</v>
      </c>
      <c r="H24504" s="5">
        <v>6</v>
      </c>
      <c r="I24504" s="5" t="s">
        <v>1518</v>
      </c>
      <c r="J24504" s="5" t="s">
        <v>69038</v>
      </c>
      <c r="K24504" s="2" t="s">
        <v>69039</v>
      </c>
      <c r="L24504" s="5" t="s">
        <v>69038</v>
      </c>
      <c r="M24504" s="2" t="s">
        <v>69039</v>
      </c>
      <c r="N24504" s="5" t="s">
        <v>1521</v>
      </c>
      <c r="O24504" s="5" t="s">
        <v>38</v>
      </c>
      <c r="P24504" s="5" t="s">
        <v>39</v>
      </c>
      <c r="Q24504" s="5" t="s">
        <v>40</v>
      </c>
      <c r="R24504" s="5" t="s">
        <v>1522</v>
      </c>
      <c r="S24504" s="5" t="s">
        <v>1523</v>
      </c>
      <c r="T24504" s="5" t="s">
        <v>42</v>
      </c>
      <c r="U24504" s="2">
        <v>2.9590000000000001</v>
      </c>
      <c r="V24504" s="2">
        <v>2.4350000000000001</v>
      </c>
      <c r="W24504" s="2">
        <v>1.4999999999999999E-2</v>
      </c>
      <c r="X24504" s="2">
        <v>118.9</v>
      </c>
      <c r="Y24504" s="2">
        <v>7.6</v>
      </c>
      <c r="Z24504" s="2">
        <v>16.7</v>
      </c>
      <c r="AA24504" s="5"/>
      <c r="AB24504" s="5" t="s">
        <v>43</v>
      </c>
      <c r="AC24504" s="5" t="s">
        <v>44</v>
      </c>
      <c r="AD24504" s="2"/>
      <c r="AE24504" s="1"/>
    </row>
    <row r="24505" spans="1:31" ht="14.45">
      <c r="A24505" s="11"/>
      <c r="B24505" s="20"/>
      <c r="C24505" s="2" t="s">
        <v>78394</v>
      </c>
      <c r="D24505" s="14" t="s">
        <v>78395</v>
      </c>
      <c r="E24505" s="2" t="s">
        <v>78396</v>
      </c>
      <c r="F24505" s="2" t="s">
        <v>7514</v>
      </c>
      <c r="G24505" s="8">
        <v>254</v>
      </c>
      <c r="H24505" s="5">
        <v>6</v>
      </c>
      <c r="I24505" s="5" t="s">
        <v>1518</v>
      </c>
      <c r="J24505" s="5" t="s">
        <v>69038</v>
      </c>
      <c r="K24505" s="2" t="s">
        <v>69039</v>
      </c>
      <c r="L24505" s="5" t="s">
        <v>69038</v>
      </c>
      <c r="M24505" s="2" t="s">
        <v>69039</v>
      </c>
      <c r="N24505" s="5" t="s">
        <v>1521</v>
      </c>
      <c r="O24505" s="5" t="s">
        <v>38</v>
      </c>
      <c r="P24505" s="5" t="s">
        <v>39</v>
      </c>
      <c r="Q24505" s="5" t="s">
        <v>40</v>
      </c>
      <c r="R24505" s="5" t="s">
        <v>1522</v>
      </c>
      <c r="S24505" s="5" t="s">
        <v>1523</v>
      </c>
      <c r="T24505" s="5" t="s">
        <v>42</v>
      </c>
      <c r="U24505" s="2">
        <v>3.0489999999999999</v>
      </c>
      <c r="V24505" s="2">
        <v>2.5249999999999999</v>
      </c>
      <c r="W24505" s="2">
        <v>1.4999999999999999E-2</v>
      </c>
      <c r="X24505" s="2">
        <v>118.9</v>
      </c>
      <c r="Y24505" s="2">
        <v>7.6</v>
      </c>
      <c r="Z24505" s="2">
        <v>16.7</v>
      </c>
      <c r="AA24505" s="5"/>
      <c r="AB24505" s="5" t="s">
        <v>43</v>
      </c>
      <c r="AC24505" s="5" t="s">
        <v>44</v>
      </c>
      <c r="AD24505" s="2"/>
      <c r="AE24505" s="1"/>
    </row>
    <row r="24506" spans="1:31" ht="14.45">
      <c r="A24506" s="11"/>
      <c r="B24506" s="20"/>
      <c r="C24506" s="2" t="s">
        <v>78397</v>
      </c>
      <c r="D24506" s="14" t="s">
        <v>78398</v>
      </c>
      <c r="E24506" s="2" t="s">
        <v>78399</v>
      </c>
      <c r="F24506" s="2" t="s">
        <v>7208</v>
      </c>
      <c r="G24506" s="8">
        <v>254</v>
      </c>
      <c r="H24506" s="5">
        <v>6</v>
      </c>
      <c r="I24506" s="5" t="s">
        <v>1518</v>
      </c>
      <c r="J24506" s="5" t="s">
        <v>69038</v>
      </c>
      <c r="K24506" s="2" t="s">
        <v>69039</v>
      </c>
      <c r="L24506" s="5" t="s">
        <v>69038</v>
      </c>
      <c r="M24506" s="2" t="s">
        <v>69039</v>
      </c>
      <c r="N24506" s="5" t="s">
        <v>1521</v>
      </c>
      <c r="O24506" s="5" t="s">
        <v>38</v>
      </c>
      <c r="P24506" s="5" t="s">
        <v>39</v>
      </c>
      <c r="Q24506" s="5" t="s">
        <v>40</v>
      </c>
      <c r="R24506" s="5" t="s">
        <v>1522</v>
      </c>
      <c r="S24506" s="5" t="s">
        <v>1523</v>
      </c>
      <c r="T24506" s="5" t="s">
        <v>42</v>
      </c>
      <c r="U24506" s="2">
        <v>2.9590000000000001</v>
      </c>
      <c r="V24506" s="2">
        <v>2.4350000000000001</v>
      </c>
      <c r="W24506" s="2">
        <v>1.4999999999999999E-2</v>
      </c>
      <c r="X24506" s="2">
        <v>118.9</v>
      </c>
      <c r="Y24506" s="2">
        <v>7.6</v>
      </c>
      <c r="Z24506" s="2">
        <v>16.7</v>
      </c>
      <c r="AA24506" s="5"/>
      <c r="AB24506" s="5" t="s">
        <v>43</v>
      </c>
      <c r="AC24506" s="5" t="s">
        <v>44</v>
      </c>
      <c r="AD24506" s="2"/>
      <c r="AE24506" s="1"/>
    </row>
    <row r="24507" spans="1:31" ht="14.45">
      <c r="A24507" s="11"/>
      <c r="B24507" s="20"/>
      <c r="C24507" s="2" t="s">
        <v>78400</v>
      </c>
      <c r="D24507" s="14" t="s">
        <v>78401</v>
      </c>
      <c r="E24507" s="2" t="s">
        <v>78402</v>
      </c>
      <c r="F24507" s="2" t="s">
        <v>7521</v>
      </c>
      <c r="G24507" s="8">
        <v>254</v>
      </c>
      <c r="H24507" s="5">
        <v>6</v>
      </c>
      <c r="I24507" s="5" t="s">
        <v>1518</v>
      </c>
      <c r="J24507" s="5" t="s">
        <v>69038</v>
      </c>
      <c r="K24507" s="2" t="s">
        <v>69039</v>
      </c>
      <c r="L24507" s="5" t="s">
        <v>69038</v>
      </c>
      <c r="M24507" s="2" t="s">
        <v>69039</v>
      </c>
      <c r="N24507" s="5" t="s">
        <v>1521</v>
      </c>
      <c r="O24507" s="5" t="s">
        <v>38</v>
      </c>
      <c r="P24507" s="5" t="s">
        <v>39</v>
      </c>
      <c r="Q24507" s="5" t="s">
        <v>40</v>
      </c>
      <c r="R24507" s="5" t="s">
        <v>1522</v>
      </c>
      <c r="S24507" s="5" t="s">
        <v>1523</v>
      </c>
      <c r="T24507" s="5" t="s">
        <v>42</v>
      </c>
      <c r="U24507" s="2">
        <v>3.0489999999999999</v>
      </c>
      <c r="V24507" s="2">
        <v>2.5249999999999999</v>
      </c>
      <c r="W24507" s="2">
        <v>1.4999999999999999E-2</v>
      </c>
      <c r="X24507" s="2">
        <v>118.9</v>
      </c>
      <c r="Y24507" s="2">
        <v>7.6</v>
      </c>
      <c r="Z24507" s="2">
        <v>16.7</v>
      </c>
      <c r="AA24507" s="5"/>
      <c r="AB24507" s="5" t="s">
        <v>43</v>
      </c>
      <c r="AC24507" s="5" t="s">
        <v>44</v>
      </c>
      <c r="AD24507" s="2"/>
      <c r="AE24507" s="1"/>
    </row>
    <row r="24508" spans="1:31" ht="14.45">
      <c r="A24508" s="11"/>
      <c r="B24508" s="20"/>
      <c r="C24508" s="2" t="s">
        <v>78403</v>
      </c>
      <c r="D24508" s="14" t="s">
        <v>78404</v>
      </c>
      <c r="E24508" s="2" t="s">
        <v>78405</v>
      </c>
      <c r="F24508" s="2" t="s">
        <v>7406</v>
      </c>
      <c r="G24508" s="8">
        <v>272</v>
      </c>
      <c r="H24508" s="5">
        <v>6</v>
      </c>
      <c r="I24508" s="5" t="s">
        <v>1518</v>
      </c>
      <c r="J24508" s="5" t="s">
        <v>69038</v>
      </c>
      <c r="K24508" s="2" t="s">
        <v>69039</v>
      </c>
      <c r="L24508" s="5" t="s">
        <v>69038</v>
      </c>
      <c r="M24508" s="2" t="s">
        <v>69039</v>
      </c>
      <c r="N24508" s="5" t="s">
        <v>1521</v>
      </c>
      <c r="O24508" s="5" t="s">
        <v>38</v>
      </c>
      <c r="P24508" s="5" t="s">
        <v>39</v>
      </c>
      <c r="Q24508" s="5" t="s">
        <v>40</v>
      </c>
      <c r="R24508" s="5" t="s">
        <v>1522</v>
      </c>
      <c r="S24508" s="5" t="s">
        <v>1523</v>
      </c>
      <c r="T24508" s="5" t="s">
        <v>42</v>
      </c>
      <c r="U24508" s="2">
        <v>2.9590000000000001</v>
      </c>
      <c r="V24508" s="2">
        <v>2.4350000000000001</v>
      </c>
      <c r="W24508" s="2">
        <v>1.4999999999999999E-2</v>
      </c>
      <c r="X24508" s="2">
        <v>118.9</v>
      </c>
      <c r="Y24508" s="2">
        <v>7.6</v>
      </c>
      <c r="Z24508" s="2">
        <v>16.7</v>
      </c>
      <c r="AA24508" s="5"/>
      <c r="AB24508" s="5" t="s">
        <v>43</v>
      </c>
      <c r="AC24508" s="5" t="s">
        <v>44</v>
      </c>
      <c r="AD24508" s="2"/>
      <c r="AE24508" s="1"/>
    </row>
    <row r="24509" spans="1:31" ht="14.45">
      <c r="A24509" s="11"/>
      <c r="B24509" s="20"/>
      <c r="C24509" s="2" t="s">
        <v>78406</v>
      </c>
      <c r="D24509" s="14" t="s">
        <v>78407</v>
      </c>
      <c r="E24509" s="2" t="s">
        <v>78408</v>
      </c>
      <c r="F24509" s="2" t="s">
        <v>7535</v>
      </c>
      <c r="G24509" s="8">
        <v>272</v>
      </c>
      <c r="H24509" s="5">
        <v>6</v>
      </c>
      <c r="I24509" s="5" t="s">
        <v>1518</v>
      </c>
      <c r="J24509" s="5" t="s">
        <v>69038</v>
      </c>
      <c r="K24509" s="2" t="s">
        <v>69039</v>
      </c>
      <c r="L24509" s="5" t="s">
        <v>69038</v>
      </c>
      <c r="M24509" s="2" t="s">
        <v>69039</v>
      </c>
      <c r="N24509" s="5" t="s">
        <v>1521</v>
      </c>
      <c r="O24509" s="5" t="s">
        <v>38</v>
      </c>
      <c r="P24509" s="5" t="s">
        <v>39</v>
      </c>
      <c r="Q24509" s="5" t="s">
        <v>40</v>
      </c>
      <c r="R24509" s="5" t="s">
        <v>1522</v>
      </c>
      <c r="S24509" s="5" t="s">
        <v>1523</v>
      </c>
      <c r="T24509" s="5" t="s">
        <v>42</v>
      </c>
      <c r="U24509" s="2">
        <v>3.0489999999999999</v>
      </c>
      <c r="V24509" s="2">
        <v>2.5249999999999999</v>
      </c>
      <c r="W24509" s="2">
        <v>1.4999999999999999E-2</v>
      </c>
      <c r="X24509" s="2">
        <v>118.9</v>
      </c>
      <c r="Y24509" s="2">
        <v>7.6</v>
      </c>
      <c r="Z24509" s="2">
        <v>16.7</v>
      </c>
      <c r="AA24509" s="5"/>
      <c r="AB24509" s="5" t="s">
        <v>43</v>
      </c>
      <c r="AC24509" s="5" t="s">
        <v>44</v>
      </c>
      <c r="AD24509" s="2"/>
      <c r="AE24509" s="1"/>
    </row>
    <row r="24510" spans="1:31" ht="14.45">
      <c r="A24510" s="11"/>
      <c r="B24510" s="20"/>
      <c r="C24510" s="2" t="s">
        <v>78409</v>
      </c>
      <c r="D24510" s="14" t="s">
        <v>78410</v>
      </c>
      <c r="E24510" s="2" t="s">
        <v>78411</v>
      </c>
      <c r="F24510" s="2" t="s">
        <v>7539</v>
      </c>
      <c r="G24510" s="8">
        <v>272</v>
      </c>
      <c r="H24510" s="5">
        <v>6</v>
      </c>
      <c r="I24510" s="5" t="s">
        <v>1518</v>
      </c>
      <c r="J24510" s="5" t="s">
        <v>69038</v>
      </c>
      <c r="K24510" s="2" t="s">
        <v>69039</v>
      </c>
      <c r="L24510" s="5" t="s">
        <v>69038</v>
      </c>
      <c r="M24510" s="2" t="s">
        <v>69039</v>
      </c>
      <c r="N24510" s="5" t="s">
        <v>1521</v>
      </c>
      <c r="O24510" s="5" t="s">
        <v>38</v>
      </c>
      <c r="P24510" s="5" t="s">
        <v>39</v>
      </c>
      <c r="Q24510" s="5" t="s">
        <v>40</v>
      </c>
      <c r="R24510" s="5" t="s">
        <v>1522</v>
      </c>
      <c r="S24510" s="5" t="s">
        <v>1523</v>
      </c>
      <c r="T24510" s="5" t="s">
        <v>42</v>
      </c>
      <c r="U24510" s="2">
        <v>2.9590000000000001</v>
      </c>
      <c r="V24510" s="2">
        <v>2.4350000000000001</v>
      </c>
      <c r="W24510" s="2">
        <v>1.4999999999999999E-2</v>
      </c>
      <c r="X24510" s="2">
        <v>118.9</v>
      </c>
      <c r="Y24510" s="2">
        <v>7.6</v>
      </c>
      <c r="Z24510" s="2">
        <v>16.7</v>
      </c>
      <c r="AA24510" s="5"/>
      <c r="AB24510" s="5" t="s">
        <v>43</v>
      </c>
      <c r="AC24510" s="5" t="s">
        <v>44</v>
      </c>
      <c r="AD24510" s="2"/>
      <c r="AE24510" s="1"/>
    </row>
    <row r="24511" spans="1:31" ht="14.45">
      <c r="A24511" s="11"/>
      <c r="B24511" s="20"/>
      <c r="C24511" s="2" t="s">
        <v>78412</v>
      </c>
      <c r="D24511" s="14" t="s">
        <v>78413</v>
      </c>
      <c r="E24511" s="2" t="s">
        <v>78414</v>
      </c>
      <c r="F24511" s="2" t="s">
        <v>7543</v>
      </c>
      <c r="G24511" s="8">
        <v>272</v>
      </c>
      <c r="H24511" s="5">
        <v>6</v>
      </c>
      <c r="I24511" s="5" t="s">
        <v>1518</v>
      </c>
      <c r="J24511" s="5" t="s">
        <v>69038</v>
      </c>
      <c r="K24511" s="2" t="s">
        <v>69039</v>
      </c>
      <c r="L24511" s="5" t="s">
        <v>69038</v>
      </c>
      <c r="M24511" s="2" t="s">
        <v>69039</v>
      </c>
      <c r="N24511" s="5" t="s">
        <v>1521</v>
      </c>
      <c r="O24511" s="5" t="s">
        <v>38</v>
      </c>
      <c r="P24511" s="5" t="s">
        <v>39</v>
      </c>
      <c r="Q24511" s="5" t="s">
        <v>40</v>
      </c>
      <c r="R24511" s="5" t="s">
        <v>1522</v>
      </c>
      <c r="S24511" s="5" t="s">
        <v>1523</v>
      </c>
      <c r="T24511" s="5" t="s">
        <v>42</v>
      </c>
      <c r="U24511" s="2">
        <v>3.0489999999999999</v>
      </c>
      <c r="V24511" s="2">
        <v>2.5249999999999999</v>
      </c>
      <c r="W24511" s="2">
        <v>1.4999999999999999E-2</v>
      </c>
      <c r="X24511" s="2">
        <v>118.9</v>
      </c>
      <c r="Y24511" s="2">
        <v>7.6</v>
      </c>
      <c r="Z24511" s="2">
        <v>16.7</v>
      </c>
      <c r="AA24511" s="5"/>
      <c r="AB24511" s="5" t="s">
        <v>43</v>
      </c>
      <c r="AC24511" s="5" t="s">
        <v>44</v>
      </c>
      <c r="AD24511" s="2"/>
      <c r="AE24511" s="1"/>
    </row>
    <row r="24512" spans="1:31" ht="14.45">
      <c r="A24512" s="11"/>
      <c r="B24512" s="20"/>
      <c r="C24512" s="2" t="s">
        <v>78415</v>
      </c>
      <c r="D24512" s="14" t="s">
        <v>78416</v>
      </c>
      <c r="E24512" s="2" t="s">
        <v>78417</v>
      </c>
      <c r="F24512" s="2" t="s">
        <v>7396</v>
      </c>
      <c r="G24512" s="8">
        <v>254</v>
      </c>
      <c r="H24512" s="5">
        <v>6</v>
      </c>
      <c r="I24512" s="5" t="s">
        <v>1518</v>
      </c>
      <c r="J24512" s="5" t="s">
        <v>69038</v>
      </c>
      <c r="K24512" s="2" t="s">
        <v>69039</v>
      </c>
      <c r="L24512" s="5" t="s">
        <v>69038</v>
      </c>
      <c r="M24512" s="2" t="s">
        <v>69039</v>
      </c>
      <c r="N24512" s="5" t="s">
        <v>1521</v>
      </c>
      <c r="O24512" s="5" t="s">
        <v>38</v>
      </c>
      <c r="P24512" s="5" t="s">
        <v>39</v>
      </c>
      <c r="Q24512" s="5" t="s">
        <v>40</v>
      </c>
      <c r="R24512" s="5" t="s">
        <v>1522</v>
      </c>
      <c r="S24512" s="5" t="s">
        <v>1523</v>
      </c>
      <c r="T24512" s="5" t="s">
        <v>42</v>
      </c>
      <c r="U24512" s="2">
        <v>2.9590000000000001</v>
      </c>
      <c r="V24512" s="2">
        <v>2.4350000000000001</v>
      </c>
      <c r="W24512" s="2">
        <v>1.4999999999999999E-2</v>
      </c>
      <c r="X24512" s="2">
        <v>118.9</v>
      </c>
      <c r="Y24512" s="2">
        <v>7.6</v>
      </c>
      <c r="Z24512" s="2">
        <v>16.7</v>
      </c>
      <c r="AA24512" s="5"/>
      <c r="AB24512" s="5" t="s">
        <v>43</v>
      </c>
      <c r="AC24512" s="5" t="s">
        <v>44</v>
      </c>
      <c r="AD24512" s="2"/>
      <c r="AE24512" s="1"/>
    </row>
    <row r="24513" spans="1:31" ht="14.45">
      <c r="A24513" s="11"/>
      <c r="B24513" s="20"/>
      <c r="C24513" s="2" t="s">
        <v>78418</v>
      </c>
      <c r="D24513" s="14" t="s">
        <v>78419</v>
      </c>
      <c r="E24513" s="2" t="s">
        <v>78420</v>
      </c>
      <c r="F24513" s="2" t="s">
        <v>7507</v>
      </c>
      <c r="G24513" s="8">
        <v>254</v>
      </c>
      <c r="H24513" s="5">
        <v>6</v>
      </c>
      <c r="I24513" s="5" t="s">
        <v>1518</v>
      </c>
      <c r="J24513" s="5" t="s">
        <v>69038</v>
      </c>
      <c r="K24513" s="2" t="s">
        <v>69039</v>
      </c>
      <c r="L24513" s="5" t="s">
        <v>69038</v>
      </c>
      <c r="M24513" s="2" t="s">
        <v>69039</v>
      </c>
      <c r="N24513" s="5" t="s">
        <v>1521</v>
      </c>
      <c r="O24513" s="5" t="s">
        <v>38</v>
      </c>
      <c r="P24513" s="5" t="s">
        <v>39</v>
      </c>
      <c r="Q24513" s="5" t="s">
        <v>40</v>
      </c>
      <c r="R24513" s="5" t="s">
        <v>1522</v>
      </c>
      <c r="S24513" s="5" t="s">
        <v>1523</v>
      </c>
      <c r="T24513" s="5" t="s">
        <v>42</v>
      </c>
      <c r="U24513" s="2">
        <v>3.0489999999999999</v>
      </c>
      <c r="V24513" s="2">
        <v>2.5249999999999999</v>
      </c>
      <c r="W24513" s="2">
        <v>1.4999999999999999E-2</v>
      </c>
      <c r="X24513" s="2">
        <v>118.9</v>
      </c>
      <c r="Y24513" s="2">
        <v>7.6</v>
      </c>
      <c r="Z24513" s="2">
        <v>16.7</v>
      </c>
      <c r="AA24513" s="5"/>
      <c r="AB24513" s="5" t="s">
        <v>43</v>
      </c>
      <c r="AC24513" s="5" t="s">
        <v>44</v>
      </c>
      <c r="AD24513" s="2"/>
      <c r="AE24513" s="1"/>
    </row>
    <row r="24514" spans="1:31" ht="14.45">
      <c r="A24514" s="11"/>
      <c r="B24514" s="20"/>
      <c r="C24514" s="2" t="s">
        <v>78421</v>
      </c>
      <c r="D24514" s="14" t="s">
        <v>78422</v>
      </c>
      <c r="E24514" s="2" t="s">
        <v>78423</v>
      </c>
      <c r="F24514" s="2" t="s">
        <v>7563</v>
      </c>
      <c r="G24514" s="8">
        <v>272</v>
      </c>
      <c r="H24514" s="5">
        <v>6</v>
      </c>
      <c r="I24514" s="5" t="s">
        <v>1518</v>
      </c>
      <c r="J24514" s="5" t="s">
        <v>69038</v>
      </c>
      <c r="K24514" s="2" t="s">
        <v>69039</v>
      </c>
      <c r="L24514" s="5" t="s">
        <v>69038</v>
      </c>
      <c r="M24514" s="2" t="s">
        <v>69039</v>
      </c>
      <c r="N24514" s="5" t="s">
        <v>1521</v>
      </c>
      <c r="O24514" s="5" t="s">
        <v>38</v>
      </c>
      <c r="P24514" s="5" t="s">
        <v>39</v>
      </c>
      <c r="Q24514" s="5" t="s">
        <v>40</v>
      </c>
      <c r="R24514" s="5" t="s">
        <v>1522</v>
      </c>
      <c r="S24514" s="5" t="s">
        <v>1523</v>
      </c>
      <c r="T24514" s="5" t="s">
        <v>42</v>
      </c>
      <c r="U24514" s="2">
        <v>2.9590000000000001</v>
      </c>
      <c r="V24514" s="2">
        <v>2.4350000000000001</v>
      </c>
      <c r="W24514" s="2">
        <v>1.4999999999999999E-2</v>
      </c>
      <c r="X24514" s="2">
        <v>118.9</v>
      </c>
      <c r="Y24514" s="2">
        <v>7.6</v>
      </c>
      <c r="Z24514" s="2">
        <v>16.7</v>
      </c>
      <c r="AA24514" s="5"/>
      <c r="AB24514" s="5" t="s">
        <v>43</v>
      </c>
      <c r="AC24514" s="5" t="s">
        <v>44</v>
      </c>
      <c r="AD24514" s="2"/>
      <c r="AE24514" s="1"/>
    </row>
    <row r="24515" spans="1:31" ht="14.45">
      <c r="A24515" s="11"/>
      <c r="B24515" s="20"/>
      <c r="C24515" s="2" t="s">
        <v>78424</v>
      </c>
      <c r="D24515" s="14" t="s">
        <v>78425</v>
      </c>
      <c r="E24515" s="2" t="s">
        <v>78426</v>
      </c>
      <c r="F24515" s="2" t="s">
        <v>7567</v>
      </c>
      <c r="G24515" s="8">
        <v>272</v>
      </c>
      <c r="H24515" s="5">
        <v>6</v>
      </c>
      <c r="I24515" s="5" t="s">
        <v>1518</v>
      </c>
      <c r="J24515" s="5" t="s">
        <v>69038</v>
      </c>
      <c r="K24515" s="2" t="s">
        <v>69039</v>
      </c>
      <c r="L24515" s="5" t="s">
        <v>69038</v>
      </c>
      <c r="M24515" s="2" t="s">
        <v>69039</v>
      </c>
      <c r="N24515" s="5" t="s">
        <v>1521</v>
      </c>
      <c r="O24515" s="5" t="s">
        <v>38</v>
      </c>
      <c r="P24515" s="5" t="s">
        <v>39</v>
      </c>
      <c r="Q24515" s="5" t="s">
        <v>40</v>
      </c>
      <c r="R24515" s="5" t="s">
        <v>1522</v>
      </c>
      <c r="S24515" s="5" t="s">
        <v>1523</v>
      </c>
      <c r="T24515" s="5" t="s">
        <v>42</v>
      </c>
      <c r="U24515" s="2">
        <v>3.0489999999999999</v>
      </c>
      <c r="V24515" s="2">
        <v>2.5249999999999999</v>
      </c>
      <c r="W24515" s="2">
        <v>1.4999999999999999E-2</v>
      </c>
      <c r="X24515" s="2">
        <v>118.9</v>
      </c>
      <c r="Y24515" s="2">
        <v>7.6</v>
      </c>
      <c r="Z24515" s="2">
        <v>16.7</v>
      </c>
      <c r="AA24515" s="5"/>
      <c r="AB24515" s="5" t="s">
        <v>43</v>
      </c>
      <c r="AC24515" s="5" t="s">
        <v>44</v>
      </c>
      <c r="AD24515" s="2"/>
      <c r="AE24515" s="1"/>
    </row>
    <row r="24516" spans="1:31" ht="14.45">
      <c r="A24516" s="11"/>
      <c r="B24516" s="20"/>
      <c r="C24516" s="2" t="s">
        <v>78427</v>
      </c>
      <c r="D24516" s="14" t="s">
        <v>78428</v>
      </c>
      <c r="E24516" s="2" t="s">
        <v>78429</v>
      </c>
      <c r="F24516" s="2" t="s">
        <v>7559</v>
      </c>
      <c r="G24516" s="8">
        <v>272</v>
      </c>
      <c r="H24516" s="5">
        <v>6</v>
      </c>
      <c r="I24516" s="5" t="s">
        <v>1518</v>
      </c>
      <c r="J24516" s="5" t="s">
        <v>69038</v>
      </c>
      <c r="K24516" s="2" t="s">
        <v>69039</v>
      </c>
      <c r="L24516" s="5" t="s">
        <v>69038</v>
      </c>
      <c r="M24516" s="2" t="s">
        <v>69039</v>
      </c>
      <c r="N24516" s="5" t="s">
        <v>1521</v>
      </c>
      <c r="O24516" s="5" t="s">
        <v>38</v>
      </c>
      <c r="P24516" s="5" t="s">
        <v>39</v>
      </c>
      <c r="Q24516" s="5" t="s">
        <v>40</v>
      </c>
      <c r="R24516" s="5" t="s">
        <v>1522</v>
      </c>
      <c r="S24516" s="5" t="s">
        <v>1523</v>
      </c>
      <c r="T24516" s="5" t="s">
        <v>42</v>
      </c>
      <c r="U24516" s="2">
        <v>3.0489999999999999</v>
      </c>
      <c r="V24516" s="2">
        <v>2.5249999999999999</v>
      </c>
      <c r="W24516" s="2">
        <v>1.4999999999999999E-2</v>
      </c>
      <c r="X24516" s="2">
        <v>118.9</v>
      </c>
      <c r="Y24516" s="2">
        <v>7.6</v>
      </c>
      <c r="Z24516" s="2">
        <v>16.7</v>
      </c>
      <c r="AA24516" s="5"/>
      <c r="AB24516" s="5" t="s">
        <v>43</v>
      </c>
      <c r="AC24516" s="5" t="s">
        <v>44</v>
      </c>
      <c r="AD24516" s="2"/>
      <c r="AE24516" s="1"/>
    </row>
    <row r="24517" spans="1:31" ht="14.45">
      <c r="A24517" s="11"/>
      <c r="B24517" s="20"/>
      <c r="C24517" s="2" t="s">
        <v>78430</v>
      </c>
      <c r="D24517" s="14" t="s">
        <v>78431</v>
      </c>
      <c r="E24517" s="2" t="s">
        <v>78432</v>
      </c>
      <c r="F24517" s="2" t="s">
        <v>16194</v>
      </c>
      <c r="G24517" s="8">
        <v>272</v>
      </c>
      <c r="H24517" s="5">
        <v>6</v>
      </c>
      <c r="I24517" s="5" t="s">
        <v>1518</v>
      </c>
      <c r="J24517" s="5" t="s">
        <v>69038</v>
      </c>
      <c r="K24517" s="2" t="s">
        <v>69039</v>
      </c>
      <c r="L24517" s="5" t="s">
        <v>69038</v>
      </c>
      <c r="M24517" s="2" t="s">
        <v>69039</v>
      </c>
      <c r="N24517" s="5" t="s">
        <v>1521</v>
      </c>
      <c r="O24517" s="5" t="s">
        <v>38</v>
      </c>
      <c r="P24517" s="5" t="s">
        <v>39</v>
      </c>
      <c r="Q24517" s="5" t="s">
        <v>40</v>
      </c>
      <c r="R24517" s="5" t="s">
        <v>1522</v>
      </c>
      <c r="S24517" s="5" t="s">
        <v>1523</v>
      </c>
      <c r="T24517" s="5" t="s">
        <v>42</v>
      </c>
      <c r="U24517" s="2">
        <v>3.0489999999999999</v>
      </c>
      <c r="V24517" s="2">
        <v>2.5249999999999999</v>
      </c>
      <c r="W24517" s="2">
        <v>1.4999999999999999E-2</v>
      </c>
      <c r="X24517" s="2">
        <v>118.9</v>
      </c>
      <c r="Y24517" s="2">
        <v>7.6</v>
      </c>
      <c r="Z24517" s="2">
        <v>16.7</v>
      </c>
      <c r="AA24517" s="5"/>
      <c r="AB24517" s="5" t="s">
        <v>43</v>
      </c>
      <c r="AC24517" s="5" t="s">
        <v>44</v>
      </c>
      <c r="AD24517" s="2"/>
      <c r="AE24517" s="1"/>
    </row>
    <row r="24518" spans="1:31" ht="14.45">
      <c r="A24518" s="11"/>
      <c r="B24518" s="20"/>
      <c r="C24518" s="2" t="s">
        <v>78433</v>
      </c>
      <c r="D24518" s="14" t="s">
        <v>78434</v>
      </c>
      <c r="E24518" s="2" t="s">
        <v>78435</v>
      </c>
      <c r="F24518" s="2" t="s">
        <v>7449</v>
      </c>
      <c r="G24518" s="8">
        <v>272</v>
      </c>
      <c r="H24518" s="5">
        <v>6</v>
      </c>
      <c r="I24518" s="5" t="s">
        <v>1518</v>
      </c>
      <c r="J24518" s="5" t="s">
        <v>69038</v>
      </c>
      <c r="K24518" s="2" t="s">
        <v>69039</v>
      </c>
      <c r="L24518" s="5" t="s">
        <v>69038</v>
      </c>
      <c r="M24518" s="2" t="s">
        <v>69039</v>
      </c>
      <c r="N24518" s="5" t="s">
        <v>1521</v>
      </c>
      <c r="O24518" s="5" t="s">
        <v>38</v>
      </c>
      <c r="P24518" s="5" t="s">
        <v>39</v>
      </c>
      <c r="Q24518" s="5" t="s">
        <v>40</v>
      </c>
      <c r="R24518" s="5" t="s">
        <v>1522</v>
      </c>
      <c r="S24518" s="5" t="s">
        <v>1523</v>
      </c>
      <c r="T24518" s="5" t="s">
        <v>42</v>
      </c>
      <c r="U24518" s="2">
        <v>2.9590000000000001</v>
      </c>
      <c r="V24518" s="2">
        <v>2.4350000000000001</v>
      </c>
      <c r="W24518" s="2">
        <v>1.4999999999999999E-2</v>
      </c>
      <c r="X24518" s="2">
        <v>118.9</v>
      </c>
      <c r="Y24518" s="2">
        <v>7.6</v>
      </c>
      <c r="Z24518" s="2">
        <v>16.7</v>
      </c>
      <c r="AA24518" s="5"/>
      <c r="AB24518" s="5" t="s">
        <v>43</v>
      </c>
      <c r="AC24518" s="5" t="s">
        <v>44</v>
      </c>
      <c r="AD24518" s="2"/>
      <c r="AE24518" s="1"/>
    </row>
    <row r="24519" spans="1:31" ht="14.45">
      <c r="A24519" s="11"/>
      <c r="B24519" s="20"/>
      <c r="C24519" s="2" t="s">
        <v>78436</v>
      </c>
      <c r="D24519" s="14" t="s">
        <v>78437</v>
      </c>
      <c r="E24519" s="2" t="s">
        <v>78438</v>
      </c>
      <c r="F24519" s="2" t="s">
        <v>7581</v>
      </c>
      <c r="G24519" s="8">
        <v>272</v>
      </c>
      <c r="H24519" s="5">
        <v>6</v>
      </c>
      <c r="I24519" s="5" t="s">
        <v>1518</v>
      </c>
      <c r="J24519" s="5" t="s">
        <v>69038</v>
      </c>
      <c r="K24519" s="2" t="s">
        <v>69039</v>
      </c>
      <c r="L24519" s="5" t="s">
        <v>69038</v>
      </c>
      <c r="M24519" s="2" t="s">
        <v>69039</v>
      </c>
      <c r="N24519" s="5" t="s">
        <v>1521</v>
      </c>
      <c r="O24519" s="5" t="s">
        <v>38</v>
      </c>
      <c r="P24519" s="5" t="s">
        <v>39</v>
      </c>
      <c r="Q24519" s="5" t="s">
        <v>40</v>
      </c>
      <c r="R24519" s="5" t="s">
        <v>1522</v>
      </c>
      <c r="S24519" s="5" t="s">
        <v>1523</v>
      </c>
      <c r="T24519" s="5" t="s">
        <v>42</v>
      </c>
      <c r="U24519" s="2">
        <v>3.0489999999999999</v>
      </c>
      <c r="V24519" s="2">
        <v>2.5249999999999999</v>
      </c>
      <c r="W24519" s="2">
        <v>1.4999999999999999E-2</v>
      </c>
      <c r="X24519" s="2">
        <v>118.9</v>
      </c>
      <c r="Y24519" s="2">
        <v>7.6</v>
      </c>
      <c r="Z24519" s="2">
        <v>16.7</v>
      </c>
      <c r="AA24519" s="5"/>
      <c r="AB24519" s="5" t="s">
        <v>43</v>
      </c>
      <c r="AC24519" s="5" t="s">
        <v>44</v>
      </c>
      <c r="AD24519" s="2"/>
      <c r="AE24519" s="1"/>
    </row>
    <row r="24520" spans="1:31" ht="14.45">
      <c r="A24520" s="11"/>
      <c r="B24520" s="20"/>
      <c r="C24520" s="2" t="s">
        <v>78439</v>
      </c>
      <c r="D24520" s="14" t="s">
        <v>78440</v>
      </c>
      <c r="E24520" s="2" t="s">
        <v>78441</v>
      </c>
      <c r="F24520" s="2" t="s">
        <v>7585</v>
      </c>
      <c r="G24520" s="8">
        <v>272</v>
      </c>
      <c r="H24520" s="5">
        <v>6</v>
      </c>
      <c r="I24520" s="5" t="s">
        <v>1518</v>
      </c>
      <c r="J24520" s="5" t="s">
        <v>69038</v>
      </c>
      <c r="K24520" s="2" t="s">
        <v>69039</v>
      </c>
      <c r="L24520" s="5" t="s">
        <v>69038</v>
      </c>
      <c r="M24520" s="2" t="s">
        <v>69039</v>
      </c>
      <c r="N24520" s="5" t="s">
        <v>1521</v>
      </c>
      <c r="O24520" s="5" t="s">
        <v>38</v>
      </c>
      <c r="P24520" s="5" t="s">
        <v>39</v>
      </c>
      <c r="Q24520" s="5" t="s">
        <v>40</v>
      </c>
      <c r="R24520" s="5" t="s">
        <v>1522</v>
      </c>
      <c r="S24520" s="5" t="s">
        <v>1523</v>
      </c>
      <c r="T24520" s="5" t="s">
        <v>42</v>
      </c>
      <c r="U24520" s="2">
        <v>2.9590000000000001</v>
      </c>
      <c r="V24520" s="2">
        <v>2.4350000000000001</v>
      </c>
      <c r="W24520" s="2">
        <v>1.4999999999999999E-2</v>
      </c>
      <c r="X24520" s="2">
        <v>118.9</v>
      </c>
      <c r="Y24520" s="2">
        <v>7.6</v>
      </c>
      <c r="Z24520" s="2">
        <v>16.7</v>
      </c>
      <c r="AA24520" s="5"/>
      <c r="AB24520" s="5" t="s">
        <v>43</v>
      </c>
      <c r="AC24520" s="5" t="s">
        <v>44</v>
      </c>
      <c r="AD24520" s="2"/>
      <c r="AE24520" s="1"/>
    </row>
    <row r="24521" spans="1:31" ht="14.45">
      <c r="A24521" s="11"/>
      <c r="B24521" s="20"/>
      <c r="C24521" s="2" t="s">
        <v>78442</v>
      </c>
      <c r="D24521" s="14" t="s">
        <v>78443</v>
      </c>
      <c r="E24521" s="2" t="s">
        <v>78444</v>
      </c>
      <c r="F24521" s="2" t="s">
        <v>7589</v>
      </c>
      <c r="G24521" s="8">
        <v>272</v>
      </c>
      <c r="H24521" s="5">
        <v>6</v>
      </c>
      <c r="I24521" s="5" t="s">
        <v>1518</v>
      </c>
      <c r="J24521" s="5" t="s">
        <v>69038</v>
      </c>
      <c r="K24521" s="2" t="s">
        <v>69039</v>
      </c>
      <c r="L24521" s="5" t="s">
        <v>69038</v>
      </c>
      <c r="M24521" s="2" t="s">
        <v>69039</v>
      </c>
      <c r="N24521" s="5" t="s">
        <v>1521</v>
      </c>
      <c r="O24521" s="5" t="s">
        <v>38</v>
      </c>
      <c r="P24521" s="5" t="s">
        <v>39</v>
      </c>
      <c r="Q24521" s="5" t="s">
        <v>40</v>
      </c>
      <c r="R24521" s="5" t="s">
        <v>1522</v>
      </c>
      <c r="S24521" s="5" t="s">
        <v>1523</v>
      </c>
      <c r="T24521" s="5" t="s">
        <v>42</v>
      </c>
      <c r="U24521" s="2">
        <v>3.0489999999999999</v>
      </c>
      <c r="V24521" s="2">
        <v>2.5249999999999999</v>
      </c>
      <c r="W24521" s="2">
        <v>1.4999999999999999E-2</v>
      </c>
      <c r="X24521" s="2">
        <v>118.9</v>
      </c>
      <c r="Y24521" s="2">
        <v>7.6</v>
      </c>
      <c r="Z24521" s="2">
        <v>16.7</v>
      </c>
      <c r="AA24521" s="5"/>
      <c r="AB24521" s="5" t="s">
        <v>43</v>
      </c>
      <c r="AC24521" s="5" t="s">
        <v>44</v>
      </c>
      <c r="AD24521" s="2"/>
      <c r="AE24521" s="1"/>
    </row>
    <row r="24522" spans="1:31" ht="14.45">
      <c r="A24522" s="11"/>
      <c r="B24522" s="20"/>
      <c r="C24522" s="2" t="s">
        <v>78445</v>
      </c>
      <c r="D24522" s="14" t="s">
        <v>78446</v>
      </c>
      <c r="E24522" s="2" t="s">
        <v>78447</v>
      </c>
      <c r="F24522" s="2" t="s">
        <v>73358</v>
      </c>
      <c r="G24522" s="8">
        <v>272</v>
      </c>
      <c r="H24522" s="5">
        <v>6</v>
      </c>
      <c r="I24522" s="5" t="s">
        <v>1518</v>
      </c>
      <c r="J24522" s="5" t="s">
        <v>69038</v>
      </c>
      <c r="K24522" s="2" t="s">
        <v>69039</v>
      </c>
      <c r="L24522" s="5" t="s">
        <v>69038</v>
      </c>
      <c r="M24522" s="2" t="s">
        <v>69039</v>
      </c>
      <c r="N24522" s="5" t="s">
        <v>1521</v>
      </c>
      <c r="O24522" s="5" t="s">
        <v>38</v>
      </c>
      <c r="P24522" s="5" t="s">
        <v>39</v>
      </c>
      <c r="Q24522" s="5" t="s">
        <v>40</v>
      </c>
      <c r="R24522" s="5" t="s">
        <v>1522</v>
      </c>
      <c r="S24522" s="5" t="s">
        <v>1523</v>
      </c>
      <c r="T24522" s="5" t="s">
        <v>42</v>
      </c>
      <c r="U24522" s="2">
        <v>2.9590000000000001</v>
      </c>
      <c r="V24522" s="2">
        <v>2.4350000000000001</v>
      </c>
      <c r="W24522" s="2">
        <v>1.4999999999999999E-2</v>
      </c>
      <c r="X24522" s="2">
        <v>118.9</v>
      </c>
      <c r="Y24522" s="2">
        <v>7.6</v>
      </c>
      <c r="Z24522" s="2">
        <v>16.7</v>
      </c>
      <c r="AA24522" s="5"/>
      <c r="AB24522" s="5" t="s">
        <v>43</v>
      </c>
      <c r="AC24522" s="5" t="s">
        <v>44</v>
      </c>
      <c r="AD24522" s="2"/>
      <c r="AE24522" s="1"/>
    </row>
    <row r="24523" spans="1:31" ht="14.45">
      <c r="A24523" s="11"/>
      <c r="B24523" s="20"/>
      <c r="C24523" s="2" t="s">
        <v>78448</v>
      </c>
      <c r="D24523" s="14" t="s">
        <v>78449</v>
      </c>
      <c r="E24523" s="2" t="s">
        <v>78450</v>
      </c>
      <c r="F24523" s="2" t="s">
        <v>73362</v>
      </c>
      <c r="G24523" s="8">
        <v>272</v>
      </c>
      <c r="H24523" s="5">
        <v>6</v>
      </c>
      <c r="I24523" s="5" t="s">
        <v>1518</v>
      </c>
      <c r="J24523" s="5" t="s">
        <v>69038</v>
      </c>
      <c r="K24523" s="2" t="s">
        <v>69039</v>
      </c>
      <c r="L24523" s="5" t="s">
        <v>69038</v>
      </c>
      <c r="M24523" s="2" t="s">
        <v>69039</v>
      </c>
      <c r="N24523" s="5" t="s">
        <v>1521</v>
      </c>
      <c r="O24523" s="5" t="s">
        <v>38</v>
      </c>
      <c r="P24523" s="5" t="s">
        <v>39</v>
      </c>
      <c r="Q24523" s="5" t="s">
        <v>40</v>
      </c>
      <c r="R24523" s="5" t="s">
        <v>1522</v>
      </c>
      <c r="S24523" s="5" t="s">
        <v>1523</v>
      </c>
      <c r="T24523" s="5" t="s">
        <v>42</v>
      </c>
      <c r="U24523" s="2">
        <v>3.0489999999999999</v>
      </c>
      <c r="V24523" s="2">
        <v>2.5249999999999999</v>
      </c>
      <c r="W24523" s="2">
        <v>1.4999999999999999E-2</v>
      </c>
      <c r="X24523" s="2">
        <v>118.9</v>
      </c>
      <c r="Y24523" s="2">
        <v>7.6</v>
      </c>
      <c r="Z24523" s="2">
        <v>16.7</v>
      </c>
      <c r="AA24523" s="5"/>
      <c r="AB24523" s="5" t="s">
        <v>43</v>
      </c>
      <c r="AC24523" s="5" t="s">
        <v>44</v>
      </c>
      <c r="AD24523" s="2"/>
      <c r="AE24523" s="1"/>
    </row>
    <row r="24524" spans="1:31" ht="14.45">
      <c r="A24524" s="11"/>
      <c r="B24524" s="20"/>
      <c r="C24524" s="2" t="s">
        <v>78451</v>
      </c>
      <c r="D24524" s="14" t="s">
        <v>78452</v>
      </c>
      <c r="E24524" s="2" t="s">
        <v>78453</v>
      </c>
      <c r="F24524" s="2" t="s">
        <v>7615</v>
      </c>
      <c r="G24524" s="8">
        <v>272</v>
      </c>
      <c r="H24524" s="5">
        <v>6</v>
      </c>
      <c r="I24524" s="5" t="s">
        <v>1518</v>
      </c>
      <c r="J24524" s="5" t="s">
        <v>69038</v>
      </c>
      <c r="K24524" s="2" t="s">
        <v>69039</v>
      </c>
      <c r="L24524" s="5" t="s">
        <v>69038</v>
      </c>
      <c r="M24524" s="2" t="s">
        <v>69039</v>
      </c>
      <c r="N24524" s="5" t="s">
        <v>1521</v>
      </c>
      <c r="O24524" s="5" t="s">
        <v>38</v>
      </c>
      <c r="P24524" s="5" t="s">
        <v>39</v>
      </c>
      <c r="Q24524" s="5" t="s">
        <v>40</v>
      </c>
      <c r="R24524" s="5" t="s">
        <v>1522</v>
      </c>
      <c r="S24524" s="5" t="s">
        <v>1523</v>
      </c>
      <c r="T24524" s="5" t="s">
        <v>42</v>
      </c>
      <c r="U24524" s="2">
        <v>2.9590000000000001</v>
      </c>
      <c r="V24524" s="2">
        <v>2.4350000000000001</v>
      </c>
      <c r="W24524" s="2">
        <v>1.4999999999999999E-2</v>
      </c>
      <c r="X24524" s="2">
        <v>118.9</v>
      </c>
      <c r="Y24524" s="2">
        <v>7.6</v>
      </c>
      <c r="Z24524" s="2">
        <v>16.7</v>
      </c>
      <c r="AA24524" s="5"/>
      <c r="AB24524" s="5" t="s">
        <v>43</v>
      </c>
      <c r="AC24524" s="5" t="s">
        <v>44</v>
      </c>
      <c r="AD24524" s="2"/>
      <c r="AE24524" s="1"/>
    </row>
    <row r="24525" spans="1:31" ht="14.45">
      <c r="A24525" s="11"/>
      <c r="B24525" s="20"/>
      <c r="C24525" s="2" t="s">
        <v>78454</v>
      </c>
      <c r="D24525" s="14" t="s">
        <v>78455</v>
      </c>
      <c r="E24525" s="2" t="s">
        <v>78456</v>
      </c>
      <c r="F24525" s="2" t="s">
        <v>7619</v>
      </c>
      <c r="G24525" s="8">
        <v>272</v>
      </c>
      <c r="H24525" s="5">
        <v>6</v>
      </c>
      <c r="I24525" s="5" t="s">
        <v>1518</v>
      </c>
      <c r="J24525" s="5" t="s">
        <v>69038</v>
      </c>
      <c r="K24525" s="2" t="s">
        <v>69039</v>
      </c>
      <c r="L24525" s="5" t="s">
        <v>69038</v>
      </c>
      <c r="M24525" s="2" t="s">
        <v>69039</v>
      </c>
      <c r="N24525" s="5" t="s">
        <v>1521</v>
      </c>
      <c r="O24525" s="5" t="s">
        <v>38</v>
      </c>
      <c r="P24525" s="5" t="s">
        <v>39</v>
      </c>
      <c r="Q24525" s="5" t="s">
        <v>40</v>
      </c>
      <c r="R24525" s="5" t="s">
        <v>1522</v>
      </c>
      <c r="S24525" s="5" t="s">
        <v>1523</v>
      </c>
      <c r="T24525" s="5" t="s">
        <v>42</v>
      </c>
      <c r="U24525" s="2">
        <v>3.0489999999999999</v>
      </c>
      <c r="V24525" s="2">
        <v>2.5249999999999999</v>
      </c>
      <c r="W24525" s="2">
        <v>1.4999999999999999E-2</v>
      </c>
      <c r="X24525" s="2">
        <v>118.9</v>
      </c>
      <c r="Y24525" s="2">
        <v>7.6</v>
      </c>
      <c r="Z24525" s="2">
        <v>16.7</v>
      </c>
      <c r="AA24525" s="5"/>
      <c r="AB24525" s="5" t="s">
        <v>43</v>
      </c>
      <c r="AC24525" s="5" t="s">
        <v>44</v>
      </c>
      <c r="AD24525" s="2"/>
      <c r="AE24525" s="1"/>
    </row>
    <row r="24526" spans="1:31" ht="14.45">
      <c r="A24526" s="11"/>
      <c r="B24526" s="20"/>
      <c r="C24526" s="2" t="s">
        <v>78457</v>
      </c>
      <c r="D24526" s="14" t="s">
        <v>78458</v>
      </c>
      <c r="E24526" s="2" t="s">
        <v>78459</v>
      </c>
      <c r="F24526" s="2" t="s">
        <v>16014</v>
      </c>
      <c r="G24526" s="8">
        <v>272</v>
      </c>
      <c r="H24526" s="5">
        <v>6</v>
      </c>
      <c r="I24526" s="5" t="s">
        <v>1518</v>
      </c>
      <c r="J24526" s="5" t="s">
        <v>69038</v>
      </c>
      <c r="K24526" s="2" t="s">
        <v>69039</v>
      </c>
      <c r="L24526" s="5" t="s">
        <v>69038</v>
      </c>
      <c r="M24526" s="2" t="s">
        <v>69039</v>
      </c>
      <c r="N24526" s="5" t="s">
        <v>1521</v>
      </c>
      <c r="O24526" s="5" t="s">
        <v>38</v>
      </c>
      <c r="P24526" s="5" t="s">
        <v>39</v>
      </c>
      <c r="Q24526" s="5" t="s">
        <v>40</v>
      </c>
      <c r="R24526" s="5" t="s">
        <v>1522</v>
      </c>
      <c r="S24526" s="5" t="s">
        <v>1523</v>
      </c>
      <c r="T24526" s="5" t="s">
        <v>42</v>
      </c>
      <c r="U24526" s="2">
        <v>2.9590000000000001</v>
      </c>
      <c r="V24526" s="2">
        <v>2.4350000000000001</v>
      </c>
      <c r="W24526" s="2">
        <v>1.4999999999999999E-2</v>
      </c>
      <c r="X24526" s="2">
        <v>118.9</v>
      </c>
      <c r="Y24526" s="2">
        <v>7.6</v>
      </c>
      <c r="Z24526" s="2">
        <v>16.7</v>
      </c>
      <c r="AA24526" s="5"/>
      <c r="AB24526" s="5" t="s">
        <v>43</v>
      </c>
      <c r="AC24526" s="5" t="s">
        <v>44</v>
      </c>
      <c r="AD24526" s="2"/>
      <c r="AE24526" s="1"/>
    </row>
    <row r="24527" spans="1:31" ht="14.45">
      <c r="A24527" s="11"/>
      <c r="B24527" s="20"/>
      <c r="C24527" s="2" t="s">
        <v>78460</v>
      </c>
      <c r="D24527" s="14" t="s">
        <v>78461</v>
      </c>
      <c r="E24527" s="2" t="s">
        <v>78462</v>
      </c>
      <c r="F24527" s="2" t="s">
        <v>16219</v>
      </c>
      <c r="G24527" s="8">
        <v>272</v>
      </c>
      <c r="H24527" s="5">
        <v>6</v>
      </c>
      <c r="I24527" s="5" t="s">
        <v>1518</v>
      </c>
      <c r="J24527" s="5" t="s">
        <v>69038</v>
      </c>
      <c r="K24527" s="2" t="s">
        <v>69039</v>
      </c>
      <c r="L24527" s="5" t="s">
        <v>69038</v>
      </c>
      <c r="M24527" s="2" t="s">
        <v>69039</v>
      </c>
      <c r="N24527" s="5" t="s">
        <v>1521</v>
      </c>
      <c r="O24527" s="5" t="s">
        <v>38</v>
      </c>
      <c r="P24527" s="5" t="s">
        <v>39</v>
      </c>
      <c r="Q24527" s="5" t="s">
        <v>40</v>
      </c>
      <c r="R24527" s="5" t="s">
        <v>1522</v>
      </c>
      <c r="S24527" s="5" t="s">
        <v>1523</v>
      </c>
      <c r="T24527" s="5" t="s">
        <v>42</v>
      </c>
      <c r="U24527" s="2">
        <v>3.0489999999999999</v>
      </c>
      <c r="V24527" s="2">
        <v>2.5249999999999999</v>
      </c>
      <c r="W24527" s="2">
        <v>1.4999999999999999E-2</v>
      </c>
      <c r="X24527" s="2">
        <v>118.9</v>
      </c>
      <c r="Y24527" s="2">
        <v>7.6</v>
      </c>
      <c r="Z24527" s="2">
        <v>16.7</v>
      </c>
      <c r="AA24527" s="5"/>
      <c r="AB24527" s="5" t="s">
        <v>43</v>
      </c>
      <c r="AC24527" s="5" t="s">
        <v>44</v>
      </c>
      <c r="AD24527" s="2"/>
      <c r="AE24527" s="1"/>
    </row>
    <row r="24528" spans="1:31" ht="14.45">
      <c r="A24528" s="11"/>
      <c r="B24528" s="20"/>
      <c r="C24528" s="2" t="s">
        <v>78463</v>
      </c>
      <c r="D24528" s="14" t="s">
        <v>78464</v>
      </c>
      <c r="E24528" s="2" t="s">
        <v>78465</v>
      </c>
      <c r="F24528" s="2" t="s">
        <v>7528</v>
      </c>
      <c r="G24528" s="8">
        <v>254</v>
      </c>
      <c r="H24528" s="5">
        <v>6</v>
      </c>
      <c r="I24528" s="5" t="s">
        <v>1518</v>
      </c>
      <c r="J24528" s="5" t="s">
        <v>69038</v>
      </c>
      <c r="K24528" s="2" t="s">
        <v>69039</v>
      </c>
      <c r="L24528" s="5" t="s">
        <v>69038</v>
      </c>
      <c r="M24528" s="2" t="s">
        <v>69039</v>
      </c>
      <c r="N24528" s="5" t="s">
        <v>1521</v>
      </c>
      <c r="O24528" s="5" t="s">
        <v>38</v>
      </c>
      <c r="P24528" s="5" t="s">
        <v>39</v>
      </c>
      <c r="Q24528" s="5" t="s">
        <v>40</v>
      </c>
      <c r="R24528" s="5" t="s">
        <v>1522</v>
      </c>
      <c r="S24528" s="5" t="s">
        <v>1523</v>
      </c>
      <c r="T24528" s="5" t="s">
        <v>42</v>
      </c>
      <c r="U24528" s="2">
        <v>3.0489999999999999</v>
      </c>
      <c r="V24528" s="2">
        <v>2.5249999999999999</v>
      </c>
      <c r="W24528" s="2">
        <v>1.4999999999999999E-2</v>
      </c>
      <c r="X24528" s="2">
        <v>118.9</v>
      </c>
      <c r="Y24528" s="2">
        <v>7.6</v>
      </c>
      <c r="Z24528" s="2">
        <v>16.7</v>
      </c>
      <c r="AA24528" s="5"/>
      <c r="AB24528" s="5" t="s">
        <v>43</v>
      </c>
      <c r="AC24528" s="5" t="s">
        <v>44</v>
      </c>
      <c r="AD24528" s="2"/>
      <c r="AE24528" s="1"/>
    </row>
    <row r="24529" spans="1:31" ht="14.45">
      <c r="A24529" s="11"/>
      <c r="B24529" s="20"/>
      <c r="C24529" s="2" t="s">
        <v>78466</v>
      </c>
      <c r="D24529" s="14" t="s">
        <v>78467</v>
      </c>
      <c r="E24529" s="2" t="s">
        <v>78468</v>
      </c>
      <c r="F24529" s="2" t="s">
        <v>16029</v>
      </c>
      <c r="G24529" s="8">
        <v>272</v>
      </c>
      <c r="H24529" s="5">
        <v>6</v>
      </c>
      <c r="I24529" s="5" t="s">
        <v>1518</v>
      </c>
      <c r="J24529" s="5" t="s">
        <v>69038</v>
      </c>
      <c r="K24529" s="2" t="s">
        <v>69039</v>
      </c>
      <c r="L24529" s="5" t="s">
        <v>69038</v>
      </c>
      <c r="M24529" s="2" t="s">
        <v>69039</v>
      </c>
      <c r="N24529" s="5" t="s">
        <v>1521</v>
      </c>
      <c r="O24529" s="5" t="s">
        <v>38</v>
      </c>
      <c r="P24529" s="5" t="s">
        <v>39</v>
      </c>
      <c r="Q24529" s="5" t="s">
        <v>40</v>
      </c>
      <c r="R24529" s="5" t="s">
        <v>1522</v>
      </c>
      <c r="S24529" s="5" t="s">
        <v>1523</v>
      </c>
      <c r="T24529" s="5" t="s">
        <v>42</v>
      </c>
      <c r="U24529" s="2">
        <v>2.9609999999999999</v>
      </c>
      <c r="V24529" s="2">
        <v>2.4369999999999998</v>
      </c>
      <c r="W24529" s="2">
        <v>1.4999999999999999E-2</v>
      </c>
      <c r="X24529" s="2">
        <v>118.9</v>
      </c>
      <c r="Y24529" s="2">
        <v>7.6</v>
      </c>
      <c r="Z24529" s="2">
        <v>16.7</v>
      </c>
      <c r="AA24529" s="5"/>
      <c r="AB24529" s="5" t="s">
        <v>43</v>
      </c>
      <c r="AC24529" s="5" t="s">
        <v>44</v>
      </c>
      <c r="AD24529" s="2"/>
      <c r="AE24529" s="1"/>
    </row>
    <row r="24530" spans="1:31" ht="14.45">
      <c r="A24530" s="11"/>
      <c r="B24530" s="20"/>
      <c r="C24530" s="2" t="s">
        <v>78469</v>
      </c>
      <c r="D24530" s="14" t="s">
        <v>78470</v>
      </c>
      <c r="E24530" s="2" t="s">
        <v>78471</v>
      </c>
      <c r="F24530" s="2" t="s">
        <v>16033</v>
      </c>
      <c r="G24530" s="8">
        <v>272</v>
      </c>
      <c r="H24530" s="5">
        <v>6</v>
      </c>
      <c r="I24530" s="5" t="s">
        <v>1518</v>
      </c>
      <c r="J24530" s="5" t="s">
        <v>69038</v>
      </c>
      <c r="K24530" s="2" t="s">
        <v>69039</v>
      </c>
      <c r="L24530" s="5" t="s">
        <v>69038</v>
      </c>
      <c r="M24530" s="2" t="s">
        <v>69039</v>
      </c>
      <c r="N24530" s="5" t="s">
        <v>1521</v>
      </c>
      <c r="O24530" s="5" t="s">
        <v>38</v>
      </c>
      <c r="P24530" s="5" t="s">
        <v>39</v>
      </c>
      <c r="Q24530" s="5" t="s">
        <v>40</v>
      </c>
      <c r="R24530" s="5" t="s">
        <v>1522</v>
      </c>
      <c r="S24530" s="5" t="s">
        <v>1523</v>
      </c>
      <c r="T24530" s="5" t="s">
        <v>42</v>
      </c>
      <c r="U24530" s="2">
        <v>3.0510000000000002</v>
      </c>
      <c r="V24530" s="2">
        <v>2.5270000000000001</v>
      </c>
      <c r="W24530" s="2">
        <v>1.4999999999999999E-2</v>
      </c>
      <c r="X24530" s="2">
        <v>118.9</v>
      </c>
      <c r="Y24530" s="2">
        <v>7.6</v>
      </c>
      <c r="Z24530" s="2">
        <v>16.7</v>
      </c>
      <c r="AA24530" s="5"/>
      <c r="AB24530" s="5" t="s">
        <v>43</v>
      </c>
      <c r="AC24530" s="5" t="s">
        <v>44</v>
      </c>
      <c r="AD24530" s="2"/>
      <c r="AE24530" s="1"/>
    </row>
    <row r="24531" spans="1:31" ht="14.45">
      <c r="A24531" s="11"/>
      <c r="B24531" s="20"/>
      <c r="C24531" s="2" t="s">
        <v>78472</v>
      </c>
      <c r="D24531" s="14" t="s">
        <v>78473</v>
      </c>
      <c r="E24531" s="2" t="s">
        <v>78474</v>
      </c>
      <c r="F24531" s="2" t="s">
        <v>7204</v>
      </c>
      <c r="G24531" s="8">
        <v>263</v>
      </c>
      <c r="H24531" s="5">
        <v>6</v>
      </c>
      <c r="I24531" s="5" t="s">
        <v>1518</v>
      </c>
      <c r="J24531" s="5" t="s">
        <v>69038</v>
      </c>
      <c r="K24531" s="2" t="s">
        <v>69039</v>
      </c>
      <c r="L24531" s="5" t="s">
        <v>69038</v>
      </c>
      <c r="M24531" s="2" t="s">
        <v>69039</v>
      </c>
      <c r="N24531" s="5" t="s">
        <v>1521</v>
      </c>
      <c r="O24531" s="5" t="s">
        <v>38</v>
      </c>
      <c r="P24531" s="5" t="s">
        <v>39</v>
      </c>
      <c r="Q24531" s="5" t="s">
        <v>40</v>
      </c>
      <c r="R24531" s="5" t="s">
        <v>1522</v>
      </c>
      <c r="S24531" s="5" t="s">
        <v>1523</v>
      </c>
      <c r="T24531" s="5" t="s">
        <v>42</v>
      </c>
      <c r="U24531" s="2">
        <v>3.214</v>
      </c>
      <c r="V24531" s="2">
        <v>2.6150000000000002</v>
      </c>
      <c r="W24531" s="2">
        <v>1.7999999999999999E-2</v>
      </c>
      <c r="X24531" s="2">
        <v>139.1</v>
      </c>
      <c r="Y24531" s="2">
        <v>7.6</v>
      </c>
      <c r="Z24531" s="2">
        <v>16.7</v>
      </c>
      <c r="AA24531" s="5"/>
      <c r="AB24531" s="5" t="s">
        <v>43</v>
      </c>
      <c r="AC24531" s="5" t="s">
        <v>44</v>
      </c>
      <c r="AD24531" s="2"/>
      <c r="AE24531" s="1"/>
    </row>
    <row r="24532" spans="1:31" ht="14.45">
      <c r="A24532" s="11"/>
      <c r="B24532" s="20"/>
      <c r="C24532" s="2" t="s">
        <v>78475</v>
      </c>
      <c r="D24532" s="14" t="s">
        <v>78476</v>
      </c>
      <c r="E24532" s="2" t="s">
        <v>78477</v>
      </c>
      <c r="F24532" s="2" t="s">
        <v>7514</v>
      </c>
      <c r="G24532" s="8">
        <v>263</v>
      </c>
      <c r="H24532" s="5">
        <v>6</v>
      </c>
      <c r="I24532" s="5" t="s">
        <v>1518</v>
      </c>
      <c r="J24532" s="5" t="s">
        <v>69038</v>
      </c>
      <c r="K24532" s="2" t="s">
        <v>69039</v>
      </c>
      <c r="L24532" s="5" t="s">
        <v>69038</v>
      </c>
      <c r="M24532" s="2" t="s">
        <v>69039</v>
      </c>
      <c r="N24532" s="5" t="s">
        <v>1521</v>
      </c>
      <c r="O24532" s="5" t="s">
        <v>38</v>
      </c>
      <c r="P24532" s="5" t="s">
        <v>39</v>
      </c>
      <c r="Q24532" s="5" t="s">
        <v>40</v>
      </c>
      <c r="R24532" s="5" t="s">
        <v>1522</v>
      </c>
      <c r="S24532" s="5" t="s">
        <v>1523</v>
      </c>
      <c r="T24532" s="5" t="s">
        <v>42</v>
      </c>
      <c r="U24532" s="2">
        <v>3.3159999999999998</v>
      </c>
      <c r="V24532" s="2">
        <v>2.7170000000000001</v>
      </c>
      <c r="W24532" s="2">
        <v>1.7999999999999999E-2</v>
      </c>
      <c r="X24532" s="2">
        <v>139.1</v>
      </c>
      <c r="Y24532" s="2">
        <v>7.6</v>
      </c>
      <c r="Z24532" s="2">
        <v>16.7</v>
      </c>
      <c r="AA24532" s="5"/>
      <c r="AB24532" s="5" t="s">
        <v>43</v>
      </c>
      <c r="AC24532" s="5" t="s">
        <v>44</v>
      </c>
      <c r="AD24532" s="2"/>
      <c r="AE24532" s="1"/>
    </row>
    <row r="24533" spans="1:31" ht="14.45">
      <c r="A24533" s="11"/>
      <c r="B24533" s="20"/>
      <c r="C24533" s="2" t="s">
        <v>78478</v>
      </c>
      <c r="D24533" s="14" t="s">
        <v>78479</v>
      </c>
      <c r="E24533" s="2" t="s">
        <v>78480</v>
      </c>
      <c r="F24533" s="2" t="s">
        <v>7208</v>
      </c>
      <c r="G24533" s="8">
        <v>263</v>
      </c>
      <c r="H24533" s="5">
        <v>6</v>
      </c>
      <c r="I24533" s="5" t="s">
        <v>1518</v>
      </c>
      <c r="J24533" s="5" t="s">
        <v>69038</v>
      </c>
      <c r="K24533" s="2" t="s">
        <v>69039</v>
      </c>
      <c r="L24533" s="5" t="s">
        <v>69038</v>
      </c>
      <c r="M24533" s="2" t="s">
        <v>69039</v>
      </c>
      <c r="N24533" s="5" t="s">
        <v>1521</v>
      </c>
      <c r="O24533" s="5" t="s">
        <v>38</v>
      </c>
      <c r="P24533" s="5" t="s">
        <v>39</v>
      </c>
      <c r="Q24533" s="5" t="s">
        <v>40</v>
      </c>
      <c r="R24533" s="5" t="s">
        <v>1522</v>
      </c>
      <c r="S24533" s="5" t="s">
        <v>1523</v>
      </c>
      <c r="T24533" s="5" t="s">
        <v>42</v>
      </c>
      <c r="U24533" s="2">
        <v>3.214</v>
      </c>
      <c r="V24533" s="2">
        <v>2.6150000000000002</v>
      </c>
      <c r="W24533" s="2">
        <v>1.7999999999999999E-2</v>
      </c>
      <c r="X24533" s="2">
        <v>139.1</v>
      </c>
      <c r="Y24533" s="2">
        <v>7.6</v>
      </c>
      <c r="Z24533" s="2">
        <v>16.7</v>
      </c>
      <c r="AA24533" s="5"/>
      <c r="AB24533" s="5" t="s">
        <v>43</v>
      </c>
      <c r="AC24533" s="5" t="s">
        <v>44</v>
      </c>
      <c r="AD24533" s="2"/>
      <c r="AE24533" s="1"/>
    </row>
    <row r="24534" spans="1:31" ht="14.45">
      <c r="A24534" s="11"/>
      <c r="B24534" s="20"/>
      <c r="C24534" s="2" t="s">
        <v>78481</v>
      </c>
      <c r="D24534" s="14" t="s">
        <v>78482</v>
      </c>
      <c r="E24534" s="2" t="s">
        <v>78483</v>
      </c>
      <c r="F24534" s="2" t="s">
        <v>7521</v>
      </c>
      <c r="G24534" s="8">
        <v>263</v>
      </c>
      <c r="H24534" s="5">
        <v>6</v>
      </c>
      <c r="I24534" s="5" t="s">
        <v>1518</v>
      </c>
      <c r="J24534" s="5" t="s">
        <v>69038</v>
      </c>
      <c r="K24534" s="2" t="s">
        <v>69039</v>
      </c>
      <c r="L24534" s="5" t="s">
        <v>69038</v>
      </c>
      <c r="M24534" s="2" t="s">
        <v>69039</v>
      </c>
      <c r="N24534" s="5" t="s">
        <v>1521</v>
      </c>
      <c r="O24534" s="5" t="s">
        <v>38</v>
      </c>
      <c r="P24534" s="5" t="s">
        <v>39</v>
      </c>
      <c r="Q24534" s="5" t="s">
        <v>40</v>
      </c>
      <c r="R24534" s="5" t="s">
        <v>1522</v>
      </c>
      <c r="S24534" s="5" t="s">
        <v>1523</v>
      </c>
      <c r="T24534" s="5" t="s">
        <v>42</v>
      </c>
      <c r="U24534" s="2">
        <v>3.3159999999999998</v>
      </c>
      <c r="V24534" s="2">
        <v>2.7170000000000001</v>
      </c>
      <c r="W24534" s="2">
        <v>1.7999999999999999E-2</v>
      </c>
      <c r="X24534" s="2">
        <v>139.1</v>
      </c>
      <c r="Y24534" s="2">
        <v>7.6</v>
      </c>
      <c r="Z24534" s="2">
        <v>16.7</v>
      </c>
      <c r="AA24534" s="5"/>
      <c r="AB24534" s="5" t="s">
        <v>43</v>
      </c>
      <c r="AC24534" s="5" t="s">
        <v>44</v>
      </c>
      <c r="AD24534" s="2"/>
      <c r="AE24534" s="1"/>
    </row>
    <row r="24535" spans="1:31" ht="14.45">
      <c r="A24535" s="11"/>
      <c r="B24535" s="20"/>
      <c r="C24535" s="2" t="s">
        <v>78484</v>
      </c>
      <c r="D24535" s="14" t="s">
        <v>78485</v>
      </c>
      <c r="E24535" s="2" t="s">
        <v>78486</v>
      </c>
      <c r="F24535" s="2" t="s">
        <v>7406</v>
      </c>
      <c r="G24535" s="8">
        <v>283</v>
      </c>
      <c r="H24535" s="5">
        <v>6</v>
      </c>
      <c r="I24535" s="5" t="s">
        <v>1518</v>
      </c>
      <c r="J24535" s="5" t="s">
        <v>69038</v>
      </c>
      <c r="K24535" s="2" t="s">
        <v>69039</v>
      </c>
      <c r="L24535" s="5" t="s">
        <v>69038</v>
      </c>
      <c r="M24535" s="2" t="s">
        <v>69039</v>
      </c>
      <c r="N24535" s="5" t="s">
        <v>1521</v>
      </c>
      <c r="O24535" s="5" t="s">
        <v>38</v>
      </c>
      <c r="P24535" s="5" t="s">
        <v>39</v>
      </c>
      <c r="Q24535" s="5" t="s">
        <v>40</v>
      </c>
      <c r="R24535" s="5" t="s">
        <v>1522</v>
      </c>
      <c r="S24535" s="5" t="s">
        <v>1523</v>
      </c>
      <c r="T24535" s="5" t="s">
        <v>42</v>
      </c>
      <c r="U24535" s="2">
        <v>3.214</v>
      </c>
      <c r="V24535" s="2">
        <v>2.6150000000000002</v>
      </c>
      <c r="W24535" s="2">
        <v>1.7999999999999999E-2</v>
      </c>
      <c r="X24535" s="2">
        <v>139.1</v>
      </c>
      <c r="Y24535" s="2">
        <v>7.6</v>
      </c>
      <c r="Z24535" s="2">
        <v>16.7</v>
      </c>
      <c r="AA24535" s="5"/>
      <c r="AB24535" s="5" t="s">
        <v>43</v>
      </c>
      <c r="AC24535" s="5" t="s">
        <v>44</v>
      </c>
      <c r="AD24535" s="2"/>
      <c r="AE24535" s="1"/>
    </row>
    <row r="24536" spans="1:31" ht="14.45">
      <c r="A24536" s="11"/>
      <c r="B24536" s="20"/>
      <c r="C24536" s="2" t="s">
        <v>78487</v>
      </c>
      <c r="D24536" s="14" t="s">
        <v>78488</v>
      </c>
      <c r="E24536" s="2" t="s">
        <v>78489</v>
      </c>
      <c r="F24536" s="2" t="s">
        <v>7535</v>
      </c>
      <c r="G24536" s="8">
        <v>283</v>
      </c>
      <c r="H24536" s="5">
        <v>6</v>
      </c>
      <c r="I24536" s="5" t="s">
        <v>1518</v>
      </c>
      <c r="J24536" s="5" t="s">
        <v>69038</v>
      </c>
      <c r="K24536" s="2" t="s">
        <v>69039</v>
      </c>
      <c r="L24536" s="5" t="s">
        <v>69038</v>
      </c>
      <c r="M24536" s="2" t="s">
        <v>69039</v>
      </c>
      <c r="N24536" s="5" t="s">
        <v>1521</v>
      </c>
      <c r="O24536" s="5" t="s">
        <v>38</v>
      </c>
      <c r="P24536" s="5" t="s">
        <v>39</v>
      </c>
      <c r="Q24536" s="5" t="s">
        <v>40</v>
      </c>
      <c r="R24536" s="5" t="s">
        <v>1522</v>
      </c>
      <c r="S24536" s="5" t="s">
        <v>1523</v>
      </c>
      <c r="T24536" s="5" t="s">
        <v>42</v>
      </c>
      <c r="U24536" s="2">
        <v>3.3159999999999998</v>
      </c>
      <c r="V24536" s="2">
        <v>2.7170000000000001</v>
      </c>
      <c r="W24536" s="2">
        <v>1.7999999999999999E-2</v>
      </c>
      <c r="X24536" s="2">
        <v>139.1</v>
      </c>
      <c r="Y24536" s="2">
        <v>7.6</v>
      </c>
      <c r="Z24536" s="2">
        <v>16.7</v>
      </c>
      <c r="AA24536" s="5"/>
      <c r="AB24536" s="5" t="s">
        <v>43</v>
      </c>
      <c r="AC24536" s="5" t="s">
        <v>44</v>
      </c>
      <c r="AD24536" s="2"/>
      <c r="AE24536" s="1"/>
    </row>
    <row r="24537" spans="1:31" ht="14.45">
      <c r="A24537" s="11"/>
      <c r="B24537" s="20"/>
      <c r="C24537" s="2" t="s">
        <v>78490</v>
      </c>
      <c r="D24537" s="14" t="s">
        <v>78491</v>
      </c>
      <c r="E24537" s="2" t="s">
        <v>78492</v>
      </c>
      <c r="F24537" s="2" t="s">
        <v>7539</v>
      </c>
      <c r="G24537" s="8">
        <v>283</v>
      </c>
      <c r="H24537" s="5">
        <v>6</v>
      </c>
      <c r="I24537" s="5" t="s">
        <v>1518</v>
      </c>
      <c r="J24537" s="5" t="s">
        <v>69038</v>
      </c>
      <c r="K24537" s="2" t="s">
        <v>69039</v>
      </c>
      <c r="L24537" s="5" t="s">
        <v>69038</v>
      </c>
      <c r="M24537" s="2" t="s">
        <v>69039</v>
      </c>
      <c r="N24537" s="5" t="s">
        <v>1521</v>
      </c>
      <c r="O24537" s="5" t="s">
        <v>38</v>
      </c>
      <c r="P24537" s="5" t="s">
        <v>39</v>
      </c>
      <c r="Q24537" s="5" t="s">
        <v>40</v>
      </c>
      <c r="R24537" s="5" t="s">
        <v>1522</v>
      </c>
      <c r="S24537" s="5" t="s">
        <v>1523</v>
      </c>
      <c r="T24537" s="5" t="s">
        <v>42</v>
      </c>
      <c r="U24537" s="2">
        <v>3.214</v>
      </c>
      <c r="V24537" s="2">
        <v>2.6150000000000002</v>
      </c>
      <c r="W24537" s="2">
        <v>1.7999999999999999E-2</v>
      </c>
      <c r="X24537" s="2">
        <v>139.1</v>
      </c>
      <c r="Y24537" s="2">
        <v>7.6</v>
      </c>
      <c r="Z24537" s="2">
        <v>16.7</v>
      </c>
      <c r="AA24537" s="5"/>
      <c r="AB24537" s="5" t="s">
        <v>43</v>
      </c>
      <c r="AC24537" s="5" t="s">
        <v>44</v>
      </c>
      <c r="AD24537" s="2"/>
      <c r="AE24537" s="1"/>
    </row>
    <row r="24538" spans="1:31" ht="14.45">
      <c r="A24538" s="11"/>
      <c r="B24538" s="20"/>
      <c r="C24538" s="2" t="s">
        <v>78493</v>
      </c>
      <c r="D24538" s="14" t="s">
        <v>78494</v>
      </c>
      <c r="E24538" s="2" t="s">
        <v>78495</v>
      </c>
      <c r="F24538" s="2" t="s">
        <v>7543</v>
      </c>
      <c r="G24538" s="8">
        <v>283</v>
      </c>
      <c r="H24538" s="5">
        <v>6</v>
      </c>
      <c r="I24538" s="5" t="s">
        <v>1518</v>
      </c>
      <c r="J24538" s="5" t="s">
        <v>69038</v>
      </c>
      <c r="K24538" s="2" t="s">
        <v>69039</v>
      </c>
      <c r="L24538" s="5" t="s">
        <v>69038</v>
      </c>
      <c r="M24538" s="2" t="s">
        <v>69039</v>
      </c>
      <c r="N24538" s="5" t="s">
        <v>1521</v>
      </c>
      <c r="O24538" s="5" t="s">
        <v>38</v>
      </c>
      <c r="P24538" s="5" t="s">
        <v>39</v>
      </c>
      <c r="Q24538" s="5" t="s">
        <v>40</v>
      </c>
      <c r="R24538" s="5" t="s">
        <v>1522</v>
      </c>
      <c r="S24538" s="5" t="s">
        <v>1523</v>
      </c>
      <c r="T24538" s="5" t="s">
        <v>42</v>
      </c>
      <c r="U24538" s="2">
        <v>3.3159999999999998</v>
      </c>
      <c r="V24538" s="2">
        <v>2.7170000000000001</v>
      </c>
      <c r="W24538" s="2">
        <v>1.7999999999999999E-2</v>
      </c>
      <c r="X24538" s="2">
        <v>139.1</v>
      </c>
      <c r="Y24538" s="2">
        <v>7.6</v>
      </c>
      <c r="Z24538" s="2">
        <v>16.7</v>
      </c>
      <c r="AA24538" s="5"/>
      <c r="AB24538" s="5" t="s">
        <v>43</v>
      </c>
      <c r="AC24538" s="5" t="s">
        <v>44</v>
      </c>
      <c r="AD24538" s="2"/>
      <c r="AE24538" s="1"/>
    </row>
    <row r="24539" spans="1:31" ht="14.45">
      <c r="A24539" s="11"/>
      <c r="B24539" s="20"/>
      <c r="C24539" s="2" t="s">
        <v>78496</v>
      </c>
      <c r="D24539" s="14" t="s">
        <v>78497</v>
      </c>
      <c r="E24539" s="2" t="s">
        <v>78498</v>
      </c>
      <c r="F24539" s="2" t="s">
        <v>7396</v>
      </c>
      <c r="G24539" s="8">
        <v>263</v>
      </c>
      <c r="H24539" s="5">
        <v>6</v>
      </c>
      <c r="I24539" s="5" t="s">
        <v>1518</v>
      </c>
      <c r="J24539" s="5" t="s">
        <v>69038</v>
      </c>
      <c r="K24539" s="2" t="s">
        <v>69039</v>
      </c>
      <c r="L24539" s="5" t="s">
        <v>69038</v>
      </c>
      <c r="M24539" s="2" t="s">
        <v>69039</v>
      </c>
      <c r="N24539" s="5" t="s">
        <v>1521</v>
      </c>
      <c r="O24539" s="5" t="s">
        <v>38</v>
      </c>
      <c r="P24539" s="5" t="s">
        <v>39</v>
      </c>
      <c r="Q24539" s="5" t="s">
        <v>40</v>
      </c>
      <c r="R24539" s="5" t="s">
        <v>1522</v>
      </c>
      <c r="S24539" s="5" t="s">
        <v>1523</v>
      </c>
      <c r="T24539" s="5" t="s">
        <v>42</v>
      </c>
      <c r="U24539" s="2">
        <v>3.214</v>
      </c>
      <c r="V24539" s="2">
        <v>2.6150000000000002</v>
      </c>
      <c r="W24539" s="2">
        <v>1.7999999999999999E-2</v>
      </c>
      <c r="X24539" s="2">
        <v>139.1</v>
      </c>
      <c r="Y24539" s="2">
        <v>7.6</v>
      </c>
      <c r="Z24539" s="2">
        <v>16.7</v>
      </c>
      <c r="AA24539" s="5"/>
      <c r="AB24539" s="5" t="s">
        <v>43</v>
      </c>
      <c r="AC24539" s="5" t="s">
        <v>44</v>
      </c>
      <c r="AD24539" s="2"/>
      <c r="AE24539" s="1"/>
    </row>
    <row r="24540" spans="1:31" ht="14.45">
      <c r="A24540" s="11"/>
      <c r="B24540" s="20"/>
      <c r="C24540" s="2" t="s">
        <v>78499</v>
      </c>
      <c r="D24540" s="14" t="s">
        <v>78500</v>
      </c>
      <c r="E24540" s="2" t="s">
        <v>78501</v>
      </c>
      <c r="F24540" s="2" t="s">
        <v>7507</v>
      </c>
      <c r="G24540" s="8">
        <v>263</v>
      </c>
      <c r="H24540" s="5">
        <v>6</v>
      </c>
      <c r="I24540" s="5" t="s">
        <v>1518</v>
      </c>
      <c r="J24540" s="5" t="s">
        <v>69038</v>
      </c>
      <c r="K24540" s="2" t="s">
        <v>69039</v>
      </c>
      <c r="L24540" s="5" t="s">
        <v>69038</v>
      </c>
      <c r="M24540" s="2" t="s">
        <v>69039</v>
      </c>
      <c r="N24540" s="5" t="s">
        <v>1521</v>
      </c>
      <c r="O24540" s="5" t="s">
        <v>38</v>
      </c>
      <c r="P24540" s="5" t="s">
        <v>39</v>
      </c>
      <c r="Q24540" s="5" t="s">
        <v>40</v>
      </c>
      <c r="R24540" s="5" t="s">
        <v>1522</v>
      </c>
      <c r="S24540" s="5" t="s">
        <v>1523</v>
      </c>
      <c r="T24540" s="5" t="s">
        <v>42</v>
      </c>
      <c r="U24540" s="2">
        <v>3.3159999999999998</v>
      </c>
      <c r="V24540" s="2">
        <v>2.7170000000000001</v>
      </c>
      <c r="W24540" s="2">
        <v>1.7999999999999999E-2</v>
      </c>
      <c r="X24540" s="2">
        <v>139.1</v>
      </c>
      <c r="Y24540" s="2">
        <v>7.6</v>
      </c>
      <c r="Z24540" s="2">
        <v>16.7</v>
      </c>
      <c r="AA24540" s="5"/>
      <c r="AB24540" s="5" t="s">
        <v>43</v>
      </c>
      <c r="AC24540" s="5" t="s">
        <v>44</v>
      </c>
      <c r="AD24540" s="2"/>
      <c r="AE24540" s="1"/>
    </row>
    <row r="24541" spans="1:31" ht="14.45">
      <c r="A24541" s="11"/>
      <c r="B24541" s="20"/>
      <c r="C24541" s="2" t="s">
        <v>78502</v>
      </c>
      <c r="D24541" s="14" t="s">
        <v>78503</v>
      </c>
      <c r="E24541" s="2" t="s">
        <v>78504</v>
      </c>
      <c r="F24541" s="2" t="s">
        <v>7563</v>
      </c>
      <c r="G24541" s="8">
        <v>283</v>
      </c>
      <c r="H24541" s="5">
        <v>6</v>
      </c>
      <c r="I24541" s="5" t="s">
        <v>1518</v>
      </c>
      <c r="J24541" s="5" t="s">
        <v>69038</v>
      </c>
      <c r="K24541" s="2" t="s">
        <v>69039</v>
      </c>
      <c r="L24541" s="5" t="s">
        <v>69038</v>
      </c>
      <c r="M24541" s="2" t="s">
        <v>69039</v>
      </c>
      <c r="N24541" s="5" t="s">
        <v>1521</v>
      </c>
      <c r="O24541" s="5" t="s">
        <v>38</v>
      </c>
      <c r="P24541" s="5" t="s">
        <v>39</v>
      </c>
      <c r="Q24541" s="5" t="s">
        <v>40</v>
      </c>
      <c r="R24541" s="5" t="s">
        <v>1522</v>
      </c>
      <c r="S24541" s="5" t="s">
        <v>1523</v>
      </c>
      <c r="T24541" s="5" t="s">
        <v>42</v>
      </c>
      <c r="U24541" s="2">
        <v>3.214</v>
      </c>
      <c r="V24541" s="2">
        <v>2.6150000000000002</v>
      </c>
      <c r="W24541" s="2">
        <v>1.7999999999999999E-2</v>
      </c>
      <c r="X24541" s="2">
        <v>139.1</v>
      </c>
      <c r="Y24541" s="2">
        <v>7.6</v>
      </c>
      <c r="Z24541" s="2">
        <v>16.7</v>
      </c>
      <c r="AA24541" s="5"/>
      <c r="AB24541" s="5" t="s">
        <v>43</v>
      </c>
      <c r="AC24541" s="5" t="s">
        <v>44</v>
      </c>
      <c r="AD24541" s="2"/>
      <c r="AE24541" s="1"/>
    </row>
    <row r="24542" spans="1:31" ht="14.45">
      <c r="A24542" s="11"/>
      <c r="B24542" s="20"/>
      <c r="C24542" s="2" t="s">
        <v>78505</v>
      </c>
      <c r="D24542" s="14" t="s">
        <v>78506</v>
      </c>
      <c r="E24542" s="2" t="s">
        <v>78507</v>
      </c>
      <c r="F24542" s="2" t="s">
        <v>7567</v>
      </c>
      <c r="G24542" s="8">
        <v>283</v>
      </c>
      <c r="H24542" s="5">
        <v>6</v>
      </c>
      <c r="I24542" s="5" t="s">
        <v>1518</v>
      </c>
      <c r="J24542" s="5" t="s">
        <v>69038</v>
      </c>
      <c r="K24542" s="2" t="s">
        <v>69039</v>
      </c>
      <c r="L24542" s="5" t="s">
        <v>69038</v>
      </c>
      <c r="M24542" s="2" t="s">
        <v>69039</v>
      </c>
      <c r="N24542" s="5" t="s">
        <v>1521</v>
      </c>
      <c r="O24542" s="5" t="s">
        <v>38</v>
      </c>
      <c r="P24542" s="5" t="s">
        <v>39</v>
      </c>
      <c r="Q24542" s="5" t="s">
        <v>40</v>
      </c>
      <c r="R24542" s="5" t="s">
        <v>1522</v>
      </c>
      <c r="S24542" s="5" t="s">
        <v>1523</v>
      </c>
      <c r="T24542" s="5" t="s">
        <v>42</v>
      </c>
      <c r="U24542" s="2">
        <v>3.3159999999999998</v>
      </c>
      <c r="V24542" s="2">
        <v>2.7170000000000001</v>
      </c>
      <c r="W24542" s="2">
        <v>1.7999999999999999E-2</v>
      </c>
      <c r="X24542" s="2">
        <v>139.1</v>
      </c>
      <c r="Y24542" s="2">
        <v>7.6</v>
      </c>
      <c r="Z24542" s="2">
        <v>16.7</v>
      </c>
      <c r="AA24542" s="5"/>
      <c r="AB24542" s="5" t="s">
        <v>43</v>
      </c>
      <c r="AC24542" s="5" t="s">
        <v>44</v>
      </c>
      <c r="AD24542" s="2"/>
      <c r="AE24542" s="1"/>
    </row>
    <row r="24543" spans="1:31" ht="14.45">
      <c r="A24543" s="11"/>
      <c r="B24543" s="20"/>
      <c r="C24543" s="2" t="s">
        <v>78508</v>
      </c>
      <c r="D24543" s="14" t="s">
        <v>78509</v>
      </c>
      <c r="E24543" s="2" t="s">
        <v>78510</v>
      </c>
      <c r="F24543" s="2" t="s">
        <v>7555</v>
      </c>
      <c r="G24543" s="8">
        <v>283</v>
      </c>
      <c r="H24543" s="5">
        <v>6</v>
      </c>
      <c r="I24543" s="5" t="s">
        <v>1518</v>
      </c>
      <c r="J24543" s="5" t="s">
        <v>69038</v>
      </c>
      <c r="K24543" s="2" t="s">
        <v>69039</v>
      </c>
      <c r="L24543" s="5" t="s">
        <v>69038</v>
      </c>
      <c r="M24543" s="2" t="s">
        <v>69039</v>
      </c>
      <c r="N24543" s="5" t="s">
        <v>1521</v>
      </c>
      <c r="O24543" s="5" t="s">
        <v>38</v>
      </c>
      <c r="P24543" s="5" t="s">
        <v>39</v>
      </c>
      <c r="Q24543" s="5" t="s">
        <v>40</v>
      </c>
      <c r="R24543" s="5" t="s">
        <v>1522</v>
      </c>
      <c r="S24543" s="5" t="s">
        <v>1523</v>
      </c>
      <c r="T24543" s="5" t="s">
        <v>42</v>
      </c>
      <c r="U24543" s="2">
        <v>3.214</v>
      </c>
      <c r="V24543" s="2">
        <v>2.6150000000000002</v>
      </c>
      <c r="W24543" s="2">
        <v>1.7999999999999999E-2</v>
      </c>
      <c r="X24543" s="2">
        <v>139.1</v>
      </c>
      <c r="Y24543" s="2">
        <v>7.6</v>
      </c>
      <c r="Z24543" s="2">
        <v>16.7</v>
      </c>
      <c r="AA24543" s="5"/>
      <c r="AB24543" s="5" t="s">
        <v>43</v>
      </c>
      <c r="AC24543" s="5" t="s">
        <v>44</v>
      </c>
      <c r="AD24543" s="2"/>
      <c r="AE24543" s="1"/>
    </row>
    <row r="24544" spans="1:31" ht="14.45">
      <c r="A24544" s="11"/>
      <c r="B24544" s="20"/>
      <c r="C24544" s="2" t="s">
        <v>78511</v>
      </c>
      <c r="D24544" s="14" t="s">
        <v>78512</v>
      </c>
      <c r="E24544" s="2" t="s">
        <v>78513</v>
      </c>
      <c r="F24544" s="2" t="s">
        <v>7559</v>
      </c>
      <c r="G24544" s="8">
        <v>283</v>
      </c>
      <c r="H24544" s="5">
        <v>6</v>
      </c>
      <c r="I24544" s="5" t="s">
        <v>1518</v>
      </c>
      <c r="J24544" s="5" t="s">
        <v>69038</v>
      </c>
      <c r="K24544" s="2" t="s">
        <v>69039</v>
      </c>
      <c r="L24544" s="5" t="s">
        <v>69038</v>
      </c>
      <c r="M24544" s="2" t="s">
        <v>69039</v>
      </c>
      <c r="N24544" s="5" t="s">
        <v>1521</v>
      </c>
      <c r="O24544" s="5" t="s">
        <v>38</v>
      </c>
      <c r="P24544" s="5" t="s">
        <v>39</v>
      </c>
      <c r="Q24544" s="5" t="s">
        <v>40</v>
      </c>
      <c r="R24544" s="5" t="s">
        <v>1522</v>
      </c>
      <c r="S24544" s="5" t="s">
        <v>1523</v>
      </c>
      <c r="T24544" s="5" t="s">
        <v>42</v>
      </c>
      <c r="U24544" s="2">
        <v>3.3159999999999998</v>
      </c>
      <c r="V24544" s="2">
        <v>2.7170000000000001</v>
      </c>
      <c r="W24544" s="2">
        <v>1.7999999999999999E-2</v>
      </c>
      <c r="X24544" s="2">
        <v>139.1</v>
      </c>
      <c r="Y24544" s="2">
        <v>7.6</v>
      </c>
      <c r="Z24544" s="2">
        <v>16.7</v>
      </c>
      <c r="AA24544" s="5"/>
      <c r="AB24544" s="5" t="s">
        <v>43</v>
      </c>
      <c r="AC24544" s="5" t="s">
        <v>44</v>
      </c>
      <c r="AD24544" s="2"/>
      <c r="AE24544" s="1"/>
    </row>
    <row r="24545" spans="1:31" ht="14.45">
      <c r="A24545" s="11"/>
      <c r="B24545" s="20"/>
      <c r="C24545" s="2" t="s">
        <v>78514</v>
      </c>
      <c r="D24545" s="14" t="s">
        <v>78515</v>
      </c>
      <c r="E24545" s="2" t="s">
        <v>78516</v>
      </c>
      <c r="F24545" s="2" t="s">
        <v>16079</v>
      </c>
      <c r="G24545" s="8">
        <v>283</v>
      </c>
      <c r="H24545" s="5">
        <v>6</v>
      </c>
      <c r="I24545" s="5" t="s">
        <v>1518</v>
      </c>
      <c r="J24545" s="5" t="s">
        <v>69038</v>
      </c>
      <c r="K24545" s="2" t="s">
        <v>69039</v>
      </c>
      <c r="L24545" s="5" t="s">
        <v>69038</v>
      </c>
      <c r="M24545" s="2" t="s">
        <v>69039</v>
      </c>
      <c r="N24545" s="5" t="s">
        <v>1521</v>
      </c>
      <c r="O24545" s="5" t="s">
        <v>38</v>
      </c>
      <c r="P24545" s="5" t="s">
        <v>39</v>
      </c>
      <c r="Q24545" s="5" t="s">
        <v>40</v>
      </c>
      <c r="R24545" s="5" t="s">
        <v>1522</v>
      </c>
      <c r="S24545" s="5" t="s">
        <v>1523</v>
      </c>
      <c r="T24545" s="5" t="s">
        <v>42</v>
      </c>
      <c r="U24545" s="2">
        <v>3.214</v>
      </c>
      <c r="V24545" s="2">
        <v>2.6150000000000002</v>
      </c>
      <c r="W24545" s="2">
        <v>1.7999999999999999E-2</v>
      </c>
      <c r="X24545" s="2">
        <v>139.1</v>
      </c>
      <c r="Y24545" s="2">
        <v>7.6</v>
      </c>
      <c r="Z24545" s="2">
        <v>16.7</v>
      </c>
      <c r="AA24545" s="5"/>
      <c r="AB24545" s="5" t="s">
        <v>43</v>
      </c>
      <c r="AC24545" s="5" t="s">
        <v>44</v>
      </c>
      <c r="AD24545" s="2"/>
      <c r="AE24545" s="1"/>
    </row>
    <row r="24546" spans="1:31" ht="14.45">
      <c r="A24546" s="11"/>
      <c r="B24546" s="20"/>
      <c r="C24546" s="2" t="s">
        <v>78517</v>
      </c>
      <c r="D24546" s="14" t="s">
        <v>78518</v>
      </c>
      <c r="E24546" s="2" t="s">
        <v>78519</v>
      </c>
      <c r="F24546" s="2" t="s">
        <v>7449</v>
      </c>
      <c r="G24546" s="8">
        <v>283</v>
      </c>
      <c r="H24546" s="5">
        <v>6</v>
      </c>
      <c r="I24546" s="5" t="s">
        <v>1518</v>
      </c>
      <c r="J24546" s="5" t="s">
        <v>69038</v>
      </c>
      <c r="K24546" s="2" t="s">
        <v>69039</v>
      </c>
      <c r="L24546" s="5" t="s">
        <v>69038</v>
      </c>
      <c r="M24546" s="2" t="s">
        <v>69039</v>
      </c>
      <c r="N24546" s="5" t="s">
        <v>1521</v>
      </c>
      <c r="O24546" s="5" t="s">
        <v>38</v>
      </c>
      <c r="P24546" s="5" t="s">
        <v>39</v>
      </c>
      <c r="Q24546" s="5" t="s">
        <v>40</v>
      </c>
      <c r="R24546" s="5" t="s">
        <v>1522</v>
      </c>
      <c r="S24546" s="5" t="s">
        <v>1523</v>
      </c>
      <c r="T24546" s="5" t="s">
        <v>42</v>
      </c>
      <c r="U24546" s="2">
        <v>3.214</v>
      </c>
      <c r="V24546" s="2">
        <v>2.6150000000000002</v>
      </c>
      <c r="W24546" s="2">
        <v>1.7999999999999999E-2</v>
      </c>
      <c r="X24546" s="2">
        <v>139.1</v>
      </c>
      <c r="Y24546" s="2">
        <v>7.6</v>
      </c>
      <c r="Z24546" s="2">
        <v>16.7</v>
      </c>
      <c r="AA24546" s="5"/>
      <c r="AB24546" s="5" t="s">
        <v>43</v>
      </c>
      <c r="AC24546" s="5" t="s">
        <v>44</v>
      </c>
      <c r="AD24546" s="2"/>
      <c r="AE24546" s="1"/>
    </row>
    <row r="24547" spans="1:31" ht="14.45">
      <c r="A24547" s="11"/>
      <c r="B24547" s="20"/>
      <c r="C24547" s="2" t="s">
        <v>78520</v>
      </c>
      <c r="D24547" s="14" t="s">
        <v>78521</v>
      </c>
      <c r="E24547" s="2" t="s">
        <v>78522</v>
      </c>
      <c r="F24547" s="2" t="s">
        <v>7581</v>
      </c>
      <c r="G24547" s="8">
        <v>283</v>
      </c>
      <c r="H24547" s="5">
        <v>6</v>
      </c>
      <c r="I24547" s="5" t="s">
        <v>1518</v>
      </c>
      <c r="J24547" s="5" t="s">
        <v>69038</v>
      </c>
      <c r="K24547" s="2" t="s">
        <v>69039</v>
      </c>
      <c r="L24547" s="5" t="s">
        <v>69038</v>
      </c>
      <c r="M24547" s="2" t="s">
        <v>69039</v>
      </c>
      <c r="N24547" s="5" t="s">
        <v>1521</v>
      </c>
      <c r="O24547" s="5" t="s">
        <v>38</v>
      </c>
      <c r="P24547" s="5" t="s">
        <v>39</v>
      </c>
      <c r="Q24547" s="5" t="s">
        <v>40</v>
      </c>
      <c r="R24547" s="5" t="s">
        <v>1522</v>
      </c>
      <c r="S24547" s="5" t="s">
        <v>1523</v>
      </c>
      <c r="T24547" s="5" t="s">
        <v>42</v>
      </c>
      <c r="U24547" s="2">
        <v>3.3159999999999998</v>
      </c>
      <c r="V24547" s="2">
        <v>2.7170000000000001</v>
      </c>
      <c r="W24547" s="2">
        <v>1.7999999999999999E-2</v>
      </c>
      <c r="X24547" s="2">
        <v>139.1</v>
      </c>
      <c r="Y24547" s="2">
        <v>7.6</v>
      </c>
      <c r="Z24547" s="2">
        <v>16.7</v>
      </c>
      <c r="AA24547" s="5"/>
      <c r="AB24547" s="5" t="s">
        <v>43</v>
      </c>
      <c r="AC24547" s="5" t="s">
        <v>44</v>
      </c>
      <c r="AD24547" s="2"/>
      <c r="AE24547" s="1"/>
    </row>
    <row r="24548" spans="1:31" ht="14.45">
      <c r="A24548" s="11"/>
      <c r="B24548" s="20"/>
      <c r="C24548" s="2" t="s">
        <v>78523</v>
      </c>
      <c r="D24548" s="14" t="s">
        <v>78524</v>
      </c>
      <c r="E24548" s="2" t="s">
        <v>78525</v>
      </c>
      <c r="F24548" s="2" t="s">
        <v>7585</v>
      </c>
      <c r="G24548" s="8">
        <v>283</v>
      </c>
      <c r="H24548" s="5">
        <v>6</v>
      </c>
      <c r="I24548" s="5" t="s">
        <v>1518</v>
      </c>
      <c r="J24548" s="5" t="s">
        <v>69038</v>
      </c>
      <c r="K24548" s="2" t="s">
        <v>69039</v>
      </c>
      <c r="L24548" s="5" t="s">
        <v>69038</v>
      </c>
      <c r="M24548" s="2" t="s">
        <v>69039</v>
      </c>
      <c r="N24548" s="5" t="s">
        <v>1521</v>
      </c>
      <c r="O24548" s="5" t="s">
        <v>38</v>
      </c>
      <c r="P24548" s="5" t="s">
        <v>39</v>
      </c>
      <c r="Q24548" s="5" t="s">
        <v>40</v>
      </c>
      <c r="R24548" s="5" t="s">
        <v>1522</v>
      </c>
      <c r="S24548" s="5" t="s">
        <v>1523</v>
      </c>
      <c r="T24548" s="5" t="s">
        <v>42</v>
      </c>
      <c r="U24548" s="2">
        <v>3.214</v>
      </c>
      <c r="V24548" s="2">
        <v>2.6150000000000002</v>
      </c>
      <c r="W24548" s="2">
        <v>1.7999999999999999E-2</v>
      </c>
      <c r="X24548" s="2">
        <v>139.1</v>
      </c>
      <c r="Y24548" s="2">
        <v>7.6</v>
      </c>
      <c r="Z24548" s="2">
        <v>16.7</v>
      </c>
      <c r="AA24548" s="5"/>
      <c r="AB24548" s="5" t="s">
        <v>43</v>
      </c>
      <c r="AC24548" s="5" t="s">
        <v>44</v>
      </c>
      <c r="AD24548" s="2"/>
      <c r="AE24548" s="1"/>
    </row>
    <row r="24549" spans="1:31" ht="14.45">
      <c r="A24549" s="11"/>
      <c r="B24549" s="20"/>
      <c r="C24549" s="2" t="s">
        <v>78526</v>
      </c>
      <c r="D24549" s="14" t="s">
        <v>78527</v>
      </c>
      <c r="E24549" s="2" t="s">
        <v>78528</v>
      </c>
      <c r="F24549" s="2" t="s">
        <v>7589</v>
      </c>
      <c r="G24549" s="8">
        <v>283</v>
      </c>
      <c r="H24549" s="5">
        <v>6</v>
      </c>
      <c r="I24549" s="5" t="s">
        <v>1518</v>
      </c>
      <c r="J24549" s="5" t="s">
        <v>69038</v>
      </c>
      <c r="K24549" s="2" t="s">
        <v>69039</v>
      </c>
      <c r="L24549" s="5" t="s">
        <v>69038</v>
      </c>
      <c r="M24549" s="2" t="s">
        <v>69039</v>
      </c>
      <c r="N24549" s="5" t="s">
        <v>1521</v>
      </c>
      <c r="O24549" s="5" t="s">
        <v>38</v>
      </c>
      <c r="P24549" s="5" t="s">
        <v>39</v>
      </c>
      <c r="Q24549" s="5" t="s">
        <v>40</v>
      </c>
      <c r="R24549" s="5" t="s">
        <v>1522</v>
      </c>
      <c r="S24549" s="5" t="s">
        <v>1523</v>
      </c>
      <c r="T24549" s="5" t="s">
        <v>42</v>
      </c>
      <c r="U24549" s="2">
        <v>3.3159999999999998</v>
      </c>
      <c r="V24549" s="2">
        <v>2.7170000000000001</v>
      </c>
      <c r="W24549" s="2">
        <v>1.7999999999999999E-2</v>
      </c>
      <c r="X24549" s="2">
        <v>139.1</v>
      </c>
      <c r="Y24549" s="2">
        <v>7.6</v>
      </c>
      <c r="Z24549" s="2">
        <v>16.7</v>
      </c>
      <c r="AA24549" s="5"/>
      <c r="AB24549" s="5" t="s">
        <v>43</v>
      </c>
      <c r="AC24549" s="5" t="s">
        <v>44</v>
      </c>
      <c r="AD24549" s="2"/>
      <c r="AE24549" s="1"/>
    </row>
    <row r="24550" spans="1:31" ht="14.45">
      <c r="A24550" s="11"/>
      <c r="B24550" s="20"/>
      <c r="C24550" s="2" t="s">
        <v>78529</v>
      </c>
      <c r="D24550" s="14" t="s">
        <v>78530</v>
      </c>
      <c r="E24550" s="2" t="s">
        <v>78531</v>
      </c>
      <c r="F24550" s="2" t="s">
        <v>7593</v>
      </c>
      <c r="G24550" s="8">
        <v>283</v>
      </c>
      <c r="H24550" s="5">
        <v>6</v>
      </c>
      <c r="I24550" s="5" t="s">
        <v>1518</v>
      </c>
      <c r="J24550" s="5" t="s">
        <v>69038</v>
      </c>
      <c r="K24550" s="2" t="s">
        <v>69039</v>
      </c>
      <c r="L24550" s="5" t="s">
        <v>69038</v>
      </c>
      <c r="M24550" s="2" t="s">
        <v>69039</v>
      </c>
      <c r="N24550" s="5" t="s">
        <v>1521</v>
      </c>
      <c r="O24550" s="5" t="s">
        <v>38</v>
      </c>
      <c r="P24550" s="5" t="s">
        <v>39</v>
      </c>
      <c r="Q24550" s="5" t="s">
        <v>40</v>
      </c>
      <c r="R24550" s="5" t="s">
        <v>1522</v>
      </c>
      <c r="S24550" s="5" t="s">
        <v>1523</v>
      </c>
      <c r="T24550" s="5" t="s">
        <v>42</v>
      </c>
      <c r="U24550" s="2">
        <v>3.214</v>
      </c>
      <c r="V24550" s="2">
        <v>2.6150000000000002</v>
      </c>
      <c r="W24550" s="2">
        <v>1.7999999999999999E-2</v>
      </c>
      <c r="X24550" s="2">
        <v>139.1</v>
      </c>
      <c r="Y24550" s="2">
        <v>7.6</v>
      </c>
      <c r="Z24550" s="2">
        <v>16.7</v>
      </c>
      <c r="AA24550" s="5"/>
      <c r="AB24550" s="5" t="s">
        <v>43</v>
      </c>
      <c r="AC24550" s="5" t="s">
        <v>44</v>
      </c>
      <c r="AD24550" s="2"/>
      <c r="AE24550" s="1"/>
    </row>
    <row r="24551" spans="1:31" ht="14.45">
      <c r="A24551" s="11"/>
      <c r="B24551" s="20"/>
      <c r="C24551" s="2" t="s">
        <v>78532</v>
      </c>
      <c r="D24551" s="14" t="s">
        <v>78533</v>
      </c>
      <c r="E24551" s="2" t="s">
        <v>78534</v>
      </c>
      <c r="F24551" s="2" t="s">
        <v>7597</v>
      </c>
      <c r="G24551" s="8">
        <v>283</v>
      </c>
      <c r="H24551" s="5">
        <v>6</v>
      </c>
      <c r="I24551" s="5" t="s">
        <v>1518</v>
      </c>
      <c r="J24551" s="5" t="s">
        <v>69038</v>
      </c>
      <c r="K24551" s="2" t="s">
        <v>69039</v>
      </c>
      <c r="L24551" s="5" t="s">
        <v>69038</v>
      </c>
      <c r="M24551" s="2" t="s">
        <v>69039</v>
      </c>
      <c r="N24551" s="5" t="s">
        <v>1521</v>
      </c>
      <c r="O24551" s="5" t="s">
        <v>38</v>
      </c>
      <c r="P24551" s="5" t="s">
        <v>39</v>
      </c>
      <c r="Q24551" s="5" t="s">
        <v>40</v>
      </c>
      <c r="R24551" s="5" t="s">
        <v>1522</v>
      </c>
      <c r="S24551" s="5" t="s">
        <v>1523</v>
      </c>
      <c r="T24551" s="5" t="s">
        <v>42</v>
      </c>
      <c r="U24551" s="2">
        <v>3.3159999999999998</v>
      </c>
      <c r="V24551" s="2">
        <v>2.7170000000000001</v>
      </c>
      <c r="W24551" s="2">
        <v>1.7999999999999999E-2</v>
      </c>
      <c r="X24551" s="2">
        <v>139.1</v>
      </c>
      <c r="Y24551" s="2">
        <v>7.6</v>
      </c>
      <c r="Z24551" s="2">
        <v>16.7</v>
      </c>
      <c r="AA24551" s="5"/>
      <c r="AB24551" s="5" t="s">
        <v>43</v>
      </c>
      <c r="AC24551" s="5" t="s">
        <v>44</v>
      </c>
      <c r="AD24551" s="2"/>
      <c r="AE24551" s="1"/>
    </row>
    <row r="24552" spans="1:31" ht="14.45">
      <c r="A24552" s="11"/>
      <c r="B24552" s="20"/>
      <c r="C24552" s="2" t="s">
        <v>78535</v>
      </c>
      <c r="D24552" s="14" t="s">
        <v>78536</v>
      </c>
      <c r="E24552" s="2" t="s">
        <v>78537</v>
      </c>
      <c r="F24552" s="2" t="s">
        <v>73362</v>
      </c>
      <c r="G24552" s="8">
        <v>283</v>
      </c>
      <c r="H24552" s="5">
        <v>6</v>
      </c>
      <c r="I24552" s="5" t="s">
        <v>1518</v>
      </c>
      <c r="J24552" s="5" t="s">
        <v>69038</v>
      </c>
      <c r="K24552" s="2" t="s">
        <v>69039</v>
      </c>
      <c r="L24552" s="5" t="s">
        <v>69038</v>
      </c>
      <c r="M24552" s="2" t="s">
        <v>69039</v>
      </c>
      <c r="N24552" s="5" t="s">
        <v>1521</v>
      </c>
      <c r="O24552" s="5" t="s">
        <v>38</v>
      </c>
      <c r="P24552" s="5" t="s">
        <v>39</v>
      </c>
      <c r="Q24552" s="5" t="s">
        <v>40</v>
      </c>
      <c r="R24552" s="5" t="s">
        <v>1522</v>
      </c>
      <c r="S24552" s="5" t="s">
        <v>1523</v>
      </c>
      <c r="T24552" s="5" t="s">
        <v>42</v>
      </c>
      <c r="U24552" s="2">
        <v>3.3159999999999998</v>
      </c>
      <c r="V24552" s="2">
        <v>2.7170000000000001</v>
      </c>
      <c r="W24552" s="2">
        <v>1.7999999999999999E-2</v>
      </c>
      <c r="X24552" s="2">
        <v>139.1</v>
      </c>
      <c r="Y24552" s="2">
        <v>7.6</v>
      </c>
      <c r="Z24552" s="2">
        <v>16.7</v>
      </c>
      <c r="AA24552" s="5"/>
      <c r="AB24552" s="5" t="s">
        <v>43</v>
      </c>
      <c r="AC24552" s="5" t="s">
        <v>44</v>
      </c>
      <c r="AD24552" s="2"/>
      <c r="AE24552" s="1"/>
    </row>
    <row r="24553" spans="1:31" ht="14.45">
      <c r="A24553" s="11"/>
      <c r="B24553" s="20"/>
      <c r="C24553" s="2" t="s">
        <v>78538</v>
      </c>
      <c r="D24553" s="14" t="s">
        <v>78539</v>
      </c>
      <c r="E24553" s="2" t="s">
        <v>78540</v>
      </c>
      <c r="F24553" s="2" t="s">
        <v>7615</v>
      </c>
      <c r="G24553" s="8">
        <v>283</v>
      </c>
      <c r="H24553" s="5">
        <v>6</v>
      </c>
      <c r="I24553" s="5" t="s">
        <v>1518</v>
      </c>
      <c r="J24553" s="5" t="s">
        <v>69038</v>
      </c>
      <c r="K24553" s="2" t="s">
        <v>69039</v>
      </c>
      <c r="L24553" s="5" t="s">
        <v>69038</v>
      </c>
      <c r="M24553" s="2" t="s">
        <v>69039</v>
      </c>
      <c r="N24553" s="5" t="s">
        <v>1521</v>
      </c>
      <c r="O24553" s="5" t="s">
        <v>38</v>
      </c>
      <c r="P24553" s="5" t="s">
        <v>39</v>
      </c>
      <c r="Q24553" s="5" t="s">
        <v>40</v>
      </c>
      <c r="R24553" s="5" t="s">
        <v>1522</v>
      </c>
      <c r="S24553" s="5" t="s">
        <v>1523</v>
      </c>
      <c r="T24553" s="5" t="s">
        <v>42</v>
      </c>
      <c r="U24553" s="2">
        <v>3.214</v>
      </c>
      <c r="V24553" s="2">
        <v>2.6150000000000002</v>
      </c>
      <c r="W24553" s="2">
        <v>1.7999999999999999E-2</v>
      </c>
      <c r="X24553" s="2">
        <v>139.1</v>
      </c>
      <c r="Y24553" s="2">
        <v>7.6</v>
      </c>
      <c r="Z24553" s="2">
        <v>16.7</v>
      </c>
      <c r="AA24553" s="5"/>
      <c r="AB24553" s="5" t="s">
        <v>43</v>
      </c>
      <c r="AC24553" s="5" t="s">
        <v>44</v>
      </c>
      <c r="AD24553" s="2"/>
      <c r="AE24553" s="1"/>
    </row>
    <row r="24554" spans="1:31" ht="14.45">
      <c r="A24554" s="11"/>
      <c r="B24554" s="20"/>
      <c r="C24554" s="2" t="s">
        <v>78541</v>
      </c>
      <c r="D24554" s="14" t="s">
        <v>78542</v>
      </c>
      <c r="E24554" s="2" t="s">
        <v>78543</v>
      </c>
      <c r="F24554" s="2" t="s">
        <v>7619</v>
      </c>
      <c r="G24554" s="8">
        <v>283</v>
      </c>
      <c r="H24554" s="5">
        <v>6</v>
      </c>
      <c r="I24554" s="5" t="s">
        <v>1518</v>
      </c>
      <c r="J24554" s="5" t="s">
        <v>69038</v>
      </c>
      <c r="K24554" s="2" t="s">
        <v>69039</v>
      </c>
      <c r="L24554" s="5" t="s">
        <v>69038</v>
      </c>
      <c r="M24554" s="2" t="s">
        <v>69039</v>
      </c>
      <c r="N24554" s="5" t="s">
        <v>1521</v>
      </c>
      <c r="O24554" s="5" t="s">
        <v>38</v>
      </c>
      <c r="P24554" s="5" t="s">
        <v>39</v>
      </c>
      <c r="Q24554" s="5" t="s">
        <v>40</v>
      </c>
      <c r="R24554" s="5" t="s">
        <v>1522</v>
      </c>
      <c r="S24554" s="5" t="s">
        <v>1523</v>
      </c>
      <c r="T24554" s="5" t="s">
        <v>42</v>
      </c>
      <c r="U24554" s="2">
        <v>3.3159999999999998</v>
      </c>
      <c r="V24554" s="2">
        <v>2.7170000000000001</v>
      </c>
      <c r="W24554" s="2">
        <v>1.7999999999999999E-2</v>
      </c>
      <c r="X24554" s="2">
        <v>139.1</v>
      </c>
      <c r="Y24554" s="2">
        <v>7.6</v>
      </c>
      <c r="Z24554" s="2">
        <v>16.7</v>
      </c>
      <c r="AA24554" s="5"/>
      <c r="AB24554" s="5" t="s">
        <v>43</v>
      </c>
      <c r="AC24554" s="5" t="s">
        <v>44</v>
      </c>
      <c r="AD24554" s="2"/>
      <c r="AE24554" s="1"/>
    </row>
    <row r="24555" spans="1:31" ht="14.45">
      <c r="A24555" s="11"/>
      <c r="B24555" s="20"/>
      <c r="C24555" s="2" t="s">
        <v>78544</v>
      </c>
      <c r="D24555" s="14" t="s">
        <v>78545</v>
      </c>
      <c r="E24555" s="2" t="s">
        <v>78546</v>
      </c>
      <c r="F24555" s="2" t="s">
        <v>16219</v>
      </c>
      <c r="G24555" s="8">
        <v>283</v>
      </c>
      <c r="H24555" s="5">
        <v>6</v>
      </c>
      <c r="I24555" s="5" t="s">
        <v>1518</v>
      </c>
      <c r="J24555" s="5" t="s">
        <v>69038</v>
      </c>
      <c r="K24555" s="2" t="s">
        <v>69039</v>
      </c>
      <c r="L24555" s="5" t="s">
        <v>69038</v>
      </c>
      <c r="M24555" s="2" t="s">
        <v>69039</v>
      </c>
      <c r="N24555" s="5" t="s">
        <v>1521</v>
      </c>
      <c r="O24555" s="5" t="s">
        <v>38</v>
      </c>
      <c r="P24555" s="5" t="s">
        <v>39</v>
      </c>
      <c r="Q24555" s="5" t="s">
        <v>40</v>
      </c>
      <c r="R24555" s="5" t="s">
        <v>1522</v>
      </c>
      <c r="S24555" s="5" t="s">
        <v>1523</v>
      </c>
      <c r="T24555" s="5" t="s">
        <v>42</v>
      </c>
      <c r="U24555" s="2">
        <v>3.3159999999999998</v>
      </c>
      <c r="V24555" s="2">
        <v>2.7170000000000001</v>
      </c>
      <c r="W24555" s="2">
        <v>1.7999999999999999E-2</v>
      </c>
      <c r="X24555" s="2">
        <v>139.1</v>
      </c>
      <c r="Y24555" s="2">
        <v>7.6</v>
      </c>
      <c r="Z24555" s="2">
        <v>16.7</v>
      </c>
      <c r="AA24555" s="5"/>
      <c r="AB24555" s="5" t="s">
        <v>43</v>
      </c>
      <c r="AC24555" s="5" t="s">
        <v>44</v>
      </c>
      <c r="AD24555" s="2"/>
      <c r="AE24555" s="1"/>
    </row>
    <row r="24556" spans="1:31" ht="14.45">
      <c r="A24556" s="11"/>
      <c r="B24556" s="20"/>
      <c r="C24556" s="2" t="s">
        <v>78547</v>
      </c>
      <c r="D24556" s="14" t="s">
        <v>78548</v>
      </c>
      <c r="E24556" s="2" t="s">
        <v>78549</v>
      </c>
      <c r="F24556" s="2" t="s">
        <v>7212</v>
      </c>
      <c r="G24556" s="8">
        <v>263</v>
      </c>
      <c r="H24556" s="5">
        <v>6</v>
      </c>
      <c r="I24556" s="5" t="s">
        <v>1518</v>
      </c>
      <c r="J24556" s="5" t="s">
        <v>69038</v>
      </c>
      <c r="K24556" s="2" t="s">
        <v>69039</v>
      </c>
      <c r="L24556" s="5" t="s">
        <v>69038</v>
      </c>
      <c r="M24556" s="2" t="s">
        <v>69039</v>
      </c>
      <c r="N24556" s="5" t="s">
        <v>1521</v>
      </c>
      <c r="O24556" s="5" t="s">
        <v>38</v>
      </c>
      <c r="P24556" s="5" t="s">
        <v>39</v>
      </c>
      <c r="Q24556" s="5" t="s">
        <v>40</v>
      </c>
      <c r="R24556" s="5" t="s">
        <v>1522</v>
      </c>
      <c r="S24556" s="5" t="s">
        <v>1523</v>
      </c>
      <c r="T24556" s="5" t="s">
        <v>42</v>
      </c>
      <c r="U24556" s="2">
        <v>3.214</v>
      </c>
      <c r="V24556" s="2">
        <v>2.6150000000000002</v>
      </c>
      <c r="W24556" s="2">
        <v>1.7999999999999999E-2</v>
      </c>
      <c r="X24556" s="2">
        <v>139.1</v>
      </c>
      <c r="Y24556" s="2">
        <v>7.6</v>
      </c>
      <c r="Z24556" s="2">
        <v>16.7</v>
      </c>
      <c r="AA24556" s="5"/>
      <c r="AB24556" s="5" t="s">
        <v>43</v>
      </c>
      <c r="AC24556" s="5" t="s">
        <v>44</v>
      </c>
      <c r="AD24556" s="2"/>
      <c r="AE24556" s="1"/>
    </row>
    <row r="24557" spans="1:31" ht="14.45">
      <c r="A24557" s="11"/>
      <c r="B24557" s="20"/>
      <c r="C24557" s="2" t="s">
        <v>78550</v>
      </c>
      <c r="D24557" s="14" t="s">
        <v>78551</v>
      </c>
      <c r="E24557" s="2" t="s">
        <v>78552</v>
      </c>
      <c r="F24557" s="2" t="s">
        <v>7528</v>
      </c>
      <c r="G24557" s="8">
        <v>263</v>
      </c>
      <c r="H24557" s="5">
        <v>6</v>
      </c>
      <c r="I24557" s="5" t="s">
        <v>1518</v>
      </c>
      <c r="J24557" s="5" t="s">
        <v>69038</v>
      </c>
      <c r="K24557" s="2" t="s">
        <v>69039</v>
      </c>
      <c r="L24557" s="5" t="s">
        <v>69038</v>
      </c>
      <c r="M24557" s="2" t="s">
        <v>69039</v>
      </c>
      <c r="N24557" s="5" t="s">
        <v>1521</v>
      </c>
      <c r="O24557" s="5" t="s">
        <v>38</v>
      </c>
      <c r="P24557" s="5" t="s">
        <v>39</v>
      </c>
      <c r="Q24557" s="5" t="s">
        <v>40</v>
      </c>
      <c r="R24557" s="5" t="s">
        <v>1522</v>
      </c>
      <c r="S24557" s="5" t="s">
        <v>1523</v>
      </c>
      <c r="T24557" s="5" t="s">
        <v>42</v>
      </c>
      <c r="U24557" s="2">
        <v>3.3159999999999998</v>
      </c>
      <c r="V24557" s="2">
        <v>2.7170000000000001</v>
      </c>
      <c r="W24557" s="2">
        <v>1.7999999999999999E-2</v>
      </c>
      <c r="X24557" s="2">
        <v>139.1</v>
      </c>
      <c r="Y24557" s="2">
        <v>7.6</v>
      </c>
      <c r="Z24557" s="2">
        <v>16.7</v>
      </c>
      <c r="AA24557" s="5"/>
      <c r="AB24557" s="5" t="s">
        <v>43</v>
      </c>
      <c r="AC24557" s="5" t="s">
        <v>44</v>
      </c>
      <c r="AD24557" s="2"/>
      <c r="AE24557" s="1"/>
    </row>
    <row r="24558" spans="1:31" ht="14.45">
      <c r="A24558" s="11"/>
      <c r="B24558" s="20"/>
      <c r="C24558" s="2" t="s">
        <v>78553</v>
      </c>
      <c r="D24558" s="14" t="s">
        <v>78554</v>
      </c>
      <c r="E24558" s="2" t="s">
        <v>78555</v>
      </c>
      <c r="F24558" s="2" t="s">
        <v>16029</v>
      </c>
      <c r="G24558" s="8">
        <v>283</v>
      </c>
      <c r="H24558" s="5">
        <v>6</v>
      </c>
      <c r="I24558" s="5" t="s">
        <v>1518</v>
      </c>
      <c r="J24558" s="5" t="s">
        <v>69038</v>
      </c>
      <c r="K24558" s="2" t="s">
        <v>69039</v>
      </c>
      <c r="L24558" s="5" t="s">
        <v>69038</v>
      </c>
      <c r="M24558" s="2" t="s">
        <v>69039</v>
      </c>
      <c r="N24558" s="5" t="s">
        <v>1521</v>
      </c>
      <c r="O24558" s="5" t="s">
        <v>38</v>
      </c>
      <c r="P24558" s="5" t="s">
        <v>39</v>
      </c>
      <c r="Q24558" s="5" t="s">
        <v>40</v>
      </c>
      <c r="R24558" s="5" t="s">
        <v>1522</v>
      </c>
      <c r="S24558" s="5" t="s">
        <v>1523</v>
      </c>
      <c r="T24558" s="5" t="s">
        <v>42</v>
      </c>
      <c r="U24558" s="2">
        <v>3.2160000000000002</v>
      </c>
      <c r="V24558" s="2">
        <v>2.617</v>
      </c>
      <c r="W24558" s="2">
        <v>1.7999999999999999E-2</v>
      </c>
      <c r="X24558" s="2">
        <v>139.1</v>
      </c>
      <c r="Y24558" s="2">
        <v>7.6</v>
      </c>
      <c r="Z24558" s="2">
        <v>16.7</v>
      </c>
      <c r="AA24558" s="5"/>
      <c r="AB24558" s="5" t="s">
        <v>43</v>
      </c>
      <c r="AC24558" s="5" t="s">
        <v>44</v>
      </c>
      <c r="AD24558" s="2"/>
      <c r="AE24558" s="1"/>
    </row>
    <row r="24559" spans="1:31" ht="14.45">
      <c r="A24559" s="11"/>
      <c r="B24559" s="20"/>
      <c r="C24559" s="2" t="s">
        <v>78556</v>
      </c>
      <c r="D24559" s="14" t="s">
        <v>78557</v>
      </c>
      <c r="E24559" s="2" t="s">
        <v>78558</v>
      </c>
      <c r="F24559" s="2" t="s">
        <v>16033</v>
      </c>
      <c r="G24559" s="8">
        <v>283</v>
      </c>
      <c r="H24559" s="5">
        <v>6</v>
      </c>
      <c r="I24559" s="5" t="s">
        <v>1518</v>
      </c>
      <c r="J24559" s="5" t="s">
        <v>69038</v>
      </c>
      <c r="K24559" s="2" t="s">
        <v>69039</v>
      </c>
      <c r="L24559" s="5" t="s">
        <v>69038</v>
      </c>
      <c r="M24559" s="2" t="s">
        <v>69039</v>
      </c>
      <c r="N24559" s="5" t="s">
        <v>1521</v>
      </c>
      <c r="O24559" s="5" t="s">
        <v>38</v>
      </c>
      <c r="P24559" s="5" t="s">
        <v>39</v>
      </c>
      <c r="Q24559" s="5" t="s">
        <v>40</v>
      </c>
      <c r="R24559" s="5" t="s">
        <v>1522</v>
      </c>
      <c r="S24559" s="5" t="s">
        <v>1523</v>
      </c>
      <c r="T24559" s="5" t="s">
        <v>42</v>
      </c>
      <c r="U24559" s="2">
        <v>3.3180000000000001</v>
      </c>
      <c r="V24559" s="2">
        <v>2.7189999999999999</v>
      </c>
      <c r="W24559" s="2">
        <v>1.7999999999999999E-2</v>
      </c>
      <c r="X24559" s="2">
        <v>139.1</v>
      </c>
      <c r="Y24559" s="2">
        <v>7.6</v>
      </c>
      <c r="Z24559" s="2">
        <v>16.7</v>
      </c>
      <c r="AA24559" s="5"/>
      <c r="AB24559" s="5" t="s">
        <v>43</v>
      </c>
      <c r="AC24559" s="5" t="s">
        <v>44</v>
      </c>
      <c r="AD24559" s="2"/>
      <c r="AE24559" s="1"/>
    </row>
    <row r="24560" spans="1:31" ht="14.45">
      <c r="A24560" s="11"/>
      <c r="B24560" s="20"/>
      <c r="C24560" s="2" t="s">
        <v>78559</v>
      </c>
      <c r="D24560" s="14" t="s">
        <v>78560</v>
      </c>
      <c r="E24560" s="2" t="s">
        <v>78561</v>
      </c>
      <c r="F24560" s="2" t="s">
        <v>7204</v>
      </c>
      <c r="G24560" s="8">
        <v>275</v>
      </c>
      <c r="H24560" s="5">
        <v>6</v>
      </c>
      <c r="I24560" s="5" t="s">
        <v>1518</v>
      </c>
      <c r="J24560" s="5" t="s">
        <v>69038</v>
      </c>
      <c r="K24560" s="2" t="s">
        <v>69039</v>
      </c>
      <c r="L24560" s="5" t="s">
        <v>69038</v>
      </c>
      <c r="M24560" s="2" t="s">
        <v>69039</v>
      </c>
      <c r="N24560" s="5" t="s">
        <v>1521</v>
      </c>
      <c r="O24560" s="5" t="s">
        <v>38</v>
      </c>
      <c r="P24560" s="5" t="s">
        <v>39</v>
      </c>
      <c r="Q24560" s="5" t="s">
        <v>40</v>
      </c>
      <c r="R24560" s="5" t="s">
        <v>1522</v>
      </c>
      <c r="S24560" s="5" t="s">
        <v>1523</v>
      </c>
      <c r="T24560" s="5" t="s">
        <v>42</v>
      </c>
      <c r="U24560" s="2">
        <v>3.4630000000000001</v>
      </c>
      <c r="V24560" s="2">
        <v>2.7810000000000001</v>
      </c>
      <c r="W24560" s="2">
        <v>0.02</v>
      </c>
      <c r="X24560" s="2">
        <v>159.1</v>
      </c>
      <c r="Y24560" s="2">
        <v>7.6</v>
      </c>
      <c r="Z24560" s="2">
        <v>16.7</v>
      </c>
      <c r="AA24560" s="5"/>
      <c r="AB24560" s="5" t="s">
        <v>43</v>
      </c>
      <c r="AC24560" s="5" t="s">
        <v>44</v>
      </c>
      <c r="AD24560" s="2"/>
      <c r="AE24560" s="1"/>
    </row>
    <row r="24561" spans="1:31" ht="14.45">
      <c r="A24561" s="11"/>
      <c r="B24561" s="20"/>
      <c r="C24561" s="2" t="s">
        <v>78562</v>
      </c>
      <c r="D24561" s="14" t="s">
        <v>78563</v>
      </c>
      <c r="E24561" s="2" t="s">
        <v>78564</v>
      </c>
      <c r="F24561" s="2" t="s">
        <v>7514</v>
      </c>
      <c r="G24561" s="8">
        <v>275</v>
      </c>
      <c r="H24561" s="5">
        <v>6</v>
      </c>
      <c r="I24561" s="5" t="s">
        <v>1518</v>
      </c>
      <c r="J24561" s="5" t="s">
        <v>69038</v>
      </c>
      <c r="K24561" s="2" t="s">
        <v>69039</v>
      </c>
      <c r="L24561" s="5" t="s">
        <v>69038</v>
      </c>
      <c r="M24561" s="2" t="s">
        <v>69039</v>
      </c>
      <c r="N24561" s="5" t="s">
        <v>1521</v>
      </c>
      <c r="O24561" s="5" t="s">
        <v>38</v>
      </c>
      <c r="P24561" s="5" t="s">
        <v>39</v>
      </c>
      <c r="Q24561" s="5" t="s">
        <v>40</v>
      </c>
      <c r="R24561" s="5" t="s">
        <v>1522</v>
      </c>
      <c r="S24561" s="5" t="s">
        <v>1523</v>
      </c>
      <c r="T24561" s="5" t="s">
        <v>42</v>
      </c>
      <c r="U24561" s="2">
        <v>3.577</v>
      </c>
      <c r="V24561" s="2">
        <v>2.895</v>
      </c>
      <c r="W24561" s="2">
        <v>0.02</v>
      </c>
      <c r="X24561" s="2">
        <v>159.1</v>
      </c>
      <c r="Y24561" s="2">
        <v>7.6</v>
      </c>
      <c r="Z24561" s="2">
        <v>16.7</v>
      </c>
      <c r="AA24561" s="5"/>
      <c r="AB24561" s="5" t="s">
        <v>43</v>
      </c>
      <c r="AC24561" s="5" t="s">
        <v>44</v>
      </c>
      <c r="AD24561" s="2"/>
      <c r="AE24561" s="1"/>
    </row>
    <row r="24562" spans="1:31" ht="14.45">
      <c r="A24562" s="11"/>
      <c r="B24562" s="20"/>
      <c r="C24562" s="2" t="s">
        <v>78565</v>
      </c>
      <c r="D24562" s="14" t="s">
        <v>78566</v>
      </c>
      <c r="E24562" s="2" t="s">
        <v>78567</v>
      </c>
      <c r="F24562" s="2" t="s">
        <v>7208</v>
      </c>
      <c r="G24562" s="8">
        <v>275</v>
      </c>
      <c r="H24562" s="5">
        <v>6</v>
      </c>
      <c r="I24562" s="5" t="s">
        <v>1518</v>
      </c>
      <c r="J24562" s="5" t="s">
        <v>69038</v>
      </c>
      <c r="K24562" s="2" t="s">
        <v>69039</v>
      </c>
      <c r="L24562" s="5" t="s">
        <v>69038</v>
      </c>
      <c r="M24562" s="2" t="s">
        <v>69039</v>
      </c>
      <c r="N24562" s="5" t="s">
        <v>1521</v>
      </c>
      <c r="O24562" s="5" t="s">
        <v>38</v>
      </c>
      <c r="P24562" s="5" t="s">
        <v>39</v>
      </c>
      <c r="Q24562" s="5" t="s">
        <v>40</v>
      </c>
      <c r="R24562" s="5" t="s">
        <v>1522</v>
      </c>
      <c r="S24562" s="5" t="s">
        <v>1523</v>
      </c>
      <c r="T24562" s="5" t="s">
        <v>42</v>
      </c>
      <c r="U24562" s="2">
        <v>3.4630000000000001</v>
      </c>
      <c r="V24562" s="2">
        <v>2.7810000000000001</v>
      </c>
      <c r="W24562" s="2">
        <v>0.02</v>
      </c>
      <c r="X24562" s="2">
        <v>159.1</v>
      </c>
      <c r="Y24562" s="2">
        <v>7.6</v>
      </c>
      <c r="Z24562" s="2">
        <v>16.7</v>
      </c>
      <c r="AA24562" s="5"/>
      <c r="AB24562" s="5" t="s">
        <v>43</v>
      </c>
      <c r="AC24562" s="5" t="s">
        <v>44</v>
      </c>
      <c r="AD24562" s="2"/>
      <c r="AE24562" s="1"/>
    </row>
    <row r="24563" spans="1:31" ht="14.45">
      <c r="A24563" s="11"/>
      <c r="B24563" s="20"/>
      <c r="C24563" s="2" t="s">
        <v>78568</v>
      </c>
      <c r="D24563" s="14" t="s">
        <v>78569</v>
      </c>
      <c r="E24563" s="2" t="s">
        <v>78570</v>
      </c>
      <c r="F24563" s="2" t="s">
        <v>7521</v>
      </c>
      <c r="G24563" s="8">
        <v>275</v>
      </c>
      <c r="H24563" s="5">
        <v>6</v>
      </c>
      <c r="I24563" s="5" t="s">
        <v>1518</v>
      </c>
      <c r="J24563" s="5" t="s">
        <v>69038</v>
      </c>
      <c r="K24563" s="2" t="s">
        <v>69039</v>
      </c>
      <c r="L24563" s="5" t="s">
        <v>69038</v>
      </c>
      <c r="M24563" s="2" t="s">
        <v>69039</v>
      </c>
      <c r="N24563" s="5" t="s">
        <v>1521</v>
      </c>
      <c r="O24563" s="5" t="s">
        <v>38</v>
      </c>
      <c r="P24563" s="5" t="s">
        <v>39</v>
      </c>
      <c r="Q24563" s="5" t="s">
        <v>40</v>
      </c>
      <c r="R24563" s="5" t="s">
        <v>1522</v>
      </c>
      <c r="S24563" s="5" t="s">
        <v>1523</v>
      </c>
      <c r="T24563" s="5" t="s">
        <v>42</v>
      </c>
      <c r="U24563" s="2">
        <v>3.577</v>
      </c>
      <c r="V24563" s="2">
        <v>2.895</v>
      </c>
      <c r="W24563" s="2">
        <v>0.02</v>
      </c>
      <c r="X24563" s="2">
        <v>159.1</v>
      </c>
      <c r="Y24563" s="2">
        <v>7.6</v>
      </c>
      <c r="Z24563" s="2">
        <v>16.7</v>
      </c>
      <c r="AA24563" s="5"/>
      <c r="AB24563" s="5" t="s">
        <v>43</v>
      </c>
      <c r="AC24563" s="5" t="s">
        <v>44</v>
      </c>
      <c r="AD24563" s="2"/>
      <c r="AE24563" s="1"/>
    </row>
    <row r="24564" spans="1:31" ht="14.45">
      <c r="A24564" s="11"/>
      <c r="B24564" s="20"/>
      <c r="C24564" s="2" t="s">
        <v>78571</v>
      </c>
      <c r="D24564" s="14" t="s">
        <v>78572</v>
      </c>
      <c r="E24564" s="2" t="s">
        <v>78573</v>
      </c>
      <c r="F24564" s="2" t="s">
        <v>7406</v>
      </c>
      <c r="G24564" s="8">
        <v>296</v>
      </c>
      <c r="H24564" s="5">
        <v>6</v>
      </c>
      <c r="I24564" s="5" t="s">
        <v>1518</v>
      </c>
      <c r="J24564" s="5" t="s">
        <v>69038</v>
      </c>
      <c r="K24564" s="2" t="s">
        <v>69039</v>
      </c>
      <c r="L24564" s="5" t="s">
        <v>69038</v>
      </c>
      <c r="M24564" s="2" t="s">
        <v>69039</v>
      </c>
      <c r="N24564" s="5" t="s">
        <v>1521</v>
      </c>
      <c r="O24564" s="5" t="s">
        <v>38</v>
      </c>
      <c r="P24564" s="5" t="s">
        <v>39</v>
      </c>
      <c r="Q24564" s="5" t="s">
        <v>40</v>
      </c>
      <c r="R24564" s="5" t="s">
        <v>1522</v>
      </c>
      <c r="S24564" s="5" t="s">
        <v>1523</v>
      </c>
      <c r="T24564" s="5" t="s">
        <v>42</v>
      </c>
      <c r="U24564" s="2">
        <v>3.4630000000000001</v>
      </c>
      <c r="V24564" s="2">
        <v>2.7810000000000001</v>
      </c>
      <c r="W24564" s="2">
        <v>0.02</v>
      </c>
      <c r="X24564" s="2">
        <v>159.1</v>
      </c>
      <c r="Y24564" s="2">
        <v>7.6</v>
      </c>
      <c r="Z24564" s="2">
        <v>16.7</v>
      </c>
      <c r="AA24564" s="5"/>
      <c r="AB24564" s="5" t="s">
        <v>43</v>
      </c>
      <c r="AC24564" s="5" t="s">
        <v>44</v>
      </c>
      <c r="AD24564" s="2"/>
      <c r="AE24564" s="1"/>
    </row>
    <row r="24565" spans="1:31" ht="14.45">
      <c r="A24565" s="11"/>
      <c r="B24565" s="20"/>
      <c r="C24565" s="2" t="s">
        <v>78574</v>
      </c>
      <c r="D24565" s="14" t="s">
        <v>78575</v>
      </c>
      <c r="E24565" s="2" t="s">
        <v>78576</v>
      </c>
      <c r="F24565" s="2" t="s">
        <v>7535</v>
      </c>
      <c r="G24565" s="8">
        <v>296</v>
      </c>
      <c r="H24565" s="5">
        <v>6</v>
      </c>
      <c r="I24565" s="5" t="s">
        <v>1518</v>
      </c>
      <c r="J24565" s="5" t="s">
        <v>69038</v>
      </c>
      <c r="K24565" s="2" t="s">
        <v>69039</v>
      </c>
      <c r="L24565" s="5" t="s">
        <v>69038</v>
      </c>
      <c r="M24565" s="2" t="s">
        <v>69039</v>
      </c>
      <c r="N24565" s="5" t="s">
        <v>1521</v>
      </c>
      <c r="O24565" s="5" t="s">
        <v>38</v>
      </c>
      <c r="P24565" s="5" t="s">
        <v>39</v>
      </c>
      <c r="Q24565" s="5" t="s">
        <v>40</v>
      </c>
      <c r="R24565" s="5" t="s">
        <v>1522</v>
      </c>
      <c r="S24565" s="5" t="s">
        <v>1523</v>
      </c>
      <c r="T24565" s="5" t="s">
        <v>42</v>
      </c>
      <c r="U24565" s="2">
        <v>3.577</v>
      </c>
      <c r="V24565" s="2">
        <v>2.895</v>
      </c>
      <c r="W24565" s="2">
        <v>0.02</v>
      </c>
      <c r="X24565" s="2">
        <v>159.1</v>
      </c>
      <c r="Y24565" s="2">
        <v>7.6</v>
      </c>
      <c r="Z24565" s="2">
        <v>16.7</v>
      </c>
      <c r="AA24565" s="5"/>
      <c r="AB24565" s="5" t="s">
        <v>43</v>
      </c>
      <c r="AC24565" s="5" t="s">
        <v>44</v>
      </c>
      <c r="AD24565" s="2"/>
      <c r="AE24565" s="1"/>
    </row>
    <row r="24566" spans="1:31" ht="14.45">
      <c r="A24566" s="11"/>
      <c r="B24566" s="20"/>
      <c r="C24566" s="2" t="s">
        <v>78577</v>
      </c>
      <c r="D24566" s="14" t="s">
        <v>78578</v>
      </c>
      <c r="E24566" s="2" t="s">
        <v>78579</v>
      </c>
      <c r="F24566" s="2" t="s">
        <v>7539</v>
      </c>
      <c r="G24566" s="8">
        <v>296</v>
      </c>
      <c r="H24566" s="5">
        <v>6</v>
      </c>
      <c r="I24566" s="5" t="s">
        <v>1518</v>
      </c>
      <c r="J24566" s="5" t="s">
        <v>69038</v>
      </c>
      <c r="K24566" s="2" t="s">
        <v>69039</v>
      </c>
      <c r="L24566" s="5" t="s">
        <v>69038</v>
      </c>
      <c r="M24566" s="2" t="s">
        <v>69039</v>
      </c>
      <c r="N24566" s="5" t="s">
        <v>1521</v>
      </c>
      <c r="O24566" s="5" t="s">
        <v>38</v>
      </c>
      <c r="P24566" s="5" t="s">
        <v>39</v>
      </c>
      <c r="Q24566" s="5" t="s">
        <v>40</v>
      </c>
      <c r="R24566" s="5" t="s">
        <v>1522</v>
      </c>
      <c r="S24566" s="5" t="s">
        <v>1523</v>
      </c>
      <c r="T24566" s="5" t="s">
        <v>42</v>
      </c>
      <c r="U24566" s="2">
        <v>3.4630000000000001</v>
      </c>
      <c r="V24566" s="2">
        <v>2.7810000000000001</v>
      </c>
      <c r="W24566" s="2">
        <v>0.02</v>
      </c>
      <c r="X24566" s="2">
        <v>159.1</v>
      </c>
      <c r="Y24566" s="2">
        <v>7.6</v>
      </c>
      <c r="Z24566" s="2">
        <v>16.7</v>
      </c>
      <c r="AA24566" s="5"/>
      <c r="AB24566" s="5" t="s">
        <v>43</v>
      </c>
      <c r="AC24566" s="5" t="s">
        <v>44</v>
      </c>
      <c r="AD24566" s="2"/>
      <c r="AE24566" s="1"/>
    </row>
    <row r="24567" spans="1:31" ht="14.45">
      <c r="A24567" s="11"/>
      <c r="B24567" s="20"/>
      <c r="C24567" s="2" t="s">
        <v>78580</v>
      </c>
      <c r="D24567" s="14" t="s">
        <v>78581</v>
      </c>
      <c r="E24567" s="2" t="s">
        <v>78582</v>
      </c>
      <c r="F24567" s="2" t="s">
        <v>7543</v>
      </c>
      <c r="G24567" s="8">
        <v>296</v>
      </c>
      <c r="H24567" s="5">
        <v>6</v>
      </c>
      <c r="I24567" s="5" t="s">
        <v>1518</v>
      </c>
      <c r="J24567" s="5" t="s">
        <v>69038</v>
      </c>
      <c r="K24567" s="2" t="s">
        <v>69039</v>
      </c>
      <c r="L24567" s="5" t="s">
        <v>69038</v>
      </c>
      <c r="M24567" s="2" t="s">
        <v>69039</v>
      </c>
      <c r="N24567" s="5" t="s">
        <v>1521</v>
      </c>
      <c r="O24567" s="5" t="s">
        <v>38</v>
      </c>
      <c r="P24567" s="5" t="s">
        <v>39</v>
      </c>
      <c r="Q24567" s="5" t="s">
        <v>40</v>
      </c>
      <c r="R24567" s="5" t="s">
        <v>1522</v>
      </c>
      <c r="S24567" s="5" t="s">
        <v>1523</v>
      </c>
      <c r="T24567" s="5" t="s">
        <v>42</v>
      </c>
      <c r="U24567" s="2">
        <v>3.577</v>
      </c>
      <c r="V24567" s="2">
        <v>2.895</v>
      </c>
      <c r="W24567" s="2">
        <v>0.02</v>
      </c>
      <c r="X24567" s="2">
        <v>159.1</v>
      </c>
      <c r="Y24567" s="2">
        <v>7.6</v>
      </c>
      <c r="Z24567" s="2">
        <v>16.7</v>
      </c>
      <c r="AA24567" s="5"/>
      <c r="AB24567" s="5" t="s">
        <v>43</v>
      </c>
      <c r="AC24567" s="5" t="s">
        <v>44</v>
      </c>
      <c r="AD24567" s="2"/>
      <c r="AE24567" s="1"/>
    </row>
    <row r="24568" spans="1:31" ht="14.45">
      <c r="A24568" s="11"/>
      <c r="B24568" s="20"/>
      <c r="C24568" s="2" t="s">
        <v>78583</v>
      </c>
      <c r="D24568" s="14" t="s">
        <v>78584</v>
      </c>
      <c r="E24568" s="2" t="s">
        <v>78585</v>
      </c>
      <c r="F24568" s="2" t="s">
        <v>7396</v>
      </c>
      <c r="G24568" s="8">
        <v>275</v>
      </c>
      <c r="H24568" s="5">
        <v>6</v>
      </c>
      <c r="I24568" s="5" t="s">
        <v>1518</v>
      </c>
      <c r="J24568" s="5" t="s">
        <v>69038</v>
      </c>
      <c r="K24568" s="2" t="s">
        <v>69039</v>
      </c>
      <c r="L24568" s="5" t="s">
        <v>69038</v>
      </c>
      <c r="M24568" s="2" t="s">
        <v>69039</v>
      </c>
      <c r="N24568" s="5" t="s">
        <v>1521</v>
      </c>
      <c r="O24568" s="5" t="s">
        <v>38</v>
      </c>
      <c r="P24568" s="5" t="s">
        <v>39</v>
      </c>
      <c r="Q24568" s="5" t="s">
        <v>40</v>
      </c>
      <c r="R24568" s="5" t="s">
        <v>1522</v>
      </c>
      <c r="S24568" s="5" t="s">
        <v>1523</v>
      </c>
      <c r="T24568" s="5" t="s">
        <v>42</v>
      </c>
      <c r="U24568" s="2">
        <v>3.4630000000000001</v>
      </c>
      <c r="V24568" s="2">
        <v>2.7810000000000001</v>
      </c>
      <c r="W24568" s="2">
        <v>0.02</v>
      </c>
      <c r="X24568" s="2">
        <v>159.1</v>
      </c>
      <c r="Y24568" s="2">
        <v>7.6</v>
      </c>
      <c r="Z24568" s="2">
        <v>16.7</v>
      </c>
      <c r="AA24568" s="5"/>
      <c r="AB24568" s="5" t="s">
        <v>43</v>
      </c>
      <c r="AC24568" s="5" t="s">
        <v>44</v>
      </c>
      <c r="AD24568" s="2"/>
      <c r="AE24568" s="1"/>
    </row>
    <row r="24569" spans="1:31" s="18" customFormat="1" ht="14.45">
      <c r="A24569" s="11"/>
      <c r="B24569" s="20"/>
      <c r="C24569" s="2" t="s">
        <v>78586</v>
      </c>
      <c r="D24569" s="14" t="s">
        <v>78587</v>
      </c>
      <c r="E24569" s="2" t="s">
        <v>78588</v>
      </c>
      <c r="F24569" s="2" t="s">
        <v>7507</v>
      </c>
      <c r="G24569" s="8">
        <v>275</v>
      </c>
      <c r="H24569" s="5">
        <v>6</v>
      </c>
      <c r="I24569" s="5" t="s">
        <v>1518</v>
      </c>
      <c r="J24569" s="5" t="s">
        <v>69038</v>
      </c>
      <c r="K24569" s="2" t="s">
        <v>69039</v>
      </c>
      <c r="L24569" s="5" t="s">
        <v>69038</v>
      </c>
      <c r="M24569" s="2" t="s">
        <v>69039</v>
      </c>
      <c r="N24569" s="5" t="s">
        <v>1521</v>
      </c>
      <c r="O24569" s="5" t="s">
        <v>38</v>
      </c>
      <c r="P24569" s="5" t="s">
        <v>39</v>
      </c>
      <c r="Q24569" s="5" t="s">
        <v>40</v>
      </c>
      <c r="R24569" s="5" t="s">
        <v>1522</v>
      </c>
      <c r="S24569" s="5" t="s">
        <v>1523</v>
      </c>
      <c r="T24569" s="5" t="s">
        <v>42</v>
      </c>
      <c r="U24569" s="2">
        <v>3.577</v>
      </c>
      <c r="V24569" s="2">
        <v>2.895</v>
      </c>
      <c r="W24569" s="2">
        <v>0.02</v>
      </c>
      <c r="X24569" s="2">
        <v>159.1</v>
      </c>
      <c r="Y24569" s="2">
        <v>7.6</v>
      </c>
      <c r="Z24569" s="2">
        <v>16.7</v>
      </c>
      <c r="AA24569" s="5"/>
      <c r="AB24569" s="5" t="s">
        <v>43</v>
      </c>
      <c r="AC24569" s="5" t="s">
        <v>44</v>
      </c>
      <c r="AD24569" s="2"/>
    </row>
    <row r="24570" spans="1:31" s="18" customFormat="1" ht="14.45">
      <c r="A24570" s="11"/>
      <c r="B24570" s="20"/>
      <c r="C24570" s="2" t="s">
        <v>78589</v>
      </c>
      <c r="D24570" s="14" t="s">
        <v>78590</v>
      </c>
      <c r="E24570" s="2" t="s">
        <v>78591</v>
      </c>
      <c r="F24570" s="2" t="s">
        <v>7547</v>
      </c>
      <c r="G24570" s="8">
        <v>296</v>
      </c>
      <c r="H24570" s="5">
        <v>6</v>
      </c>
      <c r="I24570" s="5" t="s">
        <v>1518</v>
      </c>
      <c r="J24570" s="5" t="s">
        <v>69038</v>
      </c>
      <c r="K24570" s="2" t="s">
        <v>69039</v>
      </c>
      <c r="L24570" s="5" t="s">
        <v>69038</v>
      </c>
      <c r="M24570" s="2" t="s">
        <v>69039</v>
      </c>
      <c r="N24570" s="5" t="s">
        <v>1521</v>
      </c>
      <c r="O24570" s="5" t="s">
        <v>38</v>
      </c>
      <c r="P24570" s="5" t="s">
        <v>39</v>
      </c>
      <c r="Q24570" s="5" t="s">
        <v>40</v>
      </c>
      <c r="R24570" s="5" t="s">
        <v>1522</v>
      </c>
      <c r="S24570" s="5" t="s">
        <v>1523</v>
      </c>
      <c r="T24570" s="5" t="s">
        <v>42</v>
      </c>
      <c r="U24570" s="2">
        <v>3.4630000000000001</v>
      </c>
      <c r="V24570" s="2">
        <v>2.7810000000000001</v>
      </c>
      <c r="W24570" s="2">
        <v>0.02</v>
      </c>
      <c r="X24570" s="2">
        <v>159.1</v>
      </c>
      <c r="Y24570" s="2">
        <v>7.6</v>
      </c>
      <c r="Z24570" s="2">
        <v>16.7</v>
      </c>
      <c r="AA24570" s="5"/>
      <c r="AB24570" s="5" t="s">
        <v>43</v>
      </c>
      <c r="AC24570" s="5" t="s">
        <v>44</v>
      </c>
      <c r="AD24570" s="2"/>
    </row>
    <row r="24571" spans="1:31" s="18" customFormat="1" ht="14.45">
      <c r="A24571" s="11"/>
      <c r="B24571" s="20"/>
      <c r="C24571" s="2" t="s">
        <v>78592</v>
      </c>
      <c r="D24571" s="14" t="s">
        <v>78593</v>
      </c>
      <c r="E24571" s="2" t="s">
        <v>78594</v>
      </c>
      <c r="F24571" s="2" t="s">
        <v>7551</v>
      </c>
      <c r="G24571" s="8">
        <v>296</v>
      </c>
      <c r="H24571" s="5">
        <v>6</v>
      </c>
      <c r="I24571" s="5" t="s">
        <v>1518</v>
      </c>
      <c r="J24571" s="5" t="s">
        <v>69038</v>
      </c>
      <c r="K24571" s="2" t="s">
        <v>69039</v>
      </c>
      <c r="L24571" s="5" t="s">
        <v>69038</v>
      </c>
      <c r="M24571" s="2" t="s">
        <v>69039</v>
      </c>
      <c r="N24571" s="5" t="s">
        <v>1521</v>
      </c>
      <c r="O24571" s="5" t="s">
        <v>38</v>
      </c>
      <c r="P24571" s="5" t="s">
        <v>39</v>
      </c>
      <c r="Q24571" s="5" t="s">
        <v>40</v>
      </c>
      <c r="R24571" s="5" t="s">
        <v>1522</v>
      </c>
      <c r="S24571" s="5" t="s">
        <v>1523</v>
      </c>
      <c r="T24571" s="5" t="s">
        <v>42</v>
      </c>
      <c r="U24571" s="2">
        <v>3.577</v>
      </c>
      <c r="V24571" s="2">
        <v>2.895</v>
      </c>
      <c r="W24571" s="2">
        <v>0.02</v>
      </c>
      <c r="X24571" s="2">
        <v>159.1</v>
      </c>
      <c r="Y24571" s="2">
        <v>7.6</v>
      </c>
      <c r="Z24571" s="2">
        <v>16.7</v>
      </c>
      <c r="AA24571" s="5"/>
      <c r="AB24571" s="5" t="s">
        <v>43</v>
      </c>
      <c r="AC24571" s="5" t="s">
        <v>44</v>
      </c>
      <c r="AD24571" s="2"/>
    </row>
    <row r="24572" spans="1:31" ht="14.45">
      <c r="A24572" s="11"/>
      <c r="B24572" s="20"/>
      <c r="C24572" s="2" t="s">
        <v>78595</v>
      </c>
      <c r="D24572" s="14" t="s">
        <v>78596</v>
      </c>
      <c r="E24572" s="2" t="s">
        <v>78597</v>
      </c>
      <c r="F24572" s="2" t="s">
        <v>7563</v>
      </c>
      <c r="G24572" s="8">
        <v>296</v>
      </c>
      <c r="H24572" s="5">
        <v>6</v>
      </c>
      <c r="I24572" s="5" t="s">
        <v>1518</v>
      </c>
      <c r="J24572" s="5" t="s">
        <v>69038</v>
      </c>
      <c r="K24572" s="2" t="s">
        <v>69039</v>
      </c>
      <c r="L24572" s="5" t="s">
        <v>69038</v>
      </c>
      <c r="M24572" s="2" t="s">
        <v>69039</v>
      </c>
      <c r="N24572" s="5" t="s">
        <v>1521</v>
      </c>
      <c r="O24572" s="5" t="s">
        <v>38</v>
      </c>
      <c r="P24572" s="5" t="s">
        <v>39</v>
      </c>
      <c r="Q24572" s="5" t="s">
        <v>40</v>
      </c>
      <c r="R24572" s="5" t="s">
        <v>1522</v>
      </c>
      <c r="S24572" s="5" t="s">
        <v>1523</v>
      </c>
      <c r="T24572" s="5" t="s">
        <v>42</v>
      </c>
      <c r="U24572" s="2">
        <v>3.4630000000000001</v>
      </c>
      <c r="V24572" s="2">
        <v>2.7810000000000001</v>
      </c>
      <c r="W24572" s="2">
        <v>0.02</v>
      </c>
      <c r="X24572" s="2">
        <v>159.1</v>
      </c>
      <c r="Y24572" s="2">
        <v>7.6</v>
      </c>
      <c r="Z24572" s="2">
        <v>16.7</v>
      </c>
      <c r="AA24572" s="5"/>
      <c r="AB24572" s="5" t="s">
        <v>43</v>
      </c>
      <c r="AC24572" s="5" t="s">
        <v>44</v>
      </c>
      <c r="AD24572" s="2"/>
      <c r="AE24572" s="1"/>
    </row>
    <row r="24573" spans="1:31" ht="14.45">
      <c r="A24573" s="11"/>
      <c r="B24573" s="20"/>
      <c r="C24573" s="2" t="s">
        <v>78598</v>
      </c>
      <c r="D24573" s="14" t="s">
        <v>78599</v>
      </c>
      <c r="E24573" s="2" t="s">
        <v>78600</v>
      </c>
      <c r="F24573" s="2" t="s">
        <v>7567</v>
      </c>
      <c r="G24573" s="8">
        <v>296</v>
      </c>
      <c r="H24573" s="5">
        <v>6</v>
      </c>
      <c r="I24573" s="5" t="s">
        <v>1518</v>
      </c>
      <c r="J24573" s="5" t="s">
        <v>69038</v>
      </c>
      <c r="K24573" s="2" t="s">
        <v>69039</v>
      </c>
      <c r="L24573" s="5" t="s">
        <v>69038</v>
      </c>
      <c r="M24573" s="2" t="s">
        <v>69039</v>
      </c>
      <c r="N24573" s="5" t="s">
        <v>1521</v>
      </c>
      <c r="O24573" s="5" t="s">
        <v>38</v>
      </c>
      <c r="P24573" s="5" t="s">
        <v>39</v>
      </c>
      <c r="Q24573" s="5" t="s">
        <v>40</v>
      </c>
      <c r="R24573" s="5" t="s">
        <v>1522</v>
      </c>
      <c r="S24573" s="5" t="s">
        <v>1523</v>
      </c>
      <c r="T24573" s="5" t="s">
        <v>42</v>
      </c>
      <c r="U24573" s="2">
        <v>3.577</v>
      </c>
      <c r="V24573" s="2">
        <v>2.895</v>
      </c>
      <c r="W24573" s="2">
        <v>0.02</v>
      </c>
      <c r="X24573" s="2">
        <v>159.1</v>
      </c>
      <c r="Y24573" s="2">
        <v>7.6</v>
      </c>
      <c r="Z24573" s="2">
        <v>16.7</v>
      </c>
      <c r="AA24573" s="5"/>
      <c r="AB24573" s="5" t="s">
        <v>43</v>
      </c>
      <c r="AC24573" s="5" t="s">
        <v>44</v>
      </c>
      <c r="AD24573" s="2"/>
      <c r="AE24573" s="1"/>
    </row>
    <row r="24574" spans="1:31" ht="14.45">
      <c r="A24574" s="11"/>
      <c r="B24574" s="20"/>
      <c r="C24574" s="2" t="s">
        <v>78601</v>
      </c>
      <c r="D24574" s="14" t="s">
        <v>78602</v>
      </c>
      <c r="E24574" s="2" t="s">
        <v>78603</v>
      </c>
      <c r="F24574" s="2" t="s">
        <v>7555</v>
      </c>
      <c r="G24574" s="8">
        <v>296</v>
      </c>
      <c r="H24574" s="5">
        <v>6</v>
      </c>
      <c r="I24574" s="5" t="s">
        <v>1518</v>
      </c>
      <c r="J24574" s="5" t="s">
        <v>69038</v>
      </c>
      <c r="K24574" s="2" t="s">
        <v>69039</v>
      </c>
      <c r="L24574" s="5" t="s">
        <v>69038</v>
      </c>
      <c r="M24574" s="2" t="s">
        <v>69039</v>
      </c>
      <c r="N24574" s="5" t="s">
        <v>1521</v>
      </c>
      <c r="O24574" s="5" t="s">
        <v>38</v>
      </c>
      <c r="P24574" s="5" t="s">
        <v>39</v>
      </c>
      <c r="Q24574" s="5" t="s">
        <v>40</v>
      </c>
      <c r="R24574" s="5" t="s">
        <v>1522</v>
      </c>
      <c r="S24574" s="5" t="s">
        <v>1523</v>
      </c>
      <c r="T24574" s="5" t="s">
        <v>42</v>
      </c>
      <c r="U24574" s="2">
        <v>3.4630000000000001</v>
      </c>
      <c r="V24574" s="2">
        <v>2.7810000000000001</v>
      </c>
      <c r="W24574" s="2">
        <v>0.02</v>
      </c>
      <c r="X24574" s="2">
        <v>159.1</v>
      </c>
      <c r="Y24574" s="2">
        <v>7.6</v>
      </c>
      <c r="Z24574" s="2">
        <v>16.7</v>
      </c>
      <c r="AA24574" s="5"/>
      <c r="AB24574" s="5" t="s">
        <v>43</v>
      </c>
      <c r="AC24574" s="5" t="s">
        <v>44</v>
      </c>
      <c r="AD24574" s="2"/>
      <c r="AE24574" s="1"/>
    </row>
    <row r="24575" spans="1:31" ht="14.45">
      <c r="A24575" s="11"/>
      <c r="B24575" s="20"/>
      <c r="C24575" s="2" t="s">
        <v>78604</v>
      </c>
      <c r="D24575" s="14" t="s">
        <v>78605</v>
      </c>
      <c r="E24575" s="2" t="s">
        <v>78606</v>
      </c>
      <c r="F24575" s="2" t="s">
        <v>16079</v>
      </c>
      <c r="G24575" s="8">
        <v>296</v>
      </c>
      <c r="H24575" s="5">
        <v>6</v>
      </c>
      <c r="I24575" s="5" t="s">
        <v>1518</v>
      </c>
      <c r="J24575" s="5" t="s">
        <v>69038</v>
      </c>
      <c r="K24575" s="2" t="s">
        <v>69039</v>
      </c>
      <c r="L24575" s="5" t="s">
        <v>69038</v>
      </c>
      <c r="M24575" s="2" t="s">
        <v>69039</v>
      </c>
      <c r="N24575" s="5" t="s">
        <v>1521</v>
      </c>
      <c r="O24575" s="5" t="s">
        <v>38</v>
      </c>
      <c r="P24575" s="5" t="s">
        <v>39</v>
      </c>
      <c r="Q24575" s="5" t="s">
        <v>40</v>
      </c>
      <c r="R24575" s="5" t="s">
        <v>1522</v>
      </c>
      <c r="S24575" s="5" t="s">
        <v>1523</v>
      </c>
      <c r="T24575" s="5" t="s">
        <v>42</v>
      </c>
      <c r="U24575" s="2">
        <v>3.4630000000000001</v>
      </c>
      <c r="V24575" s="2">
        <v>2.7810000000000001</v>
      </c>
      <c r="W24575" s="2">
        <v>0.02</v>
      </c>
      <c r="X24575" s="2">
        <v>159.1</v>
      </c>
      <c r="Y24575" s="2">
        <v>7.6</v>
      </c>
      <c r="Z24575" s="2">
        <v>16.7</v>
      </c>
      <c r="AA24575" s="5"/>
      <c r="AB24575" s="5" t="s">
        <v>43</v>
      </c>
      <c r="AC24575" s="5" t="s">
        <v>44</v>
      </c>
      <c r="AD24575" s="2"/>
      <c r="AE24575" s="1"/>
    </row>
    <row r="24576" spans="1:31" ht="14.45">
      <c r="A24576" s="11"/>
      <c r="B24576" s="20"/>
      <c r="C24576" s="2" t="s">
        <v>78607</v>
      </c>
      <c r="D24576" s="14" t="s">
        <v>78608</v>
      </c>
      <c r="E24576" s="2" t="s">
        <v>78609</v>
      </c>
      <c r="F24576" s="2" t="s">
        <v>16194</v>
      </c>
      <c r="G24576" s="8">
        <v>296</v>
      </c>
      <c r="H24576" s="5">
        <v>6</v>
      </c>
      <c r="I24576" s="5" t="s">
        <v>1518</v>
      </c>
      <c r="J24576" s="5" t="s">
        <v>69038</v>
      </c>
      <c r="K24576" s="2" t="s">
        <v>69039</v>
      </c>
      <c r="L24576" s="5" t="s">
        <v>69038</v>
      </c>
      <c r="M24576" s="2" t="s">
        <v>69039</v>
      </c>
      <c r="N24576" s="5" t="s">
        <v>1521</v>
      </c>
      <c r="O24576" s="5" t="s">
        <v>38</v>
      </c>
      <c r="P24576" s="5" t="s">
        <v>39</v>
      </c>
      <c r="Q24576" s="5" t="s">
        <v>40</v>
      </c>
      <c r="R24576" s="5" t="s">
        <v>1522</v>
      </c>
      <c r="S24576" s="5" t="s">
        <v>1523</v>
      </c>
      <c r="T24576" s="5" t="s">
        <v>42</v>
      </c>
      <c r="U24576" s="2">
        <v>3.577</v>
      </c>
      <c r="V24576" s="2">
        <v>2.895</v>
      </c>
      <c r="W24576" s="2">
        <v>0.02</v>
      </c>
      <c r="X24576" s="2">
        <v>159.1</v>
      </c>
      <c r="Y24576" s="2">
        <v>7.6</v>
      </c>
      <c r="Z24576" s="2">
        <v>16.7</v>
      </c>
      <c r="AA24576" s="5"/>
      <c r="AB24576" s="5" t="s">
        <v>43</v>
      </c>
      <c r="AC24576" s="5" t="s">
        <v>44</v>
      </c>
      <c r="AD24576" s="2"/>
      <c r="AE24576" s="1"/>
    </row>
    <row r="24577" spans="1:31" ht="14.45">
      <c r="A24577" s="11"/>
      <c r="B24577" s="20"/>
      <c r="C24577" s="2" t="s">
        <v>78610</v>
      </c>
      <c r="D24577" s="14" t="s">
        <v>78611</v>
      </c>
      <c r="E24577" s="2" t="s">
        <v>78612</v>
      </c>
      <c r="F24577" s="2" t="s">
        <v>7449</v>
      </c>
      <c r="G24577" s="8">
        <v>296</v>
      </c>
      <c r="H24577" s="5">
        <v>6</v>
      </c>
      <c r="I24577" s="5" t="s">
        <v>1518</v>
      </c>
      <c r="J24577" s="5" t="s">
        <v>69038</v>
      </c>
      <c r="K24577" s="2" t="s">
        <v>69039</v>
      </c>
      <c r="L24577" s="5" t="s">
        <v>69038</v>
      </c>
      <c r="M24577" s="2" t="s">
        <v>69039</v>
      </c>
      <c r="N24577" s="5" t="s">
        <v>1521</v>
      </c>
      <c r="O24577" s="5" t="s">
        <v>38</v>
      </c>
      <c r="P24577" s="5" t="s">
        <v>39</v>
      </c>
      <c r="Q24577" s="5" t="s">
        <v>40</v>
      </c>
      <c r="R24577" s="5" t="s">
        <v>1522</v>
      </c>
      <c r="S24577" s="5" t="s">
        <v>1523</v>
      </c>
      <c r="T24577" s="5" t="s">
        <v>42</v>
      </c>
      <c r="U24577" s="2">
        <v>3.4630000000000001</v>
      </c>
      <c r="V24577" s="2">
        <v>2.7810000000000001</v>
      </c>
      <c r="W24577" s="2">
        <v>0.02</v>
      </c>
      <c r="X24577" s="2">
        <v>159.1</v>
      </c>
      <c r="Y24577" s="2">
        <v>7.6</v>
      </c>
      <c r="Z24577" s="2">
        <v>16.7</v>
      </c>
      <c r="AA24577" s="5"/>
      <c r="AB24577" s="5" t="s">
        <v>43</v>
      </c>
      <c r="AC24577" s="5" t="s">
        <v>44</v>
      </c>
      <c r="AD24577" s="2"/>
      <c r="AE24577" s="1"/>
    </row>
    <row r="24578" spans="1:31" ht="14.45">
      <c r="A24578" s="11"/>
      <c r="B24578" s="20"/>
      <c r="C24578" s="2" t="s">
        <v>78613</v>
      </c>
      <c r="D24578" s="14" t="s">
        <v>78614</v>
      </c>
      <c r="E24578" s="2" t="s">
        <v>78615</v>
      </c>
      <c r="F24578" s="2" t="s">
        <v>7581</v>
      </c>
      <c r="G24578" s="8">
        <v>296</v>
      </c>
      <c r="H24578" s="5">
        <v>6</v>
      </c>
      <c r="I24578" s="5" t="s">
        <v>1518</v>
      </c>
      <c r="J24578" s="5" t="s">
        <v>69038</v>
      </c>
      <c r="K24578" s="2" t="s">
        <v>69039</v>
      </c>
      <c r="L24578" s="5" t="s">
        <v>69038</v>
      </c>
      <c r="M24578" s="2" t="s">
        <v>69039</v>
      </c>
      <c r="N24578" s="5" t="s">
        <v>1521</v>
      </c>
      <c r="O24578" s="5" t="s">
        <v>38</v>
      </c>
      <c r="P24578" s="5" t="s">
        <v>39</v>
      </c>
      <c r="Q24578" s="5" t="s">
        <v>40</v>
      </c>
      <c r="R24578" s="5" t="s">
        <v>1522</v>
      </c>
      <c r="S24578" s="5" t="s">
        <v>1523</v>
      </c>
      <c r="T24578" s="5" t="s">
        <v>42</v>
      </c>
      <c r="U24578" s="2">
        <v>3.577</v>
      </c>
      <c r="V24578" s="2">
        <v>2.895</v>
      </c>
      <c r="W24578" s="2">
        <v>0.02</v>
      </c>
      <c r="X24578" s="2">
        <v>159.1</v>
      </c>
      <c r="Y24578" s="2">
        <v>7.6</v>
      </c>
      <c r="Z24578" s="2">
        <v>16.7</v>
      </c>
      <c r="AA24578" s="5"/>
      <c r="AB24578" s="5" t="s">
        <v>43</v>
      </c>
      <c r="AC24578" s="5" t="s">
        <v>44</v>
      </c>
      <c r="AD24578" s="2"/>
      <c r="AE24578" s="1"/>
    </row>
    <row r="24579" spans="1:31" ht="14.45">
      <c r="A24579" s="11"/>
      <c r="B24579" s="20"/>
      <c r="C24579" s="2" t="s">
        <v>78616</v>
      </c>
      <c r="D24579" s="14" t="s">
        <v>78617</v>
      </c>
      <c r="E24579" s="2" t="s">
        <v>78618</v>
      </c>
      <c r="F24579" s="2" t="s">
        <v>7585</v>
      </c>
      <c r="G24579" s="8">
        <v>296</v>
      </c>
      <c r="H24579" s="5">
        <v>6</v>
      </c>
      <c r="I24579" s="5" t="s">
        <v>1518</v>
      </c>
      <c r="J24579" s="5" t="s">
        <v>69038</v>
      </c>
      <c r="K24579" s="2" t="s">
        <v>69039</v>
      </c>
      <c r="L24579" s="5" t="s">
        <v>69038</v>
      </c>
      <c r="M24579" s="2" t="s">
        <v>69039</v>
      </c>
      <c r="N24579" s="5" t="s">
        <v>1521</v>
      </c>
      <c r="O24579" s="5" t="s">
        <v>38</v>
      </c>
      <c r="P24579" s="5" t="s">
        <v>39</v>
      </c>
      <c r="Q24579" s="5" t="s">
        <v>40</v>
      </c>
      <c r="R24579" s="5" t="s">
        <v>1522</v>
      </c>
      <c r="S24579" s="5" t="s">
        <v>1523</v>
      </c>
      <c r="T24579" s="5" t="s">
        <v>42</v>
      </c>
      <c r="U24579" s="2">
        <v>3.4630000000000001</v>
      </c>
      <c r="V24579" s="2">
        <v>2.7810000000000001</v>
      </c>
      <c r="W24579" s="2">
        <v>0.02</v>
      </c>
      <c r="X24579" s="2">
        <v>159.1</v>
      </c>
      <c r="Y24579" s="2">
        <v>7.6</v>
      </c>
      <c r="Z24579" s="2">
        <v>16.7</v>
      </c>
      <c r="AA24579" s="5"/>
      <c r="AB24579" s="5" t="s">
        <v>43</v>
      </c>
      <c r="AC24579" s="5" t="s">
        <v>44</v>
      </c>
      <c r="AD24579" s="2"/>
      <c r="AE24579" s="1"/>
    </row>
    <row r="24580" spans="1:31" ht="14.45">
      <c r="A24580" s="11"/>
      <c r="B24580" s="20"/>
      <c r="C24580" s="2" t="s">
        <v>78619</v>
      </c>
      <c r="D24580" s="14" t="s">
        <v>78620</v>
      </c>
      <c r="E24580" s="2" t="s">
        <v>78621</v>
      </c>
      <c r="F24580" s="2" t="s">
        <v>7589</v>
      </c>
      <c r="G24580" s="8">
        <v>296</v>
      </c>
      <c r="H24580" s="5">
        <v>6</v>
      </c>
      <c r="I24580" s="5" t="s">
        <v>1518</v>
      </c>
      <c r="J24580" s="5" t="s">
        <v>69038</v>
      </c>
      <c r="K24580" s="2" t="s">
        <v>69039</v>
      </c>
      <c r="L24580" s="5" t="s">
        <v>69038</v>
      </c>
      <c r="M24580" s="2" t="s">
        <v>69039</v>
      </c>
      <c r="N24580" s="5" t="s">
        <v>1521</v>
      </c>
      <c r="O24580" s="5" t="s">
        <v>38</v>
      </c>
      <c r="P24580" s="5" t="s">
        <v>39</v>
      </c>
      <c r="Q24580" s="5" t="s">
        <v>40</v>
      </c>
      <c r="R24580" s="5" t="s">
        <v>1522</v>
      </c>
      <c r="S24580" s="5" t="s">
        <v>1523</v>
      </c>
      <c r="T24580" s="5" t="s">
        <v>42</v>
      </c>
      <c r="U24580" s="2">
        <v>3.577</v>
      </c>
      <c r="V24580" s="2">
        <v>2.895</v>
      </c>
      <c r="W24580" s="2">
        <v>0.02</v>
      </c>
      <c r="X24580" s="2">
        <v>159.1</v>
      </c>
      <c r="Y24580" s="2">
        <v>7.6</v>
      </c>
      <c r="Z24580" s="2">
        <v>16.7</v>
      </c>
      <c r="AA24580" s="5"/>
      <c r="AB24580" s="5" t="s">
        <v>43</v>
      </c>
      <c r="AC24580" s="5" t="s">
        <v>44</v>
      </c>
      <c r="AD24580" s="2"/>
      <c r="AE24580" s="1"/>
    </row>
    <row r="24581" spans="1:31" ht="14.45">
      <c r="A24581" s="11"/>
      <c r="B24581" s="20"/>
      <c r="C24581" s="2" t="s">
        <v>78622</v>
      </c>
      <c r="D24581" s="14" t="s">
        <v>78623</v>
      </c>
      <c r="E24581" s="2" t="s">
        <v>78624</v>
      </c>
      <c r="F24581" s="2" t="s">
        <v>7597</v>
      </c>
      <c r="G24581" s="8">
        <v>296</v>
      </c>
      <c r="H24581" s="5">
        <v>6</v>
      </c>
      <c r="I24581" s="5" t="s">
        <v>1518</v>
      </c>
      <c r="J24581" s="5" t="s">
        <v>69038</v>
      </c>
      <c r="K24581" s="2" t="s">
        <v>69039</v>
      </c>
      <c r="L24581" s="5" t="s">
        <v>69038</v>
      </c>
      <c r="M24581" s="2" t="s">
        <v>69039</v>
      </c>
      <c r="N24581" s="5" t="s">
        <v>1521</v>
      </c>
      <c r="O24581" s="5" t="s">
        <v>38</v>
      </c>
      <c r="P24581" s="5" t="s">
        <v>39</v>
      </c>
      <c r="Q24581" s="5" t="s">
        <v>40</v>
      </c>
      <c r="R24581" s="5" t="s">
        <v>1522</v>
      </c>
      <c r="S24581" s="5" t="s">
        <v>1523</v>
      </c>
      <c r="T24581" s="5" t="s">
        <v>42</v>
      </c>
      <c r="U24581" s="2">
        <v>3.577</v>
      </c>
      <c r="V24581" s="2">
        <v>2.895</v>
      </c>
      <c r="W24581" s="2">
        <v>0.02</v>
      </c>
      <c r="X24581" s="2">
        <v>159.1</v>
      </c>
      <c r="Y24581" s="2">
        <v>7.6</v>
      </c>
      <c r="Z24581" s="2">
        <v>16.7</v>
      </c>
      <c r="AA24581" s="5"/>
      <c r="AB24581" s="5" t="s">
        <v>43</v>
      </c>
      <c r="AC24581" s="5" t="s">
        <v>44</v>
      </c>
      <c r="AD24581" s="2"/>
      <c r="AE24581" s="1"/>
    </row>
    <row r="24582" spans="1:31" ht="14.45">
      <c r="A24582" s="11"/>
      <c r="B24582" s="20"/>
      <c r="C24582" s="2" t="s">
        <v>78625</v>
      </c>
      <c r="D24582" s="14" t="s">
        <v>78626</v>
      </c>
      <c r="E24582" s="2" t="s">
        <v>78627</v>
      </c>
      <c r="F24582" s="2" t="s">
        <v>73358</v>
      </c>
      <c r="G24582" s="8">
        <v>296</v>
      </c>
      <c r="H24582" s="5">
        <v>6</v>
      </c>
      <c r="I24582" s="5" t="s">
        <v>1518</v>
      </c>
      <c r="J24582" s="5" t="s">
        <v>69038</v>
      </c>
      <c r="K24582" s="2" t="s">
        <v>69039</v>
      </c>
      <c r="L24582" s="5" t="s">
        <v>69038</v>
      </c>
      <c r="M24582" s="2" t="s">
        <v>69039</v>
      </c>
      <c r="N24582" s="5" t="s">
        <v>1521</v>
      </c>
      <c r="O24582" s="5" t="s">
        <v>38</v>
      </c>
      <c r="P24582" s="5" t="s">
        <v>39</v>
      </c>
      <c r="Q24582" s="5" t="s">
        <v>40</v>
      </c>
      <c r="R24582" s="5" t="s">
        <v>1522</v>
      </c>
      <c r="S24582" s="5" t="s">
        <v>1523</v>
      </c>
      <c r="T24582" s="5" t="s">
        <v>42</v>
      </c>
      <c r="U24582" s="2">
        <v>3.4630000000000001</v>
      </c>
      <c r="V24582" s="2">
        <v>2.7810000000000001</v>
      </c>
      <c r="W24582" s="2">
        <v>0.02</v>
      </c>
      <c r="X24582" s="2">
        <v>159.1</v>
      </c>
      <c r="Y24582" s="2">
        <v>7.6</v>
      </c>
      <c r="Z24582" s="2">
        <v>16.7</v>
      </c>
      <c r="AA24582" s="5"/>
      <c r="AB24582" s="5" t="s">
        <v>43</v>
      </c>
      <c r="AC24582" s="5" t="s">
        <v>44</v>
      </c>
      <c r="AD24582" s="2"/>
      <c r="AE24582" s="1"/>
    </row>
    <row r="24583" spans="1:31" ht="14.45">
      <c r="A24583" s="11"/>
      <c r="B24583" s="20"/>
      <c r="C24583" s="2" t="s">
        <v>78628</v>
      </c>
      <c r="D24583" s="14" t="s">
        <v>78629</v>
      </c>
      <c r="E24583" s="2" t="s">
        <v>78630</v>
      </c>
      <c r="F24583" s="2" t="s">
        <v>73362</v>
      </c>
      <c r="G24583" s="8">
        <v>296</v>
      </c>
      <c r="H24583" s="5">
        <v>6</v>
      </c>
      <c r="I24583" s="5" t="s">
        <v>1518</v>
      </c>
      <c r="J24583" s="5" t="s">
        <v>69038</v>
      </c>
      <c r="K24583" s="2" t="s">
        <v>69039</v>
      </c>
      <c r="L24583" s="5" t="s">
        <v>69038</v>
      </c>
      <c r="M24583" s="2" t="s">
        <v>69039</v>
      </c>
      <c r="N24583" s="5" t="s">
        <v>1521</v>
      </c>
      <c r="O24583" s="5" t="s">
        <v>38</v>
      </c>
      <c r="P24583" s="5" t="s">
        <v>39</v>
      </c>
      <c r="Q24583" s="5" t="s">
        <v>40</v>
      </c>
      <c r="R24583" s="5" t="s">
        <v>1522</v>
      </c>
      <c r="S24583" s="5" t="s">
        <v>1523</v>
      </c>
      <c r="T24583" s="5" t="s">
        <v>42</v>
      </c>
      <c r="U24583" s="2">
        <v>3.577</v>
      </c>
      <c r="V24583" s="2">
        <v>2.895</v>
      </c>
      <c r="W24583" s="2">
        <v>0.02</v>
      </c>
      <c r="X24583" s="2">
        <v>159.1</v>
      </c>
      <c r="Y24583" s="2">
        <v>7.6</v>
      </c>
      <c r="Z24583" s="2">
        <v>16.7</v>
      </c>
      <c r="AA24583" s="5"/>
      <c r="AB24583" s="5" t="s">
        <v>43</v>
      </c>
      <c r="AC24583" s="5" t="s">
        <v>44</v>
      </c>
      <c r="AD24583" s="2"/>
      <c r="AE24583" s="1"/>
    </row>
    <row r="24584" spans="1:31" ht="14.45">
      <c r="A24584" s="11"/>
      <c r="B24584" s="20"/>
      <c r="C24584" s="2" t="s">
        <v>78631</v>
      </c>
      <c r="D24584" s="14" t="s">
        <v>78632</v>
      </c>
      <c r="E24584" s="2" t="s">
        <v>78633</v>
      </c>
      <c r="F24584" s="2" t="s">
        <v>7615</v>
      </c>
      <c r="G24584" s="8">
        <v>296</v>
      </c>
      <c r="H24584" s="5">
        <v>6</v>
      </c>
      <c r="I24584" s="5" t="s">
        <v>1518</v>
      </c>
      <c r="J24584" s="5" t="s">
        <v>69038</v>
      </c>
      <c r="K24584" s="2" t="s">
        <v>69039</v>
      </c>
      <c r="L24584" s="5" t="s">
        <v>69038</v>
      </c>
      <c r="M24584" s="2" t="s">
        <v>69039</v>
      </c>
      <c r="N24584" s="5" t="s">
        <v>1521</v>
      </c>
      <c r="O24584" s="5" t="s">
        <v>38</v>
      </c>
      <c r="P24584" s="5" t="s">
        <v>39</v>
      </c>
      <c r="Q24584" s="5" t="s">
        <v>40</v>
      </c>
      <c r="R24584" s="5" t="s">
        <v>1522</v>
      </c>
      <c r="S24584" s="5" t="s">
        <v>1523</v>
      </c>
      <c r="T24584" s="5" t="s">
        <v>42</v>
      </c>
      <c r="U24584" s="2">
        <v>3.4630000000000001</v>
      </c>
      <c r="V24584" s="2">
        <v>2.7810000000000001</v>
      </c>
      <c r="W24584" s="2">
        <v>0.02</v>
      </c>
      <c r="X24584" s="2">
        <v>159.1</v>
      </c>
      <c r="Y24584" s="2">
        <v>7.6</v>
      </c>
      <c r="Z24584" s="2">
        <v>16.7</v>
      </c>
      <c r="AA24584" s="5"/>
      <c r="AB24584" s="5" t="s">
        <v>43</v>
      </c>
      <c r="AC24584" s="5" t="s">
        <v>44</v>
      </c>
      <c r="AD24584" s="2"/>
      <c r="AE24584" s="1"/>
    </row>
    <row r="24585" spans="1:31" ht="14.45">
      <c r="A24585" s="11"/>
      <c r="B24585" s="20"/>
      <c r="C24585" s="2" t="s">
        <v>78634</v>
      </c>
      <c r="D24585" s="14" t="s">
        <v>78635</v>
      </c>
      <c r="E24585" s="2" t="s">
        <v>78636</v>
      </c>
      <c r="F24585" s="2" t="s">
        <v>7619</v>
      </c>
      <c r="G24585" s="8">
        <v>296</v>
      </c>
      <c r="H24585" s="5">
        <v>6</v>
      </c>
      <c r="I24585" s="5" t="s">
        <v>1518</v>
      </c>
      <c r="J24585" s="5" t="s">
        <v>69038</v>
      </c>
      <c r="K24585" s="2" t="s">
        <v>69039</v>
      </c>
      <c r="L24585" s="5" t="s">
        <v>69038</v>
      </c>
      <c r="M24585" s="2" t="s">
        <v>69039</v>
      </c>
      <c r="N24585" s="5" t="s">
        <v>1521</v>
      </c>
      <c r="O24585" s="5" t="s">
        <v>38</v>
      </c>
      <c r="P24585" s="5" t="s">
        <v>39</v>
      </c>
      <c r="Q24585" s="5" t="s">
        <v>40</v>
      </c>
      <c r="R24585" s="5" t="s">
        <v>1522</v>
      </c>
      <c r="S24585" s="5" t="s">
        <v>1523</v>
      </c>
      <c r="T24585" s="5" t="s">
        <v>42</v>
      </c>
      <c r="U24585" s="2">
        <v>3.577</v>
      </c>
      <c r="V24585" s="2">
        <v>2.895</v>
      </c>
      <c r="W24585" s="2">
        <v>0.02</v>
      </c>
      <c r="X24585" s="2">
        <v>159.1</v>
      </c>
      <c r="Y24585" s="2">
        <v>7.6</v>
      </c>
      <c r="Z24585" s="2">
        <v>16.7</v>
      </c>
      <c r="AA24585" s="5"/>
      <c r="AB24585" s="5" t="s">
        <v>43</v>
      </c>
      <c r="AC24585" s="5" t="s">
        <v>44</v>
      </c>
      <c r="AD24585" s="2"/>
      <c r="AE24585" s="1"/>
    </row>
    <row r="24586" spans="1:31" ht="14.45">
      <c r="A24586" s="11"/>
      <c r="B24586" s="20"/>
      <c r="C24586" s="2" t="s">
        <v>78637</v>
      </c>
      <c r="D24586" s="14" t="s">
        <v>78638</v>
      </c>
      <c r="E24586" s="2" t="s">
        <v>78639</v>
      </c>
      <c r="F24586" s="2" t="s">
        <v>16219</v>
      </c>
      <c r="G24586" s="8">
        <v>296</v>
      </c>
      <c r="H24586" s="5">
        <v>6</v>
      </c>
      <c r="I24586" s="5" t="s">
        <v>1518</v>
      </c>
      <c r="J24586" s="5" t="s">
        <v>69038</v>
      </c>
      <c r="K24586" s="2" t="s">
        <v>69039</v>
      </c>
      <c r="L24586" s="5" t="s">
        <v>69038</v>
      </c>
      <c r="M24586" s="2" t="s">
        <v>69039</v>
      </c>
      <c r="N24586" s="5" t="s">
        <v>1521</v>
      </c>
      <c r="O24586" s="5" t="s">
        <v>38</v>
      </c>
      <c r="P24586" s="5" t="s">
        <v>39</v>
      </c>
      <c r="Q24586" s="5" t="s">
        <v>40</v>
      </c>
      <c r="R24586" s="5" t="s">
        <v>1522</v>
      </c>
      <c r="S24586" s="5" t="s">
        <v>1523</v>
      </c>
      <c r="T24586" s="5" t="s">
        <v>42</v>
      </c>
      <c r="U24586" s="2">
        <v>3.577</v>
      </c>
      <c r="V24586" s="2">
        <v>2.895</v>
      </c>
      <c r="W24586" s="2">
        <v>0.02</v>
      </c>
      <c r="X24586" s="2">
        <v>159.1</v>
      </c>
      <c r="Y24586" s="2">
        <v>7.6</v>
      </c>
      <c r="Z24586" s="2">
        <v>16.7</v>
      </c>
      <c r="AA24586" s="5"/>
      <c r="AB24586" s="5" t="s">
        <v>43</v>
      </c>
      <c r="AC24586" s="5" t="s">
        <v>44</v>
      </c>
      <c r="AD24586" s="2"/>
      <c r="AE24586" s="1"/>
    </row>
    <row r="24587" spans="1:31" ht="14.45">
      <c r="A24587" s="11"/>
      <c r="B24587" s="20"/>
      <c r="C24587" s="2" t="s">
        <v>78640</v>
      </c>
      <c r="D24587" s="14" t="s">
        <v>78641</v>
      </c>
      <c r="E24587" s="2" t="s">
        <v>78642</v>
      </c>
      <c r="F24587" s="2" t="s">
        <v>7212</v>
      </c>
      <c r="G24587" s="8">
        <v>275</v>
      </c>
      <c r="H24587" s="5">
        <v>6</v>
      </c>
      <c r="I24587" s="5" t="s">
        <v>1518</v>
      </c>
      <c r="J24587" s="5" t="s">
        <v>69038</v>
      </c>
      <c r="K24587" s="2" t="s">
        <v>69039</v>
      </c>
      <c r="L24587" s="5" t="s">
        <v>69038</v>
      </c>
      <c r="M24587" s="2" t="s">
        <v>69039</v>
      </c>
      <c r="N24587" s="5" t="s">
        <v>1521</v>
      </c>
      <c r="O24587" s="5" t="s">
        <v>38</v>
      </c>
      <c r="P24587" s="5" t="s">
        <v>39</v>
      </c>
      <c r="Q24587" s="5" t="s">
        <v>40</v>
      </c>
      <c r="R24587" s="5" t="s">
        <v>1522</v>
      </c>
      <c r="S24587" s="5" t="s">
        <v>1523</v>
      </c>
      <c r="T24587" s="5" t="s">
        <v>42</v>
      </c>
      <c r="U24587" s="2">
        <v>3.4630000000000001</v>
      </c>
      <c r="V24587" s="2">
        <v>2.7810000000000001</v>
      </c>
      <c r="W24587" s="2">
        <v>0.02</v>
      </c>
      <c r="X24587" s="2">
        <v>159.1</v>
      </c>
      <c r="Y24587" s="2">
        <v>7.6</v>
      </c>
      <c r="Z24587" s="2">
        <v>16.7</v>
      </c>
      <c r="AA24587" s="5"/>
      <c r="AB24587" s="5" t="s">
        <v>43</v>
      </c>
      <c r="AC24587" s="5" t="s">
        <v>44</v>
      </c>
      <c r="AD24587" s="2"/>
      <c r="AE24587" s="1"/>
    </row>
    <row r="24588" spans="1:31" ht="14.45">
      <c r="A24588" s="11"/>
      <c r="B24588" s="20"/>
      <c r="C24588" s="2" t="s">
        <v>78643</v>
      </c>
      <c r="D24588" s="14" t="s">
        <v>78644</v>
      </c>
      <c r="E24588" s="2" t="s">
        <v>78645</v>
      </c>
      <c r="F24588" s="2" t="s">
        <v>7528</v>
      </c>
      <c r="G24588" s="8">
        <v>275</v>
      </c>
      <c r="H24588" s="5">
        <v>6</v>
      </c>
      <c r="I24588" s="5" t="s">
        <v>1518</v>
      </c>
      <c r="J24588" s="5" t="s">
        <v>69038</v>
      </c>
      <c r="K24588" s="2" t="s">
        <v>69039</v>
      </c>
      <c r="L24588" s="5" t="s">
        <v>69038</v>
      </c>
      <c r="M24588" s="2" t="s">
        <v>69039</v>
      </c>
      <c r="N24588" s="5" t="s">
        <v>1521</v>
      </c>
      <c r="O24588" s="5" t="s">
        <v>38</v>
      </c>
      <c r="P24588" s="5" t="s">
        <v>39</v>
      </c>
      <c r="Q24588" s="5" t="s">
        <v>40</v>
      </c>
      <c r="R24588" s="5" t="s">
        <v>1522</v>
      </c>
      <c r="S24588" s="5" t="s">
        <v>1523</v>
      </c>
      <c r="T24588" s="5" t="s">
        <v>42</v>
      </c>
      <c r="U24588" s="2">
        <v>3.577</v>
      </c>
      <c r="V24588" s="2">
        <v>2.895</v>
      </c>
      <c r="W24588" s="2">
        <v>0.02</v>
      </c>
      <c r="X24588" s="2">
        <v>159.1</v>
      </c>
      <c r="Y24588" s="2">
        <v>7.6</v>
      </c>
      <c r="Z24588" s="2">
        <v>16.7</v>
      </c>
      <c r="AA24588" s="5"/>
      <c r="AB24588" s="5" t="s">
        <v>43</v>
      </c>
      <c r="AC24588" s="5" t="s">
        <v>44</v>
      </c>
      <c r="AD24588" s="2"/>
      <c r="AE24588" s="1"/>
    </row>
    <row r="24589" spans="1:31" ht="14.45">
      <c r="A24589" s="11"/>
      <c r="B24589" s="20"/>
      <c r="C24589" s="2" t="s">
        <v>78646</v>
      </c>
      <c r="D24589" s="14" t="s">
        <v>78647</v>
      </c>
      <c r="E24589" s="2" t="s">
        <v>78648</v>
      </c>
      <c r="F24589" s="2" t="s">
        <v>16029</v>
      </c>
      <c r="G24589" s="8">
        <v>296</v>
      </c>
      <c r="H24589" s="5">
        <v>6</v>
      </c>
      <c r="I24589" s="5" t="s">
        <v>1518</v>
      </c>
      <c r="J24589" s="5" t="s">
        <v>69038</v>
      </c>
      <c r="K24589" s="2" t="s">
        <v>69039</v>
      </c>
      <c r="L24589" s="5" t="s">
        <v>69038</v>
      </c>
      <c r="M24589" s="2" t="s">
        <v>69039</v>
      </c>
      <c r="N24589" s="5" t="s">
        <v>1521</v>
      </c>
      <c r="O24589" s="5" t="s">
        <v>38</v>
      </c>
      <c r="P24589" s="5" t="s">
        <v>39</v>
      </c>
      <c r="Q24589" s="5" t="s">
        <v>40</v>
      </c>
      <c r="R24589" s="5" t="s">
        <v>1522</v>
      </c>
      <c r="S24589" s="5" t="s">
        <v>1523</v>
      </c>
      <c r="T24589" s="5" t="s">
        <v>42</v>
      </c>
      <c r="U24589" s="2">
        <v>3.4649999999999999</v>
      </c>
      <c r="V24589" s="2">
        <v>2.7829999999999999</v>
      </c>
      <c r="W24589" s="2">
        <v>0.02</v>
      </c>
      <c r="X24589" s="2">
        <v>159.1</v>
      </c>
      <c r="Y24589" s="2">
        <v>7.6</v>
      </c>
      <c r="Z24589" s="2">
        <v>16.7</v>
      </c>
      <c r="AA24589" s="5"/>
      <c r="AB24589" s="5" t="s">
        <v>43</v>
      </c>
      <c r="AC24589" s="5" t="s">
        <v>44</v>
      </c>
      <c r="AD24589" s="2"/>
      <c r="AE24589" s="1"/>
    </row>
    <row r="24590" spans="1:31" ht="14.45">
      <c r="A24590" s="11"/>
      <c r="B24590" s="20"/>
      <c r="C24590" s="2" t="s">
        <v>78649</v>
      </c>
      <c r="D24590" s="14" t="s">
        <v>78650</v>
      </c>
      <c r="E24590" s="2" t="s">
        <v>78651</v>
      </c>
      <c r="F24590" s="2" t="s">
        <v>16033</v>
      </c>
      <c r="G24590" s="8">
        <v>296</v>
      </c>
      <c r="H24590" s="5">
        <v>6</v>
      </c>
      <c r="I24590" s="5" t="s">
        <v>1518</v>
      </c>
      <c r="J24590" s="5" t="s">
        <v>69038</v>
      </c>
      <c r="K24590" s="2" t="s">
        <v>69039</v>
      </c>
      <c r="L24590" s="5" t="s">
        <v>69038</v>
      </c>
      <c r="M24590" s="2" t="s">
        <v>69039</v>
      </c>
      <c r="N24590" s="5" t="s">
        <v>1521</v>
      </c>
      <c r="O24590" s="5" t="s">
        <v>38</v>
      </c>
      <c r="P24590" s="5" t="s">
        <v>39</v>
      </c>
      <c r="Q24590" s="5" t="s">
        <v>40</v>
      </c>
      <c r="R24590" s="5" t="s">
        <v>1522</v>
      </c>
      <c r="S24590" s="5" t="s">
        <v>1523</v>
      </c>
      <c r="T24590" s="5" t="s">
        <v>42</v>
      </c>
      <c r="U24590" s="2">
        <v>3.5790000000000002</v>
      </c>
      <c r="V24590" s="2">
        <v>2.8969999999999998</v>
      </c>
      <c r="W24590" s="2">
        <v>0.02</v>
      </c>
      <c r="X24590" s="2">
        <v>159.1</v>
      </c>
      <c r="Y24590" s="2">
        <v>7.6</v>
      </c>
      <c r="Z24590" s="2">
        <v>16.7</v>
      </c>
      <c r="AA24590" s="5"/>
      <c r="AB24590" s="5" t="s">
        <v>43</v>
      </c>
      <c r="AC24590" s="5" t="s">
        <v>44</v>
      </c>
      <c r="AD24590" s="2"/>
      <c r="AE24590" s="1"/>
    </row>
    <row r="24591" spans="1:31" ht="14.45">
      <c r="A24591" s="11"/>
      <c r="B24591" s="20"/>
      <c r="C24591" s="2" t="s">
        <v>78652</v>
      </c>
      <c r="D24591" s="14" t="s">
        <v>78653</v>
      </c>
      <c r="E24591" s="2" t="s">
        <v>78654</v>
      </c>
      <c r="F24591" s="2" t="s">
        <v>7204</v>
      </c>
      <c r="G24591" s="8">
        <v>270</v>
      </c>
      <c r="H24591" s="5">
        <v>6</v>
      </c>
      <c r="I24591" s="5" t="s">
        <v>1518</v>
      </c>
      <c r="J24591" s="5" t="s">
        <v>69038</v>
      </c>
      <c r="K24591" s="2" t="s">
        <v>69039</v>
      </c>
      <c r="L24591" s="5" t="s">
        <v>69038</v>
      </c>
      <c r="M24591" s="2" t="s">
        <v>69039</v>
      </c>
      <c r="N24591" s="5" t="s">
        <v>1521</v>
      </c>
      <c r="O24591" s="5" t="s">
        <v>38</v>
      </c>
      <c r="P24591" s="5" t="s">
        <v>39</v>
      </c>
      <c r="Q24591" s="5" t="s">
        <v>40</v>
      </c>
      <c r="R24591" s="5" t="s">
        <v>1522</v>
      </c>
      <c r="S24591" s="5" t="s">
        <v>1523</v>
      </c>
      <c r="T24591" s="5" t="s">
        <v>42</v>
      </c>
      <c r="U24591" s="2">
        <v>3.11</v>
      </c>
      <c r="V24591" s="2">
        <v>2.512</v>
      </c>
      <c r="W24591" s="2">
        <v>1.7999999999999999E-2</v>
      </c>
      <c r="X24591" s="2">
        <v>139.1</v>
      </c>
      <c r="Y24591" s="2">
        <v>7.6</v>
      </c>
      <c r="Z24591" s="2">
        <v>16.7</v>
      </c>
      <c r="AA24591" s="5"/>
      <c r="AB24591" s="5" t="s">
        <v>43</v>
      </c>
      <c r="AC24591" s="5" t="s">
        <v>44</v>
      </c>
      <c r="AD24591" s="2"/>
      <c r="AE24591" s="1"/>
    </row>
    <row r="24592" spans="1:31" ht="14.45">
      <c r="A24592" s="11"/>
      <c r="B24592" s="20"/>
      <c r="C24592" s="2" t="s">
        <v>78655</v>
      </c>
      <c r="D24592" s="14" t="s">
        <v>78656</v>
      </c>
      <c r="E24592" s="2" t="s">
        <v>78657</v>
      </c>
      <c r="F24592" s="2" t="s">
        <v>7514</v>
      </c>
      <c r="G24592" s="8">
        <v>270</v>
      </c>
      <c r="H24592" s="5">
        <v>6</v>
      </c>
      <c r="I24592" s="5" t="s">
        <v>1518</v>
      </c>
      <c r="J24592" s="5" t="s">
        <v>69038</v>
      </c>
      <c r="K24592" s="2" t="s">
        <v>69039</v>
      </c>
      <c r="L24592" s="5" t="s">
        <v>69038</v>
      </c>
      <c r="M24592" s="2" t="s">
        <v>69039</v>
      </c>
      <c r="N24592" s="5" t="s">
        <v>1521</v>
      </c>
      <c r="O24592" s="5" t="s">
        <v>38</v>
      </c>
      <c r="P24592" s="5" t="s">
        <v>39</v>
      </c>
      <c r="Q24592" s="5" t="s">
        <v>40</v>
      </c>
      <c r="R24592" s="5" t="s">
        <v>1522</v>
      </c>
      <c r="S24592" s="5" t="s">
        <v>1523</v>
      </c>
      <c r="T24592" s="5" t="s">
        <v>42</v>
      </c>
      <c r="U24592" s="2">
        <v>3.1949999999999998</v>
      </c>
      <c r="V24592" s="2">
        <v>2.597</v>
      </c>
      <c r="W24592" s="2">
        <v>1.7999999999999999E-2</v>
      </c>
      <c r="X24592" s="2">
        <v>139.1</v>
      </c>
      <c r="Y24592" s="2">
        <v>7.6</v>
      </c>
      <c r="Z24592" s="2">
        <v>16.7</v>
      </c>
      <c r="AA24592" s="5"/>
      <c r="AB24592" s="5" t="s">
        <v>43</v>
      </c>
      <c r="AC24592" s="5" t="s">
        <v>44</v>
      </c>
      <c r="AD24592" s="2"/>
      <c r="AE24592" s="1"/>
    </row>
    <row r="24593" spans="1:31" ht="14.45">
      <c r="A24593" s="11"/>
      <c r="B24593" s="20"/>
      <c r="C24593" s="2" t="s">
        <v>78658</v>
      </c>
      <c r="D24593" s="14" t="s">
        <v>78659</v>
      </c>
      <c r="E24593" s="2" t="s">
        <v>78660</v>
      </c>
      <c r="F24593" s="2" t="s">
        <v>7521</v>
      </c>
      <c r="G24593" s="8">
        <v>270</v>
      </c>
      <c r="H24593" s="5">
        <v>6</v>
      </c>
      <c r="I24593" s="5" t="s">
        <v>1518</v>
      </c>
      <c r="J24593" s="5" t="s">
        <v>69038</v>
      </c>
      <c r="K24593" s="2" t="s">
        <v>69039</v>
      </c>
      <c r="L24593" s="5" t="s">
        <v>69038</v>
      </c>
      <c r="M24593" s="2" t="s">
        <v>69039</v>
      </c>
      <c r="N24593" s="5" t="s">
        <v>1521</v>
      </c>
      <c r="O24593" s="5" t="s">
        <v>38</v>
      </c>
      <c r="P24593" s="5" t="s">
        <v>39</v>
      </c>
      <c r="Q24593" s="5" t="s">
        <v>40</v>
      </c>
      <c r="R24593" s="5" t="s">
        <v>1522</v>
      </c>
      <c r="S24593" s="5" t="s">
        <v>1523</v>
      </c>
      <c r="T24593" s="5" t="s">
        <v>42</v>
      </c>
      <c r="U24593" s="2">
        <v>3.1949999999999998</v>
      </c>
      <c r="V24593" s="2">
        <v>2.597</v>
      </c>
      <c r="W24593" s="2">
        <v>1.7999999999999999E-2</v>
      </c>
      <c r="X24593" s="2">
        <v>139.1</v>
      </c>
      <c r="Y24593" s="2">
        <v>7.6</v>
      </c>
      <c r="Z24593" s="2">
        <v>16.7</v>
      </c>
      <c r="AA24593" s="5"/>
      <c r="AB24593" s="5" t="s">
        <v>43</v>
      </c>
      <c r="AC24593" s="5" t="s">
        <v>44</v>
      </c>
      <c r="AD24593" s="2"/>
      <c r="AE24593" s="1"/>
    </row>
    <row r="24594" spans="1:31" ht="14.45">
      <c r="A24594" s="11"/>
      <c r="B24594" s="20"/>
      <c r="C24594" s="2" t="s">
        <v>78661</v>
      </c>
      <c r="D24594" s="14" t="s">
        <v>78662</v>
      </c>
      <c r="E24594" s="2" t="s">
        <v>78663</v>
      </c>
      <c r="F24594" s="2" t="s">
        <v>7406</v>
      </c>
      <c r="G24594" s="8">
        <v>291</v>
      </c>
      <c r="H24594" s="5">
        <v>6</v>
      </c>
      <c r="I24594" s="5" t="s">
        <v>1518</v>
      </c>
      <c r="J24594" s="5" t="s">
        <v>69038</v>
      </c>
      <c r="K24594" s="2" t="s">
        <v>69039</v>
      </c>
      <c r="L24594" s="5" t="s">
        <v>69038</v>
      </c>
      <c r="M24594" s="2" t="s">
        <v>69039</v>
      </c>
      <c r="N24594" s="5" t="s">
        <v>1521</v>
      </c>
      <c r="O24594" s="5" t="s">
        <v>38</v>
      </c>
      <c r="P24594" s="5" t="s">
        <v>39</v>
      </c>
      <c r="Q24594" s="5" t="s">
        <v>40</v>
      </c>
      <c r="R24594" s="5" t="s">
        <v>1522</v>
      </c>
      <c r="S24594" s="5" t="s">
        <v>1523</v>
      </c>
      <c r="T24594" s="5" t="s">
        <v>42</v>
      </c>
      <c r="U24594" s="2">
        <v>3.11</v>
      </c>
      <c r="V24594" s="2">
        <v>2.512</v>
      </c>
      <c r="W24594" s="2">
        <v>1.7999999999999999E-2</v>
      </c>
      <c r="X24594" s="2">
        <v>139.1</v>
      </c>
      <c r="Y24594" s="2">
        <v>7.6</v>
      </c>
      <c r="Z24594" s="2">
        <v>16.7</v>
      </c>
      <c r="AA24594" s="5"/>
      <c r="AB24594" s="5" t="s">
        <v>43</v>
      </c>
      <c r="AC24594" s="5" t="s">
        <v>44</v>
      </c>
      <c r="AD24594" s="2"/>
      <c r="AE24594" s="1"/>
    </row>
    <row r="24595" spans="1:31" ht="14.45">
      <c r="A24595" s="11"/>
      <c r="B24595" s="20"/>
      <c r="C24595" s="2" t="s">
        <v>78664</v>
      </c>
      <c r="D24595" s="14" t="s">
        <v>78665</v>
      </c>
      <c r="E24595" s="2" t="s">
        <v>78666</v>
      </c>
      <c r="F24595" s="2" t="s">
        <v>7539</v>
      </c>
      <c r="G24595" s="8">
        <v>291</v>
      </c>
      <c r="H24595" s="5">
        <v>6</v>
      </c>
      <c r="I24595" s="5" t="s">
        <v>1518</v>
      </c>
      <c r="J24595" s="5" t="s">
        <v>69038</v>
      </c>
      <c r="K24595" s="2" t="s">
        <v>69039</v>
      </c>
      <c r="L24595" s="5" t="s">
        <v>69038</v>
      </c>
      <c r="M24595" s="2" t="s">
        <v>69039</v>
      </c>
      <c r="N24595" s="5" t="s">
        <v>1521</v>
      </c>
      <c r="O24595" s="5" t="s">
        <v>38</v>
      </c>
      <c r="P24595" s="5" t="s">
        <v>39</v>
      </c>
      <c r="Q24595" s="5" t="s">
        <v>40</v>
      </c>
      <c r="R24595" s="5" t="s">
        <v>1522</v>
      </c>
      <c r="S24595" s="5" t="s">
        <v>1523</v>
      </c>
      <c r="T24595" s="5" t="s">
        <v>42</v>
      </c>
      <c r="U24595" s="2">
        <v>3.11</v>
      </c>
      <c r="V24595" s="2">
        <v>2.512</v>
      </c>
      <c r="W24595" s="2">
        <v>1.7999999999999999E-2</v>
      </c>
      <c r="X24595" s="2">
        <v>139.1</v>
      </c>
      <c r="Y24595" s="2">
        <v>7.6</v>
      </c>
      <c r="Z24595" s="2">
        <v>16.7</v>
      </c>
      <c r="AA24595" s="5"/>
      <c r="AB24595" s="5" t="s">
        <v>43</v>
      </c>
      <c r="AC24595" s="5" t="s">
        <v>44</v>
      </c>
      <c r="AD24595" s="2"/>
      <c r="AE24595" s="1"/>
    </row>
    <row r="24596" spans="1:31" ht="14.45">
      <c r="A24596" s="11"/>
      <c r="B24596" s="20"/>
      <c r="C24596" s="2" t="s">
        <v>78667</v>
      </c>
      <c r="D24596" s="14" t="s">
        <v>78668</v>
      </c>
      <c r="E24596" s="2" t="s">
        <v>78669</v>
      </c>
      <c r="F24596" s="2" t="s">
        <v>7543</v>
      </c>
      <c r="G24596" s="8">
        <v>291</v>
      </c>
      <c r="H24596" s="5">
        <v>6</v>
      </c>
      <c r="I24596" s="5" t="s">
        <v>1518</v>
      </c>
      <c r="J24596" s="5" t="s">
        <v>69038</v>
      </c>
      <c r="K24596" s="2" t="s">
        <v>69039</v>
      </c>
      <c r="L24596" s="5" t="s">
        <v>69038</v>
      </c>
      <c r="M24596" s="2" t="s">
        <v>69039</v>
      </c>
      <c r="N24596" s="5" t="s">
        <v>1521</v>
      </c>
      <c r="O24596" s="5" t="s">
        <v>38</v>
      </c>
      <c r="P24596" s="5" t="s">
        <v>39</v>
      </c>
      <c r="Q24596" s="5" t="s">
        <v>40</v>
      </c>
      <c r="R24596" s="5" t="s">
        <v>1522</v>
      </c>
      <c r="S24596" s="5" t="s">
        <v>1523</v>
      </c>
      <c r="T24596" s="5" t="s">
        <v>42</v>
      </c>
      <c r="U24596" s="2">
        <v>3.1949999999999998</v>
      </c>
      <c r="V24596" s="2">
        <v>2.597</v>
      </c>
      <c r="W24596" s="2">
        <v>1.7999999999999999E-2</v>
      </c>
      <c r="X24596" s="2">
        <v>139.1</v>
      </c>
      <c r="Y24596" s="2">
        <v>7.6</v>
      </c>
      <c r="Z24596" s="2">
        <v>16.7</v>
      </c>
      <c r="AA24596" s="5"/>
      <c r="AB24596" s="5" t="s">
        <v>43</v>
      </c>
      <c r="AC24596" s="5" t="s">
        <v>44</v>
      </c>
      <c r="AD24596" s="2"/>
      <c r="AE24596" s="1"/>
    </row>
    <row r="24597" spans="1:31" ht="14.45">
      <c r="A24597" s="11"/>
      <c r="B24597" s="20"/>
      <c r="C24597" s="2" t="s">
        <v>78670</v>
      </c>
      <c r="D24597" s="14" t="s">
        <v>78671</v>
      </c>
      <c r="E24597" s="2" t="s">
        <v>78672</v>
      </c>
      <c r="F24597" s="2" t="s">
        <v>7396</v>
      </c>
      <c r="G24597" s="8">
        <v>270</v>
      </c>
      <c r="H24597" s="5">
        <v>6</v>
      </c>
      <c r="I24597" s="5" t="s">
        <v>1518</v>
      </c>
      <c r="J24597" s="5" t="s">
        <v>69038</v>
      </c>
      <c r="K24597" s="2" t="s">
        <v>69039</v>
      </c>
      <c r="L24597" s="5" t="s">
        <v>69038</v>
      </c>
      <c r="M24597" s="2" t="s">
        <v>69039</v>
      </c>
      <c r="N24597" s="5" t="s">
        <v>1521</v>
      </c>
      <c r="O24597" s="5" t="s">
        <v>38</v>
      </c>
      <c r="P24597" s="5" t="s">
        <v>39</v>
      </c>
      <c r="Q24597" s="5" t="s">
        <v>40</v>
      </c>
      <c r="R24597" s="5" t="s">
        <v>1522</v>
      </c>
      <c r="S24597" s="5" t="s">
        <v>1523</v>
      </c>
      <c r="T24597" s="5" t="s">
        <v>42</v>
      </c>
      <c r="U24597" s="2">
        <v>3.11</v>
      </c>
      <c r="V24597" s="2">
        <v>2.512</v>
      </c>
      <c r="W24597" s="2">
        <v>1.7999999999999999E-2</v>
      </c>
      <c r="X24597" s="2">
        <v>139.1</v>
      </c>
      <c r="Y24597" s="2">
        <v>7.6</v>
      </c>
      <c r="Z24597" s="2">
        <v>16.7</v>
      </c>
      <c r="AA24597" s="5"/>
      <c r="AB24597" s="5" t="s">
        <v>43</v>
      </c>
      <c r="AC24597" s="5" t="s">
        <v>44</v>
      </c>
      <c r="AD24597" s="2"/>
      <c r="AE24597" s="1"/>
    </row>
    <row r="24598" spans="1:31" ht="14.45">
      <c r="A24598" s="11"/>
      <c r="B24598" s="20"/>
      <c r="C24598" s="2" t="s">
        <v>78673</v>
      </c>
      <c r="D24598" s="14" t="s">
        <v>78674</v>
      </c>
      <c r="E24598" s="2" t="s">
        <v>78675</v>
      </c>
      <c r="F24598" s="2" t="s">
        <v>7507</v>
      </c>
      <c r="G24598" s="8">
        <v>270</v>
      </c>
      <c r="H24598" s="5">
        <v>6</v>
      </c>
      <c r="I24598" s="5" t="s">
        <v>1518</v>
      </c>
      <c r="J24598" s="5" t="s">
        <v>69038</v>
      </c>
      <c r="K24598" s="2" t="s">
        <v>69039</v>
      </c>
      <c r="L24598" s="5" t="s">
        <v>69038</v>
      </c>
      <c r="M24598" s="2" t="s">
        <v>69039</v>
      </c>
      <c r="N24598" s="5" t="s">
        <v>1521</v>
      </c>
      <c r="O24598" s="5" t="s">
        <v>38</v>
      </c>
      <c r="P24598" s="5" t="s">
        <v>39</v>
      </c>
      <c r="Q24598" s="5" t="s">
        <v>40</v>
      </c>
      <c r="R24598" s="5" t="s">
        <v>1522</v>
      </c>
      <c r="S24598" s="5" t="s">
        <v>1523</v>
      </c>
      <c r="T24598" s="5" t="s">
        <v>42</v>
      </c>
      <c r="U24598" s="2">
        <v>3.1949999999999998</v>
      </c>
      <c r="V24598" s="2">
        <v>2.597</v>
      </c>
      <c r="W24598" s="2">
        <v>1.7999999999999999E-2</v>
      </c>
      <c r="X24598" s="2">
        <v>139.1</v>
      </c>
      <c r="Y24598" s="2">
        <v>7.6</v>
      </c>
      <c r="Z24598" s="2">
        <v>16.7</v>
      </c>
      <c r="AA24598" s="5"/>
      <c r="AB24598" s="5" t="s">
        <v>43</v>
      </c>
      <c r="AC24598" s="5" t="s">
        <v>44</v>
      </c>
      <c r="AD24598" s="2"/>
      <c r="AE24598" s="1"/>
    </row>
    <row r="24599" spans="1:31" ht="14.45">
      <c r="A24599" s="11"/>
      <c r="B24599" s="20"/>
      <c r="C24599" s="2" t="s">
        <v>78676</v>
      </c>
      <c r="D24599" s="14" t="s">
        <v>78677</v>
      </c>
      <c r="E24599" s="2" t="s">
        <v>78678</v>
      </c>
      <c r="F24599" s="2" t="s">
        <v>7567</v>
      </c>
      <c r="G24599" s="8">
        <v>291</v>
      </c>
      <c r="H24599" s="5">
        <v>6</v>
      </c>
      <c r="I24599" s="5" t="s">
        <v>1518</v>
      </c>
      <c r="J24599" s="5" t="s">
        <v>69038</v>
      </c>
      <c r="K24599" s="2" t="s">
        <v>69039</v>
      </c>
      <c r="L24599" s="5" t="s">
        <v>69038</v>
      </c>
      <c r="M24599" s="2" t="s">
        <v>69039</v>
      </c>
      <c r="N24599" s="5" t="s">
        <v>1521</v>
      </c>
      <c r="O24599" s="5" t="s">
        <v>38</v>
      </c>
      <c r="P24599" s="5" t="s">
        <v>39</v>
      </c>
      <c r="Q24599" s="5" t="s">
        <v>40</v>
      </c>
      <c r="R24599" s="5" t="s">
        <v>1522</v>
      </c>
      <c r="S24599" s="5" t="s">
        <v>1523</v>
      </c>
      <c r="T24599" s="5" t="s">
        <v>42</v>
      </c>
      <c r="U24599" s="2">
        <v>3.1949999999999998</v>
      </c>
      <c r="V24599" s="2">
        <v>2.597</v>
      </c>
      <c r="W24599" s="2">
        <v>1.7999999999999999E-2</v>
      </c>
      <c r="X24599" s="2">
        <v>139.1</v>
      </c>
      <c r="Y24599" s="2">
        <v>7.6</v>
      </c>
      <c r="Z24599" s="2">
        <v>16.7</v>
      </c>
      <c r="AA24599" s="5"/>
      <c r="AB24599" s="5" t="s">
        <v>43</v>
      </c>
      <c r="AC24599" s="5" t="s">
        <v>44</v>
      </c>
      <c r="AD24599" s="2"/>
      <c r="AE24599" s="1"/>
    </row>
    <row r="24600" spans="1:31" ht="14.45">
      <c r="A24600" s="11"/>
      <c r="B24600" s="20"/>
      <c r="C24600" s="2" t="s">
        <v>78679</v>
      </c>
      <c r="D24600" s="14" t="s">
        <v>78680</v>
      </c>
      <c r="E24600" s="2" t="s">
        <v>78681</v>
      </c>
      <c r="F24600" s="2" t="s">
        <v>7581</v>
      </c>
      <c r="G24600" s="8">
        <v>291</v>
      </c>
      <c r="H24600" s="5">
        <v>6</v>
      </c>
      <c r="I24600" s="5" t="s">
        <v>1518</v>
      </c>
      <c r="J24600" s="5" t="s">
        <v>69038</v>
      </c>
      <c r="K24600" s="2" t="s">
        <v>69039</v>
      </c>
      <c r="L24600" s="5" t="s">
        <v>69038</v>
      </c>
      <c r="M24600" s="2" t="s">
        <v>69039</v>
      </c>
      <c r="N24600" s="5" t="s">
        <v>1521</v>
      </c>
      <c r="O24600" s="5" t="s">
        <v>38</v>
      </c>
      <c r="P24600" s="5" t="s">
        <v>39</v>
      </c>
      <c r="Q24600" s="5" t="s">
        <v>40</v>
      </c>
      <c r="R24600" s="5" t="s">
        <v>1522</v>
      </c>
      <c r="S24600" s="5" t="s">
        <v>1523</v>
      </c>
      <c r="T24600" s="5" t="s">
        <v>42</v>
      </c>
      <c r="U24600" s="2">
        <v>3.1949999999999998</v>
      </c>
      <c r="V24600" s="2">
        <v>2.597</v>
      </c>
      <c r="W24600" s="2">
        <v>1.7999999999999999E-2</v>
      </c>
      <c r="X24600" s="2">
        <v>139.1</v>
      </c>
      <c r="Y24600" s="2">
        <v>7.6</v>
      </c>
      <c r="Z24600" s="2">
        <v>16.7</v>
      </c>
      <c r="AA24600" s="5"/>
      <c r="AB24600" s="5" t="s">
        <v>43</v>
      </c>
      <c r="AC24600" s="5" t="s">
        <v>44</v>
      </c>
      <c r="AD24600" s="2"/>
      <c r="AE24600" s="1"/>
    </row>
    <row r="24601" spans="1:31" ht="14.45">
      <c r="A24601" s="11"/>
      <c r="B24601" s="20"/>
      <c r="C24601" s="2" t="s">
        <v>78682</v>
      </c>
      <c r="D24601" s="14" t="s">
        <v>78683</v>
      </c>
      <c r="E24601" s="2" t="s">
        <v>78684</v>
      </c>
      <c r="F24601" s="2" t="s">
        <v>7589</v>
      </c>
      <c r="G24601" s="8">
        <v>291</v>
      </c>
      <c r="H24601" s="5">
        <v>6</v>
      </c>
      <c r="I24601" s="5" t="s">
        <v>1518</v>
      </c>
      <c r="J24601" s="5" t="s">
        <v>69038</v>
      </c>
      <c r="K24601" s="2" t="s">
        <v>69039</v>
      </c>
      <c r="L24601" s="5" t="s">
        <v>69038</v>
      </c>
      <c r="M24601" s="2" t="s">
        <v>69039</v>
      </c>
      <c r="N24601" s="5" t="s">
        <v>1521</v>
      </c>
      <c r="O24601" s="5" t="s">
        <v>38</v>
      </c>
      <c r="P24601" s="5" t="s">
        <v>39</v>
      </c>
      <c r="Q24601" s="5" t="s">
        <v>40</v>
      </c>
      <c r="R24601" s="5" t="s">
        <v>1522</v>
      </c>
      <c r="S24601" s="5" t="s">
        <v>1523</v>
      </c>
      <c r="T24601" s="5" t="s">
        <v>42</v>
      </c>
      <c r="U24601" s="2">
        <v>3.1949999999999998</v>
      </c>
      <c r="V24601" s="2">
        <v>2.597</v>
      </c>
      <c r="W24601" s="2">
        <v>1.7999999999999999E-2</v>
      </c>
      <c r="X24601" s="2">
        <v>139.1</v>
      </c>
      <c r="Y24601" s="2">
        <v>7.6</v>
      </c>
      <c r="Z24601" s="2">
        <v>16.7</v>
      </c>
      <c r="AA24601" s="5"/>
      <c r="AB24601" s="5" t="s">
        <v>43</v>
      </c>
      <c r="AC24601" s="5" t="s">
        <v>44</v>
      </c>
      <c r="AD24601" s="2"/>
      <c r="AE24601" s="1"/>
    </row>
    <row r="24602" spans="1:31" ht="14.45">
      <c r="A24602" s="11"/>
      <c r="B24602" s="20"/>
      <c r="C24602" s="2" t="s">
        <v>78685</v>
      </c>
      <c r="D24602" s="14" t="s">
        <v>78686</v>
      </c>
      <c r="E24602" s="2" t="s">
        <v>78687</v>
      </c>
      <c r="F24602" s="2" t="s">
        <v>7619</v>
      </c>
      <c r="G24602" s="8">
        <v>291</v>
      </c>
      <c r="H24602" s="5">
        <v>6</v>
      </c>
      <c r="I24602" s="5" t="s">
        <v>1518</v>
      </c>
      <c r="J24602" s="5" t="s">
        <v>69038</v>
      </c>
      <c r="K24602" s="2" t="s">
        <v>69039</v>
      </c>
      <c r="L24602" s="5" t="s">
        <v>69038</v>
      </c>
      <c r="M24602" s="2" t="s">
        <v>69039</v>
      </c>
      <c r="N24602" s="5" t="s">
        <v>1521</v>
      </c>
      <c r="O24602" s="5" t="s">
        <v>38</v>
      </c>
      <c r="P24602" s="5" t="s">
        <v>39</v>
      </c>
      <c r="Q24602" s="5" t="s">
        <v>40</v>
      </c>
      <c r="R24602" s="5" t="s">
        <v>1522</v>
      </c>
      <c r="S24602" s="5" t="s">
        <v>1523</v>
      </c>
      <c r="T24602" s="5" t="s">
        <v>42</v>
      </c>
      <c r="U24602" s="2">
        <v>3.1949999999999998</v>
      </c>
      <c r="V24602" s="2">
        <v>2.597</v>
      </c>
      <c r="W24602" s="2">
        <v>1.7999999999999999E-2</v>
      </c>
      <c r="X24602" s="2">
        <v>139.1</v>
      </c>
      <c r="Y24602" s="2">
        <v>7.6</v>
      </c>
      <c r="Z24602" s="2">
        <v>16.7</v>
      </c>
      <c r="AA24602" s="5"/>
      <c r="AB24602" s="5" t="s">
        <v>43</v>
      </c>
      <c r="AC24602" s="5" t="s">
        <v>44</v>
      </c>
      <c r="AD24602" s="2"/>
      <c r="AE24602" s="1"/>
    </row>
    <row r="24603" spans="1:31" ht="14.45">
      <c r="A24603" s="11"/>
      <c r="B24603" s="20"/>
      <c r="C24603" s="2" t="s">
        <v>78688</v>
      </c>
      <c r="D24603" s="14" t="s">
        <v>78689</v>
      </c>
      <c r="E24603" s="2" t="s">
        <v>78690</v>
      </c>
      <c r="F24603" s="2" t="s">
        <v>16029</v>
      </c>
      <c r="G24603" s="8">
        <v>291</v>
      </c>
      <c r="H24603" s="5">
        <v>6</v>
      </c>
      <c r="I24603" s="5" t="s">
        <v>1518</v>
      </c>
      <c r="J24603" s="5" t="s">
        <v>69038</v>
      </c>
      <c r="K24603" s="2" t="s">
        <v>69039</v>
      </c>
      <c r="L24603" s="5" t="s">
        <v>69038</v>
      </c>
      <c r="M24603" s="2" t="s">
        <v>69039</v>
      </c>
      <c r="N24603" s="5" t="s">
        <v>1521</v>
      </c>
      <c r="O24603" s="5" t="s">
        <v>38</v>
      </c>
      <c r="P24603" s="5" t="s">
        <v>39</v>
      </c>
      <c r="Q24603" s="5" t="s">
        <v>40</v>
      </c>
      <c r="R24603" s="5" t="s">
        <v>1522</v>
      </c>
      <c r="S24603" s="5" t="s">
        <v>1523</v>
      </c>
      <c r="T24603" s="5" t="s">
        <v>42</v>
      </c>
      <c r="U24603" s="2">
        <v>3.1110000000000002</v>
      </c>
      <c r="V24603" s="2">
        <v>2.5129999999999999</v>
      </c>
      <c r="W24603" s="2">
        <v>1.7999999999999999E-2</v>
      </c>
      <c r="X24603" s="2">
        <v>139.1</v>
      </c>
      <c r="Y24603" s="2">
        <v>7.6</v>
      </c>
      <c r="Z24603" s="2">
        <v>16.7</v>
      </c>
      <c r="AA24603" s="5"/>
      <c r="AB24603" s="5" t="s">
        <v>43</v>
      </c>
      <c r="AC24603" s="5" t="s">
        <v>44</v>
      </c>
      <c r="AD24603" s="2"/>
      <c r="AE24603" s="1"/>
    </row>
    <row r="24604" spans="1:31" ht="14.45">
      <c r="A24604" s="11"/>
      <c r="B24604" s="20"/>
      <c r="C24604" s="2" t="s">
        <v>78691</v>
      </c>
      <c r="D24604" s="14" t="s">
        <v>78692</v>
      </c>
      <c r="E24604" s="2" t="s">
        <v>78693</v>
      </c>
      <c r="F24604" s="2" t="s">
        <v>16033</v>
      </c>
      <c r="G24604" s="8">
        <v>291</v>
      </c>
      <c r="H24604" s="5">
        <v>6</v>
      </c>
      <c r="I24604" s="5" t="s">
        <v>1518</v>
      </c>
      <c r="J24604" s="5" t="s">
        <v>69038</v>
      </c>
      <c r="K24604" s="2" t="s">
        <v>69039</v>
      </c>
      <c r="L24604" s="5" t="s">
        <v>69038</v>
      </c>
      <c r="M24604" s="2" t="s">
        <v>69039</v>
      </c>
      <c r="N24604" s="5" t="s">
        <v>1521</v>
      </c>
      <c r="O24604" s="5" t="s">
        <v>38</v>
      </c>
      <c r="P24604" s="5" t="s">
        <v>39</v>
      </c>
      <c r="Q24604" s="5" t="s">
        <v>40</v>
      </c>
      <c r="R24604" s="5" t="s">
        <v>1522</v>
      </c>
      <c r="S24604" s="5" t="s">
        <v>1523</v>
      </c>
      <c r="T24604" s="5" t="s">
        <v>42</v>
      </c>
      <c r="U24604" s="2">
        <v>3.1960000000000002</v>
      </c>
      <c r="V24604" s="2">
        <v>2.5979999999999999</v>
      </c>
      <c r="W24604" s="2">
        <v>1.7999999999999999E-2</v>
      </c>
      <c r="X24604" s="2">
        <v>139.1</v>
      </c>
      <c r="Y24604" s="2">
        <v>7.6</v>
      </c>
      <c r="Z24604" s="2">
        <v>16.7</v>
      </c>
      <c r="AA24604" s="5"/>
      <c r="AB24604" s="5" t="s">
        <v>43</v>
      </c>
      <c r="AC24604" s="5" t="s">
        <v>44</v>
      </c>
      <c r="AD24604" s="2"/>
      <c r="AE24604" s="1"/>
    </row>
    <row r="24605" spans="1:31" ht="14.45">
      <c r="A24605" s="11"/>
      <c r="B24605" s="20"/>
      <c r="C24605" s="2" t="s">
        <v>78694</v>
      </c>
      <c r="D24605" s="14" t="s">
        <v>78695</v>
      </c>
      <c r="E24605" s="2" t="s">
        <v>78696</v>
      </c>
      <c r="F24605" s="2" t="s">
        <v>7204</v>
      </c>
      <c r="G24605" s="8">
        <v>270</v>
      </c>
      <c r="H24605" s="5">
        <v>6</v>
      </c>
      <c r="I24605" s="5" t="s">
        <v>1518</v>
      </c>
      <c r="J24605" s="5" t="s">
        <v>69038</v>
      </c>
      <c r="K24605" s="2" t="s">
        <v>69039</v>
      </c>
      <c r="L24605" s="5" t="s">
        <v>69038</v>
      </c>
      <c r="M24605" s="2" t="s">
        <v>69039</v>
      </c>
      <c r="N24605" s="5" t="s">
        <v>1521</v>
      </c>
      <c r="O24605" s="5" t="s">
        <v>38</v>
      </c>
      <c r="P24605" s="5" t="s">
        <v>39</v>
      </c>
      <c r="Q24605" s="5" t="s">
        <v>40</v>
      </c>
      <c r="R24605" s="5" t="s">
        <v>1522</v>
      </c>
      <c r="S24605" s="5" t="s">
        <v>1523</v>
      </c>
      <c r="T24605" s="5" t="s">
        <v>42</v>
      </c>
      <c r="U24605" s="2">
        <v>3.2719999999999998</v>
      </c>
      <c r="V24605" s="2">
        <v>2.6829999999999998</v>
      </c>
      <c r="W24605" s="2">
        <v>1.7999999999999999E-2</v>
      </c>
      <c r="X24605" s="2">
        <v>139.1</v>
      </c>
      <c r="Y24605" s="2">
        <v>7.6</v>
      </c>
      <c r="Z24605" s="2">
        <v>16.7</v>
      </c>
      <c r="AA24605" s="5"/>
      <c r="AB24605" s="5" t="s">
        <v>43</v>
      </c>
      <c r="AC24605" s="5" t="s">
        <v>44</v>
      </c>
      <c r="AD24605" s="2"/>
      <c r="AE24605" s="1"/>
    </row>
    <row r="24606" spans="1:31" ht="14.45">
      <c r="A24606" s="11"/>
      <c r="B24606" s="20"/>
      <c r="C24606" s="2" t="s">
        <v>78697</v>
      </c>
      <c r="D24606" s="14" t="s">
        <v>78698</v>
      </c>
      <c r="E24606" s="2" t="s">
        <v>78699</v>
      </c>
      <c r="F24606" s="2" t="s">
        <v>7514</v>
      </c>
      <c r="G24606" s="8">
        <v>270</v>
      </c>
      <c r="H24606" s="5">
        <v>6</v>
      </c>
      <c r="I24606" s="5" t="s">
        <v>1518</v>
      </c>
      <c r="J24606" s="5" t="s">
        <v>69038</v>
      </c>
      <c r="K24606" s="2" t="s">
        <v>69039</v>
      </c>
      <c r="L24606" s="5" t="s">
        <v>69038</v>
      </c>
      <c r="M24606" s="2" t="s">
        <v>69039</v>
      </c>
      <c r="N24606" s="5" t="s">
        <v>1521</v>
      </c>
      <c r="O24606" s="5" t="s">
        <v>38</v>
      </c>
      <c r="P24606" s="5" t="s">
        <v>39</v>
      </c>
      <c r="Q24606" s="5" t="s">
        <v>40</v>
      </c>
      <c r="R24606" s="5" t="s">
        <v>1522</v>
      </c>
      <c r="S24606" s="5" t="s">
        <v>1523</v>
      </c>
      <c r="T24606" s="5" t="s">
        <v>42</v>
      </c>
      <c r="U24606" s="2">
        <v>3.3679999999999999</v>
      </c>
      <c r="V24606" s="2">
        <v>2.7789999999999999</v>
      </c>
      <c r="W24606" s="2">
        <v>1.7999999999999999E-2</v>
      </c>
      <c r="X24606" s="2">
        <v>139.1</v>
      </c>
      <c r="Y24606" s="2">
        <v>7.6</v>
      </c>
      <c r="Z24606" s="2">
        <v>16.7</v>
      </c>
      <c r="AA24606" s="5"/>
      <c r="AB24606" s="5" t="s">
        <v>43</v>
      </c>
      <c r="AC24606" s="5" t="s">
        <v>44</v>
      </c>
      <c r="AD24606" s="2"/>
      <c r="AE24606" s="1"/>
    </row>
    <row r="24607" spans="1:31" ht="14.45">
      <c r="A24607" s="11"/>
      <c r="B24607" s="20"/>
      <c r="C24607" s="2" t="s">
        <v>78700</v>
      </c>
      <c r="D24607" s="14" t="s">
        <v>78701</v>
      </c>
      <c r="E24607" s="2" t="s">
        <v>78702</v>
      </c>
      <c r="F24607" s="2" t="s">
        <v>7208</v>
      </c>
      <c r="G24607" s="8">
        <v>270</v>
      </c>
      <c r="H24607" s="5">
        <v>6</v>
      </c>
      <c r="I24607" s="5" t="s">
        <v>1518</v>
      </c>
      <c r="J24607" s="5" t="s">
        <v>69038</v>
      </c>
      <c r="K24607" s="2" t="s">
        <v>69039</v>
      </c>
      <c r="L24607" s="5" t="s">
        <v>69038</v>
      </c>
      <c r="M24607" s="2" t="s">
        <v>69039</v>
      </c>
      <c r="N24607" s="5" t="s">
        <v>1521</v>
      </c>
      <c r="O24607" s="5" t="s">
        <v>38</v>
      </c>
      <c r="P24607" s="5" t="s">
        <v>39</v>
      </c>
      <c r="Q24607" s="5" t="s">
        <v>40</v>
      </c>
      <c r="R24607" s="5" t="s">
        <v>1522</v>
      </c>
      <c r="S24607" s="5" t="s">
        <v>1523</v>
      </c>
      <c r="T24607" s="5" t="s">
        <v>42</v>
      </c>
      <c r="U24607" s="2">
        <v>3.2719999999999998</v>
      </c>
      <c r="V24607" s="2">
        <v>2.6829999999999998</v>
      </c>
      <c r="W24607" s="2">
        <v>1.7999999999999999E-2</v>
      </c>
      <c r="X24607" s="2">
        <v>139.1</v>
      </c>
      <c r="Y24607" s="2">
        <v>7.6</v>
      </c>
      <c r="Z24607" s="2">
        <v>16.7</v>
      </c>
      <c r="AA24607" s="5"/>
      <c r="AB24607" s="5" t="s">
        <v>43</v>
      </c>
      <c r="AC24607" s="5" t="s">
        <v>44</v>
      </c>
      <c r="AD24607" s="2"/>
      <c r="AE24607" s="1"/>
    </row>
    <row r="24608" spans="1:31" ht="14.45">
      <c r="A24608" s="11"/>
      <c r="B24608" s="20"/>
      <c r="C24608" s="2" t="s">
        <v>78703</v>
      </c>
      <c r="D24608" s="14" t="s">
        <v>78704</v>
      </c>
      <c r="E24608" s="2" t="s">
        <v>78705</v>
      </c>
      <c r="F24608" s="2" t="s">
        <v>7521</v>
      </c>
      <c r="G24608" s="8">
        <v>270</v>
      </c>
      <c r="H24608" s="5">
        <v>6</v>
      </c>
      <c r="I24608" s="5" t="s">
        <v>1518</v>
      </c>
      <c r="J24608" s="5" t="s">
        <v>69038</v>
      </c>
      <c r="K24608" s="2" t="s">
        <v>69039</v>
      </c>
      <c r="L24608" s="5" t="s">
        <v>69038</v>
      </c>
      <c r="M24608" s="2" t="s">
        <v>69039</v>
      </c>
      <c r="N24608" s="5" t="s">
        <v>1521</v>
      </c>
      <c r="O24608" s="5" t="s">
        <v>38</v>
      </c>
      <c r="P24608" s="5" t="s">
        <v>39</v>
      </c>
      <c r="Q24608" s="5" t="s">
        <v>40</v>
      </c>
      <c r="R24608" s="5" t="s">
        <v>1522</v>
      </c>
      <c r="S24608" s="5" t="s">
        <v>1523</v>
      </c>
      <c r="T24608" s="5" t="s">
        <v>42</v>
      </c>
      <c r="U24608" s="2">
        <v>3.3679999999999999</v>
      </c>
      <c r="V24608" s="2">
        <v>2.7789999999999999</v>
      </c>
      <c r="W24608" s="2">
        <v>1.7999999999999999E-2</v>
      </c>
      <c r="X24608" s="2">
        <v>139.1</v>
      </c>
      <c r="Y24608" s="2">
        <v>7.6</v>
      </c>
      <c r="Z24608" s="2">
        <v>16.7</v>
      </c>
      <c r="AA24608" s="5"/>
      <c r="AB24608" s="5" t="s">
        <v>43</v>
      </c>
      <c r="AC24608" s="5" t="s">
        <v>44</v>
      </c>
      <c r="AD24608" s="2"/>
      <c r="AE24608" s="1"/>
    </row>
    <row r="24609" spans="1:31" ht="14.45">
      <c r="A24609" s="11"/>
      <c r="B24609" s="20"/>
      <c r="C24609" s="2" t="s">
        <v>78706</v>
      </c>
      <c r="D24609" s="14" t="s">
        <v>78707</v>
      </c>
      <c r="E24609" s="2" t="s">
        <v>78708</v>
      </c>
      <c r="F24609" s="2" t="s">
        <v>7406</v>
      </c>
      <c r="G24609" s="8">
        <v>291</v>
      </c>
      <c r="H24609" s="5">
        <v>6</v>
      </c>
      <c r="I24609" s="5" t="s">
        <v>1518</v>
      </c>
      <c r="J24609" s="5" t="s">
        <v>69038</v>
      </c>
      <c r="K24609" s="2" t="s">
        <v>69039</v>
      </c>
      <c r="L24609" s="5" t="s">
        <v>69038</v>
      </c>
      <c r="M24609" s="2" t="s">
        <v>69039</v>
      </c>
      <c r="N24609" s="5" t="s">
        <v>1521</v>
      </c>
      <c r="O24609" s="5" t="s">
        <v>38</v>
      </c>
      <c r="P24609" s="5" t="s">
        <v>39</v>
      </c>
      <c r="Q24609" s="5" t="s">
        <v>40</v>
      </c>
      <c r="R24609" s="5" t="s">
        <v>1522</v>
      </c>
      <c r="S24609" s="5" t="s">
        <v>1523</v>
      </c>
      <c r="T24609" s="5" t="s">
        <v>42</v>
      </c>
      <c r="U24609" s="2">
        <v>3.2719999999999998</v>
      </c>
      <c r="V24609" s="2">
        <v>2.6829999999999998</v>
      </c>
      <c r="W24609" s="2">
        <v>1.7999999999999999E-2</v>
      </c>
      <c r="X24609" s="2">
        <v>139.1</v>
      </c>
      <c r="Y24609" s="2">
        <v>7.6</v>
      </c>
      <c r="Z24609" s="2">
        <v>16.7</v>
      </c>
      <c r="AA24609" s="5"/>
      <c r="AB24609" s="5" t="s">
        <v>43</v>
      </c>
      <c r="AC24609" s="5" t="s">
        <v>44</v>
      </c>
      <c r="AD24609" s="2"/>
      <c r="AE24609" s="1"/>
    </row>
    <row r="24610" spans="1:31" ht="14.45">
      <c r="A24610" s="11"/>
      <c r="B24610" s="20"/>
      <c r="C24610" s="2" t="s">
        <v>78709</v>
      </c>
      <c r="D24610" s="14" t="s">
        <v>78710</v>
      </c>
      <c r="E24610" s="2" t="s">
        <v>78711</v>
      </c>
      <c r="F24610" s="2" t="s">
        <v>7535</v>
      </c>
      <c r="G24610" s="8">
        <v>291</v>
      </c>
      <c r="H24610" s="5">
        <v>6</v>
      </c>
      <c r="I24610" s="5" t="s">
        <v>1518</v>
      </c>
      <c r="J24610" s="5" t="s">
        <v>69038</v>
      </c>
      <c r="K24610" s="2" t="s">
        <v>69039</v>
      </c>
      <c r="L24610" s="5" t="s">
        <v>69038</v>
      </c>
      <c r="M24610" s="2" t="s">
        <v>69039</v>
      </c>
      <c r="N24610" s="5" t="s">
        <v>1521</v>
      </c>
      <c r="O24610" s="5" t="s">
        <v>38</v>
      </c>
      <c r="P24610" s="5" t="s">
        <v>39</v>
      </c>
      <c r="Q24610" s="5" t="s">
        <v>40</v>
      </c>
      <c r="R24610" s="5" t="s">
        <v>1522</v>
      </c>
      <c r="S24610" s="5" t="s">
        <v>1523</v>
      </c>
      <c r="T24610" s="5" t="s">
        <v>42</v>
      </c>
      <c r="U24610" s="2">
        <v>3.3679999999999999</v>
      </c>
      <c r="V24610" s="2">
        <v>2.7789999999999999</v>
      </c>
      <c r="W24610" s="2">
        <v>1.7999999999999999E-2</v>
      </c>
      <c r="X24610" s="2">
        <v>139.1</v>
      </c>
      <c r="Y24610" s="2">
        <v>7.6</v>
      </c>
      <c r="Z24610" s="2">
        <v>16.7</v>
      </c>
      <c r="AA24610" s="5"/>
      <c r="AB24610" s="5" t="s">
        <v>43</v>
      </c>
      <c r="AC24610" s="5" t="s">
        <v>44</v>
      </c>
      <c r="AD24610" s="2"/>
      <c r="AE24610" s="1"/>
    </row>
    <row r="24611" spans="1:31" ht="14.45">
      <c r="A24611" s="11"/>
      <c r="B24611" s="20"/>
      <c r="C24611" s="2" t="s">
        <v>78712</v>
      </c>
      <c r="D24611" s="14" t="s">
        <v>78713</v>
      </c>
      <c r="E24611" s="2" t="s">
        <v>78714</v>
      </c>
      <c r="F24611" s="2" t="s">
        <v>7539</v>
      </c>
      <c r="G24611" s="8">
        <v>291</v>
      </c>
      <c r="H24611" s="5">
        <v>6</v>
      </c>
      <c r="I24611" s="5" t="s">
        <v>1518</v>
      </c>
      <c r="J24611" s="5" t="s">
        <v>69038</v>
      </c>
      <c r="K24611" s="2" t="s">
        <v>69039</v>
      </c>
      <c r="L24611" s="5" t="s">
        <v>69038</v>
      </c>
      <c r="M24611" s="2" t="s">
        <v>69039</v>
      </c>
      <c r="N24611" s="5" t="s">
        <v>1521</v>
      </c>
      <c r="O24611" s="5" t="s">
        <v>38</v>
      </c>
      <c r="P24611" s="5" t="s">
        <v>39</v>
      </c>
      <c r="Q24611" s="5" t="s">
        <v>40</v>
      </c>
      <c r="R24611" s="5" t="s">
        <v>1522</v>
      </c>
      <c r="S24611" s="5" t="s">
        <v>1523</v>
      </c>
      <c r="T24611" s="5" t="s">
        <v>42</v>
      </c>
      <c r="U24611" s="2">
        <v>3.2719999999999998</v>
      </c>
      <c r="V24611" s="2">
        <v>2.6829999999999998</v>
      </c>
      <c r="W24611" s="2">
        <v>1.7999999999999999E-2</v>
      </c>
      <c r="X24611" s="2">
        <v>139.1</v>
      </c>
      <c r="Y24611" s="2">
        <v>7.6</v>
      </c>
      <c r="Z24611" s="2">
        <v>16.7</v>
      </c>
      <c r="AA24611" s="5"/>
      <c r="AB24611" s="5" t="s">
        <v>43</v>
      </c>
      <c r="AC24611" s="5" t="s">
        <v>44</v>
      </c>
      <c r="AD24611" s="2"/>
      <c r="AE24611" s="1"/>
    </row>
    <row r="24612" spans="1:31" ht="14.45">
      <c r="A24612" s="11"/>
      <c r="B24612" s="20"/>
      <c r="C24612" s="2" t="s">
        <v>78715</v>
      </c>
      <c r="D24612" s="14" t="s">
        <v>78716</v>
      </c>
      <c r="E24612" s="2" t="s">
        <v>78717</v>
      </c>
      <c r="F24612" s="2" t="s">
        <v>7543</v>
      </c>
      <c r="G24612" s="8">
        <v>291</v>
      </c>
      <c r="H24612" s="5">
        <v>6</v>
      </c>
      <c r="I24612" s="5" t="s">
        <v>1518</v>
      </c>
      <c r="J24612" s="5" t="s">
        <v>69038</v>
      </c>
      <c r="K24612" s="2" t="s">
        <v>69039</v>
      </c>
      <c r="L24612" s="5" t="s">
        <v>69038</v>
      </c>
      <c r="M24612" s="2" t="s">
        <v>69039</v>
      </c>
      <c r="N24612" s="5" t="s">
        <v>1521</v>
      </c>
      <c r="O24612" s="5" t="s">
        <v>38</v>
      </c>
      <c r="P24612" s="5" t="s">
        <v>39</v>
      </c>
      <c r="Q24612" s="5" t="s">
        <v>40</v>
      </c>
      <c r="R24612" s="5" t="s">
        <v>1522</v>
      </c>
      <c r="S24612" s="5" t="s">
        <v>1523</v>
      </c>
      <c r="T24612" s="5" t="s">
        <v>42</v>
      </c>
      <c r="U24612" s="2">
        <v>3.3679999999999999</v>
      </c>
      <c r="V24612" s="2">
        <v>2.7789999999999999</v>
      </c>
      <c r="W24612" s="2">
        <v>1.7999999999999999E-2</v>
      </c>
      <c r="X24612" s="2">
        <v>139.1</v>
      </c>
      <c r="Y24612" s="2">
        <v>7.6</v>
      </c>
      <c r="Z24612" s="2">
        <v>16.7</v>
      </c>
      <c r="AA24612" s="5"/>
      <c r="AB24612" s="5" t="s">
        <v>43</v>
      </c>
      <c r="AC24612" s="5" t="s">
        <v>44</v>
      </c>
      <c r="AD24612" s="2"/>
      <c r="AE24612" s="1"/>
    </row>
    <row r="24613" spans="1:31" ht="14.45">
      <c r="A24613" s="11"/>
      <c r="B24613" s="20"/>
      <c r="C24613" s="2" t="s">
        <v>78718</v>
      </c>
      <c r="D24613" s="14" t="s">
        <v>78719</v>
      </c>
      <c r="E24613" s="2" t="s">
        <v>78720</v>
      </c>
      <c r="F24613" s="2" t="s">
        <v>7396</v>
      </c>
      <c r="G24613" s="8">
        <v>270</v>
      </c>
      <c r="H24613" s="5">
        <v>6</v>
      </c>
      <c r="I24613" s="5" t="s">
        <v>1518</v>
      </c>
      <c r="J24613" s="5" t="s">
        <v>69038</v>
      </c>
      <c r="K24613" s="2" t="s">
        <v>69039</v>
      </c>
      <c r="L24613" s="5" t="s">
        <v>69038</v>
      </c>
      <c r="M24613" s="2" t="s">
        <v>69039</v>
      </c>
      <c r="N24613" s="5" t="s">
        <v>1521</v>
      </c>
      <c r="O24613" s="5" t="s">
        <v>38</v>
      </c>
      <c r="P24613" s="5" t="s">
        <v>39</v>
      </c>
      <c r="Q24613" s="5" t="s">
        <v>40</v>
      </c>
      <c r="R24613" s="5" t="s">
        <v>1522</v>
      </c>
      <c r="S24613" s="5" t="s">
        <v>1523</v>
      </c>
      <c r="T24613" s="5" t="s">
        <v>42</v>
      </c>
      <c r="U24613" s="2">
        <v>3.2719999999999998</v>
      </c>
      <c r="V24613" s="2">
        <v>2.6829999999999998</v>
      </c>
      <c r="W24613" s="2">
        <v>1.7999999999999999E-2</v>
      </c>
      <c r="X24613" s="2">
        <v>139.1</v>
      </c>
      <c r="Y24613" s="2">
        <v>7.6</v>
      </c>
      <c r="Z24613" s="2">
        <v>16.7</v>
      </c>
      <c r="AA24613" s="5"/>
      <c r="AB24613" s="5" t="s">
        <v>43</v>
      </c>
      <c r="AC24613" s="5" t="s">
        <v>44</v>
      </c>
      <c r="AD24613" s="2"/>
      <c r="AE24613" s="1"/>
    </row>
    <row r="24614" spans="1:31" ht="14.45">
      <c r="A24614" s="11"/>
      <c r="B24614" s="20"/>
      <c r="C24614" s="2" t="s">
        <v>78721</v>
      </c>
      <c r="D24614" s="14" t="s">
        <v>78722</v>
      </c>
      <c r="E24614" s="2" t="s">
        <v>78723</v>
      </c>
      <c r="F24614" s="2" t="s">
        <v>7507</v>
      </c>
      <c r="G24614" s="8">
        <v>270</v>
      </c>
      <c r="H24614" s="5">
        <v>6</v>
      </c>
      <c r="I24614" s="5" t="s">
        <v>1518</v>
      </c>
      <c r="J24614" s="5" t="s">
        <v>69038</v>
      </c>
      <c r="K24614" s="2" t="s">
        <v>69039</v>
      </c>
      <c r="L24614" s="5" t="s">
        <v>69038</v>
      </c>
      <c r="M24614" s="2" t="s">
        <v>69039</v>
      </c>
      <c r="N24614" s="5" t="s">
        <v>1521</v>
      </c>
      <c r="O24614" s="5" t="s">
        <v>38</v>
      </c>
      <c r="P24614" s="5" t="s">
        <v>39</v>
      </c>
      <c r="Q24614" s="5" t="s">
        <v>40</v>
      </c>
      <c r="R24614" s="5" t="s">
        <v>1522</v>
      </c>
      <c r="S24614" s="5" t="s">
        <v>1523</v>
      </c>
      <c r="T24614" s="5" t="s">
        <v>42</v>
      </c>
      <c r="U24614" s="2">
        <v>3.3679999999999999</v>
      </c>
      <c r="V24614" s="2">
        <v>2.7789999999999999</v>
      </c>
      <c r="W24614" s="2">
        <v>1.7999999999999999E-2</v>
      </c>
      <c r="X24614" s="2">
        <v>139.1</v>
      </c>
      <c r="Y24614" s="2">
        <v>7.6</v>
      </c>
      <c r="Z24614" s="2">
        <v>16.7</v>
      </c>
      <c r="AA24614" s="5"/>
      <c r="AB24614" s="5" t="s">
        <v>43</v>
      </c>
      <c r="AC24614" s="5" t="s">
        <v>44</v>
      </c>
      <c r="AD24614" s="2"/>
      <c r="AE24614" s="1"/>
    </row>
    <row r="24615" spans="1:31" ht="14.45">
      <c r="A24615" s="11"/>
      <c r="B24615" s="20"/>
      <c r="C24615" s="2" t="s">
        <v>78724</v>
      </c>
      <c r="D24615" s="14" t="s">
        <v>78725</v>
      </c>
      <c r="E24615" s="2" t="s">
        <v>78726</v>
      </c>
      <c r="F24615" s="2" t="s">
        <v>7547</v>
      </c>
      <c r="G24615" s="8">
        <v>291</v>
      </c>
      <c r="H24615" s="5">
        <v>6</v>
      </c>
      <c r="I24615" s="5" t="s">
        <v>1518</v>
      </c>
      <c r="J24615" s="5" t="s">
        <v>69038</v>
      </c>
      <c r="K24615" s="2" t="s">
        <v>69039</v>
      </c>
      <c r="L24615" s="5" t="s">
        <v>69038</v>
      </c>
      <c r="M24615" s="2" t="s">
        <v>69039</v>
      </c>
      <c r="N24615" s="5" t="s">
        <v>1521</v>
      </c>
      <c r="O24615" s="5" t="s">
        <v>38</v>
      </c>
      <c r="P24615" s="5" t="s">
        <v>39</v>
      </c>
      <c r="Q24615" s="5" t="s">
        <v>40</v>
      </c>
      <c r="R24615" s="5" t="s">
        <v>1522</v>
      </c>
      <c r="S24615" s="5" t="s">
        <v>1523</v>
      </c>
      <c r="T24615" s="5" t="s">
        <v>42</v>
      </c>
      <c r="U24615" s="2">
        <v>3.2719999999999998</v>
      </c>
      <c r="V24615" s="2">
        <v>2.6829999999999998</v>
      </c>
      <c r="W24615" s="2">
        <v>1.7999999999999999E-2</v>
      </c>
      <c r="X24615" s="2">
        <v>139.1</v>
      </c>
      <c r="Y24615" s="2">
        <v>7.6</v>
      </c>
      <c r="Z24615" s="2">
        <v>16.7</v>
      </c>
      <c r="AA24615" s="5"/>
      <c r="AB24615" s="5" t="s">
        <v>43</v>
      </c>
      <c r="AC24615" s="5" t="s">
        <v>44</v>
      </c>
      <c r="AD24615" s="2"/>
      <c r="AE24615" s="1"/>
    </row>
    <row r="24616" spans="1:31" ht="14.45">
      <c r="A24616" s="11"/>
      <c r="B24616" s="20"/>
      <c r="C24616" s="2" t="s">
        <v>78727</v>
      </c>
      <c r="D24616" s="14" t="s">
        <v>78728</v>
      </c>
      <c r="E24616" s="2" t="s">
        <v>78729</v>
      </c>
      <c r="F24616" s="2" t="s">
        <v>7563</v>
      </c>
      <c r="G24616" s="8">
        <v>291</v>
      </c>
      <c r="H24616" s="5">
        <v>6</v>
      </c>
      <c r="I24616" s="5" t="s">
        <v>1518</v>
      </c>
      <c r="J24616" s="5" t="s">
        <v>69038</v>
      </c>
      <c r="K24616" s="2" t="s">
        <v>69039</v>
      </c>
      <c r="L24616" s="5" t="s">
        <v>69038</v>
      </c>
      <c r="M24616" s="2" t="s">
        <v>69039</v>
      </c>
      <c r="N24616" s="5" t="s">
        <v>1521</v>
      </c>
      <c r="O24616" s="5" t="s">
        <v>38</v>
      </c>
      <c r="P24616" s="5" t="s">
        <v>39</v>
      </c>
      <c r="Q24616" s="5" t="s">
        <v>40</v>
      </c>
      <c r="R24616" s="5" t="s">
        <v>1522</v>
      </c>
      <c r="S24616" s="5" t="s">
        <v>1523</v>
      </c>
      <c r="T24616" s="5" t="s">
        <v>42</v>
      </c>
      <c r="U24616" s="2">
        <v>3.2719999999999998</v>
      </c>
      <c r="V24616" s="2">
        <v>2.6829999999999998</v>
      </c>
      <c r="W24616" s="2">
        <v>1.7999999999999999E-2</v>
      </c>
      <c r="X24616" s="2">
        <v>139.1</v>
      </c>
      <c r="Y24616" s="2">
        <v>7.6</v>
      </c>
      <c r="Z24616" s="2">
        <v>16.7</v>
      </c>
      <c r="AA24616" s="5"/>
      <c r="AB24616" s="5" t="s">
        <v>43</v>
      </c>
      <c r="AC24616" s="5" t="s">
        <v>44</v>
      </c>
      <c r="AD24616" s="2"/>
      <c r="AE24616" s="1"/>
    </row>
    <row r="24617" spans="1:31" ht="14.45">
      <c r="A24617" s="11"/>
      <c r="B24617" s="20"/>
      <c r="C24617" s="2" t="s">
        <v>78730</v>
      </c>
      <c r="D24617" s="14" t="s">
        <v>78731</v>
      </c>
      <c r="E24617" s="2" t="s">
        <v>78732</v>
      </c>
      <c r="F24617" s="2" t="s">
        <v>7567</v>
      </c>
      <c r="G24617" s="8">
        <v>291</v>
      </c>
      <c r="H24617" s="5">
        <v>6</v>
      </c>
      <c r="I24617" s="5" t="s">
        <v>1518</v>
      </c>
      <c r="J24617" s="5" t="s">
        <v>69038</v>
      </c>
      <c r="K24617" s="2" t="s">
        <v>69039</v>
      </c>
      <c r="L24617" s="5" t="s">
        <v>69038</v>
      </c>
      <c r="M24617" s="2" t="s">
        <v>69039</v>
      </c>
      <c r="N24617" s="5" t="s">
        <v>1521</v>
      </c>
      <c r="O24617" s="5" t="s">
        <v>38</v>
      </c>
      <c r="P24617" s="5" t="s">
        <v>39</v>
      </c>
      <c r="Q24617" s="5" t="s">
        <v>40</v>
      </c>
      <c r="R24617" s="5" t="s">
        <v>1522</v>
      </c>
      <c r="S24617" s="5" t="s">
        <v>1523</v>
      </c>
      <c r="T24617" s="5" t="s">
        <v>42</v>
      </c>
      <c r="U24617" s="2">
        <v>3.3679999999999999</v>
      </c>
      <c r="V24617" s="2">
        <v>2.7789999999999999</v>
      </c>
      <c r="W24617" s="2">
        <v>1.7999999999999999E-2</v>
      </c>
      <c r="X24617" s="2">
        <v>139.1</v>
      </c>
      <c r="Y24617" s="2">
        <v>7.6</v>
      </c>
      <c r="Z24617" s="2">
        <v>16.7</v>
      </c>
      <c r="AA24617" s="5"/>
      <c r="AB24617" s="5" t="s">
        <v>43</v>
      </c>
      <c r="AC24617" s="5" t="s">
        <v>44</v>
      </c>
      <c r="AD24617" s="2"/>
      <c r="AE24617" s="1"/>
    </row>
    <row r="24618" spans="1:31" ht="14.45">
      <c r="A24618" s="11"/>
      <c r="B24618" s="20"/>
      <c r="C24618" s="2" t="s">
        <v>78733</v>
      </c>
      <c r="D24618" s="14" t="s">
        <v>78734</v>
      </c>
      <c r="E24618" s="2" t="s">
        <v>78735</v>
      </c>
      <c r="F24618" s="2" t="s">
        <v>7555</v>
      </c>
      <c r="G24618" s="8">
        <v>291</v>
      </c>
      <c r="H24618" s="5">
        <v>6</v>
      </c>
      <c r="I24618" s="5" t="s">
        <v>1518</v>
      </c>
      <c r="J24618" s="5" t="s">
        <v>69038</v>
      </c>
      <c r="K24618" s="2" t="s">
        <v>69039</v>
      </c>
      <c r="L24618" s="5" t="s">
        <v>69038</v>
      </c>
      <c r="M24618" s="2" t="s">
        <v>69039</v>
      </c>
      <c r="N24618" s="5" t="s">
        <v>1521</v>
      </c>
      <c r="O24618" s="5" t="s">
        <v>38</v>
      </c>
      <c r="P24618" s="5" t="s">
        <v>39</v>
      </c>
      <c r="Q24618" s="5" t="s">
        <v>40</v>
      </c>
      <c r="R24618" s="5" t="s">
        <v>1522</v>
      </c>
      <c r="S24618" s="5" t="s">
        <v>1523</v>
      </c>
      <c r="T24618" s="5" t="s">
        <v>42</v>
      </c>
      <c r="U24618" s="2">
        <v>3.2719999999999998</v>
      </c>
      <c r="V24618" s="2">
        <v>2.6829999999999998</v>
      </c>
      <c r="W24618" s="2">
        <v>1.7999999999999999E-2</v>
      </c>
      <c r="X24618" s="2">
        <v>139.1</v>
      </c>
      <c r="Y24618" s="2">
        <v>7.6</v>
      </c>
      <c r="Z24618" s="2">
        <v>16.7</v>
      </c>
      <c r="AA24618" s="5"/>
      <c r="AB24618" s="5" t="s">
        <v>43</v>
      </c>
      <c r="AC24618" s="5" t="s">
        <v>44</v>
      </c>
      <c r="AD24618" s="2"/>
      <c r="AE24618" s="1"/>
    </row>
    <row r="24619" spans="1:31" ht="14.45">
      <c r="A24619" s="11"/>
      <c r="B24619" s="20"/>
      <c r="C24619" s="2" t="s">
        <v>78736</v>
      </c>
      <c r="D24619" s="14" t="s">
        <v>78737</v>
      </c>
      <c r="E24619" s="2" t="s">
        <v>78738</v>
      </c>
      <c r="F24619" s="2" t="s">
        <v>7559</v>
      </c>
      <c r="G24619" s="8">
        <v>291</v>
      </c>
      <c r="H24619" s="5">
        <v>6</v>
      </c>
      <c r="I24619" s="5" t="s">
        <v>1518</v>
      </c>
      <c r="J24619" s="5" t="s">
        <v>69038</v>
      </c>
      <c r="K24619" s="2" t="s">
        <v>69039</v>
      </c>
      <c r="L24619" s="5" t="s">
        <v>69038</v>
      </c>
      <c r="M24619" s="2" t="s">
        <v>69039</v>
      </c>
      <c r="N24619" s="5" t="s">
        <v>1521</v>
      </c>
      <c r="O24619" s="5" t="s">
        <v>38</v>
      </c>
      <c r="P24619" s="5" t="s">
        <v>39</v>
      </c>
      <c r="Q24619" s="5" t="s">
        <v>40</v>
      </c>
      <c r="R24619" s="5" t="s">
        <v>1522</v>
      </c>
      <c r="S24619" s="5" t="s">
        <v>1523</v>
      </c>
      <c r="T24619" s="5" t="s">
        <v>42</v>
      </c>
      <c r="U24619" s="2">
        <v>3.3679999999999999</v>
      </c>
      <c r="V24619" s="2">
        <v>2.7789999999999999</v>
      </c>
      <c r="W24619" s="2">
        <v>1.7999999999999999E-2</v>
      </c>
      <c r="X24619" s="2">
        <v>139.1</v>
      </c>
      <c r="Y24619" s="2">
        <v>7.6</v>
      </c>
      <c r="Z24619" s="2">
        <v>16.7</v>
      </c>
      <c r="AA24619" s="5"/>
      <c r="AB24619" s="5" t="s">
        <v>43</v>
      </c>
      <c r="AC24619" s="5" t="s">
        <v>44</v>
      </c>
      <c r="AD24619" s="2"/>
      <c r="AE24619" s="1"/>
    </row>
    <row r="24620" spans="1:31" ht="14.45">
      <c r="A24620" s="11"/>
      <c r="B24620" s="20"/>
      <c r="C24620" s="2" t="s">
        <v>78739</v>
      </c>
      <c r="D24620" s="14" t="s">
        <v>78740</v>
      </c>
      <c r="E24620" s="2" t="s">
        <v>78741</v>
      </c>
      <c r="F24620" s="2" t="s">
        <v>16079</v>
      </c>
      <c r="G24620" s="8">
        <v>291</v>
      </c>
      <c r="H24620" s="5">
        <v>6</v>
      </c>
      <c r="I24620" s="5" t="s">
        <v>1518</v>
      </c>
      <c r="J24620" s="5" t="s">
        <v>69038</v>
      </c>
      <c r="K24620" s="2" t="s">
        <v>69039</v>
      </c>
      <c r="L24620" s="5" t="s">
        <v>69038</v>
      </c>
      <c r="M24620" s="2" t="s">
        <v>69039</v>
      </c>
      <c r="N24620" s="5" t="s">
        <v>1521</v>
      </c>
      <c r="O24620" s="5" t="s">
        <v>38</v>
      </c>
      <c r="P24620" s="5" t="s">
        <v>39</v>
      </c>
      <c r="Q24620" s="5" t="s">
        <v>40</v>
      </c>
      <c r="R24620" s="5" t="s">
        <v>1522</v>
      </c>
      <c r="S24620" s="5" t="s">
        <v>1523</v>
      </c>
      <c r="T24620" s="5" t="s">
        <v>42</v>
      </c>
      <c r="U24620" s="2">
        <v>3.2719999999999998</v>
      </c>
      <c r="V24620" s="2">
        <v>2.6829999999999998</v>
      </c>
      <c r="W24620" s="2">
        <v>1.7999999999999999E-2</v>
      </c>
      <c r="X24620" s="2">
        <v>139.1</v>
      </c>
      <c r="Y24620" s="2">
        <v>7.6</v>
      </c>
      <c r="Z24620" s="2">
        <v>16.7</v>
      </c>
      <c r="AA24620" s="5"/>
      <c r="AB24620" s="5" t="s">
        <v>43</v>
      </c>
      <c r="AC24620" s="5" t="s">
        <v>44</v>
      </c>
      <c r="AD24620" s="2"/>
      <c r="AE24620" s="1"/>
    </row>
    <row r="24621" spans="1:31" ht="14.45">
      <c r="A24621" s="11"/>
      <c r="B24621" s="20"/>
      <c r="C24621" s="2" t="s">
        <v>78742</v>
      </c>
      <c r="D24621" s="14" t="s">
        <v>78743</v>
      </c>
      <c r="E24621" s="2" t="s">
        <v>78744</v>
      </c>
      <c r="F24621" s="2" t="s">
        <v>16194</v>
      </c>
      <c r="G24621" s="8">
        <v>291</v>
      </c>
      <c r="H24621" s="5">
        <v>6</v>
      </c>
      <c r="I24621" s="5" t="s">
        <v>1518</v>
      </c>
      <c r="J24621" s="5" t="s">
        <v>69038</v>
      </c>
      <c r="K24621" s="2" t="s">
        <v>69039</v>
      </c>
      <c r="L24621" s="5" t="s">
        <v>69038</v>
      </c>
      <c r="M24621" s="2" t="s">
        <v>69039</v>
      </c>
      <c r="N24621" s="5" t="s">
        <v>1521</v>
      </c>
      <c r="O24621" s="5" t="s">
        <v>38</v>
      </c>
      <c r="P24621" s="5" t="s">
        <v>39</v>
      </c>
      <c r="Q24621" s="5" t="s">
        <v>40</v>
      </c>
      <c r="R24621" s="5" t="s">
        <v>1522</v>
      </c>
      <c r="S24621" s="5" t="s">
        <v>1523</v>
      </c>
      <c r="T24621" s="5" t="s">
        <v>42</v>
      </c>
      <c r="U24621" s="2">
        <v>3.3679999999999999</v>
      </c>
      <c r="V24621" s="2">
        <v>2.7789999999999999</v>
      </c>
      <c r="W24621" s="2">
        <v>1.7999999999999999E-2</v>
      </c>
      <c r="X24621" s="2">
        <v>139.1</v>
      </c>
      <c r="Y24621" s="2">
        <v>7.6</v>
      </c>
      <c r="Z24621" s="2">
        <v>16.7</v>
      </c>
      <c r="AA24621" s="5"/>
      <c r="AB24621" s="5" t="s">
        <v>43</v>
      </c>
      <c r="AC24621" s="5" t="s">
        <v>44</v>
      </c>
      <c r="AD24621" s="2"/>
      <c r="AE24621" s="1"/>
    </row>
    <row r="24622" spans="1:31" ht="14.45">
      <c r="A24622" s="11"/>
      <c r="B24622" s="20"/>
      <c r="C24622" s="2" t="s">
        <v>78745</v>
      </c>
      <c r="D24622" s="14" t="s">
        <v>78746</v>
      </c>
      <c r="E24622" s="2" t="s">
        <v>78747</v>
      </c>
      <c r="F24622" s="2" t="s">
        <v>7449</v>
      </c>
      <c r="G24622" s="8">
        <v>291</v>
      </c>
      <c r="H24622" s="5">
        <v>6</v>
      </c>
      <c r="I24622" s="5" t="s">
        <v>1518</v>
      </c>
      <c r="J24622" s="5" t="s">
        <v>69038</v>
      </c>
      <c r="K24622" s="2" t="s">
        <v>69039</v>
      </c>
      <c r="L24622" s="5" t="s">
        <v>69038</v>
      </c>
      <c r="M24622" s="2" t="s">
        <v>69039</v>
      </c>
      <c r="N24622" s="5" t="s">
        <v>1521</v>
      </c>
      <c r="O24622" s="5" t="s">
        <v>38</v>
      </c>
      <c r="P24622" s="5" t="s">
        <v>39</v>
      </c>
      <c r="Q24622" s="5" t="s">
        <v>40</v>
      </c>
      <c r="R24622" s="5" t="s">
        <v>1522</v>
      </c>
      <c r="S24622" s="5" t="s">
        <v>1523</v>
      </c>
      <c r="T24622" s="5" t="s">
        <v>42</v>
      </c>
      <c r="U24622" s="2">
        <v>3.2719999999999998</v>
      </c>
      <c r="V24622" s="2">
        <v>2.6829999999999998</v>
      </c>
      <c r="W24622" s="2">
        <v>1.7999999999999999E-2</v>
      </c>
      <c r="X24622" s="2">
        <v>139.1</v>
      </c>
      <c r="Y24622" s="2">
        <v>7.6</v>
      </c>
      <c r="Z24622" s="2">
        <v>16.7</v>
      </c>
      <c r="AA24622" s="5"/>
      <c r="AB24622" s="5" t="s">
        <v>43</v>
      </c>
      <c r="AC24622" s="5" t="s">
        <v>44</v>
      </c>
      <c r="AD24622" s="2"/>
      <c r="AE24622" s="1"/>
    </row>
    <row r="24623" spans="1:31" ht="14.45">
      <c r="A24623" s="11"/>
      <c r="B24623" s="20"/>
      <c r="C24623" s="2" t="s">
        <v>78748</v>
      </c>
      <c r="D24623" s="14" t="s">
        <v>78749</v>
      </c>
      <c r="E24623" s="2" t="s">
        <v>78750</v>
      </c>
      <c r="F24623" s="2" t="s">
        <v>7581</v>
      </c>
      <c r="G24623" s="8">
        <v>291</v>
      </c>
      <c r="H24623" s="5">
        <v>6</v>
      </c>
      <c r="I24623" s="5" t="s">
        <v>1518</v>
      </c>
      <c r="J24623" s="5" t="s">
        <v>69038</v>
      </c>
      <c r="K24623" s="2" t="s">
        <v>69039</v>
      </c>
      <c r="L24623" s="5" t="s">
        <v>69038</v>
      </c>
      <c r="M24623" s="2" t="s">
        <v>69039</v>
      </c>
      <c r="N24623" s="5" t="s">
        <v>1521</v>
      </c>
      <c r="O24623" s="5" t="s">
        <v>38</v>
      </c>
      <c r="P24623" s="5" t="s">
        <v>39</v>
      </c>
      <c r="Q24623" s="5" t="s">
        <v>40</v>
      </c>
      <c r="R24623" s="5" t="s">
        <v>1522</v>
      </c>
      <c r="S24623" s="5" t="s">
        <v>1523</v>
      </c>
      <c r="T24623" s="5" t="s">
        <v>42</v>
      </c>
      <c r="U24623" s="2">
        <v>3.3679999999999999</v>
      </c>
      <c r="V24623" s="2">
        <v>2.7789999999999999</v>
      </c>
      <c r="W24623" s="2">
        <v>1.7999999999999999E-2</v>
      </c>
      <c r="X24623" s="2">
        <v>139.1</v>
      </c>
      <c r="Y24623" s="2">
        <v>7.6</v>
      </c>
      <c r="Z24623" s="2">
        <v>16.7</v>
      </c>
      <c r="AA24623" s="5"/>
      <c r="AB24623" s="5" t="s">
        <v>43</v>
      </c>
      <c r="AC24623" s="5" t="s">
        <v>44</v>
      </c>
      <c r="AD24623" s="2"/>
      <c r="AE24623" s="1"/>
    </row>
    <row r="24624" spans="1:31" ht="14.45">
      <c r="A24624" s="11"/>
      <c r="B24624" s="20"/>
      <c r="C24624" s="2" t="s">
        <v>78751</v>
      </c>
      <c r="D24624" s="14" t="s">
        <v>78752</v>
      </c>
      <c r="E24624" s="2" t="s">
        <v>78753</v>
      </c>
      <c r="F24624" s="2" t="s">
        <v>7585</v>
      </c>
      <c r="G24624" s="8">
        <v>291</v>
      </c>
      <c r="H24624" s="5">
        <v>6</v>
      </c>
      <c r="I24624" s="5" t="s">
        <v>1518</v>
      </c>
      <c r="J24624" s="5" t="s">
        <v>69038</v>
      </c>
      <c r="K24624" s="2" t="s">
        <v>69039</v>
      </c>
      <c r="L24624" s="5" t="s">
        <v>69038</v>
      </c>
      <c r="M24624" s="2" t="s">
        <v>69039</v>
      </c>
      <c r="N24624" s="5" t="s">
        <v>1521</v>
      </c>
      <c r="O24624" s="5" t="s">
        <v>38</v>
      </c>
      <c r="P24624" s="5" t="s">
        <v>39</v>
      </c>
      <c r="Q24624" s="5" t="s">
        <v>40</v>
      </c>
      <c r="R24624" s="5" t="s">
        <v>1522</v>
      </c>
      <c r="S24624" s="5" t="s">
        <v>1523</v>
      </c>
      <c r="T24624" s="5" t="s">
        <v>42</v>
      </c>
      <c r="U24624" s="2">
        <v>3.2719999999999998</v>
      </c>
      <c r="V24624" s="2">
        <v>2.6829999999999998</v>
      </c>
      <c r="W24624" s="2">
        <v>1.7999999999999999E-2</v>
      </c>
      <c r="X24624" s="2">
        <v>139.1</v>
      </c>
      <c r="Y24624" s="2">
        <v>7.6</v>
      </c>
      <c r="Z24624" s="2">
        <v>16.7</v>
      </c>
      <c r="AA24624" s="5"/>
      <c r="AB24624" s="5" t="s">
        <v>43</v>
      </c>
      <c r="AC24624" s="5" t="s">
        <v>44</v>
      </c>
      <c r="AD24624" s="2"/>
      <c r="AE24624" s="1"/>
    </row>
    <row r="24625" spans="1:31" ht="14.45">
      <c r="A24625" s="11"/>
      <c r="B24625" s="20"/>
      <c r="C24625" s="2" t="s">
        <v>78754</v>
      </c>
      <c r="D24625" s="14" t="s">
        <v>78755</v>
      </c>
      <c r="E24625" s="2" t="s">
        <v>78756</v>
      </c>
      <c r="F24625" s="2" t="s">
        <v>7589</v>
      </c>
      <c r="G24625" s="8">
        <v>291</v>
      </c>
      <c r="H24625" s="5">
        <v>6</v>
      </c>
      <c r="I24625" s="5" t="s">
        <v>1518</v>
      </c>
      <c r="J24625" s="5" t="s">
        <v>69038</v>
      </c>
      <c r="K24625" s="2" t="s">
        <v>69039</v>
      </c>
      <c r="L24625" s="5" t="s">
        <v>69038</v>
      </c>
      <c r="M24625" s="2" t="s">
        <v>69039</v>
      </c>
      <c r="N24625" s="5" t="s">
        <v>1521</v>
      </c>
      <c r="O24625" s="5" t="s">
        <v>38</v>
      </c>
      <c r="P24625" s="5" t="s">
        <v>39</v>
      </c>
      <c r="Q24625" s="5" t="s">
        <v>40</v>
      </c>
      <c r="R24625" s="5" t="s">
        <v>1522</v>
      </c>
      <c r="S24625" s="5" t="s">
        <v>1523</v>
      </c>
      <c r="T24625" s="5" t="s">
        <v>42</v>
      </c>
      <c r="U24625" s="2">
        <v>3.3679999999999999</v>
      </c>
      <c r="V24625" s="2">
        <v>2.7789999999999999</v>
      </c>
      <c r="W24625" s="2">
        <v>1.7999999999999999E-2</v>
      </c>
      <c r="X24625" s="2">
        <v>139.1</v>
      </c>
      <c r="Y24625" s="2">
        <v>7.6</v>
      </c>
      <c r="Z24625" s="2">
        <v>16.7</v>
      </c>
      <c r="AA24625" s="5"/>
      <c r="AB24625" s="5" t="s">
        <v>43</v>
      </c>
      <c r="AC24625" s="5" t="s">
        <v>44</v>
      </c>
      <c r="AD24625" s="2"/>
      <c r="AE24625" s="1"/>
    </row>
    <row r="24626" spans="1:31" ht="14.45">
      <c r="A24626" s="11"/>
      <c r="B24626" s="20"/>
      <c r="C24626" s="2" t="s">
        <v>78757</v>
      </c>
      <c r="D24626" s="14" t="s">
        <v>78758</v>
      </c>
      <c r="E24626" s="2" t="s">
        <v>78759</v>
      </c>
      <c r="F24626" s="2" t="s">
        <v>7593</v>
      </c>
      <c r="G24626" s="8">
        <v>291</v>
      </c>
      <c r="H24626" s="5">
        <v>6</v>
      </c>
      <c r="I24626" s="5" t="s">
        <v>1518</v>
      </c>
      <c r="J24626" s="5" t="s">
        <v>69038</v>
      </c>
      <c r="K24626" s="2" t="s">
        <v>69039</v>
      </c>
      <c r="L24626" s="5" t="s">
        <v>69038</v>
      </c>
      <c r="M24626" s="2" t="s">
        <v>69039</v>
      </c>
      <c r="N24626" s="5" t="s">
        <v>1521</v>
      </c>
      <c r="O24626" s="5" t="s">
        <v>38</v>
      </c>
      <c r="P24626" s="5" t="s">
        <v>39</v>
      </c>
      <c r="Q24626" s="5" t="s">
        <v>40</v>
      </c>
      <c r="R24626" s="5" t="s">
        <v>1522</v>
      </c>
      <c r="S24626" s="5" t="s">
        <v>1523</v>
      </c>
      <c r="T24626" s="5" t="s">
        <v>42</v>
      </c>
      <c r="U24626" s="2">
        <v>3.2719999999999998</v>
      </c>
      <c r="V24626" s="2">
        <v>2.6829999999999998</v>
      </c>
      <c r="W24626" s="2">
        <v>1.7999999999999999E-2</v>
      </c>
      <c r="X24626" s="2">
        <v>139.1</v>
      </c>
      <c r="Y24626" s="2">
        <v>7.6</v>
      </c>
      <c r="Z24626" s="2">
        <v>16.7</v>
      </c>
      <c r="AA24626" s="5"/>
      <c r="AB24626" s="5" t="s">
        <v>43</v>
      </c>
      <c r="AC24626" s="5" t="s">
        <v>44</v>
      </c>
      <c r="AD24626" s="2"/>
      <c r="AE24626" s="1"/>
    </row>
    <row r="24627" spans="1:31" ht="14.45">
      <c r="A24627" s="11"/>
      <c r="B24627" s="20"/>
      <c r="C24627" s="2" t="s">
        <v>78760</v>
      </c>
      <c r="D24627" s="14" t="s">
        <v>78761</v>
      </c>
      <c r="E24627" s="2" t="s">
        <v>78762</v>
      </c>
      <c r="F24627" s="2" t="s">
        <v>73358</v>
      </c>
      <c r="G24627" s="8">
        <v>291</v>
      </c>
      <c r="H24627" s="5">
        <v>6</v>
      </c>
      <c r="I24627" s="5" t="s">
        <v>1518</v>
      </c>
      <c r="J24627" s="5" t="s">
        <v>69038</v>
      </c>
      <c r="K24627" s="2" t="s">
        <v>69039</v>
      </c>
      <c r="L24627" s="5" t="s">
        <v>69038</v>
      </c>
      <c r="M24627" s="2" t="s">
        <v>69039</v>
      </c>
      <c r="N24627" s="5" t="s">
        <v>1521</v>
      </c>
      <c r="O24627" s="5" t="s">
        <v>38</v>
      </c>
      <c r="P24627" s="5" t="s">
        <v>39</v>
      </c>
      <c r="Q24627" s="5" t="s">
        <v>40</v>
      </c>
      <c r="R24627" s="5" t="s">
        <v>1522</v>
      </c>
      <c r="S24627" s="5" t="s">
        <v>1523</v>
      </c>
      <c r="T24627" s="5" t="s">
        <v>42</v>
      </c>
      <c r="U24627" s="2">
        <v>3.2719999999999998</v>
      </c>
      <c r="V24627" s="2">
        <v>2.6829999999999998</v>
      </c>
      <c r="W24627" s="2">
        <v>1.7999999999999999E-2</v>
      </c>
      <c r="X24627" s="2">
        <v>139.1</v>
      </c>
      <c r="Y24627" s="2">
        <v>7.6</v>
      </c>
      <c r="Z24627" s="2">
        <v>16.7</v>
      </c>
      <c r="AA24627" s="5"/>
      <c r="AB24627" s="5" t="s">
        <v>43</v>
      </c>
      <c r="AC24627" s="5" t="s">
        <v>44</v>
      </c>
      <c r="AD24627" s="2"/>
      <c r="AE24627" s="1"/>
    </row>
    <row r="24628" spans="1:31" ht="14.45">
      <c r="A24628" s="11"/>
      <c r="B24628" s="20"/>
      <c r="C24628" s="2" t="s">
        <v>78763</v>
      </c>
      <c r="D24628" s="14" t="s">
        <v>78764</v>
      </c>
      <c r="E24628" s="2" t="s">
        <v>78765</v>
      </c>
      <c r="F24628" s="2" t="s">
        <v>73362</v>
      </c>
      <c r="G24628" s="8">
        <v>291</v>
      </c>
      <c r="H24628" s="5">
        <v>6</v>
      </c>
      <c r="I24628" s="5" t="s">
        <v>1518</v>
      </c>
      <c r="J24628" s="5" t="s">
        <v>69038</v>
      </c>
      <c r="K24628" s="2" t="s">
        <v>69039</v>
      </c>
      <c r="L24628" s="5" t="s">
        <v>69038</v>
      </c>
      <c r="M24628" s="2" t="s">
        <v>69039</v>
      </c>
      <c r="N24628" s="5" t="s">
        <v>1521</v>
      </c>
      <c r="O24628" s="5" t="s">
        <v>38</v>
      </c>
      <c r="P24628" s="5" t="s">
        <v>39</v>
      </c>
      <c r="Q24628" s="5" t="s">
        <v>40</v>
      </c>
      <c r="R24628" s="5" t="s">
        <v>1522</v>
      </c>
      <c r="S24628" s="5" t="s">
        <v>1523</v>
      </c>
      <c r="T24628" s="5" t="s">
        <v>42</v>
      </c>
      <c r="U24628" s="2">
        <v>3.3679999999999999</v>
      </c>
      <c r="V24628" s="2">
        <v>2.7789999999999999</v>
      </c>
      <c r="W24628" s="2">
        <v>1.7999999999999999E-2</v>
      </c>
      <c r="X24628" s="2">
        <v>139.1</v>
      </c>
      <c r="Y24628" s="2">
        <v>7.6</v>
      </c>
      <c r="Z24628" s="2">
        <v>16.7</v>
      </c>
      <c r="AA24628" s="5"/>
      <c r="AB24628" s="5" t="s">
        <v>43</v>
      </c>
      <c r="AC24628" s="5" t="s">
        <v>44</v>
      </c>
      <c r="AD24628" s="2"/>
      <c r="AE24628" s="1"/>
    </row>
    <row r="24629" spans="1:31" ht="14.45">
      <c r="A24629" s="11"/>
      <c r="B24629" s="20"/>
      <c r="C24629" s="2" t="s">
        <v>78766</v>
      </c>
      <c r="D24629" s="14" t="s">
        <v>78767</v>
      </c>
      <c r="E24629" s="2" t="s">
        <v>78768</v>
      </c>
      <c r="F24629" s="2" t="s">
        <v>7615</v>
      </c>
      <c r="G24629" s="8">
        <v>291</v>
      </c>
      <c r="H24629" s="5">
        <v>6</v>
      </c>
      <c r="I24629" s="5" t="s">
        <v>1518</v>
      </c>
      <c r="J24629" s="5" t="s">
        <v>69038</v>
      </c>
      <c r="K24629" s="2" t="s">
        <v>69039</v>
      </c>
      <c r="L24629" s="5" t="s">
        <v>69038</v>
      </c>
      <c r="M24629" s="2" t="s">
        <v>69039</v>
      </c>
      <c r="N24629" s="5" t="s">
        <v>1521</v>
      </c>
      <c r="O24629" s="5" t="s">
        <v>38</v>
      </c>
      <c r="P24629" s="5" t="s">
        <v>39</v>
      </c>
      <c r="Q24629" s="5" t="s">
        <v>40</v>
      </c>
      <c r="R24629" s="5" t="s">
        <v>1522</v>
      </c>
      <c r="S24629" s="5" t="s">
        <v>1523</v>
      </c>
      <c r="T24629" s="5" t="s">
        <v>42</v>
      </c>
      <c r="U24629" s="2">
        <v>3.2719999999999998</v>
      </c>
      <c r="V24629" s="2">
        <v>2.6829999999999998</v>
      </c>
      <c r="W24629" s="2">
        <v>1.7999999999999999E-2</v>
      </c>
      <c r="X24629" s="2">
        <v>139.1</v>
      </c>
      <c r="Y24629" s="2">
        <v>7.6</v>
      </c>
      <c r="Z24629" s="2">
        <v>16.7</v>
      </c>
      <c r="AA24629" s="5"/>
      <c r="AB24629" s="5" t="s">
        <v>43</v>
      </c>
      <c r="AC24629" s="5" t="s">
        <v>44</v>
      </c>
      <c r="AD24629" s="2"/>
      <c r="AE24629" s="1"/>
    </row>
    <row r="24630" spans="1:31" ht="14.45">
      <c r="A24630" s="11"/>
      <c r="B24630" s="20"/>
      <c r="C24630" s="2" t="s">
        <v>78769</v>
      </c>
      <c r="D24630" s="14" t="s">
        <v>78770</v>
      </c>
      <c r="E24630" s="2" t="s">
        <v>78771</v>
      </c>
      <c r="F24630" s="2" t="s">
        <v>7619</v>
      </c>
      <c r="G24630" s="8">
        <v>291</v>
      </c>
      <c r="H24630" s="5">
        <v>6</v>
      </c>
      <c r="I24630" s="5" t="s">
        <v>1518</v>
      </c>
      <c r="J24630" s="5" t="s">
        <v>69038</v>
      </c>
      <c r="K24630" s="2" t="s">
        <v>69039</v>
      </c>
      <c r="L24630" s="5" t="s">
        <v>69038</v>
      </c>
      <c r="M24630" s="2" t="s">
        <v>69039</v>
      </c>
      <c r="N24630" s="5" t="s">
        <v>1521</v>
      </c>
      <c r="O24630" s="5" t="s">
        <v>38</v>
      </c>
      <c r="P24630" s="5" t="s">
        <v>39</v>
      </c>
      <c r="Q24630" s="5" t="s">
        <v>40</v>
      </c>
      <c r="R24630" s="5" t="s">
        <v>1522</v>
      </c>
      <c r="S24630" s="5" t="s">
        <v>1523</v>
      </c>
      <c r="T24630" s="5" t="s">
        <v>42</v>
      </c>
      <c r="U24630" s="2">
        <v>3.3679999999999999</v>
      </c>
      <c r="V24630" s="2">
        <v>2.7789999999999999</v>
      </c>
      <c r="W24630" s="2">
        <v>1.7999999999999999E-2</v>
      </c>
      <c r="X24630" s="2">
        <v>139.1</v>
      </c>
      <c r="Y24630" s="2">
        <v>7.6</v>
      </c>
      <c r="Z24630" s="2">
        <v>16.7</v>
      </c>
      <c r="AA24630" s="5"/>
      <c r="AB24630" s="5" t="s">
        <v>43</v>
      </c>
      <c r="AC24630" s="5" t="s">
        <v>44</v>
      </c>
      <c r="AD24630" s="2"/>
      <c r="AE24630" s="1"/>
    </row>
    <row r="24631" spans="1:31" ht="14.45">
      <c r="A24631" s="11"/>
      <c r="B24631" s="20"/>
      <c r="C24631" s="2" t="s">
        <v>78772</v>
      </c>
      <c r="D24631" s="14" t="s">
        <v>78773</v>
      </c>
      <c r="E24631" s="2" t="s">
        <v>78774</v>
      </c>
      <c r="F24631" s="2" t="s">
        <v>16014</v>
      </c>
      <c r="G24631" s="8">
        <v>291</v>
      </c>
      <c r="H24631" s="5">
        <v>6</v>
      </c>
      <c r="I24631" s="5" t="s">
        <v>1518</v>
      </c>
      <c r="J24631" s="5" t="s">
        <v>69038</v>
      </c>
      <c r="K24631" s="2" t="s">
        <v>69039</v>
      </c>
      <c r="L24631" s="5" t="s">
        <v>69038</v>
      </c>
      <c r="M24631" s="2" t="s">
        <v>69039</v>
      </c>
      <c r="N24631" s="5" t="s">
        <v>1521</v>
      </c>
      <c r="O24631" s="5" t="s">
        <v>38</v>
      </c>
      <c r="P24631" s="5" t="s">
        <v>39</v>
      </c>
      <c r="Q24631" s="5" t="s">
        <v>40</v>
      </c>
      <c r="R24631" s="5" t="s">
        <v>1522</v>
      </c>
      <c r="S24631" s="5" t="s">
        <v>1523</v>
      </c>
      <c r="T24631" s="5" t="s">
        <v>42</v>
      </c>
      <c r="U24631" s="2">
        <v>3.2719999999999998</v>
      </c>
      <c r="V24631" s="2">
        <v>2.6829999999999998</v>
      </c>
      <c r="W24631" s="2">
        <v>1.7999999999999999E-2</v>
      </c>
      <c r="X24631" s="2">
        <v>139.1</v>
      </c>
      <c r="Y24631" s="2">
        <v>7.6</v>
      </c>
      <c r="Z24631" s="2">
        <v>16.7</v>
      </c>
      <c r="AA24631" s="5"/>
      <c r="AB24631" s="5" t="s">
        <v>43</v>
      </c>
      <c r="AC24631" s="5" t="s">
        <v>44</v>
      </c>
      <c r="AD24631" s="2"/>
      <c r="AE24631" s="1"/>
    </row>
    <row r="24632" spans="1:31" ht="14.45">
      <c r="A24632" s="11"/>
      <c r="B24632" s="20"/>
      <c r="C24632" s="2" t="s">
        <v>78775</v>
      </c>
      <c r="D24632" s="14" t="s">
        <v>78776</v>
      </c>
      <c r="E24632" s="2" t="s">
        <v>78777</v>
      </c>
      <c r="F24632" s="2" t="s">
        <v>16219</v>
      </c>
      <c r="G24632" s="8">
        <v>291</v>
      </c>
      <c r="H24632" s="5">
        <v>6</v>
      </c>
      <c r="I24632" s="5" t="s">
        <v>1518</v>
      </c>
      <c r="J24632" s="5" t="s">
        <v>69038</v>
      </c>
      <c r="K24632" s="2" t="s">
        <v>69039</v>
      </c>
      <c r="L24632" s="5" t="s">
        <v>69038</v>
      </c>
      <c r="M24632" s="2" t="s">
        <v>69039</v>
      </c>
      <c r="N24632" s="5" t="s">
        <v>1521</v>
      </c>
      <c r="O24632" s="5" t="s">
        <v>38</v>
      </c>
      <c r="P24632" s="5" t="s">
        <v>39</v>
      </c>
      <c r="Q24632" s="5" t="s">
        <v>40</v>
      </c>
      <c r="R24632" s="5" t="s">
        <v>1522</v>
      </c>
      <c r="S24632" s="5" t="s">
        <v>1523</v>
      </c>
      <c r="T24632" s="5" t="s">
        <v>42</v>
      </c>
      <c r="U24632" s="2">
        <v>3.3679999999999999</v>
      </c>
      <c r="V24632" s="2">
        <v>2.7789999999999999</v>
      </c>
      <c r="W24632" s="2">
        <v>1.7999999999999999E-2</v>
      </c>
      <c r="X24632" s="2">
        <v>139.1</v>
      </c>
      <c r="Y24632" s="2">
        <v>7.6</v>
      </c>
      <c r="Z24632" s="2">
        <v>16.7</v>
      </c>
      <c r="AA24632" s="5"/>
      <c r="AB24632" s="5" t="s">
        <v>43</v>
      </c>
      <c r="AC24632" s="5" t="s">
        <v>44</v>
      </c>
      <c r="AD24632" s="2"/>
      <c r="AE24632" s="1"/>
    </row>
    <row r="24633" spans="1:31" ht="14.45">
      <c r="A24633" s="11"/>
      <c r="B24633" s="20"/>
      <c r="C24633" s="2" t="s">
        <v>78778</v>
      </c>
      <c r="D24633" s="14" t="s">
        <v>78779</v>
      </c>
      <c r="E24633" s="2" t="s">
        <v>78780</v>
      </c>
      <c r="F24633" s="2" t="s">
        <v>7212</v>
      </c>
      <c r="G24633" s="8">
        <v>270</v>
      </c>
      <c r="H24633" s="5">
        <v>6</v>
      </c>
      <c r="I24633" s="5" t="s">
        <v>1518</v>
      </c>
      <c r="J24633" s="5" t="s">
        <v>69038</v>
      </c>
      <c r="K24633" s="2" t="s">
        <v>69039</v>
      </c>
      <c r="L24633" s="5" t="s">
        <v>69038</v>
      </c>
      <c r="M24633" s="2" t="s">
        <v>69039</v>
      </c>
      <c r="N24633" s="5" t="s">
        <v>1521</v>
      </c>
      <c r="O24633" s="5" t="s">
        <v>38</v>
      </c>
      <c r="P24633" s="5" t="s">
        <v>39</v>
      </c>
      <c r="Q24633" s="5" t="s">
        <v>40</v>
      </c>
      <c r="R24633" s="5" t="s">
        <v>1522</v>
      </c>
      <c r="S24633" s="5" t="s">
        <v>1523</v>
      </c>
      <c r="T24633" s="5" t="s">
        <v>42</v>
      </c>
      <c r="U24633" s="2">
        <v>3.2719999999999998</v>
      </c>
      <c r="V24633" s="2">
        <v>2.6829999999999998</v>
      </c>
      <c r="W24633" s="2">
        <v>1.7999999999999999E-2</v>
      </c>
      <c r="X24633" s="2">
        <v>139.1</v>
      </c>
      <c r="Y24633" s="2">
        <v>7.6</v>
      </c>
      <c r="Z24633" s="2">
        <v>16.7</v>
      </c>
      <c r="AA24633" s="5"/>
      <c r="AB24633" s="5" t="s">
        <v>43</v>
      </c>
      <c r="AC24633" s="5" t="s">
        <v>44</v>
      </c>
      <c r="AD24633" s="2"/>
      <c r="AE24633" s="1"/>
    </row>
    <row r="24634" spans="1:31" ht="14.45">
      <c r="A24634" s="11"/>
      <c r="B24634" s="20"/>
      <c r="C24634" s="2" t="s">
        <v>78781</v>
      </c>
      <c r="D24634" s="14" t="s">
        <v>78782</v>
      </c>
      <c r="E24634" s="2" t="s">
        <v>78783</v>
      </c>
      <c r="F24634" s="2" t="s">
        <v>7528</v>
      </c>
      <c r="G24634" s="8">
        <v>270</v>
      </c>
      <c r="H24634" s="5">
        <v>6</v>
      </c>
      <c r="I24634" s="5" t="s">
        <v>1518</v>
      </c>
      <c r="J24634" s="5" t="s">
        <v>69038</v>
      </c>
      <c r="K24634" s="2" t="s">
        <v>69039</v>
      </c>
      <c r="L24634" s="5" t="s">
        <v>69038</v>
      </c>
      <c r="M24634" s="2" t="s">
        <v>69039</v>
      </c>
      <c r="N24634" s="5" t="s">
        <v>1521</v>
      </c>
      <c r="O24634" s="5" t="s">
        <v>38</v>
      </c>
      <c r="P24634" s="5" t="s">
        <v>39</v>
      </c>
      <c r="Q24634" s="5" t="s">
        <v>40</v>
      </c>
      <c r="R24634" s="5" t="s">
        <v>1522</v>
      </c>
      <c r="S24634" s="5" t="s">
        <v>1523</v>
      </c>
      <c r="T24634" s="5" t="s">
        <v>42</v>
      </c>
      <c r="U24634" s="2">
        <v>3.3679999999999999</v>
      </c>
      <c r="V24634" s="2">
        <v>2.7789999999999999</v>
      </c>
      <c r="W24634" s="2">
        <v>1.7999999999999999E-2</v>
      </c>
      <c r="X24634" s="2">
        <v>139.1</v>
      </c>
      <c r="Y24634" s="2">
        <v>7.6</v>
      </c>
      <c r="Z24634" s="2">
        <v>16.7</v>
      </c>
      <c r="AA24634" s="5"/>
      <c r="AB24634" s="5" t="s">
        <v>43</v>
      </c>
      <c r="AC24634" s="5" t="s">
        <v>44</v>
      </c>
      <c r="AD24634" s="2"/>
      <c r="AE24634" s="1"/>
    </row>
    <row r="24635" spans="1:31" ht="14.45">
      <c r="A24635" s="11"/>
      <c r="B24635" s="20"/>
      <c r="C24635" s="2" t="s">
        <v>78784</v>
      </c>
      <c r="D24635" s="14" t="s">
        <v>78785</v>
      </c>
      <c r="E24635" s="2" t="s">
        <v>78786</v>
      </c>
      <c r="F24635" s="2" t="s">
        <v>16029</v>
      </c>
      <c r="G24635" s="8">
        <v>291</v>
      </c>
      <c r="H24635" s="5">
        <v>6</v>
      </c>
      <c r="I24635" s="5" t="s">
        <v>1518</v>
      </c>
      <c r="J24635" s="5" t="s">
        <v>69038</v>
      </c>
      <c r="K24635" s="2" t="s">
        <v>69039</v>
      </c>
      <c r="L24635" s="5" t="s">
        <v>69038</v>
      </c>
      <c r="M24635" s="2" t="s">
        <v>69039</v>
      </c>
      <c r="N24635" s="5" t="s">
        <v>1521</v>
      </c>
      <c r="O24635" s="5" t="s">
        <v>38</v>
      </c>
      <c r="P24635" s="5" t="s">
        <v>39</v>
      </c>
      <c r="Q24635" s="5" t="s">
        <v>40</v>
      </c>
      <c r="R24635" s="5" t="s">
        <v>1522</v>
      </c>
      <c r="S24635" s="5" t="s">
        <v>1523</v>
      </c>
      <c r="T24635" s="5" t="s">
        <v>42</v>
      </c>
      <c r="U24635" s="2">
        <v>3.2730000000000001</v>
      </c>
      <c r="V24635" s="2">
        <v>2.6840000000000002</v>
      </c>
      <c r="W24635" s="2">
        <v>1.7999999999999999E-2</v>
      </c>
      <c r="X24635" s="2">
        <v>139.1</v>
      </c>
      <c r="Y24635" s="2">
        <v>7.6</v>
      </c>
      <c r="Z24635" s="2">
        <v>16.7</v>
      </c>
      <c r="AA24635" s="5"/>
      <c r="AB24635" s="5" t="s">
        <v>43</v>
      </c>
      <c r="AC24635" s="5" t="s">
        <v>44</v>
      </c>
      <c r="AD24635" s="2"/>
      <c r="AE24635" s="1"/>
    </row>
    <row r="24636" spans="1:31" ht="14.45">
      <c r="A24636" s="11"/>
      <c r="B24636" s="20"/>
      <c r="C24636" s="2" t="s">
        <v>78787</v>
      </c>
      <c r="D24636" s="14" t="s">
        <v>78788</v>
      </c>
      <c r="E24636" s="2" t="s">
        <v>78789</v>
      </c>
      <c r="F24636" s="2" t="s">
        <v>16033</v>
      </c>
      <c r="G24636" s="8">
        <v>291</v>
      </c>
      <c r="H24636" s="5">
        <v>6</v>
      </c>
      <c r="I24636" s="5" t="s">
        <v>1518</v>
      </c>
      <c r="J24636" s="5" t="s">
        <v>69038</v>
      </c>
      <c r="K24636" s="2" t="s">
        <v>69039</v>
      </c>
      <c r="L24636" s="5" t="s">
        <v>69038</v>
      </c>
      <c r="M24636" s="2" t="s">
        <v>69039</v>
      </c>
      <c r="N24636" s="5" t="s">
        <v>1521</v>
      </c>
      <c r="O24636" s="5" t="s">
        <v>38</v>
      </c>
      <c r="P24636" s="5" t="s">
        <v>39</v>
      </c>
      <c r="Q24636" s="5" t="s">
        <v>40</v>
      </c>
      <c r="R24636" s="5" t="s">
        <v>1522</v>
      </c>
      <c r="S24636" s="5" t="s">
        <v>1523</v>
      </c>
      <c r="T24636" s="5" t="s">
        <v>42</v>
      </c>
      <c r="U24636" s="2">
        <v>3.3690000000000002</v>
      </c>
      <c r="V24636" s="2">
        <v>2.78</v>
      </c>
      <c r="W24636" s="2">
        <v>1.7999999999999999E-2</v>
      </c>
      <c r="X24636" s="2">
        <v>139.1</v>
      </c>
      <c r="Y24636" s="2">
        <v>7.6</v>
      </c>
      <c r="Z24636" s="2">
        <v>16.7</v>
      </c>
      <c r="AA24636" s="5"/>
      <c r="AB24636" s="5" t="s">
        <v>43</v>
      </c>
      <c r="AC24636" s="5" t="s">
        <v>44</v>
      </c>
      <c r="AD24636" s="2"/>
      <c r="AE24636" s="1"/>
    </row>
    <row r="24637" spans="1:31" ht="14.45">
      <c r="A24637" s="11"/>
      <c r="B24637" s="20"/>
      <c r="C24637" s="2" t="s">
        <v>78790</v>
      </c>
      <c r="D24637" s="14" t="s">
        <v>78791</v>
      </c>
      <c r="E24637" s="2" t="s">
        <v>78792</v>
      </c>
      <c r="F24637" s="2" t="s">
        <v>7204</v>
      </c>
      <c r="G24637" s="8">
        <v>278</v>
      </c>
      <c r="H24637" s="5">
        <v>6</v>
      </c>
      <c r="I24637" s="5" t="s">
        <v>1518</v>
      </c>
      <c r="J24637" s="5" t="s">
        <v>69038</v>
      </c>
      <c r="K24637" s="2" t="s">
        <v>69039</v>
      </c>
      <c r="L24637" s="5" t="s">
        <v>69038</v>
      </c>
      <c r="M24637" s="2" t="s">
        <v>69039</v>
      </c>
      <c r="N24637" s="5" t="s">
        <v>1521</v>
      </c>
      <c r="O24637" s="5" t="s">
        <v>38</v>
      </c>
      <c r="P24637" s="5" t="s">
        <v>39</v>
      </c>
      <c r="Q24637" s="5" t="s">
        <v>40</v>
      </c>
      <c r="R24637" s="5" t="s">
        <v>1522</v>
      </c>
      <c r="S24637" s="5" t="s">
        <v>1523</v>
      </c>
      <c r="T24637" s="5" t="s">
        <v>42</v>
      </c>
      <c r="U24637" s="2">
        <v>3.4350000000000001</v>
      </c>
      <c r="V24637" s="2">
        <v>2.8570000000000002</v>
      </c>
      <c r="W24637" s="2">
        <v>1.7999999999999999E-2</v>
      </c>
      <c r="X24637" s="2">
        <v>139.1</v>
      </c>
      <c r="Y24637" s="2">
        <v>7.6</v>
      </c>
      <c r="Z24637" s="2">
        <v>16.7</v>
      </c>
      <c r="AA24637" s="5"/>
      <c r="AB24637" s="5" t="s">
        <v>43</v>
      </c>
      <c r="AC24637" s="5" t="s">
        <v>44</v>
      </c>
      <c r="AD24637" s="2"/>
      <c r="AE24637" s="1"/>
    </row>
    <row r="24638" spans="1:31" ht="14.45">
      <c r="A24638" s="11"/>
      <c r="B24638" s="20"/>
      <c r="C24638" s="2" t="s">
        <v>78793</v>
      </c>
      <c r="D24638" s="14" t="s">
        <v>78794</v>
      </c>
      <c r="E24638" s="2" t="s">
        <v>78795</v>
      </c>
      <c r="F24638" s="2" t="s">
        <v>7514</v>
      </c>
      <c r="G24638" s="8">
        <v>278</v>
      </c>
      <c r="H24638" s="5">
        <v>6</v>
      </c>
      <c r="I24638" s="5" t="s">
        <v>1518</v>
      </c>
      <c r="J24638" s="5" t="s">
        <v>69038</v>
      </c>
      <c r="K24638" s="2" t="s">
        <v>69039</v>
      </c>
      <c r="L24638" s="5" t="s">
        <v>69038</v>
      </c>
      <c r="M24638" s="2" t="s">
        <v>69039</v>
      </c>
      <c r="N24638" s="5" t="s">
        <v>1521</v>
      </c>
      <c r="O24638" s="5" t="s">
        <v>38</v>
      </c>
      <c r="P24638" s="5" t="s">
        <v>39</v>
      </c>
      <c r="Q24638" s="5" t="s">
        <v>40</v>
      </c>
      <c r="R24638" s="5" t="s">
        <v>1522</v>
      </c>
      <c r="S24638" s="5" t="s">
        <v>1523</v>
      </c>
      <c r="T24638" s="5" t="s">
        <v>42</v>
      </c>
      <c r="U24638" s="2">
        <v>3.5449999999999999</v>
      </c>
      <c r="V24638" s="2">
        <v>2.9670000000000001</v>
      </c>
      <c r="W24638" s="2">
        <v>1.7999999999999999E-2</v>
      </c>
      <c r="X24638" s="2">
        <v>139.1</v>
      </c>
      <c r="Y24638" s="2">
        <v>7.6</v>
      </c>
      <c r="Z24638" s="2">
        <v>16.7</v>
      </c>
      <c r="AA24638" s="5"/>
      <c r="AB24638" s="5" t="s">
        <v>43</v>
      </c>
      <c r="AC24638" s="5" t="s">
        <v>44</v>
      </c>
      <c r="AD24638" s="2"/>
      <c r="AE24638" s="1"/>
    </row>
    <row r="24639" spans="1:31" ht="14.45">
      <c r="A24639" s="11"/>
      <c r="B24639" s="20"/>
      <c r="C24639" s="2" t="s">
        <v>78796</v>
      </c>
      <c r="D24639" s="14" t="s">
        <v>78797</v>
      </c>
      <c r="E24639" s="2" t="s">
        <v>78798</v>
      </c>
      <c r="F24639" s="2" t="s">
        <v>7208</v>
      </c>
      <c r="G24639" s="8">
        <v>278</v>
      </c>
      <c r="H24639" s="5">
        <v>6</v>
      </c>
      <c r="I24639" s="5" t="s">
        <v>1518</v>
      </c>
      <c r="J24639" s="5" t="s">
        <v>69038</v>
      </c>
      <c r="K24639" s="2" t="s">
        <v>69039</v>
      </c>
      <c r="L24639" s="5" t="s">
        <v>69038</v>
      </c>
      <c r="M24639" s="2" t="s">
        <v>69039</v>
      </c>
      <c r="N24639" s="5" t="s">
        <v>1521</v>
      </c>
      <c r="O24639" s="5" t="s">
        <v>38</v>
      </c>
      <c r="P24639" s="5" t="s">
        <v>39</v>
      </c>
      <c r="Q24639" s="5" t="s">
        <v>40</v>
      </c>
      <c r="R24639" s="5" t="s">
        <v>1522</v>
      </c>
      <c r="S24639" s="5" t="s">
        <v>1523</v>
      </c>
      <c r="T24639" s="5" t="s">
        <v>42</v>
      </c>
      <c r="U24639" s="2">
        <v>3.4350000000000001</v>
      </c>
      <c r="V24639" s="2">
        <v>2.8570000000000002</v>
      </c>
      <c r="W24639" s="2">
        <v>1.7999999999999999E-2</v>
      </c>
      <c r="X24639" s="2">
        <v>139.1</v>
      </c>
      <c r="Y24639" s="2">
        <v>7.6</v>
      </c>
      <c r="Z24639" s="2">
        <v>16.7</v>
      </c>
      <c r="AA24639" s="5"/>
      <c r="AB24639" s="5" t="s">
        <v>43</v>
      </c>
      <c r="AC24639" s="5" t="s">
        <v>44</v>
      </c>
      <c r="AD24639" s="2"/>
      <c r="AE24639" s="1"/>
    </row>
    <row r="24640" spans="1:31" ht="14.45">
      <c r="A24640" s="11"/>
      <c r="B24640" s="20"/>
      <c r="C24640" s="2" t="s">
        <v>78799</v>
      </c>
      <c r="D24640" s="14" t="s">
        <v>78800</v>
      </c>
      <c r="E24640" s="2" t="s">
        <v>78801</v>
      </c>
      <c r="F24640" s="2" t="s">
        <v>7521</v>
      </c>
      <c r="G24640" s="8">
        <v>278</v>
      </c>
      <c r="H24640" s="5">
        <v>6</v>
      </c>
      <c r="I24640" s="5" t="s">
        <v>1518</v>
      </c>
      <c r="J24640" s="5" t="s">
        <v>69038</v>
      </c>
      <c r="K24640" s="2" t="s">
        <v>69039</v>
      </c>
      <c r="L24640" s="5" t="s">
        <v>69038</v>
      </c>
      <c r="M24640" s="2" t="s">
        <v>69039</v>
      </c>
      <c r="N24640" s="5" t="s">
        <v>1521</v>
      </c>
      <c r="O24640" s="5" t="s">
        <v>38</v>
      </c>
      <c r="P24640" s="5" t="s">
        <v>39</v>
      </c>
      <c r="Q24640" s="5" t="s">
        <v>40</v>
      </c>
      <c r="R24640" s="5" t="s">
        <v>1522</v>
      </c>
      <c r="S24640" s="5" t="s">
        <v>1523</v>
      </c>
      <c r="T24640" s="5" t="s">
        <v>42</v>
      </c>
      <c r="U24640" s="2">
        <v>3.5449999999999999</v>
      </c>
      <c r="V24640" s="2">
        <v>2.9670000000000001</v>
      </c>
      <c r="W24640" s="2">
        <v>1.7999999999999999E-2</v>
      </c>
      <c r="X24640" s="2">
        <v>139.1</v>
      </c>
      <c r="Y24640" s="2">
        <v>7.6</v>
      </c>
      <c r="Z24640" s="2">
        <v>16.7</v>
      </c>
      <c r="AA24640" s="5"/>
      <c r="AB24640" s="5" t="s">
        <v>43</v>
      </c>
      <c r="AC24640" s="5" t="s">
        <v>44</v>
      </c>
      <c r="AD24640" s="2"/>
      <c r="AE24640" s="1"/>
    </row>
    <row r="24641" spans="1:31" ht="14.45">
      <c r="A24641" s="11"/>
      <c r="B24641" s="20"/>
      <c r="C24641" s="2" t="s">
        <v>78802</v>
      </c>
      <c r="D24641" s="14" t="s">
        <v>78803</v>
      </c>
      <c r="E24641" s="2" t="s">
        <v>78804</v>
      </c>
      <c r="F24641" s="2" t="s">
        <v>7406</v>
      </c>
      <c r="G24641" s="8">
        <v>300</v>
      </c>
      <c r="H24641" s="5">
        <v>6</v>
      </c>
      <c r="I24641" s="5" t="s">
        <v>1518</v>
      </c>
      <c r="J24641" s="5" t="s">
        <v>69038</v>
      </c>
      <c r="K24641" s="2" t="s">
        <v>69039</v>
      </c>
      <c r="L24641" s="5" t="s">
        <v>69038</v>
      </c>
      <c r="M24641" s="2" t="s">
        <v>69039</v>
      </c>
      <c r="N24641" s="5" t="s">
        <v>1521</v>
      </c>
      <c r="O24641" s="5" t="s">
        <v>38</v>
      </c>
      <c r="P24641" s="5" t="s">
        <v>39</v>
      </c>
      <c r="Q24641" s="5" t="s">
        <v>40</v>
      </c>
      <c r="R24641" s="5" t="s">
        <v>1522</v>
      </c>
      <c r="S24641" s="5" t="s">
        <v>1523</v>
      </c>
      <c r="T24641" s="5" t="s">
        <v>42</v>
      </c>
      <c r="U24641" s="2">
        <v>3.4350000000000001</v>
      </c>
      <c r="V24641" s="2">
        <v>2.8570000000000002</v>
      </c>
      <c r="W24641" s="2">
        <v>1.7999999999999999E-2</v>
      </c>
      <c r="X24641" s="2">
        <v>139.1</v>
      </c>
      <c r="Y24641" s="2">
        <v>7.6</v>
      </c>
      <c r="Z24641" s="2">
        <v>16.7</v>
      </c>
      <c r="AA24641" s="5"/>
      <c r="AB24641" s="5" t="s">
        <v>43</v>
      </c>
      <c r="AC24641" s="5" t="s">
        <v>44</v>
      </c>
      <c r="AD24641" s="2"/>
      <c r="AE24641" s="1"/>
    </row>
    <row r="24642" spans="1:31" ht="14.45">
      <c r="A24642" s="11"/>
      <c r="B24642" s="20"/>
      <c r="C24642" s="2" t="s">
        <v>78805</v>
      </c>
      <c r="D24642" s="14" t="s">
        <v>78806</v>
      </c>
      <c r="E24642" s="2" t="s">
        <v>78807</v>
      </c>
      <c r="F24642" s="2" t="s">
        <v>7535</v>
      </c>
      <c r="G24642" s="8">
        <v>300</v>
      </c>
      <c r="H24642" s="5">
        <v>6</v>
      </c>
      <c r="I24642" s="5" t="s">
        <v>1518</v>
      </c>
      <c r="J24642" s="5" t="s">
        <v>69038</v>
      </c>
      <c r="K24642" s="2" t="s">
        <v>69039</v>
      </c>
      <c r="L24642" s="5" t="s">
        <v>69038</v>
      </c>
      <c r="M24642" s="2" t="s">
        <v>69039</v>
      </c>
      <c r="N24642" s="5" t="s">
        <v>1521</v>
      </c>
      <c r="O24642" s="5" t="s">
        <v>38</v>
      </c>
      <c r="P24642" s="5" t="s">
        <v>39</v>
      </c>
      <c r="Q24642" s="5" t="s">
        <v>40</v>
      </c>
      <c r="R24642" s="5" t="s">
        <v>1522</v>
      </c>
      <c r="S24642" s="5" t="s">
        <v>1523</v>
      </c>
      <c r="T24642" s="5" t="s">
        <v>42</v>
      </c>
      <c r="U24642" s="2">
        <v>3.5449999999999999</v>
      </c>
      <c r="V24642" s="2">
        <v>2.9670000000000001</v>
      </c>
      <c r="W24642" s="2">
        <v>1.7999999999999999E-2</v>
      </c>
      <c r="X24642" s="2">
        <v>139.1</v>
      </c>
      <c r="Y24642" s="2">
        <v>7.6</v>
      </c>
      <c r="Z24642" s="2">
        <v>16.7</v>
      </c>
      <c r="AA24642" s="5"/>
      <c r="AB24642" s="5" t="s">
        <v>43</v>
      </c>
      <c r="AC24642" s="5" t="s">
        <v>44</v>
      </c>
      <c r="AD24642" s="2"/>
      <c r="AE24642" s="1"/>
    </row>
    <row r="24643" spans="1:31" ht="14.45">
      <c r="A24643" s="11"/>
      <c r="B24643" s="20"/>
      <c r="C24643" s="2" t="s">
        <v>78808</v>
      </c>
      <c r="D24643" s="14" t="s">
        <v>78809</v>
      </c>
      <c r="E24643" s="2" t="s">
        <v>78810</v>
      </c>
      <c r="F24643" s="2" t="s">
        <v>7539</v>
      </c>
      <c r="G24643" s="8">
        <v>300</v>
      </c>
      <c r="H24643" s="5">
        <v>6</v>
      </c>
      <c r="I24643" s="5" t="s">
        <v>1518</v>
      </c>
      <c r="J24643" s="5" t="s">
        <v>69038</v>
      </c>
      <c r="K24643" s="2" t="s">
        <v>69039</v>
      </c>
      <c r="L24643" s="5" t="s">
        <v>69038</v>
      </c>
      <c r="M24643" s="2" t="s">
        <v>69039</v>
      </c>
      <c r="N24643" s="5" t="s">
        <v>1521</v>
      </c>
      <c r="O24643" s="5" t="s">
        <v>38</v>
      </c>
      <c r="P24643" s="5" t="s">
        <v>39</v>
      </c>
      <c r="Q24643" s="5" t="s">
        <v>40</v>
      </c>
      <c r="R24643" s="5" t="s">
        <v>1522</v>
      </c>
      <c r="S24643" s="5" t="s">
        <v>1523</v>
      </c>
      <c r="T24643" s="5" t="s">
        <v>42</v>
      </c>
      <c r="U24643" s="2">
        <v>3.4350000000000001</v>
      </c>
      <c r="V24643" s="2">
        <v>2.8570000000000002</v>
      </c>
      <c r="W24643" s="2">
        <v>1.7999999999999999E-2</v>
      </c>
      <c r="X24643" s="2">
        <v>139.1</v>
      </c>
      <c r="Y24643" s="2">
        <v>7.6</v>
      </c>
      <c r="Z24643" s="2">
        <v>16.7</v>
      </c>
      <c r="AA24643" s="5"/>
      <c r="AB24643" s="5" t="s">
        <v>43</v>
      </c>
      <c r="AC24643" s="5" t="s">
        <v>44</v>
      </c>
      <c r="AD24643" s="2"/>
      <c r="AE24643" s="1"/>
    </row>
    <row r="24644" spans="1:31" ht="14.45">
      <c r="A24644" s="11"/>
      <c r="B24644" s="20"/>
      <c r="C24644" s="2" t="s">
        <v>78811</v>
      </c>
      <c r="D24644" s="14" t="s">
        <v>78812</v>
      </c>
      <c r="E24644" s="2" t="s">
        <v>78813</v>
      </c>
      <c r="F24644" s="2" t="s">
        <v>7543</v>
      </c>
      <c r="G24644" s="8">
        <v>300</v>
      </c>
      <c r="H24644" s="5">
        <v>6</v>
      </c>
      <c r="I24644" s="5" t="s">
        <v>1518</v>
      </c>
      <c r="J24644" s="5" t="s">
        <v>69038</v>
      </c>
      <c r="K24644" s="2" t="s">
        <v>69039</v>
      </c>
      <c r="L24644" s="5" t="s">
        <v>69038</v>
      </c>
      <c r="M24644" s="2" t="s">
        <v>69039</v>
      </c>
      <c r="N24644" s="5" t="s">
        <v>1521</v>
      </c>
      <c r="O24644" s="5" t="s">
        <v>38</v>
      </c>
      <c r="P24644" s="5" t="s">
        <v>39</v>
      </c>
      <c r="Q24644" s="5" t="s">
        <v>40</v>
      </c>
      <c r="R24644" s="5" t="s">
        <v>1522</v>
      </c>
      <c r="S24644" s="5" t="s">
        <v>1523</v>
      </c>
      <c r="T24644" s="5" t="s">
        <v>42</v>
      </c>
      <c r="U24644" s="2">
        <v>3.5449999999999999</v>
      </c>
      <c r="V24644" s="2">
        <v>2.9670000000000001</v>
      </c>
      <c r="W24644" s="2">
        <v>1.7999999999999999E-2</v>
      </c>
      <c r="X24644" s="2">
        <v>139.1</v>
      </c>
      <c r="Y24644" s="2">
        <v>7.6</v>
      </c>
      <c r="Z24644" s="2">
        <v>16.7</v>
      </c>
      <c r="AA24644" s="5"/>
      <c r="AB24644" s="5" t="s">
        <v>43</v>
      </c>
      <c r="AC24644" s="5" t="s">
        <v>44</v>
      </c>
      <c r="AD24644" s="2"/>
      <c r="AE24644" s="1"/>
    </row>
    <row r="24645" spans="1:31" ht="14.45">
      <c r="A24645" s="11"/>
      <c r="B24645" s="20"/>
      <c r="C24645" s="2" t="s">
        <v>78814</v>
      </c>
      <c r="D24645" s="14" t="s">
        <v>78815</v>
      </c>
      <c r="E24645" s="2" t="s">
        <v>78816</v>
      </c>
      <c r="F24645" s="2" t="s">
        <v>7396</v>
      </c>
      <c r="G24645" s="8">
        <v>278</v>
      </c>
      <c r="H24645" s="5">
        <v>6</v>
      </c>
      <c r="I24645" s="5" t="s">
        <v>1518</v>
      </c>
      <c r="J24645" s="5" t="s">
        <v>69038</v>
      </c>
      <c r="K24645" s="2" t="s">
        <v>69039</v>
      </c>
      <c r="L24645" s="5" t="s">
        <v>69038</v>
      </c>
      <c r="M24645" s="2" t="s">
        <v>69039</v>
      </c>
      <c r="N24645" s="5" t="s">
        <v>1521</v>
      </c>
      <c r="O24645" s="5" t="s">
        <v>38</v>
      </c>
      <c r="P24645" s="5" t="s">
        <v>39</v>
      </c>
      <c r="Q24645" s="5" t="s">
        <v>40</v>
      </c>
      <c r="R24645" s="5" t="s">
        <v>1522</v>
      </c>
      <c r="S24645" s="5" t="s">
        <v>1523</v>
      </c>
      <c r="T24645" s="5" t="s">
        <v>42</v>
      </c>
      <c r="U24645" s="2">
        <v>3.4350000000000001</v>
      </c>
      <c r="V24645" s="2">
        <v>2.8570000000000002</v>
      </c>
      <c r="W24645" s="2">
        <v>1.7999999999999999E-2</v>
      </c>
      <c r="X24645" s="2">
        <v>139.1</v>
      </c>
      <c r="Y24645" s="2">
        <v>7.6</v>
      </c>
      <c r="Z24645" s="2">
        <v>16.7</v>
      </c>
      <c r="AA24645" s="5"/>
      <c r="AB24645" s="5" t="s">
        <v>43</v>
      </c>
      <c r="AC24645" s="5" t="s">
        <v>44</v>
      </c>
      <c r="AD24645" s="2"/>
      <c r="AE24645" s="1"/>
    </row>
    <row r="24646" spans="1:31" ht="14.45">
      <c r="A24646" s="11"/>
      <c r="B24646" s="20"/>
      <c r="C24646" s="2" t="s">
        <v>78817</v>
      </c>
      <c r="D24646" s="14" t="s">
        <v>78818</v>
      </c>
      <c r="E24646" s="2" t="s">
        <v>78819</v>
      </c>
      <c r="F24646" s="2" t="s">
        <v>7507</v>
      </c>
      <c r="G24646" s="8">
        <v>278</v>
      </c>
      <c r="H24646" s="5">
        <v>6</v>
      </c>
      <c r="I24646" s="5" t="s">
        <v>1518</v>
      </c>
      <c r="J24646" s="5" t="s">
        <v>69038</v>
      </c>
      <c r="K24646" s="2" t="s">
        <v>69039</v>
      </c>
      <c r="L24646" s="5" t="s">
        <v>69038</v>
      </c>
      <c r="M24646" s="2" t="s">
        <v>69039</v>
      </c>
      <c r="N24646" s="5" t="s">
        <v>1521</v>
      </c>
      <c r="O24646" s="5" t="s">
        <v>38</v>
      </c>
      <c r="P24646" s="5" t="s">
        <v>39</v>
      </c>
      <c r="Q24646" s="5" t="s">
        <v>40</v>
      </c>
      <c r="R24646" s="5" t="s">
        <v>1522</v>
      </c>
      <c r="S24646" s="5" t="s">
        <v>1523</v>
      </c>
      <c r="T24646" s="5" t="s">
        <v>42</v>
      </c>
      <c r="U24646" s="2">
        <v>3.5449999999999999</v>
      </c>
      <c r="V24646" s="2">
        <v>2.9670000000000001</v>
      </c>
      <c r="W24646" s="2">
        <v>1.7999999999999999E-2</v>
      </c>
      <c r="X24646" s="2">
        <v>139.1</v>
      </c>
      <c r="Y24646" s="2">
        <v>7.6</v>
      </c>
      <c r="Z24646" s="2">
        <v>16.7</v>
      </c>
      <c r="AA24646" s="5"/>
      <c r="AB24646" s="5" t="s">
        <v>43</v>
      </c>
      <c r="AC24646" s="5" t="s">
        <v>44</v>
      </c>
      <c r="AD24646" s="2"/>
      <c r="AE24646" s="1"/>
    </row>
    <row r="24647" spans="1:31" ht="14.45">
      <c r="A24647" s="11"/>
      <c r="B24647" s="20"/>
      <c r="C24647" s="2" t="s">
        <v>78820</v>
      </c>
      <c r="D24647" s="14" t="s">
        <v>78821</v>
      </c>
      <c r="E24647" s="2" t="s">
        <v>78822</v>
      </c>
      <c r="F24647" s="2" t="s">
        <v>7547</v>
      </c>
      <c r="G24647" s="8">
        <v>300</v>
      </c>
      <c r="H24647" s="5">
        <v>6</v>
      </c>
      <c r="I24647" s="5" t="s">
        <v>1518</v>
      </c>
      <c r="J24647" s="5" t="s">
        <v>69038</v>
      </c>
      <c r="K24647" s="2" t="s">
        <v>69039</v>
      </c>
      <c r="L24647" s="5" t="s">
        <v>69038</v>
      </c>
      <c r="M24647" s="2" t="s">
        <v>69039</v>
      </c>
      <c r="N24647" s="5" t="s">
        <v>1521</v>
      </c>
      <c r="O24647" s="5" t="s">
        <v>38</v>
      </c>
      <c r="P24647" s="5" t="s">
        <v>39</v>
      </c>
      <c r="Q24647" s="5" t="s">
        <v>40</v>
      </c>
      <c r="R24647" s="5" t="s">
        <v>1522</v>
      </c>
      <c r="S24647" s="5" t="s">
        <v>1523</v>
      </c>
      <c r="T24647" s="5" t="s">
        <v>42</v>
      </c>
      <c r="U24647" s="2">
        <v>3.4350000000000001</v>
      </c>
      <c r="V24647" s="2">
        <v>2.8570000000000002</v>
      </c>
      <c r="W24647" s="2">
        <v>1.7999999999999999E-2</v>
      </c>
      <c r="X24647" s="2">
        <v>139.1</v>
      </c>
      <c r="Y24647" s="2">
        <v>7.6</v>
      </c>
      <c r="Z24647" s="2">
        <v>16.7</v>
      </c>
      <c r="AA24647" s="5"/>
      <c r="AB24647" s="5" t="s">
        <v>43</v>
      </c>
      <c r="AC24647" s="5" t="s">
        <v>44</v>
      </c>
      <c r="AD24647" s="2"/>
      <c r="AE24647" s="1"/>
    </row>
    <row r="24648" spans="1:31" ht="14.45">
      <c r="A24648" s="11"/>
      <c r="B24648" s="20"/>
      <c r="C24648" s="2" t="s">
        <v>78823</v>
      </c>
      <c r="D24648" s="14" t="s">
        <v>78824</v>
      </c>
      <c r="E24648" s="2" t="s">
        <v>78825</v>
      </c>
      <c r="F24648" s="2" t="s">
        <v>7563</v>
      </c>
      <c r="G24648" s="8">
        <v>300</v>
      </c>
      <c r="H24648" s="5">
        <v>6</v>
      </c>
      <c r="I24648" s="5" t="s">
        <v>1518</v>
      </c>
      <c r="J24648" s="5" t="s">
        <v>69038</v>
      </c>
      <c r="K24648" s="2" t="s">
        <v>69039</v>
      </c>
      <c r="L24648" s="5" t="s">
        <v>69038</v>
      </c>
      <c r="M24648" s="2" t="s">
        <v>69039</v>
      </c>
      <c r="N24648" s="5" t="s">
        <v>1521</v>
      </c>
      <c r="O24648" s="5" t="s">
        <v>38</v>
      </c>
      <c r="P24648" s="5" t="s">
        <v>39</v>
      </c>
      <c r="Q24648" s="5" t="s">
        <v>40</v>
      </c>
      <c r="R24648" s="5" t="s">
        <v>1522</v>
      </c>
      <c r="S24648" s="5" t="s">
        <v>1523</v>
      </c>
      <c r="T24648" s="5" t="s">
        <v>42</v>
      </c>
      <c r="U24648" s="2">
        <v>3.4350000000000001</v>
      </c>
      <c r="V24648" s="2">
        <v>2.8570000000000002</v>
      </c>
      <c r="W24648" s="2">
        <v>1.7999999999999999E-2</v>
      </c>
      <c r="X24648" s="2">
        <v>139.1</v>
      </c>
      <c r="Y24648" s="2">
        <v>7.6</v>
      </c>
      <c r="Z24648" s="2">
        <v>16.7</v>
      </c>
      <c r="AA24648" s="5"/>
      <c r="AB24648" s="5" t="s">
        <v>43</v>
      </c>
      <c r="AC24648" s="5" t="s">
        <v>44</v>
      </c>
      <c r="AD24648" s="2"/>
      <c r="AE24648" s="1"/>
    </row>
    <row r="24649" spans="1:31" ht="14.45">
      <c r="A24649" s="11"/>
      <c r="B24649" s="20"/>
      <c r="C24649" s="2" t="s">
        <v>78826</v>
      </c>
      <c r="D24649" s="14" t="s">
        <v>78827</v>
      </c>
      <c r="E24649" s="2" t="s">
        <v>78828</v>
      </c>
      <c r="F24649" s="2" t="s">
        <v>7567</v>
      </c>
      <c r="G24649" s="8">
        <v>300</v>
      </c>
      <c r="H24649" s="5">
        <v>6</v>
      </c>
      <c r="I24649" s="5" t="s">
        <v>1518</v>
      </c>
      <c r="J24649" s="5" t="s">
        <v>69038</v>
      </c>
      <c r="K24649" s="2" t="s">
        <v>69039</v>
      </c>
      <c r="L24649" s="5" t="s">
        <v>69038</v>
      </c>
      <c r="M24649" s="2" t="s">
        <v>69039</v>
      </c>
      <c r="N24649" s="5" t="s">
        <v>1521</v>
      </c>
      <c r="O24649" s="5" t="s">
        <v>38</v>
      </c>
      <c r="P24649" s="5" t="s">
        <v>39</v>
      </c>
      <c r="Q24649" s="5" t="s">
        <v>40</v>
      </c>
      <c r="R24649" s="5" t="s">
        <v>1522</v>
      </c>
      <c r="S24649" s="5" t="s">
        <v>1523</v>
      </c>
      <c r="T24649" s="5" t="s">
        <v>42</v>
      </c>
      <c r="U24649" s="2">
        <v>3.5449999999999999</v>
      </c>
      <c r="V24649" s="2">
        <v>2.9670000000000001</v>
      </c>
      <c r="W24649" s="2">
        <v>1.7999999999999999E-2</v>
      </c>
      <c r="X24649" s="2">
        <v>139.1</v>
      </c>
      <c r="Y24649" s="2">
        <v>7.6</v>
      </c>
      <c r="Z24649" s="2">
        <v>16.7</v>
      </c>
      <c r="AA24649" s="5"/>
      <c r="AB24649" s="5" t="s">
        <v>43</v>
      </c>
      <c r="AC24649" s="5" t="s">
        <v>44</v>
      </c>
      <c r="AD24649" s="2"/>
      <c r="AE24649" s="1"/>
    </row>
    <row r="24650" spans="1:31" ht="14.45">
      <c r="A24650" s="11"/>
      <c r="B24650" s="20"/>
      <c r="C24650" s="2" t="s">
        <v>78829</v>
      </c>
      <c r="D24650" s="14" t="s">
        <v>78830</v>
      </c>
      <c r="E24650" s="2" t="s">
        <v>78831</v>
      </c>
      <c r="F24650" s="2" t="s">
        <v>7555</v>
      </c>
      <c r="G24650" s="8">
        <v>300</v>
      </c>
      <c r="H24650" s="5">
        <v>6</v>
      </c>
      <c r="I24650" s="5" t="s">
        <v>1518</v>
      </c>
      <c r="J24650" s="5" t="s">
        <v>69038</v>
      </c>
      <c r="K24650" s="2" t="s">
        <v>69039</v>
      </c>
      <c r="L24650" s="5" t="s">
        <v>69038</v>
      </c>
      <c r="M24650" s="2" t="s">
        <v>69039</v>
      </c>
      <c r="N24650" s="5" t="s">
        <v>1521</v>
      </c>
      <c r="O24650" s="5" t="s">
        <v>38</v>
      </c>
      <c r="P24650" s="5" t="s">
        <v>39</v>
      </c>
      <c r="Q24650" s="5" t="s">
        <v>40</v>
      </c>
      <c r="R24650" s="5" t="s">
        <v>1522</v>
      </c>
      <c r="S24650" s="5" t="s">
        <v>1523</v>
      </c>
      <c r="T24650" s="5" t="s">
        <v>42</v>
      </c>
      <c r="U24650" s="2">
        <v>3.4350000000000001</v>
      </c>
      <c r="V24650" s="2">
        <v>2.8570000000000002</v>
      </c>
      <c r="W24650" s="2">
        <v>1.7999999999999999E-2</v>
      </c>
      <c r="X24650" s="2">
        <v>139.1</v>
      </c>
      <c r="Y24650" s="2">
        <v>7.6</v>
      </c>
      <c r="Z24650" s="2">
        <v>16.7</v>
      </c>
      <c r="AA24650" s="5"/>
      <c r="AB24650" s="5" t="s">
        <v>43</v>
      </c>
      <c r="AC24650" s="5" t="s">
        <v>44</v>
      </c>
      <c r="AD24650" s="2"/>
      <c r="AE24650" s="1"/>
    </row>
    <row r="24651" spans="1:31" ht="14.45">
      <c r="A24651" s="11"/>
      <c r="B24651" s="20"/>
      <c r="C24651" s="2" t="s">
        <v>78832</v>
      </c>
      <c r="D24651" s="14" t="s">
        <v>78833</v>
      </c>
      <c r="E24651" s="2" t="s">
        <v>78834</v>
      </c>
      <c r="F24651" s="2" t="s">
        <v>16079</v>
      </c>
      <c r="G24651" s="8">
        <v>300</v>
      </c>
      <c r="H24651" s="5">
        <v>6</v>
      </c>
      <c r="I24651" s="5" t="s">
        <v>1518</v>
      </c>
      <c r="J24651" s="5" t="s">
        <v>69038</v>
      </c>
      <c r="K24651" s="2" t="s">
        <v>69039</v>
      </c>
      <c r="L24651" s="5" t="s">
        <v>69038</v>
      </c>
      <c r="M24651" s="2" t="s">
        <v>69039</v>
      </c>
      <c r="N24651" s="5" t="s">
        <v>1521</v>
      </c>
      <c r="O24651" s="5" t="s">
        <v>38</v>
      </c>
      <c r="P24651" s="5" t="s">
        <v>39</v>
      </c>
      <c r="Q24651" s="5" t="s">
        <v>40</v>
      </c>
      <c r="R24651" s="5" t="s">
        <v>1522</v>
      </c>
      <c r="S24651" s="5" t="s">
        <v>1523</v>
      </c>
      <c r="T24651" s="5" t="s">
        <v>42</v>
      </c>
      <c r="U24651" s="2">
        <v>3.4350000000000001</v>
      </c>
      <c r="V24651" s="2">
        <v>2.8570000000000002</v>
      </c>
      <c r="W24651" s="2">
        <v>1.7999999999999999E-2</v>
      </c>
      <c r="X24651" s="2">
        <v>139.1</v>
      </c>
      <c r="Y24651" s="2">
        <v>7.6</v>
      </c>
      <c r="Z24651" s="2">
        <v>16.7</v>
      </c>
      <c r="AA24651" s="5"/>
      <c r="AB24651" s="5" t="s">
        <v>43</v>
      </c>
      <c r="AC24651" s="5" t="s">
        <v>44</v>
      </c>
      <c r="AD24651" s="2"/>
      <c r="AE24651" s="1"/>
    </row>
    <row r="24652" spans="1:31" ht="14.45">
      <c r="A24652" s="11"/>
      <c r="B24652" s="20"/>
      <c r="C24652" s="2" t="s">
        <v>78835</v>
      </c>
      <c r="D24652" s="14" t="s">
        <v>78836</v>
      </c>
      <c r="E24652" s="2" t="s">
        <v>78837</v>
      </c>
      <c r="F24652" s="2" t="s">
        <v>7449</v>
      </c>
      <c r="G24652" s="8">
        <v>300</v>
      </c>
      <c r="H24652" s="5">
        <v>6</v>
      </c>
      <c r="I24652" s="5" t="s">
        <v>1518</v>
      </c>
      <c r="J24652" s="5" t="s">
        <v>69038</v>
      </c>
      <c r="K24652" s="2" t="s">
        <v>69039</v>
      </c>
      <c r="L24652" s="5" t="s">
        <v>69038</v>
      </c>
      <c r="M24652" s="2" t="s">
        <v>69039</v>
      </c>
      <c r="N24652" s="5" t="s">
        <v>1521</v>
      </c>
      <c r="O24652" s="5" t="s">
        <v>38</v>
      </c>
      <c r="P24652" s="5" t="s">
        <v>39</v>
      </c>
      <c r="Q24652" s="5" t="s">
        <v>40</v>
      </c>
      <c r="R24652" s="5" t="s">
        <v>1522</v>
      </c>
      <c r="S24652" s="5" t="s">
        <v>1523</v>
      </c>
      <c r="T24652" s="5" t="s">
        <v>42</v>
      </c>
      <c r="U24652" s="2">
        <v>3.4350000000000001</v>
      </c>
      <c r="V24652" s="2">
        <v>2.8570000000000002</v>
      </c>
      <c r="W24652" s="2">
        <v>1.7999999999999999E-2</v>
      </c>
      <c r="X24652" s="2">
        <v>139.1</v>
      </c>
      <c r="Y24652" s="2">
        <v>7.6</v>
      </c>
      <c r="Z24652" s="2">
        <v>16.7</v>
      </c>
      <c r="AA24652" s="5"/>
      <c r="AB24652" s="5" t="s">
        <v>43</v>
      </c>
      <c r="AC24652" s="5" t="s">
        <v>44</v>
      </c>
      <c r="AD24652" s="2"/>
      <c r="AE24652" s="1"/>
    </row>
    <row r="24653" spans="1:31" ht="14.45">
      <c r="A24653" s="11"/>
      <c r="B24653" s="20"/>
      <c r="C24653" s="2" t="s">
        <v>78838</v>
      </c>
      <c r="D24653" s="14" t="s">
        <v>78839</v>
      </c>
      <c r="E24653" s="2" t="s">
        <v>78840</v>
      </c>
      <c r="F24653" s="2" t="s">
        <v>7585</v>
      </c>
      <c r="G24653" s="8">
        <v>300</v>
      </c>
      <c r="H24653" s="5">
        <v>6</v>
      </c>
      <c r="I24653" s="5" t="s">
        <v>1518</v>
      </c>
      <c r="J24653" s="5" t="s">
        <v>69038</v>
      </c>
      <c r="K24653" s="2" t="s">
        <v>69039</v>
      </c>
      <c r="L24653" s="5" t="s">
        <v>69038</v>
      </c>
      <c r="M24653" s="2" t="s">
        <v>69039</v>
      </c>
      <c r="N24653" s="5" t="s">
        <v>1521</v>
      </c>
      <c r="O24653" s="5" t="s">
        <v>38</v>
      </c>
      <c r="P24653" s="5" t="s">
        <v>39</v>
      </c>
      <c r="Q24653" s="5" t="s">
        <v>40</v>
      </c>
      <c r="R24653" s="5" t="s">
        <v>1522</v>
      </c>
      <c r="S24653" s="5" t="s">
        <v>1523</v>
      </c>
      <c r="T24653" s="5" t="s">
        <v>42</v>
      </c>
      <c r="U24653" s="2">
        <v>3.4350000000000001</v>
      </c>
      <c r="V24653" s="2">
        <v>2.8570000000000002</v>
      </c>
      <c r="W24653" s="2">
        <v>1.7999999999999999E-2</v>
      </c>
      <c r="X24653" s="2">
        <v>139.1</v>
      </c>
      <c r="Y24653" s="2">
        <v>7.6</v>
      </c>
      <c r="Z24653" s="2">
        <v>16.7</v>
      </c>
      <c r="AA24653" s="5"/>
      <c r="AB24653" s="5" t="s">
        <v>43</v>
      </c>
      <c r="AC24653" s="5" t="s">
        <v>44</v>
      </c>
      <c r="AD24653" s="2"/>
      <c r="AE24653" s="1"/>
    </row>
    <row r="24654" spans="1:31" ht="14.45">
      <c r="A24654" s="11"/>
      <c r="B24654" s="20"/>
      <c r="C24654" s="2" t="s">
        <v>78841</v>
      </c>
      <c r="D24654" s="14" t="s">
        <v>78842</v>
      </c>
      <c r="E24654" s="2" t="s">
        <v>78843</v>
      </c>
      <c r="F24654" s="2" t="s">
        <v>7589</v>
      </c>
      <c r="G24654" s="8">
        <v>300</v>
      </c>
      <c r="H24654" s="5">
        <v>6</v>
      </c>
      <c r="I24654" s="5" t="s">
        <v>1518</v>
      </c>
      <c r="J24654" s="5" t="s">
        <v>69038</v>
      </c>
      <c r="K24654" s="2" t="s">
        <v>69039</v>
      </c>
      <c r="L24654" s="5" t="s">
        <v>69038</v>
      </c>
      <c r="M24654" s="2" t="s">
        <v>69039</v>
      </c>
      <c r="N24654" s="5" t="s">
        <v>1521</v>
      </c>
      <c r="O24654" s="5" t="s">
        <v>38</v>
      </c>
      <c r="P24654" s="5" t="s">
        <v>39</v>
      </c>
      <c r="Q24654" s="5" t="s">
        <v>40</v>
      </c>
      <c r="R24654" s="5" t="s">
        <v>1522</v>
      </c>
      <c r="S24654" s="5" t="s">
        <v>1523</v>
      </c>
      <c r="T24654" s="5" t="s">
        <v>42</v>
      </c>
      <c r="U24654" s="2">
        <v>3.5449999999999999</v>
      </c>
      <c r="V24654" s="2">
        <v>2.9670000000000001</v>
      </c>
      <c r="W24654" s="2">
        <v>1.7999999999999999E-2</v>
      </c>
      <c r="X24654" s="2">
        <v>139.1</v>
      </c>
      <c r="Y24654" s="2">
        <v>7.6</v>
      </c>
      <c r="Z24654" s="2">
        <v>16.7</v>
      </c>
      <c r="AA24654" s="5"/>
      <c r="AB24654" s="5" t="s">
        <v>43</v>
      </c>
      <c r="AC24654" s="5" t="s">
        <v>44</v>
      </c>
      <c r="AD24654" s="2"/>
      <c r="AE24654" s="1"/>
    </row>
    <row r="24655" spans="1:31" ht="14.45">
      <c r="A24655" s="11"/>
      <c r="B24655" s="20"/>
      <c r="C24655" s="2" t="s">
        <v>78844</v>
      </c>
      <c r="D24655" s="14" t="s">
        <v>78845</v>
      </c>
      <c r="E24655" s="2" t="s">
        <v>78846</v>
      </c>
      <c r="F24655" s="2" t="s">
        <v>7593</v>
      </c>
      <c r="G24655" s="8">
        <v>300</v>
      </c>
      <c r="H24655" s="5">
        <v>6</v>
      </c>
      <c r="I24655" s="5" t="s">
        <v>1518</v>
      </c>
      <c r="J24655" s="5" t="s">
        <v>69038</v>
      </c>
      <c r="K24655" s="2" t="s">
        <v>69039</v>
      </c>
      <c r="L24655" s="5" t="s">
        <v>69038</v>
      </c>
      <c r="M24655" s="2" t="s">
        <v>69039</v>
      </c>
      <c r="N24655" s="5" t="s">
        <v>1521</v>
      </c>
      <c r="O24655" s="5" t="s">
        <v>38</v>
      </c>
      <c r="P24655" s="5" t="s">
        <v>39</v>
      </c>
      <c r="Q24655" s="5" t="s">
        <v>40</v>
      </c>
      <c r="R24655" s="5" t="s">
        <v>1522</v>
      </c>
      <c r="S24655" s="5" t="s">
        <v>1523</v>
      </c>
      <c r="T24655" s="5" t="s">
        <v>42</v>
      </c>
      <c r="U24655" s="2">
        <v>3.4350000000000001</v>
      </c>
      <c r="V24655" s="2">
        <v>2.8570000000000002</v>
      </c>
      <c r="W24655" s="2">
        <v>1.7999999999999999E-2</v>
      </c>
      <c r="X24655" s="2">
        <v>139.1</v>
      </c>
      <c r="Y24655" s="2">
        <v>7.6</v>
      </c>
      <c r="Z24655" s="2">
        <v>16.7</v>
      </c>
      <c r="AA24655" s="5"/>
      <c r="AB24655" s="5" t="s">
        <v>43</v>
      </c>
      <c r="AC24655" s="5" t="s">
        <v>44</v>
      </c>
      <c r="AD24655" s="2"/>
      <c r="AE24655" s="1"/>
    </row>
    <row r="24656" spans="1:31" ht="14.45">
      <c r="A24656" s="11"/>
      <c r="B24656" s="20"/>
      <c r="C24656" s="2" t="s">
        <v>78847</v>
      </c>
      <c r="D24656" s="14" t="s">
        <v>78848</v>
      </c>
      <c r="E24656" s="2" t="s">
        <v>78849</v>
      </c>
      <c r="F24656" s="2" t="s">
        <v>73358</v>
      </c>
      <c r="G24656" s="8">
        <v>300</v>
      </c>
      <c r="H24656" s="5">
        <v>6</v>
      </c>
      <c r="I24656" s="5" t="s">
        <v>1518</v>
      </c>
      <c r="J24656" s="5" t="s">
        <v>69038</v>
      </c>
      <c r="K24656" s="2" t="s">
        <v>69039</v>
      </c>
      <c r="L24656" s="5" t="s">
        <v>69038</v>
      </c>
      <c r="M24656" s="2" t="s">
        <v>69039</v>
      </c>
      <c r="N24656" s="5" t="s">
        <v>1521</v>
      </c>
      <c r="O24656" s="5" t="s">
        <v>38</v>
      </c>
      <c r="P24656" s="5" t="s">
        <v>39</v>
      </c>
      <c r="Q24656" s="5" t="s">
        <v>40</v>
      </c>
      <c r="R24656" s="5" t="s">
        <v>1522</v>
      </c>
      <c r="S24656" s="5" t="s">
        <v>1523</v>
      </c>
      <c r="T24656" s="5" t="s">
        <v>42</v>
      </c>
      <c r="U24656" s="2">
        <v>3.4350000000000001</v>
      </c>
      <c r="V24656" s="2">
        <v>2.8570000000000002</v>
      </c>
      <c r="W24656" s="2">
        <v>1.7999999999999999E-2</v>
      </c>
      <c r="X24656" s="2">
        <v>139.1</v>
      </c>
      <c r="Y24656" s="2">
        <v>7.6</v>
      </c>
      <c r="Z24656" s="2">
        <v>16.7</v>
      </c>
      <c r="AA24656" s="5"/>
      <c r="AB24656" s="5" t="s">
        <v>43</v>
      </c>
      <c r="AC24656" s="5" t="s">
        <v>44</v>
      </c>
      <c r="AD24656" s="2"/>
      <c r="AE24656" s="1"/>
    </row>
    <row r="24657" spans="1:31" ht="14.45">
      <c r="A24657" s="11"/>
      <c r="B24657" s="20"/>
      <c r="C24657" s="2" t="s">
        <v>78850</v>
      </c>
      <c r="D24657" s="14" t="s">
        <v>78851</v>
      </c>
      <c r="E24657" s="2" t="s">
        <v>78852</v>
      </c>
      <c r="F24657" s="2" t="s">
        <v>73362</v>
      </c>
      <c r="G24657" s="8">
        <v>300</v>
      </c>
      <c r="H24657" s="5">
        <v>6</v>
      </c>
      <c r="I24657" s="5" t="s">
        <v>1518</v>
      </c>
      <c r="J24657" s="5" t="s">
        <v>69038</v>
      </c>
      <c r="K24657" s="2" t="s">
        <v>69039</v>
      </c>
      <c r="L24657" s="5" t="s">
        <v>69038</v>
      </c>
      <c r="M24657" s="2" t="s">
        <v>69039</v>
      </c>
      <c r="N24657" s="5" t="s">
        <v>1521</v>
      </c>
      <c r="O24657" s="5" t="s">
        <v>38</v>
      </c>
      <c r="P24657" s="5" t="s">
        <v>39</v>
      </c>
      <c r="Q24657" s="5" t="s">
        <v>40</v>
      </c>
      <c r="R24657" s="5" t="s">
        <v>1522</v>
      </c>
      <c r="S24657" s="5" t="s">
        <v>1523</v>
      </c>
      <c r="T24657" s="5" t="s">
        <v>42</v>
      </c>
      <c r="U24657" s="2">
        <v>3.5449999999999999</v>
      </c>
      <c r="V24657" s="2">
        <v>2.9670000000000001</v>
      </c>
      <c r="W24657" s="2">
        <v>1.7999999999999999E-2</v>
      </c>
      <c r="X24657" s="2">
        <v>139.1</v>
      </c>
      <c r="Y24657" s="2">
        <v>7.6</v>
      </c>
      <c r="Z24657" s="2">
        <v>16.7</v>
      </c>
      <c r="AA24657" s="5"/>
      <c r="AB24657" s="5" t="s">
        <v>43</v>
      </c>
      <c r="AC24657" s="5" t="s">
        <v>44</v>
      </c>
      <c r="AD24657" s="2"/>
      <c r="AE24657" s="1"/>
    </row>
    <row r="24658" spans="1:31" ht="14.45">
      <c r="A24658" s="11"/>
      <c r="B24658" s="20"/>
      <c r="C24658" s="2" t="s">
        <v>78853</v>
      </c>
      <c r="D24658" s="14" t="s">
        <v>78854</v>
      </c>
      <c r="E24658" s="2" t="s">
        <v>78855</v>
      </c>
      <c r="F24658" s="2" t="s">
        <v>7615</v>
      </c>
      <c r="G24658" s="8">
        <v>300</v>
      </c>
      <c r="H24658" s="5">
        <v>6</v>
      </c>
      <c r="I24658" s="5" t="s">
        <v>1518</v>
      </c>
      <c r="J24658" s="5" t="s">
        <v>69038</v>
      </c>
      <c r="K24658" s="2" t="s">
        <v>69039</v>
      </c>
      <c r="L24658" s="5" t="s">
        <v>69038</v>
      </c>
      <c r="M24658" s="2" t="s">
        <v>69039</v>
      </c>
      <c r="N24658" s="5" t="s">
        <v>1521</v>
      </c>
      <c r="O24658" s="5" t="s">
        <v>38</v>
      </c>
      <c r="P24658" s="5" t="s">
        <v>39</v>
      </c>
      <c r="Q24658" s="5" t="s">
        <v>40</v>
      </c>
      <c r="R24658" s="5" t="s">
        <v>1522</v>
      </c>
      <c r="S24658" s="5" t="s">
        <v>1523</v>
      </c>
      <c r="T24658" s="5" t="s">
        <v>42</v>
      </c>
      <c r="U24658" s="2">
        <v>3.4350000000000001</v>
      </c>
      <c r="V24658" s="2">
        <v>2.8570000000000002</v>
      </c>
      <c r="W24658" s="2">
        <v>1.7999999999999999E-2</v>
      </c>
      <c r="X24658" s="2">
        <v>139.1</v>
      </c>
      <c r="Y24658" s="2">
        <v>7.6</v>
      </c>
      <c r="Z24658" s="2">
        <v>16.7</v>
      </c>
      <c r="AA24658" s="5"/>
      <c r="AB24658" s="5" t="s">
        <v>43</v>
      </c>
      <c r="AC24658" s="5" t="s">
        <v>44</v>
      </c>
      <c r="AD24658" s="2"/>
      <c r="AE24658" s="1"/>
    </row>
    <row r="24659" spans="1:31" ht="14.45">
      <c r="A24659" s="11"/>
      <c r="B24659" s="20"/>
      <c r="C24659" s="2" t="s">
        <v>78856</v>
      </c>
      <c r="D24659" s="14" t="s">
        <v>78857</v>
      </c>
      <c r="E24659" s="2" t="s">
        <v>78858</v>
      </c>
      <c r="F24659" s="2" t="s">
        <v>7619</v>
      </c>
      <c r="G24659" s="8">
        <v>300</v>
      </c>
      <c r="H24659" s="5">
        <v>6</v>
      </c>
      <c r="I24659" s="5" t="s">
        <v>1518</v>
      </c>
      <c r="J24659" s="5" t="s">
        <v>69038</v>
      </c>
      <c r="K24659" s="2" t="s">
        <v>69039</v>
      </c>
      <c r="L24659" s="5" t="s">
        <v>69038</v>
      </c>
      <c r="M24659" s="2" t="s">
        <v>69039</v>
      </c>
      <c r="N24659" s="5" t="s">
        <v>1521</v>
      </c>
      <c r="O24659" s="5" t="s">
        <v>38</v>
      </c>
      <c r="P24659" s="5" t="s">
        <v>39</v>
      </c>
      <c r="Q24659" s="5" t="s">
        <v>40</v>
      </c>
      <c r="R24659" s="5" t="s">
        <v>1522</v>
      </c>
      <c r="S24659" s="5" t="s">
        <v>1523</v>
      </c>
      <c r="T24659" s="5" t="s">
        <v>42</v>
      </c>
      <c r="U24659" s="2">
        <v>3.5449999999999999</v>
      </c>
      <c r="V24659" s="2">
        <v>2.9670000000000001</v>
      </c>
      <c r="W24659" s="2">
        <v>1.7999999999999999E-2</v>
      </c>
      <c r="X24659" s="2">
        <v>139.1</v>
      </c>
      <c r="Y24659" s="2">
        <v>7.6</v>
      </c>
      <c r="Z24659" s="2">
        <v>16.7</v>
      </c>
      <c r="AA24659" s="5"/>
      <c r="AB24659" s="5" t="s">
        <v>43</v>
      </c>
      <c r="AC24659" s="5" t="s">
        <v>44</v>
      </c>
      <c r="AD24659" s="2"/>
      <c r="AE24659" s="1"/>
    </row>
    <row r="24660" spans="1:31" ht="14.45">
      <c r="A24660" s="11"/>
      <c r="B24660" s="20"/>
      <c r="C24660" s="2" t="s">
        <v>78859</v>
      </c>
      <c r="D24660" s="14" t="s">
        <v>78860</v>
      </c>
      <c r="E24660" s="2" t="s">
        <v>78861</v>
      </c>
      <c r="F24660" s="2" t="s">
        <v>16014</v>
      </c>
      <c r="G24660" s="8">
        <v>300</v>
      </c>
      <c r="H24660" s="5">
        <v>6</v>
      </c>
      <c r="I24660" s="5" t="s">
        <v>1518</v>
      </c>
      <c r="J24660" s="5" t="s">
        <v>69038</v>
      </c>
      <c r="K24660" s="2" t="s">
        <v>69039</v>
      </c>
      <c r="L24660" s="5" t="s">
        <v>69038</v>
      </c>
      <c r="M24660" s="2" t="s">
        <v>69039</v>
      </c>
      <c r="N24660" s="5" t="s">
        <v>1521</v>
      </c>
      <c r="O24660" s="5" t="s">
        <v>38</v>
      </c>
      <c r="P24660" s="5" t="s">
        <v>39</v>
      </c>
      <c r="Q24660" s="5" t="s">
        <v>40</v>
      </c>
      <c r="R24660" s="5" t="s">
        <v>1522</v>
      </c>
      <c r="S24660" s="5" t="s">
        <v>1523</v>
      </c>
      <c r="T24660" s="5" t="s">
        <v>42</v>
      </c>
      <c r="U24660" s="2">
        <v>3.4350000000000001</v>
      </c>
      <c r="V24660" s="2">
        <v>2.8570000000000002</v>
      </c>
      <c r="W24660" s="2">
        <v>1.7999999999999999E-2</v>
      </c>
      <c r="X24660" s="2">
        <v>139.1</v>
      </c>
      <c r="Y24660" s="2">
        <v>7.6</v>
      </c>
      <c r="Z24660" s="2">
        <v>16.7</v>
      </c>
      <c r="AA24660" s="5"/>
      <c r="AB24660" s="5" t="s">
        <v>43</v>
      </c>
      <c r="AC24660" s="5" t="s">
        <v>44</v>
      </c>
      <c r="AD24660" s="2"/>
      <c r="AE24660" s="1"/>
    </row>
    <row r="24661" spans="1:31" ht="14.45">
      <c r="A24661" s="11"/>
      <c r="B24661" s="20"/>
      <c r="C24661" s="2" t="s">
        <v>78862</v>
      </c>
      <c r="D24661" s="14" t="s">
        <v>78863</v>
      </c>
      <c r="E24661" s="2" t="s">
        <v>78864</v>
      </c>
      <c r="F24661" s="2" t="s">
        <v>7212</v>
      </c>
      <c r="G24661" s="8">
        <v>278</v>
      </c>
      <c r="H24661" s="5">
        <v>6</v>
      </c>
      <c r="I24661" s="5" t="s">
        <v>1518</v>
      </c>
      <c r="J24661" s="5" t="s">
        <v>69038</v>
      </c>
      <c r="K24661" s="2" t="s">
        <v>69039</v>
      </c>
      <c r="L24661" s="5" t="s">
        <v>69038</v>
      </c>
      <c r="M24661" s="2" t="s">
        <v>69039</v>
      </c>
      <c r="N24661" s="5" t="s">
        <v>1521</v>
      </c>
      <c r="O24661" s="5" t="s">
        <v>38</v>
      </c>
      <c r="P24661" s="5" t="s">
        <v>39</v>
      </c>
      <c r="Q24661" s="5" t="s">
        <v>40</v>
      </c>
      <c r="R24661" s="5" t="s">
        <v>1522</v>
      </c>
      <c r="S24661" s="5" t="s">
        <v>1523</v>
      </c>
      <c r="T24661" s="5" t="s">
        <v>42</v>
      </c>
      <c r="U24661" s="2">
        <v>3.4350000000000001</v>
      </c>
      <c r="V24661" s="2">
        <v>2.8570000000000002</v>
      </c>
      <c r="W24661" s="2">
        <v>1.7999999999999999E-2</v>
      </c>
      <c r="X24661" s="2">
        <v>139.1</v>
      </c>
      <c r="Y24661" s="2">
        <v>7.6</v>
      </c>
      <c r="Z24661" s="2">
        <v>16.7</v>
      </c>
      <c r="AA24661" s="5"/>
      <c r="AB24661" s="5" t="s">
        <v>43</v>
      </c>
      <c r="AC24661" s="5" t="s">
        <v>44</v>
      </c>
      <c r="AD24661" s="2"/>
      <c r="AE24661" s="1"/>
    </row>
    <row r="24662" spans="1:31" ht="14.45">
      <c r="A24662" s="11"/>
      <c r="B24662" s="20"/>
      <c r="C24662" s="2" t="s">
        <v>78865</v>
      </c>
      <c r="D24662" s="14" t="s">
        <v>78866</v>
      </c>
      <c r="E24662" s="2" t="s">
        <v>78867</v>
      </c>
      <c r="F24662" s="2" t="s">
        <v>7528</v>
      </c>
      <c r="G24662" s="8">
        <v>278</v>
      </c>
      <c r="H24662" s="5">
        <v>6</v>
      </c>
      <c r="I24662" s="5" t="s">
        <v>1518</v>
      </c>
      <c r="J24662" s="5" t="s">
        <v>69038</v>
      </c>
      <c r="K24662" s="2" t="s">
        <v>69039</v>
      </c>
      <c r="L24662" s="5" t="s">
        <v>69038</v>
      </c>
      <c r="M24662" s="2" t="s">
        <v>69039</v>
      </c>
      <c r="N24662" s="5" t="s">
        <v>1521</v>
      </c>
      <c r="O24662" s="5" t="s">
        <v>38</v>
      </c>
      <c r="P24662" s="5" t="s">
        <v>39</v>
      </c>
      <c r="Q24662" s="5" t="s">
        <v>40</v>
      </c>
      <c r="R24662" s="5" t="s">
        <v>1522</v>
      </c>
      <c r="S24662" s="5" t="s">
        <v>1523</v>
      </c>
      <c r="T24662" s="5" t="s">
        <v>42</v>
      </c>
      <c r="U24662" s="2">
        <v>3.5449999999999999</v>
      </c>
      <c r="V24662" s="2">
        <v>2.9670000000000001</v>
      </c>
      <c r="W24662" s="2">
        <v>1.7999999999999999E-2</v>
      </c>
      <c r="X24662" s="2">
        <v>139.1</v>
      </c>
      <c r="Y24662" s="2">
        <v>7.6</v>
      </c>
      <c r="Z24662" s="2">
        <v>16.7</v>
      </c>
      <c r="AA24662" s="5"/>
      <c r="AB24662" s="5" t="s">
        <v>43</v>
      </c>
      <c r="AC24662" s="5" t="s">
        <v>44</v>
      </c>
      <c r="AD24662" s="2"/>
      <c r="AE24662" s="1"/>
    </row>
    <row r="24663" spans="1:31" ht="14.45">
      <c r="A24663" s="11"/>
      <c r="B24663" s="20"/>
      <c r="C24663" s="2" t="s">
        <v>78868</v>
      </c>
      <c r="D24663" s="14" t="s">
        <v>78869</v>
      </c>
      <c r="E24663" s="2" t="s">
        <v>78870</v>
      </c>
      <c r="F24663" s="2" t="s">
        <v>16029</v>
      </c>
      <c r="G24663" s="8">
        <v>300</v>
      </c>
      <c r="H24663" s="5">
        <v>6</v>
      </c>
      <c r="I24663" s="5" t="s">
        <v>1518</v>
      </c>
      <c r="J24663" s="5" t="s">
        <v>69038</v>
      </c>
      <c r="K24663" s="2" t="s">
        <v>69039</v>
      </c>
      <c r="L24663" s="5" t="s">
        <v>69038</v>
      </c>
      <c r="M24663" s="2" t="s">
        <v>69039</v>
      </c>
      <c r="N24663" s="5" t="s">
        <v>1521</v>
      </c>
      <c r="O24663" s="5" t="s">
        <v>38</v>
      </c>
      <c r="P24663" s="5" t="s">
        <v>39</v>
      </c>
      <c r="Q24663" s="5" t="s">
        <v>40</v>
      </c>
      <c r="R24663" s="5" t="s">
        <v>1522</v>
      </c>
      <c r="S24663" s="5" t="s">
        <v>1523</v>
      </c>
      <c r="T24663" s="5" t="s">
        <v>42</v>
      </c>
      <c r="U24663" s="2">
        <v>3.4359999999999999</v>
      </c>
      <c r="V24663" s="2">
        <v>2.8580000000000001</v>
      </c>
      <c r="W24663" s="2">
        <v>1.7999999999999999E-2</v>
      </c>
      <c r="X24663" s="2">
        <v>139.1</v>
      </c>
      <c r="Y24663" s="2">
        <v>7.6</v>
      </c>
      <c r="Z24663" s="2">
        <v>16.7</v>
      </c>
      <c r="AA24663" s="5"/>
      <c r="AB24663" s="5" t="s">
        <v>43</v>
      </c>
      <c r="AC24663" s="5" t="s">
        <v>44</v>
      </c>
      <c r="AD24663" s="2"/>
      <c r="AE24663" s="1"/>
    </row>
    <row r="24664" spans="1:31" ht="14.45">
      <c r="A24664" s="11"/>
      <c r="B24664" s="20"/>
      <c r="C24664" s="2" t="s">
        <v>78871</v>
      </c>
      <c r="D24664" s="14" t="s">
        <v>78872</v>
      </c>
      <c r="E24664" s="2" t="s">
        <v>78873</v>
      </c>
      <c r="F24664" s="2" t="s">
        <v>16033</v>
      </c>
      <c r="G24664" s="8">
        <v>300</v>
      </c>
      <c r="H24664" s="5">
        <v>6</v>
      </c>
      <c r="I24664" s="5" t="s">
        <v>1518</v>
      </c>
      <c r="J24664" s="5" t="s">
        <v>69038</v>
      </c>
      <c r="K24664" s="2" t="s">
        <v>69039</v>
      </c>
      <c r="L24664" s="5" t="s">
        <v>69038</v>
      </c>
      <c r="M24664" s="2" t="s">
        <v>69039</v>
      </c>
      <c r="N24664" s="5" t="s">
        <v>1521</v>
      </c>
      <c r="O24664" s="5" t="s">
        <v>38</v>
      </c>
      <c r="P24664" s="5" t="s">
        <v>39</v>
      </c>
      <c r="Q24664" s="5" t="s">
        <v>40</v>
      </c>
      <c r="R24664" s="5" t="s">
        <v>1522</v>
      </c>
      <c r="S24664" s="5" t="s">
        <v>1523</v>
      </c>
      <c r="T24664" s="5" t="s">
        <v>42</v>
      </c>
      <c r="U24664" s="2">
        <v>3.5459999999999998</v>
      </c>
      <c r="V24664" s="2">
        <v>2.968</v>
      </c>
      <c r="W24664" s="2">
        <v>1.7999999999999999E-2</v>
      </c>
      <c r="X24664" s="2">
        <v>139.1</v>
      </c>
      <c r="Y24664" s="2">
        <v>7.6</v>
      </c>
      <c r="Z24664" s="2">
        <v>16.7</v>
      </c>
      <c r="AA24664" s="5"/>
      <c r="AB24664" s="5" t="s">
        <v>43</v>
      </c>
      <c r="AC24664" s="5" t="s">
        <v>44</v>
      </c>
      <c r="AD24664" s="2"/>
      <c r="AE24664" s="1"/>
    </row>
    <row r="24665" spans="1:31" ht="14.45">
      <c r="A24665" s="11"/>
      <c r="B24665" s="20"/>
      <c r="C24665" s="2" t="s">
        <v>78874</v>
      </c>
      <c r="D24665" s="14" t="s">
        <v>78875</v>
      </c>
      <c r="E24665" s="2" t="s">
        <v>78876</v>
      </c>
      <c r="F24665" s="2" t="s">
        <v>7204</v>
      </c>
      <c r="G24665" s="8">
        <v>296</v>
      </c>
      <c r="H24665" s="5">
        <v>6</v>
      </c>
      <c r="I24665" s="5" t="s">
        <v>1518</v>
      </c>
      <c r="J24665" s="5" t="s">
        <v>69038</v>
      </c>
      <c r="K24665" s="2" t="s">
        <v>69039</v>
      </c>
      <c r="L24665" s="5" t="s">
        <v>69038</v>
      </c>
      <c r="M24665" s="2" t="s">
        <v>69039</v>
      </c>
      <c r="N24665" s="5" t="s">
        <v>1521</v>
      </c>
      <c r="O24665" s="5" t="s">
        <v>38</v>
      </c>
      <c r="P24665" s="5" t="s">
        <v>39</v>
      </c>
      <c r="Q24665" s="5" t="s">
        <v>40</v>
      </c>
      <c r="R24665" s="5" t="s">
        <v>1522</v>
      </c>
      <c r="S24665" s="5" t="s">
        <v>1523</v>
      </c>
      <c r="T24665" s="5" t="s">
        <v>42</v>
      </c>
      <c r="U24665" s="2">
        <v>3.605</v>
      </c>
      <c r="V24665" s="2">
        <v>3.0329999999999999</v>
      </c>
      <c r="W24665" s="2">
        <v>1.7999999999999999E-2</v>
      </c>
      <c r="X24665" s="2">
        <v>139.1</v>
      </c>
      <c r="Y24665" s="2">
        <v>7.6</v>
      </c>
      <c r="Z24665" s="2">
        <v>16.7</v>
      </c>
      <c r="AA24665" s="5"/>
      <c r="AB24665" s="5" t="s">
        <v>43</v>
      </c>
      <c r="AC24665" s="5" t="s">
        <v>44</v>
      </c>
      <c r="AD24665" s="2"/>
      <c r="AE24665" s="1"/>
    </row>
    <row r="24666" spans="1:31" ht="14.45">
      <c r="A24666" s="11"/>
      <c r="B24666" s="20"/>
      <c r="C24666" s="2" t="s">
        <v>78877</v>
      </c>
      <c r="D24666" s="14" t="s">
        <v>78878</v>
      </c>
      <c r="E24666" s="2" t="s">
        <v>78879</v>
      </c>
      <c r="F24666" s="2" t="s">
        <v>7514</v>
      </c>
      <c r="G24666" s="8">
        <v>296</v>
      </c>
      <c r="H24666" s="5">
        <v>6</v>
      </c>
      <c r="I24666" s="5" t="s">
        <v>1518</v>
      </c>
      <c r="J24666" s="5" t="s">
        <v>69038</v>
      </c>
      <c r="K24666" s="2" t="s">
        <v>69039</v>
      </c>
      <c r="L24666" s="5" t="s">
        <v>69038</v>
      </c>
      <c r="M24666" s="2" t="s">
        <v>69039</v>
      </c>
      <c r="N24666" s="5" t="s">
        <v>1521</v>
      </c>
      <c r="O24666" s="5" t="s">
        <v>38</v>
      </c>
      <c r="P24666" s="5" t="s">
        <v>39</v>
      </c>
      <c r="Q24666" s="5" t="s">
        <v>40</v>
      </c>
      <c r="R24666" s="5" t="s">
        <v>1522</v>
      </c>
      <c r="S24666" s="5" t="s">
        <v>1523</v>
      </c>
      <c r="T24666" s="5" t="s">
        <v>42</v>
      </c>
      <c r="U24666" s="2">
        <v>3.7250000000000001</v>
      </c>
      <c r="V24666" s="2">
        <v>3.153</v>
      </c>
      <c r="W24666" s="2">
        <v>1.7999999999999999E-2</v>
      </c>
      <c r="X24666" s="2">
        <v>139.1</v>
      </c>
      <c r="Y24666" s="2">
        <v>7.6</v>
      </c>
      <c r="Z24666" s="2">
        <v>16.7</v>
      </c>
      <c r="AA24666" s="5"/>
      <c r="AB24666" s="5" t="s">
        <v>43</v>
      </c>
      <c r="AC24666" s="5" t="s">
        <v>44</v>
      </c>
      <c r="AD24666" s="2"/>
      <c r="AE24666" s="1"/>
    </row>
    <row r="24667" spans="1:31" ht="14.45">
      <c r="A24667" s="11"/>
      <c r="B24667" s="20"/>
      <c r="C24667" s="2" t="s">
        <v>78880</v>
      </c>
      <c r="D24667" s="14" t="s">
        <v>78881</v>
      </c>
      <c r="E24667" s="2" t="s">
        <v>78882</v>
      </c>
      <c r="F24667" s="2" t="s">
        <v>7208</v>
      </c>
      <c r="G24667" s="8">
        <v>296</v>
      </c>
      <c r="H24667" s="5">
        <v>6</v>
      </c>
      <c r="I24667" s="5" t="s">
        <v>1518</v>
      </c>
      <c r="J24667" s="5" t="s">
        <v>69038</v>
      </c>
      <c r="K24667" s="2" t="s">
        <v>69039</v>
      </c>
      <c r="L24667" s="5" t="s">
        <v>69038</v>
      </c>
      <c r="M24667" s="2" t="s">
        <v>69039</v>
      </c>
      <c r="N24667" s="5" t="s">
        <v>1521</v>
      </c>
      <c r="O24667" s="5" t="s">
        <v>38</v>
      </c>
      <c r="P24667" s="5" t="s">
        <v>39</v>
      </c>
      <c r="Q24667" s="5" t="s">
        <v>40</v>
      </c>
      <c r="R24667" s="5" t="s">
        <v>1522</v>
      </c>
      <c r="S24667" s="5" t="s">
        <v>1523</v>
      </c>
      <c r="T24667" s="5" t="s">
        <v>42</v>
      </c>
      <c r="U24667" s="2">
        <v>3.605</v>
      </c>
      <c r="V24667" s="2">
        <v>3.0329999999999999</v>
      </c>
      <c r="W24667" s="2">
        <v>1.7999999999999999E-2</v>
      </c>
      <c r="X24667" s="2">
        <v>139.1</v>
      </c>
      <c r="Y24667" s="2">
        <v>7.6</v>
      </c>
      <c r="Z24667" s="2">
        <v>16.7</v>
      </c>
      <c r="AA24667" s="5"/>
      <c r="AB24667" s="5" t="s">
        <v>43</v>
      </c>
      <c r="AC24667" s="5" t="s">
        <v>44</v>
      </c>
      <c r="AD24667" s="2"/>
      <c r="AE24667" s="1"/>
    </row>
    <row r="24668" spans="1:31" ht="14.45">
      <c r="A24668" s="11"/>
      <c r="B24668" s="20"/>
      <c r="C24668" s="2" t="s">
        <v>78883</v>
      </c>
      <c r="D24668" s="14" t="s">
        <v>78884</v>
      </c>
      <c r="E24668" s="2" t="s">
        <v>78885</v>
      </c>
      <c r="F24668" s="2" t="s">
        <v>7521</v>
      </c>
      <c r="G24668" s="8">
        <v>296</v>
      </c>
      <c r="H24668" s="5">
        <v>6</v>
      </c>
      <c r="I24668" s="5" t="s">
        <v>1518</v>
      </c>
      <c r="J24668" s="5" t="s">
        <v>69038</v>
      </c>
      <c r="K24668" s="2" t="s">
        <v>69039</v>
      </c>
      <c r="L24668" s="5" t="s">
        <v>69038</v>
      </c>
      <c r="M24668" s="2" t="s">
        <v>69039</v>
      </c>
      <c r="N24668" s="5" t="s">
        <v>1521</v>
      </c>
      <c r="O24668" s="5" t="s">
        <v>38</v>
      </c>
      <c r="P24668" s="5" t="s">
        <v>39</v>
      </c>
      <c r="Q24668" s="5" t="s">
        <v>40</v>
      </c>
      <c r="R24668" s="5" t="s">
        <v>1522</v>
      </c>
      <c r="S24668" s="5" t="s">
        <v>1523</v>
      </c>
      <c r="T24668" s="5" t="s">
        <v>42</v>
      </c>
      <c r="U24668" s="2">
        <v>3.7250000000000001</v>
      </c>
      <c r="V24668" s="2">
        <v>3.153</v>
      </c>
      <c r="W24668" s="2">
        <v>1.7999999999999999E-2</v>
      </c>
      <c r="X24668" s="2">
        <v>139.1</v>
      </c>
      <c r="Y24668" s="2">
        <v>7.6</v>
      </c>
      <c r="Z24668" s="2">
        <v>16.7</v>
      </c>
      <c r="AA24668" s="5"/>
      <c r="AB24668" s="5" t="s">
        <v>43</v>
      </c>
      <c r="AC24668" s="5" t="s">
        <v>44</v>
      </c>
      <c r="AD24668" s="2"/>
      <c r="AE24668" s="1"/>
    </row>
    <row r="24669" spans="1:31" ht="14.45">
      <c r="A24669" s="11"/>
      <c r="B24669" s="20"/>
      <c r="C24669" s="2" t="s">
        <v>78886</v>
      </c>
      <c r="D24669" s="14" t="s">
        <v>78887</v>
      </c>
      <c r="E24669" s="2" t="s">
        <v>78888</v>
      </c>
      <c r="F24669" s="2" t="s">
        <v>7406</v>
      </c>
      <c r="G24669" s="8">
        <v>321</v>
      </c>
      <c r="H24669" s="5">
        <v>6</v>
      </c>
      <c r="I24669" s="5" t="s">
        <v>1518</v>
      </c>
      <c r="J24669" s="5" t="s">
        <v>69038</v>
      </c>
      <c r="K24669" s="2" t="s">
        <v>69039</v>
      </c>
      <c r="L24669" s="5" t="s">
        <v>69038</v>
      </c>
      <c r="M24669" s="2" t="s">
        <v>69039</v>
      </c>
      <c r="N24669" s="5" t="s">
        <v>1521</v>
      </c>
      <c r="O24669" s="5" t="s">
        <v>38</v>
      </c>
      <c r="P24669" s="5" t="s">
        <v>39</v>
      </c>
      <c r="Q24669" s="5" t="s">
        <v>40</v>
      </c>
      <c r="R24669" s="5" t="s">
        <v>1522</v>
      </c>
      <c r="S24669" s="5" t="s">
        <v>1523</v>
      </c>
      <c r="T24669" s="5" t="s">
        <v>42</v>
      </c>
      <c r="U24669" s="2">
        <v>3.605</v>
      </c>
      <c r="V24669" s="2">
        <v>3.0329999999999999</v>
      </c>
      <c r="W24669" s="2">
        <v>1.7999999999999999E-2</v>
      </c>
      <c r="X24669" s="2">
        <v>139.1</v>
      </c>
      <c r="Y24669" s="2">
        <v>7.6</v>
      </c>
      <c r="Z24669" s="2">
        <v>16.7</v>
      </c>
      <c r="AA24669" s="5"/>
      <c r="AB24669" s="5" t="s">
        <v>43</v>
      </c>
      <c r="AC24669" s="5" t="s">
        <v>44</v>
      </c>
      <c r="AD24669" s="2"/>
      <c r="AE24669" s="1"/>
    </row>
    <row r="24670" spans="1:31" ht="14.45">
      <c r="A24670" s="11"/>
      <c r="B24670" s="20"/>
      <c r="C24670" s="2" t="s">
        <v>78889</v>
      </c>
      <c r="D24670" s="14" t="s">
        <v>78890</v>
      </c>
      <c r="E24670" s="2" t="s">
        <v>78891</v>
      </c>
      <c r="F24670" s="2" t="s">
        <v>7539</v>
      </c>
      <c r="G24670" s="8">
        <v>321</v>
      </c>
      <c r="H24670" s="5">
        <v>6</v>
      </c>
      <c r="I24670" s="5" t="s">
        <v>1518</v>
      </c>
      <c r="J24670" s="5" t="s">
        <v>69038</v>
      </c>
      <c r="K24670" s="2" t="s">
        <v>69039</v>
      </c>
      <c r="L24670" s="5" t="s">
        <v>69038</v>
      </c>
      <c r="M24670" s="2" t="s">
        <v>69039</v>
      </c>
      <c r="N24670" s="5" t="s">
        <v>1521</v>
      </c>
      <c r="O24670" s="5" t="s">
        <v>38</v>
      </c>
      <c r="P24670" s="5" t="s">
        <v>39</v>
      </c>
      <c r="Q24670" s="5" t="s">
        <v>40</v>
      </c>
      <c r="R24670" s="5" t="s">
        <v>1522</v>
      </c>
      <c r="S24670" s="5" t="s">
        <v>1523</v>
      </c>
      <c r="T24670" s="5" t="s">
        <v>42</v>
      </c>
      <c r="U24670" s="2">
        <v>3.605</v>
      </c>
      <c r="V24670" s="2">
        <v>3.0329999999999999</v>
      </c>
      <c r="W24670" s="2">
        <v>1.7999999999999999E-2</v>
      </c>
      <c r="X24670" s="2">
        <v>139.1</v>
      </c>
      <c r="Y24670" s="2">
        <v>7.6</v>
      </c>
      <c r="Z24670" s="2">
        <v>16.7</v>
      </c>
      <c r="AA24670" s="5"/>
      <c r="AB24670" s="5" t="s">
        <v>43</v>
      </c>
      <c r="AC24670" s="5" t="s">
        <v>44</v>
      </c>
      <c r="AD24670" s="2"/>
      <c r="AE24670" s="1"/>
    </row>
    <row r="24671" spans="1:31" ht="14.45">
      <c r="A24671" s="11"/>
      <c r="B24671" s="20"/>
      <c r="C24671" s="2" t="s">
        <v>78892</v>
      </c>
      <c r="D24671" s="14" t="s">
        <v>78893</v>
      </c>
      <c r="E24671" s="2" t="s">
        <v>78894</v>
      </c>
      <c r="F24671" s="2" t="s">
        <v>7396</v>
      </c>
      <c r="G24671" s="8">
        <v>296</v>
      </c>
      <c r="H24671" s="5">
        <v>6</v>
      </c>
      <c r="I24671" s="5" t="s">
        <v>1518</v>
      </c>
      <c r="J24671" s="5" t="s">
        <v>69038</v>
      </c>
      <c r="K24671" s="2" t="s">
        <v>69039</v>
      </c>
      <c r="L24671" s="5" t="s">
        <v>69038</v>
      </c>
      <c r="M24671" s="2" t="s">
        <v>69039</v>
      </c>
      <c r="N24671" s="5" t="s">
        <v>1521</v>
      </c>
      <c r="O24671" s="5" t="s">
        <v>38</v>
      </c>
      <c r="P24671" s="5" t="s">
        <v>39</v>
      </c>
      <c r="Q24671" s="5" t="s">
        <v>40</v>
      </c>
      <c r="R24671" s="5" t="s">
        <v>1522</v>
      </c>
      <c r="S24671" s="5" t="s">
        <v>1523</v>
      </c>
      <c r="T24671" s="5" t="s">
        <v>42</v>
      </c>
      <c r="U24671" s="2">
        <v>3.605</v>
      </c>
      <c r="V24671" s="2">
        <v>3.0329999999999999</v>
      </c>
      <c r="W24671" s="2">
        <v>1.7999999999999999E-2</v>
      </c>
      <c r="X24671" s="2">
        <v>139.1</v>
      </c>
      <c r="Y24671" s="2">
        <v>7.6</v>
      </c>
      <c r="Z24671" s="2">
        <v>16.7</v>
      </c>
      <c r="AA24671" s="5"/>
      <c r="AB24671" s="5" t="s">
        <v>43</v>
      </c>
      <c r="AC24671" s="5" t="s">
        <v>44</v>
      </c>
      <c r="AD24671" s="2"/>
      <c r="AE24671" s="1"/>
    </row>
    <row r="24672" spans="1:31" ht="14.45">
      <c r="A24672" s="11"/>
      <c r="B24672" s="20"/>
      <c r="C24672" s="2" t="s">
        <v>78895</v>
      </c>
      <c r="D24672" s="14" t="s">
        <v>78896</v>
      </c>
      <c r="E24672" s="2" t="s">
        <v>78897</v>
      </c>
      <c r="F24672" s="2" t="s">
        <v>7507</v>
      </c>
      <c r="G24672" s="8">
        <v>296</v>
      </c>
      <c r="H24672" s="5">
        <v>6</v>
      </c>
      <c r="I24672" s="5" t="s">
        <v>1518</v>
      </c>
      <c r="J24672" s="5" t="s">
        <v>69038</v>
      </c>
      <c r="K24672" s="2" t="s">
        <v>69039</v>
      </c>
      <c r="L24672" s="5" t="s">
        <v>69038</v>
      </c>
      <c r="M24672" s="2" t="s">
        <v>69039</v>
      </c>
      <c r="N24672" s="5" t="s">
        <v>1521</v>
      </c>
      <c r="O24672" s="5" t="s">
        <v>38</v>
      </c>
      <c r="P24672" s="5" t="s">
        <v>39</v>
      </c>
      <c r="Q24672" s="5" t="s">
        <v>40</v>
      </c>
      <c r="R24672" s="5" t="s">
        <v>1522</v>
      </c>
      <c r="S24672" s="5" t="s">
        <v>1523</v>
      </c>
      <c r="T24672" s="5" t="s">
        <v>42</v>
      </c>
      <c r="U24672" s="2">
        <v>3.7250000000000001</v>
      </c>
      <c r="V24672" s="2">
        <v>3.153</v>
      </c>
      <c r="W24672" s="2">
        <v>1.7999999999999999E-2</v>
      </c>
      <c r="X24672" s="2">
        <v>139.1</v>
      </c>
      <c r="Y24672" s="2">
        <v>7.6</v>
      </c>
      <c r="Z24672" s="2">
        <v>16.7</v>
      </c>
      <c r="AA24672" s="5"/>
      <c r="AB24672" s="5" t="s">
        <v>43</v>
      </c>
      <c r="AC24672" s="5" t="s">
        <v>44</v>
      </c>
      <c r="AD24672" s="2"/>
      <c r="AE24672" s="1"/>
    </row>
    <row r="24673" spans="1:31" ht="14.45">
      <c r="A24673" s="11"/>
      <c r="B24673" s="20"/>
      <c r="C24673" s="2" t="s">
        <v>78898</v>
      </c>
      <c r="D24673" s="14" t="s">
        <v>78899</v>
      </c>
      <c r="E24673" s="2" t="s">
        <v>78900</v>
      </c>
      <c r="F24673" s="2" t="s">
        <v>7449</v>
      </c>
      <c r="G24673" s="8">
        <v>321</v>
      </c>
      <c r="H24673" s="5">
        <v>6</v>
      </c>
      <c r="I24673" s="5" t="s">
        <v>1518</v>
      </c>
      <c r="J24673" s="5" t="s">
        <v>69038</v>
      </c>
      <c r="K24673" s="2" t="s">
        <v>69039</v>
      </c>
      <c r="L24673" s="5" t="s">
        <v>69038</v>
      </c>
      <c r="M24673" s="2" t="s">
        <v>69039</v>
      </c>
      <c r="N24673" s="5" t="s">
        <v>1521</v>
      </c>
      <c r="O24673" s="5" t="s">
        <v>38</v>
      </c>
      <c r="P24673" s="5" t="s">
        <v>39</v>
      </c>
      <c r="Q24673" s="5" t="s">
        <v>40</v>
      </c>
      <c r="R24673" s="5" t="s">
        <v>1522</v>
      </c>
      <c r="S24673" s="5" t="s">
        <v>1523</v>
      </c>
      <c r="T24673" s="5" t="s">
        <v>42</v>
      </c>
      <c r="U24673" s="2">
        <v>3.605</v>
      </c>
      <c r="V24673" s="2">
        <v>3.0329999999999999</v>
      </c>
      <c r="W24673" s="2">
        <v>1.7999999999999999E-2</v>
      </c>
      <c r="X24673" s="2">
        <v>139.1</v>
      </c>
      <c r="Y24673" s="2">
        <v>7.6</v>
      </c>
      <c r="Z24673" s="2">
        <v>16.7</v>
      </c>
      <c r="AA24673" s="5"/>
      <c r="AB24673" s="5" t="s">
        <v>43</v>
      </c>
      <c r="AC24673" s="5" t="s">
        <v>44</v>
      </c>
      <c r="AD24673" s="2"/>
      <c r="AE24673" s="1"/>
    </row>
    <row r="24674" spans="1:31" ht="14.45">
      <c r="A24674" s="11"/>
      <c r="B24674" s="20"/>
      <c r="C24674" s="2" t="s">
        <v>78901</v>
      </c>
      <c r="D24674" s="14" t="s">
        <v>78902</v>
      </c>
      <c r="E24674" s="2" t="s">
        <v>78903</v>
      </c>
      <c r="F24674" s="2" t="s">
        <v>7589</v>
      </c>
      <c r="G24674" s="8">
        <v>321</v>
      </c>
      <c r="H24674" s="5">
        <v>6</v>
      </c>
      <c r="I24674" s="5" t="s">
        <v>1518</v>
      </c>
      <c r="J24674" s="5" t="s">
        <v>69038</v>
      </c>
      <c r="K24674" s="2" t="s">
        <v>69039</v>
      </c>
      <c r="L24674" s="5" t="s">
        <v>69038</v>
      </c>
      <c r="M24674" s="2" t="s">
        <v>69039</v>
      </c>
      <c r="N24674" s="5" t="s">
        <v>1521</v>
      </c>
      <c r="O24674" s="5" t="s">
        <v>38</v>
      </c>
      <c r="P24674" s="5" t="s">
        <v>39</v>
      </c>
      <c r="Q24674" s="5" t="s">
        <v>40</v>
      </c>
      <c r="R24674" s="5" t="s">
        <v>1522</v>
      </c>
      <c r="S24674" s="5" t="s">
        <v>1523</v>
      </c>
      <c r="T24674" s="5" t="s">
        <v>42</v>
      </c>
      <c r="U24674" s="2">
        <v>3.7250000000000001</v>
      </c>
      <c r="V24674" s="2">
        <v>3.153</v>
      </c>
      <c r="W24674" s="2">
        <v>1.7999999999999999E-2</v>
      </c>
      <c r="X24674" s="2">
        <v>139.1</v>
      </c>
      <c r="Y24674" s="2">
        <v>7.6</v>
      </c>
      <c r="Z24674" s="2">
        <v>16.7</v>
      </c>
      <c r="AA24674" s="5"/>
      <c r="AB24674" s="5" t="s">
        <v>43</v>
      </c>
      <c r="AC24674" s="5" t="s">
        <v>44</v>
      </c>
      <c r="AD24674" s="2"/>
      <c r="AE24674" s="1"/>
    </row>
    <row r="24675" spans="1:31" ht="14.45">
      <c r="A24675" s="11"/>
      <c r="B24675" s="20"/>
      <c r="C24675" s="2" t="s">
        <v>78904</v>
      </c>
      <c r="D24675" s="14" t="s">
        <v>78905</v>
      </c>
      <c r="E24675" s="2" t="s">
        <v>78906</v>
      </c>
      <c r="F24675" s="2" t="s">
        <v>16219</v>
      </c>
      <c r="G24675" s="8">
        <v>321</v>
      </c>
      <c r="H24675" s="5">
        <v>6</v>
      </c>
      <c r="I24675" s="5" t="s">
        <v>1518</v>
      </c>
      <c r="J24675" s="5" t="s">
        <v>69038</v>
      </c>
      <c r="K24675" s="2" t="s">
        <v>69039</v>
      </c>
      <c r="L24675" s="5" t="s">
        <v>69038</v>
      </c>
      <c r="M24675" s="2" t="s">
        <v>69039</v>
      </c>
      <c r="N24675" s="5" t="s">
        <v>1521</v>
      </c>
      <c r="O24675" s="5" t="s">
        <v>38</v>
      </c>
      <c r="P24675" s="5" t="s">
        <v>39</v>
      </c>
      <c r="Q24675" s="5" t="s">
        <v>40</v>
      </c>
      <c r="R24675" s="5" t="s">
        <v>1522</v>
      </c>
      <c r="S24675" s="5" t="s">
        <v>1523</v>
      </c>
      <c r="T24675" s="5" t="s">
        <v>42</v>
      </c>
      <c r="U24675" s="2">
        <v>3.7250000000000001</v>
      </c>
      <c r="V24675" s="2">
        <v>3.153</v>
      </c>
      <c r="W24675" s="2">
        <v>1.7999999999999999E-2</v>
      </c>
      <c r="X24675" s="2">
        <v>139.1</v>
      </c>
      <c r="Y24675" s="2">
        <v>7.6</v>
      </c>
      <c r="Z24675" s="2">
        <v>16.7</v>
      </c>
      <c r="AA24675" s="5"/>
      <c r="AB24675" s="5" t="s">
        <v>43</v>
      </c>
      <c r="AC24675" s="5" t="s">
        <v>44</v>
      </c>
      <c r="AD24675" s="2"/>
      <c r="AE24675" s="1"/>
    </row>
    <row r="24676" spans="1:31" ht="14.45">
      <c r="A24676" s="11"/>
      <c r="B24676" s="20"/>
      <c r="C24676" s="2" t="s">
        <v>78907</v>
      </c>
      <c r="D24676" s="14" t="s">
        <v>78908</v>
      </c>
      <c r="E24676" s="2" t="s">
        <v>78909</v>
      </c>
      <c r="F24676" s="2" t="s">
        <v>16029</v>
      </c>
      <c r="G24676" s="8">
        <v>321</v>
      </c>
      <c r="H24676" s="5">
        <v>6</v>
      </c>
      <c r="I24676" s="5" t="s">
        <v>1518</v>
      </c>
      <c r="J24676" s="5" t="s">
        <v>69038</v>
      </c>
      <c r="K24676" s="2" t="s">
        <v>69039</v>
      </c>
      <c r="L24676" s="5" t="s">
        <v>69038</v>
      </c>
      <c r="M24676" s="2" t="s">
        <v>69039</v>
      </c>
      <c r="N24676" s="5" t="s">
        <v>1521</v>
      </c>
      <c r="O24676" s="5" t="s">
        <v>38</v>
      </c>
      <c r="P24676" s="5" t="s">
        <v>39</v>
      </c>
      <c r="Q24676" s="5" t="s">
        <v>40</v>
      </c>
      <c r="R24676" s="5" t="s">
        <v>1522</v>
      </c>
      <c r="S24676" s="5" t="s">
        <v>1523</v>
      </c>
      <c r="T24676" s="5" t="s">
        <v>42</v>
      </c>
      <c r="U24676" s="2">
        <v>3.6059999999999999</v>
      </c>
      <c r="V24676" s="2">
        <v>3.0339999999999998</v>
      </c>
      <c r="W24676" s="2">
        <v>1.7999999999999999E-2</v>
      </c>
      <c r="X24676" s="2">
        <v>139.1</v>
      </c>
      <c r="Y24676" s="2">
        <v>7.6</v>
      </c>
      <c r="Z24676" s="2">
        <v>16.7</v>
      </c>
      <c r="AA24676" s="5"/>
      <c r="AB24676" s="5" t="s">
        <v>43</v>
      </c>
      <c r="AC24676" s="5" t="s">
        <v>44</v>
      </c>
      <c r="AD24676" s="2"/>
      <c r="AE24676" s="1"/>
    </row>
    <row r="24677" spans="1:31" ht="14.45">
      <c r="A24677" s="11"/>
      <c r="B24677" s="20"/>
      <c r="C24677" s="2" t="s">
        <v>78910</v>
      </c>
      <c r="D24677" s="14" t="s">
        <v>78911</v>
      </c>
      <c r="E24677" s="2" t="s">
        <v>78912</v>
      </c>
      <c r="F24677" s="2" t="s">
        <v>16033</v>
      </c>
      <c r="G24677" s="8">
        <v>321</v>
      </c>
      <c r="H24677" s="5">
        <v>6</v>
      </c>
      <c r="I24677" s="5" t="s">
        <v>1518</v>
      </c>
      <c r="J24677" s="5" t="s">
        <v>69038</v>
      </c>
      <c r="K24677" s="2" t="s">
        <v>69039</v>
      </c>
      <c r="L24677" s="5" t="s">
        <v>69038</v>
      </c>
      <c r="M24677" s="2" t="s">
        <v>69039</v>
      </c>
      <c r="N24677" s="5" t="s">
        <v>1521</v>
      </c>
      <c r="O24677" s="5" t="s">
        <v>38</v>
      </c>
      <c r="P24677" s="5" t="s">
        <v>39</v>
      </c>
      <c r="Q24677" s="5" t="s">
        <v>40</v>
      </c>
      <c r="R24677" s="5" t="s">
        <v>1522</v>
      </c>
      <c r="S24677" s="5" t="s">
        <v>1523</v>
      </c>
      <c r="T24677" s="5" t="s">
        <v>42</v>
      </c>
      <c r="U24677" s="2">
        <v>3.726</v>
      </c>
      <c r="V24677" s="2">
        <v>3.1539999999999999</v>
      </c>
      <c r="W24677" s="2">
        <v>1.7999999999999999E-2</v>
      </c>
      <c r="X24677" s="2">
        <v>139.1</v>
      </c>
      <c r="Y24677" s="2">
        <v>7.6</v>
      </c>
      <c r="Z24677" s="2">
        <v>16.7</v>
      </c>
      <c r="AA24677" s="5"/>
      <c r="AB24677" s="5" t="s">
        <v>43</v>
      </c>
      <c r="AC24677" s="5" t="s">
        <v>44</v>
      </c>
      <c r="AD24677" s="2"/>
      <c r="AE24677" s="1"/>
    </row>
    <row r="24678" spans="1:31" ht="14.45">
      <c r="A24678" s="11"/>
      <c r="B24678" s="20"/>
      <c r="C24678" s="2" t="s">
        <v>78913</v>
      </c>
      <c r="D24678" s="14" t="s">
        <v>78914</v>
      </c>
      <c r="E24678" s="2" t="s">
        <v>78915</v>
      </c>
      <c r="F24678" s="2" t="s">
        <v>7204</v>
      </c>
      <c r="G24678" s="8">
        <v>270</v>
      </c>
      <c r="H24678" s="5">
        <v>6</v>
      </c>
      <c r="I24678" s="5" t="s">
        <v>1518</v>
      </c>
      <c r="J24678" s="5" t="s">
        <v>69038</v>
      </c>
      <c r="K24678" s="2" t="s">
        <v>69039</v>
      </c>
      <c r="L24678" s="5" t="s">
        <v>69038</v>
      </c>
      <c r="M24678" s="2" t="s">
        <v>69039</v>
      </c>
      <c r="N24678" s="5" t="s">
        <v>1521</v>
      </c>
      <c r="O24678" s="5" t="s">
        <v>38</v>
      </c>
      <c r="P24678" s="5" t="s">
        <v>39</v>
      </c>
      <c r="Q24678" s="5" t="s">
        <v>40</v>
      </c>
      <c r="R24678" s="5" t="s">
        <v>1522</v>
      </c>
      <c r="S24678" s="5" t="s">
        <v>1523</v>
      </c>
      <c r="T24678" s="5" t="s">
        <v>42</v>
      </c>
      <c r="U24678" s="2">
        <v>2.8319999999999999</v>
      </c>
      <c r="V24678" s="2">
        <v>2.2200000000000002</v>
      </c>
      <c r="W24678" s="2">
        <v>1.7999999999999999E-2</v>
      </c>
      <c r="X24678" s="2">
        <v>139.1</v>
      </c>
      <c r="Y24678" s="2">
        <v>7.6</v>
      </c>
      <c r="Z24678" s="2">
        <v>16.7</v>
      </c>
      <c r="AA24678" s="5"/>
      <c r="AB24678" s="5" t="s">
        <v>43</v>
      </c>
      <c r="AC24678" s="5" t="s">
        <v>44</v>
      </c>
      <c r="AD24678" s="2"/>
      <c r="AE24678" s="1"/>
    </row>
    <row r="24679" spans="1:31" ht="14.45">
      <c r="A24679" s="11"/>
      <c r="B24679" s="20"/>
      <c r="C24679" s="2" t="s">
        <v>78916</v>
      </c>
      <c r="D24679" s="14" t="s">
        <v>78917</v>
      </c>
      <c r="E24679" s="2" t="s">
        <v>78918</v>
      </c>
      <c r="F24679" s="2" t="s">
        <v>7514</v>
      </c>
      <c r="G24679" s="8">
        <v>270</v>
      </c>
      <c r="H24679" s="5">
        <v>6</v>
      </c>
      <c r="I24679" s="5" t="s">
        <v>1518</v>
      </c>
      <c r="J24679" s="5" t="s">
        <v>69038</v>
      </c>
      <c r="K24679" s="2" t="s">
        <v>69039</v>
      </c>
      <c r="L24679" s="5" t="s">
        <v>69038</v>
      </c>
      <c r="M24679" s="2" t="s">
        <v>69039</v>
      </c>
      <c r="N24679" s="5" t="s">
        <v>1521</v>
      </c>
      <c r="O24679" s="5" t="s">
        <v>38</v>
      </c>
      <c r="P24679" s="5" t="s">
        <v>39</v>
      </c>
      <c r="Q24679" s="5" t="s">
        <v>40</v>
      </c>
      <c r="R24679" s="5" t="s">
        <v>1522</v>
      </c>
      <c r="S24679" s="5" t="s">
        <v>1523</v>
      </c>
      <c r="T24679" s="5" t="s">
        <v>42</v>
      </c>
      <c r="U24679" s="2">
        <v>2.8980000000000001</v>
      </c>
      <c r="V24679" s="2">
        <v>2.286</v>
      </c>
      <c r="W24679" s="2">
        <v>1.7999999999999999E-2</v>
      </c>
      <c r="X24679" s="2">
        <v>139.1</v>
      </c>
      <c r="Y24679" s="2">
        <v>7.6</v>
      </c>
      <c r="Z24679" s="2">
        <v>16.7</v>
      </c>
      <c r="AA24679" s="5"/>
      <c r="AB24679" s="5" t="s">
        <v>43</v>
      </c>
      <c r="AC24679" s="5" t="s">
        <v>44</v>
      </c>
      <c r="AD24679" s="2"/>
      <c r="AE24679" s="1"/>
    </row>
    <row r="24680" spans="1:31" ht="14.45">
      <c r="A24680" s="11"/>
      <c r="B24680" s="20"/>
      <c r="C24680" s="2" t="s">
        <v>78919</v>
      </c>
      <c r="D24680" s="14" t="s">
        <v>78920</v>
      </c>
      <c r="E24680" s="2" t="s">
        <v>78921</v>
      </c>
      <c r="F24680" s="2" t="s">
        <v>16029</v>
      </c>
      <c r="G24680" s="8">
        <v>291</v>
      </c>
      <c r="H24680" s="5">
        <v>6</v>
      </c>
      <c r="I24680" s="5" t="s">
        <v>1518</v>
      </c>
      <c r="J24680" s="5" t="s">
        <v>69038</v>
      </c>
      <c r="K24680" s="2" t="s">
        <v>69039</v>
      </c>
      <c r="L24680" s="5" t="s">
        <v>69038</v>
      </c>
      <c r="M24680" s="2" t="s">
        <v>69039</v>
      </c>
      <c r="N24680" s="5" t="s">
        <v>1521</v>
      </c>
      <c r="O24680" s="5" t="s">
        <v>38</v>
      </c>
      <c r="P24680" s="5" t="s">
        <v>39</v>
      </c>
      <c r="Q24680" s="5" t="s">
        <v>40</v>
      </c>
      <c r="R24680" s="5" t="s">
        <v>1522</v>
      </c>
      <c r="S24680" s="5" t="s">
        <v>1523</v>
      </c>
      <c r="T24680" s="5" t="s">
        <v>42</v>
      </c>
      <c r="U24680" s="2">
        <v>2.8330000000000002</v>
      </c>
      <c r="V24680" s="2">
        <v>2.2210000000000001</v>
      </c>
      <c r="W24680" s="2">
        <v>1.7999999999999999E-2</v>
      </c>
      <c r="X24680" s="2">
        <v>139.1</v>
      </c>
      <c r="Y24680" s="2">
        <v>7.6</v>
      </c>
      <c r="Z24680" s="2">
        <v>16.7</v>
      </c>
      <c r="AA24680" s="5"/>
      <c r="AB24680" s="5" t="s">
        <v>43</v>
      </c>
      <c r="AC24680" s="5" t="s">
        <v>44</v>
      </c>
      <c r="AD24680" s="2"/>
      <c r="AE24680" s="1"/>
    </row>
    <row r="24681" spans="1:31" ht="14.45">
      <c r="A24681" s="11"/>
      <c r="B24681" s="20"/>
      <c r="C24681" s="2" t="s">
        <v>78922</v>
      </c>
      <c r="D24681" s="14" t="s">
        <v>78923</v>
      </c>
      <c r="E24681" s="2" t="s">
        <v>78924</v>
      </c>
      <c r="F24681" s="2" t="s">
        <v>16033</v>
      </c>
      <c r="G24681" s="8">
        <v>291</v>
      </c>
      <c r="H24681" s="5">
        <v>6</v>
      </c>
      <c r="I24681" s="5" t="s">
        <v>1518</v>
      </c>
      <c r="J24681" s="5" t="s">
        <v>69038</v>
      </c>
      <c r="K24681" s="2" t="s">
        <v>69039</v>
      </c>
      <c r="L24681" s="5" t="s">
        <v>69038</v>
      </c>
      <c r="M24681" s="2" t="s">
        <v>69039</v>
      </c>
      <c r="N24681" s="5" t="s">
        <v>1521</v>
      </c>
      <c r="O24681" s="5" t="s">
        <v>38</v>
      </c>
      <c r="P24681" s="5" t="s">
        <v>39</v>
      </c>
      <c r="Q24681" s="5" t="s">
        <v>40</v>
      </c>
      <c r="R24681" s="5" t="s">
        <v>1522</v>
      </c>
      <c r="S24681" s="5" t="s">
        <v>1523</v>
      </c>
      <c r="T24681" s="5" t="s">
        <v>42</v>
      </c>
      <c r="U24681" s="2">
        <v>2.899</v>
      </c>
      <c r="V24681" s="2">
        <v>2.2869999999999999</v>
      </c>
      <c r="W24681" s="2">
        <v>1.7999999999999999E-2</v>
      </c>
      <c r="X24681" s="2">
        <v>139.1</v>
      </c>
      <c r="Y24681" s="2">
        <v>7.6</v>
      </c>
      <c r="Z24681" s="2">
        <v>16.7</v>
      </c>
      <c r="AA24681" s="5"/>
      <c r="AB24681" s="5" t="s">
        <v>43</v>
      </c>
      <c r="AC24681" s="5" t="s">
        <v>44</v>
      </c>
      <c r="AD24681" s="2"/>
      <c r="AE24681" s="1"/>
    </row>
    <row r="24682" spans="1:31" ht="14.45">
      <c r="A24682" s="11"/>
      <c r="B24682" s="20"/>
      <c r="C24682" s="2" t="s">
        <v>78925</v>
      </c>
      <c r="D24682" s="14" t="s">
        <v>78926</v>
      </c>
      <c r="E24682" s="2" t="s">
        <v>78927</v>
      </c>
      <c r="F24682" s="2" t="s">
        <v>7204</v>
      </c>
      <c r="G24682" s="8">
        <v>270</v>
      </c>
      <c r="H24682" s="5">
        <v>6</v>
      </c>
      <c r="I24682" s="5" t="s">
        <v>1518</v>
      </c>
      <c r="J24682" s="5" t="s">
        <v>69038</v>
      </c>
      <c r="K24682" s="2" t="s">
        <v>69039</v>
      </c>
      <c r="L24682" s="5" t="s">
        <v>69038</v>
      </c>
      <c r="M24682" s="2" t="s">
        <v>69039</v>
      </c>
      <c r="N24682" s="5" t="s">
        <v>1521</v>
      </c>
      <c r="O24682" s="5" t="s">
        <v>38</v>
      </c>
      <c r="P24682" s="5" t="s">
        <v>39</v>
      </c>
      <c r="Q24682" s="5" t="s">
        <v>40</v>
      </c>
      <c r="R24682" s="5" t="s">
        <v>1522</v>
      </c>
      <c r="S24682" s="5" t="s">
        <v>1523</v>
      </c>
      <c r="T24682" s="5" t="s">
        <v>42</v>
      </c>
      <c r="U24682" s="2">
        <v>3.3090000000000002</v>
      </c>
      <c r="V24682" s="2">
        <v>2.722</v>
      </c>
      <c r="W24682" s="2">
        <v>1.7999999999999999E-2</v>
      </c>
      <c r="X24682" s="2">
        <v>139.1</v>
      </c>
      <c r="Y24682" s="2">
        <v>7.6</v>
      </c>
      <c r="Z24682" s="2">
        <v>16.7</v>
      </c>
      <c r="AA24682" s="5"/>
      <c r="AB24682" s="5" t="s">
        <v>43</v>
      </c>
      <c r="AC24682" s="5" t="s">
        <v>44</v>
      </c>
      <c r="AD24682" s="2"/>
      <c r="AE24682" s="1"/>
    </row>
    <row r="24683" spans="1:31" ht="14.45">
      <c r="A24683" s="11"/>
      <c r="B24683" s="20"/>
      <c r="C24683" s="2" t="s">
        <v>78928</v>
      </c>
      <c r="D24683" s="14" t="s">
        <v>78929</v>
      </c>
      <c r="E24683" s="2" t="s">
        <v>78930</v>
      </c>
      <c r="F24683" s="2" t="s">
        <v>7514</v>
      </c>
      <c r="G24683" s="8">
        <v>270</v>
      </c>
      <c r="H24683" s="5">
        <v>6</v>
      </c>
      <c r="I24683" s="5" t="s">
        <v>1518</v>
      </c>
      <c r="J24683" s="5" t="s">
        <v>69038</v>
      </c>
      <c r="K24683" s="2" t="s">
        <v>69039</v>
      </c>
      <c r="L24683" s="5" t="s">
        <v>69038</v>
      </c>
      <c r="M24683" s="2" t="s">
        <v>69039</v>
      </c>
      <c r="N24683" s="5" t="s">
        <v>1521</v>
      </c>
      <c r="O24683" s="5" t="s">
        <v>38</v>
      </c>
      <c r="P24683" s="5" t="s">
        <v>39</v>
      </c>
      <c r="Q24683" s="5" t="s">
        <v>40</v>
      </c>
      <c r="R24683" s="5" t="s">
        <v>1522</v>
      </c>
      <c r="S24683" s="5" t="s">
        <v>1523</v>
      </c>
      <c r="T24683" s="5" t="s">
        <v>42</v>
      </c>
      <c r="U24683" s="2">
        <v>3.4089999999999998</v>
      </c>
      <c r="V24683" s="2">
        <v>2.8220000000000001</v>
      </c>
      <c r="W24683" s="2">
        <v>1.7999999999999999E-2</v>
      </c>
      <c r="X24683" s="2">
        <v>139.1</v>
      </c>
      <c r="Y24683" s="2">
        <v>7.6</v>
      </c>
      <c r="Z24683" s="2">
        <v>16.7</v>
      </c>
      <c r="AA24683" s="5"/>
      <c r="AB24683" s="5" t="s">
        <v>43</v>
      </c>
      <c r="AC24683" s="5" t="s">
        <v>44</v>
      </c>
      <c r="AD24683" s="2"/>
      <c r="AE24683" s="1"/>
    </row>
    <row r="24684" spans="1:31" ht="14.45">
      <c r="A24684" s="11"/>
      <c r="B24684" s="20"/>
      <c r="C24684" s="2" t="s">
        <v>78931</v>
      </c>
      <c r="D24684" s="14" t="s">
        <v>78932</v>
      </c>
      <c r="E24684" s="2" t="s">
        <v>78933</v>
      </c>
      <c r="F24684" s="2" t="s">
        <v>7208</v>
      </c>
      <c r="G24684" s="8">
        <v>270</v>
      </c>
      <c r="H24684" s="5">
        <v>6</v>
      </c>
      <c r="I24684" s="5" t="s">
        <v>1518</v>
      </c>
      <c r="J24684" s="5" t="s">
        <v>69038</v>
      </c>
      <c r="K24684" s="2" t="s">
        <v>69039</v>
      </c>
      <c r="L24684" s="5" t="s">
        <v>69038</v>
      </c>
      <c r="M24684" s="2" t="s">
        <v>69039</v>
      </c>
      <c r="N24684" s="5" t="s">
        <v>1521</v>
      </c>
      <c r="O24684" s="5" t="s">
        <v>38</v>
      </c>
      <c r="P24684" s="5" t="s">
        <v>39</v>
      </c>
      <c r="Q24684" s="5" t="s">
        <v>40</v>
      </c>
      <c r="R24684" s="5" t="s">
        <v>1522</v>
      </c>
      <c r="S24684" s="5" t="s">
        <v>1523</v>
      </c>
      <c r="T24684" s="5" t="s">
        <v>42</v>
      </c>
      <c r="U24684" s="2">
        <v>3.3090000000000002</v>
      </c>
      <c r="V24684" s="2">
        <v>2.722</v>
      </c>
      <c r="W24684" s="2">
        <v>1.7999999999999999E-2</v>
      </c>
      <c r="X24684" s="2">
        <v>139.1</v>
      </c>
      <c r="Y24684" s="2">
        <v>7.6</v>
      </c>
      <c r="Z24684" s="2">
        <v>16.7</v>
      </c>
      <c r="AA24684" s="5"/>
      <c r="AB24684" s="5" t="s">
        <v>43</v>
      </c>
      <c r="AC24684" s="5" t="s">
        <v>44</v>
      </c>
      <c r="AD24684" s="2"/>
      <c r="AE24684" s="1"/>
    </row>
    <row r="24685" spans="1:31" ht="14.45">
      <c r="A24685" s="11"/>
      <c r="B24685" s="20"/>
      <c r="C24685" s="2" t="s">
        <v>78934</v>
      </c>
      <c r="D24685" s="14" t="s">
        <v>78935</v>
      </c>
      <c r="E24685" s="2" t="s">
        <v>78936</v>
      </c>
      <c r="F24685" s="2" t="s">
        <v>7521</v>
      </c>
      <c r="G24685" s="8">
        <v>270</v>
      </c>
      <c r="H24685" s="5">
        <v>6</v>
      </c>
      <c r="I24685" s="5" t="s">
        <v>1518</v>
      </c>
      <c r="J24685" s="5" t="s">
        <v>69038</v>
      </c>
      <c r="K24685" s="2" t="s">
        <v>69039</v>
      </c>
      <c r="L24685" s="5" t="s">
        <v>69038</v>
      </c>
      <c r="M24685" s="2" t="s">
        <v>69039</v>
      </c>
      <c r="N24685" s="5" t="s">
        <v>1521</v>
      </c>
      <c r="O24685" s="5" t="s">
        <v>38</v>
      </c>
      <c r="P24685" s="5" t="s">
        <v>39</v>
      </c>
      <c r="Q24685" s="5" t="s">
        <v>40</v>
      </c>
      <c r="R24685" s="5" t="s">
        <v>1522</v>
      </c>
      <c r="S24685" s="5" t="s">
        <v>1523</v>
      </c>
      <c r="T24685" s="5" t="s">
        <v>42</v>
      </c>
      <c r="U24685" s="2">
        <v>3.4089999999999998</v>
      </c>
      <c r="V24685" s="2">
        <v>2.8220000000000001</v>
      </c>
      <c r="W24685" s="2">
        <v>1.7999999999999999E-2</v>
      </c>
      <c r="X24685" s="2">
        <v>139.1</v>
      </c>
      <c r="Y24685" s="2">
        <v>7.6</v>
      </c>
      <c r="Z24685" s="2">
        <v>16.7</v>
      </c>
      <c r="AA24685" s="5"/>
      <c r="AB24685" s="5" t="s">
        <v>43</v>
      </c>
      <c r="AC24685" s="5" t="s">
        <v>44</v>
      </c>
      <c r="AD24685" s="2"/>
      <c r="AE24685" s="1"/>
    </row>
    <row r="24686" spans="1:31" ht="14.45">
      <c r="A24686" s="11"/>
      <c r="B24686" s="20"/>
      <c r="C24686" s="2" t="s">
        <v>78937</v>
      </c>
      <c r="D24686" s="14" t="s">
        <v>78938</v>
      </c>
      <c r="E24686" s="2" t="s">
        <v>78939</v>
      </c>
      <c r="F24686" s="2" t="s">
        <v>7406</v>
      </c>
      <c r="G24686" s="8">
        <v>291</v>
      </c>
      <c r="H24686" s="5">
        <v>6</v>
      </c>
      <c r="I24686" s="5" t="s">
        <v>1518</v>
      </c>
      <c r="J24686" s="5" t="s">
        <v>69038</v>
      </c>
      <c r="K24686" s="2" t="s">
        <v>69039</v>
      </c>
      <c r="L24686" s="5" t="s">
        <v>69038</v>
      </c>
      <c r="M24686" s="2" t="s">
        <v>69039</v>
      </c>
      <c r="N24686" s="5" t="s">
        <v>1521</v>
      </c>
      <c r="O24686" s="5" t="s">
        <v>38</v>
      </c>
      <c r="P24686" s="5" t="s">
        <v>39</v>
      </c>
      <c r="Q24686" s="5" t="s">
        <v>40</v>
      </c>
      <c r="R24686" s="5" t="s">
        <v>1522</v>
      </c>
      <c r="S24686" s="5" t="s">
        <v>1523</v>
      </c>
      <c r="T24686" s="5" t="s">
        <v>42</v>
      </c>
      <c r="U24686" s="2">
        <v>3.3090000000000002</v>
      </c>
      <c r="V24686" s="2">
        <v>2.722</v>
      </c>
      <c r="W24686" s="2">
        <v>1.7999999999999999E-2</v>
      </c>
      <c r="X24686" s="2">
        <v>139.1</v>
      </c>
      <c r="Y24686" s="2">
        <v>7.6</v>
      </c>
      <c r="Z24686" s="2">
        <v>16.7</v>
      </c>
      <c r="AA24686" s="5"/>
      <c r="AB24686" s="5" t="s">
        <v>43</v>
      </c>
      <c r="AC24686" s="5" t="s">
        <v>44</v>
      </c>
      <c r="AD24686" s="2"/>
      <c r="AE24686" s="1"/>
    </row>
    <row r="24687" spans="1:31" ht="14.45">
      <c r="A24687" s="11"/>
      <c r="B24687" s="20"/>
      <c r="C24687" s="2" t="s">
        <v>78940</v>
      </c>
      <c r="D24687" s="14" t="s">
        <v>78941</v>
      </c>
      <c r="E24687" s="2" t="s">
        <v>78942</v>
      </c>
      <c r="F24687" s="2" t="s">
        <v>7535</v>
      </c>
      <c r="G24687" s="8">
        <v>291</v>
      </c>
      <c r="H24687" s="5">
        <v>6</v>
      </c>
      <c r="I24687" s="5" t="s">
        <v>1518</v>
      </c>
      <c r="J24687" s="5" t="s">
        <v>69038</v>
      </c>
      <c r="K24687" s="2" t="s">
        <v>69039</v>
      </c>
      <c r="L24687" s="5" t="s">
        <v>69038</v>
      </c>
      <c r="M24687" s="2" t="s">
        <v>69039</v>
      </c>
      <c r="N24687" s="5" t="s">
        <v>1521</v>
      </c>
      <c r="O24687" s="5" t="s">
        <v>38</v>
      </c>
      <c r="P24687" s="5" t="s">
        <v>39</v>
      </c>
      <c r="Q24687" s="5" t="s">
        <v>40</v>
      </c>
      <c r="R24687" s="5" t="s">
        <v>1522</v>
      </c>
      <c r="S24687" s="5" t="s">
        <v>1523</v>
      </c>
      <c r="T24687" s="5" t="s">
        <v>42</v>
      </c>
      <c r="U24687" s="2">
        <v>3.4089999999999998</v>
      </c>
      <c r="V24687" s="2">
        <v>2.8220000000000001</v>
      </c>
      <c r="W24687" s="2">
        <v>1.7999999999999999E-2</v>
      </c>
      <c r="X24687" s="2">
        <v>139.1</v>
      </c>
      <c r="Y24687" s="2">
        <v>7.6</v>
      </c>
      <c r="Z24687" s="2">
        <v>16.7</v>
      </c>
      <c r="AA24687" s="5"/>
      <c r="AB24687" s="5" t="s">
        <v>43</v>
      </c>
      <c r="AC24687" s="5" t="s">
        <v>44</v>
      </c>
      <c r="AD24687" s="2"/>
      <c r="AE24687" s="1"/>
    </row>
    <row r="24688" spans="1:31" ht="14.45">
      <c r="A24688" s="11"/>
      <c r="B24688" s="20"/>
      <c r="C24688" s="2" t="s">
        <v>78943</v>
      </c>
      <c r="D24688" s="14" t="s">
        <v>78944</v>
      </c>
      <c r="E24688" s="2" t="s">
        <v>78945</v>
      </c>
      <c r="F24688" s="2" t="s">
        <v>7539</v>
      </c>
      <c r="G24688" s="8">
        <v>291</v>
      </c>
      <c r="H24688" s="5">
        <v>6</v>
      </c>
      <c r="I24688" s="5" t="s">
        <v>1518</v>
      </c>
      <c r="J24688" s="5" t="s">
        <v>69038</v>
      </c>
      <c r="K24688" s="2" t="s">
        <v>69039</v>
      </c>
      <c r="L24688" s="5" t="s">
        <v>69038</v>
      </c>
      <c r="M24688" s="2" t="s">
        <v>69039</v>
      </c>
      <c r="N24688" s="5" t="s">
        <v>1521</v>
      </c>
      <c r="O24688" s="5" t="s">
        <v>38</v>
      </c>
      <c r="P24688" s="5" t="s">
        <v>39</v>
      </c>
      <c r="Q24688" s="5" t="s">
        <v>40</v>
      </c>
      <c r="R24688" s="5" t="s">
        <v>1522</v>
      </c>
      <c r="S24688" s="5" t="s">
        <v>1523</v>
      </c>
      <c r="T24688" s="5" t="s">
        <v>42</v>
      </c>
      <c r="U24688" s="2">
        <v>3.3090000000000002</v>
      </c>
      <c r="V24688" s="2">
        <v>2.722</v>
      </c>
      <c r="W24688" s="2">
        <v>1.7999999999999999E-2</v>
      </c>
      <c r="X24688" s="2">
        <v>139.1</v>
      </c>
      <c r="Y24688" s="2">
        <v>7.6</v>
      </c>
      <c r="Z24688" s="2">
        <v>16.7</v>
      </c>
      <c r="AA24688" s="5"/>
      <c r="AB24688" s="5" t="s">
        <v>43</v>
      </c>
      <c r="AC24688" s="5" t="s">
        <v>44</v>
      </c>
      <c r="AD24688" s="2"/>
      <c r="AE24688" s="1"/>
    </row>
    <row r="24689" spans="1:31" ht="14.45">
      <c r="A24689" s="11"/>
      <c r="B24689" s="20"/>
      <c r="C24689" s="2" t="s">
        <v>78946</v>
      </c>
      <c r="D24689" s="14" t="s">
        <v>78947</v>
      </c>
      <c r="E24689" s="2" t="s">
        <v>78948</v>
      </c>
      <c r="F24689" s="2" t="s">
        <v>7543</v>
      </c>
      <c r="G24689" s="8">
        <v>291</v>
      </c>
      <c r="H24689" s="5">
        <v>6</v>
      </c>
      <c r="I24689" s="5" t="s">
        <v>1518</v>
      </c>
      <c r="J24689" s="5" t="s">
        <v>69038</v>
      </c>
      <c r="K24689" s="2" t="s">
        <v>69039</v>
      </c>
      <c r="L24689" s="5" t="s">
        <v>69038</v>
      </c>
      <c r="M24689" s="2" t="s">
        <v>69039</v>
      </c>
      <c r="N24689" s="5" t="s">
        <v>1521</v>
      </c>
      <c r="O24689" s="5" t="s">
        <v>38</v>
      </c>
      <c r="P24689" s="5" t="s">
        <v>39</v>
      </c>
      <c r="Q24689" s="5" t="s">
        <v>40</v>
      </c>
      <c r="R24689" s="5" t="s">
        <v>1522</v>
      </c>
      <c r="S24689" s="5" t="s">
        <v>1523</v>
      </c>
      <c r="T24689" s="5" t="s">
        <v>42</v>
      </c>
      <c r="U24689" s="2">
        <v>3.4089999999999998</v>
      </c>
      <c r="V24689" s="2">
        <v>2.8220000000000001</v>
      </c>
      <c r="W24689" s="2">
        <v>1.7999999999999999E-2</v>
      </c>
      <c r="X24689" s="2">
        <v>139.1</v>
      </c>
      <c r="Y24689" s="2">
        <v>7.6</v>
      </c>
      <c r="Z24689" s="2">
        <v>16.7</v>
      </c>
      <c r="AA24689" s="5"/>
      <c r="AB24689" s="5" t="s">
        <v>43</v>
      </c>
      <c r="AC24689" s="5" t="s">
        <v>44</v>
      </c>
      <c r="AD24689" s="2"/>
      <c r="AE24689" s="1"/>
    </row>
    <row r="24690" spans="1:31" ht="14.45">
      <c r="A24690" s="11"/>
      <c r="B24690" s="20"/>
      <c r="C24690" s="2" t="s">
        <v>78949</v>
      </c>
      <c r="D24690" s="14" t="s">
        <v>78950</v>
      </c>
      <c r="E24690" s="2" t="s">
        <v>78951</v>
      </c>
      <c r="F24690" s="2" t="s">
        <v>7396</v>
      </c>
      <c r="G24690" s="8">
        <v>270</v>
      </c>
      <c r="H24690" s="5">
        <v>6</v>
      </c>
      <c r="I24690" s="5" t="s">
        <v>1518</v>
      </c>
      <c r="J24690" s="5" t="s">
        <v>69038</v>
      </c>
      <c r="K24690" s="2" t="s">
        <v>69039</v>
      </c>
      <c r="L24690" s="5" t="s">
        <v>69038</v>
      </c>
      <c r="M24690" s="2" t="s">
        <v>69039</v>
      </c>
      <c r="N24690" s="5" t="s">
        <v>1521</v>
      </c>
      <c r="O24690" s="5" t="s">
        <v>38</v>
      </c>
      <c r="P24690" s="5" t="s">
        <v>39</v>
      </c>
      <c r="Q24690" s="5" t="s">
        <v>40</v>
      </c>
      <c r="R24690" s="5" t="s">
        <v>1522</v>
      </c>
      <c r="S24690" s="5" t="s">
        <v>1523</v>
      </c>
      <c r="T24690" s="5" t="s">
        <v>42</v>
      </c>
      <c r="U24690" s="2">
        <v>3.3090000000000002</v>
      </c>
      <c r="V24690" s="2">
        <v>2.722</v>
      </c>
      <c r="W24690" s="2">
        <v>1.7999999999999999E-2</v>
      </c>
      <c r="X24690" s="2">
        <v>139.1</v>
      </c>
      <c r="Y24690" s="2">
        <v>7.6</v>
      </c>
      <c r="Z24690" s="2">
        <v>16.7</v>
      </c>
      <c r="AA24690" s="5"/>
      <c r="AB24690" s="5" t="s">
        <v>43</v>
      </c>
      <c r="AC24690" s="5" t="s">
        <v>44</v>
      </c>
      <c r="AD24690" s="2"/>
      <c r="AE24690" s="1"/>
    </row>
    <row r="24691" spans="1:31" ht="14.45">
      <c r="A24691" s="11"/>
      <c r="B24691" s="20"/>
      <c r="C24691" s="2" t="s">
        <v>78952</v>
      </c>
      <c r="D24691" s="14" t="s">
        <v>78953</v>
      </c>
      <c r="E24691" s="2" t="s">
        <v>78954</v>
      </c>
      <c r="F24691" s="2" t="s">
        <v>7507</v>
      </c>
      <c r="G24691" s="8">
        <v>270</v>
      </c>
      <c r="H24691" s="5">
        <v>6</v>
      </c>
      <c r="I24691" s="5" t="s">
        <v>1518</v>
      </c>
      <c r="J24691" s="5" t="s">
        <v>69038</v>
      </c>
      <c r="K24691" s="2" t="s">
        <v>69039</v>
      </c>
      <c r="L24691" s="5" t="s">
        <v>69038</v>
      </c>
      <c r="M24691" s="2" t="s">
        <v>69039</v>
      </c>
      <c r="N24691" s="5" t="s">
        <v>1521</v>
      </c>
      <c r="O24691" s="5" t="s">
        <v>38</v>
      </c>
      <c r="P24691" s="5" t="s">
        <v>39</v>
      </c>
      <c r="Q24691" s="5" t="s">
        <v>40</v>
      </c>
      <c r="R24691" s="5" t="s">
        <v>1522</v>
      </c>
      <c r="S24691" s="5" t="s">
        <v>1523</v>
      </c>
      <c r="T24691" s="5" t="s">
        <v>42</v>
      </c>
      <c r="U24691" s="2">
        <v>3.4089999999999998</v>
      </c>
      <c r="V24691" s="2">
        <v>2.8220000000000001</v>
      </c>
      <c r="W24691" s="2">
        <v>1.7999999999999999E-2</v>
      </c>
      <c r="X24691" s="2">
        <v>139.1</v>
      </c>
      <c r="Y24691" s="2">
        <v>7.6</v>
      </c>
      <c r="Z24691" s="2">
        <v>16.7</v>
      </c>
      <c r="AA24691" s="5"/>
      <c r="AB24691" s="5" t="s">
        <v>43</v>
      </c>
      <c r="AC24691" s="5" t="s">
        <v>44</v>
      </c>
      <c r="AD24691" s="2"/>
      <c r="AE24691" s="1"/>
    </row>
    <row r="24692" spans="1:31" ht="14.45">
      <c r="A24692" s="11"/>
      <c r="B24692" s="20"/>
      <c r="C24692" s="2" t="s">
        <v>78955</v>
      </c>
      <c r="D24692" s="14" t="s">
        <v>78956</v>
      </c>
      <c r="E24692" s="2" t="s">
        <v>78957</v>
      </c>
      <c r="F24692" s="2" t="s">
        <v>7547</v>
      </c>
      <c r="G24692" s="8">
        <v>291</v>
      </c>
      <c r="H24692" s="5">
        <v>6</v>
      </c>
      <c r="I24692" s="5" t="s">
        <v>1518</v>
      </c>
      <c r="J24692" s="5" t="s">
        <v>69038</v>
      </c>
      <c r="K24692" s="2" t="s">
        <v>69039</v>
      </c>
      <c r="L24692" s="5" t="s">
        <v>69038</v>
      </c>
      <c r="M24692" s="2" t="s">
        <v>69039</v>
      </c>
      <c r="N24692" s="5" t="s">
        <v>1521</v>
      </c>
      <c r="O24692" s="5" t="s">
        <v>38</v>
      </c>
      <c r="P24692" s="5" t="s">
        <v>39</v>
      </c>
      <c r="Q24692" s="5" t="s">
        <v>40</v>
      </c>
      <c r="R24692" s="5" t="s">
        <v>1522</v>
      </c>
      <c r="S24692" s="5" t="s">
        <v>1523</v>
      </c>
      <c r="T24692" s="5" t="s">
        <v>42</v>
      </c>
      <c r="U24692" s="2">
        <v>3.3090000000000002</v>
      </c>
      <c r="V24692" s="2">
        <v>2.722</v>
      </c>
      <c r="W24692" s="2">
        <v>1.7999999999999999E-2</v>
      </c>
      <c r="X24692" s="2">
        <v>139.1</v>
      </c>
      <c r="Y24692" s="2">
        <v>7.6</v>
      </c>
      <c r="Z24692" s="2">
        <v>16.7</v>
      </c>
      <c r="AA24692" s="5"/>
      <c r="AB24692" s="5" t="s">
        <v>43</v>
      </c>
      <c r="AC24692" s="5" t="s">
        <v>44</v>
      </c>
      <c r="AD24692" s="2"/>
      <c r="AE24692" s="1"/>
    </row>
    <row r="24693" spans="1:31" ht="14.45">
      <c r="A24693" s="11"/>
      <c r="B24693" s="20"/>
      <c r="C24693" s="2" t="s">
        <v>78958</v>
      </c>
      <c r="D24693" s="14" t="s">
        <v>78959</v>
      </c>
      <c r="E24693" s="2" t="s">
        <v>78960</v>
      </c>
      <c r="F24693" s="2" t="s">
        <v>7563</v>
      </c>
      <c r="G24693" s="8">
        <v>291</v>
      </c>
      <c r="H24693" s="5">
        <v>6</v>
      </c>
      <c r="I24693" s="5" t="s">
        <v>1518</v>
      </c>
      <c r="J24693" s="5" t="s">
        <v>69038</v>
      </c>
      <c r="K24693" s="2" t="s">
        <v>69039</v>
      </c>
      <c r="L24693" s="5" t="s">
        <v>69038</v>
      </c>
      <c r="M24693" s="2" t="s">
        <v>69039</v>
      </c>
      <c r="N24693" s="5" t="s">
        <v>1521</v>
      </c>
      <c r="O24693" s="5" t="s">
        <v>38</v>
      </c>
      <c r="P24693" s="5" t="s">
        <v>39</v>
      </c>
      <c r="Q24693" s="5" t="s">
        <v>40</v>
      </c>
      <c r="R24693" s="5" t="s">
        <v>1522</v>
      </c>
      <c r="S24693" s="5" t="s">
        <v>1523</v>
      </c>
      <c r="T24693" s="5" t="s">
        <v>42</v>
      </c>
      <c r="U24693" s="2">
        <v>3.3090000000000002</v>
      </c>
      <c r="V24693" s="2">
        <v>2.722</v>
      </c>
      <c r="W24693" s="2">
        <v>1.7999999999999999E-2</v>
      </c>
      <c r="X24693" s="2">
        <v>139.1</v>
      </c>
      <c r="Y24693" s="2">
        <v>7.6</v>
      </c>
      <c r="Z24693" s="2">
        <v>16.7</v>
      </c>
      <c r="AA24693" s="5"/>
      <c r="AB24693" s="5" t="s">
        <v>43</v>
      </c>
      <c r="AC24693" s="5" t="s">
        <v>44</v>
      </c>
      <c r="AD24693" s="2"/>
      <c r="AE24693" s="1"/>
    </row>
    <row r="24694" spans="1:31" ht="14.45">
      <c r="A24694" s="11"/>
      <c r="B24694" s="20"/>
      <c r="C24694" s="2" t="s">
        <v>78961</v>
      </c>
      <c r="D24694" s="14" t="s">
        <v>78962</v>
      </c>
      <c r="E24694" s="2" t="s">
        <v>78963</v>
      </c>
      <c r="F24694" s="2" t="s">
        <v>7567</v>
      </c>
      <c r="G24694" s="8">
        <v>291</v>
      </c>
      <c r="H24694" s="5">
        <v>6</v>
      </c>
      <c r="I24694" s="5" t="s">
        <v>1518</v>
      </c>
      <c r="J24694" s="5" t="s">
        <v>69038</v>
      </c>
      <c r="K24694" s="2" t="s">
        <v>69039</v>
      </c>
      <c r="L24694" s="5" t="s">
        <v>69038</v>
      </c>
      <c r="M24694" s="2" t="s">
        <v>69039</v>
      </c>
      <c r="N24694" s="5" t="s">
        <v>1521</v>
      </c>
      <c r="O24694" s="5" t="s">
        <v>38</v>
      </c>
      <c r="P24694" s="5" t="s">
        <v>39</v>
      </c>
      <c r="Q24694" s="5" t="s">
        <v>40</v>
      </c>
      <c r="R24694" s="5" t="s">
        <v>1522</v>
      </c>
      <c r="S24694" s="5" t="s">
        <v>1523</v>
      </c>
      <c r="T24694" s="5" t="s">
        <v>42</v>
      </c>
      <c r="U24694" s="2">
        <v>3.4089999999999998</v>
      </c>
      <c r="V24694" s="2">
        <v>2.8220000000000001</v>
      </c>
      <c r="W24694" s="2">
        <v>1.7999999999999999E-2</v>
      </c>
      <c r="X24694" s="2">
        <v>139.1</v>
      </c>
      <c r="Y24694" s="2">
        <v>7.6</v>
      </c>
      <c r="Z24694" s="2">
        <v>16.7</v>
      </c>
      <c r="AA24694" s="5"/>
      <c r="AB24694" s="5" t="s">
        <v>43</v>
      </c>
      <c r="AC24694" s="5" t="s">
        <v>44</v>
      </c>
      <c r="AD24694" s="2"/>
      <c r="AE24694" s="1"/>
    </row>
    <row r="24695" spans="1:31" ht="14.45">
      <c r="A24695" s="11"/>
      <c r="B24695" s="20"/>
      <c r="C24695" s="2" t="s">
        <v>78964</v>
      </c>
      <c r="D24695" s="14" t="s">
        <v>78965</v>
      </c>
      <c r="E24695" s="2" t="s">
        <v>78966</v>
      </c>
      <c r="F24695" s="2" t="s">
        <v>7555</v>
      </c>
      <c r="G24695" s="8">
        <v>291</v>
      </c>
      <c r="H24695" s="5">
        <v>6</v>
      </c>
      <c r="I24695" s="5" t="s">
        <v>1518</v>
      </c>
      <c r="J24695" s="5" t="s">
        <v>69038</v>
      </c>
      <c r="K24695" s="2" t="s">
        <v>69039</v>
      </c>
      <c r="L24695" s="5" t="s">
        <v>69038</v>
      </c>
      <c r="M24695" s="2" t="s">
        <v>69039</v>
      </c>
      <c r="N24695" s="5" t="s">
        <v>1521</v>
      </c>
      <c r="O24695" s="5" t="s">
        <v>38</v>
      </c>
      <c r="P24695" s="5" t="s">
        <v>39</v>
      </c>
      <c r="Q24695" s="5" t="s">
        <v>40</v>
      </c>
      <c r="R24695" s="5" t="s">
        <v>1522</v>
      </c>
      <c r="S24695" s="5" t="s">
        <v>1523</v>
      </c>
      <c r="T24695" s="5" t="s">
        <v>42</v>
      </c>
      <c r="U24695" s="2">
        <v>3.3090000000000002</v>
      </c>
      <c r="V24695" s="2">
        <v>2.722</v>
      </c>
      <c r="W24695" s="2">
        <v>1.7999999999999999E-2</v>
      </c>
      <c r="X24695" s="2">
        <v>139.1</v>
      </c>
      <c r="Y24695" s="2">
        <v>7.6</v>
      </c>
      <c r="Z24695" s="2">
        <v>16.7</v>
      </c>
      <c r="AA24695" s="5"/>
      <c r="AB24695" s="5" t="s">
        <v>43</v>
      </c>
      <c r="AC24695" s="5" t="s">
        <v>44</v>
      </c>
      <c r="AD24695" s="2"/>
      <c r="AE24695" s="1"/>
    </row>
    <row r="24696" spans="1:31" ht="14.45">
      <c r="A24696" s="11"/>
      <c r="B24696" s="20"/>
      <c r="C24696" s="2" t="s">
        <v>78967</v>
      </c>
      <c r="D24696" s="14" t="s">
        <v>78968</v>
      </c>
      <c r="E24696" s="2" t="s">
        <v>78969</v>
      </c>
      <c r="F24696" s="2" t="s">
        <v>7559</v>
      </c>
      <c r="G24696" s="8">
        <v>291</v>
      </c>
      <c r="H24696" s="5">
        <v>6</v>
      </c>
      <c r="I24696" s="5" t="s">
        <v>1518</v>
      </c>
      <c r="J24696" s="5" t="s">
        <v>69038</v>
      </c>
      <c r="K24696" s="2" t="s">
        <v>69039</v>
      </c>
      <c r="L24696" s="5" t="s">
        <v>69038</v>
      </c>
      <c r="M24696" s="2" t="s">
        <v>69039</v>
      </c>
      <c r="N24696" s="5" t="s">
        <v>1521</v>
      </c>
      <c r="O24696" s="5" t="s">
        <v>38</v>
      </c>
      <c r="P24696" s="5" t="s">
        <v>39</v>
      </c>
      <c r="Q24696" s="5" t="s">
        <v>40</v>
      </c>
      <c r="R24696" s="5" t="s">
        <v>1522</v>
      </c>
      <c r="S24696" s="5" t="s">
        <v>1523</v>
      </c>
      <c r="T24696" s="5" t="s">
        <v>42</v>
      </c>
      <c r="U24696" s="2">
        <v>3.4089999999999998</v>
      </c>
      <c r="V24696" s="2">
        <v>2.8220000000000001</v>
      </c>
      <c r="W24696" s="2">
        <v>1.7999999999999999E-2</v>
      </c>
      <c r="X24696" s="2">
        <v>139.1</v>
      </c>
      <c r="Y24696" s="2">
        <v>7.6</v>
      </c>
      <c r="Z24696" s="2">
        <v>16.7</v>
      </c>
      <c r="AA24696" s="5"/>
      <c r="AB24696" s="5" t="s">
        <v>43</v>
      </c>
      <c r="AC24696" s="5" t="s">
        <v>44</v>
      </c>
      <c r="AD24696" s="2"/>
      <c r="AE24696" s="1"/>
    </row>
    <row r="24697" spans="1:31" ht="14.45">
      <c r="A24697" s="11"/>
      <c r="B24697" s="20"/>
      <c r="C24697" s="2" t="s">
        <v>78970</v>
      </c>
      <c r="D24697" s="14" t="s">
        <v>78971</v>
      </c>
      <c r="E24697" s="2" t="s">
        <v>78972</v>
      </c>
      <c r="F24697" s="2" t="s">
        <v>16079</v>
      </c>
      <c r="G24697" s="8">
        <v>291</v>
      </c>
      <c r="H24697" s="5">
        <v>6</v>
      </c>
      <c r="I24697" s="5" t="s">
        <v>1518</v>
      </c>
      <c r="J24697" s="5" t="s">
        <v>69038</v>
      </c>
      <c r="K24697" s="2" t="s">
        <v>69039</v>
      </c>
      <c r="L24697" s="5" t="s">
        <v>69038</v>
      </c>
      <c r="M24697" s="2" t="s">
        <v>69039</v>
      </c>
      <c r="N24697" s="5" t="s">
        <v>1521</v>
      </c>
      <c r="O24697" s="5" t="s">
        <v>38</v>
      </c>
      <c r="P24697" s="5" t="s">
        <v>39</v>
      </c>
      <c r="Q24697" s="5" t="s">
        <v>40</v>
      </c>
      <c r="R24697" s="5" t="s">
        <v>1522</v>
      </c>
      <c r="S24697" s="5" t="s">
        <v>1523</v>
      </c>
      <c r="T24697" s="5" t="s">
        <v>42</v>
      </c>
      <c r="U24697" s="2">
        <v>3.3090000000000002</v>
      </c>
      <c r="V24697" s="2">
        <v>2.722</v>
      </c>
      <c r="W24697" s="2">
        <v>1.7999999999999999E-2</v>
      </c>
      <c r="X24697" s="2">
        <v>139.1</v>
      </c>
      <c r="Y24697" s="2">
        <v>7.6</v>
      </c>
      <c r="Z24697" s="2">
        <v>16.7</v>
      </c>
      <c r="AA24697" s="5"/>
      <c r="AB24697" s="5" t="s">
        <v>43</v>
      </c>
      <c r="AC24697" s="5" t="s">
        <v>44</v>
      </c>
      <c r="AD24697" s="2"/>
      <c r="AE24697" s="1"/>
    </row>
    <row r="24698" spans="1:31" ht="14.45">
      <c r="A24698" s="11"/>
      <c r="B24698" s="20"/>
      <c r="C24698" s="2" t="s">
        <v>78973</v>
      </c>
      <c r="D24698" s="14" t="s">
        <v>78974</v>
      </c>
      <c r="E24698" s="2" t="s">
        <v>78975</v>
      </c>
      <c r="F24698" s="2" t="s">
        <v>16194</v>
      </c>
      <c r="G24698" s="8">
        <v>291</v>
      </c>
      <c r="H24698" s="5">
        <v>6</v>
      </c>
      <c r="I24698" s="5" t="s">
        <v>1518</v>
      </c>
      <c r="J24698" s="5" t="s">
        <v>69038</v>
      </c>
      <c r="K24698" s="2" t="s">
        <v>69039</v>
      </c>
      <c r="L24698" s="5" t="s">
        <v>69038</v>
      </c>
      <c r="M24698" s="2" t="s">
        <v>69039</v>
      </c>
      <c r="N24698" s="5" t="s">
        <v>1521</v>
      </c>
      <c r="O24698" s="5" t="s">
        <v>38</v>
      </c>
      <c r="P24698" s="5" t="s">
        <v>39</v>
      </c>
      <c r="Q24698" s="5" t="s">
        <v>40</v>
      </c>
      <c r="R24698" s="5" t="s">
        <v>1522</v>
      </c>
      <c r="S24698" s="5" t="s">
        <v>1523</v>
      </c>
      <c r="T24698" s="5" t="s">
        <v>42</v>
      </c>
      <c r="U24698" s="2">
        <v>3.4089999999999998</v>
      </c>
      <c r="V24698" s="2">
        <v>2.8220000000000001</v>
      </c>
      <c r="W24698" s="2">
        <v>1.7999999999999999E-2</v>
      </c>
      <c r="X24698" s="2">
        <v>139.1</v>
      </c>
      <c r="Y24698" s="2">
        <v>7.6</v>
      </c>
      <c r="Z24698" s="2">
        <v>16.7</v>
      </c>
      <c r="AA24698" s="5"/>
      <c r="AB24698" s="5" t="s">
        <v>43</v>
      </c>
      <c r="AC24698" s="5" t="s">
        <v>44</v>
      </c>
      <c r="AD24698" s="2"/>
      <c r="AE24698" s="1"/>
    </row>
    <row r="24699" spans="1:31" ht="14.45">
      <c r="A24699" s="11"/>
      <c r="B24699" s="20"/>
      <c r="C24699" s="2" t="s">
        <v>78976</v>
      </c>
      <c r="D24699" s="14" t="s">
        <v>78977</v>
      </c>
      <c r="E24699" s="2" t="s">
        <v>78978</v>
      </c>
      <c r="F24699" s="2" t="s">
        <v>7449</v>
      </c>
      <c r="G24699" s="8">
        <v>291</v>
      </c>
      <c r="H24699" s="5">
        <v>6</v>
      </c>
      <c r="I24699" s="5" t="s">
        <v>1518</v>
      </c>
      <c r="J24699" s="5" t="s">
        <v>69038</v>
      </c>
      <c r="K24699" s="2" t="s">
        <v>69039</v>
      </c>
      <c r="L24699" s="5" t="s">
        <v>69038</v>
      </c>
      <c r="M24699" s="2" t="s">
        <v>69039</v>
      </c>
      <c r="N24699" s="5" t="s">
        <v>1521</v>
      </c>
      <c r="O24699" s="5" t="s">
        <v>38</v>
      </c>
      <c r="P24699" s="5" t="s">
        <v>39</v>
      </c>
      <c r="Q24699" s="5" t="s">
        <v>40</v>
      </c>
      <c r="R24699" s="5" t="s">
        <v>1522</v>
      </c>
      <c r="S24699" s="5" t="s">
        <v>1523</v>
      </c>
      <c r="T24699" s="5" t="s">
        <v>42</v>
      </c>
      <c r="U24699" s="2">
        <v>3.3090000000000002</v>
      </c>
      <c r="V24699" s="2">
        <v>2.722</v>
      </c>
      <c r="W24699" s="2">
        <v>1.7999999999999999E-2</v>
      </c>
      <c r="X24699" s="2">
        <v>139.1</v>
      </c>
      <c r="Y24699" s="2">
        <v>7.6</v>
      </c>
      <c r="Z24699" s="2">
        <v>16.7</v>
      </c>
      <c r="AA24699" s="5"/>
      <c r="AB24699" s="5" t="s">
        <v>43</v>
      </c>
      <c r="AC24699" s="5" t="s">
        <v>44</v>
      </c>
      <c r="AD24699" s="2"/>
      <c r="AE24699" s="1"/>
    </row>
    <row r="24700" spans="1:31" ht="14.45">
      <c r="A24700" s="11"/>
      <c r="B24700" s="20"/>
      <c r="C24700" s="2" t="s">
        <v>78979</v>
      </c>
      <c r="D24700" s="14" t="s">
        <v>78980</v>
      </c>
      <c r="E24700" s="2" t="s">
        <v>78981</v>
      </c>
      <c r="F24700" s="2" t="s">
        <v>7581</v>
      </c>
      <c r="G24700" s="8">
        <v>291</v>
      </c>
      <c r="H24700" s="5">
        <v>6</v>
      </c>
      <c r="I24700" s="5" t="s">
        <v>1518</v>
      </c>
      <c r="J24700" s="5" t="s">
        <v>69038</v>
      </c>
      <c r="K24700" s="2" t="s">
        <v>69039</v>
      </c>
      <c r="L24700" s="5" t="s">
        <v>69038</v>
      </c>
      <c r="M24700" s="2" t="s">
        <v>69039</v>
      </c>
      <c r="N24700" s="5" t="s">
        <v>1521</v>
      </c>
      <c r="O24700" s="5" t="s">
        <v>38</v>
      </c>
      <c r="P24700" s="5" t="s">
        <v>39</v>
      </c>
      <c r="Q24700" s="5" t="s">
        <v>40</v>
      </c>
      <c r="R24700" s="5" t="s">
        <v>1522</v>
      </c>
      <c r="S24700" s="5" t="s">
        <v>1523</v>
      </c>
      <c r="T24700" s="5" t="s">
        <v>42</v>
      </c>
      <c r="U24700" s="2">
        <v>3.4089999999999998</v>
      </c>
      <c r="V24700" s="2">
        <v>2.8220000000000001</v>
      </c>
      <c r="W24700" s="2">
        <v>1.7999999999999999E-2</v>
      </c>
      <c r="X24700" s="2">
        <v>139.1</v>
      </c>
      <c r="Y24700" s="2">
        <v>7.6</v>
      </c>
      <c r="Z24700" s="2">
        <v>16.7</v>
      </c>
      <c r="AA24700" s="5"/>
      <c r="AB24700" s="5" t="s">
        <v>43</v>
      </c>
      <c r="AC24700" s="5" t="s">
        <v>44</v>
      </c>
      <c r="AD24700" s="2"/>
      <c r="AE24700" s="1"/>
    </row>
    <row r="24701" spans="1:31" ht="14.45">
      <c r="A24701" s="11"/>
      <c r="B24701" s="20"/>
      <c r="C24701" s="2" t="s">
        <v>78982</v>
      </c>
      <c r="D24701" s="14" t="s">
        <v>78983</v>
      </c>
      <c r="E24701" s="2" t="s">
        <v>78984</v>
      </c>
      <c r="F24701" s="2" t="s">
        <v>7585</v>
      </c>
      <c r="G24701" s="8">
        <v>291</v>
      </c>
      <c r="H24701" s="5">
        <v>6</v>
      </c>
      <c r="I24701" s="5" t="s">
        <v>1518</v>
      </c>
      <c r="J24701" s="5" t="s">
        <v>69038</v>
      </c>
      <c r="K24701" s="2" t="s">
        <v>69039</v>
      </c>
      <c r="L24701" s="5" t="s">
        <v>69038</v>
      </c>
      <c r="M24701" s="2" t="s">
        <v>69039</v>
      </c>
      <c r="N24701" s="5" t="s">
        <v>1521</v>
      </c>
      <c r="O24701" s="5" t="s">
        <v>38</v>
      </c>
      <c r="P24701" s="5" t="s">
        <v>39</v>
      </c>
      <c r="Q24701" s="5" t="s">
        <v>40</v>
      </c>
      <c r="R24701" s="5" t="s">
        <v>1522</v>
      </c>
      <c r="S24701" s="5" t="s">
        <v>1523</v>
      </c>
      <c r="T24701" s="5" t="s">
        <v>42</v>
      </c>
      <c r="U24701" s="2">
        <v>3.3090000000000002</v>
      </c>
      <c r="V24701" s="2">
        <v>2.722</v>
      </c>
      <c r="W24701" s="2">
        <v>1.7999999999999999E-2</v>
      </c>
      <c r="X24701" s="2">
        <v>139.1</v>
      </c>
      <c r="Y24701" s="2">
        <v>7.6</v>
      </c>
      <c r="Z24701" s="2">
        <v>16.7</v>
      </c>
      <c r="AA24701" s="5"/>
      <c r="AB24701" s="5" t="s">
        <v>43</v>
      </c>
      <c r="AC24701" s="5" t="s">
        <v>44</v>
      </c>
      <c r="AD24701" s="2"/>
      <c r="AE24701" s="1"/>
    </row>
    <row r="24702" spans="1:31" ht="14.45">
      <c r="A24702" s="11"/>
      <c r="B24702" s="20"/>
      <c r="C24702" s="2" t="s">
        <v>78985</v>
      </c>
      <c r="D24702" s="14" t="s">
        <v>78986</v>
      </c>
      <c r="E24702" s="2" t="s">
        <v>78987</v>
      </c>
      <c r="F24702" s="2" t="s">
        <v>7589</v>
      </c>
      <c r="G24702" s="8">
        <v>291</v>
      </c>
      <c r="H24702" s="5">
        <v>6</v>
      </c>
      <c r="I24702" s="5" t="s">
        <v>1518</v>
      </c>
      <c r="J24702" s="5" t="s">
        <v>69038</v>
      </c>
      <c r="K24702" s="2" t="s">
        <v>69039</v>
      </c>
      <c r="L24702" s="5" t="s">
        <v>69038</v>
      </c>
      <c r="M24702" s="2" t="s">
        <v>69039</v>
      </c>
      <c r="N24702" s="5" t="s">
        <v>1521</v>
      </c>
      <c r="O24702" s="5" t="s">
        <v>38</v>
      </c>
      <c r="P24702" s="5" t="s">
        <v>39</v>
      </c>
      <c r="Q24702" s="5" t="s">
        <v>40</v>
      </c>
      <c r="R24702" s="5" t="s">
        <v>1522</v>
      </c>
      <c r="S24702" s="5" t="s">
        <v>1523</v>
      </c>
      <c r="T24702" s="5" t="s">
        <v>42</v>
      </c>
      <c r="U24702" s="2">
        <v>3.4089999999999998</v>
      </c>
      <c r="V24702" s="2">
        <v>2.8220000000000001</v>
      </c>
      <c r="W24702" s="2">
        <v>1.7999999999999999E-2</v>
      </c>
      <c r="X24702" s="2">
        <v>139.1</v>
      </c>
      <c r="Y24702" s="2">
        <v>7.6</v>
      </c>
      <c r="Z24702" s="2">
        <v>16.7</v>
      </c>
      <c r="AA24702" s="5"/>
      <c r="AB24702" s="5" t="s">
        <v>43</v>
      </c>
      <c r="AC24702" s="5" t="s">
        <v>44</v>
      </c>
      <c r="AD24702" s="2"/>
      <c r="AE24702" s="1"/>
    </row>
    <row r="24703" spans="1:31" ht="14.45">
      <c r="A24703" s="11"/>
      <c r="B24703" s="20"/>
      <c r="C24703" s="2" t="s">
        <v>78988</v>
      </c>
      <c r="D24703" s="14" t="s">
        <v>78989</v>
      </c>
      <c r="E24703" s="2" t="s">
        <v>78990</v>
      </c>
      <c r="F24703" s="2" t="s">
        <v>7593</v>
      </c>
      <c r="G24703" s="8">
        <v>291</v>
      </c>
      <c r="H24703" s="5">
        <v>6</v>
      </c>
      <c r="I24703" s="5" t="s">
        <v>1518</v>
      </c>
      <c r="J24703" s="5" t="s">
        <v>69038</v>
      </c>
      <c r="K24703" s="2" t="s">
        <v>69039</v>
      </c>
      <c r="L24703" s="5" t="s">
        <v>69038</v>
      </c>
      <c r="M24703" s="2" t="s">
        <v>69039</v>
      </c>
      <c r="N24703" s="5" t="s">
        <v>1521</v>
      </c>
      <c r="O24703" s="5" t="s">
        <v>38</v>
      </c>
      <c r="P24703" s="5" t="s">
        <v>39</v>
      </c>
      <c r="Q24703" s="5" t="s">
        <v>40</v>
      </c>
      <c r="R24703" s="5" t="s">
        <v>1522</v>
      </c>
      <c r="S24703" s="5" t="s">
        <v>1523</v>
      </c>
      <c r="T24703" s="5" t="s">
        <v>42</v>
      </c>
      <c r="U24703" s="2">
        <v>3.3090000000000002</v>
      </c>
      <c r="V24703" s="2">
        <v>2.722</v>
      </c>
      <c r="W24703" s="2">
        <v>1.7999999999999999E-2</v>
      </c>
      <c r="X24703" s="2">
        <v>139.1</v>
      </c>
      <c r="Y24703" s="2">
        <v>7.6</v>
      </c>
      <c r="Z24703" s="2">
        <v>16.7</v>
      </c>
      <c r="AA24703" s="5"/>
      <c r="AB24703" s="5" t="s">
        <v>43</v>
      </c>
      <c r="AC24703" s="5" t="s">
        <v>44</v>
      </c>
      <c r="AD24703" s="2"/>
      <c r="AE24703" s="1"/>
    </row>
    <row r="24704" spans="1:31" ht="14.45">
      <c r="A24704" s="11"/>
      <c r="B24704" s="20"/>
      <c r="C24704" s="2" t="s">
        <v>78991</v>
      </c>
      <c r="D24704" s="14" t="s">
        <v>78992</v>
      </c>
      <c r="E24704" s="2" t="s">
        <v>78993</v>
      </c>
      <c r="F24704" s="2" t="s">
        <v>7597</v>
      </c>
      <c r="G24704" s="8">
        <v>291</v>
      </c>
      <c r="H24704" s="5">
        <v>6</v>
      </c>
      <c r="I24704" s="5" t="s">
        <v>1518</v>
      </c>
      <c r="J24704" s="5" t="s">
        <v>69038</v>
      </c>
      <c r="K24704" s="2" t="s">
        <v>69039</v>
      </c>
      <c r="L24704" s="5" t="s">
        <v>69038</v>
      </c>
      <c r="M24704" s="2" t="s">
        <v>69039</v>
      </c>
      <c r="N24704" s="5" t="s">
        <v>1521</v>
      </c>
      <c r="O24704" s="5" t="s">
        <v>38</v>
      </c>
      <c r="P24704" s="5" t="s">
        <v>39</v>
      </c>
      <c r="Q24704" s="5" t="s">
        <v>40</v>
      </c>
      <c r="R24704" s="5" t="s">
        <v>1522</v>
      </c>
      <c r="S24704" s="5" t="s">
        <v>1523</v>
      </c>
      <c r="T24704" s="5" t="s">
        <v>42</v>
      </c>
      <c r="U24704" s="2">
        <v>3.4089999999999998</v>
      </c>
      <c r="V24704" s="2">
        <v>2.8220000000000001</v>
      </c>
      <c r="W24704" s="2">
        <v>1.7999999999999999E-2</v>
      </c>
      <c r="X24704" s="2">
        <v>139.1</v>
      </c>
      <c r="Y24704" s="2">
        <v>7.6</v>
      </c>
      <c r="Z24704" s="2">
        <v>16.7</v>
      </c>
      <c r="AA24704" s="5"/>
      <c r="AB24704" s="5" t="s">
        <v>43</v>
      </c>
      <c r="AC24704" s="5" t="s">
        <v>44</v>
      </c>
      <c r="AD24704" s="2"/>
      <c r="AE24704" s="1"/>
    </row>
    <row r="24705" spans="1:31" ht="14.45">
      <c r="A24705" s="11"/>
      <c r="B24705" s="20"/>
      <c r="C24705" s="2" t="s">
        <v>78994</v>
      </c>
      <c r="D24705" s="14" t="s">
        <v>78995</v>
      </c>
      <c r="E24705" s="2" t="s">
        <v>78996</v>
      </c>
      <c r="F24705" s="2" t="s">
        <v>73358</v>
      </c>
      <c r="G24705" s="8">
        <v>291</v>
      </c>
      <c r="H24705" s="5">
        <v>6</v>
      </c>
      <c r="I24705" s="5" t="s">
        <v>1518</v>
      </c>
      <c r="J24705" s="5" t="s">
        <v>69038</v>
      </c>
      <c r="K24705" s="2" t="s">
        <v>69039</v>
      </c>
      <c r="L24705" s="5" t="s">
        <v>69038</v>
      </c>
      <c r="M24705" s="2" t="s">
        <v>69039</v>
      </c>
      <c r="N24705" s="5" t="s">
        <v>1521</v>
      </c>
      <c r="O24705" s="5" t="s">
        <v>38</v>
      </c>
      <c r="P24705" s="5" t="s">
        <v>39</v>
      </c>
      <c r="Q24705" s="5" t="s">
        <v>40</v>
      </c>
      <c r="R24705" s="5" t="s">
        <v>1522</v>
      </c>
      <c r="S24705" s="5" t="s">
        <v>1523</v>
      </c>
      <c r="T24705" s="5" t="s">
        <v>42</v>
      </c>
      <c r="U24705" s="2">
        <v>3.3090000000000002</v>
      </c>
      <c r="V24705" s="2">
        <v>2.722</v>
      </c>
      <c r="W24705" s="2">
        <v>1.7999999999999999E-2</v>
      </c>
      <c r="X24705" s="2">
        <v>139.1</v>
      </c>
      <c r="Y24705" s="2">
        <v>7.6</v>
      </c>
      <c r="Z24705" s="2">
        <v>16.7</v>
      </c>
      <c r="AA24705" s="5"/>
      <c r="AB24705" s="5" t="s">
        <v>43</v>
      </c>
      <c r="AC24705" s="5" t="s">
        <v>44</v>
      </c>
      <c r="AD24705" s="2"/>
      <c r="AE24705" s="1"/>
    </row>
    <row r="24706" spans="1:31" ht="14.45">
      <c r="A24706" s="11"/>
      <c r="B24706" s="20"/>
      <c r="C24706" s="2" t="s">
        <v>78997</v>
      </c>
      <c r="D24706" s="14" t="s">
        <v>78998</v>
      </c>
      <c r="E24706" s="2" t="s">
        <v>78999</v>
      </c>
      <c r="F24706" s="2" t="s">
        <v>73362</v>
      </c>
      <c r="G24706" s="8">
        <v>291</v>
      </c>
      <c r="H24706" s="5">
        <v>6</v>
      </c>
      <c r="I24706" s="5" t="s">
        <v>1518</v>
      </c>
      <c r="J24706" s="5" t="s">
        <v>69038</v>
      </c>
      <c r="K24706" s="2" t="s">
        <v>69039</v>
      </c>
      <c r="L24706" s="5" t="s">
        <v>69038</v>
      </c>
      <c r="M24706" s="2" t="s">
        <v>69039</v>
      </c>
      <c r="N24706" s="5" t="s">
        <v>1521</v>
      </c>
      <c r="O24706" s="5" t="s">
        <v>38</v>
      </c>
      <c r="P24706" s="5" t="s">
        <v>39</v>
      </c>
      <c r="Q24706" s="5" t="s">
        <v>40</v>
      </c>
      <c r="R24706" s="5" t="s">
        <v>1522</v>
      </c>
      <c r="S24706" s="5" t="s">
        <v>1523</v>
      </c>
      <c r="T24706" s="5" t="s">
        <v>42</v>
      </c>
      <c r="U24706" s="2">
        <v>3.4089999999999998</v>
      </c>
      <c r="V24706" s="2">
        <v>2.8220000000000001</v>
      </c>
      <c r="W24706" s="2">
        <v>1.7999999999999999E-2</v>
      </c>
      <c r="X24706" s="2">
        <v>139.1</v>
      </c>
      <c r="Y24706" s="2">
        <v>7.6</v>
      </c>
      <c r="Z24706" s="2">
        <v>16.7</v>
      </c>
      <c r="AA24706" s="5"/>
      <c r="AB24706" s="5" t="s">
        <v>43</v>
      </c>
      <c r="AC24706" s="5" t="s">
        <v>44</v>
      </c>
      <c r="AD24706" s="2"/>
      <c r="AE24706" s="1"/>
    </row>
    <row r="24707" spans="1:31" ht="14.45">
      <c r="A24707" s="11"/>
      <c r="B24707" s="20"/>
      <c r="C24707" s="2" t="s">
        <v>79000</v>
      </c>
      <c r="D24707" s="14" t="s">
        <v>79001</v>
      </c>
      <c r="E24707" s="2" t="s">
        <v>79002</v>
      </c>
      <c r="F24707" s="2" t="s">
        <v>7615</v>
      </c>
      <c r="G24707" s="8">
        <v>291</v>
      </c>
      <c r="H24707" s="5">
        <v>6</v>
      </c>
      <c r="I24707" s="5" t="s">
        <v>1518</v>
      </c>
      <c r="J24707" s="5" t="s">
        <v>69038</v>
      </c>
      <c r="K24707" s="2" t="s">
        <v>69039</v>
      </c>
      <c r="L24707" s="5" t="s">
        <v>69038</v>
      </c>
      <c r="M24707" s="2" t="s">
        <v>69039</v>
      </c>
      <c r="N24707" s="5" t="s">
        <v>1521</v>
      </c>
      <c r="O24707" s="5" t="s">
        <v>38</v>
      </c>
      <c r="P24707" s="5" t="s">
        <v>39</v>
      </c>
      <c r="Q24707" s="5" t="s">
        <v>40</v>
      </c>
      <c r="R24707" s="5" t="s">
        <v>1522</v>
      </c>
      <c r="S24707" s="5" t="s">
        <v>1523</v>
      </c>
      <c r="T24707" s="5" t="s">
        <v>42</v>
      </c>
      <c r="U24707" s="2">
        <v>3.3090000000000002</v>
      </c>
      <c r="V24707" s="2">
        <v>2.722</v>
      </c>
      <c r="W24707" s="2">
        <v>1.7999999999999999E-2</v>
      </c>
      <c r="X24707" s="2">
        <v>139.1</v>
      </c>
      <c r="Y24707" s="2">
        <v>7.6</v>
      </c>
      <c r="Z24707" s="2">
        <v>16.7</v>
      </c>
      <c r="AA24707" s="5"/>
      <c r="AB24707" s="5" t="s">
        <v>43</v>
      </c>
      <c r="AC24707" s="5" t="s">
        <v>44</v>
      </c>
      <c r="AD24707" s="2"/>
      <c r="AE24707" s="1"/>
    </row>
    <row r="24708" spans="1:31" ht="14.45">
      <c r="A24708" s="11"/>
      <c r="B24708" s="20"/>
      <c r="C24708" s="2" t="s">
        <v>79003</v>
      </c>
      <c r="D24708" s="14" t="s">
        <v>79004</v>
      </c>
      <c r="E24708" s="2" t="s">
        <v>79005</v>
      </c>
      <c r="F24708" s="2" t="s">
        <v>7619</v>
      </c>
      <c r="G24708" s="8">
        <v>291</v>
      </c>
      <c r="H24708" s="5">
        <v>6</v>
      </c>
      <c r="I24708" s="5" t="s">
        <v>1518</v>
      </c>
      <c r="J24708" s="5" t="s">
        <v>69038</v>
      </c>
      <c r="K24708" s="2" t="s">
        <v>69039</v>
      </c>
      <c r="L24708" s="5" t="s">
        <v>69038</v>
      </c>
      <c r="M24708" s="2" t="s">
        <v>69039</v>
      </c>
      <c r="N24708" s="5" t="s">
        <v>1521</v>
      </c>
      <c r="O24708" s="5" t="s">
        <v>38</v>
      </c>
      <c r="P24708" s="5" t="s">
        <v>39</v>
      </c>
      <c r="Q24708" s="5" t="s">
        <v>40</v>
      </c>
      <c r="R24708" s="5" t="s">
        <v>1522</v>
      </c>
      <c r="S24708" s="5" t="s">
        <v>1523</v>
      </c>
      <c r="T24708" s="5" t="s">
        <v>42</v>
      </c>
      <c r="U24708" s="2">
        <v>3.4089999999999998</v>
      </c>
      <c r="V24708" s="2">
        <v>2.8220000000000001</v>
      </c>
      <c r="W24708" s="2">
        <v>1.7999999999999999E-2</v>
      </c>
      <c r="X24708" s="2">
        <v>139.1</v>
      </c>
      <c r="Y24708" s="2">
        <v>7.6</v>
      </c>
      <c r="Z24708" s="2">
        <v>16.7</v>
      </c>
      <c r="AA24708" s="5"/>
      <c r="AB24708" s="5" t="s">
        <v>43</v>
      </c>
      <c r="AC24708" s="5" t="s">
        <v>44</v>
      </c>
      <c r="AD24708" s="2"/>
      <c r="AE24708" s="1"/>
    </row>
    <row r="24709" spans="1:31" ht="14.45">
      <c r="A24709" s="11"/>
      <c r="B24709" s="20"/>
      <c r="C24709" s="2" t="s">
        <v>79006</v>
      </c>
      <c r="D24709" s="14" t="s">
        <v>79007</v>
      </c>
      <c r="E24709" s="2" t="s">
        <v>79008</v>
      </c>
      <c r="F24709" s="2" t="s">
        <v>16014</v>
      </c>
      <c r="G24709" s="8">
        <v>291</v>
      </c>
      <c r="H24709" s="5">
        <v>6</v>
      </c>
      <c r="I24709" s="5" t="s">
        <v>1518</v>
      </c>
      <c r="J24709" s="5" t="s">
        <v>69038</v>
      </c>
      <c r="K24709" s="2" t="s">
        <v>69039</v>
      </c>
      <c r="L24709" s="5" t="s">
        <v>69038</v>
      </c>
      <c r="M24709" s="2" t="s">
        <v>69039</v>
      </c>
      <c r="N24709" s="5" t="s">
        <v>1521</v>
      </c>
      <c r="O24709" s="5" t="s">
        <v>38</v>
      </c>
      <c r="P24709" s="5" t="s">
        <v>39</v>
      </c>
      <c r="Q24709" s="5" t="s">
        <v>40</v>
      </c>
      <c r="R24709" s="5" t="s">
        <v>1522</v>
      </c>
      <c r="S24709" s="5" t="s">
        <v>1523</v>
      </c>
      <c r="T24709" s="5" t="s">
        <v>42</v>
      </c>
      <c r="U24709" s="2">
        <v>3.3090000000000002</v>
      </c>
      <c r="V24709" s="2">
        <v>2.722</v>
      </c>
      <c r="W24709" s="2">
        <v>1.7999999999999999E-2</v>
      </c>
      <c r="X24709" s="2">
        <v>139.1</v>
      </c>
      <c r="Y24709" s="2">
        <v>7.6</v>
      </c>
      <c r="Z24709" s="2">
        <v>16.7</v>
      </c>
      <c r="AA24709" s="5"/>
      <c r="AB24709" s="5" t="s">
        <v>43</v>
      </c>
      <c r="AC24709" s="5" t="s">
        <v>44</v>
      </c>
      <c r="AD24709" s="2"/>
      <c r="AE24709" s="1"/>
    </row>
    <row r="24710" spans="1:31" ht="14.45">
      <c r="A24710" s="11"/>
      <c r="B24710" s="20"/>
      <c r="C24710" s="2" t="s">
        <v>79009</v>
      </c>
      <c r="D24710" s="14" t="s">
        <v>79010</v>
      </c>
      <c r="E24710" s="2" t="s">
        <v>79011</v>
      </c>
      <c r="F24710" s="2" t="s">
        <v>16219</v>
      </c>
      <c r="G24710" s="8">
        <v>291</v>
      </c>
      <c r="H24710" s="5">
        <v>6</v>
      </c>
      <c r="I24710" s="5" t="s">
        <v>1518</v>
      </c>
      <c r="J24710" s="5" t="s">
        <v>69038</v>
      </c>
      <c r="K24710" s="2" t="s">
        <v>69039</v>
      </c>
      <c r="L24710" s="5" t="s">
        <v>69038</v>
      </c>
      <c r="M24710" s="2" t="s">
        <v>69039</v>
      </c>
      <c r="N24710" s="5" t="s">
        <v>1521</v>
      </c>
      <c r="O24710" s="5" t="s">
        <v>38</v>
      </c>
      <c r="P24710" s="5" t="s">
        <v>39</v>
      </c>
      <c r="Q24710" s="5" t="s">
        <v>40</v>
      </c>
      <c r="R24710" s="5" t="s">
        <v>1522</v>
      </c>
      <c r="S24710" s="5" t="s">
        <v>1523</v>
      </c>
      <c r="T24710" s="5" t="s">
        <v>42</v>
      </c>
      <c r="U24710" s="2">
        <v>3.4089999999999998</v>
      </c>
      <c r="V24710" s="2">
        <v>2.8220000000000001</v>
      </c>
      <c r="W24710" s="2">
        <v>1.7999999999999999E-2</v>
      </c>
      <c r="X24710" s="2">
        <v>139.1</v>
      </c>
      <c r="Y24710" s="2">
        <v>7.6</v>
      </c>
      <c r="Z24710" s="2">
        <v>16.7</v>
      </c>
      <c r="AA24710" s="5"/>
      <c r="AB24710" s="5" t="s">
        <v>43</v>
      </c>
      <c r="AC24710" s="5" t="s">
        <v>44</v>
      </c>
      <c r="AD24710" s="2"/>
      <c r="AE24710" s="1"/>
    </row>
    <row r="24711" spans="1:31" ht="14.45">
      <c r="A24711" s="11"/>
      <c r="B24711" s="20"/>
      <c r="C24711" s="2" t="s">
        <v>79012</v>
      </c>
      <c r="D24711" s="14" t="s">
        <v>79013</v>
      </c>
      <c r="E24711" s="2" t="s">
        <v>79014</v>
      </c>
      <c r="F24711" s="2" t="s">
        <v>7212</v>
      </c>
      <c r="G24711" s="8">
        <v>270</v>
      </c>
      <c r="H24711" s="5">
        <v>6</v>
      </c>
      <c r="I24711" s="5" t="s">
        <v>1518</v>
      </c>
      <c r="J24711" s="5" t="s">
        <v>69038</v>
      </c>
      <c r="K24711" s="2" t="s">
        <v>69039</v>
      </c>
      <c r="L24711" s="5" t="s">
        <v>69038</v>
      </c>
      <c r="M24711" s="2" t="s">
        <v>69039</v>
      </c>
      <c r="N24711" s="5" t="s">
        <v>1521</v>
      </c>
      <c r="O24711" s="5" t="s">
        <v>38</v>
      </c>
      <c r="P24711" s="5" t="s">
        <v>39</v>
      </c>
      <c r="Q24711" s="5" t="s">
        <v>40</v>
      </c>
      <c r="R24711" s="5" t="s">
        <v>1522</v>
      </c>
      <c r="S24711" s="5" t="s">
        <v>1523</v>
      </c>
      <c r="T24711" s="5" t="s">
        <v>42</v>
      </c>
      <c r="U24711" s="2">
        <v>3.3090000000000002</v>
      </c>
      <c r="V24711" s="2">
        <v>2.722</v>
      </c>
      <c r="W24711" s="2">
        <v>1.7999999999999999E-2</v>
      </c>
      <c r="X24711" s="2">
        <v>139.1</v>
      </c>
      <c r="Y24711" s="2">
        <v>7.6</v>
      </c>
      <c r="Z24711" s="2">
        <v>16.7</v>
      </c>
      <c r="AA24711" s="5"/>
      <c r="AB24711" s="5" t="s">
        <v>43</v>
      </c>
      <c r="AC24711" s="5" t="s">
        <v>44</v>
      </c>
      <c r="AD24711" s="2"/>
      <c r="AE24711" s="1"/>
    </row>
    <row r="24712" spans="1:31" ht="14.45">
      <c r="A24712" s="11"/>
      <c r="B24712" s="20"/>
      <c r="C24712" s="2" t="s">
        <v>79015</v>
      </c>
      <c r="D24712" s="14" t="s">
        <v>79016</v>
      </c>
      <c r="E24712" s="2" t="s">
        <v>79017</v>
      </c>
      <c r="F24712" s="2" t="s">
        <v>7528</v>
      </c>
      <c r="G24712" s="8">
        <v>270</v>
      </c>
      <c r="H24712" s="5">
        <v>6</v>
      </c>
      <c r="I24712" s="5" t="s">
        <v>1518</v>
      </c>
      <c r="J24712" s="5" t="s">
        <v>69038</v>
      </c>
      <c r="K24712" s="2" t="s">
        <v>69039</v>
      </c>
      <c r="L24712" s="5" t="s">
        <v>69038</v>
      </c>
      <c r="M24712" s="2" t="s">
        <v>69039</v>
      </c>
      <c r="N24712" s="5" t="s">
        <v>1521</v>
      </c>
      <c r="O24712" s="5" t="s">
        <v>38</v>
      </c>
      <c r="P24712" s="5" t="s">
        <v>39</v>
      </c>
      <c r="Q24712" s="5" t="s">
        <v>40</v>
      </c>
      <c r="R24712" s="5" t="s">
        <v>1522</v>
      </c>
      <c r="S24712" s="5" t="s">
        <v>1523</v>
      </c>
      <c r="T24712" s="5" t="s">
        <v>42</v>
      </c>
      <c r="U24712" s="2">
        <v>3.4089999999999998</v>
      </c>
      <c r="V24712" s="2">
        <v>2.8220000000000001</v>
      </c>
      <c r="W24712" s="2">
        <v>1.7999999999999999E-2</v>
      </c>
      <c r="X24712" s="2">
        <v>139.1</v>
      </c>
      <c r="Y24712" s="2">
        <v>7.6</v>
      </c>
      <c r="Z24712" s="2">
        <v>16.7</v>
      </c>
      <c r="AA24712" s="5"/>
      <c r="AB24712" s="5" t="s">
        <v>43</v>
      </c>
      <c r="AC24712" s="5" t="s">
        <v>44</v>
      </c>
      <c r="AD24712" s="2"/>
      <c r="AE24712" s="1"/>
    </row>
    <row r="24713" spans="1:31" ht="14.45">
      <c r="A24713" s="11"/>
      <c r="B24713" s="20"/>
      <c r="C24713" s="2" t="s">
        <v>79018</v>
      </c>
      <c r="D24713" s="14" t="s">
        <v>79019</v>
      </c>
      <c r="E24713" s="2" t="s">
        <v>79020</v>
      </c>
      <c r="F24713" s="2" t="s">
        <v>16029</v>
      </c>
      <c r="G24713" s="8">
        <v>291</v>
      </c>
      <c r="H24713" s="5">
        <v>6</v>
      </c>
      <c r="I24713" s="5" t="s">
        <v>1518</v>
      </c>
      <c r="J24713" s="5" t="s">
        <v>69038</v>
      </c>
      <c r="K24713" s="2" t="s">
        <v>69039</v>
      </c>
      <c r="L24713" s="5" t="s">
        <v>69038</v>
      </c>
      <c r="M24713" s="2" t="s">
        <v>69039</v>
      </c>
      <c r="N24713" s="5" t="s">
        <v>1521</v>
      </c>
      <c r="O24713" s="5" t="s">
        <v>38</v>
      </c>
      <c r="P24713" s="5" t="s">
        <v>39</v>
      </c>
      <c r="Q24713" s="5" t="s">
        <v>40</v>
      </c>
      <c r="R24713" s="5" t="s">
        <v>1522</v>
      </c>
      <c r="S24713" s="5" t="s">
        <v>1523</v>
      </c>
      <c r="T24713" s="5" t="s">
        <v>42</v>
      </c>
      <c r="U24713" s="2">
        <v>3.31</v>
      </c>
      <c r="V24713" s="2">
        <v>2.7229999999999999</v>
      </c>
      <c r="W24713" s="2">
        <v>1.7999999999999999E-2</v>
      </c>
      <c r="X24713" s="2">
        <v>139.1</v>
      </c>
      <c r="Y24713" s="2">
        <v>7.6</v>
      </c>
      <c r="Z24713" s="2">
        <v>16.7</v>
      </c>
      <c r="AA24713" s="5"/>
      <c r="AB24713" s="5" t="s">
        <v>43</v>
      </c>
      <c r="AC24713" s="5" t="s">
        <v>44</v>
      </c>
      <c r="AD24713" s="2"/>
      <c r="AE24713" s="1"/>
    </row>
    <row r="24714" spans="1:31" ht="14.45">
      <c r="A24714" s="11"/>
      <c r="B24714" s="20"/>
      <c r="C24714" s="2" t="s">
        <v>79021</v>
      </c>
      <c r="D24714" s="14" t="s">
        <v>79022</v>
      </c>
      <c r="E24714" s="2" t="s">
        <v>79023</v>
      </c>
      <c r="F24714" s="2" t="s">
        <v>16033</v>
      </c>
      <c r="G24714" s="8">
        <v>291</v>
      </c>
      <c r="H24714" s="5">
        <v>6</v>
      </c>
      <c r="I24714" s="5" t="s">
        <v>1518</v>
      </c>
      <c r="J24714" s="5" t="s">
        <v>69038</v>
      </c>
      <c r="K24714" s="2" t="s">
        <v>69039</v>
      </c>
      <c r="L24714" s="5" t="s">
        <v>69038</v>
      </c>
      <c r="M24714" s="2" t="s">
        <v>69039</v>
      </c>
      <c r="N24714" s="5" t="s">
        <v>1521</v>
      </c>
      <c r="O24714" s="5" t="s">
        <v>38</v>
      </c>
      <c r="P24714" s="5" t="s">
        <v>39</v>
      </c>
      <c r="Q24714" s="5" t="s">
        <v>40</v>
      </c>
      <c r="R24714" s="5" t="s">
        <v>1522</v>
      </c>
      <c r="S24714" s="5" t="s">
        <v>1523</v>
      </c>
      <c r="T24714" s="5" t="s">
        <v>42</v>
      </c>
      <c r="U24714" s="2">
        <v>3.41</v>
      </c>
      <c r="V24714" s="2">
        <v>2.823</v>
      </c>
      <c r="W24714" s="2">
        <v>1.7999999999999999E-2</v>
      </c>
      <c r="X24714" s="2">
        <v>139.1</v>
      </c>
      <c r="Y24714" s="2">
        <v>7.6</v>
      </c>
      <c r="Z24714" s="2">
        <v>16.7</v>
      </c>
      <c r="AA24714" s="5"/>
      <c r="AB24714" s="5" t="s">
        <v>43</v>
      </c>
      <c r="AC24714" s="5" t="s">
        <v>44</v>
      </c>
      <c r="AD24714" s="2"/>
      <c r="AE24714" s="1"/>
    </row>
    <row r="24715" spans="1:31" ht="14.45">
      <c r="A24715" s="11"/>
      <c r="B24715" s="20"/>
      <c r="C24715" s="2" t="s">
        <v>79024</v>
      </c>
      <c r="D24715" s="14" t="s">
        <v>79025</v>
      </c>
      <c r="E24715" s="2" t="s">
        <v>79026</v>
      </c>
      <c r="F24715" s="2" t="s">
        <v>7204</v>
      </c>
      <c r="G24715" s="8">
        <v>278</v>
      </c>
      <c r="H24715" s="5">
        <v>6</v>
      </c>
      <c r="I24715" s="5" t="s">
        <v>1518</v>
      </c>
      <c r="J24715" s="5" t="s">
        <v>69038</v>
      </c>
      <c r="K24715" s="2" t="s">
        <v>69039</v>
      </c>
      <c r="L24715" s="5" t="s">
        <v>69038</v>
      </c>
      <c r="M24715" s="2" t="s">
        <v>69039</v>
      </c>
      <c r="N24715" s="5" t="s">
        <v>1521</v>
      </c>
      <c r="O24715" s="5" t="s">
        <v>38</v>
      </c>
      <c r="P24715" s="5" t="s">
        <v>39</v>
      </c>
      <c r="Q24715" s="5" t="s">
        <v>40</v>
      </c>
      <c r="R24715" s="5" t="s">
        <v>1522</v>
      </c>
      <c r="S24715" s="5" t="s">
        <v>1523</v>
      </c>
      <c r="T24715" s="5" t="s">
        <v>42</v>
      </c>
      <c r="U24715" s="2">
        <v>3.4860000000000002</v>
      </c>
      <c r="V24715" s="2">
        <v>2.91</v>
      </c>
      <c r="W24715" s="2">
        <v>1.7999999999999999E-2</v>
      </c>
      <c r="X24715" s="2">
        <v>139.1</v>
      </c>
      <c r="Y24715" s="2">
        <v>7.6</v>
      </c>
      <c r="Z24715" s="2">
        <v>16.7</v>
      </c>
      <c r="AA24715" s="5"/>
      <c r="AB24715" s="5" t="s">
        <v>43</v>
      </c>
      <c r="AC24715" s="5" t="s">
        <v>44</v>
      </c>
      <c r="AD24715" s="2"/>
      <c r="AE24715" s="1"/>
    </row>
    <row r="24716" spans="1:31" ht="14.45">
      <c r="A24716" s="11"/>
      <c r="B24716" s="20"/>
      <c r="C24716" s="2" t="s">
        <v>79027</v>
      </c>
      <c r="D24716" s="14" t="s">
        <v>79028</v>
      </c>
      <c r="E24716" s="2" t="s">
        <v>79029</v>
      </c>
      <c r="F24716" s="2" t="s">
        <v>7514</v>
      </c>
      <c r="G24716" s="8">
        <v>278</v>
      </c>
      <c r="H24716" s="5">
        <v>6</v>
      </c>
      <c r="I24716" s="5" t="s">
        <v>1518</v>
      </c>
      <c r="J24716" s="5" t="s">
        <v>69038</v>
      </c>
      <c r="K24716" s="2" t="s">
        <v>69039</v>
      </c>
      <c r="L24716" s="5" t="s">
        <v>69038</v>
      </c>
      <c r="M24716" s="2" t="s">
        <v>69039</v>
      </c>
      <c r="N24716" s="5" t="s">
        <v>1521</v>
      </c>
      <c r="O24716" s="5" t="s">
        <v>38</v>
      </c>
      <c r="P24716" s="5" t="s">
        <v>39</v>
      </c>
      <c r="Q24716" s="5" t="s">
        <v>40</v>
      </c>
      <c r="R24716" s="5" t="s">
        <v>1522</v>
      </c>
      <c r="S24716" s="5" t="s">
        <v>1523</v>
      </c>
      <c r="T24716" s="5" t="s">
        <v>42</v>
      </c>
      <c r="U24716" s="2">
        <v>3.5979999999999999</v>
      </c>
      <c r="V24716" s="2">
        <v>3.0219999999999998</v>
      </c>
      <c r="W24716" s="2">
        <v>1.7999999999999999E-2</v>
      </c>
      <c r="X24716" s="2">
        <v>139.1</v>
      </c>
      <c r="Y24716" s="2">
        <v>7.6</v>
      </c>
      <c r="Z24716" s="2">
        <v>16.7</v>
      </c>
      <c r="AA24716" s="5"/>
      <c r="AB24716" s="5" t="s">
        <v>43</v>
      </c>
      <c r="AC24716" s="5" t="s">
        <v>44</v>
      </c>
      <c r="AD24716" s="2"/>
      <c r="AE24716" s="1"/>
    </row>
    <row r="24717" spans="1:31" ht="14.45">
      <c r="A24717" s="11"/>
      <c r="B24717" s="20"/>
      <c r="C24717" s="2" t="s">
        <v>79030</v>
      </c>
      <c r="D24717" s="14" t="s">
        <v>79031</v>
      </c>
      <c r="E24717" s="2" t="s">
        <v>79032</v>
      </c>
      <c r="F24717" s="2" t="s">
        <v>7208</v>
      </c>
      <c r="G24717" s="8">
        <v>278</v>
      </c>
      <c r="H24717" s="5">
        <v>6</v>
      </c>
      <c r="I24717" s="5" t="s">
        <v>1518</v>
      </c>
      <c r="J24717" s="5" t="s">
        <v>69038</v>
      </c>
      <c r="K24717" s="2" t="s">
        <v>69039</v>
      </c>
      <c r="L24717" s="5" t="s">
        <v>69038</v>
      </c>
      <c r="M24717" s="2" t="s">
        <v>69039</v>
      </c>
      <c r="N24717" s="5" t="s">
        <v>1521</v>
      </c>
      <c r="O24717" s="5" t="s">
        <v>38</v>
      </c>
      <c r="P24717" s="5" t="s">
        <v>39</v>
      </c>
      <c r="Q24717" s="5" t="s">
        <v>40</v>
      </c>
      <c r="R24717" s="5" t="s">
        <v>1522</v>
      </c>
      <c r="S24717" s="5" t="s">
        <v>1523</v>
      </c>
      <c r="T24717" s="5" t="s">
        <v>42</v>
      </c>
      <c r="U24717" s="2">
        <v>3.4860000000000002</v>
      </c>
      <c r="V24717" s="2">
        <v>2.91</v>
      </c>
      <c r="W24717" s="2">
        <v>1.7999999999999999E-2</v>
      </c>
      <c r="X24717" s="2">
        <v>139.1</v>
      </c>
      <c r="Y24717" s="2">
        <v>7.6</v>
      </c>
      <c r="Z24717" s="2">
        <v>16.7</v>
      </c>
      <c r="AA24717" s="5"/>
      <c r="AB24717" s="5" t="s">
        <v>43</v>
      </c>
      <c r="AC24717" s="5" t="s">
        <v>44</v>
      </c>
      <c r="AD24717" s="2"/>
      <c r="AE24717" s="1"/>
    </row>
    <row r="24718" spans="1:31" ht="14.45">
      <c r="A24718" s="11"/>
      <c r="B24718" s="20"/>
      <c r="C24718" s="2" t="s">
        <v>79033</v>
      </c>
      <c r="D24718" s="14" t="s">
        <v>79034</v>
      </c>
      <c r="E24718" s="2" t="s">
        <v>79035</v>
      </c>
      <c r="F24718" s="2" t="s">
        <v>7521</v>
      </c>
      <c r="G24718" s="8">
        <v>278</v>
      </c>
      <c r="H24718" s="5">
        <v>6</v>
      </c>
      <c r="I24718" s="5" t="s">
        <v>1518</v>
      </c>
      <c r="J24718" s="5" t="s">
        <v>69038</v>
      </c>
      <c r="K24718" s="2" t="s">
        <v>69039</v>
      </c>
      <c r="L24718" s="5" t="s">
        <v>69038</v>
      </c>
      <c r="M24718" s="2" t="s">
        <v>69039</v>
      </c>
      <c r="N24718" s="5" t="s">
        <v>1521</v>
      </c>
      <c r="O24718" s="5" t="s">
        <v>38</v>
      </c>
      <c r="P24718" s="5" t="s">
        <v>39</v>
      </c>
      <c r="Q24718" s="5" t="s">
        <v>40</v>
      </c>
      <c r="R24718" s="5" t="s">
        <v>1522</v>
      </c>
      <c r="S24718" s="5" t="s">
        <v>1523</v>
      </c>
      <c r="T24718" s="5" t="s">
        <v>42</v>
      </c>
      <c r="U24718" s="2">
        <v>3.5979999999999999</v>
      </c>
      <c r="V24718" s="2">
        <v>3.0219999999999998</v>
      </c>
      <c r="W24718" s="2">
        <v>1.7999999999999999E-2</v>
      </c>
      <c r="X24718" s="2">
        <v>139.1</v>
      </c>
      <c r="Y24718" s="2">
        <v>7.6</v>
      </c>
      <c r="Z24718" s="2">
        <v>16.7</v>
      </c>
      <c r="AA24718" s="5"/>
      <c r="AB24718" s="5" t="s">
        <v>43</v>
      </c>
      <c r="AC24718" s="5" t="s">
        <v>44</v>
      </c>
      <c r="AD24718" s="2"/>
      <c r="AE24718" s="1"/>
    </row>
    <row r="24719" spans="1:31" ht="14.45">
      <c r="A24719" s="11"/>
      <c r="B24719" s="20"/>
      <c r="C24719" s="2" t="s">
        <v>79036</v>
      </c>
      <c r="D24719" s="14" t="s">
        <v>79037</v>
      </c>
      <c r="E24719" s="2" t="s">
        <v>79038</v>
      </c>
      <c r="F24719" s="2" t="s">
        <v>7406</v>
      </c>
      <c r="G24719" s="8">
        <v>300</v>
      </c>
      <c r="H24719" s="5">
        <v>6</v>
      </c>
      <c r="I24719" s="5" t="s">
        <v>1518</v>
      </c>
      <c r="J24719" s="5" t="s">
        <v>69038</v>
      </c>
      <c r="K24719" s="2" t="s">
        <v>69039</v>
      </c>
      <c r="L24719" s="5" t="s">
        <v>69038</v>
      </c>
      <c r="M24719" s="2" t="s">
        <v>69039</v>
      </c>
      <c r="N24719" s="5" t="s">
        <v>1521</v>
      </c>
      <c r="O24719" s="5" t="s">
        <v>38</v>
      </c>
      <c r="P24719" s="5" t="s">
        <v>39</v>
      </c>
      <c r="Q24719" s="5" t="s">
        <v>40</v>
      </c>
      <c r="R24719" s="5" t="s">
        <v>1522</v>
      </c>
      <c r="S24719" s="5" t="s">
        <v>1523</v>
      </c>
      <c r="T24719" s="5" t="s">
        <v>42</v>
      </c>
      <c r="U24719" s="2">
        <v>3.4860000000000002</v>
      </c>
      <c r="V24719" s="2">
        <v>2.91</v>
      </c>
      <c r="W24719" s="2">
        <v>1.7999999999999999E-2</v>
      </c>
      <c r="X24719" s="2">
        <v>139.1</v>
      </c>
      <c r="Y24719" s="2">
        <v>7.6</v>
      </c>
      <c r="Z24719" s="2">
        <v>16.7</v>
      </c>
      <c r="AA24719" s="5"/>
      <c r="AB24719" s="5" t="s">
        <v>43</v>
      </c>
      <c r="AC24719" s="5" t="s">
        <v>44</v>
      </c>
      <c r="AD24719" s="2"/>
      <c r="AE24719" s="1"/>
    </row>
    <row r="24720" spans="1:31" ht="14.45">
      <c r="A24720" s="11"/>
      <c r="B24720" s="20"/>
      <c r="C24720" s="2" t="s">
        <v>79039</v>
      </c>
      <c r="D24720" s="14" t="s">
        <v>79040</v>
      </c>
      <c r="E24720" s="2" t="s">
        <v>79041</v>
      </c>
      <c r="F24720" s="2" t="s">
        <v>7535</v>
      </c>
      <c r="G24720" s="8">
        <v>300</v>
      </c>
      <c r="H24720" s="5">
        <v>6</v>
      </c>
      <c r="I24720" s="5" t="s">
        <v>1518</v>
      </c>
      <c r="J24720" s="5" t="s">
        <v>69038</v>
      </c>
      <c r="K24720" s="2" t="s">
        <v>69039</v>
      </c>
      <c r="L24720" s="5" t="s">
        <v>69038</v>
      </c>
      <c r="M24720" s="2" t="s">
        <v>69039</v>
      </c>
      <c r="N24720" s="5" t="s">
        <v>1521</v>
      </c>
      <c r="O24720" s="5" t="s">
        <v>38</v>
      </c>
      <c r="P24720" s="5" t="s">
        <v>39</v>
      </c>
      <c r="Q24720" s="5" t="s">
        <v>40</v>
      </c>
      <c r="R24720" s="5" t="s">
        <v>1522</v>
      </c>
      <c r="S24720" s="5" t="s">
        <v>1523</v>
      </c>
      <c r="T24720" s="5" t="s">
        <v>42</v>
      </c>
      <c r="U24720" s="2">
        <v>3.5979999999999999</v>
      </c>
      <c r="V24720" s="2">
        <v>3.0219999999999998</v>
      </c>
      <c r="W24720" s="2">
        <v>1.7999999999999999E-2</v>
      </c>
      <c r="X24720" s="2">
        <v>139.1</v>
      </c>
      <c r="Y24720" s="2">
        <v>7.6</v>
      </c>
      <c r="Z24720" s="2">
        <v>16.7</v>
      </c>
      <c r="AA24720" s="5"/>
      <c r="AB24720" s="5" t="s">
        <v>43</v>
      </c>
      <c r="AC24720" s="5" t="s">
        <v>44</v>
      </c>
      <c r="AD24720" s="2"/>
      <c r="AE24720" s="1"/>
    </row>
    <row r="24721" spans="1:31" ht="14.45">
      <c r="A24721" s="11"/>
      <c r="B24721" s="20"/>
      <c r="C24721" s="2" t="s">
        <v>79042</v>
      </c>
      <c r="D24721" s="14" t="s">
        <v>79043</v>
      </c>
      <c r="E24721" s="2" t="s">
        <v>79044</v>
      </c>
      <c r="F24721" s="2" t="s">
        <v>7539</v>
      </c>
      <c r="G24721" s="8">
        <v>300</v>
      </c>
      <c r="H24721" s="5">
        <v>6</v>
      </c>
      <c r="I24721" s="5" t="s">
        <v>1518</v>
      </c>
      <c r="J24721" s="5" t="s">
        <v>69038</v>
      </c>
      <c r="K24721" s="2" t="s">
        <v>69039</v>
      </c>
      <c r="L24721" s="5" t="s">
        <v>69038</v>
      </c>
      <c r="M24721" s="2" t="s">
        <v>69039</v>
      </c>
      <c r="N24721" s="5" t="s">
        <v>1521</v>
      </c>
      <c r="O24721" s="5" t="s">
        <v>38</v>
      </c>
      <c r="P24721" s="5" t="s">
        <v>39</v>
      </c>
      <c r="Q24721" s="5" t="s">
        <v>40</v>
      </c>
      <c r="R24721" s="5" t="s">
        <v>1522</v>
      </c>
      <c r="S24721" s="5" t="s">
        <v>1523</v>
      </c>
      <c r="T24721" s="5" t="s">
        <v>42</v>
      </c>
      <c r="U24721" s="2">
        <v>3.4860000000000002</v>
      </c>
      <c r="V24721" s="2">
        <v>2.91</v>
      </c>
      <c r="W24721" s="2">
        <v>1.7999999999999999E-2</v>
      </c>
      <c r="X24721" s="2">
        <v>139.1</v>
      </c>
      <c r="Y24721" s="2">
        <v>7.6</v>
      </c>
      <c r="Z24721" s="2">
        <v>16.7</v>
      </c>
      <c r="AA24721" s="5"/>
      <c r="AB24721" s="5" t="s">
        <v>43</v>
      </c>
      <c r="AC24721" s="5" t="s">
        <v>44</v>
      </c>
      <c r="AD24721" s="2"/>
      <c r="AE24721" s="1"/>
    </row>
    <row r="24722" spans="1:31" ht="14.45">
      <c r="A24722" s="11"/>
      <c r="B24722" s="20"/>
      <c r="C24722" s="2" t="s">
        <v>79045</v>
      </c>
      <c r="D24722" s="14" t="s">
        <v>79046</v>
      </c>
      <c r="E24722" s="2" t="s">
        <v>79047</v>
      </c>
      <c r="F24722" s="2" t="s">
        <v>7543</v>
      </c>
      <c r="G24722" s="8">
        <v>300</v>
      </c>
      <c r="H24722" s="5">
        <v>6</v>
      </c>
      <c r="I24722" s="5" t="s">
        <v>1518</v>
      </c>
      <c r="J24722" s="5" t="s">
        <v>69038</v>
      </c>
      <c r="K24722" s="2" t="s">
        <v>69039</v>
      </c>
      <c r="L24722" s="5" t="s">
        <v>69038</v>
      </c>
      <c r="M24722" s="2" t="s">
        <v>69039</v>
      </c>
      <c r="N24722" s="5" t="s">
        <v>1521</v>
      </c>
      <c r="O24722" s="5" t="s">
        <v>38</v>
      </c>
      <c r="P24722" s="5" t="s">
        <v>39</v>
      </c>
      <c r="Q24722" s="5" t="s">
        <v>40</v>
      </c>
      <c r="R24722" s="5" t="s">
        <v>1522</v>
      </c>
      <c r="S24722" s="5" t="s">
        <v>1523</v>
      </c>
      <c r="T24722" s="5" t="s">
        <v>42</v>
      </c>
      <c r="U24722" s="2">
        <v>3.5979999999999999</v>
      </c>
      <c r="V24722" s="2">
        <v>3.0219999999999998</v>
      </c>
      <c r="W24722" s="2">
        <v>1.7999999999999999E-2</v>
      </c>
      <c r="X24722" s="2">
        <v>139.1</v>
      </c>
      <c r="Y24722" s="2">
        <v>7.6</v>
      </c>
      <c r="Z24722" s="2">
        <v>16.7</v>
      </c>
      <c r="AA24722" s="5"/>
      <c r="AB24722" s="5" t="s">
        <v>43</v>
      </c>
      <c r="AC24722" s="5" t="s">
        <v>44</v>
      </c>
      <c r="AD24722" s="2"/>
      <c r="AE24722" s="1"/>
    </row>
    <row r="24723" spans="1:31" ht="14.45">
      <c r="A24723" s="11"/>
      <c r="B24723" s="20"/>
      <c r="C24723" s="2" t="s">
        <v>79048</v>
      </c>
      <c r="D24723" s="14" t="s">
        <v>79049</v>
      </c>
      <c r="E24723" s="2" t="s">
        <v>79050</v>
      </c>
      <c r="F24723" s="2" t="s">
        <v>7396</v>
      </c>
      <c r="G24723" s="8">
        <v>278</v>
      </c>
      <c r="H24723" s="5">
        <v>6</v>
      </c>
      <c r="I24723" s="5" t="s">
        <v>1518</v>
      </c>
      <c r="J24723" s="5" t="s">
        <v>69038</v>
      </c>
      <c r="K24723" s="2" t="s">
        <v>69039</v>
      </c>
      <c r="L24723" s="5" t="s">
        <v>69038</v>
      </c>
      <c r="M24723" s="2" t="s">
        <v>69039</v>
      </c>
      <c r="N24723" s="5" t="s">
        <v>1521</v>
      </c>
      <c r="O24723" s="5" t="s">
        <v>38</v>
      </c>
      <c r="P24723" s="5" t="s">
        <v>39</v>
      </c>
      <c r="Q24723" s="5" t="s">
        <v>40</v>
      </c>
      <c r="R24723" s="5" t="s">
        <v>1522</v>
      </c>
      <c r="S24723" s="5" t="s">
        <v>1523</v>
      </c>
      <c r="T24723" s="5" t="s">
        <v>42</v>
      </c>
      <c r="U24723" s="2">
        <v>3.4860000000000002</v>
      </c>
      <c r="V24723" s="2">
        <v>2.91</v>
      </c>
      <c r="W24723" s="2">
        <v>1.7999999999999999E-2</v>
      </c>
      <c r="X24723" s="2">
        <v>139.1</v>
      </c>
      <c r="Y24723" s="2">
        <v>7.6</v>
      </c>
      <c r="Z24723" s="2">
        <v>16.7</v>
      </c>
      <c r="AA24723" s="5"/>
      <c r="AB24723" s="5" t="s">
        <v>43</v>
      </c>
      <c r="AC24723" s="5" t="s">
        <v>44</v>
      </c>
      <c r="AD24723" s="2"/>
      <c r="AE24723" s="1"/>
    </row>
    <row r="24724" spans="1:31" ht="14.45">
      <c r="A24724" s="11"/>
      <c r="B24724" s="20"/>
      <c r="C24724" s="2" t="s">
        <v>79051</v>
      </c>
      <c r="D24724" s="14" t="s">
        <v>79052</v>
      </c>
      <c r="E24724" s="2" t="s">
        <v>79053</v>
      </c>
      <c r="F24724" s="2" t="s">
        <v>7507</v>
      </c>
      <c r="G24724" s="8">
        <v>278</v>
      </c>
      <c r="H24724" s="5">
        <v>6</v>
      </c>
      <c r="I24724" s="5" t="s">
        <v>1518</v>
      </c>
      <c r="J24724" s="5" t="s">
        <v>69038</v>
      </c>
      <c r="K24724" s="2" t="s">
        <v>69039</v>
      </c>
      <c r="L24724" s="5" t="s">
        <v>69038</v>
      </c>
      <c r="M24724" s="2" t="s">
        <v>69039</v>
      </c>
      <c r="N24724" s="5" t="s">
        <v>1521</v>
      </c>
      <c r="O24724" s="5" t="s">
        <v>38</v>
      </c>
      <c r="P24724" s="5" t="s">
        <v>39</v>
      </c>
      <c r="Q24724" s="5" t="s">
        <v>40</v>
      </c>
      <c r="R24724" s="5" t="s">
        <v>1522</v>
      </c>
      <c r="S24724" s="5" t="s">
        <v>1523</v>
      </c>
      <c r="T24724" s="5" t="s">
        <v>42</v>
      </c>
      <c r="U24724" s="2">
        <v>3.5979999999999999</v>
      </c>
      <c r="V24724" s="2">
        <v>3.0219999999999998</v>
      </c>
      <c r="W24724" s="2">
        <v>1.7999999999999999E-2</v>
      </c>
      <c r="X24724" s="2">
        <v>139.1</v>
      </c>
      <c r="Y24724" s="2">
        <v>7.6</v>
      </c>
      <c r="Z24724" s="2">
        <v>16.7</v>
      </c>
      <c r="AA24724" s="5"/>
      <c r="AB24724" s="5" t="s">
        <v>43</v>
      </c>
      <c r="AC24724" s="5" t="s">
        <v>44</v>
      </c>
      <c r="AD24724" s="2"/>
      <c r="AE24724" s="1"/>
    </row>
    <row r="24725" spans="1:31" ht="14.45">
      <c r="A24725" s="11"/>
      <c r="B24725" s="20"/>
      <c r="C24725" s="2" t="s">
        <v>79054</v>
      </c>
      <c r="D24725" s="14" t="s">
        <v>79055</v>
      </c>
      <c r="E24725" s="2" t="s">
        <v>79056</v>
      </c>
      <c r="F24725" s="2" t="s">
        <v>7547</v>
      </c>
      <c r="G24725" s="8">
        <v>300</v>
      </c>
      <c r="H24725" s="5">
        <v>6</v>
      </c>
      <c r="I24725" s="5" t="s">
        <v>1518</v>
      </c>
      <c r="J24725" s="5" t="s">
        <v>69038</v>
      </c>
      <c r="K24725" s="2" t="s">
        <v>69039</v>
      </c>
      <c r="L24725" s="5" t="s">
        <v>69038</v>
      </c>
      <c r="M24725" s="2" t="s">
        <v>69039</v>
      </c>
      <c r="N24725" s="5" t="s">
        <v>1521</v>
      </c>
      <c r="O24725" s="5" t="s">
        <v>38</v>
      </c>
      <c r="P24725" s="5" t="s">
        <v>39</v>
      </c>
      <c r="Q24725" s="5" t="s">
        <v>40</v>
      </c>
      <c r="R24725" s="5" t="s">
        <v>1522</v>
      </c>
      <c r="S24725" s="5" t="s">
        <v>1523</v>
      </c>
      <c r="T24725" s="5" t="s">
        <v>42</v>
      </c>
      <c r="U24725" s="2">
        <v>3.4860000000000002</v>
      </c>
      <c r="V24725" s="2">
        <v>2.91</v>
      </c>
      <c r="W24725" s="2">
        <v>1.7999999999999999E-2</v>
      </c>
      <c r="X24725" s="2">
        <v>139.1</v>
      </c>
      <c r="Y24725" s="2">
        <v>7.6</v>
      </c>
      <c r="Z24725" s="2">
        <v>16.7</v>
      </c>
      <c r="AA24725" s="5"/>
      <c r="AB24725" s="5" t="s">
        <v>43</v>
      </c>
      <c r="AC24725" s="5" t="s">
        <v>44</v>
      </c>
      <c r="AD24725" s="2"/>
      <c r="AE24725" s="1"/>
    </row>
    <row r="24726" spans="1:31" ht="14.45">
      <c r="A24726" s="11"/>
      <c r="B24726" s="20"/>
      <c r="C24726" s="2" t="s">
        <v>79057</v>
      </c>
      <c r="D24726" s="14" t="s">
        <v>79058</v>
      </c>
      <c r="E24726" s="2" t="s">
        <v>79059</v>
      </c>
      <c r="F24726" s="2" t="s">
        <v>7563</v>
      </c>
      <c r="G24726" s="8">
        <v>300</v>
      </c>
      <c r="H24726" s="5">
        <v>6</v>
      </c>
      <c r="I24726" s="5" t="s">
        <v>1518</v>
      </c>
      <c r="J24726" s="5" t="s">
        <v>69038</v>
      </c>
      <c r="K24726" s="2" t="s">
        <v>69039</v>
      </c>
      <c r="L24726" s="5" t="s">
        <v>69038</v>
      </c>
      <c r="M24726" s="2" t="s">
        <v>69039</v>
      </c>
      <c r="N24726" s="5" t="s">
        <v>1521</v>
      </c>
      <c r="O24726" s="5" t="s">
        <v>38</v>
      </c>
      <c r="P24726" s="5" t="s">
        <v>39</v>
      </c>
      <c r="Q24726" s="5" t="s">
        <v>40</v>
      </c>
      <c r="R24726" s="5" t="s">
        <v>1522</v>
      </c>
      <c r="S24726" s="5" t="s">
        <v>1523</v>
      </c>
      <c r="T24726" s="5" t="s">
        <v>42</v>
      </c>
      <c r="U24726" s="2">
        <v>3.4860000000000002</v>
      </c>
      <c r="V24726" s="2">
        <v>2.91</v>
      </c>
      <c r="W24726" s="2">
        <v>1.7999999999999999E-2</v>
      </c>
      <c r="X24726" s="2">
        <v>139.1</v>
      </c>
      <c r="Y24726" s="2">
        <v>7.6</v>
      </c>
      <c r="Z24726" s="2">
        <v>16.7</v>
      </c>
      <c r="AA24726" s="5"/>
      <c r="AB24726" s="5" t="s">
        <v>43</v>
      </c>
      <c r="AC24726" s="5" t="s">
        <v>44</v>
      </c>
      <c r="AD24726" s="2"/>
      <c r="AE24726" s="1"/>
    </row>
    <row r="24727" spans="1:31" ht="14.45">
      <c r="A24727" s="11"/>
      <c r="B24727" s="20"/>
      <c r="C24727" s="2" t="s">
        <v>79060</v>
      </c>
      <c r="D24727" s="14" t="s">
        <v>79061</v>
      </c>
      <c r="E24727" s="2" t="s">
        <v>79062</v>
      </c>
      <c r="F24727" s="2" t="s">
        <v>7567</v>
      </c>
      <c r="G24727" s="8">
        <v>300</v>
      </c>
      <c r="H24727" s="5">
        <v>6</v>
      </c>
      <c r="I24727" s="5" t="s">
        <v>1518</v>
      </c>
      <c r="J24727" s="5" t="s">
        <v>69038</v>
      </c>
      <c r="K24727" s="2" t="s">
        <v>69039</v>
      </c>
      <c r="L24727" s="5" t="s">
        <v>69038</v>
      </c>
      <c r="M24727" s="2" t="s">
        <v>69039</v>
      </c>
      <c r="N24727" s="5" t="s">
        <v>1521</v>
      </c>
      <c r="O24727" s="5" t="s">
        <v>38</v>
      </c>
      <c r="P24727" s="5" t="s">
        <v>39</v>
      </c>
      <c r="Q24727" s="5" t="s">
        <v>40</v>
      </c>
      <c r="R24727" s="5" t="s">
        <v>1522</v>
      </c>
      <c r="S24727" s="5" t="s">
        <v>1523</v>
      </c>
      <c r="T24727" s="5" t="s">
        <v>42</v>
      </c>
      <c r="U24727" s="2">
        <v>3.5979999999999999</v>
      </c>
      <c r="V24727" s="2">
        <v>3.0219999999999998</v>
      </c>
      <c r="W24727" s="2">
        <v>1.7999999999999999E-2</v>
      </c>
      <c r="X24727" s="2">
        <v>139.1</v>
      </c>
      <c r="Y24727" s="2">
        <v>7.6</v>
      </c>
      <c r="Z24727" s="2">
        <v>16.7</v>
      </c>
      <c r="AA24727" s="5"/>
      <c r="AB24727" s="5" t="s">
        <v>43</v>
      </c>
      <c r="AC24727" s="5" t="s">
        <v>44</v>
      </c>
      <c r="AD24727" s="2"/>
      <c r="AE24727" s="1"/>
    </row>
    <row r="24728" spans="1:31" ht="14.45">
      <c r="A24728" s="11"/>
      <c r="B24728" s="20"/>
      <c r="C24728" s="2" t="s">
        <v>79063</v>
      </c>
      <c r="D24728" s="14" t="s">
        <v>79064</v>
      </c>
      <c r="E24728" s="2" t="s">
        <v>79065</v>
      </c>
      <c r="F24728" s="2" t="s">
        <v>7555</v>
      </c>
      <c r="G24728" s="8">
        <v>300</v>
      </c>
      <c r="H24728" s="5">
        <v>6</v>
      </c>
      <c r="I24728" s="5" t="s">
        <v>1518</v>
      </c>
      <c r="J24728" s="5" t="s">
        <v>69038</v>
      </c>
      <c r="K24728" s="2" t="s">
        <v>69039</v>
      </c>
      <c r="L24728" s="5" t="s">
        <v>69038</v>
      </c>
      <c r="M24728" s="2" t="s">
        <v>69039</v>
      </c>
      <c r="N24728" s="5" t="s">
        <v>1521</v>
      </c>
      <c r="O24728" s="5" t="s">
        <v>38</v>
      </c>
      <c r="P24728" s="5" t="s">
        <v>39</v>
      </c>
      <c r="Q24728" s="5" t="s">
        <v>40</v>
      </c>
      <c r="R24728" s="5" t="s">
        <v>1522</v>
      </c>
      <c r="S24728" s="5" t="s">
        <v>1523</v>
      </c>
      <c r="T24728" s="5" t="s">
        <v>42</v>
      </c>
      <c r="U24728" s="2">
        <v>3.4860000000000002</v>
      </c>
      <c r="V24728" s="2">
        <v>2.91</v>
      </c>
      <c r="W24728" s="2">
        <v>1.7999999999999999E-2</v>
      </c>
      <c r="X24728" s="2">
        <v>139.1</v>
      </c>
      <c r="Y24728" s="2">
        <v>7.6</v>
      </c>
      <c r="Z24728" s="2">
        <v>16.7</v>
      </c>
      <c r="AA24728" s="5"/>
      <c r="AB24728" s="5" t="s">
        <v>43</v>
      </c>
      <c r="AC24728" s="5" t="s">
        <v>44</v>
      </c>
      <c r="AD24728" s="2"/>
      <c r="AE24728" s="1"/>
    </row>
    <row r="24729" spans="1:31" ht="14.45">
      <c r="A24729" s="11"/>
      <c r="B24729" s="20"/>
      <c r="C24729" s="2" t="s">
        <v>79066</v>
      </c>
      <c r="D24729" s="14" t="s">
        <v>79067</v>
      </c>
      <c r="E24729" s="2" t="s">
        <v>79068</v>
      </c>
      <c r="F24729" s="2" t="s">
        <v>7559</v>
      </c>
      <c r="G24729" s="8">
        <v>300</v>
      </c>
      <c r="H24729" s="5">
        <v>6</v>
      </c>
      <c r="I24729" s="5" t="s">
        <v>1518</v>
      </c>
      <c r="J24729" s="5" t="s">
        <v>69038</v>
      </c>
      <c r="K24729" s="2" t="s">
        <v>69039</v>
      </c>
      <c r="L24729" s="5" t="s">
        <v>69038</v>
      </c>
      <c r="M24729" s="2" t="s">
        <v>69039</v>
      </c>
      <c r="N24729" s="5" t="s">
        <v>1521</v>
      </c>
      <c r="O24729" s="5" t="s">
        <v>38</v>
      </c>
      <c r="P24729" s="5" t="s">
        <v>39</v>
      </c>
      <c r="Q24729" s="5" t="s">
        <v>40</v>
      </c>
      <c r="R24729" s="5" t="s">
        <v>1522</v>
      </c>
      <c r="S24729" s="5" t="s">
        <v>1523</v>
      </c>
      <c r="T24729" s="5" t="s">
        <v>42</v>
      </c>
      <c r="U24729" s="2">
        <v>3.5979999999999999</v>
      </c>
      <c r="V24729" s="2">
        <v>3.0219999999999998</v>
      </c>
      <c r="W24729" s="2">
        <v>1.7999999999999999E-2</v>
      </c>
      <c r="X24729" s="2">
        <v>139.1</v>
      </c>
      <c r="Y24729" s="2">
        <v>7.6</v>
      </c>
      <c r="Z24729" s="2">
        <v>16.7</v>
      </c>
      <c r="AA24729" s="5"/>
      <c r="AB24729" s="5" t="s">
        <v>43</v>
      </c>
      <c r="AC24729" s="5" t="s">
        <v>44</v>
      </c>
      <c r="AD24729" s="2"/>
      <c r="AE24729" s="1"/>
    </row>
    <row r="24730" spans="1:31" ht="14.45">
      <c r="A24730" s="11"/>
      <c r="B24730" s="20"/>
      <c r="C24730" s="2" t="s">
        <v>79069</v>
      </c>
      <c r="D24730" s="14" t="s">
        <v>79070</v>
      </c>
      <c r="E24730" s="2" t="s">
        <v>79071</v>
      </c>
      <c r="F24730" s="2" t="s">
        <v>16194</v>
      </c>
      <c r="G24730" s="8">
        <v>300</v>
      </c>
      <c r="H24730" s="5">
        <v>6</v>
      </c>
      <c r="I24730" s="5" t="s">
        <v>1518</v>
      </c>
      <c r="J24730" s="5" t="s">
        <v>69038</v>
      </c>
      <c r="K24730" s="2" t="s">
        <v>69039</v>
      </c>
      <c r="L24730" s="5" t="s">
        <v>69038</v>
      </c>
      <c r="M24730" s="2" t="s">
        <v>69039</v>
      </c>
      <c r="N24730" s="5" t="s">
        <v>1521</v>
      </c>
      <c r="O24730" s="5" t="s">
        <v>38</v>
      </c>
      <c r="P24730" s="5" t="s">
        <v>39</v>
      </c>
      <c r="Q24730" s="5" t="s">
        <v>40</v>
      </c>
      <c r="R24730" s="5" t="s">
        <v>1522</v>
      </c>
      <c r="S24730" s="5" t="s">
        <v>1523</v>
      </c>
      <c r="T24730" s="5" t="s">
        <v>42</v>
      </c>
      <c r="U24730" s="2">
        <v>3.5979999999999999</v>
      </c>
      <c r="V24730" s="2">
        <v>3.0219999999999998</v>
      </c>
      <c r="W24730" s="2">
        <v>1.7999999999999999E-2</v>
      </c>
      <c r="X24730" s="2">
        <v>139.1</v>
      </c>
      <c r="Y24730" s="2">
        <v>7.6</v>
      </c>
      <c r="Z24730" s="2">
        <v>16.7</v>
      </c>
      <c r="AA24730" s="5"/>
      <c r="AB24730" s="5" t="s">
        <v>43</v>
      </c>
      <c r="AC24730" s="5" t="s">
        <v>44</v>
      </c>
      <c r="AD24730" s="2"/>
      <c r="AE24730" s="1"/>
    </row>
    <row r="24731" spans="1:31" ht="14.45">
      <c r="A24731" s="11"/>
      <c r="B24731" s="20"/>
      <c r="C24731" s="2" t="s">
        <v>79072</v>
      </c>
      <c r="D24731" s="14" t="s">
        <v>79073</v>
      </c>
      <c r="E24731" s="2" t="s">
        <v>79074</v>
      </c>
      <c r="F24731" s="2" t="s">
        <v>7449</v>
      </c>
      <c r="G24731" s="8">
        <v>300</v>
      </c>
      <c r="H24731" s="5">
        <v>6</v>
      </c>
      <c r="I24731" s="5" t="s">
        <v>1518</v>
      </c>
      <c r="J24731" s="5" t="s">
        <v>69038</v>
      </c>
      <c r="K24731" s="2" t="s">
        <v>69039</v>
      </c>
      <c r="L24731" s="5" t="s">
        <v>69038</v>
      </c>
      <c r="M24731" s="2" t="s">
        <v>69039</v>
      </c>
      <c r="N24731" s="5" t="s">
        <v>1521</v>
      </c>
      <c r="O24731" s="5" t="s">
        <v>38</v>
      </c>
      <c r="P24731" s="5" t="s">
        <v>39</v>
      </c>
      <c r="Q24731" s="5" t="s">
        <v>40</v>
      </c>
      <c r="R24731" s="5" t="s">
        <v>1522</v>
      </c>
      <c r="S24731" s="5" t="s">
        <v>1523</v>
      </c>
      <c r="T24731" s="5" t="s">
        <v>42</v>
      </c>
      <c r="U24731" s="2">
        <v>3.4860000000000002</v>
      </c>
      <c r="V24731" s="2">
        <v>2.91</v>
      </c>
      <c r="W24731" s="2">
        <v>1.7999999999999999E-2</v>
      </c>
      <c r="X24731" s="2">
        <v>139.1</v>
      </c>
      <c r="Y24731" s="2">
        <v>7.6</v>
      </c>
      <c r="Z24731" s="2">
        <v>16.7</v>
      </c>
      <c r="AA24731" s="5"/>
      <c r="AB24731" s="5" t="s">
        <v>43</v>
      </c>
      <c r="AC24731" s="5" t="s">
        <v>44</v>
      </c>
      <c r="AD24731" s="2"/>
      <c r="AE24731" s="1"/>
    </row>
    <row r="24732" spans="1:31" ht="14.45">
      <c r="A24732" s="11"/>
      <c r="B24732" s="20"/>
      <c r="C24732" s="2" t="s">
        <v>79075</v>
      </c>
      <c r="D24732" s="14" t="s">
        <v>79076</v>
      </c>
      <c r="E24732" s="2" t="s">
        <v>79077</v>
      </c>
      <c r="F24732" s="2" t="s">
        <v>7581</v>
      </c>
      <c r="G24732" s="8">
        <v>300</v>
      </c>
      <c r="H24732" s="5">
        <v>6</v>
      </c>
      <c r="I24732" s="5" t="s">
        <v>1518</v>
      </c>
      <c r="J24732" s="5" t="s">
        <v>69038</v>
      </c>
      <c r="K24732" s="2" t="s">
        <v>69039</v>
      </c>
      <c r="L24732" s="5" t="s">
        <v>69038</v>
      </c>
      <c r="M24732" s="2" t="s">
        <v>69039</v>
      </c>
      <c r="N24732" s="5" t="s">
        <v>1521</v>
      </c>
      <c r="O24732" s="5" t="s">
        <v>38</v>
      </c>
      <c r="P24732" s="5" t="s">
        <v>39</v>
      </c>
      <c r="Q24732" s="5" t="s">
        <v>40</v>
      </c>
      <c r="R24732" s="5" t="s">
        <v>1522</v>
      </c>
      <c r="S24732" s="5" t="s">
        <v>1523</v>
      </c>
      <c r="T24732" s="5" t="s">
        <v>42</v>
      </c>
      <c r="U24732" s="2">
        <v>3.5979999999999999</v>
      </c>
      <c r="V24732" s="2">
        <v>3.0219999999999998</v>
      </c>
      <c r="W24732" s="2">
        <v>1.7999999999999999E-2</v>
      </c>
      <c r="X24732" s="2">
        <v>139.1</v>
      </c>
      <c r="Y24732" s="2">
        <v>7.6</v>
      </c>
      <c r="Z24732" s="2">
        <v>16.7</v>
      </c>
      <c r="AA24732" s="5"/>
      <c r="AB24732" s="5" t="s">
        <v>43</v>
      </c>
      <c r="AC24732" s="5" t="s">
        <v>44</v>
      </c>
      <c r="AD24732" s="2"/>
      <c r="AE24732" s="1"/>
    </row>
    <row r="24733" spans="1:31" ht="14.45">
      <c r="A24733" s="11"/>
      <c r="B24733" s="20"/>
      <c r="C24733" s="2" t="s">
        <v>79078</v>
      </c>
      <c r="D24733" s="14" t="s">
        <v>79079</v>
      </c>
      <c r="E24733" s="2" t="s">
        <v>79080</v>
      </c>
      <c r="F24733" s="2" t="s">
        <v>7585</v>
      </c>
      <c r="G24733" s="8">
        <v>300</v>
      </c>
      <c r="H24733" s="5">
        <v>6</v>
      </c>
      <c r="I24733" s="5" t="s">
        <v>1518</v>
      </c>
      <c r="J24733" s="5" t="s">
        <v>69038</v>
      </c>
      <c r="K24733" s="2" t="s">
        <v>69039</v>
      </c>
      <c r="L24733" s="5" t="s">
        <v>69038</v>
      </c>
      <c r="M24733" s="2" t="s">
        <v>69039</v>
      </c>
      <c r="N24733" s="5" t="s">
        <v>1521</v>
      </c>
      <c r="O24733" s="5" t="s">
        <v>38</v>
      </c>
      <c r="P24733" s="5" t="s">
        <v>39</v>
      </c>
      <c r="Q24733" s="5" t="s">
        <v>40</v>
      </c>
      <c r="R24733" s="5" t="s">
        <v>1522</v>
      </c>
      <c r="S24733" s="5" t="s">
        <v>1523</v>
      </c>
      <c r="T24733" s="5" t="s">
        <v>42</v>
      </c>
      <c r="U24733" s="2">
        <v>3.4860000000000002</v>
      </c>
      <c r="V24733" s="2">
        <v>2.91</v>
      </c>
      <c r="W24733" s="2">
        <v>1.7999999999999999E-2</v>
      </c>
      <c r="X24733" s="2">
        <v>139.1</v>
      </c>
      <c r="Y24733" s="2">
        <v>7.6</v>
      </c>
      <c r="Z24733" s="2">
        <v>16.7</v>
      </c>
      <c r="AA24733" s="5"/>
      <c r="AB24733" s="5" t="s">
        <v>43</v>
      </c>
      <c r="AC24733" s="5" t="s">
        <v>44</v>
      </c>
      <c r="AD24733" s="2"/>
      <c r="AE24733" s="1"/>
    </row>
    <row r="24734" spans="1:31" ht="14.45">
      <c r="A24734" s="11"/>
      <c r="B24734" s="20"/>
      <c r="C24734" s="2" t="s">
        <v>79081</v>
      </c>
      <c r="D24734" s="14" t="s">
        <v>79082</v>
      </c>
      <c r="E24734" s="2" t="s">
        <v>79083</v>
      </c>
      <c r="F24734" s="2" t="s">
        <v>7589</v>
      </c>
      <c r="G24734" s="8">
        <v>300</v>
      </c>
      <c r="H24734" s="5">
        <v>6</v>
      </c>
      <c r="I24734" s="5" t="s">
        <v>1518</v>
      </c>
      <c r="J24734" s="5" t="s">
        <v>69038</v>
      </c>
      <c r="K24734" s="2" t="s">
        <v>69039</v>
      </c>
      <c r="L24734" s="5" t="s">
        <v>69038</v>
      </c>
      <c r="M24734" s="2" t="s">
        <v>69039</v>
      </c>
      <c r="N24734" s="5" t="s">
        <v>1521</v>
      </c>
      <c r="O24734" s="5" t="s">
        <v>38</v>
      </c>
      <c r="P24734" s="5" t="s">
        <v>39</v>
      </c>
      <c r="Q24734" s="5" t="s">
        <v>40</v>
      </c>
      <c r="R24734" s="5" t="s">
        <v>1522</v>
      </c>
      <c r="S24734" s="5" t="s">
        <v>1523</v>
      </c>
      <c r="T24734" s="5" t="s">
        <v>42</v>
      </c>
      <c r="U24734" s="2">
        <v>3.5979999999999999</v>
      </c>
      <c r="V24734" s="2">
        <v>3.0219999999999998</v>
      </c>
      <c r="W24734" s="2">
        <v>1.7999999999999999E-2</v>
      </c>
      <c r="X24734" s="2">
        <v>139.1</v>
      </c>
      <c r="Y24734" s="2">
        <v>7.6</v>
      </c>
      <c r="Z24734" s="2">
        <v>16.7</v>
      </c>
      <c r="AA24734" s="5"/>
      <c r="AB24734" s="5" t="s">
        <v>43</v>
      </c>
      <c r="AC24734" s="5" t="s">
        <v>44</v>
      </c>
      <c r="AD24734" s="2"/>
      <c r="AE24734" s="1"/>
    </row>
    <row r="24735" spans="1:31" ht="14.45">
      <c r="A24735" s="11"/>
      <c r="B24735" s="20"/>
      <c r="C24735" s="2" t="s">
        <v>79084</v>
      </c>
      <c r="D24735" s="14" t="s">
        <v>79085</v>
      </c>
      <c r="E24735" s="2" t="s">
        <v>79086</v>
      </c>
      <c r="F24735" s="2" t="s">
        <v>73358</v>
      </c>
      <c r="G24735" s="8">
        <v>300</v>
      </c>
      <c r="H24735" s="5">
        <v>6</v>
      </c>
      <c r="I24735" s="5" t="s">
        <v>1518</v>
      </c>
      <c r="J24735" s="5" t="s">
        <v>69038</v>
      </c>
      <c r="K24735" s="2" t="s">
        <v>69039</v>
      </c>
      <c r="L24735" s="5" t="s">
        <v>69038</v>
      </c>
      <c r="M24735" s="2" t="s">
        <v>69039</v>
      </c>
      <c r="N24735" s="5" t="s">
        <v>1521</v>
      </c>
      <c r="O24735" s="5" t="s">
        <v>38</v>
      </c>
      <c r="P24735" s="5" t="s">
        <v>39</v>
      </c>
      <c r="Q24735" s="5" t="s">
        <v>40</v>
      </c>
      <c r="R24735" s="5" t="s">
        <v>1522</v>
      </c>
      <c r="S24735" s="5" t="s">
        <v>1523</v>
      </c>
      <c r="T24735" s="5" t="s">
        <v>42</v>
      </c>
      <c r="U24735" s="2">
        <v>3.4860000000000002</v>
      </c>
      <c r="V24735" s="2">
        <v>2.91</v>
      </c>
      <c r="W24735" s="2">
        <v>1.7999999999999999E-2</v>
      </c>
      <c r="X24735" s="2">
        <v>139.1</v>
      </c>
      <c r="Y24735" s="2">
        <v>7.6</v>
      </c>
      <c r="Z24735" s="2">
        <v>16.7</v>
      </c>
      <c r="AA24735" s="5"/>
      <c r="AB24735" s="5" t="s">
        <v>43</v>
      </c>
      <c r="AC24735" s="5" t="s">
        <v>44</v>
      </c>
      <c r="AD24735" s="2"/>
      <c r="AE24735" s="1"/>
    </row>
    <row r="24736" spans="1:31" ht="14.45">
      <c r="A24736" s="11"/>
      <c r="B24736" s="20"/>
      <c r="C24736" s="2" t="s">
        <v>79087</v>
      </c>
      <c r="D24736" s="14" t="s">
        <v>79088</v>
      </c>
      <c r="E24736" s="2" t="s">
        <v>79089</v>
      </c>
      <c r="F24736" s="2" t="s">
        <v>73362</v>
      </c>
      <c r="G24736" s="8">
        <v>300</v>
      </c>
      <c r="H24736" s="5">
        <v>6</v>
      </c>
      <c r="I24736" s="5" t="s">
        <v>1518</v>
      </c>
      <c r="J24736" s="5" t="s">
        <v>69038</v>
      </c>
      <c r="K24736" s="2" t="s">
        <v>69039</v>
      </c>
      <c r="L24736" s="5" t="s">
        <v>69038</v>
      </c>
      <c r="M24736" s="2" t="s">
        <v>69039</v>
      </c>
      <c r="N24736" s="5" t="s">
        <v>1521</v>
      </c>
      <c r="O24736" s="5" t="s">
        <v>38</v>
      </c>
      <c r="P24736" s="5" t="s">
        <v>39</v>
      </c>
      <c r="Q24736" s="5" t="s">
        <v>40</v>
      </c>
      <c r="R24736" s="5" t="s">
        <v>1522</v>
      </c>
      <c r="S24736" s="5" t="s">
        <v>1523</v>
      </c>
      <c r="T24736" s="5" t="s">
        <v>42</v>
      </c>
      <c r="U24736" s="2">
        <v>3.5979999999999999</v>
      </c>
      <c r="V24736" s="2">
        <v>3.0219999999999998</v>
      </c>
      <c r="W24736" s="2">
        <v>1.7999999999999999E-2</v>
      </c>
      <c r="X24736" s="2">
        <v>139.1</v>
      </c>
      <c r="Y24736" s="2">
        <v>7.6</v>
      </c>
      <c r="Z24736" s="2">
        <v>16.7</v>
      </c>
      <c r="AA24736" s="5"/>
      <c r="AB24736" s="5" t="s">
        <v>43</v>
      </c>
      <c r="AC24736" s="5" t="s">
        <v>44</v>
      </c>
      <c r="AD24736" s="2"/>
      <c r="AE24736" s="1"/>
    </row>
    <row r="24737" spans="1:31" ht="14.45">
      <c r="A24737" s="11"/>
      <c r="B24737" s="20"/>
      <c r="C24737" s="2" t="s">
        <v>79090</v>
      </c>
      <c r="D24737" s="14" t="s">
        <v>79091</v>
      </c>
      <c r="E24737" s="2" t="s">
        <v>79092</v>
      </c>
      <c r="F24737" s="2" t="s">
        <v>7615</v>
      </c>
      <c r="G24737" s="8">
        <v>300</v>
      </c>
      <c r="H24737" s="5">
        <v>6</v>
      </c>
      <c r="I24737" s="5" t="s">
        <v>1518</v>
      </c>
      <c r="J24737" s="5" t="s">
        <v>69038</v>
      </c>
      <c r="K24737" s="2" t="s">
        <v>69039</v>
      </c>
      <c r="L24737" s="5" t="s">
        <v>69038</v>
      </c>
      <c r="M24737" s="2" t="s">
        <v>69039</v>
      </c>
      <c r="N24737" s="5" t="s">
        <v>1521</v>
      </c>
      <c r="O24737" s="5" t="s">
        <v>38</v>
      </c>
      <c r="P24737" s="5" t="s">
        <v>39</v>
      </c>
      <c r="Q24737" s="5" t="s">
        <v>40</v>
      </c>
      <c r="R24737" s="5" t="s">
        <v>1522</v>
      </c>
      <c r="S24737" s="5" t="s">
        <v>1523</v>
      </c>
      <c r="T24737" s="5" t="s">
        <v>42</v>
      </c>
      <c r="U24737" s="2">
        <v>3.4860000000000002</v>
      </c>
      <c r="V24737" s="2">
        <v>2.91</v>
      </c>
      <c r="W24737" s="2">
        <v>1.7999999999999999E-2</v>
      </c>
      <c r="X24737" s="2">
        <v>139.1</v>
      </c>
      <c r="Y24737" s="2">
        <v>7.6</v>
      </c>
      <c r="Z24737" s="2">
        <v>16.7</v>
      </c>
      <c r="AA24737" s="5"/>
      <c r="AB24737" s="5" t="s">
        <v>43</v>
      </c>
      <c r="AC24737" s="5" t="s">
        <v>44</v>
      </c>
      <c r="AD24737" s="2"/>
      <c r="AE24737" s="1"/>
    </row>
    <row r="24738" spans="1:31" ht="14.45">
      <c r="A24738" s="11"/>
      <c r="B24738" s="20"/>
      <c r="C24738" s="2" t="s">
        <v>79093</v>
      </c>
      <c r="D24738" s="14" t="s">
        <v>79094</v>
      </c>
      <c r="E24738" s="2" t="s">
        <v>79095</v>
      </c>
      <c r="F24738" s="2" t="s">
        <v>7619</v>
      </c>
      <c r="G24738" s="8">
        <v>300</v>
      </c>
      <c r="H24738" s="5">
        <v>6</v>
      </c>
      <c r="I24738" s="5" t="s">
        <v>1518</v>
      </c>
      <c r="J24738" s="5" t="s">
        <v>69038</v>
      </c>
      <c r="K24738" s="2" t="s">
        <v>69039</v>
      </c>
      <c r="L24738" s="5" t="s">
        <v>69038</v>
      </c>
      <c r="M24738" s="2" t="s">
        <v>69039</v>
      </c>
      <c r="N24738" s="5" t="s">
        <v>1521</v>
      </c>
      <c r="O24738" s="5" t="s">
        <v>38</v>
      </c>
      <c r="P24738" s="5" t="s">
        <v>39</v>
      </c>
      <c r="Q24738" s="5" t="s">
        <v>40</v>
      </c>
      <c r="R24738" s="5" t="s">
        <v>1522</v>
      </c>
      <c r="S24738" s="5" t="s">
        <v>1523</v>
      </c>
      <c r="T24738" s="5" t="s">
        <v>42</v>
      </c>
      <c r="U24738" s="2">
        <v>3.5979999999999999</v>
      </c>
      <c r="V24738" s="2">
        <v>3.0219999999999998</v>
      </c>
      <c r="W24738" s="2">
        <v>1.7999999999999999E-2</v>
      </c>
      <c r="X24738" s="2">
        <v>139.1</v>
      </c>
      <c r="Y24738" s="2">
        <v>7.6</v>
      </c>
      <c r="Z24738" s="2">
        <v>16.7</v>
      </c>
      <c r="AA24738" s="5"/>
      <c r="AB24738" s="5" t="s">
        <v>43</v>
      </c>
      <c r="AC24738" s="5" t="s">
        <v>44</v>
      </c>
      <c r="AD24738" s="2"/>
      <c r="AE24738" s="1"/>
    </row>
    <row r="24739" spans="1:31" ht="14.45">
      <c r="A24739" s="11"/>
      <c r="B24739" s="20"/>
      <c r="C24739" s="2" t="s">
        <v>79096</v>
      </c>
      <c r="D24739" s="14" t="s">
        <v>79097</v>
      </c>
      <c r="E24739" s="2" t="s">
        <v>79098</v>
      </c>
      <c r="F24739" s="2" t="s">
        <v>16014</v>
      </c>
      <c r="G24739" s="8">
        <v>300</v>
      </c>
      <c r="H24739" s="5">
        <v>6</v>
      </c>
      <c r="I24739" s="5" t="s">
        <v>1518</v>
      </c>
      <c r="J24739" s="5" t="s">
        <v>69038</v>
      </c>
      <c r="K24739" s="2" t="s">
        <v>69039</v>
      </c>
      <c r="L24739" s="5" t="s">
        <v>69038</v>
      </c>
      <c r="M24739" s="2" t="s">
        <v>69039</v>
      </c>
      <c r="N24739" s="5" t="s">
        <v>1521</v>
      </c>
      <c r="O24739" s="5" t="s">
        <v>38</v>
      </c>
      <c r="P24739" s="5" t="s">
        <v>39</v>
      </c>
      <c r="Q24739" s="5" t="s">
        <v>40</v>
      </c>
      <c r="R24739" s="5" t="s">
        <v>1522</v>
      </c>
      <c r="S24739" s="5" t="s">
        <v>1523</v>
      </c>
      <c r="T24739" s="5" t="s">
        <v>42</v>
      </c>
      <c r="U24739" s="2">
        <v>3.4860000000000002</v>
      </c>
      <c r="V24739" s="2">
        <v>2.91</v>
      </c>
      <c r="W24739" s="2">
        <v>1.7999999999999999E-2</v>
      </c>
      <c r="X24739" s="2">
        <v>139.1</v>
      </c>
      <c r="Y24739" s="2">
        <v>7.6</v>
      </c>
      <c r="Z24739" s="2">
        <v>16.7</v>
      </c>
      <c r="AA24739" s="5"/>
      <c r="AB24739" s="5" t="s">
        <v>43</v>
      </c>
      <c r="AC24739" s="5" t="s">
        <v>44</v>
      </c>
      <c r="AD24739" s="2"/>
      <c r="AE24739" s="1"/>
    </row>
    <row r="24740" spans="1:31" ht="14.45">
      <c r="A24740" s="11"/>
      <c r="B24740" s="20"/>
      <c r="C24740" s="2" t="s">
        <v>79099</v>
      </c>
      <c r="D24740" s="14" t="s">
        <v>79100</v>
      </c>
      <c r="E24740" s="2" t="s">
        <v>79101</v>
      </c>
      <c r="F24740" s="2" t="s">
        <v>16219</v>
      </c>
      <c r="G24740" s="8">
        <v>300</v>
      </c>
      <c r="H24740" s="5">
        <v>6</v>
      </c>
      <c r="I24740" s="5" t="s">
        <v>1518</v>
      </c>
      <c r="J24740" s="5" t="s">
        <v>69038</v>
      </c>
      <c r="K24740" s="2" t="s">
        <v>69039</v>
      </c>
      <c r="L24740" s="5" t="s">
        <v>69038</v>
      </c>
      <c r="M24740" s="2" t="s">
        <v>69039</v>
      </c>
      <c r="N24740" s="5" t="s">
        <v>1521</v>
      </c>
      <c r="O24740" s="5" t="s">
        <v>38</v>
      </c>
      <c r="P24740" s="5" t="s">
        <v>39</v>
      </c>
      <c r="Q24740" s="5" t="s">
        <v>40</v>
      </c>
      <c r="R24740" s="5" t="s">
        <v>1522</v>
      </c>
      <c r="S24740" s="5" t="s">
        <v>1523</v>
      </c>
      <c r="T24740" s="5" t="s">
        <v>42</v>
      </c>
      <c r="U24740" s="2">
        <v>3.5979999999999999</v>
      </c>
      <c r="V24740" s="2">
        <v>3.0219999999999998</v>
      </c>
      <c r="W24740" s="2">
        <v>1.7999999999999999E-2</v>
      </c>
      <c r="X24740" s="2">
        <v>139.1</v>
      </c>
      <c r="Y24740" s="2">
        <v>7.6</v>
      </c>
      <c r="Z24740" s="2">
        <v>16.7</v>
      </c>
      <c r="AA24740" s="5"/>
      <c r="AB24740" s="5" t="s">
        <v>43</v>
      </c>
      <c r="AC24740" s="5" t="s">
        <v>44</v>
      </c>
      <c r="AD24740" s="2"/>
      <c r="AE24740" s="1"/>
    </row>
    <row r="24741" spans="1:31" ht="14.45">
      <c r="A24741" s="11"/>
      <c r="B24741" s="20"/>
      <c r="C24741" s="2" t="s">
        <v>79102</v>
      </c>
      <c r="D24741" s="14" t="s">
        <v>79103</v>
      </c>
      <c r="E24741" s="2" t="s">
        <v>79104</v>
      </c>
      <c r="F24741" s="2" t="s">
        <v>7212</v>
      </c>
      <c r="G24741" s="8">
        <v>278</v>
      </c>
      <c r="H24741" s="5">
        <v>6</v>
      </c>
      <c r="I24741" s="5" t="s">
        <v>1518</v>
      </c>
      <c r="J24741" s="5" t="s">
        <v>69038</v>
      </c>
      <c r="K24741" s="2" t="s">
        <v>69039</v>
      </c>
      <c r="L24741" s="5" t="s">
        <v>69038</v>
      </c>
      <c r="M24741" s="2" t="s">
        <v>69039</v>
      </c>
      <c r="N24741" s="5" t="s">
        <v>1521</v>
      </c>
      <c r="O24741" s="5" t="s">
        <v>38</v>
      </c>
      <c r="P24741" s="5" t="s">
        <v>39</v>
      </c>
      <c r="Q24741" s="5" t="s">
        <v>40</v>
      </c>
      <c r="R24741" s="5" t="s">
        <v>1522</v>
      </c>
      <c r="S24741" s="5" t="s">
        <v>1523</v>
      </c>
      <c r="T24741" s="5" t="s">
        <v>42</v>
      </c>
      <c r="U24741" s="2">
        <v>3.4860000000000002</v>
      </c>
      <c r="V24741" s="2">
        <v>2.91</v>
      </c>
      <c r="W24741" s="2">
        <v>1.7999999999999999E-2</v>
      </c>
      <c r="X24741" s="2">
        <v>139.1</v>
      </c>
      <c r="Y24741" s="2">
        <v>7.6</v>
      </c>
      <c r="Z24741" s="2">
        <v>16.7</v>
      </c>
      <c r="AA24741" s="5"/>
      <c r="AB24741" s="5" t="s">
        <v>43</v>
      </c>
      <c r="AC24741" s="5" t="s">
        <v>44</v>
      </c>
      <c r="AD24741" s="2"/>
      <c r="AE24741" s="1"/>
    </row>
    <row r="24742" spans="1:31" ht="14.45">
      <c r="A24742" s="11"/>
      <c r="B24742" s="20"/>
      <c r="C24742" s="2" t="s">
        <v>79105</v>
      </c>
      <c r="D24742" s="14" t="s">
        <v>79106</v>
      </c>
      <c r="E24742" s="2" t="s">
        <v>79107</v>
      </c>
      <c r="F24742" s="2" t="s">
        <v>7528</v>
      </c>
      <c r="G24742" s="8">
        <v>278</v>
      </c>
      <c r="H24742" s="5">
        <v>6</v>
      </c>
      <c r="I24742" s="5" t="s">
        <v>1518</v>
      </c>
      <c r="J24742" s="5" t="s">
        <v>69038</v>
      </c>
      <c r="K24742" s="2" t="s">
        <v>69039</v>
      </c>
      <c r="L24742" s="5" t="s">
        <v>69038</v>
      </c>
      <c r="M24742" s="2" t="s">
        <v>69039</v>
      </c>
      <c r="N24742" s="5" t="s">
        <v>1521</v>
      </c>
      <c r="O24742" s="5" t="s">
        <v>38</v>
      </c>
      <c r="P24742" s="5" t="s">
        <v>39</v>
      </c>
      <c r="Q24742" s="5" t="s">
        <v>40</v>
      </c>
      <c r="R24742" s="5" t="s">
        <v>1522</v>
      </c>
      <c r="S24742" s="5" t="s">
        <v>1523</v>
      </c>
      <c r="T24742" s="5" t="s">
        <v>42</v>
      </c>
      <c r="U24742" s="2">
        <v>3.5979999999999999</v>
      </c>
      <c r="V24742" s="2">
        <v>3.0219999999999998</v>
      </c>
      <c r="W24742" s="2">
        <v>1.7999999999999999E-2</v>
      </c>
      <c r="X24742" s="2">
        <v>139.1</v>
      </c>
      <c r="Y24742" s="2">
        <v>7.6</v>
      </c>
      <c r="Z24742" s="2">
        <v>16.7</v>
      </c>
      <c r="AA24742" s="5"/>
      <c r="AB24742" s="5" t="s">
        <v>43</v>
      </c>
      <c r="AC24742" s="5" t="s">
        <v>44</v>
      </c>
      <c r="AD24742" s="2"/>
      <c r="AE24742" s="1"/>
    </row>
    <row r="24743" spans="1:31" ht="14.45">
      <c r="A24743" s="11"/>
      <c r="B24743" s="20"/>
      <c r="C24743" s="2" t="s">
        <v>79108</v>
      </c>
      <c r="D24743" s="14" t="s">
        <v>79109</v>
      </c>
      <c r="E24743" s="2" t="s">
        <v>79110</v>
      </c>
      <c r="F24743" s="2" t="s">
        <v>16029</v>
      </c>
      <c r="G24743" s="8">
        <v>300</v>
      </c>
      <c r="H24743" s="5">
        <v>6</v>
      </c>
      <c r="I24743" s="5" t="s">
        <v>1518</v>
      </c>
      <c r="J24743" s="5" t="s">
        <v>69038</v>
      </c>
      <c r="K24743" s="2" t="s">
        <v>69039</v>
      </c>
      <c r="L24743" s="5" t="s">
        <v>69038</v>
      </c>
      <c r="M24743" s="2" t="s">
        <v>69039</v>
      </c>
      <c r="N24743" s="5" t="s">
        <v>1521</v>
      </c>
      <c r="O24743" s="5" t="s">
        <v>38</v>
      </c>
      <c r="P24743" s="5" t="s">
        <v>39</v>
      </c>
      <c r="Q24743" s="5" t="s">
        <v>40</v>
      </c>
      <c r="R24743" s="5" t="s">
        <v>1522</v>
      </c>
      <c r="S24743" s="5" t="s">
        <v>1523</v>
      </c>
      <c r="T24743" s="5" t="s">
        <v>42</v>
      </c>
      <c r="U24743" s="2">
        <v>3.4870000000000001</v>
      </c>
      <c r="V24743" s="2">
        <v>2.911</v>
      </c>
      <c r="W24743" s="2">
        <v>1.7999999999999999E-2</v>
      </c>
      <c r="X24743" s="2">
        <v>139.1</v>
      </c>
      <c r="Y24743" s="2">
        <v>7.6</v>
      </c>
      <c r="Z24743" s="2">
        <v>16.7</v>
      </c>
      <c r="AA24743" s="5"/>
      <c r="AB24743" s="5" t="s">
        <v>43</v>
      </c>
      <c r="AC24743" s="5" t="s">
        <v>44</v>
      </c>
      <c r="AD24743" s="2"/>
      <c r="AE24743" s="1"/>
    </row>
    <row r="24744" spans="1:31" ht="14.45">
      <c r="A24744" s="11"/>
      <c r="B24744" s="20"/>
      <c r="C24744" s="2" t="s">
        <v>79111</v>
      </c>
      <c r="D24744" s="14" t="s">
        <v>79112</v>
      </c>
      <c r="E24744" s="2" t="s">
        <v>79113</v>
      </c>
      <c r="F24744" s="2" t="s">
        <v>16033</v>
      </c>
      <c r="G24744" s="8">
        <v>300</v>
      </c>
      <c r="H24744" s="5">
        <v>6</v>
      </c>
      <c r="I24744" s="5" t="s">
        <v>1518</v>
      </c>
      <c r="J24744" s="5" t="s">
        <v>69038</v>
      </c>
      <c r="K24744" s="2" t="s">
        <v>69039</v>
      </c>
      <c r="L24744" s="5" t="s">
        <v>69038</v>
      </c>
      <c r="M24744" s="2" t="s">
        <v>69039</v>
      </c>
      <c r="N24744" s="5" t="s">
        <v>1521</v>
      </c>
      <c r="O24744" s="5" t="s">
        <v>38</v>
      </c>
      <c r="P24744" s="5" t="s">
        <v>39</v>
      </c>
      <c r="Q24744" s="5" t="s">
        <v>40</v>
      </c>
      <c r="R24744" s="5" t="s">
        <v>1522</v>
      </c>
      <c r="S24744" s="5" t="s">
        <v>1523</v>
      </c>
      <c r="T24744" s="5" t="s">
        <v>42</v>
      </c>
      <c r="U24744" s="2">
        <v>3.5990000000000002</v>
      </c>
      <c r="V24744" s="2">
        <v>3.0230000000000001</v>
      </c>
      <c r="W24744" s="2">
        <v>1.7999999999999999E-2</v>
      </c>
      <c r="X24744" s="2">
        <v>139.1</v>
      </c>
      <c r="Y24744" s="2">
        <v>7.6</v>
      </c>
      <c r="Z24744" s="2">
        <v>16.7</v>
      </c>
      <c r="AA24744" s="5"/>
      <c r="AB24744" s="5" t="s">
        <v>43</v>
      </c>
      <c r="AC24744" s="5" t="s">
        <v>44</v>
      </c>
      <c r="AD24744" s="2"/>
      <c r="AE24744" s="1"/>
    </row>
    <row r="24745" spans="1:31" ht="14.45">
      <c r="A24745" s="11"/>
      <c r="B24745" s="20"/>
      <c r="C24745" s="2" t="s">
        <v>79114</v>
      </c>
      <c r="D24745" s="14" t="s">
        <v>79115</v>
      </c>
      <c r="E24745" s="2" t="s">
        <v>79116</v>
      </c>
      <c r="F24745" s="2" t="s">
        <v>7204</v>
      </c>
      <c r="G24745" s="8">
        <v>296</v>
      </c>
      <c r="H24745" s="5">
        <v>6</v>
      </c>
      <c r="I24745" s="5" t="s">
        <v>1518</v>
      </c>
      <c r="J24745" s="5" t="s">
        <v>69038</v>
      </c>
      <c r="K24745" s="2" t="s">
        <v>69039</v>
      </c>
      <c r="L24745" s="5" t="s">
        <v>69038</v>
      </c>
      <c r="M24745" s="2" t="s">
        <v>69039</v>
      </c>
      <c r="N24745" s="5" t="s">
        <v>1521</v>
      </c>
      <c r="O24745" s="5" t="s">
        <v>38</v>
      </c>
      <c r="P24745" s="5" t="s">
        <v>39</v>
      </c>
      <c r="Q24745" s="5" t="s">
        <v>40</v>
      </c>
      <c r="R24745" s="5" t="s">
        <v>1522</v>
      </c>
      <c r="S24745" s="5" t="s">
        <v>1523</v>
      </c>
      <c r="T24745" s="5" t="s">
        <v>42</v>
      </c>
      <c r="U24745" s="2">
        <v>3.742</v>
      </c>
      <c r="V24745" s="2">
        <v>3.0830000000000002</v>
      </c>
      <c r="W24745" s="2">
        <v>0.02</v>
      </c>
      <c r="X24745" s="2">
        <v>159.1</v>
      </c>
      <c r="Y24745" s="2">
        <v>7.6</v>
      </c>
      <c r="Z24745" s="2">
        <v>16.7</v>
      </c>
      <c r="AA24745" s="5"/>
      <c r="AB24745" s="5" t="s">
        <v>43</v>
      </c>
      <c r="AC24745" s="5" t="s">
        <v>44</v>
      </c>
      <c r="AD24745" s="2"/>
      <c r="AE24745" s="1"/>
    </row>
    <row r="24746" spans="1:31" ht="14.45">
      <c r="A24746" s="11"/>
      <c r="B24746" s="20"/>
      <c r="C24746" s="2" t="s">
        <v>79117</v>
      </c>
      <c r="D24746" s="14" t="s">
        <v>79118</v>
      </c>
      <c r="E24746" s="2" t="s">
        <v>79119</v>
      </c>
      <c r="F24746" s="2" t="s">
        <v>7514</v>
      </c>
      <c r="G24746" s="8">
        <v>296</v>
      </c>
      <c r="H24746" s="5">
        <v>6</v>
      </c>
      <c r="I24746" s="5" t="s">
        <v>1518</v>
      </c>
      <c r="J24746" s="5" t="s">
        <v>69038</v>
      </c>
      <c r="K24746" s="2" t="s">
        <v>69039</v>
      </c>
      <c r="L24746" s="5" t="s">
        <v>69038</v>
      </c>
      <c r="M24746" s="2" t="s">
        <v>69039</v>
      </c>
      <c r="N24746" s="5" t="s">
        <v>1521</v>
      </c>
      <c r="O24746" s="5" t="s">
        <v>38</v>
      </c>
      <c r="P24746" s="5" t="s">
        <v>39</v>
      </c>
      <c r="Q24746" s="5" t="s">
        <v>40</v>
      </c>
      <c r="R24746" s="5" t="s">
        <v>1522</v>
      </c>
      <c r="S24746" s="5" t="s">
        <v>1523</v>
      </c>
      <c r="T24746" s="5" t="s">
        <v>42</v>
      </c>
      <c r="U24746" s="2">
        <v>3.8660000000000001</v>
      </c>
      <c r="V24746" s="2">
        <v>3.2069999999999999</v>
      </c>
      <c r="W24746" s="2">
        <v>0.02</v>
      </c>
      <c r="X24746" s="2">
        <v>159.1</v>
      </c>
      <c r="Y24746" s="2">
        <v>7.6</v>
      </c>
      <c r="Z24746" s="2">
        <v>16.7</v>
      </c>
      <c r="AA24746" s="5"/>
      <c r="AB24746" s="5" t="s">
        <v>43</v>
      </c>
      <c r="AC24746" s="5" t="s">
        <v>44</v>
      </c>
      <c r="AD24746" s="2"/>
      <c r="AE24746" s="1"/>
    </row>
    <row r="24747" spans="1:31" ht="14.45">
      <c r="A24747" s="11"/>
      <c r="B24747" s="20"/>
      <c r="C24747" s="2" t="s">
        <v>79120</v>
      </c>
      <c r="D24747" s="14" t="s">
        <v>79121</v>
      </c>
      <c r="E24747" s="2" t="s">
        <v>79122</v>
      </c>
      <c r="F24747" s="2" t="s">
        <v>7208</v>
      </c>
      <c r="G24747" s="8">
        <v>296</v>
      </c>
      <c r="H24747" s="5">
        <v>6</v>
      </c>
      <c r="I24747" s="5" t="s">
        <v>1518</v>
      </c>
      <c r="J24747" s="5" t="s">
        <v>69038</v>
      </c>
      <c r="K24747" s="2" t="s">
        <v>69039</v>
      </c>
      <c r="L24747" s="5" t="s">
        <v>69038</v>
      </c>
      <c r="M24747" s="2" t="s">
        <v>69039</v>
      </c>
      <c r="N24747" s="5" t="s">
        <v>1521</v>
      </c>
      <c r="O24747" s="5" t="s">
        <v>38</v>
      </c>
      <c r="P24747" s="5" t="s">
        <v>39</v>
      </c>
      <c r="Q24747" s="5" t="s">
        <v>40</v>
      </c>
      <c r="R24747" s="5" t="s">
        <v>1522</v>
      </c>
      <c r="S24747" s="5" t="s">
        <v>1523</v>
      </c>
      <c r="T24747" s="5" t="s">
        <v>42</v>
      </c>
      <c r="U24747" s="2">
        <v>3.742</v>
      </c>
      <c r="V24747" s="2">
        <v>3.0830000000000002</v>
      </c>
      <c r="W24747" s="2">
        <v>0.02</v>
      </c>
      <c r="X24747" s="2">
        <v>159.1</v>
      </c>
      <c r="Y24747" s="2">
        <v>7.6</v>
      </c>
      <c r="Z24747" s="2">
        <v>16.7</v>
      </c>
      <c r="AA24747" s="5"/>
      <c r="AB24747" s="5" t="s">
        <v>43</v>
      </c>
      <c r="AC24747" s="5" t="s">
        <v>44</v>
      </c>
      <c r="AD24747" s="2"/>
      <c r="AE24747" s="1"/>
    </row>
    <row r="24748" spans="1:31" ht="14.45">
      <c r="A24748" s="11"/>
      <c r="B24748" s="20"/>
      <c r="C24748" s="2" t="s">
        <v>79123</v>
      </c>
      <c r="D24748" s="14" t="s">
        <v>79124</v>
      </c>
      <c r="E24748" s="2" t="s">
        <v>79125</v>
      </c>
      <c r="F24748" s="2" t="s">
        <v>7521</v>
      </c>
      <c r="G24748" s="8">
        <v>296</v>
      </c>
      <c r="H24748" s="5">
        <v>6</v>
      </c>
      <c r="I24748" s="5" t="s">
        <v>1518</v>
      </c>
      <c r="J24748" s="5" t="s">
        <v>69038</v>
      </c>
      <c r="K24748" s="2" t="s">
        <v>69039</v>
      </c>
      <c r="L24748" s="5" t="s">
        <v>69038</v>
      </c>
      <c r="M24748" s="2" t="s">
        <v>69039</v>
      </c>
      <c r="N24748" s="5" t="s">
        <v>1521</v>
      </c>
      <c r="O24748" s="5" t="s">
        <v>38</v>
      </c>
      <c r="P24748" s="5" t="s">
        <v>39</v>
      </c>
      <c r="Q24748" s="5" t="s">
        <v>40</v>
      </c>
      <c r="R24748" s="5" t="s">
        <v>1522</v>
      </c>
      <c r="S24748" s="5" t="s">
        <v>1523</v>
      </c>
      <c r="T24748" s="5" t="s">
        <v>42</v>
      </c>
      <c r="U24748" s="2">
        <v>3.8660000000000001</v>
      </c>
      <c r="V24748" s="2">
        <v>3.2069999999999999</v>
      </c>
      <c r="W24748" s="2">
        <v>0.02</v>
      </c>
      <c r="X24748" s="2">
        <v>159.1</v>
      </c>
      <c r="Y24748" s="2">
        <v>7.6</v>
      </c>
      <c r="Z24748" s="2">
        <v>16.7</v>
      </c>
      <c r="AA24748" s="5"/>
      <c r="AB24748" s="5" t="s">
        <v>43</v>
      </c>
      <c r="AC24748" s="5" t="s">
        <v>44</v>
      </c>
      <c r="AD24748" s="2"/>
      <c r="AE24748" s="1"/>
    </row>
    <row r="24749" spans="1:31" ht="14.45">
      <c r="A24749" s="11"/>
      <c r="B24749" s="20"/>
      <c r="C24749" s="2" t="s">
        <v>79126</v>
      </c>
      <c r="D24749" s="14" t="s">
        <v>79127</v>
      </c>
      <c r="E24749" s="2" t="s">
        <v>79128</v>
      </c>
      <c r="F24749" s="2" t="s">
        <v>7406</v>
      </c>
      <c r="G24749" s="8">
        <v>321</v>
      </c>
      <c r="H24749" s="5">
        <v>6</v>
      </c>
      <c r="I24749" s="5" t="s">
        <v>1518</v>
      </c>
      <c r="J24749" s="5" t="s">
        <v>69038</v>
      </c>
      <c r="K24749" s="2" t="s">
        <v>69039</v>
      </c>
      <c r="L24749" s="5" t="s">
        <v>69038</v>
      </c>
      <c r="M24749" s="2" t="s">
        <v>69039</v>
      </c>
      <c r="N24749" s="5" t="s">
        <v>1521</v>
      </c>
      <c r="O24749" s="5" t="s">
        <v>38</v>
      </c>
      <c r="P24749" s="5" t="s">
        <v>39</v>
      </c>
      <c r="Q24749" s="5" t="s">
        <v>40</v>
      </c>
      <c r="R24749" s="5" t="s">
        <v>1522</v>
      </c>
      <c r="S24749" s="5" t="s">
        <v>1523</v>
      </c>
      <c r="T24749" s="5" t="s">
        <v>42</v>
      </c>
      <c r="U24749" s="2">
        <v>3.742</v>
      </c>
      <c r="V24749" s="2">
        <v>3.0830000000000002</v>
      </c>
      <c r="W24749" s="2">
        <v>0.02</v>
      </c>
      <c r="X24749" s="2">
        <v>159.1</v>
      </c>
      <c r="Y24749" s="2">
        <v>7.6</v>
      </c>
      <c r="Z24749" s="2">
        <v>16.7</v>
      </c>
      <c r="AA24749" s="5"/>
      <c r="AB24749" s="5" t="s">
        <v>43</v>
      </c>
      <c r="AC24749" s="5" t="s">
        <v>44</v>
      </c>
      <c r="AD24749" s="2"/>
      <c r="AE24749" s="1"/>
    </row>
    <row r="24750" spans="1:31" ht="14.45">
      <c r="A24750" s="11"/>
      <c r="B24750" s="20"/>
      <c r="C24750" s="2" t="s">
        <v>79129</v>
      </c>
      <c r="D24750" s="14" t="s">
        <v>79130</v>
      </c>
      <c r="E24750" s="2" t="s">
        <v>79131</v>
      </c>
      <c r="F24750" s="2" t="s">
        <v>7539</v>
      </c>
      <c r="G24750" s="8">
        <v>321</v>
      </c>
      <c r="H24750" s="5">
        <v>6</v>
      </c>
      <c r="I24750" s="5" t="s">
        <v>1518</v>
      </c>
      <c r="J24750" s="5" t="s">
        <v>69038</v>
      </c>
      <c r="K24750" s="2" t="s">
        <v>69039</v>
      </c>
      <c r="L24750" s="5" t="s">
        <v>69038</v>
      </c>
      <c r="M24750" s="2" t="s">
        <v>69039</v>
      </c>
      <c r="N24750" s="5" t="s">
        <v>1521</v>
      </c>
      <c r="O24750" s="5" t="s">
        <v>38</v>
      </c>
      <c r="P24750" s="5" t="s">
        <v>39</v>
      </c>
      <c r="Q24750" s="5" t="s">
        <v>40</v>
      </c>
      <c r="R24750" s="5" t="s">
        <v>1522</v>
      </c>
      <c r="S24750" s="5" t="s">
        <v>1523</v>
      </c>
      <c r="T24750" s="5" t="s">
        <v>42</v>
      </c>
      <c r="U24750" s="2">
        <v>3.742</v>
      </c>
      <c r="V24750" s="2">
        <v>3.0830000000000002</v>
      </c>
      <c r="W24750" s="2">
        <v>0.02</v>
      </c>
      <c r="X24750" s="2">
        <v>159.1</v>
      </c>
      <c r="Y24750" s="2">
        <v>7.6</v>
      </c>
      <c r="Z24750" s="2">
        <v>16.7</v>
      </c>
      <c r="AA24750" s="5"/>
      <c r="AB24750" s="5" t="s">
        <v>43</v>
      </c>
      <c r="AC24750" s="5" t="s">
        <v>44</v>
      </c>
      <c r="AD24750" s="2"/>
      <c r="AE24750" s="1"/>
    </row>
    <row r="24751" spans="1:31" ht="14.45">
      <c r="A24751" s="11"/>
      <c r="B24751" s="20"/>
      <c r="C24751" s="2" t="s">
        <v>79132</v>
      </c>
      <c r="D24751" s="14" t="s">
        <v>79133</v>
      </c>
      <c r="E24751" s="2" t="s">
        <v>79134</v>
      </c>
      <c r="F24751" s="2" t="s">
        <v>7543</v>
      </c>
      <c r="G24751" s="8">
        <v>321</v>
      </c>
      <c r="H24751" s="5">
        <v>6</v>
      </c>
      <c r="I24751" s="5" t="s">
        <v>1518</v>
      </c>
      <c r="J24751" s="5" t="s">
        <v>69038</v>
      </c>
      <c r="K24751" s="2" t="s">
        <v>69039</v>
      </c>
      <c r="L24751" s="5" t="s">
        <v>69038</v>
      </c>
      <c r="M24751" s="2" t="s">
        <v>69039</v>
      </c>
      <c r="N24751" s="5" t="s">
        <v>1521</v>
      </c>
      <c r="O24751" s="5" t="s">
        <v>38</v>
      </c>
      <c r="P24751" s="5" t="s">
        <v>39</v>
      </c>
      <c r="Q24751" s="5" t="s">
        <v>40</v>
      </c>
      <c r="R24751" s="5" t="s">
        <v>1522</v>
      </c>
      <c r="S24751" s="5" t="s">
        <v>1523</v>
      </c>
      <c r="T24751" s="5" t="s">
        <v>42</v>
      </c>
      <c r="U24751" s="2">
        <v>3.8660000000000001</v>
      </c>
      <c r="V24751" s="2">
        <v>3.2069999999999999</v>
      </c>
      <c r="W24751" s="2">
        <v>0.02</v>
      </c>
      <c r="X24751" s="2">
        <v>159.1</v>
      </c>
      <c r="Y24751" s="2">
        <v>7.6</v>
      </c>
      <c r="Z24751" s="2">
        <v>16.7</v>
      </c>
      <c r="AA24751" s="5"/>
      <c r="AB24751" s="5" t="s">
        <v>43</v>
      </c>
      <c r="AC24751" s="5" t="s">
        <v>44</v>
      </c>
      <c r="AD24751" s="2"/>
      <c r="AE24751" s="1"/>
    </row>
    <row r="24752" spans="1:31" ht="14.45">
      <c r="A24752" s="11"/>
      <c r="B24752" s="20"/>
      <c r="C24752" s="2" t="s">
        <v>79135</v>
      </c>
      <c r="D24752" s="14" t="s">
        <v>79136</v>
      </c>
      <c r="E24752" s="2" t="s">
        <v>79137</v>
      </c>
      <c r="F24752" s="2" t="s">
        <v>7396</v>
      </c>
      <c r="G24752" s="8">
        <v>296</v>
      </c>
      <c r="H24752" s="5">
        <v>6</v>
      </c>
      <c r="I24752" s="5" t="s">
        <v>1518</v>
      </c>
      <c r="J24752" s="5" t="s">
        <v>69038</v>
      </c>
      <c r="K24752" s="2" t="s">
        <v>69039</v>
      </c>
      <c r="L24752" s="5" t="s">
        <v>69038</v>
      </c>
      <c r="M24752" s="2" t="s">
        <v>69039</v>
      </c>
      <c r="N24752" s="5" t="s">
        <v>1521</v>
      </c>
      <c r="O24752" s="5" t="s">
        <v>38</v>
      </c>
      <c r="P24752" s="5" t="s">
        <v>39</v>
      </c>
      <c r="Q24752" s="5" t="s">
        <v>40</v>
      </c>
      <c r="R24752" s="5" t="s">
        <v>1522</v>
      </c>
      <c r="S24752" s="5" t="s">
        <v>1523</v>
      </c>
      <c r="T24752" s="5" t="s">
        <v>42</v>
      </c>
      <c r="U24752" s="2">
        <v>3.742</v>
      </c>
      <c r="V24752" s="2">
        <v>3.0830000000000002</v>
      </c>
      <c r="W24752" s="2">
        <v>0.02</v>
      </c>
      <c r="X24752" s="2">
        <v>159.1</v>
      </c>
      <c r="Y24752" s="2">
        <v>7.6</v>
      </c>
      <c r="Z24752" s="2">
        <v>16.7</v>
      </c>
      <c r="AA24752" s="5"/>
      <c r="AB24752" s="5" t="s">
        <v>43</v>
      </c>
      <c r="AC24752" s="5" t="s">
        <v>44</v>
      </c>
      <c r="AD24752" s="2"/>
      <c r="AE24752" s="1"/>
    </row>
    <row r="24753" spans="1:31" ht="14.45">
      <c r="A24753" s="11"/>
      <c r="B24753" s="20"/>
      <c r="C24753" s="2" t="s">
        <v>79138</v>
      </c>
      <c r="D24753" s="14" t="s">
        <v>79139</v>
      </c>
      <c r="E24753" s="2" t="s">
        <v>79140</v>
      </c>
      <c r="F24753" s="2" t="s">
        <v>7507</v>
      </c>
      <c r="G24753" s="8">
        <v>296</v>
      </c>
      <c r="H24753" s="5">
        <v>6</v>
      </c>
      <c r="I24753" s="5" t="s">
        <v>1518</v>
      </c>
      <c r="J24753" s="5" t="s">
        <v>69038</v>
      </c>
      <c r="K24753" s="2" t="s">
        <v>69039</v>
      </c>
      <c r="L24753" s="5" t="s">
        <v>69038</v>
      </c>
      <c r="M24753" s="2" t="s">
        <v>69039</v>
      </c>
      <c r="N24753" s="5" t="s">
        <v>1521</v>
      </c>
      <c r="O24753" s="5" t="s">
        <v>38</v>
      </c>
      <c r="P24753" s="5" t="s">
        <v>39</v>
      </c>
      <c r="Q24753" s="5" t="s">
        <v>40</v>
      </c>
      <c r="R24753" s="5" t="s">
        <v>1522</v>
      </c>
      <c r="S24753" s="5" t="s">
        <v>1523</v>
      </c>
      <c r="T24753" s="5" t="s">
        <v>42</v>
      </c>
      <c r="U24753" s="2">
        <v>3.8660000000000001</v>
      </c>
      <c r="V24753" s="2">
        <v>3.2069999999999999</v>
      </c>
      <c r="W24753" s="2">
        <v>0.02</v>
      </c>
      <c r="X24753" s="2">
        <v>159.1</v>
      </c>
      <c r="Y24753" s="2">
        <v>7.6</v>
      </c>
      <c r="Z24753" s="2">
        <v>16.7</v>
      </c>
      <c r="AA24753" s="5"/>
      <c r="AB24753" s="5" t="s">
        <v>43</v>
      </c>
      <c r="AC24753" s="5" t="s">
        <v>44</v>
      </c>
      <c r="AD24753" s="2"/>
      <c r="AE24753" s="1"/>
    </row>
    <row r="24754" spans="1:31" ht="14.45">
      <c r="A24754" s="11"/>
      <c r="B24754" s="20"/>
      <c r="C24754" s="2" t="s">
        <v>79141</v>
      </c>
      <c r="D24754" s="14" t="s">
        <v>79142</v>
      </c>
      <c r="E24754" s="2" t="s">
        <v>79143</v>
      </c>
      <c r="F24754" s="2" t="s">
        <v>7563</v>
      </c>
      <c r="G24754" s="8">
        <v>321</v>
      </c>
      <c r="H24754" s="5">
        <v>6</v>
      </c>
      <c r="I24754" s="5" t="s">
        <v>1518</v>
      </c>
      <c r="J24754" s="5" t="s">
        <v>69038</v>
      </c>
      <c r="K24754" s="2" t="s">
        <v>69039</v>
      </c>
      <c r="L24754" s="5" t="s">
        <v>69038</v>
      </c>
      <c r="M24754" s="2" t="s">
        <v>69039</v>
      </c>
      <c r="N24754" s="5" t="s">
        <v>1521</v>
      </c>
      <c r="O24754" s="5" t="s">
        <v>38</v>
      </c>
      <c r="P24754" s="5" t="s">
        <v>39</v>
      </c>
      <c r="Q24754" s="5" t="s">
        <v>40</v>
      </c>
      <c r="R24754" s="5" t="s">
        <v>1522</v>
      </c>
      <c r="S24754" s="5" t="s">
        <v>1523</v>
      </c>
      <c r="T24754" s="5" t="s">
        <v>42</v>
      </c>
      <c r="U24754" s="2">
        <v>3.742</v>
      </c>
      <c r="V24754" s="2">
        <v>3.0830000000000002</v>
      </c>
      <c r="W24754" s="2">
        <v>0.02</v>
      </c>
      <c r="X24754" s="2">
        <v>159.1</v>
      </c>
      <c r="Y24754" s="2">
        <v>7.6</v>
      </c>
      <c r="Z24754" s="2">
        <v>16.7</v>
      </c>
      <c r="AA24754" s="5"/>
      <c r="AB24754" s="5" t="s">
        <v>43</v>
      </c>
      <c r="AC24754" s="5" t="s">
        <v>44</v>
      </c>
      <c r="AD24754" s="2"/>
      <c r="AE24754" s="1"/>
    </row>
    <row r="24755" spans="1:31" ht="14.45">
      <c r="A24755" s="11"/>
      <c r="B24755" s="20"/>
      <c r="C24755" s="2" t="s">
        <v>79144</v>
      </c>
      <c r="D24755" s="14" t="s">
        <v>79145</v>
      </c>
      <c r="E24755" s="2" t="s">
        <v>79146</v>
      </c>
      <c r="F24755" s="2" t="s">
        <v>7567</v>
      </c>
      <c r="G24755" s="8">
        <v>321</v>
      </c>
      <c r="H24755" s="5">
        <v>6</v>
      </c>
      <c r="I24755" s="5" t="s">
        <v>1518</v>
      </c>
      <c r="J24755" s="5" t="s">
        <v>69038</v>
      </c>
      <c r="K24755" s="2" t="s">
        <v>69039</v>
      </c>
      <c r="L24755" s="5" t="s">
        <v>69038</v>
      </c>
      <c r="M24755" s="2" t="s">
        <v>69039</v>
      </c>
      <c r="N24755" s="5" t="s">
        <v>1521</v>
      </c>
      <c r="O24755" s="5" t="s">
        <v>38</v>
      </c>
      <c r="P24755" s="5" t="s">
        <v>39</v>
      </c>
      <c r="Q24755" s="5" t="s">
        <v>40</v>
      </c>
      <c r="R24755" s="5" t="s">
        <v>1522</v>
      </c>
      <c r="S24755" s="5" t="s">
        <v>1523</v>
      </c>
      <c r="T24755" s="5" t="s">
        <v>42</v>
      </c>
      <c r="U24755" s="2">
        <v>3.8660000000000001</v>
      </c>
      <c r="V24755" s="2">
        <v>3.2069999999999999</v>
      </c>
      <c r="W24755" s="2">
        <v>0.02</v>
      </c>
      <c r="X24755" s="2">
        <v>159.1</v>
      </c>
      <c r="Y24755" s="2">
        <v>7.6</v>
      </c>
      <c r="Z24755" s="2">
        <v>16.7</v>
      </c>
      <c r="AA24755" s="5"/>
      <c r="AB24755" s="5" t="s">
        <v>43</v>
      </c>
      <c r="AC24755" s="5" t="s">
        <v>44</v>
      </c>
      <c r="AD24755" s="2"/>
      <c r="AE24755" s="1"/>
    </row>
    <row r="24756" spans="1:31" ht="14.45">
      <c r="A24756" s="11"/>
      <c r="B24756" s="20"/>
      <c r="C24756" s="2" t="s">
        <v>79147</v>
      </c>
      <c r="D24756" s="14" t="s">
        <v>79148</v>
      </c>
      <c r="E24756" s="2" t="s">
        <v>79149</v>
      </c>
      <c r="F24756" s="2" t="s">
        <v>16079</v>
      </c>
      <c r="G24756" s="8">
        <v>321</v>
      </c>
      <c r="H24756" s="5">
        <v>6</v>
      </c>
      <c r="I24756" s="5" t="s">
        <v>1518</v>
      </c>
      <c r="J24756" s="5" t="s">
        <v>69038</v>
      </c>
      <c r="K24756" s="2" t="s">
        <v>69039</v>
      </c>
      <c r="L24756" s="5" t="s">
        <v>69038</v>
      </c>
      <c r="M24756" s="2" t="s">
        <v>69039</v>
      </c>
      <c r="N24756" s="5" t="s">
        <v>1521</v>
      </c>
      <c r="O24756" s="5" t="s">
        <v>38</v>
      </c>
      <c r="P24756" s="5" t="s">
        <v>39</v>
      </c>
      <c r="Q24756" s="5" t="s">
        <v>40</v>
      </c>
      <c r="R24756" s="5" t="s">
        <v>1522</v>
      </c>
      <c r="S24756" s="5" t="s">
        <v>1523</v>
      </c>
      <c r="T24756" s="5" t="s">
        <v>42</v>
      </c>
      <c r="U24756" s="2">
        <v>3.742</v>
      </c>
      <c r="V24756" s="2">
        <v>3.0830000000000002</v>
      </c>
      <c r="W24756" s="2">
        <v>0.02</v>
      </c>
      <c r="X24756" s="2">
        <v>159.1</v>
      </c>
      <c r="Y24756" s="2">
        <v>7.6</v>
      </c>
      <c r="Z24756" s="2">
        <v>16.7</v>
      </c>
      <c r="AA24756" s="5"/>
      <c r="AB24756" s="5" t="s">
        <v>43</v>
      </c>
      <c r="AC24756" s="5" t="s">
        <v>44</v>
      </c>
      <c r="AD24756" s="2"/>
      <c r="AE24756" s="1"/>
    </row>
    <row r="24757" spans="1:31" ht="14.45">
      <c r="A24757" s="11"/>
      <c r="B24757" s="20"/>
      <c r="C24757" s="2" t="s">
        <v>79150</v>
      </c>
      <c r="D24757" s="14" t="s">
        <v>79151</v>
      </c>
      <c r="E24757" s="2" t="s">
        <v>79152</v>
      </c>
      <c r="F24757" s="2" t="s">
        <v>7449</v>
      </c>
      <c r="G24757" s="8">
        <v>321</v>
      </c>
      <c r="H24757" s="5">
        <v>6</v>
      </c>
      <c r="I24757" s="5" t="s">
        <v>1518</v>
      </c>
      <c r="J24757" s="5" t="s">
        <v>69038</v>
      </c>
      <c r="K24757" s="2" t="s">
        <v>69039</v>
      </c>
      <c r="L24757" s="5" t="s">
        <v>69038</v>
      </c>
      <c r="M24757" s="2" t="s">
        <v>69039</v>
      </c>
      <c r="N24757" s="5" t="s">
        <v>1521</v>
      </c>
      <c r="O24757" s="5" t="s">
        <v>38</v>
      </c>
      <c r="P24757" s="5" t="s">
        <v>39</v>
      </c>
      <c r="Q24757" s="5" t="s">
        <v>40</v>
      </c>
      <c r="R24757" s="5" t="s">
        <v>1522</v>
      </c>
      <c r="S24757" s="5" t="s">
        <v>1523</v>
      </c>
      <c r="T24757" s="5" t="s">
        <v>42</v>
      </c>
      <c r="U24757" s="2">
        <v>3.742</v>
      </c>
      <c r="V24757" s="2">
        <v>3.0830000000000002</v>
      </c>
      <c r="W24757" s="2">
        <v>0.02</v>
      </c>
      <c r="X24757" s="2">
        <v>159.1</v>
      </c>
      <c r="Y24757" s="2">
        <v>7.6</v>
      </c>
      <c r="Z24757" s="2">
        <v>16.7</v>
      </c>
      <c r="AA24757" s="5"/>
      <c r="AB24757" s="5" t="s">
        <v>43</v>
      </c>
      <c r="AC24757" s="5" t="s">
        <v>44</v>
      </c>
      <c r="AD24757" s="2"/>
      <c r="AE24757" s="1"/>
    </row>
    <row r="24758" spans="1:31" ht="14.45">
      <c r="A24758" s="11"/>
      <c r="B24758" s="20"/>
      <c r="C24758" s="2" t="s">
        <v>79153</v>
      </c>
      <c r="D24758" s="14" t="s">
        <v>79154</v>
      </c>
      <c r="E24758" s="2" t="s">
        <v>79155</v>
      </c>
      <c r="F24758" s="2" t="s">
        <v>7581</v>
      </c>
      <c r="G24758" s="8">
        <v>321</v>
      </c>
      <c r="H24758" s="5">
        <v>6</v>
      </c>
      <c r="I24758" s="5" t="s">
        <v>1518</v>
      </c>
      <c r="J24758" s="5" t="s">
        <v>69038</v>
      </c>
      <c r="K24758" s="2" t="s">
        <v>69039</v>
      </c>
      <c r="L24758" s="5" t="s">
        <v>69038</v>
      </c>
      <c r="M24758" s="2" t="s">
        <v>69039</v>
      </c>
      <c r="N24758" s="5" t="s">
        <v>1521</v>
      </c>
      <c r="O24758" s="5" t="s">
        <v>38</v>
      </c>
      <c r="P24758" s="5" t="s">
        <v>39</v>
      </c>
      <c r="Q24758" s="5" t="s">
        <v>40</v>
      </c>
      <c r="R24758" s="5" t="s">
        <v>1522</v>
      </c>
      <c r="S24758" s="5" t="s">
        <v>1523</v>
      </c>
      <c r="T24758" s="5" t="s">
        <v>42</v>
      </c>
      <c r="U24758" s="2">
        <v>3.8660000000000001</v>
      </c>
      <c r="V24758" s="2">
        <v>3.2069999999999999</v>
      </c>
      <c r="W24758" s="2">
        <v>0.02</v>
      </c>
      <c r="X24758" s="2">
        <v>159.1</v>
      </c>
      <c r="Y24758" s="2">
        <v>7.6</v>
      </c>
      <c r="Z24758" s="2">
        <v>16.7</v>
      </c>
      <c r="AA24758" s="5"/>
      <c r="AB24758" s="5" t="s">
        <v>43</v>
      </c>
      <c r="AC24758" s="5" t="s">
        <v>44</v>
      </c>
      <c r="AD24758" s="2"/>
      <c r="AE24758" s="1"/>
    </row>
    <row r="24759" spans="1:31" ht="14.45">
      <c r="A24759" s="11"/>
      <c r="B24759" s="20"/>
      <c r="C24759" s="2" t="s">
        <v>79156</v>
      </c>
      <c r="D24759" s="14" t="s">
        <v>79157</v>
      </c>
      <c r="E24759" s="2" t="s">
        <v>79158</v>
      </c>
      <c r="F24759" s="2" t="s">
        <v>7589</v>
      </c>
      <c r="G24759" s="8">
        <v>321</v>
      </c>
      <c r="H24759" s="5">
        <v>6</v>
      </c>
      <c r="I24759" s="5" t="s">
        <v>1518</v>
      </c>
      <c r="J24759" s="5" t="s">
        <v>69038</v>
      </c>
      <c r="K24759" s="2" t="s">
        <v>69039</v>
      </c>
      <c r="L24759" s="5" t="s">
        <v>69038</v>
      </c>
      <c r="M24759" s="2" t="s">
        <v>69039</v>
      </c>
      <c r="N24759" s="5" t="s">
        <v>1521</v>
      </c>
      <c r="O24759" s="5" t="s">
        <v>38</v>
      </c>
      <c r="P24759" s="5" t="s">
        <v>39</v>
      </c>
      <c r="Q24759" s="5" t="s">
        <v>40</v>
      </c>
      <c r="R24759" s="5" t="s">
        <v>1522</v>
      </c>
      <c r="S24759" s="5" t="s">
        <v>1523</v>
      </c>
      <c r="T24759" s="5" t="s">
        <v>42</v>
      </c>
      <c r="U24759" s="2">
        <v>3.8660000000000001</v>
      </c>
      <c r="V24759" s="2">
        <v>3.2069999999999999</v>
      </c>
      <c r="W24759" s="2">
        <v>0.02</v>
      </c>
      <c r="X24759" s="2">
        <v>159.1</v>
      </c>
      <c r="Y24759" s="2">
        <v>7.6</v>
      </c>
      <c r="Z24759" s="2">
        <v>16.7</v>
      </c>
      <c r="AA24759" s="5"/>
      <c r="AB24759" s="5" t="s">
        <v>43</v>
      </c>
      <c r="AC24759" s="5" t="s">
        <v>44</v>
      </c>
      <c r="AD24759" s="2"/>
      <c r="AE24759" s="1"/>
    </row>
    <row r="24760" spans="1:31" ht="14.45">
      <c r="A24760" s="11"/>
      <c r="B24760" s="20"/>
      <c r="C24760" s="2" t="s">
        <v>79159</v>
      </c>
      <c r="D24760" s="14" t="s">
        <v>79160</v>
      </c>
      <c r="E24760" s="2" t="s">
        <v>79161</v>
      </c>
      <c r="F24760" s="2" t="s">
        <v>73358</v>
      </c>
      <c r="G24760" s="8">
        <v>321</v>
      </c>
      <c r="H24760" s="5">
        <v>6</v>
      </c>
      <c r="I24760" s="5" t="s">
        <v>1518</v>
      </c>
      <c r="J24760" s="5" t="s">
        <v>69038</v>
      </c>
      <c r="K24760" s="2" t="s">
        <v>69039</v>
      </c>
      <c r="L24760" s="5" t="s">
        <v>69038</v>
      </c>
      <c r="M24760" s="2" t="s">
        <v>69039</v>
      </c>
      <c r="N24760" s="5" t="s">
        <v>1521</v>
      </c>
      <c r="O24760" s="5" t="s">
        <v>38</v>
      </c>
      <c r="P24760" s="5" t="s">
        <v>39</v>
      </c>
      <c r="Q24760" s="5" t="s">
        <v>40</v>
      </c>
      <c r="R24760" s="5" t="s">
        <v>1522</v>
      </c>
      <c r="S24760" s="5" t="s">
        <v>1523</v>
      </c>
      <c r="T24760" s="5" t="s">
        <v>42</v>
      </c>
      <c r="U24760" s="2">
        <v>3.742</v>
      </c>
      <c r="V24760" s="2">
        <v>3.0830000000000002</v>
      </c>
      <c r="W24760" s="2">
        <v>0.02</v>
      </c>
      <c r="X24760" s="2">
        <v>159.1</v>
      </c>
      <c r="Y24760" s="2">
        <v>7.6</v>
      </c>
      <c r="Z24760" s="2">
        <v>16.7</v>
      </c>
      <c r="AA24760" s="5"/>
      <c r="AB24760" s="5" t="s">
        <v>43</v>
      </c>
      <c r="AC24760" s="5" t="s">
        <v>44</v>
      </c>
      <c r="AD24760" s="2"/>
      <c r="AE24760" s="1"/>
    </row>
    <row r="24761" spans="1:31" ht="14.45">
      <c r="A24761" s="11"/>
      <c r="B24761" s="20"/>
      <c r="C24761" s="2" t="s">
        <v>79162</v>
      </c>
      <c r="D24761" s="14" t="s">
        <v>79163</v>
      </c>
      <c r="E24761" s="2" t="s">
        <v>79164</v>
      </c>
      <c r="F24761" s="2" t="s">
        <v>73362</v>
      </c>
      <c r="G24761" s="8">
        <v>321</v>
      </c>
      <c r="H24761" s="5">
        <v>6</v>
      </c>
      <c r="I24761" s="5" t="s">
        <v>1518</v>
      </c>
      <c r="J24761" s="5" t="s">
        <v>69038</v>
      </c>
      <c r="K24761" s="2" t="s">
        <v>69039</v>
      </c>
      <c r="L24761" s="5" t="s">
        <v>69038</v>
      </c>
      <c r="M24761" s="2" t="s">
        <v>69039</v>
      </c>
      <c r="N24761" s="5" t="s">
        <v>1521</v>
      </c>
      <c r="O24761" s="5" t="s">
        <v>38</v>
      </c>
      <c r="P24761" s="5" t="s">
        <v>39</v>
      </c>
      <c r="Q24761" s="5" t="s">
        <v>40</v>
      </c>
      <c r="R24761" s="5" t="s">
        <v>1522</v>
      </c>
      <c r="S24761" s="5" t="s">
        <v>1523</v>
      </c>
      <c r="T24761" s="5" t="s">
        <v>42</v>
      </c>
      <c r="U24761" s="2">
        <v>3.8660000000000001</v>
      </c>
      <c r="V24761" s="2">
        <v>3.2069999999999999</v>
      </c>
      <c r="W24761" s="2">
        <v>0.02</v>
      </c>
      <c r="X24761" s="2">
        <v>159.1</v>
      </c>
      <c r="Y24761" s="2">
        <v>7.6</v>
      </c>
      <c r="Z24761" s="2">
        <v>16.7</v>
      </c>
      <c r="AA24761" s="5"/>
      <c r="AB24761" s="5" t="s">
        <v>43</v>
      </c>
      <c r="AC24761" s="5" t="s">
        <v>44</v>
      </c>
      <c r="AD24761" s="2"/>
      <c r="AE24761" s="1"/>
    </row>
    <row r="24762" spans="1:31" ht="14.45">
      <c r="A24762" s="11"/>
      <c r="B24762" s="20"/>
      <c r="C24762" s="2" t="s">
        <v>79165</v>
      </c>
      <c r="D24762" s="14" t="s">
        <v>79166</v>
      </c>
      <c r="E24762" s="2" t="s">
        <v>79167</v>
      </c>
      <c r="F24762" s="2" t="s">
        <v>7619</v>
      </c>
      <c r="G24762" s="8">
        <v>321</v>
      </c>
      <c r="H24762" s="5">
        <v>6</v>
      </c>
      <c r="I24762" s="5" t="s">
        <v>1518</v>
      </c>
      <c r="J24762" s="5" t="s">
        <v>69038</v>
      </c>
      <c r="K24762" s="2" t="s">
        <v>69039</v>
      </c>
      <c r="L24762" s="5" t="s">
        <v>69038</v>
      </c>
      <c r="M24762" s="2" t="s">
        <v>69039</v>
      </c>
      <c r="N24762" s="5" t="s">
        <v>1521</v>
      </c>
      <c r="O24762" s="5" t="s">
        <v>38</v>
      </c>
      <c r="P24762" s="5" t="s">
        <v>39</v>
      </c>
      <c r="Q24762" s="5" t="s">
        <v>40</v>
      </c>
      <c r="R24762" s="5" t="s">
        <v>1522</v>
      </c>
      <c r="S24762" s="5" t="s">
        <v>1523</v>
      </c>
      <c r="T24762" s="5" t="s">
        <v>42</v>
      </c>
      <c r="U24762" s="2">
        <v>3.8660000000000001</v>
      </c>
      <c r="V24762" s="2">
        <v>3.2069999999999999</v>
      </c>
      <c r="W24762" s="2">
        <v>0.02</v>
      </c>
      <c r="X24762" s="2">
        <v>159.1</v>
      </c>
      <c r="Y24762" s="2">
        <v>7.6</v>
      </c>
      <c r="Z24762" s="2">
        <v>16.7</v>
      </c>
      <c r="AA24762" s="5"/>
      <c r="AB24762" s="5" t="s">
        <v>43</v>
      </c>
      <c r="AC24762" s="5" t="s">
        <v>44</v>
      </c>
      <c r="AD24762" s="2"/>
      <c r="AE24762" s="1"/>
    </row>
    <row r="24763" spans="1:31" ht="14.45">
      <c r="A24763" s="11"/>
      <c r="B24763" s="20"/>
      <c r="C24763" s="2" t="s">
        <v>79168</v>
      </c>
      <c r="D24763" s="14" t="s">
        <v>79169</v>
      </c>
      <c r="E24763" s="2" t="s">
        <v>79170</v>
      </c>
      <c r="F24763" s="2" t="s">
        <v>16014</v>
      </c>
      <c r="G24763" s="8">
        <v>321</v>
      </c>
      <c r="H24763" s="5">
        <v>6</v>
      </c>
      <c r="I24763" s="5" t="s">
        <v>1518</v>
      </c>
      <c r="J24763" s="5" t="s">
        <v>69038</v>
      </c>
      <c r="K24763" s="2" t="s">
        <v>69039</v>
      </c>
      <c r="L24763" s="5" t="s">
        <v>69038</v>
      </c>
      <c r="M24763" s="2" t="s">
        <v>69039</v>
      </c>
      <c r="N24763" s="5" t="s">
        <v>1521</v>
      </c>
      <c r="O24763" s="5" t="s">
        <v>38</v>
      </c>
      <c r="P24763" s="5" t="s">
        <v>39</v>
      </c>
      <c r="Q24763" s="5" t="s">
        <v>40</v>
      </c>
      <c r="R24763" s="5" t="s">
        <v>1522</v>
      </c>
      <c r="S24763" s="5" t="s">
        <v>1523</v>
      </c>
      <c r="T24763" s="5" t="s">
        <v>42</v>
      </c>
      <c r="U24763" s="2">
        <v>3.742</v>
      </c>
      <c r="V24763" s="2">
        <v>3.0830000000000002</v>
      </c>
      <c r="W24763" s="2">
        <v>0.02</v>
      </c>
      <c r="X24763" s="2">
        <v>159.1</v>
      </c>
      <c r="Y24763" s="2">
        <v>7.6</v>
      </c>
      <c r="Z24763" s="2">
        <v>16.7</v>
      </c>
      <c r="AA24763" s="5"/>
      <c r="AB24763" s="5" t="s">
        <v>43</v>
      </c>
      <c r="AC24763" s="5" t="s">
        <v>44</v>
      </c>
      <c r="AD24763" s="2"/>
      <c r="AE24763" s="1"/>
    </row>
    <row r="24764" spans="1:31" ht="14.45">
      <c r="A24764" s="11"/>
      <c r="B24764" s="20"/>
      <c r="C24764" s="2" t="s">
        <v>79171</v>
      </c>
      <c r="D24764" s="14" t="s">
        <v>79172</v>
      </c>
      <c r="E24764" s="2" t="s">
        <v>79173</v>
      </c>
      <c r="F24764" s="2" t="s">
        <v>16219</v>
      </c>
      <c r="G24764" s="8">
        <v>321</v>
      </c>
      <c r="H24764" s="5">
        <v>6</v>
      </c>
      <c r="I24764" s="5" t="s">
        <v>1518</v>
      </c>
      <c r="J24764" s="5" t="s">
        <v>69038</v>
      </c>
      <c r="K24764" s="2" t="s">
        <v>69039</v>
      </c>
      <c r="L24764" s="5" t="s">
        <v>69038</v>
      </c>
      <c r="M24764" s="2" t="s">
        <v>69039</v>
      </c>
      <c r="N24764" s="5" t="s">
        <v>1521</v>
      </c>
      <c r="O24764" s="5" t="s">
        <v>38</v>
      </c>
      <c r="P24764" s="5" t="s">
        <v>39</v>
      </c>
      <c r="Q24764" s="5" t="s">
        <v>40</v>
      </c>
      <c r="R24764" s="5" t="s">
        <v>1522</v>
      </c>
      <c r="S24764" s="5" t="s">
        <v>1523</v>
      </c>
      <c r="T24764" s="5" t="s">
        <v>42</v>
      </c>
      <c r="U24764" s="2">
        <v>3.8660000000000001</v>
      </c>
      <c r="V24764" s="2">
        <v>3.2069999999999999</v>
      </c>
      <c r="W24764" s="2">
        <v>0.02</v>
      </c>
      <c r="X24764" s="2">
        <v>159.1</v>
      </c>
      <c r="Y24764" s="2">
        <v>7.6</v>
      </c>
      <c r="Z24764" s="2">
        <v>16.7</v>
      </c>
      <c r="AA24764" s="5"/>
      <c r="AB24764" s="5" t="s">
        <v>43</v>
      </c>
      <c r="AC24764" s="5" t="s">
        <v>44</v>
      </c>
      <c r="AD24764" s="2"/>
      <c r="AE24764" s="1"/>
    </row>
    <row r="24765" spans="1:31" ht="14.45">
      <c r="A24765" s="11"/>
      <c r="B24765" s="20"/>
      <c r="C24765" s="2" t="s">
        <v>79174</v>
      </c>
      <c r="D24765" s="14" t="s">
        <v>79175</v>
      </c>
      <c r="E24765" s="2" t="s">
        <v>79176</v>
      </c>
      <c r="F24765" s="2" t="s">
        <v>16029</v>
      </c>
      <c r="G24765" s="8">
        <v>321</v>
      </c>
      <c r="H24765" s="5">
        <v>6</v>
      </c>
      <c r="I24765" s="5" t="s">
        <v>1518</v>
      </c>
      <c r="J24765" s="5" t="s">
        <v>69038</v>
      </c>
      <c r="K24765" s="2" t="s">
        <v>69039</v>
      </c>
      <c r="L24765" s="5" t="s">
        <v>69038</v>
      </c>
      <c r="M24765" s="2" t="s">
        <v>69039</v>
      </c>
      <c r="N24765" s="5" t="s">
        <v>1521</v>
      </c>
      <c r="O24765" s="5" t="s">
        <v>38</v>
      </c>
      <c r="P24765" s="5" t="s">
        <v>39</v>
      </c>
      <c r="Q24765" s="5" t="s">
        <v>40</v>
      </c>
      <c r="R24765" s="5" t="s">
        <v>1522</v>
      </c>
      <c r="S24765" s="5" t="s">
        <v>1523</v>
      </c>
      <c r="T24765" s="5" t="s">
        <v>42</v>
      </c>
      <c r="U24765" s="2">
        <v>3.7429999999999999</v>
      </c>
      <c r="V24765" s="2">
        <v>3.0840000000000001</v>
      </c>
      <c r="W24765" s="2">
        <v>0.02</v>
      </c>
      <c r="X24765" s="2">
        <v>159.1</v>
      </c>
      <c r="Y24765" s="2">
        <v>7.6</v>
      </c>
      <c r="Z24765" s="2">
        <v>16.7</v>
      </c>
      <c r="AA24765" s="5"/>
      <c r="AB24765" s="5" t="s">
        <v>43</v>
      </c>
      <c r="AC24765" s="5" t="s">
        <v>44</v>
      </c>
      <c r="AD24765" s="2"/>
      <c r="AE24765" s="1"/>
    </row>
    <row r="24766" spans="1:31" ht="14.45">
      <c r="A24766" s="11"/>
      <c r="B24766" s="20"/>
      <c r="C24766" s="2" t="s">
        <v>79177</v>
      </c>
      <c r="D24766" s="14" t="s">
        <v>79178</v>
      </c>
      <c r="E24766" s="2" t="s">
        <v>79179</v>
      </c>
      <c r="F24766" s="2" t="s">
        <v>16033</v>
      </c>
      <c r="G24766" s="8">
        <v>321</v>
      </c>
      <c r="H24766" s="5">
        <v>6</v>
      </c>
      <c r="I24766" s="5" t="s">
        <v>1518</v>
      </c>
      <c r="J24766" s="5" t="s">
        <v>69038</v>
      </c>
      <c r="K24766" s="2" t="s">
        <v>69039</v>
      </c>
      <c r="L24766" s="5" t="s">
        <v>69038</v>
      </c>
      <c r="M24766" s="2" t="s">
        <v>69039</v>
      </c>
      <c r="N24766" s="5" t="s">
        <v>1521</v>
      </c>
      <c r="O24766" s="5" t="s">
        <v>38</v>
      </c>
      <c r="P24766" s="5" t="s">
        <v>39</v>
      </c>
      <c r="Q24766" s="5" t="s">
        <v>40</v>
      </c>
      <c r="R24766" s="5" t="s">
        <v>1522</v>
      </c>
      <c r="S24766" s="5" t="s">
        <v>1523</v>
      </c>
      <c r="T24766" s="5" t="s">
        <v>42</v>
      </c>
      <c r="U24766" s="2">
        <v>3.867</v>
      </c>
      <c r="V24766" s="2">
        <v>3.2080000000000002</v>
      </c>
      <c r="W24766" s="2">
        <v>0.02</v>
      </c>
      <c r="X24766" s="2">
        <v>159.1</v>
      </c>
      <c r="Y24766" s="2">
        <v>7.6</v>
      </c>
      <c r="Z24766" s="2">
        <v>16.7</v>
      </c>
      <c r="AA24766" s="5"/>
      <c r="AB24766" s="5" t="s">
        <v>43</v>
      </c>
      <c r="AC24766" s="5" t="s">
        <v>44</v>
      </c>
      <c r="AD24766" s="2"/>
      <c r="AE24766" s="1"/>
    </row>
    <row r="24767" spans="1:31" ht="14.45">
      <c r="A24767" s="11"/>
      <c r="B24767" s="20"/>
      <c r="C24767" s="2" t="s">
        <v>79180</v>
      </c>
      <c r="D24767" s="14" t="s">
        <v>79181</v>
      </c>
      <c r="E24767" s="2" t="s">
        <v>79182</v>
      </c>
      <c r="F24767" s="2" t="s">
        <v>7204</v>
      </c>
      <c r="G24767" s="8">
        <v>278</v>
      </c>
      <c r="H24767" s="5">
        <v>6</v>
      </c>
      <c r="I24767" s="5" t="s">
        <v>1518</v>
      </c>
      <c r="J24767" s="5" t="s">
        <v>69038</v>
      </c>
      <c r="K24767" s="2" t="s">
        <v>69039</v>
      </c>
      <c r="L24767" s="5" t="s">
        <v>69038</v>
      </c>
      <c r="M24767" s="2" t="s">
        <v>69039</v>
      </c>
      <c r="N24767" s="5" t="s">
        <v>1521</v>
      </c>
      <c r="O24767" s="5" t="s">
        <v>38</v>
      </c>
      <c r="P24767" s="5" t="s">
        <v>39</v>
      </c>
      <c r="Q24767" s="5" t="s">
        <v>40</v>
      </c>
      <c r="R24767" s="5" t="s">
        <v>1522</v>
      </c>
      <c r="S24767" s="5" t="s">
        <v>1523</v>
      </c>
      <c r="T24767" s="5" t="s">
        <v>42</v>
      </c>
      <c r="U24767" s="2">
        <v>3.4590000000000001</v>
      </c>
      <c r="V24767" s="2">
        <v>2.7930000000000001</v>
      </c>
      <c r="W24767" s="2">
        <v>0.02</v>
      </c>
      <c r="X24767" s="2">
        <v>159.1</v>
      </c>
      <c r="Y24767" s="2">
        <v>7.6</v>
      </c>
      <c r="Z24767" s="2">
        <v>16.7</v>
      </c>
      <c r="AA24767" s="5"/>
      <c r="AB24767" s="5" t="s">
        <v>43</v>
      </c>
      <c r="AC24767" s="5" t="s">
        <v>44</v>
      </c>
      <c r="AD24767" s="2"/>
      <c r="AE24767" s="1"/>
    </row>
    <row r="24768" spans="1:31" ht="14.45">
      <c r="A24768" s="11"/>
      <c r="B24768" s="20"/>
      <c r="C24768" s="2" t="s">
        <v>79183</v>
      </c>
      <c r="D24768" s="14" t="s">
        <v>79184</v>
      </c>
      <c r="E24768" s="2" t="s">
        <v>79185</v>
      </c>
      <c r="F24768" s="2" t="s">
        <v>7514</v>
      </c>
      <c r="G24768" s="8">
        <v>278</v>
      </c>
      <c r="H24768" s="5">
        <v>6</v>
      </c>
      <c r="I24768" s="5" t="s">
        <v>1518</v>
      </c>
      <c r="J24768" s="5" t="s">
        <v>69038</v>
      </c>
      <c r="K24768" s="2" t="s">
        <v>69039</v>
      </c>
      <c r="L24768" s="5" t="s">
        <v>69038</v>
      </c>
      <c r="M24768" s="2" t="s">
        <v>69039</v>
      </c>
      <c r="N24768" s="5" t="s">
        <v>1521</v>
      </c>
      <c r="O24768" s="5" t="s">
        <v>38</v>
      </c>
      <c r="P24768" s="5" t="s">
        <v>39</v>
      </c>
      <c r="Q24768" s="5" t="s">
        <v>40</v>
      </c>
      <c r="R24768" s="5" t="s">
        <v>1522</v>
      </c>
      <c r="S24768" s="5" t="s">
        <v>1523</v>
      </c>
      <c r="T24768" s="5" t="s">
        <v>42</v>
      </c>
      <c r="U24768" s="2">
        <v>3.5539999999999998</v>
      </c>
      <c r="V24768" s="2">
        <v>2.8879999999999999</v>
      </c>
      <c r="W24768" s="2">
        <v>0.02</v>
      </c>
      <c r="X24768" s="2">
        <v>159.1</v>
      </c>
      <c r="Y24768" s="2">
        <v>7.6</v>
      </c>
      <c r="Z24768" s="2">
        <v>16.7</v>
      </c>
      <c r="AA24768" s="5"/>
      <c r="AB24768" s="5" t="s">
        <v>43</v>
      </c>
      <c r="AC24768" s="5" t="s">
        <v>44</v>
      </c>
      <c r="AD24768" s="2"/>
      <c r="AE24768" s="1"/>
    </row>
    <row r="24769" spans="1:31" ht="14.45">
      <c r="A24769" s="11"/>
      <c r="B24769" s="20"/>
      <c r="C24769" s="2" t="s">
        <v>79186</v>
      </c>
      <c r="D24769" s="14" t="s">
        <v>79187</v>
      </c>
      <c r="E24769" s="2" t="s">
        <v>79188</v>
      </c>
      <c r="F24769" s="2" t="s">
        <v>7208</v>
      </c>
      <c r="G24769" s="8">
        <v>278</v>
      </c>
      <c r="H24769" s="5">
        <v>6</v>
      </c>
      <c r="I24769" s="5" t="s">
        <v>1518</v>
      </c>
      <c r="J24769" s="5" t="s">
        <v>69038</v>
      </c>
      <c r="K24769" s="2" t="s">
        <v>69039</v>
      </c>
      <c r="L24769" s="5" t="s">
        <v>69038</v>
      </c>
      <c r="M24769" s="2" t="s">
        <v>69039</v>
      </c>
      <c r="N24769" s="5" t="s">
        <v>1521</v>
      </c>
      <c r="O24769" s="5" t="s">
        <v>38</v>
      </c>
      <c r="P24769" s="5" t="s">
        <v>39</v>
      </c>
      <c r="Q24769" s="5" t="s">
        <v>40</v>
      </c>
      <c r="R24769" s="5" t="s">
        <v>1522</v>
      </c>
      <c r="S24769" s="5" t="s">
        <v>1523</v>
      </c>
      <c r="T24769" s="5" t="s">
        <v>42</v>
      </c>
      <c r="U24769" s="2">
        <v>3.4590000000000001</v>
      </c>
      <c r="V24769" s="2">
        <v>2.7930000000000001</v>
      </c>
      <c r="W24769" s="2">
        <v>0.02</v>
      </c>
      <c r="X24769" s="2">
        <v>159.1</v>
      </c>
      <c r="Y24769" s="2">
        <v>7.6</v>
      </c>
      <c r="Z24769" s="2">
        <v>16.7</v>
      </c>
      <c r="AA24769" s="5"/>
      <c r="AB24769" s="5" t="s">
        <v>43</v>
      </c>
      <c r="AC24769" s="5" t="s">
        <v>44</v>
      </c>
      <c r="AD24769" s="2"/>
      <c r="AE24769" s="1"/>
    </row>
    <row r="24770" spans="1:31" ht="14.45">
      <c r="A24770" s="11"/>
      <c r="B24770" s="20"/>
      <c r="C24770" s="2" t="s">
        <v>79189</v>
      </c>
      <c r="D24770" s="14" t="s">
        <v>79190</v>
      </c>
      <c r="E24770" s="2" t="s">
        <v>79191</v>
      </c>
      <c r="F24770" s="2" t="s">
        <v>7521</v>
      </c>
      <c r="G24770" s="8">
        <v>278</v>
      </c>
      <c r="H24770" s="5">
        <v>6</v>
      </c>
      <c r="I24770" s="5" t="s">
        <v>1518</v>
      </c>
      <c r="J24770" s="5" t="s">
        <v>69038</v>
      </c>
      <c r="K24770" s="2" t="s">
        <v>69039</v>
      </c>
      <c r="L24770" s="5" t="s">
        <v>69038</v>
      </c>
      <c r="M24770" s="2" t="s">
        <v>69039</v>
      </c>
      <c r="N24770" s="5" t="s">
        <v>1521</v>
      </c>
      <c r="O24770" s="5" t="s">
        <v>38</v>
      </c>
      <c r="P24770" s="5" t="s">
        <v>39</v>
      </c>
      <c r="Q24770" s="5" t="s">
        <v>40</v>
      </c>
      <c r="R24770" s="5" t="s">
        <v>1522</v>
      </c>
      <c r="S24770" s="5" t="s">
        <v>1523</v>
      </c>
      <c r="T24770" s="5" t="s">
        <v>42</v>
      </c>
      <c r="U24770" s="2">
        <v>3.5539999999999998</v>
      </c>
      <c r="V24770" s="2">
        <v>2.8879999999999999</v>
      </c>
      <c r="W24770" s="2">
        <v>0.02</v>
      </c>
      <c r="X24770" s="2">
        <v>159.1</v>
      </c>
      <c r="Y24770" s="2">
        <v>7.6</v>
      </c>
      <c r="Z24770" s="2">
        <v>16.7</v>
      </c>
      <c r="AA24770" s="5"/>
      <c r="AB24770" s="5" t="s">
        <v>43</v>
      </c>
      <c r="AC24770" s="5" t="s">
        <v>44</v>
      </c>
      <c r="AD24770" s="2"/>
      <c r="AE24770" s="1"/>
    </row>
    <row r="24771" spans="1:31" ht="14.45">
      <c r="A24771" s="11"/>
      <c r="B24771" s="20"/>
      <c r="C24771" s="2" t="s">
        <v>79192</v>
      </c>
      <c r="D24771" s="14" t="s">
        <v>79193</v>
      </c>
      <c r="E24771" s="2" t="s">
        <v>79194</v>
      </c>
      <c r="F24771" s="2" t="s">
        <v>7406</v>
      </c>
      <c r="G24771" s="8">
        <v>300</v>
      </c>
      <c r="H24771" s="5">
        <v>6</v>
      </c>
      <c r="I24771" s="5" t="s">
        <v>1518</v>
      </c>
      <c r="J24771" s="5" t="s">
        <v>69038</v>
      </c>
      <c r="K24771" s="2" t="s">
        <v>69039</v>
      </c>
      <c r="L24771" s="5" t="s">
        <v>69038</v>
      </c>
      <c r="M24771" s="2" t="s">
        <v>69039</v>
      </c>
      <c r="N24771" s="5" t="s">
        <v>1521</v>
      </c>
      <c r="O24771" s="5" t="s">
        <v>38</v>
      </c>
      <c r="P24771" s="5" t="s">
        <v>39</v>
      </c>
      <c r="Q24771" s="5" t="s">
        <v>40</v>
      </c>
      <c r="R24771" s="5" t="s">
        <v>1522</v>
      </c>
      <c r="S24771" s="5" t="s">
        <v>1523</v>
      </c>
      <c r="T24771" s="5" t="s">
        <v>42</v>
      </c>
      <c r="U24771" s="2">
        <v>3.4590000000000001</v>
      </c>
      <c r="V24771" s="2">
        <v>2.7930000000000001</v>
      </c>
      <c r="W24771" s="2">
        <v>0.02</v>
      </c>
      <c r="X24771" s="2">
        <v>159.1</v>
      </c>
      <c r="Y24771" s="2">
        <v>7.6</v>
      </c>
      <c r="Z24771" s="2">
        <v>16.7</v>
      </c>
      <c r="AA24771" s="5"/>
      <c r="AB24771" s="5" t="s">
        <v>43</v>
      </c>
      <c r="AC24771" s="5" t="s">
        <v>44</v>
      </c>
      <c r="AD24771" s="2"/>
      <c r="AE24771" s="1"/>
    </row>
    <row r="24772" spans="1:31" ht="14.45">
      <c r="A24772" s="11"/>
      <c r="B24772" s="20"/>
      <c r="C24772" s="2" t="s">
        <v>79195</v>
      </c>
      <c r="D24772" s="14" t="s">
        <v>79196</v>
      </c>
      <c r="E24772" s="2" t="s">
        <v>79197</v>
      </c>
      <c r="F24772" s="2" t="s">
        <v>7535</v>
      </c>
      <c r="G24772" s="8">
        <v>300</v>
      </c>
      <c r="H24772" s="5">
        <v>6</v>
      </c>
      <c r="I24772" s="5" t="s">
        <v>1518</v>
      </c>
      <c r="J24772" s="5" t="s">
        <v>69038</v>
      </c>
      <c r="K24772" s="2" t="s">
        <v>69039</v>
      </c>
      <c r="L24772" s="5" t="s">
        <v>69038</v>
      </c>
      <c r="M24772" s="2" t="s">
        <v>69039</v>
      </c>
      <c r="N24772" s="5" t="s">
        <v>1521</v>
      </c>
      <c r="O24772" s="5" t="s">
        <v>38</v>
      </c>
      <c r="P24772" s="5" t="s">
        <v>39</v>
      </c>
      <c r="Q24772" s="5" t="s">
        <v>40</v>
      </c>
      <c r="R24772" s="5" t="s">
        <v>1522</v>
      </c>
      <c r="S24772" s="5" t="s">
        <v>1523</v>
      </c>
      <c r="T24772" s="5" t="s">
        <v>42</v>
      </c>
      <c r="U24772" s="2">
        <v>3.5539999999999998</v>
      </c>
      <c r="V24772" s="2">
        <v>2.8879999999999999</v>
      </c>
      <c r="W24772" s="2">
        <v>0.02</v>
      </c>
      <c r="X24772" s="2">
        <v>159.1</v>
      </c>
      <c r="Y24772" s="2">
        <v>7.6</v>
      </c>
      <c r="Z24772" s="2">
        <v>16.7</v>
      </c>
      <c r="AA24772" s="5"/>
      <c r="AB24772" s="5" t="s">
        <v>43</v>
      </c>
      <c r="AC24772" s="5" t="s">
        <v>44</v>
      </c>
      <c r="AD24772" s="2"/>
      <c r="AE24772" s="1"/>
    </row>
    <row r="24773" spans="1:31" ht="14.45">
      <c r="A24773" s="11"/>
      <c r="B24773" s="20"/>
      <c r="C24773" s="2" t="s">
        <v>79198</v>
      </c>
      <c r="D24773" s="14" t="s">
        <v>79199</v>
      </c>
      <c r="E24773" s="2" t="s">
        <v>79200</v>
      </c>
      <c r="F24773" s="2" t="s">
        <v>7539</v>
      </c>
      <c r="G24773" s="8">
        <v>300</v>
      </c>
      <c r="H24773" s="5">
        <v>6</v>
      </c>
      <c r="I24773" s="5" t="s">
        <v>1518</v>
      </c>
      <c r="J24773" s="5" t="s">
        <v>69038</v>
      </c>
      <c r="K24773" s="2" t="s">
        <v>69039</v>
      </c>
      <c r="L24773" s="5" t="s">
        <v>69038</v>
      </c>
      <c r="M24773" s="2" t="s">
        <v>69039</v>
      </c>
      <c r="N24773" s="5" t="s">
        <v>1521</v>
      </c>
      <c r="O24773" s="5" t="s">
        <v>38</v>
      </c>
      <c r="P24773" s="5" t="s">
        <v>39</v>
      </c>
      <c r="Q24773" s="5" t="s">
        <v>40</v>
      </c>
      <c r="R24773" s="5" t="s">
        <v>1522</v>
      </c>
      <c r="S24773" s="5" t="s">
        <v>1523</v>
      </c>
      <c r="T24773" s="5" t="s">
        <v>42</v>
      </c>
      <c r="U24773" s="2">
        <v>3.4590000000000001</v>
      </c>
      <c r="V24773" s="2">
        <v>2.7930000000000001</v>
      </c>
      <c r="W24773" s="2">
        <v>0.02</v>
      </c>
      <c r="X24773" s="2">
        <v>159.1</v>
      </c>
      <c r="Y24773" s="2">
        <v>7.6</v>
      </c>
      <c r="Z24773" s="2">
        <v>16.7</v>
      </c>
      <c r="AA24773" s="5"/>
      <c r="AB24773" s="5" t="s">
        <v>43</v>
      </c>
      <c r="AC24773" s="5" t="s">
        <v>44</v>
      </c>
      <c r="AD24773" s="2"/>
      <c r="AE24773" s="1"/>
    </row>
    <row r="24774" spans="1:31" ht="14.45">
      <c r="A24774" s="11"/>
      <c r="B24774" s="20"/>
      <c r="C24774" s="2" t="s">
        <v>79201</v>
      </c>
      <c r="D24774" s="14" t="s">
        <v>79202</v>
      </c>
      <c r="E24774" s="2" t="s">
        <v>79203</v>
      </c>
      <c r="F24774" s="2" t="s">
        <v>7543</v>
      </c>
      <c r="G24774" s="8">
        <v>300</v>
      </c>
      <c r="H24774" s="5">
        <v>6</v>
      </c>
      <c r="I24774" s="5" t="s">
        <v>1518</v>
      </c>
      <c r="J24774" s="5" t="s">
        <v>69038</v>
      </c>
      <c r="K24774" s="2" t="s">
        <v>69039</v>
      </c>
      <c r="L24774" s="5" t="s">
        <v>69038</v>
      </c>
      <c r="M24774" s="2" t="s">
        <v>69039</v>
      </c>
      <c r="N24774" s="5" t="s">
        <v>1521</v>
      </c>
      <c r="O24774" s="5" t="s">
        <v>38</v>
      </c>
      <c r="P24774" s="5" t="s">
        <v>39</v>
      </c>
      <c r="Q24774" s="5" t="s">
        <v>40</v>
      </c>
      <c r="R24774" s="5" t="s">
        <v>1522</v>
      </c>
      <c r="S24774" s="5" t="s">
        <v>1523</v>
      </c>
      <c r="T24774" s="5" t="s">
        <v>42</v>
      </c>
      <c r="U24774" s="2">
        <v>3.5539999999999998</v>
      </c>
      <c r="V24774" s="2">
        <v>2.8879999999999999</v>
      </c>
      <c r="W24774" s="2">
        <v>0.02</v>
      </c>
      <c r="X24774" s="2">
        <v>159.1</v>
      </c>
      <c r="Y24774" s="2">
        <v>7.6</v>
      </c>
      <c r="Z24774" s="2">
        <v>16.7</v>
      </c>
      <c r="AA24774" s="5"/>
      <c r="AB24774" s="5" t="s">
        <v>43</v>
      </c>
      <c r="AC24774" s="5" t="s">
        <v>44</v>
      </c>
      <c r="AD24774" s="2"/>
      <c r="AE24774" s="1"/>
    </row>
    <row r="24775" spans="1:31" ht="14.45">
      <c r="A24775" s="11"/>
      <c r="B24775" s="20"/>
      <c r="C24775" s="2" t="s">
        <v>79204</v>
      </c>
      <c r="D24775" s="14" t="s">
        <v>79205</v>
      </c>
      <c r="E24775" s="2" t="s">
        <v>79206</v>
      </c>
      <c r="F24775" s="2" t="s">
        <v>7396</v>
      </c>
      <c r="G24775" s="8">
        <v>278</v>
      </c>
      <c r="H24775" s="5">
        <v>6</v>
      </c>
      <c r="I24775" s="5" t="s">
        <v>1518</v>
      </c>
      <c r="J24775" s="5" t="s">
        <v>69038</v>
      </c>
      <c r="K24775" s="2" t="s">
        <v>69039</v>
      </c>
      <c r="L24775" s="5" t="s">
        <v>69038</v>
      </c>
      <c r="M24775" s="2" t="s">
        <v>69039</v>
      </c>
      <c r="N24775" s="5" t="s">
        <v>1521</v>
      </c>
      <c r="O24775" s="5" t="s">
        <v>38</v>
      </c>
      <c r="P24775" s="5" t="s">
        <v>39</v>
      </c>
      <c r="Q24775" s="5" t="s">
        <v>40</v>
      </c>
      <c r="R24775" s="5" t="s">
        <v>1522</v>
      </c>
      <c r="S24775" s="5" t="s">
        <v>1523</v>
      </c>
      <c r="T24775" s="5" t="s">
        <v>42</v>
      </c>
      <c r="U24775" s="2">
        <v>3.4590000000000001</v>
      </c>
      <c r="V24775" s="2">
        <v>2.7930000000000001</v>
      </c>
      <c r="W24775" s="2">
        <v>0.02</v>
      </c>
      <c r="X24775" s="2">
        <v>159.1</v>
      </c>
      <c r="Y24775" s="2">
        <v>7.6</v>
      </c>
      <c r="Z24775" s="2">
        <v>16.7</v>
      </c>
      <c r="AA24775" s="5"/>
      <c r="AB24775" s="5" t="s">
        <v>43</v>
      </c>
      <c r="AC24775" s="5" t="s">
        <v>44</v>
      </c>
      <c r="AD24775" s="2"/>
      <c r="AE24775" s="1"/>
    </row>
    <row r="24776" spans="1:31" ht="14.45">
      <c r="A24776" s="11"/>
      <c r="B24776" s="20"/>
      <c r="C24776" s="2" t="s">
        <v>79207</v>
      </c>
      <c r="D24776" s="14" t="s">
        <v>79208</v>
      </c>
      <c r="E24776" s="2" t="s">
        <v>79209</v>
      </c>
      <c r="F24776" s="2" t="s">
        <v>7507</v>
      </c>
      <c r="G24776" s="8">
        <v>278</v>
      </c>
      <c r="H24776" s="5">
        <v>6</v>
      </c>
      <c r="I24776" s="5" t="s">
        <v>1518</v>
      </c>
      <c r="J24776" s="5" t="s">
        <v>69038</v>
      </c>
      <c r="K24776" s="2" t="s">
        <v>69039</v>
      </c>
      <c r="L24776" s="5" t="s">
        <v>69038</v>
      </c>
      <c r="M24776" s="2" t="s">
        <v>69039</v>
      </c>
      <c r="N24776" s="5" t="s">
        <v>1521</v>
      </c>
      <c r="O24776" s="5" t="s">
        <v>38</v>
      </c>
      <c r="P24776" s="5" t="s">
        <v>39</v>
      </c>
      <c r="Q24776" s="5" t="s">
        <v>40</v>
      </c>
      <c r="R24776" s="5" t="s">
        <v>1522</v>
      </c>
      <c r="S24776" s="5" t="s">
        <v>1523</v>
      </c>
      <c r="T24776" s="5" t="s">
        <v>42</v>
      </c>
      <c r="U24776" s="2">
        <v>3.5539999999999998</v>
      </c>
      <c r="V24776" s="2">
        <v>2.8879999999999999</v>
      </c>
      <c r="W24776" s="2">
        <v>0.02</v>
      </c>
      <c r="X24776" s="2">
        <v>159.1</v>
      </c>
      <c r="Y24776" s="2">
        <v>7.6</v>
      </c>
      <c r="Z24776" s="2">
        <v>16.7</v>
      </c>
      <c r="AA24776" s="5"/>
      <c r="AB24776" s="5" t="s">
        <v>43</v>
      </c>
      <c r="AC24776" s="5" t="s">
        <v>44</v>
      </c>
      <c r="AD24776" s="2"/>
      <c r="AE24776" s="1"/>
    </row>
    <row r="24777" spans="1:31" ht="14.45">
      <c r="A24777" s="11"/>
      <c r="B24777" s="20"/>
      <c r="C24777" s="2" t="s">
        <v>79210</v>
      </c>
      <c r="D24777" s="14" t="s">
        <v>79211</v>
      </c>
      <c r="E24777" s="2" t="s">
        <v>79212</v>
      </c>
      <c r="F24777" s="2" t="s">
        <v>7547</v>
      </c>
      <c r="G24777" s="8">
        <v>300</v>
      </c>
      <c r="H24777" s="5">
        <v>6</v>
      </c>
      <c r="I24777" s="5" t="s">
        <v>1518</v>
      </c>
      <c r="J24777" s="5" t="s">
        <v>69038</v>
      </c>
      <c r="K24777" s="2" t="s">
        <v>69039</v>
      </c>
      <c r="L24777" s="5" t="s">
        <v>69038</v>
      </c>
      <c r="M24777" s="2" t="s">
        <v>69039</v>
      </c>
      <c r="N24777" s="5" t="s">
        <v>1521</v>
      </c>
      <c r="O24777" s="5" t="s">
        <v>38</v>
      </c>
      <c r="P24777" s="5" t="s">
        <v>39</v>
      </c>
      <c r="Q24777" s="5" t="s">
        <v>40</v>
      </c>
      <c r="R24777" s="5" t="s">
        <v>1522</v>
      </c>
      <c r="S24777" s="5" t="s">
        <v>1523</v>
      </c>
      <c r="T24777" s="5" t="s">
        <v>42</v>
      </c>
      <c r="U24777" s="2">
        <v>3.4590000000000001</v>
      </c>
      <c r="V24777" s="2">
        <v>2.7930000000000001</v>
      </c>
      <c r="W24777" s="2">
        <v>0.02</v>
      </c>
      <c r="X24777" s="2">
        <v>159.1</v>
      </c>
      <c r="Y24777" s="2">
        <v>7.6</v>
      </c>
      <c r="Z24777" s="2">
        <v>16.7</v>
      </c>
      <c r="AA24777" s="5"/>
      <c r="AB24777" s="5" t="s">
        <v>43</v>
      </c>
      <c r="AC24777" s="5" t="s">
        <v>44</v>
      </c>
      <c r="AD24777" s="2"/>
      <c r="AE24777" s="1"/>
    </row>
    <row r="24778" spans="1:31" ht="14.45">
      <c r="A24778" s="11"/>
      <c r="B24778" s="20"/>
      <c r="C24778" s="2" t="s">
        <v>79213</v>
      </c>
      <c r="D24778" s="14" t="s">
        <v>79214</v>
      </c>
      <c r="E24778" s="2" t="s">
        <v>79215</v>
      </c>
      <c r="F24778" s="2" t="s">
        <v>7563</v>
      </c>
      <c r="G24778" s="8">
        <v>300</v>
      </c>
      <c r="H24778" s="5">
        <v>6</v>
      </c>
      <c r="I24778" s="5" t="s">
        <v>1518</v>
      </c>
      <c r="J24778" s="5" t="s">
        <v>69038</v>
      </c>
      <c r="K24778" s="2" t="s">
        <v>69039</v>
      </c>
      <c r="L24778" s="5" t="s">
        <v>69038</v>
      </c>
      <c r="M24778" s="2" t="s">
        <v>69039</v>
      </c>
      <c r="N24778" s="5" t="s">
        <v>1521</v>
      </c>
      <c r="O24778" s="5" t="s">
        <v>38</v>
      </c>
      <c r="P24778" s="5" t="s">
        <v>39</v>
      </c>
      <c r="Q24778" s="5" t="s">
        <v>40</v>
      </c>
      <c r="R24778" s="5" t="s">
        <v>1522</v>
      </c>
      <c r="S24778" s="5" t="s">
        <v>1523</v>
      </c>
      <c r="T24778" s="5" t="s">
        <v>42</v>
      </c>
      <c r="U24778" s="2">
        <v>3.4590000000000001</v>
      </c>
      <c r="V24778" s="2">
        <v>2.7930000000000001</v>
      </c>
      <c r="W24778" s="2">
        <v>0.02</v>
      </c>
      <c r="X24778" s="2">
        <v>159.1</v>
      </c>
      <c r="Y24778" s="2">
        <v>7.6</v>
      </c>
      <c r="Z24778" s="2">
        <v>16.7</v>
      </c>
      <c r="AA24778" s="5"/>
      <c r="AB24778" s="5" t="s">
        <v>43</v>
      </c>
      <c r="AC24778" s="5" t="s">
        <v>44</v>
      </c>
      <c r="AD24778" s="2"/>
      <c r="AE24778" s="1"/>
    </row>
    <row r="24779" spans="1:31" ht="14.45">
      <c r="A24779" s="11"/>
      <c r="B24779" s="20"/>
      <c r="C24779" s="2" t="s">
        <v>79216</v>
      </c>
      <c r="D24779" s="14" t="s">
        <v>79217</v>
      </c>
      <c r="E24779" s="2" t="s">
        <v>79218</v>
      </c>
      <c r="F24779" s="2" t="s">
        <v>7567</v>
      </c>
      <c r="G24779" s="8">
        <v>300</v>
      </c>
      <c r="H24779" s="5">
        <v>6</v>
      </c>
      <c r="I24779" s="5" t="s">
        <v>1518</v>
      </c>
      <c r="J24779" s="5" t="s">
        <v>69038</v>
      </c>
      <c r="K24779" s="2" t="s">
        <v>69039</v>
      </c>
      <c r="L24779" s="5" t="s">
        <v>69038</v>
      </c>
      <c r="M24779" s="2" t="s">
        <v>69039</v>
      </c>
      <c r="N24779" s="5" t="s">
        <v>1521</v>
      </c>
      <c r="O24779" s="5" t="s">
        <v>38</v>
      </c>
      <c r="P24779" s="5" t="s">
        <v>39</v>
      </c>
      <c r="Q24779" s="5" t="s">
        <v>40</v>
      </c>
      <c r="R24779" s="5" t="s">
        <v>1522</v>
      </c>
      <c r="S24779" s="5" t="s">
        <v>1523</v>
      </c>
      <c r="T24779" s="5" t="s">
        <v>42</v>
      </c>
      <c r="U24779" s="2">
        <v>3.5539999999999998</v>
      </c>
      <c r="V24779" s="2">
        <v>2.8879999999999999</v>
      </c>
      <c r="W24779" s="2">
        <v>0.02</v>
      </c>
      <c r="X24779" s="2">
        <v>159.1</v>
      </c>
      <c r="Y24779" s="2">
        <v>7.6</v>
      </c>
      <c r="Z24779" s="2">
        <v>16.7</v>
      </c>
      <c r="AA24779" s="5"/>
      <c r="AB24779" s="5" t="s">
        <v>43</v>
      </c>
      <c r="AC24779" s="5" t="s">
        <v>44</v>
      </c>
      <c r="AD24779" s="2"/>
      <c r="AE24779" s="1"/>
    </row>
    <row r="24780" spans="1:31" ht="14.45">
      <c r="A24780" s="11"/>
      <c r="B24780" s="20"/>
      <c r="C24780" s="2" t="s">
        <v>79219</v>
      </c>
      <c r="D24780" s="14" t="s">
        <v>79220</v>
      </c>
      <c r="E24780" s="2" t="s">
        <v>79221</v>
      </c>
      <c r="F24780" s="2" t="s">
        <v>7555</v>
      </c>
      <c r="G24780" s="8">
        <v>300</v>
      </c>
      <c r="H24780" s="5">
        <v>6</v>
      </c>
      <c r="I24780" s="5" t="s">
        <v>1518</v>
      </c>
      <c r="J24780" s="5" t="s">
        <v>69038</v>
      </c>
      <c r="K24780" s="2" t="s">
        <v>69039</v>
      </c>
      <c r="L24780" s="5" t="s">
        <v>69038</v>
      </c>
      <c r="M24780" s="2" t="s">
        <v>69039</v>
      </c>
      <c r="N24780" s="5" t="s">
        <v>1521</v>
      </c>
      <c r="O24780" s="5" t="s">
        <v>38</v>
      </c>
      <c r="P24780" s="5" t="s">
        <v>39</v>
      </c>
      <c r="Q24780" s="5" t="s">
        <v>40</v>
      </c>
      <c r="R24780" s="5" t="s">
        <v>1522</v>
      </c>
      <c r="S24780" s="5" t="s">
        <v>1523</v>
      </c>
      <c r="T24780" s="5" t="s">
        <v>42</v>
      </c>
      <c r="U24780" s="2">
        <v>3.4590000000000001</v>
      </c>
      <c r="V24780" s="2">
        <v>2.7930000000000001</v>
      </c>
      <c r="W24780" s="2">
        <v>0.02</v>
      </c>
      <c r="X24780" s="2">
        <v>159.1</v>
      </c>
      <c r="Y24780" s="2">
        <v>7.6</v>
      </c>
      <c r="Z24780" s="2">
        <v>16.7</v>
      </c>
      <c r="AA24780" s="5"/>
      <c r="AB24780" s="5" t="s">
        <v>43</v>
      </c>
      <c r="AC24780" s="5" t="s">
        <v>44</v>
      </c>
      <c r="AD24780" s="2"/>
      <c r="AE24780" s="1"/>
    </row>
    <row r="24781" spans="1:31" ht="14.45">
      <c r="A24781" s="11"/>
      <c r="B24781" s="20"/>
      <c r="C24781" s="2" t="s">
        <v>79222</v>
      </c>
      <c r="D24781" s="14" t="s">
        <v>79223</v>
      </c>
      <c r="E24781" s="2" t="s">
        <v>79224</v>
      </c>
      <c r="F24781" s="2" t="s">
        <v>16079</v>
      </c>
      <c r="G24781" s="8">
        <v>300</v>
      </c>
      <c r="H24781" s="5">
        <v>6</v>
      </c>
      <c r="I24781" s="5" t="s">
        <v>1518</v>
      </c>
      <c r="J24781" s="5" t="s">
        <v>69038</v>
      </c>
      <c r="K24781" s="2" t="s">
        <v>69039</v>
      </c>
      <c r="L24781" s="5" t="s">
        <v>69038</v>
      </c>
      <c r="M24781" s="2" t="s">
        <v>69039</v>
      </c>
      <c r="N24781" s="5" t="s">
        <v>1521</v>
      </c>
      <c r="O24781" s="5" t="s">
        <v>38</v>
      </c>
      <c r="P24781" s="5" t="s">
        <v>39</v>
      </c>
      <c r="Q24781" s="5" t="s">
        <v>40</v>
      </c>
      <c r="R24781" s="5" t="s">
        <v>1522</v>
      </c>
      <c r="S24781" s="5" t="s">
        <v>1523</v>
      </c>
      <c r="T24781" s="5" t="s">
        <v>42</v>
      </c>
      <c r="U24781" s="2">
        <v>3.4590000000000001</v>
      </c>
      <c r="V24781" s="2">
        <v>2.7930000000000001</v>
      </c>
      <c r="W24781" s="2">
        <v>0.02</v>
      </c>
      <c r="X24781" s="2">
        <v>159.1</v>
      </c>
      <c r="Y24781" s="2">
        <v>7.6</v>
      </c>
      <c r="Z24781" s="2">
        <v>16.7</v>
      </c>
      <c r="AA24781" s="5"/>
      <c r="AB24781" s="5" t="s">
        <v>43</v>
      </c>
      <c r="AC24781" s="5" t="s">
        <v>44</v>
      </c>
      <c r="AD24781" s="2"/>
      <c r="AE24781" s="1"/>
    </row>
    <row r="24782" spans="1:31" ht="14.45">
      <c r="A24782" s="11"/>
      <c r="B24782" s="20"/>
      <c r="C24782" s="2" t="s">
        <v>79225</v>
      </c>
      <c r="D24782" s="14" t="s">
        <v>79226</v>
      </c>
      <c r="E24782" s="2" t="s">
        <v>79227</v>
      </c>
      <c r="F24782" s="2" t="s">
        <v>16194</v>
      </c>
      <c r="G24782" s="8">
        <v>300</v>
      </c>
      <c r="H24782" s="5">
        <v>6</v>
      </c>
      <c r="I24782" s="5" t="s">
        <v>1518</v>
      </c>
      <c r="J24782" s="5" t="s">
        <v>69038</v>
      </c>
      <c r="K24782" s="2" t="s">
        <v>69039</v>
      </c>
      <c r="L24782" s="5" t="s">
        <v>69038</v>
      </c>
      <c r="M24782" s="2" t="s">
        <v>69039</v>
      </c>
      <c r="N24782" s="5" t="s">
        <v>1521</v>
      </c>
      <c r="O24782" s="5" t="s">
        <v>38</v>
      </c>
      <c r="P24782" s="5" t="s">
        <v>39</v>
      </c>
      <c r="Q24782" s="5" t="s">
        <v>40</v>
      </c>
      <c r="R24782" s="5" t="s">
        <v>1522</v>
      </c>
      <c r="S24782" s="5" t="s">
        <v>1523</v>
      </c>
      <c r="T24782" s="5" t="s">
        <v>42</v>
      </c>
      <c r="U24782" s="2">
        <v>3.5539999999999998</v>
      </c>
      <c r="V24782" s="2">
        <v>2.8879999999999999</v>
      </c>
      <c r="W24782" s="2">
        <v>0.02</v>
      </c>
      <c r="X24782" s="2">
        <v>159.1</v>
      </c>
      <c r="Y24782" s="2">
        <v>7.6</v>
      </c>
      <c r="Z24782" s="2">
        <v>16.7</v>
      </c>
      <c r="AA24782" s="5"/>
      <c r="AB24782" s="5" t="s">
        <v>43</v>
      </c>
      <c r="AC24782" s="5" t="s">
        <v>44</v>
      </c>
      <c r="AD24782" s="2"/>
      <c r="AE24782" s="1"/>
    </row>
    <row r="24783" spans="1:31" ht="14.45">
      <c r="A24783" s="11"/>
      <c r="B24783" s="20"/>
      <c r="C24783" s="2" t="s">
        <v>79228</v>
      </c>
      <c r="D24783" s="14" t="s">
        <v>79229</v>
      </c>
      <c r="E24783" s="2" t="s">
        <v>79230</v>
      </c>
      <c r="F24783" s="2" t="s">
        <v>7449</v>
      </c>
      <c r="G24783" s="8">
        <v>300</v>
      </c>
      <c r="H24783" s="5">
        <v>6</v>
      </c>
      <c r="I24783" s="5" t="s">
        <v>1518</v>
      </c>
      <c r="J24783" s="5" t="s">
        <v>69038</v>
      </c>
      <c r="K24783" s="2" t="s">
        <v>69039</v>
      </c>
      <c r="L24783" s="5" t="s">
        <v>69038</v>
      </c>
      <c r="M24783" s="2" t="s">
        <v>69039</v>
      </c>
      <c r="N24783" s="5" t="s">
        <v>1521</v>
      </c>
      <c r="O24783" s="5" t="s">
        <v>38</v>
      </c>
      <c r="P24783" s="5" t="s">
        <v>39</v>
      </c>
      <c r="Q24783" s="5" t="s">
        <v>40</v>
      </c>
      <c r="R24783" s="5" t="s">
        <v>1522</v>
      </c>
      <c r="S24783" s="5" t="s">
        <v>1523</v>
      </c>
      <c r="T24783" s="5" t="s">
        <v>42</v>
      </c>
      <c r="U24783" s="2">
        <v>3.4590000000000001</v>
      </c>
      <c r="V24783" s="2">
        <v>2.7930000000000001</v>
      </c>
      <c r="W24783" s="2">
        <v>0.02</v>
      </c>
      <c r="X24783" s="2">
        <v>159.1</v>
      </c>
      <c r="Y24783" s="2">
        <v>7.6</v>
      </c>
      <c r="Z24783" s="2">
        <v>16.7</v>
      </c>
      <c r="AA24783" s="5"/>
      <c r="AB24783" s="5" t="s">
        <v>43</v>
      </c>
      <c r="AC24783" s="5" t="s">
        <v>44</v>
      </c>
      <c r="AD24783" s="2"/>
      <c r="AE24783" s="1"/>
    </row>
    <row r="24784" spans="1:31" ht="14.45">
      <c r="A24784" s="11"/>
      <c r="B24784" s="20"/>
      <c r="C24784" s="2" t="s">
        <v>79231</v>
      </c>
      <c r="D24784" s="14" t="s">
        <v>79232</v>
      </c>
      <c r="E24784" s="2" t="s">
        <v>79233</v>
      </c>
      <c r="F24784" s="2" t="s">
        <v>7581</v>
      </c>
      <c r="G24784" s="8">
        <v>300</v>
      </c>
      <c r="H24784" s="5">
        <v>6</v>
      </c>
      <c r="I24784" s="5" t="s">
        <v>1518</v>
      </c>
      <c r="J24784" s="5" t="s">
        <v>69038</v>
      </c>
      <c r="K24784" s="2" t="s">
        <v>69039</v>
      </c>
      <c r="L24784" s="5" t="s">
        <v>69038</v>
      </c>
      <c r="M24784" s="2" t="s">
        <v>69039</v>
      </c>
      <c r="N24784" s="5" t="s">
        <v>1521</v>
      </c>
      <c r="O24784" s="5" t="s">
        <v>38</v>
      </c>
      <c r="P24784" s="5" t="s">
        <v>39</v>
      </c>
      <c r="Q24784" s="5" t="s">
        <v>40</v>
      </c>
      <c r="R24784" s="5" t="s">
        <v>1522</v>
      </c>
      <c r="S24784" s="5" t="s">
        <v>1523</v>
      </c>
      <c r="T24784" s="5" t="s">
        <v>42</v>
      </c>
      <c r="U24784" s="2">
        <v>3.5539999999999998</v>
      </c>
      <c r="V24784" s="2">
        <v>2.8879999999999999</v>
      </c>
      <c r="W24784" s="2">
        <v>0.02</v>
      </c>
      <c r="X24784" s="2">
        <v>159.1</v>
      </c>
      <c r="Y24784" s="2">
        <v>7.6</v>
      </c>
      <c r="Z24784" s="2">
        <v>16.7</v>
      </c>
      <c r="AA24784" s="5"/>
      <c r="AB24784" s="5" t="s">
        <v>43</v>
      </c>
      <c r="AC24784" s="5" t="s">
        <v>44</v>
      </c>
      <c r="AD24784" s="2"/>
      <c r="AE24784" s="1"/>
    </row>
    <row r="24785" spans="1:31" ht="14.45">
      <c r="A24785" s="11"/>
      <c r="B24785" s="20"/>
      <c r="C24785" s="2" t="s">
        <v>79234</v>
      </c>
      <c r="D24785" s="14" t="s">
        <v>79235</v>
      </c>
      <c r="E24785" s="2" t="s">
        <v>79236</v>
      </c>
      <c r="F24785" s="2" t="s">
        <v>7585</v>
      </c>
      <c r="G24785" s="8">
        <v>300</v>
      </c>
      <c r="H24785" s="5">
        <v>6</v>
      </c>
      <c r="I24785" s="5" t="s">
        <v>1518</v>
      </c>
      <c r="J24785" s="5" t="s">
        <v>69038</v>
      </c>
      <c r="K24785" s="2" t="s">
        <v>69039</v>
      </c>
      <c r="L24785" s="5" t="s">
        <v>69038</v>
      </c>
      <c r="M24785" s="2" t="s">
        <v>69039</v>
      </c>
      <c r="N24785" s="5" t="s">
        <v>1521</v>
      </c>
      <c r="O24785" s="5" t="s">
        <v>38</v>
      </c>
      <c r="P24785" s="5" t="s">
        <v>39</v>
      </c>
      <c r="Q24785" s="5" t="s">
        <v>40</v>
      </c>
      <c r="R24785" s="5" t="s">
        <v>1522</v>
      </c>
      <c r="S24785" s="5" t="s">
        <v>1523</v>
      </c>
      <c r="T24785" s="5" t="s">
        <v>42</v>
      </c>
      <c r="U24785" s="2">
        <v>3.4590000000000001</v>
      </c>
      <c r="V24785" s="2">
        <v>2.7930000000000001</v>
      </c>
      <c r="W24785" s="2">
        <v>0.02</v>
      </c>
      <c r="X24785" s="2">
        <v>159.1</v>
      </c>
      <c r="Y24785" s="2">
        <v>7.6</v>
      </c>
      <c r="Z24785" s="2">
        <v>16.7</v>
      </c>
      <c r="AA24785" s="5"/>
      <c r="AB24785" s="5" t="s">
        <v>43</v>
      </c>
      <c r="AC24785" s="5" t="s">
        <v>44</v>
      </c>
      <c r="AD24785" s="2"/>
      <c r="AE24785" s="1"/>
    </row>
    <row r="24786" spans="1:31" ht="14.45">
      <c r="A24786" s="11"/>
      <c r="B24786" s="20"/>
      <c r="C24786" s="2" t="s">
        <v>79237</v>
      </c>
      <c r="D24786" s="14" t="s">
        <v>79238</v>
      </c>
      <c r="E24786" s="2" t="s">
        <v>79239</v>
      </c>
      <c r="F24786" s="2" t="s">
        <v>7589</v>
      </c>
      <c r="G24786" s="8">
        <v>300</v>
      </c>
      <c r="H24786" s="5">
        <v>6</v>
      </c>
      <c r="I24786" s="5" t="s">
        <v>1518</v>
      </c>
      <c r="J24786" s="5" t="s">
        <v>69038</v>
      </c>
      <c r="K24786" s="2" t="s">
        <v>69039</v>
      </c>
      <c r="L24786" s="5" t="s">
        <v>69038</v>
      </c>
      <c r="M24786" s="2" t="s">
        <v>69039</v>
      </c>
      <c r="N24786" s="5" t="s">
        <v>1521</v>
      </c>
      <c r="O24786" s="5" t="s">
        <v>38</v>
      </c>
      <c r="P24786" s="5" t="s">
        <v>39</v>
      </c>
      <c r="Q24786" s="5" t="s">
        <v>40</v>
      </c>
      <c r="R24786" s="5" t="s">
        <v>1522</v>
      </c>
      <c r="S24786" s="5" t="s">
        <v>1523</v>
      </c>
      <c r="T24786" s="5" t="s">
        <v>42</v>
      </c>
      <c r="U24786" s="2">
        <v>3.5539999999999998</v>
      </c>
      <c r="V24786" s="2">
        <v>2.8879999999999999</v>
      </c>
      <c r="W24786" s="2">
        <v>0.02</v>
      </c>
      <c r="X24786" s="2">
        <v>159.1</v>
      </c>
      <c r="Y24786" s="2">
        <v>7.6</v>
      </c>
      <c r="Z24786" s="2">
        <v>16.7</v>
      </c>
      <c r="AA24786" s="5"/>
      <c r="AB24786" s="5" t="s">
        <v>43</v>
      </c>
      <c r="AC24786" s="5" t="s">
        <v>44</v>
      </c>
      <c r="AD24786" s="2"/>
      <c r="AE24786" s="1"/>
    </row>
    <row r="24787" spans="1:31" ht="14.45">
      <c r="A24787" s="11"/>
      <c r="B24787" s="20"/>
      <c r="C24787" s="2" t="s">
        <v>79240</v>
      </c>
      <c r="D24787" s="14" t="s">
        <v>79241</v>
      </c>
      <c r="E24787" s="2" t="s">
        <v>79242</v>
      </c>
      <c r="F24787" s="2" t="s">
        <v>73358</v>
      </c>
      <c r="G24787" s="8">
        <v>300</v>
      </c>
      <c r="H24787" s="5">
        <v>6</v>
      </c>
      <c r="I24787" s="5" t="s">
        <v>1518</v>
      </c>
      <c r="J24787" s="5" t="s">
        <v>69038</v>
      </c>
      <c r="K24787" s="2" t="s">
        <v>69039</v>
      </c>
      <c r="L24787" s="5" t="s">
        <v>69038</v>
      </c>
      <c r="M24787" s="2" t="s">
        <v>69039</v>
      </c>
      <c r="N24787" s="5" t="s">
        <v>1521</v>
      </c>
      <c r="O24787" s="5" t="s">
        <v>38</v>
      </c>
      <c r="P24787" s="5" t="s">
        <v>39</v>
      </c>
      <c r="Q24787" s="5" t="s">
        <v>40</v>
      </c>
      <c r="R24787" s="5" t="s">
        <v>1522</v>
      </c>
      <c r="S24787" s="5" t="s">
        <v>1523</v>
      </c>
      <c r="T24787" s="5" t="s">
        <v>42</v>
      </c>
      <c r="U24787" s="2">
        <v>3.4590000000000001</v>
      </c>
      <c r="V24787" s="2">
        <v>2.7930000000000001</v>
      </c>
      <c r="W24787" s="2">
        <v>0.02</v>
      </c>
      <c r="X24787" s="2">
        <v>159.1</v>
      </c>
      <c r="Y24787" s="2">
        <v>7.6</v>
      </c>
      <c r="Z24787" s="2">
        <v>16.7</v>
      </c>
      <c r="AA24787" s="5"/>
      <c r="AB24787" s="5" t="s">
        <v>43</v>
      </c>
      <c r="AC24787" s="5" t="s">
        <v>44</v>
      </c>
      <c r="AD24787" s="2"/>
      <c r="AE24787" s="1"/>
    </row>
    <row r="24788" spans="1:31" ht="14.45">
      <c r="A24788" s="11"/>
      <c r="B24788" s="20"/>
      <c r="C24788" s="2" t="s">
        <v>79243</v>
      </c>
      <c r="D24788" s="14" t="s">
        <v>79244</v>
      </c>
      <c r="E24788" s="2" t="s">
        <v>79245</v>
      </c>
      <c r="F24788" s="2" t="s">
        <v>7615</v>
      </c>
      <c r="G24788" s="8">
        <v>300</v>
      </c>
      <c r="H24788" s="5">
        <v>6</v>
      </c>
      <c r="I24788" s="5" t="s">
        <v>1518</v>
      </c>
      <c r="J24788" s="5" t="s">
        <v>69038</v>
      </c>
      <c r="K24788" s="2" t="s">
        <v>69039</v>
      </c>
      <c r="L24788" s="5" t="s">
        <v>69038</v>
      </c>
      <c r="M24788" s="2" t="s">
        <v>69039</v>
      </c>
      <c r="N24788" s="5" t="s">
        <v>1521</v>
      </c>
      <c r="O24788" s="5" t="s">
        <v>38</v>
      </c>
      <c r="P24788" s="5" t="s">
        <v>39</v>
      </c>
      <c r="Q24788" s="5" t="s">
        <v>40</v>
      </c>
      <c r="R24788" s="5" t="s">
        <v>1522</v>
      </c>
      <c r="S24788" s="5" t="s">
        <v>1523</v>
      </c>
      <c r="T24788" s="5" t="s">
        <v>42</v>
      </c>
      <c r="U24788" s="2">
        <v>3.4590000000000001</v>
      </c>
      <c r="V24788" s="2">
        <v>2.7930000000000001</v>
      </c>
      <c r="W24788" s="2">
        <v>0.02</v>
      </c>
      <c r="X24788" s="2">
        <v>159.1</v>
      </c>
      <c r="Y24788" s="2">
        <v>7.6</v>
      </c>
      <c r="Z24788" s="2">
        <v>16.7</v>
      </c>
      <c r="AA24788" s="5"/>
      <c r="AB24788" s="5" t="s">
        <v>43</v>
      </c>
      <c r="AC24788" s="5" t="s">
        <v>44</v>
      </c>
      <c r="AD24788" s="2"/>
      <c r="AE24788" s="1"/>
    </row>
    <row r="24789" spans="1:31" ht="14.45">
      <c r="A24789" s="11"/>
      <c r="B24789" s="20"/>
      <c r="C24789" s="2" t="s">
        <v>79246</v>
      </c>
      <c r="D24789" s="14" t="s">
        <v>79247</v>
      </c>
      <c r="E24789" s="2" t="s">
        <v>79248</v>
      </c>
      <c r="F24789" s="2" t="s">
        <v>7619</v>
      </c>
      <c r="G24789" s="8">
        <v>300</v>
      </c>
      <c r="H24789" s="5">
        <v>6</v>
      </c>
      <c r="I24789" s="5" t="s">
        <v>1518</v>
      </c>
      <c r="J24789" s="5" t="s">
        <v>69038</v>
      </c>
      <c r="K24789" s="2" t="s">
        <v>69039</v>
      </c>
      <c r="L24789" s="5" t="s">
        <v>69038</v>
      </c>
      <c r="M24789" s="2" t="s">
        <v>69039</v>
      </c>
      <c r="N24789" s="5" t="s">
        <v>1521</v>
      </c>
      <c r="O24789" s="5" t="s">
        <v>38</v>
      </c>
      <c r="P24789" s="5" t="s">
        <v>39</v>
      </c>
      <c r="Q24789" s="5" t="s">
        <v>40</v>
      </c>
      <c r="R24789" s="5" t="s">
        <v>1522</v>
      </c>
      <c r="S24789" s="5" t="s">
        <v>1523</v>
      </c>
      <c r="T24789" s="5" t="s">
        <v>42</v>
      </c>
      <c r="U24789" s="2">
        <v>3.5539999999999998</v>
      </c>
      <c r="V24789" s="2">
        <v>2.8879999999999999</v>
      </c>
      <c r="W24789" s="2">
        <v>0.02</v>
      </c>
      <c r="X24789" s="2">
        <v>159.1</v>
      </c>
      <c r="Y24789" s="2">
        <v>7.6</v>
      </c>
      <c r="Z24789" s="2">
        <v>16.7</v>
      </c>
      <c r="AA24789" s="5"/>
      <c r="AB24789" s="5" t="s">
        <v>43</v>
      </c>
      <c r="AC24789" s="5" t="s">
        <v>44</v>
      </c>
      <c r="AD24789" s="2"/>
      <c r="AE24789" s="1"/>
    </row>
    <row r="24790" spans="1:31" ht="14.45">
      <c r="A24790" s="11"/>
      <c r="B24790" s="20"/>
      <c r="C24790" s="2" t="s">
        <v>79249</v>
      </c>
      <c r="D24790" s="14" t="s">
        <v>79250</v>
      </c>
      <c r="E24790" s="2" t="s">
        <v>79251</v>
      </c>
      <c r="F24790" s="2" t="s">
        <v>16014</v>
      </c>
      <c r="G24790" s="8">
        <v>300</v>
      </c>
      <c r="H24790" s="5">
        <v>6</v>
      </c>
      <c r="I24790" s="5" t="s">
        <v>1518</v>
      </c>
      <c r="J24790" s="5" t="s">
        <v>69038</v>
      </c>
      <c r="K24790" s="2" t="s">
        <v>69039</v>
      </c>
      <c r="L24790" s="5" t="s">
        <v>69038</v>
      </c>
      <c r="M24790" s="2" t="s">
        <v>69039</v>
      </c>
      <c r="N24790" s="5" t="s">
        <v>1521</v>
      </c>
      <c r="O24790" s="5" t="s">
        <v>38</v>
      </c>
      <c r="P24790" s="5" t="s">
        <v>39</v>
      </c>
      <c r="Q24790" s="5" t="s">
        <v>40</v>
      </c>
      <c r="R24790" s="5" t="s">
        <v>1522</v>
      </c>
      <c r="S24790" s="5" t="s">
        <v>1523</v>
      </c>
      <c r="T24790" s="5" t="s">
        <v>42</v>
      </c>
      <c r="U24790" s="2">
        <v>3.4590000000000001</v>
      </c>
      <c r="V24790" s="2">
        <v>2.7930000000000001</v>
      </c>
      <c r="W24790" s="2">
        <v>0.02</v>
      </c>
      <c r="X24790" s="2">
        <v>159.1</v>
      </c>
      <c r="Y24790" s="2">
        <v>7.6</v>
      </c>
      <c r="Z24790" s="2">
        <v>16.7</v>
      </c>
      <c r="AA24790" s="5"/>
      <c r="AB24790" s="5" t="s">
        <v>43</v>
      </c>
      <c r="AC24790" s="5" t="s">
        <v>44</v>
      </c>
      <c r="AD24790" s="2"/>
      <c r="AE24790" s="1"/>
    </row>
    <row r="24791" spans="1:31" ht="14.45">
      <c r="A24791" s="11"/>
      <c r="B24791" s="20"/>
      <c r="C24791" s="2" t="s">
        <v>79252</v>
      </c>
      <c r="D24791" s="14" t="s">
        <v>79253</v>
      </c>
      <c r="E24791" s="2" t="s">
        <v>79254</v>
      </c>
      <c r="F24791" s="2" t="s">
        <v>7212</v>
      </c>
      <c r="G24791" s="8">
        <v>278</v>
      </c>
      <c r="H24791" s="5">
        <v>6</v>
      </c>
      <c r="I24791" s="5" t="s">
        <v>1518</v>
      </c>
      <c r="J24791" s="5" t="s">
        <v>69038</v>
      </c>
      <c r="K24791" s="2" t="s">
        <v>69039</v>
      </c>
      <c r="L24791" s="5" t="s">
        <v>69038</v>
      </c>
      <c r="M24791" s="2" t="s">
        <v>69039</v>
      </c>
      <c r="N24791" s="5" t="s">
        <v>1521</v>
      </c>
      <c r="O24791" s="5" t="s">
        <v>38</v>
      </c>
      <c r="P24791" s="5" t="s">
        <v>39</v>
      </c>
      <c r="Q24791" s="5" t="s">
        <v>40</v>
      </c>
      <c r="R24791" s="5" t="s">
        <v>1522</v>
      </c>
      <c r="S24791" s="5" t="s">
        <v>1523</v>
      </c>
      <c r="T24791" s="5" t="s">
        <v>42</v>
      </c>
      <c r="U24791" s="2">
        <v>3.4590000000000001</v>
      </c>
      <c r="V24791" s="2">
        <v>2.7930000000000001</v>
      </c>
      <c r="W24791" s="2">
        <v>0.02</v>
      </c>
      <c r="X24791" s="2">
        <v>159.1</v>
      </c>
      <c r="Y24791" s="2">
        <v>7.6</v>
      </c>
      <c r="Z24791" s="2">
        <v>16.7</v>
      </c>
      <c r="AA24791" s="5"/>
      <c r="AB24791" s="5" t="s">
        <v>43</v>
      </c>
      <c r="AC24791" s="5" t="s">
        <v>44</v>
      </c>
      <c r="AD24791" s="2"/>
      <c r="AE24791" s="1"/>
    </row>
    <row r="24792" spans="1:31" ht="14.45">
      <c r="A24792" s="11"/>
      <c r="B24792" s="20"/>
      <c r="C24792" s="2" t="s">
        <v>79255</v>
      </c>
      <c r="D24792" s="14" t="s">
        <v>79256</v>
      </c>
      <c r="E24792" s="2" t="s">
        <v>79257</v>
      </c>
      <c r="F24792" s="2" t="s">
        <v>7528</v>
      </c>
      <c r="G24792" s="8">
        <v>278</v>
      </c>
      <c r="H24792" s="5">
        <v>6</v>
      </c>
      <c r="I24792" s="5" t="s">
        <v>1518</v>
      </c>
      <c r="J24792" s="5" t="s">
        <v>69038</v>
      </c>
      <c r="K24792" s="2" t="s">
        <v>69039</v>
      </c>
      <c r="L24792" s="5" t="s">
        <v>69038</v>
      </c>
      <c r="M24792" s="2" t="s">
        <v>69039</v>
      </c>
      <c r="N24792" s="5" t="s">
        <v>1521</v>
      </c>
      <c r="O24792" s="5" t="s">
        <v>38</v>
      </c>
      <c r="P24792" s="5" t="s">
        <v>39</v>
      </c>
      <c r="Q24792" s="5" t="s">
        <v>40</v>
      </c>
      <c r="R24792" s="5" t="s">
        <v>1522</v>
      </c>
      <c r="S24792" s="5" t="s">
        <v>1523</v>
      </c>
      <c r="T24792" s="5" t="s">
        <v>42</v>
      </c>
      <c r="U24792" s="2">
        <v>3.5539999999999998</v>
      </c>
      <c r="V24792" s="2">
        <v>2.8879999999999999</v>
      </c>
      <c r="W24792" s="2">
        <v>0.02</v>
      </c>
      <c r="X24792" s="2">
        <v>159.1</v>
      </c>
      <c r="Y24792" s="2">
        <v>7.6</v>
      </c>
      <c r="Z24792" s="2">
        <v>16.7</v>
      </c>
      <c r="AA24792" s="5"/>
      <c r="AB24792" s="5" t="s">
        <v>43</v>
      </c>
      <c r="AC24792" s="5" t="s">
        <v>44</v>
      </c>
      <c r="AD24792" s="2"/>
      <c r="AE24792" s="1"/>
    </row>
    <row r="24793" spans="1:31" ht="14.45">
      <c r="A24793" s="11"/>
      <c r="B24793" s="20"/>
      <c r="C24793" s="2" t="s">
        <v>79258</v>
      </c>
      <c r="D24793" s="14" t="s">
        <v>79259</v>
      </c>
      <c r="E24793" s="2" t="s">
        <v>79260</v>
      </c>
      <c r="F24793" s="2" t="s">
        <v>16029</v>
      </c>
      <c r="G24793" s="8">
        <v>300</v>
      </c>
      <c r="H24793" s="5">
        <v>6</v>
      </c>
      <c r="I24793" s="5" t="s">
        <v>1518</v>
      </c>
      <c r="J24793" s="5" t="s">
        <v>69038</v>
      </c>
      <c r="K24793" s="2" t="s">
        <v>69039</v>
      </c>
      <c r="L24793" s="5" t="s">
        <v>69038</v>
      </c>
      <c r="M24793" s="2" t="s">
        <v>69039</v>
      </c>
      <c r="N24793" s="5" t="s">
        <v>1521</v>
      </c>
      <c r="O24793" s="5" t="s">
        <v>38</v>
      </c>
      <c r="P24793" s="5" t="s">
        <v>39</v>
      </c>
      <c r="Q24793" s="5" t="s">
        <v>40</v>
      </c>
      <c r="R24793" s="5" t="s">
        <v>1522</v>
      </c>
      <c r="S24793" s="5" t="s">
        <v>1523</v>
      </c>
      <c r="T24793" s="5" t="s">
        <v>42</v>
      </c>
      <c r="U24793" s="2">
        <v>3.4569999999999999</v>
      </c>
      <c r="V24793" s="2">
        <v>2.7909999999999999</v>
      </c>
      <c r="W24793" s="2">
        <v>0.02</v>
      </c>
      <c r="X24793" s="2">
        <v>159.1</v>
      </c>
      <c r="Y24793" s="2">
        <v>7.6</v>
      </c>
      <c r="Z24793" s="2">
        <v>16.7</v>
      </c>
      <c r="AA24793" s="5"/>
      <c r="AB24793" s="5" t="s">
        <v>43</v>
      </c>
      <c r="AC24793" s="5" t="s">
        <v>44</v>
      </c>
      <c r="AD24793" s="2"/>
      <c r="AE24793" s="1"/>
    </row>
    <row r="24794" spans="1:31" ht="14.45">
      <c r="A24794" s="11"/>
      <c r="B24794" s="20"/>
      <c r="C24794" s="2" t="s">
        <v>79261</v>
      </c>
      <c r="D24794" s="14" t="s">
        <v>79262</v>
      </c>
      <c r="E24794" s="2" t="s">
        <v>79263</v>
      </c>
      <c r="F24794" s="2" t="s">
        <v>16033</v>
      </c>
      <c r="G24794" s="8">
        <v>300</v>
      </c>
      <c r="H24794" s="5">
        <v>6</v>
      </c>
      <c r="I24794" s="5" t="s">
        <v>1518</v>
      </c>
      <c r="J24794" s="5" t="s">
        <v>69038</v>
      </c>
      <c r="K24794" s="2" t="s">
        <v>69039</v>
      </c>
      <c r="L24794" s="5" t="s">
        <v>69038</v>
      </c>
      <c r="M24794" s="2" t="s">
        <v>69039</v>
      </c>
      <c r="N24794" s="5" t="s">
        <v>1521</v>
      </c>
      <c r="O24794" s="5" t="s">
        <v>38</v>
      </c>
      <c r="P24794" s="5" t="s">
        <v>39</v>
      </c>
      <c r="Q24794" s="5" t="s">
        <v>40</v>
      </c>
      <c r="R24794" s="5" t="s">
        <v>1522</v>
      </c>
      <c r="S24794" s="5" t="s">
        <v>1523</v>
      </c>
      <c r="T24794" s="5" t="s">
        <v>42</v>
      </c>
      <c r="U24794" s="2">
        <v>3.552</v>
      </c>
      <c r="V24794" s="2">
        <v>2.8860000000000001</v>
      </c>
      <c r="W24794" s="2">
        <v>0.02</v>
      </c>
      <c r="X24794" s="2">
        <v>159.1</v>
      </c>
      <c r="Y24794" s="2">
        <v>7.6</v>
      </c>
      <c r="Z24794" s="2">
        <v>16.7</v>
      </c>
      <c r="AA24794" s="5"/>
      <c r="AB24794" s="5" t="s">
        <v>43</v>
      </c>
      <c r="AC24794" s="5" t="s">
        <v>44</v>
      </c>
      <c r="AD24794" s="2"/>
      <c r="AE24794" s="1"/>
    </row>
    <row r="24795" spans="1:31" ht="14.45">
      <c r="A24795" s="11"/>
      <c r="B24795" s="20"/>
      <c r="C24795" s="2" t="s">
        <v>79264</v>
      </c>
      <c r="D24795" s="14" t="s">
        <v>79265</v>
      </c>
      <c r="E24795" s="2" t="s">
        <v>79266</v>
      </c>
      <c r="F24795" s="2" t="s">
        <v>7204</v>
      </c>
      <c r="G24795" s="8">
        <v>290</v>
      </c>
      <c r="H24795" s="5">
        <v>6</v>
      </c>
      <c r="I24795" s="5" t="s">
        <v>1518</v>
      </c>
      <c r="J24795" s="5" t="s">
        <v>69038</v>
      </c>
      <c r="K24795" s="2" t="s">
        <v>69039</v>
      </c>
      <c r="L24795" s="5" t="s">
        <v>69038</v>
      </c>
      <c r="M24795" s="2" t="s">
        <v>69039</v>
      </c>
      <c r="N24795" s="5" t="s">
        <v>1521</v>
      </c>
      <c r="O24795" s="5" t="s">
        <v>38</v>
      </c>
      <c r="P24795" s="5" t="s">
        <v>39</v>
      </c>
      <c r="Q24795" s="5" t="s">
        <v>40</v>
      </c>
      <c r="R24795" s="5" t="s">
        <v>1522</v>
      </c>
      <c r="S24795" s="5" t="s">
        <v>1523</v>
      </c>
      <c r="T24795" s="5" t="s">
        <v>42</v>
      </c>
      <c r="U24795" s="2">
        <v>3.8010000000000002</v>
      </c>
      <c r="V24795" s="2">
        <v>3.1539999999999999</v>
      </c>
      <c r="W24795" s="2">
        <v>0.02</v>
      </c>
      <c r="X24795" s="2">
        <v>159.1</v>
      </c>
      <c r="Y24795" s="2">
        <v>7.6</v>
      </c>
      <c r="Z24795" s="2">
        <v>16.7</v>
      </c>
      <c r="AA24795" s="5"/>
      <c r="AB24795" s="5" t="s">
        <v>43</v>
      </c>
      <c r="AC24795" s="5" t="s">
        <v>44</v>
      </c>
      <c r="AD24795" s="2"/>
      <c r="AE24795" s="1"/>
    </row>
    <row r="24796" spans="1:31" ht="14.45">
      <c r="A24796" s="11"/>
      <c r="B24796" s="20"/>
      <c r="C24796" s="2" t="s">
        <v>79267</v>
      </c>
      <c r="D24796" s="14" t="s">
        <v>79268</v>
      </c>
      <c r="E24796" s="2" t="s">
        <v>79269</v>
      </c>
      <c r="F24796" s="2" t="s">
        <v>7514</v>
      </c>
      <c r="G24796" s="8">
        <v>290</v>
      </c>
      <c r="H24796" s="5">
        <v>6</v>
      </c>
      <c r="I24796" s="5" t="s">
        <v>1518</v>
      </c>
      <c r="J24796" s="5" t="s">
        <v>69038</v>
      </c>
      <c r="K24796" s="2" t="s">
        <v>69039</v>
      </c>
      <c r="L24796" s="5" t="s">
        <v>69038</v>
      </c>
      <c r="M24796" s="2" t="s">
        <v>69039</v>
      </c>
      <c r="N24796" s="5" t="s">
        <v>1521</v>
      </c>
      <c r="O24796" s="5" t="s">
        <v>38</v>
      </c>
      <c r="P24796" s="5" t="s">
        <v>39</v>
      </c>
      <c r="Q24796" s="5" t="s">
        <v>40</v>
      </c>
      <c r="R24796" s="5" t="s">
        <v>1522</v>
      </c>
      <c r="S24796" s="5" t="s">
        <v>1523</v>
      </c>
      <c r="T24796" s="5" t="s">
        <v>42</v>
      </c>
      <c r="U24796" s="2">
        <v>3.9209999999999998</v>
      </c>
      <c r="V24796" s="2">
        <v>3.274</v>
      </c>
      <c r="W24796" s="2">
        <v>0.02</v>
      </c>
      <c r="X24796" s="2">
        <v>159.1</v>
      </c>
      <c r="Y24796" s="2">
        <v>7.6</v>
      </c>
      <c r="Z24796" s="2">
        <v>16.7</v>
      </c>
      <c r="AA24796" s="5"/>
      <c r="AB24796" s="5" t="s">
        <v>43</v>
      </c>
      <c r="AC24796" s="5" t="s">
        <v>44</v>
      </c>
      <c r="AD24796" s="2"/>
      <c r="AE24796" s="1"/>
    </row>
    <row r="24797" spans="1:31" ht="14.45">
      <c r="A24797" s="11"/>
      <c r="B24797" s="20"/>
      <c r="C24797" s="2" t="s">
        <v>79270</v>
      </c>
      <c r="D24797" s="14" t="s">
        <v>79271</v>
      </c>
      <c r="E24797" s="2" t="s">
        <v>79272</v>
      </c>
      <c r="F24797" s="2" t="s">
        <v>7208</v>
      </c>
      <c r="G24797" s="8">
        <v>290</v>
      </c>
      <c r="H24797" s="5">
        <v>6</v>
      </c>
      <c r="I24797" s="5" t="s">
        <v>1518</v>
      </c>
      <c r="J24797" s="5" t="s">
        <v>69038</v>
      </c>
      <c r="K24797" s="2" t="s">
        <v>69039</v>
      </c>
      <c r="L24797" s="5" t="s">
        <v>69038</v>
      </c>
      <c r="M24797" s="2" t="s">
        <v>69039</v>
      </c>
      <c r="N24797" s="5" t="s">
        <v>1521</v>
      </c>
      <c r="O24797" s="5" t="s">
        <v>38</v>
      </c>
      <c r="P24797" s="5" t="s">
        <v>39</v>
      </c>
      <c r="Q24797" s="5" t="s">
        <v>40</v>
      </c>
      <c r="R24797" s="5" t="s">
        <v>1522</v>
      </c>
      <c r="S24797" s="5" t="s">
        <v>1523</v>
      </c>
      <c r="T24797" s="5" t="s">
        <v>42</v>
      </c>
      <c r="U24797" s="2">
        <v>3.8010000000000002</v>
      </c>
      <c r="V24797" s="2">
        <v>3.1539999999999999</v>
      </c>
      <c r="W24797" s="2">
        <v>0.02</v>
      </c>
      <c r="X24797" s="2">
        <v>159.1</v>
      </c>
      <c r="Y24797" s="2">
        <v>7.6</v>
      </c>
      <c r="Z24797" s="2">
        <v>16.7</v>
      </c>
      <c r="AA24797" s="5"/>
      <c r="AB24797" s="5" t="s">
        <v>43</v>
      </c>
      <c r="AC24797" s="5" t="s">
        <v>44</v>
      </c>
      <c r="AD24797" s="2"/>
      <c r="AE24797" s="1"/>
    </row>
    <row r="24798" spans="1:31" ht="14.45">
      <c r="A24798" s="11"/>
      <c r="B24798" s="20"/>
      <c r="C24798" s="2" t="s">
        <v>79273</v>
      </c>
      <c r="D24798" s="14" t="s">
        <v>79274</v>
      </c>
      <c r="E24798" s="2" t="s">
        <v>79275</v>
      </c>
      <c r="F24798" s="2" t="s">
        <v>7521</v>
      </c>
      <c r="G24798" s="8">
        <v>290</v>
      </c>
      <c r="H24798" s="5">
        <v>6</v>
      </c>
      <c r="I24798" s="5" t="s">
        <v>1518</v>
      </c>
      <c r="J24798" s="5" t="s">
        <v>69038</v>
      </c>
      <c r="K24798" s="2" t="s">
        <v>69039</v>
      </c>
      <c r="L24798" s="5" t="s">
        <v>69038</v>
      </c>
      <c r="M24798" s="2" t="s">
        <v>69039</v>
      </c>
      <c r="N24798" s="5" t="s">
        <v>1521</v>
      </c>
      <c r="O24798" s="5" t="s">
        <v>38</v>
      </c>
      <c r="P24798" s="5" t="s">
        <v>39</v>
      </c>
      <c r="Q24798" s="5" t="s">
        <v>40</v>
      </c>
      <c r="R24798" s="5" t="s">
        <v>1522</v>
      </c>
      <c r="S24798" s="5" t="s">
        <v>1523</v>
      </c>
      <c r="T24798" s="5" t="s">
        <v>42</v>
      </c>
      <c r="U24798" s="2">
        <v>3.9209999999999998</v>
      </c>
      <c r="V24798" s="2">
        <v>3.274</v>
      </c>
      <c r="W24798" s="2">
        <v>0.02</v>
      </c>
      <c r="X24798" s="2">
        <v>159.1</v>
      </c>
      <c r="Y24798" s="2">
        <v>7.6</v>
      </c>
      <c r="Z24798" s="2">
        <v>16.7</v>
      </c>
      <c r="AA24798" s="5"/>
      <c r="AB24798" s="5" t="s">
        <v>43</v>
      </c>
      <c r="AC24798" s="5" t="s">
        <v>44</v>
      </c>
      <c r="AD24798" s="2"/>
      <c r="AE24798" s="1"/>
    </row>
    <row r="24799" spans="1:31" ht="14.45">
      <c r="A24799" s="11"/>
      <c r="B24799" s="20"/>
      <c r="C24799" s="2" t="s">
        <v>79276</v>
      </c>
      <c r="D24799" s="14" t="s">
        <v>79277</v>
      </c>
      <c r="E24799" s="2" t="s">
        <v>79278</v>
      </c>
      <c r="F24799" s="2" t="s">
        <v>7406</v>
      </c>
      <c r="G24799" s="8">
        <v>314</v>
      </c>
      <c r="H24799" s="5">
        <v>6</v>
      </c>
      <c r="I24799" s="5" t="s">
        <v>1518</v>
      </c>
      <c r="J24799" s="5" t="s">
        <v>69038</v>
      </c>
      <c r="K24799" s="2" t="s">
        <v>69039</v>
      </c>
      <c r="L24799" s="5" t="s">
        <v>69038</v>
      </c>
      <c r="M24799" s="2" t="s">
        <v>69039</v>
      </c>
      <c r="N24799" s="5" t="s">
        <v>1521</v>
      </c>
      <c r="O24799" s="5" t="s">
        <v>38</v>
      </c>
      <c r="P24799" s="5" t="s">
        <v>39</v>
      </c>
      <c r="Q24799" s="5" t="s">
        <v>40</v>
      </c>
      <c r="R24799" s="5" t="s">
        <v>1522</v>
      </c>
      <c r="S24799" s="5" t="s">
        <v>1523</v>
      </c>
      <c r="T24799" s="5" t="s">
        <v>42</v>
      </c>
      <c r="U24799" s="2">
        <v>3.8010000000000002</v>
      </c>
      <c r="V24799" s="2">
        <v>3.1539999999999999</v>
      </c>
      <c r="W24799" s="2">
        <v>0.02</v>
      </c>
      <c r="X24799" s="2">
        <v>159.1</v>
      </c>
      <c r="Y24799" s="2">
        <v>7.6</v>
      </c>
      <c r="Z24799" s="2">
        <v>16.7</v>
      </c>
      <c r="AA24799" s="5"/>
      <c r="AB24799" s="5" t="s">
        <v>43</v>
      </c>
      <c r="AC24799" s="5" t="s">
        <v>44</v>
      </c>
      <c r="AD24799" s="2"/>
      <c r="AE24799" s="1"/>
    </row>
    <row r="24800" spans="1:31" ht="14.45">
      <c r="A24800" s="11"/>
      <c r="B24800" s="20"/>
      <c r="C24800" s="2" t="s">
        <v>79279</v>
      </c>
      <c r="D24800" s="14" t="s">
        <v>79280</v>
      </c>
      <c r="E24800" s="2" t="s">
        <v>79281</v>
      </c>
      <c r="F24800" s="2" t="s">
        <v>7535</v>
      </c>
      <c r="G24800" s="8">
        <v>314</v>
      </c>
      <c r="H24800" s="5">
        <v>6</v>
      </c>
      <c r="I24800" s="5" t="s">
        <v>1518</v>
      </c>
      <c r="J24800" s="5" t="s">
        <v>69038</v>
      </c>
      <c r="K24800" s="2" t="s">
        <v>69039</v>
      </c>
      <c r="L24800" s="5" t="s">
        <v>69038</v>
      </c>
      <c r="M24800" s="2" t="s">
        <v>69039</v>
      </c>
      <c r="N24800" s="5" t="s">
        <v>1521</v>
      </c>
      <c r="O24800" s="5" t="s">
        <v>38</v>
      </c>
      <c r="P24800" s="5" t="s">
        <v>39</v>
      </c>
      <c r="Q24800" s="5" t="s">
        <v>40</v>
      </c>
      <c r="R24800" s="5" t="s">
        <v>1522</v>
      </c>
      <c r="S24800" s="5" t="s">
        <v>1523</v>
      </c>
      <c r="T24800" s="5" t="s">
        <v>42</v>
      </c>
      <c r="U24800" s="2">
        <v>3.9209999999999998</v>
      </c>
      <c r="V24800" s="2">
        <v>3.274</v>
      </c>
      <c r="W24800" s="2">
        <v>0.02</v>
      </c>
      <c r="X24800" s="2">
        <v>159.1</v>
      </c>
      <c r="Y24800" s="2">
        <v>7.6</v>
      </c>
      <c r="Z24800" s="2">
        <v>16.7</v>
      </c>
      <c r="AA24800" s="5"/>
      <c r="AB24800" s="5" t="s">
        <v>43</v>
      </c>
      <c r="AC24800" s="5" t="s">
        <v>44</v>
      </c>
      <c r="AD24800" s="2"/>
      <c r="AE24800" s="1"/>
    </row>
    <row r="24801" spans="1:31" ht="14.45">
      <c r="A24801" s="11"/>
      <c r="B24801" s="20"/>
      <c r="C24801" s="2" t="s">
        <v>79282</v>
      </c>
      <c r="D24801" s="14" t="s">
        <v>79283</v>
      </c>
      <c r="E24801" s="2" t="s">
        <v>79284</v>
      </c>
      <c r="F24801" s="2" t="s">
        <v>7539</v>
      </c>
      <c r="G24801" s="8">
        <v>314</v>
      </c>
      <c r="H24801" s="5">
        <v>6</v>
      </c>
      <c r="I24801" s="5" t="s">
        <v>1518</v>
      </c>
      <c r="J24801" s="5" t="s">
        <v>69038</v>
      </c>
      <c r="K24801" s="2" t="s">
        <v>69039</v>
      </c>
      <c r="L24801" s="5" t="s">
        <v>69038</v>
      </c>
      <c r="M24801" s="2" t="s">
        <v>69039</v>
      </c>
      <c r="N24801" s="5" t="s">
        <v>1521</v>
      </c>
      <c r="O24801" s="5" t="s">
        <v>38</v>
      </c>
      <c r="P24801" s="5" t="s">
        <v>39</v>
      </c>
      <c r="Q24801" s="5" t="s">
        <v>40</v>
      </c>
      <c r="R24801" s="5" t="s">
        <v>1522</v>
      </c>
      <c r="S24801" s="5" t="s">
        <v>1523</v>
      </c>
      <c r="T24801" s="5" t="s">
        <v>42</v>
      </c>
      <c r="U24801" s="2">
        <v>3.8010000000000002</v>
      </c>
      <c r="V24801" s="2">
        <v>3.1539999999999999</v>
      </c>
      <c r="W24801" s="2">
        <v>0.02</v>
      </c>
      <c r="X24801" s="2">
        <v>159.1</v>
      </c>
      <c r="Y24801" s="2">
        <v>7.6</v>
      </c>
      <c r="Z24801" s="2">
        <v>16.7</v>
      </c>
      <c r="AA24801" s="5"/>
      <c r="AB24801" s="5" t="s">
        <v>43</v>
      </c>
      <c r="AC24801" s="5" t="s">
        <v>44</v>
      </c>
      <c r="AD24801" s="2"/>
      <c r="AE24801" s="1"/>
    </row>
    <row r="24802" spans="1:31" ht="14.45">
      <c r="A24802" s="11"/>
      <c r="B24802" s="20"/>
      <c r="C24802" s="2" t="s">
        <v>79285</v>
      </c>
      <c r="D24802" s="14" t="s">
        <v>79286</v>
      </c>
      <c r="E24802" s="2" t="s">
        <v>79287</v>
      </c>
      <c r="F24802" s="2" t="s">
        <v>7543</v>
      </c>
      <c r="G24802" s="8">
        <v>314</v>
      </c>
      <c r="H24802" s="5">
        <v>6</v>
      </c>
      <c r="I24802" s="5" t="s">
        <v>1518</v>
      </c>
      <c r="J24802" s="5" t="s">
        <v>69038</v>
      </c>
      <c r="K24802" s="2" t="s">
        <v>69039</v>
      </c>
      <c r="L24802" s="5" t="s">
        <v>69038</v>
      </c>
      <c r="M24802" s="2" t="s">
        <v>69039</v>
      </c>
      <c r="N24802" s="5" t="s">
        <v>1521</v>
      </c>
      <c r="O24802" s="5" t="s">
        <v>38</v>
      </c>
      <c r="P24802" s="5" t="s">
        <v>39</v>
      </c>
      <c r="Q24802" s="5" t="s">
        <v>40</v>
      </c>
      <c r="R24802" s="5" t="s">
        <v>1522</v>
      </c>
      <c r="S24802" s="5" t="s">
        <v>1523</v>
      </c>
      <c r="T24802" s="5" t="s">
        <v>42</v>
      </c>
      <c r="U24802" s="2">
        <v>3.9209999999999998</v>
      </c>
      <c r="V24802" s="2">
        <v>3.274</v>
      </c>
      <c r="W24802" s="2">
        <v>0.02</v>
      </c>
      <c r="X24802" s="2">
        <v>159.1</v>
      </c>
      <c r="Y24802" s="2">
        <v>7.6</v>
      </c>
      <c r="Z24802" s="2">
        <v>16.7</v>
      </c>
      <c r="AA24802" s="5"/>
      <c r="AB24802" s="5" t="s">
        <v>43</v>
      </c>
      <c r="AC24802" s="5" t="s">
        <v>44</v>
      </c>
      <c r="AD24802" s="2"/>
      <c r="AE24802" s="1"/>
    </row>
    <row r="24803" spans="1:31" ht="14.45">
      <c r="A24803" s="11"/>
      <c r="B24803" s="20"/>
      <c r="C24803" s="2" t="s">
        <v>79288</v>
      </c>
      <c r="D24803" s="14" t="s">
        <v>79289</v>
      </c>
      <c r="E24803" s="2" t="s">
        <v>79290</v>
      </c>
      <c r="F24803" s="2" t="s">
        <v>7396</v>
      </c>
      <c r="G24803" s="8">
        <v>290</v>
      </c>
      <c r="H24803" s="5">
        <v>6</v>
      </c>
      <c r="I24803" s="5" t="s">
        <v>1518</v>
      </c>
      <c r="J24803" s="5" t="s">
        <v>69038</v>
      </c>
      <c r="K24803" s="2" t="s">
        <v>69039</v>
      </c>
      <c r="L24803" s="5" t="s">
        <v>69038</v>
      </c>
      <c r="M24803" s="2" t="s">
        <v>69039</v>
      </c>
      <c r="N24803" s="5" t="s">
        <v>1521</v>
      </c>
      <c r="O24803" s="5" t="s">
        <v>38</v>
      </c>
      <c r="P24803" s="5" t="s">
        <v>39</v>
      </c>
      <c r="Q24803" s="5" t="s">
        <v>40</v>
      </c>
      <c r="R24803" s="5" t="s">
        <v>1522</v>
      </c>
      <c r="S24803" s="5" t="s">
        <v>1523</v>
      </c>
      <c r="T24803" s="5" t="s">
        <v>42</v>
      </c>
      <c r="U24803" s="2">
        <v>3.8010000000000002</v>
      </c>
      <c r="V24803" s="2">
        <v>3.1539999999999999</v>
      </c>
      <c r="W24803" s="2">
        <v>0.02</v>
      </c>
      <c r="X24803" s="2">
        <v>159.1</v>
      </c>
      <c r="Y24803" s="2">
        <v>7.6</v>
      </c>
      <c r="Z24803" s="2">
        <v>16.7</v>
      </c>
      <c r="AA24803" s="5"/>
      <c r="AB24803" s="5" t="s">
        <v>43</v>
      </c>
      <c r="AC24803" s="5" t="s">
        <v>44</v>
      </c>
      <c r="AD24803" s="2"/>
      <c r="AE24803" s="1"/>
    </row>
    <row r="24804" spans="1:31" ht="14.45">
      <c r="A24804" s="11"/>
      <c r="B24804" s="20"/>
      <c r="C24804" s="2" t="s">
        <v>79291</v>
      </c>
      <c r="D24804" s="14" t="s">
        <v>79292</v>
      </c>
      <c r="E24804" s="2" t="s">
        <v>79293</v>
      </c>
      <c r="F24804" s="2" t="s">
        <v>7507</v>
      </c>
      <c r="G24804" s="8">
        <v>290</v>
      </c>
      <c r="H24804" s="5">
        <v>6</v>
      </c>
      <c r="I24804" s="5" t="s">
        <v>1518</v>
      </c>
      <c r="J24804" s="5" t="s">
        <v>69038</v>
      </c>
      <c r="K24804" s="2" t="s">
        <v>69039</v>
      </c>
      <c r="L24804" s="5" t="s">
        <v>69038</v>
      </c>
      <c r="M24804" s="2" t="s">
        <v>69039</v>
      </c>
      <c r="N24804" s="5" t="s">
        <v>1521</v>
      </c>
      <c r="O24804" s="5" t="s">
        <v>38</v>
      </c>
      <c r="P24804" s="5" t="s">
        <v>39</v>
      </c>
      <c r="Q24804" s="5" t="s">
        <v>40</v>
      </c>
      <c r="R24804" s="5" t="s">
        <v>1522</v>
      </c>
      <c r="S24804" s="5" t="s">
        <v>1523</v>
      </c>
      <c r="T24804" s="5" t="s">
        <v>42</v>
      </c>
      <c r="U24804" s="2">
        <v>3.9209999999999998</v>
      </c>
      <c r="V24804" s="2">
        <v>3.274</v>
      </c>
      <c r="W24804" s="2">
        <v>0.02</v>
      </c>
      <c r="X24804" s="2">
        <v>159.1</v>
      </c>
      <c r="Y24804" s="2">
        <v>7.6</v>
      </c>
      <c r="Z24804" s="2">
        <v>16.7</v>
      </c>
      <c r="AA24804" s="5"/>
      <c r="AB24804" s="5" t="s">
        <v>43</v>
      </c>
      <c r="AC24804" s="5" t="s">
        <v>44</v>
      </c>
      <c r="AD24804" s="2"/>
      <c r="AE24804" s="1"/>
    </row>
    <row r="24805" spans="1:31" ht="14.45">
      <c r="A24805" s="11"/>
      <c r="B24805" s="20"/>
      <c r="C24805" s="2" t="s">
        <v>79294</v>
      </c>
      <c r="D24805" s="14" t="s">
        <v>79295</v>
      </c>
      <c r="E24805" s="2" t="s">
        <v>79296</v>
      </c>
      <c r="F24805" s="2" t="s">
        <v>7547</v>
      </c>
      <c r="G24805" s="8">
        <v>314</v>
      </c>
      <c r="H24805" s="5">
        <v>6</v>
      </c>
      <c r="I24805" s="5" t="s">
        <v>1518</v>
      </c>
      <c r="J24805" s="5" t="s">
        <v>69038</v>
      </c>
      <c r="K24805" s="2" t="s">
        <v>69039</v>
      </c>
      <c r="L24805" s="5" t="s">
        <v>69038</v>
      </c>
      <c r="M24805" s="2" t="s">
        <v>69039</v>
      </c>
      <c r="N24805" s="5" t="s">
        <v>1521</v>
      </c>
      <c r="O24805" s="5" t="s">
        <v>38</v>
      </c>
      <c r="P24805" s="5" t="s">
        <v>39</v>
      </c>
      <c r="Q24805" s="5" t="s">
        <v>40</v>
      </c>
      <c r="R24805" s="5" t="s">
        <v>1522</v>
      </c>
      <c r="S24805" s="5" t="s">
        <v>1523</v>
      </c>
      <c r="T24805" s="5" t="s">
        <v>42</v>
      </c>
      <c r="U24805" s="2">
        <v>3.8010000000000002</v>
      </c>
      <c r="V24805" s="2">
        <v>3.1539999999999999</v>
      </c>
      <c r="W24805" s="2">
        <v>0.02</v>
      </c>
      <c r="X24805" s="2">
        <v>159.1</v>
      </c>
      <c r="Y24805" s="2">
        <v>7.6</v>
      </c>
      <c r="Z24805" s="2">
        <v>16.7</v>
      </c>
      <c r="AA24805" s="5"/>
      <c r="AB24805" s="5" t="s">
        <v>43</v>
      </c>
      <c r="AC24805" s="5" t="s">
        <v>44</v>
      </c>
      <c r="AD24805" s="2"/>
      <c r="AE24805" s="1"/>
    </row>
    <row r="24806" spans="1:31" ht="14.45">
      <c r="A24806" s="11"/>
      <c r="B24806" s="20"/>
      <c r="C24806" s="2" t="s">
        <v>79297</v>
      </c>
      <c r="D24806" s="14" t="s">
        <v>79298</v>
      </c>
      <c r="E24806" s="2" t="s">
        <v>79299</v>
      </c>
      <c r="F24806" s="2" t="s">
        <v>7563</v>
      </c>
      <c r="G24806" s="8">
        <v>314</v>
      </c>
      <c r="H24806" s="5">
        <v>6</v>
      </c>
      <c r="I24806" s="5" t="s">
        <v>1518</v>
      </c>
      <c r="J24806" s="5" t="s">
        <v>69038</v>
      </c>
      <c r="K24806" s="2" t="s">
        <v>69039</v>
      </c>
      <c r="L24806" s="5" t="s">
        <v>69038</v>
      </c>
      <c r="M24806" s="2" t="s">
        <v>69039</v>
      </c>
      <c r="N24806" s="5" t="s">
        <v>1521</v>
      </c>
      <c r="O24806" s="5" t="s">
        <v>38</v>
      </c>
      <c r="P24806" s="5" t="s">
        <v>39</v>
      </c>
      <c r="Q24806" s="5" t="s">
        <v>40</v>
      </c>
      <c r="R24806" s="5" t="s">
        <v>1522</v>
      </c>
      <c r="S24806" s="5" t="s">
        <v>1523</v>
      </c>
      <c r="T24806" s="5" t="s">
        <v>42</v>
      </c>
      <c r="U24806" s="2">
        <v>3.8010000000000002</v>
      </c>
      <c r="V24806" s="2">
        <v>3.1539999999999999</v>
      </c>
      <c r="W24806" s="2">
        <v>0.02</v>
      </c>
      <c r="X24806" s="2">
        <v>159.1</v>
      </c>
      <c r="Y24806" s="2">
        <v>7.6</v>
      </c>
      <c r="Z24806" s="2">
        <v>16.7</v>
      </c>
      <c r="AA24806" s="5"/>
      <c r="AB24806" s="5" t="s">
        <v>43</v>
      </c>
      <c r="AC24806" s="5" t="s">
        <v>44</v>
      </c>
      <c r="AD24806" s="2"/>
      <c r="AE24806" s="1"/>
    </row>
    <row r="24807" spans="1:31" ht="14.45">
      <c r="A24807" s="11"/>
      <c r="B24807" s="20"/>
      <c r="C24807" s="2" t="s">
        <v>79300</v>
      </c>
      <c r="D24807" s="14" t="s">
        <v>79301</v>
      </c>
      <c r="E24807" s="2" t="s">
        <v>79302</v>
      </c>
      <c r="F24807" s="2" t="s">
        <v>7567</v>
      </c>
      <c r="G24807" s="8">
        <v>314</v>
      </c>
      <c r="H24807" s="5">
        <v>6</v>
      </c>
      <c r="I24807" s="5" t="s">
        <v>1518</v>
      </c>
      <c r="J24807" s="5" t="s">
        <v>69038</v>
      </c>
      <c r="K24807" s="2" t="s">
        <v>69039</v>
      </c>
      <c r="L24807" s="5" t="s">
        <v>69038</v>
      </c>
      <c r="M24807" s="2" t="s">
        <v>69039</v>
      </c>
      <c r="N24807" s="5" t="s">
        <v>1521</v>
      </c>
      <c r="O24807" s="5" t="s">
        <v>38</v>
      </c>
      <c r="P24807" s="5" t="s">
        <v>39</v>
      </c>
      <c r="Q24807" s="5" t="s">
        <v>40</v>
      </c>
      <c r="R24807" s="5" t="s">
        <v>1522</v>
      </c>
      <c r="S24807" s="5" t="s">
        <v>1523</v>
      </c>
      <c r="T24807" s="5" t="s">
        <v>42</v>
      </c>
      <c r="U24807" s="2">
        <v>3.9209999999999998</v>
      </c>
      <c r="V24807" s="2">
        <v>3.274</v>
      </c>
      <c r="W24807" s="2">
        <v>0.02</v>
      </c>
      <c r="X24807" s="2">
        <v>159.1</v>
      </c>
      <c r="Y24807" s="2">
        <v>7.6</v>
      </c>
      <c r="Z24807" s="2">
        <v>16.7</v>
      </c>
      <c r="AA24807" s="5"/>
      <c r="AB24807" s="5" t="s">
        <v>43</v>
      </c>
      <c r="AC24807" s="5" t="s">
        <v>44</v>
      </c>
      <c r="AD24807" s="2"/>
      <c r="AE24807" s="1"/>
    </row>
    <row r="24808" spans="1:31" ht="14.45">
      <c r="A24808" s="11"/>
      <c r="B24808" s="20"/>
      <c r="C24808" s="2" t="s">
        <v>79303</v>
      </c>
      <c r="D24808" s="14" t="s">
        <v>79304</v>
      </c>
      <c r="E24808" s="2" t="s">
        <v>79305</v>
      </c>
      <c r="F24808" s="2" t="s">
        <v>7555</v>
      </c>
      <c r="G24808" s="8">
        <v>314</v>
      </c>
      <c r="H24808" s="5">
        <v>6</v>
      </c>
      <c r="I24808" s="5" t="s">
        <v>1518</v>
      </c>
      <c r="J24808" s="5" t="s">
        <v>69038</v>
      </c>
      <c r="K24808" s="2" t="s">
        <v>69039</v>
      </c>
      <c r="L24808" s="5" t="s">
        <v>69038</v>
      </c>
      <c r="M24808" s="2" t="s">
        <v>69039</v>
      </c>
      <c r="N24808" s="5" t="s">
        <v>1521</v>
      </c>
      <c r="O24808" s="5" t="s">
        <v>38</v>
      </c>
      <c r="P24808" s="5" t="s">
        <v>39</v>
      </c>
      <c r="Q24808" s="5" t="s">
        <v>40</v>
      </c>
      <c r="R24808" s="5" t="s">
        <v>1522</v>
      </c>
      <c r="S24808" s="5" t="s">
        <v>1523</v>
      </c>
      <c r="T24808" s="5" t="s">
        <v>42</v>
      </c>
      <c r="U24808" s="2">
        <v>3.8010000000000002</v>
      </c>
      <c r="V24808" s="2">
        <v>3.1539999999999999</v>
      </c>
      <c r="W24808" s="2">
        <v>0.02</v>
      </c>
      <c r="X24808" s="2">
        <v>159.1</v>
      </c>
      <c r="Y24808" s="2">
        <v>7.6</v>
      </c>
      <c r="Z24808" s="2">
        <v>16.7</v>
      </c>
      <c r="AA24808" s="5"/>
      <c r="AB24808" s="5" t="s">
        <v>43</v>
      </c>
      <c r="AC24808" s="5" t="s">
        <v>44</v>
      </c>
      <c r="AD24808" s="2"/>
      <c r="AE24808" s="1"/>
    </row>
    <row r="24809" spans="1:31" ht="14.45">
      <c r="A24809" s="11"/>
      <c r="B24809" s="20"/>
      <c r="C24809" s="2" t="s">
        <v>79306</v>
      </c>
      <c r="D24809" s="14" t="s">
        <v>79307</v>
      </c>
      <c r="E24809" s="2" t="s">
        <v>79308</v>
      </c>
      <c r="F24809" s="2" t="s">
        <v>16079</v>
      </c>
      <c r="G24809" s="8">
        <v>314</v>
      </c>
      <c r="H24809" s="5">
        <v>6</v>
      </c>
      <c r="I24809" s="5" t="s">
        <v>1518</v>
      </c>
      <c r="J24809" s="5" t="s">
        <v>69038</v>
      </c>
      <c r="K24809" s="2" t="s">
        <v>69039</v>
      </c>
      <c r="L24809" s="5" t="s">
        <v>69038</v>
      </c>
      <c r="M24809" s="2" t="s">
        <v>69039</v>
      </c>
      <c r="N24809" s="5" t="s">
        <v>1521</v>
      </c>
      <c r="O24809" s="5" t="s">
        <v>38</v>
      </c>
      <c r="P24809" s="5" t="s">
        <v>39</v>
      </c>
      <c r="Q24809" s="5" t="s">
        <v>40</v>
      </c>
      <c r="R24809" s="5" t="s">
        <v>1522</v>
      </c>
      <c r="S24809" s="5" t="s">
        <v>1523</v>
      </c>
      <c r="T24809" s="5" t="s">
        <v>42</v>
      </c>
      <c r="U24809" s="2">
        <v>3.8010000000000002</v>
      </c>
      <c r="V24809" s="2">
        <v>3.1539999999999999</v>
      </c>
      <c r="W24809" s="2">
        <v>0.02</v>
      </c>
      <c r="X24809" s="2">
        <v>159.1</v>
      </c>
      <c r="Y24809" s="2">
        <v>7.6</v>
      </c>
      <c r="Z24809" s="2">
        <v>16.7</v>
      </c>
      <c r="AA24809" s="5"/>
      <c r="AB24809" s="5" t="s">
        <v>43</v>
      </c>
      <c r="AC24809" s="5" t="s">
        <v>44</v>
      </c>
      <c r="AD24809" s="2"/>
      <c r="AE24809" s="1"/>
    </row>
    <row r="24810" spans="1:31" ht="14.45">
      <c r="A24810" s="11"/>
      <c r="B24810" s="20"/>
      <c r="C24810" s="2" t="s">
        <v>79309</v>
      </c>
      <c r="D24810" s="14" t="s">
        <v>79310</v>
      </c>
      <c r="E24810" s="2" t="s">
        <v>79311</v>
      </c>
      <c r="F24810" s="2" t="s">
        <v>16194</v>
      </c>
      <c r="G24810" s="8">
        <v>314</v>
      </c>
      <c r="H24810" s="5">
        <v>6</v>
      </c>
      <c r="I24810" s="5" t="s">
        <v>1518</v>
      </c>
      <c r="J24810" s="5" t="s">
        <v>69038</v>
      </c>
      <c r="K24810" s="2" t="s">
        <v>69039</v>
      </c>
      <c r="L24810" s="5" t="s">
        <v>69038</v>
      </c>
      <c r="M24810" s="2" t="s">
        <v>69039</v>
      </c>
      <c r="N24810" s="5" t="s">
        <v>1521</v>
      </c>
      <c r="O24810" s="5" t="s">
        <v>38</v>
      </c>
      <c r="P24810" s="5" t="s">
        <v>39</v>
      </c>
      <c r="Q24810" s="5" t="s">
        <v>40</v>
      </c>
      <c r="R24810" s="5" t="s">
        <v>1522</v>
      </c>
      <c r="S24810" s="5" t="s">
        <v>1523</v>
      </c>
      <c r="T24810" s="5" t="s">
        <v>42</v>
      </c>
      <c r="U24810" s="2">
        <v>3.9209999999999998</v>
      </c>
      <c r="V24810" s="2">
        <v>3.274</v>
      </c>
      <c r="W24810" s="2">
        <v>0.02</v>
      </c>
      <c r="X24810" s="2">
        <v>159.1</v>
      </c>
      <c r="Y24810" s="2">
        <v>7.6</v>
      </c>
      <c r="Z24810" s="2">
        <v>16.7</v>
      </c>
      <c r="AA24810" s="5"/>
      <c r="AB24810" s="5" t="s">
        <v>43</v>
      </c>
      <c r="AC24810" s="5" t="s">
        <v>44</v>
      </c>
      <c r="AD24810" s="2"/>
      <c r="AE24810" s="1"/>
    </row>
    <row r="24811" spans="1:31" ht="14.45">
      <c r="A24811" s="11"/>
      <c r="B24811" s="20"/>
      <c r="C24811" s="2" t="s">
        <v>79312</v>
      </c>
      <c r="D24811" s="14" t="s">
        <v>79313</v>
      </c>
      <c r="E24811" s="2" t="s">
        <v>79314</v>
      </c>
      <c r="F24811" s="2" t="s">
        <v>7449</v>
      </c>
      <c r="G24811" s="8">
        <v>314</v>
      </c>
      <c r="H24811" s="5">
        <v>6</v>
      </c>
      <c r="I24811" s="5" t="s">
        <v>1518</v>
      </c>
      <c r="J24811" s="5" t="s">
        <v>69038</v>
      </c>
      <c r="K24811" s="2" t="s">
        <v>69039</v>
      </c>
      <c r="L24811" s="5" t="s">
        <v>69038</v>
      </c>
      <c r="M24811" s="2" t="s">
        <v>69039</v>
      </c>
      <c r="N24811" s="5" t="s">
        <v>1521</v>
      </c>
      <c r="O24811" s="5" t="s">
        <v>38</v>
      </c>
      <c r="P24811" s="5" t="s">
        <v>39</v>
      </c>
      <c r="Q24811" s="5" t="s">
        <v>40</v>
      </c>
      <c r="R24811" s="5" t="s">
        <v>1522</v>
      </c>
      <c r="S24811" s="5" t="s">
        <v>1523</v>
      </c>
      <c r="T24811" s="5" t="s">
        <v>42</v>
      </c>
      <c r="U24811" s="2">
        <v>3.8010000000000002</v>
      </c>
      <c r="V24811" s="2">
        <v>3.1539999999999999</v>
      </c>
      <c r="W24811" s="2">
        <v>0.02</v>
      </c>
      <c r="X24811" s="2">
        <v>159.1</v>
      </c>
      <c r="Y24811" s="2">
        <v>7.6</v>
      </c>
      <c r="Z24811" s="2">
        <v>16.7</v>
      </c>
      <c r="AA24811" s="5"/>
      <c r="AB24811" s="5" t="s">
        <v>43</v>
      </c>
      <c r="AC24811" s="5" t="s">
        <v>44</v>
      </c>
      <c r="AD24811" s="2"/>
      <c r="AE24811" s="1"/>
    </row>
    <row r="24812" spans="1:31" ht="14.45">
      <c r="A24812" s="11"/>
      <c r="B24812" s="20"/>
      <c r="C24812" s="2" t="s">
        <v>79315</v>
      </c>
      <c r="D24812" s="14" t="s">
        <v>79316</v>
      </c>
      <c r="E24812" s="2" t="s">
        <v>79317</v>
      </c>
      <c r="F24812" s="2" t="s">
        <v>7581</v>
      </c>
      <c r="G24812" s="8">
        <v>314</v>
      </c>
      <c r="H24812" s="5">
        <v>6</v>
      </c>
      <c r="I24812" s="5" t="s">
        <v>1518</v>
      </c>
      <c r="J24812" s="5" t="s">
        <v>69038</v>
      </c>
      <c r="K24812" s="2" t="s">
        <v>69039</v>
      </c>
      <c r="L24812" s="5" t="s">
        <v>69038</v>
      </c>
      <c r="M24812" s="2" t="s">
        <v>69039</v>
      </c>
      <c r="N24812" s="5" t="s">
        <v>1521</v>
      </c>
      <c r="O24812" s="5" t="s">
        <v>38</v>
      </c>
      <c r="P24812" s="5" t="s">
        <v>39</v>
      </c>
      <c r="Q24812" s="5" t="s">
        <v>40</v>
      </c>
      <c r="R24812" s="5" t="s">
        <v>1522</v>
      </c>
      <c r="S24812" s="5" t="s">
        <v>1523</v>
      </c>
      <c r="T24812" s="5" t="s">
        <v>42</v>
      </c>
      <c r="U24812" s="2">
        <v>3.9209999999999998</v>
      </c>
      <c r="V24812" s="2">
        <v>3.274</v>
      </c>
      <c r="W24812" s="2">
        <v>0.02</v>
      </c>
      <c r="X24812" s="2">
        <v>159.1</v>
      </c>
      <c r="Y24812" s="2">
        <v>7.6</v>
      </c>
      <c r="Z24812" s="2">
        <v>16.7</v>
      </c>
      <c r="AA24812" s="5"/>
      <c r="AB24812" s="5" t="s">
        <v>43</v>
      </c>
      <c r="AC24812" s="5" t="s">
        <v>44</v>
      </c>
      <c r="AD24812" s="2"/>
      <c r="AE24812" s="1"/>
    </row>
    <row r="24813" spans="1:31" ht="14.45">
      <c r="A24813" s="11"/>
      <c r="B24813" s="20"/>
      <c r="C24813" s="2" t="s">
        <v>79318</v>
      </c>
      <c r="D24813" s="14" t="s">
        <v>79319</v>
      </c>
      <c r="E24813" s="2" t="s">
        <v>79320</v>
      </c>
      <c r="F24813" s="2" t="s">
        <v>7585</v>
      </c>
      <c r="G24813" s="8">
        <v>314</v>
      </c>
      <c r="H24813" s="5">
        <v>6</v>
      </c>
      <c r="I24813" s="5" t="s">
        <v>1518</v>
      </c>
      <c r="J24813" s="5" t="s">
        <v>69038</v>
      </c>
      <c r="K24813" s="2" t="s">
        <v>69039</v>
      </c>
      <c r="L24813" s="5" t="s">
        <v>69038</v>
      </c>
      <c r="M24813" s="2" t="s">
        <v>69039</v>
      </c>
      <c r="N24813" s="5" t="s">
        <v>1521</v>
      </c>
      <c r="O24813" s="5" t="s">
        <v>38</v>
      </c>
      <c r="P24813" s="5" t="s">
        <v>39</v>
      </c>
      <c r="Q24813" s="5" t="s">
        <v>40</v>
      </c>
      <c r="R24813" s="5" t="s">
        <v>1522</v>
      </c>
      <c r="S24813" s="5" t="s">
        <v>1523</v>
      </c>
      <c r="T24813" s="5" t="s">
        <v>42</v>
      </c>
      <c r="U24813" s="2">
        <v>3.8010000000000002</v>
      </c>
      <c r="V24813" s="2">
        <v>3.1539999999999999</v>
      </c>
      <c r="W24813" s="2">
        <v>0.02</v>
      </c>
      <c r="X24813" s="2">
        <v>159.1</v>
      </c>
      <c r="Y24813" s="2">
        <v>7.6</v>
      </c>
      <c r="Z24813" s="2">
        <v>16.7</v>
      </c>
      <c r="AA24813" s="5"/>
      <c r="AB24813" s="5" t="s">
        <v>43</v>
      </c>
      <c r="AC24813" s="5" t="s">
        <v>44</v>
      </c>
      <c r="AD24813" s="2"/>
      <c r="AE24813" s="1"/>
    </row>
    <row r="24814" spans="1:31" ht="14.45">
      <c r="A24814" s="11"/>
      <c r="B24814" s="20"/>
      <c r="C24814" s="2" t="s">
        <v>79321</v>
      </c>
      <c r="D24814" s="14" t="s">
        <v>79322</v>
      </c>
      <c r="E24814" s="2" t="s">
        <v>79323</v>
      </c>
      <c r="F24814" s="2" t="s">
        <v>7593</v>
      </c>
      <c r="G24814" s="8">
        <v>314</v>
      </c>
      <c r="H24814" s="5">
        <v>6</v>
      </c>
      <c r="I24814" s="5" t="s">
        <v>1518</v>
      </c>
      <c r="J24814" s="5" t="s">
        <v>69038</v>
      </c>
      <c r="K24814" s="2" t="s">
        <v>69039</v>
      </c>
      <c r="L24814" s="5" t="s">
        <v>69038</v>
      </c>
      <c r="M24814" s="2" t="s">
        <v>69039</v>
      </c>
      <c r="N24814" s="5" t="s">
        <v>1521</v>
      </c>
      <c r="O24814" s="5" t="s">
        <v>38</v>
      </c>
      <c r="P24814" s="5" t="s">
        <v>39</v>
      </c>
      <c r="Q24814" s="5" t="s">
        <v>40</v>
      </c>
      <c r="R24814" s="5" t="s">
        <v>1522</v>
      </c>
      <c r="S24814" s="5" t="s">
        <v>1523</v>
      </c>
      <c r="T24814" s="5" t="s">
        <v>42</v>
      </c>
      <c r="U24814" s="2">
        <v>3.8010000000000002</v>
      </c>
      <c r="V24814" s="2">
        <v>3.1539999999999999</v>
      </c>
      <c r="W24814" s="2">
        <v>0.02</v>
      </c>
      <c r="X24814" s="2">
        <v>159.1</v>
      </c>
      <c r="Y24814" s="2">
        <v>7.6</v>
      </c>
      <c r="Z24814" s="2">
        <v>16.7</v>
      </c>
      <c r="AA24814" s="5"/>
      <c r="AB24814" s="5" t="s">
        <v>43</v>
      </c>
      <c r="AC24814" s="5" t="s">
        <v>44</v>
      </c>
      <c r="AD24814" s="2"/>
      <c r="AE24814" s="1"/>
    </row>
    <row r="24815" spans="1:31" ht="14.45">
      <c r="A24815" s="11"/>
      <c r="B24815" s="20"/>
      <c r="C24815" s="2" t="s">
        <v>79324</v>
      </c>
      <c r="D24815" s="14" t="s">
        <v>79325</v>
      </c>
      <c r="E24815" s="2" t="s">
        <v>79326</v>
      </c>
      <c r="F24815" s="2" t="s">
        <v>73358</v>
      </c>
      <c r="G24815" s="8">
        <v>314</v>
      </c>
      <c r="H24815" s="5">
        <v>6</v>
      </c>
      <c r="I24815" s="5" t="s">
        <v>1518</v>
      </c>
      <c r="J24815" s="5" t="s">
        <v>69038</v>
      </c>
      <c r="K24815" s="2" t="s">
        <v>69039</v>
      </c>
      <c r="L24815" s="5" t="s">
        <v>69038</v>
      </c>
      <c r="M24815" s="2" t="s">
        <v>69039</v>
      </c>
      <c r="N24815" s="5" t="s">
        <v>1521</v>
      </c>
      <c r="O24815" s="5" t="s">
        <v>38</v>
      </c>
      <c r="P24815" s="5" t="s">
        <v>39</v>
      </c>
      <c r="Q24815" s="5" t="s">
        <v>40</v>
      </c>
      <c r="R24815" s="5" t="s">
        <v>1522</v>
      </c>
      <c r="S24815" s="5" t="s">
        <v>1523</v>
      </c>
      <c r="T24815" s="5" t="s">
        <v>42</v>
      </c>
      <c r="U24815" s="2">
        <v>3.8010000000000002</v>
      </c>
      <c r="V24815" s="2">
        <v>3.1539999999999999</v>
      </c>
      <c r="W24815" s="2">
        <v>0.02</v>
      </c>
      <c r="X24815" s="2">
        <v>159.1</v>
      </c>
      <c r="Y24815" s="2">
        <v>7.6</v>
      </c>
      <c r="Z24815" s="2">
        <v>16.7</v>
      </c>
      <c r="AA24815" s="5"/>
      <c r="AB24815" s="5" t="s">
        <v>43</v>
      </c>
      <c r="AC24815" s="5" t="s">
        <v>44</v>
      </c>
      <c r="AD24815" s="2"/>
      <c r="AE24815" s="1"/>
    </row>
    <row r="24816" spans="1:31" ht="14.45">
      <c r="A24816" s="11"/>
      <c r="B24816" s="20"/>
      <c r="C24816" s="2" t="s">
        <v>79327</v>
      </c>
      <c r="D24816" s="14" t="s">
        <v>79328</v>
      </c>
      <c r="E24816" s="2" t="s">
        <v>79329</v>
      </c>
      <c r="F24816" s="2" t="s">
        <v>73362</v>
      </c>
      <c r="G24816" s="8">
        <v>314</v>
      </c>
      <c r="H24816" s="5">
        <v>6</v>
      </c>
      <c r="I24816" s="5" t="s">
        <v>1518</v>
      </c>
      <c r="J24816" s="5" t="s">
        <v>69038</v>
      </c>
      <c r="K24816" s="2" t="s">
        <v>69039</v>
      </c>
      <c r="L24816" s="5" t="s">
        <v>69038</v>
      </c>
      <c r="M24816" s="2" t="s">
        <v>69039</v>
      </c>
      <c r="N24816" s="5" t="s">
        <v>1521</v>
      </c>
      <c r="O24816" s="5" t="s">
        <v>38</v>
      </c>
      <c r="P24816" s="5" t="s">
        <v>39</v>
      </c>
      <c r="Q24816" s="5" t="s">
        <v>40</v>
      </c>
      <c r="R24816" s="5" t="s">
        <v>1522</v>
      </c>
      <c r="S24816" s="5" t="s">
        <v>1523</v>
      </c>
      <c r="T24816" s="5" t="s">
        <v>42</v>
      </c>
      <c r="U24816" s="2">
        <v>3.9209999999999998</v>
      </c>
      <c r="V24816" s="2">
        <v>3.274</v>
      </c>
      <c r="W24816" s="2">
        <v>0.02</v>
      </c>
      <c r="X24816" s="2">
        <v>159.1</v>
      </c>
      <c r="Y24816" s="2">
        <v>7.6</v>
      </c>
      <c r="Z24816" s="2">
        <v>16.7</v>
      </c>
      <c r="AA24816" s="5"/>
      <c r="AB24816" s="5" t="s">
        <v>43</v>
      </c>
      <c r="AC24816" s="5" t="s">
        <v>44</v>
      </c>
      <c r="AD24816" s="2"/>
      <c r="AE24816" s="1"/>
    </row>
    <row r="24817" spans="1:31" ht="14.45">
      <c r="A24817" s="11"/>
      <c r="B24817" s="20"/>
      <c r="C24817" s="2" t="s">
        <v>79330</v>
      </c>
      <c r="D24817" s="14" t="s">
        <v>79331</v>
      </c>
      <c r="E24817" s="2" t="s">
        <v>79332</v>
      </c>
      <c r="F24817" s="2" t="s">
        <v>7615</v>
      </c>
      <c r="G24817" s="8">
        <v>314</v>
      </c>
      <c r="H24817" s="5">
        <v>6</v>
      </c>
      <c r="I24817" s="5" t="s">
        <v>1518</v>
      </c>
      <c r="J24817" s="5" t="s">
        <v>69038</v>
      </c>
      <c r="K24817" s="2" t="s">
        <v>69039</v>
      </c>
      <c r="L24817" s="5" t="s">
        <v>69038</v>
      </c>
      <c r="M24817" s="2" t="s">
        <v>69039</v>
      </c>
      <c r="N24817" s="5" t="s">
        <v>1521</v>
      </c>
      <c r="O24817" s="5" t="s">
        <v>38</v>
      </c>
      <c r="P24817" s="5" t="s">
        <v>39</v>
      </c>
      <c r="Q24817" s="5" t="s">
        <v>40</v>
      </c>
      <c r="R24817" s="5" t="s">
        <v>1522</v>
      </c>
      <c r="S24817" s="5" t="s">
        <v>1523</v>
      </c>
      <c r="T24817" s="5" t="s">
        <v>42</v>
      </c>
      <c r="U24817" s="2">
        <v>3.8010000000000002</v>
      </c>
      <c r="V24817" s="2">
        <v>3.1539999999999999</v>
      </c>
      <c r="W24817" s="2">
        <v>0.02</v>
      </c>
      <c r="X24817" s="2">
        <v>159.1</v>
      </c>
      <c r="Y24817" s="2">
        <v>7.6</v>
      </c>
      <c r="Z24817" s="2">
        <v>16.7</v>
      </c>
      <c r="AA24817" s="5"/>
      <c r="AB24817" s="5" t="s">
        <v>43</v>
      </c>
      <c r="AC24817" s="5" t="s">
        <v>44</v>
      </c>
      <c r="AD24817" s="2"/>
      <c r="AE24817" s="1"/>
    </row>
    <row r="24818" spans="1:31" ht="14.45">
      <c r="A24818" s="11"/>
      <c r="B24818" s="20"/>
      <c r="C24818" s="2" t="s">
        <v>79333</v>
      </c>
      <c r="D24818" s="14" t="s">
        <v>79334</v>
      </c>
      <c r="E24818" s="2" t="s">
        <v>79335</v>
      </c>
      <c r="F24818" s="2" t="s">
        <v>7619</v>
      </c>
      <c r="G24818" s="8">
        <v>314</v>
      </c>
      <c r="H24818" s="5">
        <v>6</v>
      </c>
      <c r="I24818" s="5" t="s">
        <v>1518</v>
      </c>
      <c r="J24818" s="5" t="s">
        <v>69038</v>
      </c>
      <c r="K24818" s="2" t="s">
        <v>69039</v>
      </c>
      <c r="L24818" s="5" t="s">
        <v>69038</v>
      </c>
      <c r="M24818" s="2" t="s">
        <v>69039</v>
      </c>
      <c r="N24818" s="5" t="s">
        <v>1521</v>
      </c>
      <c r="O24818" s="5" t="s">
        <v>38</v>
      </c>
      <c r="P24818" s="5" t="s">
        <v>39</v>
      </c>
      <c r="Q24818" s="5" t="s">
        <v>40</v>
      </c>
      <c r="R24818" s="5" t="s">
        <v>1522</v>
      </c>
      <c r="S24818" s="5" t="s">
        <v>1523</v>
      </c>
      <c r="T24818" s="5" t="s">
        <v>42</v>
      </c>
      <c r="U24818" s="2">
        <v>3.9209999999999998</v>
      </c>
      <c r="V24818" s="2">
        <v>3.274</v>
      </c>
      <c r="W24818" s="2">
        <v>0.02</v>
      </c>
      <c r="X24818" s="2">
        <v>159.1</v>
      </c>
      <c r="Y24818" s="2">
        <v>7.6</v>
      </c>
      <c r="Z24818" s="2">
        <v>16.7</v>
      </c>
      <c r="AA24818" s="5"/>
      <c r="AB24818" s="5" t="s">
        <v>43</v>
      </c>
      <c r="AC24818" s="5" t="s">
        <v>44</v>
      </c>
      <c r="AD24818" s="2"/>
      <c r="AE24818" s="1"/>
    </row>
    <row r="24819" spans="1:31" ht="14.45">
      <c r="A24819" s="11"/>
      <c r="B24819" s="20"/>
      <c r="C24819" s="2" t="s">
        <v>79336</v>
      </c>
      <c r="D24819" s="14" t="s">
        <v>79337</v>
      </c>
      <c r="E24819" s="2" t="s">
        <v>79338</v>
      </c>
      <c r="F24819" s="2" t="s">
        <v>16014</v>
      </c>
      <c r="G24819" s="8">
        <v>314</v>
      </c>
      <c r="H24819" s="5">
        <v>6</v>
      </c>
      <c r="I24819" s="5" t="s">
        <v>1518</v>
      </c>
      <c r="J24819" s="5" t="s">
        <v>69038</v>
      </c>
      <c r="K24819" s="2" t="s">
        <v>69039</v>
      </c>
      <c r="L24819" s="5" t="s">
        <v>69038</v>
      </c>
      <c r="M24819" s="2" t="s">
        <v>69039</v>
      </c>
      <c r="N24819" s="5" t="s">
        <v>1521</v>
      </c>
      <c r="O24819" s="5" t="s">
        <v>38</v>
      </c>
      <c r="P24819" s="5" t="s">
        <v>39</v>
      </c>
      <c r="Q24819" s="5" t="s">
        <v>40</v>
      </c>
      <c r="R24819" s="5" t="s">
        <v>1522</v>
      </c>
      <c r="S24819" s="5" t="s">
        <v>1523</v>
      </c>
      <c r="T24819" s="5" t="s">
        <v>42</v>
      </c>
      <c r="U24819" s="2">
        <v>3.8010000000000002</v>
      </c>
      <c r="V24819" s="2">
        <v>3.1539999999999999</v>
      </c>
      <c r="W24819" s="2">
        <v>0.02</v>
      </c>
      <c r="X24819" s="2">
        <v>159.1</v>
      </c>
      <c r="Y24819" s="2">
        <v>7.6</v>
      </c>
      <c r="Z24819" s="2">
        <v>16.7</v>
      </c>
      <c r="AA24819" s="5"/>
      <c r="AB24819" s="5" t="s">
        <v>43</v>
      </c>
      <c r="AC24819" s="5" t="s">
        <v>44</v>
      </c>
      <c r="AD24819" s="2"/>
      <c r="AE24819" s="1"/>
    </row>
    <row r="24820" spans="1:31" ht="14.45">
      <c r="A24820" s="11"/>
      <c r="B24820" s="20"/>
      <c r="C24820" s="2" t="s">
        <v>79339</v>
      </c>
      <c r="D24820" s="14" t="s">
        <v>79340</v>
      </c>
      <c r="E24820" s="2" t="s">
        <v>79341</v>
      </c>
      <c r="F24820" s="2" t="s">
        <v>16219</v>
      </c>
      <c r="G24820" s="8">
        <v>314</v>
      </c>
      <c r="H24820" s="5">
        <v>6</v>
      </c>
      <c r="I24820" s="5" t="s">
        <v>1518</v>
      </c>
      <c r="J24820" s="5" t="s">
        <v>69038</v>
      </c>
      <c r="K24820" s="2" t="s">
        <v>69039</v>
      </c>
      <c r="L24820" s="5" t="s">
        <v>69038</v>
      </c>
      <c r="M24820" s="2" t="s">
        <v>69039</v>
      </c>
      <c r="N24820" s="5" t="s">
        <v>1521</v>
      </c>
      <c r="O24820" s="5" t="s">
        <v>38</v>
      </c>
      <c r="P24820" s="5" t="s">
        <v>39</v>
      </c>
      <c r="Q24820" s="5" t="s">
        <v>40</v>
      </c>
      <c r="R24820" s="5" t="s">
        <v>1522</v>
      </c>
      <c r="S24820" s="5" t="s">
        <v>1523</v>
      </c>
      <c r="T24820" s="5" t="s">
        <v>42</v>
      </c>
      <c r="U24820" s="2">
        <v>3.9209999999999998</v>
      </c>
      <c r="V24820" s="2">
        <v>3.274</v>
      </c>
      <c r="W24820" s="2">
        <v>0.02</v>
      </c>
      <c r="X24820" s="2">
        <v>159.1</v>
      </c>
      <c r="Y24820" s="2">
        <v>7.6</v>
      </c>
      <c r="Z24820" s="2">
        <v>16.7</v>
      </c>
      <c r="AA24820" s="5"/>
      <c r="AB24820" s="5" t="s">
        <v>43</v>
      </c>
      <c r="AC24820" s="5" t="s">
        <v>44</v>
      </c>
      <c r="AD24820" s="2"/>
      <c r="AE24820" s="1"/>
    </row>
    <row r="24821" spans="1:31" ht="14.45">
      <c r="A24821" s="11"/>
      <c r="B24821" s="20"/>
      <c r="C24821" s="2" t="s">
        <v>79342</v>
      </c>
      <c r="D24821" s="14" t="s">
        <v>79343</v>
      </c>
      <c r="E24821" s="2" t="s">
        <v>79344</v>
      </c>
      <c r="F24821" s="2" t="s">
        <v>7212</v>
      </c>
      <c r="G24821" s="8">
        <v>290</v>
      </c>
      <c r="H24821" s="5">
        <v>6</v>
      </c>
      <c r="I24821" s="5" t="s">
        <v>1518</v>
      </c>
      <c r="J24821" s="5" t="s">
        <v>69038</v>
      </c>
      <c r="K24821" s="2" t="s">
        <v>69039</v>
      </c>
      <c r="L24821" s="5" t="s">
        <v>69038</v>
      </c>
      <c r="M24821" s="2" t="s">
        <v>69039</v>
      </c>
      <c r="N24821" s="5" t="s">
        <v>1521</v>
      </c>
      <c r="O24821" s="5" t="s">
        <v>38</v>
      </c>
      <c r="P24821" s="5" t="s">
        <v>39</v>
      </c>
      <c r="Q24821" s="5" t="s">
        <v>40</v>
      </c>
      <c r="R24821" s="5" t="s">
        <v>1522</v>
      </c>
      <c r="S24821" s="5" t="s">
        <v>1523</v>
      </c>
      <c r="T24821" s="5" t="s">
        <v>42</v>
      </c>
      <c r="U24821" s="2">
        <v>3.8010000000000002</v>
      </c>
      <c r="V24821" s="2">
        <v>3.1539999999999999</v>
      </c>
      <c r="W24821" s="2">
        <v>0.02</v>
      </c>
      <c r="X24821" s="2">
        <v>159.1</v>
      </c>
      <c r="Y24821" s="2">
        <v>7.6</v>
      </c>
      <c r="Z24821" s="2">
        <v>16.7</v>
      </c>
      <c r="AA24821" s="5"/>
      <c r="AB24821" s="5" t="s">
        <v>43</v>
      </c>
      <c r="AC24821" s="5" t="s">
        <v>44</v>
      </c>
      <c r="AD24821" s="2"/>
      <c r="AE24821" s="1"/>
    </row>
    <row r="24822" spans="1:31" ht="14.45">
      <c r="A24822" s="11"/>
      <c r="B24822" s="20"/>
      <c r="C24822" s="2" t="s">
        <v>79345</v>
      </c>
      <c r="D24822" s="14" t="s">
        <v>79346</v>
      </c>
      <c r="E24822" s="2" t="s">
        <v>79347</v>
      </c>
      <c r="F24822" s="2" t="s">
        <v>7528</v>
      </c>
      <c r="G24822" s="8">
        <v>290</v>
      </c>
      <c r="H24822" s="5">
        <v>6</v>
      </c>
      <c r="I24822" s="5" t="s">
        <v>1518</v>
      </c>
      <c r="J24822" s="5" t="s">
        <v>69038</v>
      </c>
      <c r="K24822" s="2" t="s">
        <v>69039</v>
      </c>
      <c r="L24822" s="5" t="s">
        <v>69038</v>
      </c>
      <c r="M24822" s="2" t="s">
        <v>69039</v>
      </c>
      <c r="N24822" s="5" t="s">
        <v>1521</v>
      </c>
      <c r="O24822" s="5" t="s">
        <v>38</v>
      </c>
      <c r="P24822" s="5" t="s">
        <v>39</v>
      </c>
      <c r="Q24822" s="5" t="s">
        <v>40</v>
      </c>
      <c r="R24822" s="5" t="s">
        <v>1522</v>
      </c>
      <c r="S24822" s="5" t="s">
        <v>1523</v>
      </c>
      <c r="T24822" s="5" t="s">
        <v>42</v>
      </c>
      <c r="U24822" s="2">
        <v>3.9209999999999998</v>
      </c>
      <c r="V24822" s="2">
        <v>3.274</v>
      </c>
      <c r="W24822" s="2">
        <v>0.02</v>
      </c>
      <c r="X24822" s="2">
        <v>159.1</v>
      </c>
      <c r="Y24822" s="2">
        <v>7.6</v>
      </c>
      <c r="Z24822" s="2">
        <v>16.7</v>
      </c>
      <c r="AA24822" s="5"/>
      <c r="AB24822" s="5" t="s">
        <v>43</v>
      </c>
      <c r="AC24822" s="5" t="s">
        <v>44</v>
      </c>
      <c r="AD24822" s="2"/>
      <c r="AE24822" s="1"/>
    </row>
    <row r="24823" spans="1:31" ht="14.45">
      <c r="A24823" s="11"/>
      <c r="B24823" s="20"/>
      <c r="C24823" s="2" t="s">
        <v>79348</v>
      </c>
      <c r="D24823" s="14" t="s">
        <v>79349</v>
      </c>
      <c r="E24823" s="2" t="s">
        <v>79350</v>
      </c>
      <c r="F24823" s="2" t="s">
        <v>16029</v>
      </c>
      <c r="G24823" s="8">
        <v>314</v>
      </c>
      <c r="H24823" s="5">
        <v>6</v>
      </c>
      <c r="I24823" s="5" t="s">
        <v>1518</v>
      </c>
      <c r="J24823" s="5" t="s">
        <v>69038</v>
      </c>
      <c r="K24823" s="2" t="s">
        <v>69039</v>
      </c>
      <c r="L24823" s="5" t="s">
        <v>69038</v>
      </c>
      <c r="M24823" s="2" t="s">
        <v>69039</v>
      </c>
      <c r="N24823" s="5" t="s">
        <v>1521</v>
      </c>
      <c r="O24823" s="5" t="s">
        <v>38</v>
      </c>
      <c r="P24823" s="5" t="s">
        <v>39</v>
      </c>
      <c r="Q24823" s="5" t="s">
        <v>40</v>
      </c>
      <c r="R24823" s="5" t="s">
        <v>1522</v>
      </c>
      <c r="S24823" s="5" t="s">
        <v>1523</v>
      </c>
      <c r="T24823" s="5" t="s">
        <v>42</v>
      </c>
      <c r="U24823" s="2">
        <v>3.7989999999999999</v>
      </c>
      <c r="V24823" s="2">
        <v>3.1520000000000001</v>
      </c>
      <c r="W24823" s="2">
        <v>0.02</v>
      </c>
      <c r="X24823" s="2">
        <v>159.1</v>
      </c>
      <c r="Y24823" s="2">
        <v>7.6</v>
      </c>
      <c r="Z24823" s="2">
        <v>16.7</v>
      </c>
      <c r="AA24823" s="5"/>
      <c r="AB24823" s="5" t="s">
        <v>43</v>
      </c>
      <c r="AC24823" s="5" t="s">
        <v>44</v>
      </c>
      <c r="AD24823" s="2"/>
      <c r="AE24823" s="1"/>
    </row>
    <row r="24824" spans="1:31" ht="14.45">
      <c r="A24824" s="11"/>
      <c r="B24824" s="20"/>
      <c r="C24824" s="2" t="s">
        <v>79351</v>
      </c>
      <c r="D24824" s="14" t="s">
        <v>79352</v>
      </c>
      <c r="E24824" s="2" t="s">
        <v>79353</v>
      </c>
      <c r="F24824" s="2" t="s">
        <v>16033</v>
      </c>
      <c r="G24824" s="8">
        <v>314</v>
      </c>
      <c r="H24824" s="5">
        <v>6</v>
      </c>
      <c r="I24824" s="5" t="s">
        <v>1518</v>
      </c>
      <c r="J24824" s="5" t="s">
        <v>69038</v>
      </c>
      <c r="K24824" s="2" t="s">
        <v>69039</v>
      </c>
      <c r="L24824" s="5" t="s">
        <v>69038</v>
      </c>
      <c r="M24824" s="2" t="s">
        <v>69039</v>
      </c>
      <c r="N24824" s="5" t="s">
        <v>1521</v>
      </c>
      <c r="O24824" s="5" t="s">
        <v>38</v>
      </c>
      <c r="P24824" s="5" t="s">
        <v>39</v>
      </c>
      <c r="Q24824" s="5" t="s">
        <v>40</v>
      </c>
      <c r="R24824" s="5" t="s">
        <v>1522</v>
      </c>
      <c r="S24824" s="5" t="s">
        <v>1523</v>
      </c>
      <c r="T24824" s="5" t="s">
        <v>42</v>
      </c>
      <c r="U24824" s="2">
        <v>3.919</v>
      </c>
      <c r="V24824" s="2">
        <v>3.2719999999999998</v>
      </c>
      <c r="W24824" s="2">
        <v>0.02</v>
      </c>
      <c r="X24824" s="2">
        <v>159.1</v>
      </c>
      <c r="Y24824" s="2">
        <v>7.6</v>
      </c>
      <c r="Z24824" s="2">
        <v>16.7</v>
      </c>
      <c r="AA24824" s="5"/>
      <c r="AB24824" s="5" t="s">
        <v>43</v>
      </c>
      <c r="AC24824" s="5" t="s">
        <v>44</v>
      </c>
      <c r="AD24824" s="2"/>
      <c r="AE24824" s="1"/>
    </row>
    <row r="24825" spans="1:31" ht="14.45">
      <c r="A24825" s="11"/>
      <c r="B24825" s="20"/>
      <c r="C24825" s="2" t="s">
        <v>79354</v>
      </c>
      <c r="D24825" s="14" t="s">
        <v>79355</v>
      </c>
      <c r="E24825" s="2" t="s">
        <v>79356</v>
      </c>
      <c r="F24825" s="2" t="s">
        <v>7204</v>
      </c>
      <c r="G24825" s="8">
        <v>308</v>
      </c>
      <c r="H24825" s="5">
        <v>6</v>
      </c>
      <c r="I24825" s="5" t="s">
        <v>1518</v>
      </c>
      <c r="J24825" s="5" t="s">
        <v>69038</v>
      </c>
      <c r="K24825" s="2" t="s">
        <v>69039</v>
      </c>
      <c r="L24825" s="5" t="s">
        <v>69038</v>
      </c>
      <c r="M24825" s="2" t="s">
        <v>69039</v>
      </c>
      <c r="N24825" s="5" t="s">
        <v>1521</v>
      </c>
      <c r="O24825" s="5" t="s">
        <v>38</v>
      </c>
      <c r="P24825" s="5" t="s">
        <v>39</v>
      </c>
      <c r="Q24825" s="5" t="s">
        <v>40</v>
      </c>
      <c r="R24825" s="5" t="s">
        <v>1522</v>
      </c>
      <c r="S24825" s="5" t="s">
        <v>1523</v>
      </c>
      <c r="T24825" s="5" t="s">
        <v>42</v>
      </c>
      <c r="U24825" s="2">
        <v>3.9740000000000002</v>
      </c>
      <c r="V24825" s="2">
        <v>3.3359999999999999</v>
      </c>
      <c r="W24825" s="2">
        <v>0.02</v>
      </c>
      <c r="X24825" s="2">
        <v>159.1</v>
      </c>
      <c r="Y24825" s="2">
        <v>7.6</v>
      </c>
      <c r="Z24825" s="2">
        <v>16.7</v>
      </c>
      <c r="AA24825" s="5"/>
      <c r="AB24825" s="5" t="s">
        <v>43</v>
      </c>
      <c r="AC24825" s="5" t="s">
        <v>44</v>
      </c>
      <c r="AD24825" s="2"/>
      <c r="AE24825" s="1"/>
    </row>
    <row r="24826" spans="1:31" ht="14.45">
      <c r="A24826" s="11"/>
      <c r="B24826" s="20"/>
      <c r="C24826" s="2" t="s">
        <v>79357</v>
      </c>
      <c r="D24826" s="14" t="s">
        <v>79358</v>
      </c>
      <c r="E24826" s="2" t="s">
        <v>79359</v>
      </c>
      <c r="F24826" s="2" t="s">
        <v>7514</v>
      </c>
      <c r="G24826" s="8">
        <v>308</v>
      </c>
      <c r="H24826" s="5">
        <v>6</v>
      </c>
      <c r="I24826" s="5" t="s">
        <v>1518</v>
      </c>
      <c r="J24826" s="5" t="s">
        <v>69038</v>
      </c>
      <c r="K24826" s="2" t="s">
        <v>69039</v>
      </c>
      <c r="L24826" s="5" t="s">
        <v>69038</v>
      </c>
      <c r="M24826" s="2" t="s">
        <v>69039</v>
      </c>
      <c r="N24826" s="5" t="s">
        <v>1521</v>
      </c>
      <c r="O24826" s="5" t="s">
        <v>38</v>
      </c>
      <c r="P24826" s="5" t="s">
        <v>39</v>
      </c>
      <c r="Q24826" s="5" t="s">
        <v>40</v>
      </c>
      <c r="R24826" s="5" t="s">
        <v>1522</v>
      </c>
      <c r="S24826" s="5" t="s">
        <v>1523</v>
      </c>
      <c r="T24826" s="5" t="s">
        <v>42</v>
      </c>
      <c r="U24826" s="2">
        <v>4.1040000000000001</v>
      </c>
      <c r="V24826" s="2">
        <v>3.4660000000000002</v>
      </c>
      <c r="W24826" s="2">
        <v>0.02</v>
      </c>
      <c r="X24826" s="2">
        <v>159.1</v>
      </c>
      <c r="Y24826" s="2">
        <v>7.6</v>
      </c>
      <c r="Z24826" s="2">
        <v>16.7</v>
      </c>
      <c r="AA24826" s="5"/>
      <c r="AB24826" s="5" t="s">
        <v>43</v>
      </c>
      <c r="AC24826" s="5" t="s">
        <v>44</v>
      </c>
      <c r="AD24826" s="2"/>
      <c r="AE24826" s="1"/>
    </row>
    <row r="24827" spans="1:31" ht="14.45">
      <c r="A24827" s="11"/>
      <c r="B24827" s="20"/>
      <c r="C24827" s="2" t="s">
        <v>79360</v>
      </c>
      <c r="D24827" s="14" t="s">
        <v>79361</v>
      </c>
      <c r="E24827" s="2" t="s">
        <v>79362</v>
      </c>
      <c r="F24827" s="2" t="s">
        <v>7208</v>
      </c>
      <c r="G24827" s="8">
        <v>308</v>
      </c>
      <c r="H24827" s="5">
        <v>6</v>
      </c>
      <c r="I24827" s="5" t="s">
        <v>1518</v>
      </c>
      <c r="J24827" s="5" t="s">
        <v>69038</v>
      </c>
      <c r="K24827" s="2" t="s">
        <v>69039</v>
      </c>
      <c r="L24827" s="5" t="s">
        <v>69038</v>
      </c>
      <c r="M24827" s="2" t="s">
        <v>69039</v>
      </c>
      <c r="N24827" s="5" t="s">
        <v>1521</v>
      </c>
      <c r="O24827" s="5" t="s">
        <v>38</v>
      </c>
      <c r="P24827" s="5" t="s">
        <v>39</v>
      </c>
      <c r="Q24827" s="5" t="s">
        <v>40</v>
      </c>
      <c r="R24827" s="5" t="s">
        <v>1522</v>
      </c>
      <c r="S24827" s="5" t="s">
        <v>1523</v>
      </c>
      <c r="T24827" s="5" t="s">
        <v>42</v>
      </c>
      <c r="U24827" s="2">
        <v>3.9740000000000002</v>
      </c>
      <c r="V24827" s="2">
        <v>3.3359999999999999</v>
      </c>
      <c r="W24827" s="2">
        <v>0.02</v>
      </c>
      <c r="X24827" s="2">
        <v>159.1</v>
      </c>
      <c r="Y24827" s="2">
        <v>7.6</v>
      </c>
      <c r="Z24827" s="2">
        <v>16.7</v>
      </c>
      <c r="AA24827" s="5"/>
      <c r="AB24827" s="5" t="s">
        <v>43</v>
      </c>
      <c r="AC24827" s="5" t="s">
        <v>44</v>
      </c>
      <c r="AD24827" s="2"/>
      <c r="AE24827" s="1"/>
    </row>
    <row r="24828" spans="1:31" ht="14.45">
      <c r="A24828" s="11"/>
      <c r="B24828" s="20"/>
      <c r="C24828" s="2" t="s">
        <v>79363</v>
      </c>
      <c r="D24828" s="14" t="s">
        <v>79364</v>
      </c>
      <c r="E24828" s="2" t="s">
        <v>79365</v>
      </c>
      <c r="F24828" s="2" t="s">
        <v>7555</v>
      </c>
      <c r="G24828" s="8">
        <v>334</v>
      </c>
      <c r="H24828" s="5">
        <v>6</v>
      </c>
      <c r="I24828" s="5" t="s">
        <v>1518</v>
      </c>
      <c r="J24828" s="5" t="s">
        <v>69038</v>
      </c>
      <c r="K24828" s="2" t="s">
        <v>69039</v>
      </c>
      <c r="L24828" s="5" t="s">
        <v>69038</v>
      </c>
      <c r="M24828" s="2" t="s">
        <v>69039</v>
      </c>
      <c r="N24828" s="5" t="s">
        <v>1521</v>
      </c>
      <c r="O24828" s="5" t="s">
        <v>38</v>
      </c>
      <c r="P24828" s="5" t="s">
        <v>39</v>
      </c>
      <c r="Q24828" s="5" t="s">
        <v>40</v>
      </c>
      <c r="R24828" s="5" t="s">
        <v>1522</v>
      </c>
      <c r="S24828" s="5" t="s">
        <v>1523</v>
      </c>
      <c r="T24828" s="5" t="s">
        <v>42</v>
      </c>
      <c r="U24828" s="2">
        <v>3.9740000000000002</v>
      </c>
      <c r="V24828" s="2">
        <v>3.3359999999999999</v>
      </c>
      <c r="W24828" s="2">
        <v>0.02</v>
      </c>
      <c r="X24828" s="2">
        <v>159.1</v>
      </c>
      <c r="Y24828" s="2">
        <v>7.6</v>
      </c>
      <c r="Z24828" s="2">
        <v>16.7</v>
      </c>
      <c r="AA24828" s="5"/>
      <c r="AB24828" s="5" t="s">
        <v>43</v>
      </c>
      <c r="AC24828" s="5" t="s">
        <v>44</v>
      </c>
      <c r="AD24828" s="2"/>
      <c r="AE24828" s="1"/>
    </row>
    <row r="24829" spans="1:31" ht="14.45">
      <c r="A24829" s="11"/>
      <c r="B24829" s="20"/>
      <c r="C24829" s="2" t="s">
        <v>79366</v>
      </c>
      <c r="D24829" s="14" t="s">
        <v>79367</v>
      </c>
      <c r="E24829" s="2" t="s">
        <v>79368</v>
      </c>
      <c r="F24829" s="2" t="s">
        <v>7589</v>
      </c>
      <c r="G24829" s="8">
        <v>334</v>
      </c>
      <c r="H24829" s="5">
        <v>6</v>
      </c>
      <c r="I24829" s="5" t="s">
        <v>1518</v>
      </c>
      <c r="J24829" s="5" t="s">
        <v>69038</v>
      </c>
      <c r="K24829" s="2" t="s">
        <v>69039</v>
      </c>
      <c r="L24829" s="5" t="s">
        <v>69038</v>
      </c>
      <c r="M24829" s="2" t="s">
        <v>69039</v>
      </c>
      <c r="N24829" s="5" t="s">
        <v>1521</v>
      </c>
      <c r="O24829" s="5" t="s">
        <v>38</v>
      </c>
      <c r="P24829" s="5" t="s">
        <v>39</v>
      </c>
      <c r="Q24829" s="5" t="s">
        <v>40</v>
      </c>
      <c r="R24829" s="5" t="s">
        <v>1522</v>
      </c>
      <c r="S24829" s="5" t="s">
        <v>1523</v>
      </c>
      <c r="T24829" s="5" t="s">
        <v>42</v>
      </c>
      <c r="U24829" s="2">
        <v>4.1040000000000001</v>
      </c>
      <c r="V24829" s="2">
        <v>3.4660000000000002</v>
      </c>
      <c r="W24829" s="2">
        <v>0.02</v>
      </c>
      <c r="X24829" s="2">
        <v>159.1</v>
      </c>
      <c r="Y24829" s="2">
        <v>7.6</v>
      </c>
      <c r="Z24829" s="2">
        <v>16.7</v>
      </c>
      <c r="AA24829" s="5"/>
      <c r="AB24829" s="5" t="s">
        <v>43</v>
      </c>
      <c r="AC24829" s="5" t="s">
        <v>44</v>
      </c>
      <c r="AD24829" s="2"/>
      <c r="AE24829" s="1"/>
    </row>
    <row r="24830" spans="1:31" ht="14.45">
      <c r="A24830" s="11"/>
      <c r="B24830" s="20"/>
      <c r="C24830" s="2" t="s">
        <v>79369</v>
      </c>
      <c r="D24830" s="14" t="s">
        <v>79370</v>
      </c>
      <c r="E24830" s="2" t="s">
        <v>79371</v>
      </c>
      <c r="F24830" s="2" t="s">
        <v>7593</v>
      </c>
      <c r="G24830" s="8">
        <v>334</v>
      </c>
      <c r="H24830" s="5">
        <v>6</v>
      </c>
      <c r="I24830" s="5" t="s">
        <v>1518</v>
      </c>
      <c r="J24830" s="5" t="s">
        <v>69038</v>
      </c>
      <c r="K24830" s="2" t="s">
        <v>69039</v>
      </c>
      <c r="L24830" s="5" t="s">
        <v>69038</v>
      </c>
      <c r="M24830" s="2" t="s">
        <v>69039</v>
      </c>
      <c r="N24830" s="5" t="s">
        <v>1521</v>
      </c>
      <c r="O24830" s="5" t="s">
        <v>38</v>
      </c>
      <c r="P24830" s="5" t="s">
        <v>39</v>
      </c>
      <c r="Q24830" s="5" t="s">
        <v>40</v>
      </c>
      <c r="R24830" s="5" t="s">
        <v>1522</v>
      </c>
      <c r="S24830" s="5" t="s">
        <v>1523</v>
      </c>
      <c r="T24830" s="5" t="s">
        <v>42</v>
      </c>
      <c r="U24830" s="2">
        <v>3.9740000000000002</v>
      </c>
      <c r="V24830" s="2">
        <v>3.3359999999999999</v>
      </c>
      <c r="W24830" s="2">
        <v>0.02</v>
      </c>
      <c r="X24830" s="2">
        <v>159.1</v>
      </c>
      <c r="Y24830" s="2">
        <v>7.6</v>
      </c>
      <c r="Z24830" s="2">
        <v>16.7</v>
      </c>
      <c r="AA24830" s="5"/>
      <c r="AB24830" s="5" t="s">
        <v>43</v>
      </c>
      <c r="AC24830" s="5" t="s">
        <v>44</v>
      </c>
      <c r="AD24830" s="2"/>
      <c r="AE24830" s="1"/>
    </row>
    <row r="24831" spans="1:31" ht="14.45">
      <c r="A24831" s="11"/>
      <c r="B24831" s="20"/>
      <c r="C24831" s="2" t="s">
        <v>79372</v>
      </c>
      <c r="D24831" s="14" t="s">
        <v>79373</v>
      </c>
      <c r="E24831" s="2" t="s">
        <v>79374</v>
      </c>
      <c r="F24831" s="2" t="s">
        <v>16014</v>
      </c>
      <c r="G24831" s="8">
        <v>334</v>
      </c>
      <c r="H24831" s="5">
        <v>6</v>
      </c>
      <c r="I24831" s="5" t="s">
        <v>1518</v>
      </c>
      <c r="J24831" s="5" t="s">
        <v>69038</v>
      </c>
      <c r="K24831" s="2" t="s">
        <v>69039</v>
      </c>
      <c r="L24831" s="5" t="s">
        <v>69038</v>
      </c>
      <c r="M24831" s="2" t="s">
        <v>69039</v>
      </c>
      <c r="N24831" s="5" t="s">
        <v>1521</v>
      </c>
      <c r="O24831" s="5" t="s">
        <v>38</v>
      </c>
      <c r="P24831" s="5" t="s">
        <v>39</v>
      </c>
      <c r="Q24831" s="5" t="s">
        <v>40</v>
      </c>
      <c r="R24831" s="5" t="s">
        <v>1522</v>
      </c>
      <c r="S24831" s="5" t="s">
        <v>1523</v>
      </c>
      <c r="T24831" s="5" t="s">
        <v>42</v>
      </c>
      <c r="U24831" s="2">
        <v>3.9740000000000002</v>
      </c>
      <c r="V24831" s="2">
        <v>3.3359999999999999</v>
      </c>
      <c r="W24831" s="2">
        <v>0.02</v>
      </c>
      <c r="X24831" s="2">
        <v>159.1</v>
      </c>
      <c r="Y24831" s="2">
        <v>7.6</v>
      </c>
      <c r="Z24831" s="2">
        <v>16.7</v>
      </c>
      <c r="AA24831" s="5"/>
      <c r="AB24831" s="5" t="s">
        <v>43</v>
      </c>
      <c r="AC24831" s="5" t="s">
        <v>44</v>
      </c>
      <c r="AD24831" s="2"/>
      <c r="AE24831" s="1"/>
    </row>
    <row r="24832" spans="1:31" ht="14.45">
      <c r="A24832" s="11"/>
      <c r="B24832" s="20"/>
      <c r="C24832" s="2" t="s">
        <v>79375</v>
      </c>
      <c r="D24832" s="14" t="s">
        <v>79376</v>
      </c>
      <c r="E24832" s="2" t="s">
        <v>79377</v>
      </c>
      <c r="F24832" s="2" t="s">
        <v>16029</v>
      </c>
      <c r="G24832" s="8">
        <v>334</v>
      </c>
      <c r="H24832" s="5">
        <v>6</v>
      </c>
      <c r="I24832" s="5" t="s">
        <v>1518</v>
      </c>
      <c r="J24832" s="5" t="s">
        <v>69038</v>
      </c>
      <c r="K24832" s="2" t="s">
        <v>69039</v>
      </c>
      <c r="L24832" s="5" t="s">
        <v>69038</v>
      </c>
      <c r="M24832" s="2" t="s">
        <v>69039</v>
      </c>
      <c r="N24832" s="5" t="s">
        <v>1521</v>
      </c>
      <c r="O24832" s="5" t="s">
        <v>38</v>
      </c>
      <c r="P24832" s="5" t="s">
        <v>39</v>
      </c>
      <c r="Q24832" s="5" t="s">
        <v>40</v>
      </c>
      <c r="R24832" s="5" t="s">
        <v>1522</v>
      </c>
      <c r="S24832" s="5" t="s">
        <v>1523</v>
      </c>
      <c r="T24832" s="5" t="s">
        <v>42</v>
      </c>
      <c r="U24832" s="2">
        <v>3.972</v>
      </c>
      <c r="V24832" s="2">
        <v>3.3340000000000001</v>
      </c>
      <c r="W24832" s="2">
        <v>0.02</v>
      </c>
      <c r="X24832" s="2">
        <v>159.1</v>
      </c>
      <c r="Y24832" s="2">
        <v>7.6</v>
      </c>
      <c r="Z24832" s="2">
        <v>16.7</v>
      </c>
      <c r="AA24832" s="5"/>
      <c r="AB24832" s="5" t="s">
        <v>43</v>
      </c>
      <c r="AC24832" s="5" t="s">
        <v>44</v>
      </c>
      <c r="AD24832" s="2"/>
      <c r="AE24832" s="1"/>
    </row>
    <row r="24833" spans="1:31" ht="14.45">
      <c r="A24833" s="11"/>
      <c r="B24833" s="20"/>
      <c r="C24833" s="2" t="s">
        <v>79378</v>
      </c>
      <c r="D24833" s="14" t="s">
        <v>79379</v>
      </c>
      <c r="E24833" s="2" t="s">
        <v>79380</v>
      </c>
      <c r="F24833" s="2" t="s">
        <v>16033</v>
      </c>
      <c r="G24833" s="8">
        <v>334</v>
      </c>
      <c r="H24833" s="5">
        <v>6</v>
      </c>
      <c r="I24833" s="5" t="s">
        <v>1518</v>
      </c>
      <c r="J24833" s="5" t="s">
        <v>69038</v>
      </c>
      <c r="K24833" s="2" t="s">
        <v>69039</v>
      </c>
      <c r="L24833" s="5" t="s">
        <v>69038</v>
      </c>
      <c r="M24833" s="2" t="s">
        <v>69039</v>
      </c>
      <c r="N24833" s="5" t="s">
        <v>1521</v>
      </c>
      <c r="O24833" s="5" t="s">
        <v>38</v>
      </c>
      <c r="P24833" s="5" t="s">
        <v>39</v>
      </c>
      <c r="Q24833" s="5" t="s">
        <v>40</v>
      </c>
      <c r="R24833" s="5" t="s">
        <v>1522</v>
      </c>
      <c r="S24833" s="5" t="s">
        <v>1523</v>
      </c>
      <c r="T24833" s="5" t="s">
        <v>42</v>
      </c>
      <c r="U24833" s="2">
        <v>4.1020000000000003</v>
      </c>
      <c r="V24833" s="2">
        <v>3.464</v>
      </c>
      <c r="W24833" s="2">
        <v>0.02</v>
      </c>
      <c r="X24833" s="2">
        <v>159.1</v>
      </c>
      <c r="Y24833" s="2">
        <v>7.6</v>
      </c>
      <c r="Z24833" s="2">
        <v>16.7</v>
      </c>
      <c r="AA24833" s="5"/>
      <c r="AB24833" s="5" t="s">
        <v>43</v>
      </c>
      <c r="AC24833" s="5" t="s">
        <v>44</v>
      </c>
      <c r="AD24833" s="2"/>
      <c r="AE24833" s="1"/>
    </row>
    <row r="24834" spans="1:31" ht="14.45">
      <c r="A24834" s="11"/>
      <c r="B24834" s="20"/>
      <c r="C24834" s="2" t="s">
        <v>79381</v>
      </c>
      <c r="D24834" s="14" t="s">
        <v>79382</v>
      </c>
      <c r="E24834" s="2" t="s">
        <v>79383</v>
      </c>
      <c r="F24834" s="2" t="s">
        <v>16029</v>
      </c>
      <c r="G24834" s="8">
        <v>300</v>
      </c>
      <c r="H24834" s="5">
        <v>6</v>
      </c>
      <c r="I24834" s="5" t="s">
        <v>1518</v>
      </c>
      <c r="J24834" s="5" t="s">
        <v>69038</v>
      </c>
      <c r="K24834" s="2" t="s">
        <v>69039</v>
      </c>
      <c r="L24834" s="5" t="s">
        <v>69038</v>
      </c>
      <c r="M24834" s="2" t="s">
        <v>69039</v>
      </c>
      <c r="N24834" s="5" t="s">
        <v>1521</v>
      </c>
      <c r="O24834" s="5" t="s">
        <v>38</v>
      </c>
      <c r="P24834" s="5" t="s">
        <v>39</v>
      </c>
      <c r="Q24834" s="5" t="s">
        <v>40</v>
      </c>
      <c r="R24834" s="5" t="s">
        <v>1522</v>
      </c>
      <c r="S24834" s="5" t="s">
        <v>1523</v>
      </c>
      <c r="T24834" s="5" t="s">
        <v>42</v>
      </c>
      <c r="U24834" s="2">
        <v>3.169</v>
      </c>
      <c r="V24834" s="2">
        <v>2.488</v>
      </c>
      <c r="W24834" s="2">
        <v>0.02</v>
      </c>
      <c r="X24834" s="2">
        <v>159.1</v>
      </c>
      <c r="Y24834" s="2">
        <v>7.6</v>
      </c>
      <c r="Z24834" s="2">
        <v>16.7</v>
      </c>
      <c r="AA24834" s="5"/>
      <c r="AB24834" s="5" t="s">
        <v>43</v>
      </c>
      <c r="AC24834" s="5" t="s">
        <v>44</v>
      </c>
      <c r="AD24834" s="2"/>
      <c r="AE24834" s="1"/>
    </row>
    <row r="24835" spans="1:31" ht="14.45">
      <c r="A24835" s="11"/>
      <c r="B24835" s="20"/>
      <c r="C24835" s="2" t="s">
        <v>79384</v>
      </c>
      <c r="D24835" s="14" t="s">
        <v>79385</v>
      </c>
      <c r="E24835" s="2" t="s">
        <v>79386</v>
      </c>
      <c r="F24835" s="2" t="s">
        <v>16033</v>
      </c>
      <c r="G24835" s="8">
        <v>300</v>
      </c>
      <c r="H24835" s="5">
        <v>6</v>
      </c>
      <c r="I24835" s="5" t="s">
        <v>1518</v>
      </c>
      <c r="J24835" s="5" t="s">
        <v>69038</v>
      </c>
      <c r="K24835" s="2" t="s">
        <v>69039</v>
      </c>
      <c r="L24835" s="5" t="s">
        <v>69038</v>
      </c>
      <c r="M24835" s="2" t="s">
        <v>69039</v>
      </c>
      <c r="N24835" s="5" t="s">
        <v>1521</v>
      </c>
      <c r="O24835" s="5" t="s">
        <v>38</v>
      </c>
      <c r="P24835" s="5" t="s">
        <v>39</v>
      </c>
      <c r="Q24835" s="5" t="s">
        <v>40</v>
      </c>
      <c r="R24835" s="5" t="s">
        <v>1522</v>
      </c>
      <c r="S24835" s="5" t="s">
        <v>1523</v>
      </c>
      <c r="T24835" s="5" t="s">
        <v>42</v>
      </c>
      <c r="U24835" s="2">
        <v>3.2450000000000001</v>
      </c>
      <c r="V24835" s="2">
        <v>2.5640000000000001</v>
      </c>
      <c r="W24835" s="2">
        <v>0.02</v>
      </c>
      <c r="X24835" s="2">
        <v>159.1</v>
      </c>
      <c r="Y24835" s="2">
        <v>7.6</v>
      </c>
      <c r="Z24835" s="2">
        <v>16.7</v>
      </c>
      <c r="AA24835" s="5"/>
      <c r="AB24835" s="5" t="s">
        <v>43</v>
      </c>
      <c r="AC24835" s="5" t="s">
        <v>44</v>
      </c>
      <c r="AD24835" s="2"/>
      <c r="AE24835" s="1"/>
    </row>
    <row r="24836" spans="1:31" ht="14.45">
      <c r="A24836" s="11"/>
      <c r="B24836" s="20"/>
      <c r="C24836" s="2" t="s">
        <v>79387</v>
      </c>
      <c r="D24836" s="14" t="s">
        <v>79388</v>
      </c>
      <c r="E24836" s="2" t="s">
        <v>79389</v>
      </c>
      <c r="F24836" s="2" t="s">
        <v>7204</v>
      </c>
      <c r="G24836" s="8">
        <v>278</v>
      </c>
      <c r="H24836" s="5">
        <v>6</v>
      </c>
      <c r="I24836" s="5" t="s">
        <v>1518</v>
      </c>
      <c r="J24836" s="5" t="s">
        <v>69038</v>
      </c>
      <c r="K24836" s="2" t="s">
        <v>69039</v>
      </c>
      <c r="L24836" s="5" t="s">
        <v>69038</v>
      </c>
      <c r="M24836" s="2" t="s">
        <v>69039</v>
      </c>
      <c r="N24836" s="5" t="s">
        <v>1521</v>
      </c>
      <c r="O24836" s="5" t="s">
        <v>38</v>
      </c>
      <c r="P24836" s="5" t="s">
        <v>39</v>
      </c>
      <c r="Q24836" s="5" t="s">
        <v>40</v>
      </c>
      <c r="R24836" s="5" t="s">
        <v>1522</v>
      </c>
      <c r="S24836" s="5" t="s">
        <v>1523</v>
      </c>
      <c r="T24836" s="5" t="s">
        <v>42</v>
      </c>
      <c r="U24836" s="2">
        <v>3.4980000000000002</v>
      </c>
      <c r="V24836" s="2">
        <v>2.8340000000000001</v>
      </c>
      <c r="W24836" s="2">
        <v>0.02</v>
      </c>
      <c r="X24836" s="2">
        <v>159.1</v>
      </c>
      <c r="Y24836" s="2">
        <v>7.6</v>
      </c>
      <c r="Z24836" s="2">
        <v>16.7</v>
      </c>
      <c r="AA24836" s="5"/>
      <c r="AB24836" s="5" t="s">
        <v>43</v>
      </c>
      <c r="AC24836" s="5" t="s">
        <v>44</v>
      </c>
      <c r="AD24836" s="2"/>
      <c r="AE24836" s="1"/>
    </row>
    <row r="24837" spans="1:31" ht="14.45">
      <c r="A24837" s="11"/>
      <c r="B24837" s="20"/>
      <c r="C24837" s="2" t="s">
        <v>79390</v>
      </c>
      <c r="D24837" s="14" t="s">
        <v>79391</v>
      </c>
      <c r="E24837" s="2" t="s">
        <v>79392</v>
      </c>
      <c r="F24837" s="2" t="s">
        <v>7514</v>
      </c>
      <c r="G24837" s="8">
        <v>278</v>
      </c>
      <c r="H24837" s="5">
        <v>6</v>
      </c>
      <c r="I24837" s="5" t="s">
        <v>1518</v>
      </c>
      <c r="J24837" s="5" t="s">
        <v>69038</v>
      </c>
      <c r="K24837" s="2" t="s">
        <v>69039</v>
      </c>
      <c r="L24837" s="5" t="s">
        <v>69038</v>
      </c>
      <c r="M24837" s="2" t="s">
        <v>69039</v>
      </c>
      <c r="N24837" s="5" t="s">
        <v>1521</v>
      </c>
      <c r="O24837" s="5" t="s">
        <v>38</v>
      </c>
      <c r="P24837" s="5" t="s">
        <v>39</v>
      </c>
      <c r="Q24837" s="5" t="s">
        <v>40</v>
      </c>
      <c r="R24837" s="5" t="s">
        <v>1522</v>
      </c>
      <c r="S24837" s="5" t="s">
        <v>1523</v>
      </c>
      <c r="T24837" s="5" t="s">
        <v>42</v>
      </c>
      <c r="U24837" s="2">
        <v>3.597</v>
      </c>
      <c r="V24837" s="2">
        <v>2.9329999999999998</v>
      </c>
      <c r="W24837" s="2">
        <v>0.02</v>
      </c>
      <c r="X24837" s="2">
        <v>159.1</v>
      </c>
      <c r="Y24837" s="2">
        <v>7.6</v>
      </c>
      <c r="Z24837" s="2">
        <v>16.7</v>
      </c>
      <c r="AA24837" s="5"/>
      <c r="AB24837" s="5" t="s">
        <v>43</v>
      </c>
      <c r="AC24837" s="5" t="s">
        <v>44</v>
      </c>
      <c r="AD24837" s="2"/>
      <c r="AE24837" s="1"/>
    </row>
    <row r="24838" spans="1:31" ht="14.45">
      <c r="A24838" s="11"/>
      <c r="B24838" s="20"/>
      <c r="C24838" s="2" t="s">
        <v>79393</v>
      </c>
      <c r="D24838" s="14" t="s">
        <v>79394</v>
      </c>
      <c r="E24838" s="2" t="s">
        <v>79395</v>
      </c>
      <c r="F24838" s="2" t="s">
        <v>7208</v>
      </c>
      <c r="G24838" s="8">
        <v>278</v>
      </c>
      <c r="H24838" s="5">
        <v>6</v>
      </c>
      <c r="I24838" s="5" t="s">
        <v>1518</v>
      </c>
      <c r="J24838" s="5" t="s">
        <v>69038</v>
      </c>
      <c r="K24838" s="2" t="s">
        <v>69039</v>
      </c>
      <c r="L24838" s="5" t="s">
        <v>69038</v>
      </c>
      <c r="M24838" s="2" t="s">
        <v>69039</v>
      </c>
      <c r="N24838" s="5" t="s">
        <v>1521</v>
      </c>
      <c r="O24838" s="5" t="s">
        <v>38</v>
      </c>
      <c r="P24838" s="5" t="s">
        <v>39</v>
      </c>
      <c r="Q24838" s="5" t="s">
        <v>40</v>
      </c>
      <c r="R24838" s="5" t="s">
        <v>1522</v>
      </c>
      <c r="S24838" s="5" t="s">
        <v>1523</v>
      </c>
      <c r="T24838" s="5" t="s">
        <v>42</v>
      </c>
      <c r="U24838" s="2">
        <v>3.4980000000000002</v>
      </c>
      <c r="V24838" s="2">
        <v>2.8340000000000001</v>
      </c>
      <c r="W24838" s="2">
        <v>0.02</v>
      </c>
      <c r="X24838" s="2">
        <v>159.1</v>
      </c>
      <c r="Y24838" s="2">
        <v>7.6</v>
      </c>
      <c r="Z24838" s="2">
        <v>16.7</v>
      </c>
      <c r="AA24838" s="5"/>
      <c r="AB24838" s="5" t="s">
        <v>43</v>
      </c>
      <c r="AC24838" s="5" t="s">
        <v>44</v>
      </c>
      <c r="AD24838" s="2"/>
      <c r="AE24838" s="1"/>
    </row>
    <row r="24839" spans="1:31" ht="14.45">
      <c r="A24839" s="11"/>
      <c r="B24839" s="20"/>
      <c r="C24839" s="2" t="s">
        <v>79396</v>
      </c>
      <c r="D24839" s="14" t="s">
        <v>79397</v>
      </c>
      <c r="E24839" s="2" t="s">
        <v>79398</v>
      </c>
      <c r="F24839" s="2" t="s">
        <v>7521</v>
      </c>
      <c r="G24839" s="8">
        <v>278</v>
      </c>
      <c r="H24839" s="5">
        <v>6</v>
      </c>
      <c r="I24839" s="5" t="s">
        <v>1518</v>
      </c>
      <c r="J24839" s="5" t="s">
        <v>69038</v>
      </c>
      <c r="K24839" s="2" t="s">
        <v>69039</v>
      </c>
      <c r="L24839" s="5" t="s">
        <v>69038</v>
      </c>
      <c r="M24839" s="2" t="s">
        <v>69039</v>
      </c>
      <c r="N24839" s="5" t="s">
        <v>1521</v>
      </c>
      <c r="O24839" s="5" t="s">
        <v>38</v>
      </c>
      <c r="P24839" s="5" t="s">
        <v>39</v>
      </c>
      <c r="Q24839" s="5" t="s">
        <v>40</v>
      </c>
      <c r="R24839" s="5" t="s">
        <v>1522</v>
      </c>
      <c r="S24839" s="5" t="s">
        <v>1523</v>
      </c>
      <c r="T24839" s="5" t="s">
        <v>42</v>
      </c>
      <c r="U24839" s="2">
        <v>3.597</v>
      </c>
      <c r="V24839" s="2">
        <v>2.9329999999999998</v>
      </c>
      <c r="W24839" s="2">
        <v>0.02</v>
      </c>
      <c r="X24839" s="2">
        <v>159.1</v>
      </c>
      <c r="Y24839" s="2">
        <v>7.6</v>
      </c>
      <c r="Z24839" s="2">
        <v>16.7</v>
      </c>
      <c r="AA24839" s="5"/>
      <c r="AB24839" s="5" t="s">
        <v>43</v>
      </c>
      <c r="AC24839" s="5" t="s">
        <v>44</v>
      </c>
      <c r="AD24839" s="2"/>
      <c r="AE24839" s="1"/>
    </row>
    <row r="24840" spans="1:31" ht="14.45">
      <c r="A24840" s="11"/>
      <c r="B24840" s="20"/>
      <c r="C24840" s="2" t="s">
        <v>79399</v>
      </c>
      <c r="D24840" s="14" t="s">
        <v>79400</v>
      </c>
      <c r="E24840" s="2" t="s">
        <v>79401</v>
      </c>
      <c r="F24840" s="2" t="s">
        <v>7406</v>
      </c>
      <c r="G24840" s="8">
        <v>300</v>
      </c>
      <c r="H24840" s="5">
        <v>6</v>
      </c>
      <c r="I24840" s="5" t="s">
        <v>1518</v>
      </c>
      <c r="J24840" s="5" t="s">
        <v>69038</v>
      </c>
      <c r="K24840" s="2" t="s">
        <v>69039</v>
      </c>
      <c r="L24840" s="5" t="s">
        <v>69038</v>
      </c>
      <c r="M24840" s="2" t="s">
        <v>69039</v>
      </c>
      <c r="N24840" s="5" t="s">
        <v>1521</v>
      </c>
      <c r="O24840" s="5" t="s">
        <v>38</v>
      </c>
      <c r="P24840" s="5" t="s">
        <v>39</v>
      </c>
      <c r="Q24840" s="5" t="s">
        <v>40</v>
      </c>
      <c r="R24840" s="5" t="s">
        <v>1522</v>
      </c>
      <c r="S24840" s="5" t="s">
        <v>1523</v>
      </c>
      <c r="T24840" s="5" t="s">
        <v>42</v>
      </c>
      <c r="U24840" s="2">
        <v>3.4980000000000002</v>
      </c>
      <c r="V24840" s="2">
        <v>2.8340000000000001</v>
      </c>
      <c r="W24840" s="2">
        <v>0.02</v>
      </c>
      <c r="X24840" s="2">
        <v>159.1</v>
      </c>
      <c r="Y24840" s="2">
        <v>7.6</v>
      </c>
      <c r="Z24840" s="2">
        <v>16.7</v>
      </c>
      <c r="AA24840" s="5"/>
      <c r="AB24840" s="5" t="s">
        <v>43</v>
      </c>
      <c r="AC24840" s="5" t="s">
        <v>44</v>
      </c>
      <c r="AD24840" s="2"/>
      <c r="AE24840" s="1"/>
    </row>
    <row r="24841" spans="1:31" ht="14.45">
      <c r="A24841" s="11"/>
      <c r="B24841" s="20"/>
      <c r="C24841" s="2" t="s">
        <v>79402</v>
      </c>
      <c r="D24841" s="14" t="s">
        <v>79403</v>
      </c>
      <c r="E24841" s="2" t="s">
        <v>79404</v>
      </c>
      <c r="F24841" s="2" t="s">
        <v>7535</v>
      </c>
      <c r="G24841" s="8">
        <v>300</v>
      </c>
      <c r="H24841" s="5">
        <v>6</v>
      </c>
      <c r="I24841" s="5" t="s">
        <v>1518</v>
      </c>
      <c r="J24841" s="5" t="s">
        <v>69038</v>
      </c>
      <c r="K24841" s="2" t="s">
        <v>69039</v>
      </c>
      <c r="L24841" s="5" t="s">
        <v>69038</v>
      </c>
      <c r="M24841" s="2" t="s">
        <v>69039</v>
      </c>
      <c r="N24841" s="5" t="s">
        <v>1521</v>
      </c>
      <c r="O24841" s="5" t="s">
        <v>38</v>
      </c>
      <c r="P24841" s="5" t="s">
        <v>39</v>
      </c>
      <c r="Q24841" s="5" t="s">
        <v>40</v>
      </c>
      <c r="R24841" s="5" t="s">
        <v>1522</v>
      </c>
      <c r="S24841" s="5" t="s">
        <v>1523</v>
      </c>
      <c r="T24841" s="5" t="s">
        <v>42</v>
      </c>
      <c r="U24841" s="2">
        <v>3.597</v>
      </c>
      <c r="V24841" s="2">
        <v>2.9329999999999998</v>
      </c>
      <c r="W24841" s="2">
        <v>0.02</v>
      </c>
      <c r="X24841" s="2">
        <v>159.1</v>
      </c>
      <c r="Y24841" s="2">
        <v>7.6</v>
      </c>
      <c r="Z24841" s="2">
        <v>16.7</v>
      </c>
      <c r="AA24841" s="5"/>
      <c r="AB24841" s="5" t="s">
        <v>43</v>
      </c>
      <c r="AC24841" s="5" t="s">
        <v>44</v>
      </c>
      <c r="AD24841" s="2"/>
      <c r="AE24841" s="1"/>
    </row>
    <row r="24842" spans="1:31" ht="14.45">
      <c r="A24842" s="11"/>
      <c r="B24842" s="20"/>
      <c r="C24842" s="2" t="s">
        <v>79405</v>
      </c>
      <c r="D24842" s="14" t="s">
        <v>79406</v>
      </c>
      <c r="E24842" s="2" t="s">
        <v>79407</v>
      </c>
      <c r="F24842" s="2" t="s">
        <v>7539</v>
      </c>
      <c r="G24842" s="8">
        <v>300</v>
      </c>
      <c r="H24842" s="5">
        <v>6</v>
      </c>
      <c r="I24842" s="5" t="s">
        <v>1518</v>
      </c>
      <c r="J24842" s="5" t="s">
        <v>69038</v>
      </c>
      <c r="K24842" s="2" t="s">
        <v>69039</v>
      </c>
      <c r="L24842" s="5" t="s">
        <v>69038</v>
      </c>
      <c r="M24842" s="2" t="s">
        <v>69039</v>
      </c>
      <c r="N24842" s="5" t="s">
        <v>1521</v>
      </c>
      <c r="O24842" s="5" t="s">
        <v>38</v>
      </c>
      <c r="P24842" s="5" t="s">
        <v>39</v>
      </c>
      <c r="Q24842" s="5" t="s">
        <v>40</v>
      </c>
      <c r="R24842" s="5" t="s">
        <v>1522</v>
      </c>
      <c r="S24842" s="5" t="s">
        <v>1523</v>
      </c>
      <c r="T24842" s="5" t="s">
        <v>42</v>
      </c>
      <c r="U24842" s="2">
        <v>3.4980000000000002</v>
      </c>
      <c r="V24842" s="2">
        <v>2.8340000000000001</v>
      </c>
      <c r="W24842" s="2">
        <v>0.02</v>
      </c>
      <c r="X24842" s="2">
        <v>159.1</v>
      </c>
      <c r="Y24842" s="2">
        <v>7.6</v>
      </c>
      <c r="Z24842" s="2">
        <v>16.7</v>
      </c>
      <c r="AA24842" s="5"/>
      <c r="AB24842" s="5" t="s">
        <v>43</v>
      </c>
      <c r="AC24842" s="5" t="s">
        <v>44</v>
      </c>
      <c r="AD24842" s="2"/>
      <c r="AE24842" s="1"/>
    </row>
    <row r="24843" spans="1:31" ht="14.45">
      <c r="A24843" s="11"/>
      <c r="B24843" s="20"/>
      <c r="C24843" s="2" t="s">
        <v>79408</v>
      </c>
      <c r="D24843" s="14" t="s">
        <v>79409</v>
      </c>
      <c r="E24843" s="2" t="s">
        <v>79410</v>
      </c>
      <c r="F24843" s="2" t="s">
        <v>7543</v>
      </c>
      <c r="G24843" s="8">
        <v>300</v>
      </c>
      <c r="H24843" s="5">
        <v>6</v>
      </c>
      <c r="I24843" s="5" t="s">
        <v>1518</v>
      </c>
      <c r="J24843" s="5" t="s">
        <v>69038</v>
      </c>
      <c r="K24843" s="2" t="s">
        <v>69039</v>
      </c>
      <c r="L24843" s="5" t="s">
        <v>69038</v>
      </c>
      <c r="M24843" s="2" t="s">
        <v>69039</v>
      </c>
      <c r="N24843" s="5" t="s">
        <v>1521</v>
      </c>
      <c r="O24843" s="5" t="s">
        <v>38</v>
      </c>
      <c r="P24843" s="5" t="s">
        <v>39</v>
      </c>
      <c r="Q24843" s="5" t="s">
        <v>40</v>
      </c>
      <c r="R24843" s="5" t="s">
        <v>1522</v>
      </c>
      <c r="S24843" s="5" t="s">
        <v>1523</v>
      </c>
      <c r="T24843" s="5" t="s">
        <v>42</v>
      </c>
      <c r="U24843" s="2">
        <v>3.597</v>
      </c>
      <c r="V24843" s="2">
        <v>2.9329999999999998</v>
      </c>
      <c r="W24843" s="2">
        <v>0.02</v>
      </c>
      <c r="X24843" s="2">
        <v>159.1</v>
      </c>
      <c r="Y24843" s="2">
        <v>7.6</v>
      </c>
      <c r="Z24843" s="2">
        <v>16.7</v>
      </c>
      <c r="AA24843" s="5"/>
      <c r="AB24843" s="5" t="s">
        <v>43</v>
      </c>
      <c r="AC24843" s="5" t="s">
        <v>44</v>
      </c>
      <c r="AD24843" s="2"/>
      <c r="AE24843" s="1"/>
    </row>
    <row r="24844" spans="1:31" ht="14.45">
      <c r="A24844" s="11"/>
      <c r="B24844" s="20"/>
      <c r="C24844" s="2" t="s">
        <v>79411</v>
      </c>
      <c r="D24844" s="14" t="s">
        <v>79412</v>
      </c>
      <c r="E24844" s="2" t="s">
        <v>79413</v>
      </c>
      <c r="F24844" s="2" t="s">
        <v>7396</v>
      </c>
      <c r="G24844" s="8">
        <v>278</v>
      </c>
      <c r="H24844" s="5">
        <v>6</v>
      </c>
      <c r="I24844" s="5" t="s">
        <v>1518</v>
      </c>
      <c r="J24844" s="5" t="s">
        <v>69038</v>
      </c>
      <c r="K24844" s="2" t="s">
        <v>69039</v>
      </c>
      <c r="L24844" s="5" t="s">
        <v>69038</v>
      </c>
      <c r="M24844" s="2" t="s">
        <v>69039</v>
      </c>
      <c r="N24844" s="5" t="s">
        <v>1521</v>
      </c>
      <c r="O24844" s="5" t="s">
        <v>38</v>
      </c>
      <c r="P24844" s="5" t="s">
        <v>39</v>
      </c>
      <c r="Q24844" s="5" t="s">
        <v>40</v>
      </c>
      <c r="R24844" s="5" t="s">
        <v>1522</v>
      </c>
      <c r="S24844" s="5" t="s">
        <v>1523</v>
      </c>
      <c r="T24844" s="5" t="s">
        <v>42</v>
      </c>
      <c r="U24844" s="2">
        <v>3.4980000000000002</v>
      </c>
      <c r="V24844" s="2">
        <v>2.8340000000000001</v>
      </c>
      <c r="W24844" s="2">
        <v>0.02</v>
      </c>
      <c r="X24844" s="2">
        <v>159.1</v>
      </c>
      <c r="Y24844" s="2">
        <v>7.6</v>
      </c>
      <c r="Z24844" s="2">
        <v>16.7</v>
      </c>
      <c r="AA24844" s="5"/>
      <c r="AB24844" s="5" t="s">
        <v>43</v>
      </c>
      <c r="AC24844" s="5" t="s">
        <v>44</v>
      </c>
      <c r="AD24844" s="2"/>
      <c r="AE24844" s="1"/>
    </row>
    <row r="24845" spans="1:31" ht="14.45">
      <c r="A24845" s="11"/>
      <c r="B24845" s="20"/>
      <c r="C24845" s="2" t="s">
        <v>79414</v>
      </c>
      <c r="D24845" s="14" t="s">
        <v>79415</v>
      </c>
      <c r="E24845" s="2" t="s">
        <v>79416</v>
      </c>
      <c r="F24845" s="2" t="s">
        <v>7507</v>
      </c>
      <c r="G24845" s="8">
        <v>278</v>
      </c>
      <c r="H24845" s="5">
        <v>6</v>
      </c>
      <c r="I24845" s="5" t="s">
        <v>1518</v>
      </c>
      <c r="J24845" s="5" t="s">
        <v>69038</v>
      </c>
      <c r="K24845" s="2" t="s">
        <v>69039</v>
      </c>
      <c r="L24845" s="5" t="s">
        <v>69038</v>
      </c>
      <c r="M24845" s="2" t="s">
        <v>69039</v>
      </c>
      <c r="N24845" s="5" t="s">
        <v>1521</v>
      </c>
      <c r="O24845" s="5" t="s">
        <v>38</v>
      </c>
      <c r="P24845" s="5" t="s">
        <v>39</v>
      </c>
      <c r="Q24845" s="5" t="s">
        <v>40</v>
      </c>
      <c r="R24845" s="5" t="s">
        <v>1522</v>
      </c>
      <c r="S24845" s="5" t="s">
        <v>1523</v>
      </c>
      <c r="T24845" s="5" t="s">
        <v>42</v>
      </c>
      <c r="U24845" s="2">
        <v>3.597</v>
      </c>
      <c r="V24845" s="2">
        <v>2.9329999999999998</v>
      </c>
      <c r="W24845" s="2">
        <v>0.02</v>
      </c>
      <c r="X24845" s="2">
        <v>159.1</v>
      </c>
      <c r="Y24845" s="2">
        <v>7.6</v>
      </c>
      <c r="Z24845" s="2">
        <v>16.7</v>
      </c>
      <c r="AA24845" s="5"/>
      <c r="AB24845" s="5" t="s">
        <v>43</v>
      </c>
      <c r="AC24845" s="5" t="s">
        <v>44</v>
      </c>
      <c r="AD24845" s="2"/>
      <c r="AE24845" s="1"/>
    </row>
    <row r="24846" spans="1:31" ht="14.45">
      <c r="A24846" s="11"/>
      <c r="B24846" s="20"/>
      <c r="C24846" s="2" t="s">
        <v>79417</v>
      </c>
      <c r="D24846" s="14" t="s">
        <v>79418</v>
      </c>
      <c r="E24846" s="2" t="s">
        <v>79419</v>
      </c>
      <c r="F24846" s="2" t="s">
        <v>7547</v>
      </c>
      <c r="G24846" s="8">
        <v>300</v>
      </c>
      <c r="H24846" s="5">
        <v>6</v>
      </c>
      <c r="I24846" s="5" t="s">
        <v>1518</v>
      </c>
      <c r="J24846" s="5" t="s">
        <v>69038</v>
      </c>
      <c r="K24846" s="2" t="s">
        <v>69039</v>
      </c>
      <c r="L24846" s="5" t="s">
        <v>69038</v>
      </c>
      <c r="M24846" s="2" t="s">
        <v>69039</v>
      </c>
      <c r="N24846" s="5" t="s">
        <v>1521</v>
      </c>
      <c r="O24846" s="5" t="s">
        <v>38</v>
      </c>
      <c r="P24846" s="5" t="s">
        <v>39</v>
      </c>
      <c r="Q24846" s="5" t="s">
        <v>40</v>
      </c>
      <c r="R24846" s="5" t="s">
        <v>1522</v>
      </c>
      <c r="S24846" s="5" t="s">
        <v>1523</v>
      </c>
      <c r="T24846" s="5" t="s">
        <v>42</v>
      </c>
      <c r="U24846" s="2">
        <v>3.4980000000000002</v>
      </c>
      <c r="V24846" s="2">
        <v>2.8340000000000001</v>
      </c>
      <c r="W24846" s="2">
        <v>0.02</v>
      </c>
      <c r="X24846" s="2">
        <v>159.1</v>
      </c>
      <c r="Y24846" s="2">
        <v>7.6</v>
      </c>
      <c r="Z24846" s="2">
        <v>16.7</v>
      </c>
      <c r="AA24846" s="5"/>
      <c r="AB24846" s="5" t="s">
        <v>43</v>
      </c>
      <c r="AC24846" s="5" t="s">
        <v>44</v>
      </c>
      <c r="AD24846" s="2"/>
      <c r="AE24846" s="1"/>
    </row>
    <row r="24847" spans="1:31" ht="14.45">
      <c r="A24847" s="11"/>
      <c r="B24847" s="20"/>
      <c r="C24847" s="2" t="s">
        <v>79420</v>
      </c>
      <c r="D24847" s="14" t="s">
        <v>79421</v>
      </c>
      <c r="E24847" s="2" t="s">
        <v>79422</v>
      </c>
      <c r="F24847" s="2" t="s">
        <v>7563</v>
      </c>
      <c r="G24847" s="8">
        <v>300</v>
      </c>
      <c r="H24847" s="5">
        <v>6</v>
      </c>
      <c r="I24847" s="5" t="s">
        <v>1518</v>
      </c>
      <c r="J24847" s="5" t="s">
        <v>69038</v>
      </c>
      <c r="K24847" s="2" t="s">
        <v>69039</v>
      </c>
      <c r="L24847" s="5" t="s">
        <v>69038</v>
      </c>
      <c r="M24847" s="2" t="s">
        <v>69039</v>
      </c>
      <c r="N24847" s="5" t="s">
        <v>1521</v>
      </c>
      <c r="O24847" s="5" t="s">
        <v>38</v>
      </c>
      <c r="P24847" s="5" t="s">
        <v>39</v>
      </c>
      <c r="Q24847" s="5" t="s">
        <v>40</v>
      </c>
      <c r="R24847" s="5" t="s">
        <v>1522</v>
      </c>
      <c r="S24847" s="5" t="s">
        <v>1523</v>
      </c>
      <c r="T24847" s="5" t="s">
        <v>42</v>
      </c>
      <c r="U24847" s="2">
        <v>3.4980000000000002</v>
      </c>
      <c r="V24847" s="2">
        <v>2.8340000000000001</v>
      </c>
      <c r="W24847" s="2">
        <v>0.02</v>
      </c>
      <c r="X24847" s="2">
        <v>159.1</v>
      </c>
      <c r="Y24847" s="2">
        <v>7.6</v>
      </c>
      <c r="Z24847" s="2">
        <v>16.7</v>
      </c>
      <c r="AA24847" s="5"/>
      <c r="AB24847" s="5" t="s">
        <v>43</v>
      </c>
      <c r="AC24847" s="5" t="s">
        <v>44</v>
      </c>
      <c r="AD24847" s="2"/>
      <c r="AE24847" s="1"/>
    </row>
    <row r="24848" spans="1:31" ht="14.45">
      <c r="A24848" s="11"/>
      <c r="B24848" s="20"/>
      <c r="C24848" s="2" t="s">
        <v>79423</v>
      </c>
      <c r="D24848" s="14" t="s">
        <v>79424</v>
      </c>
      <c r="E24848" s="2" t="s">
        <v>79425</v>
      </c>
      <c r="F24848" s="2" t="s">
        <v>7567</v>
      </c>
      <c r="G24848" s="8">
        <v>300</v>
      </c>
      <c r="H24848" s="5">
        <v>6</v>
      </c>
      <c r="I24848" s="5" t="s">
        <v>1518</v>
      </c>
      <c r="J24848" s="5" t="s">
        <v>69038</v>
      </c>
      <c r="K24848" s="2" t="s">
        <v>69039</v>
      </c>
      <c r="L24848" s="5" t="s">
        <v>69038</v>
      </c>
      <c r="M24848" s="2" t="s">
        <v>69039</v>
      </c>
      <c r="N24848" s="5" t="s">
        <v>1521</v>
      </c>
      <c r="O24848" s="5" t="s">
        <v>38</v>
      </c>
      <c r="P24848" s="5" t="s">
        <v>39</v>
      </c>
      <c r="Q24848" s="5" t="s">
        <v>40</v>
      </c>
      <c r="R24848" s="5" t="s">
        <v>1522</v>
      </c>
      <c r="S24848" s="5" t="s">
        <v>1523</v>
      </c>
      <c r="T24848" s="5" t="s">
        <v>42</v>
      </c>
      <c r="U24848" s="2">
        <v>3.597</v>
      </c>
      <c r="V24848" s="2">
        <v>2.9329999999999998</v>
      </c>
      <c r="W24848" s="2">
        <v>0.02</v>
      </c>
      <c r="X24848" s="2">
        <v>159.1</v>
      </c>
      <c r="Y24848" s="2">
        <v>7.6</v>
      </c>
      <c r="Z24848" s="2">
        <v>16.7</v>
      </c>
      <c r="AA24848" s="5"/>
      <c r="AB24848" s="5" t="s">
        <v>43</v>
      </c>
      <c r="AC24848" s="5" t="s">
        <v>44</v>
      </c>
      <c r="AD24848" s="2"/>
      <c r="AE24848" s="1"/>
    </row>
    <row r="24849" spans="1:31" ht="14.45">
      <c r="A24849" s="11"/>
      <c r="B24849" s="20"/>
      <c r="C24849" s="2" t="s">
        <v>79426</v>
      </c>
      <c r="D24849" s="14" t="s">
        <v>79427</v>
      </c>
      <c r="E24849" s="2" t="s">
        <v>79428</v>
      </c>
      <c r="F24849" s="2" t="s">
        <v>7555</v>
      </c>
      <c r="G24849" s="8">
        <v>300</v>
      </c>
      <c r="H24849" s="5">
        <v>6</v>
      </c>
      <c r="I24849" s="5" t="s">
        <v>1518</v>
      </c>
      <c r="J24849" s="5" t="s">
        <v>69038</v>
      </c>
      <c r="K24849" s="2" t="s">
        <v>69039</v>
      </c>
      <c r="L24849" s="5" t="s">
        <v>69038</v>
      </c>
      <c r="M24849" s="2" t="s">
        <v>69039</v>
      </c>
      <c r="N24849" s="5" t="s">
        <v>1521</v>
      </c>
      <c r="O24849" s="5" t="s">
        <v>38</v>
      </c>
      <c r="P24849" s="5" t="s">
        <v>39</v>
      </c>
      <c r="Q24849" s="5" t="s">
        <v>40</v>
      </c>
      <c r="R24849" s="5" t="s">
        <v>1522</v>
      </c>
      <c r="S24849" s="5" t="s">
        <v>1523</v>
      </c>
      <c r="T24849" s="5" t="s">
        <v>42</v>
      </c>
      <c r="U24849" s="2">
        <v>3.4980000000000002</v>
      </c>
      <c r="V24849" s="2">
        <v>2.8340000000000001</v>
      </c>
      <c r="W24849" s="2">
        <v>0.02</v>
      </c>
      <c r="X24849" s="2">
        <v>159.1</v>
      </c>
      <c r="Y24849" s="2">
        <v>7.6</v>
      </c>
      <c r="Z24849" s="2">
        <v>16.7</v>
      </c>
      <c r="AA24849" s="5"/>
      <c r="AB24849" s="5" t="s">
        <v>43</v>
      </c>
      <c r="AC24849" s="5" t="s">
        <v>44</v>
      </c>
      <c r="AD24849" s="2"/>
      <c r="AE24849" s="1"/>
    </row>
    <row r="24850" spans="1:31" ht="14.45">
      <c r="A24850" s="11"/>
      <c r="B24850" s="20"/>
      <c r="C24850" s="2" t="s">
        <v>79429</v>
      </c>
      <c r="D24850" s="14" t="s">
        <v>79430</v>
      </c>
      <c r="E24850" s="2" t="s">
        <v>79431</v>
      </c>
      <c r="F24850" s="2" t="s">
        <v>7559</v>
      </c>
      <c r="G24850" s="8">
        <v>300</v>
      </c>
      <c r="H24850" s="5">
        <v>6</v>
      </c>
      <c r="I24850" s="5" t="s">
        <v>1518</v>
      </c>
      <c r="J24850" s="5" t="s">
        <v>69038</v>
      </c>
      <c r="K24850" s="2" t="s">
        <v>69039</v>
      </c>
      <c r="L24850" s="5" t="s">
        <v>69038</v>
      </c>
      <c r="M24850" s="2" t="s">
        <v>69039</v>
      </c>
      <c r="N24850" s="5" t="s">
        <v>1521</v>
      </c>
      <c r="O24850" s="5" t="s">
        <v>38</v>
      </c>
      <c r="P24850" s="5" t="s">
        <v>39</v>
      </c>
      <c r="Q24850" s="5" t="s">
        <v>40</v>
      </c>
      <c r="R24850" s="5" t="s">
        <v>1522</v>
      </c>
      <c r="S24850" s="5" t="s">
        <v>1523</v>
      </c>
      <c r="T24850" s="5" t="s">
        <v>42</v>
      </c>
      <c r="U24850" s="2">
        <v>3.597</v>
      </c>
      <c r="V24850" s="2">
        <v>2.9329999999999998</v>
      </c>
      <c r="W24850" s="2">
        <v>0.02</v>
      </c>
      <c r="X24850" s="2">
        <v>159.1</v>
      </c>
      <c r="Y24850" s="2">
        <v>7.6</v>
      </c>
      <c r="Z24850" s="2">
        <v>16.7</v>
      </c>
      <c r="AA24850" s="5"/>
      <c r="AB24850" s="5" t="s">
        <v>43</v>
      </c>
      <c r="AC24850" s="5" t="s">
        <v>44</v>
      </c>
      <c r="AD24850" s="2"/>
      <c r="AE24850" s="1"/>
    </row>
    <row r="24851" spans="1:31" ht="14.45">
      <c r="A24851" s="11"/>
      <c r="B24851" s="20"/>
      <c r="C24851" s="2" t="s">
        <v>79432</v>
      </c>
      <c r="D24851" s="14" t="s">
        <v>79433</v>
      </c>
      <c r="E24851" s="2" t="s">
        <v>79434</v>
      </c>
      <c r="F24851" s="2" t="s">
        <v>16079</v>
      </c>
      <c r="G24851" s="8">
        <v>300</v>
      </c>
      <c r="H24851" s="5">
        <v>6</v>
      </c>
      <c r="I24851" s="5" t="s">
        <v>1518</v>
      </c>
      <c r="J24851" s="5" t="s">
        <v>69038</v>
      </c>
      <c r="K24851" s="2" t="s">
        <v>69039</v>
      </c>
      <c r="L24851" s="5" t="s">
        <v>69038</v>
      </c>
      <c r="M24851" s="2" t="s">
        <v>69039</v>
      </c>
      <c r="N24851" s="5" t="s">
        <v>1521</v>
      </c>
      <c r="O24851" s="5" t="s">
        <v>38</v>
      </c>
      <c r="P24851" s="5" t="s">
        <v>39</v>
      </c>
      <c r="Q24851" s="5" t="s">
        <v>40</v>
      </c>
      <c r="R24851" s="5" t="s">
        <v>1522</v>
      </c>
      <c r="S24851" s="5" t="s">
        <v>1523</v>
      </c>
      <c r="T24851" s="5" t="s">
        <v>42</v>
      </c>
      <c r="U24851" s="2">
        <v>3.4980000000000002</v>
      </c>
      <c r="V24851" s="2">
        <v>2.8340000000000001</v>
      </c>
      <c r="W24851" s="2">
        <v>0.02</v>
      </c>
      <c r="X24851" s="2">
        <v>159.1</v>
      </c>
      <c r="Y24851" s="2">
        <v>7.6</v>
      </c>
      <c r="Z24851" s="2">
        <v>16.7</v>
      </c>
      <c r="AA24851" s="5"/>
      <c r="AB24851" s="5" t="s">
        <v>43</v>
      </c>
      <c r="AC24851" s="5" t="s">
        <v>44</v>
      </c>
      <c r="AD24851" s="2"/>
      <c r="AE24851" s="1"/>
    </row>
    <row r="24852" spans="1:31" ht="14.45">
      <c r="A24852" s="11"/>
      <c r="B24852" s="20"/>
      <c r="C24852" s="2" t="s">
        <v>79435</v>
      </c>
      <c r="D24852" s="14" t="s">
        <v>79436</v>
      </c>
      <c r="E24852" s="2" t="s">
        <v>79437</v>
      </c>
      <c r="F24852" s="2" t="s">
        <v>16194</v>
      </c>
      <c r="G24852" s="8">
        <v>300</v>
      </c>
      <c r="H24852" s="5">
        <v>6</v>
      </c>
      <c r="I24852" s="5" t="s">
        <v>1518</v>
      </c>
      <c r="J24852" s="5" t="s">
        <v>69038</v>
      </c>
      <c r="K24852" s="2" t="s">
        <v>69039</v>
      </c>
      <c r="L24852" s="5" t="s">
        <v>69038</v>
      </c>
      <c r="M24852" s="2" t="s">
        <v>69039</v>
      </c>
      <c r="N24852" s="5" t="s">
        <v>1521</v>
      </c>
      <c r="O24852" s="5" t="s">
        <v>38</v>
      </c>
      <c r="P24852" s="5" t="s">
        <v>39</v>
      </c>
      <c r="Q24852" s="5" t="s">
        <v>40</v>
      </c>
      <c r="R24852" s="5" t="s">
        <v>1522</v>
      </c>
      <c r="S24852" s="5" t="s">
        <v>1523</v>
      </c>
      <c r="T24852" s="5" t="s">
        <v>42</v>
      </c>
      <c r="U24852" s="2">
        <v>3.597</v>
      </c>
      <c r="V24852" s="2">
        <v>2.9329999999999998</v>
      </c>
      <c r="W24852" s="2">
        <v>0.02</v>
      </c>
      <c r="X24852" s="2">
        <v>159.1</v>
      </c>
      <c r="Y24852" s="2">
        <v>7.6</v>
      </c>
      <c r="Z24852" s="2">
        <v>16.7</v>
      </c>
      <c r="AA24852" s="5"/>
      <c r="AB24852" s="5" t="s">
        <v>43</v>
      </c>
      <c r="AC24852" s="5" t="s">
        <v>44</v>
      </c>
      <c r="AD24852" s="2"/>
      <c r="AE24852" s="1"/>
    </row>
    <row r="24853" spans="1:31" ht="14.45">
      <c r="A24853" s="11"/>
      <c r="B24853" s="20"/>
      <c r="C24853" s="2" t="s">
        <v>79438</v>
      </c>
      <c r="D24853" s="14" t="s">
        <v>79439</v>
      </c>
      <c r="E24853" s="2" t="s">
        <v>79440</v>
      </c>
      <c r="F24853" s="2" t="s">
        <v>7449</v>
      </c>
      <c r="G24853" s="8">
        <v>300</v>
      </c>
      <c r="H24853" s="5">
        <v>6</v>
      </c>
      <c r="I24853" s="5" t="s">
        <v>1518</v>
      </c>
      <c r="J24853" s="5" t="s">
        <v>69038</v>
      </c>
      <c r="K24853" s="2" t="s">
        <v>69039</v>
      </c>
      <c r="L24853" s="5" t="s">
        <v>69038</v>
      </c>
      <c r="M24853" s="2" t="s">
        <v>69039</v>
      </c>
      <c r="N24853" s="5" t="s">
        <v>1521</v>
      </c>
      <c r="O24853" s="5" t="s">
        <v>38</v>
      </c>
      <c r="P24853" s="5" t="s">
        <v>39</v>
      </c>
      <c r="Q24853" s="5" t="s">
        <v>40</v>
      </c>
      <c r="R24853" s="5" t="s">
        <v>1522</v>
      </c>
      <c r="S24853" s="5" t="s">
        <v>1523</v>
      </c>
      <c r="T24853" s="5" t="s">
        <v>42</v>
      </c>
      <c r="U24853" s="2">
        <v>3.4980000000000002</v>
      </c>
      <c r="V24853" s="2">
        <v>2.8340000000000001</v>
      </c>
      <c r="W24853" s="2">
        <v>0.02</v>
      </c>
      <c r="X24853" s="2">
        <v>159.1</v>
      </c>
      <c r="Y24853" s="2">
        <v>7.6</v>
      </c>
      <c r="Z24853" s="2">
        <v>16.7</v>
      </c>
      <c r="AA24853" s="5"/>
      <c r="AB24853" s="5" t="s">
        <v>43</v>
      </c>
      <c r="AC24853" s="5" t="s">
        <v>44</v>
      </c>
      <c r="AD24853" s="2"/>
      <c r="AE24853" s="1"/>
    </row>
    <row r="24854" spans="1:31" ht="14.45">
      <c r="A24854" s="11"/>
      <c r="B24854" s="20"/>
      <c r="C24854" s="2" t="s">
        <v>79441</v>
      </c>
      <c r="D24854" s="14" t="s">
        <v>79442</v>
      </c>
      <c r="E24854" s="2" t="s">
        <v>79443</v>
      </c>
      <c r="F24854" s="2" t="s">
        <v>7581</v>
      </c>
      <c r="G24854" s="8">
        <v>300</v>
      </c>
      <c r="H24854" s="5">
        <v>6</v>
      </c>
      <c r="I24854" s="5" t="s">
        <v>1518</v>
      </c>
      <c r="J24854" s="5" t="s">
        <v>69038</v>
      </c>
      <c r="K24854" s="2" t="s">
        <v>69039</v>
      </c>
      <c r="L24854" s="5" t="s">
        <v>69038</v>
      </c>
      <c r="M24854" s="2" t="s">
        <v>69039</v>
      </c>
      <c r="N24854" s="5" t="s">
        <v>1521</v>
      </c>
      <c r="O24854" s="5" t="s">
        <v>38</v>
      </c>
      <c r="P24854" s="5" t="s">
        <v>39</v>
      </c>
      <c r="Q24854" s="5" t="s">
        <v>40</v>
      </c>
      <c r="R24854" s="5" t="s">
        <v>1522</v>
      </c>
      <c r="S24854" s="5" t="s">
        <v>1523</v>
      </c>
      <c r="T24854" s="5" t="s">
        <v>42</v>
      </c>
      <c r="U24854" s="2">
        <v>3.597</v>
      </c>
      <c r="V24854" s="2">
        <v>2.9329999999999998</v>
      </c>
      <c r="W24854" s="2">
        <v>0.02</v>
      </c>
      <c r="X24854" s="2">
        <v>159.1</v>
      </c>
      <c r="Y24854" s="2">
        <v>7.6</v>
      </c>
      <c r="Z24854" s="2">
        <v>16.7</v>
      </c>
      <c r="AA24854" s="5"/>
      <c r="AB24854" s="5" t="s">
        <v>43</v>
      </c>
      <c r="AC24854" s="5" t="s">
        <v>44</v>
      </c>
      <c r="AD24854" s="2"/>
      <c r="AE24854" s="1"/>
    </row>
    <row r="24855" spans="1:31" ht="14.45">
      <c r="A24855" s="11"/>
      <c r="B24855" s="20"/>
      <c r="C24855" s="2" t="s">
        <v>79444</v>
      </c>
      <c r="D24855" s="14" t="s">
        <v>79445</v>
      </c>
      <c r="E24855" s="2" t="s">
        <v>79446</v>
      </c>
      <c r="F24855" s="2" t="s">
        <v>7589</v>
      </c>
      <c r="G24855" s="8">
        <v>300</v>
      </c>
      <c r="H24855" s="5">
        <v>6</v>
      </c>
      <c r="I24855" s="5" t="s">
        <v>1518</v>
      </c>
      <c r="J24855" s="5" t="s">
        <v>69038</v>
      </c>
      <c r="K24855" s="2" t="s">
        <v>69039</v>
      </c>
      <c r="L24855" s="5" t="s">
        <v>69038</v>
      </c>
      <c r="M24855" s="2" t="s">
        <v>69039</v>
      </c>
      <c r="N24855" s="5" t="s">
        <v>1521</v>
      </c>
      <c r="O24855" s="5" t="s">
        <v>38</v>
      </c>
      <c r="P24855" s="5" t="s">
        <v>39</v>
      </c>
      <c r="Q24855" s="5" t="s">
        <v>40</v>
      </c>
      <c r="R24855" s="5" t="s">
        <v>1522</v>
      </c>
      <c r="S24855" s="5" t="s">
        <v>1523</v>
      </c>
      <c r="T24855" s="5" t="s">
        <v>42</v>
      </c>
      <c r="U24855" s="2">
        <v>3.597</v>
      </c>
      <c r="V24855" s="2">
        <v>2.9329999999999998</v>
      </c>
      <c r="W24855" s="2">
        <v>0.02</v>
      </c>
      <c r="X24855" s="2">
        <v>159.1</v>
      </c>
      <c r="Y24855" s="2">
        <v>7.6</v>
      </c>
      <c r="Z24855" s="2">
        <v>16.7</v>
      </c>
      <c r="AA24855" s="5"/>
      <c r="AB24855" s="5" t="s">
        <v>43</v>
      </c>
      <c r="AC24855" s="5" t="s">
        <v>44</v>
      </c>
      <c r="AD24855" s="2"/>
      <c r="AE24855" s="1"/>
    </row>
    <row r="24856" spans="1:31" ht="14.45">
      <c r="A24856" s="11"/>
      <c r="B24856" s="20"/>
      <c r="C24856" s="2" t="s">
        <v>79447</v>
      </c>
      <c r="D24856" s="14" t="s">
        <v>79448</v>
      </c>
      <c r="E24856" s="2" t="s">
        <v>79449</v>
      </c>
      <c r="F24856" s="2" t="s">
        <v>7593</v>
      </c>
      <c r="G24856" s="8">
        <v>300</v>
      </c>
      <c r="H24856" s="5">
        <v>6</v>
      </c>
      <c r="I24856" s="5" t="s">
        <v>1518</v>
      </c>
      <c r="J24856" s="5" t="s">
        <v>69038</v>
      </c>
      <c r="K24856" s="2" t="s">
        <v>69039</v>
      </c>
      <c r="L24856" s="5" t="s">
        <v>69038</v>
      </c>
      <c r="M24856" s="2" t="s">
        <v>69039</v>
      </c>
      <c r="N24856" s="5" t="s">
        <v>1521</v>
      </c>
      <c r="O24856" s="5" t="s">
        <v>38</v>
      </c>
      <c r="P24856" s="5" t="s">
        <v>39</v>
      </c>
      <c r="Q24856" s="5" t="s">
        <v>40</v>
      </c>
      <c r="R24856" s="5" t="s">
        <v>1522</v>
      </c>
      <c r="S24856" s="5" t="s">
        <v>1523</v>
      </c>
      <c r="T24856" s="5" t="s">
        <v>42</v>
      </c>
      <c r="U24856" s="2">
        <v>3.4980000000000002</v>
      </c>
      <c r="V24856" s="2">
        <v>2.8340000000000001</v>
      </c>
      <c r="W24856" s="2">
        <v>0.02</v>
      </c>
      <c r="X24856" s="2">
        <v>159.1</v>
      </c>
      <c r="Y24856" s="2">
        <v>7.6</v>
      </c>
      <c r="Z24856" s="2">
        <v>16.7</v>
      </c>
      <c r="AA24856" s="5"/>
      <c r="AB24856" s="5" t="s">
        <v>43</v>
      </c>
      <c r="AC24856" s="5" t="s">
        <v>44</v>
      </c>
      <c r="AD24856" s="2"/>
      <c r="AE24856" s="1"/>
    </row>
    <row r="24857" spans="1:31" ht="14.45">
      <c r="A24857" s="11"/>
      <c r="B24857" s="20"/>
      <c r="C24857" s="2" t="s">
        <v>79450</v>
      </c>
      <c r="D24857" s="14" t="s">
        <v>79451</v>
      </c>
      <c r="E24857" s="2" t="s">
        <v>79452</v>
      </c>
      <c r="F24857" s="2" t="s">
        <v>7597</v>
      </c>
      <c r="G24857" s="8">
        <v>300</v>
      </c>
      <c r="H24857" s="5">
        <v>6</v>
      </c>
      <c r="I24857" s="5" t="s">
        <v>1518</v>
      </c>
      <c r="J24857" s="5" t="s">
        <v>69038</v>
      </c>
      <c r="K24857" s="2" t="s">
        <v>69039</v>
      </c>
      <c r="L24857" s="5" t="s">
        <v>69038</v>
      </c>
      <c r="M24857" s="2" t="s">
        <v>69039</v>
      </c>
      <c r="N24857" s="5" t="s">
        <v>1521</v>
      </c>
      <c r="O24857" s="5" t="s">
        <v>38</v>
      </c>
      <c r="P24857" s="5" t="s">
        <v>39</v>
      </c>
      <c r="Q24857" s="5" t="s">
        <v>40</v>
      </c>
      <c r="R24857" s="5" t="s">
        <v>1522</v>
      </c>
      <c r="S24857" s="5" t="s">
        <v>1523</v>
      </c>
      <c r="T24857" s="5" t="s">
        <v>42</v>
      </c>
      <c r="U24857" s="2">
        <v>3.597</v>
      </c>
      <c r="V24857" s="2">
        <v>2.9329999999999998</v>
      </c>
      <c r="W24857" s="2">
        <v>0.02</v>
      </c>
      <c r="X24857" s="2">
        <v>159.1</v>
      </c>
      <c r="Y24857" s="2">
        <v>7.6</v>
      </c>
      <c r="Z24857" s="2">
        <v>16.7</v>
      </c>
      <c r="AA24857" s="5"/>
      <c r="AB24857" s="5" t="s">
        <v>43</v>
      </c>
      <c r="AC24857" s="5" t="s">
        <v>44</v>
      </c>
      <c r="AD24857" s="2"/>
      <c r="AE24857" s="1"/>
    </row>
    <row r="24858" spans="1:31" ht="14.45">
      <c r="A24858" s="11"/>
      <c r="B24858" s="20"/>
      <c r="C24858" s="2" t="s">
        <v>79453</v>
      </c>
      <c r="D24858" s="14" t="s">
        <v>79454</v>
      </c>
      <c r="E24858" s="2" t="s">
        <v>79455</v>
      </c>
      <c r="F24858" s="2" t="s">
        <v>73358</v>
      </c>
      <c r="G24858" s="8">
        <v>300</v>
      </c>
      <c r="H24858" s="5">
        <v>6</v>
      </c>
      <c r="I24858" s="5" t="s">
        <v>1518</v>
      </c>
      <c r="J24858" s="5" t="s">
        <v>69038</v>
      </c>
      <c r="K24858" s="2" t="s">
        <v>69039</v>
      </c>
      <c r="L24858" s="5" t="s">
        <v>69038</v>
      </c>
      <c r="M24858" s="2" t="s">
        <v>69039</v>
      </c>
      <c r="N24858" s="5" t="s">
        <v>1521</v>
      </c>
      <c r="O24858" s="5" t="s">
        <v>38</v>
      </c>
      <c r="P24858" s="5" t="s">
        <v>39</v>
      </c>
      <c r="Q24858" s="5" t="s">
        <v>40</v>
      </c>
      <c r="R24858" s="5" t="s">
        <v>1522</v>
      </c>
      <c r="S24858" s="5" t="s">
        <v>1523</v>
      </c>
      <c r="T24858" s="5" t="s">
        <v>42</v>
      </c>
      <c r="U24858" s="2">
        <v>3.4980000000000002</v>
      </c>
      <c r="V24858" s="2">
        <v>2.8340000000000001</v>
      </c>
      <c r="W24858" s="2">
        <v>0.02</v>
      </c>
      <c r="X24858" s="2">
        <v>159.1</v>
      </c>
      <c r="Y24858" s="2">
        <v>7.6</v>
      </c>
      <c r="Z24858" s="2">
        <v>16.7</v>
      </c>
      <c r="AA24858" s="5"/>
      <c r="AB24858" s="5" t="s">
        <v>43</v>
      </c>
      <c r="AC24858" s="5" t="s">
        <v>44</v>
      </c>
      <c r="AD24858" s="2"/>
      <c r="AE24858" s="1"/>
    </row>
    <row r="24859" spans="1:31" ht="14.45">
      <c r="A24859" s="11"/>
      <c r="B24859" s="20"/>
      <c r="C24859" s="2" t="s">
        <v>79456</v>
      </c>
      <c r="D24859" s="14" t="s">
        <v>79457</v>
      </c>
      <c r="E24859" s="2" t="s">
        <v>79458</v>
      </c>
      <c r="F24859" s="2" t="s">
        <v>73362</v>
      </c>
      <c r="G24859" s="8">
        <v>300</v>
      </c>
      <c r="H24859" s="5">
        <v>6</v>
      </c>
      <c r="I24859" s="5" t="s">
        <v>1518</v>
      </c>
      <c r="J24859" s="5" t="s">
        <v>69038</v>
      </c>
      <c r="K24859" s="2" t="s">
        <v>69039</v>
      </c>
      <c r="L24859" s="5" t="s">
        <v>69038</v>
      </c>
      <c r="M24859" s="2" t="s">
        <v>69039</v>
      </c>
      <c r="N24859" s="5" t="s">
        <v>1521</v>
      </c>
      <c r="O24859" s="5" t="s">
        <v>38</v>
      </c>
      <c r="P24859" s="5" t="s">
        <v>39</v>
      </c>
      <c r="Q24859" s="5" t="s">
        <v>40</v>
      </c>
      <c r="R24859" s="5" t="s">
        <v>1522</v>
      </c>
      <c r="S24859" s="5" t="s">
        <v>1523</v>
      </c>
      <c r="T24859" s="5" t="s">
        <v>42</v>
      </c>
      <c r="U24859" s="2">
        <v>3.597</v>
      </c>
      <c r="V24859" s="2">
        <v>2.9329999999999998</v>
      </c>
      <c r="W24859" s="2">
        <v>0.02</v>
      </c>
      <c r="X24859" s="2">
        <v>159.1</v>
      </c>
      <c r="Y24859" s="2">
        <v>7.6</v>
      </c>
      <c r="Z24859" s="2">
        <v>16.7</v>
      </c>
      <c r="AA24859" s="5"/>
      <c r="AB24859" s="5" t="s">
        <v>43</v>
      </c>
      <c r="AC24859" s="5" t="s">
        <v>44</v>
      </c>
      <c r="AD24859" s="2"/>
      <c r="AE24859" s="1"/>
    </row>
    <row r="24860" spans="1:31" ht="14.45">
      <c r="A24860" s="11"/>
      <c r="B24860" s="20"/>
      <c r="C24860" s="2" t="s">
        <v>79459</v>
      </c>
      <c r="D24860" s="14" t="s">
        <v>79460</v>
      </c>
      <c r="E24860" s="2" t="s">
        <v>79461</v>
      </c>
      <c r="F24860" s="2" t="s">
        <v>7615</v>
      </c>
      <c r="G24860" s="8">
        <v>300</v>
      </c>
      <c r="H24860" s="5">
        <v>6</v>
      </c>
      <c r="I24860" s="5" t="s">
        <v>1518</v>
      </c>
      <c r="J24860" s="5" t="s">
        <v>69038</v>
      </c>
      <c r="K24860" s="2" t="s">
        <v>69039</v>
      </c>
      <c r="L24860" s="5" t="s">
        <v>69038</v>
      </c>
      <c r="M24860" s="2" t="s">
        <v>69039</v>
      </c>
      <c r="N24860" s="5" t="s">
        <v>1521</v>
      </c>
      <c r="O24860" s="5" t="s">
        <v>38</v>
      </c>
      <c r="P24860" s="5" t="s">
        <v>39</v>
      </c>
      <c r="Q24860" s="5" t="s">
        <v>40</v>
      </c>
      <c r="R24860" s="5" t="s">
        <v>1522</v>
      </c>
      <c r="S24860" s="5" t="s">
        <v>1523</v>
      </c>
      <c r="T24860" s="5" t="s">
        <v>42</v>
      </c>
      <c r="U24860" s="2">
        <v>3.4980000000000002</v>
      </c>
      <c r="V24860" s="2">
        <v>2.8340000000000001</v>
      </c>
      <c r="W24860" s="2">
        <v>0.02</v>
      </c>
      <c r="X24860" s="2">
        <v>159.1</v>
      </c>
      <c r="Y24860" s="2">
        <v>7.6</v>
      </c>
      <c r="Z24860" s="2">
        <v>16.7</v>
      </c>
      <c r="AA24860" s="5"/>
      <c r="AB24860" s="5" t="s">
        <v>43</v>
      </c>
      <c r="AC24860" s="5" t="s">
        <v>44</v>
      </c>
      <c r="AD24860" s="2"/>
      <c r="AE24860" s="1"/>
    </row>
    <row r="24861" spans="1:31" ht="14.45">
      <c r="A24861" s="11"/>
      <c r="B24861" s="20"/>
      <c r="C24861" s="2" t="s">
        <v>79462</v>
      </c>
      <c r="D24861" s="14" t="s">
        <v>79463</v>
      </c>
      <c r="E24861" s="2" t="s">
        <v>79464</v>
      </c>
      <c r="F24861" s="2" t="s">
        <v>7619</v>
      </c>
      <c r="G24861" s="8">
        <v>300</v>
      </c>
      <c r="H24861" s="5">
        <v>6</v>
      </c>
      <c r="I24861" s="5" t="s">
        <v>1518</v>
      </c>
      <c r="J24861" s="5" t="s">
        <v>69038</v>
      </c>
      <c r="K24861" s="2" t="s">
        <v>69039</v>
      </c>
      <c r="L24861" s="5" t="s">
        <v>69038</v>
      </c>
      <c r="M24861" s="2" t="s">
        <v>69039</v>
      </c>
      <c r="N24861" s="5" t="s">
        <v>1521</v>
      </c>
      <c r="O24861" s="5" t="s">
        <v>38</v>
      </c>
      <c r="P24861" s="5" t="s">
        <v>39</v>
      </c>
      <c r="Q24861" s="5" t="s">
        <v>40</v>
      </c>
      <c r="R24861" s="5" t="s">
        <v>1522</v>
      </c>
      <c r="S24861" s="5" t="s">
        <v>1523</v>
      </c>
      <c r="T24861" s="5" t="s">
        <v>42</v>
      </c>
      <c r="U24861" s="2">
        <v>3.597</v>
      </c>
      <c r="V24861" s="2">
        <v>2.9329999999999998</v>
      </c>
      <c r="W24861" s="2">
        <v>0.02</v>
      </c>
      <c r="X24861" s="2">
        <v>159.1</v>
      </c>
      <c r="Y24861" s="2">
        <v>7.6</v>
      </c>
      <c r="Z24861" s="2">
        <v>16.7</v>
      </c>
      <c r="AA24861" s="5"/>
      <c r="AB24861" s="5" t="s">
        <v>43</v>
      </c>
      <c r="AC24861" s="5" t="s">
        <v>44</v>
      </c>
      <c r="AD24861" s="2"/>
      <c r="AE24861" s="1"/>
    </row>
    <row r="24862" spans="1:31" ht="14.45">
      <c r="A24862" s="11"/>
      <c r="B24862" s="20"/>
      <c r="C24862" s="2" t="s">
        <v>79465</v>
      </c>
      <c r="D24862" s="14" t="s">
        <v>79466</v>
      </c>
      <c r="E24862" s="2" t="s">
        <v>79467</v>
      </c>
      <c r="F24862" s="2" t="s">
        <v>16014</v>
      </c>
      <c r="G24862" s="8">
        <v>300</v>
      </c>
      <c r="H24862" s="5">
        <v>6</v>
      </c>
      <c r="I24862" s="5" t="s">
        <v>1518</v>
      </c>
      <c r="J24862" s="5" t="s">
        <v>69038</v>
      </c>
      <c r="K24862" s="2" t="s">
        <v>69039</v>
      </c>
      <c r="L24862" s="5" t="s">
        <v>69038</v>
      </c>
      <c r="M24862" s="2" t="s">
        <v>69039</v>
      </c>
      <c r="N24862" s="5" t="s">
        <v>1521</v>
      </c>
      <c r="O24862" s="5" t="s">
        <v>38</v>
      </c>
      <c r="P24862" s="5" t="s">
        <v>39</v>
      </c>
      <c r="Q24862" s="5" t="s">
        <v>40</v>
      </c>
      <c r="R24862" s="5" t="s">
        <v>1522</v>
      </c>
      <c r="S24862" s="5" t="s">
        <v>1523</v>
      </c>
      <c r="T24862" s="5" t="s">
        <v>42</v>
      </c>
      <c r="U24862" s="2">
        <v>3.4980000000000002</v>
      </c>
      <c r="V24862" s="2">
        <v>2.8340000000000001</v>
      </c>
      <c r="W24862" s="2">
        <v>0.02</v>
      </c>
      <c r="X24862" s="2">
        <v>159.1</v>
      </c>
      <c r="Y24862" s="2">
        <v>7.6</v>
      </c>
      <c r="Z24862" s="2">
        <v>16.7</v>
      </c>
      <c r="AA24862" s="5"/>
      <c r="AB24862" s="5" t="s">
        <v>43</v>
      </c>
      <c r="AC24862" s="5" t="s">
        <v>44</v>
      </c>
      <c r="AD24862" s="2"/>
      <c r="AE24862" s="1"/>
    </row>
    <row r="24863" spans="1:31" ht="14.45">
      <c r="A24863" s="11"/>
      <c r="B24863" s="20"/>
      <c r="C24863" s="2" t="s">
        <v>79468</v>
      </c>
      <c r="D24863" s="14" t="s">
        <v>79469</v>
      </c>
      <c r="E24863" s="2" t="s">
        <v>79470</v>
      </c>
      <c r="F24863" s="2" t="s">
        <v>16219</v>
      </c>
      <c r="G24863" s="8">
        <v>300</v>
      </c>
      <c r="H24863" s="5">
        <v>6</v>
      </c>
      <c r="I24863" s="5" t="s">
        <v>1518</v>
      </c>
      <c r="J24863" s="5" t="s">
        <v>69038</v>
      </c>
      <c r="K24863" s="2" t="s">
        <v>69039</v>
      </c>
      <c r="L24863" s="5" t="s">
        <v>69038</v>
      </c>
      <c r="M24863" s="2" t="s">
        <v>69039</v>
      </c>
      <c r="N24863" s="5" t="s">
        <v>1521</v>
      </c>
      <c r="O24863" s="5" t="s">
        <v>38</v>
      </c>
      <c r="P24863" s="5" t="s">
        <v>39</v>
      </c>
      <c r="Q24863" s="5" t="s">
        <v>40</v>
      </c>
      <c r="R24863" s="5" t="s">
        <v>1522</v>
      </c>
      <c r="S24863" s="5" t="s">
        <v>1523</v>
      </c>
      <c r="T24863" s="5" t="s">
        <v>42</v>
      </c>
      <c r="U24863" s="2">
        <v>3.597</v>
      </c>
      <c r="V24863" s="2">
        <v>2.9329999999999998</v>
      </c>
      <c r="W24863" s="2">
        <v>0.02</v>
      </c>
      <c r="X24863" s="2">
        <v>159.1</v>
      </c>
      <c r="Y24863" s="2">
        <v>7.6</v>
      </c>
      <c r="Z24863" s="2">
        <v>16.7</v>
      </c>
      <c r="AA24863" s="5"/>
      <c r="AB24863" s="5" t="s">
        <v>43</v>
      </c>
      <c r="AC24863" s="5" t="s">
        <v>44</v>
      </c>
      <c r="AD24863" s="2"/>
      <c r="AE24863" s="1"/>
    </row>
    <row r="24864" spans="1:31" ht="14.45">
      <c r="A24864" s="11"/>
      <c r="B24864" s="20"/>
      <c r="C24864" s="2" t="s">
        <v>79471</v>
      </c>
      <c r="D24864" s="14" t="s">
        <v>79472</v>
      </c>
      <c r="E24864" s="2" t="s">
        <v>79473</v>
      </c>
      <c r="F24864" s="2" t="s">
        <v>7212</v>
      </c>
      <c r="G24864" s="8">
        <v>278</v>
      </c>
      <c r="H24864" s="5">
        <v>6</v>
      </c>
      <c r="I24864" s="5" t="s">
        <v>1518</v>
      </c>
      <c r="J24864" s="5" t="s">
        <v>69038</v>
      </c>
      <c r="K24864" s="2" t="s">
        <v>69039</v>
      </c>
      <c r="L24864" s="5" t="s">
        <v>69038</v>
      </c>
      <c r="M24864" s="2" t="s">
        <v>69039</v>
      </c>
      <c r="N24864" s="5" t="s">
        <v>1521</v>
      </c>
      <c r="O24864" s="5" t="s">
        <v>38</v>
      </c>
      <c r="P24864" s="5" t="s">
        <v>39</v>
      </c>
      <c r="Q24864" s="5" t="s">
        <v>40</v>
      </c>
      <c r="R24864" s="5" t="s">
        <v>1522</v>
      </c>
      <c r="S24864" s="5" t="s">
        <v>1523</v>
      </c>
      <c r="T24864" s="5" t="s">
        <v>42</v>
      </c>
      <c r="U24864" s="2">
        <v>3.4980000000000002</v>
      </c>
      <c r="V24864" s="2">
        <v>2.8340000000000001</v>
      </c>
      <c r="W24864" s="2">
        <v>0.02</v>
      </c>
      <c r="X24864" s="2">
        <v>159.1</v>
      </c>
      <c r="Y24864" s="2">
        <v>7.6</v>
      </c>
      <c r="Z24864" s="2">
        <v>16.7</v>
      </c>
      <c r="AA24864" s="5"/>
      <c r="AB24864" s="5" t="s">
        <v>43</v>
      </c>
      <c r="AC24864" s="5" t="s">
        <v>44</v>
      </c>
      <c r="AD24864" s="2"/>
      <c r="AE24864" s="1"/>
    </row>
    <row r="24865" spans="1:31" ht="14.45">
      <c r="A24865" s="11"/>
      <c r="B24865" s="20"/>
      <c r="C24865" s="2" t="s">
        <v>79474</v>
      </c>
      <c r="D24865" s="14" t="s">
        <v>79475</v>
      </c>
      <c r="E24865" s="2" t="s">
        <v>79476</v>
      </c>
      <c r="F24865" s="2" t="s">
        <v>7528</v>
      </c>
      <c r="G24865" s="8">
        <v>278</v>
      </c>
      <c r="H24865" s="5">
        <v>6</v>
      </c>
      <c r="I24865" s="5" t="s">
        <v>1518</v>
      </c>
      <c r="J24865" s="5" t="s">
        <v>69038</v>
      </c>
      <c r="K24865" s="2" t="s">
        <v>69039</v>
      </c>
      <c r="L24865" s="5" t="s">
        <v>69038</v>
      </c>
      <c r="M24865" s="2" t="s">
        <v>69039</v>
      </c>
      <c r="N24865" s="5" t="s">
        <v>1521</v>
      </c>
      <c r="O24865" s="5" t="s">
        <v>38</v>
      </c>
      <c r="P24865" s="5" t="s">
        <v>39</v>
      </c>
      <c r="Q24865" s="5" t="s">
        <v>40</v>
      </c>
      <c r="R24865" s="5" t="s">
        <v>1522</v>
      </c>
      <c r="S24865" s="5" t="s">
        <v>1523</v>
      </c>
      <c r="T24865" s="5" t="s">
        <v>42</v>
      </c>
      <c r="U24865" s="2">
        <v>3.597</v>
      </c>
      <c r="V24865" s="2">
        <v>2.9329999999999998</v>
      </c>
      <c r="W24865" s="2">
        <v>0.02</v>
      </c>
      <c r="X24865" s="2">
        <v>159.1</v>
      </c>
      <c r="Y24865" s="2">
        <v>7.6</v>
      </c>
      <c r="Z24865" s="2">
        <v>16.7</v>
      </c>
      <c r="AA24865" s="5"/>
      <c r="AB24865" s="5" t="s">
        <v>43</v>
      </c>
      <c r="AC24865" s="5" t="s">
        <v>44</v>
      </c>
      <c r="AD24865" s="2"/>
      <c r="AE24865" s="1"/>
    </row>
    <row r="24866" spans="1:31" ht="14.45">
      <c r="A24866" s="11"/>
      <c r="B24866" s="20"/>
      <c r="C24866" s="2" t="s">
        <v>79477</v>
      </c>
      <c r="D24866" s="14" t="s">
        <v>79478</v>
      </c>
      <c r="E24866" s="2" t="s">
        <v>79479</v>
      </c>
      <c r="F24866" s="2" t="s">
        <v>16029</v>
      </c>
      <c r="G24866" s="8">
        <v>300</v>
      </c>
      <c r="H24866" s="5">
        <v>6</v>
      </c>
      <c r="I24866" s="5" t="s">
        <v>1518</v>
      </c>
      <c r="J24866" s="5" t="s">
        <v>69038</v>
      </c>
      <c r="K24866" s="2" t="s">
        <v>69039</v>
      </c>
      <c r="L24866" s="5" t="s">
        <v>69038</v>
      </c>
      <c r="M24866" s="2" t="s">
        <v>69039</v>
      </c>
      <c r="N24866" s="5" t="s">
        <v>1521</v>
      </c>
      <c r="O24866" s="5" t="s">
        <v>38</v>
      </c>
      <c r="P24866" s="5" t="s">
        <v>39</v>
      </c>
      <c r="Q24866" s="5" t="s">
        <v>40</v>
      </c>
      <c r="R24866" s="5" t="s">
        <v>1522</v>
      </c>
      <c r="S24866" s="5" t="s">
        <v>1523</v>
      </c>
      <c r="T24866" s="5" t="s">
        <v>42</v>
      </c>
      <c r="U24866" s="2">
        <v>3.496</v>
      </c>
      <c r="V24866" s="2">
        <v>2.8319999999999999</v>
      </c>
      <c r="W24866" s="2">
        <v>0.02</v>
      </c>
      <c r="X24866" s="2">
        <v>159.1</v>
      </c>
      <c r="Y24866" s="2">
        <v>7.6</v>
      </c>
      <c r="Z24866" s="2">
        <v>16.7</v>
      </c>
      <c r="AA24866" s="5"/>
      <c r="AB24866" s="5" t="s">
        <v>43</v>
      </c>
      <c r="AC24866" s="5" t="s">
        <v>44</v>
      </c>
      <c r="AD24866" s="2"/>
      <c r="AE24866" s="1"/>
    </row>
    <row r="24867" spans="1:31" ht="14.45">
      <c r="A24867" s="11"/>
      <c r="B24867" s="20"/>
      <c r="C24867" s="2" t="s">
        <v>79480</v>
      </c>
      <c r="D24867" s="14" t="s">
        <v>79481</v>
      </c>
      <c r="E24867" s="2" t="s">
        <v>79482</v>
      </c>
      <c r="F24867" s="2" t="s">
        <v>16033</v>
      </c>
      <c r="G24867" s="8">
        <v>300</v>
      </c>
      <c r="H24867" s="5">
        <v>6</v>
      </c>
      <c r="I24867" s="5" t="s">
        <v>1518</v>
      </c>
      <c r="J24867" s="5" t="s">
        <v>69038</v>
      </c>
      <c r="K24867" s="2" t="s">
        <v>69039</v>
      </c>
      <c r="L24867" s="5" t="s">
        <v>69038</v>
      </c>
      <c r="M24867" s="2" t="s">
        <v>69039</v>
      </c>
      <c r="N24867" s="5" t="s">
        <v>1521</v>
      </c>
      <c r="O24867" s="5" t="s">
        <v>38</v>
      </c>
      <c r="P24867" s="5" t="s">
        <v>39</v>
      </c>
      <c r="Q24867" s="5" t="s">
        <v>40</v>
      </c>
      <c r="R24867" s="5" t="s">
        <v>1522</v>
      </c>
      <c r="S24867" s="5" t="s">
        <v>1523</v>
      </c>
      <c r="T24867" s="5" t="s">
        <v>42</v>
      </c>
      <c r="U24867" s="2">
        <v>3.5950000000000002</v>
      </c>
      <c r="V24867" s="2">
        <v>2.931</v>
      </c>
      <c r="W24867" s="2">
        <v>0.02</v>
      </c>
      <c r="X24867" s="2">
        <v>159.1</v>
      </c>
      <c r="Y24867" s="2">
        <v>7.6</v>
      </c>
      <c r="Z24867" s="2">
        <v>16.7</v>
      </c>
      <c r="AA24867" s="5"/>
      <c r="AB24867" s="5" t="s">
        <v>43</v>
      </c>
      <c r="AC24867" s="5" t="s">
        <v>44</v>
      </c>
      <c r="AD24867" s="2"/>
      <c r="AE24867" s="1"/>
    </row>
    <row r="24868" spans="1:31" ht="14.45">
      <c r="A24868" s="11"/>
      <c r="B24868" s="20"/>
      <c r="C24868" s="2" t="s">
        <v>79483</v>
      </c>
      <c r="D24868" s="14" t="s">
        <v>79484</v>
      </c>
      <c r="E24868" s="2" t="s">
        <v>79485</v>
      </c>
      <c r="F24868" s="2" t="s">
        <v>7204</v>
      </c>
      <c r="G24868" s="8">
        <v>290</v>
      </c>
      <c r="H24868" s="5">
        <v>6</v>
      </c>
      <c r="I24868" s="5" t="s">
        <v>1518</v>
      </c>
      <c r="J24868" s="5" t="s">
        <v>69038</v>
      </c>
      <c r="K24868" s="2" t="s">
        <v>69039</v>
      </c>
      <c r="L24868" s="5" t="s">
        <v>69038</v>
      </c>
      <c r="M24868" s="2" t="s">
        <v>69039</v>
      </c>
      <c r="N24868" s="5" t="s">
        <v>1521</v>
      </c>
      <c r="O24868" s="5" t="s">
        <v>38</v>
      </c>
      <c r="P24868" s="5" t="s">
        <v>39</v>
      </c>
      <c r="Q24868" s="5" t="s">
        <v>40</v>
      </c>
      <c r="R24868" s="5" t="s">
        <v>1522</v>
      </c>
      <c r="S24868" s="5" t="s">
        <v>1523</v>
      </c>
      <c r="T24868" s="5" t="s">
        <v>42</v>
      </c>
      <c r="U24868" s="2">
        <v>3.8530000000000002</v>
      </c>
      <c r="V24868" s="2">
        <v>3.2080000000000002</v>
      </c>
      <c r="W24868" s="2">
        <v>0.02</v>
      </c>
      <c r="X24868" s="2">
        <v>159.1</v>
      </c>
      <c r="Y24868" s="2">
        <v>7.6</v>
      </c>
      <c r="Z24868" s="2">
        <v>16.7</v>
      </c>
      <c r="AA24868" s="5"/>
      <c r="AB24868" s="5" t="s">
        <v>43</v>
      </c>
      <c r="AC24868" s="5" t="s">
        <v>44</v>
      </c>
      <c r="AD24868" s="2"/>
      <c r="AE24868" s="1"/>
    </row>
    <row r="24869" spans="1:31" ht="14.45">
      <c r="A24869" s="11"/>
      <c r="B24869" s="20"/>
      <c r="C24869" s="2" t="s">
        <v>79486</v>
      </c>
      <c r="D24869" s="14" t="s">
        <v>79487</v>
      </c>
      <c r="E24869" s="2" t="s">
        <v>79488</v>
      </c>
      <c r="F24869" s="2" t="s">
        <v>7514</v>
      </c>
      <c r="G24869" s="8">
        <v>290</v>
      </c>
      <c r="H24869" s="5">
        <v>6</v>
      </c>
      <c r="I24869" s="5" t="s">
        <v>1518</v>
      </c>
      <c r="J24869" s="5" t="s">
        <v>69038</v>
      </c>
      <c r="K24869" s="2" t="s">
        <v>69039</v>
      </c>
      <c r="L24869" s="5" t="s">
        <v>69038</v>
      </c>
      <c r="M24869" s="2" t="s">
        <v>69039</v>
      </c>
      <c r="N24869" s="5" t="s">
        <v>1521</v>
      </c>
      <c r="O24869" s="5" t="s">
        <v>38</v>
      </c>
      <c r="P24869" s="5" t="s">
        <v>39</v>
      </c>
      <c r="Q24869" s="5" t="s">
        <v>40</v>
      </c>
      <c r="R24869" s="5" t="s">
        <v>1522</v>
      </c>
      <c r="S24869" s="5" t="s">
        <v>1523</v>
      </c>
      <c r="T24869" s="5" t="s">
        <v>42</v>
      </c>
      <c r="U24869" s="2">
        <v>3.9750000000000001</v>
      </c>
      <c r="V24869" s="2">
        <v>3.33</v>
      </c>
      <c r="W24869" s="2">
        <v>0.02</v>
      </c>
      <c r="X24869" s="2">
        <v>159.1</v>
      </c>
      <c r="Y24869" s="2">
        <v>7.6</v>
      </c>
      <c r="Z24869" s="2">
        <v>16.7</v>
      </c>
      <c r="AA24869" s="5"/>
      <c r="AB24869" s="5" t="s">
        <v>43</v>
      </c>
      <c r="AC24869" s="5" t="s">
        <v>44</v>
      </c>
      <c r="AD24869" s="2"/>
      <c r="AE24869" s="1"/>
    </row>
    <row r="24870" spans="1:31" ht="14.45">
      <c r="A24870" s="11"/>
      <c r="B24870" s="20"/>
      <c r="C24870" s="2" t="s">
        <v>79489</v>
      </c>
      <c r="D24870" s="14" t="s">
        <v>79490</v>
      </c>
      <c r="E24870" s="2" t="s">
        <v>79491</v>
      </c>
      <c r="F24870" s="2" t="s">
        <v>7208</v>
      </c>
      <c r="G24870" s="8">
        <v>290</v>
      </c>
      <c r="H24870" s="5">
        <v>6</v>
      </c>
      <c r="I24870" s="5" t="s">
        <v>1518</v>
      </c>
      <c r="J24870" s="5" t="s">
        <v>69038</v>
      </c>
      <c r="K24870" s="2" t="s">
        <v>69039</v>
      </c>
      <c r="L24870" s="5" t="s">
        <v>69038</v>
      </c>
      <c r="M24870" s="2" t="s">
        <v>69039</v>
      </c>
      <c r="N24870" s="5" t="s">
        <v>1521</v>
      </c>
      <c r="O24870" s="5" t="s">
        <v>38</v>
      </c>
      <c r="P24870" s="5" t="s">
        <v>39</v>
      </c>
      <c r="Q24870" s="5" t="s">
        <v>40</v>
      </c>
      <c r="R24870" s="5" t="s">
        <v>1522</v>
      </c>
      <c r="S24870" s="5" t="s">
        <v>1523</v>
      </c>
      <c r="T24870" s="5" t="s">
        <v>42</v>
      </c>
      <c r="U24870" s="2">
        <v>3.8530000000000002</v>
      </c>
      <c r="V24870" s="2">
        <v>3.2080000000000002</v>
      </c>
      <c r="W24870" s="2">
        <v>0.02</v>
      </c>
      <c r="X24870" s="2">
        <v>159.1</v>
      </c>
      <c r="Y24870" s="2">
        <v>7.6</v>
      </c>
      <c r="Z24870" s="2">
        <v>16.7</v>
      </c>
      <c r="AA24870" s="5"/>
      <c r="AB24870" s="5" t="s">
        <v>43</v>
      </c>
      <c r="AC24870" s="5" t="s">
        <v>44</v>
      </c>
      <c r="AD24870" s="2"/>
      <c r="AE24870" s="1"/>
    </row>
    <row r="24871" spans="1:31" ht="14.45">
      <c r="A24871" s="11"/>
      <c r="B24871" s="20"/>
      <c r="C24871" s="2" t="s">
        <v>79492</v>
      </c>
      <c r="D24871" s="14" t="s">
        <v>79493</v>
      </c>
      <c r="E24871" s="2" t="s">
        <v>79494</v>
      </c>
      <c r="F24871" s="2" t="s">
        <v>7521</v>
      </c>
      <c r="G24871" s="8">
        <v>290</v>
      </c>
      <c r="H24871" s="5">
        <v>6</v>
      </c>
      <c r="I24871" s="5" t="s">
        <v>1518</v>
      </c>
      <c r="J24871" s="5" t="s">
        <v>69038</v>
      </c>
      <c r="K24871" s="2" t="s">
        <v>69039</v>
      </c>
      <c r="L24871" s="5" t="s">
        <v>69038</v>
      </c>
      <c r="M24871" s="2" t="s">
        <v>69039</v>
      </c>
      <c r="N24871" s="5" t="s">
        <v>1521</v>
      </c>
      <c r="O24871" s="5" t="s">
        <v>38</v>
      </c>
      <c r="P24871" s="5" t="s">
        <v>39</v>
      </c>
      <c r="Q24871" s="5" t="s">
        <v>40</v>
      </c>
      <c r="R24871" s="5" t="s">
        <v>1522</v>
      </c>
      <c r="S24871" s="5" t="s">
        <v>1523</v>
      </c>
      <c r="T24871" s="5" t="s">
        <v>42</v>
      </c>
      <c r="U24871" s="2">
        <v>3.9750000000000001</v>
      </c>
      <c r="V24871" s="2">
        <v>3.33</v>
      </c>
      <c r="W24871" s="2">
        <v>0.02</v>
      </c>
      <c r="X24871" s="2">
        <v>159.1</v>
      </c>
      <c r="Y24871" s="2">
        <v>7.6</v>
      </c>
      <c r="Z24871" s="2">
        <v>16.7</v>
      </c>
      <c r="AA24871" s="5"/>
      <c r="AB24871" s="5" t="s">
        <v>43</v>
      </c>
      <c r="AC24871" s="5" t="s">
        <v>44</v>
      </c>
      <c r="AD24871" s="2"/>
      <c r="AE24871" s="1"/>
    </row>
    <row r="24872" spans="1:31" ht="14.45">
      <c r="A24872" s="11"/>
      <c r="B24872" s="20"/>
      <c r="C24872" s="2" t="s">
        <v>79495</v>
      </c>
      <c r="D24872" s="14" t="s">
        <v>79496</v>
      </c>
      <c r="E24872" s="2" t="s">
        <v>79497</v>
      </c>
      <c r="F24872" s="2" t="s">
        <v>7406</v>
      </c>
      <c r="G24872" s="8">
        <v>314</v>
      </c>
      <c r="H24872" s="5">
        <v>6</v>
      </c>
      <c r="I24872" s="5" t="s">
        <v>1518</v>
      </c>
      <c r="J24872" s="5" t="s">
        <v>69038</v>
      </c>
      <c r="K24872" s="2" t="s">
        <v>69039</v>
      </c>
      <c r="L24872" s="5" t="s">
        <v>69038</v>
      </c>
      <c r="M24872" s="2" t="s">
        <v>69039</v>
      </c>
      <c r="N24872" s="5" t="s">
        <v>1521</v>
      </c>
      <c r="O24872" s="5" t="s">
        <v>38</v>
      </c>
      <c r="P24872" s="5" t="s">
        <v>39</v>
      </c>
      <c r="Q24872" s="5" t="s">
        <v>40</v>
      </c>
      <c r="R24872" s="5" t="s">
        <v>1522</v>
      </c>
      <c r="S24872" s="5" t="s">
        <v>1523</v>
      </c>
      <c r="T24872" s="5" t="s">
        <v>42</v>
      </c>
      <c r="U24872" s="2">
        <v>3.8530000000000002</v>
      </c>
      <c r="V24872" s="2">
        <v>3.2080000000000002</v>
      </c>
      <c r="W24872" s="2">
        <v>0.02</v>
      </c>
      <c r="X24872" s="2">
        <v>159.1</v>
      </c>
      <c r="Y24872" s="2">
        <v>7.6</v>
      </c>
      <c r="Z24872" s="2">
        <v>16.7</v>
      </c>
      <c r="AA24872" s="5"/>
      <c r="AB24872" s="5" t="s">
        <v>43</v>
      </c>
      <c r="AC24872" s="5" t="s">
        <v>44</v>
      </c>
      <c r="AD24872" s="2"/>
      <c r="AE24872" s="1"/>
    </row>
    <row r="24873" spans="1:31" ht="14.45">
      <c r="A24873" s="11"/>
      <c r="B24873" s="20"/>
      <c r="C24873" s="2" t="s">
        <v>79498</v>
      </c>
      <c r="D24873" s="14" t="s">
        <v>79499</v>
      </c>
      <c r="E24873" s="2" t="s">
        <v>79500</v>
      </c>
      <c r="F24873" s="2" t="s">
        <v>7535</v>
      </c>
      <c r="G24873" s="8">
        <v>314</v>
      </c>
      <c r="H24873" s="5">
        <v>6</v>
      </c>
      <c r="I24873" s="5" t="s">
        <v>1518</v>
      </c>
      <c r="J24873" s="5" t="s">
        <v>69038</v>
      </c>
      <c r="K24873" s="2" t="s">
        <v>69039</v>
      </c>
      <c r="L24873" s="5" t="s">
        <v>69038</v>
      </c>
      <c r="M24873" s="2" t="s">
        <v>69039</v>
      </c>
      <c r="N24873" s="5" t="s">
        <v>1521</v>
      </c>
      <c r="O24873" s="5" t="s">
        <v>38</v>
      </c>
      <c r="P24873" s="5" t="s">
        <v>39</v>
      </c>
      <c r="Q24873" s="5" t="s">
        <v>40</v>
      </c>
      <c r="R24873" s="5" t="s">
        <v>1522</v>
      </c>
      <c r="S24873" s="5" t="s">
        <v>1523</v>
      </c>
      <c r="T24873" s="5" t="s">
        <v>42</v>
      </c>
      <c r="U24873" s="2">
        <v>3.9750000000000001</v>
      </c>
      <c r="V24873" s="2">
        <v>3.33</v>
      </c>
      <c r="W24873" s="2">
        <v>0.02</v>
      </c>
      <c r="X24873" s="2">
        <v>159.1</v>
      </c>
      <c r="Y24873" s="2">
        <v>7.6</v>
      </c>
      <c r="Z24873" s="2">
        <v>16.7</v>
      </c>
      <c r="AA24873" s="5"/>
      <c r="AB24873" s="5" t="s">
        <v>43</v>
      </c>
      <c r="AC24873" s="5" t="s">
        <v>44</v>
      </c>
      <c r="AD24873" s="2"/>
      <c r="AE24873" s="1"/>
    </row>
    <row r="24874" spans="1:31" ht="14.45">
      <c r="A24874" s="11"/>
      <c r="B24874" s="20"/>
      <c r="C24874" s="2" t="s">
        <v>79501</v>
      </c>
      <c r="D24874" s="14" t="s">
        <v>79502</v>
      </c>
      <c r="E24874" s="2" t="s">
        <v>79503</v>
      </c>
      <c r="F24874" s="2" t="s">
        <v>7539</v>
      </c>
      <c r="G24874" s="8">
        <v>314</v>
      </c>
      <c r="H24874" s="5">
        <v>6</v>
      </c>
      <c r="I24874" s="5" t="s">
        <v>1518</v>
      </c>
      <c r="J24874" s="5" t="s">
        <v>69038</v>
      </c>
      <c r="K24874" s="2" t="s">
        <v>69039</v>
      </c>
      <c r="L24874" s="5" t="s">
        <v>69038</v>
      </c>
      <c r="M24874" s="2" t="s">
        <v>69039</v>
      </c>
      <c r="N24874" s="5" t="s">
        <v>1521</v>
      </c>
      <c r="O24874" s="5" t="s">
        <v>38</v>
      </c>
      <c r="P24874" s="5" t="s">
        <v>39</v>
      </c>
      <c r="Q24874" s="5" t="s">
        <v>40</v>
      </c>
      <c r="R24874" s="5" t="s">
        <v>1522</v>
      </c>
      <c r="S24874" s="5" t="s">
        <v>1523</v>
      </c>
      <c r="T24874" s="5" t="s">
        <v>42</v>
      </c>
      <c r="U24874" s="2">
        <v>3.8530000000000002</v>
      </c>
      <c r="V24874" s="2">
        <v>3.2080000000000002</v>
      </c>
      <c r="W24874" s="2">
        <v>0.02</v>
      </c>
      <c r="X24874" s="2">
        <v>159.1</v>
      </c>
      <c r="Y24874" s="2">
        <v>7.6</v>
      </c>
      <c r="Z24874" s="2">
        <v>16.7</v>
      </c>
      <c r="AA24874" s="5"/>
      <c r="AB24874" s="5" t="s">
        <v>43</v>
      </c>
      <c r="AC24874" s="5" t="s">
        <v>44</v>
      </c>
      <c r="AD24874" s="2"/>
      <c r="AE24874" s="1"/>
    </row>
    <row r="24875" spans="1:31" ht="14.45">
      <c r="A24875" s="11"/>
      <c r="B24875" s="20"/>
      <c r="C24875" s="2" t="s">
        <v>79504</v>
      </c>
      <c r="D24875" s="14" t="s">
        <v>79505</v>
      </c>
      <c r="E24875" s="2" t="s">
        <v>79506</v>
      </c>
      <c r="F24875" s="2" t="s">
        <v>7543</v>
      </c>
      <c r="G24875" s="8">
        <v>314</v>
      </c>
      <c r="H24875" s="5">
        <v>6</v>
      </c>
      <c r="I24875" s="5" t="s">
        <v>1518</v>
      </c>
      <c r="J24875" s="5" t="s">
        <v>69038</v>
      </c>
      <c r="K24875" s="2" t="s">
        <v>69039</v>
      </c>
      <c r="L24875" s="5" t="s">
        <v>69038</v>
      </c>
      <c r="M24875" s="2" t="s">
        <v>69039</v>
      </c>
      <c r="N24875" s="5" t="s">
        <v>1521</v>
      </c>
      <c r="O24875" s="5" t="s">
        <v>38</v>
      </c>
      <c r="P24875" s="5" t="s">
        <v>39</v>
      </c>
      <c r="Q24875" s="5" t="s">
        <v>40</v>
      </c>
      <c r="R24875" s="5" t="s">
        <v>1522</v>
      </c>
      <c r="S24875" s="5" t="s">
        <v>1523</v>
      </c>
      <c r="T24875" s="5" t="s">
        <v>42</v>
      </c>
      <c r="U24875" s="2">
        <v>3.9750000000000001</v>
      </c>
      <c r="V24875" s="2">
        <v>3.33</v>
      </c>
      <c r="W24875" s="2">
        <v>0.02</v>
      </c>
      <c r="X24875" s="2">
        <v>159.1</v>
      </c>
      <c r="Y24875" s="2">
        <v>7.6</v>
      </c>
      <c r="Z24875" s="2">
        <v>16.7</v>
      </c>
      <c r="AA24875" s="5"/>
      <c r="AB24875" s="5" t="s">
        <v>43</v>
      </c>
      <c r="AC24875" s="5" t="s">
        <v>44</v>
      </c>
      <c r="AD24875" s="2"/>
      <c r="AE24875" s="1"/>
    </row>
    <row r="24876" spans="1:31" ht="14.45">
      <c r="A24876" s="11"/>
      <c r="B24876" s="20"/>
      <c r="C24876" s="2" t="s">
        <v>79507</v>
      </c>
      <c r="D24876" s="14" t="s">
        <v>79508</v>
      </c>
      <c r="E24876" s="2" t="s">
        <v>79509</v>
      </c>
      <c r="F24876" s="2" t="s">
        <v>7396</v>
      </c>
      <c r="G24876" s="8">
        <v>290</v>
      </c>
      <c r="H24876" s="5">
        <v>6</v>
      </c>
      <c r="I24876" s="5" t="s">
        <v>1518</v>
      </c>
      <c r="J24876" s="5" t="s">
        <v>69038</v>
      </c>
      <c r="K24876" s="2" t="s">
        <v>69039</v>
      </c>
      <c r="L24876" s="5" t="s">
        <v>69038</v>
      </c>
      <c r="M24876" s="2" t="s">
        <v>69039</v>
      </c>
      <c r="N24876" s="5" t="s">
        <v>1521</v>
      </c>
      <c r="O24876" s="5" t="s">
        <v>38</v>
      </c>
      <c r="P24876" s="5" t="s">
        <v>39</v>
      </c>
      <c r="Q24876" s="5" t="s">
        <v>40</v>
      </c>
      <c r="R24876" s="5" t="s">
        <v>1522</v>
      </c>
      <c r="S24876" s="5" t="s">
        <v>1523</v>
      </c>
      <c r="T24876" s="5" t="s">
        <v>42</v>
      </c>
      <c r="U24876" s="2">
        <v>3.8530000000000002</v>
      </c>
      <c r="V24876" s="2">
        <v>3.2080000000000002</v>
      </c>
      <c r="W24876" s="2">
        <v>0.02</v>
      </c>
      <c r="X24876" s="2">
        <v>159.1</v>
      </c>
      <c r="Y24876" s="2">
        <v>7.6</v>
      </c>
      <c r="Z24876" s="2">
        <v>16.7</v>
      </c>
      <c r="AA24876" s="5"/>
      <c r="AB24876" s="5" t="s">
        <v>43</v>
      </c>
      <c r="AC24876" s="5" t="s">
        <v>44</v>
      </c>
      <c r="AD24876" s="2"/>
      <c r="AE24876" s="1"/>
    </row>
    <row r="24877" spans="1:31" ht="14.45">
      <c r="A24877" s="11"/>
      <c r="B24877" s="20"/>
      <c r="C24877" s="2" t="s">
        <v>79510</v>
      </c>
      <c r="D24877" s="14" t="s">
        <v>79511</v>
      </c>
      <c r="E24877" s="2" t="s">
        <v>79512</v>
      </c>
      <c r="F24877" s="2" t="s">
        <v>7507</v>
      </c>
      <c r="G24877" s="8">
        <v>290</v>
      </c>
      <c r="H24877" s="5">
        <v>6</v>
      </c>
      <c r="I24877" s="5" t="s">
        <v>1518</v>
      </c>
      <c r="J24877" s="5" t="s">
        <v>69038</v>
      </c>
      <c r="K24877" s="2" t="s">
        <v>69039</v>
      </c>
      <c r="L24877" s="5" t="s">
        <v>69038</v>
      </c>
      <c r="M24877" s="2" t="s">
        <v>69039</v>
      </c>
      <c r="N24877" s="5" t="s">
        <v>1521</v>
      </c>
      <c r="O24877" s="5" t="s">
        <v>38</v>
      </c>
      <c r="P24877" s="5" t="s">
        <v>39</v>
      </c>
      <c r="Q24877" s="5" t="s">
        <v>40</v>
      </c>
      <c r="R24877" s="5" t="s">
        <v>1522</v>
      </c>
      <c r="S24877" s="5" t="s">
        <v>1523</v>
      </c>
      <c r="T24877" s="5" t="s">
        <v>42</v>
      </c>
      <c r="U24877" s="2">
        <v>3.9750000000000001</v>
      </c>
      <c r="V24877" s="2">
        <v>3.33</v>
      </c>
      <c r="W24877" s="2">
        <v>0.02</v>
      </c>
      <c r="X24877" s="2">
        <v>159.1</v>
      </c>
      <c r="Y24877" s="2">
        <v>7.6</v>
      </c>
      <c r="Z24877" s="2">
        <v>16.7</v>
      </c>
      <c r="AA24877" s="5"/>
      <c r="AB24877" s="5" t="s">
        <v>43</v>
      </c>
      <c r="AC24877" s="5" t="s">
        <v>44</v>
      </c>
      <c r="AD24877" s="2"/>
      <c r="AE24877" s="1"/>
    </row>
    <row r="24878" spans="1:31" ht="14.45">
      <c r="A24878" s="11"/>
      <c r="B24878" s="20"/>
      <c r="C24878" s="2" t="s">
        <v>79513</v>
      </c>
      <c r="D24878" s="14" t="s">
        <v>79514</v>
      </c>
      <c r="E24878" s="2" t="s">
        <v>79515</v>
      </c>
      <c r="F24878" s="2" t="s">
        <v>7563</v>
      </c>
      <c r="G24878" s="8">
        <v>314</v>
      </c>
      <c r="H24878" s="5">
        <v>6</v>
      </c>
      <c r="I24878" s="5" t="s">
        <v>1518</v>
      </c>
      <c r="J24878" s="5" t="s">
        <v>69038</v>
      </c>
      <c r="K24878" s="2" t="s">
        <v>69039</v>
      </c>
      <c r="L24878" s="5" t="s">
        <v>69038</v>
      </c>
      <c r="M24878" s="2" t="s">
        <v>69039</v>
      </c>
      <c r="N24878" s="5" t="s">
        <v>1521</v>
      </c>
      <c r="O24878" s="5" t="s">
        <v>38</v>
      </c>
      <c r="P24878" s="5" t="s">
        <v>39</v>
      </c>
      <c r="Q24878" s="5" t="s">
        <v>40</v>
      </c>
      <c r="R24878" s="5" t="s">
        <v>1522</v>
      </c>
      <c r="S24878" s="5" t="s">
        <v>1523</v>
      </c>
      <c r="T24878" s="5" t="s">
        <v>42</v>
      </c>
      <c r="U24878" s="2">
        <v>3.8530000000000002</v>
      </c>
      <c r="V24878" s="2">
        <v>3.2080000000000002</v>
      </c>
      <c r="W24878" s="2">
        <v>0.02</v>
      </c>
      <c r="X24878" s="2">
        <v>159.1</v>
      </c>
      <c r="Y24878" s="2">
        <v>7.6</v>
      </c>
      <c r="Z24878" s="2">
        <v>16.7</v>
      </c>
      <c r="AA24878" s="5"/>
      <c r="AB24878" s="5" t="s">
        <v>43</v>
      </c>
      <c r="AC24878" s="5" t="s">
        <v>44</v>
      </c>
      <c r="AD24878" s="2"/>
      <c r="AE24878" s="1"/>
    </row>
    <row r="24879" spans="1:31" ht="14.45">
      <c r="A24879" s="11"/>
      <c r="B24879" s="20"/>
      <c r="C24879" s="2" t="s">
        <v>79516</v>
      </c>
      <c r="D24879" s="14" t="s">
        <v>79517</v>
      </c>
      <c r="E24879" s="2" t="s">
        <v>79518</v>
      </c>
      <c r="F24879" s="2" t="s">
        <v>7567</v>
      </c>
      <c r="G24879" s="8">
        <v>314</v>
      </c>
      <c r="H24879" s="5">
        <v>6</v>
      </c>
      <c r="I24879" s="5" t="s">
        <v>1518</v>
      </c>
      <c r="J24879" s="5" t="s">
        <v>69038</v>
      </c>
      <c r="K24879" s="2" t="s">
        <v>69039</v>
      </c>
      <c r="L24879" s="5" t="s">
        <v>69038</v>
      </c>
      <c r="M24879" s="2" t="s">
        <v>69039</v>
      </c>
      <c r="N24879" s="5" t="s">
        <v>1521</v>
      </c>
      <c r="O24879" s="5" t="s">
        <v>38</v>
      </c>
      <c r="P24879" s="5" t="s">
        <v>39</v>
      </c>
      <c r="Q24879" s="5" t="s">
        <v>40</v>
      </c>
      <c r="R24879" s="5" t="s">
        <v>1522</v>
      </c>
      <c r="S24879" s="5" t="s">
        <v>1523</v>
      </c>
      <c r="T24879" s="5" t="s">
        <v>42</v>
      </c>
      <c r="U24879" s="2">
        <v>3.9750000000000001</v>
      </c>
      <c r="V24879" s="2">
        <v>3.33</v>
      </c>
      <c r="W24879" s="2">
        <v>0.02</v>
      </c>
      <c r="X24879" s="2">
        <v>159.1</v>
      </c>
      <c r="Y24879" s="2">
        <v>7.6</v>
      </c>
      <c r="Z24879" s="2">
        <v>16.7</v>
      </c>
      <c r="AA24879" s="5"/>
      <c r="AB24879" s="5" t="s">
        <v>43</v>
      </c>
      <c r="AC24879" s="5" t="s">
        <v>44</v>
      </c>
      <c r="AD24879" s="2"/>
      <c r="AE24879" s="1"/>
    </row>
    <row r="24880" spans="1:31" ht="14.45">
      <c r="A24880" s="11"/>
      <c r="B24880" s="20"/>
      <c r="C24880" s="2" t="s">
        <v>79519</v>
      </c>
      <c r="D24880" s="14" t="s">
        <v>79520</v>
      </c>
      <c r="E24880" s="2" t="s">
        <v>79521</v>
      </c>
      <c r="F24880" s="2" t="s">
        <v>7555</v>
      </c>
      <c r="G24880" s="8">
        <v>314</v>
      </c>
      <c r="H24880" s="5">
        <v>6</v>
      </c>
      <c r="I24880" s="5" t="s">
        <v>1518</v>
      </c>
      <c r="J24880" s="5" t="s">
        <v>69038</v>
      </c>
      <c r="K24880" s="2" t="s">
        <v>69039</v>
      </c>
      <c r="L24880" s="5" t="s">
        <v>69038</v>
      </c>
      <c r="M24880" s="2" t="s">
        <v>69039</v>
      </c>
      <c r="N24880" s="5" t="s">
        <v>1521</v>
      </c>
      <c r="O24880" s="5" t="s">
        <v>38</v>
      </c>
      <c r="P24880" s="5" t="s">
        <v>39</v>
      </c>
      <c r="Q24880" s="5" t="s">
        <v>40</v>
      </c>
      <c r="R24880" s="5" t="s">
        <v>1522</v>
      </c>
      <c r="S24880" s="5" t="s">
        <v>1523</v>
      </c>
      <c r="T24880" s="5" t="s">
        <v>42</v>
      </c>
      <c r="U24880" s="2">
        <v>3.8530000000000002</v>
      </c>
      <c r="V24880" s="2">
        <v>3.2080000000000002</v>
      </c>
      <c r="W24880" s="2">
        <v>0.02</v>
      </c>
      <c r="X24880" s="2">
        <v>159.1</v>
      </c>
      <c r="Y24880" s="2">
        <v>7.6</v>
      </c>
      <c r="Z24880" s="2">
        <v>16.7</v>
      </c>
      <c r="AA24880" s="5"/>
      <c r="AB24880" s="5" t="s">
        <v>43</v>
      </c>
      <c r="AC24880" s="5" t="s">
        <v>44</v>
      </c>
      <c r="AD24880" s="2"/>
      <c r="AE24880" s="1"/>
    </row>
    <row r="24881" spans="1:31" ht="14.45">
      <c r="A24881" s="11"/>
      <c r="B24881" s="20"/>
      <c r="C24881" s="2" t="s">
        <v>79522</v>
      </c>
      <c r="D24881" s="14" t="s">
        <v>79523</v>
      </c>
      <c r="E24881" s="2" t="s">
        <v>79524</v>
      </c>
      <c r="F24881" s="2" t="s">
        <v>7559</v>
      </c>
      <c r="G24881" s="8">
        <v>314</v>
      </c>
      <c r="H24881" s="5">
        <v>6</v>
      </c>
      <c r="I24881" s="5" t="s">
        <v>1518</v>
      </c>
      <c r="J24881" s="5" t="s">
        <v>69038</v>
      </c>
      <c r="K24881" s="2" t="s">
        <v>69039</v>
      </c>
      <c r="L24881" s="5" t="s">
        <v>69038</v>
      </c>
      <c r="M24881" s="2" t="s">
        <v>69039</v>
      </c>
      <c r="N24881" s="5" t="s">
        <v>1521</v>
      </c>
      <c r="O24881" s="5" t="s">
        <v>38</v>
      </c>
      <c r="P24881" s="5" t="s">
        <v>39</v>
      </c>
      <c r="Q24881" s="5" t="s">
        <v>40</v>
      </c>
      <c r="R24881" s="5" t="s">
        <v>1522</v>
      </c>
      <c r="S24881" s="5" t="s">
        <v>1523</v>
      </c>
      <c r="T24881" s="5" t="s">
        <v>42</v>
      </c>
      <c r="U24881" s="2">
        <v>3.9750000000000001</v>
      </c>
      <c r="V24881" s="2">
        <v>3.33</v>
      </c>
      <c r="W24881" s="2">
        <v>0.02</v>
      </c>
      <c r="X24881" s="2">
        <v>159.1</v>
      </c>
      <c r="Y24881" s="2">
        <v>7.6</v>
      </c>
      <c r="Z24881" s="2">
        <v>16.7</v>
      </c>
      <c r="AA24881" s="5"/>
      <c r="AB24881" s="5" t="s">
        <v>43</v>
      </c>
      <c r="AC24881" s="5" t="s">
        <v>44</v>
      </c>
      <c r="AD24881" s="2"/>
      <c r="AE24881" s="1"/>
    </row>
    <row r="24882" spans="1:31" ht="14.45">
      <c r="A24882" s="11"/>
      <c r="B24882" s="20"/>
      <c r="C24882" s="2" t="s">
        <v>79525</v>
      </c>
      <c r="D24882" s="14" t="s">
        <v>79526</v>
      </c>
      <c r="E24882" s="2" t="s">
        <v>79527</v>
      </c>
      <c r="F24882" s="2" t="s">
        <v>16079</v>
      </c>
      <c r="G24882" s="8">
        <v>314</v>
      </c>
      <c r="H24882" s="5">
        <v>6</v>
      </c>
      <c r="I24882" s="5" t="s">
        <v>1518</v>
      </c>
      <c r="J24882" s="5" t="s">
        <v>69038</v>
      </c>
      <c r="K24882" s="2" t="s">
        <v>69039</v>
      </c>
      <c r="L24882" s="5" t="s">
        <v>69038</v>
      </c>
      <c r="M24882" s="2" t="s">
        <v>69039</v>
      </c>
      <c r="N24882" s="5" t="s">
        <v>1521</v>
      </c>
      <c r="O24882" s="5" t="s">
        <v>38</v>
      </c>
      <c r="P24882" s="5" t="s">
        <v>39</v>
      </c>
      <c r="Q24882" s="5" t="s">
        <v>40</v>
      </c>
      <c r="R24882" s="5" t="s">
        <v>1522</v>
      </c>
      <c r="S24882" s="5" t="s">
        <v>1523</v>
      </c>
      <c r="T24882" s="5" t="s">
        <v>42</v>
      </c>
      <c r="U24882" s="2">
        <v>3.8530000000000002</v>
      </c>
      <c r="V24882" s="2">
        <v>3.2080000000000002</v>
      </c>
      <c r="W24882" s="2">
        <v>0.02</v>
      </c>
      <c r="X24882" s="2">
        <v>159.1</v>
      </c>
      <c r="Y24882" s="2">
        <v>7.6</v>
      </c>
      <c r="Z24882" s="2">
        <v>16.7</v>
      </c>
      <c r="AA24882" s="5"/>
      <c r="AB24882" s="5" t="s">
        <v>43</v>
      </c>
      <c r="AC24882" s="5" t="s">
        <v>44</v>
      </c>
      <c r="AD24882" s="2"/>
      <c r="AE24882" s="1"/>
    </row>
    <row r="24883" spans="1:31" ht="14.45">
      <c r="A24883" s="11"/>
      <c r="B24883" s="20"/>
      <c r="C24883" s="2" t="s">
        <v>79528</v>
      </c>
      <c r="D24883" s="14" t="s">
        <v>79529</v>
      </c>
      <c r="E24883" s="2" t="s">
        <v>79530</v>
      </c>
      <c r="F24883" s="2" t="s">
        <v>16194</v>
      </c>
      <c r="G24883" s="8">
        <v>314</v>
      </c>
      <c r="H24883" s="5">
        <v>6</v>
      </c>
      <c r="I24883" s="5" t="s">
        <v>1518</v>
      </c>
      <c r="J24883" s="5" t="s">
        <v>69038</v>
      </c>
      <c r="K24883" s="2" t="s">
        <v>69039</v>
      </c>
      <c r="L24883" s="5" t="s">
        <v>69038</v>
      </c>
      <c r="M24883" s="2" t="s">
        <v>69039</v>
      </c>
      <c r="N24883" s="5" t="s">
        <v>1521</v>
      </c>
      <c r="O24883" s="5" t="s">
        <v>38</v>
      </c>
      <c r="P24883" s="5" t="s">
        <v>39</v>
      </c>
      <c r="Q24883" s="5" t="s">
        <v>40</v>
      </c>
      <c r="R24883" s="5" t="s">
        <v>1522</v>
      </c>
      <c r="S24883" s="5" t="s">
        <v>1523</v>
      </c>
      <c r="T24883" s="5" t="s">
        <v>42</v>
      </c>
      <c r="U24883" s="2">
        <v>3.9750000000000001</v>
      </c>
      <c r="V24883" s="2">
        <v>3.33</v>
      </c>
      <c r="W24883" s="2">
        <v>0.02</v>
      </c>
      <c r="X24883" s="2">
        <v>159.1</v>
      </c>
      <c r="Y24883" s="2">
        <v>7.6</v>
      </c>
      <c r="Z24883" s="2">
        <v>16.7</v>
      </c>
      <c r="AA24883" s="5"/>
      <c r="AB24883" s="5" t="s">
        <v>43</v>
      </c>
      <c r="AC24883" s="5" t="s">
        <v>44</v>
      </c>
      <c r="AD24883" s="2"/>
      <c r="AE24883" s="1"/>
    </row>
    <row r="24884" spans="1:31" ht="14.45">
      <c r="A24884" s="11"/>
      <c r="B24884" s="20"/>
      <c r="C24884" s="2" t="s">
        <v>79531</v>
      </c>
      <c r="D24884" s="14" t="s">
        <v>79532</v>
      </c>
      <c r="E24884" s="2" t="s">
        <v>79533</v>
      </c>
      <c r="F24884" s="2" t="s">
        <v>7449</v>
      </c>
      <c r="G24884" s="8">
        <v>314</v>
      </c>
      <c r="H24884" s="5">
        <v>6</v>
      </c>
      <c r="I24884" s="5" t="s">
        <v>1518</v>
      </c>
      <c r="J24884" s="5" t="s">
        <v>69038</v>
      </c>
      <c r="K24884" s="2" t="s">
        <v>69039</v>
      </c>
      <c r="L24884" s="5" t="s">
        <v>69038</v>
      </c>
      <c r="M24884" s="2" t="s">
        <v>69039</v>
      </c>
      <c r="N24884" s="5" t="s">
        <v>1521</v>
      </c>
      <c r="O24884" s="5" t="s">
        <v>38</v>
      </c>
      <c r="P24884" s="5" t="s">
        <v>39</v>
      </c>
      <c r="Q24884" s="5" t="s">
        <v>40</v>
      </c>
      <c r="R24884" s="5" t="s">
        <v>1522</v>
      </c>
      <c r="S24884" s="5" t="s">
        <v>1523</v>
      </c>
      <c r="T24884" s="5" t="s">
        <v>42</v>
      </c>
      <c r="U24884" s="2">
        <v>3.8530000000000002</v>
      </c>
      <c r="V24884" s="2">
        <v>3.2080000000000002</v>
      </c>
      <c r="W24884" s="2">
        <v>0.02</v>
      </c>
      <c r="X24884" s="2">
        <v>159.1</v>
      </c>
      <c r="Y24884" s="2">
        <v>7.6</v>
      </c>
      <c r="Z24884" s="2">
        <v>16.7</v>
      </c>
      <c r="AA24884" s="5"/>
      <c r="AB24884" s="5" t="s">
        <v>43</v>
      </c>
      <c r="AC24884" s="5" t="s">
        <v>44</v>
      </c>
      <c r="AD24884" s="2"/>
      <c r="AE24884" s="1"/>
    </row>
    <row r="24885" spans="1:31" ht="14.45">
      <c r="A24885" s="11"/>
      <c r="B24885" s="20"/>
      <c r="C24885" s="2" t="s">
        <v>79534</v>
      </c>
      <c r="D24885" s="14" t="s">
        <v>79535</v>
      </c>
      <c r="E24885" s="2" t="s">
        <v>79536</v>
      </c>
      <c r="F24885" s="2" t="s">
        <v>7581</v>
      </c>
      <c r="G24885" s="8">
        <v>314</v>
      </c>
      <c r="H24885" s="5">
        <v>6</v>
      </c>
      <c r="I24885" s="5" t="s">
        <v>1518</v>
      </c>
      <c r="J24885" s="5" t="s">
        <v>69038</v>
      </c>
      <c r="K24885" s="2" t="s">
        <v>69039</v>
      </c>
      <c r="L24885" s="5" t="s">
        <v>69038</v>
      </c>
      <c r="M24885" s="2" t="s">
        <v>69039</v>
      </c>
      <c r="N24885" s="5" t="s">
        <v>1521</v>
      </c>
      <c r="O24885" s="5" t="s">
        <v>38</v>
      </c>
      <c r="P24885" s="5" t="s">
        <v>39</v>
      </c>
      <c r="Q24885" s="5" t="s">
        <v>40</v>
      </c>
      <c r="R24885" s="5" t="s">
        <v>1522</v>
      </c>
      <c r="S24885" s="5" t="s">
        <v>1523</v>
      </c>
      <c r="T24885" s="5" t="s">
        <v>42</v>
      </c>
      <c r="U24885" s="2">
        <v>3.9750000000000001</v>
      </c>
      <c r="V24885" s="2">
        <v>3.33</v>
      </c>
      <c r="W24885" s="2">
        <v>0.02</v>
      </c>
      <c r="X24885" s="2">
        <v>159.1</v>
      </c>
      <c r="Y24885" s="2">
        <v>7.6</v>
      </c>
      <c r="Z24885" s="2">
        <v>16.7</v>
      </c>
      <c r="AA24885" s="5"/>
      <c r="AB24885" s="5" t="s">
        <v>43</v>
      </c>
      <c r="AC24885" s="5" t="s">
        <v>44</v>
      </c>
      <c r="AD24885" s="2"/>
      <c r="AE24885" s="1"/>
    </row>
    <row r="24886" spans="1:31" ht="14.45">
      <c r="A24886" s="11"/>
      <c r="B24886" s="20"/>
      <c r="C24886" s="2" t="s">
        <v>79537</v>
      </c>
      <c r="D24886" s="14" t="s">
        <v>79538</v>
      </c>
      <c r="E24886" s="2" t="s">
        <v>79539</v>
      </c>
      <c r="F24886" s="2" t="s">
        <v>7585</v>
      </c>
      <c r="G24886" s="8">
        <v>314</v>
      </c>
      <c r="H24886" s="5">
        <v>6</v>
      </c>
      <c r="I24886" s="5" t="s">
        <v>1518</v>
      </c>
      <c r="J24886" s="5" t="s">
        <v>69038</v>
      </c>
      <c r="K24886" s="2" t="s">
        <v>69039</v>
      </c>
      <c r="L24886" s="5" t="s">
        <v>69038</v>
      </c>
      <c r="M24886" s="2" t="s">
        <v>69039</v>
      </c>
      <c r="N24886" s="5" t="s">
        <v>1521</v>
      </c>
      <c r="O24886" s="5" t="s">
        <v>38</v>
      </c>
      <c r="P24886" s="5" t="s">
        <v>39</v>
      </c>
      <c r="Q24886" s="5" t="s">
        <v>40</v>
      </c>
      <c r="R24886" s="5" t="s">
        <v>1522</v>
      </c>
      <c r="S24886" s="5" t="s">
        <v>1523</v>
      </c>
      <c r="T24886" s="5" t="s">
        <v>42</v>
      </c>
      <c r="U24886" s="2">
        <v>3.8530000000000002</v>
      </c>
      <c r="V24886" s="2">
        <v>3.2080000000000002</v>
      </c>
      <c r="W24886" s="2">
        <v>0.02</v>
      </c>
      <c r="X24886" s="2">
        <v>159.1</v>
      </c>
      <c r="Y24886" s="2">
        <v>7.6</v>
      </c>
      <c r="Z24886" s="2">
        <v>16.7</v>
      </c>
      <c r="AA24886" s="5"/>
      <c r="AB24886" s="5" t="s">
        <v>43</v>
      </c>
      <c r="AC24886" s="5" t="s">
        <v>44</v>
      </c>
      <c r="AD24886" s="2"/>
      <c r="AE24886" s="1"/>
    </row>
    <row r="24887" spans="1:31" ht="14.45">
      <c r="A24887" s="11"/>
      <c r="B24887" s="20"/>
      <c r="C24887" s="2" t="s">
        <v>79540</v>
      </c>
      <c r="D24887" s="14" t="s">
        <v>79541</v>
      </c>
      <c r="E24887" s="2" t="s">
        <v>79542</v>
      </c>
      <c r="F24887" s="2" t="s">
        <v>7589</v>
      </c>
      <c r="G24887" s="8">
        <v>314</v>
      </c>
      <c r="H24887" s="5">
        <v>6</v>
      </c>
      <c r="I24887" s="5" t="s">
        <v>1518</v>
      </c>
      <c r="J24887" s="5" t="s">
        <v>69038</v>
      </c>
      <c r="K24887" s="2" t="s">
        <v>69039</v>
      </c>
      <c r="L24887" s="5" t="s">
        <v>69038</v>
      </c>
      <c r="M24887" s="2" t="s">
        <v>69039</v>
      </c>
      <c r="N24887" s="5" t="s">
        <v>1521</v>
      </c>
      <c r="O24887" s="5" t="s">
        <v>38</v>
      </c>
      <c r="P24887" s="5" t="s">
        <v>39</v>
      </c>
      <c r="Q24887" s="5" t="s">
        <v>40</v>
      </c>
      <c r="R24887" s="5" t="s">
        <v>1522</v>
      </c>
      <c r="S24887" s="5" t="s">
        <v>1523</v>
      </c>
      <c r="T24887" s="5" t="s">
        <v>42</v>
      </c>
      <c r="U24887" s="2">
        <v>3.9750000000000001</v>
      </c>
      <c r="V24887" s="2">
        <v>3.33</v>
      </c>
      <c r="W24887" s="2">
        <v>0.02</v>
      </c>
      <c r="X24887" s="2">
        <v>159.1</v>
      </c>
      <c r="Y24887" s="2">
        <v>7.6</v>
      </c>
      <c r="Z24887" s="2">
        <v>16.7</v>
      </c>
      <c r="AA24887" s="5"/>
      <c r="AB24887" s="5" t="s">
        <v>43</v>
      </c>
      <c r="AC24887" s="5" t="s">
        <v>44</v>
      </c>
      <c r="AD24887" s="2"/>
      <c r="AE24887" s="1"/>
    </row>
    <row r="24888" spans="1:31" ht="14.45">
      <c r="A24888" s="11"/>
      <c r="B24888" s="20"/>
      <c r="C24888" s="2" t="s">
        <v>79543</v>
      </c>
      <c r="D24888" s="14" t="s">
        <v>79544</v>
      </c>
      <c r="E24888" s="2" t="s">
        <v>79545</v>
      </c>
      <c r="F24888" s="2" t="s">
        <v>7593</v>
      </c>
      <c r="G24888" s="8">
        <v>314</v>
      </c>
      <c r="H24888" s="5">
        <v>6</v>
      </c>
      <c r="I24888" s="5" t="s">
        <v>1518</v>
      </c>
      <c r="J24888" s="5" t="s">
        <v>69038</v>
      </c>
      <c r="K24888" s="2" t="s">
        <v>69039</v>
      </c>
      <c r="L24888" s="5" t="s">
        <v>69038</v>
      </c>
      <c r="M24888" s="2" t="s">
        <v>69039</v>
      </c>
      <c r="N24888" s="5" t="s">
        <v>1521</v>
      </c>
      <c r="O24888" s="5" t="s">
        <v>38</v>
      </c>
      <c r="P24888" s="5" t="s">
        <v>39</v>
      </c>
      <c r="Q24888" s="5" t="s">
        <v>40</v>
      </c>
      <c r="R24888" s="5" t="s">
        <v>1522</v>
      </c>
      <c r="S24888" s="5" t="s">
        <v>1523</v>
      </c>
      <c r="T24888" s="5" t="s">
        <v>42</v>
      </c>
      <c r="U24888" s="2">
        <v>3.8530000000000002</v>
      </c>
      <c r="V24888" s="2">
        <v>3.2080000000000002</v>
      </c>
      <c r="W24888" s="2">
        <v>0.02</v>
      </c>
      <c r="X24888" s="2">
        <v>159.1</v>
      </c>
      <c r="Y24888" s="2">
        <v>7.6</v>
      </c>
      <c r="Z24888" s="2">
        <v>16.7</v>
      </c>
      <c r="AA24888" s="5"/>
      <c r="AB24888" s="5" t="s">
        <v>43</v>
      </c>
      <c r="AC24888" s="5" t="s">
        <v>44</v>
      </c>
      <c r="AD24888" s="2"/>
      <c r="AE24888" s="1"/>
    </row>
    <row r="24889" spans="1:31" ht="14.45">
      <c r="A24889" s="11"/>
      <c r="B24889" s="20"/>
      <c r="C24889" s="2" t="s">
        <v>79546</v>
      </c>
      <c r="D24889" s="14" t="s">
        <v>79547</v>
      </c>
      <c r="E24889" s="2" t="s">
        <v>79548</v>
      </c>
      <c r="F24889" s="2" t="s">
        <v>73358</v>
      </c>
      <c r="G24889" s="8">
        <v>314</v>
      </c>
      <c r="H24889" s="5">
        <v>6</v>
      </c>
      <c r="I24889" s="5" t="s">
        <v>1518</v>
      </c>
      <c r="J24889" s="5" t="s">
        <v>69038</v>
      </c>
      <c r="K24889" s="2" t="s">
        <v>69039</v>
      </c>
      <c r="L24889" s="5" t="s">
        <v>69038</v>
      </c>
      <c r="M24889" s="2" t="s">
        <v>69039</v>
      </c>
      <c r="N24889" s="5" t="s">
        <v>1521</v>
      </c>
      <c r="O24889" s="5" t="s">
        <v>38</v>
      </c>
      <c r="P24889" s="5" t="s">
        <v>39</v>
      </c>
      <c r="Q24889" s="5" t="s">
        <v>40</v>
      </c>
      <c r="R24889" s="5" t="s">
        <v>1522</v>
      </c>
      <c r="S24889" s="5" t="s">
        <v>1523</v>
      </c>
      <c r="T24889" s="5" t="s">
        <v>42</v>
      </c>
      <c r="U24889" s="2">
        <v>3.8530000000000002</v>
      </c>
      <c r="V24889" s="2">
        <v>3.2080000000000002</v>
      </c>
      <c r="W24889" s="2">
        <v>0.02</v>
      </c>
      <c r="X24889" s="2">
        <v>159.1</v>
      </c>
      <c r="Y24889" s="2">
        <v>7.6</v>
      </c>
      <c r="Z24889" s="2">
        <v>16.7</v>
      </c>
      <c r="AA24889" s="5"/>
      <c r="AB24889" s="5" t="s">
        <v>43</v>
      </c>
      <c r="AC24889" s="5" t="s">
        <v>44</v>
      </c>
      <c r="AD24889" s="2"/>
      <c r="AE24889" s="1"/>
    </row>
    <row r="24890" spans="1:31" ht="14.45">
      <c r="A24890" s="11"/>
      <c r="B24890" s="20"/>
      <c r="C24890" s="2" t="s">
        <v>79549</v>
      </c>
      <c r="D24890" s="14" t="s">
        <v>79550</v>
      </c>
      <c r="E24890" s="2" t="s">
        <v>79551</v>
      </c>
      <c r="F24890" s="2" t="s">
        <v>73362</v>
      </c>
      <c r="G24890" s="8">
        <v>314</v>
      </c>
      <c r="H24890" s="5">
        <v>6</v>
      </c>
      <c r="I24890" s="5" t="s">
        <v>1518</v>
      </c>
      <c r="J24890" s="5" t="s">
        <v>69038</v>
      </c>
      <c r="K24890" s="2" t="s">
        <v>69039</v>
      </c>
      <c r="L24890" s="5" t="s">
        <v>69038</v>
      </c>
      <c r="M24890" s="2" t="s">
        <v>69039</v>
      </c>
      <c r="N24890" s="5" t="s">
        <v>1521</v>
      </c>
      <c r="O24890" s="5" t="s">
        <v>38</v>
      </c>
      <c r="P24890" s="5" t="s">
        <v>39</v>
      </c>
      <c r="Q24890" s="5" t="s">
        <v>40</v>
      </c>
      <c r="R24890" s="5" t="s">
        <v>1522</v>
      </c>
      <c r="S24890" s="5" t="s">
        <v>1523</v>
      </c>
      <c r="T24890" s="5" t="s">
        <v>42</v>
      </c>
      <c r="U24890" s="2">
        <v>3.9750000000000001</v>
      </c>
      <c r="V24890" s="2">
        <v>3.33</v>
      </c>
      <c r="W24890" s="2">
        <v>0.02</v>
      </c>
      <c r="X24890" s="2">
        <v>159.1</v>
      </c>
      <c r="Y24890" s="2">
        <v>7.6</v>
      </c>
      <c r="Z24890" s="2">
        <v>16.7</v>
      </c>
      <c r="AA24890" s="5"/>
      <c r="AB24890" s="5" t="s">
        <v>43</v>
      </c>
      <c r="AC24890" s="5" t="s">
        <v>44</v>
      </c>
      <c r="AD24890" s="2"/>
      <c r="AE24890" s="1"/>
    </row>
    <row r="24891" spans="1:31" ht="14.45">
      <c r="A24891" s="11"/>
      <c r="B24891" s="20"/>
      <c r="C24891" s="2" t="s">
        <v>79552</v>
      </c>
      <c r="D24891" s="14" t="s">
        <v>79553</v>
      </c>
      <c r="E24891" s="2" t="s">
        <v>79554</v>
      </c>
      <c r="F24891" s="2" t="s">
        <v>7615</v>
      </c>
      <c r="G24891" s="8">
        <v>314</v>
      </c>
      <c r="H24891" s="5">
        <v>6</v>
      </c>
      <c r="I24891" s="5" t="s">
        <v>1518</v>
      </c>
      <c r="J24891" s="5" t="s">
        <v>69038</v>
      </c>
      <c r="K24891" s="2" t="s">
        <v>69039</v>
      </c>
      <c r="L24891" s="5" t="s">
        <v>69038</v>
      </c>
      <c r="M24891" s="2" t="s">
        <v>69039</v>
      </c>
      <c r="N24891" s="5" t="s">
        <v>1521</v>
      </c>
      <c r="O24891" s="5" t="s">
        <v>38</v>
      </c>
      <c r="P24891" s="5" t="s">
        <v>39</v>
      </c>
      <c r="Q24891" s="5" t="s">
        <v>40</v>
      </c>
      <c r="R24891" s="5" t="s">
        <v>1522</v>
      </c>
      <c r="S24891" s="5" t="s">
        <v>1523</v>
      </c>
      <c r="T24891" s="5" t="s">
        <v>42</v>
      </c>
      <c r="U24891" s="2">
        <v>3.8530000000000002</v>
      </c>
      <c r="V24891" s="2">
        <v>3.2080000000000002</v>
      </c>
      <c r="W24891" s="2">
        <v>0.02</v>
      </c>
      <c r="X24891" s="2">
        <v>159.1</v>
      </c>
      <c r="Y24891" s="2">
        <v>7.6</v>
      </c>
      <c r="Z24891" s="2">
        <v>16.7</v>
      </c>
      <c r="AA24891" s="5"/>
      <c r="AB24891" s="5" t="s">
        <v>43</v>
      </c>
      <c r="AC24891" s="5" t="s">
        <v>44</v>
      </c>
      <c r="AD24891" s="2"/>
      <c r="AE24891" s="1"/>
    </row>
    <row r="24892" spans="1:31" ht="14.45">
      <c r="A24892" s="11"/>
      <c r="B24892" s="20"/>
      <c r="C24892" s="2" t="s">
        <v>79555</v>
      </c>
      <c r="D24892" s="14" t="s">
        <v>79556</v>
      </c>
      <c r="E24892" s="2" t="s">
        <v>79557</v>
      </c>
      <c r="F24892" s="2" t="s">
        <v>7619</v>
      </c>
      <c r="G24892" s="8">
        <v>314</v>
      </c>
      <c r="H24892" s="5">
        <v>6</v>
      </c>
      <c r="I24892" s="5" t="s">
        <v>1518</v>
      </c>
      <c r="J24892" s="5" t="s">
        <v>69038</v>
      </c>
      <c r="K24892" s="2" t="s">
        <v>69039</v>
      </c>
      <c r="L24892" s="5" t="s">
        <v>69038</v>
      </c>
      <c r="M24892" s="2" t="s">
        <v>69039</v>
      </c>
      <c r="N24892" s="5" t="s">
        <v>1521</v>
      </c>
      <c r="O24892" s="5" t="s">
        <v>38</v>
      </c>
      <c r="P24892" s="5" t="s">
        <v>39</v>
      </c>
      <c r="Q24892" s="5" t="s">
        <v>40</v>
      </c>
      <c r="R24892" s="5" t="s">
        <v>1522</v>
      </c>
      <c r="S24892" s="5" t="s">
        <v>1523</v>
      </c>
      <c r="T24892" s="5" t="s">
        <v>42</v>
      </c>
      <c r="U24892" s="2">
        <v>3.9750000000000001</v>
      </c>
      <c r="V24892" s="2">
        <v>3.33</v>
      </c>
      <c r="W24892" s="2">
        <v>0.02</v>
      </c>
      <c r="X24892" s="2">
        <v>159.1</v>
      </c>
      <c r="Y24892" s="2">
        <v>7.6</v>
      </c>
      <c r="Z24892" s="2">
        <v>16.7</v>
      </c>
      <c r="AA24892" s="5"/>
      <c r="AB24892" s="5" t="s">
        <v>43</v>
      </c>
      <c r="AC24892" s="5" t="s">
        <v>44</v>
      </c>
      <c r="AD24892" s="2"/>
      <c r="AE24892" s="1"/>
    </row>
    <row r="24893" spans="1:31" ht="14.45">
      <c r="A24893" s="11"/>
      <c r="B24893" s="20"/>
      <c r="C24893" s="2" t="s">
        <v>79558</v>
      </c>
      <c r="D24893" s="14" t="s">
        <v>79559</v>
      </c>
      <c r="E24893" s="2" t="s">
        <v>79560</v>
      </c>
      <c r="F24893" s="2" t="s">
        <v>16014</v>
      </c>
      <c r="G24893" s="8">
        <v>314</v>
      </c>
      <c r="H24893" s="5">
        <v>6</v>
      </c>
      <c r="I24893" s="5" t="s">
        <v>1518</v>
      </c>
      <c r="J24893" s="5" t="s">
        <v>69038</v>
      </c>
      <c r="K24893" s="2" t="s">
        <v>69039</v>
      </c>
      <c r="L24893" s="5" t="s">
        <v>69038</v>
      </c>
      <c r="M24893" s="2" t="s">
        <v>69039</v>
      </c>
      <c r="N24893" s="5" t="s">
        <v>1521</v>
      </c>
      <c r="O24893" s="5" t="s">
        <v>38</v>
      </c>
      <c r="P24893" s="5" t="s">
        <v>39</v>
      </c>
      <c r="Q24893" s="5" t="s">
        <v>40</v>
      </c>
      <c r="R24893" s="5" t="s">
        <v>1522</v>
      </c>
      <c r="S24893" s="5" t="s">
        <v>1523</v>
      </c>
      <c r="T24893" s="5" t="s">
        <v>42</v>
      </c>
      <c r="U24893" s="2">
        <v>3.8530000000000002</v>
      </c>
      <c r="V24893" s="2">
        <v>3.2080000000000002</v>
      </c>
      <c r="W24893" s="2">
        <v>0.02</v>
      </c>
      <c r="X24893" s="2">
        <v>159.1</v>
      </c>
      <c r="Y24893" s="2">
        <v>7.6</v>
      </c>
      <c r="Z24893" s="2">
        <v>16.7</v>
      </c>
      <c r="AA24893" s="5"/>
      <c r="AB24893" s="5" t="s">
        <v>43</v>
      </c>
      <c r="AC24893" s="5" t="s">
        <v>44</v>
      </c>
      <c r="AD24893" s="2"/>
      <c r="AE24893" s="1"/>
    </row>
    <row r="24894" spans="1:31" ht="14.45">
      <c r="A24894" s="11"/>
      <c r="B24894" s="20"/>
      <c r="C24894" s="2" t="s">
        <v>79561</v>
      </c>
      <c r="D24894" s="14" t="s">
        <v>79562</v>
      </c>
      <c r="E24894" s="2" t="s">
        <v>79563</v>
      </c>
      <c r="F24894" s="2" t="s">
        <v>16219</v>
      </c>
      <c r="G24894" s="8">
        <v>314</v>
      </c>
      <c r="H24894" s="5">
        <v>6</v>
      </c>
      <c r="I24894" s="5" t="s">
        <v>1518</v>
      </c>
      <c r="J24894" s="5" t="s">
        <v>69038</v>
      </c>
      <c r="K24894" s="2" t="s">
        <v>69039</v>
      </c>
      <c r="L24894" s="5" t="s">
        <v>69038</v>
      </c>
      <c r="M24894" s="2" t="s">
        <v>69039</v>
      </c>
      <c r="N24894" s="5" t="s">
        <v>1521</v>
      </c>
      <c r="O24894" s="5" t="s">
        <v>38</v>
      </c>
      <c r="P24894" s="5" t="s">
        <v>39</v>
      </c>
      <c r="Q24894" s="5" t="s">
        <v>40</v>
      </c>
      <c r="R24894" s="5" t="s">
        <v>1522</v>
      </c>
      <c r="S24894" s="5" t="s">
        <v>1523</v>
      </c>
      <c r="T24894" s="5" t="s">
        <v>42</v>
      </c>
      <c r="U24894" s="2">
        <v>3.9750000000000001</v>
      </c>
      <c r="V24894" s="2">
        <v>3.33</v>
      </c>
      <c r="W24894" s="2">
        <v>0.02</v>
      </c>
      <c r="X24894" s="2">
        <v>159.1</v>
      </c>
      <c r="Y24894" s="2">
        <v>7.6</v>
      </c>
      <c r="Z24894" s="2">
        <v>16.7</v>
      </c>
      <c r="AA24894" s="5"/>
      <c r="AB24894" s="5" t="s">
        <v>43</v>
      </c>
      <c r="AC24894" s="5" t="s">
        <v>44</v>
      </c>
      <c r="AD24894" s="2"/>
      <c r="AE24894" s="1"/>
    </row>
    <row r="24895" spans="1:31" ht="14.45">
      <c r="A24895" s="11"/>
      <c r="B24895" s="20"/>
      <c r="C24895" s="2" t="s">
        <v>79564</v>
      </c>
      <c r="D24895" s="14" t="s">
        <v>79565</v>
      </c>
      <c r="E24895" s="2" t="s">
        <v>79566</v>
      </c>
      <c r="F24895" s="2" t="s">
        <v>7212</v>
      </c>
      <c r="G24895" s="8">
        <v>290</v>
      </c>
      <c r="H24895" s="5">
        <v>6</v>
      </c>
      <c r="I24895" s="5" t="s">
        <v>1518</v>
      </c>
      <c r="J24895" s="5" t="s">
        <v>69038</v>
      </c>
      <c r="K24895" s="2" t="s">
        <v>69039</v>
      </c>
      <c r="L24895" s="5" t="s">
        <v>69038</v>
      </c>
      <c r="M24895" s="2" t="s">
        <v>69039</v>
      </c>
      <c r="N24895" s="5" t="s">
        <v>1521</v>
      </c>
      <c r="O24895" s="5" t="s">
        <v>38</v>
      </c>
      <c r="P24895" s="5" t="s">
        <v>39</v>
      </c>
      <c r="Q24895" s="5" t="s">
        <v>40</v>
      </c>
      <c r="R24895" s="5" t="s">
        <v>1522</v>
      </c>
      <c r="S24895" s="5" t="s">
        <v>1523</v>
      </c>
      <c r="T24895" s="5" t="s">
        <v>42</v>
      </c>
      <c r="U24895" s="2">
        <v>3.8530000000000002</v>
      </c>
      <c r="V24895" s="2">
        <v>3.2080000000000002</v>
      </c>
      <c r="W24895" s="2">
        <v>0.02</v>
      </c>
      <c r="X24895" s="2">
        <v>159.1</v>
      </c>
      <c r="Y24895" s="2">
        <v>7.6</v>
      </c>
      <c r="Z24895" s="2">
        <v>16.7</v>
      </c>
      <c r="AA24895" s="5"/>
      <c r="AB24895" s="5" t="s">
        <v>43</v>
      </c>
      <c r="AC24895" s="5" t="s">
        <v>44</v>
      </c>
      <c r="AD24895" s="2"/>
      <c r="AE24895" s="1"/>
    </row>
    <row r="24896" spans="1:31" ht="14.45">
      <c r="A24896" s="11"/>
      <c r="B24896" s="20"/>
      <c r="C24896" s="2" t="s">
        <v>79567</v>
      </c>
      <c r="D24896" s="14" t="s">
        <v>79568</v>
      </c>
      <c r="E24896" s="2" t="s">
        <v>79569</v>
      </c>
      <c r="F24896" s="2" t="s">
        <v>7528</v>
      </c>
      <c r="G24896" s="8">
        <v>290</v>
      </c>
      <c r="H24896" s="5">
        <v>6</v>
      </c>
      <c r="I24896" s="5" t="s">
        <v>1518</v>
      </c>
      <c r="J24896" s="5" t="s">
        <v>69038</v>
      </c>
      <c r="K24896" s="2" t="s">
        <v>69039</v>
      </c>
      <c r="L24896" s="5" t="s">
        <v>69038</v>
      </c>
      <c r="M24896" s="2" t="s">
        <v>69039</v>
      </c>
      <c r="N24896" s="5" t="s">
        <v>1521</v>
      </c>
      <c r="O24896" s="5" t="s">
        <v>38</v>
      </c>
      <c r="P24896" s="5" t="s">
        <v>39</v>
      </c>
      <c r="Q24896" s="5" t="s">
        <v>40</v>
      </c>
      <c r="R24896" s="5" t="s">
        <v>1522</v>
      </c>
      <c r="S24896" s="5" t="s">
        <v>1523</v>
      </c>
      <c r="T24896" s="5" t="s">
        <v>42</v>
      </c>
      <c r="U24896" s="2">
        <v>3.9750000000000001</v>
      </c>
      <c r="V24896" s="2">
        <v>3.33</v>
      </c>
      <c r="W24896" s="2">
        <v>0.02</v>
      </c>
      <c r="X24896" s="2">
        <v>159.1</v>
      </c>
      <c r="Y24896" s="2">
        <v>7.6</v>
      </c>
      <c r="Z24896" s="2">
        <v>16.7</v>
      </c>
      <c r="AA24896" s="5"/>
      <c r="AB24896" s="5" t="s">
        <v>43</v>
      </c>
      <c r="AC24896" s="5" t="s">
        <v>44</v>
      </c>
      <c r="AD24896" s="2"/>
      <c r="AE24896" s="1"/>
    </row>
    <row r="24897" spans="1:31" ht="14.45">
      <c r="A24897" s="11"/>
      <c r="B24897" s="20"/>
      <c r="C24897" s="2" t="s">
        <v>79570</v>
      </c>
      <c r="D24897" s="14" t="s">
        <v>79571</v>
      </c>
      <c r="E24897" s="2" t="s">
        <v>79572</v>
      </c>
      <c r="F24897" s="2" t="s">
        <v>16029</v>
      </c>
      <c r="G24897" s="8">
        <v>314</v>
      </c>
      <c r="H24897" s="5">
        <v>6</v>
      </c>
      <c r="I24897" s="5" t="s">
        <v>1518</v>
      </c>
      <c r="J24897" s="5" t="s">
        <v>69038</v>
      </c>
      <c r="K24897" s="2" t="s">
        <v>69039</v>
      </c>
      <c r="L24897" s="5" t="s">
        <v>69038</v>
      </c>
      <c r="M24897" s="2" t="s">
        <v>69039</v>
      </c>
      <c r="N24897" s="5" t="s">
        <v>1521</v>
      </c>
      <c r="O24897" s="5" t="s">
        <v>38</v>
      </c>
      <c r="P24897" s="5" t="s">
        <v>39</v>
      </c>
      <c r="Q24897" s="5" t="s">
        <v>40</v>
      </c>
      <c r="R24897" s="5" t="s">
        <v>1522</v>
      </c>
      <c r="S24897" s="5" t="s">
        <v>1523</v>
      </c>
      <c r="T24897" s="5" t="s">
        <v>42</v>
      </c>
      <c r="U24897" s="2">
        <v>3.851</v>
      </c>
      <c r="V24897" s="2">
        <v>3.206</v>
      </c>
      <c r="W24897" s="2">
        <v>0.02</v>
      </c>
      <c r="X24897" s="2">
        <v>159.1</v>
      </c>
      <c r="Y24897" s="2">
        <v>7.6</v>
      </c>
      <c r="Z24897" s="2">
        <v>16.7</v>
      </c>
      <c r="AA24897" s="5"/>
      <c r="AB24897" s="5" t="s">
        <v>43</v>
      </c>
      <c r="AC24897" s="5" t="s">
        <v>44</v>
      </c>
      <c r="AD24897" s="2"/>
      <c r="AE24897" s="1"/>
    </row>
    <row r="24898" spans="1:31" ht="14.45">
      <c r="A24898" s="11"/>
      <c r="B24898" s="20"/>
      <c r="C24898" s="2" t="s">
        <v>79573</v>
      </c>
      <c r="D24898" s="14" t="s">
        <v>79574</v>
      </c>
      <c r="E24898" s="2" t="s">
        <v>79575</v>
      </c>
      <c r="F24898" s="2" t="s">
        <v>16033</v>
      </c>
      <c r="G24898" s="8">
        <v>314</v>
      </c>
      <c r="H24898" s="5">
        <v>6</v>
      </c>
      <c r="I24898" s="5" t="s">
        <v>1518</v>
      </c>
      <c r="J24898" s="5" t="s">
        <v>69038</v>
      </c>
      <c r="K24898" s="2" t="s">
        <v>69039</v>
      </c>
      <c r="L24898" s="5" t="s">
        <v>69038</v>
      </c>
      <c r="M24898" s="2" t="s">
        <v>69039</v>
      </c>
      <c r="N24898" s="5" t="s">
        <v>1521</v>
      </c>
      <c r="O24898" s="5" t="s">
        <v>38</v>
      </c>
      <c r="P24898" s="5" t="s">
        <v>39</v>
      </c>
      <c r="Q24898" s="5" t="s">
        <v>40</v>
      </c>
      <c r="R24898" s="5" t="s">
        <v>1522</v>
      </c>
      <c r="S24898" s="5" t="s">
        <v>1523</v>
      </c>
      <c r="T24898" s="5" t="s">
        <v>42</v>
      </c>
      <c r="U24898" s="2">
        <v>3.9729999999999999</v>
      </c>
      <c r="V24898" s="2">
        <v>3.3279999999999998</v>
      </c>
      <c r="W24898" s="2">
        <v>0.02</v>
      </c>
      <c r="X24898" s="2">
        <v>159.1</v>
      </c>
      <c r="Y24898" s="2">
        <v>7.6</v>
      </c>
      <c r="Z24898" s="2">
        <v>16.7</v>
      </c>
      <c r="AA24898" s="5"/>
      <c r="AB24898" s="5" t="s">
        <v>43</v>
      </c>
      <c r="AC24898" s="5" t="s">
        <v>44</v>
      </c>
      <c r="AD24898" s="2"/>
      <c r="AE24898" s="1"/>
    </row>
    <row r="24899" spans="1:31" ht="14.45">
      <c r="A24899" s="11"/>
      <c r="B24899" s="20"/>
      <c r="C24899" s="2" t="s">
        <v>79576</v>
      </c>
      <c r="D24899" s="14" t="s">
        <v>79577</v>
      </c>
      <c r="E24899" s="2" t="s">
        <v>79578</v>
      </c>
      <c r="F24899" s="2" t="s">
        <v>7204</v>
      </c>
      <c r="G24899" s="8">
        <v>308</v>
      </c>
      <c r="H24899" s="5">
        <v>6</v>
      </c>
      <c r="I24899" s="5" t="s">
        <v>1518</v>
      </c>
      <c r="J24899" s="5" t="s">
        <v>69038</v>
      </c>
      <c r="K24899" s="2" t="s">
        <v>69039</v>
      </c>
      <c r="L24899" s="5" t="s">
        <v>69038</v>
      </c>
      <c r="M24899" s="2" t="s">
        <v>69039</v>
      </c>
      <c r="N24899" s="5" t="s">
        <v>1521</v>
      </c>
      <c r="O24899" s="5" t="s">
        <v>38</v>
      </c>
      <c r="P24899" s="5" t="s">
        <v>39</v>
      </c>
      <c r="Q24899" s="5" t="s">
        <v>40</v>
      </c>
      <c r="R24899" s="5" t="s">
        <v>1522</v>
      </c>
      <c r="S24899" s="5" t="s">
        <v>1523</v>
      </c>
      <c r="T24899" s="5" t="s">
        <v>42</v>
      </c>
      <c r="U24899" s="2">
        <v>4.024</v>
      </c>
      <c r="V24899" s="2">
        <v>3.3879999999999999</v>
      </c>
      <c r="W24899" s="2">
        <v>0.02</v>
      </c>
      <c r="X24899" s="2">
        <v>159.1</v>
      </c>
      <c r="Y24899" s="2">
        <v>7.6</v>
      </c>
      <c r="Z24899" s="2">
        <v>16.7</v>
      </c>
      <c r="AA24899" s="5"/>
      <c r="AB24899" s="5" t="s">
        <v>43</v>
      </c>
      <c r="AC24899" s="5" t="s">
        <v>44</v>
      </c>
      <c r="AD24899" s="2"/>
      <c r="AE24899" s="1"/>
    </row>
    <row r="24900" spans="1:31" ht="14.45">
      <c r="A24900" s="11"/>
      <c r="B24900" s="20"/>
      <c r="C24900" s="2" t="s">
        <v>79579</v>
      </c>
      <c r="D24900" s="14" t="s">
        <v>79580</v>
      </c>
      <c r="E24900" s="2" t="s">
        <v>79581</v>
      </c>
      <c r="F24900" s="2" t="s">
        <v>7514</v>
      </c>
      <c r="G24900" s="8">
        <v>308</v>
      </c>
      <c r="H24900" s="5">
        <v>6</v>
      </c>
      <c r="I24900" s="5" t="s">
        <v>1518</v>
      </c>
      <c r="J24900" s="5" t="s">
        <v>69038</v>
      </c>
      <c r="K24900" s="2" t="s">
        <v>69039</v>
      </c>
      <c r="L24900" s="5" t="s">
        <v>69038</v>
      </c>
      <c r="M24900" s="2" t="s">
        <v>69039</v>
      </c>
      <c r="N24900" s="5" t="s">
        <v>1521</v>
      </c>
      <c r="O24900" s="5" t="s">
        <v>38</v>
      </c>
      <c r="P24900" s="5" t="s">
        <v>39</v>
      </c>
      <c r="Q24900" s="5" t="s">
        <v>40</v>
      </c>
      <c r="R24900" s="5" t="s">
        <v>1522</v>
      </c>
      <c r="S24900" s="5" t="s">
        <v>1523</v>
      </c>
      <c r="T24900" s="5" t="s">
        <v>42</v>
      </c>
      <c r="U24900" s="2">
        <v>4.1580000000000004</v>
      </c>
      <c r="V24900" s="2">
        <v>3.5219999999999998</v>
      </c>
      <c r="W24900" s="2">
        <v>0.02</v>
      </c>
      <c r="X24900" s="2">
        <v>159.1</v>
      </c>
      <c r="Y24900" s="2">
        <v>7.6</v>
      </c>
      <c r="Z24900" s="2">
        <v>16.7</v>
      </c>
      <c r="AA24900" s="5"/>
      <c r="AB24900" s="5" t="s">
        <v>43</v>
      </c>
      <c r="AC24900" s="5" t="s">
        <v>44</v>
      </c>
      <c r="AD24900" s="2"/>
      <c r="AE24900" s="1"/>
    </row>
    <row r="24901" spans="1:31" ht="14.45">
      <c r="A24901" s="11"/>
      <c r="B24901" s="20"/>
      <c r="C24901" s="2" t="s">
        <v>79582</v>
      </c>
      <c r="D24901" s="14" t="s">
        <v>79583</v>
      </c>
      <c r="E24901" s="2" t="s">
        <v>79584</v>
      </c>
      <c r="F24901" s="2" t="s">
        <v>7208</v>
      </c>
      <c r="G24901" s="8">
        <v>308</v>
      </c>
      <c r="H24901" s="5">
        <v>6</v>
      </c>
      <c r="I24901" s="5" t="s">
        <v>1518</v>
      </c>
      <c r="J24901" s="5" t="s">
        <v>69038</v>
      </c>
      <c r="K24901" s="2" t="s">
        <v>69039</v>
      </c>
      <c r="L24901" s="5" t="s">
        <v>69038</v>
      </c>
      <c r="M24901" s="2" t="s">
        <v>69039</v>
      </c>
      <c r="N24901" s="5" t="s">
        <v>1521</v>
      </c>
      <c r="O24901" s="5" t="s">
        <v>38</v>
      </c>
      <c r="P24901" s="5" t="s">
        <v>39</v>
      </c>
      <c r="Q24901" s="5" t="s">
        <v>40</v>
      </c>
      <c r="R24901" s="5" t="s">
        <v>1522</v>
      </c>
      <c r="S24901" s="5" t="s">
        <v>1523</v>
      </c>
      <c r="T24901" s="5" t="s">
        <v>42</v>
      </c>
      <c r="U24901" s="2">
        <v>4.024</v>
      </c>
      <c r="V24901" s="2">
        <v>3.3879999999999999</v>
      </c>
      <c r="W24901" s="2">
        <v>0.02</v>
      </c>
      <c r="X24901" s="2">
        <v>159.1</v>
      </c>
      <c r="Y24901" s="2">
        <v>7.6</v>
      </c>
      <c r="Z24901" s="2">
        <v>16.7</v>
      </c>
      <c r="AA24901" s="5"/>
      <c r="AB24901" s="5" t="s">
        <v>43</v>
      </c>
      <c r="AC24901" s="5" t="s">
        <v>44</v>
      </c>
      <c r="AD24901" s="2"/>
      <c r="AE24901" s="1"/>
    </row>
    <row r="24902" spans="1:31" ht="14.45">
      <c r="A24902" s="11"/>
      <c r="B24902" s="20"/>
      <c r="C24902" s="2" t="s">
        <v>79585</v>
      </c>
      <c r="D24902" s="14" t="s">
        <v>79586</v>
      </c>
      <c r="E24902" s="2" t="s">
        <v>79587</v>
      </c>
      <c r="F24902" s="2" t="s">
        <v>7521</v>
      </c>
      <c r="G24902" s="8">
        <v>308</v>
      </c>
      <c r="H24902" s="5">
        <v>6</v>
      </c>
      <c r="I24902" s="5" t="s">
        <v>1518</v>
      </c>
      <c r="J24902" s="5" t="s">
        <v>69038</v>
      </c>
      <c r="K24902" s="2" t="s">
        <v>69039</v>
      </c>
      <c r="L24902" s="5" t="s">
        <v>69038</v>
      </c>
      <c r="M24902" s="2" t="s">
        <v>69039</v>
      </c>
      <c r="N24902" s="5" t="s">
        <v>1521</v>
      </c>
      <c r="O24902" s="5" t="s">
        <v>38</v>
      </c>
      <c r="P24902" s="5" t="s">
        <v>39</v>
      </c>
      <c r="Q24902" s="5" t="s">
        <v>40</v>
      </c>
      <c r="R24902" s="5" t="s">
        <v>1522</v>
      </c>
      <c r="S24902" s="5" t="s">
        <v>1523</v>
      </c>
      <c r="T24902" s="5" t="s">
        <v>42</v>
      </c>
      <c r="U24902" s="2">
        <v>4.1580000000000004</v>
      </c>
      <c r="V24902" s="2">
        <v>3.5219999999999998</v>
      </c>
      <c r="W24902" s="2">
        <v>0.02</v>
      </c>
      <c r="X24902" s="2">
        <v>159.1</v>
      </c>
      <c r="Y24902" s="2">
        <v>7.6</v>
      </c>
      <c r="Z24902" s="2">
        <v>16.7</v>
      </c>
      <c r="AA24902" s="5"/>
      <c r="AB24902" s="5" t="s">
        <v>43</v>
      </c>
      <c r="AC24902" s="5" t="s">
        <v>44</v>
      </c>
      <c r="AD24902" s="2"/>
      <c r="AE24902" s="1"/>
    </row>
    <row r="24903" spans="1:31" ht="14.45">
      <c r="A24903" s="11"/>
      <c r="B24903" s="20"/>
      <c r="C24903" s="2" t="s">
        <v>79588</v>
      </c>
      <c r="D24903" s="14" t="s">
        <v>79589</v>
      </c>
      <c r="E24903" s="2" t="s">
        <v>79590</v>
      </c>
      <c r="F24903" s="2" t="s">
        <v>7539</v>
      </c>
      <c r="G24903" s="8">
        <v>334</v>
      </c>
      <c r="H24903" s="5">
        <v>6</v>
      </c>
      <c r="I24903" s="5" t="s">
        <v>1518</v>
      </c>
      <c r="J24903" s="5" t="s">
        <v>69038</v>
      </c>
      <c r="K24903" s="2" t="s">
        <v>69039</v>
      </c>
      <c r="L24903" s="5" t="s">
        <v>69038</v>
      </c>
      <c r="M24903" s="2" t="s">
        <v>69039</v>
      </c>
      <c r="N24903" s="5" t="s">
        <v>1521</v>
      </c>
      <c r="O24903" s="5" t="s">
        <v>38</v>
      </c>
      <c r="P24903" s="5" t="s">
        <v>39</v>
      </c>
      <c r="Q24903" s="5" t="s">
        <v>40</v>
      </c>
      <c r="R24903" s="5" t="s">
        <v>1522</v>
      </c>
      <c r="S24903" s="5" t="s">
        <v>1523</v>
      </c>
      <c r="T24903" s="5" t="s">
        <v>42</v>
      </c>
      <c r="U24903" s="2">
        <v>4.024</v>
      </c>
      <c r="V24903" s="2">
        <v>3.3879999999999999</v>
      </c>
      <c r="W24903" s="2">
        <v>0.02</v>
      </c>
      <c r="X24903" s="2">
        <v>159.1</v>
      </c>
      <c r="Y24903" s="2">
        <v>7.6</v>
      </c>
      <c r="Z24903" s="2">
        <v>16.7</v>
      </c>
      <c r="AA24903" s="5"/>
      <c r="AB24903" s="5" t="s">
        <v>43</v>
      </c>
      <c r="AC24903" s="5" t="s">
        <v>44</v>
      </c>
      <c r="AD24903" s="2"/>
      <c r="AE24903" s="1"/>
    </row>
    <row r="24904" spans="1:31" ht="14.45">
      <c r="A24904" s="11"/>
      <c r="B24904" s="20"/>
      <c r="C24904" s="2" t="s">
        <v>79591</v>
      </c>
      <c r="D24904" s="14" t="s">
        <v>79592</v>
      </c>
      <c r="E24904" s="2" t="s">
        <v>79593</v>
      </c>
      <c r="F24904" s="2" t="s">
        <v>7543</v>
      </c>
      <c r="G24904" s="8">
        <v>334</v>
      </c>
      <c r="H24904" s="5">
        <v>6</v>
      </c>
      <c r="I24904" s="5" t="s">
        <v>1518</v>
      </c>
      <c r="J24904" s="5" t="s">
        <v>69038</v>
      </c>
      <c r="K24904" s="2" t="s">
        <v>69039</v>
      </c>
      <c r="L24904" s="5" t="s">
        <v>69038</v>
      </c>
      <c r="M24904" s="2" t="s">
        <v>69039</v>
      </c>
      <c r="N24904" s="5" t="s">
        <v>1521</v>
      </c>
      <c r="O24904" s="5" t="s">
        <v>38</v>
      </c>
      <c r="P24904" s="5" t="s">
        <v>39</v>
      </c>
      <c r="Q24904" s="5" t="s">
        <v>40</v>
      </c>
      <c r="R24904" s="5" t="s">
        <v>1522</v>
      </c>
      <c r="S24904" s="5" t="s">
        <v>1523</v>
      </c>
      <c r="T24904" s="5" t="s">
        <v>42</v>
      </c>
      <c r="U24904" s="2">
        <v>4.1580000000000004</v>
      </c>
      <c r="V24904" s="2">
        <v>3.5219999999999998</v>
      </c>
      <c r="W24904" s="2">
        <v>0.02</v>
      </c>
      <c r="X24904" s="2">
        <v>159.1</v>
      </c>
      <c r="Y24904" s="2">
        <v>7.6</v>
      </c>
      <c r="Z24904" s="2">
        <v>16.7</v>
      </c>
      <c r="AA24904" s="5"/>
      <c r="AB24904" s="5" t="s">
        <v>43</v>
      </c>
      <c r="AC24904" s="5" t="s">
        <v>44</v>
      </c>
      <c r="AD24904" s="2"/>
      <c r="AE24904" s="1"/>
    </row>
    <row r="24905" spans="1:31" ht="14.45">
      <c r="A24905" s="11"/>
      <c r="B24905" s="20"/>
      <c r="C24905" s="2" t="s">
        <v>79594</v>
      </c>
      <c r="D24905" s="14" t="s">
        <v>79595</v>
      </c>
      <c r="E24905" s="2" t="s">
        <v>79596</v>
      </c>
      <c r="F24905" s="2" t="s">
        <v>7396</v>
      </c>
      <c r="G24905" s="8">
        <v>308</v>
      </c>
      <c r="H24905" s="5">
        <v>6</v>
      </c>
      <c r="I24905" s="5" t="s">
        <v>1518</v>
      </c>
      <c r="J24905" s="5" t="s">
        <v>69038</v>
      </c>
      <c r="K24905" s="2" t="s">
        <v>69039</v>
      </c>
      <c r="L24905" s="5" t="s">
        <v>69038</v>
      </c>
      <c r="M24905" s="2" t="s">
        <v>69039</v>
      </c>
      <c r="N24905" s="5" t="s">
        <v>1521</v>
      </c>
      <c r="O24905" s="5" t="s">
        <v>38</v>
      </c>
      <c r="P24905" s="5" t="s">
        <v>39</v>
      </c>
      <c r="Q24905" s="5" t="s">
        <v>40</v>
      </c>
      <c r="R24905" s="5" t="s">
        <v>1522</v>
      </c>
      <c r="S24905" s="5" t="s">
        <v>1523</v>
      </c>
      <c r="T24905" s="5" t="s">
        <v>42</v>
      </c>
      <c r="U24905" s="2">
        <v>4.024</v>
      </c>
      <c r="V24905" s="2">
        <v>3.3879999999999999</v>
      </c>
      <c r="W24905" s="2">
        <v>0.02</v>
      </c>
      <c r="X24905" s="2">
        <v>159.1</v>
      </c>
      <c r="Y24905" s="2">
        <v>7.6</v>
      </c>
      <c r="Z24905" s="2">
        <v>16.7</v>
      </c>
      <c r="AA24905" s="5"/>
      <c r="AB24905" s="5" t="s">
        <v>43</v>
      </c>
      <c r="AC24905" s="5" t="s">
        <v>44</v>
      </c>
      <c r="AD24905" s="2"/>
      <c r="AE24905" s="1"/>
    </row>
    <row r="24906" spans="1:31" ht="14.45">
      <c r="A24906" s="11"/>
      <c r="B24906" s="20"/>
      <c r="C24906" s="2" t="s">
        <v>79597</v>
      </c>
      <c r="D24906" s="14" t="s">
        <v>79598</v>
      </c>
      <c r="E24906" s="2" t="s">
        <v>79599</v>
      </c>
      <c r="F24906" s="2" t="s">
        <v>7507</v>
      </c>
      <c r="G24906" s="8">
        <v>308</v>
      </c>
      <c r="H24906" s="5">
        <v>6</v>
      </c>
      <c r="I24906" s="5" t="s">
        <v>1518</v>
      </c>
      <c r="J24906" s="5" t="s">
        <v>69038</v>
      </c>
      <c r="K24906" s="2" t="s">
        <v>69039</v>
      </c>
      <c r="L24906" s="5" t="s">
        <v>69038</v>
      </c>
      <c r="M24906" s="2" t="s">
        <v>69039</v>
      </c>
      <c r="N24906" s="5" t="s">
        <v>1521</v>
      </c>
      <c r="O24906" s="5" t="s">
        <v>38</v>
      </c>
      <c r="P24906" s="5" t="s">
        <v>39</v>
      </c>
      <c r="Q24906" s="5" t="s">
        <v>40</v>
      </c>
      <c r="R24906" s="5" t="s">
        <v>1522</v>
      </c>
      <c r="S24906" s="5" t="s">
        <v>1523</v>
      </c>
      <c r="T24906" s="5" t="s">
        <v>42</v>
      </c>
      <c r="U24906" s="2">
        <v>4.1580000000000004</v>
      </c>
      <c r="V24906" s="2">
        <v>3.5219999999999998</v>
      </c>
      <c r="W24906" s="2">
        <v>0.02</v>
      </c>
      <c r="X24906" s="2">
        <v>159.1</v>
      </c>
      <c r="Y24906" s="2">
        <v>7.6</v>
      </c>
      <c r="Z24906" s="2">
        <v>16.7</v>
      </c>
      <c r="AA24906" s="5"/>
      <c r="AB24906" s="5" t="s">
        <v>43</v>
      </c>
      <c r="AC24906" s="5" t="s">
        <v>44</v>
      </c>
      <c r="AD24906" s="2"/>
      <c r="AE24906" s="1"/>
    </row>
    <row r="24907" spans="1:31" ht="14.45">
      <c r="A24907" s="11"/>
      <c r="B24907" s="20"/>
      <c r="C24907" s="2" t="s">
        <v>79600</v>
      </c>
      <c r="D24907" s="14" t="s">
        <v>79601</v>
      </c>
      <c r="E24907" s="2" t="s">
        <v>79602</v>
      </c>
      <c r="F24907" s="2" t="s">
        <v>7563</v>
      </c>
      <c r="G24907" s="8">
        <v>334</v>
      </c>
      <c r="H24907" s="5">
        <v>6</v>
      </c>
      <c r="I24907" s="5" t="s">
        <v>1518</v>
      </c>
      <c r="J24907" s="5" t="s">
        <v>69038</v>
      </c>
      <c r="K24907" s="2" t="s">
        <v>69039</v>
      </c>
      <c r="L24907" s="5" t="s">
        <v>69038</v>
      </c>
      <c r="M24907" s="2" t="s">
        <v>69039</v>
      </c>
      <c r="N24907" s="5" t="s">
        <v>1521</v>
      </c>
      <c r="O24907" s="5" t="s">
        <v>38</v>
      </c>
      <c r="P24907" s="5" t="s">
        <v>39</v>
      </c>
      <c r="Q24907" s="5" t="s">
        <v>40</v>
      </c>
      <c r="R24907" s="5" t="s">
        <v>1522</v>
      </c>
      <c r="S24907" s="5" t="s">
        <v>1523</v>
      </c>
      <c r="T24907" s="5" t="s">
        <v>42</v>
      </c>
      <c r="U24907" s="2">
        <v>4.024</v>
      </c>
      <c r="V24907" s="2">
        <v>3.3879999999999999</v>
      </c>
      <c r="W24907" s="2">
        <v>0.02</v>
      </c>
      <c r="X24907" s="2">
        <v>159.1</v>
      </c>
      <c r="Y24907" s="2">
        <v>7.6</v>
      </c>
      <c r="Z24907" s="2">
        <v>16.7</v>
      </c>
      <c r="AA24907" s="5"/>
      <c r="AB24907" s="5" t="s">
        <v>43</v>
      </c>
      <c r="AC24907" s="5" t="s">
        <v>44</v>
      </c>
      <c r="AD24907" s="2"/>
      <c r="AE24907" s="1"/>
    </row>
    <row r="24908" spans="1:31" ht="14.45">
      <c r="A24908" s="11"/>
      <c r="B24908" s="20"/>
      <c r="C24908" s="2" t="s">
        <v>79603</v>
      </c>
      <c r="D24908" s="14" t="s">
        <v>79604</v>
      </c>
      <c r="E24908" s="2" t="s">
        <v>79605</v>
      </c>
      <c r="F24908" s="2" t="s">
        <v>16194</v>
      </c>
      <c r="G24908" s="8">
        <v>334</v>
      </c>
      <c r="H24908" s="5">
        <v>6</v>
      </c>
      <c r="I24908" s="5" t="s">
        <v>1518</v>
      </c>
      <c r="J24908" s="5" t="s">
        <v>69038</v>
      </c>
      <c r="K24908" s="2" t="s">
        <v>69039</v>
      </c>
      <c r="L24908" s="5" t="s">
        <v>69038</v>
      </c>
      <c r="M24908" s="2" t="s">
        <v>69039</v>
      </c>
      <c r="N24908" s="5" t="s">
        <v>1521</v>
      </c>
      <c r="O24908" s="5" t="s">
        <v>38</v>
      </c>
      <c r="P24908" s="5" t="s">
        <v>39</v>
      </c>
      <c r="Q24908" s="5" t="s">
        <v>40</v>
      </c>
      <c r="R24908" s="5" t="s">
        <v>1522</v>
      </c>
      <c r="S24908" s="5" t="s">
        <v>1523</v>
      </c>
      <c r="T24908" s="5" t="s">
        <v>42</v>
      </c>
      <c r="U24908" s="2">
        <v>4.1580000000000004</v>
      </c>
      <c r="V24908" s="2">
        <v>3.5219999999999998</v>
      </c>
      <c r="W24908" s="2">
        <v>0.02</v>
      </c>
      <c r="X24908" s="2">
        <v>159.1</v>
      </c>
      <c r="Y24908" s="2">
        <v>7.6</v>
      </c>
      <c r="Z24908" s="2">
        <v>16.7</v>
      </c>
      <c r="AA24908" s="5"/>
      <c r="AB24908" s="5" t="s">
        <v>43</v>
      </c>
      <c r="AC24908" s="5" t="s">
        <v>44</v>
      </c>
      <c r="AD24908" s="2"/>
      <c r="AE24908" s="1"/>
    </row>
    <row r="24909" spans="1:31" ht="14.45">
      <c r="A24909" s="11"/>
      <c r="B24909" s="20"/>
      <c r="C24909" s="2" t="s">
        <v>79606</v>
      </c>
      <c r="D24909" s="14" t="s">
        <v>79607</v>
      </c>
      <c r="E24909" s="2" t="s">
        <v>79608</v>
      </c>
      <c r="F24909" s="2" t="s">
        <v>7581</v>
      </c>
      <c r="G24909" s="8">
        <v>334</v>
      </c>
      <c r="H24909" s="5">
        <v>6</v>
      </c>
      <c r="I24909" s="5" t="s">
        <v>1518</v>
      </c>
      <c r="J24909" s="5" t="s">
        <v>69038</v>
      </c>
      <c r="K24909" s="2" t="s">
        <v>69039</v>
      </c>
      <c r="L24909" s="5" t="s">
        <v>69038</v>
      </c>
      <c r="M24909" s="2" t="s">
        <v>69039</v>
      </c>
      <c r="N24909" s="5" t="s">
        <v>1521</v>
      </c>
      <c r="O24909" s="5" t="s">
        <v>38</v>
      </c>
      <c r="P24909" s="5" t="s">
        <v>39</v>
      </c>
      <c r="Q24909" s="5" t="s">
        <v>40</v>
      </c>
      <c r="R24909" s="5" t="s">
        <v>1522</v>
      </c>
      <c r="S24909" s="5" t="s">
        <v>1523</v>
      </c>
      <c r="T24909" s="5" t="s">
        <v>42</v>
      </c>
      <c r="U24909" s="2">
        <v>4.1580000000000004</v>
      </c>
      <c r="V24909" s="2">
        <v>3.5219999999999998</v>
      </c>
      <c r="W24909" s="2">
        <v>0.02</v>
      </c>
      <c r="X24909" s="2">
        <v>159.1</v>
      </c>
      <c r="Y24909" s="2">
        <v>7.6</v>
      </c>
      <c r="Z24909" s="2">
        <v>16.7</v>
      </c>
      <c r="AA24909" s="5"/>
      <c r="AB24909" s="5" t="s">
        <v>43</v>
      </c>
      <c r="AC24909" s="5" t="s">
        <v>44</v>
      </c>
      <c r="AD24909" s="2"/>
      <c r="AE24909" s="1"/>
    </row>
    <row r="24910" spans="1:31" ht="14.45">
      <c r="A24910" s="11"/>
      <c r="B24910" s="20"/>
      <c r="C24910" s="2" t="s">
        <v>79609</v>
      </c>
      <c r="D24910" s="14" t="s">
        <v>79610</v>
      </c>
      <c r="E24910" s="2" t="s">
        <v>79611</v>
      </c>
      <c r="F24910" s="2" t="s">
        <v>73358</v>
      </c>
      <c r="G24910" s="8">
        <v>334</v>
      </c>
      <c r="H24910" s="5">
        <v>6</v>
      </c>
      <c r="I24910" s="5" t="s">
        <v>1518</v>
      </c>
      <c r="J24910" s="5" t="s">
        <v>69038</v>
      </c>
      <c r="K24910" s="2" t="s">
        <v>69039</v>
      </c>
      <c r="L24910" s="5" t="s">
        <v>69038</v>
      </c>
      <c r="M24910" s="2" t="s">
        <v>69039</v>
      </c>
      <c r="N24910" s="5" t="s">
        <v>1521</v>
      </c>
      <c r="O24910" s="5" t="s">
        <v>38</v>
      </c>
      <c r="P24910" s="5" t="s">
        <v>39</v>
      </c>
      <c r="Q24910" s="5" t="s">
        <v>40</v>
      </c>
      <c r="R24910" s="5" t="s">
        <v>1522</v>
      </c>
      <c r="S24910" s="5" t="s">
        <v>1523</v>
      </c>
      <c r="T24910" s="5" t="s">
        <v>42</v>
      </c>
      <c r="U24910" s="2">
        <v>4.024</v>
      </c>
      <c r="V24910" s="2">
        <v>3.3879999999999999</v>
      </c>
      <c r="W24910" s="2">
        <v>0.02</v>
      </c>
      <c r="X24910" s="2">
        <v>159.1</v>
      </c>
      <c r="Y24910" s="2">
        <v>7.6</v>
      </c>
      <c r="Z24910" s="2">
        <v>16.7</v>
      </c>
      <c r="AA24910" s="5"/>
      <c r="AB24910" s="5" t="s">
        <v>43</v>
      </c>
      <c r="AC24910" s="5" t="s">
        <v>44</v>
      </c>
      <c r="AD24910" s="2"/>
      <c r="AE24910" s="1"/>
    </row>
    <row r="24911" spans="1:31" ht="14.45">
      <c r="A24911" s="11"/>
      <c r="B24911" s="20"/>
      <c r="C24911" s="2" t="s">
        <v>79612</v>
      </c>
      <c r="D24911" s="14" t="s">
        <v>79613</v>
      </c>
      <c r="E24911" s="2" t="s">
        <v>79614</v>
      </c>
      <c r="F24911" s="2" t="s">
        <v>73362</v>
      </c>
      <c r="G24911" s="8">
        <v>334</v>
      </c>
      <c r="H24911" s="5">
        <v>6</v>
      </c>
      <c r="I24911" s="5" t="s">
        <v>1518</v>
      </c>
      <c r="J24911" s="5" t="s">
        <v>69038</v>
      </c>
      <c r="K24911" s="2" t="s">
        <v>69039</v>
      </c>
      <c r="L24911" s="5" t="s">
        <v>69038</v>
      </c>
      <c r="M24911" s="2" t="s">
        <v>69039</v>
      </c>
      <c r="N24911" s="5" t="s">
        <v>1521</v>
      </c>
      <c r="O24911" s="5" t="s">
        <v>38</v>
      </c>
      <c r="P24911" s="5" t="s">
        <v>39</v>
      </c>
      <c r="Q24911" s="5" t="s">
        <v>40</v>
      </c>
      <c r="R24911" s="5" t="s">
        <v>1522</v>
      </c>
      <c r="S24911" s="5" t="s">
        <v>1523</v>
      </c>
      <c r="T24911" s="5" t="s">
        <v>42</v>
      </c>
      <c r="U24911" s="2">
        <v>4.1580000000000004</v>
      </c>
      <c r="V24911" s="2">
        <v>3.5219999999999998</v>
      </c>
      <c r="W24911" s="2">
        <v>0.02</v>
      </c>
      <c r="X24911" s="2">
        <v>159.1</v>
      </c>
      <c r="Y24911" s="2">
        <v>7.6</v>
      </c>
      <c r="Z24911" s="2">
        <v>16.7</v>
      </c>
      <c r="AA24911" s="5"/>
      <c r="AB24911" s="5" t="s">
        <v>43</v>
      </c>
      <c r="AC24911" s="5" t="s">
        <v>44</v>
      </c>
      <c r="AD24911" s="2"/>
      <c r="AE24911" s="1"/>
    </row>
    <row r="24912" spans="1:31" ht="14.45">
      <c r="A24912" s="11"/>
      <c r="B24912" s="20"/>
      <c r="C24912" s="2" t="s">
        <v>79615</v>
      </c>
      <c r="D24912" s="14" t="s">
        <v>79616</v>
      </c>
      <c r="E24912" s="2" t="s">
        <v>79617</v>
      </c>
      <c r="F24912" s="2" t="s">
        <v>7615</v>
      </c>
      <c r="G24912" s="8">
        <v>334</v>
      </c>
      <c r="H24912" s="5">
        <v>6</v>
      </c>
      <c r="I24912" s="5" t="s">
        <v>1518</v>
      </c>
      <c r="J24912" s="5" t="s">
        <v>69038</v>
      </c>
      <c r="K24912" s="2" t="s">
        <v>69039</v>
      </c>
      <c r="L24912" s="5" t="s">
        <v>69038</v>
      </c>
      <c r="M24912" s="2" t="s">
        <v>69039</v>
      </c>
      <c r="N24912" s="5" t="s">
        <v>1521</v>
      </c>
      <c r="O24912" s="5" t="s">
        <v>38</v>
      </c>
      <c r="P24912" s="5" t="s">
        <v>39</v>
      </c>
      <c r="Q24912" s="5" t="s">
        <v>40</v>
      </c>
      <c r="R24912" s="5" t="s">
        <v>1522</v>
      </c>
      <c r="S24912" s="5" t="s">
        <v>1523</v>
      </c>
      <c r="T24912" s="5" t="s">
        <v>42</v>
      </c>
      <c r="U24912" s="2">
        <v>4.024</v>
      </c>
      <c r="V24912" s="2">
        <v>3.3879999999999999</v>
      </c>
      <c r="W24912" s="2">
        <v>0.02</v>
      </c>
      <c r="X24912" s="2">
        <v>159.1</v>
      </c>
      <c r="Y24912" s="2">
        <v>7.6</v>
      </c>
      <c r="Z24912" s="2">
        <v>16.7</v>
      </c>
      <c r="AA24912" s="5"/>
      <c r="AB24912" s="5" t="s">
        <v>43</v>
      </c>
      <c r="AC24912" s="5" t="s">
        <v>44</v>
      </c>
      <c r="AD24912" s="2"/>
      <c r="AE24912" s="1"/>
    </row>
    <row r="24913" spans="1:31" ht="14.45">
      <c r="A24913" s="11"/>
      <c r="B24913" s="20"/>
      <c r="C24913" s="2" t="s">
        <v>79618</v>
      </c>
      <c r="D24913" s="14" t="s">
        <v>79619</v>
      </c>
      <c r="E24913" s="2" t="s">
        <v>79620</v>
      </c>
      <c r="F24913" s="2" t="s">
        <v>7619</v>
      </c>
      <c r="G24913" s="8">
        <v>334</v>
      </c>
      <c r="H24913" s="5">
        <v>6</v>
      </c>
      <c r="I24913" s="5" t="s">
        <v>1518</v>
      </c>
      <c r="J24913" s="5" t="s">
        <v>69038</v>
      </c>
      <c r="K24913" s="2" t="s">
        <v>69039</v>
      </c>
      <c r="L24913" s="5" t="s">
        <v>69038</v>
      </c>
      <c r="M24913" s="2" t="s">
        <v>69039</v>
      </c>
      <c r="N24913" s="5" t="s">
        <v>1521</v>
      </c>
      <c r="O24913" s="5" t="s">
        <v>38</v>
      </c>
      <c r="P24913" s="5" t="s">
        <v>39</v>
      </c>
      <c r="Q24913" s="5" t="s">
        <v>40</v>
      </c>
      <c r="R24913" s="5" t="s">
        <v>1522</v>
      </c>
      <c r="S24913" s="5" t="s">
        <v>1523</v>
      </c>
      <c r="T24913" s="5" t="s">
        <v>42</v>
      </c>
      <c r="U24913" s="2">
        <v>4.1580000000000004</v>
      </c>
      <c r="V24913" s="2">
        <v>3.5219999999999998</v>
      </c>
      <c r="W24913" s="2">
        <v>0.02</v>
      </c>
      <c r="X24913" s="2">
        <v>159.1</v>
      </c>
      <c r="Y24913" s="2">
        <v>7.6</v>
      </c>
      <c r="Z24913" s="2">
        <v>16.7</v>
      </c>
      <c r="AA24913" s="5"/>
      <c r="AB24913" s="5" t="s">
        <v>43</v>
      </c>
      <c r="AC24913" s="5" t="s">
        <v>44</v>
      </c>
      <c r="AD24913" s="2"/>
      <c r="AE24913" s="1"/>
    </row>
    <row r="24914" spans="1:31" ht="14.45">
      <c r="A24914" s="11"/>
      <c r="B24914" s="20"/>
      <c r="C24914" s="2" t="s">
        <v>79621</v>
      </c>
      <c r="D24914" s="14" t="s">
        <v>79622</v>
      </c>
      <c r="E24914" s="2" t="s">
        <v>79623</v>
      </c>
      <c r="F24914" s="2" t="s">
        <v>16014</v>
      </c>
      <c r="G24914" s="8">
        <v>334</v>
      </c>
      <c r="H24914" s="5">
        <v>6</v>
      </c>
      <c r="I24914" s="5" t="s">
        <v>1518</v>
      </c>
      <c r="J24914" s="5" t="s">
        <v>69038</v>
      </c>
      <c r="K24914" s="2" t="s">
        <v>69039</v>
      </c>
      <c r="L24914" s="5" t="s">
        <v>69038</v>
      </c>
      <c r="M24914" s="2" t="s">
        <v>69039</v>
      </c>
      <c r="N24914" s="5" t="s">
        <v>1521</v>
      </c>
      <c r="O24914" s="5" t="s">
        <v>38</v>
      </c>
      <c r="P24914" s="5" t="s">
        <v>39</v>
      </c>
      <c r="Q24914" s="5" t="s">
        <v>40</v>
      </c>
      <c r="R24914" s="5" t="s">
        <v>1522</v>
      </c>
      <c r="S24914" s="5" t="s">
        <v>1523</v>
      </c>
      <c r="T24914" s="5" t="s">
        <v>42</v>
      </c>
      <c r="U24914" s="2">
        <v>4.024</v>
      </c>
      <c r="V24914" s="2">
        <v>3.3879999999999999</v>
      </c>
      <c r="W24914" s="2">
        <v>0.02</v>
      </c>
      <c r="X24914" s="2">
        <v>159.1</v>
      </c>
      <c r="Y24914" s="2">
        <v>7.6</v>
      </c>
      <c r="Z24914" s="2">
        <v>16.7</v>
      </c>
      <c r="AA24914" s="5"/>
      <c r="AB24914" s="5" t="s">
        <v>43</v>
      </c>
      <c r="AC24914" s="5" t="s">
        <v>44</v>
      </c>
      <c r="AD24914" s="2"/>
      <c r="AE24914" s="1"/>
    </row>
    <row r="24915" spans="1:31" ht="14.45">
      <c r="A24915" s="11"/>
      <c r="B24915" s="20"/>
      <c r="C24915" s="2" t="s">
        <v>79624</v>
      </c>
      <c r="D24915" s="14" t="s">
        <v>79625</v>
      </c>
      <c r="E24915" s="2" t="s">
        <v>79626</v>
      </c>
      <c r="F24915" s="2" t="s">
        <v>7212</v>
      </c>
      <c r="G24915" s="8">
        <v>308</v>
      </c>
      <c r="H24915" s="5">
        <v>6</v>
      </c>
      <c r="I24915" s="5" t="s">
        <v>1518</v>
      </c>
      <c r="J24915" s="5" t="s">
        <v>69038</v>
      </c>
      <c r="K24915" s="2" t="s">
        <v>69039</v>
      </c>
      <c r="L24915" s="5" t="s">
        <v>69038</v>
      </c>
      <c r="M24915" s="2" t="s">
        <v>69039</v>
      </c>
      <c r="N24915" s="5" t="s">
        <v>1521</v>
      </c>
      <c r="O24915" s="5" t="s">
        <v>38</v>
      </c>
      <c r="P24915" s="5" t="s">
        <v>39</v>
      </c>
      <c r="Q24915" s="5" t="s">
        <v>40</v>
      </c>
      <c r="R24915" s="5" t="s">
        <v>1522</v>
      </c>
      <c r="S24915" s="5" t="s">
        <v>1523</v>
      </c>
      <c r="T24915" s="5" t="s">
        <v>42</v>
      </c>
      <c r="U24915" s="2">
        <v>4.024</v>
      </c>
      <c r="V24915" s="2">
        <v>3.3879999999999999</v>
      </c>
      <c r="W24915" s="2">
        <v>0.02</v>
      </c>
      <c r="X24915" s="2">
        <v>159.1</v>
      </c>
      <c r="Y24915" s="2">
        <v>7.6</v>
      </c>
      <c r="Z24915" s="2">
        <v>16.7</v>
      </c>
      <c r="AA24915" s="5"/>
      <c r="AB24915" s="5" t="s">
        <v>43</v>
      </c>
      <c r="AC24915" s="5" t="s">
        <v>44</v>
      </c>
      <c r="AD24915" s="2"/>
      <c r="AE24915" s="1"/>
    </row>
    <row r="24916" spans="1:31" ht="14.45">
      <c r="A24916" s="11"/>
      <c r="B24916" s="20"/>
      <c r="C24916" s="2" t="s">
        <v>79627</v>
      </c>
      <c r="D24916" s="14" t="s">
        <v>79628</v>
      </c>
      <c r="E24916" s="2" t="s">
        <v>79629</v>
      </c>
      <c r="F24916" s="2" t="s">
        <v>16029</v>
      </c>
      <c r="G24916" s="8">
        <v>334</v>
      </c>
      <c r="H24916" s="5">
        <v>6</v>
      </c>
      <c r="I24916" s="5" t="s">
        <v>1518</v>
      </c>
      <c r="J24916" s="5" t="s">
        <v>69038</v>
      </c>
      <c r="K24916" s="2" t="s">
        <v>69039</v>
      </c>
      <c r="L24916" s="5" t="s">
        <v>69038</v>
      </c>
      <c r="M24916" s="2" t="s">
        <v>69039</v>
      </c>
      <c r="N24916" s="5" t="s">
        <v>1521</v>
      </c>
      <c r="O24916" s="5" t="s">
        <v>38</v>
      </c>
      <c r="P24916" s="5" t="s">
        <v>39</v>
      </c>
      <c r="Q24916" s="5" t="s">
        <v>40</v>
      </c>
      <c r="R24916" s="5" t="s">
        <v>1522</v>
      </c>
      <c r="S24916" s="5" t="s">
        <v>1523</v>
      </c>
      <c r="T24916" s="5" t="s">
        <v>42</v>
      </c>
      <c r="U24916" s="2">
        <v>4.0220000000000002</v>
      </c>
      <c r="V24916" s="2">
        <v>3.3860000000000001</v>
      </c>
      <c r="W24916" s="2">
        <v>0.02</v>
      </c>
      <c r="X24916" s="2">
        <v>159.1</v>
      </c>
      <c r="Y24916" s="2">
        <v>7.6</v>
      </c>
      <c r="Z24916" s="2">
        <v>16.7</v>
      </c>
      <c r="AA24916" s="5"/>
      <c r="AB24916" s="5" t="s">
        <v>43</v>
      </c>
      <c r="AC24916" s="5" t="s">
        <v>44</v>
      </c>
      <c r="AD24916" s="2"/>
      <c r="AE24916" s="1"/>
    </row>
    <row r="24917" spans="1:31" ht="14.45">
      <c r="A24917" s="11"/>
      <c r="B24917" s="20"/>
      <c r="C24917" s="2" t="s">
        <v>79630</v>
      </c>
      <c r="D24917" s="14" t="s">
        <v>79631</v>
      </c>
      <c r="E24917" s="2" t="s">
        <v>79632</v>
      </c>
      <c r="F24917" s="2" t="s">
        <v>16033</v>
      </c>
      <c r="G24917" s="8">
        <v>334</v>
      </c>
      <c r="H24917" s="5">
        <v>6</v>
      </c>
      <c r="I24917" s="5" t="s">
        <v>1518</v>
      </c>
      <c r="J24917" s="5" t="s">
        <v>69038</v>
      </c>
      <c r="K24917" s="2" t="s">
        <v>69039</v>
      </c>
      <c r="L24917" s="5" t="s">
        <v>69038</v>
      </c>
      <c r="M24917" s="2" t="s">
        <v>69039</v>
      </c>
      <c r="N24917" s="5" t="s">
        <v>1521</v>
      </c>
      <c r="O24917" s="5" t="s">
        <v>38</v>
      </c>
      <c r="P24917" s="5" t="s">
        <v>39</v>
      </c>
      <c r="Q24917" s="5" t="s">
        <v>40</v>
      </c>
      <c r="R24917" s="5" t="s">
        <v>1522</v>
      </c>
      <c r="S24917" s="5" t="s">
        <v>1523</v>
      </c>
      <c r="T24917" s="5" t="s">
        <v>42</v>
      </c>
      <c r="U24917" s="2">
        <v>4.1559999999999997</v>
      </c>
      <c r="V24917" s="2">
        <v>3.52</v>
      </c>
      <c r="W24917" s="2">
        <v>0.02</v>
      </c>
      <c r="X24917" s="2">
        <v>159.1</v>
      </c>
      <c r="Y24917" s="2">
        <v>7.6</v>
      </c>
      <c r="Z24917" s="2">
        <v>16.7</v>
      </c>
      <c r="AA24917" s="5"/>
      <c r="AB24917" s="5" t="s">
        <v>43</v>
      </c>
      <c r="AC24917" s="5" t="s">
        <v>44</v>
      </c>
      <c r="AD24917" s="2"/>
      <c r="AE24917" s="1"/>
    </row>
    <row r="24918" spans="1:31" ht="14.45">
      <c r="A24918" s="11"/>
      <c r="B24918" s="20"/>
      <c r="C24918" s="2" t="s">
        <v>79633</v>
      </c>
      <c r="D24918" s="14" t="s">
        <v>79634</v>
      </c>
      <c r="E24918" s="2" t="s">
        <v>79635</v>
      </c>
      <c r="F24918" s="2" t="s">
        <v>79636</v>
      </c>
      <c r="G24918" s="8">
        <v>1088</v>
      </c>
      <c r="H24918" s="5">
        <v>10</v>
      </c>
      <c r="I24918" s="5" t="s">
        <v>79637</v>
      </c>
      <c r="J24918" s="5" t="s">
        <v>79638</v>
      </c>
      <c r="K24918" s="2" t="s">
        <v>79639</v>
      </c>
      <c r="L24918" s="5" t="s">
        <v>79638</v>
      </c>
      <c r="M24918" s="2" t="s">
        <v>79639</v>
      </c>
      <c r="N24918" s="5" t="s">
        <v>79640</v>
      </c>
      <c r="O24918" s="5" t="s">
        <v>38</v>
      </c>
      <c r="P24918" s="5" t="s">
        <v>39</v>
      </c>
      <c r="Q24918" s="5" t="s">
        <v>40</v>
      </c>
      <c r="R24918" s="5" t="s">
        <v>1487</v>
      </c>
      <c r="S24918" s="5"/>
      <c r="T24918" s="5" t="s">
        <v>42</v>
      </c>
      <c r="U24918" s="2">
        <v>0</v>
      </c>
      <c r="V24918" s="2">
        <v>0</v>
      </c>
      <c r="W24918" s="2">
        <v>0</v>
      </c>
      <c r="X24918" s="2">
        <v>0</v>
      </c>
      <c r="Y24918" s="2">
        <v>0</v>
      </c>
      <c r="Z24918" s="2">
        <v>0</v>
      </c>
      <c r="AA24918" s="5"/>
      <c r="AB24918" s="5" t="s">
        <v>43</v>
      </c>
      <c r="AC24918" s="5" t="s">
        <v>735</v>
      </c>
      <c r="AD24918" s="2" t="s">
        <v>79641</v>
      </c>
      <c r="AE24918" s="1"/>
    </row>
    <row r="24919" spans="1:31" ht="14.45">
      <c r="A24919" s="11"/>
      <c r="B24919" s="20"/>
      <c r="C24919" s="2" t="s">
        <v>79642</v>
      </c>
      <c r="D24919" s="14" t="s">
        <v>79643</v>
      </c>
      <c r="E24919" s="2" t="s">
        <v>79644</v>
      </c>
      <c r="F24919" s="2" t="s">
        <v>79645</v>
      </c>
      <c r="G24919" s="8">
        <v>1134</v>
      </c>
      <c r="H24919" s="5">
        <v>10</v>
      </c>
      <c r="I24919" s="5" t="s">
        <v>79637</v>
      </c>
      <c r="J24919" s="5" t="s">
        <v>79638</v>
      </c>
      <c r="K24919" s="2" t="s">
        <v>79639</v>
      </c>
      <c r="L24919" s="5" t="s">
        <v>79638</v>
      </c>
      <c r="M24919" s="2" t="s">
        <v>79639</v>
      </c>
      <c r="N24919" s="5" t="s">
        <v>79640</v>
      </c>
      <c r="O24919" s="5" t="s">
        <v>38</v>
      </c>
      <c r="P24919" s="5" t="s">
        <v>39</v>
      </c>
      <c r="Q24919" s="5" t="s">
        <v>40</v>
      </c>
      <c r="R24919" s="5" t="s">
        <v>1487</v>
      </c>
      <c r="S24919" s="5"/>
      <c r="T24919" s="5" t="s">
        <v>42</v>
      </c>
      <c r="U24919" s="2">
        <v>0</v>
      </c>
      <c r="V24919" s="2">
        <v>0</v>
      </c>
      <c r="W24919" s="2">
        <v>0</v>
      </c>
      <c r="X24919" s="2">
        <v>0</v>
      </c>
      <c r="Y24919" s="2">
        <v>0</v>
      </c>
      <c r="Z24919" s="2">
        <v>0</v>
      </c>
      <c r="AA24919" s="5"/>
      <c r="AB24919" s="5" t="s">
        <v>43</v>
      </c>
      <c r="AC24919" s="5" t="s">
        <v>735</v>
      </c>
      <c r="AD24919" s="2" t="s">
        <v>79646</v>
      </c>
      <c r="AE24919" s="1"/>
    </row>
    <row r="24920" spans="1:31" ht="14.45">
      <c r="A24920" s="11"/>
      <c r="B24920" s="20"/>
      <c r="C24920" s="2" t="s">
        <v>79647</v>
      </c>
      <c r="D24920" s="14" t="s">
        <v>79648</v>
      </c>
      <c r="E24920" s="2" t="s">
        <v>79649</v>
      </c>
      <c r="F24920" s="2" t="s">
        <v>79636</v>
      </c>
      <c r="G24920" s="8">
        <v>1114</v>
      </c>
      <c r="H24920" s="5">
        <v>10</v>
      </c>
      <c r="I24920" s="5" t="s">
        <v>79637</v>
      </c>
      <c r="J24920" s="5" t="s">
        <v>79638</v>
      </c>
      <c r="K24920" s="2" t="s">
        <v>79639</v>
      </c>
      <c r="L24920" s="5" t="s">
        <v>79638</v>
      </c>
      <c r="M24920" s="2" t="s">
        <v>79639</v>
      </c>
      <c r="N24920" s="5" t="s">
        <v>79640</v>
      </c>
      <c r="O24920" s="5" t="s">
        <v>38</v>
      </c>
      <c r="P24920" s="5" t="s">
        <v>39</v>
      </c>
      <c r="Q24920" s="5" t="s">
        <v>40</v>
      </c>
      <c r="R24920" s="5" t="s">
        <v>1487</v>
      </c>
      <c r="S24920" s="5"/>
      <c r="T24920" s="5" t="s">
        <v>42</v>
      </c>
      <c r="U24920" s="2">
        <v>0</v>
      </c>
      <c r="V24920" s="2">
        <v>0</v>
      </c>
      <c r="W24920" s="2">
        <v>0</v>
      </c>
      <c r="X24920" s="2">
        <v>0</v>
      </c>
      <c r="Y24920" s="2">
        <v>0</v>
      </c>
      <c r="Z24920" s="2">
        <v>0</v>
      </c>
      <c r="AA24920" s="5"/>
      <c r="AB24920" s="5" t="s">
        <v>43</v>
      </c>
      <c r="AC24920" s="5" t="s">
        <v>735</v>
      </c>
      <c r="AD24920" s="2" t="s">
        <v>79641</v>
      </c>
      <c r="AE24920" s="1"/>
    </row>
    <row r="24921" spans="1:31" ht="14.45">
      <c r="A24921" s="11"/>
      <c r="B24921" s="20"/>
      <c r="C24921" s="2" t="s">
        <v>79650</v>
      </c>
      <c r="D24921" s="14" t="s">
        <v>79651</v>
      </c>
      <c r="E24921" s="2" t="s">
        <v>79652</v>
      </c>
      <c r="F24921" s="2" t="s">
        <v>79645</v>
      </c>
      <c r="G24921" s="8">
        <v>1160</v>
      </c>
      <c r="H24921" s="5">
        <v>10</v>
      </c>
      <c r="I24921" s="5" t="s">
        <v>79637</v>
      </c>
      <c r="J24921" s="5" t="s">
        <v>79638</v>
      </c>
      <c r="K24921" s="2" t="s">
        <v>79639</v>
      </c>
      <c r="L24921" s="5" t="s">
        <v>79638</v>
      </c>
      <c r="M24921" s="2" t="s">
        <v>79639</v>
      </c>
      <c r="N24921" s="5" t="s">
        <v>79640</v>
      </c>
      <c r="O24921" s="5" t="s">
        <v>38</v>
      </c>
      <c r="P24921" s="5" t="s">
        <v>39</v>
      </c>
      <c r="Q24921" s="5" t="s">
        <v>40</v>
      </c>
      <c r="R24921" s="5" t="s">
        <v>1487</v>
      </c>
      <c r="S24921" s="5"/>
      <c r="T24921" s="5" t="s">
        <v>42</v>
      </c>
      <c r="U24921" s="2">
        <v>0</v>
      </c>
      <c r="V24921" s="2">
        <v>0</v>
      </c>
      <c r="W24921" s="2">
        <v>0</v>
      </c>
      <c r="X24921" s="2">
        <v>0</v>
      </c>
      <c r="Y24921" s="2">
        <v>0</v>
      </c>
      <c r="Z24921" s="2">
        <v>0</v>
      </c>
      <c r="AA24921" s="5"/>
      <c r="AB24921" s="5" t="s">
        <v>43</v>
      </c>
      <c r="AC24921" s="5" t="s">
        <v>735</v>
      </c>
      <c r="AD24921" s="2" t="s">
        <v>79646</v>
      </c>
      <c r="AE24921" s="1"/>
    </row>
    <row r="24922" spans="1:31" ht="14.45">
      <c r="A24922" s="11"/>
      <c r="B24922" s="20"/>
      <c r="C24922" s="2" t="s">
        <v>79653</v>
      </c>
      <c r="D24922" s="14" t="s">
        <v>79654</v>
      </c>
      <c r="E24922" s="2" t="s">
        <v>79655</v>
      </c>
      <c r="F24922" s="2" t="s">
        <v>79636</v>
      </c>
      <c r="G24922" s="8">
        <v>1119</v>
      </c>
      <c r="H24922" s="5">
        <v>10</v>
      </c>
      <c r="I24922" s="5" t="s">
        <v>79637</v>
      </c>
      <c r="J24922" s="5" t="s">
        <v>79638</v>
      </c>
      <c r="K24922" s="2" t="s">
        <v>79639</v>
      </c>
      <c r="L24922" s="5" t="s">
        <v>79638</v>
      </c>
      <c r="M24922" s="2" t="s">
        <v>79639</v>
      </c>
      <c r="N24922" s="5" t="s">
        <v>79640</v>
      </c>
      <c r="O24922" s="5" t="s">
        <v>38</v>
      </c>
      <c r="P24922" s="5" t="s">
        <v>39</v>
      </c>
      <c r="Q24922" s="5" t="s">
        <v>40</v>
      </c>
      <c r="R24922" s="5" t="s">
        <v>1487</v>
      </c>
      <c r="S24922" s="5"/>
      <c r="T24922" s="5" t="s">
        <v>42</v>
      </c>
      <c r="U24922" s="2">
        <v>0</v>
      </c>
      <c r="V24922" s="2">
        <v>0</v>
      </c>
      <c r="W24922" s="2">
        <v>0</v>
      </c>
      <c r="X24922" s="2">
        <v>0</v>
      </c>
      <c r="Y24922" s="2">
        <v>0</v>
      </c>
      <c r="Z24922" s="2">
        <v>0</v>
      </c>
      <c r="AA24922" s="5"/>
      <c r="AB24922" s="5" t="s">
        <v>43</v>
      </c>
      <c r="AC24922" s="5" t="s">
        <v>735</v>
      </c>
      <c r="AD24922" s="2" t="s">
        <v>79641</v>
      </c>
      <c r="AE24922" s="1"/>
    </row>
    <row r="24923" spans="1:31" ht="14.45">
      <c r="A24923" s="11"/>
      <c r="B24923" s="20"/>
      <c r="C24923" s="2" t="s">
        <v>79656</v>
      </c>
      <c r="D24923" s="14" t="s">
        <v>79657</v>
      </c>
      <c r="E24923" s="2" t="s">
        <v>79658</v>
      </c>
      <c r="F24923" s="2" t="s">
        <v>79645</v>
      </c>
      <c r="G24923" s="8">
        <v>1165</v>
      </c>
      <c r="H24923" s="5">
        <v>10</v>
      </c>
      <c r="I24923" s="5" t="s">
        <v>79637</v>
      </c>
      <c r="J24923" s="5" t="s">
        <v>79638</v>
      </c>
      <c r="K24923" s="2" t="s">
        <v>79639</v>
      </c>
      <c r="L24923" s="5" t="s">
        <v>79638</v>
      </c>
      <c r="M24923" s="2" t="s">
        <v>79639</v>
      </c>
      <c r="N24923" s="5" t="s">
        <v>79640</v>
      </c>
      <c r="O24923" s="5" t="s">
        <v>38</v>
      </c>
      <c r="P24923" s="5" t="s">
        <v>39</v>
      </c>
      <c r="Q24923" s="5" t="s">
        <v>40</v>
      </c>
      <c r="R24923" s="5" t="s">
        <v>1487</v>
      </c>
      <c r="S24923" s="5"/>
      <c r="T24923" s="5" t="s">
        <v>42</v>
      </c>
      <c r="U24923" s="2">
        <v>0</v>
      </c>
      <c r="V24923" s="2">
        <v>0</v>
      </c>
      <c r="W24923" s="2">
        <v>0</v>
      </c>
      <c r="X24923" s="2">
        <v>0</v>
      </c>
      <c r="Y24923" s="2">
        <v>0</v>
      </c>
      <c r="Z24923" s="2">
        <v>0</v>
      </c>
      <c r="AA24923" s="5"/>
      <c r="AB24923" s="5" t="s">
        <v>43</v>
      </c>
      <c r="AC24923" s="5" t="s">
        <v>735</v>
      </c>
      <c r="AD24923" s="2" t="s">
        <v>79646</v>
      </c>
      <c r="AE24923" s="1"/>
    </row>
    <row r="24924" spans="1:31" ht="14.45">
      <c r="A24924" s="11"/>
      <c r="B24924" s="20"/>
      <c r="C24924" s="2" t="s">
        <v>79659</v>
      </c>
      <c r="D24924" s="14" t="s">
        <v>79660</v>
      </c>
      <c r="E24924" s="2" t="s">
        <v>79661</v>
      </c>
      <c r="F24924" s="2" t="s">
        <v>79636</v>
      </c>
      <c r="G24924" s="8">
        <v>1109</v>
      </c>
      <c r="H24924" s="5">
        <v>10</v>
      </c>
      <c r="I24924" s="5" t="s">
        <v>79637</v>
      </c>
      <c r="J24924" s="5" t="s">
        <v>79638</v>
      </c>
      <c r="K24924" s="2" t="s">
        <v>79639</v>
      </c>
      <c r="L24924" s="5" t="s">
        <v>79638</v>
      </c>
      <c r="M24924" s="2" t="s">
        <v>79639</v>
      </c>
      <c r="N24924" s="5" t="s">
        <v>79640</v>
      </c>
      <c r="O24924" s="5" t="s">
        <v>38</v>
      </c>
      <c r="P24924" s="5" t="s">
        <v>39</v>
      </c>
      <c r="Q24924" s="5" t="s">
        <v>40</v>
      </c>
      <c r="R24924" s="5" t="s">
        <v>1487</v>
      </c>
      <c r="S24924" s="5"/>
      <c r="T24924" s="5" t="s">
        <v>42</v>
      </c>
      <c r="U24924" s="2">
        <v>0</v>
      </c>
      <c r="V24924" s="2">
        <v>0</v>
      </c>
      <c r="W24924" s="2">
        <v>0</v>
      </c>
      <c r="X24924" s="2">
        <v>0</v>
      </c>
      <c r="Y24924" s="2">
        <v>0</v>
      </c>
      <c r="Z24924" s="2">
        <v>0</v>
      </c>
      <c r="AA24924" s="5"/>
      <c r="AB24924" s="5" t="s">
        <v>43</v>
      </c>
      <c r="AC24924" s="5" t="s">
        <v>735</v>
      </c>
      <c r="AD24924" s="2" t="s">
        <v>79641</v>
      </c>
      <c r="AE24924" s="1"/>
    </row>
    <row r="24925" spans="1:31" ht="14.45">
      <c r="A24925" s="11"/>
      <c r="B24925" s="20"/>
      <c r="C24925" s="2" t="s">
        <v>79662</v>
      </c>
      <c r="D24925" s="14" t="s">
        <v>79663</v>
      </c>
      <c r="E24925" s="2" t="s">
        <v>79664</v>
      </c>
      <c r="F24925" s="2" t="s">
        <v>79645</v>
      </c>
      <c r="G24925" s="8">
        <v>1155</v>
      </c>
      <c r="H24925" s="5">
        <v>10</v>
      </c>
      <c r="I24925" s="5" t="s">
        <v>79637</v>
      </c>
      <c r="J24925" s="5" t="s">
        <v>79638</v>
      </c>
      <c r="K24925" s="2" t="s">
        <v>79639</v>
      </c>
      <c r="L24925" s="5" t="s">
        <v>79638</v>
      </c>
      <c r="M24925" s="2" t="s">
        <v>79639</v>
      </c>
      <c r="N24925" s="5" t="s">
        <v>79640</v>
      </c>
      <c r="O24925" s="5" t="s">
        <v>38</v>
      </c>
      <c r="P24925" s="5" t="s">
        <v>39</v>
      </c>
      <c r="Q24925" s="5" t="s">
        <v>40</v>
      </c>
      <c r="R24925" s="5" t="s">
        <v>1487</v>
      </c>
      <c r="S24925" s="5"/>
      <c r="T24925" s="5" t="s">
        <v>42</v>
      </c>
      <c r="U24925" s="2">
        <v>0</v>
      </c>
      <c r="V24925" s="2">
        <v>0</v>
      </c>
      <c r="W24925" s="2">
        <v>0</v>
      </c>
      <c r="X24925" s="2">
        <v>0</v>
      </c>
      <c r="Y24925" s="2">
        <v>0</v>
      </c>
      <c r="Z24925" s="2">
        <v>0</v>
      </c>
      <c r="AA24925" s="5"/>
      <c r="AB24925" s="5" t="s">
        <v>43</v>
      </c>
      <c r="AC24925" s="5" t="s">
        <v>735</v>
      </c>
      <c r="AD24925" s="2" t="s">
        <v>79646</v>
      </c>
      <c r="AE24925" s="1"/>
    </row>
    <row r="24926" spans="1:31" ht="14.45">
      <c r="A24926" s="11"/>
      <c r="B24926" s="20"/>
      <c r="C24926" s="2" t="s">
        <v>79665</v>
      </c>
      <c r="D24926" s="14" t="s">
        <v>79666</v>
      </c>
      <c r="E24926" s="2" t="s">
        <v>79667</v>
      </c>
      <c r="F24926" s="2" t="s">
        <v>79636</v>
      </c>
      <c r="G24926" s="8">
        <v>1135</v>
      </c>
      <c r="H24926" s="5">
        <v>5</v>
      </c>
      <c r="I24926" s="5" t="s">
        <v>79637</v>
      </c>
      <c r="J24926" s="5" t="s">
        <v>79638</v>
      </c>
      <c r="K24926" s="2" t="s">
        <v>79639</v>
      </c>
      <c r="L24926" s="5" t="s">
        <v>79638</v>
      </c>
      <c r="M24926" s="2" t="s">
        <v>79639</v>
      </c>
      <c r="N24926" s="5" t="s">
        <v>79640</v>
      </c>
      <c r="O24926" s="5" t="s">
        <v>38</v>
      </c>
      <c r="P24926" s="5" t="s">
        <v>39</v>
      </c>
      <c r="Q24926" s="5" t="s">
        <v>40</v>
      </c>
      <c r="R24926" s="5" t="s">
        <v>1487</v>
      </c>
      <c r="S24926" s="5"/>
      <c r="T24926" s="5" t="s">
        <v>42</v>
      </c>
      <c r="U24926" s="2">
        <v>0</v>
      </c>
      <c r="V24926" s="2">
        <v>0</v>
      </c>
      <c r="W24926" s="2">
        <v>0</v>
      </c>
      <c r="X24926" s="2">
        <v>0</v>
      </c>
      <c r="Y24926" s="2">
        <v>0</v>
      </c>
      <c r="Z24926" s="2">
        <v>0</v>
      </c>
      <c r="AA24926" s="5"/>
      <c r="AB24926" s="5" t="s">
        <v>43</v>
      </c>
      <c r="AC24926" s="5" t="s">
        <v>735</v>
      </c>
      <c r="AD24926" s="2" t="s">
        <v>79641</v>
      </c>
      <c r="AE24926" s="1"/>
    </row>
    <row r="24927" spans="1:31" ht="14.45">
      <c r="A24927" s="11"/>
      <c r="B24927" s="20"/>
      <c r="C24927" s="2" t="s">
        <v>79668</v>
      </c>
      <c r="D24927" s="14" t="s">
        <v>79669</v>
      </c>
      <c r="E24927" s="2" t="s">
        <v>79670</v>
      </c>
      <c r="F24927" s="2" t="s">
        <v>79645</v>
      </c>
      <c r="G24927" s="8">
        <v>1181</v>
      </c>
      <c r="H24927" s="5">
        <v>10</v>
      </c>
      <c r="I24927" s="5" t="s">
        <v>79637</v>
      </c>
      <c r="J24927" s="5" t="s">
        <v>79638</v>
      </c>
      <c r="K24927" s="2" t="s">
        <v>79639</v>
      </c>
      <c r="L24927" s="5" t="s">
        <v>79638</v>
      </c>
      <c r="M24927" s="2" t="s">
        <v>79639</v>
      </c>
      <c r="N24927" s="5" t="s">
        <v>79640</v>
      </c>
      <c r="O24927" s="5" t="s">
        <v>38</v>
      </c>
      <c r="P24927" s="5" t="s">
        <v>39</v>
      </c>
      <c r="Q24927" s="5" t="s">
        <v>40</v>
      </c>
      <c r="R24927" s="5" t="s">
        <v>1487</v>
      </c>
      <c r="S24927" s="5"/>
      <c r="T24927" s="5" t="s">
        <v>42</v>
      </c>
      <c r="U24927" s="2">
        <v>0</v>
      </c>
      <c r="V24927" s="2">
        <v>0</v>
      </c>
      <c r="W24927" s="2">
        <v>0</v>
      </c>
      <c r="X24927" s="2">
        <v>0</v>
      </c>
      <c r="Y24927" s="2">
        <v>0</v>
      </c>
      <c r="Z24927" s="2">
        <v>0</v>
      </c>
      <c r="AA24927" s="5"/>
      <c r="AB24927" s="5" t="s">
        <v>43</v>
      </c>
      <c r="AC24927" s="5" t="s">
        <v>735</v>
      </c>
      <c r="AD24927" s="2" t="s">
        <v>79646</v>
      </c>
      <c r="AE24927" s="1"/>
    </row>
    <row r="24928" spans="1:31" ht="14.45">
      <c r="A24928" s="11"/>
      <c r="B24928" s="20"/>
      <c r="C24928" s="2" t="s">
        <v>79671</v>
      </c>
      <c r="D24928" s="14" t="s">
        <v>79672</v>
      </c>
      <c r="E24928" s="2" t="s">
        <v>79673</v>
      </c>
      <c r="F24928" s="2" t="s">
        <v>79636</v>
      </c>
      <c r="G24928" s="8">
        <v>1161</v>
      </c>
      <c r="H24928" s="5">
        <v>5</v>
      </c>
      <c r="I24928" s="5" t="s">
        <v>79637</v>
      </c>
      <c r="J24928" s="5" t="s">
        <v>79638</v>
      </c>
      <c r="K24928" s="2" t="s">
        <v>79639</v>
      </c>
      <c r="L24928" s="5" t="s">
        <v>79638</v>
      </c>
      <c r="M24928" s="2" t="s">
        <v>79639</v>
      </c>
      <c r="N24928" s="5" t="s">
        <v>79640</v>
      </c>
      <c r="O24928" s="5" t="s">
        <v>38</v>
      </c>
      <c r="P24928" s="5" t="s">
        <v>39</v>
      </c>
      <c r="Q24928" s="5" t="s">
        <v>40</v>
      </c>
      <c r="R24928" s="5" t="s">
        <v>1487</v>
      </c>
      <c r="S24928" s="5"/>
      <c r="T24928" s="5" t="s">
        <v>42</v>
      </c>
      <c r="U24928" s="2">
        <v>0</v>
      </c>
      <c r="V24928" s="2">
        <v>0</v>
      </c>
      <c r="W24928" s="2">
        <v>0</v>
      </c>
      <c r="X24928" s="2">
        <v>0</v>
      </c>
      <c r="Y24928" s="2">
        <v>0</v>
      </c>
      <c r="Z24928" s="2">
        <v>0</v>
      </c>
      <c r="AA24928" s="5"/>
      <c r="AB24928" s="5" t="s">
        <v>43</v>
      </c>
      <c r="AC24928" s="5" t="s">
        <v>735</v>
      </c>
      <c r="AD24928" s="2" t="s">
        <v>79641</v>
      </c>
      <c r="AE24928" s="1"/>
    </row>
    <row r="24929" spans="1:31" ht="14.45">
      <c r="A24929" s="11"/>
      <c r="B24929" s="20"/>
      <c r="C24929" s="2" t="s">
        <v>79674</v>
      </c>
      <c r="D24929" s="14" t="s">
        <v>79675</v>
      </c>
      <c r="E24929" s="2" t="s">
        <v>79676</v>
      </c>
      <c r="F24929" s="2" t="s">
        <v>79645</v>
      </c>
      <c r="G24929" s="8">
        <v>1207</v>
      </c>
      <c r="H24929" s="5">
        <v>10</v>
      </c>
      <c r="I24929" s="5" t="s">
        <v>79637</v>
      </c>
      <c r="J24929" s="5" t="s">
        <v>79638</v>
      </c>
      <c r="K24929" s="2" t="s">
        <v>79639</v>
      </c>
      <c r="L24929" s="5" t="s">
        <v>79638</v>
      </c>
      <c r="M24929" s="2" t="s">
        <v>79639</v>
      </c>
      <c r="N24929" s="5" t="s">
        <v>79640</v>
      </c>
      <c r="O24929" s="5" t="s">
        <v>38</v>
      </c>
      <c r="P24929" s="5" t="s">
        <v>39</v>
      </c>
      <c r="Q24929" s="5" t="s">
        <v>40</v>
      </c>
      <c r="R24929" s="5" t="s">
        <v>1487</v>
      </c>
      <c r="S24929" s="5"/>
      <c r="T24929" s="5" t="s">
        <v>42</v>
      </c>
      <c r="U24929" s="2">
        <v>0</v>
      </c>
      <c r="V24929" s="2">
        <v>0</v>
      </c>
      <c r="W24929" s="2">
        <v>0</v>
      </c>
      <c r="X24929" s="2">
        <v>0</v>
      </c>
      <c r="Y24929" s="2">
        <v>0</v>
      </c>
      <c r="Z24929" s="2">
        <v>0</v>
      </c>
      <c r="AA24929" s="5"/>
      <c r="AB24929" s="5" t="s">
        <v>43</v>
      </c>
      <c r="AC24929" s="5" t="s">
        <v>735</v>
      </c>
      <c r="AD24929" s="2" t="s">
        <v>79646</v>
      </c>
      <c r="AE24929" s="1"/>
    </row>
    <row r="24930" spans="1:31" ht="14.45">
      <c r="A24930" s="11"/>
      <c r="B24930" s="20"/>
      <c r="C24930" s="2" t="s">
        <v>79677</v>
      </c>
      <c r="D24930" s="14" t="s">
        <v>79678</v>
      </c>
      <c r="E24930" s="2" t="s">
        <v>79679</v>
      </c>
      <c r="F24930" s="2" t="s">
        <v>79636</v>
      </c>
      <c r="G24930" s="8">
        <v>1203</v>
      </c>
      <c r="H24930" s="5">
        <v>5</v>
      </c>
      <c r="I24930" s="5" t="s">
        <v>79637</v>
      </c>
      <c r="J24930" s="5" t="s">
        <v>79638</v>
      </c>
      <c r="K24930" s="2" t="s">
        <v>79639</v>
      </c>
      <c r="L24930" s="5" t="s">
        <v>79638</v>
      </c>
      <c r="M24930" s="2" t="s">
        <v>79639</v>
      </c>
      <c r="N24930" s="5" t="s">
        <v>79640</v>
      </c>
      <c r="O24930" s="5" t="s">
        <v>38</v>
      </c>
      <c r="P24930" s="5" t="s">
        <v>39</v>
      </c>
      <c r="Q24930" s="5" t="s">
        <v>40</v>
      </c>
      <c r="R24930" s="5" t="s">
        <v>1487</v>
      </c>
      <c r="S24930" s="5"/>
      <c r="T24930" s="5" t="s">
        <v>42</v>
      </c>
      <c r="U24930" s="2">
        <v>0</v>
      </c>
      <c r="V24930" s="2">
        <v>0</v>
      </c>
      <c r="W24930" s="2">
        <v>0</v>
      </c>
      <c r="X24930" s="2">
        <v>0</v>
      </c>
      <c r="Y24930" s="2">
        <v>0</v>
      </c>
      <c r="Z24930" s="2">
        <v>0</v>
      </c>
      <c r="AA24930" s="5"/>
      <c r="AB24930" s="5" t="s">
        <v>43</v>
      </c>
      <c r="AC24930" s="5" t="s">
        <v>735</v>
      </c>
      <c r="AD24930" s="2" t="s">
        <v>79641</v>
      </c>
      <c r="AE24930" s="1"/>
    </row>
    <row r="24931" spans="1:31" ht="14.45">
      <c r="A24931" s="11"/>
      <c r="B24931" s="20"/>
      <c r="C24931" s="2" t="s">
        <v>79680</v>
      </c>
      <c r="D24931" s="14" t="s">
        <v>79681</v>
      </c>
      <c r="E24931" s="2" t="s">
        <v>79682</v>
      </c>
      <c r="F24931" s="2" t="s">
        <v>79645</v>
      </c>
      <c r="G24931" s="8">
        <v>1249</v>
      </c>
      <c r="H24931" s="5">
        <v>10</v>
      </c>
      <c r="I24931" s="5" t="s">
        <v>79637</v>
      </c>
      <c r="J24931" s="5" t="s">
        <v>79638</v>
      </c>
      <c r="K24931" s="2" t="s">
        <v>79639</v>
      </c>
      <c r="L24931" s="5" t="s">
        <v>79638</v>
      </c>
      <c r="M24931" s="2" t="s">
        <v>79639</v>
      </c>
      <c r="N24931" s="5" t="s">
        <v>79640</v>
      </c>
      <c r="O24931" s="5" t="s">
        <v>38</v>
      </c>
      <c r="P24931" s="5" t="s">
        <v>39</v>
      </c>
      <c r="Q24931" s="5" t="s">
        <v>40</v>
      </c>
      <c r="R24931" s="5" t="s">
        <v>1487</v>
      </c>
      <c r="S24931" s="5"/>
      <c r="T24931" s="5" t="s">
        <v>42</v>
      </c>
      <c r="U24931" s="2">
        <v>0</v>
      </c>
      <c r="V24931" s="2">
        <v>0</v>
      </c>
      <c r="W24931" s="2">
        <v>0</v>
      </c>
      <c r="X24931" s="2">
        <v>0</v>
      </c>
      <c r="Y24931" s="2">
        <v>0</v>
      </c>
      <c r="Z24931" s="2">
        <v>0</v>
      </c>
      <c r="AA24931" s="5"/>
      <c r="AB24931" s="5" t="s">
        <v>43</v>
      </c>
      <c r="AC24931" s="5" t="s">
        <v>735</v>
      </c>
      <c r="AD24931" s="2" t="s">
        <v>79646</v>
      </c>
      <c r="AE24931" s="1"/>
    </row>
    <row r="24932" spans="1:31" ht="14.45">
      <c r="A24932" s="11"/>
      <c r="B24932" s="20"/>
      <c r="C24932" s="2" t="s">
        <v>79683</v>
      </c>
      <c r="D24932" s="14" t="s">
        <v>79684</v>
      </c>
      <c r="E24932" s="2" t="s">
        <v>79685</v>
      </c>
      <c r="F24932" s="2" t="s">
        <v>79636</v>
      </c>
      <c r="G24932" s="8">
        <v>1182</v>
      </c>
      <c r="H24932" s="5">
        <v>5</v>
      </c>
      <c r="I24932" s="5" t="s">
        <v>79637</v>
      </c>
      <c r="J24932" s="5" t="s">
        <v>79638</v>
      </c>
      <c r="K24932" s="2" t="s">
        <v>79639</v>
      </c>
      <c r="L24932" s="5" t="s">
        <v>79638</v>
      </c>
      <c r="M24932" s="2" t="s">
        <v>79639</v>
      </c>
      <c r="N24932" s="5" t="s">
        <v>79640</v>
      </c>
      <c r="O24932" s="5" t="s">
        <v>38</v>
      </c>
      <c r="P24932" s="5" t="s">
        <v>39</v>
      </c>
      <c r="Q24932" s="5" t="s">
        <v>40</v>
      </c>
      <c r="R24932" s="5" t="s">
        <v>1487</v>
      </c>
      <c r="S24932" s="5"/>
      <c r="T24932" s="5" t="s">
        <v>42</v>
      </c>
      <c r="U24932" s="2">
        <v>0</v>
      </c>
      <c r="V24932" s="2">
        <v>0</v>
      </c>
      <c r="W24932" s="2">
        <v>0</v>
      </c>
      <c r="X24932" s="2">
        <v>0</v>
      </c>
      <c r="Y24932" s="2">
        <v>0</v>
      </c>
      <c r="Z24932" s="2">
        <v>0</v>
      </c>
      <c r="AA24932" s="5"/>
      <c r="AB24932" s="5" t="s">
        <v>43</v>
      </c>
      <c r="AC24932" s="5" t="s">
        <v>735</v>
      </c>
      <c r="AD24932" s="2" t="s">
        <v>79641</v>
      </c>
      <c r="AE24932" s="1"/>
    </row>
    <row r="24933" spans="1:31" ht="14.45">
      <c r="A24933" s="11"/>
      <c r="B24933" s="20"/>
      <c r="C24933" s="2" t="s">
        <v>79686</v>
      </c>
      <c r="D24933" s="14" t="s">
        <v>79687</v>
      </c>
      <c r="E24933" s="2" t="s">
        <v>79688</v>
      </c>
      <c r="F24933" s="2" t="s">
        <v>79645</v>
      </c>
      <c r="G24933" s="8">
        <v>1228</v>
      </c>
      <c r="H24933" s="5">
        <v>10</v>
      </c>
      <c r="I24933" s="5" t="s">
        <v>79637</v>
      </c>
      <c r="J24933" s="5" t="s">
        <v>79638</v>
      </c>
      <c r="K24933" s="2" t="s">
        <v>79639</v>
      </c>
      <c r="L24933" s="5" t="s">
        <v>79638</v>
      </c>
      <c r="M24933" s="2" t="s">
        <v>79639</v>
      </c>
      <c r="N24933" s="5" t="s">
        <v>79640</v>
      </c>
      <c r="O24933" s="5" t="s">
        <v>38</v>
      </c>
      <c r="P24933" s="5" t="s">
        <v>39</v>
      </c>
      <c r="Q24933" s="5" t="s">
        <v>40</v>
      </c>
      <c r="R24933" s="5" t="s">
        <v>1487</v>
      </c>
      <c r="S24933" s="5"/>
      <c r="T24933" s="5" t="s">
        <v>42</v>
      </c>
      <c r="U24933" s="2">
        <v>0</v>
      </c>
      <c r="V24933" s="2">
        <v>0</v>
      </c>
      <c r="W24933" s="2">
        <v>0</v>
      </c>
      <c r="X24933" s="2">
        <v>0</v>
      </c>
      <c r="Y24933" s="2">
        <v>0</v>
      </c>
      <c r="Z24933" s="2">
        <v>0</v>
      </c>
      <c r="AA24933" s="5"/>
      <c r="AB24933" s="5" t="s">
        <v>43</v>
      </c>
      <c r="AC24933" s="5" t="s">
        <v>735</v>
      </c>
      <c r="AD24933" s="2" t="s">
        <v>79646</v>
      </c>
      <c r="AE24933" s="1"/>
    </row>
    <row r="24934" spans="1:31" ht="14.45">
      <c r="A24934" s="11"/>
      <c r="B24934" s="20"/>
      <c r="C24934" s="2" t="s">
        <v>79689</v>
      </c>
      <c r="D24934" s="14" t="s">
        <v>79690</v>
      </c>
      <c r="E24934" s="2" t="s">
        <v>79691</v>
      </c>
      <c r="F24934" s="2" t="s">
        <v>79636</v>
      </c>
      <c r="G24934" s="8">
        <v>1213</v>
      </c>
      <c r="H24934" s="5">
        <v>5</v>
      </c>
      <c r="I24934" s="5" t="s">
        <v>79637</v>
      </c>
      <c r="J24934" s="5" t="s">
        <v>79638</v>
      </c>
      <c r="K24934" s="2" t="s">
        <v>79639</v>
      </c>
      <c r="L24934" s="5" t="s">
        <v>79638</v>
      </c>
      <c r="M24934" s="2" t="s">
        <v>79639</v>
      </c>
      <c r="N24934" s="5" t="s">
        <v>79640</v>
      </c>
      <c r="O24934" s="5" t="s">
        <v>38</v>
      </c>
      <c r="P24934" s="5" t="s">
        <v>39</v>
      </c>
      <c r="Q24934" s="5" t="s">
        <v>40</v>
      </c>
      <c r="R24934" s="5" t="s">
        <v>1487</v>
      </c>
      <c r="S24934" s="5"/>
      <c r="T24934" s="5" t="s">
        <v>42</v>
      </c>
      <c r="U24934" s="2">
        <v>0</v>
      </c>
      <c r="V24934" s="2">
        <v>0</v>
      </c>
      <c r="W24934" s="2">
        <v>0</v>
      </c>
      <c r="X24934" s="2">
        <v>0</v>
      </c>
      <c r="Y24934" s="2">
        <v>0</v>
      </c>
      <c r="Z24934" s="2">
        <v>0</v>
      </c>
      <c r="AA24934" s="5"/>
      <c r="AB24934" s="5" t="s">
        <v>43</v>
      </c>
      <c r="AC24934" s="5" t="s">
        <v>735</v>
      </c>
      <c r="AD24934" s="2" t="s">
        <v>79641</v>
      </c>
      <c r="AE24934" s="1"/>
    </row>
    <row r="24935" spans="1:31" ht="14.45">
      <c r="A24935" s="11"/>
      <c r="B24935" s="20"/>
      <c r="C24935" s="2" t="s">
        <v>79692</v>
      </c>
      <c r="D24935" s="14" t="s">
        <v>79693</v>
      </c>
      <c r="E24935" s="2" t="s">
        <v>79694</v>
      </c>
      <c r="F24935" s="2" t="s">
        <v>79645</v>
      </c>
      <c r="G24935" s="8">
        <v>1259</v>
      </c>
      <c r="H24935" s="5">
        <v>10</v>
      </c>
      <c r="I24935" s="5" t="s">
        <v>79637</v>
      </c>
      <c r="J24935" s="5" t="s">
        <v>79638</v>
      </c>
      <c r="K24935" s="2" t="s">
        <v>79639</v>
      </c>
      <c r="L24935" s="5" t="s">
        <v>79638</v>
      </c>
      <c r="M24935" s="2" t="s">
        <v>79639</v>
      </c>
      <c r="N24935" s="5" t="s">
        <v>79640</v>
      </c>
      <c r="O24935" s="5" t="s">
        <v>38</v>
      </c>
      <c r="P24935" s="5" t="s">
        <v>39</v>
      </c>
      <c r="Q24935" s="5" t="s">
        <v>40</v>
      </c>
      <c r="R24935" s="5" t="s">
        <v>1487</v>
      </c>
      <c r="S24935" s="5"/>
      <c r="T24935" s="5" t="s">
        <v>42</v>
      </c>
      <c r="U24935" s="2">
        <v>0</v>
      </c>
      <c r="V24935" s="2">
        <v>0</v>
      </c>
      <c r="W24935" s="2">
        <v>0</v>
      </c>
      <c r="X24935" s="2">
        <v>0</v>
      </c>
      <c r="Y24935" s="2">
        <v>0</v>
      </c>
      <c r="Z24935" s="2">
        <v>0</v>
      </c>
      <c r="AA24935" s="5"/>
      <c r="AB24935" s="5" t="s">
        <v>43</v>
      </c>
      <c r="AC24935" s="5" t="s">
        <v>735</v>
      </c>
      <c r="AD24935" s="2" t="s">
        <v>79646</v>
      </c>
      <c r="AE24935" s="1"/>
    </row>
    <row r="24936" spans="1:31" ht="14.45">
      <c r="A24936" s="11"/>
      <c r="B24936" s="20"/>
      <c r="C24936" s="2" t="s">
        <v>79695</v>
      </c>
      <c r="D24936" s="14" t="s">
        <v>79696</v>
      </c>
      <c r="E24936" s="2" t="s">
        <v>79697</v>
      </c>
      <c r="F24936" s="2" t="s">
        <v>79636</v>
      </c>
      <c r="G24936" s="8">
        <v>1255</v>
      </c>
      <c r="H24936" s="5">
        <v>5</v>
      </c>
      <c r="I24936" s="5" t="s">
        <v>79637</v>
      </c>
      <c r="J24936" s="5" t="s">
        <v>79638</v>
      </c>
      <c r="K24936" s="2" t="s">
        <v>79639</v>
      </c>
      <c r="L24936" s="5" t="s">
        <v>79638</v>
      </c>
      <c r="M24936" s="2" t="s">
        <v>79639</v>
      </c>
      <c r="N24936" s="5" t="s">
        <v>79640</v>
      </c>
      <c r="O24936" s="5" t="s">
        <v>38</v>
      </c>
      <c r="P24936" s="5" t="s">
        <v>39</v>
      </c>
      <c r="Q24936" s="5" t="s">
        <v>40</v>
      </c>
      <c r="R24936" s="5" t="s">
        <v>1487</v>
      </c>
      <c r="S24936" s="5"/>
      <c r="T24936" s="5" t="s">
        <v>42</v>
      </c>
      <c r="U24936" s="2">
        <v>0</v>
      </c>
      <c r="V24936" s="2">
        <v>0</v>
      </c>
      <c r="W24936" s="2">
        <v>0</v>
      </c>
      <c r="X24936" s="2">
        <v>0</v>
      </c>
      <c r="Y24936" s="2">
        <v>0</v>
      </c>
      <c r="Z24936" s="2">
        <v>0</v>
      </c>
      <c r="AA24936" s="5"/>
      <c r="AB24936" s="5" t="s">
        <v>43</v>
      </c>
      <c r="AC24936" s="5" t="s">
        <v>735</v>
      </c>
      <c r="AD24936" s="2" t="s">
        <v>79641</v>
      </c>
      <c r="AE24936" s="1"/>
    </row>
    <row r="24937" spans="1:31" ht="14.45">
      <c r="A24937" s="11"/>
      <c r="B24937" s="20"/>
      <c r="C24937" s="2" t="s">
        <v>79698</v>
      </c>
      <c r="D24937" s="14" t="s">
        <v>79699</v>
      </c>
      <c r="E24937" s="2" t="s">
        <v>79700</v>
      </c>
      <c r="F24937" s="2" t="s">
        <v>79645</v>
      </c>
      <c r="G24937" s="8">
        <v>1301</v>
      </c>
      <c r="H24937" s="5">
        <v>10</v>
      </c>
      <c r="I24937" s="5" t="s">
        <v>79637</v>
      </c>
      <c r="J24937" s="5" t="s">
        <v>79638</v>
      </c>
      <c r="K24937" s="2" t="s">
        <v>79639</v>
      </c>
      <c r="L24937" s="5" t="s">
        <v>79638</v>
      </c>
      <c r="M24937" s="2" t="s">
        <v>79639</v>
      </c>
      <c r="N24937" s="5" t="s">
        <v>79640</v>
      </c>
      <c r="O24937" s="5" t="s">
        <v>38</v>
      </c>
      <c r="P24937" s="5" t="s">
        <v>39</v>
      </c>
      <c r="Q24937" s="5" t="s">
        <v>40</v>
      </c>
      <c r="R24937" s="5" t="s">
        <v>1487</v>
      </c>
      <c r="S24937" s="5"/>
      <c r="T24937" s="5" t="s">
        <v>42</v>
      </c>
      <c r="U24937" s="2">
        <v>0</v>
      </c>
      <c r="V24937" s="2">
        <v>0</v>
      </c>
      <c r="W24937" s="2">
        <v>0</v>
      </c>
      <c r="X24937" s="2">
        <v>0</v>
      </c>
      <c r="Y24937" s="2">
        <v>0</v>
      </c>
      <c r="Z24937" s="2">
        <v>0</v>
      </c>
      <c r="AA24937" s="5"/>
      <c r="AB24937" s="5" t="s">
        <v>43</v>
      </c>
      <c r="AC24937" s="5" t="s">
        <v>735</v>
      </c>
      <c r="AD24937" s="2" t="s">
        <v>79646</v>
      </c>
      <c r="AE24937" s="1"/>
    </row>
    <row r="24938" spans="1:31" ht="14.45">
      <c r="A24938" s="11"/>
      <c r="B24938" s="20"/>
      <c r="C24938" s="2" t="s">
        <v>79701</v>
      </c>
      <c r="D24938" s="14" t="s">
        <v>79702</v>
      </c>
      <c r="E24938" s="2" t="s">
        <v>79703</v>
      </c>
      <c r="F24938" s="2" t="s">
        <v>79636</v>
      </c>
      <c r="G24938" s="8">
        <v>1234</v>
      </c>
      <c r="H24938" s="5">
        <v>5</v>
      </c>
      <c r="I24938" s="5" t="s">
        <v>79637</v>
      </c>
      <c r="J24938" s="5" t="s">
        <v>79638</v>
      </c>
      <c r="K24938" s="2" t="s">
        <v>79639</v>
      </c>
      <c r="L24938" s="5" t="s">
        <v>79638</v>
      </c>
      <c r="M24938" s="2" t="s">
        <v>79639</v>
      </c>
      <c r="N24938" s="5" t="s">
        <v>79640</v>
      </c>
      <c r="O24938" s="5" t="s">
        <v>38</v>
      </c>
      <c r="P24938" s="5" t="s">
        <v>39</v>
      </c>
      <c r="Q24938" s="5" t="s">
        <v>40</v>
      </c>
      <c r="R24938" s="5" t="s">
        <v>1487</v>
      </c>
      <c r="S24938" s="5"/>
      <c r="T24938" s="5" t="s">
        <v>42</v>
      </c>
      <c r="U24938" s="2">
        <v>0</v>
      </c>
      <c r="V24938" s="2">
        <v>0</v>
      </c>
      <c r="W24938" s="2">
        <v>0</v>
      </c>
      <c r="X24938" s="2">
        <v>0</v>
      </c>
      <c r="Y24938" s="2">
        <v>0</v>
      </c>
      <c r="Z24938" s="2">
        <v>0</v>
      </c>
      <c r="AA24938" s="5"/>
      <c r="AB24938" s="5" t="s">
        <v>43</v>
      </c>
      <c r="AC24938" s="5" t="s">
        <v>735</v>
      </c>
      <c r="AD24938" s="2" t="s">
        <v>79641</v>
      </c>
      <c r="AE24938" s="1"/>
    </row>
    <row r="24939" spans="1:31" ht="14.45">
      <c r="A24939" s="11"/>
      <c r="B24939" s="20"/>
      <c r="C24939" s="2" t="s">
        <v>79704</v>
      </c>
      <c r="D24939" s="14" t="s">
        <v>79705</v>
      </c>
      <c r="E24939" s="2" t="s">
        <v>79706</v>
      </c>
      <c r="F24939" s="2" t="s">
        <v>79645</v>
      </c>
      <c r="G24939" s="8">
        <v>1280</v>
      </c>
      <c r="H24939" s="5">
        <v>10</v>
      </c>
      <c r="I24939" s="5" t="s">
        <v>79637</v>
      </c>
      <c r="J24939" s="5" t="s">
        <v>79638</v>
      </c>
      <c r="K24939" s="2" t="s">
        <v>79639</v>
      </c>
      <c r="L24939" s="5" t="s">
        <v>79638</v>
      </c>
      <c r="M24939" s="2" t="s">
        <v>79639</v>
      </c>
      <c r="N24939" s="5" t="s">
        <v>79640</v>
      </c>
      <c r="O24939" s="5" t="s">
        <v>38</v>
      </c>
      <c r="P24939" s="5" t="s">
        <v>39</v>
      </c>
      <c r="Q24939" s="5" t="s">
        <v>40</v>
      </c>
      <c r="R24939" s="5" t="s">
        <v>1487</v>
      </c>
      <c r="S24939" s="5"/>
      <c r="T24939" s="5" t="s">
        <v>42</v>
      </c>
      <c r="U24939" s="2">
        <v>0</v>
      </c>
      <c r="V24939" s="2">
        <v>0</v>
      </c>
      <c r="W24939" s="2">
        <v>0</v>
      </c>
      <c r="X24939" s="2">
        <v>0</v>
      </c>
      <c r="Y24939" s="2">
        <v>0</v>
      </c>
      <c r="Z24939" s="2">
        <v>0</v>
      </c>
      <c r="AA24939" s="5"/>
      <c r="AB24939" s="5" t="s">
        <v>43</v>
      </c>
      <c r="AC24939" s="5" t="s">
        <v>735</v>
      </c>
      <c r="AD24939" s="2" t="s">
        <v>79646</v>
      </c>
      <c r="AE24939" s="1"/>
    </row>
    <row r="24940" spans="1:31" ht="14.45">
      <c r="A24940" s="11"/>
      <c r="B24940" s="20"/>
      <c r="C24940" s="2" t="s">
        <v>79707</v>
      </c>
      <c r="D24940" s="14" t="s">
        <v>79708</v>
      </c>
      <c r="E24940" s="2" t="s">
        <v>79709</v>
      </c>
      <c r="F24940" s="2" t="s">
        <v>79636</v>
      </c>
      <c r="G24940" s="8">
        <v>1271</v>
      </c>
      <c r="H24940" s="5">
        <v>5</v>
      </c>
      <c r="I24940" s="5" t="s">
        <v>79637</v>
      </c>
      <c r="J24940" s="5" t="s">
        <v>79638</v>
      </c>
      <c r="K24940" s="2" t="s">
        <v>79639</v>
      </c>
      <c r="L24940" s="5" t="s">
        <v>79638</v>
      </c>
      <c r="M24940" s="2" t="s">
        <v>79639</v>
      </c>
      <c r="N24940" s="5" t="s">
        <v>79640</v>
      </c>
      <c r="O24940" s="5" t="s">
        <v>38</v>
      </c>
      <c r="P24940" s="5" t="s">
        <v>39</v>
      </c>
      <c r="Q24940" s="5" t="s">
        <v>40</v>
      </c>
      <c r="R24940" s="5" t="s">
        <v>1487</v>
      </c>
      <c r="S24940" s="5"/>
      <c r="T24940" s="5" t="s">
        <v>42</v>
      </c>
      <c r="U24940" s="2">
        <v>0</v>
      </c>
      <c r="V24940" s="2">
        <v>0</v>
      </c>
      <c r="W24940" s="2">
        <v>0</v>
      </c>
      <c r="X24940" s="2">
        <v>0</v>
      </c>
      <c r="Y24940" s="2">
        <v>0</v>
      </c>
      <c r="Z24940" s="2">
        <v>0</v>
      </c>
      <c r="AA24940" s="5"/>
      <c r="AB24940" s="5" t="s">
        <v>43</v>
      </c>
      <c r="AC24940" s="5" t="s">
        <v>735</v>
      </c>
      <c r="AD24940" s="2" t="s">
        <v>79641</v>
      </c>
      <c r="AE24940" s="1"/>
    </row>
    <row r="24941" spans="1:31" ht="14.45">
      <c r="A24941" s="11"/>
      <c r="B24941" s="20"/>
      <c r="C24941" s="2" t="s">
        <v>79710</v>
      </c>
      <c r="D24941" s="14" t="s">
        <v>79711</v>
      </c>
      <c r="E24941" s="2" t="s">
        <v>79712</v>
      </c>
      <c r="F24941" s="2" t="s">
        <v>79645</v>
      </c>
      <c r="G24941" s="8">
        <v>1317</v>
      </c>
      <c r="H24941" s="5">
        <v>10</v>
      </c>
      <c r="I24941" s="5" t="s">
        <v>79637</v>
      </c>
      <c r="J24941" s="5" t="s">
        <v>79638</v>
      </c>
      <c r="K24941" s="2" t="s">
        <v>79639</v>
      </c>
      <c r="L24941" s="5" t="s">
        <v>79638</v>
      </c>
      <c r="M24941" s="2" t="s">
        <v>79639</v>
      </c>
      <c r="N24941" s="5" t="s">
        <v>79640</v>
      </c>
      <c r="O24941" s="5" t="s">
        <v>38</v>
      </c>
      <c r="P24941" s="5" t="s">
        <v>39</v>
      </c>
      <c r="Q24941" s="5" t="s">
        <v>40</v>
      </c>
      <c r="R24941" s="5" t="s">
        <v>1487</v>
      </c>
      <c r="S24941" s="5"/>
      <c r="T24941" s="5" t="s">
        <v>42</v>
      </c>
      <c r="U24941" s="2">
        <v>0</v>
      </c>
      <c r="V24941" s="2">
        <v>0</v>
      </c>
      <c r="W24941" s="2">
        <v>0</v>
      </c>
      <c r="X24941" s="2">
        <v>0</v>
      </c>
      <c r="Y24941" s="2">
        <v>0</v>
      </c>
      <c r="Z24941" s="2">
        <v>0</v>
      </c>
      <c r="AA24941" s="5"/>
      <c r="AB24941" s="5" t="s">
        <v>43</v>
      </c>
      <c r="AC24941" s="5" t="s">
        <v>735</v>
      </c>
      <c r="AD24941" s="2" t="s">
        <v>79646</v>
      </c>
      <c r="AE24941" s="1"/>
    </row>
    <row r="24942" spans="1:31" ht="14.45">
      <c r="A24942" s="11"/>
      <c r="B24942" s="20"/>
      <c r="C24942" s="2" t="s">
        <v>79713</v>
      </c>
      <c r="D24942" s="14" t="s">
        <v>79714</v>
      </c>
      <c r="E24942" s="2" t="s">
        <v>79715</v>
      </c>
      <c r="F24942" s="2" t="s">
        <v>79636</v>
      </c>
      <c r="G24942" s="8">
        <v>1308</v>
      </c>
      <c r="H24942" s="5">
        <v>5</v>
      </c>
      <c r="I24942" s="5" t="s">
        <v>79637</v>
      </c>
      <c r="J24942" s="5" t="s">
        <v>79638</v>
      </c>
      <c r="K24942" s="2" t="s">
        <v>79639</v>
      </c>
      <c r="L24942" s="5" t="s">
        <v>79638</v>
      </c>
      <c r="M24942" s="2" t="s">
        <v>79639</v>
      </c>
      <c r="N24942" s="5" t="s">
        <v>79640</v>
      </c>
      <c r="O24942" s="5" t="s">
        <v>38</v>
      </c>
      <c r="P24942" s="5" t="s">
        <v>39</v>
      </c>
      <c r="Q24942" s="5" t="s">
        <v>40</v>
      </c>
      <c r="R24942" s="5" t="s">
        <v>1487</v>
      </c>
      <c r="S24942" s="5"/>
      <c r="T24942" s="5" t="s">
        <v>42</v>
      </c>
      <c r="U24942" s="2">
        <v>0</v>
      </c>
      <c r="V24942" s="2">
        <v>0</v>
      </c>
      <c r="W24942" s="2">
        <v>0</v>
      </c>
      <c r="X24942" s="2">
        <v>0</v>
      </c>
      <c r="Y24942" s="2">
        <v>0</v>
      </c>
      <c r="Z24942" s="2">
        <v>0</v>
      </c>
      <c r="AA24942" s="5"/>
      <c r="AB24942" s="5" t="s">
        <v>43</v>
      </c>
      <c r="AC24942" s="5" t="s">
        <v>735</v>
      </c>
      <c r="AD24942" s="2" t="s">
        <v>79641</v>
      </c>
      <c r="AE24942" s="1"/>
    </row>
    <row r="24943" spans="1:31" ht="14.45">
      <c r="A24943" s="11"/>
      <c r="B24943" s="20"/>
      <c r="C24943" s="2" t="s">
        <v>79716</v>
      </c>
      <c r="D24943" s="14" t="s">
        <v>79717</v>
      </c>
      <c r="E24943" s="2" t="s">
        <v>79718</v>
      </c>
      <c r="F24943" s="2" t="s">
        <v>79645</v>
      </c>
      <c r="G24943" s="8">
        <v>1354</v>
      </c>
      <c r="H24943" s="5">
        <v>10</v>
      </c>
      <c r="I24943" s="5" t="s">
        <v>79637</v>
      </c>
      <c r="J24943" s="5" t="s">
        <v>79638</v>
      </c>
      <c r="K24943" s="2" t="s">
        <v>79639</v>
      </c>
      <c r="L24943" s="5" t="s">
        <v>79638</v>
      </c>
      <c r="M24943" s="2" t="s">
        <v>79639</v>
      </c>
      <c r="N24943" s="5" t="s">
        <v>79640</v>
      </c>
      <c r="O24943" s="5" t="s">
        <v>38</v>
      </c>
      <c r="P24943" s="5" t="s">
        <v>39</v>
      </c>
      <c r="Q24943" s="5" t="s">
        <v>40</v>
      </c>
      <c r="R24943" s="5" t="s">
        <v>1487</v>
      </c>
      <c r="S24943" s="5"/>
      <c r="T24943" s="5" t="s">
        <v>42</v>
      </c>
      <c r="U24943" s="2">
        <v>0</v>
      </c>
      <c r="V24943" s="2">
        <v>0</v>
      </c>
      <c r="W24943" s="2">
        <v>0</v>
      </c>
      <c r="X24943" s="2">
        <v>0</v>
      </c>
      <c r="Y24943" s="2">
        <v>0</v>
      </c>
      <c r="Z24943" s="2">
        <v>0</v>
      </c>
      <c r="AA24943" s="5"/>
      <c r="AB24943" s="5" t="s">
        <v>43</v>
      </c>
      <c r="AC24943" s="5" t="s">
        <v>735</v>
      </c>
      <c r="AD24943" s="2" t="s">
        <v>79646</v>
      </c>
      <c r="AE24943" s="1"/>
    </row>
    <row r="24944" spans="1:31" ht="14.45">
      <c r="A24944" s="11"/>
      <c r="B24944" s="20"/>
      <c r="C24944" s="2" t="s">
        <v>79719</v>
      </c>
      <c r="D24944" s="14" t="s">
        <v>79720</v>
      </c>
      <c r="E24944" s="2" t="s">
        <v>79721</v>
      </c>
      <c r="F24944" s="2" t="s">
        <v>79636</v>
      </c>
      <c r="G24944" s="8">
        <v>1281</v>
      </c>
      <c r="H24944" s="5">
        <v>10</v>
      </c>
      <c r="I24944" s="5" t="s">
        <v>79637</v>
      </c>
      <c r="J24944" s="5" t="s">
        <v>79638</v>
      </c>
      <c r="K24944" s="2" t="s">
        <v>79639</v>
      </c>
      <c r="L24944" s="5" t="s">
        <v>79638</v>
      </c>
      <c r="M24944" s="2" t="s">
        <v>79639</v>
      </c>
      <c r="N24944" s="5" t="s">
        <v>79640</v>
      </c>
      <c r="O24944" s="5" t="s">
        <v>38</v>
      </c>
      <c r="P24944" s="5" t="s">
        <v>39</v>
      </c>
      <c r="Q24944" s="5" t="s">
        <v>40</v>
      </c>
      <c r="R24944" s="5" t="s">
        <v>1487</v>
      </c>
      <c r="S24944" s="5"/>
      <c r="T24944" s="5" t="s">
        <v>42</v>
      </c>
      <c r="U24944" s="2">
        <v>0</v>
      </c>
      <c r="V24944" s="2">
        <v>0</v>
      </c>
      <c r="W24944" s="2">
        <v>0</v>
      </c>
      <c r="X24944" s="2">
        <v>0</v>
      </c>
      <c r="Y24944" s="2">
        <v>0</v>
      </c>
      <c r="Z24944" s="2">
        <v>0</v>
      </c>
      <c r="AA24944" s="5"/>
      <c r="AB24944" s="5" t="s">
        <v>43</v>
      </c>
      <c r="AC24944" s="5" t="s">
        <v>735</v>
      </c>
      <c r="AD24944" s="2" t="s">
        <v>79641</v>
      </c>
      <c r="AE24944" s="1"/>
    </row>
    <row r="24945" spans="1:31" ht="14.45">
      <c r="A24945" s="11"/>
      <c r="B24945" s="20"/>
      <c r="C24945" s="2" t="s">
        <v>79722</v>
      </c>
      <c r="D24945" s="14" t="s">
        <v>79723</v>
      </c>
      <c r="E24945" s="2" t="s">
        <v>79724</v>
      </c>
      <c r="F24945" s="2" t="s">
        <v>79645</v>
      </c>
      <c r="G24945" s="8">
        <v>1327</v>
      </c>
      <c r="H24945" s="5">
        <v>10</v>
      </c>
      <c r="I24945" s="5" t="s">
        <v>79637</v>
      </c>
      <c r="J24945" s="5" t="s">
        <v>79638</v>
      </c>
      <c r="K24945" s="2" t="s">
        <v>79639</v>
      </c>
      <c r="L24945" s="5" t="s">
        <v>79638</v>
      </c>
      <c r="M24945" s="2" t="s">
        <v>79639</v>
      </c>
      <c r="N24945" s="5" t="s">
        <v>79640</v>
      </c>
      <c r="O24945" s="5" t="s">
        <v>38</v>
      </c>
      <c r="P24945" s="5" t="s">
        <v>39</v>
      </c>
      <c r="Q24945" s="5" t="s">
        <v>40</v>
      </c>
      <c r="R24945" s="5" t="s">
        <v>1487</v>
      </c>
      <c r="S24945" s="5"/>
      <c r="T24945" s="5" t="s">
        <v>42</v>
      </c>
      <c r="U24945" s="2">
        <v>0</v>
      </c>
      <c r="V24945" s="2">
        <v>0</v>
      </c>
      <c r="W24945" s="2">
        <v>0</v>
      </c>
      <c r="X24945" s="2">
        <v>0</v>
      </c>
      <c r="Y24945" s="2">
        <v>0</v>
      </c>
      <c r="Z24945" s="2">
        <v>0</v>
      </c>
      <c r="AA24945" s="5"/>
      <c r="AB24945" s="5" t="s">
        <v>43</v>
      </c>
      <c r="AC24945" s="5" t="s">
        <v>735</v>
      </c>
      <c r="AD24945" s="2" t="s">
        <v>79646</v>
      </c>
      <c r="AE24945" s="1"/>
    </row>
    <row r="24946" spans="1:31" ht="14.45">
      <c r="A24946" s="11"/>
      <c r="B24946" s="20"/>
      <c r="C24946" s="2" t="s">
        <v>79725</v>
      </c>
      <c r="D24946" s="14" t="s">
        <v>79726</v>
      </c>
      <c r="E24946" s="2" t="s">
        <v>79727</v>
      </c>
      <c r="F24946" s="2" t="s">
        <v>79636</v>
      </c>
      <c r="G24946" s="8">
        <v>1334</v>
      </c>
      <c r="H24946" s="5">
        <v>5</v>
      </c>
      <c r="I24946" s="5" t="s">
        <v>79637</v>
      </c>
      <c r="J24946" s="5" t="s">
        <v>79638</v>
      </c>
      <c r="K24946" s="2" t="s">
        <v>79639</v>
      </c>
      <c r="L24946" s="5" t="s">
        <v>79638</v>
      </c>
      <c r="M24946" s="2" t="s">
        <v>79639</v>
      </c>
      <c r="N24946" s="5" t="s">
        <v>79640</v>
      </c>
      <c r="O24946" s="5" t="s">
        <v>38</v>
      </c>
      <c r="P24946" s="5" t="s">
        <v>39</v>
      </c>
      <c r="Q24946" s="5" t="s">
        <v>40</v>
      </c>
      <c r="R24946" s="5" t="s">
        <v>1487</v>
      </c>
      <c r="S24946" s="5"/>
      <c r="T24946" s="5" t="s">
        <v>42</v>
      </c>
      <c r="U24946" s="2">
        <v>0</v>
      </c>
      <c r="V24946" s="2">
        <v>0</v>
      </c>
      <c r="W24946" s="2">
        <v>0</v>
      </c>
      <c r="X24946" s="2">
        <v>0</v>
      </c>
      <c r="Y24946" s="2">
        <v>0</v>
      </c>
      <c r="Z24946" s="2">
        <v>0</v>
      </c>
      <c r="AA24946" s="5"/>
      <c r="AB24946" s="5" t="s">
        <v>43</v>
      </c>
      <c r="AC24946" s="5" t="s">
        <v>735</v>
      </c>
      <c r="AD24946" s="2" t="s">
        <v>79641</v>
      </c>
      <c r="AE24946" s="1"/>
    </row>
    <row r="24947" spans="1:31" ht="14.45">
      <c r="A24947" s="11"/>
      <c r="B24947" s="20"/>
      <c r="C24947" s="2" t="s">
        <v>79728</v>
      </c>
      <c r="D24947" s="14" t="s">
        <v>79729</v>
      </c>
      <c r="E24947" s="2" t="s">
        <v>79730</v>
      </c>
      <c r="F24947" s="2" t="s">
        <v>79645</v>
      </c>
      <c r="G24947" s="8">
        <v>1380</v>
      </c>
      <c r="H24947" s="5">
        <v>10</v>
      </c>
      <c r="I24947" s="5" t="s">
        <v>79637</v>
      </c>
      <c r="J24947" s="5" t="s">
        <v>79638</v>
      </c>
      <c r="K24947" s="2" t="s">
        <v>79639</v>
      </c>
      <c r="L24947" s="5" t="s">
        <v>79638</v>
      </c>
      <c r="M24947" s="2" t="s">
        <v>79639</v>
      </c>
      <c r="N24947" s="5" t="s">
        <v>79640</v>
      </c>
      <c r="O24947" s="5" t="s">
        <v>38</v>
      </c>
      <c r="P24947" s="5" t="s">
        <v>39</v>
      </c>
      <c r="Q24947" s="5" t="s">
        <v>40</v>
      </c>
      <c r="R24947" s="5" t="s">
        <v>1487</v>
      </c>
      <c r="S24947" s="5"/>
      <c r="T24947" s="5" t="s">
        <v>42</v>
      </c>
      <c r="U24947" s="2">
        <v>0</v>
      </c>
      <c r="V24947" s="2">
        <v>0</v>
      </c>
      <c r="W24947" s="2">
        <v>0</v>
      </c>
      <c r="X24947" s="2">
        <v>0</v>
      </c>
      <c r="Y24947" s="2">
        <v>0</v>
      </c>
      <c r="Z24947" s="2">
        <v>0</v>
      </c>
      <c r="AA24947" s="5"/>
      <c r="AB24947" s="5" t="s">
        <v>43</v>
      </c>
      <c r="AC24947" s="5" t="s">
        <v>735</v>
      </c>
      <c r="AD24947" s="2" t="s">
        <v>79646</v>
      </c>
      <c r="AE24947" s="1"/>
    </row>
    <row r="24948" spans="1:31" ht="14.45">
      <c r="A24948" s="11"/>
      <c r="B24948" s="20"/>
      <c r="C24948" s="2" t="s">
        <v>79731</v>
      </c>
      <c r="D24948" s="14" t="s">
        <v>79732</v>
      </c>
      <c r="E24948" s="2" t="s">
        <v>79733</v>
      </c>
      <c r="F24948" s="2" t="s">
        <v>79636</v>
      </c>
      <c r="G24948" s="8">
        <v>1376</v>
      </c>
      <c r="H24948" s="5">
        <v>10</v>
      </c>
      <c r="I24948" s="5" t="s">
        <v>79637</v>
      </c>
      <c r="J24948" s="5" t="s">
        <v>79638</v>
      </c>
      <c r="K24948" s="2" t="s">
        <v>79639</v>
      </c>
      <c r="L24948" s="5" t="s">
        <v>79638</v>
      </c>
      <c r="M24948" s="2" t="s">
        <v>79639</v>
      </c>
      <c r="N24948" s="5" t="s">
        <v>79640</v>
      </c>
      <c r="O24948" s="5" t="s">
        <v>38</v>
      </c>
      <c r="P24948" s="5" t="s">
        <v>39</v>
      </c>
      <c r="Q24948" s="5" t="s">
        <v>40</v>
      </c>
      <c r="R24948" s="5" t="s">
        <v>1487</v>
      </c>
      <c r="S24948" s="5"/>
      <c r="T24948" s="5" t="s">
        <v>42</v>
      </c>
      <c r="U24948" s="2">
        <v>0</v>
      </c>
      <c r="V24948" s="2">
        <v>0</v>
      </c>
      <c r="W24948" s="2">
        <v>0</v>
      </c>
      <c r="X24948" s="2">
        <v>0</v>
      </c>
      <c r="Y24948" s="2">
        <v>0</v>
      </c>
      <c r="Z24948" s="2">
        <v>0</v>
      </c>
      <c r="AA24948" s="5"/>
      <c r="AB24948" s="5" t="s">
        <v>43</v>
      </c>
      <c r="AC24948" s="5" t="s">
        <v>735</v>
      </c>
      <c r="AD24948" s="2" t="s">
        <v>79641</v>
      </c>
      <c r="AE24948" s="1"/>
    </row>
    <row r="24949" spans="1:31" ht="14.45">
      <c r="A24949" s="11"/>
      <c r="B24949" s="20"/>
      <c r="C24949" s="2" t="s">
        <v>79734</v>
      </c>
      <c r="D24949" s="14" t="s">
        <v>79735</v>
      </c>
      <c r="E24949" s="2" t="s">
        <v>79736</v>
      </c>
      <c r="F24949" s="2" t="s">
        <v>79645</v>
      </c>
      <c r="G24949" s="8">
        <v>1422</v>
      </c>
      <c r="H24949" s="5">
        <v>10</v>
      </c>
      <c r="I24949" s="5" t="s">
        <v>79637</v>
      </c>
      <c r="J24949" s="5" t="s">
        <v>79638</v>
      </c>
      <c r="K24949" s="2" t="s">
        <v>79639</v>
      </c>
      <c r="L24949" s="5" t="s">
        <v>79638</v>
      </c>
      <c r="M24949" s="2" t="s">
        <v>79639</v>
      </c>
      <c r="N24949" s="5" t="s">
        <v>79640</v>
      </c>
      <c r="O24949" s="5" t="s">
        <v>38</v>
      </c>
      <c r="P24949" s="5" t="s">
        <v>39</v>
      </c>
      <c r="Q24949" s="5" t="s">
        <v>40</v>
      </c>
      <c r="R24949" s="5" t="s">
        <v>1487</v>
      </c>
      <c r="S24949" s="5"/>
      <c r="T24949" s="5" t="s">
        <v>42</v>
      </c>
      <c r="U24949" s="2">
        <v>0</v>
      </c>
      <c r="V24949" s="2">
        <v>0</v>
      </c>
      <c r="W24949" s="2">
        <v>0</v>
      </c>
      <c r="X24949" s="2">
        <v>0</v>
      </c>
      <c r="Y24949" s="2">
        <v>0</v>
      </c>
      <c r="Z24949" s="2">
        <v>0</v>
      </c>
      <c r="AA24949" s="5"/>
      <c r="AB24949" s="5" t="s">
        <v>43</v>
      </c>
      <c r="AC24949" s="5" t="s">
        <v>735</v>
      </c>
      <c r="AD24949" s="2" t="s">
        <v>79646</v>
      </c>
      <c r="AE24949" s="1"/>
    </row>
    <row r="24950" spans="1:31" ht="14.45">
      <c r="A24950" s="11"/>
      <c r="B24950" s="20"/>
      <c r="C24950" s="2" t="s">
        <v>79737</v>
      </c>
      <c r="D24950" s="14" t="s">
        <v>79738</v>
      </c>
      <c r="E24950" s="2" t="s">
        <v>79739</v>
      </c>
      <c r="F24950" s="2" t="s">
        <v>79740</v>
      </c>
      <c r="G24950" s="8">
        <v>673</v>
      </c>
      <c r="H24950" s="5">
        <v>5</v>
      </c>
      <c r="I24950" s="5" t="s">
        <v>79637</v>
      </c>
      <c r="J24950" s="5" t="s">
        <v>79638</v>
      </c>
      <c r="K24950" s="2" t="s">
        <v>79639</v>
      </c>
      <c r="L24950" s="5" t="s">
        <v>79638</v>
      </c>
      <c r="M24950" s="2" t="s">
        <v>79639</v>
      </c>
      <c r="N24950" s="5" t="s">
        <v>79640</v>
      </c>
      <c r="O24950" s="5" t="s">
        <v>38</v>
      </c>
      <c r="P24950" s="5" t="s">
        <v>39</v>
      </c>
      <c r="Q24950" s="5" t="s">
        <v>40</v>
      </c>
      <c r="R24950" s="5" t="s">
        <v>24335</v>
      </c>
      <c r="S24950" s="5" t="s">
        <v>40</v>
      </c>
      <c r="T24950" s="5" t="s">
        <v>42</v>
      </c>
      <c r="U24950" s="2">
        <v>15.977</v>
      </c>
      <c r="V24950" s="2">
        <v>12.23</v>
      </c>
      <c r="W24950" s="2">
        <v>0.17100000000000001</v>
      </c>
      <c r="X24950" s="2">
        <v>18.100000000000001</v>
      </c>
      <c r="Y24950" s="2">
        <v>49.1</v>
      </c>
      <c r="Z24950" s="2">
        <v>192.4</v>
      </c>
      <c r="AA24950" s="5">
        <v>12</v>
      </c>
      <c r="AB24950" s="5" t="s">
        <v>43</v>
      </c>
      <c r="AC24950" s="5" t="s">
        <v>735</v>
      </c>
      <c r="AD24950" s="2" t="s">
        <v>79741</v>
      </c>
      <c r="AE24950" s="1"/>
    </row>
    <row r="24951" spans="1:31" ht="14.45">
      <c r="A24951" s="11"/>
      <c r="B24951" s="20"/>
      <c r="C24951" s="2" t="s">
        <v>79742</v>
      </c>
      <c r="D24951" s="14" t="s">
        <v>79743</v>
      </c>
      <c r="E24951" s="2" t="s">
        <v>79744</v>
      </c>
      <c r="F24951" s="2" t="s">
        <v>79740</v>
      </c>
      <c r="G24951" s="8">
        <v>680</v>
      </c>
      <c r="H24951" s="5">
        <v>5</v>
      </c>
      <c r="I24951" s="5" t="s">
        <v>79637</v>
      </c>
      <c r="J24951" s="5" t="s">
        <v>79638</v>
      </c>
      <c r="K24951" s="2" t="s">
        <v>79639</v>
      </c>
      <c r="L24951" s="5" t="s">
        <v>79638</v>
      </c>
      <c r="M24951" s="2" t="s">
        <v>79639</v>
      </c>
      <c r="N24951" s="5" t="s">
        <v>79640</v>
      </c>
      <c r="O24951" s="5" t="s">
        <v>38</v>
      </c>
      <c r="P24951" s="5" t="s">
        <v>39</v>
      </c>
      <c r="Q24951" s="5" t="s">
        <v>40</v>
      </c>
      <c r="R24951" s="5" t="s">
        <v>24335</v>
      </c>
      <c r="S24951" s="5" t="s">
        <v>40</v>
      </c>
      <c r="T24951" s="5" t="s">
        <v>42</v>
      </c>
      <c r="U24951" s="2">
        <v>16.997</v>
      </c>
      <c r="V24951" s="2">
        <v>13.25</v>
      </c>
      <c r="W24951" s="2">
        <v>0.17100000000000001</v>
      </c>
      <c r="X24951" s="2">
        <v>18.100000000000001</v>
      </c>
      <c r="Y24951" s="2">
        <v>49.1</v>
      </c>
      <c r="Z24951" s="2">
        <v>192.4</v>
      </c>
      <c r="AA24951" s="5">
        <v>12</v>
      </c>
      <c r="AB24951" s="5" t="s">
        <v>43</v>
      </c>
      <c r="AC24951" s="5" t="s">
        <v>735</v>
      </c>
      <c r="AD24951" s="2" t="s">
        <v>79741</v>
      </c>
      <c r="AE24951" s="1"/>
    </row>
    <row r="24952" spans="1:31" ht="14.45">
      <c r="A24952" s="11"/>
      <c r="B24952" s="20"/>
      <c r="C24952" s="2" t="s">
        <v>79745</v>
      </c>
      <c r="D24952" s="14" t="s">
        <v>79746</v>
      </c>
      <c r="E24952" s="2" t="s">
        <v>79747</v>
      </c>
      <c r="F24952" s="2" t="s">
        <v>79740</v>
      </c>
      <c r="G24952" s="8">
        <v>701</v>
      </c>
      <c r="H24952" s="5">
        <v>5</v>
      </c>
      <c r="I24952" s="5" t="s">
        <v>79637</v>
      </c>
      <c r="J24952" s="5" t="s">
        <v>79638</v>
      </c>
      <c r="K24952" s="2" t="s">
        <v>79639</v>
      </c>
      <c r="L24952" s="5" t="s">
        <v>79638</v>
      </c>
      <c r="M24952" s="2" t="s">
        <v>79639</v>
      </c>
      <c r="N24952" s="5" t="s">
        <v>79640</v>
      </c>
      <c r="O24952" s="5" t="s">
        <v>38</v>
      </c>
      <c r="P24952" s="5" t="s">
        <v>39</v>
      </c>
      <c r="Q24952" s="5" t="s">
        <v>40</v>
      </c>
      <c r="R24952" s="5" t="s">
        <v>24335</v>
      </c>
      <c r="S24952" s="5" t="s">
        <v>40</v>
      </c>
      <c r="T24952" s="5" t="s">
        <v>42</v>
      </c>
      <c r="U24952" s="2">
        <v>16.963999999999999</v>
      </c>
      <c r="V24952" s="2">
        <v>13.217000000000001</v>
      </c>
      <c r="W24952" s="2">
        <v>0.17100000000000001</v>
      </c>
      <c r="X24952" s="2">
        <v>18.100000000000001</v>
      </c>
      <c r="Y24952" s="2">
        <v>49.1</v>
      </c>
      <c r="Z24952" s="2">
        <v>192.4</v>
      </c>
      <c r="AA24952" s="5">
        <v>12</v>
      </c>
      <c r="AB24952" s="5" t="s">
        <v>43</v>
      </c>
      <c r="AC24952" s="5" t="s">
        <v>735</v>
      </c>
      <c r="AD24952" s="2" t="s">
        <v>79741</v>
      </c>
      <c r="AE24952" s="1"/>
    </row>
    <row r="24953" spans="1:31" ht="14.45">
      <c r="A24953" s="11"/>
      <c r="B24953" s="20"/>
      <c r="C24953" s="2" t="s">
        <v>79748</v>
      </c>
      <c r="D24953" s="14" t="s">
        <v>79749</v>
      </c>
      <c r="E24953" s="2" t="s">
        <v>79750</v>
      </c>
      <c r="F24953" s="2" t="s">
        <v>79740</v>
      </c>
      <c r="G24953" s="8">
        <v>736</v>
      </c>
      <c r="H24953" s="5">
        <v>5</v>
      </c>
      <c r="I24953" s="5" t="s">
        <v>79637</v>
      </c>
      <c r="J24953" s="5" t="s">
        <v>79638</v>
      </c>
      <c r="K24953" s="2" t="s">
        <v>79639</v>
      </c>
      <c r="L24953" s="5" t="s">
        <v>79638</v>
      </c>
      <c r="M24953" s="2" t="s">
        <v>79639</v>
      </c>
      <c r="N24953" s="5" t="s">
        <v>79640</v>
      </c>
      <c r="O24953" s="5" t="s">
        <v>38</v>
      </c>
      <c r="P24953" s="5" t="s">
        <v>39</v>
      </c>
      <c r="Q24953" s="5" t="s">
        <v>40</v>
      </c>
      <c r="R24953" s="5" t="s">
        <v>24335</v>
      </c>
      <c r="S24953" s="5" t="s">
        <v>40</v>
      </c>
      <c r="T24953" s="5" t="s">
        <v>42</v>
      </c>
      <c r="U24953" s="2">
        <v>18.068000000000001</v>
      </c>
      <c r="V24953" s="2">
        <v>14.321</v>
      </c>
      <c r="W24953" s="2">
        <v>0.17100000000000001</v>
      </c>
      <c r="X24953" s="2">
        <v>18.100000000000001</v>
      </c>
      <c r="Y24953" s="2">
        <v>49.1</v>
      </c>
      <c r="Z24953" s="2">
        <v>192.4</v>
      </c>
      <c r="AA24953" s="5">
        <v>12</v>
      </c>
      <c r="AB24953" s="5" t="s">
        <v>43</v>
      </c>
      <c r="AC24953" s="5" t="s">
        <v>735</v>
      </c>
      <c r="AD24953" s="2" t="s">
        <v>79741</v>
      </c>
      <c r="AE24953" s="1"/>
    </row>
    <row r="24954" spans="1:31" ht="14.45">
      <c r="A24954" s="11"/>
      <c r="B24954" s="20"/>
      <c r="C24954" s="2" t="s">
        <v>79751</v>
      </c>
      <c r="D24954" s="14" t="s">
        <v>79752</v>
      </c>
      <c r="E24954" s="2" t="s">
        <v>79753</v>
      </c>
      <c r="F24954" s="2" t="s">
        <v>79740</v>
      </c>
      <c r="G24954" s="8">
        <v>764</v>
      </c>
      <c r="H24954" s="5">
        <v>5</v>
      </c>
      <c r="I24954" s="5" t="s">
        <v>79637</v>
      </c>
      <c r="J24954" s="5" t="s">
        <v>79638</v>
      </c>
      <c r="K24954" s="2" t="s">
        <v>79639</v>
      </c>
      <c r="L24954" s="5" t="s">
        <v>79638</v>
      </c>
      <c r="M24954" s="2" t="s">
        <v>79639</v>
      </c>
      <c r="N24954" s="5" t="s">
        <v>79640</v>
      </c>
      <c r="O24954" s="5" t="s">
        <v>38</v>
      </c>
      <c r="P24954" s="5" t="s">
        <v>39</v>
      </c>
      <c r="Q24954" s="5" t="s">
        <v>40</v>
      </c>
      <c r="R24954" s="5" t="s">
        <v>24335</v>
      </c>
      <c r="S24954" s="5" t="s">
        <v>40</v>
      </c>
      <c r="T24954" s="5" t="s">
        <v>42</v>
      </c>
      <c r="U24954" s="2">
        <v>18.283000000000001</v>
      </c>
      <c r="V24954" s="2">
        <v>14.536</v>
      </c>
      <c r="W24954" s="2">
        <v>0.17100000000000001</v>
      </c>
      <c r="X24954" s="2">
        <v>18.100000000000001</v>
      </c>
      <c r="Y24954" s="2">
        <v>49.1</v>
      </c>
      <c r="Z24954" s="2">
        <v>192.4</v>
      </c>
      <c r="AA24954" s="5">
        <v>12</v>
      </c>
      <c r="AB24954" s="5" t="s">
        <v>43</v>
      </c>
      <c r="AC24954" s="5" t="s">
        <v>735</v>
      </c>
      <c r="AD24954" s="2" t="s">
        <v>79741</v>
      </c>
      <c r="AE24954" s="1"/>
    </row>
    <row r="24955" spans="1:31" ht="14.45">
      <c r="A24955" s="11"/>
      <c r="B24955" s="20"/>
      <c r="C24955" s="2" t="s">
        <v>79754</v>
      </c>
      <c r="D24955" s="14" t="s">
        <v>79755</v>
      </c>
      <c r="E24955" s="2" t="s">
        <v>79756</v>
      </c>
      <c r="F24955" s="2" t="s">
        <v>79740</v>
      </c>
      <c r="G24955" s="8">
        <v>806</v>
      </c>
      <c r="H24955" s="5">
        <v>5</v>
      </c>
      <c r="I24955" s="5" t="s">
        <v>79637</v>
      </c>
      <c r="J24955" s="5" t="s">
        <v>79638</v>
      </c>
      <c r="K24955" s="2" t="s">
        <v>79639</v>
      </c>
      <c r="L24955" s="5" t="s">
        <v>79638</v>
      </c>
      <c r="M24955" s="2" t="s">
        <v>79639</v>
      </c>
      <c r="N24955" s="5" t="s">
        <v>79640</v>
      </c>
      <c r="O24955" s="5" t="s">
        <v>38</v>
      </c>
      <c r="P24955" s="5" t="s">
        <v>39</v>
      </c>
      <c r="Q24955" s="5" t="s">
        <v>40</v>
      </c>
      <c r="R24955" s="5" t="s">
        <v>24335</v>
      </c>
      <c r="S24955" s="5" t="s">
        <v>40</v>
      </c>
      <c r="T24955" s="5" t="s">
        <v>42</v>
      </c>
      <c r="U24955" s="2">
        <v>19.488</v>
      </c>
      <c r="V24955" s="2">
        <v>15.741</v>
      </c>
      <c r="W24955" s="2">
        <v>0.17100000000000001</v>
      </c>
      <c r="X24955" s="2">
        <v>18.100000000000001</v>
      </c>
      <c r="Y24955" s="2">
        <v>49.1</v>
      </c>
      <c r="Z24955" s="2">
        <v>192.4</v>
      </c>
      <c r="AA24955" s="5">
        <v>12</v>
      </c>
      <c r="AB24955" s="5" t="s">
        <v>43</v>
      </c>
      <c r="AC24955" s="5" t="s">
        <v>735</v>
      </c>
      <c r="AD24955" s="2" t="s">
        <v>79741</v>
      </c>
      <c r="AE24955" s="1"/>
    </row>
    <row r="24956" spans="1:31" ht="14.45">
      <c r="A24956" s="11"/>
      <c r="B24956" s="20"/>
      <c r="C24956" s="2" t="s">
        <v>79757</v>
      </c>
      <c r="D24956" s="14" t="s">
        <v>79758</v>
      </c>
      <c r="E24956" s="2" t="s">
        <v>79759</v>
      </c>
      <c r="F24956" s="2" t="s">
        <v>79740</v>
      </c>
      <c r="G24956" s="8">
        <v>834</v>
      </c>
      <c r="H24956" s="5">
        <v>5</v>
      </c>
      <c r="I24956" s="5" t="s">
        <v>79637</v>
      </c>
      <c r="J24956" s="5" t="s">
        <v>79638</v>
      </c>
      <c r="K24956" s="2" t="s">
        <v>79639</v>
      </c>
      <c r="L24956" s="5" t="s">
        <v>79638</v>
      </c>
      <c r="M24956" s="2" t="s">
        <v>79639</v>
      </c>
      <c r="N24956" s="5" t="s">
        <v>79640</v>
      </c>
      <c r="O24956" s="5" t="s">
        <v>38</v>
      </c>
      <c r="P24956" s="5" t="s">
        <v>39</v>
      </c>
      <c r="Q24956" s="5" t="s">
        <v>40</v>
      </c>
      <c r="R24956" s="5" t="s">
        <v>24335</v>
      </c>
      <c r="S24956" s="5" t="s">
        <v>40</v>
      </c>
      <c r="T24956" s="5" t="s">
        <v>42</v>
      </c>
      <c r="U24956" s="2">
        <v>19.919</v>
      </c>
      <c r="V24956" s="2">
        <v>16.172000000000001</v>
      </c>
      <c r="W24956" s="2">
        <v>0.17100000000000001</v>
      </c>
      <c r="X24956" s="2">
        <v>18.100000000000001</v>
      </c>
      <c r="Y24956" s="2">
        <v>49.1</v>
      </c>
      <c r="Z24956" s="2">
        <v>192.4</v>
      </c>
      <c r="AA24956" s="5">
        <v>12</v>
      </c>
      <c r="AB24956" s="5" t="s">
        <v>43</v>
      </c>
      <c r="AC24956" s="5" t="s">
        <v>735</v>
      </c>
      <c r="AD24956" s="2" t="s">
        <v>79741</v>
      </c>
      <c r="AE24956" s="1"/>
    </row>
    <row r="24957" spans="1:31" ht="14.45">
      <c r="A24957" s="11"/>
      <c r="B24957" s="20"/>
      <c r="C24957" s="2" t="s">
        <v>79760</v>
      </c>
      <c r="D24957" s="14" t="s">
        <v>79761</v>
      </c>
      <c r="E24957" s="2" t="s">
        <v>79762</v>
      </c>
      <c r="F24957" s="2" t="s">
        <v>79740</v>
      </c>
      <c r="G24957" s="8">
        <v>883</v>
      </c>
      <c r="H24957" s="5">
        <v>5</v>
      </c>
      <c r="I24957" s="5" t="s">
        <v>79637</v>
      </c>
      <c r="J24957" s="5" t="s">
        <v>79638</v>
      </c>
      <c r="K24957" s="2" t="s">
        <v>79639</v>
      </c>
      <c r="L24957" s="5" t="s">
        <v>79638</v>
      </c>
      <c r="M24957" s="2" t="s">
        <v>79639</v>
      </c>
      <c r="N24957" s="5" t="s">
        <v>79640</v>
      </c>
      <c r="O24957" s="5" t="s">
        <v>38</v>
      </c>
      <c r="P24957" s="5" t="s">
        <v>39</v>
      </c>
      <c r="Q24957" s="5" t="s">
        <v>40</v>
      </c>
      <c r="R24957" s="5" t="s">
        <v>24335</v>
      </c>
      <c r="S24957" s="5" t="s">
        <v>40</v>
      </c>
      <c r="T24957" s="5" t="s">
        <v>42</v>
      </c>
      <c r="U24957" s="2">
        <v>21.253</v>
      </c>
      <c r="V24957" s="2">
        <v>17.506</v>
      </c>
      <c r="W24957" s="2">
        <v>0.17100000000000001</v>
      </c>
      <c r="X24957" s="2">
        <v>18.100000000000001</v>
      </c>
      <c r="Y24957" s="2">
        <v>49.1</v>
      </c>
      <c r="Z24957" s="2">
        <v>192.4</v>
      </c>
      <c r="AA24957" s="5">
        <v>12</v>
      </c>
      <c r="AB24957" s="5" t="s">
        <v>43</v>
      </c>
      <c r="AC24957" s="5" t="s">
        <v>735</v>
      </c>
      <c r="AD24957" s="2" t="s">
        <v>79741</v>
      </c>
      <c r="AE24957" s="1"/>
    </row>
    <row r="24958" spans="1:31" ht="14.45">
      <c r="A24958" s="5" t="s">
        <v>116</v>
      </c>
      <c r="B24958" s="21">
        <v>46143</v>
      </c>
      <c r="C24958" s="2" t="s">
        <v>79763</v>
      </c>
      <c r="D24958" s="14" t="s">
        <v>79764</v>
      </c>
      <c r="E24958" s="2" t="s">
        <v>79765</v>
      </c>
      <c r="F24958" s="2" t="s">
        <v>130</v>
      </c>
      <c r="G24958" s="8">
        <v>429</v>
      </c>
      <c r="H24958" s="5">
        <v>5</v>
      </c>
      <c r="I24958" s="5" t="s">
        <v>79637</v>
      </c>
      <c r="J24958" s="5" t="s">
        <v>79638</v>
      </c>
      <c r="K24958" s="2" t="s">
        <v>79639</v>
      </c>
      <c r="L24958" s="5" t="s">
        <v>79638</v>
      </c>
      <c r="M24958" s="2" t="s">
        <v>79639</v>
      </c>
      <c r="N24958" s="5" t="s">
        <v>79640</v>
      </c>
      <c r="O24958" s="5" t="s">
        <v>38</v>
      </c>
      <c r="P24958" s="5" t="s">
        <v>39</v>
      </c>
      <c r="Q24958" s="5" t="s">
        <v>40</v>
      </c>
      <c r="R24958" s="5" t="s">
        <v>24335</v>
      </c>
      <c r="S24958" s="5" t="s">
        <v>40</v>
      </c>
      <c r="T24958" s="5" t="s">
        <v>42</v>
      </c>
      <c r="U24958" s="2">
        <v>7.7380000000000004</v>
      </c>
      <c r="V24958" s="2">
        <v>5.3650000000000002</v>
      </c>
      <c r="W24958" s="2">
        <v>0.09</v>
      </c>
      <c r="X24958" s="2">
        <v>43</v>
      </c>
      <c r="Y24958" s="2">
        <v>16.5</v>
      </c>
      <c r="Z24958" s="2">
        <v>126.8</v>
      </c>
      <c r="AA24958" s="5">
        <v>14</v>
      </c>
      <c r="AB24958" s="5" t="s">
        <v>43</v>
      </c>
      <c r="AC24958" s="5" t="s">
        <v>735</v>
      </c>
      <c r="AD24958" s="2" t="s">
        <v>79766</v>
      </c>
      <c r="AE24958" s="1"/>
    </row>
    <row r="24959" spans="1:31" ht="14.45">
      <c r="A24959" s="5"/>
      <c r="B24959" s="21"/>
      <c r="C24959" s="2" t="s">
        <v>79767</v>
      </c>
      <c r="D24959" s="14" t="s">
        <v>79768</v>
      </c>
      <c r="E24959" s="2" t="s">
        <v>79769</v>
      </c>
      <c r="F24959" s="2" t="s">
        <v>79740</v>
      </c>
      <c r="G24959" s="8">
        <v>429</v>
      </c>
      <c r="H24959" s="5">
        <v>5</v>
      </c>
      <c r="I24959" s="5" t="s">
        <v>79637</v>
      </c>
      <c r="J24959" s="5" t="s">
        <v>79638</v>
      </c>
      <c r="K24959" s="2" t="s">
        <v>79639</v>
      </c>
      <c r="L24959" s="5" t="s">
        <v>79638</v>
      </c>
      <c r="M24959" s="2" t="s">
        <v>79639</v>
      </c>
      <c r="N24959" s="5" t="s">
        <v>79640</v>
      </c>
      <c r="O24959" s="5" t="s">
        <v>38</v>
      </c>
      <c r="P24959" s="5" t="s">
        <v>39</v>
      </c>
      <c r="Q24959" s="5" t="s">
        <v>40</v>
      </c>
      <c r="R24959" s="5" t="s">
        <v>24335</v>
      </c>
      <c r="S24959" s="5" t="s">
        <v>40</v>
      </c>
      <c r="T24959" s="5" t="s">
        <v>42</v>
      </c>
      <c r="U24959" s="2">
        <v>9.5190000000000001</v>
      </c>
      <c r="V24959" s="2">
        <v>7.5380000000000003</v>
      </c>
      <c r="W24959" s="2">
        <v>0.10199999999999999</v>
      </c>
      <c r="X24959" s="2">
        <v>18.100000000000001</v>
      </c>
      <c r="Y24959" s="2">
        <v>49.1</v>
      </c>
      <c r="Z24959" s="2">
        <v>115</v>
      </c>
      <c r="AA24959" s="5">
        <v>12</v>
      </c>
      <c r="AB24959" s="5" t="s">
        <v>43</v>
      </c>
      <c r="AC24959" s="5" t="s">
        <v>735</v>
      </c>
      <c r="AD24959" s="2" t="s">
        <v>79770</v>
      </c>
      <c r="AE24959" s="1"/>
    </row>
    <row r="24960" spans="1:31" ht="14.45">
      <c r="A24960" s="5" t="s">
        <v>116</v>
      </c>
      <c r="B24960" s="21">
        <v>46143</v>
      </c>
      <c r="C24960" s="2" t="s">
        <v>79771</v>
      </c>
      <c r="D24960" s="14" t="s">
        <v>79772</v>
      </c>
      <c r="E24960" s="2" t="s">
        <v>79773</v>
      </c>
      <c r="F24960" s="2" t="s">
        <v>130</v>
      </c>
      <c r="G24960" s="8">
        <v>527</v>
      </c>
      <c r="H24960" s="5">
        <v>5</v>
      </c>
      <c r="I24960" s="5" t="s">
        <v>79637</v>
      </c>
      <c r="J24960" s="5" t="s">
        <v>79638</v>
      </c>
      <c r="K24960" s="2" t="s">
        <v>79639</v>
      </c>
      <c r="L24960" s="5" t="s">
        <v>79638</v>
      </c>
      <c r="M24960" s="2" t="s">
        <v>79639</v>
      </c>
      <c r="N24960" s="5" t="s">
        <v>79640</v>
      </c>
      <c r="O24960" s="5" t="s">
        <v>38</v>
      </c>
      <c r="P24960" s="5" t="s">
        <v>39</v>
      </c>
      <c r="Q24960" s="5" t="s">
        <v>40</v>
      </c>
      <c r="R24960" s="5" t="s">
        <v>24335</v>
      </c>
      <c r="S24960" s="5" t="s">
        <v>40</v>
      </c>
      <c r="T24960" s="5" t="s">
        <v>42</v>
      </c>
      <c r="U24960" s="2">
        <v>8.84</v>
      </c>
      <c r="V24960" s="2">
        <v>6.4669999999999996</v>
      </c>
      <c r="W24960" s="2">
        <v>0.09</v>
      </c>
      <c r="X24960" s="2">
        <v>43</v>
      </c>
      <c r="Y24960" s="2">
        <v>16.5</v>
      </c>
      <c r="Z24960" s="2">
        <v>126.8</v>
      </c>
      <c r="AA24960" s="5">
        <v>14</v>
      </c>
      <c r="AB24960" s="5" t="s">
        <v>43</v>
      </c>
      <c r="AC24960" s="5" t="s">
        <v>735</v>
      </c>
      <c r="AD24960" s="2" t="s">
        <v>79774</v>
      </c>
      <c r="AE24960" s="1"/>
    </row>
    <row r="24961" spans="1:31" ht="14.45">
      <c r="A24961" s="5"/>
      <c r="B24961" s="21"/>
      <c r="C24961" s="2" t="s">
        <v>79775</v>
      </c>
      <c r="D24961" s="14" t="s">
        <v>79776</v>
      </c>
      <c r="E24961" s="2" t="s">
        <v>79777</v>
      </c>
      <c r="F24961" s="2" t="s">
        <v>79778</v>
      </c>
      <c r="G24961" s="8">
        <v>527</v>
      </c>
      <c r="H24961" s="5">
        <v>5</v>
      </c>
      <c r="I24961" s="5" t="s">
        <v>79637</v>
      </c>
      <c r="J24961" s="5" t="s">
        <v>79638</v>
      </c>
      <c r="K24961" s="2" t="s">
        <v>79639</v>
      </c>
      <c r="L24961" s="5" t="s">
        <v>79638</v>
      </c>
      <c r="M24961" s="2" t="s">
        <v>79639</v>
      </c>
      <c r="N24961" s="5" t="s">
        <v>79640</v>
      </c>
      <c r="O24961" s="5" t="s">
        <v>38</v>
      </c>
      <c r="P24961" s="5" t="s">
        <v>39</v>
      </c>
      <c r="Q24961" s="5" t="s">
        <v>40</v>
      </c>
      <c r="R24961" s="5" t="s">
        <v>24335</v>
      </c>
      <c r="S24961" s="5" t="s">
        <v>40</v>
      </c>
      <c r="T24961" s="5" t="s">
        <v>42</v>
      </c>
      <c r="U24961" s="2">
        <v>10.618</v>
      </c>
      <c r="V24961" s="2">
        <v>8.6370000000000005</v>
      </c>
      <c r="W24961" s="2">
        <v>0.10199999999999999</v>
      </c>
      <c r="X24961" s="2">
        <v>18.100000000000001</v>
      </c>
      <c r="Y24961" s="2">
        <v>49.1</v>
      </c>
      <c r="Z24961" s="2">
        <v>115</v>
      </c>
      <c r="AA24961" s="5">
        <v>12</v>
      </c>
      <c r="AB24961" s="5" t="s">
        <v>43</v>
      </c>
      <c r="AC24961" s="5" t="s">
        <v>735</v>
      </c>
      <c r="AD24961" s="2" t="s">
        <v>79779</v>
      </c>
      <c r="AE24961" s="1"/>
    </row>
    <row r="24962" spans="1:31" ht="14.45">
      <c r="A24962" s="5"/>
      <c r="B24962" s="21"/>
      <c r="C24962" s="2" t="s">
        <v>79780</v>
      </c>
      <c r="D24962" s="14" t="s">
        <v>79781</v>
      </c>
      <c r="E24962" s="2" t="s">
        <v>79782</v>
      </c>
      <c r="F24962" s="2" t="s">
        <v>79783</v>
      </c>
      <c r="G24962" s="8">
        <v>475</v>
      </c>
      <c r="H24962" s="5">
        <v>10</v>
      </c>
      <c r="I24962" s="5" t="s">
        <v>79637</v>
      </c>
      <c r="J24962" s="5" t="s">
        <v>79638</v>
      </c>
      <c r="K24962" s="2" t="s">
        <v>79639</v>
      </c>
      <c r="L24962" s="5" t="s">
        <v>79638</v>
      </c>
      <c r="M24962" s="2" t="s">
        <v>79639</v>
      </c>
      <c r="N24962" s="5" t="s">
        <v>79640</v>
      </c>
      <c r="O24962" s="5" t="s">
        <v>38</v>
      </c>
      <c r="P24962" s="5" t="s">
        <v>39</v>
      </c>
      <c r="Q24962" s="5" t="s">
        <v>40</v>
      </c>
      <c r="R24962" s="5" t="s">
        <v>24335</v>
      </c>
      <c r="S24962" s="5" t="s">
        <v>40</v>
      </c>
      <c r="T24962" s="5" t="s">
        <v>42</v>
      </c>
      <c r="U24962" s="2">
        <v>9.5340000000000007</v>
      </c>
      <c r="V24962" s="2">
        <v>7.5529999999999999</v>
      </c>
      <c r="W24962" s="2">
        <v>0.10199999999999999</v>
      </c>
      <c r="X24962" s="2">
        <v>18.100000000000001</v>
      </c>
      <c r="Y24962" s="2">
        <v>49.1</v>
      </c>
      <c r="Z24962" s="2">
        <v>115</v>
      </c>
      <c r="AA24962" s="5">
        <v>12</v>
      </c>
      <c r="AB24962" s="5" t="s">
        <v>43</v>
      </c>
      <c r="AC24962" s="5" t="s">
        <v>735</v>
      </c>
      <c r="AD24962" s="2" t="s">
        <v>79784</v>
      </c>
      <c r="AE24962" s="1"/>
    </row>
    <row r="24963" spans="1:31" ht="14.45">
      <c r="A24963" s="5" t="s">
        <v>116</v>
      </c>
      <c r="B24963" s="21">
        <v>46143</v>
      </c>
      <c r="C24963" s="2" t="s">
        <v>79785</v>
      </c>
      <c r="D24963" s="14" t="s">
        <v>79786</v>
      </c>
      <c r="E24963" s="2" t="s">
        <v>79787</v>
      </c>
      <c r="F24963" s="2" t="s">
        <v>130</v>
      </c>
      <c r="G24963" s="8">
        <v>450</v>
      </c>
      <c r="H24963" s="5">
        <v>5</v>
      </c>
      <c r="I24963" s="5" t="s">
        <v>79637</v>
      </c>
      <c r="J24963" s="5" t="s">
        <v>79638</v>
      </c>
      <c r="K24963" s="2" t="s">
        <v>79639</v>
      </c>
      <c r="L24963" s="5" t="s">
        <v>79638</v>
      </c>
      <c r="M24963" s="2" t="s">
        <v>79639</v>
      </c>
      <c r="N24963" s="5" t="s">
        <v>79640</v>
      </c>
      <c r="O24963" s="5" t="s">
        <v>38</v>
      </c>
      <c r="P24963" s="5" t="s">
        <v>39</v>
      </c>
      <c r="Q24963" s="5" t="s">
        <v>40</v>
      </c>
      <c r="R24963" s="5" t="s">
        <v>24335</v>
      </c>
      <c r="S24963" s="5" t="s">
        <v>40</v>
      </c>
      <c r="T24963" s="5" t="s">
        <v>42</v>
      </c>
      <c r="U24963" s="2">
        <v>8.4120000000000008</v>
      </c>
      <c r="V24963" s="2">
        <v>6.0389999999999997</v>
      </c>
      <c r="W24963" s="2">
        <v>0.09</v>
      </c>
      <c r="X24963" s="2">
        <v>43</v>
      </c>
      <c r="Y24963" s="2">
        <v>16.5</v>
      </c>
      <c r="Z24963" s="2">
        <v>126.8</v>
      </c>
      <c r="AA24963" s="5">
        <v>14</v>
      </c>
      <c r="AB24963" s="5" t="s">
        <v>43</v>
      </c>
      <c r="AC24963" s="5" t="s">
        <v>735</v>
      </c>
      <c r="AD24963" s="2" t="s">
        <v>79766</v>
      </c>
      <c r="AE24963" s="1"/>
    </row>
    <row r="24964" spans="1:31" ht="14.45">
      <c r="A24964" s="5"/>
      <c r="B24964" s="21"/>
      <c r="C24964" s="2" t="s">
        <v>79788</v>
      </c>
      <c r="D24964" s="14" t="s">
        <v>79789</v>
      </c>
      <c r="E24964" s="2" t="s">
        <v>79790</v>
      </c>
      <c r="F24964" s="2" t="s">
        <v>79740</v>
      </c>
      <c r="G24964" s="8">
        <v>450</v>
      </c>
      <c r="H24964" s="5">
        <v>5</v>
      </c>
      <c r="I24964" s="5" t="s">
        <v>79637</v>
      </c>
      <c r="J24964" s="5" t="s">
        <v>79638</v>
      </c>
      <c r="K24964" s="2" t="s">
        <v>79639</v>
      </c>
      <c r="L24964" s="5" t="s">
        <v>79638</v>
      </c>
      <c r="M24964" s="2" t="s">
        <v>79639</v>
      </c>
      <c r="N24964" s="5" t="s">
        <v>79640</v>
      </c>
      <c r="O24964" s="5" t="s">
        <v>38</v>
      </c>
      <c r="P24964" s="5" t="s">
        <v>39</v>
      </c>
      <c r="Q24964" s="5" t="s">
        <v>40</v>
      </c>
      <c r="R24964" s="5" t="s">
        <v>24335</v>
      </c>
      <c r="S24964" s="5" t="s">
        <v>40</v>
      </c>
      <c r="T24964" s="5" t="s">
        <v>42</v>
      </c>
      <c r="U24964" s="2">
        <v>10.367000000000001</v>
      </c>
      <c r="V24964" s="2">
        <v>8.3800000000000008</v>
      </c>
      <c r="W24964" s="2">
        <v>0.10199999999999999</v>
      </c>
      <c r="X24964" s="2">
        <v>18.100000000000001</v>
      </c>
      <c r="Y24964" s="2">
        <v>49.1</v>
      </c>
      <c r="Z24964" s="2">
        <v>115</v>
      </c>
      <c r="AA24964" s="5">
        <v>12</v>
      </c>
      <c r="AB24964" s="5" t="s">
        <v>43</v>
      </c>
      <c r="AC24964" s="5" t="s">
        <v>735</v>
      </c>
      <c r="AD24964" s="2" t="s">
        <v>79770</v>
      </c>
      <c r="AE24964" s="1"/>
    </row>
    <row r="24965" spans="1:31" ht="14.45">
      <c r="A24965" s="5" t="s">
        <v>116</v>
      </c>
      <c r="B24965" s="21">
        <v>46143</v>
      </c>
      <c r="C24965" s="2" t="s">
        <v>79791</v>
      </c>
      <c r="D24965" s="14" t="s">
        <v>79792</v>
      </c>
      <c r="E24965" s="2" t="s">
        <v>79793</v>
      </c>
      <c r="F24965" s="2" t="s">
        <v>130</v>
      </c>
      <c r="G24965" s="8">
        <v>553</v>
      </c>
      <c r="H24965" s="5">
        <v>5</v>
      </c>
      <c r="I24965" s="5" t="s">
        <v>79637</v>
      </c>
      <c r="J24965" s="5" t="s">
        <v>79638</v>
      </c>
      <c r="K24965" s="2" t="s">
        <v>79639</v>
      </c>
      <c r="L24965" s="5" t="s">
        <v>79638</v>
      </c>
      <c r="M24965" s="2" t="s">
        <v>79639</v>
      </c>
      <c r="N24965" s="5" t="s">
        <v>79640</v>
      </c>
      <c r="O24965" s="5" t="s">
        <v>38</v>
      </c>
      <c r="P24965" s="5" t="s">
        <v>39</v>
      </c>
      <c r="Q24965" s="5" t="s">
        <v>40</v>
      </c>
      <c r="R24965" s="5" t="s">
        <v>24335</v>
      </c>
      <c r="S24965" s="5" t="s">
        <v>40</v>
      </c>
      <c r="T24965" s="5" t="s">
        <v>42</v>
      </c>
      <c r="U24965" s="2">
        <v>9.7349999999999994</v>
      </c>
      <c r="V24965" s="2">
        <v>7.3620000000000001</v>
      </c>
      <c r="W24965" s="2">
        <v>0.09</v>
      </c>
      <c r="X24965" s="2">
        <v>43</v>
      </c>
      <c r="Y24965" s="2">
        <v>16.5</v>
      </c>
      <c r="Z24965" s="2">
        <v>126.8</v>
      </c>
      <c r="AA24965" s="5">
        <v>14</v>
      </c>
      <c r="AB24965" s="5" t="s">
        <v>43</v>
      </c>
      <c r="AC24965" s="5" t="s">
        <v>735</v>
      </c>
      <c r="AD24965" s="2" t="s">
        <v>79774</v>
      </c>
      <c r="AE24965" s="1"/>
    </row>
    <row r="24966" spans="1:31" ht="14.45">
      <c r="A24966" s="5"/>
      <c r="B24966" s="21"/>
      <c r="C24966" s="2" t="s">
        <v>79794</v>
      </c>
      <c r="D24966" s="14" t="s">
        <v>79795</v>
      </c>
      <c r="E24966" s="2" t="s">
        <v>79796</v>
      </c>
      <c r="F24966" s="2" t="s">
        <v>79778</v>
      </c>
      <c r="G24966" s="8">
        <v>553</v>
      </c>
      <c r="H24966" s="5">
        <v>5</v>
      </c>
      <c r="I24966" s="5" t="s">
        <v>79637</v>
      </c>
      <c r="J24966" s="5" t="s">
        <v>79638</v>
      </c>
      <c r="K24966" s="2" t="s">
        <v>79639</v>
      </c>
      <c r="L24966" s="5" t="s">
        <v>79638</v>
      </c>
      <c r="M24966" s="2" t="s">
        <v>79639</v>
      </c>
      <c r="N24966" s="5" t="s">
        <v>79640</v>
      </c>
      <c r="O24966" s="5" t="s">
        <v>38</v>
      </c>
      <c r="P24966" s="5" t="s">
        <v>39</v>
      </c>
      <c r="Q24966" s="5" t="s">
        <v>40</v>
      </c>
      <c r="R24966" s="5" t="s">
        <v>24335</v>
      </c>
      <c r="S24966" s="5" t="s">
        <v>40</v>
      </c>
      <c r="T24966" s="5" t="s">
        <v>42</v>
      </c>
      <c r="U24966" s="2">
        <v>11.68</v>
      </c>
      <c r="V24966" s="2">
        <v>9.6929999999999996</v>
      </c>
      <c r="W24966" s="2">
        <v>0.10199999999999999</v>
      </c>
      <c r="X24966" s="2">
        <v>18.100000000000001</v>
      </c>
      <c r="Y24966" s="2">
        <v>49.1</v>
      </c>
      <c r="Z24966" s="2">
        <v>115</v>
      </c>
      <c r="AA24966" s="5">
        <v>12</v>
      </c>
      <c r="AB24966" s="5" t="s">
        <v>43</v>
      </c>
      <c r="AC24966" s="5" t="s">
        <v>735</v>
      </c>
      <c r="AD24966" s="2" t="s">
        <v>79779</v>
      </c>
      <c r="AE24966" s="1"/>
    </row>
    <row r="24967" spans="1:31" ht="14.45">
      <c r="A24967" s="5"/>
      <c r="B24967" s="21"/>
      <c r="C24967" s="2" t="s">
        <v>79797</v>
      </c>
      <c r="D24967" s="14" t="s">
        <v>79798</v>
      </c>
      <c r="E24967" s="2" t="s">
        <v>79799</v>
      </c>
      <c r="F24967" s="2" t="s">
        <v>79783</v>
      </c>
      <c r="G24967" s="8">
        <v>496</v>
      </c>
      <c r="H24967" s="5">
        <v>10</v>
      </c>
      <c r="I24967" s="5" t="s">
        <v>79637</v>
      </c>
      <c r="J24967" s="5" t="s">
        <v>79638</v>
      </c>
      <c r="K24967" s="2" t="s">
        <v>79639</v>
      </c>
      <c r="L24967" s="5" t="s">
        <v>79638</v>
      </c>
      <c r="M24967" s="2" t="s">
        <v>79639</v>
      </c>
      <c r="N24967" s="5" t="s">
        <v>79640</v>
      </c>
      <c r="O24967" s="5" t="s">
        <v>38</v>
      </c>
      <c r="P24967" s="5" t="s">
        <v>39</v>
      </c>
      <c r="Q24967" s="5" t="s">
        <v>40</v>
      </c>
      <c r="R24967" s="5" t="s">
        <v>24335</v>
      </c>
      <c r="S24967" s="5" t="s">
        <v>40</v>
      </c>
      <c r="T24967" s="5" t="s">
        <v>42</v>
      </c>
      <c r="U24967" s="2">
        <v>10.388999999999999</v>
      </c>
      <c r="V24967" s="2">
        <v>8.4019999999999992</v>
      </c>
      <c r="W24967" s="2">
        <v>0.10199999999999999</v>
      </c>
      <c r="X24967" s="2">
        <v>18.100000000000001</v>
      </c>
      <c r="Y24967" s="2">
        <v>49.1</v>
      </c>
      <c r="Z24967" s="2">
        <v>115</v>
      </c>
      <c r="AA24967" s="5">
        <v>12</v>
      </c>
      <c r="AB24967" s="5" t="s">
        <v>43</v>
      </c>
      <c r="AC24967" s="5" t="s">
        <v>735</v>
      </c>
      <c r="AD24967" s="2" t="s">
        <v>79784</v>
      </c>
      <c r="AE24967" s="1"/>
    </row>
    <row r="24968" spans="1:31" ht="14.45">
      <c r="A24968" s="5" t="s">
        <v>116</v>
      </c>
      <c r="B24968" s="21">
        <v>46143</v>
      </c>
      <c r="C24968" s="2" t="s">
        <v>79800</v>
      </c>
      <c r="D24968" s="14" t="s">
        <v>79801</v>
      </c>
      <c r="E24968" s="2" t="s">
        <v>79802</v>
      </c>
      <c r="F24968" s="2" t="s">
        <v>130</v>
      </c>
      <c r="G24968" s="8">
        <v>465</v>
      </c>
      <c r="H24968" s="5">
        <v>5</v>
      </c>
      <c r="I24968" s="5" t="s">
        <v>79637</v>
      </c>
      <c r="J24968" s="5" t="s">
        <v>79638</v>
      </c>
      <c r="K24968" s="2" t="s">
        <v>79639</v>
      </c>
      <c r="L24968" s="5" t="s">
        <v>79638</v>
      </c>
      <c r="M24968" s="2" t="s">
        <v>79639</v>
      </c>
      <c r="N24968" s="5" t="s">
        <v>79640</v>
      </c>
      <c r="O24968" s="5" t="s">
        <v>38</v>
      </c>
      <c r="P24968" s="5" t="s">
        <v>39</v>
      </c>
      <c r="Q24968" s="5" t="s">
        <v>40</v>
      </c>
      <c r="R24968" s="5" t="s">
        <v>24335</v>
      </c>
      <c r="S24968" s="5" t="s">
        <v>40</v>
      </c>
      <c r="T24968" s="5" t="s">
        <v>42</v>
      </c>
      <c r="U24968" s="2">
        <v>9.2949999999999999</v>
      </c>
      <c r="V24968" s="2">
        <v>6.7679999999999998</v>
      </c>
      <c r="W24968" s="2">
        <v>0.10100000000000001</v>
      </c>
      <c r="X24968" s="2">
        <v>43</v>
      </c>
      <c r="Y24968" s="2">
        <v>16.5</v>
      </c>
      <c r="Z24968" s="2">
        <v>143</v>
      </c>
      <c r="AA24968" s="5">
        <v>14</v>
      </c>
      <c r="AB24968" s="5" t="s">
        <v>43</v>
      </c>
      <c r="AC24968" s="5" t="s">
        <v>735</v>
      </c>
      <c r="AD24968" s="2" t="s">
        <v>79766</v>
      </c>
      <c r="AE24968" s="1"/>
    </row>
    <row r="24969" spans="1:31" ht="14.45">
      <c r="A24969" s="5"/>
      <c r="B24969" s="21"/>
      <c r="C24969" s="2" t="s">
        <v>79803</v>
      </c>
      <c r="D24969" s="14" t="s">
        <v>79804</v>
      </c>
      <c r="E24969" s="2" t="s">
        <v>79805</v>
      </c>
      <c r="F24969" s="2" t="s">
        <v>79740</v>
      </c>
      <c r="G24969" s="8">
        <v>465</v>
      </c>
      <c r="H24969" s="5">
        <v>5</v>
      </c>
      <c r="I24969" s="5" t="s">
        <v>79637</v>
      </c>
      <c r="J24969" s="5" t="s">
        <v>79638</v>
      </c>
      <c r="K24969" s="2" t="s">
        <v>79639</v>
      </c>
      <c r="L24969" s="5" t="s">
        <v>79638</v>
      </c>
      <c r="M24969" s="2" t="s">
        <v>79639</v>
      </c>
      <c r="N24969" s="5" t="s">
        <v>79640</v>
      </c>
      <c r="O24969" s="5" t="s">
        <v>38</v>
      </c>
      <c r="P24969" s="5" t="s">
        <v>39</v>
      </c>
      <c r="Q24969" s="5" t="s">
        <v>40</v>
      </c>
      <c r="R24969" s="5" t="s">
        <v>24335</v>
      </c>
      <c r="S24969" s="5" t="s">
        <v>40</v>
      </c>
      <c r="T24969" s="5" t="s">
        <v>42</v>
      </c>
      <c r="U24969" s="2">
        <v>11.433999999999999</v>
      </c>
      <c r="V24969" s="2">
        <v>9.2850000000000001</v>
      </c>
      <c r="W24969" s="2">
        <v>0.11899999999999999</v>
      </c>
      <c r="X24969" s="2">
        <v>18.100000000000001</v>
      </c>
      <c r="Y24969" s="2">
        <v>49.1</v>
      </c>
      <c r="Z24969" s="2">
        <v>134.19999999999999</v>
      </c>
      <c r="AA24969" s="5">
        <v>12</v>
      </c>
      <c r="AB24969" s="5" t="s">
        <v>43</v>
      </c>
      <c r="AC24969" s="5" t="s">
        <v>735</v>
      </c>
      <c r="AD24969" s="2" t="s">
        <v>79770</v>
      </c>
      <c r="AE24969" s="1"/>
    </row>
    <row r="24970" spans="1:31" ht="14.45">
      <c r="A24970" s="5" t="s">
        <v>116</v>
      </c>
      <c r="B24970" s="21">
        <v>46143</v>
      </c>
      <c r="C24970" s="2" t="s">
        <v>79806</v>
      </c>
      <c r="D24970" s="14" t="s">
        <v>79807</v>
      </c>
      <c r="E24970" s="2" t="s">
        <v>79808</v>
      </c>
      <c r="F24970" s="2" t="s">
        <v>130</v>
      </c>
      <c r="G24970" s="8">
        <v>573</v>
      </c>
      <c r="H24970" s="5">
        <v>5</v>
      </c>
      <c r="I24970" s="5" t="s">
        <v>79637</v>
      </c>
      <c r="J24970" s="5" t="s">
        <v>79638</v>
      </c>
      <c r="K24970" s="2" t="s">
        <v>79639</v>
      </c>
      <c r="L24970" s="5" t="s">
        <v>79638</v>
      </c>
      <c r="M24970" s="2" t="s">
        <v>79639</v>
      </c>
      <c r="N24970" s="5" t="s">
        <v>79640</v>
      </c>
      <c r="O24970" s="5" t="s">
        <v>38</v>
      </c>
      <c r="P24970" s="5" t="s">
        <v>39</v>
      </c>
      <c r="Q24970" s="5" t="s">
        <v>40</v>
      </c>
      <c r="R24970" s="5" t="s">
        <v>24335</v>
      </c>
      <c r="S24970" s="5" t="s">
        <v>40</v>
      </c>
      <c r="T24970" s="5" t="s">
        <v>42</v>
      </c>
      <c r="U24970" s="2">
        <v>10.839</v>
      </c>
      <c r="V24970" s="2">
        <v>8.3119999999999994</v>
      </c>
      <c r="W24970" s="2">
        <v>0.10100000000000001</v>
      </c>
      <c r="X24970" s="2">
        <v>43</v>
      </c>
      <c r="Y24970" s="2">
        <v>16.5</v>
      </c>
      <c r="Z24970" s="2">
        <v>143</v>
      </c>
      <c r="AA24970" s="5">
        <v>14</v>
      </c>
      <c r="AB24970" s="5" t="s">
        <v>43</v>
      </c>
      <c r="AC24970" s="5" t="s">
        <v>735</v>
      </c>
      <c r="AD24970" s="2" t="s">
        <v>79774</v>
      </c>
      <c r="AE24970" s="1"/>
    </row>
    <row r="24971" spans="1:31" ht="14.45">
      <c r="A24971" s="5"/>
      <c r="B24971" s="21"/>
      <c r="C24971" s="2" t="s">
        <v>79809</v>
      </c>
      <c r="D24971" s="14" t="s">
        <v>79810</v>
      </c>
      <c r="E24971" s="2" t="s">
        <v>79811</v>
      </c>
      <c r="F24971" s="2" t="s">
        <v>79778</v>
      </c>
      <c r="G24971" s="8">
        <v>573</v>
      </c>
      <c r="H24971" s="5">
        <v>5</v>
      </c>
      <c r="I24971" s="5" t="s">
        <v>79637</v>
      </c>
      <c r="J24971" s="5" t="s">
        <v>79638</v>
      </c>
      <c r="K24971" s="2" t="s">
        <v>79639</v>
      </c>
      <c r="L24971" s="5" t="s">
        <v>79638</v>
      </c>
      <c r="M24971" s="2" t="s">
        <v>79639</v>
      </c>
      <c r="N24971" s="5" t="s">
        <v>79640</v>
      </c>
      <c r="O24971" s="5" t="s">
        <v>38</v>
      </c>
      <c r="P24971" s="5" t="s">
        <v>39</v>
      </c>
      <c r="Q24971" s="5" t="s">
        <v>40</v>
      </c>
      <c r="R24971" s="5" t="s">
        <v>24335</v>
      </c>
      <c r="S24971" s="5" t="s">
        <v>40</v>
      </c>
      <c r="T24971" s="5" t="s">
        <v>42</v>
      </c>
      <c r="U24971" s="2">
        <v>12.961</v>
      </c>
      <c r="V24971" s="2">
        <v>10.811999999999999</v>
      </c>
      <c r="W24971" s="2">
        <v>0.11899999999999999</v>
      </c>
      <c r="X24971" s="2">
        <v>18.100000000000001</v>
      </c>
      <c r="Y24971" s="2">
        <v>49.1</v>
      </c>
      <c r="Z24971" s="2">
        <v>134.19999999999999</v>
      </c>
      <c r="AA24971" s="5">
        <v>12</v>
      </c>
      <c r="AB24971" s="5" t="s">
        <v>43</v>
      </c>
      <c r="AC24971" s="5" t="s">
        <v>735</v>
      </c>
      <c r="AD24971" s="2" t="s">
        <v>79779</v>
      </c>
      <c r="AE24971" s="1"/>
    </row>
    <row r="24972" spans="1:31" ht="14.45">
      <c r="A24972" s="5"/>
      <c r="B24972" s="21"/>
      <c r="C24972" s="2" t="s">
        <v>79812</v>
      </c>
      <c r="D24972" s="14" t="s">
        <v>79813</v>
      </c>
      <c r="E24972" s="2" t="s">
        <v>79814</v>
      </c>
      <c r="F24972" s="2" t="s">
        <v>79783</v>
      </c>
      <c r="G24972" s="8">
        <v>511</v>
      </c>
      <c r="H24972" s="5">
        <v>10</v>
      </c>
      <c r="I24972" s="5" t="s">
        <v>79637</v>
      </c>
      <c r="J24972" s="5" t="s">
        <v>79638</v>
      </c>
      <c r="K24972" s="2" t="s">
        <v>79639</v>
      </c>
      <c r="L24972" s="5" t="s">
        <v>79638</v>
      </c>
      <c r="M24972" s="2" t="s">
        <v>79639</v>
      </c>
      <c r="N24972" s="5" t="s">
        <v>79640</v>
      </c>
      <c r="O24972" s="5" t="s">
        <v>38</v>
      </c>
      <c r="P24972" s="5" t="s">
        <v>39</v>
      </c>
      <c r="Q24972" s="5" t="s">
        <v>40</v>
      </c>
      <c r="R24972" s="5" t="s">
        <v>24335</v>
      </c>
      <c r="S24972" s="5" t="s">
        <v>40</v>
      </c>
      <c r="T24972" s="5" t="s">
        <v>42</v>
      </c>
      <c r="U24972" s="2">
        <v>11.461</v>
      </c>
      <c r="V24972" s="2">
        <v>9.3119999999999994</v>
      </c>
      <c r="W24972" s="2">
        <v>0.11899999999999999</v>
      </c>
      <c r="X24972" s="2">
        <v>18.100000000000001</v>
      </c>
      <c r="Y24972" s="2">
        <v>49.1</v>
      </c>
      <c r="Z24972" s="2">
        <v>134.19999999999999</v>
      </c>
      <c r="AA24972" s="5">
        <v>12</v>
      </c>
      <c r="AB24972" s="5" t="s">
        <v>43</v>
      </c>
      <c r="AC24972" s="5" t="s">
        <v>735</v>
      </c>
      <c r="AD24972" s="2" t="s">
        <v>79784</v>
      </c>
      <c r="AE24972" s="1"/>
    </row>
    <row r="24973" spans="1:31" ht="14.45">
      <c r="A24973" s="5" t="s">
        <v>116</v>
      </c>
      <c r="B24973" s="21">
        <v>46143</v>
      </c>
      <c r="C24973" s="2" t="s">
        <v>79815</v>
      </c>
      <c r="D24973" s="14" t="s">
        <v>79816</v>
      </c>
      <c r="E24973" s="2" t="s">
        <v>79817</v>
      </c>
      <c r="F24973" s="2" t="s">
        <v>130</v>
      </c>
      <c r="G24973" s="8">
        <v>476</v>
      </c>
      <c r="H24973" s="5">
        <v>5</v>
      </c>
      <c r="I24973" s="5" t="s">
        <v>79637</v>
      </c>
      <c r="J24973" s="5" t="s">
        <v>79638</v>
      </c>
      <c r="K24973" s="2" t="s">
        <v>79639</v>
      </c>
      <c r="L24973" s="5" t="s">
        <v>79638</v>
      </c>
      <c r="M24973" s="2" t="s">
        <v>79639</v>
      </c>
      <c r="N24973" s="5" t="s">
        <v>79640</v>
      </c>
      <c r="O24973" s="5" t="s">
        <v>38</v>
      </c>
      <c r="P24973" s="5" t="s">
        <v>39</v>
      </c>
      <c r="Q24973" s="5" t="s">
        <v>40</v>
      </c>
      <c r="R24973" s="5" t="s">
        <v>24335</v>
      </c>
      <c r="S24973" s="5" t="s">
        <v>40</v>
      </c>
      <c r="T24973" s="5" t="s">
        <v>42</v>
      </c>
      <c r="U24973" s="2">
        <v>8.9540000000000006</v>
      </c>
      <c r="V24973" s="2">
        <v>6.5810000000000004</v>
      </c>
      <c r="W24973" s="2">
        <v>0.09</v>
      </c>
      <c r="X24973" s="2">
        <v>43</v>
      </c>
      <c r="Y24973" s="2">
        <v>16.5</v>
      </c>
      <c r="Z24973" s="2">
        <v>126.8</v>
      </c>
      <c r="AA24973" s="5">
        <v>14</v>
      </c>
      <c r="AB24973" s="5" t="s">
        <v>43</v>
      </c>
      <c r="AC24973" s="5" t="s">
        <v>735</v>
      </c>
      <c r="AD24973" s="2" t="s">
        <v>79766</v>
      </c>
      <c r="AE24973" s="1"/>
    </row>
    <row r="24974" spans="1:31" ht="14.45">
      <c r="A24974" s="5"/>
      <c r="B24974" s="21"/>
      <c r="C24974" s="2" t="s">
        <v>79818</v>
      </c>
      <c r="D24974" s="14" t="s">
        <v>79819</v>
      </c>
      <c r="E24974" s="2" t="s">
        <v>79820</v>
      </c>
      <c r="F24974" s="2" t="s">
        <v>79740</v>
      </c>
      <c r="G24974" s="8">
        <v>476</v>
      </c>
      <c r="H24974" s="5">
        <v>5</v>
      </c>
      <c r="I24974" s="5" t="s">
        <v>79637</v>
      </c>
      <c r="J24974" s="5" t="s">
        <v>79638</v>
      </c>
      <c r="K24974" s="2" t="s">
        <v>79639</v>
      </c>
      <c r="L24974" s="5" t="s">
        <v>79638</v>
      </c>
      <c r="M24974" s="2" t="s">
        <v>79639</v>
      </c>
      <c r="N24974" s="5" t="s">
        <v>79640</v>
      </c>
      <c r="O24974" s="5" t="s">
        <v>38</v>
      </c>
      <c r="P24974" s="5" t="s">
        <v>39</v>
      </c>
      <c r="Q24974" s="5" t="s">
        <v>40</v>
      </c>
      <c r="R24974" s="5" t="s">
        <v>24335</v>
      </c>
      <c r="S24974" s="5" t="s">
        <v>40</v>
      </c>
      <c r="T24974" s="5" t="s">
        <v>42</v>
      </c>
      <c r="U24974" s="2">
        <v>11.106999999999999</v>
      </c>
      <c r="V24974" s="2">
        <v>9.1069999999999993</v>
      </c>
      <c r="W24974" s="2">
        <v>0.10199999999999999</v>
      </c>
      <c r="X24974" s="2">
        <v>18.100000000000001</v>
      </c>
      <c r="Y24974" s="2">
        <v>49.1</v>
      </c>
      <c r="Z24974" s="2">
        <v>115</v>
      </c>
      <c r="AA24974" s="5">
        <v>12</v>
      </c>
      <c r="AB24974" s="5" t="s">
        <v>43</v>
      </c>
      <c r="AC24974" s="5" t="s">
        <v>735</v>
      </c>
      <c r="AD24974" s="2" t="s">
        <v>79770</v>
      </c>
      <c r="AE24974" s="1"/>
    </row>
    <row r="24975" spans="1:31" ht="14.45">
      <c r="A24975" s="5" t="s">
        <v>116</v>
      </c>
      <c r="B24975" s="21">
        <v>46143</v>
      </c>
      <c r="C24975" s="2" t="s">
        <v>79821</v>
      </c>
      <c r="D24975" s="14" t="s">
        <v>79822</v>
      </c>
      <c r="E24975" s="2" t="s">
        <v>79823</v>
      </c>
      <c r="F24975" s="2" t="s">
        <v>130</v>
      </c>
      <c r="G24975" s="8">
        <v>585</v>
      </c>
      <c r="H24975" s="5">
        <v>10</v>
      </c>
      <c r="I24975" s="5" t="s">
        <v>79637</v>
      </c>
      <c r="J24975" s="5" t="s">
        <v>79638</v>
      </c>
      <c r="K24975" s="2" t="s">
        <v>79639</v>
      </c>
      <c r="L24975" s="5" t="s">
        <v>79638</v>
      </c>
      <c r="M24975" s="2" t="s">
        <v>79639</v>
      </c>
      <c r="N24975" s="5" t="s">
        <v>79640</v>
      </c>
      <c r="O24975" s="5" t="s">
        <v>38</v>
      </c>
      <c r="P24975" s="5" t="s">
        <v>39</v>
      </c>
      <c r="Q24975" s="5" t="s">
        <v>40</v>
      </c>
      <c r="R24975" s="5" t="s">
        <v>24335</v>
      </c>
      <c r="S24975" s="5" t="s">
        <v>40</v>
      </c>
      <c r="T24975" s="5" t="s">
        <v>42</v>
      </c>
      <c r="U24975" s="2">
        <v>10.337999999999999</v>
      </c>
      <c r="V24975" s="2">
        <v>7.9649999999999999</v>
      </c>
      <c r="W24975" s="2">
        <v>0.09</v>
      </c>
      <c r="X24975" s="2">
        <v>43</v>
      </c>
      <c r="Y24975" s="2">
        <v>16.5</v>
      </c>
      <c r="Z24975" s="2">
        <v>126.8</v>
      </c>
      <c r="AA24975" s="5">
        <v>14</v>
      </c>
      <c r="AB24975" s="5" t="s">
        <v>43</v>
      </c>
      <c r="AC24975" s="5" t="s">
        <v>735</v>
      </c>
      <c r="AD24975" s="2" t="s">
        <v>79774</v>
      </c>
      <c r="AE24975" s="1"/>
    </row>
    <row r="24976" spans="1:31" ht="14.45">
      <c r="A24976" s="5"/>
      <c r="B24976" s="21"/>
      <c r="C24976" s="2" t="s">
        <v>79824</v>
      </c>
      <c r="D24976" s="14" t="s">
        <v>79825</v>
      </c>
      <c r="E24976" s="2" t="s">
        <v>79826</v>
      </c>
      <c r="F24976" s="2" t="s">
        <v>79778</v>
      </c>
      <c r="G24976" s="8">
        <v>585</v>
      </c>
      <c r="H24976" s="5">
        <v>10</v>
      </c>
      <c r="I24976" s="5" t="s">
        <v>79637</v>
      </c>
      <c r="J24976" s="5" t="s">
        <v>79638</v>
      </c>
      <c r="K24976" s="2" t="s">
        <v>79639</v>
      </c>
      <c r="L24976" s="5" t="s">
        <v>79638</v>
      </c>
      <c r="M24976" s="2" t="s">
        <v>79639</v>
      </c>
      <c r="N24976" s="5" t="s">
        <v>79640</v>
      </c>
      <c r="O24976" s="5" t="s">
        <v>38</v>
      </c>
      <c r="P24976" s="5" t="s">
        <v>39</v>
      </c>
      <c r="Q24976" s="5" t="s">
        <v>40</v>
      </c>
      <c r="R24976" s="5" t="s">
        <v>24335</v>
      </c>
      <c r="S24976" s="5" t="s">
        <v>40</v>
      </c>
      <c r="T24976" s="5" t="s">
        <v>42</v>
      </c>
      <c r="U24976" s="2">
        <v>12.496</v>
      </c>
      <c r="V24976" s="2">
        <v>10.496</v>
      </c>
      <c r="W24976" s="2">
        <v>0.10199999999999999</v>
      </c>
      <c r="X24976" s="2">
        <v>18.100000000000001</v>
      </c>
      <c r="Y24976" s="2">
        <v>49.1</v>
      </c>
      <c r="Z24976" s="2">
        <v>115</v>
      </c>
      <c r="AA24976" s="5">
        <v>12</v>
      </c>
      <c r="AB24976" s="5" t="s">
        <v>43</v>
      </c>
      <c r="AC24976" s="5" t="s">
        <v>735</v>
      </c>
      <c r="AD24976" s="2" t="s">
        <v>79779</v>
      </c>
      <c r="AE24976" s="1"/>
    </row>
    <row r="24977" spans="1:31" ht="14.45">
      <c r="A24977" s="5"/>
      <c r="B24977" s="21"/>
      <c r="C24977" s="2" t="s">
        <v>79827</v>
      </c>
      <c r="D24977" s="14" t="s">
        <v>79828</v>
      </c>
      <c r="E24977" s="2" t="s">
        <v>79829</v>
      </c>
      <c r="F24977" s="2" t="s">
        <v>79783</v>
      </c>
      <c r="G24977" s="8">
        <v>522</v>
      </c>
      <c r="H24977" s="5">
        <v>10</v>
      </c>
      <c r="I24977" s="5" t="s">
        <v>79637</v>
      </c>
      <c r="J24977" s="5" t="s">
        <v>79638</v>
      </c>
      <c r="K24977" s="2" t="s">
        <v>79639</v>
      </c>
      <c r="L24977" s="5" t="s">
        <v>79638</v>
      </c>
      <c r="M24977" s="2" t="s">
        <v>79639</v>
      </c>
      <c r="N24977" s="5" t="s">
        <v>79640</v>
      </c>
      <c r="O24977" s="5" t="s">
        <v>38</v>
      </c>
      <c r="P24977" s="5" t="s">
        <v>39</v>
      </c>
      <c r="Q24977" s="5" t="s">
        <v>40</v>
      </c>
      <c r="R24977" s="5" t="s">
        <v>24335</v>
      </c>
      <c r="S24977" s="5" t="s">
        <v>40</v>
      </c>
      <c r="T24977" s="5" t="s">
        <v>42</v>
      </c>
      <c r="U24977" s="2">
        <v>11.128</v>
      </c>
      <c r="V24977" s="2">
        <v>9.1280000000000001</v>
      </c>
      <c r="W24977" s="2">
        <v>0.10199999999999999</v>
      </c>
      <c r="X24977" s="2">
        <v>18.100000000000001</v>
      </c>
      <c r="Y24977" s="2">
        <v>49.1</v>
      </c>
      <c r="Z24977" s="2">
        <v>115</v>
      </c>
      <c r="AA24977" s="5">
        <v>12</v>
      </c>
      <c r="AB24977" s="5" t="s">
        <v>43</v>
      </c>
      <c r="AC24977" s="5" t="s">
        <v>735</v>
      </c>
      <c r="AD24977" s="2" t="s">
        <v>79784</v>
      </c>
      <c r="AE24977" s="1"/>
    </row>
    <row r="24978" spans="1:31" ht="14.45">
      <c r="A24978" s="5" t="s">
        <v>116</v>
      </c>
      <c r="B24978" s="21">
        <v>46143</v>
      </c>
      <c r="C24978" s="2" t="s">
        <v>79830</v>
      </c>
      <c r="D24978" s="14" t="s">
        <v>79831</v>
      </c>
      <c r="E24978" s="2" t="s">
        <v>79832</v>
      </c>
      <c r="F24978" s="2" t="s">
        <v>79833</v>
      </c>
      <c r="G24978" s="8">
        <v>638</v>
      </c>
      <c r="H24978" s="5">
        <v>5</v>
      </c>
      <c r="I24978" s="5" t="s">
        <v>79637</v>
      </c>
      <c r="J24978" s="5" t="s">
        <v>79638</v>
      </c>
      <c r="K24978" s="2" t="s">
        <v>79639</v>
      </c>
      <c r="L24978" s="5" t="s">
        <v>79638</v>
      </c>
      <c r="M24978" s="2" t="s">
        <v>79639</v>
      </c>
      <c r="N24978" s="5" t="s">
        <v>79640</v>
      </c>
      <c r="O24978" s="5" t="s">
        <v>38</v>
      </c>
      <c r="P24978" s="5" t="s">
        <v>39</v>
      </c>
      <c r="Q24978" s="5" t="s">
        <v>40</v>
      </c>
      <c r="R24978" s="5" t="s">
        <v>1487</v>
      </c>
      <c r="S24978" s="5"/>
      <c r="T24978" s="5" t="s">
        <v>42</v>
      </c>
      <c r="U24978" s="2">
        <v>0</v>
      </c>
      <c r="V24978" s="2">
        <v>0</v>
      </c>
      <c r="W24978" s="2">
        <v>0</v>
      </c>
      <c r="X24978" s="2">
        <v>0</v>
      </c>
      <c r="Y24978" s="2">
        <v>0</v>
      </c>
      <c r="Z24978" s="2">
        <v>0</v>
      </c>
      <c r="AA24978" s="5"/>
      <c r="AB24978" s="5" t="s">
        <v>43</v>
      </c>
      <c r="AC24978" s="5" t="s">
        <v>735</v>
      </c>
      <c r="AD24978" s="2" t="s">
        <v>79834</v>
      </c>
      <c r="AE24978" s="1"/>
    </row>
    <row r="24979" spans="1:31" ht="14.45">
      <c r="A24979" s="5" t="s">
        <v>116</v>
      </c>
      <c r="B24979" s="21">
        <v>46143</v>
      </c>
      <c r="C24979" s="2" t="s">
        <v>79835</v>
      </c>
      <c r="D24979" s="14" t="s">
        <v>79836</v>
      </c>
      <c r="E24979" s="2" t="s">
        <v>79837</v>
      </c>
      <c r="F24979" s="2" t="s">
        <v>130</v>
      </c>
      <c r="G24979" s="8">
        <v>502</v>
      </c>
      <c r="H24979" s="5">
        <v>5</v>
      </c>
      <c r="I24979" s="5" t="s">
        <v>79637</v>
      </c>
      <c r="J24979" s="5" t="s">
        <v>79638</v>
      </c>
      <c r="K24979" s="2" t="s">
        <v>79639</v>
      </c>
      <c r="L24979" s="5" t="s">
        <v>79638</v>
      </c>
      <c r="M24979" s="2" t="s">
        <v>79639</v>
      </c>
      <c r="N24979" s="5" t="s">
        <v>79640</v>
      </c>
      <c r="O24979" s="5" t="s">
        <v>38</v>
      </c>
      <c r="P24979" s="5" t="s">
        <v>39</v>
      </c>
      <c r="Q24979" s="5" t="s">
        <v>40</v>
      </c>
      <c r="R24979" s="5" t="s">
        <v>24335</v>
      </c>
      <c r="S24979" s="5" t="s">
        <v>40</v>
      </c>
      <c r="T24979" s="5" t="s">
        <v>42</v>
      </c>
      <c r="U24979" s="2">
        <v>9.8970000000000002</v>
      </c>
      <c r="V24979" s="2">
        <v>7.37</v>
      </c>
      <c r="W24979" s="2">
        <v>0.10100000000000001</v>
      </c>
      <c r="X24979" s="2">
        <v>43</v>
      </c>
      <c r="Y24979" s="2">
        <v>16.5</v>
      </c>
      <c r="Z24979" s="2">
        <v>143</v>
      </c>
      <c r="AA24979" s="5">
        <v>14</v>
      </c>
      <c r="AB24979" s="5" t="s">
        <v>43</v>
      </c>
      <c r="AC24979" s="5" t="s">
        <v>735</v>
      </c>
      <c r="AD24979" s="2" t="s">
        <v>79766</v>
      </c>
      <c r="AE24979" s="1"/>
    </row>
    <row r="24980" spans="1:31" ht="14.45">
      <c r="A24980" s="5"/>
      <c r="B24980" s="21"/>
      <c r="C24980" s="2" t="s">
        <v>79838</v>
      </c>
      <c r="D24980" s="14" t="s">
        <v>79839</v>
      </c>
      <c r="E24980" s="2" t="s">
        <v>79840</v>
      </c>
      <c r="F24980" s="2" t="s">
        <v>79740</v>
      </c>
      <c r="G24980" s="8">
        <v>502</v>
      </c>
      <c r="H24980" s="5">
        <v>5</v>
      </c>
      <c r="I24980" s="5" t="s">
        <v>79637</v>
      </c>
      <c r="J24980" s="5" t="s">
        <v>79638</v>
      </c>
      <c r="K24980" s="2" t="s">
        <v>79639</v>
      </c>
      <c r="L24980" s="5" t="s">
        <v>79638</v>
      </c>
      <c r="M24980" s="2" t="s">
        <v>79639</v>
      </c>
      <c r="N24980" s="5" t="s">
        <v>79640</v>
      </c>
      <c r="O24980" s="5" t="s">
        <v>38</v>
      </c>
      <c r="P24980" s="5" t="s">
        <v>39</v>
      </c>
      <c r="Q24980" s="5" t="s">
        <v>40</v>
      </c>
      <c r="R24980" s="5" t="s">
        <v>24335</v>
      </c>
      <c r="S24980" s="5" t="s">
        <v>40</v>
      </c>
      <c r="T24980" s="5" t="s">
        <v>42</v>
      </c>
      <c r="U24980" s="2">
        <v>12.247</v>
      </c>
      <c r="V24980" s="2">
        <v>10.085000000000001</v>
      </c>
      <c r="W24980" s="2">
        <v>0.11899999999999999</v>
      </c>
      <c r="X24980" s="2">
        <v>18.100000000000001</v>
      </c>
      <c r="Y24980" s="2">
        <v>49.1</v>
      </c>
      <c r="Z24980" s="2">
        <v>134.19999999999999</v>
      </c>
      <c r="AA24980" s="5">
        <v>12</v>
      </c>
      <c r="AB24980" s="5" t="s">
        <v>43</v>
      </c>
      <c r="AC24980" s="5" t="s">
        <v>735</v>
      </c>
      <c r="AD24980" s="2" t="s">
        <v>79770</v>
      </c>
      <c r="AE24980" s="1"/>
    </row>
    <row r="24981" spans="1:31" ht="14.45">
      <c r="A24981" s="5" t="s">
        <v>116</v>
      </c>
      <c r="B24981" s="21">
        <v>46143</v>
      </c>
      <c r="C24981" s="2" t="s">
        <v>79841</v>
      </c>
      <c r="D24981" s="14" t="s">
        <v>79842</v>
      </c>
      <c r="E24981" s="2" t="s">
        <v>79843</v>
      </c>
      <c r="F24981" s="2" t="s">
        <v>130</v>
      </c>
      <c r="G24981" s="8">
        <v>618</v>
      </c>
      <c r="H24981" s="5">
        <v>5</v>
      </c>
      <c r="I24981" s="5" t="s">
        <v>79637</v>
      </c>
      <c r="J24981" s="5" t="s">
        <v>79638</v>
      </c>
      <c r="K24981" s="2" t="s">
        <v>79639</v>
      </c>
      <c r="L24981" s="5" t="s">
        <v>79638</v>
      </c>
      <c r="M24981" s="2" t="s">
        <v>79639</v>
      </c>
      <c r="N24981" s="5" t="s">
        <v>79640</v>
      </c>
      <c r="O24981" s="5" t="s">
        <v>38</v>
      </c>
      <c r="P24981" s="5" t="s">
        <v>39</v>
      </c>
      <c r="Q24981" s="5" t="s">
        <v>40</v>
      </c>
      <c r="R24981" s="5" t="s">
        <v>24335</v>
      </c>
      <c r="S24981" s="5" t="s">
        <v>40</v>
      </c>
      <c r="T24981" s="5" t="s">
        <v>42</v>
      </c>
      <c r="U24981" s="2">
        <v>11.502000000000001</v>
      </c>
      <c r="V24981" s="2">
        <v>8.9749999999999996</v>
      </c>
      <c r="W24981" s="2">
        <v>0.10100000000000001</v>
      </c>
      <c r="X24981" s="2">
        <v>43</v>
      </c>
      <c r="Y24981" s="2">
        <v>16.5</v>
      </c>
      <c r="Z24981" s="2">
        <v>143</v>
      </c>
      <c r="AA24981" s="5">
        <v>14</v>
      </c>
      <c r="AB24981" s="5" t="s">
        <v>43</v>
      </c>
      <c r="AC24981" s="5" t="s">
        <v>735</v>
      </c>
      <c r="AD24981" s="2" t="s">
        <v>79774</v>
      </c>
      <c r="AE24981" s="1"/>
    </row>
    <row r="24982" spans="1:31" ht="14.45">
      <c r="A24982" s="5"/>
      <c r="B24982" s="21"/>
      <c r="C24982" s="2" t="s">
        <v>79844</v>
      </c>
      <c r="D24982" s="14" t="s">
        <v>79845</v>
      </c>
      <c r="E24982" s="2" t="s">
        <v>79846</v>
      </c>
      <c r="F24982" s="2" t="s">
        <v>79778</v>
      </c>
      <c r="G24982" s="8">
        <v>618</v>
      </c>
      <c r="H24982" s="5">
        <v>5</v>
      </c>
      <c r="I24982" s="5" t="s">
        <v>79637</v>
      </c>
      <c r="J24982" s="5" t="s">
        <v>79638</v>
      </c>
      <c r="K24982" s="2" t="s">
        <v>79639</v>
      </c>
      <c r="L24982" s="5" t="s">
        <v>79638</v>
      </c>
      <c r="M24982" s="2" t="s">
        <v>79639</v>
      </c>
      <c r="N24982" s="5" t="s">
        <v>79640</v>
      </c>
      <c r="O24982" s="5" t="s">
        <v>38</v>
      </c>
      <c r="P24982" s="5" t="s">
        <v>39</v>
      </c>
      <c r="Q24982" s="5" t="s">
        <v>40</v>
      </c>
      <c r="R24982" s="5" t="s">
        <v>24335</v>
      </c>
      <c r="S24982" s="5" t="s">
        <v>40</v>
      </c>
      <c r="T24982" s="5" t="s">
        <v>42</v>
      </c>
      <c r="U24982" s="2">
        <v>13.85</v>
      </c>
      <c r="V24982" s="2">
        <v>11.688000000000001</v>
      </c>
      <c r="W24982" s="2">
        <v>0.11899999999999999</v>
      </c>
      <c r="X24982" s="2">
        <v>18.100000000000001</v>
      </c>
      <c r="Y24982" s="2">
        <v>49.1</v>
      </c>
      <c r="Z24982" s="2">
        <v>134.19999999999999</v>
      </c>
      <c r="AA24982" s="5">
        <v>12</v>
      </c>
      <c r="AB24982" s="5" t="s">
        <v>43</v>
      </c>
      <c r="AC24982" s="5" t="s">
        <v>735</v>
      </c>
      <c r="AD24982" s="2" t="s">
        <v>79779</v>
      </c>
      <c r="AE24982" s="1"/>
    </row>
    <row r="24983" spans="1:31" ht="14.45">
      <c r="A24983" s="5"/>
      <c r="B24983" s="21"/>
      <c r="C24983" s="2" t="s">
        <v>79847</v>
      </c>
      <c r="D24983" s="14" t="s">
        <v>79848</v>
      </c>
      <c r="E24983" s="2" t="s">
        <v>79849</v>
      </c>
      <c r="F24983" s="2" t="s">
        <v>79783</v>
      </c>
      <c r="G24983" s="8">
        <v>548</v>
      </c>
      <c r="H24983" s="5">
        <v>10</v>
      </c>
      <c r="I24983" s="5" t="s">
        <v>79637</v>
      </c>
      <c r="J24983" s="5" t="s">
        <v>79638</v>
      </c>
      <c r="K24983" s="2" t="s">
        <v>79639</v>
      </c>
      <c r="L24983" s="5" t="s">
        <v>79638</v>
      </c>
      <c r="M24983" s="2" t="s">
        <v>79639</v>
      </c>
      <c r="N24983" s="5" t="s">
        <v>79640</v>
      </c>
      <c r="O24983" s="5" t="s">
        <v>38</v>
      </c>
      <c r="P24983" s="5" t="s">
        <v>39</v>
      </c>
      <c r="Q24983" s="5" t="s">
        <v>40</v>
      </c>
      <c r="R24983" s="5" t="s">
        <v>24335</v>
      </c>
      <c r="S24983" s="5" t="s">
        <v>40</v>
      </c>
      <c r="T24983" s="5" t="s">
        <v>42</v>
      </c>
      <c r="U24983" s="2">
        <v>12.272</v>
      </c>
      <c r="V24983" s="2">
        <v>10.11</v>
      </c>
      <c r="W24983" s="2">
        <v>0.11899999999999999</v>
      </c>
      <c r="X24983" s="2">
        <v>18.100000000000001</v>
      </c>
      <c r="Y24983" s="2">
        <v>49.1</v>
      </c>
      <c r="Z24983" s="2">
        <v>134.19999999999999</v>
      </c>
      <c r="AA24983" s="5">
        <v>12</v>
      </c>
      <c r="AB24983" s="5" t="s">
        <v>43</v>
      </c>
      <c r="AC24983" s="5" t="s">
        <v>735</v>
      </c>
      <c r="AD24983" s="2" t="s">
        <v>79784</v>
      </c>
      <c r="AE24983" s="1"/>
    </row>
    <row r="24984" spans="1:31" ht="14.45">
      <c r="A24984" s="5" t="s">
        <v>116</v>
      </c>
      <c r="B24984" s="21">
        <v>46143</v>
      </c>
      <c r="C24984" s="2" t="s">
        <v>79850</v>
      </c>
      <c r="D24984" s="14" t="s">
        <v>79851</v>
      </c>
      <c r="E24984" s="2" t="s">
        <v>79852</v>
      </c>
      <c r="F24984" s="2" t="s">
        <v>79833</v>
      </c>
      <c r="G24984" s="8">
        <v>664</v>
      </c>
      <c r="H24984" s="5">
        <v>5</v>
      </c>
      <c r="I24984" s="5" t="s">
        <v>79637</v>
      </c>
      <c r="J24984" s="5" t="s">
        <v>79638</v>
      </c>
      <c r="K24984" s="2" t="s">
        <v>79639</v>
      </c>
      <c r="L24984" s="5" t="s">
        <v>79638</v>
      </c>
      <c r="M24984" s="2" t="s">
        <v>79639</v>
      </c>
      <c r="N24984" s="5" t="s">
        <v>79640</v>
      </c>
      <c r="O24984" s="5" t="s">
        <v>38</v>
      </c>
      <c r="P24984" s="5" t="s">
        <v>39</v>
      </c>
      <c r="Q24984" s="5" t="s">
        <v>40</v>
      </c>
      <c r="R24984" s="5" t="s">
        <v>1487</v>
      </c>
      <c r="S24984" s="5"/>
      <c r="T24984" s="5" t="s">
        <v>42</v>
      </c>
      <c r="U24984" s="2">
        <v>0</v>
      </c>
      <c r="V24984" s="2">
        <v>0</v>
      </c>
      <c r="W24984" s="2">
        <v>0</v>
      </c>
      <c r="X24984" s="2">
        <v>0</v>
      </c>
      <c r="Y24984" s="2">
        <v>0</v>
      </c>
      <c r="Z24984" s="2">
        <v>0</v>
      </c>
      <c r="AA24984" s="5"/>
      <c r="AB24984" s="5" t="s">
        <v>43</v>
      </c>
      <c r="AC24984" s="5" t="s">
        <v>735</v>
      </c>
      <c r="AD24984" s="2" t="s">
        <v>79834</v>
      </c>
      <c r="AE24984" s="1"/>
    </row>
    <row r="24985" spans="1:31" ht="14.45">
      <c r="A24985" s="5" t="s">
        <v>116</v>
      </c>
      <c r="B24985" s="21">
        <v>46143</v>
      </c>
      <c r="C24985" s="2" t="s">
        <v>79853</v>
      </c>
      <c r="D24985" s="14" t="s">
        <v>79854</v>
      </c>
      <c r="E24985" s="2" t="s">
        <v>79855</v>
      </c>
      <c r="F24985" s="2" t="s">
        <v>130</v>
      </c>
      <c r="G24985" s="8">
        <v>507</v>
      </c>
      <c r="H24985" s="5">
        <v>5</v>
      </c>
      <c r="I24985" s="5" t="s">
        <v>79637</v>
      </c>
      <c r="J24985" s="5" t="s">
        <v>79638</v>
      </c>
      <c r="K24985" s="2" t="s">
        <v>79639</v>
      </c>
      <c r="L24985" s="5" t="s">
        <v>79638</v>
      </c>
      <c r="M24985" s="2" t="s">
        <v>79639</v>
      </c>
      <c r="N24985" s="5" t="s">
        <v>79640</v>
      </c>
      <c r="O24985" s="5" t="s">
        <v>38</v>
      </c>
      <c r="P24985" s="5" t="s">
        <v>39</v>
      </c>
      <c r="Q24985" s="5" t="s">
        <v>40</v>
      </c>
      <c r="R24985" s="5" t="s">
        <v>24335</v>
      </c>
      <c r="S24985" s="5" t="s">
        <v>40</v>
      </c>
      <c r="T24985" s="5" t="s">
        <v>42</v>
      </c>
      <c r="U24985" s="2">
        <v>10.92</v>
      </c>
      <c r="V24985" s="2">
        <v>8.2059999999999995</v>
      </c>
      <c r="W24985" s="2">
        <v>0.11600000000000001</v>
      </c>
      <c r="X24985" s="2">
        <v>43</v>
      </c>
      <c r="Y24985" s="2">
        <v>16.5</v>
      </c>
      <c r="Z24985" s="2">
        <v>162.80000000000001</v>
      </c>
      <c r="AA24985" s="5">
        <v>14</v>
      </c>
      <c r="AB24985" s="5" t="s">
        <v>43</v>
      </c>
      <c r="AC24985" s="5" t="s">
        <v>735</v>
      </c>
      <c r="AD24985" s="2" t="s">
        <v>79766</v>
      </c>
      <c r="AE24985" s="1"/>
    </row>
    <row r="24986" spans="1:31" ht="14.45">
      <c r="A24986" s="5"/>
      <c r="B24986" s="21"/>
      <c r="C24986" s="2" t="s">
        <v>79856</v>
      </c>
      <c r="D24986" s="14" t="s">
        <v>79857</v>
      </c>
      <c r="E24986" s="2" t="s">
        <v>79858</v>
      </c>
      <c r="F24986" s="2" t="s">
        <v>79740</v>
      </c>
      <c r="G24986" s="8">
        <v>507</v>
      </c>
      <c r="H24986" s="5">
        <v>5</v>
      </c>
      <c r="I24986" s="5" t="s">
        <v>79637</v>
      </c>
      <c r="J24986" s="5" t="s">
        <v>79638</v>
      </c>
      <c r="K24986" s="2" t="s">
        <v>79639</v>
      </c>
      <c r="L24986" s="5" t="s">
        <v>79638</v>
      </c>
      <c r="M24986" s="2" t="s">
        <v>79639</v>
      </c>
      <c r="N24986" s="5" t="s">
        <v>79640</v>
      </c>
      <c r="O24986" s="5" t="s">
        <v>38</v>
      </c>
      <c r="P24986" s="5" t="s">
        <v>39</v>
      </c>
      <c r="Q24986" s="5" t="s">
        <v>40</v>
      </c>
      <c r="R24986" s="5" t="s">
        <v>24335</v>
      </c>
      <c r="S24986" s="5" t="s">
        <v>40</v>
      </c>
      <c r="T24986" s="5" t="s">
        <v>42</v>
      </c>
      <c r="U24986" s="2">
        <v>13.48</v>
      </c>
      <c r="V24986" s="2">
        <v>11.115</v>
      </c>
      <c r="W24986" s="2">
        <v>0.13900000000000001</v>
      </c>
      <c r="X24986" s="2">
        <v>18.100000000000001</v>
      </c>
      <c r="Y24986" s="2">
        <v>49.1</v>
      </c>
      <c r="Z24986" s="2">
        <v>156.19999999999999</v>
      </c>
      <c r="AA24986" s="5">
        <v>12</v>
      </c>
      <c r="AB24986" s="5" t="s">
        <v>43</v>
      </c>
      <c r="AC24986" s="5" t="s">
        <v>735</v>
      </c>
      <c r="AD24986" s="2" t="s">
        <v>79770</v>
      </c>
      <c r="AE24986" s="1"/>
    </row>
    <row r="24987" spans="1:31" ht="14.45">
      <c r="A24987" s="5" t="s">
        <v>116</v>
      </c>
      <c r="B24987" s="21">
        <v>46143</v>
      </c>
      <c r="C24987" s="2" t="s">
        <v>79859</v>
      </c>
      <c r="D24987" s="14" t="s">
        <v>79860</v>
      </c>
      <c r="E24987" s="2" t="s">
        <v>79861</v>
      </c>
      <c r="F24987" s="2" t="s">
        <v>130</v>
      </c>
      <c r="G24987" s="8">
        <v>624</v>
      </c>
      <c r="H24987" s="5">
        <v>10</v>
      </c>
      <c r="I24987" s="5" t="s">
        <v>79637</v>
      </c>
      <c r="J24987" s="5" t="s">
        <v>79638</v>
      </c>
      <c r="K24987" s="2" t="s">
        <v>79639</v>
      </c>
      <c r="L24987" s="5" t="s">
        <v>79638</v>
      </c>
      <c r="M24987" s="2" t="s">
        <v>79639</v>
      </c>
      <c r="N24987" s="5" t="s">
        <v>79640</v>
      </c>
      <c r="O24987" s="5" t="s">
        <v>38</v>
      </c>
      <c r="P24987" s="5" t="s">
        <v>39</v>
      </c>
      <c r="Q24987" s="5" t="s">
        <v>40</v>
      </c>
      <c r="R24987" s="5" t="s">
        <v>24335</v>
      </c>
      <c r="S24987" s="5" t="s">
        <v>40</v>
      </c>
      <c r="T24987" s="5" t="s">
        <v>42</v>
      </c>
      <c r="U24987" s="2">
        <v>12.769</v>
      </c>
      <c r="V24987" s="2">
        <v>10.055</v>
      </c>
      <c r="W24987" s="2">
        <v>0.11600000000000001</v>
      </c>
      <c r="X24987" s="2">
        <v>43</v>
      </c>
      <c r="Y24987" s="2">
        <v>16.5</v>
      </c>
      <c r="Z24987" s="2">
        <v>162.80000000000001</v>
      </c>
      <c r="AA24987" s="5">
        <v>14</v>
      </c>
      <c r="AB24987" s="5" t="s">
        <v>43</v>
      </c>
      <c r="AC24987" s="5" t="s">
        <v>735</v>
      </c>
      <c r="AD24987" s="2" t="s">
        <v>79774</v>
      </c>
      <c r="AE24987" s="1"/>
    </row>
    <row r="24988" spans="1:31" ht="14.45">
      <c r="A24988" s="5"/>
      <c r="B24988" s="21"/>
      <c r="C24988" s="2" t="s">
        <v>79862</v>
      </c>
      <c r="D24988" s="14" t="s">
        <v>79863</v>
      </c>
      <c r="E24988" s="2" t="s">
        <v>79864</v>
      </c>
      <c r="F24988" s="2" t="s">
        <v>79778</v>
      </c>
      <c r="G24988" s="8">
        <v>624</v>
      </c>
      <c r="H24988" s="5">
        <v>10</v>
      </c>
      <c r="I24988" s="5" t="s">
        <v>79637</v>
      </c>
      <c r="J24988" s="5" t="s">
        <v>79638</v>
      </c>
      <c r="K24988" s="2" t="s">
        <v>79639</v>
      </c>
      <c r="L24988" s="5" t="s">
        <v>79638</v>
      </c>
      <c r="M24988" s="2" t="s">
        <v>79639</v>
      </c>
      <c r="N24988" s="5" t="s">
        <v>79640</v>
      </c>
      <c r="O24988" s="5" t="s">
        <v>38</v>
      </c>
      <c r="P24988" s="5" t="s">
        <v>39</v>
      </c>
      <c r="Q24988" s="5" t="s">
        <v>40</v>
      </c>
      <c r="R24988" s="5" t="s">
        <v>24335</v>
      </c>
      <c r="S24988" s="5" t="s">
        <v>40</v>
      </c>
      <c r="T24988" s="5" t="s">
        <v>42</v>
      </c>
      <c r="U24988" s="2">
        <v>15.347</v>
      </c>
      <c r="V24988" s="2">
        <v>12.981999999999999</v>
      </c>
      <c r="W24988" s="2">
        <v>0.13900000000000001</v>
      </c>
      <c r="X24988" s="2">
        <v>18.100000000000001</v>
      </c>
      <c r="Y24988" s="2">
        <v>49.1</v>
      </c>
      <c r="Z24988" s="2">
        <v>156.19999999999999</v>
      </c>
      <c r="AA24988" s="5">
        <v>12</v>
      </c>
      <c r="AB24988" s="5" t="s">
        <v>43</v>
      </c>
      <c r="AC24988" s="5" t="s">
        <v>735</v>
      </c>
      <c r="AD24988" s="2" t="s">
        <v>79779</v>
      </c>
      <c r="AE24988" s="1"/>
    </row>
    <row r="24989" spans="1:31" ht="14.45">
      <c r="A24989" s="5"/>
      <c r="B24989" s="21"/>
      <c r="C24989" s="2" t="s">
        <v>79865</v>
      </c>
      <c r="D24989" s="14" t="s">
        <v>79866</v>
      </c>
      <c r="E24989" s="2" t="s">
        <v>79867</v>
      </c>
      <c r="F24989" s="2" t="s">
        <v>79783</v>
      </c>
      <c r="G24989" s="8">
        <v>553</v>
      </c>
      <c r="H24989" s="5">
        <v>10</v>
      </c>
      <c r="I24989" s="5" t="s">
        <v>79637</v>
      </c>
      <c r="J24989" s="5" t="s">
        <v>79638</v>
      </c>
      <c r="K24989" s="2" t="s">
        <v>79639</v>
      </c>
      <c r="L24989" s="5" t="s">
        <v>79638</v>
      </c>
      <c r="M24989" s="2" t="s">
        <v>79639</v>
      </c>
      <c r="N24989" s="5" t="s">
        <v>79640</v>
      </c>
      <c r="O24989" s="5" t="s">
        <v>38</v>
      </c>
      <c r="P24989" s="5" t="s">
        <v>39</v>
      </c>
      <c r="Q24989" s="5" t="s">
        <v>40</v>
      </c>
      <c r="R24989" s="5" t="s">
        <v>24335</v>
      </c>
      <c r="S24989" s="5" t="s">
        <v>40</v>
      </c>
      <c r="T24989" s="5" t="s">
        <v>42</v>
      </c>
      <c r="U24989" s="2">
        <v>13.519</v>
      </c>
      <c r="V24989" s="2">
        <v>11.154</v>
      </c>
      <c r="W24989" s="2">
        <v>0.13900000000000001</v>
      </c>
      <c r="X24989" s="2">
        <v>18.100000000000001</v>
      </c>
      <c r="Y24989" s="2">
        <v>49.1</v>
      </c>
      <c r="Z24989" s="2">
        <v>156.19999999999999</v>
      </c>
      <c r="AA24989" s="5">
        <v>12</v>
      </c>
      <c r="AB24989" s="5" t="s">
        <v>43</v>
      </c>
      <c r="AC24989" s="5" t="s">
        <v>735</v>
      </c>
      <c r="AD24989" s="2" t="s">
        <v>79784</v>
      </c>
      <c r="AE24989" s="1"/>
    </row>
    <row r="24990" spans="1:31" ht="14.45">
      <c r="A24990" s="5" t="s">
        <v>116</v>
      </c>
      <c r="B24990" s="21">
        <v>46143</v>
      </c>
      <c r="C24990" s="2" t="s">
        <v>79868</v>
      </c>
      <c r="D24990" s="14" t="s">
        <v>79869</v>
      </c>
      <c r="E24990" s="2" t="s">
        <v>79870</v>
      </c>
      <c r="F24990" s="2" t="s">
        <v>79833</v>
      </c>
      <c r="G24990" s="8">
        <v>669</v>
      </c>
      <c r="H24990" s="5">
        <v>5</v>
      </c>
      <c r="I24990" s="5" t="s">
        <v>79637</v>
      </c>
      <c r="J24990" s="5" t="s">
        <v>79638</v>
      </c>
      <c r="K24990" s="2" t="s">
        <v>79639</v>
      </c>
      <c r="L24990" s="5" t="s">
        <v>79638</v>
      </c>
      <c r="M24990" s="2" t="s">
        <v>79639</v>
      </c>
      <c r="N24990" s="5" t="s">
        <v>79640</v>
      </c>
      <c r="O24990" s="5" t="s">
        <v>38</v>
      </c>
      <c r="P24990" s="5" t="s">
        <v>39</v>
      </c>
      <c r="Q24990" s="5" t="s">
        <v>40</v>
      </c>
      <c r="R24990" s="5" t="s">
        <v>1487</v>
      </c>
      <c r="S24990" s="5"/>
      <c r="T24990" s="5" t="s">
        <v>42</v>
      </c>
      <c r="U24990" s="2">
        <v>0</v>
      </c>
      <c r="V24990" s="2">
        <v>0</v>
      </c>
      <c r="W24990" s="2">
        <v>0</v>
      </c>
      <c r="X24990" s="2">
        <v>0</v>
      </c>
      <c r="Y24990" s="2">
        <v>0</v>
      </c>
      <c r="Z24990" s="2">
        <v>0</v>
      </c>
      <c r="AA24990" s="5"/>
      <c r="AB24990" s="5" t="s">
        <v>43</v>
      </c>
      <c r="AC24990" s="5" t="s">
        <v>735</v>
      </c>
      <c r="AD24990" s="2" t="s">
        <v>79834</v>
      </c>
      <c r="AE24990" s="1"/>
    </row>
    <row r="24991" spans="1:31" ht="14.45">
      <c r="A24991" s="5" t="s">
        <v>116</v>
      </c>
      <c r="B24991" s="21">
        <v>46143</v>
      </c>
      <c r="C24991" s="2" t="s">
        <v>79871</v>
      </c>
      <c r="D24991" s="14" t="s">
        <v>79872</v>
      </c>
      <c r="E24991" s="2" t="s">
        <v>79873</v>
      </c>
      <c r="F24991" s="2" t="s">
        <v>130</v>
      </c>
      <c r="G24991" s="8">
        <v>497</v>
      </c>
      <c r="H24991" s="5">
        <v>5</v>
      </c>
      <c r="I24991" s="5" t="s">
        <v>79637</v>
      </c>
      <c r="J24991" s="5" t="s">
        <v>79638</v>
      </c>
      <c r="K24991" s="2" t="s">
        <v>79639</v>
      </c>
      <c r="L24991" s="5" t="s">
        <v>79638</v>
      </c>
      <c r="M24991" s="2" t="s">
        <v>79639</v>
      </c>
      <c r="N24991" s="5" t="s">
        <v>79640</v>
      </c>
      <c r="O24991" s="5" t="s">
        <v>38</v>
      </c>
      <c r="P24991" s="5" t="s">
        <v>39</v>
      </c>
      <c r="Q24991" s="5" t="s">
        <v>40</v>
      </c>
      <c r="R24991" s="5" t="s">
        <v>24335</v>
      </c>
      <c r="S24991" s="5" t="s">
        <v>40</v>
      </c>
      <c r="T24991" s="5" t="s">
        <v>42</v>
      </c>
      <c r="U24991" s="2">
        <v>9.5310000000000006</v>
      </c>
      <c r="V24991" s="2">
        <v>7.1580000000000004</v>
      </c>
      <c r="W24991" s="2">
        <v>0.09</v>
      </c>
      <c r="X24991" s="2">
        <v>43</v>
      </c>
      <c r="Y24991" s="2">
        <v>16.5</v>
      </c>
      <c r="Z24991" s="2">
        <v>126.8</v>
      </c>
      <c r="AA24991" s="5">
        <v>14</v>
      </c>
      <c r="AB24991" s="5" t="s">
        <v>43</v>
      </c>
      <c r="AC24991" s="5" t="s">
        <v>735</v>
      </c>
      <c r="AD24991" s="2" t="s">
        <v>79766</v>
      </c>
      <c r="AE24991" s="1"/>
    </row>
    <row r="24992" spans="1:31" ht="14.45">
      <c r="A24992" s="5"/>
      <c r="B24992" s="21"/>
      <c r="C24992" s="2" t="s">
        <v>79874</v>
      </c>
      <c r="D24992" s="14" t="s">
        <v>79875</v>
      </c>
      <c r="E24992" s="2" t="s">
        <v>79876</v>
      </c>
      <c r="F24992" s="2" t="s">
        <v>79740</v>
      </c>
      <c r="G24992" s="8">
        <v>497</v>
      </c>
      <c r="H24992" s="5">
        <v>5</v>
      </c>
      <c r="I24992" s="5" t="s">
        <v>79637</v>
      </c>
      <c r="J24992" s="5" t="s">
        <v>79638</v>
      </c>
      <c r="K24992" s="2" t="s">
        <v>79639</v>
      </c>
      <c r="L24992" s="5" t="s">
        <v>79638</v>
      </c>
      <c r="M24992" s="2" t="s">
        <v>79639</v>
      </c>
      <c r="N24992" s="5" t="s">
        <v>79640</v>
      </c>
      <c r="O24992" s="5" t="s">
        <v>38</v>
      </c>
      <c r="P24992" s="5" t="s">
        <v>39</v>
      </c>
      <c r="Q24992" s="5" t="s">
        <v>40</v>
      </c>
      <c r="R24992" s="5" t="s">
        <v>24335</v>
      </c>
      <c r="S24992" s="5" t="s">
        <v>40</v>
      </c>
      <c r="T24992" s="5" t="s">
        <v>42</v>
      </c>
      <c r="U24992" s="2">
        <v>11.923</v>
      </c>
      <c r="V24992" s="2">
        <v>9.91</v>
      </c>
      <c r="W24992" s="2">
        <v>0.10199999999999999</v>
      </c>
      <c r="X24992" s="2">
        <v>18.100000000000001</v>
      </c>
      <c r="Y24992" s="2">
        <v>49.1</v>
      </c>
      <c r="Z24992" s="2">
        <v>115</v>
      </c>
      <c r="AA24992" s="5">
        <v>12</v>
      </c>
      <c r="AB24992" s="5" t="s">
        <v>43</v>
      </c>
      <c r="AC24992" s="5" t="s">
        <v>735</v>
      </c>
      <c r="AD24992" s="2" t="s">
        <v>79770</v>
      </c>
      <c r="AE24992" s="1"/>
    </row>
    <row r="24993" spans="1:31" ht="14.45">
      <c r="A24993" s="5" t="s">
        <v>116</v>
      </c>
      <c r="B24993" s="21">
        <v>46143</v>
      </c>
      <c r="C24993" s="2" t="s">
        <v>79877</v>
      </c>
      <c r="D24993" s="14" t="s">
        <v>79878</v>
      </c>
      <c r="E24993" s="2" t="s">
        <v>79879</v>
      </c>
      <c r="F24993" s="2" t="s">
        <v>130</v>
      </c>
      <c r="G24993" s="8">
        <v>611</v>
      </c>
      <c r="H24993" s="5">
        <v>5</v>
      </c>
      <c r="I24993" s="5" t="s">
        <v>79637</v>
      </c>
      <c r="J24993" s="5" t="s">
        <v>79638</v>
      </c>
      <c r="K24993" s="2" t="s">
        <v>79639</v>
      </c>
      <c r="L24993" s="5" t="s">
        <v>79638</v>
      </c>
      <c r="M24993" s="2" t="s">
        <v>79639</v>
      </c>
      <c r="N24993" s="5" t="s">
        <v>79640</v>
      </c>
      <c r="O24993" s="5" t="s">
        <v>38</v>
      </c>
      <c r="P24993" s="5" t="s">
        <v>39</v>
      </c>
      <c r="Q24993" s="5" t="s">
        <v>40</v>
      </c>
      <c r="R24993" s="5" t="s">
        <v>24335</v>
      </c>
      <c r="S24993" s="5" t="s">
        <v>40</v>
      </c>
      <c r="T24993" s="5" t="s">
        <v>42</v>
      </c>
      <c r="U24993" s="2">
        <v>10.984</v>
      </c>
      <c r="V24993" s="2">
        <v>8.6110000000000007</v>
      </c>
      <c r="W24993" s="2">
        <v>0.09</v>
      </c>
      <c r="X24993" s="2">
        <v>43</v>
      </c>
      <c r="Y24993" s="2">
        <v>16.5</v>
      </c>
      <c r="Z24993" s="2">
        <v>126.8</v>
      </c>
      <c r="AA24993" s="5">
        <v>14</v>
      </c>
      <c r="AB24993" s="5" t="s">
        <v>43</v>
      </c>
      <c r="AC24993" s="5" t="s">
        <v>735</v>
      </c>
      <c r="AD24993" s="2" t="s">
        <v>79774</v>
      </c>
      <c r="AE24993" s="1"/>
    </row>
    <row r="24994" spans="1:31" ht="14.45">
      <c r="A24994" s="5"/>
      <c r="B24994" s="21"/>
      <c r="C24994" s="2" t="s">
        <v>79880</v>
      </c>
      <c r="D24994" s="14" t="s">
        <v>79881</v>
      </c>
      <c r="E24994" s="2" t="s">
        <v>79882</v>
      </c>
      <c r="F24994" s="2" t="s">
        <v>79778</v>
      </c>
      <c r="G24994" s="8">
        <v>611</v>
      </c>
      <c r="H24994" s="5">
        <v>5</v>
      </c>
      <c r="I24994" s="5" t="s">
        <v>79637</v>
      </c>
      <c r="J24994" s="5" t="s">
        <v>79638</v>
      </c>
      <c r="K24994" s="2" t="s">
        <v>79639</v>
      </c>
      <c r="L24994" s="5" t="s">
        <v>79638</v>
      </c>
      <c r="M24994" s="2" t="s">
        <v>79639</v>
      </c>
      <c r="N24994" s="5" t="s">
        <v>79640</v>
      </c>
      <c r="O24994" s="5" t="s">
        <v>38</v>
      </c>
      <c r="P24994" s="5" t="s">
        <v>39</v>
      </c>
      <c r="Q24994" s="5" t="s">
        <v>40</v>
      </c>
      <c r="R24994" s="5" t="s">
        <v>24335</v>
      </c>
      <c r="S24994" s="5" t="s">
        <v>40</v>
      </c>
      <c r="T24994" s="5" t="s">
        <v>42</v>
      </c>
      <c r="U24994" s="2">
        <v>13.413</v>
      </c>
      <c r="V24994" s="2">
        <v>11.4</v>
      </c>
      <c r="W24994" s="2">
        <v>0.10199999999999999</v>
      </c>
      <c r="X24994" s="2">
        <v>18.100000000000001</v>
      </c>
      <c r="Y24994" s="2">
        <v>49.1</v>
      </c>
      <c r="Z24994" s="2">
        <v>115</v>
      </c>
      <c r="AA24994" s="5">
        <v>12</v>
      </c>
      <c r="AB24994" s="5" t="s">
        <v>43</v>
      </c>
      <c r="AC24994" s="5" t="s">
        <v>735</v>
      </c>
      <c r="AD24994" s="2" t="s">
        <v>79779</v>
      </c>
      <c r="AE24994" s="1"/>
    </row>
    <row r="24995" spans="1:31" ht="14.45">
      <c r="A24995" s="5"/>
      <c r="B24995" s="21"/>
      <c r="C24995" s="2" t="s">
        <v>79883</v>
      </c>
      <c r="D24995" s="14" t="s">
        <v>79884</v>
      </c>
      <c r="E24995" s="2" t="s">
        <v>79885</v>
      </c>
      <c r="F24995" s="2" t="s">
        <v>79783</v>
      </c>
      <c r="G24995" s="8">
        <v>543</v>
      </c>
      <c r="H24995" s="5">
        <v>10</v>
      </c>
      <c r="I24995" s="5" t="s">
        <v>79637</v>
      </c>
      <c r="J24995" s="5" t="s">
        <v>79638</v>
      </c>
      <c r="K24995" s="2" t="s">
        <v>79639</v>
      </c>
      <c r="L24995" s="5" t="s">
        <v>79638</v>
      </c>
      <c r="M24995" s="2" t="s">
        <v>79639</v>
      </c>
      <c r="N24995" s="5" t="s">
        <v>79640</v>
      </c>
      <c r="O24995" s="5" t="s">
        <v>38</v>
      </c>
      <c r="P24995" s="5" t="s">
        <v>39</v>
      </c>
      <c r="Q24995" s="5" t="s">
        <v>40</v>
      </c>
      <c r="R24995" s="5" t="s">
        <v>24335</v>
      </c>
      <c r="S24995" s="5" t="s">
        <v>40</v>
      </c>
      <c r="T24995" s="5" t="s">
        <v>42</v>
      </c>
      <c r="U24995" s="2">
        <v>11.945</v>
      </c>
      <c r="V24995" s="2">
        <v>9.9320000000000004</v>
      </c>
      <c r="W24995" s="2">
        <v>0.10199999999999999</v>
      </c>
      <c r="X24995" s="2">
        <v>18.100000000000001</v>
      </c>
      <c r="Y24995" s="2">
        <v>49.1</v>
      </c>
      <c r="Z24995" s="2">
        <v>115</v>
      </c>
      <c r="AA24995" s="5">
        <v>12</v>
      </c>
      <c r="AB24995" s="5" t="s">
        <v>43</v>
      </c>
      <c r="AC24995" s="5" t="s">
        <v>735</v>
      </c>
      <c r="AD24995" s="2" t="s">
        <v>79784</v>
      </c>
      <c r="AE24995" s="1"/>
    </row>
    <row r="24996" spans="1:31" ht="14.45">
      <c r="A24996" s="5" t="s">
        <v>116</v>
      </c>
      <c r="B24996" s="21">
        <v>46143</v>
      </c>
      <c r="C24996" s="2" t="s">
        <v>79886</v>
      </c>
      <c r="D24996" s="14" t="s">
        <v>79887</v>
      </c>
      <c r="E24996" s="2" t="s">
        <v>79888</v>
      </c>
      <c r="F24996" s="2" t="s">
        <v>79833</v>
      </c>
      <c r="G24996" s="8">
        <v>659</v>
      </c>
      <c r="H24996" s="5">
        <v>5</v>
      </c>
      <c r="I24996" s="5" t="s">
        <v>79637</v>
      </c>
      <c r="J24996" s="5" t="s">
        <v>79638</v>
      </c>
      <c r="K24996" s="2" t="s">
        <v>79639</v>
      </c>
      <c r="L24996" s="5" t="s">
        <v>79638</v>
      </c>
      <c r="M24996" s="2" t="s">
        <v>79639</v>
      </c>
      <c r="N24996" s="5" t="s">
        <v>79640</v>
      </c>
      <c r="O24996" s="5" t="s">
        <v>38</v>
      </c>
      <c r="P24996" s="5" t="s">
        <v>39</v>
      </c>
      <c r="Q24996" s="5" t="s">
        <v>40</v>
      </c>
      <c r="R24996" s="5" t="s">
        <v>1487</v>
      </c>
      <c r="S24996" s="5"/>
      <c r="T24996" s="5" t="s">
        <v>42</v>
      </c>
      <c r="U24996" s="2">
        <v>0</v>
      </c>
      <c r="V24996" s="2">
        <v>0</v>
      </c>
      <c r="W24996" s="2">
        <v>0</v>
      </c>
      <c r="X24996" s="2">
        <v>0</v>
      </c>
      <c r="Y24996" s="2">
        <v>0</v>
      </c>
      <c r="Z24996" s="2">
        <v>0</v>
      </c>
      <c r="AA24996" s="5"/>
      <c r="AB24996" s="5" t="s">
        <v>43</v>
      </c>
      <c r="AC24996" s="5" t="s">
        <v>735</v>
      </c>
      <c r="AD24996" s="2" t="s">
        <v>79834</v>
      </c>
      <c r="AE24996" s="1"/>
    </row>
    <row r="24997" spans="1:31" ht="14.45">
      <c r="A24997" s="5" t="s">
        <v>116</v>
      </c>
      <c r="B24997" s="21">
        <v>46143</v>
      </c>
      <c r="C24997" s="2" t="s">
        <v>79889</v>
      </c>
      <c r="D24997" s="14" t="s">
        <v>79890</v>
      </c>
      <c r="E24997" s="2" t="s">
        <v>79891</v>
      </c>
      <c r="F24997" s="2" t="s">
        <v>130</v>
      </c>
      <c r="G24997" s="8">
        <v>523</v>
      </c>
      <c r="H24997" s="5">
        <v>5</v>
      </c>
      <c r="I24997" s="5" t="s">
        <v>79637</v>
      </c>
      <c r="J24997" s="5" t="s">
        <v>79638</v>
      </c>
      <c r="K24997" s="2" t="s">
        <v>79639</v>
      </c>
      <c r="L24997" s="5" t="s">
        <v>79638</v>
      </c>
      <c r="M24997" s="2" t="s">
        <v>79639</v>
      </c>
      <c r="N24997" s="5" t="s">
        <v>79640</v>
      </c>
      <c r="O24997" s="5" t="s">
        <v>38</v>
      </c>
      <c r="P24997" s="5" t="s">
        <v>39</v>
      </c>
      <c r="Q24997" s="5" t="s">
        <v>40</v>
      </c>
      <c r="R24997" s="5" t="s">
        <v>24335</v>
      </c>
      <c r="S24997" s="5" t="s">
        <v>40</v>
      </c>
      <c r="T24997" s="5" t="s">
        <v>42</v>
      </c>
      <c r="U24997" s="2">
        <v>10.54</v>
      </c>
      <c r="V24997" s="2">
        <v>8.0129999999999999</v>
      </c>
      <c r="W24997" s="2">
        <v>0.10100000000000001</v>
      </c>
      <c r="X24997" s="2">
        <v>43</v>
      </c>
      <c r="Y24997" s="2">
        <v>16.5</v>
      </c>
      <c r="Z24997" s="2">
        <v>143</v>
      </c>
      <c r="AA24997" s="5">
        <v>14</v>
      </c>
      <c r="AB24997" s="5" t="s">
        <v>43</v>
      </c>
      <c r="AC24997" s="5" t="s">
        <v>735</v>
      </c>
      <c r="AD24997" s="2" t="s">
        <v>79766</v>
      </c>
      <c r="AE24997" s="1"/>
    </row>
    <row r="24998" spans="1:31" ht="14.45">
      <c r="A24998" s="5"/>
      <c r="B24998" s="21"/>
      <c r="C24998" s="2" t="s">
        <v>79892</v>
      </c>
      <c r="D24998" s="14" t="s">
        <v>79893</v>
      </c>
      <c r="E24998" s="2" t="s">
        <v>79894</v>
      </c>
      <c r="F24998" s="2" t="s">
        <v>79740</v>
      </c>
      <c r="G24998" s="8">
        <v>523</v>
      </c>
      <c r="H24998" s="5">
        <v>5</v>
      </c>
      <c r="I24998" s="5" t="s">
        <v>79637</v>
      </c>
      <c r="J24998" s="5" t="s">
        <v>79638</v>
      </c>
      <c r="K24998" s="2" t="s">
        <v>79639</v>
      </c>
      <c r="L24998" s="5" t="s">
        <v>79638</v>
      </c>
      <c r="M24998" s="2" t="s">
        <v>79639</v>
      </c>
      <c r="N24998" s="5" t="s">
        <v>79640</v>
      </c>
      <c r="O24998" s="5" t="s">
        <v>38</v>
      </c>
      <c r="P24998" s="5" t="s">
        <v>39</v>
      </c>
      <c r="Q24998" s="5" t="s">
        <v>40</v>
      </c>
      <c r="R24998" s="5" t="s">
        <v>24335</v>
      </c>
      <c r="S24998" s="5" t="s">
        <v>40</v>
      </c>
      <c r="T24998" s="5" t="s">
        <v>42</v>
      </c>
      <c r="U24998" s="2">
        <v>13.138999999999999</v>
      </c>
      <c r="V24998" s="2">
        <v>10.964</v>
      </c>
      <c r="W24998" s="2">
        <v>0.11899999999999999</v>
      </c>
      <c r="X24998" s="2">
        <v>18.100000000000001</v>
      </c>
      <c r="Y24998" s="2">
        <v>49.1</v>
      </c>
      <c r="Z24998" s="2">
        <v>134.19999999999999</v>
      </c>
      <c r="AA24998" s="5">
        <v>12</v>
      </c>
      <c r="AB24998" s="5" t="s">
        <v>43</v>
      </c>
      <c r="AC24998" s="5" t="s">
        <v>735</v>
      </c>
      <c r="AD24998" s="2" t="s">
        <v>79770</v>
      </c>
      <c r="AE24998" s="1"/>
    </row>
    <row r="24999" spans="1:31" ht="14.45">
      <c r="A24999" s="5" t="s">
        <v>116</v>
      </c>
      <c r="B24999" s="21">
        <v>46143</v>
      </c>
      <c r="C24999" s="2" t="s">
        <v>79895</v>
      </c>
      <c r="D24999" s="14" t="s">
        <v>79896</v>
      </c>
      <c r="E24999" s="2" t="s">
        <v>79897</v>
      </c>
      <c r="F24999" s="2" t="s">
        <v>130</v>
      </c>
      <c r="G24999" s="8">
        <v>643</v>
      </c>
      <c r="H24999" s="5">
        <v>5</v>
      </c>
      <c r="I24999" s="5" t="s">
        <v>79637</v>
      </c>
      <c r="J24999" s="5" t="s">
        <v>79638</v>
      </c>
      <c r="K24999" s="2" t="s">
        <v>79639</v>
      </c>
      <c r="L24999" s="5" t="s">
        <v>79638</v>
      </c>
      <c r="M24999" s="2" t="s">
        <v>79639</v>
      </c>
      <c r="N24999" s="5" t="s">
        <v>79640</v>
      </c>
      <c r="O24999" s="5" t="s">
        <v>38</v>
      </c>
      <c r="P24999" s="5" t="s">
        <v>39</v>
      </c>
      <c r="Q24999" s="5" t="s">
        <v>40</v>
      </c>
      <c r="R24999" s="5" t="s">
        <v>24335</v>
      </c>
      <c r="S24999" s="5" t="s">
        <v>40</v>
      </c>
      <c r="T24999" s="5" t="s">
        <v>42</v>
      </c>
      <c r="U24999" s="2">
        <v>12.214</v>
      </c>
      <c r="V24999" s="2">
        <v>9.6869999999999994</v>
      </c>
      <c r="W24999" s="2">
        <v>0.10100000000000001</v>
      </c>
      <c r="X24999" s="2">
        <v>43</v>
      </c>
      <c r="Y24999" s="2">
        <v>16.5</v>
      </c>
      <c r="Z24999" s="2">
        <v>143</v>
      </c>
      <c r="AA24999" s="5">
        <v>14</v>
      </c>
      <c r="AB24999" s="5" t="s">
        <v>43</v>
      </c>
      <c r="AC24999" s="5" t="s">
        <v>735</v>
      </c>
      <c r="AD24999" s="2" t="s">
        <v>79774</v>
      </c>
      <c r="AE24999" s="1"/>
    </row>
    <row r="25000" spans="1:31" ht="14.45">
      <c r="A25000" s="5"/>
      <c r="B25000" s="21"/>
      <c r="C25000" s="2" t="s">
        <v>79898</v>
      </c>
      <c r="D25000" s="14" t="s">
        <v>79899</v>
      </c>
      <c r="E25000" s="2" t="s">
        <v>79900</v>
      </c>
      <c r="F25000" s="2" t="s">
        <v>79778</v>
      </c>
      <c r="G25000" s="8">
        <v>643</v>
      </c>
      <c r="H25000" s="5">
        <v>5</v>
      </c>
      <c r="I25000" s="5" t="s">
        <v>79637</v>
      </c>
      <c r="J25000" s="5" t="s">
        <v>79638</v>
      </c>
      <c r="K25000" s="2" t="s">
        <v>79639</v>
      </c>
      <c r="L25000" s="5" t="s">
        <v>79638</v>
      </c>
      <c r="M25000" s="2" t="s">
        <v>79639</v>
      </c>
      <c r="N25000" s="5" t="s">
        <v>79640</v>
      </c>
      <c r="O25000" s="5" t="s">
        <v>38</v>
      </c>
      <c r="P25000" s="5" t="s">
        <v>39</v>
      </c>
      <c r="Q25000" s="5" t="s">
        <v>40</v>
      </c>
      <c r="R25000" s="5" t="s">
        <v>24335</v>
      </c>
      <c r="S25000" s="5" t="s">
        <v>40</v>
      </c>
      <c r="T25000" s="5" t="s">
        <v>42</v>
      </c>
      <c r="U25000" s="2">
        <v>14.849</v>
      </c>
      <c r="V25000" s="2">
        <v>12.673999999999999</v>
      </c>
      <c r="W25000" s="2">
        <v>0.11899999999999999</v>
      </c>
      <c r="X25000" s="2">
        <v>18.100000000000001</v>
      </c>
      <c r="Y25000" s="2">
        <v>49.1</v>
      </c>
      <c r="Z25000" s="2">
        <v>134.19999999999999</v>
      </c>
      <c r="AA25000" s="5">
        <v>12</v>
      </c>
      <c r="AB25000" s="5" t="s">
        <v>43</v>
      </c>
      <c r="AC25000" s="5" t="s">
        <v>735</v>
      </c>
      <c r="AD25000" s="2" t="s">
        <v>79779</v>
      </c>
      <c r="AE25000" s="1"/>
    </row>
    <row r="25001" spans="1:31" ht="14.45">
      <c r="A25001" s="5"/>
      <c r="B25001" s="21"/>
      <c r="C25001" s="2" t="s">
        <v>79901</v>
      </c>
      <c r="D25001" s="14" t="s">
        <v>79902</v>
      </c>
      <c r="E25001" s="2" t="s">
        <v>79903</v>
      </c>
      <c r="F25001" s="2" t="s">
        <v>79783</v>
      </c>
      <c r="G25001" s="8">
        <v>569</v>
      </c>
      <c r="H25001" s="5">
        <v>10</v>
      </c>
      <c r="I25001" s="5" t="s">
        <v>79637</v>
      </c>
      <c r="J25001" s="5" t="s">
        <v>79638</v>
      </c>
      <c r="K25001" s="2" t="s">
        <v>79639</v>
      </c>
      <c r="L25001" s="5" t="s">
        <v>79638</v>
      </c>
      <c r="M25001" s="2" t="s">
        <v>79639</v>
      </c>
      <c r="N25001" s="5" t="s">
        <v>79640</v>
      </c>
      <c r="O25001" s="5" t="s">
        <v>38</v>
      </c>
      <c r="P25001" s="5" t="s">
        <v>39</v>
      </c>
      <c r="Q25001" s="5" t="s">
        <v>40</v>
      </c>
      <c r="R25001" s="5" t="s">
        <v>24335</v>
      </c>
      <c r="S25001" s="5" t="s">
        <v>40</v>
      </c>
      <c r="T25001" s="5" t="s">
        <v>42</v>
      </c>
      <c r="U25001" s="2">
        <v>13.167999999999999</v>
      </c>
      <c r="V25001" s="2">
        <v>10.993</v>
      </c>
      <c r="W25001" s="2">
        <v>0.11899999999999999</v>
      </c>
      <c r="X25001" s="2">
        <v>18.100000000000001</v>
      </c>
      <c r="Y25001" s="2">
        <v>49.1</v>
      </c>
      <c r="Z25001" s="2">
        <v>134.19999999999999</v>
      </c>
      <c r="AA25001" s="5">
        <v>12</v>
      </c>
      <c r="AB25001" s="5" t="s">
        <v>43</v>
      </c>
      <c r="AC25001" s="5" t="s">
        <v>735</v>
      </c>
      <c r="AD25001" s="2" t="s">
        <v>79784</v>
      </c>
      <c r="AE25001" s="1"/>
    </row>
    <row r="25002" spans="1:31" ht="14.45">
      <c r="A25002" s="5" t="s">
        <v>116</v>
      </c>
      <c r="B25002" s="21">
        <v>46143</v>
      </c>
      <c r="C25002" s="2" t="s">
        <v>79904</v>
      </c>
      <c r="D25002" s="14" t="s">
        <v>79905</v>
      </c>
      <c r="E25002" s="2" t="s">
        <v>79906</v>
      </c>
      <c r="F25002" s="2" t="s">
        <v>79833</v>
      </c>
      <c r="G25002" s="8">
        <v>685</v>
      </c>
      <c r="H25002" s="5">
        <v>5</v>
      </c>
      <c r="I25002" s="5" t="s">
        <v>79637</v>
      </c>
      <c r="J25002" s="5" t="s">
        <v>79638</v>
      </c>
      <c r="K25002" s="2" t="s">
        <v>79639</v>
      </c>
      <c r="L25002" s="5" t="s">
        <v>79638</v>
      </c>
      <c r="M25002" s="2" t="s">
        <v>79639</v>
      </c>
      <c r="N25002" s="5" t="s">
        <v>79640</v>
      </c>
      <c r="O25002" s="5" t="s">
        <v>38</v>
      </c>
      <c r="P25002" s="5" t="s">
        <v>39</v>
      </c>
      <c r="Q25002" s="5" t="s">
        <v>40</v>
      </c>
      <c r="R25002" s="5" t="s">
        <v>1487</v>
      </c>
      <c r="S25002" s="5"/>
      <c r="T25002" s="5" t="s">
        <v>42</v>
      </c>
      <c r="U25002" s="2">
        <v>0</v>
      </c>
      <c r="V25002" s="2">
        <v>0</v>
      </c>
      <c r="W25002" s="2">
        <v>0</v>
      </c>
      <c r="X25002" s="2">
        <v>0</v>
      </c>
      <c r="Y25002" s="2">
        <v>0</v>
      </c>
      <c r="Z25002" s="2">
        <v>0</v>
      </c>
      <c r="AA25002" s="5"/>
      <c r="AB25002" s="5" t="s">
        <v>43</v>
      </c>
      <c r="AC25002" s="5" t="s">
        <v>735</v>
      </c>
      <c r="AD25002" s="2" t="s">
        <v>79834</v>
      </c>
      <c r="AE25002" s="1"/>
    </row>
    <row r="25003" spans="1:31" ht="14.45">
      <c r="A25003" s="5" t="s">
        <v>116</v>
      </c>
      <c r="B25003" s="21">
        <v>46143</v>
      </c>
      <c r="C25003" s="2" t="s">
        <v>79907</v>
      </c>
      <c r="D25003" s="14" t="s">
        <v>79908</v>
      </c>
      <c r="E25003" s="2" t="s">
        <v>79909</v>
      </c>
      <c r="F25003" s="2" t="s">
        <v>130</v>
      </c>
      <c r="G25003" s="8">
        <v>549</v>
      </c>
      <c r="H25003" s="5">
        <v>5</v>
      </c>
      <c r="I25003" s="5" t="s">
        <v>79637</v>
      </c>
      <c r="J25003" s="5" t="s">
        <v>79638</v>
      </c>
      <c r="K25003" s="2" t="s">
        <v>79639</v>
      </c>
      <c r="L25003" s="5" t="s">
        <v>79638</v>
      </c>
      <c r="M25003" s="2" t="s">
        <v>79639</v>
      </c>
      <c r="N25003" s="5" t="s">
        <v>79640</v>
      </c>
      <c r="O25003" s="5" t="s">
        <v>38</v>
      </c>
      <c r="P25003" s="5" t="s">
        <v>39</v>
      </c>
      <c r="Q25003" s="5" t="s">
        <v>40</v>
      </c>
      <c r="R25003" s="5" t="s">
        <v>24335</v>
      </c>
      <c r="S25003" s="5" t="s">
        <v>40</v>
      </c>
      <c r="T25003" s="5" t="s">
        <v>42</v>
      </c>
      <c r="U25003" s="2">
        <v>11.631</v>
      </c>
      <c r="V25003" s="2">
        <v>8.9169999999999998</v>
      </c>
      <c r="W25003" s="2">
        <v>0.11600000000000001</v>
      </c>
      <c r="X25003" s="2">
        <v>43</v>
      </c>
      <c r="Y25003" s="2">
        <v>16.5</v>
      </c>
      <c r="Z25003" s="2">
        <v>162.80000000000001</v>
      </c>
      <c r="AA25003" s="5">
        <v>14</v>
      </c>
      <c r="AB25003" s="5" t="s">
        <v>43</v>
      </c>
      <c r="AC25003" s="5" t="s">
        <v>735</v>
      </c>
      <c r="AD25003" s="2" t="s">
        <v>79766</v>
      </c>
      <c r="AE25003" s="1"/>
    </row>
    <row r="25004" spans="1:31" ht="14.45">
      <c r="A25004" s="5"/>
      <c r="B25004" s="21"/>
      <c r="C25004" s="2" t="s">
        <v>79910</v>
      </c>
      <c r="D25004" s="14" t="s">
        <v>79911</v>
      </c>
      <c r="E25004" s="2" t="s">
        <v>79912</v>
      </c>
      <c r="F25004" s="2" t="s">
        <v>79740</v>
      </c>
      <c r="G25004" s="8">
        <v>549</v>
      </c>
      <c r="H25004" s="5">
        <v>5</v>
      </c>
      <c r="I25004" s="5" t="s">
        <v>79637</v>
      </c>
      <c r="J25004" s="5" t="s">
        <v>79638</v>
      </c>
      <c r="K25004" s="2" t="s">
        <v>79639</v>
      </c>
      <c r="L25004" s="5" t="s">
        <v>79638</v>
      </c>
      <c r="M25004" s="2" t="s">
        <v>79639</v>
      </c>
      <c r="N25004" s="5" t="s">
        <v>79640</v>
      </c>
      <c r="O25004" s="5" t="s">
        <v>38</v>
      </c>
      <c r="P25004" s="5" t="s">
        <v>39</v>
      </c>
      <c r="Q25004" s="5" t="s">
        <v>40</v>
      </c>
      <c r="R25004" s="5" t="s">
        <v>24335</v>
      </c>
      <c r="S25004" s="5" t="s">
        <v>40</v>
      </c>
      <c r="T25004" s="5" t="s">
        <v>42</v>
      </c>
      <c r="U25004" s="2">
        <v>14.446</v>
      </c>
      <c r="V25004" s="2">
        <v>12.068</v>
      </c>
      <c r="W25004" s="2">
        <v>0.13900000000000001</v>
      </c>
      <c r="X25004" s="2">
        <v>18.100000000000001</v>
      </c>
      <c r="Y25004" s="2">
        <v>49.1</v>
      </c>
      <c r="Z25004" s="2">
        <v>156.19999999999999</v>
      </c>
      <c r="AA25004" s="5">
        <v>12</v>
      </c>
      <c r="AB25004" s="5" t="s">
        <v>43</v>
      </c>
      <c r="AC25004" s="5" t="s">
        <v>735</v>
      </c>
      <c r="AD25004" s="2" t="s">
        <v>79770</v>
      </c>
      <c r="AE25004" s="1"/>
    </row>
    <row r="25005" spans="1:31" ht="14.45">
      <c r="A25005" s="5" t="s">
        <v>116</v>
      </c>
      <c r="B25005" s="21">
        <v>46143</v>
      </c>
      <c r="C25005" s="2" t="s">
        <v>79913</v>
      </c>
      <c r="D25005" s="14" t="s">
        <v>79914</v>
      </c>
      <c r="E25005" s="2" t="s">
        <v>79915</v>
      </c>
      <c r="F25005" s="2" t="s">
        <v>130</v>
      </c>
      <c r="G25005" s="8">
        <v>675</v>
      </c>
      <c r="H25005" s="5">
        <v>5</v>
      </c>
      <c r="I25005" s="5" t="s">
        <v>79637</v>
      </c>
      <c r="J25005" s="5" t="s">
        <v>79638</v>
      </c>
      <c r="K25005" s="2" t="s">
        <v>79639</v>
      </c>
      <c r="L25005" s="5" t="s">
        <v>79638</v>
      </c>
      <c r="M25005" s="2" t="s">
        <v>79639</v>
      </c>
      <c r="N25005" s="5" t="s">
        <v>79640</v>
      </c>
      <c r="O25005" s="5" t="s">
        <v>38</v>
      </c>
      <c r="P25005" s="5" t="s">
        <v>39</v>
      </c>
      <c r="Q25005" s="5" t="s">
        <v>40</v>
      </c>
      <c r="R25005" s="5" t="s">
        <v>24335</v>
      </c>
      <c r="S25005" s="5" t="s">
        <v>40</v>
      </c>
      <c r="T25005" s="5" t="s">
        <v>42</v>
      </c>
      <c r="U25005" s="2">
        <v>13.548999999999999</v>
      </c>
      <c r="V25005" s="2">
        <v>10.835000000000001</v>
      </c>
      <c r="W25005" s="2">
        <v>0.11600000000000001</v>
      </c>
      <c r="X25005" s="2">
        <v>43</v>
      </c>
      <c r="Y25005" s="2">
        <v>16.5</v>
      </c>
      <c r="Z25005" s="2">
        <v>162.80000000000001</v>
      </c>
      <c r="AA25005" s="5">
        <v>14</v>
      </c>
      <c r="AB25005" s="5" t="s">
        <v>43</v>
      </c>
      <c r="AC25005" s="5" t="s">
        <v>735</v>
      </c>
      <c r="AD25005" s="2" t="s">
        <v>79774</v>
      </c>
      <c r="AE25005" s="1"/>
    </row>
    <row r="25006" spans="1:31" ht="14.45">
      <c r="A25006" s="5"/>
      <c r="B25006" s="21"/>
      <c r="C25006" s="2" t="s">
        <v>79916</v>
      </c>
      <c r="D25006" s="14" t="s">
        <v>79917</v>
      </c>
      <c r="E25006" s="2" t="s">
        <v>79918</v>
      </c>
      <c r="F25006" s="2" t="s">
        <v>79778</v>
      </c>
      <c r="G25006" s="8">
        <v>675</v>
      </c>
      <c r="H25006" s="5">
        <v>5</v>
      </c>
      <c r="I25006" s="5" t="s">
        <v>79637</v>
      </c>
      <c r="J25006" s="5" t="s">
        <v>79638</v>
      </c>
      <c r="K25006" s="2" t="s">
        <v>79639</v>
      </c>
      <c r="L25006" s="5" t="s">
        <v>79638</v>
      </c>
      <c r="M25006" s="2" t="s">
        <v>79639</v>
      </c>
      <c r="N25006" s="5" t="s">
        <v>79640</v>
      </c>
      <c r="O25006" s="5" t="s">
        <v>38</v>
      </c>
      <c r="P25006" s="5" t="s">
        <v>39</v>
      </c>
      <c r="Q25006" s="5" t="s">
        <v>40</v>
      </c>
      <c r="R25006" s="5" t="s">
        <v>24335</v>
      </c>
      <c r="S25006" s="5" t="s">
        <v>40</v>
      </c>
      <c r="T25006" s="5" t="s">
        <v>42</v>
      </c>
      <c r="U25006" s="2">
        <v>16.396000000000001</v>
      </c>
      <c r="V25006" s="2">
        <v>14.018000000000001</v>
      </c>
      <c r="W25006" s="2">
        <v>0.13900000000000001</v>
      </c>
      <c r="X25006" s="2">
        <v>18.100000000000001</v>
      </c>
      <c r="Y25006" s="2">
        <v>49.1</v>
      </c>
      <c r="Z25006" s="2">
        <v>156.19999999999999</v>
      </c>
      <c r="AA25006" s="5">
        <v>12</v>
      </c>
      <c r="AB25006" s="5" t="s">
        <v>43</v>
      </c>
      <c r="AC25006" s="5" t="s">
        <v>735</v>
      </c>
      <c r="AD25006" s="2" t="s">
        <v>79779</v>
      </c>
      <c r="AE25006" s="1"/>
    </row>
    <row r="25007" spans="1:31" ht="14.45">
      <c r="A25007" s="5"/>
      <c r="B25007" s="21"/>
      <c r="C25007" s="2" t="s">
        <v>79919</v>
      </c>
      <c r="D25007" s="14" t="s">
        <v>79920</v>
      </c>
      <c r="E25007" s="2" t="s">
        <v>79921</v>
      </c>
      <c r="F25007" s="2" t="s">
        <v>79783</v>
      </c>
      <c r="G25007" s="8">
        <v>595</v>
      </c>
      <c r="H25007" s="5">
        <v>10</v>
      </c>
      <c r="I25007" s="5" t="s">
        <v>79637</v>
      </c>
      <c r="J25007" s="5" t="s">
        <v>79638</v>
      </c>
      <c r="K25007" s="2" t="s">
        <v>79639</v>
      </c>
      <c r="L25007" s="5" t="s">
        <v>79638</v>
      </c>
      <c r="M25007" s="2" t="s">
        <v>79639</v>
      </c>
      <c r="N25007" s="5" t="s">
        <v>79640</v>
      </c>
      <c r="O25007" s="5" t="s">
        <v>38</v>
      </c>
      <c r="P25007" s="5" t="s">
        <v>39</v>
      </c>
      <c r="Q25007" s="5" t="s">
        <v>40</v>
      </c>
      <c r="R25007" s="5" t="s">
        <v>24335</v>
      </c>
      <c r="S25007" s="5" t="s">
        <v>40</v>
      </c>
      <c r="T25007" s="5" t="s">
        <v>42</v>
      </c>
      <c r="U25007" s="2">
        <v>14.483000000000001</v>
      </c>
      <c r="V25007" s="2">
        <v>12.105</v>
      </c>
      <c r="W25007" s="2">
        <v>0.13900000000000001</v>
      </c>
      <c r="X25007" s="2">
        <v>18.100000000000001</v>
      </c>
      <c r="Y25007" s="2">
        <v>49.1</v>
      </c>
      <c r="Z25007" s="2">
        <v>156.19999999999999</v>
      </c>
      <c r="AA25007" s="5">
        <v>12</v>
      </c>
      <c r="AB25007" s="5" t="s">
        <v>43</v>
      </c>
      <c r="AC25007" s="5" t="s">
        <v>735</v>
      </c>
      <c r="AD25007" s="2" t="s">
        <v>79784</v>
      </c>
      <c r="AE25007" s="1"/>
    </row>
    <row r="25008" spans="1:31" ht="14.45">
      <c r="A25008" s="5" t="s">
        <v>116</v>
      </c>
      <c r="B25008" s="21">
        <v>46143</v>
      </c>
      <c r="C25008" s="2" t="s">
        <v>79922</v>
      </c>
      <c r="D25008" s="14" t="s">
        <v>79923</v>
      </c>
      <c r="E25008" s="2" t="s">
        <v>79924</v>
      </c>
      <c r="F25008" s="2" t="s">
        <v>79833</v>
      </c>
      <c r="G25008" s="8">
        <v>711</v>
      </c>
      <c r="H25008" s="5">
        <v>5</v>
      </c>
      <c r="I25008" s="5" t="s">
        <v>79637</v>
      </c>
      <c r="J25008" s="5" t="s">
        <v>79638</v>
      </c>
      <c r="K25008" s="2" t="s">
        <v>79639</v>
      </c>
      <c r="L25008" s="5" t="s">
        <v>79638</v>
      </c>
      <c r="M25008" s="2" t="s">
        <v>79639</v>
      </c>
      <c r="N25008" s="5" t="s">
        <v>79640</v>
      </c>
      <c r="O25008" s="5" t="s">
        <v>38</v>
      </c>
      <c r="P25008" s="5" t="s">
        <v>39</v>
      </c>
      <c r="Q25008" s="5" t="s">
        <v>40</v>
      </c>
      <c r="R25008" s="5" t="s">
        <v>1487</v>
      </c>
      <c r="S25008" s="5"/>
      <c r="T25008" s="5" t="s">
        <v>42</v>
      </c>
      <c r="U25008" s="2">
        <v>0</v>
      </c>
      <c r="V25008" s="2">
        <v>0</v>
      </c>
      <c r="W25008" s="2">
        <v>0</v>
      </c>
      <c r="X25008" s="2">
        <v>0</v>
      </c>
      <c r="Y25008" s="2">
        <v>0</v>
      </c>
      <c r="Z25008" s="2">
        <v>0</v>
      </c>
      <c r="AA25008" s="5"/>
      <c r="AB25008" s="5" t="s">
        <v>43</v>
      </c>
      <c r="AC25008" s="5" t="s">
        <v>735</v>
      </c>
      <c r="AD25008" s="2" t="s">
        <v>79834</v>
      </c>
      <c r="AE25008" s="1"/>
    </row>
    <row r="25009" spans="1:31" ht="14.45">
      <c r="A25009" s="5" t="s">
        <v>116</v>
      </c>
      <c r="B25009" s="21">
        <v>46143</v>
      </c>
      <c r="C25009" s="2" t="s">
        <v>79925</v>
      </c>
      <c r="D25009" s="14" t="s">
        <v>79926</v>
      </c>
      <c r="E25009" s="2" t="s">
        <v>79927</v>
      </c>
      <c r="F25009" s="2" t="s">
        <v>130</v>
      </c>
      <c r="G25009" s="8">
        <v>591</v>
      </c>
      <c r="H25009" s="5">
        <v>5</v>
      </c>
      <c r="I25009" s="5" t="s">
        <v>79637</v>
      </c>
      <c r="J25009" s="5" t="s">
        <v>79638</v>
      </c>
      <c r="K25009" s="2" t="s">
        <v>79639</v>
      </c>
      <c r="L25009" s="5" t="s">
        <v>79638</v>
      </c>
      <c r="M25009" s="2" t="s">
        <v>79639</v>
      </c>
      <c r="N25009" s="5" t="s">
        <v>79640</v>
      </c>
      <c r="O25009" s="5" t="s">
        <v>38</v>
      </c>
      <c r="P25009" s="5" t="s">
        <v>39</v>
      </c>
      <c r="Q25009" s="5" t="s">
        <v>40</v>
      </c>
      <c r="R25009" s="5" t="s">
        <v>24335</v>
      </c>
      <c r="S25009" s="5" t="s">
        <v>40</v>
      </c>
      <c r="T25009" s="5" t="s">
        <v>42</v>
      </c>
      <c r="U25009" s="2">
        <v>12.638</v>
      </c>
      <c r="V25009" s="2">
        <v>9.7729999999999997</v>
      </c>
      <c r="W25009" s="2">
        <v>0.126</v>
      </c>
      <c r="X25009" s="2">
        <v>43</v>
      </c>
      <c r="Y25009" s="2">
        <v>16.5</v>
      </c>
      <c r="Z25009" s="2">
        <v>177.8</v>
      </c>
      <c r="AA25009" s="5">
        <v>14</v>
      </c>
      <c r="AB25009" s="5" t="s">
        <v>43</v>
      </c>
      <c r="AC25009" s="5" t="s">
        <v>735</v>
      </c>
      <c r="AD25009" s="2" t="s">
        <v>79766</v>
      </c>
      <c r="AE25009" s="1"/>
    </row>
    <row r="25010" spans="1:31" ht="14.45">
      <c r="A25010" s="5"/>
      <c r="B25010" s="21"/>
      <c r="C25010" s="2" t="s">
        <v>79928</v>
      </c>
      <c r="D25010" s="14" t="s">
        <v>79929</v>
      </c>
      <c r="E25010" s="2" t="s">
        <v>79930</v>
      </c>
      <c r="F25010" s="2" t="s">
        <v>79740</v>
      </c>
      <c r="G25010" s="8">
        <v>591</v>
      </c>
      <c r="H25010" s="5">
        <v>5</v>
      </c>
      <c r="I25010" s="5" t="s">
        <v>79637</v>
      </c>
      <c r="J25010" s="5" t="s">
        <v>79638</v>
      </c>
      <c r="K25010" s="2" t="s">
        <v>79639</v>
      </c>
      <c r="L25010" s="5" t="s">
        <v>79638</v>
      </c>
      <c r="M25010" s="2" t="s">
        <v>79639</v>
      </c>
      <c r="N25010" s="5" t="s">
        <v>79640</v>
      </c>
      <c r="O25010" s="5" t="s">
        <v>38</v>
      </c>
      <c r="P25010" s="5" t="s">
        <v>39</v>
      </c>
      <c r="Q25010" s="5" t="s">
        <v>40</v>
      </c>
      <c r="R25010" s="5" t="s">
        <v>24335</v>
      </c>
      <c r="S25010" s="5" t="s">
        <v>40</v>
      </c>
      <c r="T25010" s="5" t="s">
        <v>42</v>
      </c>
      <c r="U25010" s="2">
        <v>15.627000000000001</v>
      </c>
      <c r="V25010" s="2">
        <v>13.044</v>
      </c>
      <c r="W25010" s="2">
        <v>0.153</v>
      </c>
      <c r="X25010" s="2">
        <v>18.100000000000001</v>
      </c>
      <c r="Y25010" s="2">
        <v>49.1</v>
      </c>
      <c r="Z25010" s="2">
        <v>172.4</v>
      </c>
      <c r="AA25010" s="5">
        <v>12</v>
      </c>
      <c r="AB25010" s="5" t="s">
        <v>43</v>
      </c>
      <c r="AC25010" s="5" t="s">
        <v>735</v>
      </c>
      <c r="AD25010" s="2" t="s">
        <v>79770</v>
      </c>
      <c r="AE25010" s="1"/>
    </row>
    <row r="25011" spans="1:31" ht="14.45">
      <c r="A25011" s="5" t="s">
        <v>116</v>
      </c>
      <c r="B25011" s="21">
        <v>46143</v>
      </c>
      <c r="C25011" s="2" t="s">
        <v>79931</v>
      </c>
      <c r="D25011" s="14" t="s">
        <v>79932</v>
      </c>
      <c r="E25011" s="2" t="s">
        <v>79933</v>
      </c>
      <c r="F25011" s="2" t="s">
        <v>130</v>
      </c>
      <c r="G25011" s="8">
        <v>727</v>
      </c>
      <c r="H25011" s="5">
        <v>10</v>
      </c>
      <c r="I25011" s="5" t="s">
        <v>79637</v>
      </c>
      <c r="J25011" s="5" t="s">
        <v>79638</v>
      </c>
      <c r="K25011" s="2" t="s">
        <v>79639</v>
      </c>
      <c r="L25011" s="5" t="s">
        <v>79638</v>
      </c>
      <c r="M25011" s="2" t="s">
        <v>79639</v>
      </c>
      <c r="N25011" s="5" t="s">
        <v>79640</v>
      </c>
      <c r="O25011" s="5" t="s">
        <v>38</v>
      </c>
      <c r="P25011" s="5" t="s">
        <v>39</v>
      </c>
      <c r="Q25011" s="5" t="s">
        <v>40</v>
      </c>
      <c r="R25011" s="5" t="s">
        <v>24335</v>
      </c>
      <c r="S25011" s="5" t="s">
        <v>40</v>
      </c>
      <c r="T25011" s="5" t="s">
        <v>42</v>
      </c>
      <c r="U25011" s="2">
        <v>14.78</v>
      </c>
      <c r="V25011" s="2">
        <v>11.914999999999999</v>
      </c>
      <c r="W25011" s="2">
        <v>0.126</v>
      </c>
      <c r="X25011" s="2">
        <v>43</v>
      </c>
      <c r="Y25011" s="2">
        <v>16.5</v>
      </c>
      <c r="Z25011" s="2">
        <v>177.8</v>
      </c>
      <c r="AA25011" s="5">
        <v>14</v>
      </c>
      <c r="AB25011" s="5" t="s">
        <v>43</v>
      </c>
      <c r="AC25011" s="5" t="s">
        <v>735</v>
      </c>
      <c r="AD25011" s="2" t="s">
        <v>79774</v>
      </c>
      <c r="AE25011" s="1"/>
    </row>
    <row r="25012" spans="1:31" ht="14.45">
      <c r="A25012" s="5"/>
      <c r="B25012" s="21"/>
      <c r="C25012" s="2" t="s">
        <v>79934</v>
      </c>
      <c r="D25012" s="14" t="s">
        <v>79935</v>
      </c>
      <c r="E25012" s="2" t="s">
        <v>79936</v>
      </c>
      <c r="F25012" s="2" t="s">
        <v>79778</v>
      </c>
      <c r="G25012" s="8">
        <v>727</v>
      </c>
      <c r="H25012" s="5">
        <v>10</v>
      </c>
      <c r="I25012" s="5" t="s">
        <v>79637</v>
      </c>
      <c r="J25012" s="5" t="s">
        <v>79638</v>
      </c>
      <c r="K25012" s="2" t="s">
        <v>79639</v>
      </c>
      <c r="L25012" s="5" t="s">
        <v>79638</v>
      </c>
      <c r="M25012" s="2" t="s">
        <v>79639</v>
      </c>
      <c r="N25012" s="5" t="s">
        <v>79640</v>
      </c>
      <c r="O25012" s="5" t="s">
        <v>38</v>
      </c>
      <c r="P25012" s="5" t="s">
        <v>39</v>
      </c>
      <c r="Q25012" s="5" t="s">
        <v>40</v>
      </c>
      <c r="R25012" s="5" t="s">
        <v>24335</v>
      </c>
      <c r="S25012" s="5" t="s">
        <v>40</v>
      </c>
      <c r="T25012" s="5" t="s">
        <v>42</v>
      </c>
      <c r="U25012" s="2">
        <v>17.797000000000001</v>
      </c>
      <c r="V25012" s="2">
        <v>15.214</v>
      </c>
      <c r="W25012" s="2">
        <v>0.153</v>
      </c>
      <c r="X25012" s="2">
        <v>18.100000000000001</v>
      </c>
      <c r="Y25012" s="2">
        <v>49.1</v>
      </c>
      <c r="Z25012" s="2">
        <v>172.4</v>
      </c>
      <c r="AA25012" s="5">
        <v>12</v>
      </c>
      <c r="AB25012" s="5" t="s">
        <v>43</v>
      </c>
      <c r="AC25012" s="5" t="s">
        <v>735</v>
      </c>
      <c r="AD25012" s="2" t="s">
        <v>79779</v>
      </c>
      <c r="AE25012" s="1"/>
    </row>
    <row r="25013" spans="1:31" ht="14.45">
      <c r="A25013" s="5"/>
      <c r="B25013" s="21"/>
      <c r="C25013" s="2" t="s">
        <v>79937</v>
      </c>
      <c r="D25013" s="14" t="s">
        <v>79938</v>
      </c>
      <c r="E25013" s="2" t="s">
        <v>79939</v>
      </c>
      <c r="F25013" s="2" t="s">
        <v>79783</v>
      </c>
      <c r="G25013" s="8">
        <v>637</v>
      </c>
      <c r="H25013" s="5">
        <v>10</v>
      </c>
      <c r="I25013" s="5" t="s">
        <v>79637</v>
      </c>
      <c r="J25013" s="5" t="s">
        <v>79638</v>
      </c>
      <c r="K25013" s="2" t="s">
        <v>79639</v>
      </c>
      <c r="L25013" s="5" t="s">
        <v>79638</v>
      </c>
      <c r="M25013" s="2" t="s">
        <v>79639</v>
      </c>
      <c r="N25013" s="5" t="s">
        <v>79640</v>
      </c>
      <c r="O25013" s="5" t="s">
        <v>38</v>
      </c>
      <c r="P25013" s="5" t="s">
        <v>39</v>
      </c>
      <c r="Q25013" s="5" t="s">
        <v>40</v>
      </c>
      <c r="R25013" s="5" t="s">
        <v>24335</v>
      </c>
      <c r="S25013" s="5" t="s">
        <v>40</v>
      </c>
      <c r="T25013" s="5" t="s">
        <v>42</v>
      </c>
      <c r="U25013" s="2">
        <v>15.669</v>
      </c>
      <c r="V25013" s="2">
        <v>13.086</v>
      </c>
      <c r="W25013" s="2">
        <v>0.153</v>
      </c>
      <c r="X25013" s="2">
        <v>18.100000000000001</v>
      </c>
      <c r="Y25013" s="2">
        <v>49.1</v>
      </c>
      <c r="Z25013" s="2">
        <v>172.4</v>
      </c>
      <c r="AA25013" s="5">
        <v>12</v>
      </c>
      <c r="AB25013" s="5" t="s">
        <v>43</v>
      </c>
      <c r="AC25013" s="5" t="s">
        <v>735</v>
      </c>
      <c r="AD25013" s="2" t="s">
        <v>79784</v>
      </c>
      <c r="AE25013" s="1"/>
    </row>
    <row r="25014" spans="1:31" ht="14.45">
      <c r="A25014" s="5" t="s">
        <v>116</v>
      </c>
      <c r="B25014" s="21">
        <v>46143</v>
      </c>
      <c r="C25014" s="2" t="s">
        <v>79940</v>
      </c>
      <c r="D25014" s="14" t="s">
        <v>79941</v>
      </c>
      <c r="E25014" s="2" t="s">
        <v>79942</v>
      </c>
      <c r="F25014" s="2" t="s">
        <v>79833</v>
      </c>
      <c r="G25014" s="8">
        <v>753</v>
      </c>
      <c r="H25014" s="5">
        <v>5</v>
      </c>
      <c r="I25014" s="5" t="s">
        <v>79637</v>
      </c>
      <c r="J25014" s="5" t="s">
        <v>79638</v>
      </c>
      <c r="K25014" s="2" t="s">
        <v>79639</v>
      </c>
      <c r="L25014" s="5" t="s">
        <v>79638</v>
      </c>
      <c r="M25014" s="2" t="s">
        <v>79639</v>
      </c>
      <c r="N25014" s="5" t="s">
        <v>79640</v>
      </c>
      <c r="O25014" s="5" t="s">
        <v>38</v>
      </c>
      <c r="P25014" s="5" t="s">
        <v>39</v>
      </c>
      <c r="Q25014" s="5" t="s">
        <v>40</v>
      </c>
      <c r="R25014" s="5" t="s">
        <v>1487</v>
      </c>
      <c r="S25014" s="5"/>
      <c r="T25014" s="5" t="s">
        <v>42</v>
      </c>
      <c r="U25014" s="2">
        <v>0</v>
      </c>
      <c r="V25014" s="2">
        <v>0</v>
      </c>
      <c r="W25014" s="2">
        <v>0</v>
      </c>
      <c r="X25014" s="2">
        <v>0</v>
      </c>
      <c r="Y25014" s="2">
        <v>0</v>
      </c>
      <c r="Z25014" s="2">
        <v>0</v>
      </c>
      <c r="AA25014" s="5"/>
      <c r="AB25014" s="5" t="s">
        <v>43</v>
      </c>
      <c r="AC25014" s="5" t="s">
        <v>735</v>
      </c>
      <c r="AD25014" s="2" t="s">
        <v>79834</v>
      </c>
      <c r="AE25014" s="1"/>
    </row>
    <row r="25015" spans="1:31" ht="14.45">
      <c r="A25015" s="5" t="s">
        <v>116</v>
      </c>
      <c r="B25015" s="21">
        <v>46143</v>
      </c>
      <c r="C25015" s="2" t="s">
        <v>79943</v>
      </c>
      <c r="D25015" s="14" t="s">
        <v>79944</v>
      </c>
      <c r="E25015" s="2" t="s">
        <v>79945</v>
      </c>
      <c r="F25015" s="2" t="s">
        <v>130</v>
      </c>
      <c r="G25015" s="8">
        <v>664</v>
      </c>
      <c r="H25015" s="5">
        <v>10</v>
      </c>
      <c r="I25015" s="5" t="s">
        <v>79637</v>
      </c>
      <c r="J25015" s="5" t="s">
        <v>79638</v>
      </c>
      <c r="K25015" s="2" t="s">
        <v>79639</v>
      </c>
      <c r="L25015" s="5" t="s">
        <v>79638</v>
      </c>
      <c r="M25015" s="2" t="s">
        <v>79639</v>
      </c>
      <c r="N25015" s="5" t="s">
        <v>79640</v>
      </c>
      <c r="O25015" s="5" t="s">
        <v>38</v>
      </c>
      <c r="P25015" s="5" t="s">
        <v>39</v>
      </c>
      <c r="Q25015" s="5" t="s">
        <v>40</v>
      </c>
      <c r="R25015" s="5" t="s">
        <v>24335</v>
      </c>
      <c r="S25015" s="5" t="s">
        <v>40</v>
      </c>
      <c r="T25015" s="5" t="s">
        <v>42</v>
      </c>
      <c r="U25015" s="2">
        <v>13.593999999999999</v>
      </c>
      <c r="V25015" s="2">
        <v>10.535</v>
      </c>
      <c r="W25015" s="2">
        <v>0.14099999999999999</v>
      </c>
      <c r="X25015" s="2">
        <v>43</v>
      </c>
      <c r="Y25015" s="2">
        <v>16.5</v>
      </c>
      <c r="Z25015" s="2">
        <v>199.2</v>
      </c>
      <c r="AA25015" s="5">
        <v>14</v>
      </c>
      <c r="AB25015" s="5" t="s">
        <v>43</v>
      </c>
      <c r="AC25015" s="5" t="s">
        <v>735</v>
      </c>
      <c r="AD25015" s="2" t="s">
        <v>79766</v>
      </c>
      <c r="AE25015" s="1"/>
    </row>
    <row r="25016" spans="1:31" ht="14.45">
      <c r="A25016" s="5"/>
      <c r="B25016" s="21"/>
      <c r="C25016" s="2" t="s">
        <v>79946</v>
      </c>
      <c r="D25016" s="14" t="s">
        <v>79947</v>
      </c>
      <c r="E25016" s="2" t="s">
        <v>79948</v>
      </c>
      <c r="F25016" s="2" t="s">
        <v>79740</v>
      </c>
      <c r="G25016" s="8">
        <v>664</v>
      </c>
      <c r="H25016" s="5">
        <v>10</v>
      </c>
      <c r="I25016" s="5" t="s">
        <v>79637</v>
      </c>
      <c r="J25016" s="5" t="s">
        <v>79638</v>
      </c>
      <c r="K25016" s="2" t="s">
        <v>79639</v>
      </c>
      <c r="L25016" s="5" t="s">
        <v>79638</v>
      </c>
      <c r="M25016" s="2" t="s">
        <v>79639</v>
      </c>
      <c r="N25016" s="5" t="s">
        <v>79640</v>
      </c>
      <c r="O25016" s="5" t="s">
        <v>38</v>
      </c>
      <c r="P25016" s="5" t="s">
        <v>39</v>
      </c>
      <c r="Q25016" s="5" t="s">
        <v>40</v>
      </c>
      <c r="R25016" s="5" t="s">
        <v>24335</v>
      </c>
      <c r="S25016" s="5" t="s">
        <v>40</v>
      </c>
      <c r="T25016" s="5" t="s">
        <v>42</v>
      </c>
      <c r="U25016" s="2">
        <v>16.864999999999998</v>
      </c>
      <c r="V25016" s="2">
        <v>14.025</v>
      </c>
      <c r="W25016" s="2">
        <v>0.17100000000000001</v>
      </c>
      <c r="X25016" s="2">
        <v>18.100000000000001</v>
      </c>
      <c r="Y25016" s="2">
        <v>49.1</v>
      </c>
      <c r="Z25016" s="2">
        <v>192.4</v>
      </c>
      <c r="AA25016" s="5">
        <v>12</v>
      </c>
      <c r="AB25016" s="5" t="s">
        <v>43</v>
      </c>
      <c r="AC25016" s="5" t="s">
        <v>735</v>
      </c>
      <c r="AD25016" s="2" t="s">
        <v>79770</v>
      </c>
      <c r="AE25016" s="1"/>
    </row>
    <row r="25017" spans="1:31" ht="14.45">
      <c r="A25017" s="5" t="s">
        <v>116</v>
      </c>
      <c r="B25017" s="21">
        <v>46143</v>
      </c>
      <c r="C25017" s="2" t="s">
        <v>79949</v>
      </c>
      <c r="D25017" s="14" t="s">
        <v>79950</v>
      </c>
      <c r="E25017" s="2" t="s">
        <v>79951</v>
      </c>
      <c r="F25017" s="2" t="s">
        <v>130</v>
      </c>
      <c r="G25017" s="8">
        <v>817</v>
      </c>
      <c r="H25017" s="5">
        <v>10</v>
      </c>
      <c r="I25017" s="5" t="s">
        <v>79637</v>
      </c>
      <c r="J25017" s="5" t="s">
        <v>79638</v>
      </c>
      <c r="K25017" s="2" t="s">
        <v>79639</v>
      </c>
      <c r="L25017" s="5" t="s">
        <v>79638</v>
      </c>
      <c r="M25017" s="2" t="s">
        <v>79639</v>
      </c>
      <c r="N25017" s="5" t="s">
        <v>79640</v>
      </c>
      <c r="O25017" s="5" t="s">
        <v>38</v>
      </c>
      <c r="P25017" s="5" t="s">
        <v>39</v>
      </c>
      <c r="Q25017" s="5" t="s">
        <v>40</v>
      </c>
      <c r="R25017" s="5" t="s">
        <v>24335</v>
      </c>
      <c r="S25017" s="5" t="s">
        <v>40</v>
      </c>
      <c r="T25017" s="5" t="s">
        <v>42</v>
      </c>
      <c r="U25017" s="2">
        <v>15.957000000000001</v>
      </c>
      <c r="V25017" s="2">
        <v>12.898</v>
      </c>
      <c r="W25017" s="2">
        <v>0.14099999999999999</v>
      </c>
      <c r="X25017" s="2">
        <v>43</v>
      </c>
      <c r="Y25017" s="2">
        <v>16.5</v>
      </c>
      <c r="Z25017" s="2">
        <v>199.2</v>
      </c>
      <c r="AA25017" s="5">
        <v>14</v>
      </c>
      <c r="AB25017" s="5" t="s">
        <v>43</v>
      </c>
      <c r="AC25017" s="5" t="s">
        <v>735</v>
      </c>
      <c r="AD25017" s="2" t="s">
        <v>79774</v>
      </c>
      <c r="AE25017" s="1"/>
    </row>
    <row r="25018" spans="1:31" ht="14.45">
      <c r="A25018" s="5"/>
      <c r="B25018" s="21"/>
      <c r="C25018" s="2" t="s">
        <v>79952</v>
      </c>
      <c r="D25018" s="14" t="s">
        <v>79953</v>
      </c>
      <c r="E25018" s="2" t="s">
        <v>79954</v>
      </c>
      <c r="F25018" s="2" t="s">
        <v>79778</v>
      </c>
      <c r="G25018" s="8">
        <v>817</v>
      </c>
      <c r="H25018" s="5">
        <v>10</v>
      </c>
      <c r="I25018" s="5" t="s">
        <v>79637</v>
      </c>
      <c r="J25018" s="5" t="s">
        <v>79638</v>
      </c>
      <c r="K25018" s="2" t="s">
        <v>79639</v>
      </c>
      <c r="L25018" s="5" t="s">
        <v>79638</v>
      </c>
      <c r="M25018" s="2" t="s">
        <v>79639</v>
      </c>
      <c r="N25018" s="5" t="s">
        <v>79640</v>
      </c>
      <c r="O25018" s="5" t="s">
        <v>38</v>
      </c>
      <c r="P25018" s="5" t="s">
        <v>39</v>
      </c>
      <c r="Q25018" s="5" t="s">
        <v>40</v>
      </c>
      <c r="R25018" s="5" t="s">
        <v>24335</v>
      </c>
      <c r="S25018" s="5" t="s">
        <v>40</v>
      </c>
      <c r="T25018" s="5" t="s">
        <v>42</v>
      </c>
      <c r="U25018" s="2">
        <v>19.239000000000001</v>
      </c>
      <c r="V25018" s="2">
        <v>16.399000000000001</v>
      </c>
      <c r="W25018" s="2">
        <v>0.17100000000000001</v>
      </c>
      <c r="X25018" s="2">
        <v>18.100000000000001</v>
      </c>
      <c r="Y25018" s="2">
        <v>49.1</v>
      </c>
      <c r="Z25018" s="2">
        <v>192.4</v>
      </c>
      <c r="AA25018" s="5">
        <v>12</v>
      </c>
      <c r="AB25018" s="5" t="s">
        <v>43</v>
      </c>
      <c r="AC25018" s="5" t="s">
        <v>735</v>
      </c>
      <c r="AD25018" s="2" t="s">
        <v>79779</v>
      </c>
      <c r="AE25018" s="1"/>
    </row>
    <row r="25019" spans="1:31" ht="14.45">
      <c r="A25019" s="5"/>
      <c r="B25019" s="21"/>
      <c r="C25019" s="2" t="s">
        <v>79955</v>
      </c>
      <c r="D25019" s="14" t="s">
        <v>79956</v>
      </c>
      <c r="E25019" s="2" t="s">
        <v>79957</v>
      </c>
      <c r="F25019" s="2" t="s">
        <v>79783</v>
      </c>
      <c r="G25019" s="8">
        <v>710</v>
      </c>
      <c r="H25019" s="5">
        <v>10</v>
      </c>
      <c r="I25019" s="5" t="s">
        <v>79637</v>
      </c>
      <c r="J25019" s="5" t="s">
        <v>79638</v>
      </c>
      <c r="K25019" s="2" t="s">
        <v>79639</v>
      </c>
      <c r="L25019" s="5" t="s">
        <v>79638</v>
      </c>
      <c r="M25019" s="2" t="s">
        <v>79639</v>
      </c>
      <c r="N25019" s="5" t="s">
        <v>79640</v>
      </c>
      <c r="O25019" s="5" t="s">
        <v>38</v>
      </c>
      <c r="P25019" s="5" t="s">
        <v>39</v>
      </c>
      <c r="Q25019" s="5" t="s">
        <v>40</v>
      </c>
      <c r="R25019" s="5" t="s">
        <v>24335</v>
      </c>
      <c r="S25019" s="5" t="s">
        <v>40</v>
      </c>
      <c r="T25019" s="5" t="s">
        <v>42</v>
      </c>
      <c r="U25019" s="2">
        <v>16.899000000000001</v>
      </c>
      <c r="V25019" s="2">
        <v>14.058999999999999</v>
      </c>
      <c r="W25019" s="2">
        <v>0.17100000000000001</v>
      </c>
      <c r="X25019" s="2">
        <v>18.100000000000001</v>
      </c>
      <c r="Y25019" s="2">
        <v>49.1</v>
      </c>
      <c r="Z25019" s="2">
        <v>192.4</v>
      </c>
      <c r="AA25019" s="5">
        <v>12</v>
      </c>
      <c r="AB25019" s="5" t="s">
        <v>43</v>
      </c>
      <c r="AC25019" s="5" t="s">
        <v>735</v>
      </c>
      <c r="AD25019" s="2" t="s">
        <v>79784</v>
      </c>
      <c r="AE25019" s="1"/>
    </row>
    <row r="25020" spans="1:31" ht="14.45">
      <c r="A25020" s="5" t="s">
        <v>116</v>
      </c>
      <c r="B25020" s="21">
        <v>46143</v>
      </c>
      <c r="C25020" s="2" t="s">
        <v>79958</v>
      </c>
      <c r="D25020" s="14" t="s">
        <v>79959</v>
      </c>
      <c r="E25020" s="2" t="s">
        <v>79960</v>
      </c>
      <c r="F25020" s="2" t="s">
        <v>79833</v>
      </c>
      <c r="G25020" s="8">
        <v>826</v>
      </c>
      <c r="H25020" s="5">
        <v>10</v>
      </c>
      <c r="I25020" s="5" t="s">
        <v>79637</v>
      </c>
      <c r="J25020" s="5" t="s">
        <v>79638</v>
      </c>
      <c r="K25020" s="2" t="s">
        <v>79639</v>
      </c>
      <c r="L25020" s="5" t="s">
        <v>79638</v>
      </c>
      <c r="M25020" s="2" t="s">
        <v>79639</v>
      </c>
      <c r="N25020" s="5" t="s">
        <v>79640</v>
      </c>
      <c r="O25020" s="5" t="s">
        <v>38</v>
      </c>
      <c r="P25020" s="5" t="s">
        <v>39</v>
      </c>
      <c r="Q25020" s="5" t="s">
        <v>40</v>
      </c>
      <c r="R25020" s="5" t="s">
        <v>1487</v>
      </c>
      <c r="S25020" s="5"/>
      <c r="T25020" s="5" t="s">
        <v>42</v>
      </c>
      <c r="U25020" s="2">
        <v>0</v>
      </c>
      <c r="V25020" s="2">
        <v>0</v>
      </c>
      <c r="W25020" s="2">
        <v>0</v>
      </c>
      <c r="X25020" s="2">
        <v>0</v>
      </c>
      <c r="Y25020" s="2">
        <v>0</v>
      </c>
      <c r="Z25020" s="2">
        <v>0</v>
      </c>
      <c r="AA25020" s="5"/>
      <c r="AB25020" s="5" t="s">
        <v>43</v>
      </c>
      <c r="AC25020" s="5" t="s">
        <v>735</v>
      </c>
      <c r="AD25020" s="2" t="s">
        <v>79834</v>
      </c>
      <c r="AE25020" s="1"/>
    </row>
    <row r="25021" spans="1:31" ht="14.45">
      <c r="A25021" s="5" t="s">
        <v>116</v>
      </c>
      <c r="B25021" s="21">
        <v>46143</v>
      </c>
      <c r="C25021" s="2" t="s">
        <v>79961</v>
      </c>
      <c r="D25021" s="14" t="s">
        <v>79962</v>
      </c>
      <c r="E25021" s="2" t="s">
        <v>79963</v>
      </c>
      <c r="F25021" s="2" t="s">
        <v>130</v>
      </c>
      <c r="G25021" s="8">
        <v>570</v>
      </c>
      <c r="H25021" s="5">
        <v>5</v>
      </c>
      <c r="I25021" s="5" t="s">
        <v>79637</v>
      </c>
      <c r="J25021" s="5" t="s">
        <v>79638</v>
      </c>
      <c r="K25021" s="2" t="s">
        <v>79639</v>
      </c>
      <c r="L25021" s="5" t="s">
        <v>79638</v>
      </c>
      <c r="M25021" s="2" t="s">
        <v>79639</v>
      </c>
      <c r="N25021" s="5" t="s">
        <v>79640</v>
      </c>
      <c r="O25021" s="5" t="s">
        <v>38</v>
      </c>
      <c r="P25021" s="5" t="s">
        <v>39</v>
      </c>
      <c r="Q25021" s="5" t="s">
        <v>40</v>
      </c>
      <c r="R25021" s="5" t="s">
        <v>24335</v>
      </c>
      <c r="S25021" s="5" t="s">
        <v>40</v>
      </c>
      <c r="T25021" s="5" t="s">
        <v>42</v>
      </c>
      <c r="U25021" s="2">
        <v>11.398999999999999</v>
      </c>
      <c r="V25021" s="2">
        <v>8.8719999999999999</v>
      </c>
      <c r="W25021" s="2">
        <v>0.10100000000000001</v>
      </c>
      <c r="X25021" s="2">
        <v>43</v>
      </c>
      <c r="Y25021" s="2">
        <v>16.5</v>
      </c>
      <c r="Z25021" s="2">
        <v>143</v>
      </c>
      <c r="AA25021" s="5">
        <v>14</v>
      </c>
      <c r="AB25021" s="5" t="s">
        <v>43</v>
      </c>
      <c r="AC25021" s="5" t="s">
        <v>735</v>
      </c>
      <c r="AD25021" s="2" t="s">
        <v>79766</v>
      </c>
      <c r="AE25021" s="1"/>
    </row>
    <row r="25022" spans="1:31" ht="14.45">
      <c r="A25022" s="5"/>
      <c r="B25022" s="21"/>
      <c r="C25022" s="2" t="s">
        <v>79964</v>
      </c>
      <c r="D25022" s="14" t="s">
        <v>79965</v>
      </c>
      <c r="E25022" s="2" t="s">
        <v>79966</v>
      </c>
      <c r="F25022" s="2" t="s">
        <v>79740</v>
      </c>
      <c r="G25022" s="8">
        <v>570</v>
      </c>
      <c r="H25022" s="5">
        <v>5</v>
      </c>
      <c r="I25022" s="5" t="s">
        <v>79637</v>
      </c>
      <c r="J25022" s="5" t="s">
        <v>79638</v>
      </c>
      <c r="K25022" s="2" t="s">
        <v>79639</v>
      </c>
      <c r="L25022" s="5" t="s">
        <v>79638</v>
      </c>
      <c r="M25022" s="2" t="s">
        <v>79639</v>
      </c>
      <c r="N25022" s="5" t="s">
        <v>79640</v>
      </c>
      <c r="O25022" s="5" t="s">
        <v>38</v>
      </c>
      <c r="P25022" s="5" t="s">
        <v>39</v>
      </c>
      <c r="Q25022" s="5" t="s">
        <v>40</v>
      </c>
      <c r="R25022" s="5" t="s">
        <v>24335</v>
      </c>
      <c r="S25022" s="5" t="s">
        <v>40</v>
      </c>
      <c r="T25022" s="5" t="s">
        <v>42</v>
      </c>
      <c r="U25022" s="2">
        <v>14.339</v>
      </c>
      <c r="V25022" s="2">
        <v>12.146000000000001</v>
      </c>
      <c r="W25022" s="2">
        <v>0.11899999999999999</v>
      </c>
      <c r="X25022" s="2">
        <v>18.100000000000001</v>
      </c>
      <c r="Y25022" s="2">
        <v>49.1</v>
      </c>
      <c r="Z25022" s="2">
        <v>134.19999999999999</v>
      </c>
      <c r="AA25022" s="5">
        <v>12</v>
      </c>
      <c r="AB25022" s="5" t="s">
        <v>43</v>
      </c>
      <c r="AC25022" s="5" t="s">
        <v>735</v>
      </c>
      <c r="AD25022" s="2" t="s">
        <v>79770</v>
      </c>
      <c r="AE25022" s="1"/>
    </row>
    <row r="25023" spans="1:31" ht="14.45">
      <c r="A25023" s="5" t="s">
        <v>116</v>
      </c>
      <c r="B25023" s="21">
        <v>46143</v>
      </c>
      <c r="C25023" s="2" t="s">
        <v>79967</v>
      </c>
      <c r="D25023" s="14" t="s">
        <v>79968</v>
      </c>
      <c r="E25023" s="2" t="s">
        <v>79969</v>
      </c>
      <c r="F25023" s="2" t="s">
        <v>130</v>
      </c>
      <c r="G25023" s="8">
        <v>701</v>
      </c>
      <c r="H25023" s="5">
        <v>10</v>
      </c>
      <c r="I25023" s="5" t="s">
        <v>79637</v>
      </c>
      <c r="J25023" s="5" t="s">
        <v>79638</v>
      </c>
      <c r="K25023" s="2" t="s">
        <v>79639</v>
      </c>
      <c r="L25023" s="5" t="s">
        <v>79638</v>
      </c>
      <c r="M25023" s="2" t="s">
        <v>79639</v>
      </c>
      <c r="N25023" s="5" t="s">
        <v>79640</v>
      </c>
      <c r="O25023" s="5" t="s">
        <v>38</v>
      </c>
      <c r="P25023" s="5" t="s">
        <v>39</v>
      </c>
      <c r="Q25023" s="5" t="s">
        <v>40</v>
      </c>
      <c r="R25023" s="5" t="s">
        <v>24335</v>
      </c>
      <c r="S25023" s="5" t="s">
        <v>40</v>
      </c>
      <c r="T25023" s="5" t="s">
        <v>42</v>
      </c>
      <c r="U25023" s="2">
        <v>13.164</v>
      </c>
      <c r="V25023" s="2">
        <v>10.637</v>
      </c>
      <c r="W25023" s="2">
        <v>0.10100000000000001</v>
      </c>
      <c r="X25023" s="2">
        <v>43</v>
      </c>
      <c r="Y25023" s="2">
        <v>16.5</v>
      </c>
      <c r="Z25023" s="2">
        <v>143</v>
      </c>
      <c r="AA25023" s="5">
        <v>14</v>
      </c>
      <c r="AB25023" s="5" t="s">
        <v>43</v>
      </c>
      <c r="AC25023" s="5" t="s">
        <v>735</v>
      </c>
      <c r="AD25023" s="2" t="s">
        <v>79774</v>
      </c>
      <c r="AE25023" s="1"/>
    </row>
    <row r="25024" spans="1:31" ht="14.45">
      <c r="A25024" s="5"/>
      <c r="B25024" s="21"/>
      <c r="C25024" s="2" t="s">
        <v>79970</v>
      </c>
      <c r="D25024" s="14" t="s">
        <v>79971</v>
      </c>
      <c r="E25024" s="2" t="s">
        <v>79972</v>
      </c>
      <c r="F25024" s="2" t="s">
        <v>79778</v>
      </c>
      <c r="G25024" s="8">
        <v>701</v>
      </c>
      <c r="H25024" s="5">
        <v>10</v>
      </c>
      <c r="I25024" s="5" t="s">
        <v>79637</v>
      </c>
      <c r="J25024" s="5" t="s">
        <v>79638</v>
      </c>
      <c r="K25024" s="2" t="s">
        <v>79639</v>
      </c>
      <c r="L25024" s="5" t="s">
        <v>79638</v>
      </c>
      <c r="M25024" s="2" t="s">
        <v>79639</v>
      </c>
      <c r="N25024" s="5" t="s">
        <v>79640</v>
      </c>
      <c r="O25024" s="5" t="s">
        <v>38</v>
      </c>
      <c r="P25024" s="5" t="s">
        <v>39</v>
      </c>
      <c r="Q25024" s="5" t="s">
        <v>40</v>
      </c>
      <c r="R25024" s="5" t="s">
        <v>24335</v>
      </c>
      <c r="S25024" s="5" t="s">
        <v>40</v>
      </c>
      <c r="T25024" s="5" t="s">
        <v>42</v>
      </c>
      <c r="U25024" s="2">
        <v>16.158999999999999</v>
      </c>
      <c r="V25024" s="2">
        <v>13.965999999999999</v>
      </c>
      <c r="W25024" s="2">
        <v>0.11899999999999999</v>
      </c>
      <c r="X25024" s="2">
        <v>18.100000000000001</v>
      </c>
      <c r="Y25024" s="2">
        <v>49.1</v>
      </c>
      <c r="Z25024" s="2">
        <v>134.19999999999999</v>
      </c>
      <c r="AA25024" s="5">
        <v>12</v>
      </c>
      <c r="AB25024" s="5" t="s">
        <v>43</v>
      </c>
      <c r="AC25024" s="5" t="s">
        <v>735</v>
      </c>
      <c r="AD25024" s="2" t="s">
        <v>79779</v>
      </c>
      <c r="AE25024" s="1"/>
    </row>
    <row r="25025" spans="1:31" ht="14.45">
      <c r="A25025" s="5"/>
      <c r="B25025" s="21"/>
      <c r="C25025" s="2" t="s">
        <v>79973</v>
      </c>
      <c r="D25025" s="14" t="s">
        <v>79974</v>
      </c>
      <c r="E25025" s="2" t="s">
        <v>79975</v>
      </c>
      <c r="F25025" s="2" t="s">
        <v>79783</v>
      </c>
      <c r="G25025" s="8">
        <v>616</v>
      </c>
      <c r="H25025" s="5">
        <v>10</v>
      </c>
      <c r="I25025" s="5" t="s">
        <v>79637</v>
      </c>
      <c r="J25025" s="5" t="s">
        <v>79638</v>
      </c>
      <c r="K25025" s="2" t="s">
        <v>79639</v>
      </c>
      <c r="L25025" s="5" t="s">
        <v>79638</v>
      </c>
      <c r="M25025" s="2" t="s">
        <v>79639</v>
      </c>
      <c r="N25025" s="5" t="s">
        <v>79640</v>
      </c>
      <c r="O25025" s="5" t="s">
        <v>38</v>
      </c>
      <c r="P25025" s="5" t="s">
        <v>39</v>
      </c>
      <c r="Q25025" s="5" t="s">
        <v>40</v>
      </c>
      <c r="R25025" s="5" t="s">
        <v>24335</v>
      </c>
      <c r="S25025" s="5" t="s">
        <v>40</v>
      </c>
      <c r="T25025" s="5" t="s">
        <v>42</v>
      </c>
      <c r="U25025" s="2">
        <v>14.366</v>
      </c>
      <c r="V25025" s="2">
        <v>12.173</v>
      </c>
      <c r="W25025" s="2">
        <v>0.11899999999999999</v>
      </c>
      <c r="X25025" s="2">
        <v>18.100000000000001</v>
      </c>
      <c r="Y25025" s="2">
        <v>49.1</v>
      </c>
      <c r="Z25025" s="2">
        <v>134.19999999999999</v>
      </c>
      <c r="AA25025" s="5">
        <v>12</v>
      </c>
      <c r="AB25025" s="5" t="s">
        <v>43</v>
      </c>
      <c r="AC25025" s="5" t="s">
        <v>735</v>
      </c>
      <c r="AD25025" s="2" t="s">
        <v>79784</v>
      </c>
      <c r="AE25025" s="1"/>
    </row>
    <row r="25026" spans="1:31" ht="14.45">
      <c r="A25026" s="5" t="s">
        <v>116</v>
      </c>
      <c r="B25026" s="21">
        <v>46143</v>
      </c>
      <c r="C25026" s="2" t="s">
        <v>79976</v>
      </c>
      <c r="D25026" s="14" t="s">
        <v>79977</v>
      </c>
      <c r="E25026" s="2" t="s">
        <v>79978</v>
      </c>
      <c r="F25026" s="2" t="s">
        <v>79833</v>
      </c>
      <c r="G25026" s="8">
        <v>732</v>
      </c>
      <c r="H25026" s="5">
        <v>5</v>
      </c>
      <c r="I25026" s="5" t="s">
        <v>79637</v>
      </c>
      <c r="J25026" s="5" t="s">
        <v>79638</v>
      </c>
      <c r="K25026" s="2" t="s">
        <v>79639</v>
      </c>
      <c r="L25026" s="5" t="s">
        <v>79638</v>
      </c>
      <c r="M25026" s="2" t="s">
        <v>79639</v>
      </c>
      <c r="N25026" s="5" t="s">
        <v>79640</v>
      </c>
      <c r="O25026" s="5" t="s">
        <v>38</v>
      </c>
      <c r="P25026" s="5" t="s">
        <v>39</v>
      </c>
      <c r="Q25026" s="5" t="s">
        <v>40</v>
      </c>
      <c r="R25026" s="5" t="s">
        <v>1487</v>
      </c>
      <c r="S25026" s="5"/>
      <c r="T25026" s="5" t="s">
        <v>42</v>
      </c>
      <c r="U25026" s="2">
        <v>0</v>
      </c>
      <c r="V25026" s="2">
        <v>0</v>
      </c>
      <c r="W25026" s="2">
        <v>0</v>
      </c>
      <c r="X25026" s="2">
        <v>0</v>
      </c>
      <c r="Y25026" s="2">
        <v>0</v>
      </c>
      <c r="Z25026" s="2">
        <v>0</v>
      </c>
      <c r="AA25026" s="5"/>
      <c r="AB25026" s="5" t="s">
        <v>43</v>
      </c>
      <c r="AC25026" s="5" t="s">
        <v>735</v>
      </c>
      <c r="AD25026" s="2" t="s">
        <v>79834</v>
      </c>
      <c r="AE25026" s="1"/>
    </row>
    <row r="25027" spans="1:31" ht="14.45">
      <c r="A25027" s="5" t="s">
        <v>116</v>
      </c>
      <c r="B25027" s="21">
        <v>46143</v>
      </c>
      <c r="C25027" s="2" t="s">
        <v>79979</v>
      </c>
      <c r="D25027" s="14" t="s">
        <v>79980</v>
      </c>
      <c r="E25027" s="2" t="s">
        <v>79981</v>
      </c>
      <c r="F25027" s="2" t="s">
        <v>130</v>
      </c>
      <c r="G25027" s="8">
        <v>601</v>
      </c>
      <c r="H25027" s="5">
        <v>5</v>
      </c>
      <c r="I25027" s="5" t="s">
        <v>79637</v>
      </c>
      <c r="J25027" s="5" t="s">
        <v>79638</v>
      </c>
      <c r="K25027" s="2" t="s">
        <v>79639</v>
      </c>
      <c r="L25027" s="5" t="s">
        <v>79638</v>
      </c>
      <c r="M25027" s="2" t="s">
        <v>79639</v>
      </c>
      <c r="N25027" s="5" t="s">
        <v>79640</v>
      </c>
      <c r="O25027" s="5" t="s">
        <v>38</v>
      </c>
      <c r="P25027" s="5" t="s">
        <v>39</v>
      </c>
      <c r="Q25027" s="5" t="s">
        <v>40</v>
      </c>
      <c r="R25027" s="5" t="s">
        <v>24335</v>
      </c>
      <c r="S25027" s="5" t="s">
        <v>40</v>
      </c>
      <c r="T25027" s="5" t="s">
        <v>42</v>
      </c>
      <c r="U25027" s="2">
        <v>12.58</v>
      </c>
      <c r="V25027" s="2">
        <v>9.8659999999999997</v>
      </c>
      <c r="W25027" s="2">
        <v>0.11600000000000001</v>
      </c>
      <c r="X25027" s="2">
        <v>43</v>
      </c>
      <c r="Y25027" s="2">
        <v>16.5</v>
      </c>
      <c r="Z25027" s="2">
        <v>162.80000000000001</v>
      </c>
      <c r="AA25027" s="5">
        <v>14</v>
      </c>
      <c r="AB25027" s="5" t="s">
        <v>43</v>
      </c>
      <c r="AC25027" s="5" t="s">
        <v>735</v>
      </c>
      <c r="AD25027" s="2" t="s">
        <v>79766</v>
      </c>
      <c r="AE25027" s="1"/>
    </row>
    <row r="25028" spans="1:31" ht="14.45">
      <c r="A25028" s="5"/>
      <c r="B25028" s="21"/>
      <c r="C25028" s="2" t="s">
        <v>79982</v>
      </c>
      <c r="D25028" s="14" t="s">
        <v>79983</v>
      </c>
      <c r="E25028" s="2" t="s">
        <v>79984</v>
      </c>
      <c r="F25028" s="2" t="s">
        <v>79740</v>
      </c>
      <c r="G25028" s="8">
        <v>601</v>
      </c>
      <c r="H25028" s="5">
        <v>5</v>
      </c>
      <c r="I25028" s="5" t="s">
        <v>79637</v>
      </c>
      <c r="J25028" s="5" t="s">
        <v>79638</v>
      </c>
      <c r="K25028" s="2" t="s">
        <v>79639</v>
      </c>
      <c r="L25028" s="5" t="s">
        <v>79638</v>
      </c>
      <c r="M25028" s="2" t="s">
        <v>79639</v>
      </c>
      <c r="N25028" s="5" t="s">
        <v>79640</v>
      </c>
      <c r="O25028" s="5" t="s">
        <v>38</v>
      </c>
      <c r="P25028" s="5" t="s">
        <v>39</v>
      </c>
      <c r="Q25028" s="5" t="s">
        <v>40</v>
      </c>
      <c r="R25028" s="5" t="s">
        <v>24335</v>
      </c>
      <c r="S25028" s="5" t="s">
        <v>40</v>
      </c>
      <c r="T25028" s="5" t="s">
        <v>42</v>
      </c>
      <c r="U25028" s="2">
        <v>15.754</v>
      </c>
      <c r="V25028" s="2">
        <v>13.358000000000001</v>
      </c>
      <c r="W25028" s="2">
        <v>0.13900000000000001</v>
      </c>
      <c r="X25028" s="2">
        <v>18.100000000000001</v>
      </c>
      <c r="Y25028" s="2">
        <v>49.1</v>
      </c>
      <c r="Z25028" s="2">
        <v>156.19999999999999</v>
      </c>
      <c r="AA25028" s="5">
        <v>12</v>
      </c>
      <c r="AB25028" s="5" t="s">
        <v>43</v>
      </c>
      <c r="AC25028" s="5" t="s">
        <v>735</v>
      </c>
      <c r="AD25028" s="2" t="s">
        <v>79770</v>
      </c>
      <c r="AE25028" s="1"/>
    </row>
    <row r="25029" spans="1:31" ht="14.45">
      <c r="A25029" s="5" t="s">
        <v>116</v>
      </c>
      <c r="B25029" s="21">
        <v>46143</v>
      </c>
      <c r="C25029" s="2" t="s">
        <v>79985</v>
      </c>
      <c r="D25029" s="14" t="s">
        <v>79986</v>
      </c>
      <c r="E25029" s="2" t="s">
        <v>79987</v>
      </c>
      <c r="F25029" s="2" t="s">
        <v>130</v>
      </c>
      <c r="G25029" s="8">
        <v>740</v>
      </c>
      <c r="H25029" s="5">
        <v>10</v>
      </c>
      <c r="I25029" s="5" t="s">
        <v>79637</v>
      </c>
      <c r="J25029" s="5" t="s">
        <v>79638</v>
      </c>
      <c r="K25029" s="2" t="s">
        <v>79639</v>
      </c>
      <c r="L25029" s="5" t="s">
        <v>79638</v>
      </c>
      <c r="M25029" s="2" t="s">
        <v>79639</v>
      </c>
      <c r="N25029" s="5" t="s">
        <v>79640</v>
      </c>
      <c r="O25029" s="5" t="s">
        <v>38</v>
      </c>
      <c r="P25029" s="5" t="s">
        <v>39</v>
      </c>
      <c r="Q25029" s="5" t="s">
        <v>40</v>
      </c>
      <c r="R25029" s="5" t="s">
        <v>24335</v>
      </c>
      <c r="S25029" s="5" t="s">
        <v>40</v>
      </c>
      <c r="T25029" s="5" t="s">
        <v>42</v>
      </c>
      <c r="U25029" s="2">
        <v>14.589</v>
      </c>
      <c r="V25029" s="2">
        <v>11.875</v>
      </c>
      <c r="W25029" s="2">
        <v>0.11600000000000001</v>
      </c>
      <c r="X25029" s="2">
        <v>43</v>
      </c>
      <c r="Y25029" s="2">
        <v>16.5</v>
      </c>
      <c r="Z25029" s="2">
        <v>162.80000000000001</v>
      </c>
      <c r="AA25029" s="5">
        <v>14</v>
      </c>
      <c r="AB25029" s="5" t="s">
        <v>43</v>
      </c>
      <c r="AC25029" s="5" t="s">
        <v>735</v>
      </c>
      <c r="AD25029" s="2" t="s">
        <v>79774</v>
      </c>
      <c r="AE25029" s="1"/>
    </row>
    <row r="25030" spans="1:31" ht="14.45">
      <c r="A25030" s="5"/>
      <c r="B25030" s="21"/>
      <c r="C25030" s="2" t="s">
        <v>79988</v>
      </c>
      <c r="D25030" s="14" t="s">
        <v>79989</v>
      </c>
      <c r="E25030" s="2" t="s">
        <v>79990</v>
      </c>
      <c r="F25030" s="2" t="s">
        <v>79778</v>
      </c>
      <c r="G25030" s="8">
        <v>740</v>
      </c>
      <c r="H25030" s="5">
        <v>10</v>
      </c>
      <c r="I25030" s="5" t="s">
        <v>79637</v>
      </c>
      <c r="J25030" s="5" t="s">
        <v>79638</v>
      </c>
      <c r="K25030" s="2" t="s">
        <v>79639</v>
      </c>
      <c r="L25030" s="5" t="s">
        <v>79638</v>
      </c>
      <c r="M25030" s="2" t="s">
        <v>79639</v>
      </c>
      <c r="N25030" s="5" t="s">
        <v>79640</v>
      </c>
      <c r="O25030" s="5" t="s">
        <v>38</v>
      </c>
      <c r="P25030" s="5" t="s">
        <v>39</v>
      </c>
      <c r="Q25030" s="5" t="s">
        <v>40</v>
      </c>
      <c r="R25030" s="5" t="s">
        <v>24335</v>
      </c>
      <c r="S25030" s="5" t="s">
        <v>40</v>
      </c>
      <c r="T25030" s="5" t="s">
        <v>42</v>
      </c>
      <c r="U25030" s="2">
        <v>17.814</v>
      </c>
      <c r="V25030" s="2">
        <v>15.417999999999999</v>
      </c>
      <c r="W25030" s="2">
        <v>0.13900000000000001</v>
      </c>
      <c r="X25030" s="2">
        <v>18.100000000000001</v>
      </c>
      <c r="Y25030" s="2">
        <v>49.1</v>
      </c>
      <c r="Z25030" s="2">
        <v>156.19999999999999</v>
      </c>
      <c r="AA25030" s="5">
        <v>12</v>
      </c>
      <c r="AB25030" s="5" t="s">
        <v>43</v>
      </c>
      <c r="AC25030" s="5" t="s">
        <v>735</v>
      </c>
      <c r="AD25030" s="2" t="s">
        <v>79779</v>
      </c>
      <c r="AE25030" s="1"/>
    </row>
    <row r="25031" spans="1:31" ht="14.45">
      <c r="A25031" s="5"/>
      <c r="B25031" s="21"/>
      <c r="C25031" s="2" t="s">
        <v>79991</v>
      </c>
      <c r="D25031" s="14" t="s">
        <v>79992</v>
      </c>
      <c r="E25031" s="2" t="s">
        <v>79993</v>
      </c>
      <c r="F25031" s="2" t="s">
        <v>79783</v>
      </c>
      <c r="G25031" s="8">
        <v>647</v>
      </c>
      <c r="H25031" s="5">
        <v>10</v>
      </c>
      <c r="I25031" s="5" t="s">
        <v>79637</v>
      </c>
      <c r="J25031" s="5" t="s">
        <v>79638</v>
      </c>
      <c r="K25031" s="2" t="s">
        <v>79639</v>
      </c>
      <c r="L25031" s="5" t="s">
        <v>79638</v>
      </c>
      <c r="M25031" s="2" t="s">
        <v>79639</v>
      </c>
      <c r="N25031" s="5" t="s">
        <v>79640</v>
      </c>
      <c r="O25031" s="5" t="s">
        <v>38</v>
      </c>
      <c r="P25031" s="5" t="s">
        <v>39</v>
      </c>
      <c r="Q25031" s="5" t="s">
        <v>40</v>
      </c>
      <c r="R25031" s="5" t="s">
        <v>24335</v>
      </c>
      <c r="S25031" s="5" t="s">
        <v>40</v>
      </c>
      <c r="T25031" s="5" t="s">
        <v>42</v>
      </c>
      <c r="U25031" s="2">
        <v>15.789</v>
      </c>
      <c r="V25031" s="2">
        <v>13.393000000000001</v>
      </c>
      <c r="W25031" s="2">
        <v>0.13900000000000001</v>
      </c>
      <c r="X25031" s="2">
        <v>18.100000000000001</v>
      </c>
      <c r="Y25031" s="2">
        <v>49.1</v>
      </c>
      <c r="Z25031" s="2">
        <v>156</v>
      </c>
      <c r="AA25031" s="5">
        <v>12</v>
      </c>
      <c r="AB25031" s="5" t="s">
        <v>43</v>
      </c>
      <c r="AC25031" s="5" t="s">
        <v>735</v>
      </c>
      <c r="AD25031" s="2" t="s">
        <v>79784</v>
      </c>
      <c r="AE25031" s="1"/>
    </row>
    <row r="25032" spans="1:31" ht="14.45">
      <c r="A25032" s="5" t="s">
        <v>116</v>
      </c>
      <c r="B25032" s="21">
        <v>46143</v>
      </c>
      <c r="C25032" s="2" t="s">
        <v>79994</v>
      </c>
      <c r="D25032" s="14" t="s">
        <v>79995</v>
      </c>
      <c r="E25032" s="2" t="s">
        <v>79996</v>
      </c>
      <c r="F25032" s="2" t="s">
        <v>79833</v>
      </c>
      <c r="G25032" s="8">
        <v>763</v>
      </c>
      <c r="H25032" s="5">
        <v>5</v>
      </c>
      <c r="I25032" s="5" t="s">
        <v>79637</v>
      </c>
      <c r="J25032" s="5" t="s">
        <v>79638</v>
      </c>
      <c r="K25032" s="2" t="s">
        <v>79639</v>
      </c>
      <c r="L25032" s="5" t="s">
        <v>79638</v>
      </c>
      <c r="M25032" s="2" t="s">
        <v>79639</v>
      </c>
      <c r="N25032" s="5" t="s">
        <v>79640</v>
      </c>
      <c r="O25032" s="5" t="s">
        <v>38</v>
      </c>
      <c r="P25032" s="5" t="s">
        <v>39</v>
      </c>
      <c r="Q25032" s="5" t="s">
        <v>40</v>
      </c>
      <c r="R25032" s="5" t="s">
        <v>1487</v>
      </c>
      <c r="S25032" s="5"/>
      <c r="T25032" s="5" t="s">
        <v>42</v>
      </c>
      <c r="U25032" s="2">
        <v>0</v>
      </c>
      <c r="V25032" s="2">
        <v>0</v>
      </c>
      <c r="W25032" s="2">
        <v>0</v>
      </c>
      <c r="X25032" s="2">
        <v>0</v>
      </c>
      <c r="Y25032" s="2">
        <v>0</v>
      </c>
      <c r="Z25032" s="2">
        <v>0</v>
      </c>
      <c r="AA25032" s="5"/>
      <c r="AB25032" s="5" t="s">
        <v>43</v>
      </c>
      <c r="AC25032" s="5" t="s">
        <v>735</v>
      </c>
      <c r="AD25032" s="2" t="s">
        <v>79834</v>
      </c>
      <c r="AE25032" s="1"/>
    </row>
    <row r="25033" spans="1:31" ht="14.45">
      <c r="A25033" s="5" t="s">
        <v>116</v>
      </c>
      <c r="B25033" s="21">
        <v>46143</v>
      </c>
      <c r="C25033" s="2" t="s">
        <v>79997</v>
      </c>
      <c r="D25033" s="14" t="s">
        <v>79998</v>
      </c>
      <c r="E25033" s="2" t="s">
        <v>79999</v>
      </c>
      <c r="F25033" s="2" t="s">
        <v>130</v>
      </c>
      <c r="G25033" s="8">
        <v>643</v>
      </c>
      <c r="H25033" s="5">
        <v>5</v>
      </c>
      <c r="I25033" s="5" t="s">
        <v>79637</v>
      </c>
      <c r="J25033" s="5" t="s">
        <v>79638</v>
      </c>
      <c r="K25033" s="2" t="s">
        <v>79639</v>
      </c>
      <c r="L25033" s="5" t="s">
        <v>79638</v>
      </c>
      <c r="M25033" s="2" t="s">
        <v>79639</v>
      </c>
      <c r="N25033" s="5" t="s">
        <v>79640</v>
      </c>
      <c r="O25033" s="5" t="s">
        <v>38</v>
      </c>
      <c r="P25033" s="5" t="s">
        <v>39</v>
      </c>
      <c r="Q25033" s="5" t="s">
        <v>40</v>
      </c>
      <c r="R25033" s="5" t="s">
        <v>24335</v>
      </c>
      <c r="S25033" s="5" t="s">
        <v>40</v>
      </c>
      <c r="T25033" s="5" t="s">
        <v>42</v>
      </c>
      <c r="U25033" s="2">
        <v>13.677</v>
      </c>
      <c r="V25033" s="2">
        <v>10.811999999999999</v>
      </c>
      <c r="W25033" s="2">
        <v>0.126</v>
      </c>
      <c r="X25033" s="2">
        <v>43</v>
      </c>
      <c r="Y25033" s="2">
        <v>16.5</v>
      </c>
      <c r="Z25033" s="2">
        <v>177.8</v>
      </c>
      <c r="AA25033" s="5">
        <v>14</v>
      </c>
      <c r="AB25033" s="5" t="s">
        <v>43</v>
      </c>
      <c r="AC25033" s="5" t="s">
        <v>735</v>
      </c>
      <c r="AD25033" s="2" t="s">
        <v>79766</v>
      </c>
      <c r="AE25033" s="1"/>
    </row>
    <row r="25034" spans="1:31" ht="14.45">
      <c r="A25034" s="5"/>
      <c r="B25034" s="21"/>
      <c r="C25034" s="2" t="s">
        <v>80000</v>
      </c>
      <c r="D25034" s="14" t="s">
        <v>80001</v>
      </c>
      <c r="E25034" s="2" t="s">
        <v>80002</v>
      </c>
      <c r="F25034" s="2" t="s">
        <v>79740</v>
      </c>
      <c r="G25034" s="8">
        <v>643</v>
      </c>
      <c r="H25034" s="5">
        <v>5</v>
      </c>
      <c r="I25034" s="5" t="s">
        <v>79637</v>
      </c>
      <c r="J25034" s="5" t="s">
        <v>79638</v>
      </c>
      <c r="K25034" s="2" t="s">
        <v>79639</v>
      </c>
      <c r="L25034" s="5" t="s">
        <v>79638</v>
      </c>
      <c r="M25034" s="2" t="s">
        <v>79639</v>
      </c>
      <c r="N25034" s="5" t="s">
        <v>79640</v>
      </c>
      <c r="O25034" s="5" t="s">
        <v>38</v>
      </c>
      <c r="P25034" s="5" t="s">
        <v>39</v>
      </c>
      <c r="Q25034" s="5" t="s">
        <v>40</v>
      </c>
      <c r="R25034" s="5" t="s">
        <v>24335</v>
      </c>
      <c r="S25034" s="5" t="s">
        <v>40</v>
      </c>
      <c r="T25034" s="5" t="s">
        <v>42</v>
      </c>
      <c r="U25034" s="2">
        <v>17.015000000000001</v>
      </c>
      <c r="V25034" s="2">
        <v>14.414</v>
      </c>
      <c r="W25034" s="2">
        <v>0.153</v>
      </c>
      <c r="X25034" s="2">
        <v>18.100000000000001</v>
      </c>
      <c r="Y25034" s="2">
        <v>49.1</v>
      </c>
      <c r="Z25034" s="2">
        <v>172.4</v>
      </c>
      <c r="AA25034" s="5">
        <v>12</v>
      </c>
      <c r="AB25034" s="5" t="s">
        <v>43</v>
      </c>
      <c r="AC25034" s="5" t="s">
        <v>735</v>
      </c>
      <c r="AD25034" s="2" t="s">
        <v>79770</v>
      </c>
      <c r="AE25034" s="1"/>
    </row>
    <row r="25035" spans="1:31" ht="14.45">
      <c r="A25035" s="5" t="s">
        <v>116</v>
      </c>
      <c r="B25035" s="21">
        <v>46143</v>
      </c>
      <c r="C25035" s="2" t="s">
        <v>80003</v>
      </c>
      <c r="D25035" s="14" t="s">
        <v>80004</v>
      </c>
      <c r="E25035" s="2" t="s">
        <v>80005</v>
      </c>
      <c r="F25035" s="2" t="s">
        <v>130</v>
      </c>
      <c r="G25035" s="8">
        <v>791</v>
      </c>
      <c r="H25035" s="5">
        <v>5</v>
      </c>
      <c r="I25035" s="5" t="s">
        <v>79637</v>
      </c>
      <c r="J25035" s="5" t="s">
        <v>79638</v>
      </c>
      <c r="K25035" s="2" t="s">
        <v>79639</v>
      </c>
      <c r="L25035" s="5" t="s">
        <v>79638</v>
      </c>
      <c r="M25035" s="2" t="s">
        <v>79639</v>
      </c>
      <c r="N25035" s="5" t="s">
        <v>79640</v>
      </c>
      <c r="O25035" s="5" t="s">
        <v>38</v>
      </c>
      <c r="P25035" s="5" t="s">
        <v>39</v>
      </c>
      <c r="Q25035" s="5" t="s">
        <v>40</v>
      </c>
      <c r="R25035" s="5" t="s">
        <v>24335</v>
      </c>
      <c r="S25035" s="5" t="s">
        <v>40</v>
      </c>
      <c r="T25035" s="5" t="s">
        <v>42</v>
      </c>
      <c r="U25035" s="2">
        <v>15.91</v>
      </c>
      <c r="V25035" s="2">
        <v>13.045</v>
      </c>
      <c r="W25035" s="2">
        <v>0.126</v>
      </c>
      <c r="X25035" s="2">
        <v>43</v>
      </c>
      <c r="Y25035" s="2">
        <v>16.5</v>
      </c>
      <c r="Z25035" s="2">
        <v>177.8</v>
      </c>
      <c r="AA25035" s="5">
        <v>14</v>
      </c>
      <c r="AB25035" s="5" t="s">
        <v>43</v>
      </c>
      <c r="AC25035" s="5" t="s">
        <v>735</v>
      </c>
      <c r="AD25035" s="2" t="s">
        <v>79774</v>
      </c>
      <c r="AE25035" s="1"/>
    </row>
    <row r="25036" spans="1:31" ht="14.45">
      <c r="A25036" s="5"/>
      <c r="B25036" s="21"/>
      <c r="C25036" s="2" t="s">
        <v>80006</v>
      </c>
      <c r="D25036" s="14" t="s">
        <v>80007</v>
      </c>
      <c r="E25036" s="2" t="s">
        <v>80008</v>
      </c>
      <c r="F25036" s="2" t="s">
        <v>79778</v>
      </c>
      <c r="G25036" s="8">
        <v>791</v>
      </c>
      <c r="H25036" s="5">
        <v>5</v>
      </c>
      <c r="I25036" s="5" t="s">
        <v>79637</v>
      </c>
      <c r="J25036" s="5" t="s">
        <v>79638</v>
      </c>
      <c r="K25036" s="2" t="s">
        <v>79639</v>
      </c>
      <c r="L25036" s="5" t="s">
        <v>79638</v>
      </c>
      <c r="M25036" s="2" t="s">
        <v>79639</v>
      </c>
      <c r="N25036" s="5" t="s">
        <v>79640</v>
      </c>
      <c r="O25036" s="5" t="s">
        <v>38</v>
      </c>
      <c r="P25036" s="5" t="s">
        <v>39</v>
      </c>
      <c r="Q25036" s="5" t="s">
        <v>40</v>
      </c>
      <c r="R25036" s="5" t="s">
        <v>24335</v>
      </c>
      <c r="S25036" s="5" t="s">
        <v>40</v>
      </c>
      <c r="T25036" s="5" t="s">
        <v>42</v>
      </c>
      <c r="U25036" s="2">
        <v>19.295000000000002</v>
      </c>
      <c r="V25036" s="2">
        <v>16.693999999999999</v>
      </c>
      <c r="W25036" s="2">
        <v>0.153</v>
      </c>
      <c r="X25036" s="2">
        <v>18.100000000000001</v>
      </c>
      <c r="Y25036" s="2">
        <v>49.1</v>
      </c>
      <c r="Z25036" s="2">
        <v>172.4</v>
      </c>
      <c r="AA25036" s="5">
        <v>12</v>
      </c>
      <c r="AB25036" s="5" t="s">
        <v>43</v>
      </c>
      <c r="AC25036" s="5" t="s">
        <v>735</v>
      </c>
      <c r="AD25036" s="2" t="s">
        <v>79779</v>
      </c>
      <c r="AE25036" s="1"/>
    </row>
    <row r="25037" spans="1:31" ht="14.45">
      <c r="A25037" s="5"/>
      <c r="B25037" s="21"/>
      <c r="C25037" s="2" t="s">
        <v>80009</v>
      </c>
      <c r="D25037" s="14" t="s">
        <v>80010</v>
      </c>
      <c r="E25037" s="2" t="s">
        <v>80011</v>
      </c>
      <c r="F25037" s="2" t="s">
        <v>79783</v>
      </c>
      <c r="G25037" s="8">
        <v>689</v>
      </c>
      <c r="H25037" s="5">
        <v>10</v>
      </c>
      <c r="I25037" s="5" t="s">
        <v>79637</v>
      </c>
      <c r="J25037" s="5" t="s">
        <v>79638</v>
      </c>
      <c r="K25037" s="2" t="s">
        <v>79639</v>
      </c>
      <c r="L25037" s="5" t="s">
        <v>79638</v>
      </c>
      <c r="M25037" s="2" t="s">
        <v>79639</v>
      </c>
      <c r="N25037" s="5" t="s">
        <v>79640</v>
      </c>
      <c r="O25037" s="5" t="s">
        <v>38</v>
      </c>
      <c r="P25037" s="5" t="s">
        <v>39</v>
      </c>
      <c r="Q25037" s="5" t="s">
        <v>40</v>
      </c>
      <c r="R25037" s="5" t="s">
        <v>24335</v>
      </c>
      <c r="S25037" s="5" t="s">
        <v>40</v>
      </c>
      <c r="T25037" s="5" t="s">
        <v>42</v>
      </c>
      <c r="U25037" s="2">
        <v>17.055</v>
      </c>
      <c r="V25037" s="2">
        <v>14.454000000000001</v>
      </c>
      <c r="W25037" s="2">
        <v>0.153</v>
      </c>
      <c r="X25037" s="2">
        <v>18.100000000000001</v>
      </c>
      <c r="Y25037" s="2">
        <v>49.1</v>
      </c>
      <c r="Z25037" s="2">
        <v>172.4</v>
      </c>
      <c r="AA25037" s="5">
        <v>12</v>
      </c>
      <c r="AB25037" s="5" t="s">
        <v>43</v>
      </c>
      <c r="AC25037" s="5" t="s">
        <v>735</v>
      </c>
      <c r="AD25037" s="2" t="s">
        <v>79784</v>
      </c>
      <c r="AE25037" s="1"/>
    </row>
    <row r="25038" spans="1:31" ht="14.45">
      <c r="A25038" s="5" t="s">
        <v>116</v>
      </c>
      <c r="B25038" s="21">
        <v>46143</v>
      </c>
      <c r="C25038" s="2" t="s">
        <v>80012</v>
      </c>
      <c r="D25038" s="14" t="s">
        <v>80013</v>
      </c>
      <c r="E25038" s="2" t="s">
        <v>80014</v>
      </c>
      <c r="F25038" s="2" t="s">
        <v>79833</v>
      </c>
      <c r="G25038" s="8">
        <v>805</v>
      </c>
      <c r="H25038" s="5">
        <v>5</v>
      </c>
      <c r="I25038" s="5" t="s">
        <v>79637</v>
      </c>
      <c r="J25038" s="5" t="s">
        <v>79638</v>
      </c>
      <c r="K25038" s="2" t="s">
        <v>79639</v>
      </c>
      <c r="L25038" s="5" t="s">
        <v>79638</v>
      </c>
      <c r="M25038" s="2" t="s">
        <v>79639</v>
      </c>
      <c r="N25038" s="5" t="s">
        <v>79640</v>
      </c>
      <c r="O25038" s="5" t="s">
        <v>38</v>
      </c>
      <c r="P25038" s="5" t="s">
        <v>39</v>
      </c>
      <c r="Q25038" s="5" t="s">
        <v>40</v>
      </c>
      <c r="R25038" s="5" t="s">
        <v>1487</v>
      </c>
      <c r="S25038" s="5"/>
      <c r="T25038" s="5" t="s">
        <v>42</v>
      </c>
      <c r="U25038" s="2">
        <v>0</v>
      </c>
      <c r="V25038" s="2">
        <v>0</v>
      </c>
      <c r="W25038" s="2">
        <v>0</v>
      </c>
      <c r="X25038" s="2">
        <v>0</v>
      </c>
      <c r="Y25038" s="2">
        <v>0</v>
      </c>
      <c r="Z25038" s="2">
        <v>0</v>
      </c>
      <c r="AA25038" s="5"/>
      <c r="AB25038" s="5" t="s">
        <v>43</v>
      </c>
      <c r="AC25038" s="5" t="s">
        <v>735</v>
      </c>
      <c r="AD25038" s="2" t="s">
        <v>79834</v>
      </c>
      <c r="AE25038" s="1"/>
    </row>
    <row r="25039" spans="1:31" ht="14.45">
      <c r="A25039" s="5" t="s">
        <v>116</v>
      </c>
      <c r="B25039" s="21">
        <v>46143</v>
      </c>
      <c r="C25039" s="2" t="s">
        <v>80015</v>
      </c>
      <c r="D25039" s="14" t="s">
        <v>80016</v>
      </c>
      <c r="E25039" s="2" t="s">
        <v>80017</v>
      </c>
      <c r="F25039" s="2" t="s">
        <v>130</v>
      </c>
      <c r="G25039" s="8">
        <v>622</v>
      </c>
      <c r="H25039" s="5">
        <v>5</v>
      </c>
      <c r="I25039" s="5" t="s">
        <v>79637</v>
      </c>
      <c r="J25039" s="5" t="s">
        <v>79638</v>
      </c>
      <c r="K25039" s="2" t="s">
        <v>79639</v>
      </c>
      <c r="L25039" s="5" t="s">
        <v>79638</v>
      </c>
      <c r="M25039" s="2" t="s">
        <v>79639</v>
      </c>
      <c r="N25039" s="5" t="s">
        <v>79640</v>
      </c>
      <c r="O25039" s="5" t="s">
        <v>38</v>
      </c>
      <c r="P25039" s="5" t="s">
        <v>39</v>
      </c>
      <c r="Q25039" s="5" t="s">
        <v>40</v>
      </c>
      <c r="R25039" s="5" t="s">
        <v>24335</v>
      </c>
      <c r="S25039" s="5" t="s">
        <v>40</v>
      </c>
      <c r="T25039" s="5" t="s">
        <v>42</v>
      </c>
      <c r="U25039" s="2">
        <v>12.638</v>
      </c>
      <c r="V25039" s="2">
        <v>9.9239999999999995</v>
      </c>
      <c r="W25039" s="2">
        <v>0.11600000000000001</v>
      </c>
      <c r="X25039" s="2">
        <v>43</v>
      </c>
      <c r="Y25039" s="2">
        <v>16.5</v>
      </c>
      <c r="Z25039" s="2">
        <v>162.80000000000001</v>
      </c>
      <c r="AA25039" s="5">
        <v>14</v>
      </c>
      <c r="AB25039" s="5" t="s">
        <v>43</v>
      </c>
      <c r="AC25039" s="5" t="s">
        <v>735</v>
      </c>
      <c r="AD25039" s="2" t="s">
        <v>79766</v>
      </c>
      <c r="AE25039" s="1"/>
    </row>
    <row r="25040" spans="1:31" ht="14.45">
      <c r="A25040" s="5"/>
      <c r="B25040" s="21"/>
      <c r="C25040" s="2" t="s">
        <v>80018</v>
      </c>
      <c r="D25040" s="14" t="s">
        <v>80019</v>
      </c>
      <c r="E25040" s="2" t="s">
        <v>80020</v>
      </c>
      <c r="F25040" s="2" t="s">
        <v>79740</v>
      </c>
      <c r="G25040" s="8">
        <v>622</v>
      </c>
      <c r="H25040" s="5">
        <v>5</v>
      </c>
      <c r="I25040" s="5" t="s">
        <v>79637</v>
      </c>
      <c r="J25040" s="5" t="s">
        <v>79638</v>
      </c>
      <c r="K25040" s="2" t="s">
        <v>79639</v>
      </c>
      <c r="L25040" s="5" t="s">
        <v>79638</v>
      </c>
      <c r="M25040" s="2" t="s">
        <v>79639</v>
      </c>
      <c r="N25040" s="5" t="s">
        <v>79640</v>
      </c>
      <c r="O25040" s="5" t="s">
        <v>38</v>
      </c>
      <c r="P25040" s="5" t="s">
        <v>39</v>
      </c>
      <c r="Q25040" s="5" t="s">
        <v>40</v>
      </c>
      <c r="R25040" s="5" t="s">
        <v>24335</v>
      </c>
      <c r="S25040" s="5" t="s">
        <v>40</v>
      </c>
      <c r="T25040" s="5" t="s">
        <v>42</v>
      </c>
      <c r="U25040" s="2">
        <v>16.036999999999999</v>
      </c>
      <c r="V25040" s="2">
        <v>13.627000000000001</v>
      </c>
      <c r="W25040" s="2">
        <v>0.13900000000000001</v>
      </c>
      <c r="X25040" s="2">
        <v>18.100000000000001</v>
      </c>
      <c r="Y25040" s="2">
        <v>49.1</v>
      </c>
      <c r="Z25040" s="2">
        <v>156.19999999999999</v>
      </c>
      <c r="AA25040" s="5">
        <v>12</v>
      </c>
      <c r="AB25040" s="5" t="s">
        <v>43</v>
      </c>
      <c r="AC25040" s="5" t="s">
        <v>735</v>
      </c>
      <c r="AD25040" s="2" t="s">
        <v>79770</v>
      </c>
      <c r="AE25040" s="1"/>
    </row>
    <row r="25041" spans="1:31" ht="14.45">
      <c r="A25041" s="5" t="s">
        <v>116</v>
      </c>
      <c r="B25041" s="21">
        <v>46143</v>
      </c>
      <c r="C25041" s="2" t="s">
        <v>80021</v>
      </c>
      <c r="D25041" s="14" t="s">
        <v>80022</v>
      </c>
      <c r="E25041" s="2" t="s">
        <v>80023</v>
      </c>
      <c r="F25041" s="2" t="s">
        <v>130</v>
      </c>
      <c r="G25041" s="8">
        <v>766</v>
      </c>
      <c r="H25041" s="5">
        <v>5</v>
      </c>
      <c r="I25041" s="5" t="s">
        <v>79637</v>
      </c>
      <c r="J25041" s="5" t="s">
        <v>79638</v>
      </c>
      <c r="K25041" s="2" t="s">
        <v>79639</v>
      </c>
      <c r="L25041" s="5" t="s">
        <v>79638</v>
      </c>
      <c r="M25041" s="2" t="s">
        <v>79639</v>
      </c>
      <c r="N25041" s="5" t="s">
        <v>79640</v>
      </c>
      <c r="O25041" s="5" t="s">
        <v>38</v>
      </c>
      <c r="P25041" s="5" t="s">
        <v>39</v>
      </c>
      <c r="Q25041" s="5" t="s">
        <v>40</v>
      </c>
      <c r="R25041" s="5" t="s">
        <v>24335</v>
      </c>
      <c r="S25041" s="5" t="s">
        <v>40</v>
      </c>
      <c r="T25041" s="5" t="s">
        <v>42</v>
      </c>
      <c r="U25041" s="2">
        <v>14.515000000000001</v>
      </c>
      <c r="V25041" s="2">
        <v>11.801</v>
      </c>
      <c r="W25041" s="2">
        <v>0.11600000000000001</v>
      </c>
      <c r="X25041" s="2">
        <v>43</v>
      </c>
      <c r="Y25041" s="2">
        <v>16.5</v>
      </c>
      <c r="Z25041" s="2">
        <v>162.80000000000001</v>
      </c>
      <c r="AA25041" s="5">
        <v>14</v>
      </c>
      <c r="AB25041" s="5" t="s">
        <v>43</v>
      </c>
      <c r="AC25041" s="5" t="s">
        <v>735</v>
      </c>
      <c r="AD25041" s="2" t="s">
        <v>79774</v>
      </c>
      <c r="AE25041" s="1"/>
    </row>
    <row r="25042" spans="1:31" ht="14.45">
      <c r="A25042" s="5"/>
      <c r="B25042" s="21"/>
      <c r="C25042" s="2" t="s">
        <v>80024</v>
      </c>
      <c r="D25042" s="14" t="s">
        <v>80025</v>
      </c>
      <c r="E25042" s="2" t="s">
        <v>80026</v>
      </c>
      <c r="F25042" s="2" t="s">
        <v>79778</v>
      </c>
      <c r="G25042" s="8">
        <v>766</v>
      </c>
      <c r="H25042" s="5">
        <v>5</v>
      </c>
      <c r="I25042" s="5" t="s">
        <v>79637</v>
      </c>
      <c r="J25042" s="5" t="s">
        <v>79638</v>
      </c>
      <c r="K25042" s="2" t="s">
        <v>79639</v>
      </c>
      <c r="L25042" s="5" t="s">
        <v>79638</v>
      </c>
      <c r="M25042" s="2" t="s">
        <v>79639</v>
      </c>
      <c r="N25042" s="5" t="s">
        <v>79640</v>
      </c>
      <c r="O25042" s="5" t="s">
        <v>38</v>
      </c>
      <c r="P25042" s="5" t="s">
        <v>39</v>
      </c>
      <c r="Q25042" s="5" t="s">
        <v>40</v>
      </c>
      <c r="R25042" s="5" t="s">
        <v>24335</v>
      </c>
      <c r="S25042" s="5" t="s">
        <v>40</v>
      </c>
      <c r="T25042" s="5" t="s">
        <v>42</v>
      </c>
      <c r="U25042" s="2">
        <v>17.995000000000001</v>
      </c>
      <c r="V25042" s="2">
        <v>15.585000000000001</v>
      </c>
      <c r="W25042" s="2">
        <v>0.13900000000000001</v>
      </c>
      <c r="X25042" s="2">
        <v>18.100000000000001</v>
      </c>
      <c r="Y25042" s="2">
        <v>49.1</v>
      </c>
      <c r="Z25042" s="2">
        <v>156.19999999999999</v>
      </c>
      <c r="AA25042" s="5">
        <v>12</v>
      </c>
      <c r="AB25042" s="5" t="s">
        <v>43</v>
      </c>
      <c r="AC25042" s="5" t="s">
        <v>735</v>
      </c>
      <c r="AD25042" s="2" t="s">
        <v>79779</v>
      </c>
      <c r="AE25042" s="1"/>
    </row>
    <row r="25043" spans="1:31" ht="14.45">
      <c r="A25043" s="5"/>
      <c r="B25043" s="21"/>
      <c r="C25043" s="2" t="s">
        <v>80027</v>
      </c>
      <c r="D25043" s="14" t="s">
        <v>80028</v>
      </c>
      <c r="E25043" s="2" t="s">
        <v>80029</v>
      </c>
      <c r="F25043" s="2" t="s">
        <v>79783</v>
      </c>
      <c r="G25043" s="8">
        <v>668</v>
      </c>
      <c r="H25043" s="5">
        <v>5</v>
      </c>
      <c r="I25043" s="5" t="s">
        <v>79637</v>
      </c>
      <c r="J25043" s="5" t="s">
        <v>79638</v>
      </c>
      <c r="K25043" s="2" t="s">
        <v>79639</v>
      </c>
      <c r="L25043" s="5" t="s">
        <v>79638</v>
      </c>
      <c r="M25043" s="2" t="s">
        <v>79639</v>
      </c>
      <c r="N25043" s="5" t="s">
        <v>79640</v>
      </c>
      <c r="O25043" s="5" t="s">
        <v>38</v>
      </c>
      <c r="P25043" s="5" t="s">
        <v>39</v>
      </c>
      <c r="Q25043" s="5" t="s">
        <v>40</v>
      </c>
      <c r="R25043" s="5" t="s">
        <v>24335</v>
      </c>
      <c r="S25043" s="5" t="s">
        <v>40</v>
      </c>
      <c r="T25043" s="5" t="s">
        <v>42</v>
      </c>
      <c r="U25043" s="2">
        <v>16.062000000000001</v>
      </c>
      <c r="V25043" s="2">
        <v>13.651999999999999</v>
      </c>
      <c r="W25043" s="2">
        <v>0.13900000000000001</v>
      </c>
      <c r="X25043" s="2">
        <v>18.100000000000001</v>
      </c>
      <c r="Y25043" s="2">
        <v>49.1</v>
      </c>
      <c r="Z25043" s="2">
        <v>156.19999999999999</v>
      </c>
      <c r="AA25043" s="5">
        <v>12</v>
      </c>
      <c r="AB25043" s="5" t="s">
        <v>43</v>
      </c>
      <c r="AC25043" s="5" t="s">
        <v>735</v>
      </c>
      <c r="AD25043" s="2" t="s">
        <v>79784</v>
      </c>
      <c r="AE25043" s="1"/>
    </row>
    <row r="25044" spans="1:31" ht="14.45">
      <c r="A25044" s="5" t="s">
        <v>116</v>
      </c>
      <c r="B25044" s="21">
        <v>46143</v>
      </c>
      <c r="C25044" s="2" t="s">
        <v>80030</v>
      </c>
      <c r="D25044" s="14" t="s">
        <v>80031</v>
      </c>
      <c r="E25044" s="2" t="s">
        <v>80032</v>
      </c>
      <c r="F25044" s="2" t="s">
        <v>79833</v>
      </c>
      <c r="G25044" s="8">
        <v>784</v>
      </c>
      <c r="H25044" s="5">
        <v>5</v>
      </c>
      <c r="I25044" s="5" t="s">
        <v>79637</v>
      </c>
      <c r="J25044" s="5" t="s">
        <v>79638</v>
      </c>
      <c r="K25044" s="2" t="s">
        <v>79639</v>
      </c>
      <c r="L25044" s="5" t="s">
        <v>79638</v>
      </c>
      <c r="M25044" s="2" t="s">
        <v>79639</v>
      </c>
      <c r="N25044" s="5" t="s">
        <v>79640</v>
      </c>
      <c r="O25044" s="5" t="s">
        <v>38</v>
      </c>
      <c r="P25044" s="5" t="s">
        <v>39</v>
      </c>
      <c r="Q25044" s="5" t="s">
        <v>40</v>
      </c>
      <c r="R25044" s="5" t="s">
        <v>1487</v>
      </c>
      <c r="S25044" s="5"/>
      <c r="T25044" s="5" t="s">
        <v>42</v>
      </c>
      <c r="U25044" s="2">
        <v>0</v>
      </c>
      <c r="V25044" s="2">
        <v>0</v>
      </c>
      <c r="W25044" s="2">
        <v>0</v>
      </c>
      <c r="X25044" s="2">
        <v>0</v>
      </c>
      <c r="Y25044" s="2">
        <v>0</v>
      </c>
      <c r="Z25044" s="2">
        <v>0</v>
      </c>
      <c r="AA25044" s="5"/>
      <c r="AB25044" s="5" t="s">
        <v>43</v>
      </c>
      <c r="AC25044" s="5" t="s">
        <v>735</v>
      </c>
      <c r="AD25044" s="2" t="s">
        <v>79834</v>
      </c>
      <c r="AE25044" s="1"/>
    </row>
    <row r="25045" spans="1:31" ht="14.45">
      <c r="A25045" s="5" t="s">
        <v>116</v>
      </c>
      <c r="B25045" s="21">
        <v>46143</v>
      </c>
      <c r="C25045" s="2" t="s">
        <v>80033</v>
      </c>
      <c r="D25045" s="14" t="s">
        <v>80034</v>
      </c>
      <c r="E25045" s="2" t="s">
        <v>80035</v>
      </c>
      <c r="F25045" s="2" t="s">
        <v>130</v>
      </c>
      <c r="G25045" s="8">
        <v>659</v>
      </c>
      <c r="H25045" s="5">
        <v>5</v>
      </c>
      <c r="I25045" s="5" t="s">
        <v>79637</v>
      </c>
      <c r="J25045" s="5" t="s">
        <v>79638</v>
      </c>
      <c r="K25045" s="2" t="s">
        <v>79639</v>
      </c>
      <c r="L25045" s="5" t="s">
        <v>79638</v>
      </c>
      <c r="M25045" s="2" t="s">
        <v>79639</v>
      </c>
      <c r="N25045" s="5" t="s">
        <v>79640</v>
      </c>
      <c r="O25045" s="5" t="s">
        <v>38</v>
      </c>
      <c r="P25045" s="5" t="s">
        <v>39</v>
      </c>
      <c r="Q25045" s="5" t="s">
        <v>40</v>
      </c>
      <c r="R25045" s="5" t="s">
        <v>24335</v>
      </c>
      <c r="S25045" s="5" t="s">
        <v>40</v>
      </c>
      <c r="T25045" s="5" t="s">
        <v>42</v>
      </c>
      <c r="U25045" s="2">
        <v>13.739000000000001</v>
      </c>
      <c r="V25045" s="2">
        <v>11.025</v>
      </c>
      <c r="W25045" s="2">
        <v>0.11600000000000001</v>
      </c>
      <c r="X25045" s="2">
        <v>43</v>
      </c>
      <c r="Y25045" s="2">
        <v>16.5</v>
      </c>
      <c r="Z25045" s="2">
        <v>162.80000000000001</v>
      </c>
      <c r="AA25045" s="5">
        <v>14</v>
      </c>
      <c r="AB25045" s="5" t="s">
        <v>43</v>
      </c>
      <c r="AC25045" s="5" t="s">
        <v>735</v>
      </c>
      <c r="AD25045" s="2" t="s">
        <v>79766</v>
      </c>
      <c r="AE25045" s="1"/>
    </row>
    <row r="25046" spans="1:31" ht="14.45">
      <c r="A25046" s="5"/>
      <c r="B25046" s="21"/>
      <c r="C25046" s="2" t="s">
        <v>80036</v>
      </c>
      <c r="D25046" s="14" t="s">
        <v>80037</v>
      </c>
      <c r="E25046" s="2" t="s">
        <v>80038</v>
      </c>
      <c r="F25046" s="2" t="s">
        <v>79740</v>
      </c>
      <c r="G25046" s="8">
        <v>659</v>
      </c>
      <c r="H25046" s="5">
        <v>5</v>
      </c>
      <c r="I25046" s="5" t="s">
        <v>79637</v>
      </c>
      <c r="J25046" s="5" t="s">
        <v>79638</v>
      </c>
      <c r="K25046" s="2" t="s">
        <v>79639</v>
      </c>
      <c r="L25046" s="5" t="s">
        <v>79638</v>
      </c>
      <c r="M25046" s="2" t="s">
        <v>79639</v>
      </c>
      <c r="N25046" s="5" t="s">
        <v>79640</v>
      </c>
      <c r="O25046" s="5" t="s">
        <v>38</v>
      </c>
      <c r="P25046" s="5" t="s">
        <v>39</v>
      </c>
      <c r="Q25046" s="5" t="s">
        <v>40</v>
      </c>
      <c r="R25046" s="5" t="s">
        <v>24335</v>
      </c>
      <c r="S25046" s="5" t="s">
        <v>40</v>
      </c>
      <c r="T25046" s="5" t="s">
        <v>42</v>
      </c>
      <c r="U25046" s="2">
        <v>17.379000000000001</v>
      </c>
      <c r="V25046" s="2">
        <v>14.961</v>
      </c>
      <c r="W25046" s="2">
        <v>0.13900000000000001</v>
      </c>
      <c r="X25046" s="2">
        <v>18.100000000000001</v>
      </c>
      <c r="Y25046" s="2">
        <v>49.1</v>
      </c>
      <c r="Z25046" s="2">
        <v>156.19999999999999</v>
      </c>
      <c r="AA25046" s="5">
        <v>12</v>
      </c>
      <c r="AB25046" s="5" t="s">
        <v>43</v>
      </c>
      <c r="AC25046" s="5" t="s">
        <v>735</v>
      </c>
      <c r="AD25046" s="2" t="s">
        <v>79770</v>
      </c>
      <c r="AE25046" s="1"/>
    </row>
    <row r="25047" spans="1:31" ht="14.45">
      <c r="A25047" s="5" t="s">
        <v>116</v>
      </c>
      <c r="B25047" s="21">
        <v>46143</v>
      </c>
      <c r="C25047" s="2" t="s">
        <v>80039</v>
      </c>
      <c r="D25047" s="14" t="s">
        <v>80040</v>
      </c>
      <c r="E25047" s="2" t="s">
        <v>80041</v>
      </c>
      <c r="F25047" s="2" t="s">
        <v>130</v>
      </c>
      <c r="G25047" s="8">
        <v>811</v>
      </c>
      <c r="H25047" s="5">
        <v>10</v>
      </c>
      <c r="I25047" s="5" t="s">
        <v>79637</v>
      </c>
      <c r="J25047" s="5" t="s">
        <v>79638</v>
      </c>
      <c r="K25047" s="2" t="s">
        <v>79639</v>
      </c>
      <c r="L25047" s="5" t="s">
        <v>79638</v>
      </c>
      <c r="M25047" s="2" t="s">
        <v>79639</v>
      </c>
      <c r="N25047" s="5" t="s">
        <v>79640</v>
      </c>
      <c r="O25047" s="5" t="s">
        <v>38</v>
      </c>
      <c r="P25047" s="5" t="s">
        <v>39</v>
      </c>
      <c r="Q25047" s="5" t="s">
        <v>40</v>
      </c>
      <c r="R25047" s="5" t="s">
        <v>24335</v>
      </c>
      <c r="S25047" s="5" t="s">
        <v>40</v>
      </c>
      <c r="T25047" s="5" t="s">
        <v>42</v>
      </c>
      <c r="U25047" s="2">
        <v>15.86</v>
      </c>
      <c r="V25047" s="2">
        <v>13.146000000000001</v>
      </c>
      <c r="W25047" s="2">
        <v>0.11600000000000001</v>
      </c>
      <c r="X25047" s="2">
        <v>43</v>
      </c>
      <c r="Y25047" s="2">
        <v>16.5</v>
      </c>
      <c r="Z25047" s="2">
        <v>162.80000000000001</v>
      </c>
      <c r="AA25047" s="5">
        <v>14</v>
      </c>
      <c r="AB25047" s="5" t="s">
        <v>43</v>
      </c>
      <c r="AC25047" s="5" t="s">
        <v>735</v>
      </c>
      <c r="AD25047" s="2" t="s">
        <v>79774</v>
      </c>
      <c r="AE25047" s="1"/>
    </row>
    <row r="25048" spans="1:31" ht="14.45">
      <c r="A25048" s="5"/>
      <c r="B25048" s="21"/>
      <c r="C25048" s="2" t="s">
        <v>80042</v>
      </c>
      <c r="D25048" s="14" t="s">
        <v>80043</v>
      </c>
      <c r="E25048" s="2" t="s">
        <v>80044</v>
      </c>
      <c r="F25048" s="2" t="s">
        <v>79778</v>
      </c>
      <c r="G25048" s="8">
        <v>811</v>
      </c>
      <c r="H25048" s="5">
        <v>10</v>
      </c>
      <c r="I25048" s="5" t="s">
        <v>79637</v>
      </c>
      <c r="J25048" s="5" t="s">
        <v>79638</v>
      </c>
      <c r="K25048" s="2" t="s">
        <v>79639</v>
      </c>
      <c r="L25048" s="5" t="s">
        <v>79638</v>
      </c>
      <c r="M25048" s="2" t="s">
        <v>79639</v>
      </c>
      <c r="N25048" s="5" t="s">
        <v>79640</v>
      </c>
      <c r="O25048" s="5" t="s">
        <v>38</v>
      </c>
      <c r="P25048" s="5" t="s">
        <v>39</v>
      </c>
      <c r="Q25048" s="5" t="s">
        <v>40</v>
      </c>
      <c r="R25048" s="5" t="s">
        <v>24335</v>
      </c>
      <c r="S25048" s="5" t="s">
        <v>40</v>
      </c>
      <c r="T25048" s="5" t="s">
        <v>42</v>
      </c>
      <c r="U25048" s="2">
        <v>19.577000000000002</v>
      </c>
      <c r="V25048" s="2">
        <v>17.158999999999999</v>
      </c>
      <c r="W25048" s="2">
        <v>0.13900000000000001</v>
      </c>
      <c r="X25048" s="2">
        <v>18.100000000000001</v>
      </c>
      <c r="Y25048" s="2">
        <v>49.1</v>
      </c>
      <c r="Z25048" s="2">
        <v>156.19999999999999</v>
      </c>
      <c r="AA25048" s="5">
        <v>12</v>
      </c>
      <c r="AB25048" s="5" t="s">
        <v>43</v>
      </c>
      <c r="AC25048" s="5" t="s">
        <v>735</v>
      </c>
      <c r="AD25048" s="2" t="s">
        <v>79779</v>
      </c>
      <c r="AE25048" s="1"/>
    </row>
    <row r="25049" spans="1:31" ht="14.45">
      <c r="A25049" s="5"/>
      <c r="B25049" s="21"/>
      <c r="C25049" s="2" t="s">
        <v>80045</v>
      </c>
      <c r="D25049" s="14" t="s">
        <v>80046</v>
      </c>
      <c r="E25049" s="2" t="s">
        <v>80047</v>
      </c>
      <c r="F25049" s="2" t="s">
        <v>79783</v>
      </c>
      <c r="G25049" s="8">
        <v>705</v>
      </c>
      <c r="H25049" s="5">
        <v>10</v>
      </c>
      <c r="I25049" s="5" t="s">
        <v>79637</v>
      </c>
      <c r="J25049" s="5" t="s">
        <v>79638</v>
      </c>
      <c r="K25049" s="2" t="s">
        <v>79639</v>
      </c>
      <c r="L25049" s="5" t="s">
        <v>79638</v>
      </c>
      <c r="M25049" s="2" t="s">
        <v>79639</v>
      </c>
      <c r="N25049" s="5" t="s">
        <v>79640</v>
      </c>
      <c r="O25049" s="5" t="s">
        <v>38</v>
      </c>
      <c r="P25049" s="5" t="s">
        <v>39</v>
      </c>
      <c r="Q25049" s="5" t="s">
        <v>40</v>
      </c>
      <c r="R25049" s="5" t="s">
        <v>24335</v>
      </c>
      <c r="S25049" s="5" t="s">
        <v>40</v>
      </c>
      <c r="T25049" s="5" t="s">
        <v>42</v>
      </c>
      <c r="U25049" s="2">
        <v>17.411000000000001</v>
      </c>
      <c r="V25049" s="2">
        <v>14.993</v>
      </c>
      <c r="W25049" s="2">
        <v>0.13900000000000001</v>
      </c>
      <c r="X25049" s="2">
        <v>18.100000000000001</v>
      </c>
      <c r="Y25049" s="2">
        <v>49.1</v>
      </c>
      <c r="Z25049" s="2">
        <v>156.19999999999999</v>
      </c>
      <c r="AA25049" s="5">
        <v>12</v>
      </c>
      <c r="AB25049" s="5" t="s">
        <v>43</v>
      </c>
      <c r="AC25049" s="5" t="s">
        <v>735</v>
      </c>
      <c r="AD25049" s="2" t="s">
        <v>79784</v>
      </c>
      <c r="AE25049" s="1"/>
    </row>
    <row r="25050" spans="1:31" ht="14.45">
      <c r="A25050" s="5" t="s">
        <v>116</v>
      </c>
      <c r="B25050" s="21">
        <v>46143</v>
      </c>
      <c r="C25050" s="2" t="s">
        <v>80048</v>
      </c>
      <c r="D25050" s="14" t="s">
        <v>80049</v>
      </c>
      <c r="E25050" s="2" t="s">
        <v>80050</v>
      </c>
      <c r="F25050" s="2" t="s">
        <v>79833</v>
      </c>
      <c r="G25050" s="8">
        <v>821</v>
      </c>
      <c r="H25050" s="5">
        <v>5</v>
      </c>
      <c r="I25050" s="5" t="s">
        <v>79637</v>
      </c>
      <c r="J25050" s="5" t="s">
        <v>79638</v>
      </c>
      <c r="K25050" s="2" t="s">
        <v>79639</v>
      </c>
      <c r="L25050" s="5" t="s">
        <v>79638</v>
      </c>
      <c r="M25050" s="2" t="s">
        <v>79639</v>
      </c>
      <c r="N25050" s="5" t="s">
        <v>79640</v>
      </c>
      <c r="O25050" s="5" t="s">
        <v>38</v>
      </c>
      <c r="P25050" s="5" t="s">
        <v>39</v>
      </c>
      <c r="Q25050" s="5" t="s">
        <v>40</v>
      </c>
      <c r="R25050" s="5" t="s">
        <v>1487</v>
      </c>
      <c r="S25050" s="5"/>
      <c r="T25050" s="5" t="s">
        <v>42</v>
      </c>
      <c r="U25050" s="2">
        <v>0</v>
      </c>
      <c r="V25050" s="2">
        <v>0</v>
      </c>
      <c r="W25050" s="2">
        <v>0</v>
      </c>
      <c r="X25050" s="2">
        <v>0</v>
      </c>
      <c r="Y25050" s="2">
        <v>0</v>
      </c>
      <c r="Z25050" s="2">
        <v>0</v>
      </c>
      <c r="AA25050" s="5"/>
      <c r="AB25050" s="5" t="s">
        <v>43</v>
      </c>
      <c r="AC25050" s="5" t="s">
        <v>735</v>
      </c>
      <c r="AD25050" s="2" t="s">
        <v>79834</v>
      </c>
      <c r="AE25050" s="1"/>
    </row>
    <row r="25051" spans="1:31" ht="14.45">
      <c r="A25051" s="5" t="s">
        <v>116</v>
      </c>
      <c r="B25051" s="21">
        <v>46143</v>
      </c>
      <c r="C25051" s="2" t="s">
        <v>80051</v>
      </c>
      <c r="D25051" s="14" t="s">
        <v>80052</v>
      </c>
      <c r="E25051" s="2" t="s">
        <v>80053</v>
      </c>
      <c r="F25051" s="2" t="s">
        <v>130</v>
      </c>
      <c r="G25051" s="8">
        <v>696</v>
      </c>
      <c r="H25051" s="5">
        <v>5</v>
      </c>
      <c r="I25051" s="5" t="s">
        <v>79637</v>
      </c>
      <c r="J25051" s="5" t="s">
        <v>79638</v>
      </c>
      <c r="K25051" s="2" t="s">
        <v>79639</v>
      </c>
      <c r="L25051" s="5" t="s">
        <v>79638</v>
      </c>
      <c r="M25051" s="2" t="s">
        <v>79639</v>
      </c>
      <c r="N25051" s="5" t="s">
        <v>79640</v>
      </c>
      <c r="O25051" s="5" t="s">
        <v>38</v>
      </c>
      <c r="P25051" s="5" t="s">
        <v>39</v>
      </c>
      <c r="Q25051" s="5" t="s">
        <v>40</v>
      </c>
      <c r="R25051" s="5" t="s">
        <v>24335</v>
      </c>
      <c r="S25051" s="5" t="s">
        <v>40</v>
      </c>
      <c r="T25051" s="5" t="s">
        <v>42</v>
      </c>
      <c r="U25051" s="2">
        <v>14.946</v>
      </c>
      <c r="V25051" s="2">
        <v>12.081</v>
      </c>
      <c r="W25051" s="2">
        <v>0.126</v>
      </c>
      <c r="X25051" s="2">
        <v>43</v>
      </c>
      <c r="Y25051" s="2">
        <v>16.5</v>
      </c>
      <c r="Z25051" s="2">
        <v>177.8</v>
      </c>
      <c r="AA25051" s="5">
        <v>14</v>
      </c>
      <c r="AB25051" s="5" t="s">
        <v>43</v>
      </c>
      <c r="AC25051" s="5" t="s">
        <v>735</v>
      </c>
      <c r="AD25051" s="2" t="s">
        <v>79766</v>
      </c>
      <c r="AE25051" s="1"/>
    </row>
    <row r="25052" spans="1:31" ht="14.45">
      <c r="A25052" s="5"/>
      <c r="B25052" s="21"/>
      <c r="C25052" s="2" t="s">
        <v>80054</v>
      </c>
      <c r="D25052" s="14" t="s">
        <v>80055</v>
      </c>
      <c r="E25052" s="2" t="s">
        <v>80056</v>
      </c>
      <c r="F25052" s="2" t="s">
        <v>79740</v>
      </c>
      <c r="G25052" s="8">
        <v>696</v>
      </c>
      <c r="H25052" s="5">
        <v>5</v>
      </c>
      <c r="I25052" s="5" t="s">
        <v>79637</v>
      </c>
      <c r="J25052" s="5" t="s">
        <v>79638</v>
      </c>
      <c r="K25052" s="2" t="s">
        <v>79639</v>
      </c>
      <c r="L25052" s="5" t="s">
        <v>79638</v>
      </c>
      <c r="M25052" s="2" t="s">
        <v>79639</v>
      </c>
      <c r="N25052" s="5" t="s">
        <v>79640</v>
      </c>
      <c r="O25052" s="5" t="s">
        <v>38</v>
      </c>
      <c r="P25052" s="5" t="s">
        <v>39</v>
      </c>
      <c r="Q25052" s="5" t="s">
        <v>40</v>
      </c>
      <c r="R25052" s="5" t="s">
        <v>24335</v>
      </c>
      <c r="S25052" s="5" t="s">
        <v>40</v>
      </c>
      <c r="T25052" s="5" t="s">
        <v>42</v>
      </c>
      <c r="U25052" s="2">
        <v>18.748999999999999</v>
      </c>
      <c r="V25052" s="2">
        <v>16.126000000000001</v>
      </c>
      <c r="W25052" s="2">
        <v>0.153</v>
      </c>
      <c r="X25052" s="2">
        <v>18.100000000000001</v>
      </c>
      <c r="Y25052" s="2">
        <v>49.1</v>
      </c>
      <c r="Z25052" s="2">
        <v>172.4</v>
      </c>
      <c r="AA25052" s="5">
        <v>12</v>
      </c>
      <c r="AB25052" s="5" t="s">
        <v>43</v>
      </c>
      <c r="AC25052" s="5" t="s">
        <v>735</v>
      </c>
      <c r="AD25052" s="2" t="s">
        <v>79770</v>
      </c>
      <c r="AE25052" s="1"/>
    </row>
    <row r="25053" spans="1:31" ht="14.45">
      <c r="A25053" s="5" t="s">
        <v>116</v>
      </c>
      <c r="B25053" s="21">
        <v>46143</v>
      </c>
      <c r="C25053" s="2" t="s">
        <v>80057</v>
      </c>
      <c r="D25053" s="14" t="s">
        <v>80058</v>
      </c>
      <c r="E25053" s="2" t="s">
        <v>80059</v>
      </c>
      <c r="F25053" s="2" t="s">
        <v>130</v>
      </c>
      <c r="G25053" s="8">
        <v>856</v>
      </c>
      <c r="H25053" s="5">
        <v>10</v>
      </c>
      <c r="I25053" s="5" t="s">
        <v>79637</v>
      </c>
      <c r="J25053" s="5" t="s">
        <v>79638</v>
      </c>
      <c r="K25053" s="2" t="s">
        <v>79639</v>
      </c>
      <c r="L25053" s="5" t="s">
        <v>79638</v>
      </c>
      <c r="M25053" s="2" t="s">
        <v>79639</v>
      </c>
      <c r="N25053" s="5" t="s">
        <v>79640</v>
      </c>
      <c r="O25053" s="5" t="s">
        <v>38</v>
      </c>
      <c r="P25053" s="5" t="s">
        <v>39</v>
      </c>
      <c r="Q25053" s="5" t="s">
        <v>40</v>
      </c>
      <c r="R25053" s="5" t="s">
        <v>24335</v>
      </c>
      <c r="S25053" s="5" t="s">
        <v>40</v>
      </c>
      <c r="T25053" s="5" t="s">
        <v>42</v>
      </c>
      <c r="U25053" s="2">
        <v>17.291</v>
      </c>
      <c r="V25053" s="2">
        <v>14.426</v>
      </c>
      <c r="W25053" s="2">
        <v>0.126</v>
      </c>
      <c r="X25053" s="2">
        <v>43</v>
      </c>
      <c r="Y25053" s="2">
        <v>16.5</v>
      </c>
      <c r="Z25053" s="2">
        <v>177.8</v>
      </c>
      <c r="AA25053" s="5">
        <v>14</v>
      </c>
      <c r="AB25053" s="5" t="s">
        <v>43</v>
      </c>
      <c r="AC25053" s="5" t="s">
        <v>735</v>
      </c>
      <c r="AD25053" s="2" t="s">
        <v>79774</v>
      </c>
      <c r="AE25053" s="1"/>
    </row>
    <row r="25054" spans="1:31" ht="14.45">
      <c r="A25054" s="5"/>
      <c r="B25054" s="21"/>
      <c r="C25054" s="2" t="s">
        <v>80060</v>
      </c>
      <c r="D25054" s="14" t="s">
        <v>80061</v>
      </c>
      <c r="E25054" s="2" t="s">
        <v>80062</v>
      </c>
      <c r="F25054" s="2" t="s">
        <v>79778</v>
      </c>
      <c r="G25054" s="8">
        <v>856</v>
      </c>
      <c r="H25054" s="5">
        <v>10</v>
      </c>
      <c r="I25054" s="5" t="s">
        <v>79637</v>
      </c>
      <c r="J25054" s="5" t="s">
        <v>79638</v>
      </c>
      <c r="K25054" s="2" t="s">
        <v>79639</v>
      </c>
      <c r="L25054" s="5" t="s">
        <v>79638</v>
      </c>
      <c r="M25054" s="2" t="s">
        <v>79639</v>
      </c>
      <c r="N25054" s="5" t="s">
        <v>79640</v>
      </c>
      <c r="O25054" s="5" t="s">
        <v>38</v>
      </c>
      <c r="P25054" s="5" t="s">
        <v>39</v>
      </c>
      <c r="Q25054" s="5" t="s">
        <v>40</v>
      </c>
      <c r="R25054" s="5" t="s">
        <v>24335</v>
      </c>
      <c r="S25054" s="5" t="s">
        <v>40</v>
      </c>
      <c r="T25054" s="5" t="s">
        <v>42</v>
      </c>
      <c r="U25054" s="2">
        <v>21.167000000000002</v>
      </c>
      <c r="V25054" s="2">
        <v>18.544</v>
      </c>
      <c r="W25054" s="2">
        <v>0.153</v>
      </c>
      <c r="X25054" s="2">
        <v>18.100000000000001</v>
      </c>
      <c r="Y25054" s="2">
        <v>49.1</v>
      </c>
      <c r="Z25054" s="2">
        <v>172.4</v>
      </c>
      <c r="AA25054" s="5">
        <v>12</v>
      </c>
      <c r="AB25054" s="5" t="s">
        <v>43</v>
      </c>
      <c r="AC25054" s="5" t="s">
        <v>735</v>
      </c>
      <c r="AD25054" s="2" t="s">
        <v>79779</v>
      </c>
      <c r="AE25054" s="1"/>
    </row>
    <row r="25055" spans="1:31" ht="14.45">
      <c r="A25055" s="5"/>
      <c r="B25055" s="21"/>
      <c r="C25055" s="2" t="s">
        <v>80063</v>
      </c>
      <c r="D25055" s="14" t="s">
        <v>80064</v>
      </c>
      <c r="E25055" s="2" t="s">
        <v>80065</v>
      </c>
      <c r="F25055" s="2" t="s">
        <v>79783</v>
      </c>
      <c r="G25055" s="8">
        <v>742</v>
      </c>
      <c r="H25055" s="5">
        <v>10</v>
      </c>
      <c r="I25055" s="5" t="s">
        <v>79637</v>
      </c>
      <c r="J25055" s="5" t="s">
        <v>79638</v>
      </c>
      <c r="K25055" s="2" t="s">
        <v>79639</v>
      </c>
      <c r="L25055" s="5" t="s">
        <v>79638</v>
      </c>
      <c r="M25055" s="2" t="s">
        <v>79639</v>
      </c>
      <c r="N25055" s="5" t="s">
        <v>79640</v>
      </c>
      <c r="O25055" s="5" t="s">
        <v>38</v>
      </c>
      <c r="P25055" s="5" t="s">
        <v>39</v>
      </c>
      <c r="Q25055" s="5" t="s">
        <v>40</v>
      </c>
      <c r="R25055" s="5" t="s">
        <v>24335</v>
      </c>
      <c r="S25055" s="5" t="s">
        <v>40</v>
      </c>
      <c r="T25055" s="5" t="s">
        <v>42</v>
      </c>
      <c r="U25055" s="2">
        <v>18.786000000000001</v>
      </c>
      <c r="V25055" s="2">
        <v>16.163</v>
      </c>
      <c r="W25055" s="2">
        <v>0.153</v>
      </c>
      <c r="X25055" s="2">
        <v>18.100000000000001</v>
      </c>
      <c r="Y25055" s="2">
        <v>49.1</v>
      </c>
      <c r="Z25055" s="2">
        <v>172.4</v>
      </c>
      <c r="AA25055" s="5">
        <v>12</v>
      </c>
      <c r="AB25055" s="5" t="s">
        <v>43</v>
      </c>
      <c r="AC25055" s="5" t="s">
        <v>735</v>
      </c>
      <c r="AD25055" s="2" t="s">
        <v>79784</v>
      </c>
      <c r="AE25055" s="1"/>
    </row>
    <row r="25056" spans="1:31" ht="14.45">
      <c r="A25056" s="5" t="s">
        <v>116</v>
      </c>
      <c r="B25056" s="21">
        <v>46143</v>
      </c>
      <c r="C25056" s="2" t="s">
        <v>80066</v>
      </c>
      <c r="D25056" s="14" t="s">
        <v>80067</v>
      </c>
      <c r="E25056" s="2" t="s">
        <v>80068</v>
      </c>
      <c r="F25056" s="2" t="s">
        <v>79833</v>
      </c>
      <c r="G25056" s="8">
        <v>858</v>
      </c>
      <c r="H25056" s="5">
        <v>5</v>
      </c>
      <c r="I25056" s="5" t="s">
        <v>79637</v>
      </c>
      <c r="J25056" s="5" t="s">
        <v>79638</v>
      </c>
      <c r="K25056" s="2" t="s">
        <v>79639</v>
      </c>
      <c r="L25056" s="5" t="s">
        <v>79638</v>
      </c>
      <c r="M25056" s="2" t="s">
        <v>79639</v>
      </c>
      <c r="N25056" s="5" t="s">
        <v>79640</v>
      </c>
      <c r="O25056" s="5" t="s">
        <v>38</v>
      </c>
      <c r="P25056" s="5" t="s">
        <v>39</v>
      </c>
      <c r="Q25056" s="5" t="s">
        <v>40</v>
      </c>
      <c r="R25056" s="5" t="s">
        <v>1487</v>
      </c>
      <c r="S25056" s="5"/>
      <c r="T25056" s="5" t="s">
        <v>42</v>
      </c>
      <c r="U25056" s="2">
        <v>0</v>
      </c>
      <c r="V25056" s="2">
        <v>0</v>
      </c>
      <c r="W25056" s="2">
        <v>0</v>
      </c>
      <c r="X25056" s="2">
        <v>0</v>
      </c>
      <c r="Y25056" s="2">
        <v>0</v>
      </c>
      <c r="Z25056" s="2">
        <v>0</v>
      </c>
      <c r="AA25056" s="5"/>
      <c r="AB25056" s="5" t="s">
        <v>43</v>
      </c>
      <c r="AC25056" s="5" t="s">
        <v>735</v>
      </c>
      <c r="AD25056" s="2" t="s">
        <v>79834</v>
      </c>
      <c r="AE25056" s="1"/>
    </row>
    <row r="25057" spans="1:31" ht="14.45">
      <c r="A25057" s="5" t="s">
        <v>116</v>
      </c>
      <c r="B25057" s="21">
        <v>46143</v>
      </c>
      <c r="C25057" s="2" t="s">
        <v>80069</v>
      </c>
      <c r="D25057" s="14" t="s">
        <v>80070</v>
      </c>
      <c r="E25057" s="2" t="s">
        <v>80071</v>
      </c>
      <c r="F25057" s="2" t="s">
        <v>130</v>
      </c>
      <c r="G25057" s="8">
        <v>669</v>
      </c>
      <c r="H25057" s="5">
        <v>5</v>
      </c>
      <c r="I25057" s="5" t="s">
        <v>79637</v>
      </c>
      <c r="J25057" s="5" t="s">
        <v>79638</v>
      </c>
      <c r="K25057" s="2" t="s">
        <v>79639</v>
      </c>
      <c r="L25057" s="5" t="s">
        <v>79638</v>
      </c>
      <c r="M25057" s="2" t="s">
        <v>79639</v>
      </c>
      <c r="N25057" s="5" t="s">
        <v>79640</v>
      </c>
      <c r="O25057" s="5" t="s">
        <v>38</v>
      </c>
      <c r="P25057" s="5" t="s">
        <v>39</v>
      </c>
      <c r="Q25057" s="5" t="s">
        <v>40</v>
      </c>
      <c r="R25057" s="5" t="s">
        <v>24335</v>
      </c>
      <c r="S25057" s="5" t="s">
        <v>40</v>
      </c>
      <c r="T25057" s="5" t="s">
        <v>42</v>
      </c>
      <c r="U25057" s="2">
        <v>12.691000000000001</v>
      </c>
      <c r="V25057" s="2">
        <v>9.8260000000000005</v>
      </c>
      <c r="W25057" s="2">
        <v>0.126</v>
      </c>
      <c r="X25057" s="2">
        <v>43</v>
      </c>
      <c r="Y25057" s="2">
        <v>16.5</v>
      </c>
      <c r="Z25057" s="2">
        <v>177.8</v>
      </c>
      <c r="AA25057" s="5">
        <v>14</v>
      </c>
      <c r="AB25057" s="5" t="s">
        <v>43</v>
      </c>
      <c r="AC25057" s="5" t="s">
        <v>735</v>
      </c>
      <c r="AD25057" s="2" t="s">
        <v>79766</v>
      </c>
      <c r="AE25057" s="1"/>
    </row>
    <row r="25058" spans="1:31" ht="14.45">
      <c r="A25058" s="5"/>
      <c r="B25058" s="21"/>
      <c r="C25058" s="2" t="s">
        <v>80072</v>
      </c>
      <c r="D25058" s="14" t="s">
        <v>80073</v>
      </c>
      <c r="E25058" s="2" t="s">
        <v>80074</v>
      </c>
      <c r="F25058" s="2" t="s">
        <v>79740</v>
      </c>
      <c r="G25058" s="8">
        <v>669</v>
      </c>
      <c r="H25058" s="5">
        <v>5</v>
      </c>
      <c r="I25058" s="5" t="s">
        <v>79637</v>
      </c>
      <c r="J25058" s="5" t="s">
        <v>79638</v>
      </c>
      <c r="K25058" s="2" t="s">
        <v>79639</v>
      </c>
      <c r="L25058" s="5" t="s">
        <v>79638</v>
      </c>
      <c r="M25058" s="2" t="s">
        <v>79639</v>
      </c>
      <c r="N25058" s="5" t="s">
        <v>79640</v>
      </c>
      <c r="O25058" s="5" t="s">
        <v>38</v>
      </c>
      <c r="P25058" s="5" t="s">
        <v>39</v>
      </c>
      <c r="Q25058" s="5" t="s">
        <v>40</v>
      </c>
      <c r="R25058" s="5" t="s">
        <v>24335</v>
      </c>
      <c r="S25058" s="5" t="s">
        <v>40</v>
      </c>
      <c r="T25058" s="5" t="s">
        <v>42</v>
      </c>
      <c r="U25058" s="2">
        <v>16.265999999999998</v>
      </c>
      <c r="V25058" s="2">
        <v>13.646000000000001</v>
      </c>
      <c r="W25058" s="2">
        <v>0.153</v>
      </c>
      <c r="X25058" s="2">
        <v>18.100000000000001</v>
      </c>
      <c r="Y25058" s="2">
        <v>49.1</v>
      </c>
      <c r="Z25058" s="2">
        <v>172.4</v>
      </c>
      <c r="AA25058" s="5">
        <v>12</v>
      </c>
      <c r="AB25058" s="5" t="s">
        <v>43</v>
      </c>
      <c r="AC25058" s="5" t="s">
        <v>735</v>
      </c>
      <c r="AD25058" s="2" t="s">
        <v>79770</v>
      </c>
      <c r="AE25058" s="1"/>
    </row>
    <row r="25059" spans="1:31" ht="14.45">
      <c r="A25059" s="5" t="s">
        <v>116</v>
      </c>
      <c r="B25059" s="21">
        <v>46143</v>
      </c>
      <c r="C25059" s="2" t="s">
        <v>80075</v>
      </c>
      <c r="D25059" s="14" t="s">
        <v>80076</v>
      </c>
      <c r="E25059" s="2" t="s">
        <v>80077</v>
      </c>
      <c r="F25059" s="2" t="s">
        <v>130</v>
      </c>
      <c r="G25059" s="8">
        <v>823</v>
      </c>
      <c r="H25059" s="5">
        <v>10</v>
      </c>
      <c r="I25059" s="5" t="s">
        <v>79637</v>
      </c>
      <c r="J25059" s="5" t="s">
        <v>79638</v>
      </c>
      <c r="K25059" s="2" t="s">
        <v>79639</v>
      </c>
      <c r="L25059" s="5" t="s">
        <v>79638</v>
      </c>
      <c r="M25059" s="2" t="s">
        <v>79639</v>
      </c>
      <c r="N25059" s="5" t="s">
        <v>79640</v>
      </c>
      <c r="O25059" s="5" t="s">
        <v>38</v>
      </c>
      <c r="P25059" s="5" t="s">
        <v>39</v>
      </c>
      <c r="Q25059" s="5" t="s">
        <v>40</v>
      </c>
      <c r="R25059" s="5" t="s">
        <v>24335</v>
      </c>
      <c r="S25059" s="5" t="s">
        <v>40</v>
      </c>
      <c r="T25059" s="5" t="s">
        <v>42</v>
      </c>
      <c r="U25059" s="2">
        <v>14.461</v>
      </c>
      <c r="V25059" s="2">
        <v>11.596</v>
      </c>
      <c r="W25059" s="2">
        <v>0.126</v>
      </c>
      <c r="X25059" s="2">
        <v>43</v>
      </c>
      <c r="Y25059" s="2">
        <v>16.5</v>
      </c>
      <c r="Z25059" s="2">
        <v>177.8</v>
      </c>
      <c r="AA25059" s="5">
        <v>14</v>
      </c>
      <c r="AB25059" s="5" t="s">
        <v>43</v>
      </c>
      <c r="AC25059" s="5" t="s">
        <v>735</v>
      </c>
      <c r="AD25059" s="2" t="s">
        <v>79774</v>
      </c>
      <c r="AE25059" s="1"/>
    </row>
    <row r="25060" spans="1:31" ht="14.45">
      <c r="A25060" s="5"/>
      <c r="B25060" s="21"/>
      <c r="C25060" s="2" t="s">
        <v>80078</v>
      </c>
      <c r="D25060" s="14" t="s">
        <v>80079</v>
      </c>
      <c r="E25060" s="2" t="s">
        <v>80080</v>
      </c>
      <c r="F25060" s="2" t="s">
        <v>79778</v>
      </c>
      <c r="G25060" s="8">
        <v>823</v>
      </c>
      <c r="H25060" s="5">
        <v>10</v>
      </c>
      <c r="I25060" s="5" t="s">
        <v>79637</v>
      </c>
      <c r="J25060" s="5" t="s">
        <v>79638</v>
      </c>
      <c r="K25060" s="2" t="s">
        <v>79639</v>
      </c>
      <c r="L25060" s="5" t="s">
        <v>79638</v>
      </c>
      <c r="M25060" s="2" t="s">
        <v>79639</v>
      </c>
      <c r="N25060" s="5" t="s">
        <v>79640</v>
      </c>
      <c r="O25060" s="5" t="s">
        <v>38</v>
      </c>
      <c r="P25060" s="5" t="s">
        <v>39</v>
      </c>
      <c r="Q25060" s="5" t="s">
        <v>40</v>
      </c>
      <c r="R25060" s="5" t="s">
        <v>24335</v>
      </c>
      <c r="S25060" s="5" t="s">
        <v>40</v>
      </c>
      <c r="T25060" s="5" t="s">
        <v>42</v>
      </c>
      <c r="U25060" s="2">
        <v>18.152000000000001</v>
      </c>
      <c r="V25060" s="2">
        <v>15.532</v>
      </c>
      <c r="W25060" s="2">
        <v>0.153</v>
      </c>
      <c r="X25060" s="2">
        <v>18.100000000000001</v>
      </c>
      <c r="Y25060" s="2">
        <v>49.1</v>
      </c>
      <c r="Z25060" s="2">
        <v>172.4</v>
      </c>
      <c r="AA25060" s="5">
        <v>12</v>
      </c>
      <c r="AB25060" s="5" t="s">
        <v>43</v>
      </c>
      <c r="AC25060" s="5" t="s">
        <v>735</v>
      </c>
      <c r="AD25060" s="2" t="s">
        <v>79779</v>
      </c>
      <c r="AE25060" s="1"/>
    </row>
    <row r="25061" spans="1:31" ht="14.45">
      <c r="A25061" s="5"/>
      <c r="B25061" s="21"/>
      <c r="C25061" s="2" t="s">
        <v>80081</v>
      </c>
      <c r="D25061" s="14" t="s">
        <v>80082</v>
      </c>
      <c r="E25061" s="2" t="s">
        <v>80083</v>
      </c>
      <c r="F25061" s="2" t="s">
        <v>79783</v>
      </c>
      <c r="G25061" s="8">
        <v>715</v>
      </c>
      <c r="H25061" s="5">
        <v>10</v>
      </c>
      <c r="I25061" s="5" t="s">
        <v>79637</v>
      </c>
      <c r="J25061" s="5" t="s">
        <v>79638</v>
      </c>
      <c r="K25061" s="2" t="s">
        <v>79639</v>
      </c>
      <c r="L25061" s="5" t="s">
        <v>79638</v>
      </c>
      <c r="M25061" s="2" t="s">
        <v>79639</v>
      </c>
      <c r="N25061" s="5" t="s">
        <v>79640</v>
      </c>
      <c r="O25061" s="5" t="s">
        <v>38</v>
      </c>
      <c r="P25061" s="5" t="s">
        <v>39</v>
      </c>
      <c r="Q25061" s="5" t="s">
        <v>40</v>
      </c>
      <c r="R25061" s="5" t="s">
        <v>24335</v>
      </c>
      <c r="S25061" s="5" t="s">
        <v>40</v>
      </c>
      <c r="T25061" s="5" t="s">
        <v>42</v>
      </c>
      <c r="U25061" s="2">
        <v>16.283000000000001</v>
      </c>
      <c r="V25061" s="2">
        <v>13.663</v>
      </c>
      <c r="W25061" s="2">
        <v>0.153</v>
      </c>
      <c r="X25061" s="2">
        <v>18.100000000000001</v>
      </c>
      <c r="Y25061" s="2">
        <v>49.1</v>
      </c>
      <c r="Z25061" s="2">
        <v>172.4</v>
      </c>
      <c r="AA25061" s="5">
        <v>12</v>
      </c>
      <c r="AB25061" s="5" t="s">
        <v>43</v>
      </c>
      <c r="AC25061" s="5" t="s">
        <v>735</v>
      </c>
      <c r="AD25061" s="2" t="s">
        <v>79784</v>
      </c>
      <c r="AE25061" s="1"/>
    </row>
    <row r="25062" spans="1:31" ht="14.45">
      <c r="A25062" s="5" t="s">
        <v>116</v>
      </c>
      <c r="B25062" s="21">
        <v>46143</v>
      </c>
      <c r="C25062" s="2" t="s">
        <v>80084</v>
      </c>
      <c r="D25062" s="14" t="s">
        <v>80085</v>
      </c>
      <c r="E25062" s="2" t="s">
        <v>80086</v>
      </c>
      <c r="F25062" s="2" t="s">
        <v>79833</v>
      </c>
      <c r="G25062" s="8">
        <v>831</v>
      </c>
      <c r="H25062" s="5">
        <v>5</v>
      </c>
      <c r="I25062" s="5" t="s">
        <v>79637</v>
      </c>
      <c r="J25062" s="5" t="s">
        <v>79638</v>
      </c>
      <c r="K25062" s="2" t="s">
        <v>79639</v>
      </c>
      <c r="L25062" s="5" t="s">
        <v>79638</v>
      </c>
      <c r="M25062" s="2" t="s">
        <v>79639</v>
      </c>
      <c r="N25062" s="5" t="s">
        <v>79640</v>
      </c>
      <c r="O25062" s="5" t="s">
        <v>38</v>
      </c>
      <c r="P25062" s="5" t="s">
        <v>39</v>
      </c>
      <c r="Q25062" s="5" t="s">
        <v>40</v>
      </c>
      <c r="R25062" s="5" t="s">
        <v>1487</v>
      </c>
      <c r="S25062" s="5"/>
      <c r="T25062" s="5" t="s">
        <v>42</v>
      </c>
      <c r="U25062" s="2">
        <v>0</v>
      </c>
      <c r="V25062" s="2">
        <v>0</v>
      </c>
      <c r="W25062" s="2">
        <v>0</v>
      </c>
      <c r="X25062" s="2">
        <v>0</v>
      </c>
      <c r="Y25062" s="2">
        <v>0</v>
      </c>
      <c r="Z25062" s="2">
        <v>0</v>
      </c>
      <c r="AA25062" s="5"/>
      <c r="AB25062" s="5" t="s">
        <v>43</v>
      </c>
      <c r="AC25062" s="5" t="s">
        <v>735</v>
      </c>
      <c r="AD25062" s="2" t="s">
        <v>79834</v>
      </c>
      <c r="AE25062" s="1"/>
    </row>
    <row r="25063" spans="1:31" ht="14.45">
      <c r="A25063" s="5" t="s">
        <v>116</v>
      </c>
      <c r="B25063" s="21">
        <v>46143</v>
      </c>
      <c r="C25063" s="2" t="s">
        <v>80087</v>
      </c>
      <c r="D25063" s="14" t="s">
        <v>80088</v>
      </c>
      <c r="E25063" s="2" t="s">
        <v>80089</v>
      </c>
      <c r="F25063" s="2" t="s">
        <v>130</v>
      </c>
      <c r="G25063" s="8">
        <v>722</v>
      </c>
      <c r="H25063" s="5">
        <v>5</v>
      </c>
      <c r="I25063" s="5" t="s">
        <v>79637</v>
      </c>
      <c r="J25063" s="5" t="s">
        <v>79638</v>
      </c>
      <c r="K25063" s="2" t="s">
        <v>79639</v>
      </c>
      <c r="L25063" s="5" t="s">
        <v>79638</v>
      </c>
      <c r="M25063" s="2" t="s">
        <v>79639</v>
      </c>
      <c r="N25063" s="5" t="s">
        <v>79640</v>
      </c>
      <c r="O25063" s="5" t="s">
        <v>38</v>
      </c>
      <c r="P25063" s="5" t="s">
        <v>39</v>
      </c>
      <c r="Q25063" s="5" t="s">
        <v>40</v>
      </c>
      <c r="R25063" s="5" t="s">
        <v>24335</v>
      </c>
      <c r="S25063" s="5" t="s">
        <v>40</v>
      </c>
      <c r="T25063" s="5" t="s">
        <v>42</v>
      </c>
      <c r="U25063" s="2">
        <v>15.065</v>
      </c>
      <c r="V25063" s="2">
        <v>12.2</v>
      </c>
      <c r="W25063" s="2">
        <v>0.126</v>
      </c>
      <c r="X25063" s="2">
        <v>43</v>
      </c>
      <c r="Y25063" s="2">
        <v>16.5</v>
      </c>
      <c r="Z25063" s="2">
        <v>177.8</v>
      </c>
      <c r="AA25063" s="5">
        <v>14</v>
      </c>
      <c r="AB25063" s="5" t="s">
        <v>43</v>
      </c>
      <c r="AC25063" s="5" t="s">
        <v>735</v>
      </c>
      <c r="AD25063" s="2" t="s">
        <v>79766</v>
      </c>
      <c r="AE25063" s="1"/>
    </row>
    <row r="25064" spans="1:31" ht="14.45">
      <c r="A25064" s="5"/>
      <c r="B25064" s="21"/>
      <c r="C25064" s="2" t="s">
        <v>80090</v>
      </c>
      <c r="D25064" s="14" t="s">
        <v>80091</v>
      </c>
      <c r="E25064" s="2" t="s">
        <v>80092</v>
      </c>
      <c r="F25064" s="2" t="s">
        <v>79740</v>
      </c>
      <c r="G25064" s="8">
        <v>722</v>
      </c>
      <c r="H25064" s="5">
        <v>5</v>
      </c>
      <c r="I25064" s="5" t="s">
        <v>79637</v>
      </c>
      <c r="J25064" s="5" t="s">
        <v>79638</v>
      </c>
      <c r="K25064" s="2" t="s">
        <v>79639</v>
      </c>
      <c r="L25064" s="5" t="s">
        <v>79638</v>
      </c>
      <c r="M25064" s="2" t="s">
        <v>79639</v>
      </c>
      <c r="N25064" s="5" t="s">
        <v>79640</v>
      </c>
      <c r="O25064" s="5" t="s">
        <v>38</v>
      </c>
      <c r="P25064" s="5" t="s">
        <v>39</v>
      </c>
      <c r="Q25064" s="5" t="s">
        <v>40</v>
      </c>
      <c r="R25064" s="5" t="s">
        <v>24335</v>
      </c>
      <c r="S25064" s="5" t="s">
        <v>40</v>
      </c>
      <c r="T25064" s="5" t="s">
        <v>42</v>
      </c>
      <c r="U25064" s="2">
        <v>19.146999999999998</v>
      </c>
      <c r="V25064" s="2">
        <v>16.510999999999999</v>
      </c>
      <c r="W25064" s="2">
        <v>0.153</v>
      </c>
      <c r="X25064" s="2">
        <v>18.100000000000001</v>
      </c>
      <c r="Y25064" s="2">
        <v>49.1</v>
      </c>
      <c r="Z25064" s="2">
        <v>172.4</v>
      </c>
      <c r="AA25064" s="5">
        <v>12</v>
      </c>
      <c r="AB25064" s="5" t="s">
        <v>43</v>
      </c>
      <c r="AC25064" s="5" t="s">
        <v>735</v>
      </c>
      <c r="AD25064" s="2" t="s">
        <v>79770</v>
      </c>
      <c r="AE25064" s="1"/>
    </row>
    <row r="25065" spans="1:31" ht="14.45">
      <c r="A25065" s="5" t="s">
        <v>116</v>
      </c>
      <c r="B25065" s="21">
        <v>46143</v>
      </c>
      <c r="C25065" s="2" t="s">
        <v>80093</v>
      </c>
      <c r="D25065" s="14" t="s">
        <v>80094</v>
      </c>
      <c r="E25065" s="2" t="s">
        <v>80095</v>
      </c>
      <c r="F25065" s="2" t="s">
        <v>130</v>
      </c>
      <c r="G25065" s="8">
        <v>888</v>
      </c>
      <c r="H25065" s="5">
        <v>5</v>
      </c>
      <c r="I25065" s="5" t="s">
        <v>79637</v>
      </c>
      <c r="J25065" s="5" t="s">
        <v>79638</v>
      </c>
      <c r="K25065" s="2" t="s">
        <v>79639</v>
      </c>
      <c r="L25065" s="5" t="s">
        <v>79638</v>
      </c>
      <c r="M25065" s="2" t="s">
        <v>79639</v>
      </c>
      <c r="N25065" s="5" t="s">
        <v>79640</v>
      </c>
      <c r="O25065" s="5" t="s">
        <v>38</v>
      </c>
      <c r="P25065" s="5" t="s">
        <v>39</v>
      </c>
      <c r="Q25065" s="5" t="s">
        <v>40</v>
      </c>
      <c r="R25065" s="5" t="s">
        <v>24335</v>
      </c>
      <c r="S25065" s="5" t="s">
        <v>40</v>
      </c>
      <c r="T25065" s="5" t="s">
        <v>42</v>
      </c>
      <c r="U25065" s="2">
        <v>17.3</v>
      </c>
      <c r="V25065" s="2">
        <v>14.435</v>
      </c>
      <c r="W25065" s="2">
        <v>0.126</v>
      </c>
      <c r="X25065" s="2">
        <v>43</v>
      </c>
      <c r="Y25065" s="2">
        <v>16.5</v>
      </c>
      <c r="Z25065" s="2">
        <v>177.8</v>
      </c>
      <c r="AA25065" s="5">
        <v>14</v>
      </c>
      <c r="AB25065" s="5" t="s">
        <v>43</v>
      </c>
      <c r="AC25065" s="5" t="s">
        <v>735</v>
      </c>
      <c r="AD25065" s="2" t="s">
        <v>79774</v>
      </c>
      <c r="AE25065" s="1"/>
    </row>
    <row r="25066" spans="1:31" ht="14.45">
      <c r="A25066" s="5"/>
      <c r="B25066" s="21"/>
      <c r="C25066" s="2" t="s">
        <v>80096</v>
      </c>
      <c r="D25066" s="14" t="s">
        <v>80097</v>
      </c>
      <c r="E25066" s="2" t="s">
        <v>80098</v>
      </c>
      <c r="F25066" s="2" t="s">
        <v>79778</v>
      </c>
      <c r="G25066" s="8">
        <v>888</v>
      </c>
      <c r="H25066" s="5">
        <v>5</v>
      </c>
      <c r="I25066" s="5" t="s">
        <v>79637</v>
      </c>
      <c r="J25066" s="5" t="s">
        <v>79638</v>
      </c>
      <c r="K25066" s="2" t="s">
        <v>79639</v>
      </c>
      <c r="L25066" s="5" t="s">
        <v>79638</v>
      </c>
      <c r="M25066" s="2" t="s">
        <v>79639</v>
      </c>
      <c r="N25066" s="5" t="s">
        <v>79640</v>
      </c>
      <c r="O25066" s="5" t="s">
        <v>38</v>
      </c>
      <c r="P25066" s="5" t="s">
        <v>39</v>
      </c>
      <c r="Q25066" s="5" t="s">
        <v>40</v>
      </c>
      <c r="R25066" s="5" t="s">
        <v>24335</v>
      </c>
      <c r="S25066" s="5" t="s">
        <v>40</v>
      </c>
      <c r="T25066" s="5" t="s">
        <v>42</v>
      </c>
      <c r="U25066" s="2">
        <v>21.492999999999999</v>
      </c>
      <c r="V25066" s="2">
        <v>18.856999999999999</v>
      </c>
      <c r="W25066" s="2">
        <v>0.153</v>
      </c>
      <c r="X25066" s="2">
        <v>18.100000000000001</v>
      </c>
      <c r="Y25066" s="2">
        <v>49.1</v>
      </c>
      <c r="Z25066" s="2">
        <v>172.4</v>
      </c>
      <c r="AA25066" s="5">
        <v>12</v>
      </c>
      <c r="AB25066" s="5" t="s">
        <v>43</v>
      </c>
      <c r="AC25066" s="5" t="s">
        <v>735</v>
      </c>
      <c r="AD25066" s="2" t="s">
        <v>79779</v>
      </c>
      <c r="AE25066" s="1"/>
    </row>
    <row r="25067" spans="1:31" ht="14.45">
      <c r="A25067" s="5"/>
      <c r="B25067" s="21"/>
      <c r="C25067" s="2" t="s">
        <v>80099</v>
      </c>
      <c r="D25067" s="14" t="s">
        <v>80100</v>
      </c>
      <c r="E25067" s="2" t="s">
        <v>80101</v>
      </c>
      <c r="F25067" s="2" t="s">
        <v>79783</v>
      </c>
      <c r="G25067" s="8">
        <v>768</v>
      </c>
      <c r="H25067" s="5">
        <v>10</v>
      </c>
      <c r="I25067" s="5" t="s">
        <v>79637</v>
      </c>
      <c r="J25067" s="5" t="s">
        <v>79638</v>
      </c>
      <c r="K25067" s="2" t="s">
        <v>79639</v>
      </c>
      <c r="L25067" s="5" t="s">
        <v>79638</v>
      </c>
      <c r="M25067" s="2" t="s">
        <v>79639</v>
      </c>
      <c r="N25067" s="5" t="s">
        <v>79640</v>
      </c>
      <c r="O25067" s="5" t="s">
        <v>38</v>
      </c>
      <c r="P25067" s="5" t="s">
        <v>39</v>
      </c>
      <c r="Q25067" s="5" t="s">
        <v>40</v>
      </c>
      <c r="R25067" s="5" t="s">
        <v>24335</v>
      </c>
      <c r="S25067" s="5" t="s">
        <v>40</v>
      </c>
      <c r="T25067" s="5" t="s">
        <v>42</v>
      </c>
      <c r="U25067" s="2">
        <v>19.177</v>
      </c>
      <c r="V25067" s="2">
        <v>16.541</v>
      </c>
      <c r="W25067" s="2">
        <v>0.153</v>
      </c>
      <c r="X25067" s="2">
        <v>18.100000000000001</v>
      </c>
      <c r="Y25067" s="2">
        <v>49.1</v>
      </c>
      <c r="Z25067" s="2">
        <v>172.4</v>
      </c>
      <c r="AA25067" s="5">
        <v>12</v>
      </c>
      <c r="AB25067" s="5" t="s">
        <v>43</v>
      </c>
      <c r="AC25067" s="5" t="s">
        <v>735</v>
      </c>
      <c r="AD25067" s="2" t="s">
        <v>79784</v>
      </c>
      <c r="AE25067" s="1"/>
    </row>
    <row r="25068" spans="1:31" ht="14.45">
      <c r="A25068" s="5" t="s">
        <v>116</v>
      </c>
      <c r="B25068" s="21">
        <v>46143</v>
      </c>
      <c r="C25068" s="2" t="s">
        <v>80102</v>
      </c>
      <c r="D25068" s="14" t="s">
        <v>80103</v>
      </c>
      <c r="E25068" s="2" t="s">
        <v>80104</v>
      </c>
      <c r="F25068" s="2" t="s">
        <v>79833</v>
      </c>
      <c r="G25068" s="8">
        <v>884</v>
      </c>
      <c r="H25068" s="5">
        <v>5</v>
      </c>
      <c r="I25068" s="5" t="s">
        <v>79637</v>
      </c>
      <c r="J25068" s="5" t="s">
        <v>79638</v>
      </c>
      <c r="K25068" s="2" t="s">
        <v>79639</v>
      </c>
      <c r="L25068" s="5" t="s">
        <v>79638</v>
      </c>
      <c r="M25068" s="2" t="s">
        <v>79639</v>
      </c>
      <c r="N25068" s="5" t="s">
        <v>79640</v>
      </c>
      <c r="O25068" s="5" t="s">
        <v>38</v>
      </c>
      <c r="P25068" s="5" t="s">
        <v>39</v>
      </c>
      <c r="Q25068" s="5" t="s">
        <v>40</v>
      </c>
      <c r="R25068" s="5" t="s">
        <v>1487</v>
      </c>
      <c r="S25068" s="5"/>
      <c r="T25068" s="5" t="s">
        <v>42</v>
      </c>
      <c r="U25068" s="2">
        <v>0</v>
      </c>
      <c r="V25068" s="2">
        <v>0</v>
      </c>
      <c r="W25068" s="2">
        <v>0</v>
      </c>
      <c r="X25068" s="2">
        <v>0</v>
      </c>
      <c r="Y25068" s="2">
        <v>0</v>
      </c>
      <c r="Z25068" s="2">
        <v>0</v>
      </c>
      <c r="AA25068" s="5"/>
      <c r="AB25068" s="5" t="s">
        <v>43</v>
      </c>
      <c r="AC25068" s="5" t="s">
        <v>735</v>
      </c>
      <c r="AD25068" s="2" t="s">
        <v>79834</v>
      </c>
      <c r="AE25068" s="1"/>
    </row>
    <row r="25069" spans="1:31" ht="14.45">
      <c r="A25069" s="5" t="s">
        <v>116</v>
      </c>
      <c r="B25069" s="21">
        <v>46143</v>
      </c>
      <c r="C25069" s="2" t="s">
        <v>80105</v>
      </c>
      <c r="D25069" s="14" t="s">
        <v>80106</v>
      </c>
      <c r="E25069" s="2" t="s">
        <v>80107</v>
      </c>
      <c r="F25069" s="2" t="s">
        <v>130</v>
      </c>
      <c r="G25069" s="8">
        <v>764</v>
      </c>
      <c r="H25069" s="5">
        <v>5</v>
      </c>
      <c r="I25069" s="5" t="s">
        <v>79637</v>
      </c>
      <c r="J25069" s="5" t="s">
        <v>79638</v>
      </c>
      <c r="K25069" s="2" t="s">
        <v>79639</v>
      </c>
      <c r="L25069" s="5" t="s">
        <v>79638</v>
      </c>
      <c r="M25069" s="2" t="s">
        <v>79639</v>
      </c>
      <c r="N25069" s="5" t="s">
        <v>79640</v>
      </c>
      <c r="O25069" s="5" t="s">
        <v>38</v>
      </c>
      <c r="P25069" s="5" t="s">
        <v>39</v>
      </c>
      <c r="Q25069" s="5" t="s">
        <v>40</v>
      </c>
      <c r="R25069" s="5" t="s">
        <v>24335</v>
      </c>
      <c r="S25069" s="5" t="s">
        <v>40</v>
      </c>
      <c r="T25069" s="5" t="s">
        <v>42</v>
      </c>
      <c r="U25069" s="2">
        <v>16.228000000000002</v>
      </c>
      <c r="V25069" s="2">
        <v>13.363</v>
      </c>
      <c r="W25069" s="2">
        <v>0.126</v>
      </c>
      <c r="X25069" s="2">
        <v>43</v>
      </c>
      <c r="Y25069" s="2">
        <v>16.5</v>
      </c>
      <c r="Z25069" s="2">
        <v>177.8</v>
      </c>
      <c r="AA25069" s="5">
        <v>14</v>
      </c>
      <c r="AB25069" s="5" t="s">
        <v>43</v>
      </c>
      <c r="AC25069" s="5" t="s">
        <v>735</v>
      </c>
      <c r="AD25069" s="2" t="s">
        <v>79766</v>
      </c>
      <c r="AE25069" s="1"/>
    </row>
    <row r="25070" spans="1:31" ht="14.45">
      <c r="A25070" s="5"/>
      <c r="B25070" s="21"/>
      <c r="C25070" s="2" t="s">
        <v>80108</v>
      </c>
      <c r="D25070" s="14" t="s">
        <v>80109</v>
      </c>
      <c r="E25070" s="2" t="s">
        <v>80110</v>
      </c>
      <c r="F25070" s="2" t="s">
        <v>79740</v>
      </c>
      <c r="G25070" s="8">
        <v>764</v>
      </c>
      <c r="H25070" s="5">
        <v>5</v>
      </c>
      <c r="I25070" s="5" t="s">
        <v>79637</v>
      </c>
      <c r="J25070" s="5" t="s">
        <v>79638</v>
      </c>
      <c r="K25070" s="2" t="s">
        <v>79639</v>
      </c>
      <c r="L25070" s="5" t="s">
        <v>79638</v>
      </c>
      <c r="M25070" s="2" t="s">
        <v>79639</v>
      </c>
      <c r="N25070" s="5" t="s">
        <v>79640</v>
      </c>
      <c r="O25070" s="5" t="s">
        <v>38</v>
      </c>
      <c r="P25070" s="5" t="s">
        <v>39</v>
      </c>
      <c r="Q25070" s="5" t="s">
        <v>40</v>
      </c>
      <c r="R25070" s="5" t="s">
        <v>24335</v>
      </c>
      <c r="S25070" s="5" t="s">
        <v>40</v>
      </c>
      <c r="T25070" s="5" t="s">
        <v>42</v>
      </c>
      <c r="U25070" s="2">
        <v>20.423999999999999</v>
      </c>
      <c r="V25070" s="2">
        <v>17.777999999999999</v>
      </c>
      <c r="W25070" s="2">
        <v>0.153</v>
      </c>
      <c r="X25070" s="2">
        <v>18.100000000000001</v>
      </c>
      <c r="Y25070" s="2">
        <v>49.1</v>
      </c>
      <c r="Z25070" s="2">
        <v>172.4</v>
      </c>
      <c r="AA25070" s="5">
        <v>12</v>
      </c>
      <c r="AB25070" s="5" t="s">
        <v>43</v>
      </c>
      <c r="AC25070" s="5" t="s">
        <v>735</v>
      </c>
      <c r="AD25070" s="2" t="s">
        <v>79770</v>
      </c>
      <c r="AE25070" s="1"/>
    </row>
    <row r="25071" spans="1:31" ht="14.45">
      <c r="A25071" s="5" t="s">
        <v>116</v>
      </c>
      <c r="B25071" s="21">
        <v>46143</v>
      </c>
      <c r="C25071" s="2" t="s">
        <v>80111</v>
      </c>
      <c r="D25071" s="14" t="s">
        <v>80112</v>
      </c>
      <c r="E25071" s="2" t="s">
        <v>80113</v>
      </c>
      <c r="F25071" s="2" t="s">
        <v>130</v>
      </c>
      <c r="G25071" s="8">
        <v>939</v>
      </c>
      <c r="H25071" s="5">
        <v>10</v>
      </c>
      <c r="I25071" s="5" t="s">
        <v>79637</v>
      </c>
      <c r="J25071" s="5" t="s">
        <v>79638</v>
      </c>
      <c r="K25071" s="2" t="s">
        <v>79639</v>
      </c>
      <c r="L25071" s="5" t="s">
        <v>79638</v>
      </c>
      <c r="M25071" s="2" t="s">
        <v>79639</v>
      </c>
      <c r="N25071" s="5" t="s">
        <v>79640</v>
      </c>
      <c r="O25071" s="5" t="s">
        <v>38</v>
      </c>
      <c r="P25071" s="5" t="s">
        <v>39</v>
      </c>
      <c r="Q25071" s="5" t="s">
        <v>40</v>
      </c>
      <c r="R25071" s="5" t="s">
        <v>24335</v>
      </c>
      <c r="S25071" s="5" t="s">
        <v>40</v>
      </c>
      <c r="T25071" s="5" t="s">
        <v>42</v>
      </c>
      <c r="U25071" s="2">
        <v>18.687000000000001</v>
      </c>
      <c r="V25071" s="2">
        <v>15.821999999999999</v>
      </c>
      <c r="W25071" s="2">
        <v>0.126</v>
      </c>
      <c r="X25071" s="2">
        <v>43</v>
      </c>
      <c r="Y25071" s="2">
        <v>16.5</v>
      </c>
      <c r="Z25071" s="2">
        <v>177.8</v>
      </c>
      <c r="AA25071" s="5">
        <v>14</v>
      </c>
      <c r="AB25071" s="5" t="s">
        <v>43</v>
      </c>
      <c r="AC25071" s="5" t="s">
        <v>735</v>
      </c>
      <c r="AD25071" s="2" t="s">
        <v>79774</v>
      </c>
      <c r="AE25071" s="1"/>
    </row>
    <row r="25072" spans="1:31" ht="14.45">
      <c r="A25072" s="5"/>
      <c r="B25072" s="21"/>
      <c r="C25072" s="2" t="s">
        <v>80114</v>
      </c>
      <c r="D25072" s="14" t="s">
        <v>80115</v>
      </c>
      <c r="E25072" s="2" t="s">
        <v>80116</v>
      </c>
      <c r="F25072" s="2" t="s">
        <v>79778</v>
      </c>
      <c r="G25072" s="8">
        <v>939</v>
      </c>
      <c r="H25072" s="5">
        <v>10</v>
      </c>
      <c r="I25072" s="5" t="s">
        <v>79637</v>
      </c>
      <c r="J25072" s="5" t="s">
        <v>79638</v>
      </c>
      <c r="K25072" s="2" t="s">
        <v>79639</v>
      </c>
      <c r="L25072" s="5" t="s">
        <v>79638</v>
      </c>
      <c r="M25072" s="2" t="s">
        <v>79639</v>
      </c>
      <c r="N25072" s="5" t="s">
        <v>79640</v>
      </c>
      <c r="O25072" s="5" t="s">
        <v>38</v>
      </c>
      <c r="P25072" s="5" t="s">
        <v>39</v>
      </c>
      <c r="Q25072" s="5" t="s">
        <v>40</v>
      </c>
      <c r="R25072" s="5" t="s">
        <v>24335</v>
      </c>
      <c r="S25072" s="5" t="s">
        <v>40</v>
      </c>
      <c r="T25072" s="5" t="s">
        <v>42</v>
      </c>
      <c r="U25072" s="2">
        <v>22.99</v>
      </c>
      <c r="V25072" s="2">
        <v>20.344000000000001</v>
      </c>
      <c r="W25072" s="2">
        <v>0.153</v>
      </c>
      <c r="X25072" s="2">
        <v>18.100000000000001</v>
      </c>
      <c r="Y25072" s="2">
        <v>49.1</v>
      </c>
      <c r="Z25072" s="2">
        <v>172.4</v>
      </c>
      <c r="AA25072" s="5">
        <v>12</v>
      </c>
      <c r="AB25072" s="5" t="s">
        <v>43</v>
      </c>
      <c r="AC25072" s="5" t="s">
        <v>735</v>
      </c>
      <c r="AD25072" s="2" t="s">
        <v>79779</v>
      </c>
      <c r="AE25072" s="1"/>
    </row>
    <row r="25073" spans="1:31" ht="14.45">
      <c r="A25073" s="5"/>
      <c r="B25073" s="21"/>
      <c r="C25073" s="2" t="s">
        <v>80117</v>
      </c>
      <c r="D25073" s="14" t="s">
        <v>80118</v>
      </c>
      <c r="E25073" s="2" t="s">
        <v>80119</v>
      </c>
      <c r="F25073" s="2" t="s">
        <v>79783</v>
      </c>
      <c r="G25073" s="8">
        <v>810</v>
      </c>
      <c r="H25073" s="5">
        <v>10</v>
      </c>
      <c r="I25073" s="5" t="s">
        <v>79637</v>
      </c>
      <c r="J25073" s="5" t="s">
        <v>79638</v>
      </c>
      <c r="K25073" s="2" t="s">
        <v>79639</v>
      </c>
      <c r="L25073" s="5" t="s">
        <v>79638</v>
      </c>
      <c r="M25073" s="2" t="s">
        <v>79639</v>
      </c>
      <c r="N25073" s="5" t="s">
        <v>79640</v>
      </c>
      <c r="O25073" s="5" t="s">
        <v>38</v>
      </c>
      <c r="P25073" s="5" t="s">
        <v>39</v>
      </c>
      <c r="Q25073" s="5" t="s">
        <v>40</v>
      </c>
      <c r="R25073" s="5" t="s">
        <v>24335</v>
      </c>
      <c r="S25073" s="5" t="s">
        <v>40</v>
      </c>
      <c r="T25073" s="5" t="s">
        <v>42</v>
      </c>
      <c r="U25073" s="2">
        <v>20.457999999999998</v>
      </c>
      <c r="V25073" s="2">
        <v>17.812000000000001</v>
      </c>
      <c r="W25073" s="2">
        <v>0.153</v>
      </c>
      <c r="X25073" s="2">
        <v>18.100000000000001</v>
      </c>
      <c r="Y25073" s="2">
        <v>49.1</v>
      </c>
      <c r="Z25073" s="2">
        <v>172.4</v>
      </c>
      <c r="AA25073" s="5">
        <v>12</v>
      </c>
      <c r="AB25073" s="5" t="s">
        <v>43</v>
      </c>
      <c r="AC25073" s="5" t="s">
        <v>735</v>
      </c>
      <c r="AD25073" s="2" t="s">
        <v>79784</v>
      </c>
      <c r="AE25073" s="1"/>
    </row>
    <row r="25074" spans="1:31" ht="14.45">
      <c r="A25074" s="5" t="s">
        <v>116</v>
      </c>
      <c r="B25074" s="21">
        <v>46143</v>
      </c>
      <c r="C25074" s="2" t="s">
        <v>80120</v>
      </c>
      <c r="D25074" s="14" t="s">
        <v>80121</v>
      </c>
      <c r="E25074" s="2" t="s">
        <v>80122</v>
      </c>
      <c r="F25074" s="2" t="s">
        <v>79833</v>
      </c>
      <c r="G25074" s="8">
        <v>926</v>
      </c>
      <c r="H25074" s="5">
        <v>5</v>
      </c>
      <c r="I25074" s="5" t="s">
        <v>79637</v>
      </c>
      <c r="J25074" s="5" t="s">
        <v>79638</v>
      </c>
      <c r="K25074" s="2" t="s">
        <v>79639</v>
      </c>
      <c r="L25074" s="5" t="s">
        <v>79638</v>
      </c>
      <c r="M25074" s="2" t="s">
        <v>79639</v>
      </c>
      <c r="N25074" s="5" t="s">
        <v>79640</v>
      </c>
      <c r="O25074" s="5" t="s">
        <v>38</v>
      </c>
      <c r="P25074" s="5" t="s">
        <v>39</v>
      </c>
      <c r="Q25074" s="5" t="s">
        <v>40</v>
      </c>
      <c r="R25074" s="5" t="s">
        <v>1487</v>
      </c>
      <c r="S25074" s="5"/>
      <c r="T25074" s="5" t="s">
        <v>42</v>
      </c>
      <c r="U25074" s="2">
        <v>0</v>
      </c>
      <c r="V25074" s="2">
        <v>0</v>
      </c>
      <c r="W25074" s="2">
        <v>0</v>
      </c>
      <c r="X25074" s="2">
        <v>0</v>
      </c>
      <c r="Y25074" s="2">
        <v>0</v>
      </c>
      <c r="Z25074" s="2">
        <v>0</v>
      </c>
      <c r="AA25074" s="5"/>
      <c r="AB25074" s="5" t="s">
        <v>43</v>
      </c>
      <c r="AC25074" s="5" t="s">
        <v>735</v>
      </c>
      <c r="AD25074" s="2" t="s">
        <v>79834</v>
      </c>
      <c r="AE25074" s="1"/>
    </row>
    <row r="25075" spans="1:31" ht="14.45">
      <c r="A25075" s="5" t="s">
        <v>116</v>
      </c>
      <c r="B25075" s="21">
        <v>46143</v>
      </c>
      <c r="C25075" s="2" t="s">
        <v>80123</v>
      </c>
      <c r="D25075" s="14" t="s">
        <v>80124</v>
      </c>
      <c r="E25075" s="2" t="s">
        <v>80125</v>
      </c>
      <c r="F25075" s="2" t="s">
        <v>130</v>
      </c>
      <c r="G25075" s="8">
        <v>429</v>
      </c>
      <c r="H25075" s="5">
        <v>10</v>
      </c>
      <c r="I25075" s="5" t="s">
        <v>79637</v>
      </c>
      <c r="J25075" s="5" t="s">
        <v>79638</v>
      </c>
      <c r="K25075" s="2" t="s">
        <v>79639</v>
      </c>
      <c r="L25075" s="5" t="s">
        <v>79638</v>
      </c>
      <c r="M25075" s="2" t="s">
        <v>79639</v>
      </c>
      <c r="N25075" s="5" t="s">
        <v>79640</v>
      </c>
      <c r="O25075" s="5" t="s">
        <v>38</v>
      </c>
      <c r="P25075" s="5" t="s">
        <v>39</v>
      </c>
      <c r="Q25075" s="5" t="s">
        <v>40</v>
      </c>
      <c r="R25075" s="5" t="s">
        <v>24335</v>
      </c>
      <c r="S25075" s="5" t="s">
        <v>40</v>
      </c>
      <c r="T25075" s="5" t="s">
        <v>42</v>
      </c>
      <c r="U25075" s="2">
        <v>7.9320000000000004</v>
      </c>
      <c r="V25075" s="2">
        <v>5.5590000000000002</v>
      </c>
      <c r="W25075" s="2">
        <v>0.09</v>
      </c>
      <c r="X25075" s="2">
        <v>43</v>
      </c>
      <c r="Y25075" s="2">
        <v>16.5</v>
      </c>
      <c r="Z25075" s="2">
        <v>126.8</v>
      </c>
      <c r="AA25075" s="5">
        <v>14</v>
      </c>
      <c r="AB25075" s="5" t="s">
        <v>43</v>
      </c>
      <c r="AC25075" s="5" t="s">
        <v>735</v>
      </c>
      <c r="AD25075" s="2" t="s">
        <v>79766</v>
      </c>
      <c r="AE25075" s="1"/>
    </row>
    <row r="25076" spans="1:31" ht="14.45">
      <c r="A25076" s="5"/>
      <c r="B25076" s="21"/>
      <c r="C25076" s="2" t="s">
        <v>80126</v>
      </c>
      <c r="D25076" s="14" t="s">
        <v>80127</v>
      </c>
      <c r="E25076" s="2" t="s">
        <v>80128</v>
      </c>
      <c r="F25076" s="2" t="s">
        <v>79740</v>
      </c>
      <c r="G25076" s="8">
        <v>429</v>
      </c>
      <c r="H25076" s="5">
        <v>10</v>
      </c>
      <c r="I25076" s="5" t="s">
        <v>79637</v>
      </c>
      <c r="J25076" s="5" t="s">
        <v>79638</v>
      </c>
      <c r="K25076" s="2" t="s">
        <v>79639</v>
      </c>
      <c r="L25076" s="5" t="s">
        <v>79638</v>
      </c>
      <c r="M25076" s="2" t="s">
        <v>79639</v>
      </c>
      <c r="N25076" s="5" t="s">
        <v>79640</v>
      </c>
      <c r="O25076" s="5" t="s">
        <v>38</v>
      </c>
      <c r="P25076" s="5" t="s">
        <v>39</v>
      </c>
      <c r="Q25076" s="5" t="s">
        <v>40</v>
      </c>
      <c r="R25076" s="5" t="s">
        <v>24335</v>
      </c>
      <c r="S25076" s="5" t="s">
        <v>40</v>
      </c>
      <c r="T25076" s="5" t="s">
        <v>42</v>
      </c>
      <c r="U25076" s="2">
        <v>9.8130000000000006</v>
      </c>
      <c r="V25076" s="2">
        <v>7.8289999999999997</v>
      </c>
      <c r="W25076" s="2">
        <v>0.10199999999999999</v>
      </c>
      <c r="X25076" s="2">
        <v>18.100000000000001</v>
      </c>
      <c r="Y25076" s="2">
        <v>49.1</v>
      </c>
      <c r="Z25076" s="2">
        <v>115</v>
      </c>
      <c r="AA25076" s="2">
        <v>12</v>
      </c>
      <c r="AB25076" s="5" t="s">
        <v>43</v>
      </c>
      <c r="AC25076" s="5" t="s">
        <v>735</v>
      </c>
      <c r="AD25076" s="2" t="s">
        <v>79770</v>
      </c>
      <c r="AE25076" s="1"/>
    </row>
    <row r="25077" spans="1:31" ht="14.45">
      <c r="A25077" s="5"/>
      <c r="B25077" s="21"/>
      <c r="C25077" s="2" t="s">
        <v>80129</v>
      </c>
      <c r="D25077" s="14" t="s">
        <v>80130</v>
      </c>
      <c r="E25077" s="2" t="s">
        <v>80131</v>
      </c>
      <c r="F25077" s="2" t="s">
        <v>79778</v>
      </c>
      <c r="G25077" s="8">
        <v>527</v>
      </c>
      <c r="H25077" s="5">
        <v>10</v>
      </c>
      <c r="I25077" s="5" t="s">
        <v>79637</v>
      </c>
      <c r="J25077" s="5" t="s">
        <v>79638</v>
      </c>
      <c r="K25077" s="2" t="s">
        <v>79639</v>
      </c>
      <c r="L25077" s="5" t="s">
        <v>79638</v>
      </c>
      <c r="M25077" s="2" t="s">
        <v>79639</v>
      </c>
      <c r="N25077" s="5" t="s">
        <v>79640</v>
      </c>
      <c r="O25077" s="5" t="s">
        <v>38</v>
      </c>
      <c r="P25077" s="5" t="s">
        <v>39</v>
      </c>
      <c r="Q25077" s="5" t="s">
        <v>40</v>
      </c>
      <c r="R25077" s="5" t="s">
        <v>24335</v>
      </c>
      <c r="S25077" s="5" t="s">
        <v>40</v>
      </c>
      <c r="T25077" s="5" t="s">
        <v>42</v>
      </c>
      <c r="U25077" s="2">
        <v>10.992000000000001</v>
      </c>
      <c r="V25077" s="2">
        <v>9.0079999999999991</v>
      </c>
      <c r="W25077" s="2">
        <v>0.10199999999999999</v>
      </c>
      <c r="X25077" s="2">
        <v>18.100000000000001</v>
      </c>
      <c r="Y25077" s="2">
        <v>49.1</v>
      </c>
      <c r="Z25077" s="2">
        <v>115</v>
      </c>
      <c r="AA25077" s="2">
        <v>12</v>
      </c>
      <c r="AB25077" s="5" t="s">
        <v>43</v>
      </c>
      <c r="AC25077" s="5" t="s">
        <v>735</v>
      </c>
      <c r="AD25077" s="2" t="s">
        <v>79779</v>
      </c>
      <c r="AE25077" s="1"/>
    </row>
    <row r="25078" spans="1:31" ht="14.45">
      <c r="A25078" s="5" t="s">
        <v>116</v>
      </c>
      <c r="B25078" s="21">
        <v>46143</v>
      </c>
      <c r="C25078" s="2" t="s">
        <v>80132</v>
      </c>
      <c r="D25078" s="14" t="s">
        <v>80133</v>
      </c>
      <c r="E25078" s="2" t="s">
        <v>80134</v>
      </c>
      <c r="F25078" s="2" t="s">
        <v>130</v>
      </c>
      <c r="G25078" s="8">
        <v>450</v>
      </c>
      <c r="H25078" s="5">
        <v>10</v>
      </c>
      <c r="I25078" s="5" t="s">
        <v>79637</v>
      </c>
      <c r="J25078" s="5" t="s">
        <v>79638</v>
      </c>
      <c r="K25078" s="2" t="s">
        <v>79639</v>
      </c>
      <c r="L25078" s="5" t="s">
        <v>79638</v>
      </c>
      <c r="M25078" s="2" t="s">
        <v>79639</v>
      </c>
      <c r="N25078" s="5" t="s">
        <v>79640</v>
      </c>
      <c r="O25078" s="5" t="s">
        <v>38</v>
      </c>
      <c r="P25078" s="5" t="s">
        <v>39</v>
      </c>
      <c r="Q25078" s="5" t="s">
        <v>40</v>
      </c>
      <c r="R25078" s="5" t="s">
        <v>24335</v>
      </c>
      <c r="S25078" s="5" t="s">
        <v>40</v>
      </c>
      <c r="T25078" s="5" t="s">
        <v>42</v>
      </c>
      <c r="U25078" s="2">
        <v>8.6530000000000005</v>
      </c>
      <c r="V25078" s="2">
        <v>6.28</v>
      </c>
      <c r="W25078" s="2">
        <v>0.09</v>
      </c>
      <c r="X25078" s="2">
        <v>43</v>
      </c>
      <c r="Y25078" s="2">
        <v>16.5</v>
      </c>
      <c r="Z25078" s="2">
        <v>126.8</v>
      </c>
      <c r="AA25078" s="5">
        <v>14</v>
      </c>
      <c r="AB25078" s="5" t="s">
        <v>43</v>
      </c>
      <c r="AC25078" s="5" t="s">
        <v>735</v>
      </c>
      <c r="AD25078" s="2" t="s">
        <v>79766</v>
      </c>
      <c r="AE25078" s="1"/>
    </row>
    <row r="25079" spans="1:31" ht="14.45">
      <c r="A25079" s="5"/>
      <c r="B25079" s="21"/>
      <c r="C25079" s="2" t="s">
        <v>80135</v>
      </c>
      <c r="D25079" s="14" t="s">
        <v>80136</v>
      </c>
      <c r="E25079" s="2" t="s">
        <v>80137</v>
      </c>
      <c r="F25079" s="2" t="s">
        <v>79740</v>
      </c>
      <c r="G25079" s="8">
        <v>450</v>
      </c>
      <c r="H25079" s="5">
        <v>10</v>
      </c>
      <c r="I25079" s="5" t="s">
        <v>79637</v>
      </c>
      <c r="J25079" s="5" t="s">
        <v>79638</v>
      </c>
      <c r="K25079" s="2" t="s">
        <v>79639</v>
      </c>
      <c r="L25079" s="5" t="s">
        <v>79638</v>
      </c>
      <c r="M25079" s="2" t="s">
        <v>79639</v>
      </c>
      <c r="N25079" s="5" t="s">
        <v>79640</v>
      </c>
      <c r="O25079" s="5" t="s">
        <v>38</v>
      </c>
      <c r="P25079" s="5" t="s">
        <v>39</v>
      </c>
      <c r="Q25079" s="5" t="s">
        <v>40</v>
      </c>
      <c r="R25079" s="5" t="s">
        <v>24335</v>
      </c>
      <c r="S25079" s="5" t="s">
        <v>40</v>
      </c>
      <c r="T25079" s="5" t="s">
        <v>42</v>
      </c>
      <c r="U25079" s="2">
        <v>10.824999999999999</v>
      </c>
      <c r="V25079" s="2">
        <v>8.6769999999999996</v>
      </c>
      <c r="W25079" s="2">
        <v>0.11899999999999999</v>
      </c>
      <c r="X25079" s="2">
        <v>18.100000000000001</v>
      </c>
      <c r="Y25079" s="2">
        <v>49.1</v>
      </c>
      <c r="Z25079" s="2">
        <v>134.19999999999999</v>
      </c>
      <c r="AA25079" s="2">
        <v>12</v>
      </c>
      <c r="AB25079" s="5" t="s">
        <v>43</v>
      </c>
      <c r="AC25079" s="5" t="s">
        <v>735</v>
      </c>
      <c r="AD25079" s="2" t="s">
        <v>79770</v>
      </c>
      <c r="AE25079" s="1"/>
    </row>
    <row r="25080" spans="1:31" ht="14.45">
      <c r="A25080" s="5"/>
      <c r="B25080" s="21"/>
      <c r="C25080" s="2" t="s">
        <v>80138</v>
      </c>
      <c r="D25080" s="14" t="s">
        <v>80139</v>
      </c>
      <c r="E25080" s="2" t="s">
        <v>80140</v>
      </c>
      <c r="F25080" s="2" t="s">
        <v>79778</v>
      </c>
      <c r="G25080" s="8">
        <v>553</v>
      </c>
      <c r="H25080" s="5">
        <v>10</v>
      </c>
      <c r="I25080" s="5" t="s">
        <v>79637</v>
      </c>
      <c r="J25080" s="5" t="s">
        <v>79638</v>
      </c>
      <c r="K25080" s="2" t="s">
        <v>79639</v>
      </c>
      <c r="L25080" s="5" t="s">
        <v>79638</v>
      </c>
      <c r="M25080" s="2" t="s">
        <v>79639</v>
      </c>
      <c r="N25080" s="5" t="s">
        <v>79640</v>
      </c>
      <c r="O25080" s="5" t="s">
        <v>38</v>
      </c>
      <c r="P25080" s="5" t="s">
        <v>39</v>
      </c>
      <c r="Q25080" s="5" t="s">
        <v>40</v>
      </c>
      <c r="R25080" s="5" t="s">
        <v>24335</v>
      </c>
      <c r="S25080" s="5" t="s">
        <v>40</v>
      </c>
      <c r="T25080" s="5" t="s">
        <v>42</v>
      </c>
      <c r="U25080" s="2">
        <v>12.224</v>
      </c>
      <c r="V25080" s="2">
        <v>10.076000000000001</v>
      </c>
      <c r="W25080" s="2">
        <v>0.11899999999999999</v>
      </c>
      <c r="X25080" s="2">
        <v>18.100000000000001</v>
      </c>
      <c r="Y25080" s="2">
        <v>49.1</v>
      </c>
      <c r="Z25080" s="2">
        <v>134.19999999999999</v>
      </c>
      <c r="AA25080" s="2">
        <v>12</v>
      </c>
      <c r="AB25080" s="5" t="s">
        <v>43</v>
      </c>
      <c r="AC25080" s="5" t="s">
        <v>735</v>
      </c>
      <c r="AD25080" s="2" t="s">
        <v>79779</v>
      </c>
      <c r="AE25080" s="1"/>
    </row>
    <row r="25081" spans="1:31" ht="14.45">
      <c r="A25081" s="5" t="s">
        <v>116</v>
      </c>
      <c r="B25081" s="21">
        <v>46143</v>
      </c>
      <c r="C25081" s="2" t="s">
        <v>80141</v>
      </c>
      <c r="D25081" s="14" t="s">
        <v>80142</v>
      </c>
      <c r="E25081" s="2" t="s">
        <v>80143</v>
      </c>
      <c r="F25081" s="2" t="s">
        <v>130</v>
      </c>
      <c r="G25081" s="8">
        <v>476</v>
      </c>
      <c r="H25081" s="5">
        <v>10</v>
      </c>
      <c r="I25081" s="5" t="s">
        <v>79637</v>
      </c>
      <c r="J25081" s="5" t="s">
        <v>79638</v>
      </c>
      <c r="K25081" s="2" t="s">
        <v>79639</v>
      </c>
      <c r="L25081" s="5" t="s">
        <v>79638</v>
      </c>
      <c r="M25081" s="2" t="s">
        <v>79639</v>
      </c>
      <c r="N25081" s="5" t="s">
        <v>79640</v>
      </c>
      <c r="O25081" s="5" t="s">
        <v>38</v>
      </c>
      <c r="P25081" s="5" t="s">
        <v>39</v>
      </c>
      <c r="Q25081" s="5" t="s">
        <v>40</v>
      </c>
      <c r="R25081" s="5" t="s">
        <v>24335</v>
      </c>
      <c r="S25081" s="5" t="s">
        <v>40</v>
      </c>
      <c r="T25081" s="5" t="s">
        <v>42</v>
      </c>
      <c r="U25081" s="2">
        <v>9.141</v>
      </c>
      <c r="V25081" s="2">
        <v>6.7679999999999998</v>
      </c>
      <c r="W25081" s="2">
        <v>0.09</v>
      </c>
      <c r="X25081" s="2">
        <v>43</v>
      </c>
      <c r="Y25081" s="2">
        <v>16.5</v>
      </c>
      <c r="Z25081" s="2">
        <v>126.8</v>
      </c>
      <c r="AA25081" s="5">
        <v>14</v>
      </c>
      <c r="AB25081" s="5" t="s">
        <v>43</v>
      </c>
      <c r="AC25081" s="5" t="s">
        <v>735</v>
      </c>
      <c r="AD25081" s="2" t="s">
        <v>79766</v>
      </c>
      <c r="AE25081" s="1"/>
    </row>
    <row r="25082" spans="1:31" ht="14.45">
      <c r="A25082" s="5"/>
      <c r="B25082" s="21"/>
      <c r="C25082" s="2" t="s">
        <v>80144</v>
      </c>
      <c r="D25082" s="14" t="s">
        <v>80145</v>
      </c>
      <c r="E25082" s="2" t="s">
        <v>80146</v>
      </c>
      <c r="F25082" s="2" t="s">
        <v>79740</v>
      </c>
      <c r="G25082" s="8">
        <v>476</v>
      </c>
      <c r="H25082" s="5">
        <v>10</v>
      </c>
      <c r="I25082" s="5" t="s">
        <v>79637</v>
      </c>
      <c r="J25082" s="5" t="s">
        <v>79638</v>
      </c>
      <c r="K25082" s="2" t="s">
        <v>79639</v>
      </c>
      <c r="L25082" s="5" t="s">
        <v>79638</v>
      </c>
      <c r="M25082" s="2" t="s">
        <v>79639</v>
      </c>
      <c r="N25082" s="5" t="s">
        <v>79640</v>
      </c>
      <c r="O25082" s="5" t="s">
        <v>38</v>
      </c>
      <c r="P25082" s="5" t="s">
        <v>39</v>
      </c>
      <c r="Q25082" s="5" t="s">
        <v>40</v>
      </c>
      <c r="R25082" s="5" t="s">
        <v>24335</v>
      </c>
      <c r="S25082" s="5" t="s">
        <v>40</v>
      </c>
      <c r="T25082" s="5" t="s">
        <v>42</v>
      </c>
      <c r="U25082" s="2">
        <v>11.845000000000001</v>
      </c>
      <c r="V25082" s="2">
        <v>9.6820000000000004</v>
      </c>
      <c r="W25082" s="2">
        <v>0.11899999999999999</v>
      </c>
      <c r="X25082" s="2">
        <v>18.100000000000001</v>
      </c>
      <c r="Y25082" s="2">
        <v>49.1</v>
      </c>
      <c r="Z25082" s="2">
        <v>134.19999999999999</v>
      </c>
      <c r="AA25082" s="2">
        <v>12</v>
      </c>
      <c r="AB25082" s="5" t="s">
        <v>43</v>
      </c>
      <c r="AC25082" s="5" t="s">
        <v>735</v>
      </c>
      <c r="AD25082" s="2" t="s">
        <v>79770</v>
      </c>
      <c r="AE25082" s="1"/>
    </row>
    <row r="25083" spans="1:31" ht="14.45">
      <c r="A25083" s="5"/>
      <c r="B25083" s="21"/>
      <c r="C25083" s="2" t="s">
        <v>80147</v>
      </c>
      <c r="D25083" s="14" t="s">
        <v>80148</v>
      </c>
      <c r="E25083" s="2" t="s">
        <v>80149</v>
      </c>
      <c r="F25083" s="2" t="s">
        <v>79778</v>
      </c>
      <c r="G25083" s="8">
        <v>585</v>
      </c>
      <c r="H25083" s="5">
        <v>10</v>
      </c>
      <c r="I25083" s="5" t="s">
        <v>79637</v>
      </c>
      <c r="J25083" s="5" t="s">
        <v>79638</v>
      </c>
      <c r="K25083" s="2" t="s">
        <v>79639</v>
      </c>
      <c r="L25083" s="5" t="s">
        <v>79638</v>
      </c>
      <c r="M25083" s="2" t="s">
        <v>79639</v>
      </c>
      <c r="N25083" s="5" t="s">
        <v>79640</v>
      </c>
      <c r="O25083" s="5" t="s">
        <v>38</v>
      </c>
      <c r="P25083" s="5" t="s">
        <v>39</v>
      </c>
      <c r="Q25083" s="5" t="s">
        <v>40</v>
      </c>
      <c r="R25083" s="5" t="s">
        <v>24335</v>
      </c>
      <c r="S25083" s="5" t="s">
        <v>40</v>
      </c>
      <c r="T25083" s="5" t="s">
        <v>42</v>
      </c>
      <c r="U25083" s="2">
        <v>13.314</v>
      </c>
      <c r="V25083" s="2">
        <v>11.151</v>
      </c>
      <c r="W25083" s="2">
        <v>0.11899999999999999</v>
      </c>
      <c r="X25083" s="2">
        <v>18.100000000000001</v>
      </c>
      <c r="Y25083" s="2">
        <v>49.1</v>
      </c>
      <c r="Z25083" s="2">
        <v>134.19999999999999</v>
      </c>
      <c r="AA25083" s="2">
        <v>12</v>
      </c>
      <c r="AB25083" s="5" t="s">
        <v>43</v>
      </c>
      <c r="AC25083" s="5" t="s">
        <v>735</v>
      </c>
      <c r="AD25083" s="2" t="s">
        <v>79779</v>
      </c>
      <c r="AE25083" s="1"/>
    </row>
    <row r="25084" spans="1:31" ht="14.45">
      <c r="A25084" s="5" t="s">
        <v>116</v>
      </c>
      <c r="B25084" s="21">
        <v>46143</v>
      </c>
      <c r="C25084" s="2" t="s">
        <v>80150</v>
      </c>
      <c r="D25084" s="14" t="s">
        <v>80151</v>
      </c>
      <c r="E25084" s="2" t="s">
        <v>80152</v>
      </c>
      <c r="F25084" s="2" t="s">
        <v>130</v>
      </c>
      <c r="G25084" s="8">
        <v>502</v>
      </c>
      <c r="H25084" s="5">
        <v>10</v>
      </c>
      <c r="I25084" s="5" t="s">
        <v>79637</v>
      </c>
      <c r="J25084" s="5" t="s">
        <v>79638</v>
      </c>
      <c r="K25084" s="2" t="s">
        <v>79639</v>
      </c>
      <c r="L25084" s="5" t="s">
        <v>79638</v>
      </c>
      <c r="M25084" s="2" t="s">
        <v>79639</v>
      </c>
      <c r="N25084" s="5" t="s">
        <v>79640</v>
      </c>
      <c r="O25084" s="5" t="s">
        <v>38</v>
      </c>
      <c r="P25084" s="5" t="s">
        <v>39</v>
      </c>
      <c r="Q25084" s="5" t="s">
        <v>40</v>
      </c>
      <c r="R25084" s="5" t="s">
        <v>24335</v>
      </c>
      <c r="S25084" s="5" t="s">
        <v>40</v>
      </c>
      <c r="T25084" s="5" t="s">
        <v>42</v>
      </c>
      <c r="U25084" s="2">
        <v>10.022</v>
      </c>
      <c r="V25084" s="2">
        <v>7.4950000000000001</v>
      </c>
      <c r="W25084" s="2">
        <v>0.10100000000000001</v>
      </c>
      <c r="X25084" s="2">
        <v>43</v>
      </c>
      <c r="Y25084" s="2">
        <v>16.5</v>
      </c>
      <c r="Z25084" s="2">
        <v>143</v>
      </c>
      <c r="AA25084" s="5">
        <v>14</v>
      </c>
      <c r="AB25084" s="5" t="s">
        <v>43</v>
      </c>
      <c r="AC25084" s="5" t="s">
        <v>735</v>
      </c>
      <c r="AD25084" s="2" t="s">
        <v>79766</v>
      </c>
      <c r="AE25084" s="1"/>
    </row>
    <row r="25085" spans="1:31" ht="14.45">
      <c r="A25085" s="5"/>
      <c r="B25085" s="21"/>
      <c r="C25085" s="2" t="s">
        <v>80153</v>
      </c>
      <c r="D25085" s="14" t="s">
        <v>80154</v>
      </c>
      <c r="E25085" s="2" t="s">
        <v>80155</v>
      </c>
      <c r="F25085" s="2" t="s">
        <v>79740</v>
      </c>
      <c r="G25085" s="8">
        <v>502</v>
      </c>
      <c r="H25085" s="5">
        <v>10</v>
      </c>
      <c r="I25085" s="5" t="s">
        <v>79637</v>
      </c>
      <c r="J25085" s="5" t="s">
        <v>79638</v>
      </c>
      <c r="K25085" s="2" t="s">
        <v>79639</v>
      </c>
      <c r="L25085" s="5" t="s">
        <v>79638</v>
      </c>
      <c r="M25085" s="2" t="s">
        <v>79639</v>
      </c>
      <c r="N25085" s="5" t="s">
        <v>79640</v>
      </c>
      <c r="O25085" s="5" t="s">
        <v>38</v>
      </c>
      <c r="P25085" s="5" t="s">
        <v>39</v>
      </c>
      <c r="Q25085" s="5" t="s">
        <v>40</v>
      </c>
      <c r="R25085" s="5" t="s">
        <v>24335</v>
      </c>
      <c r="S25085" s="5" t="s">
        <v>40</v>
      </c>
      <c r="T25085" s="5" t="s">
        <v>42</v>
      </c>
      <c r="U25085" s="2">
        <v>12.95</v>
      </c>
      <c r="V25085" s="2">
        <v>10.582000000000001</v>
      </c>
      <c r="W25085" s="2">
        <v>0.13900000000000001</v>
      </c>
      <c r="X25085" s="2">
        <v>18.100000000000001</v>
      </c>
      <c r="Y25085" s="2">
        <v>49.1</v>
      </c>
      <c r="Z25085" s="2">
        <v>156.19999999999999</v>
      </c>
      <c r="AA25085" s="2">
        <v>12</v>
      </c>
      <c r="AB25085" s="5" t="s">
        <v>43</v>
      </c>
      <c r="AC25085" s="5" t="s">
        <v>735</v>
      </c>
      <c r="AD25085" s="2" t="s">
        <v>79770</v>
      </c>
      <c r="AE25085" s="1"/>
    </row>
    <row r="25086" spans="1:31" ht="14.45">
      <c r="A25086" s="5"/>
      <c r="B25086" s="21"/>
      <c r="C25086" s="2" t="s">
        <v>80156</v>
      </c>
      <c r="D25086" s="14" t="s">
        <v>80157</v>
      </c>
      <c r="E25086" s="2" t="s">
        <v>80158</v>
      </c>
      <c r="F25086" s="2" t="s">
        <v>79778</v>
      </c>
      <c r="G25086" s="8">
        <v>618</v>
      </c>
      <c r="H25086" s="5">
        <v>10</v>
      </c>
      <c r="I25086" s="5" t="s">
        <v>79637</v>
      </c>
      <c r="J25086" s="5" t="s">
        <v>79638</v>
      </c>
      <c r="K25086" s="2" t="s">
        <v>79639</v>
      </c>
      <c r="L25086" s="5" t="s">
        <v>79638</v>
      </c>
      <c r="M25086" s="2" t="s">
        <v>79639</v>
      </c>
      <c r="N25086" s="5" t="s">
        <v>79640</v>
      </c>
      <c r="O25086" s="5" t="s">
        <v>38</v>
      </c>
      <c r="P25086" s="5" t="s">
        <v>39</v>
      </c>
      <c r="Q25086" s="5" t="s">
        <v>40</v>
      </c>
      <c r="R25086" s="5" t="s">
        <v>24335</v>
      </c>
      <c r="S25086" s="5" t="s">
        <v>40</v>
      </c>
      <c r="T25086" s="5" t="s">
        <v>42</v>
      </c>
      <c r="U25086" s="2">
        <v>14.637</v>
      </c>
      <c r="V25086" s="2">
        <v>12.269</v>
      </c>
      <c r="W25086" s="2">
        <v>0.13900000000000001</v>
      </c>
      <c r="X25086" s="2">
        <v>18.100000000000001</v>
      </c>
      <c r="Y25086" s="2">
        <v>49.1</v>
      </c>
      <c r="Z25086" s="2">
        <v>156.19999999999999</v>
      </c>
      <c r="AA25086" s="2">
        <v>12</v>
      </c>
      <c r="AB25086" s="5" t="s">
        <v>43</v>
      </c>
      <c r="AC25086" s="5" t="s">
        <v>735</v>
      </c>
      <c r="AD25086" s="2" t="s">
        <v>79779</v>
      </c>
      <c r="AE25086" s="1"/>
    </row>
    <row r="25087" spans="1:31" ht="14.45">
      <c r="A25087" s="5" t="s">
        <v>116</v>
      </c>
      <c r="B25087" s="21">
        <v>46143</v>
      </c>
      <c r="C25087" s="2" t="s">
        <v>80159</v>
      </c>
      <c r="D25087" s="14" t="s">
        <v>80160</v>
      </c>
      <c r="E25087" s="2" t="s">
        <v>80161</v>
      </c>
      <c r="F25087" s="2" t="s">
        <v>130</v>
      </c>
      <c r="G25087" s="8">
        <v>497</v>
      </c>
      <c r="H25087" s="5">
        <v>10</v>
      </c>
      <c r="I25087" s="5" t="s">
        <v>79637</v>
      </c>
      <c r="J25087" s="5" t="s">
        <v>79638</v>
      </c>
      <c r="K25087" s="2" t="s">
        <v>79639</v>
      </c>
      <c r="L25087" s="5" t="s">
        <v>79638</v>
      </c>
      <c r="M25087" s="2" t="s">
        <v>79639</v>
      </c>
      <c r="N25087" s="5" t="s">
        <v>79640</v>
      </c>
      <c r="O25087" s="5" t="s">
        <v>38</v>
      </c>
      <c r="P25087" s="5" t="s">
        <v>39</v>
      </c>
      <c r="Q25087" s="5" t="s">
        <v>40</v>
      </c>
      <c r="R25087" s="5" t="s">
        <v>24335</v>
      </c>
      <c r="S25087" s="5" t="s">
        <v>40</v>
      </c>
      <c r="T25087" s="5" t="s">
        <v>42</v>
      </c>
      <c r="U25087" s="2">
        <v>9.6549999999999994</v>
      </c>
      <c r="V25087" s="2">
        <v>7.282</v>
      </c>
      <c r="W25087" s="2">
        <v>0.09</v>
      </c>
      <c r="X25087" s="2">
        <v>43</v>
      </c>
      <c r="Y25087" s="2">
        <v>16.5</v>
      </c>
      <c r="Z25087" s="2">
        <v>126.8</v>
      </c>
      <c r="AA25087" s="5">
        <v>14</v>
      </c>
      <c r="AB25087" s="5" t="s">
        <v>43</v>
      </c>
      <c r="AC25087" s="5" t="s">
        <v>735</v>
      </c>
      <c r="AD25087" s="2" t="s">
        <v>79766</v>
      </c>
      <c r="AE25087" s="1"/>
    </row>
    <row r="25088" spans="1:31" ht="14.45">
      <c r="A25088" s="5"/>
      <c r="B25088" s="21"/>
      <c r="C25088" s="2" t="s">
        <v>80162</v>
      </c>
      <c r="D25088" s="14" t="s">
        <v>80163</v>
      </c>
      <c r="E25088" s="2" t="s">
        <v>80164</v>
      </c>
      <c r="F25088" s="2" t="s">
        <v>79740</v>
      </c>
      <c r="G25088" s="8">
        <v>497</v>
      </c>
      <c r="H25088" s="5">
        <v>10</v>
      </c>
      <c r="I25088" s="5" t="s">
        <v>79637</v>
      </c>
      <c r="J25088" s="5" t="s">
        <v>79638</v>
      </c>
      <c r="K25088" s="2" t="s">
        <v>79639</v>
      </c>
      <c r="L25088" s="5" t="s">
        <v>79638</v>
      </c>
      <c r="M25088" s="2" t="s">
        <v>79639</v>
      </c>
      <c r="N25088" s="5" t="s">
        <v>79640</v>
      </c>
      <c r="O25088" s="5" t="s">
        <v>38</v>
      </c>
      <c r="P25088" s="5" t="s">
        <v>39</v>
      </c>
      <c r="Q25088" s="5" t="s">
        <v>40</v>
      </c>
      <c r="R25088" s="5" t="s">
        <v>24335</v>
      </c>
      <c r="S25088" s="5" t="s">
        <v>40</v>
      </c>
      <c r="T25088" s="5" t="s">
        <v>42</v>
      </c>
      <c r="U25088" s="2">
        <v>12.598000000000001</v>
      </c>
      <c r="V25088" s="2">
        <v>10.42</v>
      </c>
      <c r="W25088" s="2">
        <v>0.11899999999999999</v>
      </c>
      <c r="X25088" s="2">
        <v>18.100000000000001</v>
      </c>
      <c r="Y25088" s="2">
        <v>49.1</v>
      </c>
      <c r="Z25088" s="2">
        <v>134.19999999999999</v>
      </c>
      <c r="AA25088" s="2">
        <v>12</v>
      </c>
      <c r="AB25088" s="5" t="s">
        <v>43</v>
      </c>
      <c r="AC25088" s="5" t="s">
        <v>735</v>
      </c>
      <c r="AD25088" s="2" t="s">
        <v>79770</v>
      </c>
      <c r="AE25088" s="1"/>
    </row>
    <row r="25089" spans="1:31" ht="14.45">
      <c r="A25089" s="5"/>
      <c r="B25089" s="21"/>
      <c r="C25089" s="2" t="s">
        <v>80165</v>
      </c>
      <c r="D25089" s="14" t="s">
        <v>80166</v>
      </c>
      <c r="E25089" s="2" t="s">
        <v>80167</v>
      </c>
      <c r="F25089" s="2" t="s">
        <v>79778</v>
      </c>
      <c r="G25089" s="8">
        <v>611</v>
      </c>
      <c r="H25089" s="5">
        <v>10</v>
      </c>
      <c r="I25089" s="5" t="s">
        <v>79637</v>
      </c>
      <c r="J25089" s="5" t="s">
        <v>79638</v>
      </c>
      <c r="K25089" s="2" t="s">
        <v>79639</v>
      </c>
      <c r="L25089" s="5" t="s">
        <v>79638</v>
      </c>
      <c r="M25089" s="2" t="s">
        <v>79639</v>
      </c>
      <c r="N25089" s="5" t="s">
        <v>79640</v>
      </c>
      <c r="O25089" s="5" t="s">
        <v>38</v>
      </c>
      <c r="P25089" s="5" t="s">
        <v>39</v>
      </c>
      <c r="Q25089" s="5" t="s">
        <v>40</v>
      </c>
      <c r="R25089" s="5" t="s">
        <v>24335</v>
      </c>
      <c r="S25089" s="5" t="s">
        <v>40</v>
      </c>
      <c r="T25089" s="5" t="s">
        <v>42</v>
      </c>
      <c r="U25089" s="2">
        <v>14.135999999999999</v>
      </c>
      <c r="V25089" s="2">
        <v>11.958</v>
      </c>
      <c r="W25089" s="2">
        <v>0.11899999999999999</v>
      </c>
      <c r="X25089" s="2">
        <v>18.100000000000001</v>
      </c>
      <c r="Y25089" s="2">
        <v>49.1</v>
      </c>
      <c r="Z25089" s="2">
        <v>134.19999999999999</v>
      </c>
      <c r="AA25089" s="2">
        <v>12</v>
      </c>
      <c r="AB25089" s="5" t="s">
        <v>43</v>
      </c>
      <c r="AC25089" s="5" t="s">
        <v>735</v>
      </c>
      <c r="AD25089" s="2" t="s">
        <v>79779</v>
      </c>
      <c r="AE25089" s="1"/>
    </row>
    <row r="25090" spans="1:31" ht="14.45">
      <c r="A25090" s="5" t="s">
        <v>116</v>
      </c>
      <c r="B25090" s="21">
        <v>46143</v>
      </c>
      <c r="C25090" s="2" t="s">
        <v>80168</v>
      </c>
      <c r="D25090" s="14" t="s">
        <v>80169</v>
      </c>
      <c r="E25090" s="2" t="s">
        <v>80170</v>
      </c>
      <c r="F25090" s="2" t="s">
        <v>130</v>
      </c>
      <c r="G25090" s="8">
        <v>523</v>
      </c>
      <c r="H25090" s="5">
        <v>5</v>
      </c>
      <c r="I25090" s="5" t="s">
        <v>79637</v>
      </c>
      <c r="J25090" s="5" t="s">
        <v>79638</v>
      </c>
      <c r="K25090" s="2" t="s">
        <v>79639</v>
      </c>
      <c r="L25090" s="5" t="s">
        <v>79638</v>
      </c>
      <c r="M25090" s="2" t="s">
        <v>79639</v>
      </c>
      <c r="N25090" s="5" t="s">
        <v>79640</v>
      </c>
      <c r="O25090" s="5" t="s">
        <v>38</v>
      </c>
      <c r="P25090" s="5" t="s">
        <v>39</v>
      </c>
      <c r="Q25090" s="5" t="s">
        <v>40</v>
      </c>
      <c r="R25090" s="5" t="s">
        <v>24335</v>
      </c>
      <c r="S25090" s="5" t="s">
        <v>40</v>
      </c>
      <c r="T25090" s="5" t="s">
        <v>42</v>
      </c>
      <c r="U25090" s="2">
        <v>10.582000000000001</v>
      </c>
      <c r="V25090" s="2">
        <v>8.0549999999999997</v>
      </c>
      <c r="W25090" s="2">
        <v>0.10100000000000001</v>
      </c>
      <c r="X25090" s="2">
        <v>43</v>
      </c>
      <c r="Y25090" s="2">
        <v>16.5</v>
      </c>
      <c r="Z25090" s="2">
        <v>143</v>
      </c>
      <c r="AA25090" s="5">
        <v>14</v>
      </c>
      <c r="AB25090" s="5" t="s">
        <v>43</v>
      </c>
      <c r="AC25090" s="5" t="s">
        <v>735</v>
      </c>
      <c r="AD25090" s="2" t="s">
        <v>79766</v>
      </c>
      <c r="AE25090" s="1"/>
    </row>
    <row r="25091" spans="1:31" ht="14.45">
      <c r="A25091" s="5"/>
      <c r="B25091" s="21"/>
      <c r="C25091" s="2" t="s">
        <v>80171</v>
      </c>
      <c r="D25091" s="14" t="s">
        <v>80172</v>
      </c>
      <c r="E25091" s="2" t="s">
        <v>80173</v>
      </c>
      <c r="F25091" s="2" t="s">
        <v>79740</v>
      </c>
      <c r="G25091" s="8">
        <v>523</v>
      </c>
      <c r="H25091" s="5">
        <v>5</v>
      </c>
      <c r="I25091" s="5" t="s">
        <v>79637</v>
      </c>
      <c r="J25091" s="5" t="s">
        <v>79638</v>
      </c>
      <c r="K25091" s="2" t="s">
        <v>79639</v>
      </c>
      <c r="L25091" s="5" t="s">
        <v>79638</v>
      </c>
      <c r="M25091" s="2" t="s">
        <v>79639</v>
      </c>
      <c r="N25091" s="5" t="s">
        <v>79640</v>
      </c>
      <c r="O25091" s="5" t="s">
        <v>38</v>
      </c>
      <c r="P25091" s="5" t="s">
        <v>39</v>
      </c>
      <c r="Q25091" s="5" t="s">
        <v>40</v>
      </c>
      <c r="R25091" s="5" t="s">
        <v>24335</v>
      </c>
      <c r="S25091" s="5" t="s">
        <v>40</v>
      </c>
      <c r="T25091" s="5" t="s">
        <v>42</v>
      </c>
      <c r="U25091" s="2">
        <v>13.755000000000001</v>
      </c>
      <c r="V25091" s="2">
        <v>11.372</v>
      </c>
      <c r="W25091" s="2">
        <v>0.13900000000000001</v>
      </c>
      <c r="X25091" s="2">
        <v>18.100000000000001</v>
      </c>
      <c r="Y25091" s="2">
        <v>49.1</v>
      </c>
      <c r="Z25091" s="2">
        <v>156.19999999999999</v>
      </c>
      <c r="AA25091" s="2">
        <v>12</v>
      </c>
      <c r="AB25091" s="5" t="s">
        <v>43</v>
      </c>
      <c r="AC25091" s="5" t="s">
        <v>735</v>
      </c>
      <c r="AD25091" s="2" t="s">
        <v>79770</v>
      </c>
      <c r="AE25091" s="1"/>
    </row>
    <row r="25092" spans="1:31" ht="14.45">
      <c r="A25092" s="5"/>
      <c r="B25092" s="21"/>
      <c r="C25092" s="2" t="s">
        <v>80174</v>
      </c>
      <c r="D25092" s="14" t="s">
        <v>80175</v>
      </c>
      <c r="E25092" s="2" t="s">
        <v>80176</v>
      </c>
      <c r="F25092" s="2" t="s">
        <v>79778</v>
      </c>
      <c r="G25092" s="8">
        <v>643</v>
      </c>
      <c r="H25092" s="5">
        <v>10</v>
      </c>
      <c r="I25092" s="5" t="s">
        <v>79637</v>
      </c>
      <c r="J25092" s="5" t="s">
        <v>79638</v>
      </c>
      <c r="K25092" s="2" t="s">
        <v>79639</v>
      </c>
      <c r="L25092" s="5" t="s">
        <v>79638</v>
      </c>
      <c r="M25092" s="2" t="s">
        <v>79639</v>
      </c>
      <c r="N25092" s="5" t="s">
        <v>79640</v>
      </c>
      <c r="O25092" s="5" t="s">
        <v>38</v>
      </c>
      <c r="P25092" s="5" t="s">
        <v>39</v>
      </c>
      <c r="Q25092" s="5" t="s">
        <v>40</v>
      </c>
      <c r="R25092" s="5" t="s">
        <v>24335</v>
      </c>
      <c r="S25092" s="5" t="s">
        <v>40</v>
      </c>
      <c r="T25092" s="5" t="s">
        <v>42</v>
      </c>
      <c r="U25092" s="2">
        <v>15.510999999999999</v>
      </c>
      <c r="V25092" s="2">
        <v>13.128</v>
      </c>
      <c r="W25092" s="2">
        <v>0.13900000000000001</v>
      </c>
      <c r="X25092" s="2">
        <v>18.100000000000001</v>
      </c>
      <c r="Y25092" s="2">
        <v>49.1</v>
      </c>
      <c r="Z25092" s="2">
        <v>156.19999999999999</v>
      </c>
      <c r="AA25092" s="2">
        <v>12</v>
      </c>
      <c r="AB25092" s="5" t="s">
        <v>43</v>
      </c>
      <c r="AC25092" s="5" t="s">
        <v>735</v>
      </c>
      <c r="AD25092" s="2" t="s">
        <v>79779</v>
      </c>
      <c r="AE25092" s="1"/>
    </row>
    <row r="25093" spans="1:31" ht="14.45">
      <c r="A25093" s="5" t="s">
        <v>116</v>
      </c>
      <c r="B25093" s="21">
        <v>46143</v>
      </c>
      <c r="C25093" s="2" t="s">
        <v>80177</v>
      </c>
      <c r="D25093" s="14" t="s">
        <v>80178</v>
      </c>
      <c r="E25093" s="2" t="s">
        <v>80179</v>
      </c>
      <c r="F25093" s="2" t="s">
        <v>130</v>
      </c>
      <c r="G25093" s="8">
        <v>549</v>
      </c>
      <c r="H25093" s="5">
        <v>10</v>
      </c>
      <c r="I25093" s="5" t="s">
        <v>79637</v>
      </c>
      <c r="J25093" s="5" t="s">
        <v>79638</v>
      </c>
      <c r="K25093" s="2" t="s">
        <v>79639</v>
      </c>
      <c r="L25093" s="5" t="s">
        <v>79638</v>
      </c>
      <c r="M25093" s="2" t="s">
        <v>79639</v>
      </c>
      <c r="N25093" s="5" t="s">
        <v>79640</v>
      </c>
      <c r="O25093" s="5" t="s">
        <v>38</v>
      </c>
      <c r="P25093" s="5" t="s">
        <v>39</v>
      </c>
      <c r="Q25093" s="5" t="s">
        <v>40</v>
      </c>
      <c r="R25093" s="5" t="s">
        <v>24335</v>
      </c>
      <c r="S25093" s="5" t="s">
        <v>40</v>
      </c>
      <c r="T25093" s="5" t="s">
        <v>42</v>
      </c>
      <c r="U25093" s="2">
        <v>11.603999999999999</v>
      </c>
      <c r="V25093" s="2">
        <v>8.89</v>
      </c>
      <c r="W25093" s="2">
        <v>0.11600000000000001</v>
      </c>
      <c r="X25093" s="2">
        <v>43</v>
      </c>
      <c r="Y25093" s="2">
        <v>16.5</v>
      </c>
      <c r="Z25093" s="2">
        <v>162.80000000000001</v>
      </c>
      <c r="AA25093" s="5">
        <v>14</v>
      </c>
      <c r="AB25093" s="5" t="s">
        <v>43</v>
      </c>
      <c r="AC25093" s="5" t="s">
        <v>735</v>
      </c>
      <c r="AD25093" s="2" t="s">
        <v>79766</v>
      </c>
      <c r="AE25093" s="1"/>
    </row>
    <row r="25094" spans="1:31" ht="14.45">
      <c r="A25094" s="5"/>
      <c r="B25094" s="21"/>
      <c r="C25094" s="2" t="s">
        <v>80180</v>
      </c>
      <c r="D25094" s="14" t="s">
        <v>80181</v>
      </c>
      <c r="E25094" s="2" t="s">
        <v>80182</v>
      </c>
      <c r="F25094" s="2" t="s">
        <v>79740</v>
      </c>
      <c r="G25094" s="8">
        <v>549</v>
      </c>
      <c r="H25094" s="5">
        <v>10</v>
      </c>
      <c r="I25094" s="5" t="s">
        <v>79637</v>
      </c>
      <c r="J25094" s="5" t="s">
        <v>79638</v>
      </c>
      <c r="K25094" s="2" t="s">
        <v>79639</v>
      </c>
      <c r="L25094" s="5" t="s">
        <v>79638</v>
      </c>
      <c r="M25094" s="2" t="s">
        <v>79639</v>
      </c>
      <c r="N25094" s="5" t="s">
        <v>79640</v>
      </c>
      <c r="O25094" s="5" t="s">
        <v>38</v>
      </c>
      <c r="P25094" s="5" t="s">
        <v>39</v>
      </c>
      <c r="Q25094" s="5" t="s">
        <v>40</v>
      </c>
      <c r="R25094" s="5" t="s">
        <v>24335</v>
      </c>
      <c r="S25094" s="5" t="s">
        <v>40</v>
      </c>
      <c r="T25094" s="5" t="s">
        <v>42</v>
      </c>
      <c r="U25094" s="2">
        <v>14.797000000000001</v>
      </c>
      <c r="V25094" s="2">
        <v>12.404999999999999</v>
      </c>
      <c r="W25094" s="2">
        <v>0.13900000000000001</v>
      </c>
      <c r="X25094" s="2">
        <v>18.100000000000001</v>
      </c>
      <c r="Y25094" s="2">
        <v>49.1</v>
      </c>
      <c r="Z25094" s="2">
        <v>156.19999999999999</v>
      </c>
      <c r="AA25094" s="2">
        <v>12</v>
      </c>
      <c r="AB25094" s="5" t="s">
        <v>43</v>
      </c>
      <c r="AC25094" s="5" t="s">
        <v>735</v>
      </c>
      <c r="AD25094" s="2" t="s">
        <v>79770</v>
      </c>
      <c r="AE25094" s="1"/>
    </row>
    <row r="25095" spans="1:31" ht="14.45">
      <c r="A25095" s="5"/>
      <c r="B25095" s="21"/>
      <c r="C25095" s="2" t="s">
        <v>80183</v>
      </c>
      <c r="D25095" s="14" t="s">
        <v>80184</v>
      </c>
      <c r="E25095" s="2" t="s">
        <v>80185</v>
      </c>
      <c r="F25095" s="2" t="s">
        <v>79778</v>
      </c>
      <c r="G25095" s="8">
        <v>675</v>
      </c>
      <c r="H25095" s="5">
        <v>10</v>
      </c>
      <c r="I25095" s="5" t="s">
        <v>79637</v>
      </c>
      <c r="J25095" s="5" t="s">
        <v>79638</v>
      </c>
      <c r="K25095" s="2" t="s">
        <v>79639</v>
      </c>
      <c r="L25095" s="5" t="s">
        <v>79638</v>
      </c>
      <c r="M25095" s="2" t="s">
        <v>79639</v>
      </c>
      <c r="N25095" s="5" t="s">
        <v>79640</v>
      </c>
      <c r="O25095" s="5" t="s">
        <v>38</v>
      </c>
      <c r="P25095" s="5" t="s">
        <v>39</v>
      </c>
      <c r="Q25095" s="5" t="s">
        <v>40</v>
      </c>
      <c r="R25095" s="5" t="s">
        <v>24335</v>
      </c>
      <c r="S25095" s="5" t="s">
        <v>40</v>
      </c>
      <c r="T25095" s="5" t="s">
        <v>42</v>
      </c>
      <c r="U25095" s="2">
        <v>16.771000000000001</v>
      </c>
      <c r="V25095" s="2">
        <v>14.379</v>
      </c>
      <c r="W25095" s="2">
        <v>0.13900000000000001</v>
      </c>
      <c r="X25095" s="2">
        <v>18.100000000000001</v>
      </c>
      <c r="Y25095" s="2">
        <v>49.1</v>
      </c>
      <c r="Z25095" s="2">
        <v>156.19999999999999</v>
      </c>
      <c r="AA25095" s="2">
        <v>12</v>
      </c>
      <c r="AB25095" s="5" t="s">
        <v>43</v>
      </c>
      <c r="AC25095" s="5" t="s">
        <v>735</v>
      </c>
      <c r="AD25095" s="2" t="s">
        <v>79779</v>
      </c>
      <c r="AE25095" s="1"/>
    </row>
    <row r="25096" spans="1:31" ht="14.45">
      <c r="A25096" s="5" t="s">
        <v>116</v>
      </c>
      <c r="B25096" s="21">
        <v>46143</v>
      </c>
      <c r="C25096" s="2" t="s">
        <v>80186</v>
      </c>
      <c r="D25096" s="14" t="s">
        <v>80187</v>
      </c>
      <c r="E25096" s="2" t="s">
        <v>80188</v>
      </c>
      <c r="F25096" s="2" t="s">
        <v>130</v>
      </c>
      <c r="G25096" s="8">
        <v>570</v>
      </c>
      <c r="H25096" s="5">
        <v>10</v>
      </c>
      <c r="I25096" s="5" t="s">
        <v>79637</v>
      </c>
      <c r="J25096" s="5" t="s">
        <v>79638</v>
      </c>
      <c r="K25096" s="2" t="s">
        <v>79639</v>
      </c>
      <c r="L25096" s="5" t="s">
        <v>79638</v>
      </c>
      <c r="M25096" s="2" t="s">
        <v>79639</v>
      </c>
      <c r="N25096" s="5" t="s">
        <v>79640</v>
      </c>
      <c r="O25096" s="5" t="s">
        <v>38</v>
      </c>
      <c r="P25096" s="5" t="s">
        <v>39</v>
      </c>
      <c r="Q25096" s="5" t="s">
        <v>40</v>
      </c>
      <c r="R25096" s="5" t="s">
        <v>24335</v>
      </c>
      <c r="S25096" s="5" t="s">
        <v>40</v>
      </c>
      <c r="T25096" s="5" t="s">
        <v>42</v>
      </c>
      <c r="U25096" s="2">
        <v>11.566000000000001</v>
      </c>
      <c r="V25096" s="2">
        <v>9.0389999999999997</v>
      </c>
      <c r="W25096" s="2">
        <v>0.10100000000000001</v>
      </c>
      <c r="X25096" s="2">
        <v>43</v>
      </c>
      <c r="Y25096" s="2">
        <v>16.5</v>
      </c>
      <c r="Z25096" s="2">
        <v>143</v>
      </c>
      <c r="AA25096" s="5">
        <v>14</v>
      </c>
      <c r="AB25096" s="5" t="s">
        <v>43</v>
      </c>
      <c r="AC25096" s="5" t="s">
        <v>735</v>
      </c>
      <c r="AD25096" s="2" t="s">
        <v>79766</v>
      </c>
      <c r="AE25096" s="1"/>
    </row>
    <row r="25097" spans="1:31" ht="14.45">
      <c r="A25097" s="5"/>
      <c r="B25097" s="21"/>
      <c r="C25097" s="2" t="s">
        <v>80189</v>
      </c>
      <c r="D25097" s="14" t="s">
        <v>80190</v>
      </c>
      <c r="E25097" s="2" t="s">
        <v>80191</v>
      </c>
      <c r="F25097" s="2" t="s">
        <v>79740</v>
      </c>
      <c r="G25097" s="8">
        <v>570</v>
      </c>
      <c r="H25097" s="5">
        <v>10</v>
      </c>
      <c r="I25097" s="5" t="s">
        <v>79637</v>
      </c>
      <c r="J25097" s="5" t="s">
        <v>79638</v>
      </c>
      <c r="K25097" s="2" t="s">
        <v>79639</v>
      </c>
      <c r="L25097" s="5" t="s">
        <v>79638</v>
      </c>
      <c r="M25097" s="2" t="s">
        <v>79639</v>
      </c>
      <c r="N25097" s="5" t="s">
        <v>79640</v>
      </c>
      <c r="O25097" s="5" t="s">
        <v>38</v>
      </c>
      <c r="P25097" s="5" t="s">
        <v>39</v>
      </c>
      <c r="Q25097" s="5" t="s">
        <v>40</v>
      </c>
      <c r="R25097" s="5" t="s">
        <v>24335</v>
      </c>
      <c r="S25097" s="5" t="s">
        <v>40</v>
      </c>
      <c r="T25097" s="5" t="s">
        <v>42</v>
      </c>
      <c r="U25097" s="2">
        <v>15.228</v>
      </c>
      <c r="V25097" s="2">
        <v>12.819000000000001</v>
      </c>
      <c r="W25097" s="2">
        <v>0.13900000000000001</v>
      </c>
      <c r="X25097" s="2">
        <v>18.100000000000001</v>
      </c>
      <c r="Y25097" s="2">
        <v>49.1</v>
      </c>
      <c r="Z25097" s="2">
        <v>156.19999999999999</v>
      </c>
      <c r="AA25097" s="2">
        <v>12</v>
      </c>
      <c r="AB25097" s="5" t="s">
        <v>43</v>
      </c>
      <c r="AC25097" s="5" t="s">
        <v>735</v>
      </c>
      <c r="AD25097" s="2" t="s">
        <v>79770</v>
      </c>
      <c r="AE25097" s="1"/>
    </row>
    <row r="25098" spans="1:31" ht="14.45">
      <c r="A25098" s="5"/>
      <c r="B25098" s="21"/>
      <c r="C25098" s="2" t="s">
        <v>80192</v>
      </c>
      <c r="D25098" s="14" t="s">
        <v>80193</v>
      </c>
      <c r="E25098" s="2" t="s">
        <v>80194</v>
      </c>
      <c r="F25098" s="2" t="s">
        <v>79778</v>
      </c>
      <c r="G25098" s="8">
        <v>701</v>
      </c>
      <c r="H25098" s="5">
        <v>10</v>
      </c>
      <c r="I25098" s="5" t="s">
        <v>79637</v>
      </c>
      <c r="J25098" s="5" t="s">
        <v>79638</v>
      </c>
      <c r="K25098" s="2" t="s">
        <v>79639</v>
      </c>
      <c r="L25098" s="5" t="s">
        <v>79638</v>
      </c>
      <c r="M25098" s="2" t="s">
        <v>79639</v>
      </c>
      <c r="N25098" s="5" t="s">
        <v>79640</v>
      </c>
      <c r="O25098" s="5" t="s">
        <v>38</v>
      </c>
      <c r="P25098" s="5" t="s">
        <v>39</v>
      </c>
      <c r="Q25098" s="5" t="s">
        <v>40</v>
      </c>
      <c r="R25098" s="5" t="s">
        <v>24335</v>
      </c>
      <c r="S25098" s="5" t="s">
        <v>40</v>
      </c>
      <c r="T25098" s="5" t="s">
        <v>42</v>
      </c>
      <c r="U25098" s="2">
        <v>17.108000000000001</v>
      </c>
      <c r="V25098" s="2">
        <v>14.699</v>
      </c>
      <c r="W25098" s="2">
        <v>0.13900000000000001</v>
      </c>
      <c r="X25098" s="2">
        <v>18.100000000000001</v>
      </c>
      <c r="Y25098" s="2">
        <v>49.1</v>
      </c>
      <c r="Z25098" s="2">
        <v>156.19999999999999</v>
      </c>
      <c r="AA25098" s="2">
        <v>12</v>
      </c>
      <c r="AB25098" s="5" t="s">
        <v>43</v>
      </c>
      <c r="AC25098" s="5" t="s">
        <v>735</v>
      </c>
      <c r="AD25098" s="2" t="s">
        <v>79779</v>
      </c>
      <c r="AE25098" s="1"/>
    </row>
    <row r="25099" spans="1:31" ht="14.45">
      <c r="A25099" s="5" t="s">
        <v>116</v>
      </c>
      <c r="B25099" s="21">
        <v>46143</v>
      </c>
      <c r="C25099" s="2" t="s">
        <v>80195</v>
      </c>
      <c r="D25099" s="14" t="s">
        <v>80196</v>
      </c>
      <c r="E25099" s="2" t="s">
        <v>80197</v>
      </c>
      <c r="F25099" s="2" t="s">
        <v>130</v>
      </c>
      <c r="G25099" s="8">
        <v>601</v>
      </c>
      <c r="H25099" s="5">
        <v>10</v>
      </c>
      <c r="I25099" s="5" t="s">
        <v>79637</v>
      </c>
      <c r="J25099" s="5" t="s">
        <v>79638</v>
      </c>
      <c r="K25099" s="2" t="s">
        <v>79639</v>
      </c>
      <c r="L25099" s="5" t="s">
        <v>79638</v>
      </c>
      <c r="M25099" s="2" t="s">
        <v>79639</v>
      </c>
      <c r="N25099" s="5" t="s">
        <v>79640</v>
      </c>
      <c r="O25099" s="5" t="s">
        <v>38</v>
      </c>
      <c r="P25099" s="5" t="s">
        <v>39</v>
      </c>
      <c r="Q25099" s="5" t="s">
        <v>40</v>
      </c>
      <c r="R25099" s="5" t="s">
        <v>24335</v>
      </c>
      <c r="S25099" s="5" t="s">
        <v>40</v>
      </c>
      <c r="T25099" s="5" t="s">
        <v>42</v>
      </c>
      <c r="U25099" s="2">
        <v>12.686999999999999</v>
      </c>
      <c r="V25099" s="2">
        <v>9.9730000000000008</v>
      </c>
      <c r="W25099" s="2">
        <v>0.11600000000000001</v>
      </c>
      <c r="X25099" s="2">
        <v>43</v>
      </c>
      <c r="Y25099" s="2">
        <v>16.5</v>
      </c>
      <c r="Z25099" s="2">
        <v>162.80000000000001</v>
      </c>
      <c r="AA25099" s="5">
        <v>14</v>
      </c>
      <c r="AB25099" s="5" t="s">
        <v>43</v>
      </c>
      <c r="AC25099" s="5" t="s">
        <v>735</v>
      </c>
      <c r="AD25099" s="2" t="s">
        <v>79766</v>
      </c>
      <c r="AE25099" s="1"/>
    </row>
    <row r="25100" spans="1:31" ht="14.45">
      <c r="A25100" s="5"/>
      <c r="B25100" s="21"/>
      <c r="C25100" s="2" t="s">
        <v>80198</v>
      </c>
      <c r="D25100" s="14" t="s">
        <v>80199</v>
      </c>
      <c r="E25100" s="2" t="s">
        <v>80200</v>
      </c>
      <c r="F25100" s="2" t="s">
        <v>79740</v>
      </c>
      <c r="G25100" s="8">
        <v>601</v>
      </c>
      <c r="H25100" s="5">
        <v>10</v>
      </c>
      <c r="I25100" s="5" t="s">
        <v>79637</v>
      </c>
      <c r="J25100" s="5" t="s">
        <v>79638</v>
      </c>
      <c r="K25100" s="2" t="s">
        <v>79639</v>
      </c>
      <c r="L25100" s="5" t="s">
        <v>79638</v>
      </c>
      <c r="M25100" s="2" t="s">
        <v>79639</v>
      </c>
      <c r="N25100" s="5" t="s">
        <v>79640</v>
      </c>
      <c r="O25100" s="5" t="s">
        <v>38</v>
      </c>
      <c r="P25100" s="5" t="s">
        <v>39</v>
      </c>
      <c r="Q25100" s="5" t="s">
        <v>40</v>
      </c>
      <c r="R25100" s="5" t="s">
        <v>24335</v>
      </c>
      <c r="S25100" s="5" t="s">
        <v>40</v>
      </c>
      <c r="T25100" s="5" t="s">
        <v>42</v>
      </c>
      <c r="U25100" s="2">
        <v>16.385999999999999</v>
      </c>
      <c r="V25100" s="2">
        <v>13.968</v>
      </c>
      <c r="W25100" s="2">
        <v>0.13900000000000001</v>
      </c>
      <c r="X25100" s="2">
        <v>18.100000000000001</v>
      </c>
      <c r="Y25100" s="2">
        <v>49.1</v>
      </c>
      <c r="Z25100" s="2">
        <v>156.19999999999999</v>
      </c>
      <c r="AA25100" s="2">
        <v>12</v>
      </c>
      <c r="AB25100" s="5" t="s">
        <v>43</v>
      </c>
      <c r="AC25100" s="5" t="s">
        <v>735</v>
      </c>
      <c r="AD25100" s="2" t="s">
        <v>79770</v>
      </c>
      <c r="AE25100" s="1"/>
    </row>
    <row r="25101" spans="1:31" ht="14.45">
      <c r="A25101" s="5"/>
      <c r="B25101" s="21"/>
      <c r="C25101" s="2" t="s">
        <v>80201</v>
      </c>
      <c r="D25101" s="14" t="s">
        <v>80202</v>
      </c>
      <c r="E25101" s="2" t="s">
        <v>80203</v>
      </c>
      <c r="F25101" s="2" t="s">
        <v>79778</v>
      </c>
      <c r="G25101" s="8">
        <v>740</v>
      </c>
      <c r="H25101" s="5">
        <v>10</v>
      </c>
      <c r="I25101" s="5" t="s">
        <v>79637</v>
      </c>
      <c r="J25101" s="5" t="s">
        <v>79638</v>
      </c>
      <c r="K25101" s="2" t="s">
        <v>79639</v>
      </c>
      <c r="L25101" s="5" t="s">
        <v>79638</v>
      </c>
      <c r="M25101" s="2" t="s">
        <v>79639</v>
      </c>
      <c r="N25101" s="5" t="s">
        <v>79640</v>
      </c>
      <c r="O25101" s="5" t="s">
        <v>38</v>
      </c>
      <c r="P25101" s="5" t="s">
        <v>39</v>
      </c>
      <c r="Q25101" s="5" t="s">
        <v>40</v>
      </c>
      <c r="R25101" s="5" t="s">
        <v>24335</v>
      </c>
      <c r="S25101" s="5" t="s">
        <v>40</v>
      </c>
      <c r="T25101" s="5" t="s">
        <v>42</v>
      </c>
      <c r="U25101" s="2">
        <v>18.484000000000002</v>
      </c>
      <c r="V25101" s="2">
        <v>16.065999999999999</v>
      </c>
      <c r="W25101" s="2">
        <v>0.13900000000000001</v>
      </c>
      <c r="X25101" s="2">
        <v>18.100000000000001</v>
      </c>
      <c r="Y25101" s="2">
        <v>49.1</v>
      </c>
      <c r="Z25101" s="2">
        <v>156.19999999999999</v>
      </c>
      <c r="AA25101" s="2">
        <v>12</v>
      </c>
      <c r="AB25101" s="5" t="s">
        <v>43</v>
      </c>
      <c r="AC25101" s="5" t="s">
        <v>735</v>
      </c>
      <c r="AD25101" s="2" t="s">
        <v>79779</v>
      </c>
      <c r="AE25101" s="1"/>
    </row>
    <row r="25102" spans="1:31" ht="14.45">
      <c r="A25102" s="5" t="s">
        <v>116</v>
      </c>
      <c r="B25102" s="21">
        <v>46143</v>
      </c>
      <c r="C25102" s="2" t="s">
        <v>80204</v>
      </c>
      <c r="D25102" s="14" t="s">
        <v>80205</v>
      </c>
      <c r="E25102" s="2" t="s">
        <v>80206</v>
      </c>
      <c r="F25102" s="2" t="s">
        <v>130</v>
      </c>
      <c r="G25102" s="8">
        <v>622</v>
      </c>
      <c r="H25102" s="5">
        <v>5</v>
      </c>
      <c r="I25102" s="5" t="s">
        <v>79637</v>
      </c>
      <c r="J25102" s="5" t="s">
        <v>79638</v>
      </c>
      <c r="K25102" s="2" t="s">
        <v>79639</v>
      </c>
      <c r="L25102" s="5" t="s">
        <v>79638</v>
      </c>
      <c r="M25102" s="2" t="s">
        <v>79639</v>
      </c>
      <c r="N25102" s="5" t="s">
        <v>79640</v>
      </c>
      <c r="O25102" s="5" t="s">
        <v>38</v>
      </c>
      <c r="P25102" s="5" t="s">
        <v>39</v>
      </c>
      <c r="Q25102" s="5" t="s">
        <v>40</v>
      </c>
      <c r="R25102" s="5" t="s">
        <v>24335</v>
      </c>
      <c r="S25102" s="5" t="s">
        <v>40</v>
      </c>
      <c r="T25102" s="5" t="s">
        <v>42</v>
      </c>
      <c r="U25102" s="2">
        <v>12.840999999999999</v>
      </c>
      <c r="V25102" s="2">
        <v>10.127000000000001</v>
      </c>
      <c r="W25102" s="2">
        <v>0.11600000000000001</v>
      </c>
      <c r="X25102" s="2">
        <v>43</v>
      </c>
      <c r="Y25102" s="2">
        <v>16.5</v>
      </c>
      <c r="Z25102" s="2">
        <v>162.80000000000001</v>
      </c>
      <c r="AA25102" s="5">
        <v>14</v>
      </c>
      <c r="AB25102" s="5" t="s">
        <v>43</v>
      </c>
      <c r="AC25102" s="5" t="s">
        <v>735</v>
      </c>
      <c r="AD25102" s="2" t="s">
        <v>79766</v>
      </c>
      <c r="AE25102" s="1"/>
    </row>
    <row r="25103" spans="1:31" ht="14.45">
      <c r="A25103" s="5"/>
      <c r="B25103" s="21"/>
      <c r="C25103" s="2" t="s">
        <v>80207</v>
      </c>
      <c r="D25103" s="14" t="s">
        <v>80208</v>
      </c>
      <c r="E25103" s="2" t="s">
        <v>80209</v>
      </c>
      <c r="F25103" s="2" t="s">
        <v>79740</v>
      </c>
      <c r="G25103" s="8">
        <v>622</v>
      </c>
      <c r="H25103" s="5">
        <v>5</v>
      </c>
      <c r="I25103" s="5" t="s">
        <v>79637</v>
      </c>
      <c r="J25103" s="5" t="s">
        <v>79638</v>
      </c>
      <c r="K25103" s="2" t="s">
        <v>79639</v>
      </c>
      <c r="L25103" s="5" t="s">
        <v>79638</v>
      </c>
      <c r="M25103" s="2" t="s">
        <v>79639</v>
      </c>
      <c r="N25103" s="5" t="s">
        <v>79640</v>
      </c>
      <c r="O25103" s="5" t="s">
        <v>38</v>
      </c>
      <c r="P25103" s="5" t="s">
        <v>39</v>
      </c>
      <c r="Q25103" s="5" t="s">
        <v>40</v>
      </c>
      <c r="R25103" s="5" t="s">
        <v>24335</v>
      </c>
      <c r="S25103" s="5" t="s">
        <v>40</v>
      </c>
      <c r="T25103" s="5" t="s">
        <v>42</v>
      </c>
      <c r="U25103" s="2">
        <v>16.803999999999998</v>
      </c>
      <c r="V25103" s="2">
        <v>14.365</v>
      </c>
      <c r="W25103" s="2">
        <v>0.13900000000000001</v>
      </c>
      <c r="X25103" s="2">
        <v>18.100000000000001</v>
      </c>
      <c r="Y25103" s="2">
        <v>49.1</v>
      </c>
      <c r="Z25103" s="2">
        <v>156.19999999999999</v>
      </c>
      <c r="AA25103" s="2">
        <v>12</v>
      </c>
      <c r="AB25103" s="5" t="s">
        <v>43</v>
      </c>
      <c r="AC25103" s="5" t="s">
        <v>735</v>
      </c>
      <c r="AD25103" s="2" t="s">
        <v>79770</v>
      </c>
      <c r="AE25103" s="1"/>
    </row>
    <row r="25104" spans="1:31" ht="14.45">
      <c r="A25104" s="5"/>
      <c r="B25104" s="21"/>
      <c r="C25104" s="2" t="s">
        <v>80210</v>
      </c>
      <c r="D25104" s="14" t="s">
        <v>80211</v>
      </c>
      <c r="E25104" s="2" t="s">
        <v>80212</v>
      </c>
      <c r="F25104" s="2" t="s">
        <v>79778</v>
      </c>
      <c r="G25104" s="8">
        <v>766</v>
      </c>
      <c r="H25104" s="5">
        <v>10</v>
      </c>
      <c r="I25104" s="5" t="s">
        <v>79637</v>
      </c>
      <c r="J25104" s="5" t="s">
        <v>79638</v>
      </c>
      <c r="K25104" s="2" t="s">
        <v>79639</v>
      </c>
      <c r="L25104" s="5" t="s">
        <v>79638</v>
      </c>
      <c r="M25104" s="2" t="s">
        <v>79639</v>
      </c>
      <c r="N25104" s="5" t="s">
        <v>79640</v>
      </c>
      <c r="O25104" s="5" t="s">
        <v>38</v>
      </c>
      <c r="P25104" s="5" t="s">
        <v>39</v>
      </c>
      <c r="Q25104" s="5" t="s">
        <v>40</v>
      </c>
      <c r="R25104" s="5" t="s">
        <v>24335</v>
      </c>
      <c r="S25104" s="5" t="s">
        <v>40</v>
      </c>
      <c r="T25104" s="5" t="s">
        <v>42</v>
      </c>
      <c r="U25104" s="2">
        <v>18.821999999999999</v>
      </c>
      <c r="V25104" s="2">
        <v>16.382999999999999</v>
      </c>
      <c r="W25104" s="2">
        <v>0.13900000000000001</v>
      </c>
      <c r="X25104" s="2">
        <v>18.100000000000001</v>
      </c>
      <c r="Y25104" s="2">
        <v>49.1</v>
      </c>
      <c r="Z25104" s="2">
        <v>156.19999999999999</v>
      </c>
      <c r="AA25104" s="2">
        <v>12</v>
      </c>
      <c r="AB25104" s="5" t="s">
        <v>43</v>
      </c>
      <c r="AC25104" s="5" t="s">
        <v>735</v>
      </c>
      <c r="AD25104" s="2" t="s">
        <v>79779</v>
      </c>
      <c r="AE25104" s="1"/>
    </row>
    <row r="25105" spans="1:31" ht="14.45">
      <c r="A25105" s="5" t="s">
        <v>116</v>
      </c>
      <c r="B25105" s="21">
        <v>46143</v>
      </c>
      <c r="C25105" s="2" t="s">
        <v>80213</v>
      </c>
      <c r="D25105" s="14" t="s">
        <v>80214</v>
      </c>
      <c r="E25105" s="2" t="s">
        <v>80215</v>
      </c>
      <c r="F25105" s="2" t="s">
        <v>130</v>
      </c>
      <c r="G25105" s="8">
        <v>659</v>
      </c>
      <c r="H25105" s="5">
        <v>5</v>
      </c>
      <c r="I25105" s="5" t="s">
        <v>79637</v>
      </c>
      <c r="J25105" s="5" t="s">
        <v>79638</v>
      </c>
      <c r="K25105" s="2" t="s">
        <v>79639</v>
      </c>
      <c r="L25105" s="5" t="s">
        <v>79638</v>
      </c>
      <c r="M25105" s="2" t="s">
        <v>79639</v>
      </c>
      <c r="N25105" s="5" t="s">
        <v>79640</v>
      </c>
      <c r="O25105" s="5" t="s">
        <v>38</v>
      </c>
      <c r="P25105" s="5" t="s">
        <v>39</v>
      </c>
      <c r="Q25105" s="5" t="s">
        <v>40</v>
      </c>
      <c r="R25105" s="5" t="s">
        <v>24335</v>
      </c>
      <c r="S25105" s="5" t="s">
        <v>40</v>
      </c>
      <c r="T25105" s="5" t="s">
        <v>42</v>
      </c>
      <c r="U25105" s="2">
        <v>13.882</v>
      </c>
      <c r="V25105" s="2">
        <v>11.167999999999999</v>
      </c>
      <c r="W25105" s="2">
        <v>0.11600000000000001</v>
      </c>
      <c r="X25105" s="2">
        <v>43</v>
      </c>
      <c r="Y25105" s="2">
        <v>16.5</v>
      </c>
      <c r="Z25105" s="2">
        <v>162.80000000000001</v>
      </c>
      <c r="AA25105" s="5">
        <v>14</v>
      </c>
      <c r="AB25105" s="5" t="s">
        <v>43</v>
      </c>
      <c r="AC25105" s="5" t="s">
        <v>735</v>
      </c>
      <c r="AD25105" s="2" t="s">
        <v>79766</v>
      </c>
      <c r="AE25105" s="1"/>
    </row>
    <row r="25106" spans="1:31" ht="14.45">
      <c r="A25106" s="5"/>
      <c r="B25106" s="21"/>
      <c r="C25106" s="2" t="s">
        <v>80216</v>
      </c>
      <c r="D25106" s="14" t="s">
        <v>80217</v>
      </c>
      <c r="E25106" s="2" t="s">
        <v>80218</v>
      </c>
      <c r="F25106" s="2" t="s">
        <v>79740</v>
      </c>
      <c r="G25106" s="8">
        <v>659</v>
      </c>
      <c r="H25106" s="5">
        <v>5</v>
      </c>
      <c r="I25106" s="5" t="s">
        <v>79637</v>
      </c>
      <c r="J25106" s="5" t="s">
        <v>79638</v>
      </c>
      <c r="K25106" s="2" t="s">
        <v>79639</v>
      </c>
      <c r="L25106" s="5" t="s">
        <v>79638</v>
      </c>
      <c r="M25106" s="2" t="s">
        <v>79639</v>
      </c>
      <c r="N25106" s="5" t="s">
        <v>79640</v>
      </c>
      <c r="O25106" s="5" t="s">
        <v>38</v>
      </c>
      <c r="P25106" s="5" t="s">
        <v>39</v>
      </c>
      <c r="Q25106" s="5" t="s">
        <v>40</v>
      </c>
      <c r="R25106" s="5" t="s">
        <v>24335</v>
      </c>
      <c r="S25106" s="5" t="s">
        <v>40</v>
      </c>
      <c r="T25106" s="5" t="s">
        <v>42</v>
      </c>
      <c r="U25106" s="2">
        <v>18.087</v>
      </c>
      <c r="V25106" s="2">
        <v>15.638999999999999</v>
      </c>
      <c r="W25106" s="2">
        <v>0.13900000000000001</v>
      </c>
      <c r="X25106" s="2">
        <v>18.100000000000001</v>
      </c>
      <c r="Y25106" s="2">
        <v>49.1</v>
      </c>
      <c r="Z25106" s="2">
        <v>156.19999999999999</v>
      </c>
      <c r="AA25106" s="2">
        <v>12</v>
      </c>
      <c r="AB25106" s="5" t="s">
        <v>43</v>
      </c>
      <c r="AC25106" s="5" t="s">
        <v>735</v>
      </c>
      <c r="AD25106" s="2" t="s">
        <v>79770</v>
      </c>
      <c r="AE25106" s="1"/>
    </row>
    <row r="25107" spans="1:31" ht="14.45">
      <c r="A25107" s="5"/>
      <c r="B25107" s="21"/>
      <c r="C25107" s="2" t="s">
        <v>80219</v>
      </c>
      <c r="D25107" s="14" t="s">
        <v>80220</v>
      </c>
      <c r="E25107" s="2" t="s">
        <v>80221</v>
      </c>
      <c r="F25107" s="2" t="s">
        <v>79778</v>
      </c>
      <c r="G25107" s="8">
        <v>811</v>
      </c>
      <c r="H25107" s="5">
        <v>10</v>
      </c>
      <c r="I25107" s="5" t="s">
        <v>79637</v>
      </c>
      <c r="J25107" s="5" t="s">
        <v>79638</v>
      </c>
      <c r="K25107" s="2" t="s">
        <v>79639</v>
      </c>
      <c r="L25107" s="5" t="s">
        <v>79638</v>
      </c>
      <c r="M25107" s="2" t="s">
        <v>79639</v>
      </c>
      <c r="N25107" s="5" t="s">
        <v>79640</v>
      </c>
      <c r="O25107" s="5" t="s">
        <v>38</v>
      </c>
      <c r="P25107" s="5" t="s">
        <v>39</v>
      </c>
      <c r="Q25107" s="5" t="s">
        <v>40</v>
      </c>
      <c r="R25107" s="5" t="s">
        <v>24335</v>
      </c>
      <c r="S25107" s="5" t="s">
        <v>40</v>
      </c>
      <c r="T25107" s="5" t="s">
        <v>42</v>
      </c>
      <c r="U25107" s="2">
        <v>20.323</v>
      </c>
      <c r="V25107" s="2">
        <v>17.875</v>
      </c>
      <c r="W25107" s="2">
        <v>0.13900000000000001</v>
      </c>
      <c r="X25107" s="2">
        <v>18.100000000000001</v>
      </c>
      <c r="Y25107" s="2">
        <v>49.1</v>
      </c>
      <c r="Z25107" s="2">
        <v>156.19999999999999</v>
      </c>
      <c r="AA25107" s="2">
        <v>12</v>
      </c>
      <c r="AB25107" s="5" t="s">
        <v>43</v>
      </c>
      <c r="AC25107" s="5" t="s">
        <v>735</v>
      </c>
      <c r="AD25107" s="2" t="s">
        <v>79779</v>
      </c>
      <c r="AE25107" s="1"/>
    </row>
    <row r="25108" spans="1:31" ht="14.45">
      <c r="A25108" s="5" t="s">
        <v>116</v>
      </c>
      <c r="B25108" s="21">
        <v>46143</v>
      </c>
      <c r="C25108" s="2" t="s">
        <v>80222</v>
      </c>
      <c r="D25108" s="14" t="s">
        <v>80223</v>
      </c>
      <c r="E25108" s="2" t="s">
        <v>80224</v>
      </c>
      <c r="F25108" s="2" t="s">
        <v>130</v>
      </c>
      <c r="G25108" s="8">
        <v>696</v>
      </c>
      <c r="H25108" s="5">
        <v>10</v>
      </c>
      <c r="I25108" s="5" t="s">
        <v>79637</v>
      </c>
      <c r="J25108" s="5" t="s">
        <v>79638</v>
      </c>
      <c r="K25108" s="2" t="s">
        <v>79639</v>
      </c>
      <c r="L25108" s="5" t="s">
        <v>79638</v>
      </c>
      <c r="M25108" s="2" t="s">
        <v>79639</v>
      </c>
      <c r="N25108" s="5" t="s">
        <v>79640</v>
      </c>
      <c r="O25108" s="5" t="s">
        <v>38</v>
      </c>
      <c r="P25108" s="5" t="s">
        <v>39</v>
      </c>
      <c r="Q25108" s="5" t="s">
        <v>40</v>
      </c>
      <c r="R25108" s="5" t="s">
        <v>24335</v>
      </c>
      <c r="S25108" s="5" t="s">
        <v>40</v>
      </c>
      <c r="T25108" s="5" t="s">
        <v>42</v>
      </c>
      <c r="U25108" s="2">
        <v>15.243</v>
      </c>
      <c r="V25108" s="2">
        <v>12.183999999999999</v>
      </c>
      <c r="W25108" s="2">
        <v>0.14099999999999999</v>
      </c>
      <c r="X25108" s="2">
        <v>43</v>
      </c>
      <c r="Y25108" s="2">
        <v>16.5</v>
      </c>
      <c r="Z25108" s="2">
        <v>199.2</v>
      </c>
      <c r="AA25108" s="5">
        <v>14</v>
      </c>
      <c r="AB25108" s="5" t="s">
        <v>43</v>
      </c>
      <c r="AC25108" s="5" t="s">
        <v>735</v>
      </c>
      <c r="AD25108" s="2" t="s">
        <v>79766</v>
      </c>
      <c r="AE25108" s="1"/>
    </row>
    <row r="25109" spans="1:31" ht="14.45">
      <c r="A25109" s="5"/>
      <c r="B25109" s="21"/>
      <c r="C25109" s="2" t="s">
        <v>80225</v>
      </c>
      <c r="D25109" s="14" t="s">
        <v>80226</v>
      </c>
      <c r="E25109" s="2" t="s">
        <v>80227</v>
      </c>
      <c r="F25109" s="2" t="s">
        <v>79740</v>
      </c>
      <c r="G25109" s="8">
        <v>696</v>
      </c>
      <c r="H25109" s="5">
        <v>10</v>
      </c>
      <c r="I25109" s="5" t="s">
        <v>79637</v>
      </c>
      <c r="J25109" s="5" t="s">
        <v>79638</v>
      </c>
      <c r="K25109" s="2" t="s">
        <v>79639</v>
      </c>
      <c r="L25109" s="5" t="s">
        <v>79638</v>
      </c>
      <c r="M25109" s="2" t="s">
        <v>79639</v>
      </c>
      <c r="N25109" s="5" t="s">
        <v>79640</v>
      </c>
      <c r="O25109" s="5" t="s">
        <v>38</v>
      </c>
      <c r="P25109" s="5" t="s">
        <v>39</v>
      </c>
      <c r="Q25109" s="5" t="s">
        <v>40</v>
      </c>
      <c r="R25109" s="5" t="s">
        <v>24335</v>
      </c>
      <c r="S25109" s="5" t="s">
        <v>40</v>
      </c>
      <c r="T25109" s="5" t="s">
        <v>42</v>
      </c>
      <c r="U25109" s="2">
        <v>19.692</v>
      </c>
      <c r="V25109" s="2">
        <v>16.79</v>
      </c>
      <c r="W25109" s="2">
        <v>0.17100000000000001</v>
      </c>
      <c r="X25109" s="2">
        <v>18.100000000000001</v>
      </c>
      <c r="Y25109" s="2">
        <v>49.1</v>
      </c>
      <c r="Z25109" s="2">
        <v>192.4</v>
      </c>
      <c r="AA25109" s="2">
        <v>12</v>
      </c>
      <c r="AB25109" s="5" t="s">
        <v>43</v>
      </c>
      <c r="AC25109" s="5" t="s">
        <v>735</v>
      </c>
      <c r="AD25109" s="2" t="s">
        <v>79770</v>
      </c>
      <c r="AE25109" s="1"/>
    </row>
    <row r="25110" spans="1:31" ht="14.45">
      <c r="A25110" s="5"/>
      <c r="B25110" s="21"/>
      <c r="C25110" s="2" t="s">
        <v>80228</v>
      </c>
      <c r="D25110" s="14" t="s">
        <v>80229</v>
      </c>
      <c r="E25110" s="2" t="s">
        <v>80230</v>
      </c>
      <c r="F25110" s="2" t="s">
        <v>79778</v>
      </c>
      <c r="G25110" s="8">
        <v>856</v>
      </c>
      <c r="H25110" s="5">
        <v>10</v>
      </c>
      <c r="I25110" s="5" t="s">
        <v>79637</v>
      </c>
      <c r="J25110" s="5" t="s">
        <v>79638</v>
      </c>
      <c r="K25110" s="2" t="s">
        <v>79639</v>
      </c>
      <c r="L25110" s="5" t="s">
        <v>79638</v>
      </c>
      <c r="M25110" s="2" t="s">
        <v>79639</v>
      </c>
      <c r="N25110" s="5" t="s">
        <v>79640</v>
      </c>
      <c r="O25110" s="5" t="s">
        <v>38</v>
      </c>
      <c r="P25110" s="5" t="s">
        <v>39</v>
      </c>
      <c r="Q25110" s="5" t="s">
        <v>40</v>
      </c>
      <c r="R25110" s="5" t="s">
        <v>24335</v>
      </c>
      <c r="S25110" s="5" t="s">
        <v>40</v>
      </c>
      <c r="T25110" s="5" t="s">
        <v>42</v>
      </c>
      <c r="U25110" s="2">
        <v>22.148</v>
      </c>
      <c r="V25110" s="2">
        <v>19.245999999999999</v>
      </c>
      <c r="W25110" s="2">
        <v>0.17100000000000001</v>
      </c>
      <c r="X25110" s="2">
        <v>18.100000000000001</v>
      </c>
      <c r="Y25110" s="2">
        <v>49.1</v>
      </c>
      <c r="Z25110" s="2">
        <v>192.4</v>
      </c>
      <c r="AA25110" s="2">
        <v>12</v>
      </c>
      <c r="AB25110" s="5" t="s">
        <v>43</v>
      </c>
      <c r="AC25110" s="5" t="s">
        <v>735</v>
      </c>
      <c r="AD25110" s="2" t="s">
        <v>79779</v>
      </c>
      <c r="AE25110" s="1"/>
    </row>
    <row r="25111" spans="1:31" ht="14.45">
      <c r="A25111" s="5" t="s">
        <v>116</v>
      </c>
      <c r="B25111" s="21">
        <v>46143</v>
      </c>
      <c r="C25111" s="2" t="s">
        <v>80231</v>
      </c>
      <c r="D25111" s="14" t="s">
        <v>80232</v>
      </c>
      <c r="E25111" s="2" t="s">
        <v>80233</v>
      </c>
      <c r="F25111" s="2" t="s">
        <v>130</v>
      </c>
      <c r="G25111" s="8">
        <v>722</v>
      </c>
      <c r="H25111" s="5">
        <v>10</v>
      </c>
      <c r="I25111" s="5" t="s">
        <v>79637</v>
      </c>
      <c r="J25111" s="5" t="s">
        <v>79638</v>
      </c>
      <c r="K25111" s="2" t="s">
        <v>79639</v>
      </c>
      <c r="L25111" s="5" t="s">
        <v>79638</v>
      </c>
      <c r="M25111" s="2" t="s">
        <v>79639</v>
      </c>
      <c r="N25111" s="5" t="s">
        <v>79640</v>
      </c>
      <c r="O25111" s="5" t="s">
        <v>38</v>
      </c>
      <c r="P25111" s="5" t="s">
        <v>39</v>
      </c>
      <c r="Q25111" s="5" t="s">
        <v>40</v>
      </c>
      <c r="R25111" s="5" t="s">
        <v>24335</v>
      </c>
      <c r="S25111" s="5" t="s">
        <v>40</v>
      </c>
      <c r="T25111" s="5" t="s">
        <v>42</v>
      </c>
      <c r="U25111" s="2">
        <v>15.228999999999999</v>
      </c>
      <c r="V25111" s="2">
        <v>12.364000000000001</v>
      </c>
      <c r="W25111" s="2">
        <v>0.126</v>
      </c>
      <c r="X25111" s="2">
        <v>43</v>
      </c>
      <c r="Y25111" s="2">
        <v>16.5</v>
      </c>
      <c r="Z25111" s="2">
        <v>177.8</v>
      </c>
      <c r="AA25111" s="5">
        <v>14</v>
      </c>
      <c r="AB25111" s="5" t="s">
        <v>43</v>
      </c>
      <c r="AC25111" s="5" t="s">
        <v>735</v>
      </c>
      <c r="AD25111" s="2" t="s">
        <v>79766</v>
      </c>
      <c r="AE25111" s="1"/>
    </row>
    <row r="25112" spans="1:31" ht="14.45">
      <c r="A25112" s="5"/>
      <c r="B25112" s="21"/>
      <c r="C25112" s="2" t="s">
        <v>80234</v>
      </c>
      <c r="D25112" s="14" t="s">
        <v>80235</v>
      </c>
      <c r="E25112" s="2" t="s">
        <v>80236</v>
      </c>
      <c r="F25112" s="2" t="s">
        <v>79740</v>
      </c>
      <c r="G25112" s="8">
        <v>722</v>
      </c>
      <c r="H25112" s="5">
        <v>10</v>
      </c>
      <c r="I25112" s="5" t="s">
        <v>79637</v>
      </c>
      <c r="J25112" s="5" t="s">
        <v>79638</v>
      </c>
      <c r="K25112" s="2" t="s">
        <v>79639</v>
      </c>
      <c r="L25112" s="5" t="s">
        <v>79638</v>
      </c>
      <c r="M25112" s="2" t="s">
        <v>79639</v>
      </c>
      <c r="N25112" s="5" t="s">
        <v>79640</v>
      </c>
      <c r="O25112" s="5" t="s">
        <v>38</v>
      </c>
      <c r="P25112" s="5" t="s">
        <v>39</v>
      </c>
      <c r="Q25112" s="5" t="s">
        <v>40</v>
      </c>
      <c r="R25112" s="5" t="s">
        <v>24335</v>
      </c>
      <c r="S25112" s="5" t="s">
        <v>40</v>
      </c>
      <c r="T25112" s="5" t="s">
        <v>42</v>
      </c>
      <c r="U25112" s="2">
        <v>20.050999999999998</v>
      </c>
      <c r="V25112" s="2">
        <v>17.378</v>
      </c>
      <c r="W25112" s="2">
        <v>0.153</v>
      </c>
      <c r="X25112" s="2">
        <v>18.100000000000001</v>
      </c>
      <c r="Y25112" s="2">
        <v>49.1</v>
      </c>
      <c r="Z25112" s="2">
        <v>172.4</v>
      </c>
      <c r="AA25112" s="2">
        <v>12</v>
      </c>
      <c r="AB25112" s="5" t="s">
        <v>43</v>
      </c>
      <c r="AC25112" s="5" t="s">
        <v>735</v>
      </c>
      <c r="AD25112" s="2" t="s">
        <v>79770</v>
      </c>
      <c r="AE25112" s="1"/>
    </row>
    <row r="25113" spans="1:31" ht="14.45">
      <c r="A25113" s="5"/>
      <c r="B25113" s="21"/>
      <c r="C25113" s="2" t="s">
        <v>80237</v>
      </c>
      <c r="D25113" s="14" t="s">
        <v>80238</v>
      </c>
      <c r="E25113" s="2" t="s">
        <v>80239</v>
      </c>
      <c r="F25113" s="2" t="s">
        <v>79778</v>
      </c>
      <c r="G25113" s="8">
        <v>888</v>
      </c>
      <c r="H25113" s="5">
        <v>10</v>
      </c>
      <c r="I25113" s="5" t="s">
        <v>79637</v>
      </c>
      <c r="J25113" s="5" t="s">
        <v>79638</v>
      </c>
      <c r="K25113" s="2" t="s">
        <v>79639</v>
      </c>
      <c r="L25113" s="5" t="s">
        <v>79638</v>
      </c>
      <c r="M25113" s="2" t="s">
        <v>79639</v>
      </c>
      <c r="N25113" s="5" t="s">
        <v>79640</v>
      </c>
      <c r="O25113" s="5" t="s">
        <v>38</v>
      </c>
      <c r="P25113" s="5" t="s">
        <v>39</v>
      </c>
      <c r="Q25113" s="5" t="s">
        <v>40</v>
      </c>
      <c r="R25113" s="5" t="s">
        <v>24335</v>
      </c>
      <c r="S25113" s="5" t="s">
        <v>40</v>
      </c>
      <c r="T25113" s="5" t="s">
        <v>42</v>
      </c>
      <c r="U25113" s="2">
        <v>22.434999999999999</v>
      </c>
      <c r="V25113" s="2">
        <v>19.762</v>
      </c>
      <c r="W25113" s="2">
        <v>0.153</v>
      </c>
      <c r="X25113" s="2">
        <v>18.100000000000001</v>
      </c>
      <c r="Y25113" s="2">
        <v>49.1</v>
      </c>
      <c r="Z25113" s="2">
        <v>172.4</v>
      </c>
      <c r="AA25113" s="2">
        <v>12</v>
      </c>
      <c r="AB25113" s="5" t="s">
        <v>43</v>
      </c>
      <c r="AC25113" s="5" t="s">
        <v>735</v>
      </c>
      <c r="AD25113" s="2" t="s">
        <v>79779</v>
      </c>
      <c r="AE25113" s="1"/>
    </row>
    <row r="25114" spans="1:31" ht="14.45">
      <c r="A25114" s="5" t="s">
        <v>116</v>
      </c>
      <c r="B25114" s="21">
        <v>46143</v>
      </c>
      <c r="C25114" s="2" t="s">
        <v>80240</v>
      </c>
      <c r="D25114" s="14" t="s">
        <v>80241</v>
      </c>
      <c r="E25114" s="2" t="s">
        <v>80242</v>
      </c>
      <c r="F25114" s="2" t="s">
        <v>130</v>
      </c>
      <c r="G25114" s="8">
        <v>764</v>
      </c>
      <c r="H25114" s="5">
        <v>10</v>
      </c>
      <c r="I25114" s="5" t="s">
        <v>79637</v>
      </c>
      <c r="J25114" s="5" t="s">
        <v>79638</v>
      </c>
      <c r="K25114" s="2" t="s">
        <v>79639</v>
      </c>
      <c r="L25114" s="5" t="s">
        <v>79638</v>
      </c>
      <c r="M25114" s="2" t="s">
        <v>79639</v>
      </c>
      <c r="N25114" s="5" t="s">
        <v>79640</v>
      </c>
      <c r="O25114" s="5" t="s">
        <v>38</v>
      </c>
      <c r="P25114" s="5" t="s">
        <v>39</v>
      </c>
      <c r="Q25114" s="5" t="s">
        <v>40</v>
      </c>
      <c r="R25114" s="5" t="s">
        <v>24335</v>
      </c>
      <c r="S25114" s="5" t="s">
        <v>40</v>
      </c>
      <c r="T25114" s="5" t="s">
        <v>42</v>
      </c>
      <c r="U25114" s="2">
        <v>16.541</v>
      </c>
      <c r="V25114" s="2">
        <v>13.481999999999999</v>
      </c>
      <c r="W25114" s="2">
        <v>0.14099999999999999</v>
      </c>
      <c r="X25114" s="2">
        <v>43</v>
      </c>
      <c r="Y25114" s="2">
        <v>16.5</v>
      </c>
      <c r="Z25114" s="2">
        <v>199.2</v>
      </c>
      <c r="AA25114" s="5">
        <v>14</v>
      </c>
      <c r="AB25114" s="5" t="s">
        <v>43</v>
      </c>
      <c r="AC25114" s="5" t="s">
        <v>735</v>
      </c>
      <c r="AD25114" s="2" t="s">
        <v>79766</v>
      </c>
      <c r="AE25114" s="1"/>
    </row>
    <row r="25115" spans="1:31" ht="14.45">
      <c r="A25115" s="5"/>
      <c r="B25115" s="21"/>
      <c r="C25115" s="2" t="s">
        <v>80243</v>
      </c>
      <c r="D25115" s="14" t="s">
        <v>80244</v>
      </c>
      <c r="E25115" s="2" t="s">
        <v>80245</v>
      </c>
      <c r="F25115" s="2" t="s">
        <v>79740</v>
      </c>
      <c r="G25115" s="8">
        <v>764</v>
      </c>
      <c r="H25115" s="5">
        <v>10</v>
      </c>
      <c r="I25115" s="5" t="s">
        <v>79637</v>
      </c>
      <c r="J25115" s="5" t="s">
        <v>79638</v>
      </c>
      <c r="K25115" s="2" t="s">
        <v>79639</v>
      </c>
      <c r="L25115" s="5" t="s">
        <v>79638</v>
      </c>
      <c r="M25115" s="2" t="s">
        <v>79639</v>
      </c>
      <c r="N25115" s="5" t="s">
        <v>79640</v>
      </c>
      <c r="O25115" s="5" t="s">
        <v>38</v>
      </c>
      <c r="P25115" s="5" t="s">
        <v>39</v>
      </c>
      <c r="Q25115" s="5" t="s">
        <v>40</v>
      </c>
      <c r="R25115" s="5" t="s">
        <v>24335</v>
      </c>
      <c r="S25115" s="5" t="s">
        <v>40</v>
      </c>
      <c r="T25115" s="5" t="s">
        <v>42</v>
      </c>
      <c r="U25115" s="2">
        <v>21.567</v>
      </c>
      <c r="V25115" s="2">
        <v>18.635000000000002</v>
      </c>
      <c r="W25115" s="2">
        <v>0.17100000000000001</v>
      </c>
      <c r="X25115" s="2">
        <v>18.100000000000001</v>
      </c>
      <c r="Y25115" s="2">
        <v>49.1</v>
      </c>
      <c r="Z25115" s="2">
        <v>192.4</v>
      </c>
      <c r="AA25115" s="2">
        <v>12</v>
      </c>
      <c r="AB25115" s="5" t="s">
        <v>43</v>
      </c>
      <c r="AC25115" s="5" t="s">
        <v>735</v>
      </c>
      <c r="AD25115" s="2" t="s">
        <v>79770</v>
      </c>
      <c r="AE25115" s="1"/>
    </row>
    <row r="25116" spans="1:31" ht="14.45">
      <c r="A25116" s="5"/>
      <c r="B25116" s="21"/>
      <c r="C25116" s="2" t="s">
        <v>80246</v>
      </c>
      <c r="D25116" s="14" t="s">
        <v>80247</v>
      </c>
      <c r="E25116" s="2" t="s">
        <v>80248</v>
      </c>
      <c r="F25116" s="2" t="s">
        <v>79778</v>
      </c>
      <c r="G25116" s="8">
        <v>939</v>
      </c>
      <c r="H25116" s="5">
        <v>10</v>
      </c>
      <c r="I25116" s="5" t="s">
        <v>79637</v>
      </c>
      <c r="J25116" s="5" t="s">
        <v>79638</v>
      </c>
      <c r="K25116" s="2" t="s">
        <v>79639</v>
      </c>
      <c r="L25116" s="5" t="s">
        <v>79638</v>
      </c>
      <c r="M25116" s="2" t="s">
        <v>79639</v>
      </c>
      <c r="N25116" s="5" t="s">
        <v>79640</v>
      </c>
      <c r="O25116" s="5" t="s">
        <v>38</v>
      </c>
      <c r="P25116" s="5" t="s">
        <v>39</v>
      </c>
      <c r="Q25116" s="5" t="s">
        <v>40</v>
      </c>
      <c r="R25116" s="5" t="s">
        <v>24335</v>
      </c>
      <c r="S25116" s="5" t="s">
        <v>40</v>
      </c>
      <c r="T25116" s="5" t="s">
        <v>42</v>
      </c>
      <c r="U25116" s="2">
        <v>24.170999999999999</v>
      </c>
      <c r="V25116" s="2">
        <v>21.239000000000001</v>
      </c>
      <c r="W25116" s="2">
        <v>0.17100000000000001</v>
      </c>
      <c r="X25116" s="2">
        <v>18.100000000000001</v>
      </c>
      <c r="Y25116" s="2">
        <v>49.1</v>
      </c>
      <c r="Z25116" s="2">
        <v>192.4</v>
      </c>
      <c r="AA25116" s="2">
        <v>12</v>
      </c>
      <c r="AB25116" s="5" t="s">
        <v>43</v>
      </c>
      <c r="AC25116" s="5" t="s">
        <v>735</v>
      </c>
      <c r="AD25116" s="2" t="s">
        <v>79779</v>
      </c>
      <c r="AE25116" s="1"/>
    </row>
    <row r="25117" spans="1:31" ht="14.45">
      <c r="A25117" s="11"/>
      <c r="B25117" s="20"/>
      <c r="C25117" s="2" t="s">
        <v>80249</v>
      </c>
      <c r="D25117" s="14" t="s">
        <v>80250</v>
      </c>
      <c r="E25117" s="2" t="s">
        <v>80251</v>
      </c>
      <c r="F25117" s="2" t="s">
        <v>80252</v>
      </c>
      <c r="G25117" s="8"/>
      <c r="H25117" s="5"/>
      <c r="I25117" s="5" t="s">
        <v>69</v>
      </c>
      <c r="J25117" s="5" t="s">
        <v>55730</v>
      </c>
      <c r="K25117" s="2" t="s">
        <v>55731</v>
      </c>
      <c r="L25117" s="5" t="s">
        <v>55730</v>
      </c>
      <c r="M25117" s="2" t="s">
        <v>55731</v>
      </c>
      <c r="N25117" s="5" t="s">
        <v>733</v>
      </c>
      <c r="O25117" s="5" t="s">
        <v>38</v>
      </c>
      <c r="P25117" s="5" t="s">
        <v>39</v>
      </c>
      <c r="Q25117" s="5" t="s">
        <v>40</v>
      </c>
      <c r="R25117" s="5" t="s">
        <v>897</v>
      </c>
      <c r="S25117" s="5" t="s">
        <v>40</v>
      </c>
      <c r="T25117" s="5" t="s">
        <v>42</v>
      </c>
      <c r="U25117" s="2">
        <v>0</v>
      </c>
      <c r="V25117" s="2">
        <v>0</v>
      </c>
      <c r="W25117" s="2">
        <v>0</v>
      </c>
      <c r="X25117" s="2">
        <v>0</v>
      </c>
      <c r="Y25117" s="2">
        <v>0</v>
      </c>
      <c r="Z25117" s="2">
        <v>0</v>
      </c>
      <c r="AA25117" s="5">
        <v>7</v>
      </c>
      <c r="AB25117" s="5" t="s">
        <v>43</v>
      </c>
      <c r="AC25117" s="5" t="s">
        <v>735</v>
      </c>
      <c r="AD25117" s="2"/>
      <c r="AE25117" s="1"/>
    </row>
    <row r="25118" spans="1:31" ht="14.45">
      <c r="A25118" s="11"/>
      <c r="B25118" s="20"/>
      <c r="C25118" s="2" t="s">
        <v>80253</v>
      </c>
      <c r="D25118" s="14" t="s">
        <v>80254</v>
      </c>
      <c r="E25118" s="2" t="s">
        <v>80255</v>
      </c>
      <c r="F25118" s="2" t="s">
        <v>80256</v>
      </c>
      <c r="G25118" s="8"/>
      <c r="H25118" s="5"/>
      <c r="I25118" s="5" t="s">
        <v>69</v>
      </c>
      <c r="J25118" s="5" t="s">
        <v>55730</v>
      </c>
      <c r="K25118" s="2" t="s">
        <v>55731</v>
      </c>
      <c r="L25118" s="5" t="s">
        <v>55730</v>
      </c>
      <c r="M25118" s="2" t="s">
        <v>55731</v>
      </c>
      <c r="N25118" s="5" t="s">
        <v>733</v>
      </c>
      <c r="O25118" s="5" t="s">
        <v>38</v>
      </c>
      <c r="P25118" s="5" t="s">
        <v>39</v>
      </c>
      <c r="Q25118" s="5" t="s">
        <v>40</v>
      </c>
      <c r="R25118" s="5" t="s">
        <v>897</v>
      </c>
      <c r="S25118" s="5" t="s">
        <v>40</v>
      </c>
      <c r="T25118" s="5" t="s">
        <v>42</v>
      </c>
      <c r="U25118" s="2">
        <v>0</v>
      </c>
      <c r="V25118" s="2">
        <v>0</v>
      </c>
      <c r="W25118" s="2">
        <v>0</v>
      </c>
      <c r="X25118" s="2">
        <v>0</v>
      </c>
      <c r="Y25118" s="2">
        <v>0</v>
      </c>
      <c r="Z25118" s="2">
        <v>0</v>
      </c>
      <c r="AA25118" s="5">
        <v>7</v>
      </c>
      <c r="AB25118" s="5" t="s">
        <v>43</v>
      </c>
      <c r="AC25118" s="5" t="s">
        <v>735</v>
      </c>
      <c r="AD25118" s="2"/>
      <c r="AE25118" s="1"/>
    </row>
    <row r="25119" spans="1:31" ht="14.45">
      <c r="A25119" s="11"/>
      <c r="B25119" s="20"/>
      <c r="C25119" s="2" t="s">
        <v>80257</v>
      </c>
      <c r="D25119" s="14" t="s">
        <v>80258</v>
      </c>
      <c r="E25119" s="2" t="s">
        <v>80259</v>
      </c>
      <c r="F25119" s="2" t="s">
        <v>80260</v>
      </c>
      <c r="G25119" s="8"/>
      <c r="H25119" s="5"/>
      <c r="I25119" s="5" t="s">
        <v>69</v>
      </c>
      <c r="J25119" s="5" t="s">
        <v>55802</v>
      </c>
      <c r="K25119" s="2" t="s">
        <v>55803</v>
      </c>
      <c r="L25119" s="5" t="s">
        <v>55802</v>
      </c>
      <c r="M25119" s="2" t="s">
        <v>55803</v>
      </c>
      <c r="N25119" s="5" t="s">
        <v>733</v>
      </c>
      <c r="O25119" s="5" t="s">
        <v>38</v>
      </c>
      <c r="P25119" s="5" t="s">
        <v>39</v>
      </c>
      <c r="Q25119" s="5" t="s">
        <v>40</v>
      </c>
      <c r="R25119" s="5" t="s">
        <v>897</v>
      </c>
      <c r="S25119" s="5" t="s">
        <v>40</v>
      </c>
      <c r="T25119" s="5" t="s">
        <v>42</v>
      </c>
      <c r="U25119" s="2">
        <v>0</v>
      </c>
      <c r="V25119" s="2">
        <v>0</v>
      </c>
      <c r="W25119" s="2">
        <v>0</v>
      </c>
      <c r="X25119" s="2">
        <v>0</v>
      </c>
      <c r="Y25119" s="2">
        <v>0</v>
      </c>
      <c r="Z25119" s="2">
        <v>0</v>
      </c>
      <c r="AA25119" s="5">
        <v>7</v>
      </c>
      <c r="AB25119" s="5" t="s">
        <v>43</v>
      </c>
      <c r="AC25119" s="5" t="s">
        <v>735</v>
      </c>
      <c r="AD25119" s="2"/>
      <c r="AE25119" s="1"/>
    </row>
    <row r="25120" spans="1:31" ht="14.45">
      <c r="A25120" s="11"/>
      <c r="B25120" s="20"/>
      <c r="C25120" s="2" t="s">
        <v>80261</v>
      </c>
      <c r="D25120" s="14" t="s">
        <v>80262</v>
      </c>
      <c r="E25120" s="2" t="s">
        <v>80263</v>
      </c>
      <c r="F25120" s="2" t="s">
        <v>80264</v>
      </c>
      <c r="G25120" s="8"/>
      <c r="H25120" s="5"/>
      <c r="I25120" s="5" t="s">
        <v>69</v>
      </c>
      <c r="J25120" s="5" t="s">
        <v>61065</v>
      </c>
      <c r="K25120" s="2" t="s">
        <v>61066</v>
      </c>
      <c r="L25120" s="5" t="s">
        <v>61065</v>
      </c>
      <c r="M25120" s="2" t="s">
        <v>61066</v>
      </c>
      <c r="N25120" s="5" t="s">
        <v>733</v>
      </c>
      <c r="O25120" s="5" t="s">
        <v>38</v>
      </c>
      <c r="P25120" s="5" t="s">
        <v>39</v>
      </c>
      <c r="Q25120" s="5" t="s">
        <v>40</v>
      </c>
      <c r="R25120" s="5" t="s">
        <v>734</v>
      </c>
      <c r="S25120" s="5" t="s">
        <v>40</v>
      </c>
      <c r="T25120" s="5" t="s">
        <v>42</v>
      </c>
      <c r="U25120" s="2">
        <v>0</v>
      </c>
      <c r="V25120" s="2">
        <v>0</v>
      </c>
      <c r="W25120" s="2">
        <v>0</v>
      </c>
      <c r="X25120" s="2">
        <v>0</v>
      </c>
      <c r="Y25120" s="2">
        <v>0</v>
      </c>
      <c r="Z25120" s="2">
        <v>0</v>
      </c>
      <c r="AA25120" s="5">
        <v>7</v>
      </c>
      <c r="AB25120" s="5" t="s">
        <v>43</v>
      </c>
      <c r="AC25120" s="5" t="s">
        <v>735</v>
      </c>
      <c r="AD25120" s="2"/>
      <c r="AE25120" s="1"/>
    </row>
    <row r="25121" spans="1:31" ht="14.45">
      <c r="A25121" s="11"/>
      <c r="B25121" s="20"/>
      <c r="C25121" s="2" t="s">
        <v>80265</v>
      </c>
      <c r="D25121" s="14" t="s">
        <v>80266</v>
      </c>
      <c r="E25121" s="2" t="s">
        <v>80267</v>
      </c>
      <c r="F25121" s="2" t="s">
        <v>80268</v>
      </c>
      <c r="G25121" s="8"/>
      <c r="H25121" s="5"/>
      <c r="I25121" s="5" t="s">
        <v>69</v>
      </c>
      <c r="J25121" s="5" t="s">
        <v>64310</v>
      </c>
      <c r="K25121" s="2" t="s">
        <v>64311</v>
      </c>
      <c r="L25121" s="5" t="s">
        <v>64310</v>
      </c>
      <c r="M25121" s="2" t="s">
        <v>64311</v>
      </c>
      <c r="N25121" s="5" t="s">
        <v>733</v>
      </c>
      <c r="O25121" s="5" t="s">
        <v>38</v>
      </c>
      <c r="P25121" s="5" t="s">
        <v>39</v>
      </c>
      <c r="Q25121" s="5" t="s">
        <v>40</v>
      </c>
      <c r="R25121" s="5" t="s">
        <v>897</v>
      </c>
      <c r="S25121" s="5" t="s">
        <v>40</v>
      </c>
      <c r="T25121" s="5" t="s">
        <v>42</v>
      </c>
      <c r="U25121" s="2">
        <v>0</v>
      </c>
      <c r="V25121" s="2">
        <v>0</v>
      </c>
      <c r="W25121" s="2">
        <v>0</v>
      </c>
      <c r="X25121" s="2">
        <v>0</v>
      </c>
      <c r="Y25121" s="2">
        <v>0</v>
      </c>
      <c r="Z25121" s="2">
        <v>0</v>
      </c>
      <c r="AA25121" s="5">
        <v>7</v>
      </c>
      <c r="AB25121" s="5" t="s">
        <v>43</v>
      </c>
      <c r="AC25121" s="5" t="s">
        <v>735</v>
      </c>
      <c r="AD25121" s="2"/>
      <c r="AE25121" s="1"/>
    </row>
    <row r="25122" spans="1:31" ht="14.45">
      <c r="A25122" s="11"/>
      <c r="B25122" s="20"/>
      <c r="C25122" s="2" t="s">
        <v>80269</v>
      </c>
      <c r="D25122" s="14" t="s">
        <v>80270</v>
      </c>
      <c r="E25122" s="2" t="s">
        <v>80271</v>
      </c>
      <c r="F25122" s="2" t="s">
        <v>80272</v>
      </c>
      <c r="G25122" s="8"/>
      <c r="H25122" s="5"/>
      <c r="I25122" s="5" t="s">
        <v>69</v>
      </c>
      <c r="J25122" s="5" t="s">
        <v>64310</v>
      </c>
      <c r="K25122" s="2" t="s">
        <v>64311</v>
      </c>
      <c r="L25122" s="5" t="s">
        <v>64310</v>
      </c>
      <c r="M25122" s="2" t="s">
        <v>64311</v>
      </c>
      <c r="N25122" s="5" t="s">
        <v>733</v>
      </c>
      <c r="O25122" s="5" t="s">
        <v>38</v>
      </c>
      <c r="P25122" s="5" t="s">
        <v>39</v>
      </c>
      <c r="Q25122" s="5" t="s">
        <v>40</v>
      </c>
      <c r="R25122" s="5" t="s">
        <v>897</v>
      </c>
      <c r="S25122" s="5" t="s">
        <v>40</v>
      </c>
      <c r="T25122" s="5" t="s">
        <v>42</v>
      </c>
      <c r="U25122" s="2">
        <v>0</v>
      </c>
      <c r="V25122" s="2">
        <v>0</v>
      </c>
      <c r="W25122" s="2">
        <v>0</v>
      </c>
      <c r="X25122" s="2">
        <v>0</v>
      </c>
      <c r="Y25122" s="2">
        <v>0</v>
      </c>
      <c r="Z25122" s="2">
        <v>0</v>
      </c>
      <c r="AA25122" s="5">
        <v>7</v>
      </c>
      <c r="AB25122" s="5" t="s">
        <v>43</v>
      </c>
      <c r="AC25122" s="5" t="s">
        <v>735</v>
      </c>
      <c r="AD25122" s="2"/>
      <c r="AE25122" s="1"/>
    </row>
    <row r="25123" spans="1:31" ht="14.45">
      <c r="A25123" s="11"/>
      <c r="B25123" s="20"/>
      <c r="C25123" s="2" t="s">
        <v>80273</v>
      </c>
      <c r="D25123" s="14" t="s">
        <v>80274</v>
      </c>
      <c r="E25123" s="2" t="s">
        <v>80275</v>
      </c>
      <c r="F25123" s="2" t="s">
        <v>80276</v>
      </c>
      <c r="G25123" s="8"/>
      <c r="H25123" s="5"/>
      <c r="I25123" s="5" t="s">
        <v>69</v>
      </c>
      <c r="J25123" s="5" t="s">
        <v>64797</v>
      </c>
      <c r="K25123" s="2" t="s">
        <v>64798</v>
      </c>
      <c r="L25123" s="5" t="s">
        <v>64797</v>
      </c>
      <c r="M25123" s="2" t="s">
        <v>64798</v>
      </c>
      <c r="N25123" s="5" t="s">
        <v>733</v>
      </c>
      <c r="O25123" s="5" t="s">
        <v>38</v>
      </c>
      <c r="P25123" s="5" t="s">
        <v>39</v>
      </c>
      <c r="Q25123" s="5" t="s">
        <v>40</v>
      </c>
      <c r="R25123" s="5" t="s">
        <v>897</v>
      </c>
      <c r="S25123" s="5" t="s">
        <v>40</v>
      </c>
      <c r="T25123" s="5" t="s">
        <v>42</v>
      </c>
      <c r="U25123" s="2">
        <v>0</v>
      </c>
      <c r="V25123" s="2">
        <v>0</v>
      </c>
      <c r="W25123" s="2">
        <v>0</v>
      </c>
      <c r="X25123" s="2">
        <v>0</v>
      </c>
      <c r="Y25123" s="2">
        <v>0</v>
      </c>
      <c r="Z25123" s="2">
        <v>0</v>
      </c>
      <c r="AA25123" s="5">
        <v>7</v>
      </c>
      <c r="AB25123" s="5" t="s">
        <v>43</v>
      </c>
      <c r="AC25123" s="5" t="s">
        <v>735</v>
      </c>
      <c r="AD25123" s="2"/>
      <c r="AE25123" s="1"/>
    </row>
    <row r="25124" spans="1:31" ht="14.45">
      <c r="A25124" s="11"/>
      <c r="B25124" s="20"/>
      <c r="C25124" s="2" t="s">
        <v>80277</v>
      </c>
      <c r="D25124" s="14" t="s">
        <v>80278</v>
      </c>
      <c r="E25124" s="2" t="s">
        <v>80279</v>
      </c>
      <c r="F25124" s="2" t="s">
        <v>80280</v>
      </c>
      <c r="G25124" s="8"/>
      <c r="H25124" s="5"/>
      <c r="I25124" s="5" t="s">
        <v>69</v>
      </c>
      <c r="J25124" s="5" t="s">
        <v>65833</v>
      </c>
      <c r="K25124" s="2" t="s">
        <v>65834</v>
      </c>
      <c r="L25124" s="5" t="s">
        <v>65833</v>
      </c>
      <c r="M25124" s="2" t="s">
        <v>65834</v>
      </c>
      <c r="N25124" s="5" t="s">
        <v>733</v>
      </c>
      <c r="O25124" s="5" t="s">
        <v>38</v>
      </c>
      <c r="P25124" s="5" t="s">
        <v>39</v>
      </c>
      <c r="Q25124" s="5" t="s">
        <v>40</v>
      </c>
      <c r="R25124" s="5" t="s">
        <v>897</v>
      </c>
      <c r="S25124" s="5" t="s">
        <v>40</v>
      </c>
      <c r="T25124" s="5" t="s">
        <v>42</v>
      </c>
      <c r="U25124" s="2">
        <v>0</v>
      </c>
      <c r="V25124" s="2">
        <v>0</v>
      </c>
      <c r="W25124" s="2">
        <v>0</v>
      </c>
      <c r="X25124" s="2">
        <v>0</v>
      </c>
      <c r="Y25124" s="2">
        <v>0</v>
      </c>
      <c r="Z25124" s="2">
        <v>0</v>
      </c>
      <c r="AA25124" s="5">
        <v>7</v>
      </c>
      <c r="AB25124" s="5" t="s">
        <v>43</v>
      </c>
      <c r="AC25124" s="5" t="s">
        <v>735</v>
      </c>
      <c r="AD25124" s="2"/>
      <c r="AE25124" s="1"/>
    </row>
    <row r="25125" spans="1:31" ht="14.45">
      <c r="A25125" s="11"/>
      <c r="B25125" s="20"/>
      <c r="C25125" s="2" t="s">
        <v>80281</v>
      </c>
      <c r="D25125" s="14" t="s">
        <v>80282</v>
      </c>
      <c r="E25125" s="2" t="s">
        <v>80283</v>
      </c>
      <c r="F25125" s="2" t="s">
        <v>80280</v>
      </c>
      <c r="G25125" s="8"/>
      <c r="H25125" s="5"/>
      <c r="I25125" s="5" t="s">
        <v>69</v>
      </c>
      <c r="J25125" s="5" t="s">
        <v>65833</v>
      </c>
      <c r="K25125" s="2" t="s">
        <v>65834</v>
      </c>
      <c r="L25125" s="5" t="s">
        <v>65833</v>
      </c>
      <c r="M25125" s="2" t="s">
        <v>65834</v>
      </c>
      <c r="N25125" s="5" t="s">
        <v>733</v>
      </c>
      <c r="O25125" s="5" t="s">
        <v>38</v>
      </c>
      <c r="P25125" s="5" t="s">
        <v>39</v>
      </c>
      <c r="Q25125" s="5" t="s">
        <v>40</v>
      </c>
      <c r="R25125" s="5" t="s">
        <v>897</v>
      </c>
      <c r="S25125" s="5" t="s">
        <v>40</v>
      </c>
      <c r="T25125" s="5" t="s">
        <v>42</v>
      </c>
      <c r="U25125" s="2">
        <v>0</v>
      </c>
      <c r="V25125" s="2">
        <v>0</v>
      </c>
      <c r="W25125" s="2">
        <v>0</v>
      </c>
      <c r="X25125" s="2">
        <v>0</v>
      </c>
      <c r="Y25125" s="2">
        <v>0</v>
      </c>
      <c r="Z25125" s="2">
        <v>0</v>
      </c>
      <c r="AA25125" s="5">
        <v>7</v>
      </c>
      <c r="AB25125" s="5" t="s">
        <v>43</v>
      </c>
      <c r="AC25125" s="5" t="s">
        <v>735</v>
      </c>
      <c r="AD25125" s="2"/>
      <c r="AE25125" s="1"/>
    </row>
    <row r="25126" spans="1:31" ht="14.45">
      <c r="A25126" s="11"/>
      <c r="B25126" s="20"/>
      <c r="C25126" s="2" t="s">
        <v>80284</v>
      </c>
      <c r="D25126" s="14" t="s">
        <v>80285</v>
      </c>
      <c r="E25126" s="2" t="s">
        <v>80286</v>
      </c>
      <c r="F25126" s="2" t="s">
        <v>80287</v>
      </c>
      <c r="G25126" s="8"/>
      <c r="H25126" s="5"/>
      <c r="I25126" s="5" t="s">
        <v>69</v>
      </c>
      <c r="J25126" s="5" t="s">
        <v>66625</v>
      </c>
      <c r="K25126" s="2" t="s">
        <v>66626</v>
      </c>
      <c r="L25126" s="5" t="s">
        <v>66625</v>
      </c>
      <c r="M25126" s="2" t="s">
        <v>66626</v>
      </c>
      <c r="N25126" s="5" t="s">
        <v>733</v>
      </c>
      <c r="O25126" s="5" t="s">
        <v>38</v>
      </c>
      <c r="P25126" s="5" t="s">
        <v>39</v>
      </c>
      <c r="Q25126" s="5" t="s">
        <v>40</v>
      </c>
      <c r="R25126" s="5" t="s">
        <v>897</v>
      </c>
      <c r="S25126" s="5" t="s">
        <v>40</v>
      </c>
      <c r="T25126" s="5" t="s">
        <v>42</v>
      </c>
      <c r="U25126" s="2">
        <v>0</v>
      </c>
      <c r="V25126" s="2">
        <v>0</v>
      </c>
      <c r="W25126" s="2">
        <v>0</v>
      </c>
      <c r="X25126" s="2">
        <v>0</v>
      </c>
      <c r="Y25126" s="2">
        <v>0</v>
      </c>
      <c r="Z25126" s="2">
        <v>0</v>
      </c>
      <c r="AA25126" s="5">
        <v>7</v>
      </c>
      <c r="AB25126" s="5" t="s">
        <v>43</v>
      </c>
      <c r="AC25126" s="5" t="s">
        <v>735</v>
      </c>
      <c r="AD25126" s="2"/>
      <c r="AE25126" s="1"/>
    </row>
    <row r="25127" spans="1:31" ht="14.45">
      <c r="A25127" s="11"/>
      <c r="B25127" s="20"/>
      <c r="C25127" s="2" t="s">
        <v>80288</v>
      </c>
      <c r="D25127" s="14" t="s">
        <v>80289</v>
      </c>
      <c r="E25127" s="2" t="s">
        <v>80290</v>
      </c>
      <c r="F25127" s="2" t="s">
        <v>80287</v>
      </c>
      <c r="G25127" s="8"/>
      <c r="H25127" s="5"/>
      <c r="I25127" s="5" t="s">
        <v>69</v>
      </c>
      <c r="J25127" s="5" t="s">
        <v>66625</v>
      </c>
      <c r="K25127" s="2" t="s">
        <v>66626</v>
      </c>
      <c r="L25127" s="5" t="s">
        <v>66625</v>
      </c>
      <c r="M25127" s="2" t="s">
        <v>66626</v>
      </c>
      <c r="N25127" s="5" t="s">
        <v>733</v>
      </c>
      <c r="O25127" s="5" t="s">
        <v>38</v>
      </c>
      <c r="P25127" s="5" t="s">
        <v>39</v>
      </c>
      <c r="Q25127" s="5" t="s">
        <v>40</v>
      </c>
      <c r="R25127" s="5" t="s">
        <v>897</v>
      </c>
      <c r="S25127" s="5" t="s">
        <v>40</v>
      </c>
      <c r="T25127" s="5" t="s">
        <v>42</v>
      </c>
      <c r="U25127" s="2">
        <v>0</v>
      </c>
      <c r="V25127" s="2">
        <v>0</v>
      </c>
      <c r="W25127" s="2">
        <v>0</v>
      </c>
      <c r="X25127" s="2">
        <v>0</v>
      </c>
      <c r="Y25127" s="2">
        <v>0</v>
      </c>
      <c r="Z25127" s="2">
        <v>0</v>
      </c>
      <c r="AA25127" s="5">
        <v>7</v>
      </c>
      <c r="AB25127" s="5" t="s">
        <v>43</v>
      </c>
      <c r="AC25127" s="5" t="s">
        <v>735</v>
      </c>
      <c r="AD25127" s="2"/>
      <c r="AE25127" s="1"/>
    </row>
    <row r="25128" spans="1:31" ht="14.45">
      <c r="A25128" s="11"/>
      <c r="B25128" s="20"/>
      <c r="C25128" s="2" t="s">
        <v>80291</v>
      </c>
      <c r="D25128" s="14" t="s">
        <v>80292</v>
      </c>
      <c r="E25128" s="2" t="s">
        <v>80293</v>
      </c>
      <c r="F25128" s="2" t="s">
        <v>80294</v>
      </c>
      <c r="G25128" s="8"/>
      <c r="H25128" s="5"/>
      <c r="I25128" s="5" t="s">
        <v>69</v>
      </c>
      <c r="J25128" s="5" t="s">
        <v>66775</v>
      </c>
      <c r="K25128" s="2" t="s">
        <v>66776</v>
      </c>
      <c r="L25128" s="5" t="s">
        <v>66775</v>
      </c>
      <c r="M25128" s="2" t="s">
        <v>66776</v>
      </c>
      <c r="N25128" s="5" t="s">
        <v>66777</v>
      </c>
      <c r="O25128" s="5" t="s">
        <v>38</v>
      </c>
      <c r="P25128" s="5" t="s">
        <v>39</v>
      </c>
      <c r="Q25128" s="5" t="s">
        <v>40</v>
      </c>
      <c r="R25128" s="5" t="s">
        <v>734</v>
      </c>
      <c r="S25128" s="5" t="s">
        <v>40</v>
      </c>
      <c r="T25128" s="5" t="s">
        <v>42</v>
      </c>
      <c r="U25128" s="2">
        <v>0</v>
      </c>
      <c r="V25128" s="2">
        <v>0</v>
      </c>
      <c r="W25128" s="2">
        <v>0</v>
      </c>
      <c r="X25128" s="2">
        <v>0</v>
      </c>
      <c r="Y25128" s="2">
        <v>0</v>
      </c>
      <c r="Z25128" s="2">
        <v>0</v>
      </c>
      <c r="AA25128" s="5">
        <v>7</v>
      </c>
      <c r="AB25128" s="5" t="s">
        <v>43</v>
      </c>
      <c r="AC25128" s="5" t="s">
        <v>735</v>
      </c>
      <c r="AD25128" s="2"/>
      <c r="AE25128" s="1"/>
    </row>
    <row r="25129" spans="1:31" ht="14.45">
      <c r="A25129" s="11"/>
      <c r="B25129" s="20"/>
      <c r="C25129" s="2" t="s">
        <v>80295</v>
      </c>
      <c r="D25129" s="14" t="s">
        <v>80296</v>
      </c>
      <c r="E25129" s="2" t="s">
        <v>80297</v>
      </c>
      <c r="F25129" s="2" t="s">
        <v>80298</v>
      </c>
      <c r="G25129" s="8"/>
      <c r="H25129" s="5"/>
      <c r="I25129" s="5" t="s">
        <v>69</v>
      </c>
      <c r="J25129" s="5" t="s">
        <v>66625</v>
      </c>
      <c r="K25129" s="2" t="s">
        <v>66626</v>
      </c>
      <c r="L25129" s="5" t="s">
        <v>66625</v>
      </c>
      <c r="M25129" s="2" t="s">
        <v>66626</v>
      </c>
      <c r="N25129" s="5" t="s">
        <v>733</v>
      </c>
      <c r="O25129" s="5" t="s">
        <v>38</v>
      </c>
      <c r="P25129" s="5" t="s">
        <v>39</v>
      </c>
      <c r="Q25129" s="5" t="s">
        <v>40</v>
      </c>
      <c r="R25129" s="5" t="s">
        <v>897</v>
      </c>
      <c r="S25129" s="5" t="s">
        <v>40</v>
      </c>
      <c r="T25129" s="5" t="s">
        <v>42</v>
      </c>
      <c r="U25129" s="2">
        <v>0</v>
      </c>
      <c r="V25129" s="2">
        <v>0</v>
      </c>
      <c r="W25129" s="2">
        <v>0</v>
      </c>
      <c r="X25129" s="2">
        <v>0</v>
      </c>
      <c r="Y25129" s="2">
        <v>0</v>
      </c>
      <c r="Z25129" s="2">
        <v>0</v>
      </c>
      <c r="AA25129" s="5">
        <v>7</v>
      </c>
      <c r="AB25129" s="5" t="s">
        <v>43</v>
      </c>
      <c r="AC25129" s="5" t="s">
        <v>735</v>
      </c>
      <c r="AD25129" s="2"/>
      <c r="AE25129" s="1"/>
    </row>
    <row r="25130" spans="1:31" ht="14.45">
      <c r="A25130" s="11"/>
      <c r="B25130" s="20"/>
      <c r="C25130" s="2" t="s">
        <v>80299</v>
      </c>
      <c r="D25130" s="14" t="s">
        <v>80300</v>
      </c>
      <c r="E25130" s="2" t="s">
        <v>80301</v>
      </c>
      <c r="F25130" s="2" t="s">
        <v>80298</v>
      </c>
      <c r="G25130" s="8"/>
      <c r="H25130" s="5"/>
      <c r="I25130" s="5" t="s">
        <v>69</v>
      </c>
      <c r="J25130" s="5" t="s">
        <v>66625</v>
      </c>
      <c r="K25130" s="2" t="s">
        <v>66626</v>
      </c>
      <c r="L25130" s="5" t="s">
        <v>66625</v>
      </c>
      <c r="M25130" s="2" t="s">
        <v>66626</v>
      </c>
      <c r="N25130" s="5" t="s">
        <v>733</v>
      </c>
      <c r="O25130" s="5" t="s">
        <v>38</v>
      </c>
      <c r="P25130" s="5" t="s">
        <v>39</v>
      </c>
      <c r="Q25130" s="5" t="s">
        <v>40</v>
      </c>
      <c r="R25130" s="5" t="s">
        <v>897</v>
      </c>
      <c r="S25130" s="5" t="s">
        <v>40</v>
      </c>
      <c r="T25130" s="5" t="s">
        <v>42</v>
      </c>
      <c r="U25130" s="2">
        <v>0</v>
      </c>
      <c r="V25130" s="2">
        <v>0</v>
      </c>
      <c r="W25130" s="2">
        <v>0</v>
      </c>
      <c r="X25130" s="2">
        <v>0</v>
      </c>
      <c r="Y25130" s="2">
        <v>0</v>
      </c>
      <c r="Z25130" s="2">
        <v>0</v>
      </c>
      <c r="AA25130" s="5">
        <v>7</v>
      </c>
      <c r="AB25130" s="5" t="s">
        <v>43</v>
      </c>
      <c r="AC25130" s="5" t="s">
        <v>735</v>
      </c>
      <c r="AD25130" s="2"/>
      <c r="AE25130" s="1"/>
    </row>
    <row r="25131" spans="1:31" ht="14.45">
      <c r="A25131" s="11"/>
      <c r="B25131" s="20"/>
      <c r="C25131" s="2" t="s">
        <v>80302</v>
      </c>
      <c r="D25131" s="14" t="s">
        <v>80303</v>
      </c>
      <c r="E25131" s="2" t="s">
        <v>80304</v>
      </c>
      <c r="F25131" s="2" t="s">
        <v>80305</v>
      </c>
      <c r="G25131" s="8"/>
      <c r="H25131" s="5"/>
      <c r="I25131" s="5" t="s">
        <v>79637</v>
      </c>
      <c r="J25131" s="5" t="s">
        <v>79638</v>
      </c>
      <c r="K25131" s="2" t="s">
        <v>79639</v>
      </c>
      <c r="L25131" s="5" t="s">
        <v>79638</v>
      </c>
      <c r="M25131" s="2" t="s">
        <v>79639</v>
      </c>
      <c r="N25131" s="5" t="s">
        <v>79640</v>
      </c>
      <c r="O25131" s="5" t="s">
        <v>38</v>
      </c>
      <c r="P25131" s="5" t="s">
        <v>39</v>
      </c>
      <c r="Q25131" s="5" t="s">
        <v>40</v>
      </c>
      <c r="R25131" s="5" t="s">
        <v>24335</v>
      </c>
      <c r="S25131" s="5" t="s">
        <v>40</v>
      </c>
      <c r="T25131" s="5" t="s">
        <v>42</v>
      </c>
      <c r="U25131" s="2">
        <v>0</v>
      </c>
      <c r="V25131" s="2">
        <v>0</v>
      </c>
      <c r="W25131" s="2">
        <v>0</v>
      </c>
      <c r="X25131" s="2">
        <v>0</v>
      </c>
      <c r="Y25131" s="2">
        <v>0</v>
      </c>
      <c r="Z25131" s="2">
        <v>0</v>
      </c>
      <c r="AA25131" s="5">
        <v>10</v>
      </c>
      <c r="AB25131" s="5" t="s">
        <v>43</v>
      </c>
      <c r="AC25131" s="5" t="s">
        <v>735</v>
      </c>
      <c r="AD25131" s="2"/>
      <c r="AE25131" s="1"/>
    </row>
    <row r="25132" spans="1:31" ht="14.45">
      <c r="A25132" s="11"/>
      <c r="B25132" s="20"/>
      <c r="C25132" s="2" t="s">
        <v>80306</v>
      </c>
      <c r="D25132" s="14" t="s">
        <v>80307</v>
      </c>
      <c r="E25132" s="2" t="s">
        <v>80308</v>
      </c>
      <c r="F25132" s="2" t="s">
        <v>80305</v>
      </c>
      <c r="G25132" s="8"/>
      <c r="H25132" s="5"/>
      <c r="I25132" s="5" t="s">
        <v>79637</v>
      </c>
      <c r="J25132" s="5" t="s">
        <v>79638</v>
      </c>
      <c r="K25132" s="2" t="s">
        <v>79639</v>
      </c>
      <c r="L25132" s="5" t="s">
        <v>79638</v>
      </c>
      <c r="M25132" s="2" t="s">
        <v>79639</v>
      </c>
      <c r="N25132" s="5" t="s">
        <v>79640</v>
      </c>
      <c r="O25132" s="5" t="s">
        <v>38</v>
      </c>
      <c r="P25132" s="5" t="s">
        <v>39</v>
      </c>
      <c r="Q25132" s="5" t="s">
        <v>40</v>
      </c>
      <c r="R25132" s="5" t="s">
        <v>24335</v>
      </c>
      <c r="S25132" s="5" t="s">
        <v>40</v>
      </c>
      <c r="T25132" s="5" t="s">
        <v>42</v>
      </c>
      <c r="U25132" s="2">
        <v>0</v>
      </c>
      <c r="V25132" s="2">
        <v>0</v>
      </c>
      <c r="W25132" s="2">
        <v>0</v>
      </c>
      <c r="X25132" s="2">
        <v>0</v>
      </c>
      <c r="Y25132" s="2">
        <v>0</v>
      </c>
      <c r="Z25132" s="2">
        <v>0</v>
      </c>
      <c r="AA25132" s="5">
        <v>10</v>
      </c>
      <c r="AB25132" s="5" t="s">
        <v>43</v>
      </c>
      <c r="AC25132" s="5" t="s">
        <v>735</v>
      </c>
      <c r="AD25132" s="2"/>
      <c r="AE25132" s="1"/>
    </row>
    <row r="25133" spans="1:31" ht="14.45">
      <c r="A25133" s="11"/>
      <c r="B25133" s="20"/>
      <c r="C25133" s="2" t="s">
        <v>80309</v>
      </c>
      <c r="D25133" s="14" t="s">
        <v>80310</v>
      </c>
      <c r="E25133" s="2" t="s">
        <v>80311</v>
      </c>
      <c r="F25133" s="2" t="s">
        <v>80312</v>
      </c>
      <c r="G25133" s="8"/>
      <c r="H25133" s="5"/>
      <c r="I25133" s="5" t="s">
        <v>79637</v>
      </c>
      <c r="J25133" s="5" t="s">
        <v>79638</v>
      </c>
      <c r="K25133" s="2" t="s">
        <v>79639</v>
      </c>
      <c r="L25133" s="5" t="s">
        <v>79638</v>
      </c>
      <c r="M25133" s="2" t="s">
        <v>79639</v>
      </c>
      <c r="N25133" s="5" t="s">
        <v>79640</v>
      </c>
      <c r="O25133" s="5" t="s">
        <v>38</v>
      </c>
      <c r="P25133" s="5" t="s">
        <v>39</v>
      </c>
      <c r="Q25133" s="5" t="s">
        <v>40</v>
      </c>
      <c r="R25133" s="5" t="s">
        <v>24335</v>
      </c>
      <c r="S25133" s="5" t="s">
        <v>40</v>
      </c>
      <c r="T25133" s="5" t="s">
        <v>42</v>
      </c>
      <c r="U25133" s="2">
        <v>0</v>
      </c>
      <c r="V25133" s="2">
        <v>0</v>
      </c>
      <c r="W25133" s="2">
        <v>0</v>
      </c>
      <c r="X25133" s="2">
        <v>0</v>
      </c>
      <c r="Y25133" s="2">
        <v>0</v>
      </c>
      <c r="Z25133" s="2">
        <v>0</v>
      </c>
      <c r="AA25133" s="5">
        <v>10</v>
      </c>
      <c r="AB25133" s="5" t="s">
        <v>43</v>
      </c>
      <c r="AC25133" s="5" t="s">
        <v>735</v>
      </c>
      <c r="AD25133" s="2"/>
      <c r="AE25133" s="1"/>
    </row>
    <row r="25134" spans="1:31" ht="14.45">
      <c r="A25134" s="11"/>
      <c r="B25134" s="20"/>
      <c r="C25134" s="2" t="s">
        <v>80313</v>
      </c>
      <c r="D25134" s="14" t="s">
        <v>80314</v>
      </c>
      <c r="E25134" s="2" t="s">
        <v>80315</v>
      </c>
      <c r="F25134" s="2" t="s">
        <v>80312</v>
      </c>
      <c r="G25134" s="8"/>
      <c r="H25134" s="5"/>
      <c r="I25134" s="5" t="s">
        <v>79637</v>
      </c>
      <c r="J25134" s="5" t="s">
        <v>79638</v>
      </c>
      <c r="K25134" s="2" t="s">
        <v>79639</v>
      </c>
      <c r="L25134" s="5" t="s">
        <v>79638</v>
      </c>
      <c r="M25134" s="2" t="s">
        <v>79639</v>
      </c>
      <c r="N25134" s="5" t="s">
        <v>79640</v>
      </c>
      <c r="O25134" s="5" t="s">
        <v>38</v>
      </c>
      <c r="P25134" s="5" t="s">
        <v>39</v>
      </c>
      <c r="Q25134" s="5" t="s">
        <v>40</v>
      </c>
      <c r="R25134" s="5" t="s">
        <v>24335</v>
      </c>
      <c r="S25134" s="5" t="s">
        <v>40</v>
      </c>
      <c r="T25134" s="5" t="s">
        <v>42</v>
      </c>
      <c r="U25134" s="2">
        <v>0</v>
      </c>
      <c r="V25134" s="2">
        <v>0</v>
      </c>
      <c r="W25134" s="2">
        <v>0</v>
      </c>
      <c r="X25134" s="2">
        <v>0</v>
      </c>
      <c r="Y25134" s="2">
        <v>0</v>
      </c>
      <c r="Z25134" s="2">
        <v>0</v>
      </c>
      <c r="AA25134" s="5">
        <v>10</v>
      </c>
      <c r="AB25134" s="5" t="s">
        <v>43</v>
      </c>
      <c r="AC25134" s="5" t="s">
        <v>735</v>
      </c>
      <c r="AD25134" s="2"/>
      <c r="AE25134" s="1"/>
    </row>
    <row r="25135" spans="1:31" ht="14.45">
      <c r="A25135" s="11"/>
      <c r="B25135" s="20"/>
      <c r="C25135" s="2" t="s">
        <v>80316</v>
      </c>
      <c r="D25135" s="14" t="s">
        <v>80317</v>
      </c>
      <c r="E25135" s="2" t="s">
        <v>80318</v>
      </c>
      <c r="F25135" s="2" t="s">
        <v>80252</v>
      </c>
      <c r="G25135" s="8"/>
      <c r="H25135" s="5"/>
      <c r="I25135" s="5" t="s">
        <v>69</v>
      </c>
      <c r="J25135" s="5" t="s">
        <v>55730</v>
      </c>
      <c r="K25135" s="2" t="s">
        <v>55731</v>
      </c>
      <c r="L25135" s="5" t="s">
        <v>55730</v>
      </c>
      <c r="M25135" s="2" t="s">
        <v>55731</v>
      </c>
      <c r="N25135" s="5" t="s">
        <v>733</v>
      </c>
      <c r="O25135" s="5" t="s">
        <v>38</v>
      </c>
      <c r="P25135" s="5" t="s">
        <v>39</v>
      </c>
      <c r="Q25135" s="5" t="s">
        <v>40</v>
      </c>
      <c r="R25135" s="5" t="s">
        <v>897</v>
      </c>
      <c r="S25135" s="5" t="s">
        <v>40</v>
      </c>
      <c r="T25135" s="5" t="s">
        <v>42</v>
      </c>
      <c r="U25135" s="2">
        <v>0</v>
      </c>
      <c r="V25135" s="2">
        <v>0</v>
      </c>
      <c r="W25135" s="2">
        <v>0</v>
      </c>
      <c r="X25135" s="2">
        <v>0</v>
      </c>
      <c r="Y25135" s="2">
        <v>0</v>
      </c>
      <c r="Z25135" s="2">
        <v>0</v>
      </c>
      <c r="AA25135" s="5">
        <v>7</v>
      </c>
      <c r="AB25135" s="5" t="s">
        <v>43</v>
      </c>
      <c r="AC25135" s="5" t="s">
        <v>735</v>
      </c>
      <c r="AD25135" s="2"/>
      <c r="AE25135" s="1"/>
    </row>
    <row r="25136" spans="1:31" ht="14.45">
      <c r="A25136" s="11"/>
      <c r="B25136" s="20"/>
      <c r="C25136" s="2" t="s">
        <v>80319</v>
      </c>
      <c r="D25136" s="14" t="s">
        <v>80320</v>
      </c>
      <c r="E25136" s="2" t="s">
        <v>80321</v>
      </c>
      <c r="F25136" s="2" t="s">
        <v>80252</v>
      </c>
      <c r="G25136" s="8"/>
      <c r="H25136" s="5"/>
      <c r="I25136" s="5" t="s">
        <v>69</v>
      </c>
      <c r="J25136" s="5" t="s">
        <v>55730</v>
      </c>
      <c r="K25136" s="2" t="s">
        <v>55731</v>
      </c>
      <c r="L25136" s="5" t="s">
        <v>55730</v>
      </c>
      <c r="M25136" s="2" t="s">
        <v>55731</v>
      </c>
      <c r="N25136" s="5" t="s">
        <v>733</v>
      </c>
      <c r="O25136" s="5" t="s">
        <v>38</v>
      </c>
      <c r="P25136" s="5" t="s">
        <v>39</v>
      </c>
      <c r="Q25136" s="5" t="s">
        <v>40</v>
      </c>
      <c r="R25136" s="5" t="s">
        <v>897</v>
      </c>
      <c r="S25136" s="5" t="s">
        <v>40</v>
      </c>
      <c r="T25136" s="5" t="s">
        <v>42</v>
      </c>
      <c r="U25136" s="2">
        <v>0</v>
      </c>
      <c r="V25136" s="2">
        <v>0</v>
      </c>
      <c r="W25136" s="2">
        <v>0</v>
      </c>
      <c r="X25136" s="2">
        <v>0</v>
      </c>
      <c r="Y25136" s="2">
        <v>0</v>
      </c>
      <c r="Z25136" s="2">
        <v>0</v>
      </c>
      <c r="AA25136" s="5">
        <v>7</v>
      </c>
      <c r="AB25136" s="5" t="s">
        <v>43</v>
      </c>
      <c r="AC25136" s="5" t="s">
        <v>735</v>
      </c>
      <c r="AD25136" s="2"/>
      <c r="AE25136" s="1"/>
    </row>
    <row r="25137" spans="1:31" ht="14.45">
      <c r="A25137" s="11"/>
      <c r="B25137" s="20"/>
      <c r="C25137" s="2" t="s">
        <v>80322</v>
      </c>
      <c r="D25137" s="14" t="s">
        <v>80323</v>
      </c>
      <c r="E25137" s="2" t="s">
        <v>80324</v>
      </c>
      <c r="F25137" s="2" t="s">
        <v>80252</v>
      </c>
      <c r="G25137" s="8"/>
      <c r="H25137" s="5"/>
      <c r="I25137" s="5" t="s">
        <v>69</v>
      </c>
      <c r="J25137" s="5" t="s">
        <v>55730</v>
      </c>
      <c r="K25137" s="2" t="s">
        <v>55731</v>
      </c>
      <c r="L25137" s="5" t="s">
        <v>55730</v>
      </c>
      <c r="M25137" s="2" t="s">
        <v>55731</v>
      </c>
      <c r="N25137" s="5" t="s">
        <v>733</v>
      </c>
      <c r="O25137" s="5" t="s">
        <v>38</v>
      </c>
      <c r="P25137" s="5" t="s">
        <v>39</v>
      </c>
      <c r="Q25137" s="5" t="s">
        <v>40</v>
      </c>
      <c r="R25137" s="5" t="s">
        <v>897</v>
      </c>
      <c r="S25137" s="5" t="s">
        <v>40</v>
      </c>
      <c r="T25137" s="5" t="s">
        <v>42</v>
      </c>
      <c r="U25137" s="2">
        <v>0</v>
      </c>
      <c r="V25137" s="2">
        <v>0</v>
      </c>
      <c r="W25137" s="2">
        <v>0</v>
      </c>
      <c r="X25137" s="2">
        <v>0</v>
      </c>
      <c r="Y25137" s="2">
        <v>0</v>
      </c>
      <c r="Z25137" s="2">
        <v>0</v>
      </c>
      <c r="AA25137" s="5">
        <v>7</v>
      </c>
      <c r="AB25137" s="5" t="s">
        <v>43</v>
      </c>
      <c r="AC25137" s="5" t="s">
        <v>735</v>
      </c>
      <c r="AD25137" s="2"/>
      <c r="AE25137" s="1"/>
    </row>
    <row r="25138" spans="1:31" ht="14.45">
      <c r="A25138" s="11"/>
      <c r="B25138" s="20"/>
      <c r="C25138" s="2" t="s">
        <v>80325</v>
      </c>
      <c r="D25138" s="14" t="s">
        <v>80326</v>
      </c>
      <c r="E25138" s="2" t="s">
        <v>80327</v>
      </c>
      <c r="F25138" s="2" t="s">
        <v>80328</v>
      </c>
      <c r="G25138" s="8"/>
      <c r="H25138" s="5"/>
      <c r="I25138" s="5" t="s">
        <v>69</v>
      </c>
      <c r="J25138" s="5" t="s">
        <v>64310</v>
      </c>
      <c r="K25138" s="2" t="s">
        <v>64311</v>
      </c>
      <c r="L25138" s="5" t="s">
        <v>64310</v>
      </c>
      <c r="M25138" s="2" t="s">
        <v>64311</v>
      </c>
      <c r="N25138" s="5" t="s">
        <v>733</v>
      </c>
      <c r="O25138" s="5" t="s">
        <v>38</v>
      </c>
      <c r="P25138" s="5" t="s">
        <v>39</v>
      </c>
      <c r="Q25138" s="5" t="s">
        <v>40</v>
      </c>
      <c r="R25138" s="5" t="s">
        <v>897</v>
      </c>
      <c r="S25138" s="5" t="s">
        <v>40</v>
      </c>
      <c r="T25138" s="5" t="s">
        <v>42</v>
      </c>
      <c r="U25138" s="2">
        <v>0</v>
      </c>
      <c r="V25138" s="2">
        <v>0</v>
      </c>
      <c r="W25138" s="2">
        <v>0</v>
      </c>
      <c r="X25138" s="2">
        <v>0</v>
      </c>
      <c r="Y25138" s="2">
        <v>0</v>
      </c>
      <c r="Z25138" s="2">
        <v>0</v>
      </c>
      <c r="AA25138" s="5">
        <v>7</v>
      </c>
      <c r="AB25138" s="5" t="s">
        <v>43</v>
      </c>
      <c r="AC25138" s="5" t="s">
        <v>735</v>
      </c>
      <c r="AD25138" s="2"/>
      <c r="AE25138" s="1"/>
    </row>
    <row r="25139" spans="1:31" ht="14.45">
      <c r="A25139" s="11"/>
      <c r="B25139" s="20"/>
      <c r="C25139" s="2" t="s">
        <v>80329</v>
      </c>
      <c r="D25139" s="14" t="s">
        <v>80330</v>
      </c>
      <c r="E25139" s="2" t="s">
        <v>80331</v>
      </c>
      <c r="F25139" s="2" t="s">
        <v>80332</v>
      </c>
      <c r="G25139" s="8"/>
      <c r="H25139" s="5"/>
      <c r="I25139" s="5" t="s">
        <v>69</v>
      </c>
      <c r="J25139" s="5" t="s">
        <v>64310</v>
      </c>
      <c r="K25139" s="2" t="s">
        <v>64311</v>
      </c>
      <c r="L25139" s="5" t="s">
        <v>64310</v>
      </c>
      <c r="M25139" s="2" t="s">
        <v>64311</v>
      </c>
      <c r="N25139" s="5" t="s">
        <v>733</v>
      </c>
      <c r="O25139" s="5" t="s">
        <v>38</v>
      </c>
      <c r="P25139" s="5" t="s">
        <v>39</v>
      </c>
      <c r="Q25139" s="5" t="s">
        <v>40</v>
      </c>
      <c r="R25139" s="5" t="s">
        <v>897</v>
      </c>
      <c r="S25139" s="5" t="s">
        <v>40</v>
      </c>
      <c r="T25139" s="5" t="s">
        <v>42</v>
      </c>
      <c r="U25139" s="2">
        <v>0</v>
      </c>
      <c r="V25139" s="2">
        <v>0</v>
      </c>
      <c r="W25139" s="2">
        <v>0</v>
      </c>
      <c r="X25139" s="2">
        <v>0</v>
      </c>
      <c r="Y25139" s="2">
        <v>0</v>
      </c>
      <c r="Z25139" s="2">
        <v>0</v>
      </c>
      <c r="AA25139" s="5">
        <v>7</v>
      </c>
      <c r="AB25139" s="5" t="s">
        <v>43</v>
      </c>
      <c r="AC25139" s="5" t="s">
        <v>735</v>
      </c>
      <c r="AD25139" s="2"/>
      <c r="AE25139" s="1"/>
    </row>
    <row r="25140" spans="1:31" ht="14.45">
      <c r="A25140" s="11"/>
      <c r="B25140" s="20"/>
      <c r="C25140" s="2" t="s">
        <v>80333</v>
      </c>
      <c r="D25140" s="14" t="s">
        <v>80334</v>
      </c>
      <c r="E25140" s="2" t="s">
        <v>80335</v>
      </c>
      <c r="F25140" s="2" t="s">
        <v>80276</v>
      </c>
      <c r="G25140" s="8"/>
      <c r="H25140" s="5"/>
      <c r="I25140" s="5" t="s">
        <v>69</v>
      </c>
      <c r="J25140" s="5" t="s">
        <v>80336</v>
      </c>
      <c r="K25140" s="2" t="s">
        <v>80337</v>
      </c>
      <c r="L25140" s="5" t="s">
        <v>80336</v>
      </c>
      <c r="M25140" s="2" t="s">
        <v>80337</v>
      </c>
      <c r="N25140" s="5" t="s">
        <v>733</v>
      </c>
      <c r="O25140" s="5" t="s">
        <v>38</v>
      </c>
      <c r="P25140" s="5" t="s">
        <v>39</v>
      </c>
      <c r="Q25140" s="5" t="s">
        <v>40</v>
      </c>
      <c r="R25140" s="5" t="s">
        <v>897</v>
      </c>
      <c r="S25140" s="5" t="s">
        <v>40</v>
      </c>
      <c r="T25140" s="5" t="s">
        <v>42</v>
      </c>
      <c r="U25140" s="2">
        <v>0</v>
      </c>
      <c r="V25140" s="2">
        <v>0</v>
      </c>
      <c r="W25140" s="2">
        <v>0</v>
      </c>
      <c r="X25140" s="2">
        <v>0</v>
      </c>
      <c r="Y25140" s="2">
        <v>0</v>
      </c>
      <c r="Z25140" s="2">
        <v>0</v>
      </c>
      <c r="AA25140" s="5">
        <v>7</v>
      </c>
      <c r="AB25140" s="5" t="s">
        <v>43</v>
      </c>
      <c r="AC25140" s="5" t="s">
        <v>735</v>
      </c>
      <c r="AD25140" s="2"/>
      <c r="AE25140" s="1"/>
    </row>
    <row r="25141" spans="1:31" ht="14.45">
      <c r="A25141" s="11"/>
      <c r="B25141" s="20"/>
      <c r="C25141" s="2" t="s">
        <v>80338</v>
      </c>
      <c r="D25141" s="14" t="s">
        <v>80339</v>
      </c>
      <c r="E25141" s="2" t="s">
        <v>80340</v>
      </c>
      <c r="F25141" s="2" t="s">
        <v>80341</v>
      </c>
      <c r="G25141" s="8"/>
      <c r="H25141" s="5"/>
      <c r="I25141" s="5" t="s">
        <v>69</v>
      </c>
      <c r="J25141" s="5" t="s">
        <v>55802</v>
      </c>
      <c r="K25141" s="2" t="s">
        <v>80342</v>
      </c>
      <c r="L25141" s="5" t="s">
        <v>55802</v>
      </c>
      <c r="M25141" s="2" t="s">
        <v>80342</v>
      </c>
      <c r="N25141" s="5" t="s">
        <v>80343</v>
      </c>
      <c r="O25141" s="5" t="s">
        <v>38</v>
      </c>
      <c r="P25141" s="5" t="s">
        <v>39</v>
      </c>
      <c r="Q25141" s="5" t="s">
        <v>40</v>
      </c>
      <c r="R25141" s="5" t="s">
        <v>897</v>
      </c>
      <c r="S25141" s="5" t="s">
        <v>40</v>
      </c>
      <c r="T25141" s="5" t="s">
        <v>42</v>
      </c>
      <c r="U25141" s="2">
        <v>0</v>
      </c>
      <c r="V25141" s="2">
        <v>0</v>
      </c>
      <c r="W25141" s="2">
        <v>0</v>
      </c>
      <c r="X25141" s="2">
        <v>0</v>
      </c>
      <c r="Y25141" s="2">
        <v>0</v>
      </c>
      <c r="Z25141" s="2">
        <v>0</v>
      </c>
      <c r="AA25141" s="5">
        <v>7</v>
      </c>
      <c r="AB25141" s="5" t="s">
        <v>43</v>
      </c>
      <c r="AC25141" s="5" t="s">
        <v>735</v>
      </c>
      <c r="AD25141" s="2"/>
      <c r="AE25141" s="1"/>
    </row>
    <row r="25142" spans="1:31" ht="14.45">
      <c r="A25142" s="11"/>
      <c r="B25142" s="20"/>
      <c r="C25142" s="2" t="s">
        <v>80344</v>
      </c>
      <c r="D25142" s="14" t="s">
        <v>80345</v>
      </c>
      <c r="E25142" s="2" t="s">
        <v>80346</v>
      </c>
      <c r="F25142" s="2" t="s">
        <v>80264</v>
      </c>
      <c r="G25142" s="8"/>
      <c r="H25142" s="5"/>
      <c r="I25142" s="5" t="s">
        <v>69</v>
      </c>
      <c r="J25142" s="5" t="s">
        <v>80336</v>
      </c>
      <c r="K25142" s="2" t="s">
        <v>80337</v>
      </c>
      <c r="L25142" s="5" t="s">
        <v>80336</v>
      </c>
      <c r="M25142" s="2" t="s">
        <v>80337</v>
      </c>
      <c r="N25142" s="5" t="s">
        <v>733</v>
      </c>
      <c r="O25142" s="5" t="s">
        <v>38</v>
      </c>
      <c r="P25142" s="5" t="s">
        <v>39</v>
      </c>
      <c r="Q25142" s="5" t="s">
        <v>40</v>
      </c>
      <c r="R25142" s="5" t="s">
        <v>897</v>
      </c>
      <c r="S25142" s="5" t="s">
        <v>40</v>
      </c>
      <c r="T25142" s="5" t="s">
        <v>42</v>
      </c>
      <c r="U25142" s="2">
        <v>0</v>
      </c>
      <c r="V25142" s="2">
        <v>0</v>
      </c>
      <c r="W25142" s="2">
        <v>0</v>
      </c>
      <c r="X25142" s="2">
        <v>0</v>
      </c>
      <c r="Y25142" s="2">
        <v>0</v>
      </c>
      <c r="Z25142" s="2">
        <v>0</v>
      </c>
      <c r="AA25142" s="5">
        <v>7</v>
      </c>
      <c r="AB25142" s="5" t="s">
        <v>43</v>
      </c>
      <c r="AC25142" s="5" t="s">
        <v>735</v>
      </c>
      <c r="AD25142" s="2"/>
      <c r="AE25142" s="1"/>
    </row>
    <row r="25143" spans="1:31" ht="14.45">
      <c r="A25143" s="11"/>
      <c r="B25143" s="20"/>
      <c r="C25143" s="2" t="s">
        <v>80347</v>
      </c>
      <c r="D25143" s="14" t="s">
        <v>80348</v>
      </c>
      <c r="E25143" s="2" t="s">
        <v>80349</v>
      </c>
      <c r="F25143" s="2" t="s">
        <v>80350</v>
      </c>
      <c r="G25143" s="8">
        <v>762</v>
      </c>
      <c r="H25143" s="5">
        <v>15</v>
      </c>
      <c r="I25143" s="5" t="s">
        <v>79637</v>
      </c>
      <c r="J25143" s="5" t="s">
        <v>79638</v>
      </c>
      <c r="K25143" s="2" t="s">
        <v>79639</v>
      </c>
      <c r="L25143" s="5" t="s">
        <v>79638</v>
      </c>
      <c r="M25143" s="2" t="s">
        <v>79639</v>
      </c>
      <c r="N25143" s="5" t="s">
        <v>79640</v>
      </c>
      <c r="O25143" s="5" t="s">
        <v>38</v>
      </c>
      <c r="P25143" s="5" t="s">
        <v>39</v>
      </c>
      <c r="Q25143" s="5" t="s">
        <v>40</v>
      </c>
      <c r="R25143" s="5" t="s">
        <v>1487</v>
      </c>
      <c r="S25143" s="5"/>
      <c r="T25143" s="5" t="s">
        <v>42</v>
      </c>
      <c r="U25143" s="2">
        <v>17.236000000000001</v>
      </c>
      <c r="V25143" s="2">
        <v>13.722</v>
      </c>
      <c r="W25143" s="2">
        <v>0</v>
      </c>
      <c r="X25143" s="2">
        <v>0</v>
      </c>
      <c r="Y25143" s="2">
        <v>0</v>
      </c>
      <c r="Z25143" s="2">
        <v>0</v>
      </c>
      <c r="AA25143" s="5"/>
      <c r="AB25143" s="5" t="s">
        <v>43</v>
      </c>
      <c r="AC25143" s="5" t="s">
        <v>735</v>
      </c>
      <c r="AD25143" s="2" t="s">
        <v>80351</v>
      </c>
      <c r="AE25143" s="1"/>
    </row>
    <row r="25144" spans="1:31" ht="14.45">
      <c r="A25144" s="11"/>
      <c r="B25144" s="20"/>
      <c r="C25144" s="2" t="s">
        <v>80352</v>
      </c>
      <c r="D25144" s="14" t="s">
        <v>80353</v>
      </c>
      <c r="E25144" s="2" t="s">
        <v>80354</v>
      </c>
      <c r="F25144" s="2" t="s">
        <v>80350</v>
      </c>
      <c r="G25144" s="8">
        <v>783</v>
      </c>
      <c r="H25144" s="5">
        <v>15</v>
      </c>
      <c r="I25144" s="5" t="s">
        <v>79637</v>
      </c>
      <c r="J25144" s="5" t="s">
        <v>79638</v>
      </c>
      <c r="K25144" s="2" t="s">
        <v>79639</v>
      </c>
      <c r="L25144" s="5" t="s">
        <v>79638</v>
      </c>
      <c r="M25144" s="2" t="s">
        <v>79639</v>
      </c>
      <c r="N25144" s="5" t="s">
        <v>79640</v>
      </c>
      <c r="O25144" s="5" t="s">
        <v>38</v>
      </c>
      <c r="P25144" s="5" t="s">
        <v>39</v>
      </c>
      <c r="Q25144" s="5" t="s">
        <v>40</v>
      </c>
      <c r="R25144" s="5" t="s">
        <v>1487</v>
      </c>
      <c r="S25144" s="5"/>
      <c r="T25144" s="5" t="s">
        <v>42</v>
      </c>
      <c r="U25144" s="2">
        <v>18.289000000000001</v>
      </c>
      <c r="V25144" s="2">
        <v>14.577</v>
      </c>
      <c r="W25144" s="2">
        <v>0</v>
      </c>
      <c r="X25144" s="2">
        <v>0</v>
      </c>
      <c r="Y25144" s="2">
        <v>0</v>
      </c>
      <c r="Z25144" s="2">
        <v>0</v>
      </c>
      <c r="AA25144" s="5"/>
      <c r="AB25144" s="5" t="s">
        <v>43</v>
      </c>
      <c r="AC25144" s="5" t="s">
        <v>735</v>
      </c>
      <c r="AD25144" s="2" t="s">
        <v>80351</v>
      </c>
      <c r="AE25144" s="1"/>
    </row>
    <row r="25145" spans="1:31" ht="14.45">
      <c r="A25145" s="11"/>
      <c r="B25145" s="20"/>
      <c r="C25145" s="2" t="s">
        <v>80355</v>
      </c>
      <c r="D25145" s="14" t="s">
        <v>80356</v>
      </c>
      <c r="E25145" s="2" t="s">
        <v>80357</v>
      </c>
      <c r="F25145" s="2" t="s">
        <v>80350</v>
      </c>
      <c r="G25145" s="8">
        <v>787</v>
      </c>
      <c r="H25145" s="5">
        <v>15</v>
      </c>
      <c r="I25145" s="5" t="s">
        <v>79637</v>
      </c>
      <c r="J25145" s="5" t="s">
        <v>79638</v>
      </c>
      <c r="K25145" s="2" t="s">
        <v>79639</v>
      </c>
      <c r="L25145" s="5" t="s">
        <v>79638</v>
      </c>
      <c r="M25145" s="2" t="s">
        <v>79639</v>
      </c>
      <c r="N25145" s="5" t="s">
        <v>79640</v>
      </c>
      <c r="O25145" s="5" t="s">
        <v>38</v>
      </c>
      <c r="P25145" s="5" t="s">
        <v>39</v>
      </c>
      <c r="Q25145" s="5" t="s">
        <v>40</v>
      </c>
      <c r="R25145" s="5" t="s">
        <v>1487</v>
      </c>
      <c r="S25145" s="5"/>
      <c r="T25145" s="5" t="s">
        <v>42</v>
      </c>
      <c r="U25145" s="2">
        <v>19.193999999999999</v>
      </c>
      <c r="V25145" s="2">
        <v>15.273999999999999</v>
      </c>
      <c r="W25145" s="2">
        <v>0</v>
      </c>
      <c r="X25145" s="2">
        <v>0</v>
      </c>
      <c r="Y25145" s="2">
        <v>0</v>
      </c>
      <c r="Z25145" s="2">
        <v>0</v>
      </c>
      <c r="AA25145" s="5"/>
      <c r="AB25145" s="5" t="s">
        <v>43</v>
      </c>
      <c r="AC25145" s="5" t="s">
        <v>735</v>
      </c>
      <c r="AD25145" s="2" t="s">
        <v>80351</v>
      </c>
      <c r="AE25145" s="1"/>
    </row>
    <row r="25146" spans="1:31" ht="14.45">
      <c r="A25146" s="11"/>
      <c r="B25146" s="20"/>
      <c r="C25146" s="2" t="s">
        <v>80358</v>
      </c>
      <c r="D25146" s="14" t="s">
        <v>80359</v>
      </c>
      <c r="E25146" s="2" t="s">
        <v>80360</v>
      </c>
      <c r="F25146" s="2" t="s">
        <v>80350</v>
      </c>
      <c r="G25146" s="8">
        <v>786</v>
      </c>
      <c r="H25146" s="5">
        <v>5</v>
      </c>
      <c r="I25146" s="5" t="s">
        <v>79637</v>
      </c>
      <c r="J25146" s="5" t="s">
        <v>79638</v>
      </c>
      <c r="K25146" s="2" t="s">
        <v>79639</v>
      </c>
      <c r="L25146" s="5" t="s">
        <v>79638</v>
      </c>
      <c r="M25146" s="2" t="s">
        <v>79639</v>
      </c>
      <c r="N25146" s="5" t="s">
        <v>79640</v>
      </c>
      <c r="O25146" s="5" t="s">
        <v>38</v>
      </c>
      <c r="P25146" s="5" t="s">
        <v>39</v>
      </c>
      <c r="Q25146" s="5" t="s">
        <v>40</v>
      </c>
      <c r="R25146" s="5" t="s">
        <v>1487</v>
      </c>
      <c r="S25146" s="5"/>
      <c r="T25146" s="5" t="s">
        <v>42</v>
      </c>
      <c r="U25146" s="2">
        <v>18.260999999999999</v>
      </c>
      <c r="V25146" s="2">
        <v>14.747</v>
      </c>
      <c r="W25146" s="2">
        <v>0</v>
      </c>
      <c r="X25146" s="2">
        <v>0</v>
      </c>
      <c r="Y25146" s="2">
        <v>0</v>
      </c>
      <c r="Z25146" s="2">
        <v>0</v>
      </c>
      <c r="AA25146" s="5">
        <v>12</v>
      </c>
      <c r="AB25146" s="5" t="s">
        <v>43</v>
      </c>
      <c r="AC25146" s="5" t="s">
        <v>735</v>
      </c>
      <c r="AD25146" s="2" t="s">
        <v>80351</v>
      </c>
      <c r="AE25146" s="1"/>
    </row>
    <row r="25147" spans="1:31" ht="14.45">
      <c r="A25147" s="11"/>
      <c r="B25147" s="20"/>
      <c r="C25147" s="2" t="s">
        <v>80361</v>
      </c>
      <c r="D25147" s="14" t="s">
        <v>80362</v>
      </c>
      <c r="E25147" s="2" t="s">
        <v>80363</v>
      </c>
      <c r="F25147" s="2" t="s">
        <v>80350</v>
      </c>
      <c r="G25147" s="8">
        <v>807</v>
      </c>
      <c r="H25147" s="5">
        <v>5</v>
      </c>
      <c r="I25147" s="5" t="s">
        <v>79637</v>
      </c>
      <c r="J25147" s="5" t="s">
        <v>79638</v>
      </c>
      <c r="K25147" s="2" t="s">
        <v>79639</v>
      </c>
      <c r="L25147" s="5" t="s">
        <v>79638</v>
      </c>
      <c r="M25147" s="2" t="s">
        <v>79639</v>
      </c>
      <c r="N25147" s="5" t="s">
        <v>79640</v>
      </c>
      <c r="O25147" s="5" t="s">
        <v>38</v>
      </c>
      <c r="P25147" s="5" t="s">
        <v>39</v>
      </c>
      <c r="Q25147" s="5" t="s">
        <v>40</v>
      </c>
      <c r="R25147" s="5" t="s">
        <v>1487</v>
      </c>
      <c r="S25147" s="5"/>
      <c r="T25147" s="5" t="s">
        <v>42</v>
      </c>
      <c r="U25147" s="2">
        <v>19.373000000000001</v>
      </c>
      <c r="V25147" s="2">
        <v>15.661</v>
      </c>
      <c r="W25147" s="2">
        <v>0</v>
      </c>
      <c r="X25147" s="2">
        <v>0</v>
      </c>
      <c r="Y25147" s="2">
        <v>0</v>
      </c>
      <c r="Z25147" s="2">
        <v>0</v>
      </c>
      <c r="AA25147" s="5">
        <v>12</v>
      </c>
      <c r="AB25147" s="5" t="s">
        <v>43</v>
      </c>
      <c r="AC25147" s="5" t="s">
        <v>735</v>
      </c>
      <c r="AD25147" s="2" t="s">
        <v>80351</v>
      </c>
      <c r="AE25147" s="1"/>
    </row>
    <row r="25148" spans="1:31" ht="14.45">
      <c r="A25148" s="11"/>
      <c r="B25148" s="20"/>
      <c r="C25148" s="2" t="s">
        <v>80364</v>
      </c>
      <c r="D25148" s="14" t="s">
        <v>80365</v>
      </c>
      <c r="E25148" s="2" t="s">
        <v>80366</v>
      </c>
      <c r="F25148" s="2" t="s">
        <v>80350</v>
      </c>
      <c r="G25148" s="8">
        <v>828</v>
      </c>
      <c r="H25148" s="5">
        <v>5</v>
      </c>
      <c r="I25148" s="5" t="s">
        <v>79637</v>
      </c>
      <c r="J25148" s="5" t="s">
        <v>79638</v>
      </c>
      <c r="K25148" s="2" t="s">
        <v>79639</v>
      </c>
      <c r="L25148" s="5" t="s">
        <v>79638</v>
      </c>
      <c r="M25148" s="2" t="s">
        <v>79639</v>
      </c>
      <c r="N25148" s="5" t="s">
        <v>79640</v>
      </c>
      <c r="O25148" s="5" t="s">
        <v>38</v>
      </c>
      <c r="P25148" s="5" t="s">
        <v>39</v>
      </c>
      <c r="Q25148" s="5" t="s">
        <v>40</v>
      </c>
      <c r="R25148" s="5" t="s">
        <v>1487</v>
      </c>
      <c r="S25148" s="5"/>
      <c r="T25148" s="5" t="s">
        <v>42</v>
      </c>
      <c r="U25148" s="2">
        <v>20.300999999999998</v>
      </c>
      <c r="V25148" s="2">
        <v>16.381</v>
      </c>
      <c r="W25148" s="2">
        <v>0</v>
      </c>
      <c r="X25148" s="2">
        <v>0</v>
      </c>
      <c r="Y25148" s="2">
        <v>0</v>
      </c>
      <c r="Z25148" s="2">
        <v>0</v>
      </c>
      <c r="AA25148" s="5">
        <v>12</v>
      </c>
      <c r="AB25148" s="5" t="s">
        <v>43</v>
      </c>
      <c r="AC25148" s="5" t="s">
        <v>735</v>
      </c>
      <c r="AD25148" s="2" t="s">
        <v>80351</v>
      </c>
      <c r="AE25148" s="1"/>
    </row>
    <row r="25149" spans="1:31" ht="14.45">
      <c r="A25149" s="11"/>
      <c r="B25149" s="20"/>
      <c r="C25149" s="2" t="s">
        <v>80367</v>
      </c>
      <c r="D25149" s="14" t="s">
        <v>80368</v>
      </c>
      <c r="E25149" s="2" t="s">
        <v>80369</v>
      </c>
      <c r="F25149" s="2" t="s">
        <v>80350</v>
      </c>
      <c r="G25149" s="8">
        <v>862</v>
      </c>
      <c r="H25149" s="5">
        <v>5</v>
      </c>
      <c r="I25149" s="5" t="s">
        <v>79637</v>
      </c>
      <c r="J25149" s="5" t="s">
        <v>79638</v>
      </c>
      <c r="K25149" s="2" t="s">
        <v>79639</v>
      </c>
      <c r="L25149" s="5" t="s">
        <v>79638</v>
      </c>
      <c r="M25149" s="2" t="s">
        <v>79639</v>
      </c>
      <c r="N25149" s="5" t="s">
        <v>79640</v>
      </c>
      <c r="O25149" s="5" t="s">
        <v>38</v>
      </c>
      <c r="P25149" s="5" t="s">
        <v>39</v>
      </c>
      <c r="Q25149" s="5" t="s">
        <v>40</v>
      </c>
      <c r="R25149" s="5" t="s">
        <v>1487</v>
      </c>
      <c r="S25149" s="5"/>
      <c r="T25149" s="5" t="s">
        <v>42</v>
      </c>
      <c r="U25149" s="2">
        <v>21.143000000000001</v>
      </c>
      <c r="V25149" s="2">
        <v>17.042000000000002</v>
      </c>
      <c r="W25149" s="2">
        <v>0</v>
      </c>
      <c r="X25149" s="2">
        <v>0</v>
      </c>
      <c r="Y25149" s="2">
        <v>0</v>
      </c>
      <c r="Z25149" s="2">
        <v>0</v>
      </c>
      <c r="AA25149" s="5">
        <v>12</v>
      </c>
      <c r="AB25149" s="5" t="s">
        <v>43</v>
      </c>
      <c r="AC25149" s="5" t="s">
        <v>735</v>
      </c>
      <c r="AD25149" s="2" t="s">
        <v>80351</v>
      </c>
      <c r="AE25149" s="1"/>
    </row>
    <row r="25150" spans="1:31" ht="14.45">
      <c r="A25150" s="11"/>
      <c r="B25150" s="20"/>
      <c r="C25150" s="2" t="s">
        <v>80370</v>
      </c>
      <c r="D25150" s="14" t="s">
        <v>80371</v>
      </c>
      <c r="E25150" s="2" t="s">
        <v>80372</v>
      </c>
      <c r="F25150" s="2" t="s">
        <v>80350</v>
      </c>
      <c r="G25150" s="8">
        <v>900</v>
      </c>
      <c r="H25150" s="5">
        <v>5</v>
      </c>
      <c r="I25150" s="5" t="s">
        <v>79637</v>
      </c>
      <c r="J25150" s="5" t="s">
        <v>79638</v>
      </c>
      <c r="K25150" s="2" t="s">
        <v>79639</v>
      </c>
      <c r="L25150" s="5" t="s">
        <v>79638</v>
      </c>
      <c r="M25150" s="2" t="s">
        <v>79639</v>
      </c>
      <c r="N25150" s="5" t="s">
        <v>79640</v>
      </c>
      <c r="O25150" s="5" t="s">
        <v>38</v>
      </c>
      <c r="P25150" s="5" t="s">
        <v>39</v>
      </c>
      <c r="Q25150" s="5" t="s">
        <v>40</v>
      </c>
      <c r="R25150" s="5" t="s">
        <v>1487</v>
      </c>
      <c r="S25150" s="5"/>
      <c r="T25150" s="5" t="s">
        <v>42</v>
      </c>
      <c r="U25150" s="2">
        <v>20.88</v>
      </c>
      <c r="V25150" s="2">
        <v>17.117999999999999</v>
      </c>
      <c r="W25150" s="2">
        <v>0</v>
      </c>
      <c r="X25150" s="2">
        <v>0</v>
      </c>
      <c r="Y25150" s="2">
        <v>0</v>
      </c>
      <c r="Z25150" s="2">
        <v>0</v>
      </c>
      <c r="AA25150" s="5">
        <v>12</v>
      </c>
      <c r="AB25150" s="5" t="s">
        <v>43</v>
      </c>
      <c r="AC25150" s="5" t="s">
        <v>735</v>
      </c>
      <c r="AD25150" s="2" t="s">
        <v>80351</v>
      </c>
      <c r="AE25150" s="1"/>
    </row>
    <row r="25151" spans="1:31" ht="14.45">
      <c r="A25151" s="11"/>
      <c r="B25151" s="20"/>
      <c r="C25151" s="2" t="s">
        <v>80373</v>
      </c>
      <c r="D25151" s="14" t="s">
        <v>80374</v>
      </c>
      <c r="E25151" s="2" t="s">
        <v>80375</v>
      </c>
      <c r="F25151" s="2" t="s">
        <v>80350</v>
      </c>
      <c r="G25151" s="8">
        <v>925</v>
      </c>
      <c r="H25151" s="5">
        <v>5</v>
      </c>
      <c r="I25151" s="5" t="s">
        <v>79637</v>
      </c>
      <c r="J25151" s="5" t="s">
        <v>79638</v>
      </c>
      <c r="K25151" s="2" t="s">
        <v>79639</v>
      </c>
      <c r="L25151" s="5" t="s">
        <v>79638</v>
      </c>
      <c r="M25151" s="2" t="s">
        <v>79639</v>
      </c>
      <c r="N25151" s="5" t="s">
        <v>79640</v>
      </c>
      <c r="O25151" s="5" t="s">
        <v>38</v>
      </c>
      <c r="P25151" s="5" t="s">
        <v>39</v>
      </c>
      <c r="Q25151" s="5" t="s">
        <v>40</v>
      </c>
      <c r="R25151" s="5" t="s">
        <v>1487</v>
      </c>
      <c r="S25151" s="5"/>
      <c r="T25151" s="5" t="s">
        <v>42</v>
      </c>
      <c r="U25151" s="2">
        <v>21.834</v>
      </c>
      <c r="V25151" s="2">
        <v>17.864000000000001</v>
      </c>
      <c r="W25151" s="2">
        <v>0</v>
      </c>
      <c r="X25151" s="2">
        <v>0</v>
      </c>
      <c r="Y25151" s="2">
        <v>0</v>
      </c>
      <c r="Z25151" s="2">
        <v>0</v>
      </c>
      <c r="AA25151" s="5">
        <v>12</v>
      </c>
      <c r="AB25151" s="5" t="s">
        <v>43</v>
      </c>
      <c r="AC25151" s="5" t="s">
        <v>735</v>
      </c>
      <c r="AD25151" s="2" t="s">
        <v>80351</v>
      </c>
      <c r="AE25151" s="1"/>
    </row>
    <row r="25152" spans="1:31" ht="14.45">
      <c r="A25152" s="11"/>
      <c r="B25152" s="20"/>
      <c r="C25152" s="2" t="s">
        <v>80376</v>
      </c>
      <c r="D25152" s="14" t="s">
        <v>80377</v>
      </c>
      <c r="E25152" s="2" t="s">
        <v>80378</v>
      </c>
      <c r="F25152" s="2" t="s">
        <v>80350</v>
      </c>
      <c r="G25152" s="8">
        <v>959</v>
      </c>
      <c r="H25152" s="5">
        <v>5</v>
      </c>
      <c r="I25152" s="5" t="s">
        <v>79637</v>
      </c>
      <c r="J25152" s="5" t="s">
        <v>79638</v>
      </c>
      <c r="K25152" s="2" t="s">
        <v>79639</v>
      </c>
      <c r="L25152" s="5" t="s">
        <v>79638</v>
      </c>
      <c r="M25152" s="2" t="s">
        <v>79639</v>
      </c>
      <c r="N25152" s="5" t="s">
        <v>79640</v>
      </c>
      <c r="O25152" s="5" t="s">
        <v>38</v>
      </c>
      <c r="P25152" s="5" t="s">
        <v>39</v>
      </c>
      <c r="Q25152" s="5" t="s">
        <v>40</v>
      </c>
      <c r="R25152" s="5" t="s">
        <v>1487</v>
      </c>
      <c r="S25152" s="5"/>
      <c r="T25152" s="5" t="s">
        <v>42</v>
      </c>
      <c r="U25152" s="2">
        <v>22.695</v>
      </c>
      <c r="V25152" s="2">
        <v>18.544</v>
      </c>
      <c r="W25152" s="2">
        <v>0</v>
      </c>
      <c r="X25152" s="2">
        <v>0</v>
      </c>
      <c r="Y25152" s="2">
        <v>0</v>
      </c>
      <c r="Z25152" s="2">
        <v>0</v>
      </c>
      <c r="AA25152" s="5">
        <v>12</v>
      </c>
      <c r="AB25152" s="5" t="s">
        <v>43</v>
      </c>
      <c r="AC25152" s="5" t="s">
        <v>735</v>
      </c>
      <c r="AD25152" s="2" t="s">
        <v>80351</v>
      </c>
      <c r="AE25152" s="1"/>
    </row>
    <row r="25153" spans="1:31" ht="14.45">
      <c r="A25153" s="11"/>
      <c r="B25153" s="20"/>
      <c r="C25153" s="2" t="s">
        <v>80379</v>
      </c>
      <c r="D25153" s="14" t="s">
        <v>80380</v>
      </c>
      <c r="E25153" s="2" t="s">
        <v>80381</v>
      </c>
      <c r="F25153" s="2" t="s">
        <v>80350</v>
      </c>
      <c r="G25153" s="8">
        <v>1000</v>
      </c>
      <c r="H25153" s="5">
        <v>5</v>
      </c>
      <c r="I25153" s="5" t="s">
        <v>79637</v>
      </c>
      <c r="J25153" s="5" t="s">
        <v>79638</v>
      </c>
      <c r="K25153" s="2" t="s">
        <v>79639</v>
      </c>
      <c r="L25153" s="5" t="s">
        <v>79638</v>
      </c>
      <c r="M25153" s="2" t="s">
        <v>79639</v>
      </c>
      <c r="N25153" s="5" t="s">
        <v>79640</v>
      </c>
      <c r="O25153" s="5" t="s">
        <v>38</v>
      </c>
      <c r="P25153" s="5" t="s">
        <v>39</v>
      </c>
      <c r="Q25153" s="5" t="s">
        <v>40</v>
      </c>
      <c r="R25153" s="5" t="s">
        <v>1487</v>
      </c>
      <c r="S25153" s="5"/>
      <c r="T25153" s="5" t="s">
        <v>42</v>
      </c>
      <c r="U25153" s="2">
        <v>22.86</v>
      </c>
      <c r="V25153" s="2">
        <v>18.899999999999999</v>
      </c>
      <c r="W25153" s="2">
        <v>0</v>
      </c>
      <c r="X25153" s="2">
        <v>0</v>
      </c>
      <c r="Y25153" s="2">
        <v>0</v>
      </c>
      <c r="Z25153" s="2">
        <v>0</v>
      </c>
      <c r="AA25153" s="5">
        <v>12</v>
      </c>
      <c r="AB25153" s="5" t="s">
        <v>43</v>
      </c>
      <c r="AC25153" s="5" t="s">
        <v>735</v>
      </c>
      <c r="AD25153" s="2" t="s">
        <v>80351</v>
      </c>
      <c r="AE25153" s="1"/>
    </row>
    <row r="25154" spans="1:31" ht="14.45">
      <c r="A25154" s="11"/>
      <c r="B25154" s="20"/>
      <c r="C25154" s="2" t="s">
        <v>80382</v>
      </c>
      <c r="D25154" s="14" t="s">
        <v>80383</v>
      </c>
      <c r="E25154" s="2" t="s">
        <v>80384</v>
      </c>
      <c r="F25154" s="2" t="s">
        <v>80350</v>
      </c>
      <c r="G25154" s="8">
        <v>1029</v>
      </c>
      <c r="H25154" s="5">
        <v>5</v>
      </c>
      <c r="I25154" s="5" t="s">
        <v>79637</v>
      </c>
      <c r="J25154" s="5" t="s">
        <v>79638</v>
      </c>
      <c r="K25154" s="2" t="s">
        <v>79639</v>
      </c>
      <c r="L25154" s="5" t="s">
        <v>79638</v>
      </c>
      <c r="M25154" s="2" t="s">
        <v>79639</v>
      </c>
      <c r="N25154" s="5" t="s">
        <v>79640</v>
      </c>
      <c r="O25154" s="5" t="s">
        <v>38</v>
      </c>
      <c r="P25154" s="5" t="s">
        <v>39</v>
      </c>
      <c r="Q25154" s="5" t="s">
        <v>40</v>
      </c>
      <c r="R25154" s="5" t="s">
        <v>1487</v>
      </c>
      <c r="S25154" s="5"/>
      <c r="T25154" s="5" t="s">
        <v>42</v>
      </c>
      <c r="U25154" s="2">
        <v>23.838999999999999</v>
      </c>
      <c r="V25154" s="2">
        <v>19.670999999999999</v>
      </c>
      <c r="W25154" s="2">
        <v>0</v>
      </c>
      <c r="X25154" s="2">
        <v>0</v>
      </c>
      <c r="Y25154" s="2">
        <v>0</v>
      </c>
      <c r="Z25154" s="2">
        <v>0</v>
      </c>
      <c r="AA25154" s="5">
        <v>12</v>
      </c>
      <c r="AB25154" s="5" t="s">
        <v>43</v>
      </c>
      <c r="AC25154" s="5" t="s">
        <v>735</v>
      </c>
      <c r="AD25154" s="2" t="s">
        <v>80351</v>
      </c>
      <c r="AE25154" s="1"/>
    </row>
    <row r="25155" spans="1:31" ht="14.45">
      <c r="A25155" s="11"/>
      <c r="B25155" s="20"/>
      <c r="C25155" s="2" t="s">
        <v>80385</v>
      </c>
      <c r="D25155" s="14" t="s">
        <v>80386</v>
      </c>
      <c r="E25155" s="2" t="s">
        <v>80387</v>
      </c>
      <c r="F25155" s="2" t="s">
        <v>80350</v>
      </c>
      <c r="G25155" s="8">
        <v>1058</v>
      </c>
      <c r="H25155" s="5">
        <v>5</v>
      </c>
      <c r="I25155" s="5" t="s">
        <v>79637</v>
      </c>
      <c r="J25155" s="5" t="s">
        <v>79638</v>
      </c>
      <c r="K25155" s="2" t="s">
        <v>79639</v>
      </c>
      <c r="L25155" s="5" t="s">
        <v>79638</v>
      </c>
      <c r="M25155" s="2" t="s">
        <v>79639</v>
      </c>
      <c r="N25155" s="5" t="s">
        <v>79640</v>
      </c>
      <c r="O25155" s="5" t="s">
        <v>38</v>
      </c>
      <c r="P25155" s="5" t="s">
        <v>39</v>
      </c>
      <c r="Q25155" s="5" t="s">
        <v>40</v>
      </c>
      <c r="R25155" s="5" t="s">
        <v>1487</v>
      </c>
      <c r="S25155" s="5"/>
      <c r="T25155" s="5" t="s">
        <v>42</v>
      </c>
      <c r="U25155" s="2">
        <v>24.724</v>
      </c>
      <c r="V25155" s="2">
        <v>20.375</v>
      </c>
      <c r="W25155" s="2">
        <v>0</v>
      </c>
      <c r="X25155" s="2">
        <v>0</v>
      </c>
      <c r="Y25155" s="2">
        <v>0</v>
      </c>
      <c r="Z25155" s="2">
        <v>0</v>
      </c>
      <c r="AA25155" s="5">
        <v>12</v>
      </c>
      <c r="AB25155" s="5" t="s">
        <v>43</v>
      </c>
      <c r="AC25155" s="5" t="s">
        <v>735</v>
      </c>
      <c r="AD25155" s="2" t="s">
        <v>80351</v>
      </c>
      <c r="AE25155" s="1"/>
    </row>
    <row r="25156" spans="1:31" ht="14.45">
      <c r="A25156" s="11"/>
      <c r="B25156" s="20"/>
      <c r="C25156" s="2" t="s">
        <v>80388</v>
      </c>
      <c r="D25156" s="14" t="s">
        <v>80389</v>
      </c>
      <c r="E25156" s="2" t="s">
        <v>80390</v>
      </c>
      <c r="F25156" s="2" t="s">
        <v>80350</v>
      </c>
      <c r="G25156" s="8">
        <v>1072</v>
      </c>
      <c r="H25156" s="5">
        <v>5</v>
      </c>
      <c r="I25156" s="5" t="s">
        <v>79637</v>
      </c>
      <c r="J25156" s="5" t="s">
        <v>79638</v>
      </c>
      <c r="K25156" s="2" t="s">
        <v>79639</v>
      </c>
      <c r="L25156" s="5" t="s">
        <v>79638</v>
      </c>
      <c r="M25156" s="2" t="s">
        <v>79639</v>
      </c>
      <c r="N25156" s="5" t="s">
        <v>79640</v>
      </c>
      <c r="O25156" s="5" t="s">
        <v>38</v>
      </c>
      <c r="P25156" s="5" t="s">
        <v>39</v>
      </c>
      <c r="Q25156" s="5" t="s">
        <v>40</v>
      </c>
      <c r="R25156" s="5" t="s">
        <v>1487</v>
      </c>
      <c r="S25156" s="5"/>
      <c r="T25156" s="5" t="s">
        <v>42</v>
      </c>
      <c r="U25156" s="2">
        <v>21.812999999999999</v>
      </c>
      <c r="V25156" s="2">
        <v>19.553000000000001</v>
      </c>
      <c r="W25156" s="2">
        <v>0</v>
      </c>
      <c r="X25156" s="2">
        <v>0</v>
      </c>
      <c r="Y25156" s="2">
        <v>0</v>
      </c>
      <c r="Z25156" s="2">
        <v>0</v>
      </c>
      <c r="AA25156" s="5">
        <v>12</v>
      </c>
      <c r="AB25156" s="5" t="s">
        <v>43</v>
      </c>
      <c r="AC25156" s="5" t="s">
        <v>735</v>
      </c>
      <c r="AD25156" s="2" t="s">
        <v>80351</v>
      </c>
      <c r="AE25156" s="1"/>
    </row>
    <row r="25157" spans="1:31" ht="14.45">
      <c r="A25157" s="11"/>
      <c r="B25157" s="20"/>
      <c r="C25157" s="2" t="s">
        <v>80391</v>
      </c>
      <c r="D25157" s="14" t="s">
        <v>80392</v>
      </c>
      <c r="E25157" s="2" t="s">
        <v>80393</v>
      </c>
      <c r="F25157" s="2" t="s">
        <v>80350</v>
      </c>
      <c r="G25157" s="8">
        <v>1113</v>
      </c>
      <c r="H25157" s="5">
        <v>5</v>
      </c>
      <c r="I25157" s="5" t="s">
        <v>79637</v>
      </c>
      <c r="J25157" s="5" t="s">
        <v>79638</v>
      </c>
      <c r="K25157" s="2" t="s">
        <v>79639</v>
      </c>
      <c r="L25157" s="5" t="s">
        <v>79638</v>
      </c>
      <c r="M25157" s="2" t="s">
        <v>79639</v>
      </c>
      <c r="N25157" s="5" t="s">
        <v>79640</v>
      </c>
      <c r="O25157" s="5" t="s">
        <v>38</v>
      </c>
      <c r="P25157" s="5" t="s">
        <v>39</v>
      </c>
      <c r="Q25157" s="5" t="s">
        <v>40</v>
      </c>
      <c r="R25157" s="5" t="s">
        <v>1487</v>
      </c>
      <c r="S25157" s="5"/>
      <c r="T25157" s="5" t="s">
        <v>42</v>
      </c>
      <c r="U25157" s="2">
        <v>26.050999999999998</v>
      </c>
      <c r="V25157" s="2">
        <v>21.559000000000001</v>
      </c>
      <c r="W25157" s="2">
        <v>0</v>
      </c>
      <c r="X25157" s="2">
        <v>0</v>
      </c>
      <c r="Y25157" s="2">
        <v>0</v>
      </c>
      <c r="Z25157" s="2">
        <v>0</v>
      </c>
      <c r="AA25157" s="5">
        <v>12</v>
      </c>
      <c r="AB25157" s="5" t="s">
        <v>43</v>
      </c>
      <c r="AC25157" s="5" t="s">
        <v>735</v>
      </c>
      <c r="AD25157" s="2" t="s">
        <v>80351</v>
      </c>
      <c r="AE25157" s="1"/>
    </row>
    <row r="25158" spans="1:31" ht="14.45">
      <c r="A25158" s="11"/>
      <c r="B25158" s="20"/>
      <c r="C25158" s="2" t="s">
        <v>80394</v>
      </c>
      <c r="D25158" s="14" t="s">
        <v>80395</v>
      </c>
      <c r="E25158" s="2" t="s">
        <v>80396</v>
      </c>
      <c r="F25158" s="2" t="s">
        <v>80350</v>
      </c>
      <c r="G25158" s="8">
        <v>1147</v>
      </c>
      <c r="H25158" s="5">
        <v>15</v>
      </c>
      <c r="I25158" s="5" t="s">
        <v>79637</v>
      </c>
      <c r="J25158" s="5" t="s">
        <v>79638</v>
      </c>
      <c r="K25158" s="2" t="s">
        <v>79639</v>
      </c>
      <c r="L25158" s="5" t="s">
        <v>79638</v>
      </c>
      <c r="M25158" s="2" t="s">
        <v>79639</v>
      </c>
      <c r="N25158" s="5" t="s">
        <v>79640</v>
      </c>
      <c r="O25158" s="5" t="s">
        <v>38</v>
      </c>
      <c r="P25158" s="5" t="s">
        <v>39</v>
      </c>
      <c r="Q25158" s="5" t="s">
        <v>40</v>
      </c>
      <c r="R25158" s="5" t="s">
        <v>1487</v>
      </c>
      <c r="S25158" s="5"/>
      <c r="T25158" s="5" t="s">
        <v>42</v>
      </c>
      <c r="U25158" s="2">
        <v>26.96</v>
      </c>
      <c r="V25158" s="2">
        <v>22.286000000000001</v>
      </c>
      <c r="W25158" s="2">
        <v>0</v>
      </c>
      <c r="X25158" s="2">
        <v>0</v>
      </c>
      <c r="Y25158" s="2">
        <v>0</v>
      </c>
      <c r="Z25158" s="2">
        <v>0</v>
      </c>
      <c r="AA25158" s="5">
        <v>12</v>
      </c>
      <c r="AB25158" s="5" t="s">
        <v>43</v>
      </c>
      <c r="AC25158" s="5" t="s">
        <v>735</v>
      </c>
      <c r="AD25158" s="2" t="s">
        <v>80351</v>
      </c>
      <c r="AE25158" s="1"/>
    </row>
    <row r="25159" spans="1:31" ht="14.45">
      <c r="A25159" s="5" t="s">
        <v>116</v>
      </c>
      <c r="B25159" s="21">
        <v>46143</v>
      </c>
      <c r="C25159" s="2" t="s">
        <v>80397</v>
      </c>
      <c r="D25159" s="14" t="s">
        <v>80398</v>
      </c>
      <c r="E25159" s="2" t="s">
        <v>80399</v>
      </c>
      <c r="F25159" s="2" t="s">
        <v>130</v>
      </c>
      <c r="G25159" s="8">
        <v>742</v>
      </c>
      <c r="H25159" s="5">
        <v>10</v>
      </c>
      <c r="I25159" s="5" t="s">
        <v>79637</v>
      </c>
      <c r="J25159" s="5" t="s">
        <v>79638</v>
      </c>
      <c r="K25159" s="2" t="s">
        <v>79639</v>
      </c>
      <c r="L25159" s="5" t="s">
        <v>79638</v>
      </c>
      <c r="M25159" s="2" t="s">
        <v>79639</v>
      </c>
      <c r="N25159" s="5" t="s">
        <v>79640</v>
      </c>
      <c r="O25159" s="5" t="s">
        <v>38</v>
      </c>
      <c r="P25159" s="5" t="s">
        <v>39</v>
      </c>
      <c r="Q25159" s="5" t="s">
        <v>40</v>
      </c>
      <c r="R25159" s="5" t="s">
        <v>24335</v>
      </c>
      <c r="S25159" s="5" t="s">
        <v>40</v>
      </c>
      <c r="T25159" s="5" t="s">
        <v>42</v>
      </c>
      <c r="U25159" s="2">
        <v>11.163</v>
      </c>
      <c r="V25159" s="2">
        <v>8.6389999999999993</v>
      </c>
      <c r="W25159" s="2">
        <v>0.10100000000000001</v>
      </c>
      <c r="X25159" s="2">
        <v>43</v>
      </c>
      <c r="Y25159" s="2">
        <v>16.5</v>
      </c>
      <c r="Z25159" s="2">
        <v>143</v>
      </c>
      <c r="AA25159" s="5">
        <v>12</v>
      </c>
      <c r="AB25159" s="5" t="s">
        <v>43</v>
      </c>
      <c r="AC25159" s="5" t="s">
        <v>735</v>
      </c>
      <c r="AD25159" s="2" t="s">
        <v>80400</v>
      </c>
      <c r="AE25159" s="1"/>
    </row>
    <row r="25160" spans="1:31" ht="14.45">
      <c r="A25160" s="5" t="s">
        <v>116</v>
      </c>
      <c r="B25160" s="21">
        <v>46143</v>
      </c>
      <c r="C25160" s="2" t="s">
        <v>80401</v>
      </c>
      <c r="D25160" s="14" t="s">
        <v>80402</v>
      </c>
      <c r="E25160" s="2" t="s">
        <v>80403</v>
      </c>
      <c r="F25160" s="2" t="s">
        <v>130</v>
      </c>
      <c r="G25160" s="8">
        <v>799</v>
      </c>
      <c r="H25160" s="5">
        <v>10</v>
      </c>
      <c r="I25160" s="5" t="s">
        <v>79637</v>
      </c>
      <c r="J25160" s="5" t="s">
        <v>79638</v>
      </c>
      <c r="K25160" s="2" t="s">
        <v>79639</v>
      </c>
      <c r="L25160" s="5" t="s">
        <v>79638</v>
      </c>
      <c r="M25160" s="2" t="s">
        <v>79639</v>
      </c>
      <c r="N25160" s="5" t="s">
        <v>79640</v>
      </c>
      <c r="O25160" s="5" t="s">
        <v>38</v>
      </c>
      <c r="P25160" s="5" t="s">
        <v>39</v>
      </c>
      <c r="Q25160" s="5" t="s">
        <v>40</v>
      </c>
      <c r="R25160" s="5" t="s">
        <v>24335</v>
      </c>
      <c r="S25160" s="5" t="s">
        <v>40</v>
      </c>
      <c r="T25160" s="5" t="s">
        <v>42</v>
      </c>
      <c r="U25160" s="2">
        <v>12.387</v>
      </c>
      <c r="V25160" s="2">
        <v>9.6760000000000002</v>
      </c>
      <c r="W25160" s="2">
        <v>0.11600000000000001</v>
      </c>
      <c r="X25160" s="2">
        <v>43</v>
      </c>
      <c r="Y25160" s="2">
        <v>16.5</v>
      </c>
      <c r="Z25160" s="2">
        <v>162.80000000000001</v>
      </c>
      <c r="AA25160" s="5">
        <v>12</v>
      </c>
      <c r="AB25160" s="5" t="s">
        <v>43</v>
      </c>
      <c r="AC25160" s="5" t="s">
        <v>735</v>
      </c>
      <c r="AD25160" s="2" t="s">
        <v>80400</v>
      </c>
      <c r="AE25160" s="1"/>
    </row>
    <row r="25161" spans="1:31" ht="14.45">
      <c r="A25161" s="5" t="s">
        <v>116</v>
      </c>
      <c r="B25161" s="21">
        <v>46143</v>
      </c>
      <c r="C25161" s="2" t="s">
        <v>80404</v>
      </c>
      <c r="D25161" s="14" t="s">
        <v>80405</v>
      </c>
      <c r="E25161" s="2" t="s">
        <v>80406</v>
      </c>
      <c r="F25161" s="2" t="s">
        <v>130</v>
      </c>
      <c r="G25161" s="8">
        <v>925</v>
      </c>
      <c r="H25161" s="5">
        <v>10</v>
      </c>
      <c r="I25161" s="5" t="s">
        <v>79637</v>
      </c>
      <c r="J25161" s="5" t="s">
        <v>79638</v>
      </c>
      <c r="K25161" s="2" t="s">
        <v>79639</v>
      </c>
      <c r="L25161" s="5" t="s">
        <v>79638</v>
      </c>
      <c r="M25161" s="2" t="s">
        <v>79639</v>
      </c>
      <c r="N25161" s="5" t="s">
        <v>79640</v>
      </c>
      <c r="O25161" s="5" t="s">
        <v>38</v>
      </c>
      <c r="P25161" s="5" t="s">
        <v>39</v>
      </c>
      <c r="Q25161" s="5" t="s">
        <v>40</v>
      </c>
      <c r="R25161" s="5" t="s">
        <v>24335</v>
      </c>
      <c r="S25161" s="5" t="s">
        <v>40</v>
      </c>
      <c r="T25161" s="5" t="s">
        <v>42</v>
      </c>
      <c r="U25161" s="2">
        <v>13.91</v>
      </c>
      <c r="V25161" s="2">
        <v>11.199</v>
      </c>
      <c r="W25161" s="2">
        <v>0.11600000000000001</v>
      </c>
      <c r="X25161" s="2">
        <v>43</v>
      </c>
      <c r="Y25161" s="2">
        <v>16.5</v>
      </c>
      <c r="Z25161" s="2">
        <v>162.80000000000001</v>
      </c>
      <c r="AA25161" s="5">
        <v>12</v>
      </c>
      <c r="AB25161" s="5" t="s">
        <v>43</v>
      </c>
      <c r="AC25161" s="5" t="s">
        <v>735</v>
      </c>
      <c r="AD25161" s="2" t="s">
        <v>80400</v>
      </c>
      <c r="AE25161" s="1"/>
    </row>
    <row r="25162" spans="1:31" ht="14.45">
      <c r="A25162" s="5" t="s">
        <v>116</v>
      </c>
      <c r="B25162" s="21">
        <v>46143</v>
      </c>
      <c r="C25162" s="2" t="s">
        <v>80407</v>
      </c>
      <c r="D25162" s="14" t="s">
        <v>80408</v>
      </c>
      <c r="E25162" s="2" t="s">
        <v>80409</v>
      </c>
      <c r="F25162" s="2" t="s">
        <v>130</v>
      </c>
      <c r="G25162" s="8">
        <v>611</v>
      </c>
      <c r="H25162" s="5">
        <v>5</v>
      </c>
      <c r="I25162" s="5" t="s">
        <v>79637</v>
      </c>
      <c r="J25162" s="5" t="s">
        <v>79638</v>
      </c>
      <c r="K25162" s="2" t="s">
        <v>79639</v>
      </c>
      <c r="L25162" s="5" t="s">
        <v>79638</v>
      </c>
      <c r="M25162" s="2" t="s">
        <v>79639</v>
      </c>
      <c r="N25162" s="5" t="s">
        <v>79640</v>
      </c>
      <c r="O25162" s="5" t="s">
        <v>38</v>
      </c>
      <c r="P25162" s="5" t="s">
        <v>39</v>
      </c>
      <c r="Q25162" s="5" t="s">
        <v>40</v>
      </c>
      <c r="R25162" s="5" t="s">
        <v>24335</v>
      </c>
      <c r="S25162" s="5" t="s">
        <v>40</v>
      </c>
      <c r="T25162" s="5" t="s">
        <v>42</v>
      </c>
      <c r="U25162" s="2">
        <v>8.2219999999999995</v>
      </c>
      <c r="V25162" s="2">
        <v>5.8520000000000003</v>
      </c>
      <c r="W25162" s="2">
        <v>0.09</v>
      </c>
      <c r="X25162" s="2">
        <v>43</v>
      </c>
      <c r="Y25162" s="2">
        <v>16.5</v>
      </c>
      <c r="Z25162" s="2">
        <v>126.8</v>
      </c>
      <c r="AA25162" s="5">
        <v>14</v>
      </c>
      <c r="AB25162" s="5" t="s">
        <v>43</v>
      </c>
      <c r="AC25162" s="5" t="s">
        <v>735</v>
      </c>
      <c r="AD25162" s="2" t="s">
        <v>80400</v>
      </c>
      <c r="AE25162" s="1"/>
    </row>
    <row r="25163" spans="1:31" ht="14.45">
      <c r="A25163" s="5"/>
      <c r="B25163" s="21"/>
      <c r="C25163" s="2" t="s">
        <v>80410</v>
      </c>
      <c r="D25163" s="14" t="s">
        <v>80411</v>
      </c>
      <c r="E25163" s="2" t="s">
        <v>80412</v>
      </c>
      <c r="F25163" s="2" t="s">
        <v>79740</v>
      </c>
      <c r="G25163" s="8">
        <v>611</v>
      </c>
      <c r="H25163" s="5">
        <v>5</v>
      </c>
      <c r="I25163" s="5" t="s">
        <v>79637</v>
      </c>
      <c r="J25163" s="5" t="s">
        <v>79638</v>
      </c>
      <c r="K25163" s="2" t="s">
        <v>79639</v>
      </c>
      <c r="L25163" s="5" t="s">
        <v>79638</v>
      </c>
      <c r="M25163" s="2" t="s">
        <v>79639</v>
      </c>
      <c r="N25163" s="5" t="s">
        <v>79640</v>
      </c>
      <c r="O25163" s="5" t="s">
        <v>38</v>
      </c>
      <c r="P25163" s="5" t="s">
        <v>39</v>
      </c>
      <c r="Q25163" s="5" t="s">
        <v>40</v>
      </c>
      <c r="R25163" s="5" t="s">
        <v>24335</v>
      </c>
      <c r="S25163" s="5" t="s">
        <v>40</v>
      </c>
      <c r="T25163" s="5" t="s">
        <v>42</v>
      </c>
      <c r="U25163" s="2">
        <v>10.015000000000001</v>
      </c>
      <c r="V25163" s="2">
        <v>8.0340000000000007</v>
      </c>
      <c r="W25163" s="2">
        <v>0.10199999999999999</v>
      </c>
      <c r="X25163" s="2">
        <v>18.100000000000001</v>
      </c>
      <c r="Y25163" s="2">
        <v>49.1</v>
      </c>
      <c r="Z25163" s="2">
        <v>115</v>
      </c>
      <c r="AA25163" s="5">
        <v>12</v>
      </c>
      <c r="AB25163" s="5" t="s">
        <v>43</v>
      </c>
      <c r="AC25163" s="5" t="s">
        <v>735</v>
      </c>
      <c r="AD25163" s="2" t="s">
        <v>80413</v>
      </c>
      <c r="AE25163" s="1"/>
    </row>
    <row r="25164" spans="1:31" ht="14.45">
      <c r="A25164" s="5" t="s">
        <v>116</v>
      </c>
      <c r="B25164" s="21">
        <v>46143</v>
      </c>
      <c r="C25164" s="2" t="s">
        <v>80414</v>
      </c>
      <c r="D25164" s="14" t="s">
        <v>80415</v>
      </c>
      <c r="E25164" s="2" t="s">
        <v>80416</v>
      </c>
      <c r="F25164" s="2" t="s">
        <v>130</v>
      </c>
      <c r="G25164" s="8">
        <v>709</v>
      </c>
      <c r="H25164" s="5">
        <v>5</v>
      </c>
      <c r="I25164" s="5" t="s">
        <v>79637</v>
      </c>
      <c r="J25164" s="5" t="s">
        <v>79638</v>
      </c>
      <c r="K25164" s="2" t="s">
        <v>79639</v>
      </c>
      <c r="L25164" s="5" t="s">
        <v>79638</v>
      </c>
      <c r="M25164" s="2" t="s">
        <v>79639</v>
      </c>
      <c r="N25164" s="5" t="s">
        <v>79640</v>
      </c>
      <c r="O25164" s="5" t="s">
        <v>38</v>
      </c>
      <c r="P25164" s="5" t="s">
        <v>39</v>
      </c>
      <c r="Q25164" s="5" t="s">
        <v>40</v>
      </c>
      <c r="R25164" s="5" t="s">
        <v>24335</v>
      </c>
      <c r="S25164" s="5" t="s">
        <v>40</v>
      </c>
      <c r="T25164" s="5" t="s">
        <v>42</v>
      </c>
      <c r="U25164" s="2">
        <v>9.3290000000000006</v>
      </c>
      <c r="V25164" s="2">
        <v>6.9539999999999997</v>
      </c>
      <c r="W25164" s="2">
        <v>0.09</v>
      </c>
      <c r="X25164" s="2">
        <v>43</v>
      </c>
      <c r="Y25164" s="2">
        <v>16.5</v>
      </c>
      <c r="Z25164" s="2">
        <v>126.8</v>
      </c>
      <c r="AA25164" s="5">
        <v>14</v>
      </c>
      <c r="AB25164" s="5" t="s">
        <v>43</v>
      </c>
      <c r="AC25164" s="5" t="s">
        <v>735</v>
      </c>
      <c r="AD25164" s="2" t="s">
        <v>79774</v>
      </c>
      <c r="AE25164" s="1"/>
    </row>
    <row r="25165" spans="1:31" ht="14.45">
      <c r="A25165" s="5"/>
      <c r="B25165" s="21"/>
      <c r="C25165" s="2" t="s">
        <v>80417</v>
      </c>
      <c r="D25165" s="14" t="s">
        <v>80418</v>
      </c>
      <c r="E25165" s="2" t="s">
        <v>80419</v>
      </c>
      <c r="F25165" s="2" t="s">
        <v>79778</v>
      </c>
      <c r="G25165" s="8">
        <v>709</v>
      </c>
      <c r="H25165" s="5">
        <v>5</v>
      </c>
      <c r="I25165" s="5" t="s">
        <v>79637</v>
      </c>
      <c r="J25165" s="5" t="s">
        <v>79638</v>
      </c>
      <c r="K25165" s="2" t="s">
        <v>79639</v>
      </c>
      <c r="L25165" s="5" t="s">
        <v>79638</v>
      </c>
      <c r="M25165" s="2" t="s">
        <v>79639</v>
      </c>
      <c r="N25165" s="5" t="s">
        <v>79640</v>
      </c>
      <c r="O25165" s="5" t="s">
        <v>38</v>
      </c>
      <c r="P25165" s="5" t="s">
        <v>39</v>
      </c>
      <c r="Q25165" s="5" t="s">
        <v>40</v>
      </c>
      <c r="R25165" s="5" t="s">
        <v>24335</v>
      </c>
      <c r="S25165" s="5" t="s">
        <v>40</v>
      </c>
      <c r="T25165" s="5" t="s">
        <v>42</v>
      </c>
      <c r="U25165" s="2">
        <v>11.114000000000001</v>
      </c>
      <c r="V25165" s="2">
        <v>9.1329999999999991</v>
      </c>
      <c r="W25165" s="2">
        <v>0.10199999999999999</v>
      </c>
      <c r="X25165" s="2">
        <v>18.100000000000001</v>
      </c>
      <c r="Y25165" s="2">
        <v>49.1</v>
      </c>
      <c r="Z25165" s="2">
        <v>115</v>
      </c>
      <c r="AA25165" s="5">
        <v>12</v>
      </c>
      <c r="AB25165" s="5" t="s">
        <v>43</v>
      </c>
      <c r="AC25165" s="5" t="s">
        <v>735</v>
      </c>
      <c r="AD25165" s="2" t="s">
        <v>80420</v>
      </c>
      <c r="AE25165" s="1"/>
    </row>
    <row r="25166" spans="1:31" ht="14.45">
      <c r="A25166" s="5"/>
      <c r="B25166" s="21"/>
      <c r="C25166" s="2" t="s">
        <v>80421</v>
      </c>
      <c r="D25166" s="14" t="s">
        <v>80422</v>
      </c>
      <c r="E25166" s="2" t="s">
        <v>80423</v>
      </c>
      <c r="F25166" s="2" t="s">
        <v>79783</v>
      </c>
      <c r="G25166" s="8">
        <v>657</v>
      </c>
      <c r="H25166" s="5">
        <v>10</v>
      </c>
      <c r="I25166" s="5" t="s">
        <v>79637</v>
      </c>
      <c r="J25166" s="5" t="s">
        <v>79638</v>
      </c>
      <c r="K25166" s="2" t="s">
        <v>79639</v>
      </c>
      <c r="L25166" s="5" t="s">
        <v>79638</v>
      </c>
      <c r="M25166" s="2" t="s">
        <v>79639</v>
      </c>
      <c r="N25166" s="5" t="s">
        <v>79640</v>
      </c>
      <c r="O25166" s="5" t="s">
        <v>38</v>
      </c>
      <c r="P25166" s="5" t="s">
        <v>39</v>
      </c>
      <c r="Q25166" s="5" t="s">
        <v>40</v>
      </c>
      <c r="R25166" s="5" t="s">
        <v>24335</v>
      </c>
      <c r="S25166" s="5" t="s">
        <v>40</v>
      </c>
      <c r="T25166" s="5" t="s">
        <v>42</v>
      </c>
      <c r="U25166" s="2">
        <v>10.029999999999999</v>
      </c>
      <c r="V25166" s="2">
        <v>8.0489999999999995</v>
      </c>
      <c r="W25166" s="2">
        <v>0.10199999999999999</v>
      </c>
      <c r="X25166" s="2">
        <v>18.100000000000001</v>
      </c>
      <c r="Y25166" s="2">
        <v>49.1</v>
      </c>
      <c r="Z25166" s="2">
        <v>115</v>
      </c>
      <c r="AA25166" s="5">
        <v>12</v>
      </c>
      <c r="AB25166" s="5" t="s">
        <v>43</v>
      </c>
      <c r="AC25166" s="5" t="s">
        <v>735</v>
      </c>
      <c r="AD25166" s="2" t="s">
        <v>80424</v>
      </c>
      <c r="AE25166" s="1"/>
    </row>
    <row r="25167" spans="1:31" ht="14.45">
      <c r="A25167" s="5" t="s">
        <v>116</v>
      </c>
      <c r="B25167" s="21">
        <v>46143</v>
      </c>
      <c r="C25167" s="2" t="s">
        <v>80425</v>
      </c>
      <c r="D25167" s="14" t="s">
        <v>80426</v>
      </c>
      <c r="E25167" s="2" t="s">
        <v>80427</v>
      </c>
      <c r="F25167" s="2" t="s">
        <v>130</v>
      </c>
      <c r="G25167" s="8">
        <v>632</v>
      </c>
      <c r="H25167" s="5">
        <v>5</v>
      </c>
      <c r="I25167" s="5" t="s">
        <v>79637</v>
      </c>
      <c r="J25167" s="5" t="s">
        <v>79638</v>
      </c>
      <c r="K25167" s="2" t="s">
        <v>79639</v>
      </c>
      <c r="L25167" s="5" t="s">
        <v>79638</v>
      </c>
      <c r="M25167" s="2" t="s">
        <v>79639</v>
      </c>
      <c r="N25167" s="5" t="s">
        <v>79640</v>
      </c>
      <c r="O25167" s="5" t="s">
        <v>38</v>
      </c>
      <c r="P25167" s="5" t="s">
        <v>39</v>
      </c>
      <c r="Q25167" s="5" t="s">
        <v>40</v>
      </c>
      <c r="R25167" s="5" t="s">
        <v>24335</v>
      </c>
      <c r="S25167" s="5" t="s">
        <v>40</v>
      </c>
      <c r="T25167" s="5" t="s">
        <v>42</v>
      </c>
      <c r="U25167" s="2">
        <v>8.8979999999999997</v>
      </c>
      <c r="V25167" s="2">
        <v>6.5279999999999996</v>
      </c>
      <c r="W25167" s="2">
        <v>0.09</v>
      </c>
      <c r="X25167" s="2">
        <v>43</v>
      </c>
      <c r="Y25167" s="2">
        <v>16.5</v>
      </c>
      <c r="Z25167" s="2">
        <v>126.8</v>
      </c>
      <c r="AA25167" s="5">
        <v>14</v>
      </c>
      <c r="AB25167" s="5" t="s">
        <v>43</v>
      </c>
      <c r="AC25167" s="5" t="s">
        <v>735</v>
      </c>
      <c r="AD25167" s="2" t="s">
        <v>80400</v>
      </c>
      <c r="AE25167" s="1"/>
    </row>
    <row r="25168" spans="1:31" ht="14.45">
      <c r="A25168" s="5"/>
      <c r="B25168" s="21"/>
      <c r="C25168" s="2" t="s">
        <v>80428</v>
      </c>
      <c r="D25168" s="14" t="s">
        <v>80429</v>
      </c>
      <c r="E25168" s="2" t="s">
        <v>80430</v>
      </c>
      <c r="F25168" s="2" t="s">
        <v>79740</v>
      </c>
      <c r="G25168" s="8">
        <v>632</v>
      </c>
      <c r="H25168" s="5">
        <v>5</v>
      </c>
      <c r="I25168" s="5" t="s">
        <v>79637</v>
      </c>
      <c r="J25168" s="5" t="s">
        <v>79638</v>
      </c>
      <c r="K25168" s="2" t="s">
        <v>79639</v>
      </c>
      <c r="L25168" s="5" t="s">
        <v>79638</v>
      </c>
      <c r="M25168" s="2" t="s">
        <v>79639</v>
      </c>
      <c r="N25168" s="5" t="s">
        <v>79640</v>
      </c>
      <c r="O25168" s="5" t="s">
        <v>38</v>
      </c>
      <c r="P25168" s="5" t="s">
        <v>39</v>
      </c>
      <c r="Q25168" s="5" t="s">
        <v>40</v>
      </c>
      <c r="R25168" s="5" t="s">
        <v>24335</v>
      </c>
      <c r="S25168" s="5" t="s">
        <v>40</v>
      </c>
      <c r="T25168" s="5" t="s">
        <v>42</v>
      </c>
      <c r="U25168" s="2">
        <v>10.863</v>
      </c>
      <c r="V25168" s="2">
        <v>8.8759999999999994</v>
      </c>
      <c r="W25168" s="2">
        <v>0.10199999999999999</v>
      </c>
      <c r="X25168" s="2">
        <v>18.100000000000001</v>
      </c>
      <c r="Y25168" s="2">
        <v>49.1</v>
      </c>
      <c r="Z25168" s="2">
        <v>115</v>
      </c>
      <c r="AA25168" s="5">
        <v>12</v>
      </c>
      <c r="AB25168" s="5" t="s">
        <v>43</v>
      </c>
      <c r="AC25168" s="5" t="s">
        <v>735</v>
      </c>
      <c r="AD25168" s="2" t="s">
        <v>80413</v>
      </c>
      <c r="AE25168" s="1"/>
    </row>
    <row r="25169" spans="1:31" ht="14.45">
      <c r="A25169" s="5" t="s">
        <v>116</v>
      </c>
      <c r="B25169" s="21">
        <v>46143</v>
      </c>
      <c r="C25169" s="2" t="s">
        <v>80431</v>
      </c>
      <c r="D25169" s="14" t="s">
        <v>80432</v>
      </c>
      <c r="E25169" s="2" t="s">
        <v>80433</v>
      </c>
      <c r="F25169" s="2" t="s">
        <v>130</v>
      </c>
      <c r="G25169" s="8">
        <v>735</v>
      </c>
      <c r="H25169" s="5">
        <v>5</v>
      </c>
      <c r="I25169" s="5" t="s">
        <v>79637</v>
      </c>
      <c r="J25169" s="5" t="s">
        <v>79638</v>
      </c>
      <c r="K25169" s="2" t="s">
        <v>79639</v>
      </c>
      <c r="L25169" s="5" t="s">
        <v>79638</v>
      </c>
      <c r="M25169" s="2" t="s">
        <v>79639</v>
      </c>
      <c r="N25169" s="5" t="s">
        <v>79640</v>
      </c>
      <c r="O25169" s="5" t="s">
        <v>38</v>
      </c>
      <c r="P25169" s="5" t="s">
        <v>39</v>
      </c>
      <c r="Q25169" s="5" t="s">
        <v>40</v>
      </c>
      <c r="R25169" s="5" t="s">
        <v>24335</v>
      </c>
      <c r="S25169" s="5" t="s">
        <v>40</v>
      </c>
      <c r="T25169" s="5" t="s">
        <v>42</v>
      </c>
      <c r="U25169" s="2">
        <v>10.226000000000001</v>
      </c>
      <c r="V25169" s="2">
        <v>7.851</v>
      </c>
      <c r="W25169" s="2">
        <v>0.09</v>
      </c>
      <c r="X25169" s="2">
        <v>43</v>
      </c>
      <c r="Y25169" s="2">
        <v>16.5</v>
      </c>
      <c r="Z25169" s="2">
        <v>126.8</v>
      </c>
      <c r="AA25169" s="5">
        <v>14</v>
      </c>
      <c r="AB25169" s="5" t="s">
        <v>43</v>
      </c>
      <c r="AC25169" s="5" t="s">
        <v>735</v>
      </c>
      <c r="AD25169" s="2" t="s">
        <v>79774</v>
      </c>
      <c r="AE25169" s="1"/>
    </row>
    <row r="25170" spans="1:31" ht="14.45">
      <c r="A25170" s="5"/>
      <c r="B25170" s="21"/>
      <c r="C25170" s="2" t="s">
        <v>80434</v>
      </c>
      <c r="D25170" s="14" t="s">
        <v>80435</v>
      </c>
      <c r="E25170" s="2" t="s">
        <v>80436</v>
      </c>
      <c r="F25170" s="2" t="s">
        <v>79778</v>
      </c>
      <c r="G25170" s="8">
        <v>735</v>
      </c>
      <c r="H25170" s="5">
        <v>5</v>
      </c>
      <c r="I25170" s="5" t="s">
        <v>79637</v>
      </c>
      <c r="J25170" s="5" t="s">
        <v>79638</v>
      </c>
      <c r="K25170" s="2" t="s">
        <v>79639</v>
      </c>
      <c r="L25170" s="5" t="s">
        <v>79638</v>
      </c>
      <c r="M25170" s="2" t="s">
        <v>79639</v>
      </c>
      <c r="N25170" s="5" t="s">
        <v>79640</v>
      </c>
      <c r="O25170" s="5" t="s">
        <v>38</v>
      </c>
      <c r="P25170" s="5" t="s">
        <v>39</v>
      </c>
      <c r="Q25170" s="5" t="s">
        <v>40</v>
      </c>
      <c r="R25170" s="5" t="s">
        <v>24335</v>
      </c>
      <c r="S25170" s="5" t="s">
        <v>40</v>
      </c>
      <c r="T25170" s="5" t="s">
        <v>42</v>
      </c>
      <c r="U25170" s="2">
        <v>12.176</v>
      </c>
      <c r="V25170" s="2">
        <v>10.189</v>
      </c>
      <c r="W25170" s="2">
        <v>0.10199999999999999</v>
      </c>
      <c r="X25170" s="2">
        <v>18.100000000000001</v>
      </c>
      <c r="Y25170" s="2">
        <v>49.1</v>
      </c>
      <c r="Z25170" s="2">
        <v>115</v>
      </c>
      <c r="AA25170" s="5">
        <v>12</v>
      </c>
      <c r="AB25170" s="5" t="s">
        <v>43</v>
      </c>
      <c r="AC25170" s="5" t="s">
        <v>735</v>
      </c>
      <c r="AD25170" s="2" t="s">
        <v>80420</v>
      </c>
      <c r="AE25170" s="1"/>
    </row>
    <row r="25171" spans="1:31" ht="14.45">
      <c r="A25171" s="5"/>
      <c r="B25171" s="21"/>
      <c r="C25171" s="2" t="s">
        <v>80437</v>
      </c>
      <c r="D25171" s="14" t="s">
        <v>80438</v>
      </c>
      <c r="E25171" s="2" t="s">
        <v>80439</v>
      </c>
      <c r="F25171" s="2" t="s">
        <v>79783</v>
      </c>
      <c r="G25171" s="8">
        <v>678</v>
      </c>
      <c r="H25171" s="5">
        <v>10</v>
      </c>
      <c r="I25171" s="5" t="s">
        <v>79637</v>
      </c>
      <c r="J25171" s="5" t="s">
        <v>79638</v>
      </c>
      <c r="K25171" s="2" t="s">
        <v>79639</v>
      </c>
      <c r="L25171" s="5" t="s">
        <v>79638</v>
      </c>
      <c r="M25171" s="2" t="s">
        <v>79639</v>
      </c>
      <c r="N25171" s="5" t="s">
        <v>79640</v>
      </c>
      <c r="O25171" s="5" t="s">
        <v>38</v>
      </c>
      <c r="P25171" s="5" t="s">
        <v>39</v>
      </c>
      <c r="Q25171" s="5" t="s">
        <v>40</v>
      </c>
      <c r="R25171" s="5" t="s">
        <v>24335</v>
      </c>
      <c r="S25171" s="5" t="s">
        <v>40</v>
      </c>
      <c r="T25171" s="5" t="s">
        <v>42</v>
      </c>
      <c r="U25171" s="2">
        <v>10.885</v>
      </c>
      <c r="V25171" s="2">
        <v>8.8979999999999997</v>
      </c>
      <c r="W25171" s="2">
        <v>0.10199999999999999</v>
      </c>
      <c r="X25171" s="2">
        <v>18.100000000000001</v>
      </c>
      <c r="Y25171" s="2">
        <v>49.1</v>
      </c>
      <c r="Z25171" s="2">
        <v>115</v>
      </c>
      <c r="AA25171" s="5">
        <v>12</v>
      </c>
      <c r="AB25171" s="5" t="s">
        <v>43</v>
      </c>
      <c r="AC25171" s="5" t="s">
        <v>735</v>
      </c>
      <c r="AD25171" s="2" t="s">
        <v>80424</v>
      </c>
      <c r="AE25171" s="1"/>
    </row>
    <row r="25172" spans="1:31" ht="14.45">
      <c r="A25172" s="5" t="s">
        <v>116</v>
      </c>
      <c r="B25172" s="21">
        <v>46143</v>
      </c>
      <c r="C25172" s="2" t="s">
        <v>80440</v>
      </c>
      <c r="D25172" s="14" t="s">
        <v>80441</v>
      </c>
      <c r="E25172" s="2" t="s">
        <v>80442</v>
      </c>
      <c r="F25172" s="2" t="s">
        <v>130</v>
      </c>
      <c r="G25172" s="8">
        <v>647</v>
      </c>
      <c r="H25172" s="5">
        <v>5</v>
      </c>
      <c r="I25172" s="5" t="s">
        <v>79637</v>
      </c>
      <c r="J25172" s="5" t="s">
        <v>79638</v>
      </c>
      <c r="K25172" s="2" t="s">
        <v>79639</v>
      </c>
      <c r="L25172" s="5" t="s">
        <v>79638</v>
      </c>
      <c r="M25172" s="2" t="s">
        <v>79639</v>
      </c>
      <c r="N25172" s="5" t="s">
        <v>79640</v>
      </c>
      <c r="O25172" s="5" t="s">
        <v>38</v>
      </c>
      <c r="P25172" s="5" t="s">
        <v>39</v>
      </c>
      <c r="Q25172" s="5" t="s">
        <v>40</v>
      </c>
      <c r="R25172" s="5" t="s">
        <v>24335</v>
      </c>
      <c r="S25172" s="5" t="s">
        <v>40</v>
      </c>
      <c r="T25172" s="5" t="s">
        <v>42</v>
      </c>
      <c r="U25172" s="2">
        <v>9.7799999999999994</v>
      </c>
      <c r="V25172" s="2">
        <v>7.2560000000000002</v>
      </c>
      <c r="W25172" s="2">
        <v>0.10100000000000001</v>
      </c>
      <c r="X25172" s="2">
        <v>43</v>
      </c>
      <c r="Y25172" s="2">
        <v>16.5</v>
      </c>
      <c r="Z25172" s="2">
        <v>143</v>
      </c>
      <c r="AA25172" s="5">
        <v>14</v>
      </c>
      <c r="AB25172" s="5" t="s">
        <v>43</v>
      </c>
      <c r="AC25172" s="5" t="s">
        <v>735</v>
      </c>
      <c r="AD25172" s="2" t="s">
        <v>80400</v>
      </c>
      <c r="AE25172" s="1"/>
    </row>
    <row r="25173" spans="1:31" ht="14.45">
      <c r="A25173" s="5"/>
      <c r="B25173" s="21"/>
      <c r="C25173" s="2" t="s">
        <v>80443</v>
      </c>
      <c r="D25173" s="14" t="s">
        <v>80444</v>
      </c>
      <c r="E25173" s="2" t="s">
        <v>80445</v>
      </c>
      <c r="F25173" s="2" t="s">
        <v>79740</v>
      </c>
      <c r="G25173" s="8">
        <v>647</v>
      </c>
      <c r="H25173" s="5">
        <v>5</v>
      </c>
      <c r="I25173" s="5" t="s">
        <v>79637</v>
      </c>
      <c r="J25173" s="5" t="s">
        <v>79638</v>
      </c>
      <c r="K25173" s="2" t="s">
        <v>79639</v>
      </c>
      <c r="L25173" s="5" t="s">
        <v>79638</v>
      </c>
      <c r="M25173" s="2" t="s">
        <v>79639</v>
      </c>
      <c r="N25173" s="5" t="s">
        <v>79640</v>
      </c>
      <c r="O25173" s="5" t="s">
        <v>38</v>
      </c>
      <c r="P25173" s="5" t="s">
        <v>39</v>
      </c>
      <c r="Q25173" s="5" t="s">
        <v>40</v>
      </c>
      <c r="R25173" s="5" t="s">
        <v>24335</v>
      </c>
      <c r="S25173" s="5" t="s">
        <v>40</v>
      </c>
      <c r="T25173" s="5" t="s">
        <v>42</v>
      </c>
      <c r="U25173" s="2">
        <v>11.93</v>
      </c>
      <c r="V25173" s="2">
        <v>9.7810000000000006</v>
      </c>
      <c r="W25173" s="2">
        <v>0.11899999999999999</v>
      </c>
      <c r="X25173" s="2">
        <v>18.100000000000001</v>
      </c>
      <c r="Y25173" s="2">
        <v>49.1</v>
      </c>
      <c r="Z25173" s="2">
        <v>134.19999999999999</v>
      </c>
      <c r="AA25173" s="5">
        <v>12</v>
      </c>
      <c r="AB25173" s="5" t="s">
        <v>43</v>
      </c>
      <c r="AC25173" s="5" t="s">
        <v>735</v>
      </c>
      <c r="AD25173" s="2" t="s">
        <v>80413</v>
      </c>
      <c r="AE25173" s="1"/>
    </row>
    <row r="25174" spans="1:31" ht="14.45">
      <c r="A25174" s="5" t="s">
        <v>116</v>
      </c>
      <c r="B25174" s="21">
        <v>46143</v>
      </c>
      <c r="C25174" s="2" t="s">
        <v>80446</v>
      </c>
      <c r="D25174" s="14" t="s">
        <v>80447</v>
      </c>
      <c r="E25174" s="2" t="s">
        <v>80448</v>
      </c>
      <c r="F25174" s="2" t="s">
        <v>130</v>
      </c>
      <c r="G25174" s="8">
        <v>755</v>
      </c>
      <c r="H25174" s="5">
        <v>5</v>
      </c>
      <c r="I25174" s="5" t="s">
        <v>79637</v>
      </c>
      <c r="J25174" s="5" t="s">
        <v>79638</v>
      </c>
      <c r="K25174" s="2" t="s">
        <v>79639</v>
      </c>
      <c r="L25174" s="5" t="s">
        <v>79638</v>
      </c>
      <c r="M25174" s="2" t="s">
        <v>79639</v>
      </c>
      <c r="N25174" s="5" t="s">
        <v>79640</v>
      </c>
      <c r="O25174" s="5" t="s">
        <v>38</v>
      </c>
      <c r="P25174" s="5" t="s">
        <v>39</v>
      </c>
      <c r="Q25174" s="5" t="s">
        <v>40</v>
      </c>
      <c r="R25174" s="5" t="s">
        <v>24335</v>
      </c>
      <c r="S25174" s="5" t="s">
        <v>40</v>
      </c>
      <c r="T25174" s="5" t="s">
        <v>42</v>
      </c>
      <c r="U25174" s="2">
        <v>11.329000000000001</v>
      </c>
      <c r="V25174" s="2">
        <v>8.8000000000000007</v>
      </c>
      <c r="W25174" s="2">
        <v>0.10100000000000001</v>
      </c>
      <c r="X25174" s="2">
        <v>43</v>
      </c>
      <c r="Y25174" s="2">
        <v>16.5</v>
      </c>
      <c r="Z25174" s="2">
        <v>143</v>
      </c>
      <c r="AA25174" s="5">
        <v>14</v>
      </c>
      <c r="AB25174" s="5" t="s">
        <v>43</v>
      </c>
      <c r="AC25174" s="5" t="s">
        <v>735</v>
      </c>
      <c r="AD25174" s="2" t="s">
        <v>79774</v>
      </c>
      <c r="AE25174" s="1"/>
    </row>
    <row r="25175" spans="1:31" ht="14.45">
      <c r="A25175" s="5"/>
      <c r="B25175" s="21"/>
      <c r="C25175" s="2" t="s">
        <v>80449</v>
      </c>
      <c r="D25175" s="14" t="s">
        <v>80450</v>
      </c>
      <c r="E25175" s="2" t="s">
        <v>80451</v>
      </c>
      <c r="F25175" s="2" t="s">
        <v>79778</v>
      </c>
      <c r="G25175" s="8">
        <v>755</v>
      </c>
      <c r="H25175" s="5">
        <v>5</v>
      </c>
      <c r="I25175" s="5" t="s">
        <v>79637</v>
      </c>
      <c r="J25175" s="5" t="s">
        <v>79638</v>
      </c>
      <c r="K25175" s="2" t="s">
        <v>79639</v>
      </c>
      <c r="L25175" s="5" t="s">
        <v>79638</v>
      </c>
      <c r="M25175" s="2" t="s">
        <v>79639</v>
      </c>
      <c r="N25175" s="5" t="s">
        <v>79640</v>
      </c>
      <c r="O25175" s="5" t="s">
        <v>38</v>
      </c>
      <c r="P25175" s="5" t="s">
        <v>39</v>
      </c>
      <c r="Q25175" s="5" t="s">
        <v>40</v>
      </c>
      <c r="R25175" s="5" t="s">
        <v>24335</v>
      </c>
      <c r="S25175" s="5" t="s">
        <v>40</v>
      </c>
      <c r="T25175" s="5" t="s">
        <v>42</v>
      </c>
      <c r="U25175" s="2">
        <v>13.457000000000001</v>
      </c>
      <c r="V25175" s="2">
        <v>11.308</v>
      </c>
      <c r="W25175" s="2">
        <v>0.11899999999999999</v>
      </c>
      <c r="X25175" s="2">
        <v>18.100000000000001</v>
      </c>
      <c r="Y25175" s="2">
        <v>49.1</v>
      </c>
      <c r="Z25175" s="2">
        <v>134.19999999999999</v>
      </c>
      <c r="AA25175" s="5">
        <v>12</v>
      </c>
      <c r="AB25175" s="5" t="s">
        <v>43</v>
      </c>
      <c r="AC25175" s="5" t="s">
        <v>735</v>
      </c>
      <c r="AD25175" s="2" t="s">
        <v>80420</v>
      </c>
      <c r="AE25175" s="1"/>
    </row>
    <row r="25176" spans="1:31" ht="14.45">
      <c r="A25176" s="5"/>
      <c r="B25176" s="21"/>
      <c r="C25176" s="2" t="s">
        <v>80452</v>
      </c>
      <c r="D25176" s="14" t="s">
        <v>80453</v>
      </c>
      <c r="E25176" s="2" t="s">
        <v>80454</v>
      </c>
      <c r="F25176" s="2" t="s">
        <v>79783</v>
      </c>
      <c r="G25176" s="8">
        <v>693</v>
      </c>
      <c r="H25176" s="5">
        <v>10</v>
      </c>
      <c r="I25176" s="5" t="s">
        <v>79637</v>
      </c>
      <c r="J25176" s="5" t="s">
        <v>79638</v>
      </c>
      <c r="K25176" s="2" t="s">
        <v>79639</v>
      </c>
      <c r="L25176" s="5" t="s">
        <v>79638</v>
      </c>
      <c r="M25176" s="2" t="s">
        <v>79639</v>
      </c>
      <c r="N25176" s="5" t="s">
        <v>79640</v>
      </c>
      <c r="O25176" s="5" t="s">
        <v>38</v>
      </c>
      <c r="P25176" s="5" t="s">
        <v>39</v>
      </c>
      <c r="Q25176" s="5" t="s">
        <v>40</v>
      </c>
      <c r="R25176" s="5" t="s">
        <v>24335</v>
      </c>
      <c r="S25176" s="5" t="s">
        <v>40</v>
      </c>
      <c r="T25176" s="5" t="s">
        <v>42</v>
      </c>
      <c r="U25176" s="2">
        <v>11.957000000000001</v>
      </c>
      <c r="V25176" s="2">
        <v>9.8079999999999998</v>
      </c>
      <c r="W25176" s="2">
        <v>0.11899999999999999</v>
      </c>
      <c r="X25176" s="2">
        <v>18.100000000000001</v>
      </c>
      <c r="Y25176" s="2">
        <v>49.1</v>
      </c>
      <c r="Z25176" s="2">
        <v>134.19999999999999</v>
      </c>
      <c r="AA25176" s="5">
        <v>12</v>
      </c>
      <c r="AB25176" s="5" t="s">
        <v>43</v>
      </c>
      <c r="AC25176" s="5" t="s">
        <v>735</v>
      </c>
      <c r="AD25176" s="2" t="s">
        <v>80424</v>
      </c>
      <c r="AE25176" s="1"/>
    </row>
    <row r="25177" spans="1:31" ht="14.45">
      <c r="A25177" s="5" t="s">
        <v>116</v>
      </c>
      <c r="B25177" s="21">
        <v>46143</v>
      </c>
      <c r="C25177" s="2" t="s">
        <v>80455</v>
      </c>
      <c r="D25177" s="14" t="s">
        <v>80456</v>
      </c>
      <c r="E25177" s="2" t="s">
        <v>80457</v>
      </c>
      <c r="F25177" s="2" t="s">
        <v>130</v>
      </c>
      <c r="G25177" s="8">
        <v>658</v>
      </c>
      <c r="H25177" s="5">
        <v>5</v>
      </c>
      <c r="I25177" s="5" t="s">
        <v>79637</v>
      </c>
      <c r="J25177" s="5" t="s">
        <v>79638</v>
      </c>
      <c r="K25177" s="2" t="s">
        <v>79639</v>
      </c>
      <c r="L25177" s="5" t="s">
        <v>79638</v>
      </c>
      <c r="M25177" s="2" t="s">
        <v>79639</v>
      </c>
      <c r="N25177" s="5" t="s">
        <v>79640</v>
      </c>
      <c r="O25177" s="5" t="s">
        <v>38</v>
      </c>
      <c r="P25177" s="5" t="s">
        <v>39</v>
      </c>
      <c r="Q25177" s="5" t="s">
        <v>40</v>
      </c>
      <c r="R25177" s="5" t="s">
        <v>24335</v>
      </c>
      <c r="S25177" s="5" t="s">
        <v>40</v>
      </c>
      <c r="T25177" s="5" t="s">
        <v>42</v>
      </c>
      <c r="U25177" s="2">
        <v>9.4390000000000001</v>
      </c>
      <c r="V25177" s="2">
        <v>7.069</v>
      </c>
      <c r="W25177" s="2">
        <v>0.09</v>
      </c>
      <c r="X25177" s="2">
        <v>43</v>
      </c>
      <c r="Y25177" s="2">
        <v>16.5</v>
      </c>
      <c r="Z25177" s="2">
        <v>126.8</v>
      </c>
      <c r="AA25177" s="5">
        <v>14</v>
      </c>
      <c r="AB25177" s="5" t="s">
        <v>43</v>
      </c>
      <c r="AC25177" s="5" t="s">
        <v>735</v>
      </c>
      <c r="AD25177" s="2" t="s">
        <v>80400</v>
      </c>
      <c r="AE25177" s="1"/>
    </row>
    <row r="25178" spans="1:31" ht="14.45">
      <c r="A25178" s="5"/>
      <c r="B25178" s="21"/>
      <c r="C25178" s="2" t="s">
        <v>80458</v>
      </c>
      <c r="D25178" s="14" t="s">
        <v>80459</v>
      </c>
      <c r="E25178" s="2" t="s">
        <v>80460</v>
      </c>
      <c r="F25178" s="2" t="s">
        <v>79740</v>
      </c>
      <c r="G25178" s="8">
        <v>658</v>
      </c>
      <c r="H25178" s="5">
        <v>5</v>
      </c>
      <c r="I25178" s="5" t="s">
        <v>79637</v>
      </c>
      <c r="J25178" s="5" t="s">
        <v>79638</v>
      </c>
      <c r="K25178" s="2" t="s">
        <v>79639</v>
      </c>
      <c r="L25178" s="5" t="s">
        <v>79638</v>
      </c>
      <c r="M25178" s="2" t="s">
        <v>79639</v>
      </c>
      <c r="N25178" s="5" t="s">
        <v>79640</v>
      </c>
      <c r="O25178" s="5" t="s">
        <v>38</v>
      </c>
      <c r="P25178" s="5" t="s">
        <v>39</v>
      </c>
      <c r="Q25178" s="5" t="s">
        <v>40</v>
      </c>
      <c r="R25178" s="5" t="s">
        <v>24335</v>
      </c>
      <c r="S25178" s="5" t="s">
        <v>40</v>
      </c>
      <c r="T25178" s="5" t="s">
        <v>42</v>
      </c>
      <c r="U25178" s="2">
        <v>11.602</v>
      </c>
      <c r="V25178" s="2">
        <v>9.6020000000000003</v>
      </c>
      <c r="W25178" s="2">
        <v>0.10199999999999999</v>
      </c>
      <c r="X25178" s="2">
        <v>18.100000000000001</v>
      </c>
      <c r="Y25178" s="2">
        <v>49.1</v>
      </c>
      <c r="Z25178" s="2">
        <v>115</v>
      </c>
      <c r="AA25178" s="5">
        <v>12</v>
      </c>
      <c r="AB25178" s="5" t="s">
        <v>43</v>
      </c>
      <c r="AC25178" s="5" t="s">
        <v>735</v>
      </c>
      <c r="AD25178" s="2" t="s">
        <v>80413</v>
      </c>
      <c r="AE25178" s="1"/>
    </row>
    <row r="25179" spans="1:31" ht="14.45">
      <c r="A25179" s="5" t="s">
        <v>116</v>
      </c>
      <c r="B25179" s="21">
        <v>46143</v>
      </c>
      <c r="C25179" s="2" t="s">
        <v>80461</v>
      </c>
      <c r="D25179" s="14" t="s">
        <v>80462</v>
      </c>
      <c r="E25179" s="2" t="s">
        <v>80463</v>
      </c>
      <c r="F25179" s="2" t="s">
        <v>130</v>
      </c>
      <c r="G25179" s="8">
        <v>767</v>
      </c>
      <c r="H25179" s="5">
        <v>10</v>
      </c>
      <c r="I25179" s="5" t="s">
        <v>79637</v>
      </c>
      <c r="J25179" s="5" t="s">
        <v>79638</v>
      </c>
      <c r="K25179" s="2" t="s">
        <v>79639</v>
      </c>
      <c r="L25179" s="5" t="s">
        <v>79638</v>
      </c>
      <c r="M25179" s="2" t="s">
        <v>79639</v>
      </c>
      <c r="N25179" s="5" t="s">
        <v>79640</v>
      </c>
      <c r="O25179" s="5" t="s">
        <v>38</v>
      </c>
      <c r="P25179" s="5" t="s">
        <v>39</v>
      </c>
      <c r="Q25179" s="5" t="s">
        <v>40</v>
      </c>
      <c r="R25179" s="5" t="s">
        <v>24335</v>
      </c>
      <c r="S25179" s="5" t="s">
        <v>40</v>
      </c>
      <c r="T25179" s="5" t="s">
        <v>42</v>
      </c>
      <c r="U25179" s="2">
        <v>10.827999999999999</v>
      </c>
      <c r="V25179" s="2">
        <v>8.4529999999999994</v>
      </c>
      <c r="W25179" s="2">
        <v>0.09</v>
      </c>
      <c r="X25179" s="2">
        <v>43</v>
      </c>
      <c r="Y25179" s="2">
        <v>16.5</v>
      </c>
      <c r="Z25179" s="2">
        <v>126.8</v>
      </c>
      <c r="AA25179" s="5">
        <v>14</v>
      </c>
      <c r="AB25179" s="5" t="s">
        <v>43</v>
      </c>
      <c r="AC25179" s="5" t="s">
        <v>735</v>
      </c>
      <c r="AD25179" s="2" t="s">
        <v>79774</v>
      </c>
      <c r="AE25179" s="1"/>
    </row>
    <row r="25180" spans="1:31" ht="14.45">
      <c r="A25180" s="5"/>
      <c r="B25180" s="21"/>
      <c r="C25180" s="2" t="s">
        <v>80464</v>
      </c>
      <c r="D25180" s="14" t="s">
        <v>80465</v>
      </c>
      <c r="E25180" s="2" t="s">
        <v>80466</v>
      </c>
      <c r="F25180" s="2" t="s">
        <v>79778</v>
      </c>
      <c r="G25180" s="8">
        <v>767</v>
      </c>
      <c r="H25180" s="5">
        <v>10</v>
      </c>
      <c r="I25180" s="5" t="s">
        <v>79637</v>
      </c>
      <c r="J25180" s="5" t="s">
        <v>79638</v>
      </c>
      <c r="K25180" s="2" t="s">
        <v>79639</v>
      </c>
      <c r="L25180" s="5" t="s">
        <v>79638</v>
      </c>
      <c r="M25180" s="2" t="s">
        <v>79639</v>
      </c>
      <c r="N25180" s="5" t="s">
        <v>79640</v>
      </c>
      <c r="O25180" s="5" t="s">
        <v>38</v>
      </c>
      <c r="P25180" s="5" t="s">
        <v>39</v>
      </c>
      <c r="Q25180" s="5" t="s">
        <v>40</v>
      </c>
      <c r="R25180" s="5" t="s">
        <v>24335</v>
      </c>
      <c r="S25180" s="5" t="s">
        <v>40</v>
      </c>
      <c r="T25180" s="5" t="s">
        <v>42</v>
      </c>
      <c r="U25180" s="2">
        <v>12.991</v>
      </c>
      <c r="V25180" s="2">
        <v>10.991</v>
      </c>
      <c r="W25180" s="2">
        <v>0.10199999999999999</v>
      </c>
      <c r="X25180" s="2">
        <v>18.100000000000001</v>
      </c>
      <c r="Y25180" s="2">
        <v>49.1</v>
      </c>
      <c r="Z25180" s="2">
        <v>115</v>
      </c>
      <c r="AA25180" s="5">
        <v>12</v>
      </c>
      <c r="AB25180" s="5" t="s">
        <v>43</v>
      </c>
      <c r="AC25180" s="5" t="s">
        <v>735</v>
      </c>
      <c r="AD25180" s="2" t="s">
        <v>80420</v>
      </c>
      <c r="AE25180" s="1"/>
    </row>
    <row r="25181" spans="1:31" ht="14.45">
      <c r="A25181" s="5"/>
      <c r="B25181" s="21"/>
      <c r="C25181" s="2" t="s">
        <v>80467</v>
      </c>
      <c r="D25181" s="14" t="s">
        <v>80468</v>
      </c>
      <c r="E25181" s="2" t="s">
        <v>80469</v>
      </c>
      <c r="F25181" s="2" t="s">
        <v>79783</v>
      </c>
      <c r="G25181" s="8">
        <v>704</v>
      </c>
      <c r="H25181" s="5">
        <v>10</v>
      </c>
      <c r="I25181" s="5" t="s">
        <v>79637</v>
      </c>
      <c r="J25181" s="5" t="s">
        <v>79638</v>
      </c>
      <c r="K25181" s="2" t="s">
        <v>79639</v>
      </c>
      <c r="L25181" s="5" t="s">
        <v>79638</v>
      </c>
      <c r="M25181" s="2" t="s">
        <v>79639</v>
      </c>
      <c r="N25181" s="5" t="s">
        <v>79640</v>
      </c>
      <c r="O25181" s="5" t="s">
        <v>38</v>
      </c>
      <c r="P25181" s="5" t="s">
        <v>39</v>
      </c>
      <c r="Q25181" s="5" t="s">
        <v>40</v>
      </c>
      <c r="R25181" s="5" t="s">
        <v>24335</v>
      </c>
      <c r="S25181" s="5" t="s">
        <v>40</v>
      </c>
      <c r="T25181" s="5" t="s">
        <v>42</v>
      </c>
      <c r="U25181" s="2">
        <v>11.622999999999999</v>
      </c>
      <c r="V25181" s="2">
        <v>9.6229999999999993</v>
      </c>
      <c r="W25181" s="2">
        <v>0.10199999999999999</v>
      </c>
      <c r="X25181" s="2">
        <v>18.100000000000001</v>
      </c>
      <c r="Y25181" s="2">
        <v>49.1</v>
      </c>
      <c r="Z25181" s="2">
        <v>115</v>
      </c>
      <c r="AA25181" s="5">
        <v>12</v>
      </c>
      <c r="AB25181" s="5" t="s">
        <v>43</v>
      </c>
      <c r="AC25181" s="5" t="s">
        <v>735</v>
      </c>
      <c r="AD25181" s="2" t="s">
        <v>80424</v>
      </c>
      <c r="AE25181" s="1"/>
    </row>
    <row r="25182" spans="1:31" ht="14.45">
      <c r="A25182" s="5" t="s">
        <v>116</v>
      </c>
      <c r="B25182" s="21">
        <v>46143</v>
      </c>
      <c r="C25182" s="2" t="s">
        <v>80470</v>
      </c>
      <c r="D25182" s="14" t="s">
        <v>80471</v>
      </c>
      <c r="E25182" s="2" t="s">
        <v>80472</v>
      </c>
      <c r="F25182" s="2" t="s">
        <v>130</v>
      </c>
      <c r="G25182" s="8">
        <v>684</v>
      </c>
      <c r="H25182" s="5">
        <v>5</v>
      </c>
      <c r="I25182" s="5" t="s">
        <v>79637</v>
      </c>
      <c r="J25182" s="5" t="s">
        <v>79638</v>
      </c>
      <c r="K25182" s="2" t="s">
        <v>79639</v>
      </c>
      <c r="L25182" s="5" t="s">
        <v>79638</v>
      </c>
      <c r="M25182" s="2" t="s">
        <v>79639</v>
      </c>
      <c r="N25182" s="5" t="s">
        <v>79640</v>
      </c>
      <c r="O25182" s="5" t="s">
        <v>38</v>
      </c>
      <c r="P25182" s="5" t="s">
        <v>39</v>
      </c>
      <c r="Q25182" s="5" t="s">
        <v>40</v>
      </c>
      <c r="R25182" s="5" t="s">
        <v>24335</v>
      </c>
      <c r="S25182" s="5" t="s">
        <v>40</v>
      </c>
      <c r="T25182" s="5" t="s">
        <v>42</v>
      </c>
      <c r="U25182" s="2">
        <v>10.381</v>
      </c>
      <c r="V25182" s="2">
        <v>7.8570000000000002</v>
      </c>
      <c r="W25182" s="2">
        <v>0.10100000000000001</v>
      </c>
      <c r="X25182" s="2">
        <v>43</v>
      </c>
      <c r="Y25182" s="2">
        <v>16.5</v>
      </c>
      <c r="Z25182" s="2">
        <v>143</v>
      </c>
      <c r="AA25182" s="5">
        <v>14</v>
      </c>
      <c r="AB25182" s="5" t="s">
        <v>43</v>
      </c>
      <c r="AC25182" s="5" t="s">
        <v>735</v>
      </c>
      <c r="AD25182" s="2" t="s">
        <v>80400</v>
      </c>
      <c r="AE25182" s="1"/>
    </row>
    <row r="25183" spans="1:31" ht="14.45">
      <c r="A25183" s="5"/>
      <c r="B25183" s="21"/>
      <c r="C25183" s="2" t="s">
        <v>80473</v>
      </c>
      <c r="D25183" s="14" t="s">
        <v>80474</v>
      </c>
      <c r="E25183" s="2" t="s">
        <v>80475</v>
      </c>
      <c r="F25183" s="2" t="s">
        <v>79740</v>
      </c>
      <c r="G25183" s="8">
        <v>684</v>
      </c>
      <c r="H25183" s="5">
        <v>5</v>
      </c>
      <c r="I25183" s="5" t="s">
        <v>79637</v>
      </c>
      <c r="J25183" s="5" t="s">
        <v>79638</v>
      </c>
      <c r="K25183" s="2" t="s">
        <v>79639</v>
      </c>
      <c r="L25183" s="5" t="s">
        <v>79638</v>
      </c>
      <c r="M25183" s="2" t="s">
        <v>79639</v>
      </c>
      <c r="N25183" s="5" t="s">
        <v>79640</v>
      </c>
      <c r="O25183" s="5" t="s">
        <v>38</v>
      </c>
      <c r="P25183" s="5" t="s">
        <v>39</v>
      </c>
      <c r="Q25183" s="5" t="s">
        <v>40</v>
      </c>
      <c r="R25183" s="5" t="s">
        <v>24335</v>
      </c>
      <c r="S25183" s="5" t="s">
        <v>40</v>
      </c>
      <c r="T25183" s="5" t="s">
        <v>42</v>
      </c>
      <c r="U25183" s="2">
        <v>12.742000000000001</v>
      </c>
      <c r="V25183" s="2">
        <v>10.58</v>
      </c>
      <c r="W25183" s="2">
        <v>0.11899999999999999</v>
      </c>
      <c r="X25183" s="2">
        <v>18.100000000000001</v>
      </c>
      <c r="Y25183" s="2">
        <v>49.1</v>
      </c>
      <c r="Z25183" s="2">
        <v>134.19999999999999</v>
      </c>
      <c r="AA25183" s="5">
        <v>12</v>
      </c>
      <c r="AB25183" s="5" t="s">
        <v>43</v>
      </c>
      <c r="AC25183" s="5" t="s">
        <v>735</v>
      </c>
      <c r="AD25183" s="2" t="s">
        <v>80413</v>
      </c>
      <c r="AE25183" s="1"/>
    </row>
    <row r="25184" spans="1:31" ht="14.45">
      <c r="A25184" s="5" t="s">
        <v>116</v>
      </c>
      <c r="B25184" s="21">
        <v>46143</v>
      </c>
      <c r="C25184" s="2" t="s">
        <v>80476</v>
      </c>
      <c r="D25184" s="14" t="s">
        <v>80477</v>
      </c>
      <c r="E25184" s="2" t="s">
        <v>80478</v>
      </c>
      <c r="F25184" s="2" t="s">
        <v>130</v>
      </c>
      <c r="G25184" s="8">
        <v>800</v>
      </c>
      <c r="H25184" s="5">
        <v>5</v>
      </c>
      <c r="I25184" s="5" t="s">
        <v>79637</v>
      </c>
      <c r="J25184" s="5" t="s">
        <v>79638</v>
      </c>
      <c r="K25184" s="2" t="s">
        <v>79639</v>
      </c>
      <c r="L25184" s="5" t="s">
        <v>79638</v>
      </c>
      <c r="M25184" s="2" t="s">
        <v>79639</v>
      </c>
      <c r="N25184" s="5" t="s">
        <v>79640</v>
      </c>
      <c r="O25184" s="5" t="s">
        <v>38</v>
      </c>
      <c r="P25184" s="5" t="s">
        <v>39</v>
      </c>
      <c r="Q25184" s="5" t="s">
        <v>40</v>
      </c>
      <c r="R25184" s="5" t="s">
        <v>24335</v>
      </c>
      <c r="S25184" s="5" t="s">
        <v>40</v>
      </c>
      <c r="T25184" s="5" t="s">
        <v>42</v>
      </c>
      <c r="U25184" s="2">
        <v>11.991</v>
      </c>
      <c r="V25184" s="2">
        <v>9.4619999999999997</v>
      </c>
      <c r="W25184" s="2">
        <v>0.10100000000000001</v>
      </c>
      <c r="X25184" s="2">
        <v>43</v>
      </c>
      <c r="Y25184" s="2">
        <v>16.5</v>
      </c>
      <c r="Z25184" s="2">
        <v>143</v>
      </c>
      <c r="AA25184" s="5">
        <v>14</v>
      </c>
      <c r="AB25184" s="5" t="s">
        <v>43</v>
      </c>
      <c r="AC25184" s="5" t="s">
        <v>735</v>
      </c>
      <c r="AD25184" s="2" t="s">
        <v>79774</v>
      </c>
      <c r="AE25184" s="1"/>
    </row>
    <row r="25185" spans="1:31" ht="14.45">
      <c r="A25185" s="5"/>
      <c r="B25185" s="21"/>
      <c r="C25185" s="2" t="s">
        <v>80479</v>
      </c>
      <c r="D25185" s="14" t="s">
        <v>80480</v>
      </c>
      <c r="E25185" s="2" t="s">
        <v>80481</v>
      </c>
      <c r="F25185" s="2" t="s">
        <v>79778</v>
      </c>
      <c r="G25185" s="8">
        <v>800</v>
      </c>
      <c r="H25185" s="5">
        <v>5</v>
      </c>
      <c r="I25185" s="5" t="s">
        <v>79637</v>
      </c>
      <c r="J25185" s="5" t="s">
        <v>79638</v>
      </c>
      <c r="K25185" s="2" t="s">
        <v>79639</v>
      </c>
      <c r="L25185" s="5" t="s">
        <v>79638</v>
      </c>
      <c r="M25185" s="2" t="s">
        <v>79639</v>
      </c>
      <c r="N25185" s="5" t="s">
        <v>79640</v>
      </c>
      <c r="O25185" s="5" t="s">
        <v>38</v>
      </c>
      <c r="P25185" s="5" t="s">
        <v>39</v>
      </c>
      <c r="Q25185" s="5" t="s">
        <v>40</v>
      </c>
      <c r="R25185" s="5" t="s">
        <v>24335</v>
      </c>
      <c r="S25185" s="5" t="s">
        <v>40</v>
      </c>
      <c r="T25185" s="5" t="s">
        <v>42</v>
      </c>
      <c r="U25185" s="2">
        <v>14.345000000000001</v>
      </c>
      <c r="V25185" s="2">
        <v>12.183</v>
      </c>
      <c r="W25185" s="2">
        <v>0.11899999999999999</v>
      </c>
      <c r="X25185" s="2">
        <v>18.100000000000001</v>
      </c>
      <c r="Y25185" s="2">
        <v>49.1</v>
      </c>
      <c r="Z25185" s="2">
        <v>134.19999999999999</v>
      </c>
      <c r="AA25185" s="5">
        <v>12</v>
      </c>
      <c r="AB25185" s="5" t="s">
        <v>43</v>
      </c>
      <c r="AC25185" s="5" t="s">
        <v>735</v>
      </c>
      <c r="AD25185" s="2" t="s">
        <v>80420</v>
      </c>
      <c r="AE25185" s="1"/>
    </row>
    <row r="25186" spans="1:31" ht="14.45">
      <c r="A25186" s="5"/>
      <c r="B25186" s="21"/>
      <c r="C25186" s="2" t="s">
        <v>80482</v>
      </c>
      <c r="D25186" s="14" t="s">
        <v>80483</v>
      </c>
      <c r="E25186" s="2" t="s">
        <v>80484</v>
      </c>
      <c r="F25186" s="2" t="s">
        <v>79783</v>
      </c>
      <c r="G25186" s="8">
        <v>730</v>
      </c>
      <c r="H25186" s="5">
        <v>5</v>
      </c>
      <c r="I25186" s="5" t="s">
        <v>79637</v>
      </c>
      <c r="J25186" s="5" t="s">
        <v>79638</v>
      </c>
      <c r="K25186" s="2" t="s">
        <v>79639</v>
      </c>
      <c r="L25186" s="5" t="s">
        <v>79638</v>
      </c>
      <c r="M25186" s="2" t="s">
        <v>79639</v>
      </c>
      <c r="N25186" s="5" t="s">
        <v>79640</v>
      </c>
      <c r="O25186" s="5" t="s">
        <v>38</v>
      </c>
      <c r="P25186" s="5" t="s">
        <v>39</v>
      </c>
      <c r="Q25186" s="5" t="s">
        <v>40</v>
      </c>
      <c r="R25186" s="5" t="s">
        <v>24335</v>
      </c>
      <c r="S25186" s="5" t="s">
        <v>40</v>
      </c>
      <c r="T25186" s="5" t="s">
        <v>42</v>
      </c>
      <c r="U25186" s="2">
        <v>12.766999999999999</v>
      </c>
      <c r="V25186" s="2">
        <v>10.605</v>
      </c>
      <c r="W25186" s="2">
        <v>0.11899999999999999</v>
      </c>
      <c r="X25186" s="2">
        <v>18.100000000000001</v>
      </c>
      <c r="Y25186" s="2">
        <v>49.1</v>
      </c>
      <c r="Z25186" s="2">
        <v>134.19999999999999</v>
      </c>
      <c r="AA25186" s="5">
        <v>12</v>
      </c>
      <c r="AB25186" s="5" t="s">
        <v>43</v>
      </c>
      <c r="AC25186" s="5" t="s">
        <v>735</v>
      </c>
      <c r="AD25186" s="2" t="s">
        <v>80424</v>
      </c>
      <c r="AE25186" s="1"/>
    </row>
    <row r="25187" spans="1:31" ht="14.45">
      <c r="A25187" s="5" t="s">
        <v>116</v>
      </c>
      <c r="B25187" s="21">
        <v>46143</v>
      </c>
      <c r="C25187" s="2" t="s">
        <v>80485</v>
      </c>
      <c r="D25187" s="14" t="s">
        <v>80486</v>
      </c>
      <c r="E25187" s="2" t="s">
        <v>80487</v>
      </c>
      <c r="F25187" s="2" t="s">
        <v>130</v>
      </c>
      <c r="G25187" s="8">
        <v>689</v>
      </c>
      <c r="H25187" s="5">
        <v>5</v>
      </c>
      <c r="I25187" s="5" t="s">
        <v>79637</v>
      </c>
      <c r="J25187" s="5" t="s">
        <v>79638</v>
      </c>
      <c r="K25187" s="2" t="s">
        <v>79639</v>
      </c>
      <c r="L25187" s="5" t="s">
        <v>79638</v>
      </c>
      <c r="M25187" s="2" t="s">
        <v>79639</v>
      </c>
      <c r="N25187" s="5" t="s">
        <v>79640</v>
      </c>
      <c r="O25187" s="5" t="s">
        <v>38</v>
      </c>
      <c r="P25187" s="5" t="s">
        <v>39</v>
      </c>
      <c r="Q25187" s="5" t="s">
        <v>40</v>
      </c>
      <c r="R25187" s="5" t="s">
        <v>24335</v>
      </c>
      <c r="S25187" s="5" t="s">
        <v>40</v>
      </c>
      <c r="T25187" s="5" t="s">
        <v>42</v>
      </c>
      <c r="U25187" s="2">
        <v>11.404</v>
      </c>
      <c r="V25187" s="2">
        <v>8.6929999999999996</v>
      </c>
      <c r="W25187" s="2">
        <v>0.11600000000000001</v>
      </c>
      <c r="X25187" s="2">
        <v>43</v>
      </c>
      <c r="Y25187" s="2">
        <v>16.5</v>
      </c>
      <c r="Z25187" s="2">
        <v>162.80000000000001</v>
      </c>
      <c r="AA25187" s="5">
        <v>14</v>
      </c>
      <c r="AB25187" s="5" t="s">
        <v>43</v>
      </c>
      <c r="AC25187" s="5" t="s">
        <v>735</v>
      </c>
      <c r="AD25187" s="2" t="s">
        <v>80400</v>
      </c>
      <c r="AE25187" s="1"/>
    </row>
    <row r="25188" spans="1:31" ht="14.45">
      <c r="A25188" s="5"/>
      <c r="B25188" s="21"/>
      <c r="C25188" s="2" t="s">
        <v>80488</v>
      </c>
      <c r="D25188" s="14" t="s">
        <v>80489</v>
      </c>
      <c r="E25188" s="2" t="s">
        <v>80490</v>
      </c>
      <c r="F25188" s="2" t="s">
        <v>79740</v>
      </c>
      <c r="G25188" s="8">
        <v>689</v>
      </c>
      <c r="H25188" s="5">
        <v>5</v>
      </c>
      <c r="I25188" s="5" t="s">
        <v>79637</v>
      </c>
      <c r="J25188" s="5" t="s">
        <v>79638</v>
      </c>
      <c r="K25188" s="2" t="s">
        <v>79639</v>
      </c>
      <c r="L25188" s="5" t="s">
        <v>79638</v>
      </c>
      <c r="M25188" s="2" t="s">
        <v>79639</v>
      </c>
      <c r="N25188" s="5" t="s">
        <v>79640</v>
      </c>
      <c r="O25188" s="5" t="s">
        <v>38</v>
      </c>
      <c r="P25188" s="5" t="s">
        <v>39</v>
      </c>
      <c r="Q25188" s="5" t="s">
        <v>40</v>
      </c>
      <c r="R25188" s="5" t="s">
        <v>24335</v>
      </c>
      <c r="S25188" s="5" t="s">
        <v>40</v>
      </c>
      <c r="T25188" s="5" t="s">
        <v>42</v>
      </c>
      <c r="U25188" s="2">
        <v>13.975</v>
      </c>
      <c r="V25188" s="2">
        <v>11.61</v>
      </c>
      <c r="W25188" s="2">
        <v>0.13900000000000001</v>
      </c>
      <c r="X25188" s="2">
        <v>18.100000000000001</v>
      </c>
      <c r="Y25188" s="2">
        <v>49.1</v>
      </c>
      <c r="Z25188" s="2">
        <v>156.19999999999999</v>
      </c>
      <c r="AA25188" s="5">
        <v>12</v>
      </c>
      <c r="AB25188" s="5" t="s">
        <v>43</v>
      </c>
      <c r="AC25188" s="5" t="s">
        <v>735</v>
      </c>
      <c r="AD25188" s="2" t="s">
        <v>80413</v>
      </c>
      <c r="AE25188" s="1"/>
    </row>
    <row r="25189" spans="1:31" ht="14.45">
      <c r="A25189" s="5" t="s">
        <v>116</v>
      </c>
      <c r="B25189" s="21">
        <v>46143</v>
      </c>
      <c r="C25189" s="2" t="s">
        <v>80491</v>
      </c>
      <c r="D25189" s="14" t="s">
        <v>80492</v>
      </c>
      <c r="E25189" s="2" t="s">
        <v>80493</v>
      </c>
      <c r="F25189" s="2" t="s">
        <v>130</v>
      </c>
      <c r="G25189" s="8">
        <v>806</v>
      </c>
      <c r="H25189" s="5">
        <v>5</v>
      </c>
      <c r="I25189" s="5" t="s">
        <v>79637</v>
      </c>
      <c r="J25189" s="5" t="s">
        <v>79638</v>
      </c>
      <c r="K25189" s="2" t="s">
        <v>79639</v>
      </c>
      <c r="L25189" s="5" t="s">
        <v>79638</v>
      </c>
      <c r="M25189" s="2" t="s">
        <v>79639</v>
      </c>
      <c r="N25189" s="5" t="s">
        <v>79640</v>
      </c>
      <c r="O25189" s="5" t="s">
        <v>38</v>
      </c>
      <c r="P25189" s="5" t="s">
        <v>39</v>
      </c>
      <c r="Q25189" s="5" t="s">
        <v>40</v>
      </c>
      <c r="R25189" s="5" t="s">
        <v>24335</v>
      </c>
      <c r="S25189" s="5" t="s">
        <v>40</v>
      </c>
      <c r="T25189" s="5" t="s">
        <v>42</v>
      </c>
      <c r="U25189" s="2">
        <v>13.257999999999999</v>
      </c>
      <c r="V25189" s="2">
        <v>10.542</v>
      </c>
      <c r="W25189" s="2">
        <v>0.11600000000000001</v>
      </c>
      <c r="X25189" s="2">
        <v>43</v>
      </c>
      <c r="Y25189" s="2">
        <v>16.5</v>
      </c>
      <c r="Z25189" s="2">
        <v>162.80000000000001</v>
      </c>
      <c r="AA25189" s="5">
        <v>14</v>
      </c>
      <c r="AB25189" s="5" t="s">
        <v>43</v>
      </c>
      <c r="AC25189" s="5" t="s">
        <v>735</v>
      </c>
      <c r="AD25189" s="2" t="s">
        <v>79774</v>
      </c>
      <c r="AE25189" s="1"/>
    </row>
    <row r="25190" spans="1:31" ht="14.45">
      <c r="A25190" s="5"/>
      <c r="B25190" s="21"/>
      <c r="C25190" s="2" t="s">
        <v>80494</v>
      </c>
      <c r="D25190" s="14" t="s">
        <v>80495</v>
      </c>
      <c r="E25190" s="2" t="s">
        <v>80496</v>
      </c>
      <c r="F25190" s="2" t="s">
        <v>79778</v>
      </c>
      <c r="G25190" s="8">
        <v>806</v>
      </c>
      <c r="H25190" s="5">
        <v>5</v>
      </c>
      <c r="I25190" s="5" t="s">
        <v>79637</v>
      </c>
      <c r="J25190" s="5" t="s">
        <v>79638</v>
      </c>
      <c r="K25190" s="2" t="s">
        <v>79639</v>
      </c>
      <c r="L25190" s="5" t="s">
        <v>79638</v>
      </c>
      <c r="M25190" s="2" t="s">
        <v>79639</v>
      </c>
      <c r="N25190" s="5" t="s">
        <v>79640</v>
      </c>
      <c r="O25190" s="5" t="s">
        <v>38</v>
      </c>
      <c r="P25190" s="5" t="s">
        <v>39</v>
      </c>
      <c r="Q25190" s="5" t="s">
        <v>40</v>
      </c>
      <c r="R25190" s="5" t="s">
        <v>24335</v>
      </c>
      <c r="S25190" s="5" t="s">
        <v>40</v>
      </c>
      <c r="T25190" s="5" t="s">
        <v>42</v>
      </c>
      <c r="U25190" s="2">
        <v>15.842000000000001</v>
      </c>
      <c r="V25190" s="2">
        <v>13.477</v>
      </c>
      <c r="W25190" s="2">
        <v>0.13900000000000001</v>
      </c>
      <c r="X25190" s="2">
        <v>18.100000000000001</v>
      </c>
      <c r="Y25190" s="2">
        <v>49.1</v>
      </c>
      <c r="Z25190" s="2">
        <v>156.19999999999999</v>
      </c>
      <c r="AA25190" s="5">
        <v>12</v>
      </c>
      <c r="AB25190" s="5" t="s">
        <v>43</v>
      </c>
      <c r="AC25190" s="5" t="s">
        <v>735</v>
      </c>
      <c r="AD25190" s="2" t="s">
        <v>80420</v>
      </c>
      <c r="AE25190" s="1"/>
    </row>
    <row r="25191" spans="1:31" ht="14.45">
      <c r="A25191" s="5"/>
      <c r="B25191" s="21"/>
      <c r="C25191" s="2" t="s">
        <v>80497</v>
      </c>
      <c r="D25191" s="14" t="s">
        <v>80498</v>
      </c>
      <c r="E25191" s="2" t="s">
        <v>80499</v>
      </c>
      <c r="F25191" s="2" t="s">
        <v>79783</v>
      </c>
      <c r="G25191" s="8">
        <v>735</v>
      </c>
      <c r="H25191" s="5">
        <v>10</v>
      </c>
      <c r="I25191" s="5" t="s">
        <v>79637</v>
      </c>
      <c r="J25191" s="5" t="s">
        <v>79638</v>
      </c>
      <c r="K25191" s="2" t="s">
        <v>79639</v>
      </c>
      <c r="L25191" s="5" t="s">
        <v>79638</v>
      </c>
      <c r="M25191" s="2" t="s">
        <v>79639</v>
      </c>
      <c r="N25191" s="5" t="s">
        <v>79640</v>
      </c>
      <c r="O25191" s="5" t="s">
        <v>38</v>
      </c>
      <c r="P25191" s="5" t="s">
        <v>39</v>
      </c>
      <c r="Q25191" s="5" t="s">
        <v>40</v>
      </c>
      <c r="R25191" s="5" t="s">
        <v>24335</v>
      </c>
      <c r="S25191" s="5" t="s">
        <v>40</v>
      </c>
      <c r="T25191" s="5" t="s">
        <v>42</v>
      </c>
      <c r="U25191" s="2">
        <v>14.013999999999999</v>
      </c>
      <c r="V25191" s="2">
        <v>11.648999999999999</v>
      </c>
      <c r="W25191" s="2">
        <v>0.13900000000000001</v>
      </c>
      <c r="X25191" s="2">
        <v>18.100000000000001</v>
      </c>
      <c r="Y25191" s="2">
        <v>49.1</v>
      </c>
      <c r="Z25191" s="2">
        <v>156.19999999999999</v>
      </c>
      <c r="AA25191" s="5">
        <v>12</v>
      </c>
      <c r="AB25191" s="5" t="s">
        <v>43</v>
      </c>
      <c r="AC25191" s="5" t="s">
        <v>735</v>
      </c>
      <c r="AD25191" s="2" t="s">
        <v>80424</v>
      </c>
      <c r="AE25191" s="1"/>
    </row>
    <row r="25192" spans="1:31" ht="14.45">
      <c r="A25192" s="5" t="s">
        <v>116</v>
      </c>
      <c r="B25192" s="21">
        <v>46143</v>
      </c>
      <c r="C25192" s="2" t="s">
        <v>80500</v>
      </c>
      <c r="D25192" s="14" t="s">
        <v>80501</v>
      </c>
      <c r="E25192" s="2" t="s">
        <v>80502</v>
      </c>
      <c r="F25192" s="2" t="s">
        <v>130</v>
      </c>
      <c r="G25192" s="8">
        <v>679</v>
      </c>
      <c r="H25192" s="5">
        <v>5</v>
      </c>
      <c r="I25192" s="5" t="s">
        <v>79637</v>
      </c>
      <c r="J25192" s="5" t="s">
        <v>79638</v>
      </c>
      <c r="K25192" s="2" t="s">
        <v>79639</v>
      </c>
      <c r="L25192" s="5" t="s">
        <v>79638</v>
      </c>
      <c r="M25192" s="2" t="s">
        <v>79639</v>
      </c>
      <c r="N25192" s="5" t="s">
        <v>79640</v>
      </c>
      <c r="O25192" s="5" t="s">
        <v>38</v>
      </c>
      <c r="P25192" s="5" t="s">
        <v>39</v>
      </c>
      <c r="Q25192" s="5" t="s">
        <v>40</v>
      </c>
      <c r="R25192" s="5" t="s">
        <v>24335</v>
      </c>
      <c r="S25192" s="5" t="s">
        <v>40</v>
      </c>
      <c r="T25192" s="5" t="s">
        <v>42</v>
      </c>
      <c r="U25192" s="2">
        <v>10.016</v>
      </c>
      <c r="V25192" s="2">
        <v>7.6459999999999999</v>
      </c>
      <c r="W25192" s="2">
        <v>0.09</v>
      </c>
      <c r="X25192" s="2">
        <v>43</v>
      </c>
      <c r="Y25192" s="2">
        <v>16.5</v>
      </c>
      <c r="Z25192" s="2">
        <v>126.8</v>
      </c>
      <c r="AA25192" s="5">
        <v>14</v>
      </c>
      <c r="AB25192" s="5" t="s">
        <v>43</v>
      </c>
      <c r="AC25192" s="5" t="s">
        <v>735</v>
      </c>
      <c r="AD25192" s="2" t="s">
        <v>80400</v>
      </c>
      <c r="AE25192" s="1"/>
    </row>
    <row r="25193" spans="1:31" ht="14.45">
      <c r="A25193" s="5"/>
      <c r="B25193" s="21"/>
      <c r="C25193" s="2" t="s">
        <v>80503</v>
      </c>
      <c r="D25193" s="14" t="s">
        <v>80504</v>
      </c>
      <c r="E25193" s="2" t="s">
        <v>80505</v>
      </c>
      <c r="F25193" s="2" t="s">
        <v>79740</v>
      </c>
      <c r="G25193" s="8">
        <v>679</v>
      </c>
      <c r="H25193" s="5">
        <v>5</v>
      </c>
      <c r="I25193" s="5" t="s">
        <v>79637</v>
      </c>
      <c r="J25193" s="5" t="s">
        <v>79638</v>
      </c>
      <c r="K25193" s="2" t="s">
        <v>79639</v>
      </c>
      <c r="L25193" s="5" t="s">
        <v>79638</v>
      </c>
      <c r="M25193" s="2" t="s">
        <v>79639</v>
      </c>
      <c r="N25193" s="5" t="s">
        <v>79640</v>
      </c>
      <c r="O25193" s="5" t="s">
        <v>38</v>
      </c>
      <c r="P25193" s="5" t="s">
        <v>39</v>
      </c>
      <c r="Q25193" s="5" t="s">
        <v>40</v>
      </c>
      <c r="R25193" s="5" t="s">
        <v>24335</v>
      </c>
      <c r="S25193" s="5" t="s">
        <v>40</v>
      </c>
      <c r="T25193" s="5" t="s">
        <v>42</v>
      </c>
      <c r="U25193" s="2">
        <v>12.419</v>
      </c>
      <c r="V25193" s="2">
        <v>10.406000000000001</v>
      </c>
      <c r="W25193" s="2">
        <v>0.10199999999999999</v>
      </c>
      <c r="X25193" s="2">
        <v>18.100000000000001</v>
      </c>
      <c r="Y25193" s="2">
        <v>49.1</v>
      </c>
      <c r="Z25193" s="2">
        <v>115</v>
      </c>
      <c r="AA25193" s="5">
        <v>12</v>
      </c>
      <c r="AB25193" s="5" t="s">
        <v>43</v>
      </c>
      <c r="AC25193" s="5" t="s">
        <v>735</v>
      </c>
      <c r="AD25193" s="2" t="s">
        <v>80413</v>
      </c>
      <c r="AE25193" s="1"/>
    </row>
    <row r="25194" spans="1:31" ht="14.45">
      <c r="A25194" s="5" t="s">
        <v>116</v>
      </c>
      <c r="B25194" s="21">
        <v>46143</v>
      </c>
      <c r="C25194" s="2" t="s">
        <v>80506</v>
      </c>
      <c r="D25194" s="14" t="s">
        <v>80507</v>
      </c>
      <c r="E25194" s="2" t="s">
        <v>80508</v>
      </c>
      <c r="F25194" s="2" t="s">
        <v>130</v>
      </c>
      <c r="G25194" s="8">
        <v>793</v>
      </c>
      <c r="H25194" s="5">
        <v>5</v>
      </c>
      <c r="I25194" s="5" t="s">
        <v>79637</v>
      </c>
      <c r="J25194" s="5" t="s">
        <v>79638</v>
      </c>
      <c r="K25194" s="2" t="s">
        <v>79639</v>
      </c>
      <c r="L25194" s="5" t="s">
        <v>79638</v>
      </c>
      <c r="M25194" s="2" t="s">
        <v>79639</v>
      </c>
      <c r="N25194" s="5" t="s">
        <v>79640</v>
      </c>
      <c r="O25194" s="5" t="s">
        <v>38</v>
      </c>
      <c r="P25194" s="5" t="s">
        <v>39</v>
      </c>
      <c r="Q25194" s="5" t="s">
        <v>40</v>
      </c>
      <c r="R25194" s="5" t="s">
        <v>24335</v>
      </c>
      <c r="S25194" s="5" t="s">
        <v>40</v>
      </c>
      <c r="T25194" s="5" t="s">
        <v>42</v>
      </c>
      <c r="U25194" s="2">
        <v>11.474</v>
      </c>
      <c r="V25194" s="2">
        <v>9.0990000000000002</v>
      </c>
      <c r="W25194" s="2">
        <v>0.09</v>
      </c>
      <c r="X25194" s="2">
        <v>43</v>
      </c>
      <c r="Y25194" s="2">
        <v>16.5</v>
      </c>
      <c r="Z25194" s="2">
        <v>126.8</v>
      </c>
      <c r="AA25194" s="5">
        <v>14</v>
      </c>
      <c r="AB25194" s="5" t="s">
        <v>43</v>
      </c>
      <c r="AC25194" s="5" t="s">
        <v>735</v>
      </c>
      <c r="AD25194" s="2" t="s">
        <v>79774</v>
      </c>
      <c r="AE25194" s="1"/>
    </row>
    <row r="25195" spans="1:31" ht="14.45">
      <c r="A25195" s="5"/>
      <c r="B25195" s="21"/>
      <c r="C25195" s="2" t="s">
        <v>80509</v>
      </c>
      <c r="D25195" s="14" t="s">
        <v>80510</v>
      </c>
      <c r="E25195" s="2" t="s">
        <v>80511</v>
      </c>
      <c r="F25195" s="2" t="s">
        <v>79778</v>
      </c>
      <c r="G25195" s="8">
        <v>793</v>
      </c>
      <c r="H25195" s="5">
        <v>5</v>
      </c>
      <c r="I25195" s="5" t="s">
        <v>79637</v>
      </c>
      <c r="J25195" s="5" t="s">
        <v>79638</v>
      </c>
      <c r="K25195" s="2" t="s">
        <v>79639</v>
      </c>
      <c r="L25195" s="5" t="s">
        <v>79638</v>
      </c>
      <c r="M25195" s="2" t="s">
        <v>79639</v>
      </c>
      <c r="N25195" s="5" t="s">
        <v>79640</v>
      </c>
      <c r="O25195" s="5" t="s">
        <v>38</v>
      </c>
      <c r="P25195" s="5" t="s">
        <v>39</v>
      </c>
      <c r="Q25195" s="5" t="s">
        <v>40</v>
      </c>
      <c r="R25195" s="5" t="s">
        <v>24335</v>
      </c>
      <c r="S25195" s="5" t="s">
        <v>40</v>
      </c>
      <c r="T25195" s="5" t="s">
        <v>42</v>
      </c>
      <c r="U25195" s="2">
        <v>13.909000000000001</v>
      </c>
      <c r="V25195" s="2">
        <v>11.896000000000001</v>
      </c>
      <c r="W25195" s="2">
        <v>0.10199999999999999</v>
      </c>
      <c r="X25195" s="2">
        <v>18.100000000000001</v>
      </c>
      <c r="Y25195" s="2">
        <v>49.1</v>
      </c>
      <c r="Z25195" s="2">
        <v>115</v>
      </c>
      <c r="AA25195" s="5">
        <v>12</v>
      </c>
      <c r="AB25195" s="5" t="s">
        <v>43</v>
      </c>
      <c r="AC25195" s="5" t="s">
        <v>735</v>
      </c>
      <c r="AD25195" s="2" t="s">
        <v>80420</v>
      </c>
      <c r="AE25195" s="1"/>
    </row>
    <row r="25196" spans="1:31" ht="14.45">
      <c r="A25196" s="5"/>
      <c r="B25196" s="21"/>
      <c r="C25196" s="2" t="s">
        <v>80512</v>
      </c>
      <c r="D25196" s="14" t="s">
        <v>80513</v>
      </c>
      <c r="E25196" s="2" t="s">
        <v>80514</v>
      </c>
      <c r="F25196" s="2" t="s">
        <v>79783</v>
      </c>
      <c r="G25196" s="8">
        <v>725</v>
      </c>
      <c r="H25196" s="5">
        <v>5</v>
      </c>
      <c r="I25196" s="5" t="s">
        <v>79637</v>
      </c>
      <c r="J25196" s="5" t="s">
        <v>79638</v>
      </c>
      <c r="K25196" s="2" t="s">
        <v>79639</v>
      </c>
      <c r="L25196" s="5" t="s">
        <v>79638</v>
      </c>
      <c r="M25196" s="2" t="s">
        <v>79639</v>
      </c>
      <c r="N25196" s="5" t="s">
        <v>79640</v>
      </c>
      <c r="O25196" s="5" t="s">
        <v>38</v>
      </c>
      <c r="P25196" s="5" t="s">
        <v>39</v>
      </c>
      <c r="Q25196" s="5" t="s">
        <v>40</v>
      </c>
      <c r="R25196" s="5" t="s">
        <v>24335</v>
      </c>
      <c r="S25196" s="5" t="s">
        <v>40</v>
      </c>
      <c r="T25196" s="5" t="s">
        <v>42</v>
      </c>
      <c r="U25196" s="2">
        <v>12.441000000000001</v>
      </c>
      <c r="V25196" s="2">
        <v>10.428000000000001</v>
      </c>
      <c r="W25196" s="2">
        <v>0.10199999999999999</v>
      </c>
      <c r="X25196" s="2">
        <v>18.100000000000001</v>
      </c>
      <c r="Y25196" s="2">
        <v>49.1</v>
      </c>
      <c r="Z25196" s="2">
        <v>115</v>
      </c>
      <c r="AA25196" s="5">
        <v>12</v>
      </c>
      <c r="AB25196" s="5" t="s">
        <v>43</v>
      </c>
      <c r="AC25196" s="5" t="s">
        <v>735</v>
      </c>
      <c r="AD25196" s="2" t="s">
        <v>80424</v>
      </c>
      <c r="AE25196" s="1"/>
    </row>
    <row r="25197" spans="1:31" ht="14.45">
      <c r="A25197" s="5" t="s">
        <v>116</v>
      </c>
      <c r="B25197" s="21">
        <v>46143</v>
      </c>
      <c r="C25197" s="2" t="s">
        <v>80515</v>
      </c>
      <c r="D25197" s="14" t="s">
        <v>80516</v>
      </c>
      <c r="E25197" s="2" t="s">
        <v>80517</v>
      </c>
      <c r="F25197" s="2" t="s">
        <v>130</v>
      </c>
      <c r="G25197" s="8">
        <v>705</v>
      </c>
      <c r="H25197" s="5">
        <v>5</v>
      </c>
      <c r="I25197" s="5" t="s">
        <v>79637</v>
      </c>
      <c r="J25197" s="5" t="s">
        <v>79638</v>
      </c>
      <c r="K25197" s="2" t="s">
        <v>79639</v>
      </c>
      <c r="L25197" s="5" t="s">
        <v>79638</v>
      </c>
      <c r="M25197" s="2" t="s">
        <v>79639</v>
      </c>
      <c r="N25197" s="5" t="s">
        <v>79640</v>
      </c>
      <c r="O25197" s="5" t="s">
        <v>38</v>
      </c>
      <c r="P25197" s="5" t="s">
        <v>39</v>
      </c>
      <c r="Q25197" s="5" t="s">
        <v>40</v>
      </c>
      <c r="R25197" s="5" t="s">
        <v>24335</v>
      </c>
      <c r="S25197" s="5" t="s">
        <v>40</v>
      </c>
      <c r="T25197" s="5" t="s">
        <v>42</v>
      </c>
      <c r="U25197" s="2">
        <v>11.023999999999999</v>
      </c>
      <c r="V25197" s="2">
        <v>8.5</v>
      </c>
      <c r="W25197" s="2">
        <v>0.10100000000000001</v>
      </c>
      <c r="X25197" s="2">
        <v>43</v>
      </c>
      <c r="Y25197" s="2">
        <v>16.5</v>
      </c>
      <c r="Z25197" s="2">
        <v>143</v>
      </c>
      <c r="AA25197" s="5">
        <v>14</v>
      </c>
      <c r="AB25197" s="5" t="s">
        <v>43</v>
      </c>
      <c r="AC25197" s="5" t="s">
        <v>735</v>
      </c>
      <c r="AD25197" s="2" t="s">
        <v>80400</v>
      </c>
      <c r="AE25197" s="1"/>
    </row>
    <row r="25198" spans="1:31" ht="14.45">
      <c r="A25198" s="5"/>
      <c r="B25198" s="21"/>
      <c r="C25198" s="2" t="s">
        <v>80518</v>
      </c>
      <c r="D25198" s="14" t="s">
        <v>80519</v>
      </c>
      <c r="E25198" s="2" t="s">
        <v>80520</v>
      </c>
      <c r="F25198" s="2" t="s">
        <v>79740</v>
      </c>
      <c r="G25198" s="8">
        <v>705</v>
      </c>
      <c r="H25198" s="5">
        <v>5</v>
      </c>
      <c r="I25198" s="5" t="s">
        <v>79637</v>
      </c>
      <c r="J25198" s="5" t="s">
        <v>79638</v>
      </c>
      <c r="K25198" s="2" t="s">
        <v>79639</v>
      </c>
      <c r="L25198" s="5" t="s">
        <v>79638</v>
      </c>
      <c r="M25198" s="2" t="s">
        <v>79639</v>
      </c>
      <c r="N25198" s="5" t="s">
        <v>79640</v>
      </c>
      <c r="O25198" s="5" t="s">
        <v>38</v>
      </c>
      <c r="P25198" s="5" t="s">
        <v>39</v>
      </c>
      <c r="Q25198" s="5" t="s">
        <v>40</v>
      </c>
      <c r="R25198" s="5" t="s">
        <v>24335</v>
      </c>
      <c r="S25198" s="5" t="s">
        <v>40</v>
      </c>
      <c r="T25198" s="5" t="s">
        <v>42</v>
      </c>
      <c r="U25198" s="2">
        <v>13.635</v>
      </c>
      <c r="V25198" s="2">
        <v>11.46</v>
      </c>
      <c r="W25198" s="2">
        <v>0.11899999999999999</v>
      </c>
      <c r="X25198" s="2">
        <v>18.100000000000001</v>
      </c>
      <c r="Y25198" s="2">
        <v>49.1</v>
      </c>
      <c r="Z25198" s="2">
        <v>134.19999999999999</v>
      </c>
      <c r="AA25198" s="5">
        <v>12</v>
      </c>
      <c r="AB25198" s="5" t="s">
        <v>43</v>
      </c>
      <c r="AC25198" s="5" t="s">
        <v>735</v>
      </c>
      <c r="AD25198" s="2" t="s">
        <v>80413</v>
      </c>
      <c r="AE25198" s="1"/>
    </row>
    <row r="25199" spans="1:31" ht="14.45">
      <c r="A25199" s="5" t="s">
        <v>116</v>
      </c>
      <c r="B25199" s="21">
        <v>46143</v>
      </c>
      <c r="C25199" s="2" t="s">
        <v>80521</v>
      </c>
      <c r="D25199" s="14" t="s">
        <v>80522</v>
      </c>
      <c r="E25199" s="2" t="s">
        <v>80523</v>
      </c>
      <c r="F25199" s="2" t="s">
        <v>130</v>
      </c>
      <c r="G25199" s="8">
        <v>825</v>
      </c>
      <c r="H25199" s="5">
        <v>5</v>
      </c>
      <c r="I25199" s="5" t="s">
        <v>79637</v>
      </c>
      <c r="J25199" s="5" t="s">
        <v>79638</v>
      </c>
      <c r="K25199" s="2" t="s">
        <v>79639</v>
      </c>
      <c r="L25199" s="5" t="s">
        <v>79638</v>
      </c>
      <c r="M25199" s="2" t="s">
        <v>79639</v>
      </c>
      <c r="N25199" s="5" t="s">
        <v>79640</v>
      </c>
      <c r="O25199" s="5" t="s">
        <v>38</v>
      </c>
      <c r="P25199" s="5" t="s">
        <v>39</v>
      </c>
      <c r="Q25199" s="5" t="s">
        <v>40</v>
      </c>
      <c r="R25199" s="5" t="s">
        <v>24335</v>
      </c>
      <c r="S25199" s="5" t="s">
        <v>40</v>
      </c>
      <c r="T25199" s="5" t="s">
        <v>42</v>
      </c>
      <c r="U25199" s="2">
        <v>12.702999999999999</v>
      </c>
      <c r="V25199" s="2">
        <v>10.173999999999999</v>
      </c>
      <c r="W25199" s="2">
        <v>0.10100000000000001</v>
      </c>
      <c r="X25199" s="2">
        <v>43</v>
      </c>
      <c r="Y25199" s="2">
        <v>16.5</v>
      </c>
      <c r="Z25199" s="2">
        <v>143</v>
      </c>
      <c r="AA25199" s="5">
        <v>14</v>
      </c>
      <c r="AB25199" s="5" t="s">
        <v>43</v>
      </c>
      <c r="AC25199" s="5" t="s">
        <v>735</v>
      </c>
      <c r="AD25199" s="2" t="s">
        <v>79774</v>
      </c>
      <c r="AE25199" s="1"/>
    </row>
    <row r="25200" spans="1:31" ht="14.45">
      <c r="A25200" s="5"/>
      <c r="B25200" s="21"/>
      <c r="C25200" s="2" t="s">
        <v>80524</v>
      </c>
      <c r="D25200" s="14" t="s">
        <v>80525</v>
      </c>
      <c r="E25200" s="2" t="s">
        <v>80526</v>
      </c>
      <c r="F25200" s="2" t="s">
        <v>79778</v>
      </c>
      <c r="G25200" s="8">
        <v>825</v>
      </c>
      <c r="H25200" s="5">
        <v>5</v>
      </c>
      <c r="I25200" s="5" t="s">
        <v>79637</v>
      </c>
      <c r="J25200" s="5" t="s">
        <v>79638</v>
      </c>
      <c r="K25200" s="2" t="s">
        <v>79639</v>
      </c>
      <c r="L25200" s="5" t="s">
        <v>79638</v>
      </c>
      <c r="M25200" s="2" t="s">
        <v>79639</v>
      </c>
      <c r="N25200" s="5" t="s">
        <v>79640</v>
      </c>
      <c r="O25200" s="5" t="s">
        <v>38</v>
      </c>
      <c r="P25200" s="5" t="s">
        <v>39</v>
      </c>
      <c r="Q25200" s="5" t="s">
        <v>40</v>
      </c>
      <c r="R25200" s="5" t="s">
        <v>24335</v>
      </c>
      <c r="S25200" s="5" t="s">
        <v>40</v>
      </c>
      <c r="T25200" s="5" t="s">
        <v>42</v>
      </c>
      <c r="U25200" s="2">
        <v>15.345000000000001</v>
      </c>
      <c r="V25200" s="2">
        <v>13.17</v>
      </c>
      <c r="W25200" s="2">
        <v>0.11899999999999999</v>
      </c>
      <c r="X25200" s="2">
        <v>18.100000000000001</v>
      </c>
      <c r="Y25200" s="2">
        <v>49.1</v>
      </c>
      <c r="Z25200" s="2">
        <v>134.19999999999999</v>
      </c>
      <c r="AA25200" s="5">
        <v>12</v>
      </c>
      <c r="AB25200" s="5" t="s">
        <v>43</v>
      </c>
      <c r="AC25200" s="5" t="s">
        <v>735</v>
      </c>
      <c r="AD25200" s="2" t="s">
        <v>80420</v>
      </c>
      <c r="AE25200" s="1"/>
    </row>
    <row r="25201" spans="1:31" ht="14.45">
      <c r="A25201" s="5"/>
      <c r="B25201" s="21"/>
      <c r="C25201" s="2" t="s">
        <v>80527</v>
      </c>
      <c r="D25201" s="14" t="s">
        <v>80528</v>
      </c>
      <c r="E25201" s="2" t="s">
        <v>80529</v>
      </c>
      <c r="F25201" s="2" t="s">
        <v>79783</v>
      </c>
      <c r="G25201" s="8">
        <v>751</v>
      </c>
      <c r="H25201" s="5">
        <v>5</v>
      </c>
      <c r="I25201" s="5" t="s">
        <v>79637</v>
      </c>
      <c r="J25201" s="5" t="s">
        <v>79638</v>
      </c>
      <c r="K25201" s="2" t="s">
        <v>79639</v>
      </c>
      <c r="L25201" s="5" t="s">
        <v>79638</v>
      </c>
      <c r="M25201" s="2" t="s">
        <v>79639</v>
      </c>
      <c r="N25201" s="5" t="s">
        <v>79640</v>
      </c>
      <c r="O25201" s="5" t="s">
        <v>38</v>
      </c>
      <c r="P25201" s="5" t="s">
        <v>39</v>
      </c>
      <c r="Q25201" s="5" t="s">
        <v>40</v>
      </c>
      <c r="R25201" s="5" t="s">
        <v>24335</v>
      </c>
      <c r="S25201" s="5" t="s">
        <v>40</v>
      </c>
      <c r="T25201" s="5" t="s">
        <v>42</v>
      </c>
      <c r="U25201" s="2">
        <v>13.664</v>
      </c>
      <c r="V25201" s="2">
        <v>11.489000000000001</v>
      </c>
      <c r="W25201" s="2">
        <v>0.11899999999999999</v>
      </c>
      <c r="X25201" s="2">
        <v>18.100000000000001</v>
      </c>
      <c r="Y25201" s="2">
        <v>49.1</v>
      </c>
      <c r="Z25201" s="2">
        <v>134.19999999999999</v>
      </c>
      <c r="AA25201" s="5">
        <v>12</v>
      </c>
      <c r="AB25201" s="5" t="s">
        <v>43</v>
      </c>
      <c r="AC25201" s="5" t="s">
        <v>735</v>
      </c>
      <c r="AD25201" s="2" t="s">
        <v>80424</v>
      </c>
      <c r="AE25201" s="1"/>
    </row>
    <row r="25202" spans="1:31" ht="14.45">
      <c r="A25202" s="5" t="s">
        <v>116</v>
      </c>
      <c r="B25202" s="21">
        <v>46143</v>
      </c>
      <c r="C25202" s="2" t="s">
        <v>80530</v>
      </c>
      <c r="D25202" s="14" t="s">
        <v>80531</v>
      </c>
      <c r="E25202" s="2" t="s">
        <v>80532</v>
      </c>
      <c r="F25202" s="2" t="s">
        <v>130</v>
      </c>
      <c r="G25202" s="8">
        <v>731</v>
      </c>
      <c r="H25202" s="5">
        <v>5</v>
      </c>
      <c r="I25202" s="5" t="s">
        <v>79637</v>
      </c>
      <c r="J25202" s="5" t="s">
        <v>79638</v>
      </c>
      <c r="K25202" s="2" t="s">
        <v>79639</v>
      </c>
      <c r="L25202" s="5" t="s">
        <v>79638</v>
      </c>
      <c r="M25202" s="2" t="s">
        <v>79639</v>
      </c>
      <c r="N25202" s="5" t="s">
        <v>79640</v>
      </c>
      <c r="O25202" s="5" t="s">
        <v>38</v>
      </c>
      <c r="P25202" s="5" t="s">
        <v>39</v>
      </c>
      <c r="Q25202" s="5" t="s">
        <v>40</v>
      </c>
      <c r="R25202" s="5" t="s">
        <v>24335</v>
      </c>
      <c r="S25202" s="5" t="s">
        <v>40</v>
      </c>
      <c r="T25202" s="5" t="s">
        <v>42</v>
      </c>
      <c r="U25202" s="2">
        <v>12.115</v>
      </c>
      <c r="V25202" s="2">
        <v>9.4039999999999999</v>
      </c>
      <c r="W25202" s="2">
        <v>0.11600000000000001</v>
      </c>
      <c r="X25202" s="2">
        <v>43</v>
      </c>
      <c r="Y25202" s="2">
        <v>16.5</v>
      </c>
      <c r="Z25202" s="2">
        <v>162.80000000000001</v>
      </c>
      <c r="AA25202" s="5">
        <v>14</v>
      </c>
      <c r="AB25202" s="5" t="s">
        <v>43</v>
      </c>
      <c r="AC25202" s="5" t="s">
        <v>735</v>
      </c>
      <c r="AD25202" s="2" t="s">
        <v>80400</v>
      </c>
      <c r="AE25202" s="1"/>
    </row>
    <row r="25203" spans="1:31" ht="14.45">
      <c r="A25203" s="5"/>
      <c r="B25203" s="21"/>
      <c r="C25203" s="2" t="s">
        <v>80533</v>
      </c>
      <c r="D25203" s="14" t="s">
        <v>80534</v>
      </c>
      <c r="E25203" s="2" t="s">
        <v>80535</v>
      </c>
      <c r="F25203" s="2" t="s">
        <v>79740</v>
      </c>
      <c r="G25203" s="8">
        <v>731</v>
      </c>
      <c r="H25203" s="5">
        <v>5</v>
      </c>
      <c r="I25203" s="5" t="s">
        <v>79637</v>
      </c>
      <c r="J25203" s="5" t="s">
        <v>79638</v>
      </c>
      <c r="K25203" s="2" t="s">
        <v>79639</v>
      </c>
      <c r="L25203" s="5" t="s">
        <v>79638</v>
      </c>
      <c r="M25203" s="2" t="s">
        <v>79639</v>
      </c>
      <c r="N25203" s="5" t="s">
        <v>79640</v>
      </c>
      <c r="O25203" s="5" t="s">
        <v>38</v>
      </c>
      <c r="P25203" s="5" t="s">
        <v>39</v>
      </c>
      <c r="Q25203" s="5" t="s">
        <v>40</v>
      </c>
      <c r="R25203" s="5" t="s">
        <v>24335</v>
      </c>
      <c r="S25203" s="5" t="s">
        <v>40</v>
      </c>
      <c r="T25203" s="5" t="s">
        <v>42</v>
      </c>
      <c r="U25203" s="2">
        <v>14.942</v>
      </c>
      <c r="V25203" s="2">
        <v>12.564</v>
      </c>
      <c r="W25203" s="2">
        <v>0.13900000000000001</v>
      </c>
      <c r="X25203" s="2">
        <v>18.100000000000001</v>
      </c>
      <c r="Y25203" s="2">
        <v>49.1</v>
      </c>
      <c r="Z25203" s="2">
        <v>156.19999999999999</v>
      </c>
      <c r="AA25203" s="5">
        <v>12</v>
      </c>
      <c r="AB25203" s="5" t="s">
        <v>43</v>
      </c>
      <c r="AC25203" s="5" t="s">
        <v>735</v>
      </c>
      <c r="AD25203" s="2" t="s">
        <v>80413</v>
      </c>
      <c r="AE25203" s="1"/>
    </row>
    <row r="25204" spans="1:31" ht="14.45">
      <c r="A25204" s="5" t="s">
        <v>116</v>
      </c>
      <c r="B25204" s="21">
        <v>46143</v>
      </c>
      <c r="C25204" s="2" t="s">
        <v>80536</v>
      </c>
      <c r="D25204" s="14" t="s">
        <v>80537</v>
      </c>
      <c r="E25204" s="2" t="s">
        <v>80538</v>
      </c>
      <c r="F25204" s="2" t="s">
        <v>130</v>
      </c>
      <c r="G25204" s="8">
        <v>857</v>
      </c>
      <c r="H25204" s="5">
        <v>5</v>
      </c>
      <c r="I25204" s="5" t="s">
        <v>79637</v>
      </c>
      <c r="J25204" s="5" t="s">
        <v>79638</v>
      </c>
      <c r="K25204" s="2" t="s">
        <v>79639</v>
      </c>
      <c r="L25204" s="5" t="s">
        <v>79638</v>
      </c>
      <c r="M25204" s="2" t="s">
        <v>79639</v>
      </c>
      <c r="N25204" s="5" t="s">
        <v>79640</v>
      </c>
      <c r="O25204" s="5" t="s">
        <v>38</v>
      </c>
      <c r="P25204" s="5" t="s">
        <v>39</v>
      </c>
      <c r="Q25204" s="5" t="s">
        <v>40</v>
      </c>
      <c r="R25204" s="5" t="s">
        <v>24335</v>
      </c>
      <c r="S25204" s="5" t="s">
        <v>40</v>
      </c>
      <c r="T25204" s="5" t="s">
        <v>42</v>
      </c>
      <c r="U25204" s="2">
        <v>14.038</v>
      </c>
      <c r="V25204" s="2">
        <v>11.321999999999999</v>
      </c>
      <c r="W25204" s="2">
        <v>0.11600000000000001</v>
      </c>
      <c r="X25204" s="2">
        <v>43</v>
      </c>
      <c r="Y25204" s="2">
        <v>16.5</v>
      </c>
      <c r="Z25204" s="2">
        <v>162.80000000000001</v>
      </c>
      <c r="AA25204" s="5">
        <v>14</v>
      </c>
      <c r="AB25204" s="5" t="s">
        <v>43</v>
      </c>
      <c r="AC25204" s="5" t="s">
        <v>735</v>
      </c>
      <c r="AD25204" s="2" t="s">
        <v>79774</v>
      </c>
      <c r="AE25204" s="1"/>
    </row>
    <row r="25205" spans="1:31" ht="14.45">
      <c r="A25205" s="5"/>
      <c r="B25205" s="21"/>
      <c r="C25205" s="2" t="s">
        <v>80539</v>
      </c>
      <c r="D25205" s="14" t="s">
        <v>80540</v>
      </c>
      <c r="E25205" s="2" t="s">
        <v>80541</v>
      </c>
      <c r="F25205" s="2" t="s">
        <v>79778</v>
      </c>
      <c r="G25205" s="8">
        <v>857</v>
      </c>
      <c r="H25205" s="5">
        <v>5</v>
      </c>
      <c r="I25205" s="5" t="s">
        <v>79637</v>
      </c>
      <c r="J25205" s="5" t="s">
        <v>79638</v>
      </c>
      <c r="K25205" s="2" t="s">
        <v>79639</v>
      </c>
      <c r="L25205" s="5" t="s">
        <v>79638</v>
      </c>
      <c r="M25205" s="2" t="s">
        <v>79639</v>
      </c>
      <c r="N25205" s="5" t="s">
        <v>79640</v>
      </c>
      <c r="O25205" s="5" t="s">
        <v>38</v>
      </c>
      <c r="P25205" s="5" t="s">
        <v>39</v>
      </c>
      <c r="Q25205" s="5" t="s">
        <v>40</v>
      </c>
      <c r="R25205" s="5" t="s">
        <v>24335</v>
      </c>
      <c r="S25205" s="5" t="s">
        <v>40</v>
      </c>
      <c r="T25205" s="5" t="s">
        <v>42</v>
      </c>
      <c r="U25205" s="2">
        <v>16.891999999999999</v>
      </c>
      <c r="V25205" s="2">
        <v>14.513999999999999</v>
      </c>
      <c r="W25205" s="2">
        <v>0.13900000000000001</v>
      </c>
      <c r="X25205" s="2">
        <v>18.100000000000001</v>
      </c>
      <c r="Y25205" s="2">
        <v>49.1</v>
      </c>
      <c r="Z25205" s="2">
        <v>156.19999999999999</v>
      </c>
      <c r="AA25205" s="5">
        <v>12</v>
      </c>
      <c r="AB25205" s="5" t="s">
        <v>43</v>
      </c>
      <c r="AC25205" s="5" t="s">
        <v>735</v>
      </c>
      <c r="AD25205" s="2" t="s">
        <v>80420</v>
      </c>
      <c r="AE25205" s="1"/>
    </row>
    <row r="25206" spans="1:31" ht="14.45">
      <c r="A25206" s="5"/>
      <c r="B25206" s="21"/>
      <c r="C25206" s="2" t="s">
        <v>80542</v>
      </c>
      <c r="D25206" s="14" t="s">
        <v>80543</v>
      </c>
      <c r="E25206" s="2" t="s">
        <v>80544</v>
      </c>
      <c r="F25206" s="2" t="s">
        <v>79783</v>
      </c>
      <c r="G25206" s="8">
        <v>777</v>
      </c>
      <c r="H25206" s="5">
        <v>5</v>
      </c>
      <c r="I25206" s="5" t="s">
        <v>79637</v>
      </c>
      <c r="J25206" s="5" t="s">
        <v>79638</v>
      </c>
      <c r="K25206" s="2" t="s">
        <v>79639</v>
      </c>
      <c r="L25206" s="5" t="s">
        <v>79638</v>
      </c>
      <c r="M25206" s="2" t="s">
        <v>79639</v>
      </c>
      <c r="N25206" s="5" t="s">
        <v>79640</v>
      </c>
      <c r="O25206" s="5" t="s">
        <v>38</v>
      </c>
      <c r="P25206" s="5" t="s">
        <v>39</v>
      </c>
      <c r="Q25206" s="5" t="s">
        <v>40</v>
      </c>
      <c r="R25206" s="5" t="s">
        <v>24335</v>
      </c>
      <c r="S25206" s="5" t="s">
        <v>40</v>
      </c>
      <c r="T25206" s="5" t="s">
        <v>42</v>
      </c>
      <c r="U25206" s="2">
        <v>14.978999999999999</v>
      </c>
      <c r="V25206" s="2">
        <v>12.601000000000001</v>
      </c>
      <c r="W25206" s="2">
        <v>0.13900000000000001</v>
      </c>
      <c r="X25206" s="2">
        <v>18.100000000000001</v>
      </c>
      <c r="Y25206" s="2">
        <v>49.1</v>
      </c>
      <c r="Z25206" s="2">
        <v>156.19999999999999</v>
      </c>
      <c r="AA25206" s="5">
        <v>12</v>
      </c>
      <c r="AB25206" s="5" t="s">
        <v>43</v>
      </c>
      <c r="AC25206" s="5" t="s">
        <v>735</v>
      </c>
      <c r="AD25206" s="2" t="s">
        <v>80424</v>
      </c>
      <c r="AE25206" s="1"/>
    </row>
    <row r="25207" spans="1:31" ht="14.45">
      <c r="A25207" s="5" t="s">
        <v>116</v>
      </c>
      <c r="B25207" s="21">
        <v>46143</v>
      </c>
      <c r="C25207" s="2" t="s">
        <v>80545</v>
      </c>
      <c r="D25207" s="14" t="s">
        <v>80546</v>
      </c>
      <c r="E25207" s="2" t="s">
        <v>80547</v>
      </c>
      <c r="F25207" s="2" t="s">
        <v>130</v>
      </c>
      <c r="G25207" s="8">
        <v>773</v>
      </c>
      <c r="H25207" s="5">
        <v>5</v>
      </c>
      <c r="I25207" s="5" t="s">
        <v>79637</v>
      </c>
      <c r="J25207" s="5" t="s">
        <v>79638</v>
      </c>
      <c r="K25207" s="2" t="s">
        <v>79639</v>
      </c>
      <c r="L25207" s="5" t="s">
        <v>79638</v>
      </c>
      <c r="M25207" s="2" t="s">
        <v>79639</v>
      </c>
      <c r="N25207" s="5" t="s">
        <v>79640</v>
      </c>
      <c r="O25207" s="5" t="s">
        <v>38</v>
      </c>
      <c r="P25207" s="5" t="s">
        <v>39</v>
      </c>
      <c r="Q25207" s="5" t="s">
        <v>40</v>
      </c>
      <c r="R25207" s="5" t="s">
        <v>24335</v>
      </c>
      <c r="S25207" s="5" t="s">
        <v>40</v>
      </c>
      <c r="T25207" s="5" t="s">
        <v>42</v>
      </c>
      <c r="U25207" s="2">
        <v>13.122</v>
      </c>
      <c r="V25207" s="2">
        <v>10.26</v>
      </c>
      <c r="W25207" s="2">
        <v>0.126</v>
      </c>
      <c r="X25207" s="2">
        <v>43</v>
      </c>
      <c r="Y25207" s="2">
        <v>16.5</v>
      </c>
      <c r="Z25207" s="2">
        <v>177.8</v>
      </c>
      <c r="AA25207" s="5">
        <v>14</v>
      </c>
      <c r="AB25207" s="5" t="s">
        <v>43</v>
      </c>
      <c r="AC25207" s="5" t="s">
        <v>735</v>
      </c>
      <c r="AD25207" s="2" t="s">
        <v>80400</v>
      </c>
      <c r="AE25207" s="1"/>
    </row>
    <row r="25208" spans="1:31" ht="14.45">
      <c r="A25208" s="5"/>
      <c r="B25208" s="21"/>
      <c r="C25208" s="2" t="s">
        <v>80548</v>
      </c>
      <c r="D25208" s="14" t="s">
        <v>80549</v>
      </c>
      <c r="E25208" s="2" t="s">
        <v>80550</v>
      </c>
      <c r="F25208" s="2" t="s">
        <v>79740</v>
      </c>
      <c r="G25208" s="8">
        <v>773</v>
      </c>
      <c r="H25208" s="5">
        <v>5</v>
      </c>
      <c r="I25208" s="5" t="s">
        <v>79637</v>
      </c>
      <c r="J25208" s="5" t="s">
        <v>79638</v>
      </c>
      <c r="K25208" s="2" t="s">
        <v>79639</v>
      </c>
      <c r="L25208" s="5" t="s">
        <v>79638</v>
      </c>
      <c r="M25208" s="2" t="s">
        <v>79639</v>
      </c>
      <c r="N25208" s="5" t="s">
        <v>79640</v>
      </c>
      <c r="O25208" s="5" t="s">
        <v>38</v>
      </c>
      <c r="P25208" s="5" t="s">
        <v>39</v>
      </c>
      <c r="Q25208" s="5" t="s">
        <v>40</v>
      </c>
      <c r="R25208" s="5" t="s">
        <v>24335</v>
      </c>
      <c r="S25208" s="5" t="s">
        <v>40</v>
      </c>
      <c r="T25208" s="5" t="s">
        <v>42</v>
      </c>
      <c r="U25208" s="2">
        <v>16.123000000000001</v>
      </c>
      <c r="V25208" s="2">
        <v>13.54</v>
      </c>
      <c r="W25208" s="2">
        <v>0.153</v>
      </c>
      <c r="X25208" s="2">
        <v>18.100000000000001</v>
      </c>
      <c r="Y25208" s="2">
        <v>49.1</v>
      </c>
      <c r="Z25208" s="2">
        <v>172.4</v>
      </c>
      <c r="AA25208" s="5">
        <v>12</v>
      </c>
      <c r="AB25208" s="5" t="s">
        <v>43</v>
      </c>
      <c r="AC25208" s="5" t="s">
        <v>735</v>
      </c>
      <c r="AD25208" s="2" t="s">
        <v>80413</v>
      </c>
      <c r="AE25208" s="1"/>
    </row>
    <row r="25209" spans="1:31" ht="14.45">
      <c r="A25209" s="5" t="s">
        <v>116</v>
      </c>
      <c r="B25209" s="21">
        <v>46143</v>
      </c>
      <c r="C25209" s="2" t="s">
        <v>80551</v>
      </c>
      <c r="D25209" s="14" t="s">
        <v>80552</v>
      </c>
      <c r="E25209" s="2" t="s">
        <v>80553</v>
      </c>
      <c r="F25209" s="2" t="s">
        <v>130</v>
      </c>
      <c r="G25209" s="8">
        <v>909</v>
      </c>
      <c r="H25209" s="5">
        <v>10</v>
      </c>
      <c r="I25209" s="5" t="s">
        <v>79637</v>
      </c>
      <c r="J25209" s="5" t="s">
        <v>79638</v>
      </c>
      <c r="K25209" s="2" t="s">
        <v>79639</v>
      </c>
      <c r="L25209" s="5" t="s">
        <v>79638</v>
      </c>
      <c r="M25209" s="2" t="s">
        <v>79639</v>
      </c>
      <c r="N25209" s="5" t="s">
        <v>79640</v>
      </c>
      <c r="O25209" s="5" t="s">
        <v>38</v>
      </c>
      <c r="P25209" s="5" t="s">
        <v>39</v>
      </c>
      <c r="Q25209" s="5" t="s">
        <v>40</v>
      </c>
      <c r="R25209" s="5" t="s">
        <v>24335</v>
      </c>
      <c r="S25209" s="5" t="s">
        <v>40</v>
      </c>
      <c r="T25209" s="5" t="s">
        <v>42</v>
      </c>
      <c r="U25209" s="2">
        <v>15.269</v>
      </c>
      <c r="V25209" s="2">
        <v>12.401999999999999</v>
      </c>
      <c r="W25209" s="2">
        <v>0.126</v>
      </c>
      <c r="X25209" s="2">
        <v>43</v>
      </c>
      <c r="Y25209" s="2">
        <v>16.5</v>
      </c>
      <c r="Z25209" s="2">
        <v>177.8</v>
      </c>
      <c r="AA25209" s="5">
        <v>14</v>
      </c>
      <c r="AB25209" s="5" t="s">
        <v>43</v>
      </c>
      <c r="AC25209" s="5" t="s">
        <v>735</v>
      </c>
      <c r="AD25209" s="2" t="s">
        <v>79774</v>
      </c>
      <c r="AE25209" s="1"/>
    </row>
    <row r="25210" spans="1:31" ht="14.45">
      <c r="A25210" s="5"/>
      <c r="B25210" s="21"/>
      <c r="C25210" s="2" t="s">
        <v>80554</v>
      </c>
      <c r="D25210" s="14" t="s">
        <v>80555</v>
      </c>
      <c r="E25210" s="2" t="s">
        <v>80556</v>
      </c>
      <c r="F25210" s="2" t="s">
        <v>79778</v>
      </c>
      <c r="G25210" s="8">
        <v>909</v>
      </c>
      <c r="H25210" s="5">
        <v>10</v>
      </c>
      <c r="I25210" s="5" t="s">
        <v>79637</v>
      </c>
      <c r="J25210" s="5" t="s">
        <v>79638</v>
      </c>
      <c r="K25210" s="2" t="s">
        <v>79639</v>
      </c>
      <c r="L25210" s="5" t="s">
        <v>79638</v>
      </c>
      <c r="M25210" s="2" t="s">
        <v>79639</v>
      </c>
      <c r="N25210" s="5" t="s">
        <v>79640</v>
      </c>
      <c r="O25210" s="5" t="s">
        <v>38</v>
      </c>
      <c r="P25210" s="5" t="s">
        <v>39</v>
      </c>
      <c r="Q25210" s="5" t="s">
        <v>40</v>
      </c>
      <c r="R25210" s="5" t="s">
        <v>24335</v>
      </c>
      <c r="S25210" s="5" t="s">
        <v>40</v>
      </c>
      <c r="T25210" s="5" t="s">
        <v>42</v>
      </c>
      <c r="U25210" s="2">
        <v>18.292999999999999</v>
      </c>
      <c r="V25210" s="2">
        <v>15.71</v>
      </c>
      <c r="W25210" s="2">
        <v>0.153</v>
      </c>
      <c r="X25210" s="2">
        <v>18.100000000000001</v>
      </c>
      <c r="Y25210" s="2">
        <v>49.1</v>
      </c>
      <c r="Z25210" s="2">
        <v>172.4</v>
      </c>
      <c r="AA25210" s="5">
        <v>12</v>
      </c>
      <c r="AB25210" s="5" t="s">
        <v>43</v>
      </c>
      <c r="AC25210" s="5" t="s">
        <v>735</v>
      </c>
      <c r="AD25210" s="2" t="s">
        <v>80420</v>
      </c>
      <c r="AE25210" s="1"/>
    </row>
    <row r="25211" spans="1:31" ht="14.45">
      <c r="A25211" s="5"/>
      <c r="B25211" s="21"/>
      <c r="C25211" s="2" t="s">
        <v>80557</v>
      </c>
      <c r="D25211" s="14" t="s">
        <v>80558</v>
      </c>
      <c r="E25211" s="2" t="s">
        <v>80559</v>
      </c>
      <c r="F25211" s="2" t="s">
        <v>79783</v>
      </c>
      <c r="G25211" s="8">
        <v>819</v>
      </c>
      <c r="H25211" s="5">
        <v>10</v>
      </c>
      <c r="I25211" s="5" t="s">
        <v>79637</v>
      </c>
      <c r="J25211" s="5" t="s">
        <v>79638</v>
      </c>
      <c r="K25211" s="2" t="s">
        <v>79639</v>
      </c>
      <c r="L25211" s="5" t="s">
        <v>79638</v>
      </c>
      <c r="M25211" s="2" t="s">
        <v>79639</v>
      </c>
      <c r="N25211" s="5" t="s">
        <v>79640</v>
      </c>
      <c r="O25211" s="5" t="s">
        <v>38</v>
      </c>
      <c r="P25211" s="5" t="s">
        <v>39</v>
      </c>
      <c r="Q25211" s="5" t="s">
        <v>40</v>
      </c>
      <c r="R25211" s="5" t="s">
        <v>24335</v>
      </c>
      <c r="S25211" s="5" t="s">
        <v>40</v>
      </c>
      <c r="T25211" s="5" t="s">
        <v>42</v>
      </c>
      <c r="U25211" s="2">
        <v>16.164999999999999</v>
      </c>
      <c r="V25211" s="2">
        <v>13.582000000000001</v>
      </c>
      <c r="W25211" s="2">
        <v>0.153</v>
      </c>
      <c r="X25211" s="2">
        <v>18.100000000000001</v>
      </c>
      <c r="Y25211" s="2">
        <v>49.1</v>
      </c>
      <c r="Z25211" s="2">
        <v>172.4</v>
      </c>
      <c r="AA25211" s="5">
        <v>12</v>
      </c>
      <c r="AB25211" s="5" t="s">
        <v>43</v>
      </c>
      <c r="AC25211" s="5" t="s">
        <v>735</v>
      </c>
      <c r="AD25211" s="2" t="s">
        <v>80424</v>
      </c>
      <c r="AE25211" s="1"/>
    </row>
    <row r="25212" spans="1:31" ht="14.45">
      <c r="A25212" s="5" t="s">
        <v>116</v>
      </c>
      <c r="B25212" s="21">
        <v>46143</v>
      </c>
      <c r="C25212" s="2" t="s">
        <v>80560</v>
      </c>
      <c r="D25212" s="14" t="s">
        <v>80561</v>
      </c>
      <c r="E25212" s="2" t="s">
        <v>80562</v>
      </c>
      <c r="F25212" s="2" t="s">
        <v>130</v>
      </c>
      <c r="G25212" s="8">
        <v>846</v>
      </c>
      <c r="H25212" s="5">
        <v>10</v>
      </c>
      <c r="I25212" s="5" t="s">
        <v>79637</v>
      </c>
      <c r="J25212" s="5" t="s">
        <v>79638</v>
      </c>
      <c r="K25212" s="2" t="s">
        <v>79639</v>
      </c>
      <c r="L25212" s="5" t="s">
        <v>79638</v>
      </c>
      <c r="M25212" s="2" t="s">
        <v>79639</v>
      </c>
      <c r="N25212" s="5" t="s">
        <v>79640</v>
      </c>
      <c r="O25212" s="5" t="s">
        <v>38</v>
      </c>
      <c r="P25212" s="5" t="s">
        <v>39</v>
      </c>
      <c r="Q25212" s="5" t="s">
        <v>40</v>
      </c>
      <c r="R25212" s="5" t="s">
        <v>24335</v>
      </c>
      <c r="S25212" s="5" t="s">
        <v>40</v>
      </c>
      <c r="T25212" s="5" t="s">
        <v>42</v>
      </c>
      <c r="U25212" s="2">
        <v>14.077999999999999</v>
      </c>
      <c r="V25212" s="2">
        <v>11.022</v>
      </c>
      <c r="W25212" s="2">
        <v>0.14099999999999999</v>
      </c>
      <c r="X25212" s="2">
        <v>43</v>
      </c>
      <c r="Y25212" s="2">
        <v>16.5</v>
      </c>
      <c r="Z25212" s="2">
        <v>199.2</v>
      </c>
      <c r="AA25212" s="5">
        <v>14</v>
      </c>
      <c r="AB25212" s="5" t="s">
        <v>43</v>
      </c>
      <c r="AC25212" s="5" t="s">
        <v>735</v>
      </c>
      <c r="AD25212" s="2" t="s">
        <v>80400</v>
      </c>
      <c r="AE25212" s="1"/>
    </row>
    <row r="25213" spans="1:31" ht="14.45">
      <c r="A25213" s="5"/>
      <c r="B25213" s="21"/>
      <c r="C25213" s="2" t="s">
        <v>80563</v>
      </c>
      <c r="D25213" s="14" t="s">
        <v>80564</v>
      </c>
      <c r="E25213" s="2" t="s">
        <v>80565</v>
      </c>
      <c r="F25213" s="2" t="s">
        <v>79740</v>
      </c>
      <c r="G25213" s="8">
        <v>846</v>
      </c>
      <c r="H25213" s="5">
        <v>10</v>
      </c>
      <c r="I25213" s="5" t="s">
        <v>79637</v>
      </c>
      <c r="J25213" s="5" t="s">
        <v>79638</v>
      </c>
      <c r="K25213" s="2" t="s">
        <v>79639</v>
      </c>
      <c r="L25213" s="5" t="s">
        <v>79638</v>
      </c>
      <c r="M25213" s="2" t="s">
        <v>79639</v>
      </c>
      <c r="N25213" s="5" t="s">
        <v>79640</v>
      </c>
      <c r="O25213" s="5" t="s">
        <v>38</v>
      </c>
      <c r="P25213" s="5" t="s">
        <v>39</v>
      </c>
      <c r="Q25213" s="5" t="s">
        <v>40</v>
      </c>
      <c r="R25213" s="5" t="s">
        <v>24335</v>
      </c>
      <c r="S25213" s="5" t="s">
        <v>40</v>
      </c>
      <c r="T25213" s="5" t="s">
        <v>42</v>
      </c>
      <c r="U25213" s="2">
        <v>17.361000000000001</v>
      </c>
      <c r="V25213" s="2">
        <v>14.521000000000001</v>
      </c>
      <c r="W25213" s="2">
        <v>0.17100000000000001</v>
      </c>
      <c r="X25213" s="2">
        <v>18.100000000000001</v>
      </c>
      <c r="Y25213" s="2">
        <v>49.1</v>
      </c>
      <c r="Z25213" s="2">
        <v>192.4</v>
      </c>
      <c r="AA25213" s="5">
        <v>12</v>
      </c>
      <c r="AB25213" s="5" t="s">
        <v>43</v>
      </c>
      <c r="AC25213" s="5" t="s">
        <v>735</v>
      </c>
      <c r="AD25213" s="2" t="s">
        <v>80413</v>
      </c>
      <c r="AE25213" s="1"/>
    </row>
    <row r="25214" spans="1:31" ht="14.45">
      <c r="A25214" s="5" t="s">
        <v>116</v>
      </c>
      <c r="B25214" s="21">
        <v>46143</v>
      </c>
      <c r="C25214" s="2" t="s">
        <v>80566</v>
      </c>
      <c r="D25214" s="14" t="s">
        <v>80567</v>
      </c>
      <c r="E25214" s="2" t="s">
        <v>80568</v>
      </c>
      <c r="F25214" s="2" t="s">
        <v>130</v>
      </c>
      <c r="G25214" s="8">
        <v>999</v>
      </c>
      <c r="H25214" s="5">
        <v>10</v>
      </c>
      <c r="I25214" s="5" t="s">
        <v>79637</v>
      </c>
      <c r="J25214" s="5" t="s">
        <v>79638</v>
      </c>
      <c r="K25214" s="2" t="s">
        <v>79639</v>
      </c>
      <c r="L25214" s="5" t="s">
        <v>79638</v>
      </c>
      <c r="M25214" s="2" t="s">
        <v>79639</v>
      </c>
      <c r="N25214" s="5" t="s">
        <v>79640</v>
      </c>
      <c r="O25214" s="5" t="s">
        <v>38</v>
      </c>
      <c r="P25214" s="5" t="s">
        <v>39</v>
      </c>
      <c r="Q25214" s="5" t="s">
        <v>40</v>
      </c>
      <c r="R25214" s="5" t="s">
        <v>24335</v>
      </c>
      <c r="S25214" s="5" t="s">
        <v>40</v>
      </c>
      <c r="T25214" s="5" t="s">
        <v>42</v>
      </c>
      <c r="U25214" s="2">
        <v>16.446000000000002</v>
      </c>
      <c r="V25214" s="2">
        <v>13.385</v>
      </c>
      <c r="W25214" s="2">
        <v>0.14099999999999999</v>
      </c>
      <c r="X25214" s="2">
        <v>43</v>
      </c>
      <c r="Y25214" s="2">
        <v>16.5</v>
      </c>
      <c r="Z25214" s="2">
        <v>199.2</v>
      </c>
      <c r="AA25214" s="5">
        <v>14</v>
      </c>
      <c r="AB25214" s="5" t="s">
        <v>43</v>
      </c>
      <c r="AC25214" s="5" t="s">
        <v>735</v>
      </c>
      <c r="AD25214" s="2" t="s">
        <v>79774</v>
      </c>
      <c r="AE25214" s="1"/>
    </row>
    <row r="25215" spans="1:31" ht="14.45">
      <c r="A25215" s="5"/>
      <c r="B25215" s="21"/>
      <c r="C25215" s="2" t="s">
        <v>80569</v>
      </c>
      <c r="D25215" s="14" t="s">
        <v>80570</v>
      </c>
      <c r="E25215" s="2" t="s">
        <v>80571</v>
      </c>
      <c r="F25215" s="2" t="s">
        <v>79778</v>
      </c>
      <c r="G25215" s="8">
        <v>999</v>
      </c>
      <c r="H25215" s="5">
        <v>10</v>
      </c>
      <c r="I25215" s="5" t="s">
        <v>79637</v>
      </c>
      <c r="J25215" s="5" t="s">
        <v>79638</v>
      </c>
      <c r="K25215" s="2" t="s">
        <v>79639</v>
      </c>
      <c r="L25215" s="5" t="s">
        <v>79638</v>
      </c>
      <c r="M25215" s="2" t="s">
        <v>79639</v>
      </c>
      <c r="N25215" s="5" t="s">
        <v>79640</v>
      </c>
      <c r="O25215" s="5" t="s">
        <v>38</v>
      </c>
      <c r="P25215" s="5" t="s">
        <v>39</v>
      </c>
      <c r="Q25215" s="5" t="s">
        <v>40</v>
      </c>
      <c r="R25215" s="5" t="s">
        <v>24335</v>
      </c>
      <c r="S25215" s="5" t="s">
        <v>40</v>
      </c>
      <c r="T25215" s="5" t="s">
        <v>42</v>
      </c>
      <c r="U25215" s="2">
        <v>19.734999999999999</v>
      </c>
      <c r="V25215" s="2">
        <v>16.895</v>
      </c>
      <c r="W25215" s="2">
        <v>0.17100000000000001</v>
      </c>
      <c r="X25215" s="2">
        <v>18.100000000000001</v>
      </c>
      <c r="Y25215" s="2">
        <v>49.1</v>
      </c>
      <c r="Z25215" s="2">
        <v>192.4</v>
      </c>
      <c r="AA25215" s="5">
        <v>12</v>
      </c>
      <c r="AB25215" s="5" t="s">
        <v>43</v>
      </c>
      <c r="AC25215" s="5" t="s">
        <v>735</v>
      </c>
      <c r="AD25215" s="2" t="s">
        <v>80420</v>
      </c>
      <c r="AE25215" s="1"/>
    </row>
    <row r="25216" spans="1:31" ht="14.45">
      <c r="A25216" s="5"/>
      <c r="B25216" s="21"/>
      <c r="C25216" s="2" t="s">
        <v>80572</v>
      </c>
      <c r="D25216" s="14" t="s">
        <v>80573</v>
      </c>
      <c r="E25216" s="2" t="s">
        <v>80574</v>
      </c>
      <c r="F25216" s="2" t="s">
        <v>79783</v>
      </c>
      <c r="G25216" s="8">
        <v>892</v>
      </c>
      <c r="H25216" s="5">
        <v>10</v>
      </c>
      <c r="I25216" s="5" t="s">
        <v>79637</v>
      </c>
      <c r="J25216" s="5" t="s">
        <v>79638</v>
      </c>
      <c r="K25216" s="2" t="s">
        <v>79639</v>
      </c>
      <c r="L25216" s="5" t="s">
        <v>79638</v>
      </c>
      <c r="M25216" s="2" t="s">
        <v>79639</v>
      </c>
      <c r="N25216" s="5" t="s">
        <v>79640</v>
      </c>
      <c r="O25216" s="5" t="s">
        <v>38</v>
      </c>
      <c r="P25216" s="5" t="s">
        <v>39</v>
      </c>
      <c r="Q25216" s="5" t="s">
        <v>40</v>
      </c>
      <c r="R25216" s="5" t="s">
        <v>24335</v>
      </c>
      <c r="S25216" s="5" t="s">
        <v>40</v>
      </c>
      <c r="T25216" s="5" t="s">
        <v>42</v>
      </c>
      <c r="U25216" s="2">
        <v>17.395</v>
      </c>
      <c r="V25216" s="2">
        <v>14.555</v>
      </c>
      <c r="W25216" s="2">
        <v>0.17100000000000001</v>
      </c>
      <c r="X25216" s="2">
        <v>18.100000000000001</v>
      </c>
      <c r="Y25216" s="2">
        <v>49.1</v>
      </c>
      <c r="Z25216" s="2">
        <v>192.4</v>
      </c>
      <c r="AA25216" s="5">
        <v>12</v>
      </c>
      <c r="AB25216" s="5" t="s">
        <v>43</v>
      </c>
      <c r="AC25216" s="5" t="s">
        <v>735</v>
      </c>
      <c r="AD25216" s="2" t="s">
        <v>80424</v>
      </c>
      <c r="AE25216" s="1"/>
    </row>
    <row r="25217" spans="1:31" ht="14.45">
      <c r="A25217" s="5" t="s">
        <v>116</v>
      </c>
      <c r="B25217" s="21">
        <v>46143</v>
      </c>
      <c r="C25217" s="2" t="s">
        <v>80575</v>
      </c>
      <c r="D25217" s="14" t="s">
        <v>80576</v>
      </c>
      <c r="E25217" s="2" t="s">
        <v>80577</v>
      </c>
      <c r="F25217" s="2" t="s">
        <v>130</v>
      </c>
      <c r="G25217" s="8">
        <v>752</v>
      </c>
      <c r="H25217" s="5">
        <v>5</v>
      </c>
      <c r="I25217" s="5" t="s">
        <v>79637</v>
      </c>
      <c r="J25217" s="5" t="s">
        <v>79638</v>
      </c>
      <c r="K25217" s="2" t="s">
        <v>79639</v>
      </c>
      <c r="L25217" s="5" t="s">
        <v>79638</v>
      </c>
      <c r="M25217" s="2" t="s">
        <v>79639</v>
      </c>
      <c r="N25217" s="5" t="s">
        <v>79640</v>
      </c>
      <c r="O25217" s="5" t="s">
        <v>38</v>
      </c>
      <c r="P25217" s="5" t="s">
        <v>39</v>
      </c>
      <c r="Q25217" s="5" t="s">
        <v>40</v>
      </c>
      <c r="R25217" s="5" t="s">
        <v>24335</v>
      </c>
      <c r="S25217" s="5" t="s">
        <v>40</v>
      </c>
      <c r="T25217" s="5" t="s">
        <v>42</v>
      </c>
      <c r="U25217" s="2">
        <v>11.882999999999999</v>
      </c>
      <c r="V25217" s="2">
        <v>9.359</v>
      </c>
      <c r="W25217" s="2">
        <v>0.10100000000000001</v>
      </c>
      <c r="X25217" s="2">
        <v>43</v>
      </c>
      <c r="Y25217" s="2">
        <v>16.5</v>
      </c>
      <c r="Z25217" s="2">
        <v>143</v>
      </c>
      <c r="AA25217" s="5">
        <v>14</v>
      </c>
      <c r="AB25217" s="5" t="s">
        <v>43</v>
      </c>
      <c r="AC25217" s="5" t="s">
        <v>735</v>
      </c>
      <c r="AD25217" s="2" t="s">
        <v>80400</v>
      </c>
      <c r="AE25217" s="1"/>
    </row>
    <row r="25218" spans="1:31" ht="14.45">
      <c r="A25218" s="5"/>
      <c r="B25218" s="21"/>
      <c r="C25218" s="2" t="s">
        <v>80578</v>
      </c>
      <c r="D25218" s="14" t="s">
        <v>80579</v>
      </c>
      <c r="E25218" s="2" t="s">
        <v>80580</v>
      </c>
      <c r="F25218" s="2" t="s">
        <v>79740</v>
      </c>
      <c r="G25218" s="8">
        <v>752</v>
      </c>
      <c r="H25218" s="5">
        <v>5</v>
      </c>
      <c r="I25218" s="5" t="s">
        <v>79637</v>
      </c>
      <c r="J25218" s="5" t="s">
        <v>79638</v>
      </c>
      <c r="K25218" s="2" t="s">
        <v>79639</v>
      </c>
      <c r="L25218" s="5" t="s">
        <v>79638</v>
      </c>
      <c r="M25218" s="2" t="s">
        <v>79639</v>
      </c>
      <c r="N25218" s="5" t="s">
        <v>79640</v>
      </c>
      <c r="O25218" s="5" t="s">
        <v>38</v>
      </c>
      <c r="P25218" s="5" t="s">
        <v>39</v>
      </c>
      <c r="Q25218" s="5" t="s">
        <v>40</v>
      </c>
      <c r="R25218" s="5" t="s">
        <v>24335</v>
      </c>
      <c r="S25218" s="5" t="s">
        <v>40</v>
      </c>
      <c r="T25218" s="5" t="s">
        <v>42</v>
      </c>
      <c r="U25218" s="2">
        <v>14.834</v>
      </c>
      <c r="V25218" s="2">
        <v>12.641</v>
      </c>
      <c r="W25218" s="2">
        <v>0.11899999999999999</v>
      </c>
      <c r="X25218" s="2">
        <v>18.100000000000001</v>
      </c>
      <c r="Y25218" s="2">
        <v>49.1</v>
      </c>
      <c r="Z25218" s="2">
        <v>134.19999999999999</v>
      </c>
      <c r="AA25218" s="5">
        <v>12</v>
      </c>
      <c r="AB25218" s="5" t="s">
        <v>43</v>
      </c>
      <c r="AC25218" s="5" t="s">
        <v>735</v>
      </c>
      <c r="AD25218" s="2" t="s">
        <v>80413</v>
      </c>
      <c r="AE25218" s="1"/>
    </row>
    <row r="25219" spans="1:31" ht="14.45">
      <c r="A25219" s="5" t="s">
        <v>116</v>
      </c>
      <c r="B25219" s="21">
        <v>46143</v>
      </c>
      <c r="C25219" s="2" t="s">
        <v>80581</v>
      </c>
      <c r="D25219" s="14" t="s">
        <v>80582</v>
      </c>
      <c r="E25219" s="2" t="s">
        <v>80583</v>
      </c>
      <c r="F25219" s="2" t="s">
        <v>130</v>
      </c>
      <c r="G25219" s="8">
        <v>883</v>
      </c>
      <c r="H25219" s="5">
        <v>5</v>
      </c>
      <c r="I25219" s="5" t="s">
        <v>79637</v>
      </c>
      <c r="J25219" s="5" t="s">
        <v>79638</v>
      </c>
      <c r="K25219" s="2" t="s">
        <v>79639</v>
      </c>
      <c r="L25219" s="5" t="s">
        <v>79638</v>
      </c>
      <c r="M25219" s="2" t="s">
        <v>79639</v>
      </c>
      <c r="N25219" s="5" t="s">
        <v>79640</v>
      </c>
      <c r="O25219" s="5" t="s">
        <v>38</v>
      </c>
      <c r="P25219" s="5" t="s">
        <v>39</v>
      </c>
      <c r="Q25219" s="5" t="s">
        <v>40</v>
      </c>
      <c r="R25219" s="5" t="s">
        <v>24335</v>
      </c>
      <c r="S25219" s="5" t="s">
        <v>40</v>
      </c>
      <c r="T25219" s="5" t="s">
        <v>42</v>
      </c>
      <c r="U25219" s="2">
        <v>13.653</v>
      </c>
      <c r="V25219" s="2">
        <v>11.124000000000001</v>
      </c>
      <c r="W25219" s="2">
        <v>0.10100000000000001</v>
      </c>
      <c r="X25219" s="2">
        <v>43</v>
      </c>
      <c r="Y25219" s="2">
        <v>16.5</v>
      </c>
      <c r="Z25219" s="2">
        <v>143</v>
      </c>
      <c r="AA25219" s="5">
        <v>14</v>
      </c>
      <c r="AB25219" s="5" t="s">
        <v>43</v>
      </c>
      <c r="AC25219" s="5" t="s">
        <v>735</v>
      </c>
      <c r="AD25219" s="2" t="s">
        <v>79774</v>
      </c>
      <c r="AE25219" s="1"/>
    </row>
    <row r="25220" spans="1:31" ht="14.45">
      <c r="A25220" s="5"/>
      <c r="B25220" s="21"/>
      <c r="C25220" s="2" t="s">
        <v>80584</v>
      </c>
      <c r="D25220" s="14" t="s">
        <v>80585</v>
      </c>
      <c r="E25220" s="2" t="s">
        <v>80586</v>
      </c>
      <c r="F25220" s="2" t="s">
        <v>79778</v>
      </c>
      <c r="G25220" s="8">
        <v>883</v>
      </c>
      <c r="H25220" s="5">
        <v>5</v>
      </c>
      <c r="I25220" s="5" t="s">
        <v>79637</v>
      </c>
      <c r="J25220" s="5" t="s">
        <v>79638</v>
      </c>
      <c r="K25220" s="2" t="s">
        <v>79639</v>
      </c>
      <c r="L25220" s="5" t="s">
        <v>79638</v>
      </c>
      <c r="M25220" s="2" t="s">
        <v>79639</v>
      </c>
      <c r="N25220" s="5" t="s">
        <v>79640</v>
      </c>
      <c r="O25220" s="5" t="s">
        <v>38</v>
      </c>
      <c r="P25220" s="5" t="s">
        <v>39</v>
      </c>
      <c r="Q25220" s="5" t="s">
        <v>40</v>
      </c>
      <c r="R25220" s="5" t="s">
        <v>24335</v>
      </c>
      <c r="S25220" s="5" t="s">
        <v>40</v>
      </c>
      <c r="T25220" s="5" t="s">
        <v>42</v>
      </c>
      <c r="U25220" s="2">
        <v>16.654</v>
      </c>
      <c r="V25220" s="2">
        <v>14.461</v>
      </c>
      <c r="W25220" s="2">
        <v>0.11899999999999999</v>
      </c>
      <c r="X25220" s="2">
        <v>18.100000000000001</v>
      </c>
      <c r="Y25220" s="2">
        <v>49.1</v>
      </c>
      <c r="Z25220" s="2">
        <v>134.19999999999999</v>
      </c>
      <c r="AA25220" s="5">
        <v>12</v>
      </c>
      <c r="AB25220" s="5" t="s">
        <v>43</v>
      </c>
      <c r="AC25220" s="5" t="s">
        <v>735</v>
      </c>
      <c r="AD25220" s="2" t="s">
        <v>80420</v>
      </c>
      <c r="AE25220" s="1"/>
    </row>
    <row r="25221" spans="1:31" ht="14.45">
      <c r="A25221" s="5"/>
      <c r="B25221" s="21"/>
      <c r="C25221" s="2" t="s">
        <v>80587</v>
      </c>
      <c r="D25221" s="14" t="s">
        <v>80588</v>
      </c>
      <c r="E25221" s="2" t="s">
        <v>80589</v>
      </c>
      <c r="F25221" s="2" t="s">
        <v>79783</v>
      </c>
      <c r="G25221" s="8">
        <v>798</v>
      </c>
      <c r="H25221" s="5">
        <v>10</v>
      </c>
      <c r="I25221" s="5" t="s">
        <v>79637</v>
      </c>
      <c r="J25221" s="5" t="s">
        <v>79638</v>
      </c>
      <c r="K25221" s="2" t="s">
        <v>79639</v>
      </c>
      <c r="L25221" s="5" t="s">
        <v>79638</v>
      </c>
      <c r="M25221" s="2" t="s">
        <v>79639</v>
      </c>
      <c r="N25221" s="5" t="s">
        <v>79640</v>
      </c>
      <c r="O25221" s="5" t="s">
        <v>38</v>
      </c>
      <c r="P25221" s="5" t="s">
        <v>39</v>
      </c>
      <c r="Q25221" s="5" t="s">
        <v>40</v>
      </c>
      <c r="R25221" s="5" t="s">
        <v>24335</v>
      </c>
      <c r="S25221" s="5" t="s">
        <v>40</v>
      </c>
      <c r="T25221" s="5" t="s">
        <v>42</v>
      </c>
      <c r="U25221" s="2">
        <v>14.861000000000001</v>
      </c>
      <c r="V25221" s="2">
        <v>12.667999999999999</v>
      </c>
      <c r="W25221" s="2">
        <v>0.11899999999999999</v>
      </c>
      <c r="X25221" s="2">
        <v>18.100000000000001</v>
      </c>
      <c r="Y25221" s="2">
        <v>49.1</v>
      </c>
      <c r="Z25221" s="2">
        <v>134.19999999999999</v>
      </c>
      <c r="AA25221" s="5">
        <v>12</v>
      </c>
      <c r="AB25221" s="5" t="s">
        <v>43</v>
      </c>
      <c r="AC25221" s="5" t="s">
        <v>735</v>
      </c>
      <c r="AD25221" s="2" t="s">
        <v>80424</v>
      </c>
      <c r="AE25221" s="1"/>
    </row>
    <row r="25222" spans="1:31" ht="14.45">
      <c r="A25222" s="5" t="s">
        <v>116</v>
      </c>
      <c r="B25222" s="21">
        <v>46143</v>
      </c>
      <c r="C25222" s="2" t="s">
        <v>80590</v>
      </c>
      <c r="D25222" s="14" t="s">
        <v>80591</v>
      </c>
      <c r="E25222" s="2" t="s">
        <v>80592</v>
      </c>
      <c r="F25222" s="2" t="s">
        <v>130</v>
      </c>
      <c r="G25222" s="8">
        <v>783</v>
      </c>
      <c r="H25222" s="5">
        <v>5</v>
      </c>
      <c r="I25222" s="5" t="s">
        <v>79637</v>
      </c>
      <c r="J25222" s="5" t="s">
        <v>79638</v>
      </c>
      <c r="K25222" s="2" t="s">
        <v>79639</v>
      </c>
      <c r="L25222" s="5" t="s">
        <v>79638</v>
      </c>
      <c r="M25222" s="2" t="s">
        <v>79639</v>
      </c>
      <c r="N25222" s="5" t="s">
        <v>79640</v>
      </c>
      <c r="O25222" s="5" t="s">
        <v>38</v>
      </c>
      <c r="P25222" s="5" t="s">
        <v>39</v>
      </c>
      <c r="Q25222" s="5" t="s">
        <v>40</v>
      </c>
      <c r="R25222" s="5" t="s">
        <v>24335</v>
      </c>
      <c r="S25222" s="5" t="s">
        <v>40</v>
      </c>
      <c r="T25222" s="5" t="s">
        <v>42</v>
      </c>
      <c r="U25222" s="2">
        <v>13.064</v>
      </c>
      <c r="V25222" s="2">
        <v>10.353</v>
      </c>
      <c r="W25222" s="2">
        <v>0.11600000000000001</v>
      </c>
      <c r="X25222" s="2">
        <v>43</v>
      </c>
      <c r="Y25222" s="2">
        <v>16.5</v>
      </c>
      <c r="Z25222" s="2">
        <v>162.80000000000001</v>
      </c>
      <c r="AA25222" s="5">
        <v>14</v>
      </c>
      <c r="AB25222" s="5" t="s">
        <v>43</v>
      </c>
      <c r="AC25222" s="5" t="s">
        <v>735</v>
      </c>
      <c r="AD25222" s="2" t="s">
        <v>80400</v>
      </c>
      <c r="AE25222" s="1"/>
    </row>
    <row r="25223" spans="1:31" ht="14.45">
      <c r="A25223" s="5"/>
      <c r="B25223" s="21"/>
      <c r="C25223" s="2" t="s">
        <v>80593</v>
      </c>
      <c r="D25223" s="14" t="s">
        <v>80594</v>
      </c>
      <c r="E25223" s="2" t="s">
        <v>80595</v>
      </c>
      <c r="F25223" s="2" t="s">
        <v>79740</v>
      </c>
      <c r="G25223" s="8">
        <v>783</v>
      </c>
      <c r="H25223" s="5">
        <v>5</v>
      </c>
      <c r="I25223" s="5" t="s">
        <v>79637</v>
      </c>
      <c r="J25223" s="5" t="s">
        <v>79638</v>
      </c>
      <c r="K25223" s="2" t="s">
        <v>79639</v>
      </c>
      <c r="L25223" s="5" t="s">
        <v>79638</v>
      </c>
      <c r="M25223" s="2" t="s">
        <v>79639</v>
      </c>
      <c r="N25223" s="5" t="s">
        <v>79640</v>
      </c>
      <c r="O25223" s="5" t="s">
        <v>38</v>
      </c>
      <c r="P25223" s="5" t="s">
        <v>39</v>
      </c>
      <c r="Q25223" s="5" t="s">
        <v>40</v>
      </c>
      <c r="R25223" s="5" t="s">
        <v>24335</v>
      </c>
      <c r="S25223" s="5" t="s">
        <v>40</v>
      </c>
      <c r="T25223" s="5" t="s">
        <v>42</v>
      </c>
      <c r="U25223" s="2">
        <v>16.248999999999999</v>
      </c>
      <c r="V25223" s="2">
        <v>13.853</v>
      </c>
      <c r="W25223" s="2">
        <v>0.13900000000000001</v>
      </c>
      <c r="X25223" s="2">
        <v>18.100000000000001</v>
      </c>
      <c r="Y25223" s="2">
        <v>49.1</v>
      </c>
      <c r="Z25223" s="2">
        <v>156.19999999999999</v>
      </c>
      <c r="AA25223" s="5">
        <v>12</v>
      </c>
      <c r="AB25223" s="5" t="s">
        <v>43</v>
      </c>
      <c r="AC25223" s="5" t="s">
        <v>735</v>
      </c>
      <c r="AD25223" s="2" t="s">
        <v>80413</v>
      </c>
      <c r="AE25223" s="1"/>
    </row>
    <row r="25224" spans="1:31" ht="14.45">
      <c r="A25224" s="5" t="s">
        <v>116</v>
      </c>
      <c r="B25224" s="21">
        <v>46143</v>
      </c>
      <c r="C25224" s="2" t="s">
        <v>80596</v>
      </c>
      <c r="D25224" s="14" t="s">
        <v>80597</v>
      </c>
      <c r="E25224" s="2" t="s">
        <v>80598</v>
      </c>
      <c r="F25224" s="2" t="s">
        <v>130</v>
      </c>
      <c r="G25224" s="8">
        <v>922</v>
      </c>
      <c r="H25224" s="5">
        <v>5</v>
      </c>
      <c r="I25224" s="5" t="s">
        <v>79637</v>
      </c>
      <c r="J25224" s="5" t="s">
        <v>79638</v>
      </c>
      <c r="K25224" s="2" t="s">
        <v>79639</v>
      </c>
      <c r="L25224" s="5" t="s">
        <v>79638</v>
      </c>
      <c r="M25224" s="2" t="s">
        <v>79639</v>
      </c>
      <c r="N25224" s="5" t="s">
        <v>79640</v>
      </c>
      <c r="O25224" s="5" t="s">
        <v>38</v>
      </c>
      <c r="P25224" s="5" t="s">
        <v>39</v>
      </c>
      <c r="Q25224" s="5" t="s">
        <v>40</v>
      </c>
      <c r="R25224" s="5" t="s">
        <v>24335</v>
      </c>
      <c r="S25224" s="5" t="s">
        <v>40</v>
      </c>
      <c r="T25224" s="5" t="s">
        <v>42</v>
      </c>
      <c r="U25224" s="2">
        <v>15.077999999999999</v>
      </c>
      <c r="V25224" s="2">
        <v>12.362</v>
      </c>
      <c r="W25224" s="2">
        <v>0.11600000000000001</v>
      </c>
      <c r="X25224" s="2">
        <v>43</v>
      </c>
      <c r="Y25224" s="2">
        <v>16.5</v>
      </c>
      <c r="Z25224" s="2">
        <v>162.80000000000001</v>
      </c>
      <c r="AA25224" s="5">
        <v>14</v>
      </c>
      <c r="AB25224" s="5" t="s">
        <v>43</v>
      </c>
      <c r="AC25224" s="5" t="s">
        <v>735</v>
      </c>
      <c r="AD25224" s="2" t="s">
        <v>79774</v>
      </c>
      <c r="AE25224" s="1"/>
    </row>
    <row r="25225" spans="1:31" ht="14.45">
      <c r="A25225" s="5"/>
      <c r="B25225" s="21"/>
      <c r="C25225" s="2" t="s">
        <v>80599</v>
      </c>
      <c r="D25225" s="14" t="s">
        <v>80600</v>
      </c>
      <c r="E25225" s="2" t="s">
        <v>80601</v>
      </c>
      <c r="F25225" s="2" t="s">
        <v>79778</v>
      </c>
      <c r="G25225" s="8">
        <v>922</v>
      </c>
      <c r="H25225" s="5">
        <v>5</v>
      </c>
      <c r="I25225" s="5" t="s">
        <v>79637</v>
      </c>
      <c r="J25225" s="5" t="s">
        <v>79638</v>
      </c>
      <c r="K25225" s="2" t="s">
        <v>79639</v>
      </c>
      <c r="L25225" s="5" t="s">
        <v>79638</v>
      </c>
      <c r="M25225" s="2" t="s">
        <v>79639</v>
      </c>
      <c r="N25225" s="5" t="s">
        <v>79640</v>
      </c>
      <c r="O25225" s="5" t="s">
        <v>38</v>
      </c>
      <c r="P25225" s="5" t="s">
        <v>39</v>
      </c>
      <c r="Q25225" s="5" t="s">
        <v>40</v>
      </c>
      <c r="R25225" s="5" t="s">
        <v>24335</v>
      </c>
      <c r="S25225" s="5" t="s">
        <v>40</v>
      </c>
      <c r="T25225" s="5" t="s">
        <v>42</v>
      </c>
      <c r="U25225" s="2">
        <v>18.309000000000001</v>
      </c>
      <c r="V25225" s="2">
        <v>15.913</v>
      </c>
      <c r="W25225" s="2">
        <v>0.13900000000000001</v>
      </c>
      <c r="X25225" s="2">
        <v>18.100000000000001</v>
      </c>
      <c r="Y25225" s="2">
        <v>49.1</v>
      </c>
      <c r="Z25225" s="2">
        <v>156.19999999999999</v>
      </c>
      <c r="AA25225" s="5">
        <v>12</v>
      </c>
      <c r="AB25225" s="5" t="s">
        <v>43</v>
      </c>
      <c r="AC25225" s="5" t="s">
        <v>735</v>
      </c>
      <c r="AD25225" s="2" t="s">
        <v>80420</v>
      </c>
      <c r="AE25225" s="1"/>
    </row>
    <row r="25226" spans="1:31" ht="14.45">
      <c r="A25226" s="5"/>
      <c r="B25226" s="21"/>
      <c r="C25226" s="2" t="s">
        <v>80602</v>
      </c>
      <c r="D25226" s="14" t="s">
        <v>80603</v>
      </c>
      <c r="E25226" s="2" t="s">
        <v>80604</v>
      </c>
      <c r="F25226" s="2" t="s">
        <v>79783</v>
      </c>
      <c r="G25226" s="8">
        <v>829</v>
      </c>
      <c r="H25226" s="5">
        <v>10</v>
      </c>
      <c r="I25226" s="5" t="s">
        <v>79637</v>
      </c>
      <c r="J25226" s="5" t="s">
        <v>79638</v>
      </c>
      <c r="K25226" s="2" t="s">
        <v>79639</v>
      </c>
      <c r="L25226" s="5" t="s">
        <v>79638</v>
      </c>
      <c r="M25226" s="2" t="s">
        <v>79639</v>
      </c>
      <c r="N25226" s="5" t="s">
        <v>79640</v>
      </c>
      <c r="O25226" s="5" t="s">
        <v>38</v>
      </c>
      <c r="P25226" s="5" t="s">
        <v>39</v>
      </c>
      <c r="Q25226" s="5" t="s">
        <v>40</v>
      </c>
      <c r="R25226" s="5" t="s">
        <v>24335</v>
      </c>
      <c r="S25226" s="5" t="s">
        <v>40</v>
      </c>
      <c r="T25226" s="5" t="s">
        <v>42</v>
      </c>
      <c r="U25226" s="2">
        <v>16.283999999999999</v>
      </c>
      <c r="V25226" s="2">
        <v>13.888</v>
      </c>
      <c r="W25226" s="2">
        <v>0.13900000000000001</v>
      </c>
      <c r="X25226" s="2">
        <v>18.100000000000001</v>
      </c>
      <c r="Y25226" s="2">
        <v>49.1</v>
      </c>
      <c r="Z25226" s="2">
        <v>156.19999999999999</v>
      </c>
      <c r="AA25226" s="5">
        <v>12</v>
      </c>
      <c r="AB25226" s="5" t="s">
        <v>43</v>
      </c>
      <c r="AC25226" s="5" t="s">
        <v>735</v>
      </c>
      <c r="AD25226" s="2" t="s">
        <v>80424</v>
      </c>
      <c r="AE25226" s="1"/>
    </row>
    <row r="25227" spans="1:31" ht="14.45">
      <c r="A25227" s="5" t="s">
        <v>116</v>
      </c>
      <c r="B25227" s="21">
        <v>46143</v>
      </c>
      <c r="C25227" s="2" t="s">
        <v>80605</v>
      </c>
      <c r="D25227" s="14" t="s">
        <v>80606</v>
      </c>
      <c r="E25227" s="2" t="s">
        <v>80607</v>
      </c>
      <c r="F25227" s="2" t="s">
        <v>130</v>
      </c>
      <c r="G25227" s="8">
        <v>825</v>
      </c>
      <c r="H25227" s="5">
        <v>5</v>
      </c>
      <c r="I25227" s="5" t="s">
        <v>79637</v>
      </c>
      <c r="J25227" s="5" t="s">
        <v>79638</v>
      </c>
      <c r="K25227" s="2" t="s">
        <v>79639</v>
      </c>
      <c r="L25227" s="5" t="s">
        <v>79638</v>
      </c>
      <c r="M25227" s="2" t="s">
        <v>79639</v>
      </c>
      <c r="N25227" s="5" t="s">
        <v>79640</v>
      </c>
      <c r="O25227" s="5" t="s">
        <v>38</v>
      </c>
      <c r="P25227" s="5" t="s">
        <v>39</v>
      </c>
      <c r="Q25227" s="5" t="s">
        <v>40</v>
      </c>
      <c r="R25227" s="5" t="s">
        <v>24335</v>
      </c>
      <c r="S25227" s="5" t="s">
        <v>40</v>
      </c>
      <c r="T25227" s="5" t="s">
        <v>42</v>
      </c>
      <c r="U25227" s="2">
        <v>14.161</v>
      </c>
      <c r="V25227" s="2">
        <v>11.298999999999999</v>
      </c>
      <c r="W25227" s="2">
        <v>0.126</v>
      </c>
      <c r="X25227" s="2">
        <v>43</v>
      </c>
      <c r="Y25227" s="2">
        <v>16.5</v>
      </c>
      <c r="Z25227" s="2">
        <v>177.8</v>
      </c>
      <c r="AA25227" s="5">
        <v>14</v>
      </c>
      <c r="AB25227" s="5" t="s">
        <v>43</v>
      </c>
      <c r="AC25227" s="5" t="s">
        <v>735</v>
      </c>
      <c r="AD25227" s="2" t="s">
        <v>80400</v>
      </c>
      <c r="AE25227" s="1"/>
    </row>
    <row r="25228" spans="1:31" ht="14.45">
      <c r="A25228" s="5"/>
      <c r="B25228" s="21"/>
      <c r="C25228" s="2" t="s">
        <v>80608</v>
      </c>
      <c r="D25228" s="14" t="s">
        <v>80609</v>
      </c>
      <c r="E25228" s="2" t="s">
        <v>80610</v>
      </c>
      <c r="F25228" s="2" t="s">
        <v>79740</v>
      </c>
      <c r="G25228" s="8">
        <v>825</v>
      </c>
      <c r="H25228" s="5">
        <v>5</v>
      </c>
      <c r="I25228" s="5" t="s">
        <v>79637</v>
      </c>
      <c r="J25228" s="5" t="s">
        <v>79638</v>
      </c>
      <c r="K25228" s="2" t="s">
        <v>79639</v>
      </c>
      <c r="L25228" s="5" t="s">
        <v>79638</v>
      </c>
      <c r="M25228" s="2" t="s">
        <v>79639</v>
      </c>
      <c r="N25228" s="5" t="s">
        <v>79640</v>
      </c>
      <c r="O25228" s="5" t="s">
        <v>38</v>
      </c>
      <c r="P25228" s="5" t="s">
        <v>39</v>
      </c>
      <c r="Q25228" s="5" t="s">
        <v>40</v>
      </c>
      <c r="R25228" s="5" t="s">
        <v>24335</v>
      </c>
      <c r="S25228" s="5" t="s">
        <v>40</v>
      </c>
      <c r="T25228" s="5" t="s">
        <v>42</v>
      </c>
      <c r="U25228" s="2">
        <v>17.510000000000002</v>
      </c>
      <c r="V25228" s="2">
        <v>14.909000000000001</v>
      </c>
      <c r="W25228" s="2">
        <v>0.153</v>
      </c>
      <c r="X25228" s="2">
        <v>18.100000000000001</v>
      </c>
      <c r="Y25228" s="2">
        <v>49.1</v>
      </c>
      <c r="Z25228" s="2">
        <v>172.4</v>
      </c>
      <c r="AA25228" s="5">
        <v>12</v>
      </c>
      <c r="AB25228" s="5" t="s">
        <v>43</v>
      </c>
      <c r="AC25228" s="5" t="s">
        <v>735</v>
      </c>
      <c r="AD25228" s="2" t="s">
        <v>80413</v>
      </c>
      <c r="AE25228" s="1"/>
    </row>
    <row r="25229" spans="1:31" ht="14.45">
      <c r="A25229" s="5" t="s">
        <v>116</v>
      </c>
      <c r="B25229" s="21">
        <v>46143</v>
      </c>
      <c r="C25229" s="2" t="s">
        <v>80611</v>
      </c>
      <c r="D25229" s="14" t="s">
        <v>80612</v>
      </c>
      <c r="E25229" s="2" t="s">
        <v>80613</v>
      </c>
      <c r="F25229" s="2" t="s">
        <v>130</v>
      </c>
      <c r="G25229" s="8">
        <v>973</v>
      </c>
      <c r="H25229" s="5">
        <v>5</v>
      </c>
      <c r="I25229" s="5" t="s">
        <v>79637</v>
      </c>
      <c r="J25229" s="5" t="s">
        <v>79638</v>
      </c>
      <c r="K25229" s="2" t="s">
        <v>79639</v>
      </c>
      <c r="L25229" s="5" t="s">
        <v>79638</v>
      </c>
      <c r="M25229" s="2" t="s">
        <v>79639</v>
      </c>
      <c r="N25229" s="5" t="s">
        <v>79640</v>
      </c>
      <c r="O25229" s="5" t="s">
        <v>38</v>
      </c>
      <c r="P25229" s="5" t="s">
        <v>39</v>
      </c>
      <c r="Q25229" s="5" t="s">
        <v>40</v>
      </c>
      <c r="R25229" s="5" t="s">
        <v>24335</v>
      </c>
      <c r="S25229" s="5" t="s">
        <v>40</v>
      </c>
      <c r="T25229" s="5" t="s">
        <v>42</v>
      </c>
      <c r="U25229" s="2">
        <v>16.399000000000001</v>
      </c>
      <c r="V25229" s="2">
        <v>13.532</v>
      </c>
      <c r="W25229" s="2">
        <v>0.126</v>
      </c>
      <c r="X25229" s="2">
        <v>43</v>
      </c>
      <c r="Y25229" s="2">
        <v>16.5</v>
      </c>
      <c r="Z25229" s="2">
        <v>177.8</v>
      </c>
      <c r="AA25229" s="5">
        <v>14</v>
      </c>
      <c r="AB25229" s="5" t="s">
        <v>43</v>
      </c>
      <c r="AC25229" s="5" t="s">
        <v>735</v>
      </c>
      <c r="AD25229" s="2" t="s">
        <v>79774</v>
      </c>
      <c r="AE25229" s="1"/>
    </row>
    <row r="25230" spans="1:31" ht="14.45">
      <c r="A25230" s="5"/>
      <c r="B25230" s="21"/>
      <c r="C25230" s="2" t="s">
        <v>80614</v>
      </c>
      <c r="D25230" s="14" t="s">
        <v>80615</v>
      </c>
      <c r="E25230" s="2" t="s">
        <v>80616</v>
      </c>
      <c r="F25230" s="2" t="s">
        <v>79778</v>
      </c>
      <c r="G25230" s="8">
        <v>973</v>
      </c>
      <c r="H25230" s="5">
        <v>5</v>
      </c>
      <c r="I25230" s="5" t="s">
        <v>79637</v>
      </c>
      <c r="J25230" s="5" t="s">
        <v>79638</v>
      </c>
      <c r="K25230" s="2" t="s">
        <v>79639</v>
      </c>
      <c r="L25230" s="5" t="s">
        <v>79638</v>
      </c>
      <c r="M25230" s="2" t="s">
        <v>79639</v>
      </c>
      <c r="N25230" s="5" t="s">
        <v>79640</v>
      </c>
      <c r="O25230" s="5" t="s">
        <v>38</v>
      </c>
      <c r="P25230" s="5" t="s">
        <v>39</v>
      </c>
      <c r="Q25230" s="5" t="s">
        <v>40</v>
      </c>
      <c r="R25230" s="5" t="s">
        <v>24335</v>
      </c>
      <c r="S25230" s="5" t="s">
        <v>40</v>
      </c>
      <c r="T25230" s="5" t="s">
        <v>42</v>
      </c>
      <c r="U25230" s="2">
        <v>19.79</v>
      </c>
      <c r="V25230" s="2">
        <v>17.189</v>
      </c>
      <c r="W25230" s="2">
        <v>0.153</v>
      </c>
      <c r="X25230" s="2">
        <v>18.100000000000001</v>
      </c>
      <c r="Y25230" s="2">
        <v>49.1</v>
      </c>
      <c r="Z25230" s="2">
        <v>172.4</v>
      </c>
      <c r="AA25230" s="5">
        <v>12</v>
      </c>
      <c r="AB25230" s="5" t="s">
        <v>43</v>
      </c>
      <c r="AC25230" s="5" t="s">
        <v>735</v>
      </c>
      <c r="AD25230" s="2" t="s">
        <v>80420</v>
      </c>
      <c r="AE25230" s="1"/>
    </row>
    <row r="25231" spans="1:31" ht="14.45">
      <c r="A25231" s="5"/>
      <c r="B25231" s="21"/>
      <c r="C25231" s="2" t="s">
        <v>80617</v>
      </c>
      <c r="D25231" s="14" t="s">
        <v>80618</v>
      </c>
      <c r="E25231" s="2" t="s">
        <v>80619</v>
      </c>
      <c r="F25231" s="2" t="s">
        <v>79783</v>
      </c>
      <c r="G25231" s="8">
        <v>871</v>
      </c>
      <c r="H25231" s="5">
        <v>5</v>
      </c>
      <c r="I25231" s="5" t="s">
        <v>79637</v>
      </c>
      <c r="J25231" s="5" t="s">
        <v>79638</v>
      </c>
      <c r="K25231" s="2" t="s">
        <v>79639</v>
      </c>
      <c r="L25231" s="5" t="s">
        <v>79638</v>
      </c>
      <c r="M25231" s="2" t="s">
        <v>79639</v>
      </c>
      <c r="N25231" s="5" t="s">
        <v>79640</v>
      </c>
      <c r="O25231" s="5" t="s">
        <v>38</v>
      </c>
      <c r="P25231" s="5" t="s">
        <v>39</v>
      </c>
      <c r="Q25231" s="5" t="s">
        <v>40</v>
      </c>
      <c r="R25231" s="5" t="s">
        <v>24335</v>
      </c>
      <c r="S25231" s="5" t="s">
        <v>40</v>
      </c>
      <c r="T25231" s="5" t="s">
        <v>42</v>
      </c>
      <c r="U25231" s="2">
        <v>17.55</v>
      </c>
      <c r="V25231" s="2">
        <v>14.949</v>
      </c>
      <c r="W25231" s="2">
        <v>0.153</v>
      </c>
      <c r="X25231" s="2">
        <v>18.100000000000001</v>
      </c>
      <c r="Y25231" s="2">
        <v>49.1</v>
      </c>
      <c r="Z25231" s="2">
        <v>172.4</v>
      </c>
      <c r="AA25231" s="5">
        <v>12</v>
      </c>
      <c r="AB25231" s="5" t="s">
        <v>43</v>
      </c>
      <c r="AC25231" s="5" t="s">
        <v>735</v>
      </c>
      <c r="AD25231" s="2" t="s">
        <v>80424</v>
      </c>
      <c r="AE25231" s="1"/>
    </row>
    <row r="25232" spans="1:31" ht="14.45">
      <c r="A25232" s="5" t="s">
        <v>116</v>
      </c>
      <c r="B25232" s="21">
        <v>46143</v>
      </c>
      <c r="C25232" s="2" t="s">
        <v>80620</v>
      </c>
      <c r="D25232" s="14" t="s">
        <v>80621</v>
      </c>
      <c r="E25232" s="2" t="s">
        <v>80622</v>
      </c>
      <c r="F25232" s="2" t="s">
        <v>130</v>
      </c>
      <c r="G25232" s="8">
        <v>804</v>
      </c>
      <c r="H25232" s="5">
        <v>5</v>
      </c>
      <c r="I25232" s="5" t="s">
        <v>79637</v>
      </c>
      <c r="J25232" s="5" t="s">
        <v>79638</v>
      </c>
      <c r="K25232" s="2" t="s">
        <v>79639</v>
      </c>
      <c r="L25232" s="5" t="s">
        <v>79638</v>
      </c>
      <c r="M25232" s="2" t="s">
        <v>79639</v>
      </c>
      <c r="N25232" s="5" t="s">
        <v>79640</v>
      </c>
      <c r="O25232" s="5" t="s">
        <v>38</v>
      </c>
      <c r="P25232" s="5" t="s">
        <v>39</v>
      </c>
      <c r="Q25232" s="5" t="s">
        <v>40</v>
      </c>
      <c r="R25232" s="5" t="s">
        <v>24335</v>
      </c>
      <c r="S25232" s="5" t="s">
        <v>40</v>
      </c>
      <c r="T25232" s="5" t="s">
        <v>42</v>
      </c>
      <c r="U25232" s="2">
        <v>13.122</v>
      </c>
      <c r="V25232" s="2">
        <v>10.411</v>
      </c>
      <c r="W25232" s="2">
        <v>0.11600000000000001</v>
      </c>
      <c r="X25232" s="2">
        <v>43</v>
      </c>
      <c r="Y25232" s="2">
        <v>16.5</v>
      </c>
      <c r="Z25232" s="2">
        <v>162.80000000000001</v>
      </c>
      <c r="AA25232" s="5">
        <v>14</v>
      </c>
      <c r="AB25232" s="5" t="s">
        <v>43</v>
      </c>
      <c r="AC25232" s="5" t="s">
        <v>735</v>
      </c>
      <c r="AD25232" s="2" t="s">
        <v>80400</v>
      </c>
      <c r="AE25232" s="1"/>
    </row>
    <row r="25233" spans="1:31" ht="14.45">
      <c r="A25233" s="5"/>
      <c r="B25233" s="21"/>
      <c r="C25233" s="2" t="s">
        <v>80623</v>
      </c>
      <c r="D25233" s="14" t="s">
        <v>80624</v>
      </c>
      <c r="E25233" s="2" t="s">
        <v>80625</v>
      </c>
      <c r="F25233" s="2" t="s">
        <v>79740</v>
      </c>
      <c r="G25233" s="8">
        <v>804</v>
      </c>
      <c r="H25233" s="5">
        <v>5</v>
      </c>
      <c r="I25233" s="5" t="s">
        <v>79637</v>
      </c>
      <c r="J25233" s="5" t="s">
        <v>79638</v>
      </c>
      <c r="K25233" s="2" t="s">
        <v>79639</v>
      </c>
      <c r="L25233" s="5" t="s">
        <v>79638</v>
      </c>
      <c r="M25233" s="2" t="s">
        <v>79639</v>
      </c>
      <c r="N25233" s="5" t="s">
        <v>79640</v>
      </c>
      <c r="O25233" s="5" t="s">
        <v>38</v>
      </c>
      <c r="P25233" s="5" t="s">
        <v>39</v>
      </c>
      <c r="Q25233" s="5" t="s">
        <v>40</v>
      </c>
      <c r="R25233" s="5" t="s">
        <v>24335</v>
      </c>
      <c r="S25233" s="5" t="s">
        <v>40</v>
      </c>
      <c r="T25233" s="5" t="s">
        <v>42</v>
      </c>
      <c r="U25233" s="2">
        <v>16.533000000000001</v>
      </c>
      <c r="V25233" s="2">
        <v>14.122999999999999</v>
      </c>
      <c r="W25233" s="2">
        <v>0.13900000000000001</v>
      </c>
      <c r="X25233" s="2">
        <v>18.100000000000001</v>
      </c>
      <c r="Y25233" s="2">
        <v>49.1</v>
      </c>
      <c r="Z25233" s="2">
        <v>156.19999999999999</v>
      </c>
      <c r="AA25233" s="5">
        <v>12</v>
      </c>
      <c r="AB25233" s="5" t="s">
        <v>43</v>
      </c>
      <c r="AC25233" s="5" t="s">
        <v>735</v>
      </c>
      <c r="AD25233" s="2" t="s">
        <v>80413</v>
      </c>
      <c r="AE25233" s="1"/>
    </row>
    <row r="25234" spans="1:31" ht="14.45">
      <c r="A25234" s="5" t="s">
        <v>116</v>
      </c>
      <c r="B25234" s="21">
        <v>46143</v>
      </c>
      <c r="C25234" s="2" t="s">
        <v>80626</v>
      </c>
      <c r="D25234" s="14" t="s">
        <v>80627</v>
      </c>
      <c r="E25234" s="2" t="s">
        <v>80628</v>
      </c>
      <c r="F25234" s="2" t="s">
        <v>130</v>
      </c>
      <c r="G25234" s="8">
        <v>948</v>
      </c>
      <c r="H25234" s="5">
        <v>5</v>
      </c>
      <c r="I25234" s="5" t="s">
        <v>79637</v>
      </c>
      <c r="J25234" s="5" t="s">
        <v>79638</v>
      </c>
      <c r="K25234" s="2" t="s">
        <v>79639</v>
      </c>
      <c r="L25234" s="5" t="s">
        <v>79638</v>
      </c>
      <c r="M25234" s="2" t="s">
        <v>79639</v>
      </c>
      <c r="N25234" s="5" t="s">
        <v>79640</v>
      </c>
      <c r="O25234" s="5" t="s">
        <v>38</v>
      </c>
      <c r="P25234" s="5" t="s">
        <v>39</v>
      </c>
      <c r="Q25234" s="5" t="s">
        <v>40</v>
      </c>
      <c r="R25234" s="5" t="s">
        <v>24335</v>
      </c>
      <c r="S25234" s="5" t="s">
        <v>40</v>
      </c>
      <c r="T25234" s="5" t="s">
        <v>42</v>
      </c>
      <c r="U25234" s="2">
        <v>15.004</v>
      </c>
      <c r="V25234" s="2">
        <v>12.288</v>
      </c>
      <c r="W25234" s="2">
        <v>0.11600000000000001</v>
      </c>
      <c r="X25234" s="2">
        <v>43</v>
      </c>
      <c r="Y25234" s="2">
        <v>16.5</v>
      </c>
      <c r="Z25234" s="2">
        <v>162.80000000000001</v>
      </c>
      <c r="AA25234" s="5">
        <v>14</v>
      </c>
      <c r="AB25234" s="5" t="s">
        <v>43</v>
      </c>
      <c r="AC25234" s="5" t="s">
        <v>735</v>
      </c>
      <c r="AD25234" s="2" t="s">
        <v>79774</v>
      </c>
      <c r="AE25234" s="1"/>
    </row>
    <row r="25235" spans="1:31" ht="14.45">
      <c r="A25235" s="5"/>
      <c r="B25235" s="21"/>
      <c r="C25235" s="2" t="s">
        <v>80629</v>
      </c>
      <c r="D25235" s="14" t="s">
        <v>80630</v>
      </c>
      <c r="E25235" s="2" t="s">
        <v>80631</v>
      </c>
      <c r="F25235" s="2" t="s">
        <v>79778</v>
      </c>
      <c r="G25235" s="8">
        <v>948</v>
      </c>
      <c r="H25235" s="5">
        <v>5</v>
      </c>
      <c r="I25235" s="5" t="s">
        <v>79637</v>
      </c>
      <c r="J25235" s="5" t="s">
        <v>79638</v>
      </c>
      <c r="K25235" s="2" t="s">
        <v>79639</v>
      </c>
      <c r="L25235" s="5" t="s">
        <v>79638</v>
      </c>
      <c r="M25235" s="2" t="s">
        <v>79639</v>
      </c>
      <c r="N25235" s="5" t="s">
        <v>79640</v>
      </c>
      <c r="O25235" s="5" t="s">
        <v>38</v>
      </c>
      <c r="P25235" s="5" t="s">
        <v>39</v>
      </c>
      <c r="Q25235" s="5" t="s">
        <v>40</v>
      </c>
      <c r="R25235" s="5" t="s">
        <v>24335</v>
      </c>
      <c r="S25235" s="5" t="s">
        <v>40</v>
      </c>
      <c r="T25235" s="5" t="s">
        <v>42</v>
      </c>
      <c r="U25235" s="2">
        <v>18.491</v>
      </c>
      <c r="V25235" s="2">
        <v>16.081</v>
      </c>
      <c r="W25235" s="2">
        <v>0.13900000000000001</v>
      </c>
      <c r="X25235" s="2">
        <v>18.100000000000001</v>
      </c>
      <c r="Y25235" s="2">
        <v>49.1</v>
      </c>
      <c r="Z25235" s="2">
        <v>156.19999999999999</v>
      </c>
      <c r="AA25235" s="5">
        <v>12</v>
      </c>
      <c r="AB25235" s="5" t="s">
        <v>43</v>
      </c>
      <c r="AC25235" s="5" t="s">
        <v>735</v>
      </c>
      <c r="AD25235" s="2" t="s">
        <v>80420</v>
      </c>
      <c r="AE25235" s="1"/>
    </row>
    <row r="25236" spans="1:31" ht="14.45">
      <c r="A25236" s="5"/>
      <c r="B25236" s="21"/>
      <c r="C25236" s="2" t="s">
        <v>80632</v>
      </c>
      <c r="D25236" s="14" t="s">
        <v>80633</v>
      </c>
      <c r="E25236" s="2" t="s">
        <v>80634</v>
      </c>
      <c r="F25236" s="2" t="s">
        <v>79783</v>
      </c>
      <c r="G25236" s="8">
        <v>850</v>
      </c>
      <c r="H25236" s="5">
        <v>5</v>
      </c>
      <c r="I25236" s="5" t="s">
        <v>79637</v>
      </c>
      <c r="J25236" s="5" t="s">
        <v>79638</v>
      </c>
      <c r="K25236" s="2" t="s">
        <v>79639</v>
      </c>
      <c r="L25236" s="5" t="s">
        <v>79638</v>
      </c>
      <c r="M25236" s="2" t="s">
        <v>79639</v>
      </c>
      <c r="N25236" s="5" t="s">
        <v>79640</v>
      </c>
      <c r="O25236" s="5" t="s">
        <v>38</v>
      </c>
      <c r="P25236" s="5" t="s">
        <v>39</v>
      </c>
      <c r="Q25236" s="5" t="s">
        <v>40</v>
      </c>
      <c r="R25236" s="5" t="s">
        <v>24335</v>
      </c>
      <c r="S25236" s="5" t="s">
        <v>40</v>
      </c>
      <c r="T25236" s="5" t="s">
        <v>42</v>
      </c>
      <c r="U25236" s="2">
        <v>16.558</v>
      </c>
      <c r="V25236" s="2">
        <v>14.148</v>
      </c>
      <c r="W25236" s="2">
        <v>0.13900000000000001</v>
      </c>
      <c r="X25236" s="2">
        <v>18.100000000000001</v>
      </c>
      <c r="Y25236" s="2">
        <v>49.1</v>
      </c>
      <c r="Z25236" s="2">
        <v>156.19999999999999</v>
      </c>
      <c r="AA25236" s="5">
        <v>12</v>
      </c>
      <c r="AB25236" s="5" t="s">
        <v>43</v>
      </c>
      <c r="AC25236" s="5" t="s">
        <v>735</v>
      </c>
      <c r="AD25236" s="2" t="s">
        <v>80424</v>
      </c>
      <c r="AE25236" s="1"/>
    </row>
    <row r="25237" spans="1:31" ht="14.45">
      <c r="A25237" s="5" t="s">
        <v>116</v>
      </c>
      <c r="B25237" s="21">
        <v>46143</v>
      </c>
      <c r="C25237" s="2" t="s">
        <v>80635</v>
      </c>
      <c r="D25237" s="14" t="s">
        <v>80636</v>
      </c>
      <c r="E25237" s="2" t="s">
        <v>80637</v>
      </c>
      <c r="F25237" s="2" t="s">
        <v>130</v>
      </c>
      <c r="G25237" s="8">
        <v>841</v>
      </c>
      <c r="H25237" s="5">
        <v>5</v>
      </c>
      <c r="I25237" s="5" t="s">
        <v>79637</v>
      </c>
      <c r="J25237" s="5" t="s">
        <v>79638</v>
      </c>
      <c r="K25237" s="2" t="s">
        <v>79639</v>
      </c>
      <c r="L25237" s="5" t="s">
        <v>79638</v>
      </c>
      <c r="M25237" s="2" t="s">
        <v>79639</v>
      </c>
      <c r="N25237" s="5" t="s">
        <v>79640</v>
      </c>
      <c r="O25237" s="5" t="s">
        <v>38</v>
      </c>
      <c r="P25237" s="5" t="s">
        <v>39</v>
      </c>
      <c r="Q25237" s="5" t="s">
        <v>40</v>
      </c>
      <c r="R25237" s="5" t="s">
        <v>24335</v>
      </c>
      <c r="S25237" s="5" t="s">
        <v>40</v>
      </c>
      <c r="T25237" s="5" t="s">
        <v>42</v>
      </c>
      <c r="U25237" s="2">
        <v>14.223000000000001</v>
      </c>
      <c r="V25237" s="2">
        <v>11.512</v>
      </c>
      <c r="W25237" s="2">
        <v>0.11600000000000001</v>
      </c>
      <c r="X25237" s="2">
        <v>43</v>
      </c>
      <c r="Y25237" s="2">
        <v>16.5</v>
      </c>
      <c r="Z25237" s="2">
        <v>162.80000000000001</v>
      </c>
      <c r="AA25237" s="5">
        <v>14</v>
      </c>
      <c r="AB25237" s="5" t="s">
        <v>43</v>
      </c>
      <c r="AC25237" s="5" t="s">
        <v>735</v>
      </c>
      <c r="AD25237" s="2" t="s">
        <v>80400</v>
      </c>
      <c r="AE25237" s="1"/>
    </row>
    <row r="25238" spans="1:31" ht="14.45">
      <c r="A25238" s="5"/>
      <c r="B25238" s="21"/>
      <c r="C25238" s="2" t="s">
        <v>80638</v>
      </c>
      <c r="D25238" s="14" t="s">
        <v>80639</v>
      </c>
      <c r="E25238" s="2" t="s">
        <v>80640</v>
      </c>
      <c r="F25238" s="2" t="s">
        <v>79740</v>
      </c>
      <c r="G25238" s="8">
        <v>841</v>
      </c>
      <c r="H25238" s="5">
        <v>5</v>
      </c>
      <c r="I25238" s="5" t="s">
        <v>79637</v>
      </c>
      <c r="J25238" s="5" t="s">
        <v>79638</v>
      </c>
      <c r="K25238" s="2" t="s">
        <v>79639</v>
      </c>
      <c r="L25238" s="5" t="s">
        <v>79638</v>
      </c>
      <c r="M25238" s="2" t="s">
        <v>79639</v>
      </c>
      <c r="N25238" s="5" t="s">
        <v>79640</v>
      </c>
      <c r="O25238" s="5" t="s">
        <v>38</v>
      </c>
      <c r="P25238" s="5" t="s">
        <v>39</v>
      </c>
      <c r="Q25238" s="5" t="s">
        <v>40</v>
      </c>
      <c r="R25238" s="5" t="s">
        <v>24335</v>
      </c>
      <c r="S25238" s="5" t="s">
        <v>40</v>
      </c>
      <c r="T25238" s="5" t="s">
        <v>42</v>
      </c>
      <c r="U25238" s="2">
        <v>17.875</v>
      </c>
      <c r="V25238" s="2">
        <v>15.457000000000001</v>
      </c>
      <c r="W25238" s="2">
        <v>0.13900000000000001</v>
      </c>
      <c r="X25238" s="2">
        <v>18.100000000000001</v>
      </c>
      <c r="Y25238" s="2">
        <v>49.1</v>
      </c>
      <c r="Z25238" s="2">
        <v>156.19999999999999</v>
      </c>
      <c r="AA25238" s="5">
        <v>12</v>
      </c>
      <c r="AB25238" s="5" t="s">
        <v>43</v>
      </c>
      <c r="AC25238" s="5" t="s">
        <v>735</v>
      </c>
      <c r="AD25238" s="2" t="s">
        <v>80413</v>
      </c>
      <c r="AE25238" s="1"/>
    </row>
    <row r="25239" spans="1:31" ht="14.45">
      <c r="A25239" s="5" t="s">
        <v>116</v>
      </c>
      <c r="B25239" s="21">
        <v>46143</v>
      </c>
      <c r="C25239" s="2" t="s">
        <v>80641</v>
      </c>
      <c r="D25239" s="14" t="s">
        <v>80642</v>
      </c>
      <c r="E25239" s="2" t="s">
        <v>80643</v>
      </c>
      <c r="F25239" s="2" t="s">
        <v>130</v>
      </c>
      <c r="G25239" s="8">
        <v>993</v>
      </c>
      <c r="H25239" s="5">
        <v>5</v>
      </c>
      <c r="I25239" s="5" t="s">
        <v>79637</v>
      </c>
      <c r="J25239" s="5" t="s">
        <v>79638</v>
      </c>
      <c r="K25239" s="2" t="s">
        <v>79639</v>
      </c>
      <c r="L25239" s="5" t="s">
        <v>79638</v>
      </c>
      <c r="M25239" s="2" t="s">
        <v>79639</v>
      </c>
      <c r="N25239" s="5" t="s">
        <v>79640</v>
      </c>
      <c r="O25239" s="5" t="s">
        <v>38</v>
      </c>
      <c r="P25239" s="5" t="s">
        <v>39</v>
      </c>
      <c r="Q25239" s="5" t="s">
        <v>40</v>
      </c>
      <c r="R25239" s="5" t="s">
        <v>24335</v>
      </c>
      <c r="S25239" s="5" t="s">
        <v>40</v>
      </c>
      <c r="T25239" s="5" t="s">
        <v>42</v>
      </c>
      <c r="U25239" s="2">
        <v>16.349</v>
      </c>
      <c r="V25239" s="2">
        <v>13.632999999999999</v>
      </c>
      <c r="W25239" s="2">
        <v>0.11600000000000001</v>
      </c>
      <c r="X25239" s="2">
        <v>43</v>
      </c>
      <c r="Y25239" s="2">
        <v>16.5</v>
      </c>
      <c r="Z25239" s="2">
        <v>162.80000000000001</v>
      </c>
      <c r="AA25239" s="5">
        <v>14</v>
      </c>
      <c r="AB25239" s="5" t="s">
        <v>43</v>
      </c>
      <c r="AC25239" s="5" t="s">
        <v>735</v>
      </c>
      <c r="AD25239" s="2" t="s">
        <v>79774</v>
      </c>
      <c r="AE25239" s="1"/>
    </row>
    <row r="25240" spans="1:31" ht="14.45">
      <c r="A25240" s="5"/>
      <c r="B25240" s="21"/>
      <c r="C25240" s="2" t="s">
        <v>80644</v>
      </c>
      <c r="D25240" s="14" t="s">
        <v>80645</v>
      </c>
      <c r="E25240" s="2" t="s">
        <v>80646</v>
      </c>
      <c r="F25240" s="2" t="s">
        <v>79778</v>
      </c>
      <c r="G25240" s="8">
        <v>993</v>
      </c>
      <c r="H25240" s="5">
        <v>5</v>
      </c>
      <c r="I25240" s="5" t="s">
        <v>79637</v>
      </c>
      <c r="J25240" s="5" t="s">
        <v>79638</v>
      </c>
      <c r="K25240" s="2" t="s">
        <v>79639</v>
      </c>
      <c r="L25240" s="5" t="s">
        <v>79638</v>
      </c>
      <c r="M25240" s="2" t="s">
        <v>79639</v>
      </c>
      <c r="N25240" s="5" t="s">
        <v>79640</v>
      </c>
      <c r="O25240" s="5" t="s">
        <v>38</v>
      </c>
      <c r="P25240" s="5" t="s">
        <v>39</v>
      </c>
      <c r="Q25240" s="5" t="s">
        <v>40</v>
      </c>
      <c r="R25240" s="5" t="s">
        <v>24335</v>
      </c>
      <c r="S25240" s="5" t="s">
        <v>40</v>
      </c>
      <c r="T25240" s="5" t="s">
        <v>42</v>
      </c>
      <c r="U25240" s="2">
        <v>20.073</v>
      </c>
      <c r="V25240" s="2">
        <v>17.655000000000001</v>
      </c>
      <c r="W25240" s="2">
        <v>0.13900000000000001</v>
      </c>
      <c r="X25240" s="2">
        <v>18.100000000000001</v>
      </c>
      <c r="Y25240" s="2">
        <v>49.1</v>
      </c>
      <c r="Z25240" s="2">
        <v>156.19999999999999</v>
      </c>
      <c r="AA25240" s="5">
        <v>12</v>
      </c>
      <c r="AB25240" s="5" t="s">
        <v>43</v>
      </c>
      <c r="AC25240" s="5" t="s">
        <v>735</v>
      </c>
      <c r="AD25240" s="2" t="s">
        <v>80420</v>
      </c>
      <c r="AE25240" s="1"/>
    </row>
    <row r="25241" spans="1:31" ht="14.45">
      <c r="A25241" s="5"/>
      <c r="B25241" s="21"/>
      <c r="C25241" s="2" t="s">
        <v>80647</v>
      </c>
      <c r="D25241" s="14" t="s">
        <v>80648</v>
      </c>
      <c r="E25241" s="2" t="s">
        <v>80649</v>
      </c>
      <c r="F25241" s="2" t="s">
        <v>79783</v>
      </c>
      <c r="G25241" s="8">
        <v>887</v>
      </c>
      <c r="H25241" s="5">
        <v>10</v>
      </c>
      <c r="I25241" s="5" t="s">
        <v>79637</v>
      </c>
      <c r="J25241" s="5" t="s">
        <v>79638</v>
      </c>
      <c r="K25241" s="2" t="s">
        <v>79639</v>
      </c>
      <c r="L25241" s="5" t="s">
        <v>79638</v>
      </c>
      <c r="M25241" s="2" t="s">
        <v>79639</v>
      </c>
      <c r="N25241" s="5" t="s">
        <v>79640</v>
      </c>
      <c r="O25241" s="5" t="s">
        <v>38</v>
      </c>
      <c r="P25241" s="5" t="s">
        <v>39</v>
      </c>
      <c r="Q25241" s="5" t="s">
        <v>40</v>
      </c>
      <c r="R25241" s="5" t="s">
        <v>24335</v>
      </c>
      <c r="S25241" s="5" t="s">
        <v>40</v>
      </c>
      <c r="T25241" s="5" t="s">
        <v>42</v>
      </c>
      <c r="U25241" s="2">
        <v>17.907</v>
      </c>
      <c r="V25241" s="2">
        <v>15.489000000000001</v>
      </c>
      <c r="W25241" s="2">
        <v>0.13900000000000001</v>
      </c>
      <c r="X25241" s="2">
        <v>18.100000000000001</v>
      </c>
      <c r="Y25241" s="2">
        <v>49.1</v>
      </c>
      <c r="Z25241" s="2">
        <v>156.19999999999999</v>
      </c>
      <c r="AA25241" s="5">
        <v>12</v>
      </c>
      <c r="AB25241" s="5" t="s">
        <v>43</v>
      </c>
      <c r="AC25241" s="5" t="s">
        <v>735</v>
      </c>
      <c r="AD25241" s="2" t="s">
        <v>80424</v>
      </c>
      <c r="AE25241" s="1"/>
    </row>
    <row r="25242" spans="1:31" ht="14.45">
      <c r="A25242" s="5" t="s">
        <v>116</v>
      </c>
      <c r="B25242" s="21">
        <v>46143</v>
      </c>
      <c r="C25242" s="2" t="s">
        <v>80650</v>
      </c>
      <c r="D25242" s="14" t="s">
        <v>80651</v>
      </c>
      <c r="E25242" s="2" t="s">
        <v>80652</v>
      </c>
      <c r="F25242" s="2" t="s">
        <v>130</v>
      </c>
      <c r="G25242" s="8">
        <v>878</v>
      </c>
      <c r="H25242" s="5">
        <v>5</v>
      </c>
      <c r="I25242" s="5" t="s">
        <v>79637</v>
      </c>
      <c r="J25242" s="5" t="s">
        <v>79638</v>
      </c>
      <c r="K25242" s="2" t="s">
        <v>79639</v>
      </c>
      <c r="L25242" s="5" t="s">
        <v>79638</v>
      </c>
      <c r="M25242" s="2" t="s">
        <v>79639</v>
      </c>
      <c r="N25242" s="5" t="s">
        <v>79640</v>
      </c>
      <c r="O25242" s="5" t="s">
        <v>38</v>
      </c>
      <c r="P25242" s="5" t="s">
        <v>39</v>
      </c>
      <c r="Q25242" s="5" t="s">
        <v>40</v>
      </c>
      <c r="R25242" s="5" t="s">
        <v>24335</v>
      </c>
      <c r="S25242" s="5" t="s">
        <v>40</v>
      </c>
      <c r="T25242" s="5" t="s">
        <v>42</v>
      </c>
      <c r="U25242" s="2">
        <v>15.43</v>
      </c>
      <c r="V25242" s="2">
        <v>12.568</v>
      </c>
      <c r="W25242" s="2">
        <v>0.126</v>
      </c>
      <c r="X25242" s="2">
        <v>43</v>
      </c>
      <c r="Y25242" s="2">
        <v>16.5</v>
      </c>
      <c r="Z25242" s="2">
        <v>177.8</v>
      </c>
      <c r="AA25242" s="5">
        <v>14</v>
      </c>
      <c r="AB25242" s="5" t="s">
        <v>43</v>
      </c>
      <c r="AC25242" s="5" t="s">
        <v>735</v>
      </c>
      <c r="AD25242" s="2" t="s">
        <v>80400</v>
      </c>
      <c r="AE25242" s="1"/>
    </row>
    <row r="25243" spans="1:31" ht="14.45">
      <c r="A25243" s="5"/>
      <c r="B25243" s="21"/>
      <c r="C25243" s="2" t="s">
        <v>80653</v>
      </c>
      <c r="D25243" s="14" t="s">
        <v>80654</v>
      </c>
      <c r="E25243" s="2" t="s">
        <v>80655</v>
      </c>
      <c r="F25243" s="2" t="s">
        <v>79740</v>
      </c>
      <c r="G25243" s="8">
        <v>878</v>
      </c>
      <c r="H25243" s="5">
        <v>5</v>
      </c>
      <c r="I25243" s="5" t="s">
        <v>79637</v>
      </c>
      <c r="J25243" s="5" t="s">
        <v>79638</v>
      </c>
      <c r="K25243" s="2" t="s">
        <v>79639</v>
      </c>
      <c r="L25243" s="5" t="s">
        <v>79638</v>
      </c>
      <c r="M25243" s="2" t="s">
        <v>79639</v>
      </c>
      <c r="N25243" s="5" t="s">
        <v>79640</v>
      </c>
      <c r="O25243" s="5" t="s">
        <v>38</v>
      </c>
      <c r="P25243" s="5" t="s">
        <v>39</v>
      </c>
      <c r="Q25243" s="5" t="s">
        <v>40</v>
      </c>
      <c r="R25243" s="5" t="s">
        <v>24335</v>
      </c>
      <c r="S25243" s="5" t="s">
        <v>40</v>
      </c>
      <c r="T25243" s="5" t="s">
        <v>42</v>
      </c>
      <c r="U25243" s="2">
        <v>19.245000000000001</v>
      </c>
      <c r="V25243" s="2">
        <v>16.622</v>
      </c>
      <c r="W25243" s="2">
        <v>0.153</v>
      </c>
      <c r="X25243" s="2">
        <v>18.100000000000001</v>
      </c>
      <c r="Y25243" s="2">
        <v>49.1</v>
      </c>
      <c r="Z25243" s="2">
        <v>172.4</v>
      </c>
      <c r="AA25243" s="5">
        <v>12</v>
      </c>
      <c r="AB25243" s="5" t="s">
        <v>43</v>
      </c>
      <c r="AC25243" s="5" t="s">
        <v>735</v>
      </c>
      <c r="AD25243" s="2" t="s">
        <v>80413</v>
      </c>
      <c r="AE25243" s="1"/>
    </row>
    <row r="25244" spans="1:31" ht="14.45">
      <c r="A25244" s="5" t="s">
        <v>116</v>
      </c>
      <c r="B25244" s="21">
        <v>46143</v>
      </c>
      <c r="C25244" s="2" t="s">
        <v>80656</v>
      </c>
      <c r="D25244" s="14" t="s">
        <v>80657</v>
      </c>
      <c r="E25244" s="2" t="s">
        <v>80658</v>
      </c>
      <c r="F25244" s="2" t="s">
        <v>130</v>
      </c>
      <c r="G25244" s="8">
        <v>1038</v>
      </c>
      <c r="H25244" s="5">
        <v>5</v>
      </c>
      <c r="I25244" s="5" t="s">
        <v>79637</v>
      </c>
      <c r="J25244" s="5" t="s">
        <v>79638</v>
      </c>
      <c r="K25244" s="2" t="s">
        <v>79639</v>
      </c>
      <c r="L25244" s="5" t="s">
        <v>79638</v>
      </c>
      <c r="M25244" s="2" t="s">
        <v>79639</v>
      </c>
      <c r="N25244" s="5" t="s">
        <v>79640</v>
      </c>
      <c r="O25244" s="5" t="s">
        <v>38</v>
      </c>
      <c r="P25244" s="5" t="s">
        <v>39</v>
      </c>
      <c r="Q25244" s="5" t="s">
        <v>40</v>
      </c>
      <c r="R25244" s="5" t="s">
        <v>24335</v>
      </c>
      <c r="S25244" s="5" t="s">
        <v>40</v>
      </c>
      <c r="T25244" s="5" t="s">
        <v>42</v>
      </c>
      <c r="U25244" s="2">
        <v>17.78</v>
      </c>
      <c r="V25244" s="2">
        <v>14.913</v>
      </c>
      <c r="W25244" s="2">
        <v>0.126</v>
      </c>
      <c r="X25244" s="2">
        <v>43</v>
      </c>
      <c r="Y25244" s="2">
        <v>16.5</v>
      </c>
      <c r="Z25244" s="2">
        <v>177.8</v>
      </c>
      <c r="AA25244" s="5">
        <v>14</v>
      </c>
      <c r="AB25244" s="5" t="s">
        <v>43</v>
      </c>
      <c r="AC25244" s="5" t="s">
        <v>735</v>
      </c>
      <c r="AD25244" s="2" t="s">
        <v>79774</v>
      </c>
      <c r="AE25244" s="1"/>
    </row>
    <row r="25245" spans="1:31" ht="14.45">
      <c r="A25245" s="5"/>
      <c r="B25245" s="21"/>
      <c r="C25245" s="2" t="s">
        <v>80659</v>
      </c>
      <c r="D25245" s="14" t="s">
        <v>80660</v>
      </c>
      <c r="E25245" s="2" t="s">
        <v>80661</v>
      </c>
      <c r="F25245" s="2" t="s">
        <v>79778</v>
      </c>
      <c r="G25245" s="8">
        <v>1038</v>
      </c>
      <c r="H25245" s="5">
        <v>5</v>
      </c>
      <c r="I25245" s="5" t="s">
        <v>79637</v>
      </c>
      <c r="J25245" s="5" t="s">
        <v>79638</v>
      </c>
      <c r="K25245" s="2" t="s">
        <v>79639</v>
      </c>
      <c r="L25245" s="5" t="s">
        <v>79638</v>
      </c>
      <c r="M25245" s="2" t="s">
        <v>79639</v>
      </c>
      <c r="N25245" s="5" t="s">
        <v>79640</v>
      </c>
      <c r="O25245" s="5" t="s">
        <v>38</v>
      </c>
      <c r="P25245" s="5" t="s">
        <v>39</v>
      </c>
      <c r="Q25245" s="5" t="s">
        <v>40</v>
      </c>
      <c r="R25245" s="5" t="s">
        <v>24335</v>
      </c>
      <c r="S25245" s="5" t="s">
        <v>40</v>
      </c>
      <c r="T25245" s="5" t="s">
        <v>42</v>
      </c>
      <c r="U25245" s="2">
        <v>21.663</v>
      </c>
      <c r="V25245" s="2">
        <v>19.04</v>
      </c>
      <c r="W25245" s="2">
        <v>0.153</v>
      </c>
      <c r="X25245" s="2">
        <v>18.100000000000001</v>
      </c>
      <c r="Y25245" s="2">
        <v>49.1</v>
      </c>
      <c r="Z25245" s="2">
        <v>172.4</v>
      </c>
      <c r="AA25245" s="5">
        <v>12</v>
      </c>
      <c r="AB25245" s="5" t="s">
        <v>43</v>
      </c>
      <c r="AC25245" s="5" t="s">
        <v>735</v>
      </c>
      <c r="AD25245" s="2" t="s">
        <v>80420</v>
      </c>
      <c r="AE25245" s="1"/>
    </row>
    <row r="25246" spans="1:31" ht="14.45">
      <c r="A25246" s="5"/>
      <c r="B25246" s="21"/>
      <c r="C25246" s="2" t="s">
        <v>80662</v>
      </c>
      <c r="D25246" s="14" t="s">
        <v>80663</v>
      </c>
      <c r="E25246" s="2" t="s">
        <v>80664</v>
      </c>
      <c r="F25246" s="2" t="s">
        <v>79783</v>
      </c>
      <c r="G25246" s="8">
        <v>924</v>
      </c>
      <c r="H25246" s="5">
        <v>10</v>
      </c>
      <c r="I25246" s="5" t="s">
        <v>79637</v>
      </c>
      <c r="J25246" s="5" t="s">
        <v>79638</v>
      </c>
      <c r="K25246" s="2" t="s">
        <v>79639</v>
      </c>
      <c r="L25246" s="5" t="s">
        <v>79638</v>
      </c>
      <c r="M25246" s="2" t="s">
        <v>79639</v>
      </c>
      <c r="N25246" s="5" t="s">
        <v>79640</v>
      </c>
      <c r="O25246" s="5" t="s">
        <v>38</v>
      </c>
      <c r="P25246" s="5" t="s">
        <v>39</v>
      </c>
      <c r="Q25246" s="5" t="s">
        <v>40</v>
      </c>
      <c r="R25246" s="5" t="s">
        <v>24335</v>
      </c>
      <c r="S25246" s="5" t="s">
        <v>40</v>
      </c>
      <c r="T25246" s="5" t="s">
        <v>42</v>
      </c>
      <c r="U25246" s="2">
        <v>19.282</v>
      </c>
      <c r="V25246" s="2">
        <v>16.658999999999999</v>
      </c>
      <c r="W25246" s="2">
        <v>0.153</v>
      </c>
      <c r="X25246" s="2">
        <v>18.100000000000001</v>
      </c>
      <c r="Y25246" s="2">
        <v>49.1</v>
      </c>
      <c r="Z25246" s="2">
        <v>172.4</v>
      </c>
      <c r="AA25246" s="5">
        <v>12</v>
      </c>
      <c r="AB25246" s="5" t="s">
        <v>43</v>
      </c>
      <c r="AC25246" s="5" t="s">
        <v>735</v>
      </c>
      <c r="AD25246" s="2" t="s">
        <v>80424</v>
      </c>
      <c r="AE25246" s="1"/>
    </row>
    <row r="25247" spans="1:31" ht="14.45">
      <c r="A25247" s="5" t="s">
        <v>116</v>
      </c>
      <c r="B25247" s="21">
        <v>46143</v>
      </c>
      <c r="C25247" s="2" t="s">
        <v>80665</v>
      </c>
      <c r="D25247" s="14" t="s">
        <v>80666</v>
      </c>
      <c r="E25247" s="2" t="s">
        <v>80667</v>
      </c>
      <c r="F25247" s="2" t="s">
        <v>130</v>
      </c>
      <c r="G25247" s="8">
        <v>851</v>
      </c>
      <c r="H25247" s="5">
        <v>5</v>
      </c>
      <c r="I25247" s="5" t="s">
        <v>79637</v>
      </c>
      <c r="J25247" s="5" t="s">
        <v>79638</v>
      </c>
      <c r="K25247" s="2" t="s">
        <v>79639</v>
      </c>
      <c r="L25247" s="5" t="s">
        <v>79638</v>
      </c>
      <c r="M25247" s="2" t="s">
        <v>79639</v>
      </c>
      <c r="N25247" s="5" t="s">
        <v>79640</v>
      </c>
      <c r="O25247" s="5" t="s">
        <v>38</v>
      </c>
      <c r="P25247" s="5" t="s">
        <v>39</v>
      </c>
      <c r="Q25247" s="5" t="s">
        <v>40</v>
      </c>
      <c r="R25247" s="5" t="s">
        <v>24335</v>
      </c>
      <c r="S25247" s="5" t="s">
        <v>40</v>
      </c>
      <c r="T25247" s="5" t="s">
        <v>42</v>
      </c>
      <c r="U25247" s="2">
        <v>13.176</v>
      </c>
      <c r="V25247" s="2">
        <v>10.314</v>
      </c>
      <c r="W25247" s="2">
        <v>0.126</v>
      </c>
      <c r="X25247" s="2">
        <v>43</v>
      </c>
      <c r="Y25247" s="2">
        <v>16.5</v>
      </c>
      <c r="Z25247" s="2">
        <v>177.8</v>
      </c>
      <c r="AA25247" s="5">
        <v>14</v>
      </c>
      <c r="AB25247" s="5" t="s">
        <v>43</v>
      </c>
      <c r="AC25247" s="5" t="s">
        <v>735</v>
      </c>
      <c r="AD25247" s="2" t="s">
        <v>80400</v>
      </c>
      <c r="AE25247" s="1"/>
    </row>
    <row r="25248" spans="1:31" ht="14.45">
      <c r="A25248" s="5"/>
      <c r="B25248" s="21"/>
      <c r="C25248" s="2" t="s">
        <v>80668</v>
      </c>
      <c r="D25248" s="14" t="s">
        <v>80669</v>
      </c>
      <c r="E25248" s="2" t="s">
        <v>80670</v>
      </c>
      <c r="F25248" s="2" t="s">
        <v>79740</v>
      </c>
      <c r="G25248" s="8">
        <v>851</v>
      </c>
      <c r="H25248" s="5">
        <v>5</v>
      </c>
      <c r="I25248" s="5" t="s">
        <v>79637</v>
      </c>
      <c r="J25248" s="5" t="s">
        <v>79638</v>
      </c>
      <c r="K25248" s="2" t="s">
        <v>79639</v>
      </c>
      <c r="L25248" s="5" t="s">
        <v>79638</v>
      </c>
      <c r="M25248" s="2" t="s">
        <v>79639</v>
      </c>
      <c r="N25248" s="5" t="s">
        <v>79640</v>
      </c>
      <c r="O25248" s="5" t="s">
        <v>38</v>
      </c>
      <c r="P25248" s="5" t="s">
        <v>39</v>
      </c>
      <c r="Q25248" s="5" t="s">
        <v>40</v>
      </c>
      <c r="R25248" s="5" t="s">
        <v>24335</v>
      </c>
      <c r="S25248" s="5" t="s">
        <v>40</v>
      </c>
      <c r="T25248" s="5" t="s">
        <v>42</v>
      </c>
      <c r="U25248" s="2">
        <v>16.762</v>
      </c>
      <c r="V25248" s="2">
        <v>14.141999999999999</v>
      </c>
      <c r="W25248" s="2">
        <v>0.153</v>
      </c>
      <c r="X25248" s="2">
        <v>18.100000000000001</v>
      </c>
      <c r="Y25248" s="2">
        <v>49.1</v>
      </c>
      <c r="Z25248" s="2">
        <v>172.4</v>
      </c>
      <c r="AA25248" s="5">
        <v>12</v>
      </c>
      <c r="AB25248" s="5" t="s">
        <v>43</v>
      </c>
      <c r="AC25248" s="5" t="s">
        <v>735</v>
      </c>
      <c r="AD25248" s="2" t="s">
        <v>80413</v>
      </c>
      <c r="AE25248" s="1"/>
    </row>
    <row r="25249" spans="1:31" ht="14.45">
      <c r="A25249" s="5" t="s">
        <v>116</v>
      </c>
      <c r="B25249" s="21">
        <v>46143</v>
      </c>
      <c r="C25249" s="2" t="s">
        <v>80671</v>
      </c>
      <c r="D25249" s="14" t="s">
        <v>80672</v>
      </c>
      <c r="E25249" s="2" t="s">
        <v>80673</v>
      </c>
      <c r="F25249" s="2" t="s">
        <v>130</v>
      </c>
      <c r="G25249" s="8">
        <v>1005</v>
      </c>
      <c r="H25249" s="5">
        <v>5</v>
      </c>
      <c r="I25249" s="5" t="s">
        <v>79637</v>
      </c>
      <c r="J25249" s="5" t="s">
        <v>79638</v>
      </c>
      <c r="K25249" s="2" t="s">
        <v>79639</v>
      </c>
      <c r="L25249" s="5" t="s">
        <v>79638</v>
      </c>
      <c r="M25249" s="2" t="s">
        <v>79639</v>
      </c>
      <c r="N25249" s="5" t="s">
        <v>79640</v>
      </c>
      <c r="O25249" s="5" t="s">
        <v>38</v>
      </c>
      <c r="P25249" s="5" t="s">
        <v>39</v>
      </c>
      <c r="Q25249" s="5" t="s">
        <v>40</v>
      </c>
      <c r="R25249" s="5" t="s">
        <v>24335</v>
      </c>
      <c r="S25249" s="5" t="s">
        <v>40</v>
      </c>
      <c r="T25249" s="5" t="s">
        <v>42</v>
      </c>
      <c r="U25249" s="2">
        <v>14.951000000000001</v>
      </c>
      <c r="V25249" s="2">
        <v>12.084</v>
      </c>
      <c r="W25249" s="2">
        <v>0.126</v>
      </c>
      <c r="X25249" s="2">
        <v>43</v>
      </c>
      <c r="Y25249" s="2">
        <v>16.5</v>
      </c>
      <c r="Z25249" s="2">
        <v>177.8</v>
      </c>
      <c r="AA25249" s="5">
        <v>14</v>
      </c>
      <c r="AB25249" s="5" t="s">
        <v>43</v>
      </c>
      <c r="AC25249" s="5" t="s">
        <v>735</v>
      </c>
      <c r="AD25249" s="2" t="s">
        <v>79774</v>
      </c>
      <c r="AE25249" s="1"/>
    </row>
    <row r="25250" spans="1:31" ht="14.45">
      <c r="A25250" s="5"/>
      <c r="B25250" s="21"/>
      <c r="C25250" s="2" t="s">
        <v>80674</v>
      </c>
      <c r="D25250" s="14" t="s">
        <v>80675</v>
      </c>
      <c r="E25250" s="2" t="s">
        <v>80676</v>
      </c>
      <c r="F25250" s="2" t="s">
        <v>79778</v>
      </c>
      <c r="G25250" s="8">
        <v>1005</v>
      </c>
      <c r="H25250" s="5">
        <v>5</v>
      </c>
      <c r="I25250" s="5" t="s">
        <v>79637</v>
      </c>
      <c r="J25250" s="5" t="s">
        <v>79638</v>
      </c>
      <c r="K25250" s="2" t="s">
        <v>79639</v>
      </c>
      <c r="L25250" s="5" t="s">
        <v>79638</v>
      </c>
      <c r="M25250" s="2" t="s">
        <v>79639</v>
      </c>
      <c r="N25250" s="5" t="s">
        <v>79640</v>
      </c>
      <c r="O25250" s="5" t="s">
        <v>38</v>
      </c>
      <c r="P25250" s="5" t="s">
        <v>39</v>
      </c>
      <c r="Q25250" s="5" t="s">
        <v>40</v>
      </c>
      <c r="R25250" s="5" t="s">
        <v>24335</v>
      </c>
      <c r="S25250" s="5" t="s">
        <v>40</v>
      </c>
      <c r="T25250" s="5" t="s">
        <v>42</v>
      </c>
      <c r="U25250" s="2">
        <v>18.648</v>
      </c>
      <c r="V25250" s="2">
        <v>16.027999999999999</v>
      </c>
      <c r="W25250" s="2">
        <v>0.153</v>
      </c>
      <c r="X25250" s="2">
        <v>18.100000000000001</v>
      </c>
      <c r="Y25250" s="2">
        <v>49.1</v>
      </c>
      <c r="Z25250" s="2">
        <v>172.4</v>
      </c>
      <c r="AA25250" s="5">
        <v>12</v>
      </c>
      <c r="AB25250" s="5" t="s">
        <v>43</v>
      </c>
      <c r="AC25250" s="5" t="s">
        <v>735</v>
      </c>
      <c r="AD25250" s="2" t="s">
        <v>80420</v>
      </c>
      <c r="AE25250" s="1"/>
    </row>
    <row r="25251" spans="1:31" ht="14.45">
      <c r="A25251" s="5"/>
      <c r="B25251" s="21"/>
      <c r="C25251" s="2" t="s">
        <v>80677</v>
      </c>
      <c r="D25251" s="14" t="s">
        <v>80678</v>
      </c>
      <c r="E25251" s="2" t="s">
        <v>80679</v>
      </c>
      <c r="F25251" s="2" t="s">
        <v>79783</v>
      </c>
      <c r="G25251" s="8">
        <v>897</v>
      </c>
      <c r="H25251" s="5">
        <v>10</v>
      </c>
      <c r="I25251" s="5" t="s">
        <v>79637</v>
      </c>
      <c r="J25251" s="5" t="s">
        <v>79638</v>
      </c>
      <c r="K25251" s="2" t="s">
        <v>79639</v>
      </c>
      <c r="L25251" s="5" t="s">
        <v>79638</v>
      </c>
      <c r="M25251" s="2" t="s">
        <v>79639</v>
      </c>
      <c r="N25251" s="5" t="s">
        <v>79640</v>
      </c>
      <c r="O25251" s="5" t="s">
        <v>38</v>
      </c>
      <c r="P25251" s="5" t="s">
        <v>39</v>
      </c>
      <c r="Q25251" s="5" t="s">
        <v>40</v>
      </c>
      <c r="R25251" s="5" t="s">
        <v>24335</v>
      </c>
      <c r="S25251" s="5" t="s">
        <v>40</v>
      </c>
      <c r="T25251" s="5" t="s">
        <v>42</v>
      </c>
      <c r="U25251" s="2">
        <v>16.779</v>
      </c>
      <c r="V25251" s="2">
        <v>14.159000000000001</v>
      </c>
      <c r="W25251" s="2">
        <v>0.153</v>
      </c>
      <c r="X25251" s="2">
        <v>18.100000000000001</v>
      </c>
      <c r="Y25251" s="2">
        <v>49.1</v>
      </c>
      <c r="Z25251" s="2">
        <v>172.4</v>
      </c>
      <c r="AA25251" s="5">
        <v>12</v>
      </c>
      <c r="AB25251" s="5" t="s">
        <v>43</v>
      </c>
      <c r="AC25251" s="5" t="s">
        <v>735</v>
      </c>
      <c r="AD25251" s="2" t="s">
        <v>80424</v>
      </c>
      <c r="AE25251" s="1"/>
    </row>
    <row r="25252" spans="1:31" ht="14.45">
      <c r="A25252" s="5" t="s">
        <v>116</v>
      </c>
      <c r="B25252" s="21">
        <v>46143</v>
      </c>
      <c r="C25252" s="2" t="s">
        <v>80680</v>
      </c>
      <c r="D25252" s="14" t="s">
        <v>80681</v>
      </c>
      <c r="E25252" s="2" t="s">
        <v>80682</v>
      </c>
      <c r="F25252" s="2" t="s">
        <v>130</v>
      </c>
      <c r="G25252" s="8">
        <v>904</v>
      </c>
      <c r="H25252" s="5">
        <v>5</v>
      </c>
      <c r="I25252" s="5" t="s">
        <v>79637</v>
      </c>
      <c r="J25252" s="5" t="s">
        <v>79638</v>
      </c>
      <c r="K25252" s="2" t="s">
        <v>79639</v>
      </c>
      <c r="L25252" s="5" t="s">
        <v>79638</v>
      </c>
      <c r="M25252" s="2" t="s">
        <v>79639</v>
      </c>
      <c r="N25252" s="5" t="s">
        <v>79640</v>
      </c>
      <c r="O25252" s="5" t="s">
        <v>38</v>
      </c>
      <c r="P25252" s="5" t="s">
        <v>39</v>
      </c>
      <c r="Q25252" s="5" t="s">
        <v>40</v>
      </c>
      <c r="R25252" s="5" t="s">
        <v>24335</v>
      </c>
      <c r="S25252" s="5" t="s">
        <v>40</v>
      </c>
      <c r="T25252" s="5" t="s">
        <v>42</v>
      </c>
      <c r="U25252" s="2">
        <v>15.548999999999999</v>
      </c>
      <c r="V25252" s="2">
        <v>12.686999999999999</v>
      </c>
      <c r="W25252" s="2">
        <v>0.126</v>
      </c>
      <c r="X25252" s="2">
        <v>43</v>
      </c>
      <c r="Y25252" s="2">
        <v>16.5</v>
      </c>
      <c r="Z25252" s="2">
        <v>177.8</v>
      </c>
      <c r="AA25252" s="5">
        <v>14</v>
      </c>
      <c r="AB25252" s="5" t="s">
        <v>43</v>
      </c>
      <c r="AC25252" s="5" t="s">
        <v>735</v>
      </c>
      <c r="AD25252" s="2" t="s">
        <v>80400</v>
      </c>
      <c r="AE25252" s="1"/>
    </row>
    <row r="25253" spans="1:31" ht="14.45">
      <c r="A25253" s="5"/>
      <c r="B25253" s="21"/>
      <c r="C25253" s="2" t="s">
        <v>80683</v>
      </c>
      <c r="D25253" s="14" t="s">
        <v>80684</v>
      </c>
      <c r="E25253" s="2" t="s">
        <v>80685</v>
      </c>
      <c r="F25253" s="2" t="s">
        <v>79740</v>
      </c>
      <c r="G25253" s="8">
        <v>904</v>
      </c>
      <c r="H25253" s="5">
        <v>5</v>
      </c>
      <c r="I25253" s="5" t="s">
        <v>79637</v>
      </c>
      <c r="J25253" s="5" t="s">
        <v>79638</v>
      </c>
      <c r="K25253" s="2" t="s">
        <v>79639</v>
      </c>
      <c r="L25253" s="5" t="s">
        <v>79638</v>
      </c>
      <c r="M25253" s="2" t="s">
        <v>79639</v>
      </c>
      <c r="N25253" s="5" t="s">
        <v>79640</v>
      </c>
      <c r="O25253" s="5" t="s">
        <v>38</v>
      </c>
      <c r="P25253" s="5" t="s">
        <v>39</v>
      </c>
      <c r="Q25253" s="5" t="s">
        <v>40</v>
      </c>
      <c r="R25253" s="5" t="s">
        <v>24335</v>
      </c>
      <c r="S25253" s="5" t="s">
        <v>40</v>
      </c>
      <c r="T25253" s="5" t="s">
        <v>42</v>
      </c>
      <c r="U25253" s="2">
        <v>19.643000000000001</v>
      </c>
      <c r="V25253" s="2">
        <v>17.007000000000001</v>
      </c>
      <c r="W25253" s="2">
        <v>0.153</v>
      </c>
      <c r="X25253" s="2">
        <v>18.100000000000001</v>
      </c>
      <c r="Y25253" s="2">
        <v>49.1</v>
      </c>
      <c r="Z25253" s="2">
        <v>172.4</v>
      </c>
      <c r="AA25253" s="5">
        <v>12</v>
      </c>
      <c r="AB25253" s="5" t="s">
        <v>43</v>
      </c>
      <c r="AC25253" s="5" t="s">
        <v>735</v>
      </c>
      <c r="AD25253" s="2" t="s">
        <v>80413</v>
      </c>
      <c r="AE25253" s="1"/>
    </row>
    <row r="25254" spans="1:31" ht="14.45">
      <c r="A25254" s="5" t="s">
        <v>116</v>
      </c>
      <c r="B25254" s="21">
        <v>46143</v>
      </c>
      <c r="C25254" s="2" t="s">
        <v>80686</v>
      </c>
      <c r="D25254" s="14" t="s">
        <v>80687</v>
      </c>
      <c r="E25254" s="2" t="s">
        <v>80688</v>
      </c>
      <c r="F25254" s="2" t="s">
        <v>130</v>
      </c>
      <c r="G25254" s="8">
        <v>1070</v>
      </c>
      <c r="H25254" s="5">
        <v>5</v>
      </c>
      <c r="I25254" s="5" t="s">
        <v>79637</v>
      </c>
      <c r="J25254" s="5" t="s">
        <v>79638</v>
      </c>
      <c r="K25254" s="2" t="s">
        <v>79639</v>
      </c>
      <c r="L25254" s="5" t="s">
        <v>79638</v>
      </c>
      <c r="M25254" s="2" t="s">
        <v>79639</v>
      </c>
      <c r="N25254" s="5" t="s">
        <v>79640</v>
      </c>
      <c r="O25254" s="5" t="s">
        <v>38</v>
      </c>
      <c r="P25254" s="5" t="s">
        <v>39</v>
      </c>
      <c r="Q25254" s="5" t="s">
        <v>40</v>
      </c>
      <c r="R25254" s="5" t="s">
        <v>24335</v>
      </c>
      <c r="S25254" s="5" t="s">
        <v>40</v>
      </c>
      <c r="T25254" s="5" t="s">
        <v>42</v>
      </c>
      <c r="U25254" s="2">
        <v>17.789000000000001</v>
      </c>
      <c r="V25254" s="2">
        <v>14.922000000000001</v>
      </c>
      <c r="W25254" s="2">
        <v>0.126</v>
      </c>
      <c r="X25254" s="2">
        <v>43</v>
      </c>
      <c r="Y25254" s="2">
        <v>16.5</v>
      </c>
      <c r="Z25254" s="2">
        <v>177.8</v>
      </c>
      <c r="AA25254" s="5">
        <v>14</v>
      </c>
      <c r="AB25254" s="5" t="s">
        <v>43</v>
      </c>
      <c r="AC25254" s="5" t="s">
        <v>735</v>
      </c>
      <c r="AD25254" s="2" t="s">
        <v>79774</v>
      </c>
      <c r="AE25254" s="1"/>
    </row>
    <row r="25255" spans="1:31" ht="14.45">
      <c r="A25255" s="5"/>
      <c r="B25255" s="21"/>
      <c r="C25255" s="2" t="s">
        <v>80689</v>
      </c>
      <c r="D25255" s="14" t="s">
        <v>80690</v>
      </c>
      <c r="E25255" s="2" t="s">
        <v>80691</v>
      </c>
      <c r="F25255" s="2" t="s">
        <v>79778</v>
      </c>
      <c r="G25255" s="8">
        <v>1070</v>
      </c>
      <c r="H25255" s="5">
        <v>5</v>
      </c>
      <c r="I25255" s="5" t="s">
        <v>79637</v>
      </c>
      <c r="J25255" s="5" t="s">
        <v>79638</v>
      </c>
      <c r="K25255" s="2" t="s">
        <v>79639</v>
      </c>
      <c r="L25255" s="5" t="s">
        <v>79638</v>
      </c>
      <c r="M25255" s="2" t="s">
        <v>79639</v>
      </c>
      <c r="N25255" s="5" t="s">
        <v>79640</v>
      </c>
      <c r="O25255" s="5" t="s">
        <v>38</v>
      </c>
      <c r="P25255" s="5" t="s">
        <v>39</v>
      </c>
      <c r="Q25255" s="5" t="s">
        <v>40</v>
      </c>
      <c r="R25255" s="5" t="s">
        <v>24335</v>
      </c>
      <c r="S25255" s="5" t="s">
        <v>40</v>
      </c>
      <c r="T25255" s="5" t="s">
        <v>42</v>
      </c>
      <c r="U25255" s="2">
        <v>21.989000000000001</v>
      </c>
      <c r="V25255" s="2">
        <v>19.353000000000002</v>
      </c>
      <c r="W25255" s="2">
        <v>0.153</v>
      </c>
      <c r="X25255" s="2">
        <v>18.100000000000001</v>
      </c>
      <c r="Y25255" s="2">
        <v>49.1</v>
      </c>
      <c r="Z25255" s="2">
        <v>172.4</v>
      </c>
      <c r="AA25255" s="5">
        <v>12</v>
      </c>
      <c r="AB25255" s="5" t="s">
        <v>43</v>
      </c>
      <c r="AC25255" s="5" t="s">
        <v>735</v>
      </c>
      <c r="AD25255" s="2" t="s">
        <v>80420</v>
      </c>
      <c r="AE25255" s="1"/>
    </row>
    <row r="25256" spans="1:31" ht="14.45">
      <c r="A25256" s="5"/>
      <c r="B25256" s="21"/>
      <c r="C25256" s="2" t="s">
        <v>80692</v>
      </c>
      <c r="D25256" s="14" t="s">
        <v>80693</v>
      </c>
      <c r="E25256" s="2" t="s">
        <v>80694</v>
      </c>
      <c r="F25256" s="2" t="s">
        <v>79783</v>
      </c>
      <c r="G25256" s="8">
        <v>950</v>
      </c>
      <c r="H25256" s="5">
        <v>10</v>
      </c>
      <c r="I25256" s="5" t="s">
        <v>79637</v>
      </c>
      <c r="J25256" s="5" t="s">
        <v>79638</v>
      </c>
      <c r="K25256" s="2" t="s">
        <v>79639</v>
      </c>
      <c r="L25256" s="5" t="s">
        <v>79638</v>
      </c>
      <c r="M25256" s="2" t="s">
        <v>79639</v>
      </c>
      <c r="N25256" s="5" t="s">
        <v>79640</v>
      </c>
      <c r="O25256" s="5" t="s">
        <v>38</v>
      </c>
      <c r="P25256" s="5" t="s">
        <v>39</v>
      </c>
      <c r="Q25256" s="5" t="s">
        <v>40</v>
      </c>
      <c r="R25256" s="5" t="s">
        <v>24335</v>
      </c>
      <c r="S25256" s="5" t="s">
        <v>40</v>
      </c>
      <c r="T25256" s="5" t="s">
        <v>42</v>
      </c>
      <c r="U25256" s="2">
        <v>19.672999999999998</v>
      </c>
      <c r="V25256" s="2">
        <v>17.036999999999999</v>
      </c>
      <c r="W25256" s="2">
        <v>0.153</v>
      </c>
      <c r="X25256" s="2">
        <v>18.100000000000001</v>
      </c>
      <c r="Y25256" s="2">
        <v>49.1</v>
      </c>
      <c r="Z25256" s="2">
        <v>172.4</v>
      </c>
      <c r="AA25256" s="5">
        <v>12</v>
      </c>
      <c r="AB25256" s="5" t="s">
        <v>43</v>
      </c>
      <c r="AC25256" s="5" t="s">
        <v>735</v>
      </c>
      <c r="AD25256" s="2" t="s">
        <v>80424</v>
      </c>
      <c r="AE25256" s="1"/>
    </row>
    <row r="25257" spans="1:31" ht="14.45">
      <c r="A25257" s="5" t="s">
        <v>116</v>
      </c>
      <c r="B25257" s="21">
        <v>46143</v>
      </c>
      <c r="C25257" s="2" t="s">
        <v>80695</v>
      </c>
      <c r="D25257" s="14" t="s">
        <v>80696</v>
      </c>
      <c r="E25257" s="2" t="s">
        <v>80697</v>
      </c>
      <c r="F25257" s="2" t="s">
        <v>130</v>
      </c>
      <c r="G25257" s="8">
        <v>946</v>
      </c>
      <c r="H25257" s="5">
        <v>5</v>
      </c>
      <c r="I25257" s="5" t="s">
        <v>79637</v>
      </c>
      <c r="J25257" s="5" t="s">
        <v>79638</v>
      </c>
      <c r="K25257" s="2" t="s">
        <v>79639</v>
      </c>
      <c r="L25257" s="5" t="s">
        <v>79638</v>
      </c>
      <c r="M25257" s="2" t="s">
        <v>79639</v>
      </c>
      <c r="N25257" s="5" t="s">
        <v>79640</v>
      </c>
      <c r="O25257" s="5" t="s">
        <v>38</v>
      </c>
      <c r="P25257" s="5" t="s">
        <v>39</v>
      </c>
      <c r="Q25257" s="5" t="s">
        <v>40</v>
      </c>
      <c r="R25257" s="5" t="s">
        <v>24335</v>
      </c>
      <c r="S25257" s="5" t="s">
        <v>40</v>
      </c>
      <c r="T25257" s="5" t="s">
        <v>42</v>
      </c>
      <c r="U25257" s="2">
        <v>16.712</v>
      </c>
      <c r="V25257" s="2">
        <v>13.85</v>
      </c>
      <c r="W25257" s="2">
        <v>0.126</v>
      </c>
      <c r="X25257" s="2">
        <v>43</v>
      </c>
      <c r="Y25257" s="2">
        <v>16.5</v>
      </c>
      <c r="Z25257" s="2">
        <v>177.8</v>
      </c>
      <c r="AA25257" s="5">
        <v>14</v>
      </c>
      <c r="AB25257" s="5" t="s">
        <v>43</v>
      </c>
      <c r="AC25257" s="5" t="s">
        <v>735</v>
      </c>
      <c r="AD25257" s="2" t="s">
        <v>80400</v>
      </c>
      <c r="AE25257" s="1"/>
    </row>
    <row r="25258" spans="1:31" ht="14.45">
      <c r="A25258" s="5"/>
      <c r="B25258" s="21"/>
      <c r="C25258" s="2" t="s">
        <v>80698</v>
      </c>
      <c r="D25258" s="14" t="s">
        <v>80699</v>
      </c>
      <c r="E25258" s="2" t="s">
        <v>80700</v>
      </c>
      <c r="F25258" s="2" t="s">
        <v>79740</v>
      </c>
      <c r="G25258" s="8">
        <v>946</v>
      </c>
      <c r="H25258" s="5">
        <v>5</v>
      </c>
      <c r="I25258" s="5" t="s">
        <v>79637</v>
      </c>
      <c r="J25258" s="5" t="s">
        <v>79638</v>
      </c>
      <c r="K25258" s="2" t="s">
        <v>79639</v>
      </c>
      <c r="L25258" s="5" t="s">
        <v>79638</v>
      </c>
      <c r="M25258" s="2" t="s">
        <v>79639</v>
      </c>
      <c r="N25258" s="5" t="s">
        <v>79640</v>
      </c>
      <c r="O25258" s="5" t="s">
        <v>38</v>
      </c>
      <c r="P25258" s="5" t="s">
        <v>39</v>
      </c>
      <c r="Q25258" s="5" t="s">
        <v>40</v>
      </c>
      <c r="R25258" s="5" t="s">
        <v>24335</v>
      </c>
      <c r="S25258" s="5" t="s">
        <v>40</v>
      </c>
      <c r="T25258" s="5" t="s">
        <v>42</v>
      </c>
      <c r="U25258" s="2">
        <v>20.92</v>
      </c>
      <c r="V25258" s="2">
        <v>18.274000000000001</v>
      </c>
      <c r="W25258" s="2">
        <v>0.153</v>
      </c>
      <c r="X25258" s="2">
        <v>18.100000000000001</v>
      </c>
      <c r="Y25258" s="2">
        <v>49.1</v>
      </c>
      <c r="Z25258" s="2">
        <v>172.4</v>
      </c>
      <c r="AA25258" s="5">
        <v>12</v>
      </c>
      <c r="AB25258" s="5" t="s">
        <v>43</v>
      </c>
      <c r="AC25258" s="5" t="s">
        <v>735</v>
      </c>
      <c r="AD25258" s="2" t="s">
        <v>80413</v>
      </c>
      <c r="AE25258" s="1"/>
    </row>
    <row r="25259" spans="1:31" ht="14.45">
      <c r="A25259" s="5" t="s">
        <v>116</v>
      </c>
      <c r="B25259" s="21">
        <v>46143</v>
      </c>
      <c r="C25259" s="2" t="s">
        <v>80701</v>
      </c>
      <c r="D25259" s="14" t="s">
        <v>80702</v>
      </c>
      <c r="E25259" s="2" t="s">
        <v>80703</v>
      </c>
      <c r="F25259" s="2" t="s">
        <v>130</v>
      </c>
      <c r="G25259" s="8">
        <v>1121</v>
      </c>
      <c r="H25259" s="5">
        <v>10</v>
      </c>
      <c r="I25259" s="5" t="s">
        <v>79637</v>
      </c>
      <c r="J25259" s="5" t="s">
        <v>79638</v>
      </c>
      <c r="K25259" s="2" t="s">
        <v>79639</v>
      </c>
      <c r="L25259" s="5" t="s">
        <v>79638</v>
      </c>
      <c r="M25259" s="2" t="s">
        <v>79639</v>
      </c>
      <c r="N25259" s="5" t="s">
        <v>79640</v>
      </c>
      <c r="O25259" s="5" t="s">
        <v>38</v>
      </c>
      <c r="P25259" s="5" t="s">
        <v>39</v>
      </c>
      <c r="Q25259" s="5" t="s">
        <v>40</v>
      </c>
      <c r="R25259" s="5" t="s">
        <v>24335</v>
      </c>
      <c r="S25259" s="5" t="s">
        <v>40</v>
      </c>
      <c r="T25259" s="5" t="s">
        <v>42</v>
      </c>
      <c r="U25259" s="2">
        <v>19.175999999999998</v>
      </c>
      <c r="V25259" s="2">
        <v>16.309000000000001</v>
      </c>
      <c r="W25259" s="2">
        <v>0.126</v>
      </c>
      <c r="X25259" s="2">
        <v>43</v>
      </c>
      <c r="Y25259" s="2">
        <v>16.5</v>
      </c>
      <c r="Z25259" s="2">
        <v>177.8</v>
      </c>
      <c r="AA25259" s="5">
        <v>14</v>
      </c>
      <c r="AB25259" s="5" t="s">
        <v>43</v>
      </c>
      <c r="AC25259" s="5" t="s">
        <v>735</v>
      </c>
      <c r="AD25259" s="2" t="s">
        <v>79774</v>
      </c>
      <c r="AE25259" s="1"/>
    </row>
    <row r="25260" spans="1:31" ht="14.45">
      <c r="A25260" s="5"/>
      <c r="B25260" s="21"/>
      <c r="C25260" s="2" t="s">
        <v>80704</v>
      </c>
      <c r="D25260" s="14" t="s">
        <v>80705</v>
      </c>
      <c r="E25260" s="2" t="s">
        <v>80706</v>
      </c>
      <c r="F25260" s="2" t="s">
        <v>79778</v>
      </c>
      <c r="G25260" s="8">
        <v>1121</v>
      </c>
      <c r="H25260" s="5">
        <v>10</v>
      </c>
      <c r="I25260" s="5" t="s">
        <v>79637</v>
      </c>
      <c r="J25260" s="5" t="s">
        <v>79638</v>
      </c>
      <c r="K25260" s="2" t="s">
        <v>79639</v>
      </c>
      <c r="L25260" s="5" t="s">
        <v>79638</v>
      </c>
      <c r="M25260" s="2" t="s">
        <v>79639</v>
      </c>
      <c r="N25260" s="5" t="s">
        <v>79640</v>
      </c>
      <c r="O25260" s="5" t="s">
        <v>38</v>
      </c>
      <c r="P25260" s="5" t="s">
        <v>39</v>
      </c>
      <c r="Q25260" s="5" t="s">
        <v>40</v>
      </c>
      <c r="R25260" s="5" t="s">
        <v>24335</v>
      </c>
      <c r="S25260" s="5" t="s">
        <v>40</v>
      </c>
      <c r="T25260" s="5" t="s">
        <v>42</v>
      </c>
      <c r="U25260" s="2">
        <v>23.486000000000001</v>
      </c>
      <c r="V25260" s="2">
        <v>20.84</v>
      </c>
      <c r="W25260" s="2">
        <v>0.153</v>
      </c>
      <c r="X25260" s="2">
        <v>18.100000000000001</v>
      </c>
      <c r="Y25260" s="2">
        <v>49.1</v>
      </c>
      <c r="Z25260" s="2">
        <v>172.4</v>
      </c>
      <c r="AA25260" s="5">
        <v>12</v>
      </c>
      <c r="AB25260" s="5" t="s">
        <v>43</v>
      </c>
      <c r="AC25260" s="5" t="s">
        <v>735</v>
      </c>
      <c r="AD25260" s="2" t="s">
        <v>80420</v>
      </c>
      <c r="AE25260" s="1"/>
    </row>
    <row r="25261" spans="1:31" ht="14.45">
      <c r="A25261" s="5"/>
      <c r="B25261" s="21"/>
      <c r="C25261" s="2" t="s">
        <v>80707</v>
      </c>
      <c r="D25261" s="14" t="s">
        <v>80708</v>
      </c>
      <c r="E25261" s="2" t="s">
        <v>80709</v>
      </c>
      <c r="F25261" s="2" t="s">
        <v>79783</v>
      </c>
      <c r="G25261" s="8">
        <v>992</v>
      </c>
      <c r="H25261" s="5">
        <v>10</v>
      </c>
      <c r="I25261" s="5" t="s">
        <v>79637</v>
      </c>
      <c r="J25261" s="5" t="s">
        <v>79638</v>
      </c>
      <c r="K25261" s="2" t="s">
        <v>79639</v>
      </c>
      <c r="L25261" s="5" t="s">
        <v>79638</v>
      </c>
      <c r="M25261" s="2" t="s">
        <v>79639</v>
      </c>
      <c r="N25261" s="5" t="s">
        <v>79640</v>
      </c>
      <c r="O25261" s="5" t="s">
        <v>38</v>
      </c>
      <c r="P25261" s="5" t="s">
        <v>39</v>
      </c>
      <c r="Q25261" s="5" t="s">
        <v>40</v>
      </c>
      <c r="R25261" s="5" t="s">
        <v>24335</v>
      </c>
      <c r="S25261" s="5" t="s">
        <v>40</v>
      </c>
      <c r="T25261" s="5" t="s">
        <v>42</v>
      </c>
      <c r="U25261" s="2">
        <v>20.954000000000001</v>
      </c>
      <c r="V25261" s="2">
        <v>18.308</v>
      </c>
      <c r="W25261" s="2">
        <v>0.153</v>
      </c>
      <c r="X25261" s="2">
        <v>18.100000000000001</v>
      </c>
      <c r="Y25261" s="2">
        <v>49.1</v>
      </c>
      <c r="Z25261" s="2">
        <v>172.4</v>
      </c>
      <c r="AA25261" s="5">
        <v>12</v>
      </c>
      <c r="AB25261" s="5" t="s">
        <v>43</v>
      </c>
      <c r="AC25261" s="5" t="s">
        <v>735</v>
      </c>
      <c r="AD25261" s="2" t="s">
        <v>80424</v>
      </c>
      <c r="AE25261" s="1"/>
    </row>
    <row r="25262" spans="1:31" ht="14.45">
      <c r="A25262" s="5" t="s">
        <v>116</v>
      </c>
      <c r="B25262" s="21">
        <v>46143</v>
      </c>
      <c r="C25262" s="2" t="s">
        <v>80710</v>
      </c>
      <c r="D25262" s="14" t="s">
        <v>80711</v>
      </c>
      <c r="E25262" s="2" t="s">
        <v>80712</v>
      </c>
      <c r="F25262" s="2" t="s">
        <v>130</v>
      </c>
      <c r="G25262" s="8">
        <v>611</v>
      </c>
      <c r="H25262" s="5">
        <v>5</v>
      </c>
      <c r="I25262" s="5" t="s">
        <v>79637</v>
      </c>
      <c r="J25262" s="5" t="s">
        <v>79638</v>
      </c>
      <c r="K25262" s="2" t="s">
        <v>79639</v>
      </c>
      <c r="L25262" s="5" t="s">
        <v>79638</v>
      </c>
      <c r="M25262" s="2" t="s">
        <v>79639</v>
      </c>
      <c r="N25262" s="5" t="s">
        <v>79640</v>
      </c>
      <c r="O25262" s="5" t="s">
        <v>38</v>
      </c>
      <c r="P25262" s="5" t="s">
        <v>39</v>
      </c>
      <c r="Q25262" s="5" t="s">
        <v>40</v>
      </c>
      <c r="R25262" s="5" t="s">
        <v>24335</v>
      </c>
      <c r="S25262" s="5" t="s">
        <v>40</v>
      </c>
      <c r="T25262" s="5" t="s">
        <v>42</v>
      </c>
      <c r="U25262" s="2">
        <v>8.4169999999999998</v>
      </c>
      <c r="V25262" s="2">
        <v>6.0469999999999997</v>
      </c>
      <c r="W25262" s="2">
        <v>0.09</v>
      </c>
      <c r="X25262" s="2">
        <v>43</v>
      </c>
      <c r="Y25262" s="2">
        <v>16.5</v>
      </c>
      <c r="Z25262" s="2">
        <v>126.8</v>
      </c>
      <c r="AA25262" s="5">
        <v>14</v>
      </c>
      <c r="AB25262" s="5" t="s">
        <v>43</v>
      </c>
      <c r="AC25262" s="5" t="s">
        <v>735</v>
      </c>
      <c r="AD25262" s="2" t="s">
        <v>80400</v>
      </c>
      <c r="AE25262" s="1"/>
    </row>
    <row r="25263" spans="1:31" ht="14.45">
      <c r="A25263" s="5"/>
      <c r="B25263" s="21"/>
      <c r="C25263" s="2" t="s">
        <v>80713</v>
      </c>
      <c r="D25263" s="14" t="s">
        <v>80714</v>
      </c>
      <c r="E25263" s="2" t="s">
        <v>80715</v>
      </c>
      <c r="F25263" s="2" t="s">
        <v>79740</v>
      </c>
      <c r="G25263" s="8">
        <v>611</v>
      </c>
      <c r="H25263" s="5">
        <v>5</v>
      </c>
      <c r="I25263" s="5" t="s">
        <v>79637</v>
      </c>
      <c r="J25263" s="5" t="s">
        <v>79638</v>
      </c>
      <c r="K25263" s="2" t="s">
        <v>79639</v>
      </c>
      <c r="L25263" s="5" t="s">
        <v>79638</v>
      </c>
      <c r="M25263" s="2" t="s">
        <v>79639</v>
      </c>
      <c r="N25263" s="5" t="s">
        <v>79640</v>
      </c>
      <c r="O25263" s="5" t="s">
        <v>38</v>
      </c>
      <c r="P25263" s="5" t="s">
        <v>39</v>
      </c>
      <c r="Q25263" s="5" t="s">
        <v>40</v>
      </c>
      <c r="R25263" s="5" t="s">
        <v>24335</v>
      </c>
      <c r="S25263" s="5" t="s">
        <v>40</v>
      </c>
      <c r="T25263" s="5" t="s">
        <v>42</v>
      </c>
      <c r="U25263" s="2">
        <v>10.308999999999999</v>
      </c>
      <c r="V25263" s="2">
        <v>8.3249999999999993</v>
      </c>
      <c r="W25263" s="2">
        <v>0.10199999999999999</v>
      </c>
      <c r="X25263" s="2">
        <v>18.100000000000001</v>
      </c>
      <c r="Y25263" s="2">
        <v>49.1</v>
      </c>
      <c r="Z25263" s="2">
        <v>115</v>
      </c>
      <c r="AA25263" s="2">
        <v>12</v>
      </c>
      <c r="AB25263" s="5" t="s">
        <v>43</v>
      </c>
      <c r="AC25263" s="5" t="s">
        <v>735</v>
      </c>
      <c r="AD25263" s="2" t="s">
        <v>80413</v>
      </c>
      <c r="AE25263" s="1"/>
    </row>
    <row r="25264" spans="1:31" ht="14.45">
      <c r="A25264" s="5"/>
      <c r="B25264" s="21"/>
      <c r="C25264" s="2" t="s">
        <v>80716</v>
      </c>
      <c r="D25264" s="14" t="s">
        <v>80717</v>
      </c>
      <c r="E25264" s="2" t="s">
        <v>80718</v>
      </c>
      <c r="F25264" s="2" t="s">
        <v>79778</v>
      </c>
      <c r="G25264" s="8">
        <v>709</v>
      </c>
      <c r="H25264" s="5">
        <v>10</v>
      </c>
      <c r="I25264" s="5" t="s">
        <v>79637</v>
      </c>
      <c r="J25264" s="5" t="s">
        <v>79638</v>
      </c>
      <c r="K25264" s="2" t="s">
        <v>79639</v>
      </c>
      <c r="L25264" s="5" t="s">
        <v>79638</v>
      </c>
      <c r="M25264" s="2" t="s">
        <v>79639</v>
      </c>
      <c r="N25264" s="5" t="s">
        <v>79640</v>
      </c>
      <c r="O25264" s="5" t="s">
        <v>38</v>
      </c>
      <c r="P25264" s="5" t="s">
        <v>39</v>
      </c>
      <c r="Q25264" s="5" t="s">
        <v>40</v>
      </c>
      <c r="R25264" s="5" t="s">
        <v>24335</v>
      </c>
      <c r="S25264" s="5" t="s">
        <v>40</v>
      </c>
      <c r="T25264" s="5" t="s">
        <v>42</v>
      </c>
      <c r="U25264" s="2">
        <v>11.488</v>
      </c>
      <c r="V25264" s="2">
        <v>9.5039999999999996</v>
      </c>
      <c r="W25264" s="2">
        <v>0.10199999999999999</v>
      </c>
      <c r="X25264" s="2">
        <v>18.100000000000001</v>
      </c>
      <c r="Y25264" s="2">
        <v>49.1</v>
      </c>
      <c r="Z25264" s="2">
        <v>115</v>
      </c>
      <c r="AA25264" s="2">
        <v>12</v>
      </c>
      <c r="AB25264" s="5" t="s">
        <v>43</v>
      </c>
      <c r="AC25264" s="5" t="s">
        <v>735</v>
      </c>
      <c r="AD25264" s="2" t="s">
        <v>80420</v>
      </c>
      <c r="AE25264" s="1"/>
    </row>
    <row r="25265" spans="1:31" ht="14.45">
      <c r="A25265" s="5" t="s">
        <v>116</v>
      </c>
      <c r="B25265" s="21">
        <v>46143</v>
      </c>
      <c r="C25265" s="2" t="s">
        <v>80719</v>
      </c>
      <c r="D25265" s="14" t="s">
        <v>80720</v>
      </c>
      <c r="E25265" s="2" t="s">
        <v>80721</v>
      </c>
      <c r="F25265" s="2" t="s">
        <v>130</v>
      </c>
      <c r="G25265" s="8">
        <v>632</v>
      </c>
      <c r="H25265" s="5">
        <v>5</v>
      </c>
      <c r="I25265" s="5" t="s">
        <v>79637</v>
      </c>
      <c r="J25265" s="5" t="s">
        <v>79638</v>
      </c>
      <c r="K25265" s="2" t="s">
        <v>79639</v>
      </c>
      <c r="L25265" s="5" t="s">
        <v>79638</v>
      </c>
      <c r="M25265" s="2" t="s">
        <v>79639</v>
      </c>
      <c r="N25265" s="5" t="s">
        <v>79640</v>
      </c>
      <c r="O25265" s="5" t="s">
        <v>38</v>
      </c>
      <c r="P25265" s="5" t="s">
        <v>39</v>
      </c>
      <c r="Q25265" s="5" t="s">
        <v>40</v>
      </c>
      <c r="R25265" s="5" t="s">
        <v>24335</v>
      </c>
      <c r="S25265" s="5" t="s">
        <v>40</v>
      </c>
      <c r="T25265" s="5" t="s">
        <v>42</v>
      </c>
      <c r="U25265" s="2">
        <v>9.1370000000000005</v>
      </c>
      <c r="V25265" s="2">
        <v>6.7670000000000003</v>
      </c>
      <c r="W25265" s="2">
        <v>0.09</v>
      </c>
      <c r="X25265" s="2">
        <v>43</v>
      </c>
      <c r="Y25265" s="2">
        <v>16.5</v>
      </c>
      <c r="Z25265" s="2">
        <v>126.8</v>
      </c>
      <c r="AA25265" s="5">
        <v>14</v>
      </c>
      <c r="AB25265" s="5" t="s">
        <v>43</v>
      </c>
      <c r="AC25265" s="5" t="s">
        <v>735</v>
      </c>
      <c r="AD25265" s="2" t="s">
        <v>80400</v>
      </c>
      <c r="AE25265" s="1"/>
    </row>
    <row r="25266" spans="1:31" ht="14.45">
      <c r="A25266" s="5"/>
      <c r="B25266" s="21"/>
      <c r="C25266" s="2" t="s">
        <v>80722</v>
      </c>
      <c r="D25266" s="14" t="s">
        <v>80723</v>
      </c>
      <c r="E25266" s="2" t="s">
        <v>80724</v>
      </c>
      <c r="F25266" s="2" t="s">
        <v>79740</v>
      </c>
      <c r="G25266" s="8">
        <v>632</v>
      </c>
      <c r="H25266" s="5">
        <v>5</v>
      </c>
      <c r="I25266" s="5" t="s">
        <v>79637</v>
      </c>
      <c r="J25266" s="5" t="s">
        <v>79638</v>
      </c>
      <c r="K25266" s="2" t="s">
        <v>79639</v>
      </c>
      <c r="L25266" s="5" t="s">
        <v>79638</v>
      </c>
      <c r="M25266" s="2" t="s">
        <v>79639</v>
      </c>
      <c r="N25266" s="5" t="s">
        <v>79640</v>
      </c>
      <c r="O25266" s="5" t="s">
        <v>38</v>
      </c>
      <c r="P25266" s="5" t="s">
        <v>39</v>
      </c>
      <c r="Q25266" s="5" t="s">
        <v>40</v>
      </c>
      <c r="R25266" s="5" t="s">
        <v>24335</v>
      </c>
      <c r="S25266" s="5" t="s">
        <v>40</v>
      </c>
      <c r="T25266" s="5" t="s">
        <v>42</v>
      </c>
      <c r="U25266" s="2">
        <v>11.321</v>
      </c>
      <c r="V25266" s="2">
        <v>9.173</v>
      </c>
      <c r="W25266" s="2">
        <v>0.11899999999999999</v>
      </c>
      <c r="X25266" s="2">
        <v>18.100000000000001</v>
      </c>
      <c r="Y25266" s="2">
        <v>49.1</v>
      </c>
      <c r="Z25266" s="2">
        <v>134.19999999999999</v>
      </c>
      <c r="AA25266" s="2">
        <v>12</v>
      </c>
      <c r="AB25266" s="5" t="s">
        <v>43</v>
      </c>
      <c r="AC25266" s="5" t="s">
        <v>735</v>
      </c>
      <c r="AD25266" s="2" t="s">
        <v>80413</v>
      </c>
      <c r="AE25266" s="1"/>
    </row>
    <row r="25267" spans="1:31" ht="14.45">
      <c r="A25267" s="5"/>
      <c r="B25267" s="21"/>
      <c r="C25267" s="2" t="s">
        <v>80725</v>
      </c>
      <c r="D25267" s="14" t="s">
        <v>80726</v>
      </c>
      <c r="E25267" s="2" t="s">
        <v>80727</v>
      </c>
      <c r="F25267" s="2" t="s">
        <v>79778</v>
      </c>
      <c r="G25267" s="8">
        <v>735</v>
      </c>
      <c r="H25267" s="5">
        <v>10</v>
      </c>
      <c r="I25267" s="5" t="s">
        <v>79637</v>
      </c>
      <c r="J25267" s="5" t="s">
        <v>79638</v>
      </c>
      <c r="K25267" s="2" t="s">
        <v>79639</v>
      </c>
      <c r="L25267" s="5" t="s">
        <v>79638</v>
      </c>
      <c r="M25267" s="2" t="s">
        <v>79639</v>
      </c>
      <c r="N25267" s="5" t="s">
        <v>79640</v>
      </c>
      <c r="O25267" s="5" t="s">
        <v>38</v>
      </c>
      <c r="P25267" s="5" t="s">
        <v>39</v>
      </c>
      <c r="Q25267" s="5" t="s">
        <v>40</v>
      </c>
      <c r="R25267" s="5" t="s">
        <v>24335</v>
      </c>
      <c r="S25267" s="5" t="s">
        <v>40</v>
      </c>
      <c r="T25267" s="5" t="s">
        <v>42</v>
      </c>
      <c r="U25267" s="2">
        <v>12.72</v>
      </c>
      <c r="V25267" s="2">
        <v>10.571999999999999</v>
      </c>
      <c r="W25267" s="2">
        <v>0.11899999999999999</v>
      </c>
      <c r="X25267" s="2">
        <v>18.100000000000001</v>
      </c>
      <c r="Y25267" s="2">
        <v>49.1</v>
      </c>
      <c r="Z25267" s="2">
        <v>134.19999999999999</v>
      </c>
      <c r="AA25267" s="2">
        <v>12</v>
      </c>
      <c r="AB25267" s="5" t="s">
        <v>43</v>
      </c>
      <c r="AC25267" s="5" t="s">
        <v>735</v>
      </c>
      <c r="AD25267" s="2" t="s">
        <v>80420</v>
      </c>
      <c r="AE25267" s="1"/>
    </row>
    <row r="25268" spans="1:31" ht="14.45">
      <c r="A25268" s="5" t="s">
        <v>116</v>
      </c>
      <c r="B25268" s="21">
        <v>46143</v>
      </c>
      <c r="C25268" s="2" t="s">
        <v>80728</v>
      </c>
      <c r="D25268" s="14" t="s">
        <v>80729</v>
      </c>
      <c r="E25268" s="2" t="s">
        <v>80730</v>
      </c>
      <c r="F25268" s="2" t="s">
        <v>130</v>
      </c>
      <c r="G25268" s="8">
        <v>658</v>
      </c>
      <c r="H25268" s="5">
        <v>5</v>
      </c>
      <c r="I25268" s="5" t="s">
        <v>79637</v>
      </c>
      <c r="J25268" s="5" t="s">
        <v>79638</v>
      </c>
      <c r="K25268" s="2" t="s">
        <v>79639</v>
      </c>
      <c r="L25268" s="5" t="s">
        <v>79638</v>
      </c>
      <c r="M25268" s="2" t="s">
        <v>79639</v>
      </c>
      <c r="N25268" s="5" t="s">
        <v>79640</v>
      </c>
      <c r="O25268" s="5" t="s">
        <v>38</v>
      </c>
      <c r="P25268" s="5" t="s">
        <v>39</v>
      </c>
      <c r="Q25268" s="5" t="s">
        <v>40</v>
      </c>
      <c r="R25268" s="5" t="s">
        <v>24335</v>
      </c>
      <c r="S25268" s="5" t="s">
        <v>40</v>
      </c>
      <c r="T25268" s="5" t="s">
        <v>42</v>
      </c>
      <c r="U25268" s="2">
        <v>9.625</v>
      </c>
      <c r="V25268" s="2">
        <v>7.2549999999999999</v>
      </c>
      <c r="W25268" s="2">
        <v>0.09</v>
      </c>
      <c r="X25268" s="2">
        <v>43</v>
      </c>
      <c r="Y25268" s="2">
        <v>16.5</v>
      </c>
      <c r="Z25268" s="2">
        <v>126.8</v>
      </c>
      <c r="AA25268" s="5">
        <v>14</v>
      </c>
      <c r="AB25268" s="5" t="s">
        <v>43</v>
      </c>
      <c r="AC25268" s="5" t="s">
        <v>735</v>
      </c>
      <c r="AD25268" s="2" t="s">
        <v>80400</v>
      </c>
      <c r="AE25268" s="1"/>
    </row>
    <row r="25269" spans="1:31" ht="14.45">
      <c r="A25269" s="5"/>
      <c r="B25269" s="21"/>
      <c r="C25269" s="2" t="s">
        <v>80731</v>
      </c>
      <c r="D25269" s="14" t="s">
        <v>80732</v>
      </c>
      <c r="E25269" s="2" t="s">
        <v>80733</v>
      </c>
      <c r="F25269" s="2" t="s">
        <v>79740</v>
      </c>
      <c r="G25269" s="8">
        <v>658</v>
      </c>
      <c r="H25269" s="5">
        <v>5</v>
      </c>
      <c r="I25269" s="5" t="s">
        <v>79637</v>
      </c>
      <c r="J25269" s="5" t="s">
        <v>79638</v>
      </c>
      <c r="K25269" s="2" t="s">
        <v>79639</v>
      </c>
      <c r="L25269" s="5" t="s">
        <v>79638</v>
      </c>
      <c r="M25269" s="2" t="s">
        <v>79639</v>
      </c>
      <c r="N25269" s="5" t="s">
        <v>79640</v>
      </c>
      <c r="O25269" s="5" t="s">
        <v>38</v>
      </c>
      <c r="P25269" s="5" t="s">
        <v>39</v>
      </c>
      <c r="Q25269" s="5" t="s">
        <v>40</v>
      </c>
      <c r="R25269" s="5" t="s">
        <v>24335</v>
      </c>
      <c r="S25269" s="5" t="s">
        <v>40</v>
      </c>
      <c r="T25269" s="5" t="s">
        <v>42</v>
      </c>
      <c r="U25269" s="2">
        <v>12.340999999999999</v>
      </c>
      <c r="V25269" s="2">
        <v>10.178000000000001</v>
      </c>
      <c r="W25269" s="2">
        <v>0.11899999999999999</v>
      </c>
      <c r="X25269" s="2">
        <v>18.100000000000001</v>
      </c>
      <c r="Y25269" s="2">
        <v>49.1</v>
      </c>
      <c r="Z25269" s="2">
        <v>134.19999999999999</v>
      </c>
      <c r="AA25269" s="2">
        <v>12</v>
      </c>
      <c r="AB25269" s="5" t="s">
        <v>43</v>
      </c>
      <c r="AC25269" s="5" t="s">
        <v>735</v>
      </c>
      <c r="AD25269" s="2" t="s">
        <v>80413</v>
      </c>
      <c r="AE25269" s="1"/>
    </row>
    <row r="25270" spans="1:31" ht="14.45">
      <c r="A25270" s="5"/>
      <c r="B25270" s="21"/>
      <c r="C25270" s="2" t="s">
        <v>80734</v>
      </c>
      <c r="D25270" s="14" t="s">
        <v>80735</v>
      </c>
      <c r="E25270" s="2" t="s">
        <v>80736</v>
      </c>
      <c r="F25270" s="2" t="s">
        <v>79778</v>
      </c>
      <c r="G25270" s="8">
        <v>767</v>
      </c>
      <c r="H25270" s="5">
        <v>10</v>
      </c>
      <c r="I25270" s="5" t="s">
        <v>79637</v>
      </c>
      <c r="J25270" s="5" t="s">
        <v>79638</v>
      </c>
      <c r="K25270" s="2" t="s">
        <v>79639</v>
      </c>
      <c r="L25270" s="5" t="s">
        <v>79638</v>
      </c>
      <c r="M25270" s="2" t="s">
        <v>79639</v>
      </c>
      <c r="N25270" s="5" t="s">
        <v>79640</v>
      </c>
      <c r="O25270" s="5" t="s">
        <v>38</v>
      </c>
      <c r="P25270" s="5" t="s">
        <v>39</v>
      </c>
      <c r="Q25270" s="5" t="s">
        <v>40</v>
      </c>
      <c r="R25270" s="5" t="s">
        <v>24335</v>
      </c>
      <c r="S25270" s="5" t="s">
        <v>40</v>
      </c>
      <c r="T25270" s="5" t="s">
        <v>42</v>
      </c>
      <c r="U25270" s="2">
        <v>13.81</v>
      </c>
      <c r="V25270" s="2">
        <v>11.647</v>
      </c>
      <c r="W25270" s="2">
        <v>0.11899999999999999</v>
      </c>
      <c r="X25270" s="2">
        <v>18.100000000000001</v>
      </c>
      <c r="Y25270" s="2">
        <v>49.1</v>
      </c>
      <c r="Z25270" s="2">
        <v>134.19999999999999</v>
      </c>
      <c r="AA25270" s="2">
        <v>12</v>
      </c>
      <c r="AB25270" s="5" t="s">
        <v>43</v>
      </c>
      <c r="AC25270" s="5" t="s">
        <v>735</v>
      </c>
      <c r="AD25270" s="2" t="s">
        <v>80420</v>
      </c>
      <c r="AE25270" s="1"/>
    </row>
    <row r="25271" spans="1:31" ht="14.45">
      <c r="A25271" s="5" t="s">
        <v>116</v>
      </c>
      <c r="B25271" s="21">
        <v>46143</v>
      </c>
      <c r="C25271" s="2" t="s">
        <v>80737</v>
      </c>
      <c r="D25271" s="14" t="s">
        <v>80738</v>
      </c>
      <c r="E25271" s="2" t="s">
        <v>80739</v>
      </c>
      <c r="F25271" s="2" t="s">
        <v>130</v>
      </c>
      <c r="G25271" s="8">
        <v>684</v>
      </c>
      <c r="H25271" s="5">
        <v>5</v>
      </c>
      <c r="I25271" s="5" t="s">
        <v>79637</v>
      </c>
      <c r="J25271" s="5" t="s">
        <v>79638</v>
      </c>
      <c r="K25271" s="2" t="s">
        <v>79639</v>
      </c>
      <c r="L25271" s="5" t="s">
        <v>79638</v>
      </c>
      <c r="M25271" s="2" t="s">
        <v>79639</v>
      </c>
      <c r="N25271" s="5" t="s">
        <v>79640</v>
      </c>
      <c r="O25271" s="5" t="s">
        <v>38</v>
      </c>
      <c r="P25271" s="5" t="s">
        <v>39</v>
      </c>
      <c r="Q25271" s="5" t="s">
        <v>40</v>
      </c>
      <c r="R25271" s="5" t="s">
        <v>24335</v>
      </c>
      <c r="S25271" s="5" t="s">
        <v>40</v>
      </c>
      <c r="T25271" s="5" t="s">
        <v>42</v>
      </c>
      <c r="U25271" s="2">
        <v>10.507</v>
      </c>
      <c r="V25271" s="2">
        <v>7.9829999999999997</v>
      </c>
      <c r="W25271" s="2">
        <v>0.10100000000000001</v>
      </c>
      <c r="X25271" s="2">
        <v>43</v>
      </c>
      <c r="Y25271" s="2">
        <v>16.5</v>
      </c>
      <c r="Z25271" s="2">
        <v>143</v>
      </c>
      <c r="AA25271" s="5">
        <v>14</v>
      </c>
      <c r="AB25271" s="5" t="s">
        <v>43</v>
      </c>
      <c r="AC25271" s="5" t="s">
        <v>735</v>
      </c>
      <c r="AD25271" s="2" t="s">
        <v>80400</v>
      </c>
      <c r="AE25271" s="1"/>
    </row>
    <row r="25272" spans="1:31" ht="14.45">
      <c r="A25272" s="5"/>
      <c r="B25272" s="21"/>
      <c r="C25272" s="2" t="s">
        <v>80740</v>
      </c>
      <c r="D25272" s="14" t="s">
        <v>80741</v>
      </c>
      <c r="E25272" s="2" t="s">
        <v>80742</v>
      </c>
      <c r="F25272" s="2" t="s">
        <v>79740</v>
      </c>
      <c r="G25272" s="8">
        <v>684</v>
      </c>
      <c r="H25272" s="5">
        <v>5</v>
      </c>
      <c r="I25272" s="5" t="s">
        <v>79637</v>
      </c>
      <c r="J25272" s="5" t="s">
        <v>79638</v>
      </c>
      <c r="K25272" s="2" t="s">
        <v>79639</v>
      </c>
      <c r="L25272" s="5" t="s">
        <v>79638</v>
      </c>
      <c r="M25272" s="2" t="s">
        <v>79639</v>
      </c>
      <c r="N25272" s="5" t="s">
        <v>79640</v>
      </c>
      <c r="O25272" s="5" t="s">
        <v>38</v>
      </c>
      <c r="P25272" s="5" t="s">
        <v>39</v>
      </c>
      <c r="Q25272" s="5" t="s">
        <v>40</v>
      </c>
      <c r="R25272" s="5" t="s">
        <v>24335</v>
      </c>
      <c r="S25272" s="5" t="s">
        <v>40</v>
      </c>
      <c r="T25272" s="5" t="s">
        <v>42</v>
      </c>
      <c r="U25272" s="2">
        <v>13.446</v>
      </c>
      <c r="V25272" s="2">
        <v>11.077999999999999</v>
      </c>
      <c r="W25272" s="2">
        <v>0.13900000000000001</v>
      </c>
      <c r="X25272" s="2">
        <v>18.100000000000001</v>
      </c>
      <c r="Y25272" s="2">
        <v>49.1</v>
      </c>
      <c r="Z25272" s="2">
        <v>156.19999999999999</v>
      </c>
      <c r="AA25272" s="2">
        <v>12</v>
      </c>
      <c r="AB25272" s="5" t="s">
        <v>43</v>
      </c>
      <c r="AC25272" s="5" t="s">
        <v>735</v>
      </c>
      <c r="AD25272" s="2" t="s">
        <v>80413</v>
      </c>
      <c r="AE25272" s="1"/>
    </row>
    <row r="25273" spans="1:31" ht="14.45">
      <c r="A25273" s="5"/>
      <c r="B25273" s="21"/>
      <c r="C25273" s="2" t="s">
        <v>80743</v>
      </c>
      <c r="D25273" s="14" t="s">
        <v>80744</v>
      </c>
      <c r="E25273" s="2" t="s">
        <v>80745</v>
      </c>
      <c r="F25273" s="2" t="s">
        <v>79778</v>
      </c>
      <c r="G25273" s="8">
        <v>800</v>
      </c>
      <c r="H25273" s="5">
        <v>10</v>
      </c>
      <c r="I25273" s="5" t="s">
        <v>79637</v>
      </c>
      <c r="J25273" s="5" t="s">
        <v>79638</v>
      </c>
      <c r="K25273" s="2" t="s">
        <v>79639</v>
      </c>
      <c r="L25273" s="5" t="s">
        <v>79638</v>
      </c>
      <c r="M25273" s="2" t="s">
        <v>79639</v>
      </c>
      <c r="N25273" s="5" t="s">
        <v>79640</v>
      </c>
      <c r="O25273" s="5" t="s">
        <v>38</v>
      </c>
      <c r="P25273" s="5" t="s">
        <v>39</v>
      </c>
      <c r="Q25273" s="5" t="s">
        <v>40</v>
      </c>
      <c r="R25273" s="5" t="s">
        <v>24335</v>
      </c>
      <c r="S25273" s="5" t="s">
        <v>40</v>
      </c>
      <c r="T25273" s="5" t="s">
        <v>42</v>
      </c>
      <c r="U25273" s="2">
        <v>15.132999999999999</v>
      </c>
      <c r="V25273" s="2">
        <v>12.765000000000001</v>
      </c>
      <c r="W25273" s="2">
        <v>0.13900000000000001</v>
      </c>
      <c r="X25273" s="2">
        <v>18.100000000000001</v>
      </c>
      <c r="Y25273" s="2">
        <v>49.1</v>
      </c>
      <c r="Z25273" s="2">
        <v>156.19999999999999</v>
      </c>
      <c r="AA25273" s="2">
        <v>12</v>
      </c>
      <c r="AB25273" s="5" t="s">
        <v>43</v>
      </c>
      <c r="AC25273" s="5" t="s">
        <v>735</v>
      </c>
      <c r="AD25273" s="2" t="s">
        <v>80420</v>
      </c>
      <c r="AE25273" s="1"/>
    </row>
    <row r="25274" spans="1:31" ht="14.45">
      <c r="A25274" s="5" t="s">
        <v>116</v>
      </c>
      <c r="B25274" s="21">
        <v>46143</v>
      </c>
      <c r="C25274" s="2" t="s">
        <v>80746</v>
      </c>
      <c r="D25274" s="14" t="s">
        <v>80747</v>
      </c>
      <c r="E25274" s="2" t="s">
        <v>80748</v>
      </c>
      <c r="F25274" s="2" t="s">
        <v>130</v>
      </c>
      <c r="G25274" s="8">
        <v>679</v>
      </c>
      <c r="H25274" s="5">
        <v>5</v>
      </c>
      <c r="I25274" s="5" t="s">
        <v>79637</v>
      </c>
      <c r="J25274" s="5" t="s">
        <v>79638</v>
      </c>
      <c r="K25274" s="2" t="s">
        <v>79639</v>
      </c>
      <c r="L25274" s="5" t="s">
        <v>79638</v>
      </c>
      <c r="M25274" s="2" t="s">
        <v>79639</v>
      </c>
      <c r="N25274" s="5" t="s">
        <v>79640</v>
      </c>
      <c r="O25274" s="5" t="s">
        <v>38</v>
      </c>
      <c r="P25274" s="5" t="s">
        <v>39</v>
      </c>
      <c r="Q25274" s="5" t="s">
        <v>40</v>
      </c>
      <c r="R25274" s="5" t="s">
        <v>24335</v>
      </c>
      <c r="S25274" s="5" t="s">
        <v>40</v>
      </c>
      <c r="T25274" s="5" t="s">
        <v>42</v>
      </c>
      <c r="U25274" s="2">
        <v>10.138999999999999</v>
      </c>
      <c r="V25274" s="2">
        <v>7.7690000000000001</v>
      </c>
      <c r="W25274" s="2">
        <v>0.09</v>
      </c>
      <c r="X25274" s="2">
        <v>43</v>
      </c>
      <c r="Y25274" s="2">
        <v>16.5</v>
      </c>
      <c r="Z25274" s="2">
        <v>126.8</v>
      </c>
      <c r="AA25274" s="5">
        <v>14</v>
      </c>
      <c r="AB25274" s="5" t="s">
        <v>43</v>
      </c>
      <c r="AC25274" s="5" t="s">
        <v>735</v>
      </c>
      <c r="AD25274" s="2" t="s">
        <v>80400</v>
      </c>
      <c r="AE25274" s="1"/>
    </row>
    <row r="25275" spans="1:31" ht="14.45">
      <c r="A25275" s="5"/>
      <c r="B25275" s="21"/>
      <c r="C25275" s="2" t="s">
        <v>80749</v>
      </c>
      <c r="D25275" s="14" t="s">
        <v>80750</v>
      </c>
      <c r="E25275" s="2" t="s">
        <v>80751</v>
      </c>
      <c r="F25275" s="2" t="s">
        <v>79740</v>
      </c>
      <c r="G25275" s="8">
        <v>679</v>
      </c>
      <c r="H25275" s="5">
        <v>5</v>
      </c>
      <c r="I25275" s="5" t="s">
        <v>79637</v>
      </c>
      <c r="J25275" s="5" t="s">
        <v>79638</v>
      </c>
      <c r="K25275" s="2" t="s">
        <v>79639</v>
      </c>
      <c r="L25275" s="5" t="s">
        <v>79638</v>
      </c>
      <c r="M25275" s="2" t="s">
        <v>79639</v>
      </c>
      <c r="N25275" s="5" t="s">
        <v>79640</v>
      </c>
      <c r="O25275" s="5" t="s">
        <v>38</v>
      </c>
      <c r="P25275" s="5" t="s">
        <v>39</v>
      </c>
      <c r="Q25275" s="5" t="s">
        <v>40</v>
      </c>
      <c r="R25275" s="5" t="s">
        <v>24335</v>
      </c>
      <c r="S25275" s="5" t="s">
        <v>40</v>
      </c>
      <c r="T25275" s="5" t="s">
        <v>42</v>
      </c>
      <c r="U25275" s="2">
        <v>13.093999999999999</v>
      </c>
      <c r="V25275" s="2">
        <v>10.916</v>
      </c>
      <c r="W25275" s="2">
        <v>0.11899999999999999</v>
      </c>
      <c r="X25275" s="2">
        <v>18.100000000000001</v>
      </c>
      <c r="Y25275" s="2">
        <v>49.1</v>
      </c>
      <c r="Z25275" s="2">
        <v>134.19999999999999</v>
      </c>
      <c r="AA25275" s="2">
        <v>12</v>
      </c>
      <c r="AB25275" s="5" t="s">
        <v>43</v>
      </c>
      <c r="AC25275" s="5" t="s">
        <v>735</v>
      </c>
      <c r="AD25275" s="2" t="s">
        <v>80413</v>
      </c>
      <c r="AE25275" s="1"/>
    </row>
    <row r="25276" spans="1:31" ht="14.45">
      <c r="A25276" s="5"/>
      <c r="B25276" s="21"/>
      <c r="C25276" s="2" t="s">
        <v>80752</v>
      </c>
      <c r="D25276" s="14" t="s">
        <v>80753</v>
      </c>
      <c r="E25276" s="2" t="s">
        <v>80754</v>
      </c>
      <c r="F25276" s="2" t="s">
        <v>79778</v>
      </c>
      <c r="G25276" s="8">
        <v>793</v>
      </c>
      <c r="H25276" s="5">
        <v>10</v>
      </c>
      <c r="I25276" s="5" t="s">
        <v>79637</v>
      </c>
      <c r="J25276" s="5" t="s">
        <v>79638</v>
      </c>
      <c r="K25276" s="2" t="s">
        <v>79639</v>
      </c>
      <c r="L25276" s="5" t="s">
        <v>79638</v>
      </c>
      <c r="M25276" s="2" t="s">
        <v>79639</v>
      </c>
      <c r="N25276" s="5" t="s">
        <v>79640</v>
      </c>
      <c r="O25276" s="5" t="s">
        <v>38</v>
      </c>
      <c r="P25276" s="5" t="s">
        <v>39</v>
      </c>
      <c r="Q25276" s="5" t="s">
        <v>40</v>
      </c>
      <c r="R25276" s="5" t="s">
        <v>24335</v>
      </c>
      <c r="S25276" s="5" t="s">
        <v>40</v>
      </c>
      <c r="T25276" s="5" t="s">
        <v>42</v>
      </c>
      <c r="U25276" s="2">
        <v>14.632</v>
      </c>
      <c r="V25276" s="2">
        <v>12.454000000000001</v>
      </c>
      <c r="W25276" s="2">
        <v>0.11899999999999999</v>
      </c>
      <c r="X25276" s="2">
        <v>18.100000000000001</v>
      </c>
      <c r="Y25276" s="2">
        <v>49.1</v>
      </c>
      <c r="Z25276" s="2">
        <v>134.19999999999999</v>
      </c>
      <c r="AA25276" s="2">
        <v>12</v>
      </c>
      <c r="AB25276" s="5" t="s">
        <v>43</v>
      </c>
      <c r="AC25276" s="5" t="s">
        <v>735</v>
      </c>
      <c r="AD25276" s="2" t="s">
        <v>80420</v>
      </c>
      <c r="AE25276" s="1"/>
    </row>
    <row r="25277" spans="1:31" ht="14.45">
      <c r="A25277" s="5" t="s">
        <v>116</v>
      </c>
      <c r="B25277" s="21">
        <v>46143</v>
      </c>
      <c r="C25277" s="2" t="s">
        <v>80755</v>
      </c>
      <c r="D25277" s="14" t="s">
        <v>80756</v>
      </c>
      <c r="E25277" s="2" t="s">
        <v>80757</v>
      </c>
      <c r="F25277" s="2" t="s">
        <v>130</v>
      </c>
      <c r="G25277" s="8">
        <v>705</v>
      </c>
      <c r="H25277" s="5">
        <v>5</v>
      </c>
      <c r="I25277" s="5" t="s">
        <v>79637</v>
      </c>
      <c r="J25277" s="5" t="s">
        <v>79638</v>
      </c>
      <c r="K25277" s="2" t="s">
        <v>79639</v>
      </c>
      <c r="L25277" s="5" t="s">
        <v>79638</v>
      </c>
      <c r="M25277" s="2" t="s">
        <v>79639</v>
      </c>
      <c r="N25277" s="5" t="s">
        <v>79640</v>
      </c>
      <c r="O25277" s="5" t="s">
        <v>38</v>
      </c>
      <c r="P25277" s="5" t="s">
        <v>39</v>
      </c>
      <c r="Q25277" s="5" t="s">
        <v>40</v>
      </c>
      <c r="R25277" s="5" t="s">
        <v>24335</v>
      </c>
      <c r="S25277" s="5" t="s">
        <v>40</v>
      </c>
      <c r="T25277" s="5" t="s">
        <v>42</v>
      </c>
      <c r="U25277" s="2">
        <v>11.068</v>
      </c>
      <c r="V25277" s="2">
        <v>8.5440000000000005</v>
      </c>
      <c r="W25277" s="2">
        <v>0.10100000000000001</v>
      </c>
      <c r="X25277" s="2">
        <v>43</v>
      </c>
      <c r="Y25277" s="2">
        <v>16.5</v>
      </c>
      <c r="Z25277" s="2">
        <v>143</v>
      </c>
      <c r="AA25277" s="5">
        <v>14</v>
      </c>
      <c r="AB25277" s="5" t="s">
        <v>43</v>
      </c>
      <c r="AC25277" s="5" t="s">
        <v>735</v>
      </c>
      <c r="AD25277" s="2" t="s">
        <v>80400</v>
      </c>
      <c r="AE25277" s="1"/>
    </row>
    <row r="25278" spans="1:31" ht="14.45">
      <c r="A25278" s="5"/>
      <c r="B25278" s="21"/>
      <c r="C25278" s="2" t="s">
        <v>80758</v>
      </c>
      <c r="D25278" s="14" t="s">
        <v>80759</v>
      </c>
      <c r="E25278" s="2" t="s">
        <v>80760</v>
      </c>
      <c r="F25278" s="2" t="s">
        <v>79740</v>
      </c>
      <c r="G25278" s="8">
        <v>705</v>
      </c>
      <c r="H25278" s="5">
        <v>5</v>
      </c>
      <c r="I25278" s="5" t="s">
        <v>79637</v>
      </c>
      <c r="J25278" s="5" t="s">
        <v>79638</v>
      </c>
      <c r="K25278" s="2" t="s">
        <v>79639</v>
      </c>
      <c r="L25278" s="5" t="s">
        <v>79638</v>
      </c>
      <c r="M25278" s="2" t="s">
        <v>79639</v>
      </c>
      <c r="N25278" s="5" t="s">
        <v>79640</v>
      </c>
      <c r="O25278" s="5" t="s">
        <v>38</v>
      </c>
      <c r="P25278" s="5" t="s">
        <v>39</v>
      </c>
      <c r="Q25278" s="5" t="s">
        <v>40</v>
      </c>
      <c r="R25278" s="5" t="s">
        <v>24335</v>
      </c>
      <c r="S25278" s="5" t="s">
        <v>40</v>
      </c>
      <c r="T25278" s="5" t="s">
        <v>42</v>
      </c>
      <c r="U25278" s="2">
        <v>14.250999999999999</v>
      </c>
      <c r="V25278" s="2">
        <v>11.868</v>
      </c>
      <c r="W25278" s="2">
        <v>0.13900000000000001</v>
      </c>
      <c r="X25278" s="2">
        <v>18.100000000000001</v>
      </c>
      <c r="Y25278" s="2">
        <v>49.1</v>
      </c>
      <c r="Z25278" s="2">
        <v>156.19999999999999</v>
      </c>
      <c r="AA25278" s="2">
        <v>12</v>
      </c>
      <c r="AB25278" s="5" t="s">
        <v>43</v>
      </c>
      <c r="AC25278" s="5" t="s">
        <v>735</v>
      </c>
      <c r="AD25278" s="2" t="s">
        <v>80413</v>
      </c>
      <c r="AE25278" s="1"/>
    </row>
    <row r="25279" spans="1:31" ht="14.45">
      <c r="A25279" s="5"/>
      <c r="B25279" s="21"/>
      <c r="C25279" s="2" t="s">
        <v>80761</v>
      </c>
      <c r="D25279" s="14" t="s">
        <v>80762</v>
      </c>
      <c r="E25279" s="2" t="s">
        <v>80763</v>
      </c>
      <c r="F25279" s="2" t="s">
        <v>79778</v>
      </c>
      <c r="G25279" s="8">
        <v>825</v>
      </c>
      <c r="H25279" s="5">
        <v>10</v>
      </c>
      <c r="I25279" s="5" t="s">
        <v>79637</v>
      </c>
      <c r="J25279" s="5" t="s">
        <v>79638</v>
      </c>
      <c r="K25279" s="2" t="s">
        <v>79639</v>
      </c>
      <c r="L25279" s="5" t="s">
        <v>79638</v>
      </c>
      <c r="M25279" s="2" t="s">
        <v>79639</v>
      </c>
      <c r="N25279" s="5" t="s">
        <v>79640</v>
      </c>
      <c r="O25279" s="5" t="s">
        <v>38</v>
      </c>
      <c r="P25279" s="5" t="s">
        <v>39</v>
      </c>
      <c r="Q25279" s="5" t="s">
        <v>40</v>
      </c>
      <c r="R25279" s="5" t="s">
        <v>24335</v>
      </c>
      <c r="S25279" s="5" t="s">
        <v>40</v>
      </c>
      <c r="T25279" s="5" t="s">
        <v>42</v>
      </c>
      <c r="U25279" s="2">
        <v>16.007000000000001</v>
      </c>
      <c r="V25279" s="2">
        <v>13.624000000000001</v>
      </c>
      <c r="W25279" s="2">
        <v>0.13900000000000001</v>
      </c>
      <c r="X25279" s="2">
        <v>18.100000000000001</v>
      </c>
      <c r="Y25279" s="2">
        <v>49.1</v>
      </c>
      <c r="Z25279" s="2">
        <v>156.19999999999999</v>
      </c>
      <c r="AA25279" s="2">
        <v>12</v>
      </c>
      <c r="AB25279" s="5" t="s">
        <v>43</v>
      </c>
      <c r="AC25279" s="5" t="s">
        <v>735</v>
      </c>
      <c r="AD25279" s="2" t="s">
        <v>80420</v>
      </c>
      <c r="AE25279" s="1"/>
    </row>
    <row r="25280" spans="1:31" ht="14.45">
      <c r="A25280" s="5" t="s">
        <v>116</v>
      </c>
      <c r="B25280" s="21">
        <v>46143</v>
      </c>
      <c r="C25280" s="2" t="s">
        <v>80764</v>
      </c>
      <c r="D25280" s="14" t="s">
        <v>80765</v>
      </c>
      <c r="E25280" s="2" t="s">
        <v>80766</v>
      </c>
      <c r="F25280" s="2" t="s">
        <v>130</v>
      </c>
      <c r="G25280" s="8">
        <v>731</v>
      </c>
      <c r="H25280" s="5">
        <v>5</v>
      </c>
      <c r="I25280" s="5" t="s">
        <v>79637</v>
      </c>
      <c r="J25280" s="5" t="s">
        <v>79638</v>
      </c>
      <c r="K25280" s="2" t="s">
        <v>79639</v>
      </c>
      <c r="L25280" s="5" t="s">
        <v>79638</v>
      </c>
      <c r="M25280" s="2" t="s">
        <v>79639</v>
      </c>
      <c r="N25280" s="5" t="s">
        <v>79640</v>
      </c>
      <c r="O25280" s="5" t="s">
        <v>38</v>
      </c>
      <c r="P25280" s="5" t="s">
        <v>39</v>
      </c>
      <c r="Q25280" s="5" t="s">
        <v>40</v>
      </c>
      <c r="R25280" s="5" t="s">
        <v>24335</v>
      </c>
      <c r="S25280" s="5" t="s">
        <v>40</v>
      </c>
      <c r="T25280" s="5" t="s">
        <v>42</v>
      </c>
      <c r="U25280" s="2">
        <v>12.089</v>
      </c>
      <c r="V25280" s="2">
        <v>9.3780000000000001</v>
      </c>
      <c r="W25280" s="2">
        <v>0.11600000000000001</v>
      </c>
      <c r="X25280" s="2">
        <v>43</v>
      </c>
      <c r="Y25280" s="2">
        <v>16.5</v>
      </c>
      <c r="Z25280" s="2">
        <v>162.80000000000001</v>
      </c>
      <c r="AA25280" s="5">
        <v>14</v>
      </c>
      <c r="AB25280" s="5" t="s">
        <v>43</v>
      </c>
      <c r="AC25280" s="5" t="s">
        <v>735</v>
      </c>
      <c r="AD25280" s="2" t="s">
        <v>80400</v>
      </c>
      <c r="AE25280" s="1"/>
    </row>
    <row r="25281" spans="1:31" ht="14.45">
      <c r="A25281" s="5"/>
      <c r="B25281" s="21"/>
      <c r="C25281" s="2" t="s">
        <v>80767</v>
      </c>
      <c r="D25281" s="14" t="s">
        <v>80768</v>
      </c>
      <c r="E25281" s="2" t="s">
        <v>80769</v>
      </c>
      <c r="F25281" s="2" t="s">
        <v>79740</v>
      </c>
      <c r="G25281" s="8">
        <v>731</v>
      </c>
      <c r="H25281" s="5">
        <v>5</v>
      </c>
      <c r="I25281" s="5" t="s">
        <v>79637</v>
      </c>
      <c r="J25281" s="5" t="s">
        <v>79638</v>
      </c>
      <c r="K25281" s="2" t="s">
        <v>79639</v>
      </c>
      <c r="L25281" s="5" t="s">
        <v>79638</v>
      </c>
      <c r="M25281" s="2" t="s">
        <v>79639</v>
      </c>
      <c r="N25281" s="5" t="s">
        <v>79640</v>
      </c>
      <c r="O25281" s="5" t="s">
        <v>38</v>
      </c>
      <c r="P25281" s="5" t="s">
        <v>39</v>
      </c>
      <c r="Q25281" s="5" t="s">
        <v>40</v>
      </c>
      <c r="R25281" s="5" t="s">
        <v>24335</v>
      </c>
      <c r="S25281" s="5" t="s">
        <v>40</v>
      </c>
      <c r="T25281" s="5" t="s">
        <v>42</v>
      </c>
      <c r="U25281" s="2">
        <v>15.292999999999999</v>
      </c>
      <c r="V25281" s="2">
        <v>12.901</v>
      </c>
      <c r="W25281" s="2">
        <v>0.13900000000000001</v>
      </c>
      <c r="X25281" s="2">
        <v>18.100000000000001</v>
      </c>
      <c r="Y25281" s="2">
        <v>49.1</v>
      </c>
      <c r="Z25281" s="2">
        <v>156.19999999999999</v>
      </c>
      <c r="AA25281" s="2">
        <v>12</v>
      </c>
      <c r="AB25281" s="5" t="s">
        <v>43</v>
      </c>
      <c r="AC25281" s="5" t="s">
        <v>735</v>
      </c>
      <c r="AD25281" s="2" t="s">
        <v>80413</v>
      </c>
      <c r="AE25281" s="1"/>
    </row>
    <row r="25282" spans="1:31" ht="14.45">
      <c r="A25282" s="5"/>
      <c r="B25282" s="21"/>
      <c r="C25282" s="2" t="s">
        <v>80770</v>
      </c>
      <c r="D25282" s="14" t="s">
        <v>80771</v>
      </c>
      <c r="E25282" s="2" t="s">
        <v>80772</v>
      </c>
      <c r="F25282" s="2" t="s">
        <v>79778</v>
      </c>
      <c r="G25282" s="8">
        <v>857</v>
      </c>
      <c r="H25282" s="5">
        <v>10</v>
      </c>
      <c r="I25282" s="5" t="s">
        <v>79637</v>
      </c>
      <c r="J25282" s="5" t="s">
        <v>79638</v>
      </c>
      <c r="K25282" s="2" t="s">
        <v>79639</v>
      </c>
      <c r="L25282" s="5" t="s">
        <v>79638</v>
      </c>
      <c r="M25282" s="2" t="s">
        <v>79639</v>
      </c>
      <c r="N25282" s="5" t="s">
        <v>79640</v>
      </c>
      <c r="O25282" s="5" t="s">
        <v>38</v>
      </c>
      <c r="P25282" s="5" t="s">
        <v>39</v>
      </c>
      <c r="Q25282" s="5" t="s">
        <v>40</v>
      </c>
      <c r="R25282" s="5" t="s">
        <v>24335</v>
      </c>
      <c r="S25282" s="5" t="s">
        <v>40</v>
      </c>
      <c r="T25282" s="5" t="s">
        <v>42</v>
      </c>
      <c r="U25282" s="2">
        <v>17.266999999999999</v>
      </c>
      <c r="V25282" s="2">
        <v>14.875</v>
      </c>
      <c r="W25282" s="2">
        <v>0.13900000000000001</v>
      </c>
      <c r="X25282" s="2">
        <v>18.100000000000001</v>
      </c>
      <c r="Y25282" s="2">
        <v>49.1</v>
      </c>
      <c r="Z25282" s="2">
        <v>156.19999999999999</v>
      </c>
      <c r="AA25282" s="2">
        <v>12</v>
      </c>
      <c r="AB25282" s="5" t="s">
        <v>43</v>
      </c>
      <c r="AC25282" s="5" t="s">
        <v>735</v>
      </c>
      <c r="AD25282" s="2" t="s">
        <v>80420</v>
      </c>
      <c r="AE25282" s="1"/>
    </row>
    <row r="25283" spans="1:31" ht="14.45">
      <c r="A25283" s="5" t="s">
        <v>116</v>
      </c>
      <c r="B25283" s="21">
        <v>46143</v>
      </c>
      <c r="C25283" s="2" t="s">
        <v>80773</v>
      </c>
      <c r="D25283" s="14" t="s">
        <v>80774</v>
      </c>
      <c r="E25283" s="2" t="s">
        <v>80775</v>
      </c>
      <c r="F25283" s="2" t="s">
        <v>130</v>
      </c>
      <c r="G25283" s="8">
        <v>752</v>
      </c>
      <c r="H25283" s="5">
        <v>5</v>
      </c>
      <c r="I25283" s="5" t="s">
        <v>79637</v>
      </c>
      <c r="J25283" s="5" t="s">
        <v>79638</v>
      </c>
      <c r="K25283" s="2" t="s">
        <v>79639</v>
      </c>
      <c r="L25283" s="5" t="s">
        <v>79638</v>
      </c>
      <c r="M25283" s="2" t="s">
        <v>79639</v>
      </c>
      <c r="N25283" s="5" t="s">
        <v>79640</v>
      </c>
      <c r="O25283" s="5" t="s">
        <v>38</v>
      </c>
      <c r="P25283" s="5" t="s">
        <v>39</v>
      </c>
      <c r="Q25283" s="5" t="s">
        <v>40</v>
      </c>
      <c r="R25283" s="5" t="s">
        <v>24335</v>
      </c>
      <c r="S25283" s="5" t="s">
        <v>40</v>
      </c>
      <c r="T25283" s="5" t="s">
        <v>42</v>
      </c>
      <c r="U25283" s="2">
        <v>12.051</v>
      </c>
      <c r="V25283" s="2">
        <v>9.5269999999999992</v>
      </c>
      <c r="W25283" s="2">
        <v>0.10100000000000001</v>
      </c>
      <c r="X25283" s="2">
        <v>43</v>
      </c>
      <c r="Y25283" s="2">
        <v>16.5</v>
      </c>
      <c r="Z25283" s="2">
        <v>143</v>
      </c>
      <c r="AA25283" s="5">
        <v>14</v>
      </c>
      <c r="AB25283" s="5" t="s">
        <v>43</v>
      </c>
      <c r="AC25283" s="5" t="s">
        <v>735</v>
      </c>
      <c r="AD25283" s="2" t="s">
        <v>80400</v>
      </c>
      <c r="AE25283" s="1"/>
    </row>
    <row r="25284" spans="1:31" ht="14.45">
      <c r="A25284" s="5"/>
      <c r="B25284" s="21"/>
      <c r="C25284" s="2" t="s">
        <v>80776</v>
      </c>
      <c r="D25284" s="14" t="s">
        <v>80777</v>
      </c>
      <c r="E25284" s="2" t="s">
        <v>80778</v>
      </c>
      <c r="F25284" s="2" t="s">
        <v>79740</v>
      </c>
      <c r="G25284" s="8">
        <v>752</v>
      </c>
      <c r="H25284" s="5">
        <v>5</v>
      </c>
      <c r="I25284" s="5" t="s">
        <v>79637</v>
      </c>
      <c r="J25284" s="5" t="s">
        <v>79638</v>
      </c>
      <c r="K25284" s="2" t="s">
        <v>79639</v>
      </c>
      <c r="L25284" s="5" t="s">
        <v>79638</v>
      </c>
      <c r="M25284" s="2" t="s">
        <v>79639</v>
      </c>
      <c r="N25284" s="5" t="s">
        <v>79640</v>
      </c>
      <c r="O25284" s="5" t="s">
        <v>38</v>
      </c>
      <c r="P25284" s="5" t="s">
        <v>39</v>
      </c>
      <c r="Q25284" s="5" t="s">
        <v>40</v>
      </c>
      <c r="R25284" s="5" t="s">
        <v>24335</v>
      </c>
      <c r="S25284" s="5" t="s">
        <v>40</v>
      </c>
      <c r="T25284" s="5" t="s">
        <v>42</v>
      </c>
      <c r="U25284" s="2">
        <v>15.723000000000001</v>
      </c>
      <c r="V25284" s="2">
        <v>13.314</v>
      </c>
      <c r="W25284" s="2">
        <v>0.13900000000000001</v>
      </c>
      <c r="X25284" s="2">
        <v>18.100000000000001</v>
      </c>
      <c r="Y25284" s="2">
        <v>49.1</v>
      </c>
      <c r="Z25284" s="2">
        <v>156.19999999999999</v>
      </c>
      <c r="AA25284" s="2">
        <v>12</v>
      </c>
      <c r="AB25284" s="5" t="s">
        <v>43</v>
      </c>
      <c r="AC25284" s="5" t="s">
        <v>735</v>
      </c>
      <c r="AD25284" s="2" t="s">
        <v>80413</v>
      </c>
      <c r="AE25284" s="1"/>
    </row>
    <row r="25285" spans="1:31" ht="14.45">
      <c r="A25285" s="5"/>
      <c r="B25285" s="21"/>
      <c r="C25285" s="2" t="s">
        <v>80779</v>
      </c>
      <c r="D25285" s="14" t="s">
        <v>80780</v>
      </c>
      <c r="E25285" s="2" t="s">
        <v>80781</v>
      </c>
      <c r="F25285" s="2" t="s">
        <v>79778</v>
      </c>
      <c r="G25285" s="8">
        <v>883</v>
      </c>
      <c r="H25285" s="5">
        <v>10</v>
      </c>
      <c r="I25285" s="5" t="s">
        <v>79637</v>
      </c>
      <c r="J25285" s="5" t="s">
        <v>79638</v>
      </c>
      <c r="K25285" s="2" t="s">
        <v>79639</v>
      </c>
      <c r="L25285" s="5" t="s">
        <v>79638</v>
      </c>
      <c r="M25285" s="2" t="s">
        <v>79639</v>
      </c>
      <c r="N25285" s="5" t="s">
        <v>79640</v>
      </c>
      <c r="O25285" s="5" t="s">
        <v>38</v>
      </c>
      <c r="P25285" s="5" t="s">
        <v>39</v>
      </c>
      <c r="Q25285" s="5" t="s">
        <v>40</v>
      </c>
      <c r="R25285" s="5" t="s">
        <v>24335</v>
      </c>
      <c r="S25285" s="5" t="s">
        <v>40</v>
      </c>
      <c r="T25285" s="5" t="s">
        <v>42</v>
      </c>
      <c r="U25285" s="2">
        <v>17.603000000000002</v>
      </c>
      <c r="V25285" s="2">
        <v>15.194000000000001</v>
      </c>
      <c r="W25285" s="2">
        <v>0.13900000000000001</v>
      </c>
      <c r="X25285" s="2">
        <v>18.100000000000001</v>
      </c>
      <c r="Y25285" s="2">
        <v>49.1</v>
      </c>
      <c r="Z25285" s="2">
        <v>156.19999999999999</v>
      </c>
      <c r="AA25285" s="2">
        <v>12</v>
      </c>
      <c r="AB25285" s="5" t="s">
        <v>43</v>
      </c>
      <c r="AC25285" s="5" t="s">
        <v>735</v>
      </c>
      <c r="AD25285" s="2" t="s">
        <v>80420</v>
      </c>
      <c r="AE25285" s="1"/>
    </row>
    <row r="25286" spans="1:31" ht="14.45">
      <c r="A25286" s="5" t="s">
        <v>116</v>
      </c>
      <c r="B25286" s="21">
        <v>46143</v>
      </c>
      <c r="C25286" s="2" t="s">
        <v>80782</v>
      </c>
      <c r="D25286" s="14" t="s">
        <v>80783</v>
      </c>
      <c r="E25286" s="2" t="s">
        <v>80784</v>
      </c>
      <c r="F25286" s="2" t="s">
        <v>130</v>
      </c>
      <c r="G25286" s="8">
        <v>783</v>
      </c>
      <c r="H25286" s="5">
        <v>5</v>
      </c>
      <c r="I25286" s="5" t="s">
        <v>79637</v>
      </c>
      <c r="J25286" s="5" t="s">
        <v>79638</v>
      </c>
      <c r="K25286" s="2" t="s">
        <v>79639</v>
      </c>
      <c r="L25286" s="5" t="s">
        <v>79638</v>
      </c>
      <c r="M25286" s="2" t="s">
        <v>79639</v>
      </c>
      <c r="N25286" s="5" t="s">
        <v>79640</v>
      </c>
      <c r="O25286" s="5" t="s">
        <v>38</v>
      </c>
      <c r="P25286" s="5" t="s">
        <v>39</v>
      </c>
      <c r="Q25286" s="5" t="s">
        <v>40</v>
      </c>
      <c r="R25286" s="5" t="s">
        <v>24335</v>
      </c>
      <c r="S25286" s="5" t="s">
        <v>40</v>
      </c>
      <c r="T25286" s="5" t="s">
        <v>42</v>
      </c>
      <c r="U25286" s="2">
        <v>13.170999999999999</v>
      </c>
      <c r="V25286" s="2">
        <v>10.46</v>
      </c>
      <c r="W25286" s="2">
        <v>0.11600000000000001</v>
      </c>
      <c r="X25286" s="2">
        <v>43</v>
      </c>
      <c r="Y25286" s="2">
        <v>16.5</v>
      </c>
      <c r="Z25286" s="2">
        <v>162.80000000000001</v>
      </c>
      <c r="AA25286" s="5">
        <v>14</v>
      </c>
      <c r="AB25286" s="5" t="s">
        <v>43</v>
      </c>
      <c r="AC25286" s="5" t="s">
        <v>735</v>
      </c>
      <c r="AD25286" s="2" t="s">
        <v>80400</v>
      </c>
      <c r="AE25286" s="1"/>
    </row>
    <row r="25287" spans="1:31" ht="14.45">
      <c r="A25287" s="5"/>
      <c r="B25287" s="21"/>
      <c r="C25287" s="2" t="s">
        <v>80785</v>
      </c>
      <c r="D25287" s="14" t="s">
        <v>80786</v>
      </c>
      <c r="E25287" s="2" t="s">
        <v>80787</v>
      </c>
      <c r="F25287" s="2" t="s">
        <v>79740</v>
      </c>
      <c r="G25287" s="8">
        <v>783</v>
      </c>
      <c r="H25287" s="5">
        <v>5</v>
      </c>
      <c r="I25287" s="5" t="s">
        <v>79637</v>
      </c>
      <c r="J25287" s="5" t="s">
        <v>79638</v>
      </c>
      <c r="K25287" s="2" t="s">
        <v>79639</v>
      </c>
      <c r="L25287" s="5" t="s">
        <v>79638</v>
      </c>
      <c r="M25287" s="2" t="s">
        <v>79639</v>
      </c>
      <c r="N25287" s="5" t="s">
        <v>79640</v>
      </c>
      <c r="O25287" s="5" t="s">
        <v>38</v>
      </c>
      <c r="P25287" s="5" t="s">
        <v>39</v>
      </c>
      <c r="Q25287" s="5" t="s">
        <v>40</v>
      </c>
      <c r="R25287" s="5" t="s">
        <v>24335</v>
      </c>
      <c r="S25287" s="5" t="s">
        <v>40</v>
      </c>
      <c r="T25287" s="5" t="s">
        <v>42</v>
      </c>
      <c r="U25287" s="2">
        <v>16.881</v>
      </c>
      <c r="V25287" s="2">
        <v>14.462999999999999</v>
      </c>
      <c r="W25287" s="2">
        <v>0.13900000000000001</v>
      </c>
      <c r="X25287" s="2">
        <v>18.100000000000001</v>
      </c>
      <c r="Y25287" s="2">
        <v>49.1</v>
      </c>
      <c r="Z25287" s="2">
        <v>156.19999999999999</v>
      </c>
      <c r="AA25287" s="2">
        <v>12</v>
      </c>
      <c r="AB25287" s="5" t="s">
        <v>43</v>
      </c>
      <c r="AC25287" s="5" t="s">
        <v>735</v>
      </c>
      <c r="AD25287" s="2" t="s">
        <v>80413</v>
      </c>
      <c r="AE25287" s="1"/>
    </row>
    <row r="25288" spans="1:31" ht="14.45">
      <c r="A25288" s="5"/>
      <c r="B25288" s="21"/>
      <c r="C25288" s="2" t="s">
        <v>80788</v>
      </c>
      <c r="D25288" s="14" t="s">
        <v>80789</v>
      </c>
      <c r="E25288" s="2" t="s">
        <v>80790</v>
      </c>
      <c r="F25288" s="2" t="s">
        <v>79778</v>
      </c>
      <c r="G25288" s="8">
        <v>922</v>
      </c>
      <c r="H25288" s="5">
        <v>10</v>
      </c>
      <c r="I25288" s="5" t="s">
        <v>79637</v>
      </c>
      <c r="J25288" s="5" t="s">
        <v>79638</v>
      </c>
      <c r="K25288" s="2" t="s">
        <v>79639</v>
      </c>
      <c r="L25288" s="5" t="s">
        <v>79638</v>
      </c>
      <c r="M25288" s="2" t="s">
        <v>79639</v>
      </c>
      <c r="N25288" s="5" t="s">
        <v>79640</v>
      </c>
      <c r="O25288" s="5" t="s">
        <v>38</v>
      </c>
      <c r="P25288" s="5" t="s">
        <v>39</v>
      </c>
      <c r="Q25288" s="5" t="s">
        <v>40</v>
      </c>
      <c r="R25288" s="5" t="s">
        <v>24335</v>
      </c>
      <c r="S25288" s="5" t="s">
        <v>40</v>
      </c>
      <c r="T25288" s="5" t="s">
        <v>42</v>
      </c>
      <c r="U25288" s="2">
        <v>18.978999999999999</v>
      </c>
      <c r="V25288" s="2">
        <v>16.561</v>
      </c>
      <c r="W25288" s="2">
        <v>0.13900000000000001</v>
      </c>
      <c r="X25288" s="2">
        <v>18.100000000000001</v>
      </c>
      <c r="Y25288" s="2">
        <v>49.1</v>
      </c>
      <c r="Z25288" s="2">
        <v>156.19999999999999</v>
      </c>
      <c r="AA25288" s="2">
        <v>12</v>
      </c>
      <c r="AB25288" s="5" t="s">
        <v>43</v>
      </c>
      <c r="AC25288" s="5" t="s">
        <v>735</v>
      </c>
      <c r="AD25288" s="2" t="s">
        <v>80420</v>
      </c>
      <c r="AE25288" s="1"/>
    </row>
    <row r="25289" spans="1:31" ht="14.45">
      <c r="A25289" s="5" t="s">
        <v>116</v>
      </c>
      <c r="B25289" s="21">
        <v>46143</v>
      </c>
      <c r="C25289" s="2" t="s">
        <v>80791</v>
      </c>
      <c r="D25289" s="14" t="s">
        <v>80792</v>
      </c>
      <c r="E25289" s="2" t="s">
        <v>80793</v>
      </c>
      <c r="F25289" s="2" t="s">
        <v>130</v>
      </c>
      <c r="G25289" s="8">
        <v>804</v>
      </c>
      <c r="H25289" s="5">
        <v>5</v>
      </c>
      <c r="I25289" s="5" t="s">
        <v>79637</v>
      </c>
      <c r="J25289" s="5" t="s">
        <v>79638</v>
      </c>
      <c r="K25289" s="2" t="s">
        <v>79639</v>
      </c>
      <c r="L25289" s="5" t="s">
        <v>79638</v>
      </c>
      <c r="M25289" s="2" t="s">
        <v>79639</v>
      </c>
      <c r="N25289" s="5" t="s">
        <v>79640</v>
      </c>
      <c r="O25289" s="5" t="s">
        <v>38</v>
      </c>
      <c r="P25289" s="5" t="s">
        <v>39</v>
      </c>
      <c r="Q25289" s="5" t="s">
        <v>40</v>
      </c>
      <c r="R25289" s="5" t="s">
        <v>24335</v>
      </c>
      <c r="S25289" s="5" t="s">
        <v>40</v>
      </c>
      <c r="T25289" s="5" t="s">
        <v>42</v>
      </c>
      <c r="U25289" s="2">
        <v>13.326000000000001</v>
      </c>
      <c r="V25289" s="2">
        <v>10.615</v>
      </c>
      <c r="W25289" s="2">
        <v>0.11600000000000001</v>
      </c>
      <c r="X25289" s="2">
        <v>43</v>
      </c>
      <c r="Y25289" s="2">
        <v>16.5</v>
      </c>
      <c r="Z25289" s="2">
        <v>162.80000000000001</v>
      </c>
      <c r="AA25289" s="5">
        <v>14</v>
      </c>
      <c r="AB25289" s="5" t="s">
        <v>43</v>
      </c>
      <c r="AC25289" s="5" t="s">
        <v>735</v>
      </c>
      <c r="AD25289" s="2" t="s">
        <v>80400</v>
      </c>
      <c r="AE25289" s="1"/>
    </row>
    <row r="25290" spans="1:31" ht="14.45">
      <c r="A25290" s="5"/>
      <c r="B25290" s="21"/>
      <c r="C25290" s="2" t="s">
        <v>80794</v>
      </c>
      <c r="D25290" s="14" t="s">
        <v>80795</v>
      </c>
      <c r="E25290" s="2" t="s">
        <v>80796</v>
      </c>
      <c r="F25290" s="2" t="s">
        <v>79740</v>
      </c>
      <c r="G25290" s="8">
        <v>804</v>
      </c>
      <c r="H25290" s="5">
        <v>5</v>
      </c>
      <c r="I25290" s="5" t="s">
        <v>79637</v>
      </c>
      <c r="J25290" s="5" t="s">
        <v>79638</v>
      </c>
      <c r="K25290" s="2" t="s">
        <v>79639</v>
      </c>
      <c r="L25290" s="5" t="s">
        <v>79638</v>
      </c>
      <c r="M25290" s="2" t="s">
        <v>79639</v>
      </c>
      <c r="N25290" s="5" t="s">
        <v>79640</v>
      </c>
      <c r="O25290" s="5" t="s">
        <v>38</v>
      </c>
      <c r="P25290" s="5" t="s">
        <v>39</v>
      </c>
      <c r="Q25290" s="5" t="s">
        <v>40</v>
      </c>
      <c r="R25290" s="5" t="s">
        <v>24335</v>
      </c>
      <c r="S25290" s="5" t="s">
        <v>40</v>
      </c>
      <c r="T25290" s="5" t="s">
        <v>42</v>
      </c>
      <c r="U25290" s="2">
        <v>17.298999999999999</v>
      </c>
      <c r="V25290" s="2">
        <v>14.86</v>
      </c>
      <c r="W25290" s="2">
        <v>0.13900000000000001</v>
      </c>
      <c r="X25290" s="2">
        <v>18.100000000000001</v>
      </c>
      <c r="Y25290" s="2">
        <v>49.1</v>
      </c>
      <c r="Z25290" s="2">
        <v>156.19999999999999</v>
      </c>
      <c r="AA25290" s="2">
        <v>12</v>
      </c>
      <c r="AB25290" s="5" t="s">
        <v>43</v>
      </c>
      <c r="AC25290" s="5" t="s">
        <v>735</v>
      </c>
      <c r="AD25290" s="2" t="s">
        <v>80413</v>
      </c>
      <c r="AE25290" s="1"/>
    </row>
    <row r="25291" spans="1:31" ht="14.45">
      <c r="A25291" s="5"/>
      <c r="B25291" s="21"/>
      <c r="C25291" s="2" t="s">
        <v>80797</v>
      </c>
      <c r="D25291" s="14" t="s">
        <v>80798</v>
      </c>
      <c r="E25291" s="2" t="s">
        <v>80799</v>
      </c>
      <c r="F25291" s="2" t="s">
        <v>79778</v>
      </c>
      <c r="G25291" s="8">
        <v>948</v>
      </c>
      <c r="H25291" s="5">
        <v>10</v>
      </c>
      <c r="I25291" s="5" t="s">
        <v>79637</v>
      </c>
      <c r="J25291" s="5" t="s">
        <v>79638</v>
      </c>
      <c r="K25291" s="2" t="s">
        <v>79639</v>
      </c>
      <c r="L25291" s="5" t="s">
        <v>79638</v>
      </c>
      <c r="M25291" s="2" t="s">
        <v>79639</v>
      </c>
      <c r="N25291" s="5" t="s">
        <v>79640</v>
      </c>
      <c r="O25291" s="5" t="s">
        <v>38</v>
      </c>
      <c r="P25291" s="5" t="s">
        <v>39</v>
      </c>
      <c r="Q25291" s="5" t="s">
        <v>40</v>
      </c>
      <c r="R25291" s="5" t="s">
        <v>24335</v>
      </c>
      <c r="S25291" s="5" t="s">
        <v>40</v>
      </c>
      <c r="T25291" s="5" t="s">
        <v>42</v>
      </c>
      <c r="U25291" s="2">
        <v>19.317</v>
      </c>
      <c r="V25291" s="2">
        <v>16.878</v>
      </c>
      <c r="W25291" s="2">
        <v>0.13900000000000001</v>
      </c>
      <c r="X25291" s="2">
        <v>18.100000000000001</v>
      </c>
      <c r="Y25291" s="2">
        <v>49.1</v>
      </c>
      <c r="Z25291" s="2">
        <v>156.19999999999999</v>
      </c>
      <c r="AA25291" s="2">
        <v>12</v>
      </c>
      <c r="AB25291" s="5" t="s">
        <v>43</v>
      </c>
      <c r="AC25291" s="5" t="s">
        <v>735</v>
      </c>
      <c r="AD25291" s="2" t="s">
        <v>80420</v>
      </c>
      <c r="AE25291" s="1"/>
    </row>
    <row r="25292" spans="1:31" ht="14.45">
      <c r="A25292" s="5" t="s">
        <v>116</v>
      </c>
      <c r="B25292" s="21">
        <v>46143</v>
      </c>
      <c r="C25292" s="2" t="s">
        <v>80800</v>
      </c>
      <c r="D25292" s="14" t="s">
        <v>80801</v>
      </c>
      <c r="E25292" s="2" t="s">
        <v>80802</v>
      </c>
      <c r="F25292" s="2" t="s">
        <v>130</v>
      </c>
      <c r="G25292" s="8">
        <v>841</v>
      </c>
      <c r="H25292" s="5">
        <v>5</v>
      </c>
      <c r="I25292" s="5" t="s">
        <v>79637</v>
      </c>
      <c r="J25292" s="5" t="s">
        <v>79638</v>
      </c>
      <c r="K25292" s="2" t="s">
        <v>79639</v>
      </c>
      <c r="L25292" s="5" t="s">
        <v>79638</v>
      </c>
      <c r="M25292" s="2" t="s">
        <v>79639</v>
      </c>
      <c r="N25292" s="5" t="s">
        <v>79640</v>
      </c>
      <c r="O25292" s="5" t="s">
        <v>38</v>
      </c>
      <c r="P25292" s="5" t="s">
        <v>39</v>
      </c>
      <c r="Q25292" s="5" t="s">
        <v>40</v>
      </c>
      <c r="R25292" s="5" t="s">
        <v>24335</v>
      </c>
      <c r="S25292" s="5" t="s">
        <v>40</v>
      </c>
      <c r="T25292" s="5" t="s">
        <v>42</v>
      </c>
      <c r="U25292" s="2">
        <v>14.366</v>
      </c>
      <c r="V25292" s="2">
        <v>11.654999999999999</v>
      </c>
      <c r="W25292" s="2">
        <v>0.11600000000000001</v>
      </c>
      <c r="X25292" s="2">
        <v>43</v>
      </c>
      <c r="Y25292" s="2">
        <v>16.5</v>
      </c>
      <c r="Z25292" s="2">
        <v>162.80000000000001</v>
      </c>
      <c r="AA25292" s="5">
        <v>14</v>
      </c>
      <c r="AB25292" s="5" t="s">
        <v>43</v>
      </c>
      <c r="AC25292" s="5" t="s">
        <v>735</v>
      </c>
      <c r="AD25292" s="2" t="s">
        <v>80400</v>
      </c>
      <c r="AE25292" s="1"/>
    </row>
    <row r="25293" spans="1:31" ht="14.45">
      <c r="A25293" s="5"/>
      <c r="B25293" s="21"/>
      <c r="C25293" s="2" t="s">
        <v>80803</v>
      </c>
      <c r="D25293" s="14" t="s">
        <v>80804</v>
      </c>
      <c r="E25293" s="2" t="s">
        <v>80805</v>
      </c>
      <c r="F25293" s="2" t="s">
        <v>79740</v>
      </c>
      <c r="G25293" s="8">
        <v>841</v>
      </c>
      <c r="H25293" s="5">
        <v>5</v>
      </c>
      <c r="I25293" s="5" t="s">
        <v>79637</v>
      </c>
      <c r="J25293" s="5" t="s">
        <v>79638</v>
      </c>
      <c r="K25293" s="2" t="s">
        <v>79639</v>
      </c>
      <c r="L25293" s="5" t="s">
        <v>79638</v>
      </c>
      <c r="M25293" s="2" t="s">
        <v>79639</v>
      </c>
      <c r="N25293" s="5" t="s">
        <v>79640</v>
      </c>
      <c r="O25293" s="5" t="s">
        <v>38</v>
      </c>
      <c r="P25293" s="5" t="s">
        <v>39</v>
      </c>
      <c r="Q25293" s="5" t="s">
        <v>40</v>
      </c>
      <c r="R25293" s="5" t="s">
        <v>24335</v>
      </c>
      <c r="S25293" s="5" t="s">
        <v>40</v>
      </c>
      <c r="T25293" s="5" t="s">
        <v>42</v>
      </c>
      <c r="U25293" s="2">
        <v>18.582000000000001</v>
      </c>
      <c r="V25293" s="2">
        <v>16.134</v>
      </c>
      <c r="W25293" s="2">
        <v>0.13900000000000001</v>
      </c>
      <c r="X25293" s="2">
        <v>18.100000000000001</v>
      </c>
      <c r="Y25293" s="2">
        <v>49.1</v>
      </c>
      <c r="Z25293" s="2">
        <v>156.19999999999999</v>
      </c>
      <c r="AA25293" s="2">
        <v>12</v>
      </c>
      <c r="AB25293" s="5" t="s">
        <v>43</v>
      </c>
      <c r="AC25293" s="5" t="s">
        <v>735</v>
      </c>
      <c r="AD25293" s="2" t="s">
        <v>80413</v>
      </c>
      <c r="AE25293" s="1"/>
    </row>
    <row r="25294" spans="1:31" ht="14.45">
      <c r="A25294" s="5"/>
      <c r="B25294" s="21"/>
      <c r="C25294" s="2" t="s">
        <v>80806</v>
      </c>
      <c r="D25294" s="14" t="s">
        <v>80807</v>
      </c>
      <c r="E25294" s="2" t="s">
        <v>80808</v>
      </c>
      <c r="F25294" s="2" t="s">
        <v>79778</v>
      </c>
      <c r="G25294" s="8">
        <v>993</v>
      </c>
      <c r="H25294" s="5">
        <v>10</v>
      </c>
      <c r="I25294" s="5" t="s">
        <v>79637</v>
      </c>
      <c r="J25294" s="5" t="s">
        <v>79638</v>
      </c>
      <c r="K25294" s="2" t="s">
        <v>79639</v>
      </c>
      <c r="L25294" s="5" t="s">
        <v>79638</v>
      </c>
      <c r="M25294" s="2" t="s">
        <v>79639</v>
      </c>
      <c r="N25294" s="5" t="s">
        <v>79640</v>
      </c>
      <c r="O25294" s="5" t="s">
        <v>38</v>
      </c>
      <c r="P25294" s="5" t="s">
        <v>39</v>
      </c>
      <c r="Q25294" s="5" t="s">
        <v>40</v>
      </c>
      <c r="R25294" s="5" t="s">
        <v>24335</v>
      </c>
      <c r="S25294" s="5" t="s">
        <v>40</v>
      </c>
      <c r="T25294" s="5" t="s">
        <v>42</v>
      </c>
      <c r="U25294" s="2">
        <v>20.818000000000001</v>
      </c>
      <c r="V25294" s="2">
        <v>18.37</v>
      </c>
      <c r="W25294" s="2">
        <v>0.13900000000000001</v>
      </c>
      <c r="X25294" s="2">
        <v>18.100000000000001</v>
      </c>
      <c r="Y25294" s="2">
        <v>49.1</v>
      </c>
      <c r="Z25294" s="2">
        <v>156.19999999999999</v>
      </c>
      <c r="AA25294" s="2">
        <v>12</v>
      </c>
      <c r="AB25294" s="5" t="s">
        <v>43</v>
      </c>
      <c r="AC25294" s="5" t="s">
        <v>735</v>
      </c>
      <c r="AD25294" s="2" t="s">
        <v>80420</v>
      </c>
      <c r="AE25294" s="1"/>
    </row>
    <row r="25295" spans="1:31" ht="14.45">
      <c r="A25295" s="5" t="s">
        <v>116</v>
      </c>
      <c r="B25295" s="21">
        <v>46143</v>
      </c>
      <c r="C25295" s="2" t="s">
        <v>80809</v>
      </c>
      <c r="D25295" s="14" t="s">
        <v>80810</v>
      </c>
      <c r="E25295" s="2" t="s">
        <v>80811</v>
      </c>
      <c r="F25295" s="2" t="s">
        <v>130</v>
      </c>
      <c r="G25295" s="8">
        <v>878</v>
      </c>
      <c r="H25295" s="5">
        <v>5</v>
      </c>
      <c r="I25295" s="5" t="s">
        <v>79637</v>
      </c>
      <c r="J25295" s="5" t="s">
        <v>79638</v>
      </c>
      <c r="K25295" s="2" t="s">
        <v>79639</v>
      </c>
      <c r="L25295" s="5" t="s">
        <v>79638</v>
      </c>
      <c r="M25295" s="2" t="s">
        <v>79639</v>
      </c>
      <c r="N25295" s="5" t="s">
        <v>79640</v>
      </c>
      <c r="O25295" s="5" t="s">
        <v>38</v>
      </c>
      <c r="P25295" s="5" t="s">
        <v>39</v>
      </c>
      <c r="Q25295" s="5" t="s">
        <v>40</v>
      </c>
      <c r="R25295" s="5" t="s">
        <v>24335</v>
      </c>
      <c r="S25295" s="5" t="s">
        <v>40</v>
      </c>
      <c r="T25295" s="5" t="s">
        <v>42</v>
      </c>
      <c r="U25295" s="2">
        <v>15.728</v>
      </c>
      <c r="V25295" s="2">
        <v>12.672000000000001</v>
      </c>
      <c r="W25295" s="2">
        <v>0.14099999999999999</v>
      </c>
      <c r="X25295" s="2">
        <v>43</v>
      </c>
      <c r="Y25295" s="2">
        <v>16.5</v>
      </c>
      <c r="Z25295" s="2">
        <v>199.2</v>
      </c>
      <c r="AA25295" s="5">
        <v>14</v>
      </c>
      <c r="AB25295" s="5" t="s">
        <v>43</v>
      </c>
      <c r="AC25295" s="5" t="s">
        <v>735</v>
      </c>
      <c r="AD25295" s="2" t="s">
        <v>80400</v>
      </c>
      <c r="AE25295" s="1"/>
    </row>
    <row r="25296" spans="1:31" ht="14.45">
      <c r="A25296" s="5"/>
      <c r="B25296" s="21"/>
      <c r="C25296" s="2" t="s">
        <v>80812</v>
      </c>
      <c r="D25296" s="14" t="s">
        <v>80813</v>
      </c>
      <c r="E25296" s="2" t="s">
        <v>80814</v>
      </c>
      <c r="F25296" s="2" t="s">
        <v>79740</v>
      </c>
      <c r="G25296" s="8">
        <v>878</v>
      </c>
      <c r="H25296" s="5">
        <v>5</v>
      </c>
      <c r="I25296" s="5" t="s">
        <v>79637</v>
      </c>
      <c r="J25296" s="5" t="s">
        <v>79638</v>
      </c>
      <c r="K25296" s="2" t="s">
        <v>79639</v>
      </c>
      <c r="L25296" s="5" t="s">
        <v>79638</v>
      </c>
      <c r="M25296" s="2" t="s">
        <v>79639</v>
      </c>
      <c r="N25296" s="5" t="s">
        <v>79640</v>
      </c>
      <c r="O25296" s="5" t="s">
        <v>38</v>
      </c>
      <c r="P25296" s="5" t="s">
        <v>39</v>
      </c>
      <c r="Q25296" s="5" t="s">
        <v>40</v>
      </c>
      <c r="R25296" s="5" t="s">
        <v>24335</v>
      </c>
      <c r="S25296" s="5" t="s">
        <v>40</v>
      </c>
      <c r="T25296" s="5" t="s">
        <v>42</v>
      </c>
      <c r="U25296" s="2">
        <v>20.187000000000001</v>
      </c>
      <c r="V25296" s="2">
        <v>17.285</v>
      </c>
      <c r="W25296" s="2">
        <v>0.17100000000000001</v>
      </c>
      <c r="X25296" s="2">
        <v>18.100000000000001</v>
      </c>
      <c r="Y25296" s="2">
        <v>49.1</v>
      </c>
      <c r="Z25296" s="2">
        <v>192.4</v>
      </c>
      <c r="AA25296" s="2">
        <v>12</v>
      </c>
      <c r="AB25296" s="5" t="s">
        <v>43</v>
      </c>
      <c r="AC25296" s="5" t="s">
        <v>735</v>
      </c>
      <c r="AD25296" s="2" t="s">
        <v>80413</v>
      </c>
      <c r="AE25296" s="1"/>
    </row>
    <row r="25297" spans="1:31" ht="14.45">
      <c r="A25297" s="5"/>
      <c r="B25297" s="21"/>
      <c r="C25297" s="2" t="s">
        <v>80815</v>
      </c>
      <c r="D25297" s="14" t="s">
        <v>80816</v>
      </c>
      <c r="E25297" s="2" t="s">
        <v>80817</v>
      </c>
      <c r="F25297" s="2" t="s">
        <v>79778</v>
      </c>
      <c r="G25297" s="8">
        <v>1038</v>
      </c>
      <c r="H25297" s="5">
        <v>10</v>
      </c>
      <c r="I25297" s="5" t="s">
        <v>79637</v>
      </c>
      <c r="J25297" s="5" t="s">
        <v>79638</v>
      </c>
      <c r="K25297" s="2" t="s">
        <v>79639</v>
      </c>
      <c r="L25297" s="5" t="s">
        <v>79638</v>
      </c>
      <c r="M25297" s="2" t="s">
        <v>79639</v>
      </c>
      <c r="N25297" s="5" t="s">
        <v>79640</v>
      </c>
      <c r="O25297" s="5" t="s">
        <v>38</v>
      </c>
      <c r="P25297" s="5" t="s">
        <v>39</v>
      </c>
      <c r="Q25297" s="5" t="s">
        <v>40</v>
      </c>
      <c r="R25297" s="5" t="s">
        <v>24335</v>
      </c>
      <c r="S25297" s="5" t="s">
        <v>40</v>
      </c>
      <c r="T25297" s="5" t="s">
        <v>42</v>
      </c>
      <c r="U25297" s="2">
        <v>22.643000000000001</v>
      </c>
      <c r="V25297" s="2">
        <v>19.741</v>
      </c>
      <c r="W25297" s="2">
        <v>0.17100000000000001</v>
      </c>
      <c r="X25297" s="2">
        <v>18.100000000000001</v>
      </c>
      <c r="Y25297" s="2">
        <v>49.1</v>
      </c>
      <c r="Z25297" s="2">
        <v>192.4</v>
      </c>
      <c r="AA25297" s="2">
        <v>12</v>
      </c>
      <c r="AB25297" s="5" t="s">
        <v>43</v>
      </c>
      <c r="AC25297" s="5" t="s">
        <v>735</v>
      </c>
      <c r="AD25297" s="2" t="s">
        <v>80420</v>
      </c>
      <c r="AE25297" s="1"/>
    </row>
    <row r="25298" spans="1:31" ht="14.45">
      <c r="A25298" s="5" t="s">
        <v>116</v>
      </c>
      <c r="B25298" s="21">
        <v>46143</v>
      </c>
      <c r="C25298" s="2" t="s">
        <v>80818</v>
      </c>
      <c r="D25298" s="14" t="s">
        <v>80819</v>
      </c>
      <c r="E25298" s="2" t="s">
        <v>80820</v>
      </c>
      <c r="F25298" s="2" t="s">
        <v>130</v>
      </c>
      <c r="G25298" s="8">
        <v>904</v>
      </c>
      <c r="H25298" s="5">
        <v>5</v>
      </c>
      <c r="I25298" s="5" t="s">
        <v>79637</v>
      </c>
      <c r="J25298" s="5" t="s">
        <v>79638</v>
      </c>
      <c r="K25298" s="2" t="s">
        <v>79639</v>
      </c>
      <c r="L25298" s="5" t="s">
        <v>79638</v>
      </c>
      <c r="M25298" s="2" t="s">
        <v>79639</v>
      </c>
      <c r="N25298" s="5" t="s">
        <v>79640</v>
      </c>
      <c r="O25298" s="5" t="s">
        <v>38</v>
      </c>
      <c r="P25298" s="5" t="s">
        <v>39</v>
      </c>
      <c r="Q25298" s="5" t="s">
        <v>40</v>
      </c>
      <c r="R25298" s="5" t="s">
        <v>24335</v>
      </c>
      <c r="S25298" s="5" t="s">
        <v>40</v>
      </c>
      <c r="T25298" s="5" t="s">
        <v>42</v>
      </c>
      <c r="U25298" s="2">
        <v>15.712999999999999</v>
      </c>
      <c r="V25298" s="2">
        <v>12.851000000000001</v>
      </c>
      <c r="W25298" s="2">
        <v>0.126</v>
      </c>
      <c r="X25298" s="2">
        <v>43</v>
      </c>
      <c r="Y25298" s="2">
        <v>16.5</v>
      </c>
      <c r="Z25298" s="2">
        <v>177.8</v>
      </c>
      <c r="AA25298" s="5">
        <v>14</v>
      </c>
      <c r="AB25298" s="5" t="s">
        <v>43</v>
      </c>
      <c r="AC25298" s="5" t="s">
        <v>735</v>
      </c>
      <c r="AD25298" s="2" t="s">
        <v>80400</v>
      </c>
      <c r="AE25298" s="1"/>
    </row>
    <row r="25299" spans="1:31" ht="14.45">
      <c r="A25299" s="5"/>
      <c r="B25299" s="21"/>
      <c r="C25299" s="2" t="s">
        <v>80821</v>
      </c>
      <c r="D25299" s="14" t="s">
        <v>80822</v>
      </c>
      <c r="E25299" s="2" t="s">
        <v>80823</v>
      </c>
      <c r="F25299" s="2" t="s">
        <v>79740</v>
      </c>
      <c r="G25299" s="8">
        <v>904</v>
      </c>
      <c r="H25299" s="5">
        <v>5</v>
      </c>
      <c r="I25299" s="5" t="s">
        <v>79637</v>
      </c>
      <c r="J25299" s="5" t="s">
        <v>79638</v>
      </c>
      <c r="K25299" s="2" t="s">
        <v>79639</v>
      </c>
      <c r="L25299" s="5" t="s">
        <v>79638</v>
      </c>
      <c r="M25299" s="2" t="s">
        <v>79639</v>
      </c>
      <c r="N25299" s="5" t="s">
        <v>79640</v>
      </c>
      <c r="O25299" s="5" t="s">
        <v>38</v>
      </c>
      <c r="P25299" s="5" t="s">
        <v>39</v>
      </c>
      <c r="Q25299" s="5" t="s">
        <v>40</v>
      </c>
      <c r="R25299" s="5" t="s">
        <v>24335</v>
      </c>
      <c r="S25299" s="5" t="s">
        <v>40</v>
      </c>
      <c r="T25299" s="5" t="s">
        <v>42</v>
      </c>
      <c r="U25299" s="2">
        <v>20.545999999999999</v>
      </c>
      <c r="V25299" s="2">
        <v>17.873000000000001</v>
      </c>
      <c r="W25299" s="2">
        <v>0.153</v>
      </c>
      <c r="X25299" s="2">
        <v>18.100000000000001</v>
      </c>
      <c r="Y25299" s="2">
        <v>49.1</v>
      </c>
      <c r="Z25299" s="2">
        <v>172.4</v>
      </c>
      <c r="AA25299" s="2">
        <v>12</v>
      </c>
      <c r="AB25299" s="5" t="s">
        <v>43</v>
      </c>
      <c r="AC25299" s="5" t="s">
        <v>735</v>
      </c>
      <c r="AD25299" s="2" t="s">
        <v>80413</v>
      </c>
      <c r="AE25299" s="1"/>
    </row>
    <row r="25300" spans="1:31" ht="14.45">
      <c r="A25300" s="5"/>
      <c r="B25300" s="21"/>
      <c r="C25300" s="2" t="s">
        <v>80824</v>
      </c>
      <c r="D25300" s="14" t="s">
        <v>80825</v>
      </c>
      <c r="E25300" s="2" t="s">
        <v>80826</v>
      </c>
      <c r="F25300" s="2" t="s">
        <v>79778</v>
      </c>
      <c r="G25300" s="8">
        <v>1070</v>
      </c>
      <c r="H25300" s="5">
        <v>10</v>
      </c>
      <c r="I25300" s="5" t="s">
        <v>79637</v>
      </c>
      <c r="J25300" s="5" t="s">
        <v>79638</v>
      </c>
      <c r="K25300" s="2" t="s">
        <v>79639</v>
      </c>
      <c r="L25300" s="5" t="s">
        <v>79638</v>
      </c>
      <c r="M25300" s="2" t="s">
        <v>79639</v>
      </c>
      <c r="N25300" s="5" t="s">
        <v>79640</v>
      </c>
      <c r="O25300" s="5" t="s">
        <v>38</v>
      </c>
      <c r="P25300" s="5" t="s">
        <v>39</v>
      </c>
      <c r="Q25300" s="5" t="s">
        <v>40</v>
      </c>
      <c r="R25300" s="5" t="s">
        <v>24335</v>
      </c>
      <c r="S25300" s="5" t="s">
        <v>40</v>
      </c>
      <c r="T25300" s="5" t="s">
        <v>42</v>
      </c>
      <c r="U25300" s="2">
        <v>22.93</v>
      </c>
      <c r="V25300" s="2">
        <v>20.257000000000001</v>
      </c>
      <c r="W25300" s="2">
        <v>0.153</v>
      </c>
      <c r="X25300" s="2">
        <v>18.100000000000001</v>
      </c>
      <c r="Y25300" s="2">
        <v>49.1</v>
      </c>
      <c r="Z25300" s="2">
        <v>172.4</v>
      </c>
      <c r="AA25300" s="2">
        <v>12</v>
      </c>
      <c r="AB25300" s="5" t="s">
        <v>43</v>
      </c>
      <c r="AC25300" s="5" t="s">
        <v>735</v>
      </c>
      <c r="AD25300" s="2" t="s">
        <v>80420</v>
      </c>
      <c r="AE25300" s="1"/>
    </row>
    <row r="25301" spans="1:31" ht="14.45">
      <c r="A25301" s="5" t="s">
        <v>116</v>
      </c>
      <c r="B25301" s="21">
        <v>46143</v>
      </c>
      <c r="C25301" s="2" t="s">
        <v>80827</v>
      </c>
      <c r="D25301" s="14" t="s">
        <v>80828</v>
      </c>
      <c r="E25301" s="2" t="s">
        <v>80829</v>
      </c>
      <c r="F25301" s="2" t="s">
        <v>130</v>
      </c>
      <c r="G25301" s="8">
        <v>946</v>
      </c>
      <c r="H25301" s="5">
        <v>5</v>
      </c>
      <c r="I25301" s="5" t="s">
        <v>79637</v>
      </c>
      <c r="J25301" s="5" t="s">
        <v>79638</v>
      </c>
      <c r="K25301" s="2" t="s">
        <v>79639</v>
      </c>
      <c r="L25301" s="5" t="s">
        <v>79638</v>
      </c>
      <c r="M25301" s="2" t="s">
        <v>79639</v>
      </c>
      <c r="N25301" s="5" t="s">
        <v>79640</v>
      </c>
      <c r="O25301" s="5" t="s">
        <v>38</v>
      </c>
      <c r="P25301" s="5" t="s">
        <v>39</v>
      </c>
      <c r="Q25301" s="5" t="s">
        <v>40</v>
      </c>
      <c r="R25301" s="5" t="s">
        <v>24335</v>
      </c>
      <c r="S25301" s="5" t="s">
        <v>40</v>
      </c>
      <c r="T25301" s="5" t="s">
        <v>42</v>
      </c>
      <c r="U25301" s="2">
        <v>17.026</v>
      </c>
      <c r="V25301" s="2">
        <v>13.97</v>
      </c>
      <c r="W25301" s="2">
        <v>0.14099999999999999</v>
      </c>
      <c r="X25301" s="2">
        <v>43</v>
      </c>
      <c r="Y25301" s="2">
        <v>16.5</v>
      </c>
      <c r="Z25301" s="2">
        <v>199.2</v>
      </c>
      <c r="AA25301" s="5">
        <v>14</v>
      </c>
      <c r="AB25301" s="5" t="s">
        <v>43</v>
      </c>
      <c r="AC25301" s="5" t="s">
        <v>735</v>
      </c>
      <c r="AD25301" s="2" t="s">
        <v>80400</v>
      </c>
      <c r="AE25301" s="1"/>
    </row>
    <row r="25302" spans="1:31" ht="14.45">
      <c r="A25302" s="5"/>
      <c r="B25302" s="21"/>
      <c r="C25302" s="2" t="s">
        <v>80830</v>
      </c>
      <c r="D25302" s="14" t="s">
        <v>80831</v>
      </c>
      <c r="E25302" s="2" t="s">
        <v>80832</v>
      </c>
      <c r="F25302" s="2" t="s">
        <v>79740</v>
      </c>
      <c r="G25302" s="8">
        <v>946</v>
      </c>
      <c r="H25302" s="5">
        <v>5</v>
      </c>
      <c r="I25302" s="5" t="s">
        <v>79637</v>
      </c>
      <c r="J25302" s="5" t="s">
        <v>79638</v>
      </c>
      <c r="K25302" s="2" t="s">
        <v>79639</v>
      </c>
      <c r="L25302" s="5" t="s">
        <v>79638</v>
      </c>
      <c r="M25302" s="2" t="s">
        <v>79639</v>
      </c>
      <c r="N25302" s="5" t="s">
        <v>79640</v>
      </c>
      <c r="O25302" s="5" t="s">
        <v>38</v>
      </c>
      <c r="P25302" s="5" t="s">
        <v>39</v>
      </c>
      <c r="Q25302" s="5" t="s">
        <v>40</v>
      </c>
      <c r="R25302" s="5" t="s">
        <v>24335</v>
      </c>
      <c r="S25302" s="5" t="s">
        <v>40</v>
      </c>
      <c r="T25302" s="5" t="s">
        <v>42</v>
      </c>
      <c r="U25302" s="2">
        <v>22.062000000000001</v>
      </c>
      <c r="V25302" s="2">
        <v>19.13</v>
      </c>
      <c r="W25302" s="2">
        <v>0.17100000000000001</v>
      </c>
      <c r="X25302" s="2">
        <v>18.100000000000001</v>
      </c>
      <c r="Y25302" s="2">
        <v>49.1</v>
      </c>
      <c r="Z25302" s="2">
        <v>192.4</v>
      </c>
      <c r="AA25302" s="2">
        <v>12</v>
      </c>
      <c r="AB25302" s="5" t="s">
        <v>43</v>
      </c>
      <c r="AC25302" s="5" t="s">
        <v>735</v>
      </c>
      <c r="AD25302" s="2" t="s">
        <v>80413</v>
      </c>
      <c r="AE25302" s="1"/>
    </row>
    <row r="25303" spans="1:31" ht="14.45">
      <c r="A25303" s="5"/>
      <c r="B25303" s="21"/>
      <c r="C25303" s="2" t="s">
        <v>80833</v>
      </c>
      <c r="D25303" s="14" t="s">
        <v>80834</v>
      </c>
      <c r="E25303" s="2" t="s">
        <v>80835</v>
      </c>
      <c r="F25303" s="2" t="s">
        <v>79778</v>
      </c>
      <c r="G25303" s="8">
        <v>1121</v>
      </c>
      <c r="H25303" s="5">
        <v>10</v>
      </c>
      <c r="I25303" s="5" t="s">
        <v>79637</v>
      </c>
      <c r="J25303" s="5" t="s">
        <v>79638</v>
      </c>
      <c r="K25303" s="2" t="s">
        <v>79639</v>
      </c>
      <c r="L25303" s="5" t="s">
        <v>79638</v>
      </c>
      <c r="M25303" s="2" t="s">
        <v>79639</v>
      </c>
      <c r="N25303" s="5" t="s">
        <v>79640</v>
      </c>
      <c r="O25303" s="5" t="s">
        <v>38</v>
      </c>
      <c r="P25303" s="5" t="s">
        <v>39</v>
      </c>
      <c r="Q25303" s="5" t="s">
        <v>40</v>
      </c>
      <c r="R25303" s="5" t="s">
        <v>24335</v>
      </c>
      <c r="S25303" s="5" t="s">
        <v>40</v>
      </c>
      <c r="T25303" s="5" t="s">
        <v>42</v>
      </c>
      <c r="U25303" s="2">
        <v>24.666</v>
      </c>
      <c r="V25303" s="2">
        <v>21.734000000000002</v>
      </c>
      <c r="W25303" s="2">
        <v>0.17100000000000001</v>
      </c>
      <c r="X25303" s="2">
        <v>18.100000000000001</v>
      </c>
      <c r="Y25303" s="2">
        <v>49.1</v>
      </c>
      <c r="Z25303" s="2">
        <v>192.4</v>
      </c>
      <c r="AA25303" s="2">
        <v>12</v>
      </c>
      <c r="AB25303" s="5" t="s">
        <v>43</v>
      </c>
      <c r="AC25303" s="5" t="s">
        <v>735</v>
      </c>
      <c r="AD25303" s="2" t="s">
        <v>80420</v>
      </c>
      <c r="AE25303" s="1"/>
    </row>
    <row r="25304" spans="1:31" ht="14.45">
      <c r="A25304" s="11"/>
      <c r="B25304" s="20"/>
      <c r="C25304" s="2" t="s">
        <v>80836</v>
      </c>
      <c r="D25304" s="14" t="s">
        <v>80837</v>
      </c>
      <c r="E25304" s="2" t="s">
        <v>80838</v>
      </c>
      <c r="F25304" s="2" t="s">
        <v>80839</v>
      </c>
      <c r="G25304" s="8">
        <v>2052</v>
      </c>
      <c r="H25304" s="5">
        <v>5</v>
      </c>
      <c r="I25304" s="5" t="s">
        <v>79637</v>
      </c>
      <c r="J25304" s="5" t="s">
        <v>79638</v>
      </c>
      <c r="K25304" s="2" t="s">
        <v>79639</v>
      </c>
      <c r="L25304" s="5" t="s">
        <v>79638</v>
      </c>
      <c r="M25304" s="2" t="s">
        <v>79639</v>
      </c>
      <c r="N25304" s="5" t="s">
        <v>79640</v>
      </c>
      <c r="O25304" s="5" t="s">
        <v>38</v>
      </c>
      <c r="P25304" s="5" t="s">
        <v>39</v>
      </c>
      <c r="Q25304" s="5" t="s">
        <v>40</v>
      </c>
      <c r="R25304" s="5" t="s">
        <v>1487</v>
      </c>
      <c r="S25304" s="5"/>
      <c r="T25304" s="5" t="s">
        <v>42</v>
      </c>
      <c r="U25304" s="2">
        <v>0</v>
      </c>
      <c r="V25304" s="2">
        <v>0</v>
      </c>
      <c r="W25304" s="2">
        <v>0</v>
      </c>
      <c r="X25304" s="2">
        <v>0</v>
      </c>
      <c r="Y25304" s="2">
        <v>0</v>
      </c>
      <c r="Z25304" s="2">
        <v>0</v>
      </c>
      <c r="AA25304" s="5"/>
      <c r="AB25304" s="5" t="s">
        <v>43</v>
      </c>
      <c r="AC25304" s="5" t="s">
        <v>735</v>
      </c>
      <c r="AD25304" s="2" t="s">
        <v>80840</v>
      </c>
      <c r="AE25304" s="1"/>
    </row>
    <row r="25305" spans="1:31" ht="14.45">
      <c r="A25305" s="11"/>
      <c r="B25305" s="20"/>
      <c r="C25305" s="2" t="s">
        <v>80841</v>
      </c>
      <c r="D25305" s="14" t="s">
        <v>80842</v>
      </c>
      <c r="E25305" s="2" t="s">
        <v>80843</v>
      </c>
      <c r="F25305" s="2" t="s">
        <v>80839</v>
      </c>
      <c r="G25305" s="8">
        <v>2067</v>
      </c>
      <c r="H25305" s="5">
        <v>5</v>
      </c>
      <c r="I25305" s="5" t="s">
        <v>79637</v>
      </c>
      <c r="J25305" s="5" t="s">
        <v>79638</v>
      </c>
      <c r="K25305" s="2" t="s">
        <v>79639</v>
      </c>
      <c r="L25305" s="5" t="s">
        <v>79638</v>
      </c>
      <c r="M25305" s="2" t="s">
        <v>79639</v>
      </c>
      <c r="N25305" s="5" t="s">
        <v>79640</v>
      </c>
      <c r="O25305" s="5" t="s">
        <v>38</v>
      </c>
      <c r="P25305" s="5" t="s">
        <v>39</v>
      </c>
      <c r="Q25305" s="5" t="s">
        <v>40</v>
      </c>
      <c r="R25305" s="5" t="s">
        <v>1487</v>
      </c>
      <c r="S25305" s="5"/>
      <c r="T25305" s="5" t="s">
        <v>42</v>
      </c>
      <c r="U25305" s="2">
        <v>0</v>
      </c>
      <c r="V25305" s="2">
        <v>0</v>
      </c>
      <c r="W25305" s="2">
        <v>0</v>
      </c>
      <c r="X25305" s="2">
        <v>0</v>
      </c>
      <c r="Y25305" s="2">
        <v>0</v>
      </c>
      <c r="Z25305" s="2">
        <v>0</v>
      </c>
      <c r="AA25305" s="5"/>
      <c r="AB25305" s="5" t="s">
        <v>43</v>
      </c>
      <c r="AC25305" s="5" t="s">
        <v>735</v>
      </c>
      <c r="AD25305" s="2" t="s">
        <v>80840</v>
      </c>
      <c r="AE25305" s="1"/>
    </row>
    <row r="25306" spans="1:31" ht="14.45">
      <c r="A25306" s="11"/>
      <c r="B25306" s="20"/>
      <c r="C25306" s="2" t="s">
        <v>80844</v>
      </c>
      <c r="D25306" s="14" t="s">
        <v>80845</v>
      </c>
      <c r="E25306" s="2" t="s">
        <v>80846</v>
      </c>
      <c r="F25306" s="2" t="s">
        <v>80847</v>
      </c>
      <c r="G25306" s="8">
        <v>343</v>
      </c>
      <c r="H25306" s="5">
        <v>5</v>
      </c>
      <c r="I25306" s="5" t="s">
        <v>79637</v>
      </c>
      <c r="J25306" s="5" t="s">
        <v>79638</v>
      </c>
      <c r="K25306" s="2" t="s">
        <v>79639</v>
      </c>
      <c r="L25306" s="5" t="s">
        <v>79638</v>
      </c>
      <c r="M25306" s="2" t="s">
        <v>79639</v>
      </c>
      <c r="N25306" s="5" t="s">
        <v>19227</v>
      </c>
      <c r="O25306" s="5" t="s">
        <v>38</v>
      </c>
      <c r="P25306" s="5" t="s">
        <v>39</v>
      </c>
      <c r="Q25306" s="5" t="s">
        <v>40</v>
      </c>
      <c r="R25306" s="5" t="s">
        <v>24335</v>
      </c>
      <c r="S25306" s="5" t="s">
        <v>40</v>
      </c>
      <c r="T25306" s="5" t="s">
        <v>42</v>
      </c>
      <c r="U25306" s="2">
        <v>7.6479999999999997</v>
      </c>
      <c r="V25306" s="2">
        <v>5.89</v>
      </c>
      <c r="W25306" s="2">
        <v>7.8E-2</v>
      </c>
      <c r="X25306" s="2">
        <v>23.5</v>
      </c>
      <c r="Y25306" s="2">
        <v>26.5</v>
      </c>
      <c r="Z25306" s="2">
        <v>125</v>
      </c>
      <c r="AA25306" s="5">
        <v>16</v>
      </c>
      <c r="AB25306" s="5" t="s">
        <v>43</v>
      </c>
      <c r="AC25306" s="5" t="s">
        <v>735</v>
      </c>
      <c r="AD25306" s="2" t="s">
        <v>80848</v>
      </c>
      <c r="AE25306" s="1"/>
    </row>
    <row r="25307" spans="1:31" ht="14.45">
      <c r="A25307" s="11"/>
      <c r="B25307" s="20"/>
      <c r="C25307" s="2" t="s">
        <v>80849</v>
      </c>
      <c r="D25307" s="14" t="s">
        <v>80850</v>
      </c>
      <c r="E25307" s="2" t="s">
        <v>80851</v>
      </c>
      <c r="F25307" s="2" t="s">
        <v>80847</v>
      </c>
      <c r="G25307" s="8">
        <v>360</v>
      </c>
      <c r="H25307" s="5">
        <v>5</v>
      </c>
      <c r="I25307" s="5" t="s">
        <v>79637</v>
      </c>
      <c r="J25307" s="5" t="s">
        <v>79638</v>
      </c>
      <c r="K25307" s="2" t="s">
        <v>79639</v>
      </c>
      <c r="L25307" s="5" t="s">
        <v>79638</v>
      </c>
      <c r="M25307" s="2" t="s">
        <v>79639</v>
      </c>
      <c r="N25307" s="5" t="s">
        <v>19227</v>
      </c>
      <c r="O25307" s="5" t="s">
        <v>38</v>
      </c>
      <c r="P25307" s="5" t="s">
        <v>39</v>
      </c>
      <c r="Q25307" s="5" t="s">
        <v>40</v>
      </c>
      <c r="R25307" s="5" t="s">
        <v>24335</v>
      </c>
      <c r="S25307" s="5" t="s">
        <v>40</v>
      </c>
      <c r="T25307" s="5" t="s">
        <v>42</v>
      </c>
      <c r="U25307" s="2">
        <v>8.3000000000000007</v>
      </c>
      <c r="V25307" s="2">
        <v>6.516</v>
      </c>
      <c r="W25307" s="2">
        <v>7.8E-2</v>
      </c>
      <c r="X25307" s="2">
        <v>23.5</v>
      </c>
      <c r="Y25307" s="2">
        <v>26.5</v>
      </c>
      <c r="Z25307" s="2">
        <v>125</v>
      </c>
      <c r="AA25307" s="5">
        <v>16</v>
      </c>
      <c r="AB25307" s="5" t="s">
        <v>43</v>
      </c>
      <c r="AC25307" s="5" t="s">
        <v>735</v>
      </c>
      <c r="AD25307" s="2" t="s">
        <v>80848</v>
      </c>
      <c r="AE25307" s="1"/>
    </row>
    <row r="25308" spans="1:31" ht="14.45">
      <c r="A25308" s="11"/>
      <c r="B25308" s="20"/>
      <c r="C25308" s="2" t="s">
        <v>80852</v>
      </c>
      <c r="D25308" s="14" t="s">
        <v>80853</v>
      </c>
      <c r="E25308" s="2" t="s">
        <v>80854</v>
      </c>
      <c r="F25308" s="2" t="s">
        <v>80847</v>
      </c>
      <c r="G25308" s="8">
        <v>372</v>
      </c>
      <c r="H25308" s="5">
        <v>15</v>
      </c>
      <c r="I25308" s="5" t="s">
        <v>79637</v>
      </c>
      <c r="J25308" s="5" t="s">
        <v>79638</v>
      </c>
      <c r="K25308" s="2" t="s">
        <v>79639</v>
      </c>
      <c r="L25308" s="5" t="s">
        <v>79638</v>
      </c>
      <c r="M25308" s="2" t="s">
        <v>79639</v>
      </c>
      <c r="N25308" s="5" t="s">
        <v>19227</v>
      </c>
      <c r="O25308" s="5" t="s">
        <v>38</v>
      </c>
      <c r="P25308" s="5" t="s">
        <v>39</v>
      </c>
      <c r="Q25308" s="5" t="s">
        <v>40</v>
      </c>
      <c r="R25308" s="5" t="s">
        <v>24335</v>
      </c>
      <c r="S25308" s="5" t="s">
        <v>40</v>
      </c>
      <c r="T25308" s="5" t="s">
        <v>42</v>
      </c>
      <c r="U25308" s="2">
        <v>9.3019999999999996</v>
      </c>
      <c r="V25308" s="2">
        <v>7.3159999999999998</v>
      </c>
      <c r="W25308" s="2">
        <v>0.09</v>
      </c>
      <c r="X25308" s="2">
        <v>23.5</v>
      </c>
      <c r="Y25308" s="2">
        <v>26.5</v>
      </c>
      <c r="Z25308" s="2">
        <v>145</v>
      </c>
      <c r="AA25308" s="5">
        <v>16</v>
      </c>
      <c r="AB25308" s="5" t="s">
        <v>43</v>
      </c>
      <c r="AC25308" s="5" t="s">
        <v>735</v>
      </c>
      <c r="AD25308" s="2" t="s">
        <v>80848</v>
      </c>
      <c r="AE25308" s="1"/>
    </row>
    <row r="25309" spans="1:31" ht="14.45">
      <c r="A25309" s="11"/>
      <c r="B25309" s="20"/>
      <c r="C25309" s="2" t="s">
        <v>80855</v>
      </c>
      <c r="D25309" s="14" t="s">
        <v>80856</v>
      </c>
      <c r="E25309" s="2" t="s">
        <v>80857</v>
      </c>
      <c r="F25309" s="2" t="s">
        <v>80847</v>
      </c>
      <c r="G25309" s="8">
        <v>381</v>
      </c>
      <c r="H25309" s="5">
        <v>15</v>
      </c>
      <c r="I25309" s="5" t="s">
        <v>79637</v>
      </c>
      <c r="J25309" s="5" t="s">
        <v>79638</v>
      </c>
      <c r="K25309" s="2" t="s">
        <v>79639</v>
      </c>
      <c r="L25309" s="5" t="s">
        <v>79638</v>
      </c>
      <c r="M25309" s="2" t="s">
        <v>79639</v>
      </c>
      <c r="N25309" s="5" t="s">
        <v>19227</v>
      </c>
      <c r="O25309" s="5" t="s">
        <v>38</v>
      </c>
      <c r="P25309" s="5" t="s">
        <v>39</v>
      </c>
      <c r="Q25309" s="5" t="s">
        <v>40</v>
      </c>
      <c r="R25309" s="5" t="s">
        <v>24335</v>
      </c>
      <c r="S25309" s="5" t="s">
        <v>40</v>
      </c>
      <c r="T25309" s="5" t="s">
        <v>42</v>
      </c>
      <c r="U25309" s="2">
        <v>8.7530000000000001</v>
      </c>
      <c r="V25309" s="2">
        <v>6.9690000000000003</v>
      </c>
      <c r="W25309" s="2">
        <v>7.8E-2</v>
      </c>
      <c r="X25309" s="2">
        <v>23.5</v>
      </c>
      <c r="Y25309" s="2">
        <v>26.5</v>
      </c>
      <c r="Z25309" s="2">
        <v>125</v>
      </c>
      <c r="AA25309" s="5">
        <v>16</v>
      </c>
      <c r="AB25309" s="5" t="s">
        <v>43</v>
      </c>
      <c r="AC25309" s="5" t="s">
        <v>735</v>
      </c>
      <c r="AD25309" s="2" t="s">
        <v>80848</v>
      </c>
      <c r="AE25309" s="1"/>
    </row>
    <row r="25310" spans="1:31" ht="14.45">
      <c r="A25310" s="11"/>
      <c r="B25310" s="20"/>
      <c r="C25310" s="2" t="s">
        <v>80858</v>
      </c>
      <c r="D25310" s="14" t="s">
        <v>80859</v>
      </c>
      <c r="E25310" s="2" t="s">
        <v>80860</v>
      </c>
      <c r="F25310" s="2" t="s">
        <v>80847</v>
      </c>
      <c r="G25310" s="8">
        <v>402</v>
      </c>
      <c r="H25310" s="5">
        <v>5</v>
      </c>
      <c r="I25310" s="5" t="s">
        <v>79637</v>
      </c>
      <c r="J25310" s="5" t="s">
        <v>79638</v>
      </c>
      <c r="K25310" s="2" t="s">
        <v>79639</v>
      </c>
      <c r="L25310" s="5" t="s">
        <v>79638</v>
      </c>
      <c r="M25310" s="2" t="s">
        <v>79639</v>
      </c>
      <c r="N25310" s="5" t="s">
        <v>19227</v>
      </c>
      <c r="O25310" s="5" t="s">
        <v>38</v>
      </c>
      <c r="P25310" s="5" t="s">
        <v>39</v>
      </c>
      <c r="Q25310" s="5" t="s">
        <v>40</v>
      </c>
      <c r="R25310" s="5" t="s">
        <v>24335</v>
      </c>
      <c r="S25310" s="5" t="s">
        <v>40</v>
      </c>
      <c r="T25310" s="5" t="s">
        <v>42</v>
      </c>
      <c r="U25310" s="2">
        <v>9.81</v>
      </c>
      <c r="V25310" s="2">
        <v>7.8239999999999998</v>
      </c>
      <c r="W25310" s="2">
        <v>0.09</v>
      </c>
      <c r="X25310" s="2">
        <v>23.5</v>
      </c>
      <c r="Y25310" s="2">
        <v>26.5</v>
      </c>
      <c r="Z25310" s="2">
        <v>145</v>
      </c>
      <c r="AA25310" s="5">
        <v>16</v>
      </c>
      <c r="AB25310" s="5" t="s">
        <v>43</v>
      </c>
      <c r="AC25310" s="5" t="s">
        <v>735</v>
      </c>
      <c r="AD25310" s="2" t="s">
        <v>80848</v>
      </c>
      <c r="AE25310" s="1"/>
    </row>
    <row r="25311" spans="1:31" ht="14.45">
      <c r="A25311" s="11"/>
      <c r="B25311" s="20"/>
      <c r="C25311" s="2" t="s">
        <v>80861</v>
      </c>
      <c r="D25311" s="14" t="s">
        <v>80862</v>
      </c>
      <c r="E25311" s="2" t="s">
        <v>80863</v>
      </c>
      <c r="F25311" s="2" t="s">
        <v>80847</v>
      </c>
      <c r="G25311" s="8">
        <v>406</v>
      </c>
      <c r="H25311" s="5">
        <v>5</v>
      </c>
      <c r="I25311" s="5" t="s">
        <v>79637</v>
      </c>
      <c r="J25311" s="5" t="s">
        <v>79638</v>
      </c>
      <c r="K25311" s="2" t="s">
        <v>79639</v>
      </c>
      <c r="L25311" s="5" t="s">
        <v>79638</v>
      </c>
      <c r="M25311" s="2" t="s">
        <v>79639</v>
      </c>
      <c r="N25311" s="5" t="s">
        <v>19227</v>
      </c>
      <c r="O25311" s="5" t="s">
        <v>38</v>
      </c>
      <c r="P25311" s="5" t="s">
        <v>39</v>
      </c>
      <c r="Q25311" s="5" t="s">
        <v>40</v>
      </c>
      <c r="R25311" s="5" t="s">
        <v>24335</v>
      </c>
      <c r="S25311" s="5" t="s">
        <v>40</v>
      </c>
      <c r="T25311" s="5" t="s">
        <v>42</v>
      </c>
      <c r="U25311" s="2">
        <v>10.717000000000001</v>
      </c>
      <c r="V25311" s="2">
        <v>8.5190000000000001</v>
      </c>
      <c r="W25311" s="2">
        <v>0.104</v>
      </c>
      <c r="X25311" s="2">
        <v>23.5</v>
      </c>
      <c r="Y25311" s="2">
        <v>26.5</v>
      </c>
      <c r="Z25311" s="2">
        <v>167.5</v>
      </c>
      <c r="AA25311" s="5">
        <v>16</v>
      </c>
      <c r="AB25311" s="5" t="s">
        <v>43</v>
      </c>
      <c r="AC25311" s="5" t="s">
        <v>735</v>
      </c>
      <c r="AD25311" s="2" t="s">
        <v>80848</v>
      </c>
      <c r="AE25311" s="1"/>
    </row>
    <row r="25312" spans="1:31" ht="14.45">
      <c r="A25312" s="11"/>
      <c r="B25312" s="20"/>
      <c r="C25312" s="2" t="s">
        <v>80864</v>
      </c>
      <c r="D25312" s="14" t="s">
        <v>80865</v>
      </c>
      <c r="E25312" s="2" t="s">
        <v>80866</v>
      </c>
      <c r="F25312" s="2" t="s">
        <v>80847</v>
      </c>
      <c r="G25312" s="8">
        <v>397</v>
      </c>
      <c r="H25312" s="5">
        <v>5</v>
      </c>
      <c r="I25312" s="5" t="s">
        <v>79637</v>
      </c>
      <c r="J25312" s="5" t="s">
        <v>79638</v>
      </c>
      <c r="K25312" s="2" t="s">
        <v>79639</v>
      </c>
      <c r="L25312" s="5" t="s">
        <v>79638</v>
      </c>
      <c r="M25312" s="2" t="s">
        <v>79639</v>
      </c>
      <c r="N25312" s="5" t="s">
        <v>19227</v>
      </c>
      <c r="O25312" s="5" t="s">
        <v>38</v>
      </c>
      <c r="P25312" s="5" t="s">
        <v>39</v>
      </c>
      <c r="Q25312" s="5" t="s">
        <v>40</v>
      </c>
      <c r="R25312" s="5" t="s">
        <v>24335</v>
      </c>
      <c r="S25312" s="5" t="s">
        <v>40</v>
      </c>
      <c r="T25312" s="5" t="s">
        <v>42</v>
      </c>
      <c r="U25312" s="2">
        <v>9.2530000000000001</v>
      </c>
      <c r="V25312" s="2">
        <v>7.4690000000000003</v>
      </c>
      <c r="W25312" s="2">
        <v>7.8E-2</v>
      </c>
      <c r="X25312" s="2">
        <v>23.5</v>
      </c>
      <c r="Y25312" s="2">
        <v>26.5</v>
      </c>
      <c r="Z25312" s="2">
        <v>125</v>
      </c>
      <c r="AA25312" s="5">
        <v>16</v>
      </c>
      <c r="AB25312" s="5" t="s">
        <v>43</v>
      </c>
      <c r="AC25312" s="5" t="s">
        <v>735</v>
      </c>
      <c r="AD25312" s="2" t="s">
        <v>80848</v>
      </c>
      <c r="AE25312" s="1"/>
    </row>
    <row r="25313" spans="1:31" ht="14.45">
      <c r="A25313" s="11"/>
      <c r="B25313" s="20"/>
      <c r="C25313" s="2" t="s">
        <v>80867</v>
      </c>
      <c r="D25313" s="14" t="s">
        <v>80868</v>
      </c>
      <c r="E25313" s="2" t="s">
        <v>80869</v>
      </c>
      <c r="F25313" s="2" t="s">
        <v>80847</v>
      </c>
      <c r="G25313" s="8">
        <v>418</v>
      </c>
      <c r="H25313" s="5">
        <v>5</v>
      </c>
      <c r="I25313" s="5" t="s">
        <v>79637</v>
      </c>
      <c r="J25313" s="5" t="s">
        <v>79638</v>
      </c>
      <c r="K25313" s="2" t="s">
        <v>79639</v>
      </c>
      <c r="L25313" s="5" t="s">
        <v>79638</v>
      </c>
      <c r="M25313" s="2" t="s">
        <v>79639</v>
      </c>
      <c r="N25313" s="5" t="s">
        <v>19227</v>
      </c>
      <c r="O25313" s="5" t="s">
        <v>38</v>
      </c>
      <c r="P25313" s="5" t="s">
        <v>39</v>
      </c>
      <c r="Q25313" s="5" t="s">
        <v>40</v>
      </c>
      <c r="R25313" s="5" t="s">
        <v>24335</v>
      </c>
      <c r="S25313" s="5" t="s">
        <v>40</v>
      </c>
      <c r="T25313" s="5" t="s">
        <v>42</v>
      </c>
      <c r="U25313" s="2">
        <v>10.369</v>
      </c>
      <c r="V25313" s="2">
        <v>8.3829999999999991</v>
      </c>
      <c r="W25313" s="2">
        <v>0.09</v>
      </c>
      <c r="X25313" s="2">
        <v>23.5</v>
      </c>
      <c r="Y25313" s="2">
        <v>26.5</v>
      </c>
      <c r="Z25313" s="2">
        <v>145</v>
      </c>
      <c r="AA25313" s="5">
        <v>16</v>
      </c>
      <c r="AB25313" s="5" t="s">
        <v>43</v>
      </c>
      <c r="AC25313" s="5" t="s">
        <v>735</v>
      </c>
      <c r="AD25313" s="2" t="s">
        <v>80848</v>
      </c>
      <c r="AE25313" s="1"/>
    </row>
    <row r="25314" spans="1:31" ht="14.45">
      <c r="A25314" s="11"/>
      <c r="B25314" s="20"/>
      <c r="C25314" s="2" t="s">
        <v>80870</v>
      </c>
      <c r="D25314" s="14" t="s">
        <v>80871</v>
      </c>
      <c r="E25314" s="2" t="s">
        <v>80872</v>
      </c>
      <c r="F25314" s="2" t="s">
        <v>80847</v>
      </c>
      <c r="G25314" s="8">
        <v>439</v>
      </c>
      <c r="H25314" s="5">
        <v>5</v>
      </c>
      <c r="I25314" s="5" t="s">
        <v>79637</v>
      </c>
      <c r="J25314" s="5" t="s">
        <v>79638</v>
      </c>
      <c r="K25314" s="2" t="s">
        <v>79639</v>
      </c>
      <c r="L25314" s="5" t="s">
        <v>79638</v>
      </c>
      <c r="M25314" s="2" t="s">
        <v>79639</v>
      </c>
      <c r="N25314" s="5" t="s">
        <v>19227</v>
      </c>
      <c r="O25314" s="5" t="s">
        <v>38</v>
      </c>
      <c r="P25314" s="5" t="s">
        <v>39</v>
      </c>
      <c r="Q25314" s="5" t="s">
        <v>40</v>
      </c>
      <c r="R25314" s="5" t="s">
        <v>24335</v>
      </c>
      <c r="S25314" s="5" t="s">
        <v>40</v>
      </c>
      <c r="T25314" s="5" t="s">
        <v>42</v>
      </c>
      <c r="U25314" s="2">
        <v>11.3</v>
      </c>
      <c r="V25314" s="2">
        <v>9.1020000000000003</v>
      </c>
      <c r="W25314" s="2">
        <v>0.104</v>
      </c>
      <c r="X25314" s="2">
        <v>23.5</v>
      </c>
      <c r="Y25314" s="2">
        <v>26.5</v>
      </c>
      <c r="Z25314" s="2">
        <v>167.5</v>
      </c>
      <c r="AA25314" s="5">
        <v>16</v>
      </c>
      <c r="AB25314" s="5" t="s">
        <v>43</v>
      </c>
      <c r="AC25314" s="5" t="s">
        <v>735</v>
      </c>
      <c r="AD25314" s="2" t="s">
        <v>80848</v>
      </c>
      <c r="AE25314" s="1"/>
    </row>
    <row r="25315" spans="1:31" ht="14.45">
      <c r="A25315" s="11"/>
      <c r="B25315" s="20"/>
      <c r="C25315" s="2" t="s">
        <v>80873</v>
      </c>
      <c r="D25315" s="14" t="s">
        <v>80874</v>
      </c>
      <c r="E25315" s="2" t="s">
        <v>80875</v>
      </c>
      <c r="F25315" s="2" t="s">
        <v>80847</v>
      </c>
      <c r="G25315" s="8">
        <v>473</v>
      </c>
      <c r="H25315" s="5">
        <v>5</v>
      </c>
      <c r="I25315" s="5" t="s">
        <v>79637</v>
      </c>
      <c r="J25315" s="5" t="s">
        <v>79638</v>
      </c>
      <c r="K25315" s="2" t="s">
        <v>79639</v>
      </c>
      <c r="L25315" s="5" t="s">
        <v>79638</v>
      </c>
      <c r="M25315" s="2" t="s">
        <v>79639</v>
      </c>
      <c r="N25315" s="5" t="s">
        <v>19227</v>
      </c>
      <c r="O25315" s="5" t="s">
        <v>38</v>
      </c>
      <c r="P25315" s="5" t="s">
        <v>39</v>
      </c>
      <c r="Q25315" s="5" t="s">
        <v>40</v>
      </c>
      <c r="R25315" s="5" t="s">
        <v>24335</v>
      </c>
      <c r="S25315" s="5" t="s">
        <v>40</v>
      </c>
      <c r="T25315" s="5" t="s">
        <v>42</v>
      </c>
      <c r="U25315" s="2">
        <v>12.145</v>
      </c>
      <c r="V25315" s="2">
        <v>9.7620000000000005</v>
      </c>
      <c r="W25315" s="2">
        <v>0.11700000000000001</v>
      </c>
      <c r="X25315" s="2">
        <v>23.5</v>
      </c>
      <c r="Y25315" s="2">
        <v>26.5</v>
      </c>
      <c r="Z25315" s="2">
        <v>187.5</v>
      </c>
      <c r="AA25315" s="5">
        <v>16</v>
      </c>
      <c r="AB25315" s="5" t="s">
        <v>43</v>
      </c>
      <c r="AC25315" s="5" t="s">
        <v>735</v>
      </c>
      <c r="AD25315" s="2" t="s">
        <v>80848</v>
      </c>
      <c r="AE25315" s="1"/>
    </row>
    <row r="25316" spans="1:31" ht="14.45">
      <c r="A25316" s="11"/>
      <c r="B25316" s="20"/>
      <c r="C25316" s="2" t="s">
        <v>80876</v>
      </c>
      <c r="D25316" s="14" t="s">
        <v>80877</v>
      </c>
      <c r="E25316" s="2" t="s">
        <v>80878</v>
      </c>
      <c r="F25316" s="2" t="s">
        <v>80847</v>
      </c>
      <c r="G25316" s="8">
        <v>531</v>
      </c>
      <c r="H25316" s="5">
        <v>15</v>
      </c>
      <c r="I25316" s="5" t="s">
        <v>79637</v>
      </c>
      <c r="J25316" s="5" t="s">
        <v>79638</v>
      </c>
      <c r="K25316" s="2" t="s">
        <v>79639</v>
      </c>
      <c r="L25316" s="5" t="s">
        <v>79638</v>
      </c>
      <c r="M25316" s="2" t="s">
        <v>79639</v>
      </c>
      <c r="N25316" s="5" t="s">
        <v>19227</v>
      </c>
      <c r="O25316" s="5" t="s">
        <v>38</v>
      </c>
      <c r="P25316" s="5" t="s">
        <v>39</v>
      </c>
      <c r="Q25316" s="5" t="s">
        <v>40</v>
      </c>
      <c r="R25316" s="5" t="s">
        <v>24335</v>
      </c>
      <c r="S25316" s="5" t="s">
        <v>40</v>
      </c>
      <c r="T25316" s="5" t="s">
        <v>42</v>
      </c>
      <c r="U25316" s="2">
        <v>12.958</v>
      </c>
      <c r="V25316" s="2">
        <v>10.417</v>
      </c>
      <c r="W25316" s="2">
        <v>0.129</v>
      </c>
      <c r="X25316" s="2">
        <v>23.5</v>
      </c>
      <c r="Y25316" s="2">
        <v>26.5</v>
      </c>
      <c r="Z25316" s="2">
        <v>207.5</v>
      </c>
      <c r="AA25316" s="5">
        <v>16</v>
      </c>
      <c r="AB25316" s="5" t="s">
        <v>43</v>
      </c>
      <c r="AC25316" s="5" t="s">
        <v>735</v>
      </c>
      <c r="AD25316" s="2" t="s">
        <v>80848</v>
      </c>
      <c r="AE25316" s="1"/>
    </row>
    <row r="25317" spans="1:31" ht="14.45">
      <c r="A25317" s="11"/>
      <c r="B25317" s="20"/>
      <c r="C25317" s="2" t="s">
        <v>80879</v>
      </c>
      <c r="D25317" s="14" t="s">
        <v>80880</v>
      </c>
      <c r="E25317" s="2" t="s">
        <v>80881</v>
      </c>
      <c r="F25317" s="2" t="s">
        <v>80847</v>
      </c>
      <c r="G25317" s="8">
        <v>456</v>
      </c>
      <c r="H25317" s="5">
        <v>5</v>
      </c>
      <c r="I25317" s="5" t="s">
        <v>79637</v>
      </c>
      <c r="J25317" s="5" t="s">
        <v>79638</v>
      </c>
      <c r="K25317" s="2" t="s">
        <v>79639</v>
      </c>
      <c r="L25317" s="5" t="s">
        <v>79638</v>
      </c>
      <c r="M25317" s="2" t="s">
        <v>79639</v>
      </c>
      <c r="N25317" s="5" t="s">
        <v>19227</v>
      </c>
      <c r="O25317" s="5" t="s">
        <v>38</v>
      </c>
      <c r="P25317" s="5" t="s">
        <v>39</v>
      </c>
      <c r="Q25317" s="5" t="s">
        <v>40</v>
      </c>
      <c r="R25317" s="5" t="s">
        <v>24335</v>
      </c>
      <c r="S25317" s="5" t="s">
        <v>40</v>
      </c>
      <c r="T25317" s="5" t="s">
        <v>42</v>
      </c>
      <c r="U25317" s="2">
        <v>11.145</v>
      </c>
      <c r="V25317" s="2">
        <v>9.1340000000000003</v>
      </c>
      <c r="W25317" s="2">
        <v>0.09</v>
      </c>
      <c r="X25317" s="2">
        <v>23.5</v>
      </c>
      <c r="Y25317" s="2">
        <v>26.5</v>
      </c>
      <c r="Z25317" s="2">
        <v>145</v>
      </c>
      <c r="AA25317" s="5">
        <v>16</v>
      </c>
      <c r="AB25317" s="5" t="s">
        <v>43</v>
      </c>
      <c r="AC25317" s="5" t="s">
        <v>735</v>
      </c>
      <c r="AD25317" s="2" t="s">
        <v>80848</v>
      </c>
      <c r="AE25317" s="1"/>
    </row>
    <row r="25318" spans="1:31" ht="14.45">
      <c r="A25318" s="11"/>
      <c r="B25318" s="20"/>
      <c r="C25318" s="2" t="s">
        <v>80882</v>
      </c>
      <c r="D25318" s="14" t="s">
        <v>80883</v>
      </c>
      <c r="E25318" s="2" t="s">
        <v>80884</v>
      </c>
      <c r="F25318" s="2" t="s">
        <v>80847</v>
      </c>
      <c r="G25318" s="8">
        <v>481</v>
      </c>
      <c r="H25318" s="5">
        <v>5</v>
      </c>
      <c r="I25318" s="5" t="s">
        <v>79637</v>
      </c>
      <c r="J25318" s="5" t="s">
        <v>79638</v>
      </c>
      <c r="K25318" s="2" t="s">
        <v>79639</v>
      </c>
      <c r="L25318" s="5" t="s">
        <v>79638</v>
      </c>
      <c r="M25318" s="2" t="s">
        <v>79639</v>
      </c>
      <c r="N25318" s="5" t="s">
        <v>19227</v>
      </c>
      <c r="O25318" s="5" t="s">
        <v>38</v>
      </c>
      <c r="P25318" s="5" t="s">
        <v>39</v>
      </c>
      <c r="Q25318" s="5" t="s">
        <v>40</v>
      </c>
      <c r="R25318" s="5" t="s">
        <v>24335</v>
      </c>
      <c r="S25318" s="5" t="s">
        <v>40</v>
      </c>
      <c r="T25318" s="5" t="s">
        <v>42</v>
      </c>
      <c r="U25318" s="2">
        <v>12.101000000000001</v>
      </c>
      <c r="V25318" s="2">
        <v>9.8780000000000001</v>
      </c>
      <c r="W25318" s="2">
        <v>0.104</v>
      </c>
      <c r="X25318" s="2">
        <v>23.5</v>
      </c>
      <c r="Y25318" s="2">
        <v>26.5</v>
      </c>
      <c r="Z25318" s="2">
        <v>167.5</v>
      </c>
      <c r="AA25318" s="5">
        <v>16</v>
      </c>
      <c r="AB25318" s="5" t="s">
        <v>43</v>
      </c>
      <c r="AC25318" s="5" t="s">
        <v>735</v>
      </c>
      <c r="AD25318" s="2" t="s">
        <v>80848</v>
      </c>
      <c r="AE25318" s="1"/>
    </row>
    <row r="25319" spans="1:31" ht="14.45">
      <c r="A25319" s="11"/>
      <c r="B25319" s="20"/>
      <c r="C25319" s="2" t="s">
        <v>80885</v>
      </c>
      <c r="D25319" s="14" t="s">
        <v>80886</v>
      </c>
      <c r="E25319" s="2" t="s">
        <v>80887</v>
      </c>
      <c r="F25319" s="2" t="s">
        <v>80847</v>
      </c>
      <c r="G25319" s="8">
        <v>515</v>
      </c>
      <c r="H25319" s="5">
        <v>5</v>
      </c>
      <c r="I25319" s="5" t="s">
        <v>79637</v>
      </c>
      <c r="J25319" s="5" t="s">
        <v>79638</v>
      </c>
      <c r="K25319" s="2" t="s">
        <v>79639</v>
      </c>
      <c r="L25319" s="5" t="s">
        <v>79638</v>
      </c>
      <c r="M25319" s="2" t="s">
        <v>79639</v>
      </c>
      <c r="N25319" s="5" t="s">
        <v>19227</v>
      </c>
      <c r="O25319" s="5" t="s">
        <v>38</v>
      </c>
      <c r="P25319" s="5" t="s">
        <v>39</v>
      </c>
      <c r="Q25319" s="5" t="s">
        <v>40</v>
      </c>
      <c r="R25319" s="5" t="s">
        <v>24335</v>
      </c>
      <c r="S25319" s="5" t="s">
        <v>40</v>
      </c>
      <c r="T25319" s="5" t="s">
        <v>42</v>
      </c>
      <c r="U25319" s="2">
        <v>12.965999999999999</v>
      </c>
      <c r="V25319" s="2">
        <v>10.558</v>
      </c>
      <c r="W25319" s="2">
        <v>0.11700000000000001</v>
      </c>
      <c r="X25319" s="2">
        <v>23.5</v>
      </c>
      <c r="Y25319" s="2">
        <v>26.5</v>
      </c>
      <c r="Z25319" s="2">
        <v>187.5</v>
      </c>
      <c r="AA25319" s="5">
        <v>16</v>
      </c>
      <c r="AB25319" s="5" t="s">
        <v>43</v>
      </c>
      <c r="AC25319" s="5" t="s">
        <v>735</v>
      </c>
      <c r="AD25319" s="2" t="s">
        <v>80848</v>
      </c>
      <c r="AE25319" s="1"/>
    </row>
    <row r="25320" spans="1:31" ht="14.45">
      <c r="A25320" s="11"/>
      <c r="B25320" s="20"/>
      <c r="C25320" s="2" t="s">
        <v>80888</v>
      </c>
      <c r="D25320" s="14" t="s">
        <v>80889</v>
      </c>
      <c r="E25320" s="2" t="s">
        <v>80890</v>
      </c>
      <c r="F25320" s="2" t="s">
        <v>80847</v>
      </c>
      <c r="G25320" s="8">
        <v>498</v>
      </c>
      <c r="H25320" s="5">
        <v>5</v>
      </c>
      <c r="I25320" s="5" t="s">
        <v>79637</v>
      </c>
      <c r="J25320" s="5" t="s">
        <v>79638</v>
      </c>
      <c r="K25320" s="2" t="s">
        <v>79639</v>
      </c>
      <c r="L25320" s="5" t="s">
        <v>79638</v>
      </c>
      <c r="M25320" s="2" t="s">
        <v>79639</v>
      </c>
      <c r="N25320" s="5" t="s">
        <v>19227</v>
      </c>
      <c r="O25320" s="5" t="s">
        <v>38</v>
      </c>
      <c r="P25320" s="5" t="s">
        <v>39</v>
      </c>
      <c r="Q25320" s="5" t="s">
        <v>40</v>
      </c>
      <c r="R25320" s="5" t="s">
        <v>24335</v>
      </c>
      <c r="S25320" s="5" t="s">
        <v>40</v>
      </c>
      <c r="T25320" s="5" t="s">
        <v>42</v>
      </c>
      <c r="U25320" s="2">
        <v>12.063000000000001</v>
      </c>
      <c r="V25320" s="2">
        <v>10.052</v>
      </c>
      <c r="W25320" s="2">
        <v>0.09</v>
      </c>
      <c r="X25320" s="2">
        <v>23.5</v>
      </c>
      <c r="Y25320" s="2">
        <v>26.5</v>
      </c>
      <c r="Z25320" s="2">
        <v>145</v>
      </c>
      <c r="AA25320" s="5">
        <v>16</v>
      </c>
      <c r="AB25320" s="5" t="s">
        <v>43</v>
      </c>
      <c r="AC25320" s="5" t="s">
        <v>735</v>
      </c>
      <c r="AD25320" s="2" t="s">
        <v>80848</v>
      </c>
      <c r="AE25320" s="1"/>
    </row>
    <row r="25321" spans="1:31" ht="14.45">
      <c r="A25321" s="11"/>
      <c r="B25321" s="20"/>
      <c r="C25321" s="2" t="s">
        <v>80891</v>
      </c>
      <c r="D25321" s="14" t="s">
        <v>80892</v>
      </c>
      <c r="E25321" s="2" t="s">
        <v>80893</v>
      </c>
      <c r="F25321" s="2" t="s">
        <v>80847</v>
      </c>
      <c r="G25321" s="8">
        <v>527</v>
      </c>
      <c r="H25321" s="5">
        <v>5</v>
      </c>
      <c r="I25321" s="5" t="s">
        <v>79637</v>
      </c>
      <c r="J25321" s="5" t="s">
        <v>79638</v>
      </c>
      <c r="K25321" s="2" t="s">
        <v>79639</v>
      </c>
      <c r="L25321" s="5" t="s">
        <v>79638</v>
      </c>
      <c r="M25321" s="2" t="s">
        <v>79639</v>
      </c>
      <c r="N25321" s="5" t="s">
        <v>19227</v>
      </c>
      <c r="O25321" s="5" t="s">
        <v>38</v>
      </c>
      <c r="P25321" s="5" t="s">
        <v>39</v>
      </c>
      <c r="Q25321" s="5" t="s">
        <v>40</v>
      </c>
      <c r="R25321" s="5" t="s">
        <v>24335</v>
      </c>
      <c r="S25321" s="5" t="s">
        <v>40</v>
      </c>
      <c r="T25321" s="5" t="s">
        <v>42</v>
      </c>
      <c r="U25321" s="2">
        <v>13.044</v>
      </c>
      <c r="V25321" s="2">
        <v>10.821</v>
      </c>
      <c r="W25321" s="2">
        <v>0.104</v>
      </c>
      <c r="X25321" s="2">
        <v>23.5</v>
      </c>
      <c r="Y25321" s="2">
        <v>26.5</v>
      </c>
      <c r="Z25321" s="2">
        <v>167.5</v>
      </c>
      <c r="AA25321" s="5">
        <v>16</v>
      </c>
      <c r="AB25321" s="5" t="s">
        <v>43</v>
      </c>
      <c r="AC25321" s="5" t="s">
        <v>735</v>
      </c>
      <c r="AD25321" s="2" t="s">
        <v>80848</v>
      </c>
      <c r="AE25321" s="1"/>
    </row>
    <row r="25322" spans="1:31" ht="14.45">
      <c r="A25322" s="11"/>
      <c r="B25322" s="20"/>
      <c r="C25322" s="2" t="s">
        <v>80894</v>
      </c>
      <c r="D25322" s="14" t="s">
        <v>80895</v>
      </c>
      <c r="E25322" s="2" t="s">
        <v>80896</v>
      </c>
      <c r="F25322" s="2" t="s">
        <v>80847</v>
      </c>
      <c r="G25322" s="8">
        <v>556</v>
      </c>
      <c r="H25322" s="5">
        <v>5</v>
      </c>
      <c r="I25322" s="5" t="s">
        <v>79637</v>
      </c>
      <c r="J25322" s="5" t="s">
        <v>79638</v>
      </c>
      <c r="K25322" s="2" t="s">
        <v>79639</v>
      </c>
      <c r="L25322" s="5" t="s">
        <v>79638</v>
      </c>
      <c r="M25322" s="2" t="s">
        <v>79639</v>
      </c>
      <c r="N25322" s="5" t="s">
        <v>19227</v>
      </c>
      <c r="O25322" s="5" t="s">
        <v>38</v>
      </c>
      <c r="P25322" s="5" t="s">
        <v>39</v>
      </c>
      <c r="Q25322" s="5" t="s">
        <v>40</v>
      </c>
      <c r="R25322" s="5" t="s">
        <v>24335</v>
      </c>
      <c r="S25322" s="5" t="s">
        <v>40</v>
      </c>
      <c r="T25322" s="5" t="s">
        <v>42</v>
      </c>
      <c r="U25322" s="2">
        <v>13.932</v>
      </c>
      <c r="V25322" s="2">
        <v>11.523999999999999</v>
      </c>
      <c r="W25322" s="2">
        <v>0.11700000000000001</v>
      </c>
      <c r="X25322" s="2">
        <v>23.5</v>
      </c>
      <c r="Y25322" s="2">
        <v>26.5</v>
      </c>
      <c r="Z25322" s="2">
        <v>187.5</v>
      </c>
      <c r="AA25322" s="5">
        <v>16</v>
      </c>
      <c r="AB25322" s="5" t="s">
        <v>43</v>
      </c>
      <c r="AC25322" s="5" t="s">
        <v>735</v>
      </c>
      <c r="AD25322" s="2" t="s">
        <v>80848</v>
      </c>
      <c r="AE25322" s="1"/>
    </row>
    <row r="25323" spans="1:31" ht="14.45">
      <c r="A25323" s="11"/>
      <c r="B25323" s="20"/>
      <c r="C25323" s="2" t="s">
        <v>80897</v>
      </c>
      <c r="D25323" s="14" t="s">
        <v>80898</v>
      </c>
      <c r="E25323" s="2" t="s">
        <v>80899</v>
      </c>
      <c r="F25323" s="2" t="s">
        <v>80847</v>
      </c>
      <c r="G25323" s="8">
        <v>536</v>
      </c>
      <c r="H25323" s="5">
        <v>5</v>
      </c>
      <c r="I25323" s="5" t="s">
        <v>79637</v>
      </c>
      <c r="J25323" s="5" t="s">
        <v>79638</v>
      </c>
      <c r="K25323" s="2" t="s">
        <v>79639</v>
      </c>
      <c r="L25323" s="5" t="s">
        <v>79638</v>
      </c>
      <c r="M25323" s="2" t="s">
        <v>79639</v>
      </c>
      <c r="N25323" s="5" t="s">
        <v>19227</v>
      </c>
      <c r="O25323" s="5" t="s">
        <v>38</v>
      </c>
      <c r="P25323" s="5" t="s">
        <v>39</v>
      </c>
      <c r="Q25323" s="5" t="s">
        <v>40</v>
      </c>
      <c r="R25323" s="5" t="s">
        <v>24335</v>
      </c>
      <c r="S25323" s="5" t="s">
        <v>40</v>
      </c>
      <c r="T25323" s="5" t="s">
        <v>42</v>
      </c>
      <c r="U25323" s="2">
        <v>12.102</v>
      </c>
      <c r="V25323" s="2">
        <v>9.8309999999999995</v>
      </c>
      <c r="W25323" s="2">
        <v>0.104</v>
      </c>
      <c r="X25323" s="2">
        <v>23.5</v>
      </c>
      <c r="Y25323" s="2">
        <v>26.5</v>
      </c>
      <c r="Z25323" s="2">
        <v>167.5</v>
      </c>
      <c r="AA25323" s="5">
        <v>16</v>
      </c>
      <c r="AB25323" s="5" t="s">
        <v>43</v>
      </c>
      <c r="AC25323" s="5" t="s">
        <v>735</v>
      </c>
      <c r="AD25323" s="2" t="s">
        <v>80848</v>
      </c>
      <c r="AE25323" s="1"/>
    </row>
    <row r="25324" spans="1:31" ht="14.45">
      <c r="A25324" s="11"/>
      <c r="B25324" s="20"/>
      <c r="C25324" s="2" t="s">
        <v>80900</v>
      </c>
      <c r="D25324" s="14" t="s">
        <v>80901</v>
      </c>
      <c r="E25324" s="2" t="s">
        <v>80902</v>
      </c>
      <c r="F25324" s="2" t="s">
        <v>80847</v>
      </c>
      <c r="G25324" s="8">
        <v>577</v>
      </c>
      <c r="H25324" s="5">
        <v>5</v>
      </c>
      <c r="I25324" s="5" t="s">
        <v>79637</v>
      </c>
      <c r="J25324" s="5" t="s">
        <v>79638</v>
      </c>
      <c r="K25324" s="2" t="s">
        <v>79639</v>
      </c>
      <c r="L25324" s="5" t="s">
        <v>79638</v>
      </c>
      <c r="M25324" s="2" t="s">
        <v>79639</v>
      </c>
      <c r="N25324" s="5" t="s">
        <v>19227</v>
      </c>
      <c r="O25324" s="5" t="s">
        <v>38</v>
      </c>
      <c r="P25324" s="5" t="s">
        <v>39</v>
      </c>
      <c r="Q25324" s="5" t="s">
        <v>40</v>
      </c>
      <c r="R25324" s="5" t="s">
        <v>24335</v>
      </c>
      <c r="S25324" s="5" t="s">
        <v>40</v>
      </c>
      <c r="T25324" s="5" t="s">
        <v>42</v>
      </c>
      <c r="U25324" s="2">
        <v>14.090999999999999</v>
      </c>
      <c r="V25324" s="2">
        <v>11.808999999999999</v>
      </c>
      <c r="W25324" s="2">
        <v>0.104</v>
      </c>
      <c r="X25324" s="2">
        <v>23.5</v>
      </c>
      <c r="Y25324" s="2">
        <v>26.5</v>
      </c>
      <c r="Z25324" s="2">
        <v>167.5</v>
      </c>
      <c r="AA25324" s="5">
        <v>16</v>
      </c>
      <c r="AB25324" s="5" t="s">
        <v>43</v>
      </c>
      <c r="AC25324" s="5" t="s">
        <v>735</v>
      </c>
      <c r="AD25324" s="2" t="s">
        <v>80848</v>
      </c>
      <c r="AE25324" s="1"/>
    </row>
    <row r="25325" spans="1:31" ht="14.45">
      <c r="A25325" s="11"/>
      <c r="B25325" s="20"/>
      <c r="C25325" s="2" t="s">
        <v>80903</v>
      </c>
      <c r="D25325" s="14" t="s">
        <v>80904</v>
      </c>
      <c r="E25325" s="2" t="s">
        <v>80905</v>
      </c>
      <c r="F25325" s="2" t="s">
        <v>80847</v>
      </c>
      <c r="G25325" s="8">
        <v>611</v>
      </c>
      <c r="H25325" s="5">
        <v>15</v>
      </c>
      <c r="I25325" s="5" t="s">
        <v>79637</v>
      </c>
      <c r="J25325" s="5" t="s">
        <v>79638</v>
      </c>
      <c r="K25325" s="2" t="s">
        <v>79639</v>
      </c>
      <c r="L25325" s="5" t="s">
        <v>79638</v>
      </c>
      <c r="M25325" s="2" t="s">
        <v>79639</v>
      </c>
      <c r="N25325" s="5" t="s">
        <v>19227</v>
      </c>
      <c r="O25325" s="5" t="s">
        <v>38</v>
      </c>
      <c r="P25325" s="5" t="s">
        <v>39</v>
      </c>
      <c r="Q25325" s="5" t="s">
        <v>40</v>
      </c>
      <c r="R25325" s="5" t="s">
        <v>24335</v>
      </c>
      <c r="S25325" s="5" t="s">
        <v>40</v>
      </c>
      <c r="T25325" s="5" t="s">
        <v>42</v>
      </c>
      <c r="U25325" s="2">
        <v>15.003</v>
      </c>
      <c r="V25325" s="2">
        <v>12.536</v>
      </c>
      <c r="W25325" s="2">
        <v>0.11700000000000001</v>
      </c>
      <c r="X25325" s="2">
        <v>23.5</v>
      </c>
      <c r="Y25325" s="2">
        <v>26.5</v>
      </c>
      <c r="Z25325" s="2">
        <v>187.5</v>
      </c>
      <c r="AA25325" s="5">
        <v>16</v>
      </c>
      <c r="AB25325" s="5" t="s">
        <v>43</v>
      </c>
      <c r="AC25325" s="5" t="s">
        <v>735</v>
      </c>
      <c r="AD25325" s="2" t="s">
        <v>80848</v>
      </c>
      <c r="AE25325" s="1"/>
    </row>
    <row r="25326" spans="1:31" ht="14.45">
      <c r="A25326" s="11"/>
      <c r="B25326" s="20"/>
      <c r="C25326" s="2" t="s">
        <v>80906</v>
      </c>
      <c r="D25326" s="14" t="s">
        <v>80907</v>
      </c>
      <c r="E25326" s="2" t="s">
        <v>80908</v>
      </c>
      <c r="F25326" s="2" t="s">
        <v>80847</v>
      </c>
      <c r="G25326" s="8">
        <v>343</v>
      </c>
      <c r="H25326" s="5">
        <v>15</v>
      </c>
      <c r="I25326" s="5" t="s">
        <v>79637</v>
      </c>
      <c r="J25326" s="5" t="s">
        <v>79638</v>
      </c>
      <c r="K25326" s="2" t="s">
        <v>79639</v>
      </c>
      <c r="L25326" s="5" t="s">
        <v>79638</v>
      </c>
      <c r="M25326" s="2" t="s">
        <v>79639</v>
      </c>
      <c r="N25326" s="5" t="s">
        <v>19227</v>
      </c>
      <c r="O25326" s="5" t="s">
        <v>38</v>
      </c>
      <c r="P25326" s="5" t="s">
        <v>39</v>
      </c>
      <c r="Q25326" s="5" t="s">
        <v>40</v>
      </c>
      <c r="R25326" s="5" t="s">
        <v>24335</v>
      </c>
      <c r="S25326" s="5" t="s">
        <v>40</v>
      </c>
      <c r="T25326" s="5" t="s">
        <v>42</v>
      </c>
      <c r="U25326" s="2">
        <v>7.8440000000000003</v>
      </c>
      <c r="V25326" s="2">
        <v>6.0780000000000003</v>
      </c>
      <c r="W25326" s="2">
        <v>7.8E-2</v>
      </c>
      <c r="X25326" s="2">
        <v>23.5</v>
      </c>
      <c r="Y25326" s="2">
        <v>26.5</v>
      </c>
      <c r="Z25326" s="2">
        <v>125</v>
      </c>
      <c r="AA25326" s="5">
        <v>16</v>
      </c>
      <c r="AB25326" s="5" t="s">
        <v>43</v>
      </c>
      <c r="AC25326" s="5" t="s">
        <v>735</v>
      </c>
      <c r="AD25326" s="2" t="s">
        <v>80848</v>
      </c>
      <c r="AE25326" s="1"/>
    </row>
    <row r="25327" spans="1:31" ht="14.45">
      <c r="A25327" s="11"/>
      <c r="B25327" s="20"/>
      <c r="C25327" s="2" t="s">
        <v>80909</v>
      </c>
      <c r="D25327" s="14" t="s">
        <v>80910</v>
      </c>
      <c r="E25327" s="2" t="s">
        <v>80911</v>
      </c>
      <c r="F25327" s="2" t="s">
        <v>80847</v>
      </c>
      <c r="G25327" s="8">
        <v>360</v>
      </c>
      <c r="H25327" s="5">
        <v>15</v>
      </c>
      <c r="I25327" s="5" t="s">
        <v>79637</v>
      </c>
      <c r="J25327" s="5" t="s">
        <v>79638</v>
      </c>
      <c r="K25327" s="2" t="s">
        <v>79639</v>
      </c>
      <c r="L25327" s="5" t="s">
        <v>79638</v>
      </c>
      <c r="M25327" s="2" t="s">
        <v>79639</v>
      </c>
      <c r="N25327" s="5" t="s">
        <v>19227</v>
      </c>
      <c r="O25327" s="5" t="s">
        <v>38</v>
      </c>
      <c r="P25327" s="5" t="s">
        <v>39</v>
      </c>
      <c r="Q25327" s="5" t="s">
        <v>40</v>
      </c>
      <c r="R25327" s="5" t="s">
        <v>24335</v>
      </c>
      <c r="S25327" s="5" t="s">
        <v>40</v>
      </c>
      <c r="T25327" s="5" t="s">
        <v>42</v>
      </c>
      <c r="U25327" s="2">
        <v>8.3979999999999997</v>
      </c>
      <c r="V25327" s="2">
        <v>6.43</v>
      </c>
      <c r="W25327" s="2">
        <v>0.09</v>
      </c>
      <c r="X25327" s="2">
        <v>23.5</v>
      </c>
      <c r="Y25327" s="2">
        <v>26.5</v>
      </c>
      <c r="Z25327" s="2">
        <v>145</v>
      </c>
      <c r="AA25327" s="5">
        <v>16</v>
      </c>
      <c r="AB25327" s="5" t="s">
        <v>43</v>
      </c>
      <c r="AC25327" s="5" t="s">
        <v>735</v>
      </c>
      <c r="AD25327" s="2" t="s">
        <v>80848</v>
      </c>
      <c r="AE25327" s="1"/>
    </row>
    <row r="25328" spans="1:31" ht="14.45">
      <c r="A25328" s="11"/>
      <c r="B25328" s="20"/>
      <c r="C25328" s="2" t="s">
        <v>80912</v>
      </c>
      <c r="D25328" s="14" t="s">
        <v>80913</v>
      </c>
      <c r="E25328" s="2" t="s">
        <v>80914</v>
      </c>
      <c r="F25328" s="2" t="s">
        <v>80847</v>
      </c>
      <c r="G25328" s="8">
        <v>381</v>
      </c>
      <c r="H25328" s="5">
        <v>15</v>
      </c>
      <c r="I25328" s="5" t="s">
        <v>79637</v>
      </c>
      <c r="J25328" s="5" t="s">
        <v>79638</v>
      </c>
      <c r="K25328" s="2" t="s">
        <v>79639</v>
      </c>
      <c r="L25328" s="5" t="s">
        <v>79638</v>
      </c>
      <c r="M25328" s="2" t="s">
        <v>79639</v>
      </c>
      <c r="N25328" s="5" t="s">
        <v>19227</v>
      </c>
      <c r="O25328" s="5" t="s">
        <v>38</v>
      </c>
      <c r="P25328" s="5" t="s">
        <v>39</v>
      </c>
      <c r="Q25328" s="5" t="s">
        <v>40</v>
      </c>
      <c r="R25328" s="5" t="s">
        <v>24335</v>
      </c>
      <c r="S25328" s="5" t="s">
        <v>40</v>
      </c>
      <c r="T25328" s="5" t="s">
        <v>42</v>
      </c>
      <c r="U25328" s="2">
        <v>8.8179999999999996</v>
      </c>
      <c r="V25328" s="2">
        <v>6.85</v>
      </c>
      <c r="W25328" s="2">
        <v>0.09</v>
      </c>
      <c r="X25328" s="2">
        <v>23.5</v>
      </c>
      <c r="Y25328" s="2">
        <v>26.5</v>
      </c>
      <c r="Z25328" s="2">
        <v>145</v>
      </c>
      <c r="AA25328" s="5">
        <v>16</v>
      </c>
      <c r="AB25328" s="5" t="s">
        <v>43</v>
      </c>
      <c r="AC25328" s="5" t="s">
        <v>735</v>
      </c>
      <c r="AD25328" s="2" t="s">
        <v>80848</v>
      </c>
      <c r="AE25328" s="1"/>
    </row>
    <row r="25329" spans="1:31" ht="14.45">
      <c r="A25329" s="11"/>
      <c r="B25329" s="20"/>
      <c r="C25329" s="2" t="s">
        <v>80915</v>
      </c>
      <c r="D25329" s="14" t="s">
        <v>80916</v>
      </c>
      <c r="E25329" s="2" t="s">
        <v>80917</v>
      </c>
      <c r="F25329" s="2" t="s">
        <v>80847</v>
      </c>
      <c r="G25329" s="8">
        <v>402</v>
      </c>
      <c r="H25329" s="5">
        <v>15</v>
      </c>
      <c r="I25329" s="5" t="s">
        <v>79637</v>
      </c>
      <c r="J25329" s="5" t="s">
        <v>79638</v>
      </c>
      <c r="K25329" s="2" t="s">
        <v>79639</v>
      </c>
      <c r="L25329" s="5" t="s">
        <v>79638</v>
      </c>
      <c r="M25329" s="2" t="s">
        <v>79639</v>
      </c>
      <c r="N25329" s="5" t="s">
        <v>19227</v>
      </c>
      <c r="O25329" s="5" t="s">
        <v>38</v>
      </c>
      <c r="P25329" s="5" t="s">
        <v>39</v>
      </c>
      <c r="Q25329" s="5" t="s">
        <v>40</v>
      </c>
      <c r="R25329" s="5" t="s">
        <v>24335</v>
      </c>
      <c r="S25329" s="5" t="s">
        <v>40</v>
      </c>
      <c r="T25329" s="5" t="s">
        <v>42</v>
      </c>
      <c r="U25329" s="2">
        <v>9.8209999999999997</v>
      </c>
      <c r="V25329" s="2">
        <v>7.6440000000000001</v>
      </c>
      <c r="W25329" s="2">
        <v>0.104</v>
      </c>
      <c r="X25329" s="2">
        <v>23.5</v>
      </c>
      <c r="Y25329" s="2">
        <v>26.5</v>
      </c>
      <c r="Z25329" s="2">
        <v>167.5</v>
      </c>
      <c r="AA25329" s="5">
        <v>16</v>
      </c>
      <c r="AB25329" s="5" t="s">
        <v>43</v>
      </c>
      <c r="AC25329" s="5" t="s">
        <v>735</v>
      </c>
      <c r="AD25329" s="2" t="s">
        <v>80848</v>
      </c>
      <c r="AE25329" s="1"/>
    </row>
    <row r="25330" spans="1:31" ht="14.45">
      <c r="A25330" s="11"/>
      <c r="B25330" s="20"/>
      <c r="C25330" s="2" t="s">
        <v>80918</v>
      </c>
      <c r="D25330" s="14" t="s">
        <v>80919</v>
      </c>
      <c r="E25330" s="2" t="s">
        <v>80920</v>
      </c>
      <c r="F25330" s="2" t="s">
        <v>80847</v>
      </c>
      <c r="G25330" s="8">
        <v>397</v>
      </c>
      <c r="H25330" s="5">
        <v>15</v>
      </c>
      <c r="I25330" s="5" t="s">
        <v>79637</v>
      </c>
      <c r="J25330" s="5" t="s">
        <v>79638</v>
      </c>
      <c r="K25330" s="2" t="s">
        <v>79639</v>
      </c>
      <c r="L25330" s="5" t="s">
        <v>79638</v>
      </c>
      <c r="M25330" s="2" t="s">
        <v>79639</v>
      </c>
      <c r="N25330" s="5" t="s">
        <v>19227</v>
      </c>
      <c r="O25330" s="5" t="s">
        <v>38</v>
      </c>
      <c r="P25330" s="5" t="s">
        <v>39</v>
      </c>
      <c r="Q25330" s="5" t="s">
        <v>40</v>
      </c>
      <c r="R25330" s="5" t="s">
        <v>24335</v>
      </c>
      <c r="S25330" s="5" t="s">
        <v>40</v>
      </c>
      <c r="T25330" s="5" t="s">
        <v>42</v>
      </c>
      <c r="U25330" s="2">
        <v>9.24</v>
      </c>
      <c r="V25330" s="2">
        <v>7.2720000000000002</v>
      </c>
      <c r="W25330" s="2">
        <v>0.09</v>
      </c>
      <c r="X25330" s="2">
        <v>23.5</v>
      </c>
      <c r="Y25330" s="2">
        <v>26.5</v>
      </c>
      <c r="Z25330" s="2">
        <v>145</v>
      </c>
      <c r="AA25330" s="5">
        <v>16</v>
      </c>
      <c r="AB25330" s="5" t="s">
        <v>43</v>
      </c>
      <c r="AC25330" s="5" t="s">
        <v>735</v>
      </c>
      <c r="AD25330" s="2" t="s">
        <v>80848</v>
      </c>
      <c r="AE25330" s="1"/>
    </row>
    <row r="25331" spans="1:31" ht="14.45">
      <c r="A25331" s="11"/>
      <c r="B25331" s="20"/>
      <c r="C25331" s="2" t="s">
        <v>80921</v>
      </c>
      <c r="D25331" s="14" t="s">
        <v>80922</v>
      </c>
      <c r="E25331" s="2" t="s">
        <v>80923</v>
      </c>
      <c r="F25331" s="2" t="s">
        <v>80847</v>
      </c>
      <c r="G25331" s="8">
        <v>418</v>
      </c>
      <c r="H25331" s="5">
        <v>15</v>
      </c>
      <c r="I25331" s="5" t="s">
        <v>79637</v>
      </c>
      <c r="J25331" s="5" t="s">
        <v>79638</v>
      </c>
      <c r="K25331" s="2" t="s">
        <v>79639</v>
      </c>
      <c r="L25331" s="5" t="s">
        <v>79638</v>
      </c>
      <c r="M25331" s="2" t="s">
        <v>79639</v>
      </c>
      <c r="N25331" s="5" t="s">
        <v>19227</v>
      </c>
      <c r="O25331" s="5" t="s">
        <v>38</v>
      </c>
      <c r="P25331" s="5" t="s">
        <v>39</v>
      </c>
      <c r="Q25331" s="5" t="s">
        <v>40</v>
      </c>
      <c r="R25331" s="5" t="s">
        <v>24335</v>
      </c>
      <c r="S25331" s="5" t="s">
        <v>40</v>
      </c>
      <c r="T25331" s="5" t="s">
        <v>42</v>
      </c>
      <c r="U25331" s="2">
        <v>10.291</v>
      </c>
      <c r="V25331" s="2">
        <v>8.1140000000000008</v>
      </c>
      <c r="W25331" s="2">
        <v>0.104</v>
      </c>
      <c r="X25331" s="2">
        <v>23.5</v>
      </c>
      <c r="Y25331" s="2">
        <v>26.5</v>
      </c>
      <c r="Z25331" s="2">
        <v>167.5</v>
      </c>
      <c r="AA25331" s="5">
        <v>16</v>
      </c>
      <c r="AB25331" s="5" t="s">
        <v>43</v>
      </c>
      <c r="AC25331" s="5" t="s">
        <v>735</v>
      </c>
      <c r="AD25331" s="2" t="s">
        <v>80848</v>
      </c>
      <c r="AE25331" s="1"/>
    </row>
    <row r="25332" spans="1:31" ht="14.45">
      <c r="A25332" s="11"/>
      <c r="B25332" s="20"/>
      <c r="C25332" s="2" t="s">
        <v>80924</v>
      </c>
      <c r="D25332" s="14" t="s">
        <v>80925</v>
      </c>
      <c r="E25332" s="2" t="s">
        <v>80926</v>
      </c>
      <c r="F25332" s="2" t="s">
        <v>80847</v>
      </c>
      <c r="G25332" s="8">
        <v>439</v>
      </c>
      <c r="H25332" s="5">
        <v>15</v>
      </c>
      <c r="I25332" s="5" t="s">
        <v>79637</v>
      </c>
      <c r="J25332" s="5" t="s">
        <v>79638</v>
      </c>
      <c r="K25332" s="2" t="s">
        <v>79639</v>
      </c>
      <c r="L25332" s="5" t="s">
        <v>79638</v>
      </c>
      <c r="M25332" s="2" t="s">
        <v>79639</v>
      </c>
      <c r="N25332" s="5" t="s">
        <v>19227</v>
      </c>
      <c r="O25332" s="5" t="s">
        <v>38</v>
      </c>
      <c r="P25332" s="5" t="s">
        <v>39</v>
      </c>
      <c r="Q25332" s="5" t="s">
        <v>40</v>
      </c>
      <c r="R25332" s="5" t="s">
        <v>24335</v>
      </c>
      <c r="S25332" s="5" t="s">
        <v>40</v>
      </c>
      <c r="T25332" s="5" t="s">
        <v>42</v>
      </c>
      <c r="U25332" s="2">
        <v>10.906000000000001</v>
      </c>
      <c r="V25332" s="2">
        <v>8.7029999999999994</v>
      </c>
      <c r="W25332" s="2">
        <v>0.104</v>
      </c>
      <c r="X25332" s="2">
        <v>23.5</v>
      </c>
      <c r="Y25332" s="2">
        <v>26.5</v>
      </c>
      <c r="Z25332" s="2">
        <v>167.5</v>
      </c>
      <c r="AA25332" s="5">
        <v>16</v>
      </c>
      <c r="AB25332" s="5" t="s">
        <v>43</v>
      </c>
      <c r="AC25332" s="5" t="s">
        <v>735</v>
      </c>
      <c r="AD25332" s="2" t="s">
        <v>80848</v>
      </c>
      <c r="AE25332" s="1"/>
    </row>
    <row r="25333" spans="1:31" ht="14.45">
      <c r="A25333" s="11"/>
      <c r="B25333" s="20"/>
      <c r="C25333" s="2" t="s">
        <v>80927</v>
      </c>
      <c r="D25333" s="14" t="s">
        <v>80928</v>
      </c>
      <c r="E25333" s="2" t="s">
        <v>80929</v>
      </c>
      <c r="F25333" s="2" t="s">
        <v>80847</v>
      </c>
      <c r="G25333" s="8">
        <v>456</v>
      </c>
      <c r="H25333" s="5">
        <v>15</v>
      </c>
      <c r="I25333" s="5" t="s">
        <v>79637</v>
      </c>
      <c r="J25333" s="5" t="s">
        <v>79638</v>
      </c>
      <c r="K25333" s="2" t="s">
        <v>79639</v>
      </c>
      <c r="L25333" s="5" t="s">
        <v>79638</v>
      </c>
      <c r="M25333" s="2" t="s">
        <v>79639</v>
      </c>
      <c r="N25333" s="5" t="s">
        <v>19227</v>
      </c>
      <c r="O25333" s="5" t="s">
        <v>38</v>
      </c>
      <c r="P25333" s="5" t="s">
        <v>39</v>
      </c>
      <c r="Q25333" s="5" t="s">
        <v>40</v>
      </c>
      <c r="R25333" s="5" t="s">
        <v>24335</v>
      </c>
      <c r="S25333" s="5" t="s">
        <v>40</v>
      </c>
      <c r="T25333" s="5" t="s">
        <v>42</v>
      </c>
      <c r="U25333" s="2">
        <v>11.14</v>
      </c>
      <c r="V25333" s="2">
        <v>8.9380000000000006</v>
      </c>
      <c r="W25333" s="2">
        <v>0.104</v>
      </c>
      <c r="X25333" s="2">
        <v>23.5</v>
      </c>
      <c r="Y25333" s="2">
        <v>26.5</v>
      </c>
      <c r="Z25333" s="2">
        <v>167.5</v>
      </c>
      <c r="AA25333" s="5">
        <v>16</v>
      </c>
      <c r="AB25333" s="5" t="s">
        <v>43</v>
      </c>
      <c r="AC25333" s="5" t="s">
        <v>735</v>
      </c>
      <c r="AD25333" s="2" t="s">
        <v>80848</v>
      </c>
      <c r="AE25333" s="1"/>
    </row>
    <row r="25334" spans="1:31" ht="14.45">
      <c r="A25334" s="11"/>
      <c r="B25334" s="20"/>
      <c r="C25334" s="2" t="s">
        <v>80930</v>
      </c>
      <c r="D25334" s="14" t="s">
        <v>80931</v>
      </c>
      <c r="E25334" s="2" t="s">
        <v>80932</v>
      </c>
      <c r="F25334" s="2" t="s">
        <v>80847</v>
      </c>
      <c r="G25334" s="8">
        <v>481</v>
      </c>
      <c r="H25334" s="5">
        <v>15</v>
      </c>
      <c r="I25334" s="5" t="s">
        <v>79637</v>
      </c>
      <c r="J25334" s="5" t="s">
        <v>79638</v>
      </c>
      <c r="K25334" s="2" t="s">
        <v>79639</v>
      </c>
      <c r="L25334" s="5" t="s">
        <v>79638</v>
      </c>
      <c r="M25334" s="2" t="s">
        <v>79639</v>
      </c>
      <c r="N25334" s="5" t="s">
        <v>19227</v>
      </c>
      <c r="O25334" s="5" t="s">
        <v>38</v>
      </c>
      <c r="P25334" s="5" t="s">
        <v>39</v>
      </c>
      <c r="Q25334" s="5" t="s">
        <v>40</v>
      </c>
      <c r="R25334" s="5" t="s">
        <v>24335</v>
      </c>
      <c r="S25334" s="5" t="s">
        <v>40</v>
      </c>
      <c r="T25334" s="5" t="s">
        <v>42</v>
      </c>
      <c r="U25334" s="2">
        <v>11.778</v>
      </c>
      <c r="V25334" s="2">
        <v>9.5500000000000007</v>
      </c>
      <c r="W25334" s="2">
        <v>0.104</v>
      </c>
      <c r="X25334" s="2">
        <v>23.5</v>
      </c>
      <c r="Y25334" s="2">
        <v>26.5</v>
      </c>
      <c r="Z25334" s="2">
        <v>167.5</v>
      </c>
      <c r="AA25334" s="5">
        <v>16</v>
      </c>
      <c r="AB25334" s="5" t="s">
        <v>43</v>
      </c>
      <c r="AC25334" s="5" t="s">
        <v>735</v>
      </c>
      <c r="AD25334" s="2" t="s">
        <v>80848</v>
      </c>
      <c r="AE25334" s="1"/>
    </row>
    <row r="25335" spans="1:31" ht="14.45">
      <c r="A25335" s="11"/>
      <c r="B25335" s="20"/>
      <c r="C25335" s="2" t="s">
        <v>80933</v>
      </c>
      <c r="D25335" s="14" t="s">
        <v>80934</v>
      </c>
      <c r="E25335" s="2" t="s">
        <v>80935</v>
      </c>
      <c r="F25335" s="2" t="s">
        <v>80847</v>
      </c>
      <c r="G25335" s="8">
        <v>498</v>
      </c>
      <c r="H25335" s="5">
        <v>15</v>
      </c>
      <c r="I25335" s="5" t="s">
        <v>79637</v>
      </c>
      <c r="J25335" s="5" t="s">
        <v>79638</v>
      </c>
      <c r="K25335" s="2" t="s">
        <v>79639</v>
      </c>
      <c r="L25335" s="5" t="s">
        <v>79638</v>
      </c>
      <c r="M25335" s="2" t="s">
        <v>79639</v>
      </c>
      <c r="N25335" s="5" t="s">
        <v>19227</v>
      </c>
      <c r="O25335" s="5" t="s">
        <v>38</v>
      </c>
      <c r="P25335" s="5" t="s">
        <v>39</v>
      </c>
      <c r="Q25335" s="5" t="s">
        <v>40</v>
      </c>
      <c r="R25335" s="5" t="s">
        <v>24335</v>
      </c>
      <c r="S25335" s="5" t="s">
        <v>40</v>
      </c>
      <c r="T25335" s="5" t="s">
        <v>42</v>
      </c>
      <c r="U25335" s="2">
        <v>12.087</v>
      </c>
      <c r="V25335" s="2">
        <v>9.8849999999999998</v>
      </c>
      <c r="W25335" s="2">
        <v>0.104</v>
      </c>
      <c r="X25335" s="2">
        <v>23.5</v>
      </c>
      <c r="Y25335" s="2">
        <v>26.5</v>
      </c>
      <c r="Z25335" s="2">
        <v>167.5</v>
      </c>
      <c r="AA25335" s="5">
        <v>16</v>
      </c>
      <c r="AB25335" s="5" t="s">
        <v>43</v>
      </c>
      <c r="AC25335" s="5" t="s">
        <v>735</v>
      </c>
      <c r="AD25335" s="2" t="s">
        <v>80848</v>
      </c>
      <c r="AE25335" s="1"/>
    </row>
    <row r="25336" spans="1:31" ht="14.45">
      <c r="A25336" s="11"/>
      <c r="B25336" s="20"/>
      <c r="C25336" s="2" t="s">
        <v>80936</v>
      </c>
      <c r="D25336" s="14" t="s">
        <v>80937</v>
      </c>
      <c r="E25336" s="2" t="s">
        <v>80938</v>
      </c>
      <c r="F25336" s="2" t="s">
        <v>80847</v>
      </c>
      <c r="G25336" s="8">
        <v>527</v>
      </c>
      <c r="H25336" s="5">
        <v>15</v>
      </c>
      <c r="I25336" s="5" t="s">
        <v>79637</v>
      </c>
      <c r="J25336" s="5" t="s">
        <v>79638</v>
      </c>
      <c r="K25336" s="2" t="s">
        <v>79639</v>
      </c>
      <c r="L25336" s="5" t="s">
        <v>79638</v>
      </c>
      <c r="M25336" s="2" t="s">
        <v>79639</v>
      </c>
      <c r="N25336" s="5" t="s">
        <v>19227</v>
      </c>
      <c r="O25336" s="5" t="s">
        <v>38</v>
      </c>
      <c r="P25336" s="5" t="s">
        <v>39</v>
      </c>
      <c r="Q25336" s="5" t="s">
        <v>40</v>
      </c>
      <c r="R25336" s="5" t="s">
        <v>24335</v>
      </c>
      <c r="S25336" s="5" t="s">
        <v>40</v>
      </c>
      <c r="T25336" s="5" t="s">
        <v>42</v>
      </c>
      <c r="U25336" s="2">
        <v>12.747</v>
      </c>
      <c r="V25336" s="2">
        <v>10.519</v>
      </c>
      <c r="W25336" s="2">
        <v>0.104</v>
      </c>
      <c r="X25336" s="2">
        <v>23.5</v>
      </c>
      <c r="Y25336" s="2">
        <v>26.5</v>
      </c>
      <c r="Z25336" s="2">
        <v>167.5</v>
      </c>
      <c r="AA25336" s="5">
        <v>16</v>
      </c>
      <c r="AB25336" s="5" t="s">
        <v>43</v>
      </c>
      <c r="AC25336" s="5" t="s">
        <v>735</v>
      </c>
      <c r="AD25336" s="2" t="s">
        <v>80848</v>
      </c>
      <c r="AE25336" s="1"/>
    </row>
    <row r="25337" spans="1:31" ht="14.45">
      <c r="A25337" s="11"/>
      <c r="B25337" s="20"/>
      <c r="C25337" s="2" t="s">
        <v>80939</v>
      </c>
      <c r="D25337" s="14" t="s">
        <v>80940</v>
      </c>
      <c r="E25337" s="2" t="s">
        <v>80941</v>
      </c>
      <c r="F25337" s="2" t="s">
        <v>80847</v>
      </c>
      <c r="G25337" s="8">
        <v>556</v>
      </c>
      <c r="H25337" s="5">
        <v>15</v>
      </c>
      <c r="I25337" s="5" t="s">
        <v>79637</v>
      </c>
      <c r="J25337" s="5" t="s">
        <v>79638</v>
      </c>
      <c r="K25337" s="2" t="s">
        <v>79639</v>
      </c>
      <c r="L25337" s="5" t="s">
        <v>79638</v>
      </c>
      <c r="M25337" s="2" t="s">
        <v>79639</v>
      </c>
      <c r="N25337" s="5" t="s">
        <v>19227</v>
      </c>
      <c r="O25337" s="5" t="s">
        <v>38</v>
      </c>
      <c r="P25337" s="5" t="s">
        <v>39</v>
      </c>
      <c r="Q25337" s="5" t="s">
        <v>40</v>
      </c>
      <c r="R25337" s="5" t="s">
        <v>24335</v>
      </c>
      <c r="S25337" s="5" t="s">
        <v>40</v>
      </c>
      <c r="T25337" s="5" t="s">
        <v>42</v>
      </c>
      <c r="U25337" s="2">
        <v>14.03</v>
      </c>
      <c r="V25337" s="2">
        <v>11.617000000000001</v>
      </c>
      <c r="W25337" s="2">
        <v>0.11700000000000001</v>
      </c>
      <c r="X25337" s="2">
        <v>23.5</v>
      </c>
      <c r="Y25337" s="2">
        <v>26.5</v>
      </c>
      <c r="Z25337" s="2">
        <v>187.5</v>
      </c>
      <c r="AA25337" s="5">
        <v>16</v>
      </c>
      <c r="AB25337" s="5" t="s">
        <v>43</v>
      </c>
      <c r="AC25337" s="5" t="s">
        <v>735</v>
      </c>
      <c r="AD25337" s="2" t="s">
        <v>80848</v>
      </c>
      <c r="AE25337" s="1"/>
    </row>
    <row r="25338" spans="1:31" ht="14.45">
      <c r="A25338" s="11"/>
      <c r="B25338" s="20"/>
      <c r="C25338" s="2" t="s">
        <v>80942</v>
      </c>
      <c r="D25338" s="14" t="s">
        <v>80943</v>
      </c>
      <c r="E25338" s="2" t="s">
        <v>80944</v>
      </c>
      <c r="F25338" s="2" t="s">
        <v>80847</v>
      </c>
      <c r="G25338" s="8">
        <v>577</v>
      </c>
      <c r="H25338" s="5">
        <v>15</v>
      </c>
      <c r="I25338" s="5" t="s">
        <v>79637</v>
      </c>
      <c r="J25338" s="5" t="s">
        <v>79638</v>
      </c>
      <c r="K25338" s="2" t="s">
        <v>79639</v>
      </c>
      <c r="L25338" s="5" t="s">
        <v>79638</v>
      </c>
      <c r="M25338" s="2" t="s">
        <v>79639</v>
      </c>
      <c r="N25338" s="5" t="s">
        <v>19227</v>
      </c>
      <c r="O25338" s="5" t="s">
        <v>38</v>
      </c>
      <c r="P25338" s="5" t="s">
        <v>39</v>
      </c>
      <c r="Q25338" s="5" t="s">
        <v>40</v>
      </c>
      <c r="R25338" s="5" t="s">
        <v>24335</v>
      </c>
      <c r="S25338" s="5" t="s">
        <v>40</v>
      </c>
      <c r="T25338" s="5" t="s">
        <v>42</v>
      </c>
      <c r="U25338" s="2">
        <v>13.749000000000001</v>
      </c>
      <c r="V25338" s="2">
        <v>11.462</v>
      </c>
      <c r="W25338" s="2">
        <v>0.104</v>
      </c>
      <c r="X25338" s="2">
        <v>23.5</v>
      </c>
      <c r="Y25338" s="2">
        <v>26.5</v>
      </c>
      <c r="Z25338" s="2">
        <v>167.5</v>
      </c>
      <c r="AA25338" s="5">
        <v>16</v>
      </c>
      <c r="AB25338" s="5" t="s">
        <v>43</v>
      </c>
      <c r="AC25338" s="5" t="s">
        <v>735</v>
      </c>
      <c r="AD25338" s="2" t="s">
        <v>80848</v>
      </c>
      <c r="AE25338" s="1"/>
    </row>
    <row r="25339" spans="1:31" ht="14.45">
      <c r="A25339" s="11"/>
      <c r="B25339" s="20"/>
      <c r="C25339" s="2" t="s">
        <v>80945</v>
      </c>
      <c r="D25339" s="14" t="s">
        <v>80946</v>
      </c>
      <c r="E25339" s="2" t="s">
        <v>80947</v>
      </c>
      <c r="F25339" s="2" t="s">
        <v>80847</v>
      </c>
      <c r="G25339" s="8">
        <v>611</v>
      </c>
      <c r="H25339" s="5">
        <v>15</v>
      </c>
      <c r="I25339" s="5" t="s">
        <v>79637</v>
      </c>
      <c r="J25339" s="5" t="s">
        <v>79638</v>
      </c>
      <c r="K25339" s="2" t="s">
        <v>79639</v>
      </c>
      <c r="L25339" s="5" t="s">
        <v>79638</v>
      </c>
      <c r="M25339" s="2" t="s">
        <v>79639</v>
      </c>
      <c r="N25339" s="5" t="s">
        <v>19227</v>
      </c>
      <c r="O25339" s="5" t="s">
        <v>38</v>
      </c>
      <c r="P25339" s="5" t="s">
        <v>39</v>
      </c>
      <c r="Q25339" s="5" t="s">
        <v>40</v>
      </c>
      <c r="R25339" s="5" t="s">
        <v>24335</v>
      </c>
      <c r="S25339" s="5" t="s">
        <v>40</v>
      </c>
      <c r="T25339" s="5" t="s">
        <v>42</v>
      </c>
      <c r="U25339" s="2">
        <v>15.055999999999999</v>
      </c>
      <c r="V25339" s="2">
        <v>12.584</v>
      </c>
      <c r="W25339" s="2">
        <v>0.11700000000000001</v>
      </c>
      <c r="X25339" s="2">
        <v>23.5</v>
      </c>
      <c r="Y25339" s="2">
        <v>26.5</v>
      </c>
      <c r="Z25339" s="2">
        <v>187.5</v>
      </c>
      <c r="AA25339" s="5">
        <v>16</v>
      </c>
      <c r="AB25339" s="5" t="s">
        <v>43</v>
      </c>
      <c r="AC25339" s="5" t="s">
        <v>735</v>
      </c>
      <c r="AD25339" s="2" t="s">
        <v>80848</v>
      </c>
      <c r="AE25339" s="1"/>
    </row>
    <row r="25340" spans="1:31" ht="14.45">
      <c r="A25340" s="11"/>
      <c r="B25340" s="20"/>
      <c r="C25340" s="2" t="s">
        <v>80948</v>
      </c>
      <c r="D25340" s="14" t="s">
        <v>80949</v>
      </c>
      <c r="E25340" s="2" t="s">
        <v>80950</v>
      </c>
      <c r="F25340" s="2" t="s">
        <v>68282</v>
      </c>
      <c r="G25340" s="8">
        <v>1206</v>
      </c>
      <c r="H25340" s="5">
        <v>5</v>
      </c>
      <c r="I25340" s="5" t="s">
        <v>79637</v>
      </c>
      <c r="J25340" s="5" t="s">
        <v>79638</v>
      </c>
      <c r="K25340" s="2" t="s">
        <v>79639</v>
      </c>
      <c r="L25340" s="5" t="s">
        <v>79638</v>
      </c>
      <c r="M25340" s="2" t="s">
        <v>79639</v>
      </c>
      <c r="N25340" s="5" t="s">
        <v>19227</v>
      </c>
      <c r="O25340" s="5" t="s">
        <v>38</v>
      </c>
      <c r="P25340" s="5" t="s">
        <v>39</v>
      </c>
      <c r="Q25340" s="5" t="s">
        <v>40</v>
      </c>
      <c r="R25340" s="5" t="s">
        <v>1487</v>
      </c>
      <c r="S25340" s="5"/>
      <c r="T25340" s="5" t="s">
        <v>42</v>
      </c>
      <c r="U25340" s="2">
        <v>0</v>
      </c>
      <c r="V25340" s="2">
        <v>0</v>
      </c>
      <c r="W25340" s="2">
        <v>0</v>
      </c>
      <c r="X25340" s="2">
        <v>0</v>
      </c>
      <c r="Y25340" s="2">
        <v>0</v>
      </c>
      <c r="Z25340" s="2">
        <v>0</v>
      </c>
      <c r="AA25340" s="5"/>
      <c r="AB25340" s="5" t="s">
        <v>43</v>
      </c>
      <c r="AC25340" s="5" t="s">
        <v>735</v>
      </c>
      <c r="AD25340" s="2" t="s">
        <v>80951</v>
      </c>
      <c r="AE25340" s="1"/>
    </row>
    <row r="25341" spans="1:31" ht="14.45">
      <c r="A25341" s="11"/>
      <c r="B25341" s="20"/>
      <c r="C25341" s="2" t="s">
        <v>80952</v>
      </c>
      <c r="D25341" s="14" t="s">
        <v>80953</v>
      </c>
      <c r="E25341" s="2" t="s">
        <v>80954</v>
      </c>
      <c r="F25341" s="2" t="s">
        <v>68282</v>
      </c>
      <c r="G25341" s="8">
        <v>1218</v>
      </c>
      <c r="H25341" s="5">
        <v>5</v>
      </c>
      <c r="I25341" s="5" t="s">
        <v>79637</v>
      </c>
      <c r="J25341" s="5" t="s">
        <v>79638</v>
      </c>
      <c r="K25341" s="2" t="s">
        <v>79639</v>
      </c>
      <c r="L25341" s="5" t="s">
        <v>79638</v>
      </c>
      <c r="M25341" s="2" t="s">
        <v>79639</v>
      </c>
      <c r="N25341" s="5" t="s">
        <v>19227</v>
      </c>
      <c r="O25341" s="5" t="s">
        <v>38</v>
      </c>
      <c r="P25341" s="5" t="s">
        <v>39</v>
      </c>
      <c r="Q25341" s="5" t="s">
        <v>40</v>
      </c>
      <c r="R25341" s="5" t="s">
        <v>1487</v>
      </c>
      <c r="S25341" s="5"/>
      <c r="T25341" s="5" t="s">
        <v>42</v>
      </c>
      <c r="U25341" s="2">
        <v>30</v>
      </c>
      <c r="V25341" s="2">
        <v>24</v>
      </c>
      <c r="W25341" s="2">
        <v>0</v>
      </c>
      <c r="X25341" s="2">
        <v>0</v>
      </c>
      <c r="Y25341" s="2">
        <v>0</v>
      </c>
      <c r="Z25341" s="2">
        <v>0</v>
      </c>
      <c r="AA25341" s="5"/>
      <c r="AB25341" s="5" t="s">
        <v>43</v>
      </c>
      <c r="AC25341" s="5" t="s">
        <v>735</v>
      </c>
      <c r="AD25341" s="2" t="s">
        <v>80951</v>
      </c>
      <c r="AE25341" s="1"/>
    </row>
    <row r="25342" spans="1:31" ht="14.45">
      <c r="A25342" s="11"/>
      <c r="B25342" s="20"/>
      <c r="C25342" s="2" t="s">
        <v>80955</v>
      </c>
      <c r="D25342" s="14" t="s">
        <v>80956</v>
      </c>
      <c r="E25342" s="2" t="s">
        <v>80957</v>
      </c>
      <c r="F25342" s="2" t="s">
        <v>79740</v>
      </c>
      <c r="G25342" s="8">
        <v>802</v>
      </c>
      <c r="H25342" s="5">
        <v>5</v>
      </c>
      <c r="I25342" s="5" t="s">
        <v>79637</v>
      </c>
      <c r="J25342" s="5" t="s">
        <v>79638</v>
      </c>
      <c r="K25342" s="2" t="s">
        <v>79639</v>
      </c>
      <c r="L25342" s="5" t="s">
        <v>79638</v>
      </c>
      <c r="M25342" s="2" t="s">
        <v>79639</v>
      </c>
      <c r="N25342" s="5" t="s">
        <v>79640</v>
      </c>
      <c r="O25342" s="5" t="s">
        <v>38</v>
      </c>
      <c r="P25342" s="5" t="s">
        <v>39</v>
      </c>
      <c r="Q25342" s="5" t="s">
        <v>40</v>
      </c>
      <c r="R25342" s="5" t="s">
        <v>24335</v>
      </c>
      <c r="S25342" s="5" t="s">
        <v>40</v>
      </c>
      <c r="T25342" s="5" t="s">
        <v>42</v>
      </c>
      <c r="U25342" s="2">
        <v>18.324999999999999</v>
      </c>
      <c r="V25342" s="2">
        <v>14.583</v>
      </c>
      <c r="W25342" s="2">
        <v>0.17100000000000001</v>
      </c>
      <c r="X25342" s="2">
        <v>18.100000000000001</v>
      </c>
      <c r="Y25342" s="2">
        <v>49.1</v>
      </c>
      <c r="Z25342" s="2">
        <v>192.4</v>
      </c>
      <c r="AA25342" s="5">
        <v>12</v>
      </c>
      <c r="AB25342" s="5" t="s">
        <v>43</v>
      </c>
      <c r="AC25342" s="5" t="s">
        <v>735</v>
      </c>
      <c r="AD25342" s="2" t="s">
        <v>80958</v>
      </c>
      <c r="AE25342" s="1"/>
    </row>
    <row r="25343" spans="1:31" ht="14.45">
      <c r="A25343" s="11"/>
      <c r="B25343" s="20"/>
      <c r="C25343" s="2" t="s">
        <v>80959</v>
      </c>
      <c r="D25343" s="14" t="s">
        <v>80960</v>
      </c>
      <c r="E25343" s="2" t="s">
        <v>80961</v>
      </c>
      <c r="F25343" s="2" t="s">
        <v>79740</v>
      </c>
      <c r="G25343" s="8">
        <v>962</v>
      </c>
      <c r="H25343" s="5">
        <v>5</v>
      </c>
      <c r="I25343" s="5" t="s">
        <v>79637</v>
      </c>
      <c r="J25343" s="5" t="s">
        <v>79638</v>
      </c>
      <c r="K25343" s="2" t="s">
        <v>79639</v>
      </c>
      <c r="L25343" s="5" t="s">
        <v>79638</v>
      </c>
      <c r="M25343" s="2" t="s">
        <v>79639</v>
      </c>
      <c r="N25343" s="5" t="s">
        <v>79640</v>
      </c>
      <c r="O25343" s="5" t="s">
        <v>38</v>
      </c>
      <c r="P25343" s="5" t="s">
        <v>39</v>
      </c>
      <c r="Q25343" s="5" t="s">
        <v>40</v>
      </c>
      <c r="R25343" s="5" t="s">
        <v>24335</v>
      </c>
      <c r="S25343" s="5" t="s">
        <v>40</v>
      </c>
      <c r="T25343" s="5" t="s">
        <v>42</v>
      </c>
      <c r="U25343" s="2">
        <v>21.495999999999999</v>
      </c>
      <c r="V25343" s="2">
        <v>17.754000000000001</v>
      </c>
      <c r="W25343" s="2">
        <v>0.17100000000000001</v>
      </c>
      <c r="X25343" s="2">
        <v>18.100000000000001</v>
      </c>
      <c r="Y25343" s="2">
        <v>49.1</v>
      </c>
      <c r="Z25343" s="2">
        <v>192.4</v>
      </c>
      <c r="AA25343" s="5">
        <v>12</v>
      </c>
      <c r="AB25343" s="5" t="s">
        <v>43</v>
      </c>
      <c r="AC25343" s="5" t="s">
        <v>735</v>
      </c>
      <c r="AD25343" s="2" t="s">
        <v>80958</v>
      </c>
      <c r="AE25343" s="1"/>
    </row>
    <row r="25344" spans="1:31" ht="14.45">
      <c r="A25344" s="11"/>
      <c r="B25344" s="20"/>
      <c r="C25344" s="2" t="s">
        <v>80962</v>
      </c>
      <c r="D25344" s="14" t="s">
        <v>80963</v>
      </c>
      <c r="E25344" s="2" t="s">
        <v>80964</v>
      </c>
      <c r="F25344" s="2" t="s">
        <v>79740</v>
      </c>
      <c r="G25344" s="8">
        <v>1016</v>
      </c>
      <c r="H25344" s="5">
        <v>5</v>
      </c>
      <c r="I25344" s="5" t="s">
        <v>79637</v>
      </c>
      <c r="J25344" s="5" t="s">
        <v>79638</v>
      </c>
      <c r="K25344" s="2" t="s">
        <v>79639</v>
      </c>
      <c r="L25344" s="5" t="s">
        <v>79638</v>
      </c>
      <c r="M25344" s="2" t="s">
        <v>79639</v>
      </c>
      <c r="N25344" s="5" t="s">
        <v>79640</v>
      </c>
      <c r="O25344" s="5" t="s">
        <v>38</v>
      </c>
      <c r="P25344" s="5" t="s">
        <v>39</v>
      </c>
      <c r="Q25344" s="5" t="s">
        <v>40</v>
      </c>
      <c r="R25344" s="5" t="s">
        <v>24335</v>
      </c>
      <c r="S25344" s="5" t="s">
        <v>40</v>
      </c>
      <c r="T25344" s="5" t="s">
        <v>42</v>
      </c>
      <c r="U25344" s="2">
        <v>22.577000000000002</v>
      </c>
      <c r="V25344" s="2">
        <v>18.920000000000002</v>
      </c>
      <c r="W25344" s="2">
        <v>0.17100000000000001</v>
      </c>
      <c r="X25344" s="2">
        <v>18.100000000000001</v>
      </c>
      <c r="Y25344" s="2">
        <v>49.1</v>
      </c>
      <c r="Z25344" s="2">
        <v>192.4</v>
      </c>
      <c r="AA25344" s="5">
        <v>12</v>
      </c>
      <c r="AB25344" s="5" t="s">
        <v>43</v>
      </c>
      <c r="AC25344" s="5" t="s">
        <v>735</v>
      </c>
      <c r="AD25344" s="2" t="s">
        <v>80958</v>
      </c>
      <c r="AE25344" s="1"/>
    </row>
    <row r="25345" spans="1:31" ht="14.45">
      <c r="A25345" s="11"/>
      <c r="B25345" s="20"/>
      <c r="C25345" s="2" t="s">
        <v>80965</v>
      </c>
      <c r="D25345" s="14" t="s">
        <v>80966</v>
      </c>
      <c r="E25345" s="2" t="s">
        <v>80967</v>
      </c>
      <c r="F25345" s="2" t="s">
        <v>80968</v>
      </c>
      <c r="G25345" s="8">
        <v>828</v>
      </c>
      <c r="H25345" s="5">
        <v>5</v>
      </c>
      <c r="I25345" s="5" t="s">
        <v>69</v>
      </c>
      <c r="J25345" s="5" t="s">
        <v>80969</v>
      </c>
      <c r="K25345" s="2" t="s">
        <v>80970</v>
      </c>
      <c r="L25345" s="5" t="s">
        <v>80969</v>
      </c>
      <c r="M25345" s="2" t="s">
        <v>80970</v>
      </c>
      <c r="N25345" s="5" t="s">
        <v>80971</v>
      </c>
      <c r="O25345" s="5" t="s">
        <v>38</v>
      </c>
      <c r="P25345" s="5" t="s">
        <v>39</v>
      </c>
      <c r="Q25345" s="5" t="s">
        <v>40</v>
      </c>
      <c r="R25345" s="5" t="s">
        <v>1487</v>
      </c>
      <c r="S25345" s="5"/>
      <c r="T25345" s="5" t="s">
        <v>42</v>
      </c>
      <c r="U25345" s="2">
        <v>0</v>
      </c>
      <c r="V25345" s="2">
        <v>0</v>
      </c>
      <c r="W25345" s="2">
        <v>0</v>
      </c>
      <c r="X25345" s="2">
        <v>0</v>
      </c>
      <c r="Y25345" s="2">
        <v>0</v>
      </c>
      <c r="Z25345" s="2">
        <v>0</v>
      </c>
      <c r="AA25345" s="5"/>
      <c r="AB25345" s="5" t="s">
        <v>43</v>
      </c>
      <c r="AC25345" s="5" t="s">
        <v>735</v>
      </c>
      <c r="AD25345" s="2" t="s">
        <v>80972</v>
      </c>
      <c r="AE25345" s="1"/>
    </row>
    <row r="25346" spans="1:31" ht="14.45">
      <c r="A25346" s="11"/>
      <c r="B25346" s="20"/>
      <c r="C25346" s="2" t="s">
        <v>80973</v>
      </c>
      <c r="D25346" s="14" t="s">
        <v>80974</v>
      </c>
      <c r="E25346" s="2" t="s">
        <v>80975</v>
      </c>
      <c r="F25346" s="2" t="s">
        <v>80976</v>
      </c>
      <c r="G25346" s="8">
        <v>613</v>
      </c>
      <c r="H25346" s="5">
        <v>5</v>
      </c>
      <c r="I25346" s="5" t="s">
        <v>69</v>
      </c>
      <c r="J25346" s="5" t="s">
        <v>80969</v>
      </c>
      <c r="K25346" s="2" t="s">
        <v>80970</v>
      </c>
      <c r="L25346" s="5" t="s">
        <v>80969</v>
      </c>
      <c r="M25346" s="2" t="s">
        <v>80970</v>
      </c>
      <c r="N25346" s="5" t="s">
        <v>80971</v>
      </c>
      <c r="O25346" s="5" t="s">
        <v>38</v>
      </c>
      <c r="P25346" s="5" t="s">
        <v>39</v>
      </c>
      <c r="Q25346" s="5" t="s">
        <v>40</v>
      </c>
      <c r="R25346" s="5" t="s">
        <v>1487</v>
      </c>
      <c r="S25346" s="5"/>
      <c r="T25346" s="5" t="s">
        <v>42</v>
      </c>
      <c r="U25346" s="2">
        <v>0</v>
      </c>
      <c r="V25346" s="2">
        <v>0</v>
      </c>
      <c r="W25346" s="2">
        <v>0</v>
      </c>
      <c r="X25346" s="2">
        <v>0</v>
      </c>
      <c r="Y25346" s="2">
        <v>0</v>
      </c>
      <c r="Z25346" s="2">
        <v>0</v>
      </c>
      <c r="AA25346" s="5"/>
      <c r="AB25346" s="5" t="s">
        <v>43</v>
      </c>
      <c r="AC25346" s="5" t="s">
        <v>735</v>
      </c>
      <c r="AD25346" s="2" t="s">
        <v>80977</v>
      </c>
      <c r="AE25346" s="1"/>
    </row>
    <row r="25347" spans="1:31" ht="14.45">
      <c r="A25347" s="11"/>
      <c r="B25347" s="20"/>
      <c r="C25347" s="2" t="s">
        <v>80978</v>
      </c>
      <c r="D25347" s="14" t="s">
        <v>80979</v>
      </c>
      <c r="E25347" s="2" t="s">
        <v>80980</v>
      </c>
      <c r="F25347" s="2" t="s">
        <v>80976</v>
      </c>
      <c r="G25347" s="8">
        <v>751</v>
      </c>
      <c r="H25347" s="5">
        <v>5</v>
      </c>
      <c r="I25347" s="5" t="s">
        <v>69</v>
      </c>
      <c r="J25347" s="5" t="s">
        <v>80969</v>
      </c>
      <c r="K25347" s="2" t="s">
        <v>80970</v>
      </c>
      <c r="L25347" s="5" t="s">
        <v>80969</v>
      </c>
      <c r="M25347" s="2" t="s">
        <v>80970</v>
      </c>
      <c r="N25347" s="5" t="s">
        <v>80971</v>
      </c>
      <c r="O25347" s="5" t="s">
        <v>38</v>
      </c>
      <c r="P25347" s="5" t="s">
        <v>39</v>
      </c>
      <c r="Q25347" s="5" t="s">
        <v>40</v>
      </c>
      <c r="R25347" s="5" t="s">
        <v>1487</v>
      </c>
      <c r="S25347" s="5"/>
      <c r="T25347" s="5" t="s">
        <v>42</v>
      </c>
      <c r="U25347" s="2">
        <v>0</v>
      </c>
      <c r="V25347" s="2">
        <v>0</v>
      </c>
      <c r="W25347" s="2">
        <v>0</v>
      </c>
      <c r="X25347" s="2">
        <v>0</v>
      </c>
      <c r="Y25347" s="2">
        <v>0</v>
      </c>
      <c r="Z25347" s="2">
        <v>0</v>
      </c>
      <c r="AA25347" s="5"/>
      <c r="AB25347" s="5" t="s">
        <v>43</v>
      </c>
      <c r="AC25347" s="5" t="s">
        <v>735</v>
      </c>
      <c r="AD25347" s="2" t="s">
        <v>80981</v>
      </c>
      <c r="AE25347" s="1"/>
    </row>
    <row r="25348" spans="1:31" ht="14.45">
      <c r="A25348" s="11"/>
      <c r="B25348" s="20"/>
      <c r="C25348" s="2" t="s">
        <v>80982</v>
      </c>
      <c r="D25348" s="14" t="s">
        <v>80983</v>
      </c>
      <c r="E25348" s="2" t="s">
        <v>80984</v>
      </c>
      <c r="F25348" s="2" t="s">
        <v>80985</v>
      </c>
      <c r="G25348" s="8">
        <v>613</v>
      </c>
      <c r="H25348" s="5">
        <v>5</v>
      </c>
      <c r="I25348" s="5" t="s">
        <v>69</v>
      </c>
      <c r="J25348" s="5" t="s">
        <v>80969</v>
      </c>
      <c r="K25348" s="2" t="s">
        <v>80970</v>
      </c>
      <c r="L25348" s="5" t="s">
        <v>80969</v>
      </c>
      <c r="M25348" s="2" t="s">
        <v>80970</v>
      </c>
      <c r="N25348" s="5" t="s">
        <v>80971</v>
      </c>
      <c r="O25348" s="5" t="s">
        <v>38</v>
      </c>
      <c r="P25348" s="5" t="s">
        <v>39</v>
      </c>
      <c r="Q25348" s="5" t="s">
        <v>40</v>
      </c>
      <c r="R25348" s="5" t="s">
        <v>1487</v>
      </c>
      <c r="S25348" s="5"/>
      <c r="T25348" s="5" t="s">
        <v>42</v>
      </c>
      <c r="U25348" s="2">
        <v>0</v>
      </c>
      <c r="V25348" s="2">
        <v>0</v>
      </c>
      <c r="W25348" s="2">
        <v>0</v>
      </c>
      <c r="X25348" s="2">
        <v>0</v>
      </c>
      <c r="Y25348" s="2">
        <v>0</v>
      </c>
      <c r="Z25348" s="2">
        <v>0</v>
      </c>
      <c r="AA25348" s="5"/>
      <c r="AB25348" s="5" t="s">
        <v>43</v>
      </c>
      <c r="AC25348" s="5" t="s">
        <v>735</v>
      </c>
      <c r="AD25348" s="2" t="s">
        <v>80986</v>
      </c>
      <c r="AE25348" s="1"/>
    </row>
    <row r="25349" spans="1:31" ht="14.45">
      <c r="A25349" s="11"/>
      <c r="B25349" s="20"/>
      <c r="C25349" s="2" t="s">
        <v>80987</v>
      </c>
      <c r="D25349" s="14" t="s">
        <v>80988</v>
      </c>
      <c r="E25349" s="2" t="s">
        <v>80989</v>
      </c>
      <c r="F25349" s="2" t="s">
        <v>80985</v>
      </c>
      <c r="G25349" s="8">
        <v>751</v>
      </c>
      <c r="H25349" s="5">
        <v>5</v>
      </c>
      <c r="I25349" s="5" t="s">
        <v>69</v>
      </c>
      <c r="J25349" s="5" t="s">
        <v>80969</v>
      </c>
      <c r="K25349" s="2" t="s">
        <v>80970</v>
      </c>
      <c r="L25349" s="5" t="s">
        <v>80969</v>
      </c>
      <c r="M25349" s="2" t="s">
        <v>80970</v>
      </c>
      <c r="N25349" s="5" t="s">
        <v>80971</v>
      </c>
      <c r="O25349" s="5" t="s">
        <v>38</v>
      </c>
      <c r="P25349" s="5" t="s">
        <v>39</v>
      </c>
      <c r="Q25349" s="5" t="s">
        <v>40</v>
      </c>
      <c r="R25349" s="5" t="s">
        <v>1487</v>
      </c>
      <c r="S25349" s="5"/>
      <c r="T25349" s="5" t="s">
        <v>42</v>
      </c>
      <c r="U25349" s="2">
        <v>0</v>
      </c>
      <c r="V25349" s="2">
        <v>0</v>
      </c>
      <c r="W25349" s="2">
        <v>0</v>
      </c>
      <c r="X25349" s="2">
        <v>0</v>
      </c>
      <c r="Y25349" s="2">
        <v>0</v>
      </c>
      <c r="Z25349" s="2">
        <v>0</v>
      </c>
      <c r="AA25349" s="5"/>
      <c r="AB25349" s="5" t="s">
        <v>43</v>
      </c>
      <c r="AC25349" s="5" t="s">
        <v>735</v>
      </c>
      <c r="AD25349" s="2" t="s">
        <v>80990</v>
      </c>
      <c r="AE25349" s="1"/>
    </row>
    <row r="25350" spans="1:31" ht="14.45">
      <c r="A25350" s="11"/>
      <c r="B25350" s="20"/>
      <c r="C25350" s="2" t="s">
        <v>80991</v>
      </c>
      <c r="D25350" s="14" t="s">
        <v>80992</v>
      </c>
      <c r="E25350" s="2" t="s">
        <v>80993</v>
      </c>
      <c r="F25350" s="2" t="s">
        <v>80994</v>
      </c>
      <c r="G25350" s="8">
        <v>1854</v>
      </c>
      <c r="H25350" s="5">
        <v>5</v>
      </c>
      <c r="I25350" s="5" t="s">
        <v>69</v>
      </c>
      <c r="J25350" s="5" t="s">
        <v>55730</v>
      </c>
      <c r="K25350" s="2" t="s">
        <v>55731</v>
      </c>
      <c r="L25350" s="5" t="s">
        <v>55730</v>
      </c>
      <c r="M25350" s="2" t="s">
        <v>55731</v>
      </c>
      <c r="N25350" s="5" t="s">
        <v>733</v>
      </c>
      <c r="O25350" s="5" t="s">
        <v>38</v>
      </c>
      <c r="P25350" s="5" t="s">
        <v>39</v>
      </c>
      <c r="Q25350" s="5" t="s">
        <v>40</v>
      </c>
      <c r="R25350" s="5" t="s">
        <v>897</v>
      </c>
      <c r="S25350" s="5" t="s">
        <v>40</v>
      </c>
      <c r="T25350" s="5" t="s">
        <v>42</v>
      </c>
      <c r="U25350" s="2">
        <v>46.68</v>
      </c>
      <c r="V25350" s="2">
        <v>40.630000000000003</v>
      </c>
      <c r="W25350" s="2">
        <v>0.19400000000000001</v>
      </c>
      <c r="X25350" s="2">
        <v>19.100000000000001</v>
      </c>
      <c r="Y25350" s="2">
        <v>81.3</v>
      </c>
      <c r="Z25350" s="2">
        <v>124.8</v>
      </c>
      <c r="AA25350" s="5">
        <v>5</v>
      </c>
      <c r="AB25350" s="5" t="s">
        <v>43</v>
      </c>
      <c r="AC25350" s="5" t="s">
        <v>735</v>
      </c>
      <c r="AD25350" s="2" t="s">
        <v>80995</v>
      </c>
      <c r="AE25350" s="1"/>
    </row>
    <row r="25351" spans="1:31" ht="14.45">
      <c r="A25351" s="11"/>
      <c r="B25351" s="20"/>
      <c r="C25351" s="2" t="s">
        <v>80996</v>
      </c>
      <c r="D25351" s="14" t="s">
        <v>80997</v>
      </c>
      <c r="E25351" s="2" t="s">
        <v>80998</v>
      </c>
      <c r="F25351" s="2" t="s">
        <v>80999</v>
      </c>
      <c r="G25351" s="8">
        <v>1854</v>
      </c>
      <c r="H25351" s="5">
        <v>5</v>
      </c>
      <c r="I25351" s="5" t="s">
        <v>69</v>
      </c>
      <c r="J25351" s="5" t="s">
        <v>55730</v>
      </c>
      <c r="K25351" s="2" t="s">
        <v>55731</v>
      </c>
      <c r="L25351" s="5" t="s">
        <v>55730</v>
      </c>
      <c r="M25351" s="2" t="s">
        <v>55731</v>
      </c>
      <c r="N25351" s="5" t="s">
        <v>733</v>
      </c>
      <c r="O25351" s="5" t="s">
        <v>38</v>
      </c>
      <c r="P25351" s="5" t="s">
        <v>39</v>
      </c>
      <c r="Q25351" s="5" t="s">
        <v>40</v>
      </c>
      <c r="R25351" s="5" t="s">
        <v>897</v>
      </c>
      <c r="S25351" s="5" t="s">
        <v>40</v>
      </c>
      <c r="T25351" s="5" t="s">
        <v>42</v>
      </c>
      <c r="U25351" s="2">
        <v>46.869</v>
      </c>
      <c r="V25351" s="2">
        <v>40.819000000000003</v>
      </c>
      <c r="W25351" s="2">
        <v>0.19400000000000001</v>
      </c>
      <c r="X25351" s="2">
        <v>19.100000000000001</v>
      </c>
      <c r="Y25351" s="2">
        <v>81.3</v>
      </c>
      <c r="Z25351" s="2">
        <v>124.8</v>
      </c>
      <c r="AA25351" s="5">
        <v>5</v>
      </c>
      <c r="AB25351" s="5" t="s">
        <v>43</v>
      </c>
      <c r="AC25351" s="5" t="s">
        <v>735</v>
      </c>
      <c r="AD25351" s="2" t="s">
        <v>81000</v>
      </c>
      <c r="AE25351" s="1"/>
    </row>
    <row r="25352" spans="1:31" ht="14.45">
      <c r="A25352" s="11"/>
      <c r="B25352" s="20"/>
      <c r="C25352" s="2" t="s">
        <v>81001</v>
      </c>
      <c r="D25352" s="14" t="s">
        <v>81002</v>
      </c>
      <c r="E25352" s="2" t="s">
        <v>81003</v>
      </c>
      <c r="F25352" s="2" t="s">
        <v>80994</v>
      </c>
      <c r="G25352" s="8">
        <v>1854</v>
      </c>
      <c r="H25352" s="5">
        <v>5</v>
      </c>
      <c r="I25352" s="5" t="s">
        <v>69</v>
      </c>
      <c r="J25352" s="5" t="s">
        <v>55730</v>
      </c>
      <c r="K25352" s="2" t="s">
        <v>55731</v>
      </c>
      <c r="L25352" s="5" t="s">
        <v>55730</v>
      </c>
      <c r="M25352" s="2" t="s">
        <v>55731</v>
      </c>
      <c r="N25352" s="5" t="s">
        <v>733</v>
      </c>
      <c r="O25352" s="5" t="s">
        <v>38</v>
      </c>
      <c r="P25352" s="5" t="s">
        <v>39</v>
      </c>
      <c r="Q25352" s="5" t="s">
        <v>40</v>
      </c>
      <c r="R25352" s="5" t="s">
        <v>897</v>
      </c>
      <c r="S25352" s="5" t="s">
        <v>40</v>
      </c>
      <c r="T25352" s="5" t="s">
        <v>42</v>
      </c>
      <c r="U25352" s="2">
        <v>46.68</v>
      </c>
      <c r="V25352" s="2">
        <v>40.630000000000003</v>
      </c>
      <c r="W25352" s="2">
        <v>0.19400000000000001</v>
      </c>
      <c r="X25352" s="2">
        <v>19.100000000000001</v>
      </c>
      <c r="Y25352" s="2">
        <v>81.3</v>
      </c>
      <c r="Z25352" s="2">
        <v>124.8</v>
      </c>
      <c r="AA25352" s="5">
        <v>5</v>
      </c>
      <c r="AB25352" s="5" t="s">
        <v>43</v>
      </c>
      <c r="AC25352" s="5" t="s">
        <v>735</v>
      </c>
      <c r="AD25352" s="2" t="s">
        <v>81004</v>
      </c>
      <c r="AE25352" s="1"/>
    </row>
    <row r="25353" spans="1:31" ht="14.45">
      <c r="A25353" s="11"/>
      <c r="B25353" s="20"/>
      <c r="C25353" s="2" t="s">
        <v>81005</v>
      </c>
      <c r="D25353" s="14" t="s">
        <v>81006</v>
      </c>
      <c r="E25353" s="2" t="s">
        <v>81007</v>
      </c>
      <c r="F25353" s="2" t="s">
        <v>80999</v>
      </c>
      <c r="G25353" s="8">
        <v>1854</v>
      </c>
      <c r="H25353" s="5">
        <v>5</v>
      </c>
      <c r="I25353" s="5" t="s">
        <v>69</v>
      </c>
      <c r="J25353" s="5" t="s">
        <v>55730</v>
      </c>
      <c r="K25353" s="2" t="s">
        <v>55731</v>
      </c>
      <c r="L25353" s="5" t="s">
        <v>55730</v>
      </c>
      <c r="M25353" s="2" t="s">
        <v>55731</v>
      </c>
      <c r="N25353" s="5" t="s">
        <v>733</v>
      </c>
      <c r="O25353" s="5" t="s">
        <v>38</v>
      </c>
      <c r="P25353" s="5" t="s">
        <v>39</v>
      </c>
      <c r="Q25353" s="5" t="s">
        <v>40</v>
      </c>
      <c r="R25353" s="5" t="s">
        <v>897</v>
      </c>
      <c r="S25353" s="5" t="s">
        <v>40</v>
      </c>
      <c r="T25353" s="5" t="s">
        <v>42</v>
      </c>
      <c r="U25353" s="2">
        <v>46.860999999999997</v>
      </c>
      <c r="V25353" s="2">
        <v>40.811</v>
      </c>
      <c r="W25353" s="2">
        <v>0.19400000000000001</v>
      </c>
      <c r="X25353" s="2">
        <v>19.100000000000001</v>
      </c>
      <c r="Y25353" s="2">
        <v>81.3</v>
      </c>
      <c r="Z25353" s="2">
        <v>124.8</v>
      </c>
      <c r="AA25353" s="5">
        <v>5</v>
      </c>
      <c r="AB25353" s="5" t="s">
        <v>43</v>
      </c>
      <c r="AC25353" s="5" t="s">
        <v>735</v>
      </c>
      <c r="AD25353" s="2" t="s">
        <v>81008</v>
      </c>
      <c r="AE25353" s="1"/>
    </row>
    <row r="25354" spans="1:31" ht="14.45">
      <c r="A25354" s="11"/>
      <c r="B25354" s="20"/>
      <c r="C25354" s="2" t="s">
        <v>81009</v>
      </c>
      <c r="D25354" s="14" t="s">
        <v>81010</v>
      </c>
      <c r="E25354" s="2" t="s">
        <v>81011</v>
      </c>
      <c r="F25354" s="2" t="s">
        <v>80994</v>
      </c>
      <c r="G25354" s="8">
        <v>1389</v>
      </c>
      <c r="H25354" s="5">
        <v>5</v>
      </c>
      <c r="I25354" s="5" t="s">
        <v>69</v>
      </c>
      <c r="J25354" s="5" t="s">
        <v>55730</v>
      </c>
      <c r="K25354" s="2" t="s">
        <v>55731</v>
      </c>
      <c r="L25354" s="5" t="s">
        <v>55730</v>
      </c>
      <c r="M25354" s="2" t="s">
        <v>55731</v>
      </c>
      <c r="N25354" s="5" t="s">
        <v>733</v>
      </c>
      <c r="O25354" s="5" t="s">
        <v>38</v>
      </c>
      <c r="P25354" s="5" t="s">
        <v>39</v>
      </c>
      <c r="Q25354" s="5" t="s">
        <v>40</v>
      </c>
      <c r="R25354" s="5" t="s">
        <v>897</v>
      </c>
      <c r="S25354" s="5" t="s">
        <v>40</v>
      </c>
      <c r="T25354" s="5" t="s">
        <v>42</v>
      </c>
      <c r="U25354" s="2">
        <v>44.658999999999999</v>
      </c>
      <c r="V25354" s="2">
        <v>38.94</v>
      </c>
      <c r="W25354" s="2">
        <v>0.19400000000000001</v>
      </c>
      <c r="X25354" s="2">
        <v>19.100000000000001</v>
      </c>
      <c r="Y25354" s="2">
        <v>81.3</v>
      </c>
      <c r="Z25354" s="2">
        <v>124.8</v>
      </c>
      <c r="AA25354" s="5">
        <v>5</v>
      </c>
      <c r="AB25354" s="5" t="s">
        <v>43</v>
      </c>
      <c r="AC25354" s="5" t="s">
        <v>735</v>
      </c>
      <c r="AD25354" s="2" t="s">
        <v>81012</v>
      </c>
      <c r="AE25354" s="1"/>
    </row>
    <row r="25355" spans="1:31" ht="14.45">
      <c r="A25355" s="11"/>
      <c r="B25355" s="20"/>
      <c r="C25355" s="2" t="s">
        <v>81013</v>
      </c>
      <c r="D25355" s="14" t="s">
        <v>81014</v>
      </c>
      <c r="E25355" s="2" t="s">
        <v>81015</v>
      </c>
      <c r="F25355" s="2" t="s">
        <v>80999</v>
      </c>
      <c r="G25355" s="8">
        <v>1389</v>
      </c>
      <c r="H25355" s="5">
        <v>5</v>
      </c>
      <c r="I25355" s="5" t="s">
        <v>69</v>
      </c>
      <c r="J25355" s="5" t="s">
        <v>55730</v>
      </c>
      <c r="K25355" s="2" t="s">
        <v>55731</v>
      </c>
      <c r="L25355" s="5" t="s">
        <v>55730</v>
      </c>
      <c r="M25355" s="2" t="s">
        <v>55731</v>
      </c>
      <c r="N25355" s="5" t="s">
        <v>733</v>
      </c>
      <c r="O25355" s="5" t="s">
        <v>38</v>
      </c>
      <c r="P25355" s="5" t="s">
        <v>39</v>
      </c>
      <c r="Q25355" s="5" t="s">
        <v>40</v>
      </c>
      <c r="R25355" s="5" t="s">
        <v>897</v>
      </c>
      <c r="S25355" s="5" t="s">
        <v>40</v>
      </c>
      <c r="T25355" s="5" t="s">
        <v>42</v>
      </c>
      <c r="U25355" s="2">
        <v>44.84</v>
      </c>
      <c r="V25355" s="2">
        <v>39.121000000000002</v>
      </c>
      <c r="W25355" s="2">
        <v>0.19400000000000001</v>
      </c>
      <c r="X25355" s="2">
        <v>19.100000000000001</v>
      </c>
      <c r="Y25355" s="2">
        <v>81.3</v>
      </c>
      <c r="Z25355" s="2">
        <v>124.8</v>
      </c>
      <c r="AA25355" s="5">
        <v>5</v>
      </c>
      <c r="AB25355" s="5" t="s">
        <v>43</v>
      </c>
      <c r="AC25355" s="5" t="s">
        <v>735</v>
      </c>
      <c r="AD25355" s="2" t="s">
        <v>81016</v>
      </c>
      <c r="AE25355" s="1"/>
    </row>
    <row r="25356" spans="1:31" ht="14.45">
      <c r="A25356" s="5"/>
      <c r="B25356" s="21"/>
      <c r="C25356" s="2" t="s">
        <v>81017</v>
      </c>
      <c r="D25356" s="14" t="s">
        <v>81018</v>
      </c>
      <c r="E25356" s="2" t="s">
        <v>81019</v>
      </c>
      <c r="F25356" s="2"/>
      <c r="G25356" s="8">
        <v>1001</v>
      </c>
      <c r="H25356" s="5">
        <v>25</v>
      </c>
      <c r="I25356" s="5" t="s">
        <v>69</v>
      </c>
      <c r="J25356" s="5" t="s">
        <v>64310</v>
      </c>
      <c r="K25356" s="2" t="s">
        <v>64311</v>
      </c>
      <c r="L25356" s="5" t="s">
        <v>64310</v>
      </c>
      <c r="M25356" s="2" t="s">
        <v>64311</v>
      </c>
      <c r="N25356" s="5" t="s">
        <v>733</v>
      </c>
      <c r="O25356" s="5" t="s">
        <v>38</v>
      </c>
      <c r="P25356" s="5" t="s">
        <v>39</v>
      </c>
      <c r="Q25356" s="5" t="s">
        <v>40</v>
      </c>
      <c r="R25356" s="5" t="s">
        <v>897</v>
      </c>
      <c r="S25356" s="5" t="s">
        <v>40</v>
      </c>
      <c r="T25356" s="5" t="s">
        <v>42</v>
      </c>
      <c r="U25356" s="2">
        <v>33.451000000000001</v>
      </c>
      <c r="V25356" s="2">
        <v>30.797999999999998</v>
      </c>
      <c r="W25356" s="2">
        <v>0.153</v>
      </c>
      <c r="X25356" s="2">
        <v>17</v>
      </c>
      <c r="Y25356" s="2">
        <v>80.7</v>
      </c>
      <c r="Z25356" s="2">
        <v>111.6</v>
      </c>
      <c r="AA25356" s="5">
        <v>7</v>
      </c>
      <c r="AB25356" s="5" t="s">
        <v>43</v>
      </c>
      <c r="AC25356" s="5" t="s">
        <v>735</v>
      </c>
      <c r="AD25356" s="2" t="s">
        <v>81020</v>
      </c>
      <c r="AE25356" s="1"/>
    </row>
    <row r="25357" spans="1:31" ht="14.45">
      <c r="A25357" s="5"/>
      <c r="B25357" s="21"/>
      <c r="C25357" s="2" t="s">
        <v>81021</v>
      </c>
      <c r="D25357" s="14" t="s">
        <v>81022</v>
      </c>
      <c r="E25357" s="2" t="s">
        <v>81023</v>
      </c>
      <c r="F25357" s="2"/>
      <c r="G25357" s="8">
        <v>768</v>
      </c>
      <c r="H25357" s="5">
        <v>25</v>
      </c>
      <c r="I25357" s="5" t="s">
        <v>69</v>
      </c>
      <c r="J25357" s="5" t="s">
        <v>64310</v>
      </c>
      <c r="K25357" s="2" t="s">
        <v>64311</v>
      </c>
      <c r="L25357" s="5" t="s">
        <v>64310</v>
      </c>
      <c r="M25357" s="2" t="s">
        <v>64311</v>
      </c>
      <c r="N25357" s="5" t="s">
        <v>733</v>
      </c>
      <c r="O25357" s="5" t="s">
        <v>38</v>
      </c>
      <c r="P25357" s="5" t="s">
        <v>39</v>
      </c>
      <c r="Q25357" s="5" t="s">
        <v>40</v>
      </c>
      <c r="R25357" s="5" t="s">
        <v>897</v>
      </c>
      <c r="S25357" s="5" t="s">
        <v>40</v>
      </c>
      <c r="T25357" s="5" t="s">
        <v>42</v>
      </c>
      <c r="U25357" s="2">
        <v>29.370999999999999</v>
      </c>
      <c r="V25357" s="2">
        <v>26.718</v>
      </c>
      <c r="W25357" s="2">
        <v>0.153</v>
      </c>
      <c r="X25357" s="2">
        <v>17</v>
      </c>
      <c r="Y25357" s="2">
        <v>80.7</v>
      </c>
      <c r="Z25357" s="2">
        <v>111.6</v>
      </c>
      <c r="AA25357" s="5">
        <v>7</v>
      </c>
      <c r="AB25357" s="5" t="s">
        <v>43</v>
      </c>
      <c r="AC25357" s="5" t="s">
        <v>735</v>
      </c>
      <c r="AD25357" s="2" t="s">
        <v>81024</v>
      </c>
      <c r="AE25357" s="1"/>
    </row>
    <row r="25358" spans="1:31" ht="14.45">
      <c r="A25358" s="5"/>
      <c r="B25358" s="21"/>
      <c r="C25358" s="2" t="s">
        <v>81025</v>
      </c>
      <c r="D25358" s="14" t="s">
        <v>81026</v>
      </c>
      <c r="E25358" s="2" t="s">
        <v>81027</v>
      </c>
      <c r="F25358" s="2"/>
      <c r="G25358" s="8">
        <v>1097</v>
      </c>
      <c r="H25358" s="5">
        <v>25</v>
      </c>
      <c r="I25358" s="5" t="s">
        <v>69</v>
      </c>
      <c r="J25358" s="5" t="s">
        <v>64310</v>
      </c>
      <c r="K25358" s="2" t="s">
        <v>64311</v>
      </c>
      <c r="L25358" s="5" t="s">
        <v>64310</v>
      </c>
      <c r="M25358" s="2" t="s">
        <v>64311</v>
      </c>
      <c r="N25358" s="5" t="s">
        <v>733</v>
      </c>
      <c r="O25358" s="5" t="s">
        <v>38</v>
      </c>
      <c r="P25358" s="5" t="s">
        <v>39</v>
      </c>
      <c r="Q25358" s="5" t="s">
        <v>40</v>
      </c>
      <c r="R25358" s="5" t="s">
        <v>897</v>
      </c>
      <c r="S25358" s="5" t="s">
        <v>40</v>
      </c>
      <c r="T25358" s="5" t="s">
        <v>42</v>
      </c>
      <c r="U25358" s="2">
        <v>39.332000000000001</v>
      </c>
      <c r="V25358" s="2">
        <v>36.152999999999999</v>
      </c>
      <c r="W25358" s="2">
        <v>0.184</v>
      </c>
      <c r="X25358" s="2">
        <v>17</v>
      </c>
      <c r="Y25358" s="2">
        <v>96.9</v>
      </c>
      <c r="Z25358" s="2">
        <v>111.6</v>
      </c>
      <c r="AA25358" s="5">
        <v>7</v>
      </c>
      <c r="AB25358" s="5" t="s">
        <v>43</v>
      </c>
      <c r="AC25358" s="5" t="s">
        <v>735</v>
      </c>
      <c r="AD25358" s="2" t="s">
        <v>81028</v>
      </c>
      <c r="AE25358" s="1"/>
    </row>
    <row r="25359" spans="1:31" ht="14.45">
      <c r="A25359" s="5"/>
      <c r="B25359" s="21"/>
      <c r="C25359" s="2" t="s">
        <v>81029</v>
      </c>
      <c r="D25359" s="14" t="s">
        <v>81030</v>
      </c>
      <c r="E25359" s="2" t="s">
        <v>81031</v>
      </c>
      <c r="F25359" s="2"/>
      <c r="G25359" s="8">
        <v>817</v>
      </c>
      <c r="H25359" s="5">
        <v>25</v>
      </c>
      <c r="I25359" s="5" t="s">
        <v>69</v>
      </c>
      <c r="J25359" s="5" t="s">
        <v>64310</v>
      </c>
      <c r="K25359" s="2" t="s">
        <v>64311</v>
      </c>
      <c r="L25359" s="5" t="s">
        <v>64310</v>
      </c>
      <c r="M25359" s="2" t="s">
        <v>64311</v>
      </c>
      <c r="N25359" s="5" t="s">
        <v>733</v>
      </c>
      <c r="O25359" s="5" t="s">
        <v>38</v>
      </c>
      <c r="P25359" s="5" t="s">
        <v>39</v>
      </c>
      <c r="Q25359" s="5" t="s">
        <v>40</v>
      </c>
      <c r="R25359" s="5" t="s">
        <v>897</v>
      </c>
      <c r="S25359" s="5" t="s">
        <v>40</v>
      </c>
      <c r="T25359" s="5" t="s">
        <v>42</v>
      </c>
      <c r="U25359" s="2">
        <v>34.286000000000001</v>
      </c>
      <c r="V25359" s="2">
        <v>31.106999999999999</v>
      </c>
      <c r="W25359" s="2">
        <v>0.184</v>
      </c>
      <c r="X25359" s="2">
        <v>17</v>
      </c>
      <c r="Y25359" s="2">
        <v>96.9</v>
      </c>
      <c r="Z25359" s="2">
        <v>111.6</v>
      </c>
      <c r="AA25359" s="5">
        <v>7</v>
      </c>
      <c r="AB25359" s="5" t="s">
        <v>43</v>
      </c>
      <c r="AC25359" s="5" t="s">
        <v>735</v>
      </c>
      <c r="AD25359" s="2" t="s">
        <v>81032</v>
      </c>
      <c r="AE25359" s="1"/>
    </row>
    <row r="25360" spans="1:31" ht="14.45">
      <c r="A25360" s="5"/>
      <c r="B25360" s="21"/>
      <c r="C25360" s="2" t="s">
        <v>81033</v>
      </c>
      <c r="D25360" s="14" t="s">
        <v>81034</v>
      </c>
      <c r="E25360" s="2" t="s">
        <v>81035</v>
      </c>
      <c r="F25360" s="2"/>
      <c r="G25360" s="8">
        <v>1001</v>
      </c>
      <c r="H25360" s="5">
        <v>25</v>
      </c>
      <c r="I25360" s="5" t="s">
        <v>69</v>
      </c>
      <c r="J25360" s="5" t="s">
        <v>64310</v>
      </c>
      <c r="K25360" s="2" t="s">
        <v>64311</v>
      </c>
      <c r="L25360" s="5" t="s">
        <v>64310</v>
      </c>
      <c r="M25360" s="2" t="s">
        <v>64311</v>
      </c>
      <c r="N25360" s="5" t="s">
        <v>733</v>
      </c>
      <c r="O25360" s="5" t="s">
        <v>38</v>
      </c>
      <c r="P25360" s="5" t="s">
        <v>39</v>
      </c>
      <c r="Q25360" s="5" t="s">
        <v>40</v>
      </c>
      <c r="R25360" s="5" t="s">
        <v>897</v>
      </c>
      <c r="S25360" s="5" t="s">
        <v>40</v>
      </c>
      <c r="T25360" s="5" t="s">
        <v>42</v>
      </c>
      <c r="U25360" s="2">
        <v>33.451000000000001</v>
      </c>
      <c r="V25360" s="2">
        <v>30.797999999999998</v>
      </c>
      <c r="W25360" s="2">
        <v>0.153</v>
      </c>
      <c r="X25360" s="2">
        <v>17</v>
      </c>
      <c r="Y25360" s="2">
        <v>80.7</v>
      </c>
      <c r="Z25360" s="2">
        <v>111.6</v>
      </c>
      <c r="AA25360" s="5">
        <v>7</v>
      </c>
      <c r="AB25360" s="5" t="s">
        <v>43</v>
      </c>
      <c r="AC25360" s="5" t="s">
        <v>735</v>
      </c>
      <c r="AD25360" s="2" t="s">
        <v>81036</v>
      </c>
      <c r="AE25360" s="1"/>
    </row>
    <row r="25361" spans="1:31" ht="14.45">
      <c r="A25361" s="5"/>
      <c r="B25361" s="21"/>
      <c r="C25361" s="2" t="s">
        <v>81037</v>
      </c>
      <c r="D25361" s="14" t="s">
        <v>81038</v>
      </c>
      <c r="E25361" s="2" t="s">
        <v>81039</v>
      </c>
      <c r="F25361" s="2"/>
      <c r="G25361" s="8">
        <v>768</v>
      </c>
      <c r="H25361" s="5">
        <v>25</v>
      </c>
      <c r="I25361" s="5" t="s">
        <v>69</v>
      </c>
      <c r="J25361" s="5" t="s">
        <v>64310</v>
      </c>
      <c r="K25361" s="2" t="s">
        <v>64311</v>
      </c>
      <c r="L25361" s="5" t="s">
        <v>64310</v>
      </c>
      <c r="M25361" s="2" t="s">
        <v>64311</v>
      </c>
      <c r="N25361" s="5" t="s">
        <v>733</v>
      </c>
      <c r="O25361" s="5" t="s">
        <v>38</v>
      </c>
      <c r="P25361" s="5" t="s">
        <v>39</v>
      </c>
      <c r="Q25361" s="5" t="s">
        <v>40</v>
      </c>
      <c r="R25361" s="5" t="s">
        <v>897</v>
      </c>
      <c r="S25361" s="5" t="s">
        <v>40</v>
      </c>
      <c r="T25361" s="5" t="s">
        <v>42</v>
      </c>
      <c r="U25361" s="2">
        <v>29.370999999999999</v>
      </c>
      <c r="V25361" s="2">
        <v>26.718</v>
      </c>
      <c r="W25361" s="2">
        <v>0.153</v>
      </c>
      <c r="X25361" s="2">
        <v>17</v>
      </c>
      <c r="Y25361" s="2">
        <v>80.7</v>
      </c>
      <c r="Z25361" s="2">
        <v>111.6</v>
      </c>
      <c r="AA25361" s="5">
        <v>7</v>
      </c>
      <c r="AB25361" s="5" t="s">
        <v>43</v>
      </c>
      <c r="AC25361" s="5" t="s">
        <v>735</v>
      </c>
      <c r="AD25361" s="2" t="s">
        <v>81040</v>
      </c>
      <c r="AE25361" s="1"/>
    </row>
    <row r="25362" spans="1:31" ht="14.45">
      <c r="A25362" s="5"/>
      <c r="B25362" s="21"/>
      <c r="C25362" s="2" t="s">
        <v>81041</v>
      </c>
      <c r="D25362" s="14" t="s">
        <v>81042</v>
      </c>
      <c r="E25362" s="2" t="s">
        <v>81043</v>
      </c>
      <c r="F25362" s="2"/>
      <c r="G25362" s="8">
        <v>1097</v>
      </c>
      <c r="H25362" s="5">
        <v>25</v>
      </c>
      <c r="I25362" s="5" t="s">
        <v>69</v>
      </c>
      <c r="J25362" s="5" t="s">
        <v>64310</v>
      </c>
      <c r="K25362" s="2" t="s">
        <v>64311</v>
      </c>
      <c r="L25362" s="5" t="s">
        <v>64310</v>
      </c>
      <c r="M25362" s="2" t="s">
        <v>64311</v>
      </c>
      <c r="N25362" s="5" t="s">
        <v>733</v>
      </c>
      <c r="O25362" s="5" t="s">
        <v>38</v>
      </c>
      <c r="P25362" s="5" t="s">
        <v>39</v>
      </c>
      <c r="Q25362" s="5" t="s">
        <v>40</v>
      </c>
      <c r="R25362" s="5" t="s">
        <v>897</v>
      </c>
      <c r="S25362" s="5" t="s">
        <v>40</v>
      </c>
      <c r="T25362" s="5" t="s">
        <v>42</v>
      </c>
      <c r="U25362" s="2">
        <v>39.332000000000001</v>
      </c>
      <c r="V25362" s="2">
        <v>36.152999999999999</v>
      </c>
      <c r="W25362" s="2">
        <v>0.184</v>
      </c>
      <c r="X25362" s="2">
        <v>17</v>
      </c>
      <c r="Y25362" s="2">
        <v>96.9</v>
      </c>
      <c r="Z25362" s="2">
        <v>111.6</v>
      </c>
      <c r="AA25362" s="5">
        <v>7</v>
      </c>
      <c r="AB25362" s="5" t="s">
        <v>43</v>
      </c>
      <c r="AC25362" s="5" t="s">
        <v>735</v>
      </c>
      <c r="AD25362" s="2" t="s">
        <v>81044</v>
      </c>
      <c r="AE25362" s="1"/>
    </row>
    <row r="25363" spans="1:31" ht="14.45">
      <c r="A25363" s="5"/>
      <c r="B25363" s="21"/>
      <c r="C25363" s="2" t="s">
        <v>81045</v>
      </c>
      <c r="D25363" s="14" t="s">
        <v>81046</v>
      </c>
      <c r="E25363" s="2" t="s">
        <v>81047</v>
      </c>
      <c r="F25363" s="2"/>
      <c r="G25363" s="8">
        <v>817</v>
      </c>
      <c r="H25363" s="5">
        <v>25</v>
      </c>
      <c r="I25363" s="5" t="s">
        <v>69</v>
      </c>
      <c r="J25363" s="5" t="s">
        <v>64310</v>
      </c>
      <c r="K25363" s="2" t="s">
        <v>64311</v>
      </c>
      <c r="L25363" s="5" t="s">
        <v>64310</v>
      </c>
      <c r="M25363" s="2" t="s">
        <v>64311</v>
      </c>
      <c r="N25363" s="5" t="s">
        <v>733</v>
      </c>
      <c r="O25363" s="5" t="s">
        <v>38</v>
      </c>
      <c r="P25363" s="5" t="s">
        <v>39</v>
      </c>
      <c r="Q25363" s="5" t="s">
        <v>40</v>
      </c>
      <c r="R25363" s="5" t="s">
        <v>897</v>
      </c>
      <c r="S25363" s="5" t="s">
        <v>40</v>
      </c>
      <c r="T25363" s="5" t="s">
        <v>42</v>
      </c>
      <c r="U25363" s="2">
        <v>34.286000000000001</v>
      </c>
      <c r="V25363" s="2">
        <v>31.106999999999999</v>
      </c>
      <c r="W25363" s="2">
        <v>0.184</v>
      </c>
      <c r="X25363" s="2">
        <v>17</v>
      </c>
      <c r="Y25363" s="2">
        <v>96.9</v>
      </c>
      <c r="Z25363" s="2">
        <v>111.6</v>
      </c>
      <c r="AA25363" s="5">
        <v>7</v>
      </c>
      <c r="AB25363" s="5" t="s">
        <v>43</v>
      </c>
      <c r="AC25363" s="5" t="s">
        <v>735</v>
      </c>
      <c r="AD25363" s="2" t="s">
        <v>81048</v>
      </c>
      <c r="AE25363" s="1"/>
    </row>
    <row r="25364" spans="1:31" ht="14.45">
      <c r="A25364" s="11"/>
      <c r="B25364" s="20"/>
      <c r="C25364" s="2" t="s">
        <v>81049</v>
      </c>
      <c r="D25364" s="14" t="s">
        <v>81050</v>
      </c>
      <c r="E25364" s="2" t="s">
        <v>81051</v>
      </c>
      <c r="F25364" s="2" t="s">
        <v>81052</v>
      </c>
      <c r="G25364" s="8">
        <v>768</v>
      </c>
      <c r="H25364" s="5">
        <v>15</v>
      </c>
      <c r="I25364" s="5" t="s">
        <v>69</v>
      </c>
      <c r="J25364" s="5" t="s">
        <v>64310</v>
      </c>
      <c r="K25364" s="2" t="s">
        <v>64311</v>
      </c>
      <c r="L25364" s="5" t="s">
        <v>64310</v>
      </c>
      <c r="M25364" s="2" t="s">
        <v>64311</v>
      </c>
      <c r="N25364" s="5" t="s">
        <v>733</v>
      </c>
      <c r="O25364" s="5" t="s">
        <v>38</v>
      </c>
      <c r="P25364" s="5" t="s">
        <v>39</v>
      </c>
      <c r="Q25364" s="5" t="s">
        <v>40</v>
      </c>
      <c r="R25364" s="5" t="s">
        <v>897</v>
      </c>
      <c r="S25364" s="5" t="s">
        <v>40</v>
      </c>
      <c r="T25364" s="5" t="s">
        <v>42</v>
      </c>
      <c r="U25364" s="2">
        <v>24.48</v>
      </c>
      <c r="V25364" s="2">
        <v>22.44</v>
      </c>
      <c r="W25364" s="2">
        <v>0.105</v>
      </c>
      <c r="X25364" s="2">
        <v>17</v>
      </c>
      <c r="Y25364" s="2">
        <v>80.7</v>
      </c>
      <c r="Z25364" s="2">
        <v>76.2</v>
      </c>
      <c r="AA25364" s="5">
        <v>7</v>
      </c>
      <c r="AB25364" s="5" t="s">
        <v>43</v>
      </c>
      <c r="AC25364" s="5" t="s">
        <v>735</v>
      </c>
      <c r="AD25364" s="2" t="s">
        <v>81053</v>
      </c>
      <c r="AE25364" s="1"/>
    </row>
    <row r="25365" spans="1:31" ht="14.45">
      <c r="A25365" s="11"/>
      <c r="B25365" s="20"/>
      <c r="C25365" s="2" t="s">
        <v>81054</v>
      </c>
      <c r="D25365" s="14" t="s">
        <v>81055</v>
      </c>
      <c r="E25365" s="2" t="s">
        <v>81056</v>
      </c>
      <c r="F25365" s="2" t="s">
        <v>81057</v>
      </c>
      <c r="G25365" s="8">
        <v>708</v>
      </c>
      <c r="H25365" s="5">
        <v>10</v>
      </c>
      <c r="I25365" s="5" t="s">
        <v>69</v>
      </c>
      <c r="J25365" s="5" t="s">
        <v>64310</v>
      </c>
      <c r="K25365" s="2" t="s">
        <v>64311</v>
      </c>
      <c r="L25365" s="5" t="s">
        <v>64310</v>
      </c>
      <c r="M25365" s="2" t="s">
        <v>64311</v>
      </c>
      <c r="N25365" s="5" t="s">
        <v>733</v>
      </c>
      <c r="O25365" s="5" t="s">
        <v>38</v>
      </c>
      <c r="P25365" s="5" t="s">
        <v>39</v>
      </c>
      <c r="Q25365" s="5" t="s">
        <v>40</v>
      </c>
      <c r="R25365" s="5" t="s">
        <v>897</v>
      </c>
      <c r="S25365" s="5" t="s">
        <v>40</v>
      </c>
      <c r="T25365" s="5" t="s">
        <v>42</v>
      </c>
      <c r="U25365" s="2">
        <v>22.068999999999999</v>
      </c>
      <c r="V25365" s="2">
        <v>20.029</v>
      </c>
      <c r="W25365" s="2">
        <v>0.105</v>
      </c>
      <c r="X25365" s="2">
        <v>17</v>
      </c>
      <c r="Y25365" s="2">
        <v>80.7</v>
      </c>
      <c r="Z25365" s="2">
        <v>76.2</v>
      </c>
      <c r="AA25365" s="5">
        <v>7</v>
      </c>
      <c r="AB25365" s="5" t="s">
        <v>43</v>
      </c>
      <c r="AC25365" s="5" t="s">
        <v>735</v>
      </c>
      <c r="AD25365" s="2" t="s">
        <v>81058</v>
      </c>
      <c r="AE25365" s="1"/>
    </row>
    <row r="25366" spans="1:31" ht="14.45">
      <c r="A25366" s="11"/>
      <c r="B25366" s="20"/>
      <c r="C25366" s="2" t="s">
        <v>81059</v>
      </c>
      <c r="D25366" s="14" t="s">
        <v>81060</v>
      </c>
      <c r="E25366" s="2" t="s">
        <v>81061</v>
      </c>
      <c r="F25366" s="2" t="s">
        <v>81062</v>
      </c>
      <c r="G25366" s="8">
        <v>560</v>
      </c>
      <c r="H25366" s="5">
        <v>5</v>
      </c>
      <c r="I25366" s="5" t="s">
        <v>69</v>
      </c>
      <c r="J25366" s="5" t="s">
        <v>64310</v>
      </c>
      <c r="K25366" s="2" t="s">
        <v>64311</v>
      </c>
      <c r="L25366" s="5" t="s">
        <v>64310</v>
      </c>
      <c r="M25366" s="2" t="s">
        <v>64311</v>
      </c>
      <c r="N25366" s="5" t="s">
        <v>733</v>
      </c>
      <c r="O25366" s="5" t="s">
        <v>38</v>
      </c>
      <c r="P25366" s="5" t="s">
        <v>39</v>
      </c>
      <c r="Q25366" s="5" t="s">
        <v>40</v>
      </c>
      <c r="R25366" s="5" t="s">
        <v>897</v>
      </c>
      <c r="S25366" s="5" t="s">
        <v>40</v>
      </c>
      <c r="T25366" s="5" t="s">
        <v>42</v>
      </c>
      <c r="U25366" s="2">
        <v>19.768000000000001</v>
      </c>
      <c r="V25366" s="2">
        <v>17.728000000000002</v>
      </c>
      <c r="W25366" s="2">
        <v>0.105</v>
      </c>
      <c r="X25366" s="2">
        <v>17</v>
      </c>
      <c r="Y25366" s="2">
        <v>80.7</v>
      </c>
      <c r="Z25366" s="2">
        <v>76.2</v>
      </c>
      <c r="AA25366" s="5">
        <v>7</v>
      </c>
      <c r="AB25366" s="5" t="s">
        <v>43</v>
      </c>
      <c r="AC25366" s="5" t="s">
        <v>735</v>
      </c>
      <c r="AD25366" s="2" t="s">
        <v>81063</v>
      </c>
      <c r="AE25366" s="1"/>
    </row>
    <row r="25367" spans="1:31" ht="14.45">
      <c r="A25367" s="11"/>
      <c r="B25367" s="20"/>
      <c r="C25367" s="2" t="s">
        <v>81064</v>
      </c>
      <c r="D25367" s="14" t="s">
        <v>81065</v>
      </c>
      <c r="E25367" s="2" t="s">
        <v>81066</v>
      </c>
      <c r="F25367" s="2" t="s">
        <v>81067</v>
      </c>
      <c r="G25367" s="8">
        <v>663</v>
      </c>
      <c r="H25367" s="5">
        <v>10</v>
      </c>
      <c r="I25367" s="5" t="s">
        <v>69</v>
      </c>
      <c r="J25367" s="5" t="s">
        <v>64310</v>
      </c>
      <c r="K25367" s="2" t="s">
        <v>64311</v>
      </c>
      <c r="L25367" s="5" t="s">
        <v>64310</v>
      </c>
      <c r="M25367" s="2" t="s">
        <v>64311</v>
      </c>
      <c r="N25367" s="5" t="s">
        <v>733</v>
      </c>
      <c r="O25367" s="5" t="s">
        <v>38</v>
      </c>
      <c r="P25367" s="5" t="s">
        <v>39</v>
      </c>
      <c r="Q25367" s="5" t="s">
        <v>40</v>
      </c>
      <c r="R25367" s="5" t="s">
        <v>897</v>
      </c>
      <c r="S25367" s="5" t="s">
        <v>40</v>
      </c>
      <c r="T25367" s="5" t="s">
        <v>42</v>
      </c>
      <c r="U25367" s="2">
        <v>22.056000000000001</v>
      </c>
      <c r="V25367" s="2">
        <v>20.015999999999998</v>
      </c>
      <c r="W25367" s="2">
        <v>0.105</v>
      </c>
      <c r="X25367" s="2">
        <v>17</v>
      </c>
      <c r="Y25367" s="2">
        <v>80.7</v>
      </c>
      <c r="Z25367" s="2">
        <v>76.2</v>
      </c>
      <c r="AA25367" s="5">
        <v>7</v>
      </c>
      <c r="AB25367" s="5" t="s">
        <v>43</v>
      </c>
      <c r="AC25367" s="5" t="s">
        <v>735</v>
      </c>
      <c r="AD25367" s="2" t="s">
        <v>81068</v>
      </c>
      <c r="AE25367" s="1"/>
    </row>
    <row r="25368" spans="1:31" ht="14.45">
      <c r="A25368" s="11"/>
      <c r="B25368" s="20"/>
      <c r="C25368" s="2" t="s">
        <v>81069</v>
      </c>
      <c r="D25368" s="14" t="s">
        <v>81070</v>
      </c>
      <c r="E25368" s="2" t="s">
        <v>81071</v>
      </c>
      <c r="F25368" s="2" t="s">
        <v>81072</v>
      </c>
      <c r="G25368" s="8">
        <v>1176</v>
      </c>
      <c r="H25368" s="5">
        <v>10</v>
      </c>
      <c r="I25368" s="5" t="s">
        <v>69</v>
      </c>
      <c r="J25368" s="5" t="s">
        <v>64310</v>
      </c>
      <c r="K25368" s="2" t="s">
        <v>64311</v>
      </c>
      <c r="L25368" s="5" t="s">
        <v>64310</v>
      </c>
      <c r="M25368" s="2" t="s">
        <v>64311</v>
      </c>
      <c r="N25368" s="5" t="s">
        <v>733</v>
      </c>
      <c r="O25368" s="5" t="s">
        <v>38</v>
      </c>
      <c r="P25368" s="5" t="s">
        <v>39</v>
      </c>
      <c r="Q25368" s="5" t="s">
        <v>40</v>
      </c>
      <c r="R25368" s="5" t="s">
        <v>897</v>
      </c>
      <c r="S25368" s="5" t="s">
        <v>40</v>
      </c>
      <c r="T25368" s="5" t="s">
        <v>42</v>
      </c>
      <c r="U25368" s="2">
        <v>24.959</v>
      </c>
      <c r="V25368" s="2">
        <v>22.919</v>
      </c>
      <c r="W25368" s="2">
        <v>0.105</v>
      </c>
      <c r="X25368" s="2">
        <v>17</v>
      </c>
      <c r="Y25368" s="2">
        <v>80.7</v>
      </c>
      <c r="Z25368" s="2">
        <v>76.2</v>
      </c>
      <c r="AA25368" s="5">
        <v>7</v>
      </c>
      <c r="AB25368" s="5" t="s">
        <v>43</v>
      </c>
      <c r="AC25368" s="5" t="s">
        <v>735</v>
      </c>
      <c r="AD25368" s="2" t="s">
        <v>81073</v>
      </c>
      <c r="AE25368" s="1"/>
    </row>
    <row r="25369" spans="1:31" ht="14.45">
      <c r="A25369" s="11"/>
      <c r="B25369" s="20"/>
      <c r="C25369" s="2" t="s">
        <v>81074</v>
      </c>
      <c r="D25369" s="14" t="s">
        <v>81075</v>
      </c>
      <c r="E25369" s="2" t="s">
        <v>81076</v>
      </c>
      <c r="F25369" s="2" t="s">
        <v>81077</v>
      </c>
      <c r="G25369" s="8">
        <v>1131</v>
      </c>
      <c r="H25369" s="5">
        <v>10</v>
      </c>
      <c r="I25369" s="5" t="s">
        <v>69</v>
      </c>
      <c r="J25369" s="5" t="s">
        <v>64310</v>
      </c>
      <c r="K25369" s="2" t="s">
        <v>64311</v>
      </c>
      <c r="L25369" s="5" t="s">
        <v>64310</v>
      </c>
      <c r="M25369" s="2" t="s">
        <v>64311</v>
      </c>
      <c r="N25369" s="5" t="s">
        <v>733</v>
      </c>
      <c r="O25369" s="5" t="s">
        <v>38</v>
      </c>
      <c r="P25369" s="5" t="s">
        <v>39</v>
      </c>
      <c r="Q25369" s="5" t="s">
        <v>40</v>
      </c>
      <c r="R25369" s="5" t="s">
        <v>897</v>
      </c>
      <c r="S25369" s="5" t="s">
        <v>40</v>
      </c>
      <c r="T25369" s="5" t="s">
        <v>42</v>
      </c>
      <c r="U25369" s="2">
        <v>24.946000000000002</v>
      </c>
      <c r="V25369" s="2">
        <v>22.905999999999999</v>
      </c>
      <c r="W25369" s="2">
        <v>0.105</v>
      </c>
      <c r="X25369" s="2">
        <v>17</v>
      </c>
      <c r="Y25369" s="2">
        <v>80.7</v>
      </c>
      <c r="Z25369" s="2">
        <v>76.2</v>
      </c>
      <c r="AA25369" s="5">
        <v>7</v>
      </c>
      <c r="AB25369" s="5" t="s">
        <v>43</v>
      </c>
      <c r="AC25369" s="5" t="s">
        <v>735</v>
      </c>
      <c r="AD25369" s="2" t="s">
        <v>81078</v>
      </c>
      <c r="AE25369" s="1"/>
    </row>
    <row r="25370" spans="1:31" ht="14.45">
      <c r="A25370" s="11"/>
      <c r="B25370" s="20"/>
      <c r="C25370" s="2" t="s">
        <v>81079</v>
      </c>
      <c r="D25370" s="14" t="s">
        <v>81080</v>
      </c>
      <c r="E25370" s="2" t="s">
        <v>81081</v>
      </c>
      <c r="F25370" s="2" t="s">
        <v>81082</v>
      </c>
      <c r="G25370" s="8">
        <v>1131</v>
      </c>
      <c r="H25370" s="5">
        <v>10</v>
      </c>
      <c r="I25370" s="5" t="s">
        <v>69</v>
      </c>
      <c r="J25370" s="5" t="s">
        <v>64310</v>
      </c>
      <c r="K25370" s="2" t="s">
        <v>64311</v>
      </c>
      <c r="L25370" s="5" t="s">
        <v>64310</v>
      </c>
      <c r="M25370" s="2" t="s">
        <v>64311</v>
      </c>
      <c r="N25370" s="5" t="s">
        <v>733</v>
      </c>
      <c r="O25370" s="5" t="s">
        <v>38</v>
      </c>
      <c r="P25370" s="5" t="s">
        <v>39</v>
      </c>
      <c r="Q25370" s="5" t="s">
        <v>40</v>
      </c>
      <c r="R25370" s="5" t="s">
        <v>897</v>
      </c>
      <c r="S25370" s="5" t="s">
        <v>40</v>
      </c>
      <c r="T25370" s="5" t="s">
        <v>42</v>
      </c>
      <c r="U25370" s="2">
        <v>24.103999999999999</v>
      </c>
      <c r="V25370" s="2">
        <v>22.064</v>
      </c>
      <c r="W25370" s="2">
        <v>0.105</v>
      </c>
      <c r="X25370" s="2">
        <v>17</v>
      </c>
      <c r="Y25370" s="2">
        <v>80.7</v>
      </c>
      <c r="Z25370" s="2">
        <v>76.2</v>
      </c>
      <c r="AA25370" s="5">
        <v>7</v>
      </c>
      <c r="AB25370" s="5" t="s">
        <v>43</v>
      </c>
      <c r="AC25370" s="5" t="s">
        <v>735</v>
      </c>
      <c r="AD25370" s="2" t="s">
        <v>81083</v>
      </c>
      <c r="AE25370" s="1"/>
    </row>
    <row r="25371" spans="1:31" ht="14.45">
      <c r="A25371" s="11"/>
      <c r="B25371" s="20"/>
      <c r="C25371" s="2" t="s">
        <v>81084</v>
      </c>
      <c r="D25371" s="14" t="s">
        <v>81085</v>
      </c>
      <c r="E25371" s="2" t="s">
        <v>81086</v>
      </c>
      <c r="F25371" s="2" t="s">
        <v>81087</v>
      </c>
      <c r="G25371" s="8">
        <v>768</v>
      </c>
      <c r="H25371" s="5">
        <v>15</v>
      </c>
      <c r="I25371" s="5" t="s">
        <v>69</v>
      </c>
      <c r="J25371" s="5" t="s">
        <v>64310</v>
      </c>
      <c r="K25371" s="2" t="s">
        <v>64311</v>
      </c>
      <c r="L25371" s="5" t="s">
        <v>64310</v>
      </c>
      <c r="M25371" s="2" t="s">
        <v>64311</v>
      </c>
      <c r="N25371" s="5" t="s">
        <v>733</v>
      </c>
      <c r="O25371" s="5" t="s">
        <v>38</v>
      </c>
      <c r="P25371" s="5" t="s">
        <v>39</v>
      </c>
      <c r="Q25371" s="5" t="s">
        <v>40</v>
      </c>
      <c r="R25371" s="5" t="s">
        <v>897</v>
      </c>
      <c r="S25371" s="5" t="s">
        <v>40</v>
      </c>
      <c r="T25371" s="5" t="s">
        <v>42</v>
      </c>
      <c r="U25371" s="2">
        <v>24.42</v>
      </c>
      <c r="V25371" s="2">
        <v>22.38</v>
      </c>
      <c r="W25371" s="2">
        <v>0.105</v>
      </c>
      <c r="X25371" s="2">
        <v>17</v>
      </c>
      <c r="Y25371" s="2">
        <v>80.7</v>
      </c>
      <c r="Z25371" s="2">
        <v>76.2</v>
      </c>
      <c r="AA25371" s="5">
        <v>7</v>
      </c>
      <c r="AB25371" s="5" t="s">
        <v>43</v>
      </c>
      <c r="AC25371" s="5" t="s">
        <v>735</v>
      </c>
      <c r="AD25371" s="2" t="s">
        <v>81088</v>
      </c>
      <c r="AE25371" s="1"/>
    </row>
    <row r="25372" spans="1:31" ht="14.45">
      <c r="A25372" s="11"/>
      <c r="B25372" s="20"/>
      <c r="C25372" s="2" t="s">
        <v>81089</v>
      </c>
      <c r="D25372" s="14" t="s">
        <v>81090</v>
      </c>
      <c r="E25372" s="2" t="s">
        <v>81091</v>
      </c>
      <c r="F25372" s="2" t="s">
        <v>81092</v>
      </c>
      <c r="G25372" s="8">
        <v>708</v>
      </c>
      <c r="H25372" s="5">
        <v>15</v>
      </c>
      <c r="I25372" s="5" t="s">
        <v>69</v>
      </c>
      <c r="J25372" s="5" t="s">
        <v>64310</v>
      </c>
      <c r="K25372" s="2" t="s">
        <v>64311</v>
      </c>
      <c r="L25372" s="5" t="s">
        <v>64310</v>
      </c>
      <c r="M25372" s="2" t="s">
        <v>64311</v>
      </c>
      <c r="N25372" s="5" t="s">
        <v>733</v>
      </c>
      <c r="O25372" s="5" t="s">
        <v>38</v>
      </c>
      <c r="P25372" s="5" t="s">
        <v>39</v>
      </c>
      <c r="Q25372" s="5" t="s">
        <v>40</v>
      </c>
      <c r="R25372" s="5" t="s">
        <v>897</v>
      </c>
      <c r="S25372" s="5" t="s">
        <v>40</v>
      </c>
      <c r="T25372" s="5" t="s">
        <v>42</v>
      </c>
      <c r="U25372" s="2">
        <v>22.009</v>
      </c>
      <c r="V25372" s="2">
        <v>19.969000000000001</v>
      </c>
      <c r="W25372" s="2">
        <v>0.105</v>
      </c>
      <c r="X25372" s="2">
        <v>17</v>
      </c>
      <c r="Y25372" s="2">
        <v>80.7</v>
      </c>
      <c r="Z25372" s="2">
        <v>76.2</v>
      </c>
      <c r="AA25372" s="5">
        <v>7</v>
      </c>
      <c r="AB25372" s="5" t="s">
        <v>43</v>
      </c>
      <c r="AC25372" s="5" t="s">
        <v>735</v>
      </c>
      <c r="AD25372" s="2" t="s">
        <v>81093</v>
      </c>
      <c r="AE25372" s="1"/>
    </row>
    <row r="25373" spans="1:31" ht="14.45">
      <c r="A25373" s="11"/>
      <c r="B25373" s="20"/>
      <c r="C25373" s="2" t="s">
        <v>81094</v>
      </c>
      <c r="D25373" s="14" t="s">
        <v>81095</v>
      </c>
      <c r="E25373" s="2" t="s">
        <v>81096</v>
      </c>
      <c r="F25373" s="2" t="s">
        <v>81097</v>
      </c>
      <c r="G25373" s="8">
        <v>560</v>
      </c>
      <c r="H25373" s="5">
        <v>5</v>
      </c>
      <c r="I25373" s="5" t="s">
        <v>69</v>
      </c>
      <c r="J25373" s="5" t="s">
        <v>64310</v>
      </c>
      <c r="K25373" s="2" t="s">
        <v>64311</v>
      </c>
      <c r="L25373" s="5" t="s">
        <v>64310</v>
      </c>
      <c r="M25373" s="2" t="s">
        <v>64311</v>
      </c>
      <c r="N25373" s="5" t="s">
        <v>733</v>
      </c>
      <c r="O25373" s="5" t="s">
        <v>38</v>
      </c>
      <c r="P25373" s="5" t="s">
        <v>39</v>
      </c>
      <c r="Q25373" s="5" t="s">
        <v>40</v>
      </c>
      <c r="R25373" s="5" t="s">
        <v>897</v>
      </c>
      <c r="S25373" s="5" t="s">
        <v>40</v>
      </c>
      <c r="T25373" s="5" t="s">
        <v>42</v>
      </c>
      <c r="U25373" s="2">
        <v>19.707999999999998</v>
      </c>
      <c r="V25373" s="2">
        <v>17.667999999999999</v>
      </c>
      <c r="W25373" s="2">
        <v>0.105</v>
      </c>
      <c r="X25373" s="2">
        <v>17</v>
      </c>
      <c r="Y25373" s="2">
        <v>80.7</v>
      </c>
      <c r="Z25373" s="2">
        <v>76.2</v>
      </c>
      <c r="AA25373" s="5">
        <v>7</v>
      </c>
      <c r="AB25373" s="5" t="s">
        <v>43</v>
      </c>
      <c r="AC25373" s="5" t="s">
        <v>735</v>
      </c>
      <c r="AD25373" s="2" t="s">
        <v>81098</v>
      </c>
      <c r="AE25373" s="1"/>
    </row>
    <row r="25374" spans="1:31" ht="14.45">
      <c r="A25374" s="11"/>
      <c r="B25374" s="20"/>
      <c r="C25374" s="2" t="s">
        <v>81099</v>
      </c>
      <c r="D25374" s="14" t="s">
        <v>81100</v>
      </c>
      <c r="E25374" s="2" t="s">
        <v>81101</v>
      </c>
      <c r="F25374" s="2" t="s">
        <v>81102</v>
      </c>
      <c r="G25374" s="8">
        <v>663</v>
      </c>
      <c r="H25374" s="5">
        <v>10</v>
      </c>
      <c r="I25374" s="5" t="s">
        <v>69</v>
      </c>
      <c r="J25374" s="5" t="s">
        <v>64310</v>
      </c>
      <c r="K25374" s="2" t="s">
        <v>64311</v>
      </c>
      <c r="L25374" s="5" t="s">
        <v>64310</v>
      </c>
      <c r="M25374" s="2" t="s">
        <v>64311</v>
      </c>
      <c r="N25374" s="5" t="s">
        <v>733</v>
      </c>
      <c r="O25374" s="5" t="s">
        <v>38</v>
      </c>
      <c r="P25374" s="5" t="s">
        <v>39</v>
      </c>
      <c r="Q25374" s="5" t="s">
        <v>40</v>
      </c>
      <c r="R25374" s="5" t="s">
        <v>897</v>
      </c>
      <c r="S25374" s="5" t="s">
        <v>40</v>
      </c>
      <c r="T25374" s="5" t="s">
        <v>42</v>
      </c>
      <c r="U25374" s="2">
        <v>21.995999999999999</v>
      </c>
      <c r="V25374" s="2">
        <v>19.956</v>
      </c>
      <c r="W25374" s="2">
        <v>0.105</v>
      </c>
      <c r="X25374" s="2">
        <v>17</v>
      </c>
      <c r="Y25374" s="2">
        <v>80.7</v>
      </c>
      <c r="Z25374" s="2">
        <v>76.2</v>
      </c>
      <c r="AA25374" s="5">
        <v>7</v>
      </c>
      <c r="AB25374" s="5" t="s">
        <v>43</v>
      </c>
      <c r="AC25374" s="5" t="s">
        <v>735</v>
      </c>
      <c r="AD25374" s="2" t="s">
        <v>81103</v>
      </c>
      <c r="AE25374" s="1"/>
    </row>
    <row r="25375" spans="1:31" ht="14.45">
      <c r="A25375" s="11"/>
      <c r="B25375" s="20"/>
      <c r="C25375" s="2" t="s">
        <v>81104</v>
      </c>
      <c r="D25375" s="14" t="s">
        <v>81105</v>
      </c>
      <c r="E25375" s="2" t="s">
        <v>81106</v>
      </c>
      <c r="F25375" s="2" t="s">
        <v>81107</v>
      </c>
      <c r="G25375" s="8">
        <v>1176</v>
      </c>
      <c r="H25375" s="5">
        <v>10</v>
      </c>
      <c r="I25375" s="5" t="s">
        <v>69</v>
      </c>
      <c r="J25375" s="5" t="s">
        <v>64310</v>
      </c>
      <c r="K25375" s="2" t="s">
        <v>64311</v>
      </c>
      <c r="L25375" s="5" t="s">
        <v>64310</v>
      </c>
      <c r="M25375" s="2" t="s">
        <v>64311</v>
      </c>
      <c r="N25375" s="5" t="s">
        <v>733</v>
      </c>
      <c r="O25375" s="5" t="s">
        <v>38</v>
      </c>
      <c r="P25375" s="5" t="s">
        <v>39</v>
      </c>
      <c r="Q25375" s="5" t="s">
        <v>40</v>
      </c>
      <c r="R25375" s="5" t="s">
        <v>897</v>
      </c>
      <c r="S25375" s="5" t="s">
        <v>40</v>
      </c>
      <c r="T25375" s="5" t="s">
        <v>42</v>
      </c>
      <c r="U25375" s="2">
        <v>24.899000000000001</v>
      </c>
      <c r="V25375" s="2">
        <v>22.859000000000002</v>
      </c>
      <c r="W25375" s="2">
        <v>0.105</v>
      </c>
      <c r="X25375" s="2">
        <v>17</v>
      </c>
      <c r="Y25375" s="2">
        <v>80.7</v>
      </c>
      <c r="Z25375" s="2">
        <v>76.2</v>
      </c>
      <c r="AA25375" s="5">
        <v>7</v>
      </c>
      <c r="AB25375" s="5" t="s">
        <v>43</v>
      </c>
      <c r="AC25375" s="5" t="s">
        <v>735</v>
      </c>
      <c r="AD25375" s="2" t="s">
        <v>81108</v>
      </c>
      <c r="AE25375" s="1"/>
    </row>
    <row r="25376" spans="1:31" ht="14.45">
      <c r="A25376" s="11"/>
      <c r="B25376" s="20"/>
      <c r="C25376" s="2" t="s">
        <v>81109</v>
      </c>
      <c r="D25376" s="14" t="s">
        <v>81110</v>
      </c>
      <c r="E25376" s="2" t="s">
        <v>81111</v>
      </c>
      <c r="F25376" s="2" t="s">
        <v>81112</v>
      </c>
      <c r="G25376" s="8">
        <v>1131</v>
      </c>
      <c r="H25376" s="5">
        <v>10</v>
      </c>
      <c r="I25376" s="5" t="s">
        <v>69</v>
      </c>
      <c r="J25376" s="5" t="s">
        <v>64310</v>
      </c>
      <c r="K25376" s="2" t="s">
        <v>64311</v>
      </c>
      <c r="L25376" s="5" t="s">
        <v>64310</v>
      </c>
      <c r="M25376" s="2" t="s">
        <v>64311</v>
      </c>
      <c r="N25376" s="5" t="s">
        <v>733</v>
      </c>
      <c r="O25376" s="5" t="s">
        <v>38</v>
      </c>
      <c r="P25376" s="5" t="s">
        <v>39</v>
      </c>
      <c r="Q25376" s="5" t="s">
        <v>40</v>
      </c>
      <c r="R25376" s="5" t="s">
        <v>897</v>
      </c>
      <c r="S25376" s="5" t="s">
        <v>40</v>
      </c>
      <c r="T25376" s="5" t="s">
        <v>42</v>
      </c>
      <c r="U25376" s="2">
        <v>24.885999999999999</v>
      </c>
      <c r="V25376" s="2">
        <v>22.846</v>
      </c>
      <c r="W25376" s="2">
        <v>0.105</v>
      </c>
      <c r="X25376" s="2">
        <v>17</v>
      </c>
      <c r="Y25376" s="2">
        <v>80.7</v>
      </c>
      <c r="Z25376" s="2">
        <v>76.2</v>
      </c>
      <c r="AA25376" s="5">
        <v>7</v>
      </c>
      <c r="AB25376" s="5" t="s">
        <v>43</v>
      </c>
      <c r="AC25376" s="5" t="s">
        <v>735</v>
      </c>
      <c r="AD25376" s="2" t="s">
        <v>81113</v>
      </c>
      <c r="AE25376" s="1"/>
    </row>
    <row r="25377" spans="1:31" ht="14.45">
      <c r="A25377" s="11"/>
      <c r="B25377" s="20"/>
      <c r="C25377" s="2" t="s">
        <v>81114</v>
      </c>
      <c r="D25377" s="14" t="s">
        <v>81115</v>
      </c>
      <c r="E25377" s="2" t="s">
        <v>81116</v>
      </c>
      <c r="F25377" s="2" t="s">
        <v>81117</v>
      </c>
      <c r="G25377" s="8">
        <v>1131</v>
      </c>
      <c r="H25377" s="5">
        <v>5</v>
      </c>
      <c r="I25377" s="5" t="s">
        <v>69</v>
      </c>
      <c r="J25377" s="5" t="s">
        <v>64310</v>
      </c>
      <c r="K25377" s="2" t="s">
        <v>64311</v>
      </c>
      <c r="L25377" s="5" t="s">
        <v>64310</v>
      </c>
      <c r="M25377" s="2" t="s">
        <v>64311</v>
      </c>
      <c r="N25377" s="5" t="s">
        <v>733</v>
      </c>
      <c r="O25377" s="5" t="s">
        <v>38</v>
      </c>
      <c r="P25377" s="5" t="s">
        <v>39</v>
      </c>
      <c r="Q25377" s="5" t="s">
        <v>40</v>
      </c>
      <c r="R25377" s="5" t="s">
        <v>897</v>
      </c>
      <c r="S25377" s="5" t="s">
        <v>40</v>
      </c>
      <c r="T25377" s="5" t="s">
        <v>42</v>
      </c>
      <c r="U25377" s="2">
        <v>24.044</v>
      </c>
      <c r="V25377" s="2">
        <v>22.004000000000001</v>
      </c>
      <c r="W25377" s="2">
        <v>0.105</v>
      </c>
      <c r="X25377" s="2">
        <v>17</v>
      </c>
      <c r="Y25377" s="2">
        <v>80.7</v>
      </c>
      <c r="Z25377" s="2">
        <v>76.2</v>
      </c>
      <c r="AA25377" s="5">
        <v>7</v>
      </c>
      <c r="AB25377" s="5" t="s">
        <v>43</v>
      </c>
      <c r="AC25377" s="5" t="s">
        <v>735</v>
      </c>
      <c r="AD25377" s="2" t="s">
        <v>81118</v>
      </c>
      <c r="AE25377" s="1"/>
    </row>
    <row r="25378" spans="1:31" ht="14.45">
      <c r="A25378" s="11"/>
      <c r="B25378" s="20"/>
      <c r="C25378" s="2" t="s">
        <v>81119</v>
      </c>
      <c r="D25378" s="14" t="s">
        <v>81120</v>
      </c>
      <c r="E25378" s="2" t="s">
        <v>81121</v>
      </c>
      <c r="F25378" s="2" t="s">
        <v>81122</v>
      </c>
      <c r="G25378" s="8">
        <v>961</v>
      </c>
      <c r="H25378" s="5">
        <v>5</v>
      </c>
      <c r="I25378" s="5" t="s">
        <v>69</v>
      </c>
      <c r="J25378" s="5" t="s">
        <v>64310</v>
      </c>
      <c r="K25378" s="2" t="s">
        <v>64311</v>
      </c>
      <c r="L25378" s="5" t="s">
        <v>64310</v>
      </c>
      <c r="M25378" s="2" t="s">
        <v>64311</v>
      </c>
      <c r="N25378" s="5" t="s">
        <v>733</v>
      </c>
      <c r="O25378" s="5" t="s">
        <v>38</v>
      </c>
      <c r="P25378" s="5" t="s">
        <v>39</v>
      </c>
      <c r="Q25378" s="5" t="s">
        <v>40</v>
      </c>
      <c r="R25378" s="5" t="s">
        <v>897</v>
      </c>
      <c r="S25378" s="5" t="s">
        <v>40</v>
      </c>
      <c r="T25378" s="5" t="s">
        <v>42</v>
      </c>
      <c r="U25378" s="2">
        <v>32.624000000000002</v>
      </c>
      <c r="V25378" s="2">
        <v>29.975000000000001</v>
      </c>
      <c r="W25378" s="2">
        <v>0.153</v>
      </c>
      <c r="X25378" s="2">
        <v>17</v>
      </c>
      <c r="Y25378" s="2">
        <v>80.7</v>
      </c>
      <c r="Z25378" s="2">
        <v>111.6</v>
      </c>
      <c r="AA25378" s="5">
        <v>7</v>
      </c>
      <c r="AB25378" s="5" t="s">
        <v>43</v>
      </c>
      <c r="AC25378" s="5" t="s">
        <v>735</v>
      </c>
      <c r="AD25378" s="2" t="s">
        <v>81123</v>
      </c>
      <c r="AE25378" s="1"/>
    </row>
    <row r="25379" spans="1:31" ht="14.45">
      <c r="A25379" s="11"/>
      <c r="B25379" s="20"/>
      <c r="C25379" s="2" t="s">
        <v>81124</v>
      </c>
      <c r="D25379" s="14" t="s">
        <v>81125</v>
      </c>
      <c r="E25379" s="2" t="s">
        <v>81126</v>
      </c>
      <c r="F25379" s="2" t="s">
        <v>81127</v>
      </c>
      <c r="G25379" s="8">
        <v>728</v>
      </c>
      <c r="H25379" s="5">
        <v>5</v>
      </c>
      <c r="I25379" s="5" t="s">
        <v>69</v>
      </c>
      <c r="J25379" s="5" t="s">
        <v>64310</v>
      </c>
      <c r="K25379" s="2" t="s">
        <v>64311</v>
      </c>
      <c r="L25379" s="5" t="s">
        <v>64310</v>
      </c>
      <c r="M25379" s="2" t="s">
        <v>64311</v>
      </c>
      <c r="N25379" s="5" t="s">
        <v>733</v>
      </c>
      <c r="O25379" s="5" t="s">
        <v>38</v>
      </c>
      <c r="P25379" s="5" t="s">
        <v>39</v>
      </c>
      <c r="Q25379" s="5" t="s">
        <v>40</v>
      </c>
      <c r="R25379" s="5" t="s">
        <v>897</v>
      </c>
      <c r="S25379" s="5" t="s">
        <v>40</v>
      </c>
      <c r="T25379" s="5" t="s">
        <v>42</v>
      </c>
      <c r="U25379" s="2">
        <v>28.550999999999998</v>
      </c>
      <c r="V25379" s="2">
        <v>25.902000000000001</v>
      </c>
      <c r="W25379" s="2">
        <v>0.153</v>
      </c>
      <c r="X25379" s="2">
        <v>17</v>
      </c>
      <c r="Y25379" s="2">
        <v>80.7</v>
      </c>
      <c r="Z25379" s="2">
        <v>111.6</v>
      </c>
      <c r="AA25379" s="5">
        <v>7</v>
      </c>
      <c r="AB25379" s="5" t="s">
        <v>43</v>
      </c>
      <c r="AC25379" s="5" t="s">
        <v>735</v>
      </c>
      <c r="AD25379" s="2" t="s">
        <v>81128</v>
      </c>
      <c r="AE25379" s="1"/>
    </row>
    <row r="25380" spans="1:31" ht="14.45">
      <c r="A25380" s="11"/>
      <c r="B25380" s="20"/>
      <c r="C25380" s="2" t="s">
        <v>81129</v>
      </c>
      <c r="D25380" s="14" t="s">
        <v>81130</v>
      </c>
      <c r="E25380" s="2" t="s">
        <v>81131</v>
      </c>
      <c r="F25380" s="2" t="s">
        <v>81132</v>
      </c>
      <c r="G25380" s="8">
        <v>891</v>
      </c>
      <c r="H25380" s="5">
        <v>10</v>
      </c>
      <c r="I25380" s="5" t="s">
        <v>69</v>
      </c>
      <c r="J25380" s="5" t="s">
        <v>64310</v>
      </c>
      <c r="K25380" s="2" t="s">
        <v>64311</v>
      </c>
      <c r="L25380" s="5" t="s">
        <v>64310</v>
      </c>
      <c r="M25380" s="2" t="s">
        <v>64311</v>
      </c>
      <c r="N25380" s="5" t="s">
        <v>733</v>
      </c>
      <c r="O25380" s="5" t="s">
        <v>38</v>
      </c>
      <c r="P25380" s="5" t="s">
        <v>39</v>
      </c>
      <c r="Q25380" s="5" t="s">
        <v>40</v>
      </c>
      <c r="R25380" s="5" t="s">
        <v>897</v>
      </c>
      <c r="S25380" s="5" t="s">
        <v>40</v>
      </c>
      <c r="T25380" s="5" t="s">
        <v>42</v>
      </c>
      <c r="U25380" s="2">
        <v>32.6</v>
      </c>
      <c r="V25380" s="2">
        <v>29.951000000000001</v>
      </c>
      <c r="W25380" s="2">
        <v>0.153</v>
      </c>
      <c r="X25380" s="2">
        <v>17</v>
      </c>
      <c r="Y25380" s="2">
        <v>80.7</v>
      </c>
      <c r="Z25380" s="2">
        <v>111.6</v>
      </c>
      <c r="AA25380" s="5">
        <v>7</v>
      </c>
      <c r="AB25380" s="5" t="s">
        <v>43</v>
      </c>
      <c r="AC25380" s="5" t="s">
        <v>735</v>
      </c>
      <c r="AD25380" s="2" t="s">
        <v>81133</v>
      </c>
      <c r="AE25380" s="1"/>
    </row>
    <row r="25381" spans="1:31" ht="14.45">
      <c r="A25381" s="11"/>
      <c r="B25381" s="20"/>
      <c r="C25381" s="2" t="s">
        <v>81134</v>
      </c>
      <c r="D25381" s="14" t="s">
        <v>81135</v>
      </c>
      <c r="E25381" s="2" t="s">
        <v>81136</v>
      </c>
      <c r="F25381" s="2" t="s">
        <v>81137</v>
      </c>
      <c r="G25381" s="8">
        <v>1429</v>
      </c>
      <c r="H25381" s="5">
        <v>10</v>
      </c>
      <c r="I25381" s="5" t="s">
        <v>69</v>
      </c>
      <c r="J25381" s="5" t="s">
        <v>64310</v>
      </c>
      <c r="K25381" s="2" t="s">
        <v>64311</v>
      </c>
      <c r="L25381" s="5" t="s">
        <v>64310</v>
      </c>
      <c r="M25381" s="2" t="s">
        <v>64311</v>
      </c>
      <c r="N25381" s="5" t="s">
        <v>733</v>
      </c>
      <c r="O25381" s="5" t="s">
        <v>38</v>
      </c>
      <c r="P25381" s="5" t="s">
        <v>39</v>
      </c>
      <c r="Q25381" s="5" t="s">
        <v>40</v>
      </c>
      <c r="R25381" s="5" t="s">
        <v>897</v>
      </c>
      <c r="S25381" s="5" t="s">
        <v>40</v>
      </c>
      <c r="T25381" s="5" t="s">
        <v>42</v>
      </c>
      <c r="U25381" s="2">
        <v>36.252000000000002</v>
      </c>
      <c r="V25381" s="2">
        <v>33.603000000000002</v>
      </c>
      <c r="W25381" s="2">
        <v>0.153</v>
      </c>
      <c r="X25381" s="2">
        <v>17</v>
      </c>
      <c r="Y25381" s="2">
        <v>80.7</v>
      </c>
      <c r="Z25381" s="2">
        <v>111.6</v>
      </c>
      <c r="AA25381" s="5">
        <v>7</v>
      </c>
      <c r="AB25381" s="5" t="s">
        <v>43</v>
      </c>
      <c r="AC25381" s="5" t="s">
        <v>735</v>
      </c>
      <c r="AD25381" s="2" t="s">
        <v>81138</v>
      </c>
      <c r="AE25381" s="1"/>
    </row>
    <row r="25382" spans="1:31" ht="14.45">
      <c r="A25382" s="11"/>
      <c r="B25382" s="20"/>
      <c r="C25382" s="2" t="s">
        <v>81139</v>
      </c>
      <c r="D25382" s="14" t="s">
        <v>81140</v>
      </c>
      <c r="E25382" s="2" t="s">
        <v>81141</v>
      </c>
      <c r="F25382" s="2" t="s">
        <v>81142</v>
      </c>
      <c r="G25382" s="8">
        <v>1359</v>
      </c>
      <c r="H25382" s="5">
        <v>10</v>
      </c>
      <c r="I25382" s="5" t="s">
        <v>69</v>
      </c>
      <c r="J25382" s="5" t="s">
        <v>64310</v>
      </c>
      <c r="K25382" s="2" t="s">
        <v>64311</v>
      </c>
      <c r="L25382" s="5" t="s">
        <v>64310</v>
      </c>
      <c r="M25382" s="2" t="s">
        <v>64311</v>
      </c>
      <c r="N25382" s="5" t="s">
        <v>733</v>
      </c>
      <c r="O25382" s="5" t="s">
        <v>38</v>
      </c>
      <c r="P25382" s="5" t="s">
        <v>39</v>
      </c>
      <c r="Q25382" s="5" t="s">
        <v>40</v>
      </c>
      <c r="R25382" s="5" t="s">
        <v>897</v>
      </c>
      <c r="S25382" s="5" t="s">
        <v>40</v>
      </c>
      <c r="T25382" s="5" t="s">
        <v>42</v>
      </c>
      <c r="U25382" s="2">
        <v>36.228000000000002</v>
      </c>
      <c r="V25382" s="2">
        <v>33.579000000000001</v>
      </c>
      <c r="W25382" s="2">
        <v>0.153</v>
      </c>
      <c r="X25382" s="2">
        <v>17</v>
      </c>
      <c r="Y25382" s="2">
        <v>80.7</v>
      </c>
      <c r="Z25382" s="2">
        <v>111.6</v>
      </c>
      <c r="AA25382" s="5">
        <v>7</v>
      </c>
      <c r="AB25382" s="5" t="s">
        <v>43</v>
      </c>
      <c r="AC25382" s="5" t="s">
        <v>735</v>
      </c>
      <c r="AD25382" s="2" t="s">
        <v>81143</v>
      </c>
      <c r="AE25382" s="1"/>
    </row>
    <row r="25383" spans="1:31" ht="14.45">
      <c r="A25383" s="11"/>
      <c r="B25383" s="20"/>
      <c r="C25383" s="2" t="s">
        <v>81144</v>
      </c>
      <c r="D25383" s="14" t="s">
        <v>81145</v>
      </c>
      <c r="E25383" s="2" t="s">
        <v>81146</v>
      </c>
      <c r="F25383" s="2" t="s">
        <v>81147</v>
      </c>
      <c r="G25383" s="8">
        <v>1359</v>
      </c>
      <c r="H25383" s="5">
        <v>10</v>
      </c>
      <c r="I25383" s="5" t="s">
        <v>69</v>
      </c>
      <c r="J25383" s="5" t="s">
        <v>64310</v>
      </c>
      <c r="K25383" s="2" t="s">
        <v>64311</v>
      </c>
      <c r="L25383" s="5" t="s">
        <v>64310</v>
      </c>
      <c r="M25383" s="2" t="s">
        <v>64311</v>
      </c>
      <c r="N25383" s="5" t="s">
        <v>733</v>
      </c>
      <c r="O25383" s="5" t="s">
        <v>38</v>
      </c>
      <c r="P25383" s="5" t="s">
        <v>39</v>
      </c>
      <c r="Q25383" s="5" t="s">
        <v>40</v>
      </c>
      <c r="R25383" s="5" t="s">
        <v>897</v>
      </c>
      <c r="S25383" s="5" t="s">
        <v>40</v>
      </c>
      <c r="T25383" s="5" t="s">
        <v>42</v>
      </c>
      <c r="U25383" s="2">
        <v>35.156999999999996</v>
      </c>
      <c r="V25383" s="2">
        <v>32.508000000000003</v>
      </c>
      <c r="W25383" s="2">
        <v>0.153</v>
      </c>
      <c r="X25383" s="2">
        <v>17</v>
      </c>
      <c r="Y25383" s="2">
        <v>80.7</v>
      </c>
      <c r="Z25383" s="2">
        <v>111.6</v>
      </c>
      <c r="AA25383" s="5">
        <v>7</v>
      </c>
      <c r="AB25383" s="5" t="s">
        <v>43</v>
      </c>
      <c r="AC25383" s="5" t="s">
        <v>735</v>
      </c>
      <c r="AD25383" s="2" t="s">
        <v>81148</v>
      </c>
      <c r="AE25383" s="1"/>
    </row>
    <row r="25384" spans="1:31" ht="14.45">
      <c r="A25384" s="11"/>
      <c r="B25384" s="20"/>
      <c r="C25384" s="2" t="s">
        <v>81149</v>
      </c>
      <c r="D25384" s="14" t="s">
        <v>81150</v>
      </c>
      <c r="E25384" s="2" t="s">
        <v>81151</v>
      </c>
      <c r="F25384" s="2" t="s">
        <v>81152</v>
      </c>
      <c r="G25384" s="8">
        <v>961</v>
      </c>
      <c r="H25384" s="5">
        <v>10</v>
      </c>
      <c r="I25384" s="5" t="s">
        <v>69</v>
      </c>
      <c r="J25384" s="5" t="s">
        <v>64310</v>
      </c>
      <c r="K25384" s="2" t="s">
        <v>64311</v>
      </c>
      <c r="L25384" s="5" t="s">
        <v>64310</v>
      </c>
      <c r="M25384" s="2" t="s">
        <v>64311</v>
      </c>
      <c r="N25384" s="5" t="s">
        <v>733</v>
      </c>
      <c r="O25384" s="5" t="s">
        <v>38</v>
      </c>
      <c r="P25384" s="5" t="s">
        <v>39</v>
      </c>
      <c r="Q25384" s="5" t="s">
        <v>40</v>
      </c>
      <c r="R25384" s="5" t="s">
        <v>897</v>
      </c>
      <c r="S25384" s="5" t="s">
        <v>40</v>
      </c>
      <c r="T25384" s="5" t="s">
        <v>42</v>
      </c>
      <c r="U25384" s="2">
        <v>32.564</v>
      </c>
      <c r="V25384" s="2">
        <v>29.914999999999999</v>
      </c>
      <c r="W25384" s="2">
        <v>0.153</v>
      </c>
      <c r="X25384" s="2">
        <v>17</v>
      </c>
      <c r="Y25384" s="2">
        <v>80.7</v>
      </c>
      <c r="Z25384" s="2">
        <v>111.6</v>
      </c>
      <c r="AA25384" s="5">
        <v>7</v>
      </c>
      <c r="AB25384" s="5" t="s">
        <v>43</v>
      </c>
      <c r="AC25384" s="5" t="s">
        <v>735</v>
      </c>
      <c r="AD25384" s="2" t="s">
        <v>81153</v>
      </c>
      <c r="AE25384" s="1"/>
    </row>
    <row r="25385" spans="1:31" ht="14.45">
      <c r="A25385" s="11"/>
      <c r="B25385" s="20"/>
      <c r="C25385" s="2" t="s">
        <v>81154</v>
      </c>
      <c r="D25385" s="14" t="s">
        <v>81155</v>
      </c>
      <c r="E25385" s="2" t="s">
        <v>81156</v>
      </c>
      <c r="F25385" s="2" t="s">
        <v>81157</v>
      </c>
      <c r="G25385" s="8">
        <v>728</v>
      </c>
      <c r="H25385" s="5">
        <v>5</v>
      </c>
      <c r="I25385" s="5" t="s">
        <v>69</v>
      </c>
      <c r="J25385" s="5" t="s">
        <v>64310</v>
      </c>
      <c r="K25385" s="2" t="s">
        <v>64311</v>
      </c>
      <c r="L25385" s="5" t="s">
        <v>64310</v>
      </c>
      <c r="M25385" s="2" t="s">
        <v>64311</v>
      </c>
      <c r="N25385" s="5" t="s">
        <v>733</v>
      </c>
      <c r="O25385" s="5" t="s">
        <v>38</v>
      </c>
      <c r="P25385" s="5" t="s">
        <v>39</v>
      </c>
      <c r="Q25385" s="5" t="s">
        <v>40</v>
      </c>
      <c r="R25385" s="5" t="s">
        <v>897</v>
      </c>
      <c r="S25385" s="5" t="s">
        <v>40</v>
      </c>
      <c r="T25385" s="5" t="s">
        <v>42</v>
      </c>
      <c r="U25385" s="2">
        <v>28.491</v>
      </c>
      <c r="V25385" s="2">
        <v>25.841999999999999</v>
      </c>
      <c r="W25385" s="2">
        <v>0.153</v>
      </c>
      <c r="X25385" s="2">
        <v>17</v>
      </c>
      <c r="Y25385" s="2">
        <v>80.7</v>
      </c>
      <c r="Z25385" s="2">
        <v>111.6</v>
      </c>
      <c r="AA25385" s="5">
        <v>7</v>
      </c>
      <c r="AB25385" s="5" t="s">
        <v>43</v>
      </c>
      <c r="AC25385" s="5" t="s">
        <v>735</v>
      </c>
      <c r="AD25385" s="2" t="s">
        <v>81158</v>
      </c>
      <c r="AE25385" s="1"/>
    </row>
    <row r="25386" spans="1:31" ht="14.45">
      <c r="A25386" s="11"/>
      <c r="B25386" s="20"/>
      <c r="C25386" s="2" t="s">
        <v>81159</v>
      </c>
      <c r="D25386" s="14" t="s">
        <v>81160</v>
      </c>
      <c r="E25386" s="2" t="s">
        <v>81161</v>
      </c>
      <c r="F25386" s="2" t="s">
        <v>81162</v>
      </c>
      <c r="G25386" s="8">
        <v>891</v>
      </c>
      <c r="H25386" s="5">
        <v>5</v>
      </c>
      <c r="I25386" s="5" t="s">
        <v>69</v>
      </c>
      <c r="J25386" s="5" t="s">
        <v>64310</v>
      </c>
      <c r="K25386" s="2" t="s">
        <v>64311</v>
      </c>
      <c r="L25386" s="5" t="s">
        <v>64310</v>
      </c>
      <c r="M25386" s="2" t="s">
        <v>64311</v>
      </c>
      <c r="N25386" s="5" t="s">
        <v>733</v>
      </c>
      <c r="O25386" s="5" t="s">
        <v>38</v>
      </c>
      <c r="P25386" s="5" t="s">
        <v>39</v>
      </c>
      <c r="Q25386" s="5" t="s">
        <v>40</v>
      </c>
      <c r="R25386" s="5" t="s">
        <v>897</v>
      </c>
      <c r="S25386" s="5" t="s">
        <v>40</v>
      </c>
      <c r="T25386" s="5" t="s">
        <v>42</v>
      </c>
      <c r="U25386" s="2">
        <v>32.54</v>
      </c>
      <c r="V25386" s="2">
        <v>29.890999999999998</v>
      </c>
      <c r="W25386" s="2">
        <v>0.153</v>
      </c>
      <c r="X25386" s="2">
        <v>17</v>
      </c>
      <c r="Y25386" s="2">
        <v>80.7</v>
      </c>
      <c r="Z25386" s="2">
        <v>111.6</v>
      </c>
      <c r="AA25386" s="5">
        <v>7</v>
      </c>
      <c r="AB25386" s="5" t="s">
        <v>43</v>
      </c>
      <c r="AC25386" s="5" t="s">
        <v>735</v>
      </c>
      <c r="AD25386" s="2" t="s">
        <v>81163</v>
      </c>
      <c r="AE25386" s="1"/>
    </row>
    <row r="25387" spans="1:31" ht="14.45">
      <c r="A25387" s="11"/>
      <c r="B25387" s="20"/>
      <c r="C25387" s="2" t="s">
        <v>81164</v>
      </c>
      <c r="D25387" s="14" t="s">
        <v>81165</v>
      </c>
      <c r="E25387" s="2" t="s">
        <v>81166</v>
      </c>
      <c r="F25387" s="2" t="s">
        <v>81167</v>
      </c>
      <c r="G25387" s="8">
        <v>1429</v>
      </c>
      <c r="H25387" s="5">
        <v>10</v>
      </c>
      <c r="I25387" s="5" t="s">
        <v>69</v>
      </c>
      <c r="J25387" s="5" t="s">
        <v>64310</v>
      </c>
      <c r="K25387" s="2" t="s">
        <v>64311</v>
      </c>
      <c r="L25387" s="5" t="s">
        <v>64310</v>
      </c>
      <c r="M25387" s="2" t="s">
        <v>64311</v>
      </c>
      <c r="N25387" s="5" t="s">
        <v>733</v>
      </c>
      <c r="O25387" s="5" t="s">
        <v>38</v>
      </c>
      <c r="P25387" s="5" t="s">
        <v>39</v>
      </c>
      <c r="Q25387" s="5" t="s">
        <v>40</v>
      </c>
      <c r="R25387" s="5" t="s">
        <v>897</v>
      </c>
      <c r="S25387" s="5" t="s">
        <v>40</v>
      </c>
      <c r="T25387" s="5" t="s">
        <v>42</v>
      </c>
      <c r="U25387" s="2">
        <v>36.192</v>
      </c>
      <c r="V25387" s="2">
        <v>33.542999999999999</v>
      </c>
      <c r="W25387" s="2">
        <v>0.153</v>
      </c>
      <c r="X25387" s="2">
        <v>17</v>
      </c>
      <c r="Y25387" s="2">
        <v>80.7</v>
      </c>
      <c r="Z25387" s="2">
        <v>111.6</v>
      </c>
      <c r="AA25387" s="5">
        <v>7</v>
      </c>
      <c r="AB25387" s="5" t="s">
        <v>43</v>
      </c>
      <c r="AC25387" s="5" t="s">
        <v>735</v>
      </c>
      <c r="AD25387" s="2" t="s">
        <v>81168</v>
      </c>
      <c r="AE25387" s="1"/>
    </row>
    <row r="25388" spans="1:31" ht="14.45">
      <c r="A25388" s="11"/>
      <c r="B25388" s="20"/>
      <c r="C25388" s="2" t="s">
        <v>81169</v>
      </c>
      <c r="D25388" s="14" t="s">
        <v>81170</v>
      </c>
      <c r="E25388" s="2" t="s">
        <v>81171</v>
      </c>
      <c r="F25388" s="2" t="s">
        <v>81172</v>
      </c>
      <c r="G25388" s="8">
        <v>1359</v>
      </c>
      <c r="H25388" s="5">
        <v>10</v>
      </c>
      <c r="I25388" s="5" t="s">
        <v>69</v>
      </c>
      <c r="J25388" s="5" t="s">
        <v>64310</v>
      </c>
      <c r="K25388" s="2" t="s">
        <v>64311</v>
      </c>
      <c r="L25388" s="5" t="s">
        <v>64310</v>
      </c>
      <c r="M25388" s="2" t="s">
        <v>64311</v>
      </c>
      <c r="N25388" s="5" t="s">
        <v>733</v>
      </c>
      <c r="O25388" s="5" t="s">
        <v>38</v>
      </c>
      <c r="P25388" s="5" t="s">
        <v>39</v>
      </c>
      <c r="Q25388" s="5" t="s">
        <v>40</v>
      </c>
      <c r="R25388" s="5" t="s">
        <v>897</v>
      </c>
      <c r="S25388" s="5" t="s">
        <v>40</v>
      </c>
      <c r="T25388" s="5" t="s">
        <v>42</v>
      </c>
      <c r="U25388" s="2">
        <v>36.167999999999999</v>
      </c>
      <c r="V25388" s="2">
        <v>33.518999999999998</v>
      </c>
      <c r="W25388" s="2">
        <v>0.153</v>
      </c>
      <c r="X25388" s="2">
        <v>17</v>
      </c>
      <c r="Y25388" s="2">
        <v>80.7</v>
      </c>
      <c r="Z25388" s="2">
        <v>111.6</v>
      </c>
      <c r="AA25388" s="5">
        <v>7</v>
      </c>
      <c r="AB25388" s="5" t="s">
        <v>43</v>
      </c>
      <c r="AC25388" s="5" t="s">
        <v>735</v>
      </c>
      <c r="AD25388" s="2" t="s">
        <v>81173</v>
      </c>
      <c r="AE25388" s="1"/>
    </row>
    <row r="25389" spans="1:31" ht="14.45">
      <c r="A25389" s="11"/>
      <c r="B25389" s="20"/>
      <c r="C25389" s="2" t="s">
        <v>81174</v>
      </c>
      <c r="D25389" s="14" t="s">
        <v>81175</v>
      </c>
      <c r="E25389" s="2" t="s">
        <v>81176</v>
      </c>
      <c r="F25389" s="2" t="s">
        <v>81177</v>
      </c>
      <c r="G25389" s="8">
        <v>1359</v>
      </c>
      <c r="H25389" s="5">
        <v>5</v>
      </c>
      <c r="I25389" s="5" t="s">
        <v>69</v>
      </c>
      <c r="J25389" s="5" t="s">
        <v>64310</v>
      </c>
      <c r="K25389" s="2" t="s">
        <v>64311</v>
      </c>
      <c r="L25389" s="5" t="s">
        <v>64310</v>
      </c>
      <c r="M25389" s="2" t="s">
        <v>64311</v>
      </c>
      <c r="N25389" s="5" t="s">
        <v>733</v>
      </c>
      <c r="O25389" s="5" t="s">
        <v>38</v>
      </c>
      <c r="P25389" s="5" t="s">
        <v>39</v>
      </c>
      <c r="Q25389" s="5" t="s">
        <v>40</v>
      </c>
      <c r="R25389" s="5" t="s">
        <v>897</v>
      </c>
      <c r="S25389" s="5" t="s">
        <v>40</v>
      </c>
      <c r="T25389" s="5" t="s">
        <v>42</v>
      </c>
      <c r="U25389" s="2">
        <v>35.097000000000001</v>
      </c>
      <c r="V25389" s="2">
        <v>32.448</v>
      </c>
      <c r="W25389" s="2">
        <v>0.153</v>
      </c>
      <c r="X25389" s="2">
        <v>17</v>
      </c>
      <c r="Y25389" s="2">
        <v>80.7</v>
      </c>
      <c r="Z25389" s="2">
        <v>111.6</v>
      </c>
      <c r="AA25389" s="5">
        <v>7</v>
      </c>
      <c r="AB25389" s="5" t="s">
        <v>43</v>
      </c>
      <c r="AC25389" s="5" t="s">
        <v>735</v>
      </c>
      <c r="AD25389" s="2" t="s">
        <v>81178</v>
      </c>
      <c r="AE25389" s="1"/>
    </row>
    <row r="25390" spans="1:31" ht="14.45">
      <c r="A25390" s="11"/>
      <c r="B25390" s="20"/>
      <c r="C25390" s="2" t="s">
        <v>81179</v>
      </c>
      <c r="D25390" s="14" t="s">
        <v>81180</v>
      </c>
      <c r="E25390" s="2" t="s">
        <v>81181</v>
      </c>
      <c r="F25390" s="2" t="s">
        <v>81182</v>
      </c>
      <c r="G25390" s="8">
        <v>766</v>
      </c>
      <c r="H25390" s="5">
        <v>10</v>
      </c>
      <c r="I25390" s="5" t="s">
        <v>69</v>
      </c>
      <c r="J25390" s="5" t="s">
        <v>64310</v>
      </c>
      <c r="K25390" s="2" t="s">
        <v>64311</v>
      </c>
      <c r="L25390" s="5" t="s">
        <v>64310</v>
      </c>
      <c r="M25390" s="2" t="s">
        <v>64311</v>
      </c>
      <c r="N25390" s="5" t="s">
        <v>733</v>
      </c>
      <c r="O25390" s="5" t="s">
        <v>38</v>
      </c>
      <c r="P25390" s="5" t="s">
        <v>39</v>
      </c>
      <c r="Q25390" s="5" t="s">
        <v>40</v>
      </c>
      <c r="R25390" s="5" t="s">
        <v>897</v>
      </c>
      <c r="S25390" s="5" t="s">
        <v>40</v>
      </c>
      <c r="T25390" s="5" t="s">
        <v>42</v>
      </c>
      <c r="U25390" s="2">
        <v>33.722999999999999</v>
      </c>
      <c r="V25390" s="2">
        <v>30.602</v>
      </c>
      <c r="W25390" s="2">
        <v>0.18099999999999999</v>
      </c>
      <c r="X25390" s="2">
        <v>17</v>
      </c>
      <c r="Y25390" s="2">
        <v>80.7</v>
      </c>
      <c r="Z25390" s="2">
        <v>131.6</v>
      </c>
      <c r="AA25390" s="5">
        <v>7</v>
      </c>
      <c r="AB25390" s="5" t="s">
        <v>43</v>
      </c>
      <c r="AC25390" s="5" t="s">
        <v>735</v>
      </c>
      <c r="AD25390" s="2" t="s">
        <v>81183</v>
      </c>
      <c r="AE25390" s="1"/>
    </row>
    <row r="25391" spans="1:31" ht="14.45">
      <c r="A25391" s="11"/>
      <c r="B25391" s="20"/>
      <c r="C25391" s="2" t="s">
        <v>81184</v>
      </c>
      <c r="D25391" s="14" t="s">
        <v>81185</v>
      </c>
      <c r="E25391" s="2" t="s">
        <v>81186</v>
      </c>
      <c r="F25391" s="2" t="s">
        <v>81187</v>
      </c>
      <c r="G25391" s="8">
        <v>964</v>
      </c>
      <c r="H25391" s="5">
        <v>5</v>
      </c>
      <c r="I25391" s="5" t="s">
        <v>69</v>
      </c>
      <c r="J25391" s="5" t="s">
        <v>64310</v>
      </c>
      <c r="K25391" s="2" t="s">
        <v>64311</v>
      </c>
      <c r="L25391" s="5" t="s">
        <v>64310</v>
      </c>
      <c r="M25391" s="2" t="s">
        <v>64311</v>
      </c>
      <c r="N25391" s="5" t="s">
        <v>733</v>
      </c>
      <c r="O25391" s="5" t="s">
        <v>38</v>
      </c>
      <c r="P25391" s="5" t="s">
        <v>39</v>
      </c>
      <c r="Q25391" s="5" t="s">
        <v>40</v>
      </c>
      <c r="R25391" s="5" t="s">
        <v>897</v>
      </c>
      <c r="S25391" s="5" t="s">
        <v>40</v>
      </c>
      <c r="T25391" s="5" t="s">
        <v>42</v>
      </c>
      <c r="U25391" s="2">
        <v>38.761000000000003</v>
      </c>
      <c r="V25391" s="2">
        <v>35.64</v>
      </c>
      <c r="W25391" s="2">
        <v>0.18099999999999999</v>
      </c>
      <c r="X25391" s="2">
        <v>17</v>
      </c>
      <c r="Y25391" s="2">
        <v>80.7</v>
      </c>
      <c r="Z25391" s="2">
        <v>131.6</v>
      </c>
      <c r="AA25391" s="5">
        <v>7</v>
      </c>
      <c r="AB25391" s="5" t="s">
        <v>43</v>
      </c>
      <c r="AC25391" s="5" t="s">
        <v>735</v>
      </c>
      <c r="AD25391" s="2" t="s">
        <v>81188</v>
      </c>
      <c r="AE25391" s="1"/>
    </row>
    <row r="25392" spans="1:31" ht="14.45">
      <c r="A25392" s="11"/>
      <c r="B25392" s="20"/>
      <c r="C25392" s="2" t="s">
        <v>81189</v>
      </c>
      <c r="D25392" s="14" t="s">
        <v>81190</v>
      </c>
      <c r="E25392" s="2" t="s">
        <v>81191</v>
      </c>
      <c r="F25392" s="2" t="s">
        <v>81192</v>
      </c>
      <c r="G25392" s="8">
        <v>766</v>
      </c>
      <c r="H25392" s="5">
        <v>10</v>
      </c>
      <c r="I25392" s="5" t="s">
        <v>69</v>
      </c>
      <c r="J25392" s="5" t="s">
        <v>64310</v>
      </c>
      <c r="K25392" s="2" t="s">
        <v>64311</v>
      </c>
      <c r="L25392" s="5" t="s">
        <v>64310</v>
      </c>
      <c r="M25392" s="2" t="s">
        <v>64311</v>
      </c>
      <c r="N25392" s="5" t="s">
        <v>733</v>
      </c>
      <c r="O25392" s="5" t="s">
        <v>38</v>
      </c>
      <c r="P25392" s="5" t="s">
        <v>39</v>
      </c>
      <c r="Q25392" s="5" t="s">
        <v>40</v>
      </c>
      <c r="R25392" s="5" t="s">
        <v>897</v>
      </c>
      <c r="S25392" s="5" t="s">
        <v>40</v>
      </c>
      <c r="T25392" s="5" t="s">
        <v>42</v>
      </c>
      <c r="U25392" s="2">
        <v>33.662999999999997</v>
      </c>
      <c r="V25392" s="2">
        <v>30.542000000000002</v>
      </c>
      <c r="W25392" s="2">
        <v>0.18099999999999999</v>
      </c>
      <c r="X25392" s="2">
        <v>17</v>
      </c>
      <c r="Y25392" s="2">
        <v>80.7</v>
      </c>
      <c r="Z25392" s="2">
        <v>131.6</v>
      </c>
      <c r="AA25392" s="5">
        <v>7</v>
      </c>
      <c r="AB25392" s="5" t="s">
        <v>43</v>
      </c>
      <c r="AC25392" s="5" t="s">
        <v>735</v>
      </c>
      <c r="AD25392" s="2" t="s">
        <v>81193</v>
      </c>
      <c r="AE25392" s="1"/>
    </row>
    <row r="25393" spans="1:31" ht="14.45">
      <c r="A25393" s="11"/>
      <c r="B25393" s="20"/>
      <c r="C25393" s="2" t="s">
        <v>81194</v>
      </c>
      <c r="D25393" s="14" t="s">
        <v>81195</v>
      </c>
      <c r="E25393" s="2" t="s">
        <v>81196</v>
      </c>
      <c r="F25393" s="2" t="s">
        <v>81197</v>
      </c>
      <c r="G25393" s="8">
        <v>964</v>
      </c>
      <c r="H25393" s="5">
        <v>5</v>
      </c>
      <c r="I25393" s="5" t="s">
        <v>69</v>
      </c>
      <c r="J25393" s="5" t="s">
        <v>64310</v>
      </c>
      <c r="K25393" s="2" t="s">
        <v>64311</v>
      </c>
      <c r="L25393" s="5" t="s">
        <v>64310</v>
      </c>
      <c r="M25393" s="2" t="s">
        <v>64311</v>
      </c>
      <c r="N25393" s="5" t="s">
        <v>733</v>
      </c>
      <c r="O25393" s="5" t="s">
        <v>38</v>
      </c>
      <c r="P25393" s="5" t="s">
        <v>39</v>
      </c>
      <c r="Q25393" s="5" t="s">
        <v>40</v>
      </c>
      <c r="R25393" s="5" t="s">
        <v>897</v>
      </c>
      <c r="S25393" s="5" t="s">
        <v>40</v>
      </c>
      <c r="T25393" s="5" t="s">
        <v>42</v>
      </c>
      <c r="U25393" s="2">
        <v>38.701000000000001</v>
      </c>
      <c r="V25393" s="2">
        <v>35.58</v>
      </c>
      <c r="W25393" s="2">
        <v>0.18099999999999999</v>
      </c>
      <c r="X25393" s="2">
        <v>17</v>
      </c>
      <c r="Y25393" s="2">
        <v>80.7</v>
      </c>
      <c r="Z25393" s="2">
        <v>131.6</v>
      </c>
      <c r="AA25393" s="5">
        <v>7</v>
      </c>
      <c r="AB25393" s="5" t="s">
        <v>43</v>
      </c>
      <c r="AC25393" s="5" t="s">
        <v>735</v>
      </c>
      <c r="AD25393" s="2" t="s">
        <v>81198</v>
      </c>
      <c r="AE25393" s="1"/>
    </row>
    <row r="25394" spans="1:31" ht="14.45">
      <c r="A25394" s="11"/>
      <c r="B25394" s="20"/>
      <c r="C25394" s="2" t="s">
        <v>81199</v>
      </c>
      <c r="D25394" s="14" t="s">
        <v>81200</v>
      </c>
      <c r="E25394" s="2" t="s">
        <v>81201</v>
      </c>
      <c r="F25394" s="2" t="s">
        <v>81202</v>
      </c>
      <c r="G25394" s="8">
        <v>812</v>
      </c>
      <c r="H25394" s="5">
        <v>10</v>
      </c>
      <c r="I25394" s="5" t="s">
        <v>69</v>
      </c>
      <c r="J25394" s="5" t="s">
        <v>64310</v>
      </c>
      <c r="K25394" s="2" t="s">
        <v>64311</v>
      </c>
      <c r="L25394" s="5" t="s">
        <v>64310</v>
      </c>
      <c r="M25394" s="2" t="s">
        <v>64311</v>
      </c>
      <c r="N25394" s="5" t="s">
        <v>733</v>
      </c>
      <c r="O25394" s="5" t="s">
        <v>38</v>
      </c>
      <c r="P25394" s="5" t="s">
        <v>39</v>
      </c>
      <c r="Q25394" s="5" t="s">
        <v>40</v>
      </c>
      <c r="R25394" s="5" t="s">
        <v>897</v>
      </c>
      <c r="S25394" s="5" t="s">
        <v>40</v>
      </c>
      <c r="T25394" s="5" t="s">
        <v>42</v>
      </c>
      <c r="U25394" s="2">
        <v>39.518999999999998</v>
      </c>
      <c r="V25394" s="2">
        <v>35.715000000000003</v>
      </c>
      <c r="W25394" s="2">
        <v>0.21099999999999999</v>
      </c>
      <c r="X25394" s="2">
        <v>17</v>
      </c>
      <c r="Y25394" s="2">
        <v>80.7</v>
      </c>
      <c r="Z25394" s="2">
        <v>153.6</v>
      </c>
      <c r="AA25394" s="5">
        <v>7</v>
      </c>
      <c r="AB25394" s="5" t="s">
        <v>43</v>
      </c>
      <c r="AC25394" s="5" t="s">
        <v>735</v>
      </c>
      <c r="AD25394" s="2" t="s">
        <v>81203</v>
      </c>
      <c r="AE25394" s="1"/>
    </row>
    <row r="25395" spans="1:31" ht="14.45">
      <c r="A25395" s="11"/>
      <c r="B25395" s="20"/>
      <c r="C25395" s="2" t="s">
        <v>81204</v>
      </c>
      <c r="D25395" s="14" t="s">
        <v>81205</v>
      </c>
      <c r="E25395" s="2" t="s">
        <v>81206</v>
      </c>
      <c r="F25395" s="2" t="s">
        <v>81207</v>
      </c>
      <c r="G25395" s="8">
        <v>1048</v>
      </c>
      <c r="H25395" s="5">
        <v>5</v>
      </c>
      <c r="I25395" s="5" t="s">
        <v>69</v>
      </c>
      <c r="J25395" s="5" t="s">
        <v>64310</v>
      </c>
      <c r="K25395" s="2" t="s">
        <v>64311</v>
      </c>
      <c r="L25395" s="5" t="s">
        <v>64310</v>
      </c>
      <c r="M25395" s="2" t="s">
        <v>64311</v>
      </c>
      <c r="N25395" s="5" t="s">
        <v>733</v>
      </c>
      <c r="O25395" s="5" t="s">
        <v>38</v>
      </c>
      <c r="P25395" s="5" t="s">
        <v>39</v>
      </c>
      <c r="Q25395" s="5" t="s">
        <v>40</v>
      </c>
      <c r="R25395" s="5" t="s">
        <v>897</v>
      </c>
      <c r="S25395" s="5" t="s">
        <v>40</v>
      </c>
      <c r="T25395" s="5" t="s">
        <v>42</v>
      </c>
      <c r="U25395" s="2">
        <v>45.640999999999998</v>
      </c>
      <c r="V25395" s="2">
        <v>41.837000000000003</v>
      </c>
      <c r="W25395" s="2">
        <v>0.21099999999999999</v>
      </c>
      <c r="X25395" s="2">
        <v>17</v>
      </c>
      <c r="Y25395" s="2">
        <v>80.7</v>
      </c>
      <c r="Z25395" s="2">
        <v>153.6</v>
      </c>
      <c r="AA25395" s="5">
        <v>7</v>
      </c>
      <c r="AB25395" s="5" t="s">
        <v>43</v>
      </c>
      <c r="AC25395" s="5" t="s">
        <v>735</v>
      </c>
      <c r="AD25395" s="2" t="s">
        <v>81208</v>
      </c>
      <c r="AE25395" s="1"/>
    </row>
    <row r="25396" spans="1:31" ht="14.45">
      <c r="A25396" s="11"/>
      <c r="B25396" s="20"/>
      <c r="C25396" s="2" t="s">
        <v>81209</v>
      </c>
      <c r="D25396" s="14" t="s">
        <v>81210</v>
      </c>
      <c r="E25396" s="2" t="s">
        <v>81211</v>
      </c>
      <c r="F25396" s="2" t="s">
        <v>81212</v>
      </c>
      <c r="G25396" s="8">
        <v>812</v>
      </c>
      <c r="H25396" s="5">
        <v>5</v>
      </c>
      <c r="I25396" s="5" t="s">
        <v>69</v>
      </c>
      <c r="J25396" s="5" t="s">
        <v>64310</v>
      </c>
      <c r="K25396" s="2" t="s">
        <v>64311</v>
      </c>
      <c r="L25396" s="5" t="s">
        <v>64310</v>
      </c>
      <c r="M25396" s="2" t="s">
        <v>64311</v>
      </c>
      <c r="N25396" s="5" t="s">
        <v>733</v>
      </c>
      <c r="O25396" s="5" t="s">
        <v>38</v>
      </c>
      <c r="P25396" s="5" t="s">
        <v>39</v>
      </c>
      <c r="Q25396" s="5" t="s">
        <v>40</v>
      </c>
      <c r="R25396" s="5" t="s">
        <v>897</v>
      </c>
      <c r="S25396" s="5" t="s">
        <v>40</v>
      </c>
      <c r="T25396" s="5" t="s">
        <v>42</v>
      </c>
      <c r="U25396" s="2">
        <v>39.459000000000003</v>
      </c>
      <c r="V25396" s="2">
        <v>35.655000000000001</v>
      </c>
      <c r="W25396" s="2">
        <v>0.21099999999999999</v>
      </c>
      <c r="X25396" s="2">
        <v>17</v>
      </c>
      <c r="Y25396" s="2">
        <v>80.7</v>
      </c>
      <c r="Z25396" s="2">
        <v>153.6</v>
      </c>
      <c r="AA25396" s="5">
        <v>7</v>
      </c>
      <c r="AB25396" s="5" t="s">
        <v>43</v>
      </c>
      <c r="AC25396" s="5" t="s">
        <v>735</v>
      </c>
      <c r="AD25396" s="2" t="s">
        <v>81213</v>
      </c>
      <c r="AE25396" s="1"/>
    </row>
    <row r="25397" spans="1:31" ht="14.45">
      <c r="A25397" s="11"/>
      <c r="B25397" s="20"/>
      <c r="C25397" s="2" t="s">
        <v>81214</v>
      </c>
      <c r="D25397" s="14" t="s">
        <v>81215</v>
      </c>
      <c r="E25397" s="2" t="s">
        <v>81216</v>
      </c>
      <c r="F25397" s="2" t="s">
        <v>81217</v>
      </c>
      <c r="G25397" s="8">
        <v>1048</v>
      </c>
      <c r="H25397" s="5">
        <v>10</v>
      </c>
      <c r="I25397" s="5" t="s">
        <v>69</v>
      </c>
      <c r="J25397" s="5" t="s">
        <v>64310</v>
      </c>
      <c r="K25397" s="2" t="s">
        <v>64311</v>
      </c>
      <c r="L25397" s="5" t="s">
        <v>64310</v>
      </c>
      <c r="M25397" s="2" t="s">
        <v>64311</v>
      </c>
      <c r="N25397" s="5" t="s">
        <v>733</v>
      </c>
      <c r="O25397" s="5" t="s">
        <v>38</v>
      </c>
      <c r="P25397" s="5" t="s">
        <v>39</v>
      </c>
      <c r="Q25397" s="5" t="s">
        <v>40</v>
      </c>
      <c r="R25397" s="5" t="s">
        <v>897</v>
      </c>
      <c r="S25397" s="5" t="s">
        <v>40</v>
      </c>
      <c r="T25397" s="5" t="s">
        <v>42</v>
      </c>
      <c r="U25397" s="2">
        <v>45.581000000000003</v>
      </c>
      <c r="V25397" s="2">
        <v>41.777000000000001</v>
      </c>
      <c r="W25397" s="2">
        <v>0.21099999999999999</v>
      </c>
      <c r="X25397" s="2">
        <v>17</v>
      </c>
      <c r="Y25397" s="2">
        <v>80.7</v>
      </c>
      <c r="Z25397" s="2">
        <v>153.6</v>
      </c>
      <c r="AA25397" s="5">
        <v>7</v>
      </c>
      <c r="AB25397" s="5" t="s">
        <v>43</v>
      </c>
      <c r="AC25397" s="5" t="s">
        <v>735</v>
      </c>
      <c r="AD25397" s="2" t="s">
        <v>81218</v>
      </c>
      <c r="AE25397" s="1"/>
    </row>
    <row r="25398" spans="1:31" ht="14.45">
      <c r="A25398" s="11"/>
      <c r="B25398" s="20"/>
      <c r="C25398" s="2" t="s">
        <v>81219</v>
      </c>
      <c r="D25398" s="14" t="s">
        <v>81220</v>
      </c>
      <c r="E25398" s="2" t="s">
        <v>81221</v>
      </c>
      <c r="F25398" s="2" t="s">
        <v>81222</v>
      </c>
      <c r="G25398" s="8">
        <v>900</v>
      </c>
      <c r="H25398" s="5">
        <v>15</v>
      </c>
      <c r="I25398" s="5" t="s">
        <v>69</v>
      </c>
      <c r="J25398" s="5" t="s">
        <v>64310</v>
      </c>
      <c r="K25398" s="2" t="s">
        <v>64311</v>
      </c>
      <c r="L25398" s="5" t="s">
        <v>64310</v>
      </c>
      <c r="M25398" s="2" t="s">
        <v>64311</v>
      </c>
      <c r="N25398" s="5" t="s">
        <v>733</v>
      </c>
      <c r="O25398" s="5" t="s">
        <v>38</v>
      </c>
      <c r="P25398" s="5" t="s">
        <v>39</v>
      </c>
      <c r="Q25398" s="5" t="s">
        <v>40</v>
      </c>
      <c r="R25398" s="5" t="s">
        <v>897</v>
      </c>
      <c r="S25398" s="5" t="s">
        <v>40</v>
      </c>
      <c r="T25398" s="5" t="s">
        <v>42</v>
      </c>
      <c r="U25398" s="2">
        <v>30.128</v>
      </c>
      <c r="V25398" s="2">
        <v>26.715</v>
      </c>
      <c r="W25398" s="2">
        <v>0.184</v>
      </c>
      <c r="X25398" s="2">
        <v>17</v>
      </c>
      <c r="Y25398" s="2">
        <v>96.9</v>
      </c>
      <c r="Z25398" s="2">
        <v>111.6</v>
      </c>
      <c r="AA25398" s="5">
        <v>7</v>
      </c>
      <c r="AB25398" s="5" t="s">
        <v>43</v>
      </c>
      <c r="AC25398" s="5" t="s">
        <v>735</v>
      </c>
      <c r="AD25398" s="2" t="s">
        <v>81223</v>
      </c>
      <c r="AE25398" s="1"/>
    </row>
    <row r="25399" spans="1:31" ht="14.45">
      <c r="A25399" s="11"/>
      <c r="B25399" s="20"/>
      <c r="C25399" s="2" t="s">
        <v>81224</v>
      </c>
      <c r="D25399" s="14" t="s">
        <v>81225</v>
      </c>
      <c r="E25399" s="2" t="s">
        <v>81226</v>
      </c>
      <c r="F25399" s="2" t="s">
        <v>81227</v>
      </c>
      <c r="G25399" s="8">
        <v>828</v>
      </c>
      <c r="H25399" s="5">
        <v>5</v>
      </c>
      <c r="I25399" s="5" t="s">
        <v>69</v>
      </c>
      <c r="J25399" s="5" t="s">
        <v>64310</v>
      </c>
      <c r="K25399" s="2" t="s">
        <v>64311</v>
      </c>
      <c r="L25399" s="5" t="s">
        <v>64310</v>
      </c>
      <c r="M25399" s="2" t="s">
        <v>64311</v>
      </c>
      <c r="N25399" s="5" t="s">
        <v>733</v>
      </c>
      <c r="O25399" s="5" t="s">
        <v>38</v>
      </c>
      <c r="P25399" s="5" t="s">
        <v>39</v>
      </c>
      <c r="Q25399" s="5" t="s">
        <v>40</v>
      </c>
      <c r="R25399" s="5" t="s">
        <v>897</v>
      </c>
      <c r="S25399" s="5" t="s">
        <v>40</v>
      </c>
      <c r="T25399" s="5" t="s">
        <v>42</v>
      </c>
      <c r="U25399" s="2">
        <v>27.076000000000001</v>
      </c>
      <c r="V25399" s="2">
        <v>23.663</v>
      </c>
      <c r="W25399" s="2">
        <v>0.184</v>
      </c>
      <c r="X25399" s="2">
        <v>17</v>
      </c>
      <c r="Y25399" s="2">
        <v>96.9</v>
      </c>
      <c r="Z25399" s="2">
        <v>111.6</v>
      </c>
      <c r="AA25399" s="5">
        <v>7</v>
      </c>
      <c r="AB25399" s="5" t="s">
        <v>43</v>
      </c>
      <c r="AC25399" s="5" t="s">
        <v>735</v>
      </c>
      <c r="AD25399" s="2" t="s">
        <v>81228</v>
      </c>
      <c r="AE25399" s="1"/>
    </row>
    <row r="25400" spans="1:31" ht="14.45">
      <c r="A25400" s="11"/>
      <c r="B25400" s="20"/>
      <c r="C25400" s="2" t="s">
        <v>81229</v>
      </c>
      <c r="D25400" s="14" t="s">
        <v>81230</v>
      </c>
      <c r="E25400" s="2" t="s">
        <v>81231</v>
      </c>
      <c r="F25400" s="2" t="s">
        <v>81232</v>
      </c>
      <c r="G25400" s="8">
        <v>651</v>
      </c>
      <c r="H25400" s="5">
        <v>5</v>
      </c>
      <c r="I25400" s="5" t="s">
        <v>69</v>
      </c>
      <c r="J25400" s="5" t="s">
        <v>64310</v>
      </c>
      <c r="K25400" s="2" t="s">
        <v>64311</v>
      </c>
      <c r="L25400" s="5" t="s">
        <v>64310</v>
      </c>
      <c r="M25400" s="2" t="s">
        <v>64311</v>
      </c>
      <c r="N25400" s="5" t="s">
        <v>733</v>
      </c>
      <c r="O25400" s="5" t="s">
        <v>38</v>
      </c>
      <c r="P25400" s="5" t="s">
        <v>39</v>
      </c>
      <c r="Q25400" s="5" t="s">
        <v>40</v>
      </c>
      <c r="R25400" s="5" t="s">
        <v>897</v>
      </c>
      <c r="S25400" s="5" t="s">
        <v>40</v>
      </c>
      <c r="T25400" s="5" t="s">
        <v>42</v>
      </c>
      <c r="U25400" s="2">
        <v>24.212</v>
      </c>
      <c r="V25400" s="2">
        <v>20.798999999999999</v>
      </c>
      <c r="W25400" s="2">
        <v>0.184</v>
      </c>
      <c r="X25400" s="2">
        <v>17</v>
      </c>
      <c r="Y25400" s="2">
        <v>96.9</v>
      </c>
      <c r="Z25400" s="2">
        <v>111.6</v>
      </c>
      <c r="AA25400" s="5">
        <v>7</v>
      </c>
      <c r="AB25400" s="5" t="s">
        <v>43</v>
      </c>
      <c r="AC25400" s="5" t="s">
        <v>735</v>
      </c>
      <c r="AD25400" s="2" t="s">
        <v>81233</v>
      </c>
      <c r="AE25400" s="1"/>
    </row>
    <row r="25401" spans="1:31" ht="14.45">
      <c r="A25401" s="11"/>
      <c r="B25401" s="20"/>
      <c r="C25401" s="2" t="s">
        <v>81234</v>
      </c>
      <c r="D25401" s="14" t="s">
        <v>81235</v>
      </c>
      <c r="E25401" s="2" t="s">
        <v>81236</v>
      </c>
      <c r="F25401" s="2" t="s">
        <v>81237</v>
      </c>
      <c r="G25401" s="8">
        <v>775</v>
      </c>
      <c r="H25401" s="5">
        <v>10</v>
      </c>
      <c r="I25401" s="5" t="s">
        <v>69</v>
      </c>
      <c r="J25401" s="5" t="s">
        <v>64310</v>
      </c>
      <c r="K25401" s="2" t="s">
        <v>64311</v>
      </c>
      <c r="L25401" s="5" t="s">
        <v>64310</v>
      </c>
      <c r="M25401" s="2" t="s">
        <v>64311</v>
      </c>
      <c r="N25401" s="5" t="s">
        <v>733</v>
      </c>
      <c r="O25401" s="5" t="s">
        <v>38</v>
      </c>
      <c r="P25401" s="5" t="s">
        <v>39</v>
      </c>
      <c r="Q25401" s="5" t="s">
        <v>40</v>
      </c>
      <c r="R25401" s="5" t="s">
        <v>897</v>
      </c>
      <c r="S25401" s="5" t="s">
        <v>40</v>
      </c>
      <c r="T25401" s="5" t="s">
        <v>42</v>
      </c>
      <c r="U25401" s="2">
        <v>27.059000000000001</v>
      </c>
      <c r="V25401" s="2">
        <v>23.646000000000001</v>
      </c>
      <c r="W25401" s="2">
        <v>0.184</v>
      </c>
      <c r="X25401" s="2">
        <v>17</v>
      </c>
      <c r="Y25401" s="2">
        <v>96.9</v>
      </c>
      <c r="Z25401" s="2">
        <v>111.6</v>
      </c>
      <c r="AA25401" s="5">
        <v>7</v>
      </c>
      <c r="AB25401" s="5" t="s">
        <v>43</v>
      </c>
      <c r="AC25401" s="5" t="s">
        <v>735</v>
      </c>
      <c r="AD25401" s="2" t="s">
        <v>81238</v>
      </c>
      <c r="AE25401" s="1"/>
    </row>
    <row r="25402" spans="1:31" ht="14.45">
      <c r="A25402" s="11"/>
      <c r="B25402" s="20"/>
      <c r="C25402" s="2" t="s">
        <v>81239</v>
      </c>
      <c r="D25402" s="14" t="s">
        <v>81240</v>
      </c>
      <c r="E25402" s="2" t="s">
        <v>81241</v>
      </c>
      <c r="F25402" s="2" t="s">
        <v>81242</v>
      </c>
      <c r="G25402" s="8">
        <v>1296</v>
      </c>
      <c r="H25402" s="5">
        <v>15</v>
      </c>
      <c r="I25402" s="5" t="s">
        <v>69</v>
      </c>
      <c r="J25402" s="5" t="s">
        <v>64310</v>
      </c>
      <c r="K25402" s="2" t="s">
        <v>64311</v>
      </c>
      <c r="L25402" s="5" t="s">
        <v>64310</v>
      </c>
      <c r="M25402" s="2" t="s">
        <v>64311</v>
      </c>
      <c r="N25402" s="5" t="s">
        <v>733</v>
      </c>
      <c r="O25402" s="5" t="s">
        <v>38</v>
      </c>
      <c r="P25402" s="5" t="s">
        <v>39</v>
      </c>
      <c r="Q25402" s="5" t="s">
        <v>40</v>
      </c>
      <c r="R25402" s="5" t="s">
        <v>897</v>
      </c>
      <c r="S25402" s="5" t="s">
        <v>40</v>
      </c>
      <c r="T25402" s="5" t="s">
        <v>42</v>
      </c>
      <c r="U25402" s="2">
        <v>30.344000000000001</v>
      </c>
      <c r="V25402" s="2">
        <v>26.931000000000001</v>
      </c>
      <c r="W25402" s="2">
        <v>0.184</v>
      </c>
      <c r="X25402" s="2">
        <v>17</v>
      </c>
      <c r="Y25402" s="2">
        <v>96.9</v>
      </c>
      <c r="Z25402" s="2">
        <v>111.6</v>
      </c>
      <c r="AA25402" s="5">
        <v>7</v>
      </c>
      <c r="AB25402" s="5" t="s">
        <v>43</v>
      </c>
      <c r="AC25402" s="5" t="s">
        <v>735</v>
      </c>
      <c r="AD25402" s="2" t="s">
        <v>81243</v>
      </c>
      <c r="AE25402" s="1"/>
    </row>
    <row r="25403" spans="1:31" ht="14.45">
      <c r="A25403" s="11"/>
      <c r="B25403" s="20"/>
      <c r="C25403" s="2" t="s">
        <v>81244</v>
      </c>
      <c r="D25403" s="14" t="s">
        <v>81245</v>
      </c>
      <c r="E25403" s="2" t="s">
        <v>81246</v>
      </c>
      <c r="F25403" s="2" t="s">
        <v>81247</v>
      </c>
      <c r="G25403" s="8">
        <v>1243</v>
      </c>
      <c r="H25403" s="5">
        <v>10</v>
      </c>
      <c r="I25403" s="5" t="s">
        <v>69</v>
      </c>
      <c r="J25403" s="5" t="s">
        <v>64310</v>
      </c>
      <c r="K25403" s="2" t="s">
        <v>64311</v>
      </c>
      <c r="L25403" s="5" t="s">
        <v>64310</v>
      </c>
      <c r="M25403" s="2" t="s">
        <v>64311</v>
      </c>
      <c r="N25403" s="5" t="s">
        <v>733</v>
      </c>
      <c r="O25403" s="5" t="s">
        <v>38</v>
      </c>
      <c r="P25403" s="5" t="s">
        <v>39</v>
      </c>
      <c r="Q25403" s="5" t="s">
        <v>40</v>
      </c>
      <c r="R25403" s="5" t="s">
        <v>897</v>
      </c>
      <c r="S25403" s="5" t="s">
        <v>40</v>
      </c>
      <c r="T25403" s="5" t="s">
        <v>42</v>
      </c>
      <c r="U25403" s="2">
        <v>30.327000000000002</v>
      </c>
      <c r="V25403" s="2">
        <v>26.914000000000001</v>
      </c>
      <c r="W25403" s="2">
        <v>0.184</v>
      </c>
      <c r="X25403" s="2">
        <v>17</v>
      </c>
      <c r="Y25403" s="2">
        <v>96.9</v>
      </c>
      <c r="Z25403" s="2">
        <v>111.6</v>
      </c>
      <c r="AA25403" s="5">
        <v>7</v>
      </c>
      <c r="AB25403" s="5" t="s">
        <v>43</v>
      </c>
      <c r="AC25403" s="5" t="s">
        <v>735</v>
      </c>
      <c r="AD25403" s="2" t="s">
        <v>81248</v>
      </c>
      <c r="AE25403" s="1"/>
    </row>
    <row r="25404" spans="1:31" ht="14.45">
      <c r="A25404" s="11"/>
      <c r="B25404" s="20"/>
      <c r="C25404" s="2" t="s">
        <v>81249</v>
      </c>
      <c r="D25404" s="14" t="s">
        <v>81250</v>
      </c>
      <c r="E25404" s="2" t="s">
        <v>81251</v>
      </c>
      <c r="F25404" s="2" t="s">
        <v>81252</v>
      </c>
      <c r="G25404" s="8">
        <v>1243</v>
      </c>
      <c r="H25404" s="5">
        <v>10</v>
      </c>
      <c r="I25404" s="5" t="s">
        <v>69</v>
      </c>
      <c r="J25404" s="5" t="s">
        <v>64310</v>
      </c>
      <c r="K25404" s="2" t="s">
        <v>64311</v>
      </c>
      <c r="L25404" s="5" t="s">
        <v>64310</v>
      </c>
      <c r="M25404" s="2" t="s">
        <v>64311</v>
      </c>
      <c r="N25404" s="5" t="s">
        <v>733</v>
      </c>
      <c r="O25404" s="5" t="s">
        <v>38</v>
      </c>
      <c r="P25404" s="5" t="s">
        <v>39</v>
      </c>
      <c r="Q25404" s="5" t="s">
        <v>40</v>
      </c>
      <c r="R25404" s="5" t="s">
        <v>897</v>
      </c>
      <c r="S25404" s="5" t="s">
        <v>40</v>
      </c>
      <c r="T25404" s="5" t="s">
        <v>42</v>
      </c>
      <c r="U25404" s="2">
        <v>29.375</v>
      </c>
      <c r="V25404" s="2">
        <v>25.962</v>
      </c>
      <c r="W25404" s="2">
        <v>0.184</v>
      </c>
      <c r="X25404" s="2">
        <v>17</v>
      </c>
      <c r="Y25404" s="2">
        <v>96.9</v>
      </c>
      <c r="Z25404" s="2">
        <v>111.6</v>
      </c>
      <c r="AA25404" s="5">
        <v>7</v>
      </c>
      <c r="AB25404" s="5" t="s">
        <v>43</v>
      </c>
      <c r="AC25404" s="5" t="s">
        <v>735</v>
      </c>
      <c r="AD25404" s="2" t="s">
        <v>81253</v>
      </c>
      <c r="AE25404" s="1"/>
    </row>
    <row r="25405" spans="1:31" ht="14.45">
      <c r="A25405" s="11"/>
      <c r="B25405" s="20"/>
      <c r="C25405" s="2" t="s">
        <v>81254</v>
      </c>
      <c r="D25405" s="14" t="s">
        <v>81255</v>
      </c>
      <c r="E25405" s="2" t="s">
        <v>81256</v>
      </c>
      <c r="F25405" s="2" t="s">
        <v>81257</v>
      </c>
      <c r="G25405" s="8">
        <v>900</v>
      </c>
      <c r="H25405" s="5">
        <v>15</v>
      </c>
      <c r="I25405" s="5" t="s">
        <v>69</v>
      </c>
      <c r="J25405" s="5" t="s">
        <v>64310</v>
      </c>
      <c r="K25405" s="2" t="s">
        <v>64311</v>
      </c>
      <c r="L25405" s="5" t="s">
        <v>64310</v>
      </c>
      <c r="M25405" s="2" t="s">
        <v>64311</v>
      </c>
      <c r="N25405" s="5" t="s">
        <v>733</v>
      </c>
      <c r="O25405" s="5" t="s">
        <v>38</v>
      </c>
      <c r="P25405" s="5" t="s">
        <v>39</v>
      </c>
      <c r="Q25405" s="5" t="s">
        <v>40</v>
      </c>
      <c r="R25405" s="5" t="s">
        <v>897</v>
      </c>
      <c r="S25405" s="5" t="s">
        <v>40</v>
      </c>
      <c r="T25405" s="5" t="s">
        <v>42</v>
      </c>
      <c r="U25405" s="2">
        <v>30.068000000000001</v>
      </c>
      <c r="V25405" s="2">
        <v>26.655000000000001</v>
      </c>
      <c r="W25405" s="2">
        <v>0.184</v>
      </c>
      <c r="X25405" s="2">
        <v>17</v>
      </c>
      <c r="Y25405" s="2">
        <v>96.9</v>
      </c>
      <c r="Z25405" s="2">
        <v>111.6</v>
      </c>
      <c r="AA25405" s="5">
        <v>7</v>
      </c>
      <c r="AB25405" s="5" t="s">
        <v>43</v>
      </c>
      <c r="AC25405" s="5" t="s">
        <v>735</v>
      </c>
      <c r="AD25405" s="2" t="s">
        <v>81258</v>
      </c>
      <c r="AE25405" s="1"/>
    </row>
    <row r="25406" spans="1:31" ht="14.45">
      <c r="A25406" s="11"/>
      <c r="B25406" s="20"/>
      <c r="C25406" s="2" t="s">
        <v>81259</v>
      </c>
      <c r="D25406" s="14" t="s">
        <v>81260</v>
      </c>
      <c r="E25406" s="2" t="s">
        <v>81261</v>
      </c>
      <c r="F25406" s="2" t="s">
        <v>81262</v>
      </c>
      <c r="G25406" s="8">
        <v>828</v>
      </c>
      <c r="H25406" s="5">
        <v>15</v>
      </c>
      <c r="I25406" s="5" t="s">
        <v>69</v>
      </c>
      <c r="J25406" s="5" t="s">
        <v>64310</v>
      </c>
      <c r="K25406" s="2" t="s">
        <v>64311</v>
      </c>
      <c r="L25406" s="5" t="s">
        <v>64310</v>
      </c>
      <c r="M25406" s="2" t="s">
        <v>64311</v>
      </c>
      <c r="N25406" s="5" t="s">
        <v>733</v>
      </c>
      <c r="O25406" s="5" t="s">
        <v>38</v>
      </c>
      <c r="P25406" s="5" t="s">
        <v>39</v>
      </c>
      <c r="Q25406" s="5" t="s">
        <v>40</v>
      </c>
      <c r="R25406" s="5" t="s">
        <v>897</v>
      </c>
      <c r="S25406" s="5" t="s">
        <v>40</v>
      </c>
      <c r="T25406" s="5" t="s">
        <v>42</v>
      </c>
      <c r="U25406" s="2">
        <v>27.015999999999998</v>
      </c>
      <c r="V25406" s="2">
        <v>23.603000000000002</v>
      </c>
      <c r="W25406" s="2">
        <v>0.184</v>
      </c>
      <c r="X25406" s="2">
        <v>17</v>
      </c>
      <c r="Y25406" s="2">
        <v>96.9</v>
      </c>
      <c r="Z25406" s="2">
        <v>111.6</v>
      </c>
      <c r="AA25406" s="5">
        <v>7</v>
      </c>
      <c r="AB25406" s="5" t="s">
        <v>43</v>
      </c>
      <c r="AC25406" s="5" t="s">
        <v>735</v>
      </c>
      <c r="AD25406" s="2" t="s">
        <v>81263</v>
      </c>
      <c r="AE25406" s="1"/>
    </row>
    <row r="25407" spans="1:31" ht="14.45">
      <c r="A25407" s="11"/>
      <c r="B25407" s="20"/>
      <c r="C25407" s="2" t="s">
        <v>81264</v>
      </c>
      <c r="D25407" s="14" t="s">
        <v>81265</v>
      </c>
      <c r="E25407" s="2" t="s">
        <v>81266</v>
      </c>
      <c r="F25407" s="2" t="s">
        <v>81267</v>
      </c>
      <c r="G25407" s="8">
        <v>651</v>
      </c>
      <c r="H25407" s="5">
        <v>10</v>
      </c>
      <c r="I25407" s="5" t="s">
        <v>69</v>
      </c>
      <c r="J25407" s="5" t="s">
        <v>64310</v>
      </c>
      <c r="K25407" s="2" t="s">
        <v>64311</v>
      </c>
      <c r="L25407" s="5" t="s">
        <v>64310</v>
      </c>
      <c r="M25407" s="2" t="s">
        <v>64311</v>
      </c>
      <c r="N25407" s="5" t="s">
        <v>733</v>
      </c>
      <c r="O25407" s="5" t="s">
        <v>38</v>
      </c>
      <c r="P25407" s="5" t="s">
        <v>39</v>
      </c>
      <c r="Q25407" s="5" t="s">
        <v>40</v>
      </c>
      <c r="R25407" s="5" t="s">
        <v>897</v>
      </c>
      <c r="S25407" s="5" t="s">
        <v>40</v>
      </c>
      <c r="T25407" s="5" t="s">
        <v>42</v>
      </c>
      <c r="U25407" s="2">
        <v>24.152000000000001</v>
      </c>
      <c r="V25407" s="2">
        <v>20.739000000000001</v>
      </c>
      <c r="W25407" s="2">
        <v>0.184</v>
      </c>
      <c r="X25407" s="2">
        <v>17</v>
      </c>
      <c r="Y25407" s="2">
        <v>96.9</v>
      </c>
      <c r="Z25407" s="2">
        <v>111.6</v>
      </c>
      <c r="AA25407" s="5">
        <v>7</v>
      </c>
      <c r="AB25407" s="5" t="s">
        <v>43</v>
      </c>
      <c r="AC25407" s="5" t="s">
        <v>735</v>
      </c>
      <c r="AD25407" s="2" t="s">
        <v>81268</v>
      </c>
      <c r="AE25407" s="1"/>
    </row>
    <row r="25408" spans="1:31" ht="14.45">
      <c r="A25408" s="11"/>
      <c r="B25408" s="20"/>
      <c r="C25408" s="2" t="s">
        <v>81269</v>
      </c>
      <c r="D25408" s="14" t="s">
        <v>81270</v>
      </c>
      <c r="E25408" s="2" t="s">
        <v>81271</v>
      </c>
      <c r="F25408" s="2" t="s">
        <v>81272</v>
      </c>
      <c r="G25408" s="8">
        <v>775</v>
      </c>
      <c r="H25408" s="5">
        <v>10</v>
      </c>
      <c r="I25408" s="5" t="s">
        <v>69</v>
      </c>
      <c r="J25408" s="5" t="s">
        <v>64310</v>
      </c>
      <c r="K25408" s="2" t="s">
        <v>64311</v>
      </c>
      <c r="L25408" s="5" t="s">
        <v>64310</v>
      </c>
      <c r="M25408" s="2" t="s">
        <v>64311</v>
      </c>
      <c r="N25408" s="5" t="s">
        <v>733</v>
      </c>
      <c r="O25408" s="5" t="s">
        <v>38</v>
      </c>
      <c r="P25408" s="5" t="s">
        <v>39</v>
      </c>
      <c r="Q25408" s="5" t="s">
        <v>40</v>
      </c>
      <c r="R25408" s="5" t="s">
        <v>897</v>
      </c>
      <c r="S25408" s="5" t="s">
        <v>40</v>
      </c>
      <c r="T25408" s="5" t="s">
        <v>42</v>
      </c>
      <c r="U25408" s="2">
        <v>26.998999999999999</v>
      </c>
      <c r="V25408" s="2">
        <v>23.585999999999999</v>
      </c>
      <c r="W25408" s="2">
        <v>0.184</v>
      </c>
      <c r="X25408" s="2">
        <v>17</v>
      </c>
      <c r="Y25408" s="2">
        <v>96.9</v>
      </c>
      <c r="Z25408" s="2">
        <v>111.6</v>
      </c>
      <c r="AA25408" s="5">
        <v>7</v>
      </c>
      <c r="AB25408" s="5" t="s">
        <v>43</v>
      </c>
      <c r="AC25408" s="5" t="s">
        <v>735</v>
      </c>
      <c r="AD25408" s="2" t="s">
        <v>81273</v>
      </c>
      <c r="AE25408" s="1"/>
    </row>
    <row r="25409" spans="1:31" ht="14.45">
      <c r="A25409" s="11"/>
      <c r="B25409" s="20"/>
      <c r="C25409" s="2" t="s">
        <v>81274</v>
      </c>
      <c r="D25409" s="14" t="s">
        <v>81275</v>
      </c>
      <c r="E25409" s="2" t="s">
        <v>81276</v>
      </c>
      <c r="F25409" s="2" t="s">
        <v>81277</v>
      </c>
      <c r="G25409" s="8">
        <v>1296</v>
      </c>
      <c r="H25409" s="5">
        <v>15</v>
      </c>
      <c r="I25409" s="5" t="s">
        <v>69</v>
      </c>
      <c r="J25409" s="5" t="s">
        <v>64310</v>
      </c>
      <c r="K25409" s="2" t="s">
        <v>64311</v>
      </c>
      <c r="L25409" s="5" t="s">
        <v>64310</v>
      </c>
      <c r="M25409" s="2" t="s">
        <v>64311</v>
      </c>
      <c r="N25409" s="5" t="s">
        <v>733</v>
      </c>
      <c r="O25409" s="5" t="s">
        <v>38</v>
      </c>
      <c r="P25409" s="5" t="s">
        <v>39</v>
      </c>
      <c r="Q25409" s="5" t="s">
        <v>40</v>
      </c>
      <c r="R25409" s="5" t="s">
        <v>897</v>
      </c>
      <c r="S25409" s="5" t="s">
        <v>40</v>
      </c>
      <c r="T25409" s="5" t="s">
        <v>42</v>
      </c>
      <c r="U25409" s="2">
        <v>30.283999999999999</v>
      </c>
      <c r="V25409" s="2">
        <v>26.870999999999999</v>
      </c>
      <c r="W25409" s="2">
        <v>0.184</v>
      </c>
      <c r="X25409" s="2">
        <v>17</v>
      </c>
      <c r="Y25409" s="2">
        <v>96.9</v>
      </c>
      <c r="Z25409" s="2">
        <v>111.6</v>
      </c>
      <c r="AA25409" s="5">
        <v>7</v>
      </c>
      <c r="AB25409" s="5" t="s">
        <v>43</v>
      </c>
      <c r="AC25409" s="5" t="s">
        <v>735</v>
      </c>
      <c r="AD25409" s="2" t="s">
        <v>81278</v>
      </c>
      <c r="AE25409" s="1"/>
    </row>
    <row r="25410" spans="1:31" ht="14.45">
      <c r="A25410" s="11"/>
      <c r="B25410" s="20"/>
      <c r="C25410" s="2" t="s">
        <v>81279</v>
      </c>
      <c r="D25410" s="14" t="s">
        <v>81280</v>
      </c>
      <c r="E25410" s="2" t="s">
        <v>81281</v>
      </c>
      <c r="F25410" s="2" t="s">
        <v>81282</v>
      </c>
      <c r="G25410" s="8">
        <v>1243</v>
      </c>
      <c r="H25410" s="5">
        <v>10</v>
      </c>
      <c r="I25410" s="5" t="s">
        <v>69</v>
      </c>
      <c r="J25410" s="5" t="s">
        <v>64310</v>
      </c>
      <c r="K25410" s="2" t="s">
        <v>64311</v>
      </c>
      <c r="L25410" s="5" t="s">
        <v>64310</v>
      </c>
      <c r="M25410" s="2" t="s">
        <v>64311</v>
      </c>
      <c r="N25410" s="5" t="s">
        <v>733</v>
      </c>
      <c r="O25410" s="5" t="s">
        <v>38</v>
      </c>
      <c r="P25410" s="5" t="s">
        <v>39</v>
      </c>
      <c r="Q25410" s="5" t="s">
        <v>40</v>
      </c>
      <c r="R25410" s="5" t="s">
        <v>897</v>
      </c>
      <c r="S25410" s="5" t="s">
        <v>40</v>
      </c>
      <c r="T25410" s="5" t="s">
        <v>42</v>
      </c>
      <c r="U25410" s="2">
        <v>30.266999999999999</v>
      </c>
      <c r="V25410" s="2">
        <v>26.853999999999999</v>
      </c>
      <c r="W25410" s="2">
        <v>0.184</v>
      </c>
      <c r="X25410" s="2">
        <v>17</v>
      </c>
      <c r="Y25410" s="2">
        <v>96.9</v>
      </c>
      <c r="Z25410" s="2">
        <v>111.6</v>
      </c>
      <c r="AA25410" s="5">
        <v>7</v>
      </c>
      <c r="AB25410" s="5" t="s">
        <v>43</v>
      </c>
      <c r="AC25410" s="5" t="s">
        <v>735</v>
      </c>
      <c r="AD25410" s="2" t="s">
        <v>81283</v>
      </c>
      <c r="AE25410" s="1"/>
    </row>
    <row r="25411" spans="1:31" ht="14.45">
      <c r="A25411" s="11"/>
      <c r="B25411" s="20"/>
      <c r="C25411" s="2" t="s">
        <v>81284</v>
      </c>
      <c r="D25411" s="14" t="s">
        <v>81285</v>
      </c>
      <c r="E25411" s="2" t="s">
        <v>81286</v>
      </c>
      <c r="F25411" s="2" t="s">
        <v>81287</v>
      </c>
      <c r="G25411" s="8">
        <v>1243</v>
      </c>
      <c r="H25411" s="5">
        <v>5</v>
      </c>
      <c r="I25411" s="5" t="s">
        <v>69</v>
      </c>
      <c r="J25411" s="5" t="s">
        <v>64310</v>
      </c>
      <c r="K25411" s="2" t="s">
        <v>64311</v>
      </c>
      <c r="L25411" s="5" t="s">
        <v>64310</v>
      </c>
      <c r="M25411" s="2" t="s">
        <v>64311</v>
      </c>
      <c r="N25411" s="5" t="s">
        <v>733</v>
      </c>
      <c r="O25411" s="5" t="s">
        <v>38</v>
      </c>
      <c r="P25411" s="5" t="s">
        <v>39</v>
      </c>
      <c r="Q25411" s="5" t="s">
        <v>40</v>
      </c>
      <c r="R25411" s="5" t="s">
        <v>897</v>
      </c>
      <c r="S25411" s="5" t="s">
        <v>40</v>
      </c>
      <c r="T25411" s="5" t="s">
        <v>42</v>
      </c>
      <c r="U25411" s="2">
        <v>29.315000000000001</v>
      </c>
      <c r="V25411" s="2">
        <v>25.902000000000001</v>
      </c>
      <c r="W25411" s="2">
        <v>0.184</v>
      </c>
      <c r="X25411" s="2">
        <v>17</v>
      </c>
      <c r="Y25411" s="2">
        <v>96.9</v>
      </c>
      <c r="Z25411" s="2">
        <v>111.6</v>
      </c>
      <c r="AA25411" s="5">
        <v>7</v>
      </c>
      <c r="AB25411" s="5" t="s">
        <v>43</v>
      </c>
      <c r="AC25411" s="5" t="s">
        <v>735</v>
      </c>
      <c r="AD25411" s="2" t="s">
        <v>81288</v>
      </c>
      <c r="AE25411" s="1"/>
    </row>
    <row r="25412" spans="1:31" ht="14.45">
      <c r="A25412" s="11"/>
      <c r="B25412" s="20"/>
      <c r="C25412" s="2" t="s">
        <v>81289</v>
      </c>
      <c r="D25412" s="14" t="s">
        <v>81290</v>
      </c>
      <c r="E25412" s="2" t="s">
        <v>81291</v>
      </c>
      <c r="F25412" s="2" t="s">
        <v>81292</v>
      </c>
      <c r="G25412" s="8">
        <v>1169</v>
      </c>
      <c r="H25412" s="5">
        <v>15</v>
      </c>
      <c r="I25412" s="5" t="s">
        <v>69</v>
      </c>
      <c r="J25412" s="5" t="s">
        <v>64310</v>
      </c>
      <c r="K25412" s="2" t="s">
        <v>64311</v>
      </c>
      <c r="L25412" s="5" t="s">
        <v>64310</v>
      </c>
      <c r="M25412" s="2" t="s">
        <v>64311</v>
      </c>
      <c r="N25412" s="5" t="s">
        <v>733</v>
      </c>
      <c r="O25412" s="5" t="s">
        <v>38</v>
      </c>
      <c r="P25412" s="5" t="s">
        <v>39</v>
      </c>
      <c r="Q25412" s="5" t="s">
        <v>40</v>
      </c>
      <c r="R25412" s="5" t="s">
        <v>897</v>
      </c>
      <c r="S25412" s="5" t="s">
        <v>40</v>
      </c>
      <c r="T25412" s="5" t="s">
        <v>42</v>
      </c>
      <c r="U25412" s="2">
        <v>44.360999999999997</v>
      </c>
      <c r="V25412" s="2">
        <v>41.186</v>
      </c>
      <c r="W25412" s="2">
        <v>0.184</v>
      </c>
      <c r="X25412" s="2">
        <v>17</v>
      </c>
      <c r="Y25412" s="2">
        <v>96.9</v>
      </c>
      <c r="Z25412" s="2">
        <v>111.6</v>
      </c>
      <c r="AA25412" s="5">
        <v>7</v>
      </c>
      <c r="AB25412" s="5" t="s">
        <v>43</v>
      </c>
      <c r="AC25412" s="5" t="s">
        <v>735</v>
      </c>
      <c r="AD25412" s="2" t="s">
        <v>81293</v>
      </c>
      <c r="AE25412" s="1"/>
    </row>
    <row r="25413" spans="1:31" ht="14.45">
      <c r="A25413" s="11"/>
      <c r="B25413" s="20"/>
      <c r="C25413" s="2" t="s">
        <v>81294</v>
      </c>
      <c r="D25413" s="14" t="s">
        <v>81295</v>
      </c>
      <c r="E25413" s="2" t="s">
        <v>81296</v>
      </c>
      <c r="F25413" s="2" t="s">
        <v>81297</v>
      </c>
      <c r="G25413" s="8">
        <v>1054</v>
      </c>
      <c r="H25413" s="5">
        <v>15</v>
      </c>
      <c r="I25413" s="5" t="s">
        <v>69</v>
      </c>
      <c r="J25413" s="5" t="s">
        <v>64310</v>
      </c>
      <c r="K25413" s="2" t="s">
        <v>64311</v>
      </c>
      <c r="L25413" s="5" t="s">
        <v>64310</v>
      </c>
      <c r="M25413" s="2" t="s">
        <v>64311</v>
      </c>
      <c r="N25413" s="5" t="s">
        <v>733</v>
      </c>
      <c r="O25413" s="5" t="s">
        <v>38</v>
      </c>
      <c r="P25413" s="5" t="s">
        <v>39</v>
      </c>
      <c r="Q25413" s="5" t="s">
        <v>40</v>
      </c>
      <c r="R25413" s="5" t="s">
        <v>897</v>
      </c>
      <c r="S25413" s="5" t="s">
        <v>40</v>
      </c>
      <c r="T25413" s="5" t="s">
        <v>42</v>
      </c>
      <c r="U25413" s="2">
        <v>38.587000000000003</v>
      </c>
      <c r="V25413" s="2">
        <v>35.411999999999999</v>
      </c>
      <c r="W25413" s="2">
        <v>0.184</v>
      </c>
      <c r="X25413" s="2">
        <v>17</v>
      </c>
      <c r="Y25413" s="2">
        <v>96.9</v>
      </c>
      <c r="Z25413" s="2">
        <v>111.6</v>
      </c>
      <c r="AA25413" s="5">
        <v>7</v>
      </c>
      <c r="AB25413" s="5" t="s">
        <v>43</v>
      </c>
      <c r="AC25413" s="5" t="s">
        <v>735</v>
      </c>
      <c r="AD25413" s="2" t="s">
        <v>81298</v>
      </c>
      <c r="AE25413" s="1"/>
    </row>
    <row r="25414" spans="1:31" ht="14.45">
      <c r="A25414" s="11"/>
      <c r="B25414" s="20"/>
      <c r="C25414" s="2" t="s">
        <v>81299</v>
      </c>
      <c r="D25414" s="14" t="s">
        <v>81300</v>
      </c>
      <c r="E25414" s="2" t="s">
        <v>81301</v>
      </c>
      <c r="F25414" s="2" t="s">
        <v>81302</v>
      </c>
      <c r="G25414" s="8">
        <v>774</v>
      </c>
      <c r="H25414" s="5">
        <v>5</v>
      </c>
      <c r="I25414" s="5" t="s">
        <v>69</v>
      </c>
      <c r="J25414" s="5" t="s">
        <v>64310</v>
      </c>
      <c r="K25414" s="2" t="s">
        <v>64311</v>
      </c>
      <c r="L25414" s="5" t="s">
        <v>64310</v>
      </c>
      <c r="M25414" s="2" t="s">
        <v>64311</v>
      </c>
      <c r="N25414" s="5" t="s">
        <v>733</v>
      </c>
      <c r="O25414" s="5" t="s">
        <v>38</v>
      </c>
      <c r="P25414" s="5" t="s">
        <v>39</v>
      </c>
      <c r="Q25414" s="5" t="s">
        <v>40</v>
      </c>
      <c r="R25414" s="5" t="s">
        <v>897</v>
      </c>
      <c r="S25414" s="5" t="s">
        <v>40</v>
      </c>
      <c r="T25414" s="5" t="s">
        <v>42</v>
      </c>
      <c r="U25414" s="2">
        <v>33.552999999999997</v>
      </c>
      <c r="V25414" s="2">
        <v>30.378</v>
      </c>
      <c r="W25414" s="2">
        <v>0.184</v>
      </c>
      <c r="X25414" s="2">
        <v>17</v>
      </c>
      <c r="Y25414" s="2">
        <v>96.9</v>
      </c>
      <c r="Z25414" s="2">
        <v>111.6</v>
      </c>
      <c r="AA25414" s="5">
        <v>7</v>
      </c>
      <c r="AB25414" s="5" t="s">
        <v>43</v>
      </c>
      <c r="AC25414" s="5" t="s">
        <v>735</v>
      </c>
      <c r="AD25414" s="2" t="s">
        <v>81303</v>
      </c>
      <c r="AE25414" s="1"/>
    </row>
    <row r="25415" spans="1:31" ht="14.45">
      <c r="A25415" s="11"/>
      <c r="B25415" s="20"/>
      <c r="C25415" s="2" t="s">
        <v>81304</v>
      </c>
      <c r="D25415" s="14" t="s">
        <v>81305</v>
      </c>
      <c r="E25415" s="2" t="s">
        <v>81306</v>
      </c>
      <c r="F25415" s="2" t="s">
        <v>81307</v>
      </c>
      <c r="G25415" s="8">
        <v>970</v>
      </c>
      <c r="H25415" s="5">
        <v>10</v>
      </c>
      <c r="I25415" s="5" t="s">
        <v>69</v>
      </c>
      <c r="J25415" s="5" t="s">
        <v>64310</v>
      </c>
      <c r="K25415" s="2" t="s">
        <v>64311</v>
      </c>
      <c r="L25415" s="5" t="s">
        <v>64310</v>
      </c>
      <c r="M25415" s="2" t="s">
        <v>64311</v>
      </c>
      <c r="N25415" s="5" t="s">
        <v>733</v>
      </c>
      <c r="O25415" s="5" t="s">
        <v>38</v>
      </c>
      <c r="P25415" s="5" t="s">
        <v>39</v>
      </c>
      <c r="Q25415" s="5" t="s">
        <v>40</v>
      </c>
      <c r="R25415" s="5" t="s">
        <v>897</v>
      </c>
      <c r="S25415" s="5" t="s">
        <v>40</v>
      </c>
      <c r="T25415" s="5" t="s">
        <v>42</v>
      </c>
      <c r="U25415" s="2">
        <v>38.555999999999997</v>
      </c>
      <c r="V25415" s="2">
        <v>35.381</v>
      </c>
      <c r="W25415" s="2">
        <v>0.184</v>
      </c>
      <c r="X25415" s="2">
        <v>17</v>
      </c>
      <c r="Y25415" s="2">
        <v>96.9</v>
      </c>
      <c r="Z25415" s="2">
        <v>111.6</v>
      </c>
      <c r="AA25415" s="5">
        <v>7</v>
      </c>
      <c r="AB25415" s="5" t="s">
        <v>43</v>
      </c>
      <c r="AC25415" s="5" t="s">
        <v>735</v>
      </c>
      <c r="AD25415" s="2" t="s">
        <v>81308</v>
      </c>
      <c r="AE25415" s="1"/>
    </row>
    <row r="25416" spans="1:31" ht="14.45">
      <c r="A25416" s="11"/>
      <c r="B25416" s="20"/>
      <c r="C25416" s="2" t="s">
        <v>81309</v>
      </c>
      <c r="D25416" s="14" t="s">
        <v>81310</v>
      </c>
      <c r="E25416" s="2" t="s">
        <v>81311</v>
      </c>
      <c r="F25416" s="2" t="s">
        <v>81312</v>
      </c>
      <c r="G25416" s="8">
        <v>1522</v>
      </c>
      <c r="H25416" s="5">
        <v>15</v>
      </c>
      <c r="I25416" s="5" t="s">
        <v>69</v>
      </c>
      <c r="J25416" s="5" t="s">
        <v>64310</v>
      </c>
      <c r="K25416" s="2" t="s">
        <v>64311</v>
      </c>
      <c r="L25416" s="5" t="s">
        <v>64310</v>
      </c>
      <c r="M25416" s="2" t="s">
        <v>64311</v>
      </c>
      <c r="N25416" s="5" t="s">
        <v>733</v>
      </c>
      <c r="O25416" s="5" t="s">
        <v>38</v>
      </c>
      <c r="P25416" s="5" t="s">
        <v>39</v>
      </c>
      <c r="Q25416" s="5" t="s">
        <v>40</v>
      </c>
      <c r="R25416" s="5" t="s">
        <v>897</v>
      </c>
      <c r="S25416" s="5" t="s">
        <v>40</v>
      </c>
      <c r="T25416" s="5" t="s">
        <v>42</v>
      </c>
      <c r="U25416" s="2">
        <v>42.593000000000004</v>
      </c>
      <c r="V25416" s="2">
        <v>39.417999999999999</v>
      </c>
      <c r="W25416" s="2">
        <v>0.184</v>
      </c>
      <c r="X25416" s="2">
        <v>17</v>
      </c>
      <c r="Y25416" s="2">
        <v>96.9</v>
      </c>
      <c r="Z25416" s="2">
        <v>111.6</v>
      </c>
      <c r="AA25416" s="5">
        <v>7</v>
      </c>
      <c r="AB25416" s="5" t="s">
        <v>43</v>
      </c>
      <c r="AC25416" s="5" t="s">
        <v>735</v>
      </c>
      <c r="AD25416" s="2" t="s">
        <v>81313</v>
      </c>
      <c r="AE25416" s="1"/>
    </row>
    <row r="25417" spans="1:31" ht="14.45">
      <c r="A25417" s="11"/>
      <c r="B25417" s="20"/>
      <c r="C25417" s="2" t="s">
        <v>81314</v>
      </c>
      <c r="D25417" s="14" t="s">
        <v>81315</v>
      </c>
      <c r="E25417" s="2" t="s">
        <v>81316</v>
      </c>
      <c r="F25417" s="2" t="s">
        <v>81317</v>
      </c>
      <c r="G25417" s="8">
        <v>1438</v>
      </c>
      <c r="H25417" s="5">
        <v>10</v>
      </c>
      <c r="I25417" s="5" t="s">
        <v>69</v>
      </c>
      <c r="J25417" s="5" t="s">
        <v>64310</v>
      </c>
      <c r="K25417" s="2" t="s">
        <v>64311</v>
      </c>
      <c r="L25417" s="5" t="s">
        <v>64310</v>
      </c>
      <c r="M25417" s="2" t="s">
        <v>64311</v>
      </c>
      <c r="N25417" s="5" t="s">
        <v>733</v>
      </c>
      <c r="O25417" s="5" t="s">
        <v>38</v>
      </c>
      <c r="P25417" s="5" t="s">
        <v>39</v>
      </c>
      <c r="Q25417" s="5" t="s">
        <v>40</v>
      </c>
      <c r="R25417" s="5" t="s">
        <v>897</v>
      </c>
      <c r="S25417" s="5" t="s">
        <v>40</v>
      </c>
      <c r="T25417" s="5" t="s">
        <v>42</v>
      </c>
      <c r="U25417" s="2">
        <v>42.561999999999998</v>
      </c>
      <c r="V25417" s="2">
        <v>39.387</v>
      </c>
      <c r="W25417" s="2">
        <v>0.184</v>
      </c>
      <c r="X25417" s="2">
        <v>17</v>
      </c>
      <c r="Y25417" s="2">
        <v>96.9</v>
      </c>
      <c r="Z25417" s="2">
        <v>111.6</v>
      </c>
      <c r="AA25417" s="5">
        <v>7</v>
      </c>
      <c r="AB25417" s="5" t="s">
        <v>43</v>
      </c>
      <c r="AC25417" s="5" t="s">
        <v>735</v>
      </c>
      <c r="AD25417" s="2" t="s">
        <v>81318</v>
      </c>
      <c r="AE25417" s="1"/>
    </row>
    <row r="25418" spans="1:31" ht="14.45">
      <c r="A25418" s="11"/>
      <c r="B25418" s="20"/>
      <c r="C25418" s="2" t="s">
        <v>81319</v>
      </c>
      <c r="D25418" s="14" t="s">
        <v>81320</v>
      </c>
      <c r="E25418" s="2" t="s">
        <v>81321</v>
      </c>
      <c r="F25418" s="2" t="s">
        <v>81322</v>
      </c>
      <c r="G25418" s="8">
        <v>1522</v>
      </c>
      <c r="H25418" s="5">
        <v>15</v>
      </c>
      <c r="I25418" s="5" t="s">
        <v>69</v>
      </c>
      <c r="J25418" s="5" t="s">
        <v>64310</v>
      </c>
      <c r="K25418" s="2" t="s">
        <v>64311</v>
      </c>
      <c r="L25418" s="5" t="s">
        <v>64310</v>
      </c>
      <c r="M25418" s="2" t="s">
        <v>64311</v>
      </c>
      <c r="N25418" s="5" t="s">
        <v>733</v>
      </c>
      <c r="O25418" s="5" t="s">
        <v>38</v>
      </c>
      <c r="P25418" s="5" t="s">
        <v>39</v>
      </c>
      <c r="Q25418" s="5" t="s">
        <v>40</v>
      </c>
      <c r="R25418" s="5" t="s">
        <v>897</v>
      </c>
      <c r="S25418" s="5" t="s">
        <v>40</v>
      </c>
      <c r="T25418" s="5" t="s">
        <v>42</v>
      </c>
      <c r="U25418" s="2">
        <v>41.411999999999999</v>
      </c>
      <c r="V25418" s="2">
        <v>38.237000000000002</v>
      </c>
      <c r="W25418" s="2">
        <v>0.184</v>
      </c>
      <c r="X25418" s="2">
        <v>17</v>
      </c>
      <c r="Y25418" s="2">
        <v>96.9</v>
      </c>
      <c r="Z25418" s="2">
        <v>111.6</v>
      </c>
      <c r="AA25418" s="5">
        <v>7</v>
      </c>
      <c r="AB25418" s="5" t="s">
        <v>43</v>
      </c>
      <c r="AC25418" s="5" t="s">
        <v>735</v>
      </c>
      <c r="AD25418" s="2" t="s">
        <v>81323</v>
      </c>
      <c r="AE25418" s="1"/>
    </row>
    <row r="25419" spans="1:31" ht="14.45">
      <c r="A25419" s="11"/>
      <c r="B25419" s="20"/>
      <c r="C25419" s="2" t="s">
        <v>81324</v>
      </c>
      <c r="D25419" s="14" t="s">
        <v>81325</v>
      </c>
      <c r="E25419" s="2" t="s">
        <v>81326</v>
      </c>
      <c r="F25419" s="2" t="s">
        <v>81327</v>
      </c>
      <c r="G25419" s="8">
        <v>1438</v>
      </c>
      <c r="H25419" s="5">
        <v>10</v>
      </c>
      <c r="I25419" s="5" t="s">
        <v>69</v>
      </c>
      <c r="J25419" s="5" t="s">
        <v>64310</v>
      </c>
      <c r="K25419" s="2" t="s">
        <v>64311</v>
      </c>
      <c r="L25419" s="5" t="s">
        <v>64310</v>
      </c>
      <c r="M25419" s="2" t="s">
        <v>64311</v>
      </c>
      <c r="N25419" s="5" t="s">
        <v>733</v>
      </c>
      <c r="O25419" s="5" t="s">
        <v>38</v>
      </c>
      <c r="P25419" s="5" t="s">
        <v>39</v>
      </c>
      <c r="Q25419" s="5" t="s">
        <v>40</v>
      </c>
      <c r="R25419" s="5" t="s">
        <v>897</v>
      </c>
      <c r="S25419" s="5" t="s">
        <v>40</v>
      </c>
      <c r="T25419" s="5" t="s">
        <v>42</v>
      </c>
      <c r="U25419" s="2">
        <v>41.381</v>
      </c>
      <c r="V25419" s="2">
        <v>38.206000000000003</v>
      </c>
      <c r="W25419" s="2">
        <v>0.184</v>
      </c>
      <c r="X25419" s="2">
        <v>17</v>
      </c>
      <c r="Y25419" s="2">
        <v>96.9</v>
      </c>
      <c r="Z25419" s="2">
        <v>111.6</v>
      </c>
      <c r="AA25419" s="5">
        <v>7</v>
      </c>
      <c r="AB25419" s="5" t="s">
        <v>43</v>
      </c>
      <c r="AC25419" s="5" t="s">
        <v>735</v>
      </c>
      <c r="AD25419" s="2" t="s">
        <v>81328</v>
      </c>
      <c r="AE25419" s="1"/>
    </row>
    <row r="25420" spans="1:31" ht="14.45">
      <c r="A25420" s="11"/>
      <c r="B25420" s="20"/>
      <c r="C25420" s="2" t="s">
        <v>81329</v>
      </c>
      <c r="D25420" s="14" t="s">
        <v>81330</v>
      </c>
      <c r="E25420" s="2" t="s">
        <v>81331</v>
      </c>
      <c r="F25420" s="2" t="s">
        <v>81332</v>
      </c>
      <c r="G25420" s="8">
        <v>1054</v>
      </c>
      <c r="H25420" s="5">
        <v>15</v>
      </c>
      <c r="I25420" s="5" t="s">
        <v>69</v>
      </c>
      <c r="J25420" s="5" t="s">
        <v>64310</v>
      </c>
      <c r="K25420" s="2" t="s">
        <v>64311</v>
      </c>
      <c r="L25420" s="5" t="s">
        <v>64310</v>
      </c>
      <c r="M25420" s="2" t="s">
        <v>64311</v>
      </c>
      <c r="N25420" s="5" t="s">
        <v>733</v>
      </c>
      <c r="O25420" s="5" t="s">
        <v>38</v>
      </c>
      <c r="P25420" s="5" t="s">
        <v>39</v>
      </c>
      <c r="Q25420" s="5" t="s">
        <v>40</v>
      </c>
      <c r="R25420" s="5" t="s">
        <v>897</v>
      </c>
      <c r="S25420" s="5" t="s">
        <v>40</v>
      </c>
      <c r="T25420" s="5" t="s">
        <v>42</v>
      </c>
      <c r="U25420" s="2">
        <v>38.527000000000001</v>
      </c>
      <c r="V25420" s="2">
        <v>35.351999999999997</v>
      </c>
      <c r="W25420" s="2">
        <v>0.184</v>
      </c>
      <c r="X25420" s="2">
        <v>17</v>
      </c>
      <c r="Y25420" s="2">
        <v>96.9</v>
      </c>
      <c r="Z25420" s="2">
        <v>111.6</v>
      </c>
      <c r="AA25420" s="5">
        <v>7</v>
      </c>
      <c r="AB25420" s="5" t="s">
        <v>43</v>
      </c>
      <c r="AC25420" s="5" t="s">
        <v>735</v>
      </c>
      <c r="AD25420" s="2" t="s">
        <v>81333</v>
      </c>
      <c r="AE25420" s="1"/>
    </row>
    <row r="25421" spans="1:31" ht="14.45">
      <c r="A25421" s="11"/>
      <c r="B25421" s="20"/>
      <c r="C25421" s="2" t="s">
        <v>81334</v>
      </c>
      <c r="D25421" s="14" t="s">
        <v>81335</v>
      </c>
      <c r="E25421" s="2" t="s">
        <v>81336</v>
      </c>
      <c r="F25421" s="2" t="s">
        <v>81337</v>
      </c>
      <c r="G25421" s="8">
        <v>774</v>
      </c>
      <c r="H25421" s="5">
        <v>10</v>
      </c>
      <c r="I25421" s="5" t="s">
        <v>69</v>
      </c>
      <c r="J25421" s="5" t="s">
        <v>64310</v>
      </c>
      <c r="K25421" s="2" t="s">
        <v>64311</v>
      </c>
      <c r="L25421" s="5" t="s">
        <v>64310</v>
      </c>
      <c r="M25421" s="2" t="s">
        <v>64311</v>
      </c>
      <c r="N25421" s="5" t="s">
        <v>733</v>
      </c>
      <c r="O25421" s="5" t="s">
        <v>38</v>
      </c>
      <c r="P25421" s="5" t="s">
        <v>39</v>
      </c>
      <c r="Q25421" s="5" t="s">
        <v>40</v>
      </c>
      <c r="R25421" s="5" t="s">
        <v>897</v>
      </c>
      <c r="S25421" s="5" t="s">
        <v>40</v>
      </c>
      <c r="T25421" s="5" t="s">
        <v>42</v>
      </c>
      <c r="U25421" s="2">
        <v>33.493000000000002</v>
      </c>
      <c r="V25421" s="2">
        <v>30.318000000000001</v>
      </c>
      <c r="W25421" s="2">
        <v>0.184</v>
      </c>
      <c r="X25421" s="2">
        <v>17</v>
      </c>
      <c r="Y25421" s="2">
        <v>96.9</v>
      </c>
      <c r="Z25421" s="2">
        <v>111.6</v>
      </c>
      <c r="AA25421" s="5">
        <v>7</v>
      </c>
      <c r="AB25421" s="5" t="s">
        <v>43</v>
      </c>
      <c r="AC25421" s="5" t="s">
        <v>735</v>
      </c>
      <c r="AD25421" s="2" t="s">
        <v>81338</v>
      </c>
      <c r="AE25421" s="1"/>
    </row>
    <row r="25422" spans="1:31" ht="14.45">
      <c r="A25422" s="11"/>
      <c r="B25422" s="20"/>
      <c r="C25422" s="2" t="s">
        <v>81339</v>
      </c>
      <c r="D25422" s="14" t="s">
        <v>81340</v>
      </c>
      <c r="E25422" s="2" t="s">
        <v>81341</v>
      </c>
      <c r="F25422" s="2" t="s">
        <v>81342</v>
      </c>
      <c r="G25422" s="8">
        <v>970</v>
      </c>
      <c r="H25422" s="5">
        <v>10</v>
      </c>
      <c r="I25422" s="5" t="s">
        <v>69</v>
      </c>
      <c r="J25422" s="5" t="s">
        <v>64310</v>
      </c>
      <c r="K25422" s="2" t="s">
        <v>64311</v>
      </c>
      <c r="L25422" s="5" t="s">
        <v>64310</v>
      </c>
      <c r="M25422" s="2" t="s">
        <v>64311</v>
      </c>
      <c r="N25422" s="5" t="s">
        <v>733</v>
      </c>
      <c r="O25422" s="5" t="s">
        <v>38</v>
      </c>
      <c r="P25422" s="5" t="s">
        <v>39</v>
      </c>
      <c r="Q25422" s="5" t="s">
        <v>40</v>
      </c>
      <c r="R25422" s="5" t="s">
        <v>897</v>
      </c>
      <c r="S25422" s="5" t="s">
        <v>40</v>
      </c>
      <c r="T25422" s="5" t="s">
        <v>42</v>
      </c>
      <c r="U25422" s="2">
        <v>38.496000000000002</v>
      </c>
      <c r="V25422" s="2">
        <v>35.320999999999998</v>
      </c>
      <c r="W25422" s="2">
        <v>0.184</v>
      </c>
      <c r="X25422" s="2">
        <v>17</v>
      </c>
      <c r="Y25422" s="2">
        <v>96.9</v>
      </c>
      <c r="Z25422" s="2">
        <v>111.6</v>
      </c>
      <c r="AA25422" s="5">
        <v>7</v>
      </c>
      <c r="AB25422" s="5" t="s">
        <v>43</v>
      </c>
      <c r="AC25422" s="5" t="s">
        <v>735</v>
      </c>
      <c r="AD25422" s="2" t="s">
        <v>81343</v>
      </c>
      <c r="AE25422" s="1"/>
    </row>
    <row r="25423" spans="1:31" ht="14.45">
      <c r="A25423" s="11"/>
      <c r="B25423" s="20"/>
      <c r="C25423" s="2" t="s">
        <v>81344</v>
      </c>
      <c r="D25423" s="14" t="s">
        <v>81345</v>
      </c>
      <c r="E25423" s="2" t="s">
        <v>81346</v>
      </c>
      <c r="F25423" s="2" t="s">
        <v>81347</v>
      </c>
      <c r="G25423" s="8">
        <v>1522</v>
      </c>
      <c r="H25423" s="5">
        <v>15</v>
      </c>
      <c r="I25423" s="5" t="s">
        <v>69</v>
      </c>
      <c r="J25423" s="5" t="s">
        <v>64310</v>
      </c>
      <c r="K25423" s="2" t="s">
        <v>64311</v>
      </c>
      <c r="L25423" s="5" t="s">
        <v>64310</v>
      </c>
      <c r="M25423" s="2" t="s">
        <v>64311</v>
      </c>
      <c r="N25423" s="5" t="s">
        <v>733</v>
      </c>
      <c r="O25423" s="5" t="s">
        <v>38</v>
      </c>
      <c r="P25423" s="5" t="s">
        <v>39</v>
      </c>
      <c r="Q25423" s="5" t="s">
        <v>40</v>
      </c>
      <c r="R25423" s="5" t="s">
        <v>897</v>
      </c>
      <c r="S25423" s="5" t="s">
        <v>40</v>
      </c>
      <c r="T25423" s="5" t="s">
        <v>42</v>
      </c>
      <c r="U25423" s="2">
        <v>42.533000000000001</v>
      </c>
      <c r="V25423" s="2">
        <v>39.357999999999997</v>
      </c>
      <c r="W25423" s="2">
        <v>0.184</v>
      </c>
      <c r="X25423" s="2">
        <v>17</v>
      </c>
      <c r="Y25423" s="2">
        <v>96.9</v>
      </c>
      <c r="Z25423" s="2">
        <v>111.6</v>
      </c>
      <c r="AA25423" s="5">
        <v>7</v>
      </c>
      <c r="AB25423" s="5" t="s">
        <v>43</v>
      </c>
      <c r="AC25423" s="5" t="s">
        <v>735</v>
      </c>
      <c r="AD25423" s="2" t="s">
        <v>81348</v>
      </c>
      <c r="AE25423" s="1"/>
    </row>
    <row r="25424" spans="1:31" ht="14.45">
      <c r="A25424" s="11"/>
      <c r="B25424" s="20"/>
      <c r="C25424" s="2" t="s">
        <v>81349</v>
      </c>
      <c r="D25424" s="14" t="s">
        <v>81350</v>
      </c>
      <c r="E25424" s="2" t="s">
        <v>81351</v>
      </c>
      <c r="F25424" s="2" t="s">
        <v>81352</v>
      </c>
      <c r="G25424" s="8">
        <v>1438</v>
      </c>
      <c r="H25424" s="5">
        <v>10</v>
      </c>
      <c r="I25424" s="5" t="s">
        <v>69</v>
      </c>
      <c r="J25424" s="5" t="s">
        <v>64310</v>
      </c>
      <c r="K25424" s="2" t="s">
        <v>64311</v>
      </c>
      <c r="L25424" s="5" t="s">
        <v>64310</v>
      </c>
      <c r="M25424" s="2" t="s">
        <v>64311</v>
      </c>
      <c r="N25424" s="5" t="s">
        <v>733</v>
      </c>
      <c r="O25424" s="5" t="s">
        <v>38</v>
      </c>
      <c r="P25424" s="5" t="s">
        <v>39</v>
      </c>
      <c r="Q25424" s="5" t="s">
        <v>40</v>
      </c>
      <c r="R25424" s="5" t="s">
        <v>897</v>
      </c>
      <c r="S25424" s="5" t="s">
        <v>40</v>
      </c>
      <c r="T25424" s="5" t="s">
        <v>42</v>
      </c>
      <c r="U25424" s="2">
        <v>42.502000000000002</v>
      </c>
      <c r="V25424" s="2">
        <v>39.326999999999998</v>
      </c>
      <c r="W25424" s="2">
        <v>0.184</v>
      </c>
      <c r="X25424" s="2">
        <v>17</v>
      </c>
      <c r="Y25424" s="2">
        <v>96.9</v>
      </c>
      <c r="Z25424" s="2">
        <v>111.6</v>
      </c>
      <c r="AA25424" s="5">
        <v>7</v>
      </c>
      <c r="AB25424" s="5" t="s">
        <v>43</v>
      </c>
      <c r="AC25424" s="5" t="s">
        <v>735</v>
      </c>
      <c r="AD25424" s="2" t="s">
        <v>81353</v>
      </c>
      <c r="AE25424" s="1"/>
    </row>
    <row r="25425" spans="1:31" ht="14.45">
      <c r="A25425" s="11"/>
      <c r="B25425" s="20"/>
      <c r="C25425" s="2" t="s">
        <v>81354</v>
      </c>
      <c r="D25425" s="14" t="s">
        <v>81355</v>
      </c>
      <c r="E25425" s="2" t="s">
        <v>81356</v>
      </c>
      <c r="F25425" s="2" t="s">
        <v>81357</v>
      </c>
      <c r="G25425" s="8">
        <v>1438</v>
      </c>
      <c r="H25425" s="5">
        <v>5</v>
      </c>
      <c r="I25425" s="5" t="s">
        <v>69</v>
      </c>
      <c r="J25425" s="5" t="s">
        <v>64310</v>
      </c>
      <c r="K25425" s="2" t="s">
        <v>64311</v>
      </c>
      <c r="L25425" s="5" t="s">
        <v>64310</v>
      </c>
      <c r="M25425" s="2" t="s">
        <v>64311</v>
      </c>
      <c r="N25425" s="5" t="s">
        <v>733</v>
      </c>
      <c r="O25425" s="5" t="s">
        <v>38</v>
      </c>
      <c r="P25425" s="5" t="s">
        <v>39</v>
      </c>
      <c r="Q25425" s="5" t="s">
        <v>40</v>
      </c>
      <c r="R25425" s="5" t="s">
        <v>897</v>
      </c>
      <c r="S25425" s="5" t="s">
        <v>40</v>
      </c>
      <c r="T25425" s="5" t="s">
        <v>42</v>
      </c>
      <c r="U25425" s="2">
        <v>41.320999999999998</v>
      </c>
      <c r="V25425" s="2">
        <v>38.146000000000001</v>
      </c>
      <c r="W25425" s="2">
        <v>0.184</v>
      </c>
      <c r="X25425" s="2">
        <v>17</v>
      </c>
      <c r="Y25425" s="2">
        <v>96.9</v>
      </c>
      <c r="Z25425" s="2">
        <v>111.6</v>
      </c>
      <c r="AA25425" s="5">
        <v>7</v>
      </c>
      <c r="AB25425" s="5" t="s">
        <v>43</v>
      </c>
      <c r="AC25425" s="5" t="s">
        <v>735</v>
      </c>
      <c r="AD25425" s="2" t="s">
        <v>81358</v>
      </c>
      <c r="AE25425" s="1"/>
    </row>
    <row r="25426" spans="1:31" ht="14.45">
      <c r="A25426" s="11"/>
      <c r="B25426" s="20"/>
      <c r="C25426" s="2" t="s">
        <v>81359</v>
      </c>
      <c r="D25426" s="14" t="s">
        <v>81360</v>
      </c>
      <c r="E25426" s="2" t="s">
        <v>81361</v>
      </c>
      <c r="F25426" s="2" t="s">
        <v>81362</v>
      </c>
      <c r="G25426" s="8">
        <v>828</v>
      </c>
      <c r="H25426" s="5">
        <v>10</v>
      </c>
      <c r="I25426" s="5" t="s">
        <v>69</v>
      </c>
      <c r="J25426" s="5" t="s">
        <v>64310</v>
      </c>
      <c r="K25426" s="2" t="s">
        <v>64311</v>
      </c>
      <c r="L25426" s="5" t="s">
        <v>64310</v>
      </c>
      <c r="M25426" s="2" t="s">
        <v>64311</v>
      </c>
      <c r="N25426" s="5" t="s">
        <v>733</v>
      </c>
      <c r="O25426" s="5" t="s">
        <v>38</v>
      </c>
      <c r="P25426" s="5" t="s">
        <v>39</v>
      </c>
      <c r="Q25426" s="5" t="s">
        <v>40</v>
      </c>
      <c r="R25426" s="5" t="s">
        <v>897</v>
      </c>
      <c r="S25426" s="5" t="s">
        <v>40</v>
      </c>
      <c r="T25426" s="5" t="s">
        <v>42</v>
      </c>
      <c r="U25426" s="2">
        <v>39.378</v>
      </c>
      <c r="V25426" s="2">
        <v>35.805</v>
      </c>
      <c r="W25426" s="2">
        <v>0.22500000000000001</v>
      </c>
      <c r="X25426" s="2">
        <v>17</v>
      </c>
      <c r="Y25426" s="2">
        <v>96.9</v>
      </c>
      <c r="Z25426" s="2">
        <v>136.6</v>
      </c>
      <c r="AA25426" s="5">
        <v>7</v>
      </c>
      <c r="AB25426" s="5" t="s">
        <v>43</v>
      </c>
      <c r="AC25426" s="5" t="s">
        <v>735</v>
      </c>
      <c r="AD25426" s="2" t="s">
        <v>81363</v>
      </c>
      <c r="AE25426" s="1"/>
    </row>
    <row r="25427" spans="1:31" ht="14.45">
      <c r="A25427" s="11"/>
      <c r="B25427" s="20"/>
      <c r="C25427" s="2" t="s">
        <v>81364</v>
      </c>
      <c r="D25427" s="14" t="s">
        <v>81365</v>
      </c>
      <c r="E25427" s="2" t="s">
        <v>81366</v>
      </c>
      <c r="F25427" s="2" t="s">
        <v>81367</v>
      </c>
      <c r="G25427" s="8">
        <v>1065</v>
      </c>
      <c r="H25427" s="5">
        <v>5</v>
      </c>
      <c r="I25427" s="5" t="s">
        <v>69</v>
      </c>
      <c r="J25427" s="5" t="s">
        <v>64310</v>
      </c>
      <c r="K25427" s="2" t="s">
        <v>64311</v>
      </c>
      <c r="L25427" s="5" t="s">
        <v>64310</v>
      </c>
      <c r="M25427" s="2" t="s">
        <v>64311</v>
      </c>
      <c r="N25427" s="5" t="s">
        <v>733</v>
      </c>
      <c r="O25427" s="5" t="s">
        <v>38</v>
      </c>
      <c r="P25427" s="5" t="s">
        <v>39</v>
      </c>
      <c r="Q25427" s="5" t="s">
        <v>40</v>
      </c>
      <c r="R25427" s="5" t="s">
        <v>897</v>
      </c>
      <c r="S25427" s="5" t="s">
        <v>40</v>
      </c>
      <c r="T25427" s="5" t="s">
        <v>42</v>
      </c>
      <c r="U25427" s="2">
        <v>45.594000000000001</v>
      </c>
      <c r="V25427" s="2">
        <v>42.021000000000001</v>
      </c>
      <c r="W25427" s="2">
        <v>0.224</v>
      </c>
      <c r="X25427" s="2">
        <v>17</v>
      </c>
      <c r="Y25427" s="2">
        <v>96.6</v>
      </c>
      <c r="Z25427" s="2">
        <v>136.6</v>
      </c>
      <c r="AA25427" s="5">
        <v>7</v>
      </c>
      <c r="AB25427" s="5" t="s">
        <v>43</v>
      </c>
      <c r="AC25427" s="5" t="s">
        <v>735</v>
      </c>
      <c r="AD25427" s="2" t="s">
        <v>81368</v>
      </c>
      <c r="AE25427" s="1"/>
    </row>
    <row r="25428" spans="1:31" ht="14.45">
      <c r="A25428" s="11"/>
      <c r="B25428" s="20"/>
      <c r="C25428" s="2" t="s">
        <v>81369</v>
      </c>
      <c r="D25428" s="14" t="s">
        <v>81370</v>
      </c>
      <c r="E25428" s="2" t="s">
        <v>81371</v>
      </c>
      <c r="F25428" s="2" t="s">
        <v>81372</v>
      </c>
      <c r="G25428" s="8">
        <v>828</v>
      </c>
      <c r="H25428" s="5">
        <v>5</v>
      </c>
      <c r="I25428" s="5" t="s">
        <v>69</v>
      </c>
      <c r="J25428" s="5" t="s">
        <v>64310</v>
      </c>
      <c r="K25428" s="2" t="s">
        <v>64311</v>
      </c>
      <c r="L25428" s="5" t="s">
        <v>64310</v>
      </c>
      <c r="M25428" s="2" t="s">
        <v>64311</v>
      </c>
      <c r="N25428" s="5" t="s">
        <v>733</v>
      </c>
      <c r="O25428" s="5" t="s">
        <v>38</v>
      </c>
      <c r="P25428" s="5" t="s">
        <v>39</v>
      </c>
      <c r="Q25428" s="5" t="s">
        <v>40</v>
      </c>
      <c r="R25428" s="5" t="s">
        <v>897</v>
      </c>
      <c r="S25428" s="5" t="s">
        <v>40</v>
      </c>
      <c r="T25428" s="5" t="s">
        <v>42</v>
      </c>
      <c r="U25428" s="2">
        <v>39.317999999999998</v>
      </c>
      <c r="V25428" s="2">
        <v>35.744999999999997</v>
      </c>
      <c r="W25428" s="2">
        <v>0.22500000000000001</v>
      </c>
      <c r="X25428" s="2">
        <v>17</v>
      </c>
      <c r="Y25428" s="2">
        <v>96.9</v>
      </c>
      <c r="Z25428" s="2">
        <v>136.6</v>
      </c>
      <c r="AA25428" s="5">
        <v>7</v>
      </c>
      <c r="AB25428" s="5" t="s">
        <v>43</v>
      </c>
      <c r="AC25428" s="5" t="s">
        <v>735</v>
      </c>
      <c r="AD25428" s="2" t="s">
        <v>81373</v>
      </c>
      <c r="AE25428" s="1"/>
    </row>
    <row r="25429" spans="1:31" ht="14.45">
      <c r="A25429" s="11"/>
      <c r="B25429" s="20"/>
      <c r="C25429" s="2" t="s">
        <v>81374</v>
      </c>
      <c r="D25429" s="14" t="s">
        <v>81375</v>
      </c>
      <c r="E25429" s="2" t="s">
        <v>81376</v>
      </c>
      <c r="F25429" s="2" t="s">
        <v>81377</v>
      </c>
      <c r="G25429" s="8">
        <v>1065</v>
      </c>
      <c r="H25429" s="5">
        <v>10</v>
      </c>
      <c r="I25429" s="5" t="s">
        <v>69</v>
      </c>
      <c r="J25429" s="5" t="s">
        <v>64310</v>
      </c>
      <c r="K25429" s="2" t="s">
        <v>64311</v>
      </c>
      <c r="L25429" s="5" t="s">
        <v>64310</v>
      </c>
      <c r="M25429" s="2" t="s">
        <v>64311</v>
      </c>
      <c r="N25429" s="5" t="s">
        <v>733</v>
      </c>
      <c r="O25429" s="5" t="s">
        <v>38</v>
      </c>
      <c r="P25429" s="5" t="s">
        <v>39</v>
      </c>
      <c r="Q25429" s="5" t="s">
        <v>40</v>
      </c>
      <c r="R25429" s="5" t="s">
        <v>897</v>
      </c>
      <c r="S25429" s="5" t="s">
        <v>40</v>
      </c>
      <c r="T25429" s="5" t="s">
        <v>42</v>
      </c>
      <c r="U25429" s="2">
        <v>45.533999999999999</v>
      </c>
      <c r="V25429" s="2">
        <v>41.960999999999999</v>
      </c>
      <c r="W25429" s="2">
        <v>0.224</v>
      </c>
      <c r="X25429" s="2">
        <v>17</v>
      </c>
      <c r="Y25429" s="2">
        <v>96.6</v>
      </c>
      <c r="Z25429" s="2">
        <v>136.6</v>
      </c>
      <c r="AA25429" s="5">
        <v>7</v>
      </c>
      <c r="AB25429" s="5" t="s">
        <v>43</v>
      </c>
      <c r="AC25429" s="5" t="s">
        <v>735</v>
      </c>
      <c r="AD25429" s="2" t="s">
        <v>81378</v>
      </c>
      <c r="AE25429" s="1"/>
    </row>
    <row r="25430" spans="1:31" ht="14.45">
      <c r="A25430" s="11"/>
      <c r="B25430" s="20"/>
      <c r="C25430" s="2" t="s">
        <v>81379</v>
      </c>
      <c r="D25430" s="14" t="s">
        <v>81380</v>
      </c>
      <c r="E25430" s="2" t="s">
        <v>81381</v>
      </c>
      <c r="F25430" s="2" t="s">
        <v>81382</v>
      </c>
      <c r="G25430" s="8">
        <v>874</v>
      </c>
      <c r="H25430" s="5">
        <v>10</v>
      </c>
      <c r="I25430" s="5" t="s">
        <v>69</v>
      </c>
      <c r="J25430" s="5" t="s">
        <v>64310</v>
      </c>
      <c r="K25430" s="2" t="s">
        <v>64311</v>
      </c>
      <c r="L25430" s="5" t="s">
        <v>64310</v>
      </c>
      <c r="M25430" s="2" t="s">
        <v>64311</v>
      </c>
      <c r="N25430" s="5" t="s">
        <v>733</v>
      </c>
      <c r="O25430" s="5" t="s">
        <v>38</v>
      </c>
      <c r="P25430" s="5" t="s">
        <v>39</v>
      </c>
      <c r="Q25430" s="5" t="s">
        <v>40</v>
      </c>
      <c r="R25430" s="5" t="s">
        <v>897</v>
      </c>
      <c r="S25430" s="5" t="s">
        <v>40</v>
      </c>
      <c r="T25430" s="5" t="s">
        <v>42</v>
      </c>
      <c r="U25430" s="2">
        <v>46.218000000000004</v>
      </c>
      <c r="V25430" s="2">
        <v>41.802999999999997</v>
      </c>
      <c r="W25430" s="2">
        <v>0.26300000000000001</v>
      </c>
      <c r="X25430" s="2">
        <v>17</v>
      </c>
      <c r="Y25430" s="2">
        <v>100.9</v>
      </c>
      <c r="Z25430" s="2">
        <v>153.6</v>
      </c>
      <c r="AA25430" s="5">
        <v>7</v>
      </c>
      <c r="AB25430" s="5" t="s">
        <v>43</v>
      </c>
      <c r="AC25430" s="5" t="s">
        <v>735</v>
      </c>
      <c r="AD25430" s="2" t="s">
        <v>81383</v>
      </c>
      <c r="AE25430" s="1"/>
    </row>
    <row r="25431" spans="1:31" ht="14.45">
      <c r="A25431" s="11"/>
      <c r="B25431" s="20"/>
      <c r="C25431" s="2" t="s">
        <v>81384</v>
      </c>
      <c r="D25431" s="14" t="s">
        <v>81385</v>
      </c>
      <c r="E25431" s="2" t="s">
        <v>81386</v>
      </c>
      <c r="F25431" s="2" t="s">
        <v>81387</v>
      </c>
      <c r="G25431" s="8">
        <v>1158</v>
      </c>
      <c r="H25431" s="5">
        <v>5</v>
      </c>
      <c r="I25431" s="5" t="s">
        <v>69</v>
      </c>
      <c r="J25431" s="5" t="s">
        <v>64310</v>
      </c>
      <c r="K25431" s="2" t="s">
        <v>64311</v>
      </c>
      <c r="L25431" s="5" t="s">
        <v>64310</v>
      </c>
      <c r="M25431" s="2" t="s">
        <v>64311</v>
      </c>
      <c r="N25431" s="5" t="s">
        <v>733</v>
      </c>
      <c r="O25431" s="5" t="s">
        <v>38</v>
      </c>
      <c r="P25431" s="5" t="s">
        <v>39</v>
      </c>
      <c r="Q25431" s="5" t="s">
        <v>40</v>
      </c>
      <c r="R25431" s="5" t="s">
        <v>897</v>
      </c>
      <c r="S25431" s="5" t="s">
        <v>40</v>
      </c>
      <c r="T25431" s="5" t="s">
        <v>42</v>
      </c>
      <c r="U25431" s="2">
        <v>53.779000000000003</v>
      </c>
      <c r="V25431" s="2">
        <v>49.363999999999997</v>
      </c>
      <c r="W25431" s="2">
        <v>0.26300000000000001</v>
      </c>
      <c r="X25431" s="2">
        <v>17</v>
      </c>
      <c r="Y25431" s="2">
        <v>100.9</v>
      </c>
      <c r="Z25431" s="2">
        <v>153.6</v>
      </c>
      <c r="AA25431" s="5">
        <v>7</v>
      </c>
      <c r="AB25431" s="5" t="s">
        <v>43</v>
      </c>
      <c r="AC25431" s="5" t="s">
        <v>735</v>
      </c>
      <c r="AD25431" s="2" t="s">
        <v>81388</v>
      </c>
      <c r="AE25431" s="1"/>
    </row>
    <row r="25432" spans="1:31" ht="14.45">
      <c r="A25432" s="11"/>
      <c r="B25432" s="20"/>
      <c r="C25432" s="2" t="s">
        <v>81389</v>
      </c>
      <c r="D25432" s="14" t="s">
        <v>81390</v>
      </c>
      <c r="E25432" s="2" t="s">
        <v>81391</v>
      </c>
      <c r="F25432" s="2" t="s">
        <v>81392</v>
      </c>
      <c r="G25432" s="8">
        <v>874</v>
      </c>
      <c r="H25432" s="5">
        <v>10</v>
      </c>
      <c r="I25432" s="5" t="s">
        <v>69</v>
      </c>
      <c r="J25432" s="5" t="s">
        <v>64310</v>
      </c>
      <c r="K25432" s="2" t="s">
        <v>64311</v>
      </c>
      <c r="L25432" s="5" t="s">
        <v>64310</v>
      </c>
      <c r="M25432" s="2" t="s">
        <v>64311</v>
      </c>
      <c r="N25432" s="5" t="s">
        <v>733</v>
      </c>
      <c r="O25432" s="5" t="s">
        <v>38</v>
      </c>
      <c r="P25432" s="5" t="s">
        <v>39</v>
      </c>
      <c r="Q25432" s="5" t="s">
        <v>40</v>
      </c>
      <c r="R25432" s="5" t="s">
        <v>897</v>
      </c>
      <c r="S25432" s="5" t="s">
        <v>40</v>
      </c>
      <c r="T25432" s="5" t="s">
        <v>42</v>
      </c>
      <c r="U25432" s="2">
        <v>46.158000000000001</v>
      </c>
      <c r="V25432" s="2">
        <v>41.743000000000002</v>
      </c>
      <c r="W25432" s="2">
        <v>0.26300000000000001</v>
      </c>
      <c r="X25432" s="2">
        <v>17</v>
      </c>
      <c r="Y25432" s="2">
        <v>100.9</v>
      </c>
      <c r="Z25432" s="2">
        <v>153.6</v>
      </c>
      <c r="AA25432" s="5">
        <v>7</v>
      </c>
      <c r="AB25432" s="5" t="s">
        <v>43</v>
      </c>
      <c r="AC25432" s="5" t="s">
        <v>735</v>
      </c>
      <c r="AD25432" s="2" t="s">
        <v>81393</v>
      </c>
      <c r="AE25432" s="1"/>
    </row>
    <row r="25433" spans="1:31" ht="14.45">
      <c r="A25433" s="11"/>
      <c r="B25433" s="20"/>
      <c r="C25433" s="2" t="s">
        <v>81394</v>
      </c>
      <c r="D25433" s="14" t="s">
        <v>81395</v>
      </c>
      <c r="E25433" s="2" t="s">
        <v>81396</v>
      </c>
      <c r="F25433" s="2" t="s">
        <v>81397</v>
      </c>
      <c r="G25433" s="8">
        <v>1158</v>
      </c>
      <c r="H25433" s="5">
        <v>10</v>
      </c>
      <c r="I25433" s="5" t="s">
        <v>69</v>
      </c>
      <c r="J25433" s="5" t="s">
        <v>64310</v>
      </c>
      <c r="K25433" s="2" t="s">
        <v>64311</v>
      </c>
      <c r="L25433" s="5" t="s">
        <v>64310</v>
      </c>
      <c r="M25433" s="2" t="s">
        <v>64311</v>
      </c>
      <c r="N25433" s="5" t="s">
        <v>733</v>
      </c>
      <c r="O25433" s="5" t="s">
        <v>38</v>
      </c>
      <c r="P25433" s="5" t="s">
        <v>39</v>
      </c>
      <c r="Q25433" s="5" t="s">
        <v>40</v>
      </c>
      <c r="R25433" s="5" t="s">
        <v>897</v>
      </c>
      <c r="S25433" s="5" t="s">
        <v>40</v>
      </c>
      <c r="T25433" s="5" t="s">
        <v>42</v>
      </c>
      <c r="U25433" s="2">
        <v>53.719000000000001</v>
      </c>
      <c r="V25433" s="2">
        <v>49.304000000000002</v>
      </c>
      <c r="W25433" s="2">
        <v>0.26300000000000001</v>
      </c>
      <c r="X25433" s="2">
        <v>17</v>
      </c>
      <c r="Y25433" s="2">
        <v>100.9</v>
      </c>
      <c r="Z25433" s="2">
        <v>153.6</v>
      </c>
      <c r="AA25433" s="5">
        <v>7</v>
      </c>
      <c r="AB25433" s="5" t="s">
        <v>43</v>
      </c>
      <c r="AC25433" s="5" t="s">
        <v>735</v>
      </c>
      <c r="AD25433" s="2" t="s">
        <v>81398</v>
      </c>
      <c r="AE25433" s="1"/>
    </row>
    <row r="25434" spans="1:31" ht="14.45">
      <c r="A25434" s="11"/>
      <c r="B25434" s="20"/>
      <c r="C25434" s="2" t="s">
        <v>81399</v>
      </c>
      <c r="D25434" s="14" t="s">
        <v>81400</v>
      </c>
      <c r="E25434" s="2" t="s">
        <v>81401</v>
      </c>
      <c r="F25434" s="2" t="s">
        <v>81402</v>
      </c>
      <c r="G25434" s="8">
        <v>965</v>
      </c>
      <c r="H25434" s="5">
        <v>10</v>
      </c>
      <c r="I25434" s="5" t="s">
        <v>69</v>
      </c>
      <c r="J25434" s="5" t="s">
        <v>64310</v>
      </c>
      <c r="K25434" s="2" t="s">
        <v>64311</v>
      </c>
      <c r="L25434" s="5" t="s">
        <v>64310</v>
      </c>
      <c r="M25434" s="2" t="s">
        <v>64311</v>
      </c>
      <c r="N25434" s="5" t="s">
        <v>733</v>
      </c>
      <c r="O25434" s="5" t="s">
        <v>38</v>
      </c>
      <c r="P25434" s="5" t="s">
        <v>39</v>
      </c>
      <c r="Q25434" s="5" t="s">
        <v>40</v>
      </c>
      <c r="R25434" s="5" t="s">
        <v>897</v>
      </c>
      <c r="S25434" s="5" t="s">
        <v>40</v>
      </c>
      <c r="T25434" s="5" t="s">
        <v>42</v>
      </c>
      <c r="U25434" s="2">
        <v>31.12</v>
      </c>
      <c r="V25434" s="2">
        <v>28.126000000000001</v>
      </c>
      <c r="W25434" s="2">
        <v>0.16600000000000001</v>
      </c>
      <c r="X25434" s="2">
        <v>17</v>
      </c>
      <c r="Y25434" s="2">
        <v>116.7</v>
      </c>
      <c r="Z25434" s="2">
        <v>83.6</v>
      </c>
      <c r="AA25434" s="5">
        <v>7</v>
      </c>
      <c r="AB25434" s="5" t="s">
        <v>43</v>
      </c>
      <c r="AC25434" s="5" t="s">
        <v>735</v>
      </c>
      <c r="AD25434" s="2" t="s">
        <v>81403</v>
      </c>
      <c r="AE25434" s="1"/>
    </row>
    <row r="25435" spans="1:31" ht="14.45">
      <c r="A25435" s="11"/>
      <c r="B25435" s="20"/>
      <c r="C25435" s="2" t="s">
        <v>81404</v>
      </c>
      <c r="D25435" s="14" t="s">
        <v>81405</v>
      </c>
      <c r="E25435" s="2" t="s">
        <v>81406</v>
      </c>
      <c r="F25435" s="2" t="s">
        <v>81407</v>
      </c>
      <c r="G25435" s="8">
        <v>751</v>
      </c>
      <c r="H25435" s="5">
        <v>5</v>
      </c>
      <c r="I25435" s="5" t="s">
        <v>69</v>
      </c>
      <c r="J25435" s="5" t="s">
        <v>64310</v>
      </c>
      <c r="K25435" s="2" t="s">
        <v>64311</v>
      </c>
      <c r="L25435" s="5" t="s">
        <v>64310</v>
      </c>
      <c r="M25435" s="2" t="s">
        <v>64311</v>
      </c>
      <c r="N25435" s="5" t="s">
        <v>733</v>
      </c>
      <c r="O25435" s="5" t="s">
        <v>38</v>
      </c>
      <c r="P25435" s="5" t="s">
        <v>39</v>
      </c>
      <c r="Q25435" s="5" t="s">
        <v>40</v>
      </c>
      <c r="R25435" s="5" t="s">
        <v>897</v>
      </c>
      <c r="S25435" s="5" t="s">
        <v>40</v>
      </c>
      <c r="T25435" s="5" t="s">
        <v>42</v>
      </c>
      <c r="U25435" s="2">
        <v>27.581</v>
      </c>
      <c r="V25435" s="2">
        <v>24.587</v>
      </c>
      <c r="W25435" s="2">
        <v>0.16600000000000001</v>
      </c>
      <c r="X25435" s="2">
        <v>17</v>
      </c>
      <c r="Y25435" s="2">
        <v>116.7</v>
      </c>
      <c r="Z25435" s="2">
        <v>83.6</v>
      </c>
      <c r="AA25435" s="5">
        <v>7</v>
      </c>
      <c r="AB25435" s="5" t="s">
        <v>43</v>
      </c>
      <c r="AC25435" s="5" t="s">
        <v>735</v>
      </c>
      <c r="AD25435" s="2" t="s">
        <v>81408</v>
      </c>
      <c r="AE25435" s="1"/>
    </row>
    <row r="25436" spans="1:31" ht="14.45">
      <c r="A25436" s="11"/>
      <c r="B25436" s="20"/>
      <c r="C25436" s="2" t="s">
        <v>81409</v>
      </c>
      <c r="D25436" s="14" t="s">
        <v>81410</v>
      </c>
      <c r="E25436" s="2" t="s">
        <v>81411</v>
      </c>
      <c r="F25436" s="2" t="s">
        <v>81412</v>
      </c>
      <c r="G25436" s="8">
        <v>901</v>
      </c>
      <c r="H25436" s="5">
        <v>10</v>
      </c>
      <c r="I25436" s="5" t="s">
        <v>69</v>
      </c>
      <c r="J25436" s="5" t="s">
        <v>64310</v>
      </c>
      <c r="K25436" s="2" t="s">
        <v>64311</v>
      </c>
      <c r="L25436" s="5" t="s">
        <v>64310</v>
      </c>
      <c r="M25436" s="2" t="s">
        <v>64311</v>
      </c>
      <c r="N25436" s="5" t="s">
        <v>733</v>
      </c>
      <c r="O25436" s="5" t="s">
        <v>38</v>
      </c>
      <c r="P25436" s="5" t="s">
        <v>39</v>
      </c>
      <c r="Q25436" s="5" t="s">
        <v>40</v>
      </c>
      <c r="R25436" s="5" t="s">
        <v>897</v>
      </c>
      <c r="S25436" s="5" t="s">
        <v>40</v>
      </c>
      <c r="T25436" s="5" t="s">
        <v>42</v>
      </c>
      <c r="U25436" s="2">
        <v>31.099</v>
      </c>
      <c r="V25436" s="2">
        <v>28.105</v>
      </c>
      <c r="W25436" s="2">
        <v>0.16600000000000001</v>
      </c>
      <c r="X25436" s="2">
        <v>17</v>
      </c>
      <c r="Y25436" s="2">
        <v>116.7</v>
      </c>
      <c r="Z25436" s="2">
        <v>83.6</v>
      </c>
      <c r="AA25436" s="5">
        <v>7</v>
      </c>
      <c r="AB25436" s="5" t="s">
        <v>43</v>
      </c>
      <c r="AC25436" s="5" t="s">
        <v>735</v>
      </c>
      <c r="AD25436" s="2" t="s">
        <v>81413</v>
      </c>
      <c r="AE25436" s="1"/>
    </row>
    <row r="25437" spans="1:31" ht="14.45">
      <c r="A25437" s="11"/>
      <c r="B25437" s="20"/>
      <c r="C25437" s="2" t="s">
        <v>81414</v>
      </c>
      <c r="D25437" s="14" t="s">
        <v>81415</v>
      </c>
      <c r="E25437" s="2" t="s">
        <v>81416</v>
      </c>
      <c r="F25437" s="2" t="s">
        <v>81417</v>
      </c>
      <c r="G25437" s="8">
        <v>1433</v>
      </c>
      <c r="H25437" s="5">
        <v>10</v>
      </c>
      <c r="I25437" s="5" t="s">
        <v>69</v>
      </c>
      <c r="J25437" s="5" t="s">
        <v>64310</v>
      </c>
      <c r="K25437" s="2" t="s">
        <v>64311</v>
      </c>
      <c r="L25437" s="5" t="s">
        <v>64310</v>
      </c>
      <c r="M25437" s="2" t="s">
        <v>64311</v>
      </c>
      <c r="N25437" s="5" t="s">
        <v>733</v>
      </c>
      <c r="O25437" s="5" t="s">
        <v>38</v>
      </c>
      <c r="P25437" s="5" t="s">
        <v>39</v>
      </c>
      <c r="Q25437" s="5" t="s">
        <v>40</v>
      </c>
      <c r="R25437" s="5" t="s">
        <v>897</v>
      </c>
      <c r="S25437" s="5" t="s">
        <v>40</v>
      </c>
      <c r="T25437" s="5" t="s">
        <v>42</v>
      </c>
      <c r="U25437" s="2">
        <v>34.851999999999997</v>
      </c>
      <c r="V25437" s="2">
        <v>31.858000000000001</v>
      </c>
      <c r="W25437" s="2">
        <v>0.16600000000000001</v>
      </c>
      <c r="X25437" s="2">
        <v>17</v>
      </c>
      <c r="Y25437" s="2">
        <v>116.7</v>
      </c>
      <c r="Z25437" s="2">
        <v>83.6</v>
      </c>
      <c r="AA25437" s="5">
        <v>7</v>
      </c>
      <c r="AB25437" s="5" t="s">
        <v>43</v>
      </c>
      <c r="AC25437" s="5" t="s">
        <v>735</v>
      </c>
      <c r="AD25437" s="2" t="s">
        <v>81418</v>
      </c>
      <c r="AE25437" s="1"/>
    </row>
    <row r="25438" spans="1:31" ht="14.45">
      <c r="A25438" s="11"/>
      <c r="B25438" s="20"/>
      <c r="C25438" s="2" t="s">
        <v>81419</v>
      </c>
      <c r="D25438" s="14" t="s">
        <v>81420</v>
      </c>
      <c r="E25438" s="2" t="s">
        <v>81421</v>
      </c>
      <c r="F25438" s="2" t="s">
        <v>81422</v>
      </c>
      <c r="G25438" s="8">
        <v>1369</v>
      </c>
      <c r="H25438" s="5">
        <v>10</v>
      </c>
      <c r="I25438" s="5" t="s">
        <v>69</v>
      </c>
      <c r="J25438" s="5" t="s">
        <v>64310</v>
      </c>
      <c r="K25438" s="2" t="s">
        <v>64311</v>
      </c>
      <c r="L25438" s="5" t="s">
        <v>64310</v>
      </c>
      <c r="M25438" s="2" t="s">
        <v>64311</v>
      </c>
      <c r="N25438" s="5" t="s">
        <v>733</v>
      </c>
      <c r="O25438" s="5" t="s">
        <v>38</v>
      </c>
      <c r="P25438" s="5" t="s">
        <v>39</v>
      </c>
      <c r="Q25438" s="5" t="s">
        <v>40</v>
      </c>
      <c r="R25438" s="5" t="s">
        <v>897</v>
      </c>
      <c r="S25438" s="5" t="s">
        <v>40</v>
      </c>
      <c r="T25438" s="5" t="s">
        <v>42</v>
      </c>
      <c r="U25438" s="2">
        <v>34.831000000000003</v>
      </c>
      <c r="V25438" s="2">
        <v>31.837</v>
      </c>
      <c r="W25438" s="2">
        <v>0.16600000000000001</v>
      </c>
      <c r="X25438" s="2">
        <v>17</v>
      </c>
      <c r="Y25438" s="2">
        <v>116.7</v>
      </c>
      <c r="Z25438" s="2">
        <v>83.6</v>
      </c>
      <c r="AA25438" s="5">
        <v>7</v>
      </c>
      <c r="AB25438" s="5" t="s">
        <v>43</v>
      </c>
      <c r="AC25438" s="5" t="s">
        <v>735</v>
      </c>
      <c r="AD25438" s="2" t="s">
        <v>81423</v>
      </c>
      <c r="AE25438" s="1"/>
    </row>
    <row r="25439" spans="1:31" ht="14.45">
      <c r="A25439" s="11"/>
      <c r="B25439" s="20"/>
      <c r="C25439" s="2" t="s">
        <v>81424</v>
      </c>
      <c r="D25439" s="14" t="s">
        <v>81425</v>
      </c>
      <c r="E25439" s="2" t="s">
        <v>81426</v>
      </c>
      <c r="F25439" s="2" t="s">
        <v>81427</v>
      </c>
      <c r="G25439" s="8">
        <v>1433</v>
      </c>
      <c r="H25439" s="5">
        <v>10</v>
      </c>
      <c r="I25439" s="5" t="s">
        <v>69</v>
      </c>
      <c r="J25439" s="5" t="s">
        <v>64310</v>
      </c>
      <c r="K25439" s="2" t="s">
        <v>64311</v>
      </c>
      <c r="L25439" s="5" t="s">
        <v>64310</v>
      </c>
      <c r="M25439" s="2" t="s">
        <v>64311</v>
      </c>
      <c r="N25439" s="5" t="s">
        <v>733</v>
      </c>
      <c r="O25439" s="5" t="s">
        <v>38</v>
      </c>
      <c r="P25439" s="5" t="s">
        <v>39</v>
      </c>
      <c r="Q25439" s="5" t="s">
        <v>40</v>
      </c>
      <c r="R25439" s="5" t="s">
        <v>897</v>
      </c>
      <c r="S25439" s="5" t="s">
        <v>40</v>
      </c>
      <c r="T25439" s="5" t="s">
        <v>42</v>
      </c>
      <c r="U25439" s="2">
        <v>33.768000000000001</v>
      </c>
      <c r="V25439" s="2">
        <v>30.774000000000001</v>
      </c>
      <c r="W25439" s="2">
        <v>0.16600000000000001</v>
      </c>
      <c r="X25439" s="2">
        <v>17</v>
      </c>
      <c r="Y25439" s="2">
        <v>116.7</v>
      </c>
      <c r="Z25439" s="2">
        <v>83.6</v>
      </c>
      <c r="AA25439" s="5">
        <v>7</v>
      </c>
      <c r="AB25439" s="5" t="s">
        <v>43</v>
      </c>
      <c r="AC25439" s="5" t="s">
        <v>735</v>
      </c>
      <c r="AD25439" s="2" t="s">
        <v>81428</v>
      </c>
      <c r="AE25439" s="1"/>
    </row>
    <row r="25440" spans="1:31" ht="14.45">
      <c r="A25440" s="11"/>
      <c r="B25440" s="20"/>
      <c r="C25440" s="2" t="s">
        <v>81429</v>
      </c>
      <c r="D25440" s="14" t="s">
        <v>81430</v>
      </c>
      <c r="E25440" s="2" t="s">
        <v>81431</v>
      </c>
      <c r="F25440" s="2" t="s">
        <v>81432</v>
      </c>
      <c r="G25440" s="8">
        <v>1369</v>
      </c>
      <c r="H25440" s="5">
        <v>10</v>
      </c>
      <c r="I25440" s="5" t="s">
        <v>69</v>
      </c>
      <c r="J25440" s="5" t="s">
        <v>64310</v>
      </c>
      <c r="K25440" s="2" t="s">
        <v>64311</v>
      </c>
      <c r="L25440" s="5" t="s">
        <v>64310</v>
      </c>
      <c r="M25440" s="2" t="s">
        <v>64311</v>
      </c>
      <c r="N25440" s="5" t="s">
        <v>733</v>
      </c>
      <c r="O25440" s="5" t="s">
        <v>38</v>
      </c>
      <c r="P25440" s="5" t="s">
        <v>39</v>
      </c>
      <c r="Q25440" s="5" t="s">
        <v>40</v>
      </c>
      <c r="R25440" s="5" t="s">
        <v>897</v>
      </c>
      <c r="S25440" s="5" t="s">
        <v>40</v>
      </c>
      <c r="T25440" s="5" t="s">
        <v>42</v>
      </c>
      <c r="U25440" s="2">
        <v>33.747</v>
      </c>
      <c r="V25440" s="2">
        <v>30.753</v>
      </c>
      <c r="W25440" s="2">
        <v>0.16600000000000001</v>
      </c>
      <c r="X25440" s="2">
        <v>17</v>
      </c>
      <c r="Y25440" s="2">
        <v>116.7</v>
      </c>
      <c r="Z25440" s="2">
        <v>83.6</v>
      </c>
      <c r="AA25440" s="5">
        <v>7</v>
      </c>
      <c r="AB25440" s="5" t="s">
        <v>43</v>
      </c>
      <c r="AC25440" s="5" t="s">
        <v>735</v>
      </c>
      <c r="AD25440" s="2" t="s">
        <v>81433</v>
      </c>
      <c r="AE25440" s="1"/>
    </row>
    <row r="25441" spans="1:31" ht="14.45">
      <c r="A25441" s="11"/>
      <c r="B25441" s="20"/>
      <c r="C25441" s="2" t="s">
        <v>81434</v>
      </c>
      <c r="D25441" s="14" t="s">
        <v>81435</v>
      </c>
      <c r="E25441" s="2" t="s">
        <v>81436</v>
      </c>
      <c r="F25441" s="2" t="s">
        <v>81437</v>
      </c>
      <c r="G25441" s="8">
        <v>1053</v>
      </c>
      <c r="H25441" s="5">
        <v>15</v>
      </c>
      <c r="I25441" s="5" t="s">
        <v>69</v>
      </c>
      <c r="J25441" s="5" t="s">
        <v>64310</v>
      </c>
      <c r="K25441" s="2" t="s">
        <v>64311</v>
      </c>
      <c r="L25441" s="5" t="s">
        <v>64310</v>
      </c>
      <c r="M25441" s="2" t="s">
        <v>64311</v>
      </c>
      <c r="N25441" s="5" t="s">
        <v>733</v>
      </c>
      <c r="O25441" s="5" t="s">
        <v>38</v>
      </c>
      <c r="P25441" s="5" t="s">
        <v>39</v>
      </c>
      <c r="Q25441" s="5" t="s">
        <v>40</v>
      </c>
      <c r="R25441" s="5" t="s">
        <v>897</v>
      </c>
      <c r="S25441" s="5" t="s">
        <v>40</v>
      </c>
      <c r="T25441" s="5" t="s">
        <v>42</v>
      </c>
      <c r="U25441" s="2">
        <v>34.889000000000003</v>
      </c>
      <c r="V25441" s="2">
        <v>31.895</v>
      </c>
      <c r="W25441" s="2">
        <v>0.16600000000000001</v>
      </c>
      <c r="X25441" s="2">
        <v>17</v>
      </c>
      <c r="Y25441" s="2">
        <v>116.7</v>
      </c>
      <c r="Z25441" s="2">
        <v>83.6</v>
      </c>
      <c r="AA25441" s="5">
        <v>7</v>
      </c>
      <c r="AB25441" s="5" t="s">
        <v>43</v>
      </c>
      <c r="AC25441" s="5" t="s">
        <v>735</v>
      </c>
      <c r="AD25441" s="2" t="s">
        <v>81438</v>
      </c>
      <c r="AE25441" s="1"/>
    </row>
    <row r="25442" spans="1:31" ht="14.45">
      <c r="A25442" s="11"/>
      <c r="B25442" s="20"/>
      <c r="C25442" s="2" t="s">
        <v>81439</v>
      </c>
      <c r="D25442" s="14" t="s">
        <v>81440</v>
      </c>
      <c r="E25442" s="2" t="s">
        <v>81441</v>
      </c>
      <c r="F25442" s="2" t="s">
        <v>81442</v>
      </c>
      <c r="G25442" s="8">
        <v>965</v>
      </c>
      <c r="H25442" s="5">
        <v>15</v>
      </c>
      <c r="I25442" s="5" t="s">
        <v>69</v>
      </c>
      <c r="J25442" s="5" t="s">
        <v>64310</v>
      </c>
      <c r="K25442" s="2" t="s">
        <v>64311</v>
      </c>
      <c r="L25442" s="5" t="s">
        <v>64310</v>
      </c>
      <c r="M25442" s="2" t="s">
        <v>64311</v>
      </c>
      <c r="N25442" s="5" t="s">
        <v>733</v>
      </c>
      <c r="O25442" s="5" t="s">
        <v>38</v>
      </c>
      <c r="P25442" s="5" t="s">
        <v>39</v>
      </c>
      <c r="Q25442" s="5" t="s">
        <v>40</v>
      </c>
      <c r="R25442" s="5" t="s">
        <v>897</v>
      </c>
      <c r="S25442" s="5" t="s">
        <v>40</v>
      </c>
      <c r="T25442" s="5" t="s">
        <v>42</v>
      </c>
      <c r="U25442" s="2">
        <v>31.06</v>
      </c>
      <c r="V25442" s="2">
        <v>28.065999999999999</v>
      </c>
      <c r="W25442" s="2">
        <v>0.16600000000000001</v>
      </c>
      <c r="X25442" s="2">
        <v>17</v>
      </c>
      <c r="Y25442" s="2">
        <v>116.7</v>
      </c>
      <c r="Z25442" s="2">
        <v>83.6</v>
      </c>
      <c r="AA25442" s="5">
        <v>7</v>
      </c>
      <c r="AB25442" s="5" t="s">
        <v>43</v>
      </c>
      <c r="AC25442" s="5" t="s">
        <v>735</v>
      </c>
      <c r="AD25442" s="2" t="s">
        <v>81443</v>
      </c>
      <c r="AE25442" s="1"/>
    </row>
    <row r="25443" spans="1:31" ht="14.45">
      <c r="A25443" s="11"/>
      <c r="B25443" s="20"/>
      <c r="C25443" s="2" t="s">
        <v>81444</v>
      </c>
      <c r="D25443" s="14" t="s">
        <v>81445</v>
      </c>
      <c r="E25443" s="2" t="s">
        <v>81446</v>
      </c>
      <c r="F25443" s="2" t="s">
        <v>81447</v>
      </c>
      <c r="G25443" s="8">
        <v>751</v>
      </c>
      <c r="H25443" s="5">
        <v>10</v>
      </c>
      <c r="I25443" s="5" t="s">
        <v>69</v>
      </c>
      <c r="J25443" s="5" t="s">
        <v>64310</v>
      </c>
      <c r="K25443" s="2" t="s">
        <v>64311</v>
      </c>
      <c r="L25443" s="5" t="s">
        <v>64310</v>
      </c>
      <c r="M25443" s="2" t="s">
        <v>64311</v>
      </c>
      <c r="N25443" s="5" t="s">
        <v>733</v>
      </c>
      <c r="O25443" s="5" t="s">
        <v>38</v>
      </c>
      <c r="P25443" s="5" t="s">
        <v>39</v>
      </c>
      <c r="Q25443" s="5" t="s">
        <v>40</v>
      </c>
      <c r="R25443" s="5" t="s">
        <v>897</v>
      </c>
      <c r="S25443" s="5" t="s">
        <v>40</v>
      </c>
      <c r="T25443" s="5" t="s">
        <v>42</v>
      </c>
      <c r="U25443" s="2">
        <v>27.521000000000001</v>
      </c>
      <c r="V25443" s="2">
        <v>24.527000000000001</v>
      </c>
      <c r="W25443" s="2">
        <v>0.16600000000000001</v>
      </c>
      <c r="X25443" s="2">
        <v>17</v>
      </c>
      <c r="Y25443" s="2">
        <v>116.7</v>
      </c>
      <c r="Z25443" s="2">
        <v>83.6</v>
      </c>
      <c r="AA25443" s="5">
        <v>7</v>
      </c>
      <c r="AB25443" s="5" t="s">
        <v>43</v>
      </c>
      <c r="AC25443" s="5" t="s">
        <v>735</v>
      </c>
      <c r="AD25443" s="2" t="s">
        <v>81448</v>
      </c>
      <c r="AE25443" s="1"/>
    </row>
    <row r="25444" spans="1:31" ht="14.45">
      <c r="A25444" s="11"/>
      <c r="B25444" s="20"/>
      <c r="C25444" s="2" t="s">
        <v>81449</v>
      </c>
      <c r="D25444" s="14" t="s">
        <v>81450</v>
      </c>
      <c r="E25444" s="2" t="s">
        <v>81451</v>
      </c>
      <c r="F25444" s="2" t="s">
        <v>81452</v>
      </c>
      <c r="G25444" s="8">
        <v>901</v>
      </c>
      <c r="H25444" s="5">
        <v>10</v>
      </c>
      <c r="I25444" s="5" t="s">
        <v>69</v>
      </c>
      <c r="J25444" s="5" t="s">
        <v>64310</v>
      </c>
      <c r="K25444" s="2" t="s">
        <v>64311</v>
      </c>
      <c r="L25444" s="5" t="s">
        <v>64310</v>
      </c>
      <c r="M25444" s="2" t="s">
        <v>64311</v>
      </c>
      <c r="N25444" s="5" t="s">
        <v>733</v>
      </c>
      <c r="O25444" s="5" t="s">
        <v>38</v>
      </c>
      <c r="P25444" s="5" t="s">
        <v>39</v>
      </c>
      <c r="Q25444" s="5" t="s">
        <v>40</v>
      </c>
      <c r="R25444" s="5" t="s">
        <v>897</v>
      </c>
      <c r="S25444" s="5" t="s">
        <v>40</v>
      </c>
      <c r="T25444" s="5" t="s">
        <v>42</v>
      </c>
      <c r="U25444" s="2">
        <v>31.039000000000001</v>
      </c>
      <c r="V25444" s="2">
        <v>28.045000000000002</v>
      </c>
      <c r="W25444" s="2">
        <v>0.16600000000000001</v>
      </c>
      <c r="X25444" s="2">
        <v>17</v>
      </c>
      <c r="Y25444" s="2">
        <v>116.7</v>
      </c>
      <c r="Z25444" s="2">
        <v>83.6</v>
      </c>
      <c r="AA25444" s="5">
        <v>7</v>
      </c>
      <c r="AB25444" s="5" t="s">
        <v>43</v>
      </c>
      <c r="AC25444" s="5" t="s">
        <v>735</v>
      </c>
      <c r="AD25444" s="2" t="s">
        <v>81453</v>
      </c>
      <c r="AE25444" s="1"/>
    </row>
    <row r="25445" spans="1:31" ht="14.45">
      <c r="A25445" s="11"/>
      <c r="B25445" s="20"/>
      <c r="C25445" s="2" t="s">
        <v>81454</v>
      </c>
      <c r="D25445" s="14" t="s">
        <v>81455</v>
      </c>
      <c r="E25445" s="2" t="s">
        <v>81456</v>
      </c>
      <c r="F25445" s="2" t="s">
        <v>81457</v>
      </c>
      <c r="G25445" s="8">
        <v>1433</v>
      </c>
      <c r="H25445" s="5">
        <v>10</v>
      </c>
      <c r="I25445" s="5" t="s">
        <v>69</v>
      </c>
      <c r="J25445" s="5" t="s">
        <v>64310</v>
      </c>
      <c r="K25445" s="2" t="s">
        <v>64311</v>
      </c>
      <c r="L25445" s="5" t="s">
        <v>64310</v>
      </c>
      <c r="M25445" s="2" t="s">
        <v>64311</v>
      </c>
      <c r="N25445" s="5" t="s">
        <v>733</v>
      </c>
      <c r="O25445" s="5" t="s">
        <v>38</v>
      </c>
      <c r="P25445" s="5" t="s">
        <v>39</v>
      </c>
      <c r="Q25445" s="5" t="s">
        <v>40</v>
      </c>
      <c r="R25445" s="5" t="s">
        <v>897</v>
      </c>
      <c r="S25445" s="5" t="s">
        <v>40</v>
      </c>
      <c r="T25445" s="5" t="s">
        <v>42</v>
      </c>
      <c r="U25445" s="2">
        <v>34.792000000000002</v>
      </c>
      <c r="V25445" s="2">
        <v>31.797999999999998</v>
      </c>
      <c r="W25445" s="2">
        <v>0.16600000000000001</v>
      </c>
      <c r="X25445" s="2">
        <v>17</v>
      </c>
      <c r="Y25445" s="2">
        <v>116.7</v>
      </c>
      <c r="Z25445" s="2">
        <v>83.6</v>
      </c>
      <c r="AA25445" s="5">
        <v>7</v>
      </c>
      <c r="AB25445" s="5" t="s">
        <v>43</v>
      </c>
      <c r="AC25445" s="5" t="s">
        <v>735</v>
      </c>
      <c r="AD25445" s="2" t="s">
        <v>81458</v>
      </c>
      <c r="AE25445" s="1"/>
    </row>
    <row r="25446" spans="1:31" ht="14.45">
      <c r="A25446" s="11"/>
      <c r="B25446" s="20"/>
      <c r="C25446" s="2" t="s">
        <v>81459</v>
      </c>
      <c r="D25446" s="14" t="s">
        <v>81460</v>
      </c>
      <c r="E25446" s="2" t="s">
        <v>81461</v>
      </c>
      <c r="F25446" s="2" t="s">
        <v>81462</v>
      </c>
      <c r="G25446" s="8">
        <v>1369</v>
      </c>
      <c r="H25446" s="5">
        <v>10</v>
      </c>
      <c r="I25446" s="5" t="s">
        <v>69</v>
      </c>
      <c r="J25446" s="5" t="s">
        <v>64310</v>
      </c>
      <c r="K25446" s="2" t="s">
        <v>64311</v>
      </c>
      <c r="L25446" s="5" t="s">
        <v>64310</v>
      </c>
      <c r="M25446" s="2" t="s">
        <v>64311</v>
      </c>
      <c r="N25446" s="5" t="s">
        <v>733</v>
      </c>
      <c r="O25446" s="5" t="s">
        <v>38</v>
      </c>
      <c r="P25446" s="5" t="s">
        <v>39</v>
      </c>
      <c r="Q25446" s="5" t="s">
        <v>40</v>
      </c>
      <c r="R25446" s="5" t="s">
        <v>897</v>
      </c>
      <c r="S25446" s="5" t="s">
        <v>40</v>
      </c>
      <c r="T25446" s="5" t="s">
        <v>42</v>
      </c>
      <c r="U25446" s="2">
        <v>34.771000000000001</v>
      </c>
      <c r="V25446" s="2">
        <v>31.777000000000001</v>
      </c>
      <c r="W25446" s="2">
        <v>0.16600000000000001</v>
      </c>
      <c r="X25446" s="2">
        <v>17</v>
      </c>
      <c r="Y25446" s="2">
        <v>116.7</v>
      </c>
      <c r="Z25446" s="2">
        <v>83.6</v>
      </c>
      <c r="AA25446" s="5">
        <v>7</v>
      </c>
      <c r="AB25446" s="5" t="s">
        <v>43</v>
      </c>
      <c r="AC25446" s="5" t="s">
        <v>735</v>
      </c>
      <c r="AD25446" s="2" t="s">
        <v>81463</v>
      </c>
      <c r="AE25446" s="1"/>
    </row>
    <row r="25447" spans="1:31" ht="14.45">
      <c r="A25447" s="11"/>
      <c r="B25447" s="20"/>
      <c r="C25447" s="2" t="s">
        <v>81464</v>
      </c>
      <c r="D25447" s="14" t="s">
        <v>81465</v>
      </c>
      <c r="E25447" s="2" t="s">
        <v>81466</v>
      </c>
      <c r="F25447" s="2" t="s">
        <v>81467</v>
      </c>
      <c r="G25447" s="8">
        <v>1369</v>
      </c>
      <c r="H25447" s="5">
        <v>5</v>
      </c>
      <c r="I25447" s="5" t="s">
        <v>69</v>
      </c>
      <c r="J25447" s="5" t="s">
        <v>64310</v>
      </c>
      <c r="K25447" s="2" t="s">
        <v>64311</v>
      </c>
      <c r="L25447" s="5" t="s">
        <v>64310</v>
      </c>
      <c r="M25447" s="2" t="s">
        <v>64311</v>
      </c>
      <c r="N25447" s="5" t="s">
        <v>733</v>
      </c>
      <c r="O25447" s="5" t="s">
        <v>38</v>
      </c>
      <c r="P25447" s="5" t="s">
        <v>39</v>
      </c>
      <c r="Q25447" s="5" t="s">
        <v>40</v>
      </c>
      <c r="R25447" s="5" t="s">
        <v>897</v>
      </c>
      <c r="S25447" s="5" t="s">
        <v>40</v>
      </c>
      <c r="T25447" s="5" t="s">
        <v>42</v>
      </c>
      <c r="U25447" s="2">
        <v>33.686999999999998</v>
      </c>
      <c r="V25447" s="2">
        <v>30.693000000000001</v>
      </c>
      <c r="W25447" s="2">
        <v>0.16600000000000001</v>
      </c>
      <c r="X25447" s="2">
        <v>17</v>
      </c>
      <c r="Y25447" s="2">
        <v>116.7</v>
      </c>
      <c r="Z25447" s="2">
        <v>83.6</v>
      </c>
      <c r="AA25447" s="5">
        <v>7</v>
      </c>
      <c r="AB25447" s="5" t="s">
        <v>43</v>
      </c>
      <c r="AC25447" s="5" t="s">
        <v>735</v>
      </c>
      <c r="AD25447" s="2" t="s">
        <v>81468</v>
      </c>
      <c r="AE25447" s="1"/>
    </row>
    <row r="25448" spans="1:31" ht="14.45">
      <c r="A25448" s="11"/>
      <c r="B25448" s="20"/>
      <c r="C25448" s="2" t="s">
        <v>81469</v>
      </c>
      <c r="D25448" s="14" t="s">
        <v>81470</v>
      </c>
      <c r="E25448" s="2" t="s">
        <v>81471</v>
      </c>
      <c r="F25448" s="2" t="s">
        <v>81472</v>
      </c>
      <c r="G25448" s="8">
        <v>1323</v>
      </c>
      <c r="H25448" s="5">
        <v>15</v>
      </c>
      <c r="I25448" s="5" t="s">
        <v>69</v>
      </c>
      <c r="J25448" s="5" t="s">
        <v>64310</v>
      </c>
      <c r="K25448" s="2" t="s">
        <v>64311</v>
      </c>
      <c r="L25448" s="5" t="s">
        <v>64310</v>
      </c>
      <c r="M25448" s="2" t="s">
        <v>64311</v>
      </c>
      <c r="N25448" s="5" t="s">
        <v>733</v>
      </c>
      <c r="O25448" s="5" t="s">
        <v>38</v>
      </c>
      <c r="P25448" s="5" t="s">
        <v>39</v>
      </c>
      <c r="Q25448" s="5" t="s">
        <v>40</v>
      </c>
      <c r="R25448" s="5" t="s">
        <v>897</v>
      </c>
      <c r="S25448" s="5" t="s">
        <v>40</v>
      </c>
      <c r="T25448" s="5" t="s">
        <v>42</v>
      </c>
      <c r="U25448" s="2">
        <v>52.875999999999998</v>
      </c>
      <c r="V25448" s="2">
        <v>49.207999999999998</v>
      </c>
      <c r="W25448" s="2">
        <v>0.221</v>
      </c>
      <c r="X25448" s="2">
        <v>17</v>
      </c>
      <c r="Y25448" s="2">
        <v>116.7</v>
      </c>
      <c r="Z25448" s="2">
        <v>111.6</v>
      </c>
      <c r="AA25448" s="5">
        <v>7</v>
      </c>
      <c r="AB25448" s="5" t="s">
        <v>43</v>
      </c>
      <c r="AC25448" s="5" t="s">
        <v>735</v>
      </c>
      <c r="AD25448" s="2" t="s">
        <v>81473</v>
      </c>
      <c r="AE25448" s="1"/>
    </row>
    <row r="25449" spans="1:31" ht="14.45">
      <c r="A25449" s="11"/>
      <c r="B25449" s="20"/>
      <c r="C25449" s="2" t="s">
        <v>81474</v>
      </c>
      <c r="D25449" s="14" t="s">
        <v>81475</v>
      </c>
      <c r="E25449" s="2" t="s">
        <v>81476</v>
      </c>
      <c r="F25449" s="2" t="s">
        <v>81477</v>
      </c>
      <c r="G25449" s="8">
        <v>1183</v>
      </c>
      <c r="H25449" s="5">
        <v>10</v>
      </c>
      <c r="I25449" s="5" t="s">
        <v>69</v>
      </c>
      <c r="J25449" s="5" t="s">
        <v>64310</v>
      </c>
      <c r="K25449" s="2" t="s">
        <v>64311</v>
      </c>
      <c r="L25449" s="5" t="s">
        <v>64310</v>
      </c>
      <c r="M25449" s="2" t="s">
        <v>64311</v>
      </c>
      <c r="N25449" s="5" t="s">
        <v>733</v>
      </c>
      <c r="O25449" s="5" t="s">
        <v>38</v>
      </c>
      <c r="P25449" s="5" t="s">
        <v>39</v>
      </c>
      <c r="Q25449" s="5" t="s">
        <v>40</v>
      </c>
      <c r="R25449" s="5" t="s">
        <v>897</v>
      </c>
      <c r="S25449" s="5" t="s">
        <v>40</v>
      </c>
      <c r="T25449" s="5" t="s">
        <v>42</v>
      </c>
      <c r="U25449" s="2">
        <v>45.62</v>
      </c>
      <c r="V25449" s="2">
        <v>41.951999999999998</v>
      </c>
      <c r="W25449" s="2">
        <v>0.221</v>
      </c>
      <c r="X25449" s="2">
        <v>17</v>
      </c>
      <c r="Y25449" s="2">
        <v>116.7</v>
      </c>
      <c r="Z25449" s="2">
        <v>111.6</v>
      </c>
      <c r="AA25449" s="5">
        <v>7</v>
      </c>
      <c r="AB25449" s="5" t="s">
        <v>43</v>
      </c>
      <c r="AC25449" s="5" t="s">
        <v>735</v>
      </c>
      <c r="AD25449" s="2" t="s">
        <v>81478</v>
      </c>
      <c r="AE25449" s="1"/>
    </row>
    <row r="25450" spans="1:31" ht="14.45">
      <c r="A25450" s="11"/>
      <c r="B25450" s="20"/>
      <c r="C25450" s="2" t="s">
        <v>81479</v>
      </c>
      <c r="D25450" s="14" t="s">
        <v>81480</v>
      </c>
      <c r="E25450" s="2" t="s">
        <v>81481</v>
      </c>
      <c r="F25450" s="2" t="s">
        <v>81482</v>
      </c>
      <c r="G25450" s="8">
        <v>843</v>
      </c>
      <c r="H25450" s="5">
        <v>5</v>
      </c>
      <c r="I25450" s="5" t="s">
        <v>69</v>
      </c>
      <c r="J25450" s="5" t="s">
        <v>64310</v>
      </c>
      <c r="K25450" s="2" t="s">
        <v>64311</v>
      </c>
      <c r="L25450" s="5" t="s">
        <v>64310</v>
      </c>
      <c r="M25450" s="2" t="s">
        <v>64311</v>
      </c>
      <c r="N25450" s="5" t="s">
        <v>733</v>
      </c>
      <c r="O25450" s="5" t="s">
        <v>38</v>
      </c>
      <c r="P25450" s="5" t="s">
        <v>39</v>
      </c>
      <c r="Q25450" s="5" t="s">
        <v>40</v>
      </c>
      <c r="R25450" s="5" t="s">
        <v>897</v>
      </c>
      <c r="S25450" s="5" t="s">
        <v>40</v>
      </c>
      <c r="T25450" s="5" t="s">
        <v>42</v>
      </c>
      <c r="U25450" s="2">
        <v>39.418999999999997</v>
      </c>
      <c r="V25450" s="2">
        <v>35.750999999999998</v>
      </c>
      <c r="W25450" s="2">
        <v>0.221</v>
      </c>
      <c r="X25450" s="2">
        <v>17</v>
      </c>
      <c r="Y25450" s="2">
        <v>116.7</v>
      </c>
      <c r="Z25450" s="2">
        <v>111.6</v>
      </c>
      <c r="AA25450" s="5">
        <v>7</v>
      </c>
      <c r="AB25450" s="5" t="s">
        <v>43</v>
      </c>
      <c r="AC25450" s="5" t="s">
        <v>735</v>
      </c>
      <c r="AD25450" s="2" t="s">
        <v>81483</v>
      </c>
      <c r="AE25450" s="1"/>
    </row>
    <row r="25451" spans="1:31" ht="14.45">
      <c r="A25451" s="11"/>
      <c r="B25451" s="20"/>
      <c r="C25451" s="2" t="s">
        <v>81484</v>
      </c>
      <c r="D25451" s="14" t="s">
        <v>81485</v>
      </c>
      <c r="E25451" s="2" t="s">
        <v>81486</v>
      </c>
      <c r="F25451" s="2" t="s">
        <v>81487</v>
      </c>
      <c r="G25451" s="8">
        <v>1081</v>
      </c>
      <c r="H25451" s="5">
        <v>10</v>
      </c>
      <c r="I25451" s="5" t="s">
        <v>69</v>
      </c>
      <c r="J25451" s="5" t="s">
        <v>64310</v>
      </c>
      <c r="K25451" s="2" t="s">
        <v>64311</v>
      </c>
      <c r="L25451" s="5" t="s">
        <v>64310</v>
      </c>
      <c r="M25451" s="2" t="s">
        <v>64311</v>
      </c>
      <c r="N25451" s="5" t="s">
        <v>733</v>
      </c>
      <c r="O25451" s="5" t="s">
        <v>38</v>
      </c>
      <c r="P25451" s="5" t="s">
        <v>39</v>
      </c>
      <c r="Q25451" s="5" t="s">
        <v>40</v>
      </c>
      <c r="R25451" s="5" t="s">
        <v>897</v>
      </c>
      <c r="S25451" s="5" t="s">
        <v>40</v>
      </c>
      <c r="T25451" s="5" t="s">
        <v>42</v>
      </c>
      <c r="U25451" s="2">
        <v>45.582000000000001</v>
      </c>
      <c r="V25451" s="2">
        <v>41.914000000000001</v>
      </c>
      <c r="W25451" s="2">
        <v>0.221</v>
      </c>
      <c r="X25451" s="2">
        <v>17</v>
      </c>
      <c r="Y25451" s="2">
        <v>116.7</v>
      </c>
      <c r="Z25451" s="2">
        <v>111.6</v>
      </c>
      <c r="AA25451" s="5">
        <v>7</v>
      </c>
      <c r="AB25451" s="5" t="s">
        <v>43</v>
      </c>
      <c r="AC25451" s="5" t="s">
        <v>735</v>
      </c>
      <c r="AD25451" s="2" t="s">
        <v>81488</v>
      </c>
      <c r="AE25451" s="1"/>
    </row>
    <row r="25452" spans="1:31" ht="14.45">
      <c r="A25452" s="11"/>
      <c r="B25452" s="20"/>
      <c r="C25452" s="2" t="s">
        <v>81489</v>
      </c>
      <c r="D25452" s="14" t="s">
        <v>81490</v>
      </c>
      <c r="E25452" s="2" t="s">
        <v>81491</v>
      </c>
      <c r="F25452" s="2" t="s">
        <v>81492</v>
      </c>
      <c r="G25452" s="8">
        <v>1791</v>
      </c>
      <c r="H25452" s="5">
        <v>15</v>
      </c>
      <c r="I25452" s="5" t="s">
        <v>69</v>
      </c>
      <c r="J25452" s="5" t="s">
        <v>64310</v>
      </c>
      <c r="K25452" s="2" t="s">
        <v>64311</v>
      </c>
      <c r="L25452" s="5" t="s">
        <v>64310</v>
      </c>
      <c r="M25452" s="2" t="s">
        <v>64311</v>
      </c>
      <c r="N25452" s="5" t="s">
        <v>733</v>
      </c>
      <c r="O25452" s="5" t="s">
        <v>38</v>
      </c>
      <c r="P25452" s="5" t="s">
        <v>39</v>
      </c>
      <c r="Q25452" s="5" t="s">
        <v>40</v>
      </c>
      <c r="R25452" s="5" t="s">
        <v>897</v>
      </c>
      <c r="S25452" s="5" t="s">
        <v>40</v>
      </c>
      <c r="T25452" s="5" t="s">
        <v>42</v>
      </c>
      <c r="U25452" s="2">
        <v>57.345999999999997</v>
      </c>
      <c r="V25452" s="2">
        <v>53.677999999999997</v>
      </c>
      <c r="W25452" s="2">
        <v>0.221</v>
      </c>
      <c r="X25452" s="2">
        <v>17</v>
      </c>
      <c r="Y25452" s="2">
        <v>116.7</v>
      </c>
      <c r="Z25452" s="2">
        <v>111.6</v>
      </c>
      <c r="AA25452" s="5">
        <v>7</v>
      </c>
      <c r="AB25452" s="5" t="s">
        <v>43</v>
      </c>
      <c r="AC25452" s="5" t="s">
        <v>735</v>
      </c>
      <c r="AD25452" s="2" t="s">
        <v>81493</v>
      </c>
      <c r="AE25452" s="1"/>
    </row>
    <row r="25453" spans="1:31" ht="14.45">
      <c r="A25453" s="11"/>
      <c r="B25453" s="20"/>
      <c r="C25453" s="2" t="s">
        <v>81494</v>
      </c>
      <c r="D25453" s="14" t="s">
        <v>81495</v>
      </c>
      <c r="E25453" s="2" t="s">
        <v>81496</v>
      </c>
      <c r="F25453" s="2" t="s">
        <v>81497</v>
      </c>
      <c r="G25453" s="8">
        <v>1651</v>
      </c>
      <c r="H25453" s="5">
        <v>10</v>
      </c>
      <c r="I25453" s="5" t="s">
        <v>69</v>
      </c>
      <c r="J25453" s="5" t="s">
        <v>64310</v>
      </c>
      <c r="K25453" s="2" t="s">
        <v>64311</v>
      </c>
      <c r="L25453" s="5" t="s">
        <v>64310</v>
      </c>
      <c r="M25453" s="2" t="s">
        <v>64311</v>
      </c>
      <c r="N25453" s="5" t="s">
        <v>733</v>
      </c>
      <c r="O25453" s="5" t="s">
        <v>38</v>
      </c>
      <c r="P25453" s="5" t="s">
        <v>39</v>
      </c>
      <c r="Q25453" s="5" t="s">
        <v>40</v>
      </c>
      <c r="R25453" s="5" t="s">
        <v>897</v>
      </c>
      <c r="S25453" s="5" t="s">
        <v>40</v>
      </c>
      <c r="T25453" s="5" t="s">
        <v>42</v>
      </c>
      <c r="U25453" s="2">
        <v>50.09</v>
      </c>
      <c r="V25453" s="2">
        <v>46.421999999999997</v>
      </c>
      <c r="W25453" s="2">
        <v>0.221</v>
      </c>
      <c r="X25453" s="2">
        <v>17</v>
      </c>
      <c r="Y25453" s="2">
        <v>116.7</v>
      </c>
      <c r="Z25453" s="2">
        <v>111.6</v>
      </c>
      <c r="AA25453" s="5">
        <v>7</v>
      </c>
      <c r="AB25453" s="5" t="s">
        <v>43</v>
      </c>
      <c r="AC25453" s="5" t="s">
        <v>735</v>
      </c>
      <c r="AD25453" s="2" t="s">
        <v>81498</v>
      </c>
      <c r="AE25453" s="1"/>
    </row>
    <row r="25454" spans="1:31" ht="14.45">
      <c r="A25454" s="11"/>
      <c r="B25454" s="20"/>
      <c r="C25454" s="2" t="s">
        <v>81499</v>
      </c>
      <c r="D25454" s="14" t="s">
        <v>81500</v>
      </c>
      <c r="E25454" s="2" t="s">
        <v>81501</v>
      </c>
      <c r="F25454" s="2" t="s">
        <v>81502</v>
      </c>
      <c r="G25454" s="8">
        <v>1549</v>
      </c>
      <c r="H25454" s="5">
        <v>10</v>
      </c>
      <c r="I25454" s="5" t="s">
        <v>69</v>
      </c>
      <c r="J25454" s="5" t="s">
        <v>64310</v>
      </c>
      <c r="K25454" s="2" t="s">
        <v>64311</v>
      </c>
      <c r="L25454" s="5" t="s">
        <v>64310</v>
      </c>
      <c r="M25454" s="2" t="s">
        <v>64311</v>
      </c>
      <c r="N25454" s="5" t="s">
        <v>733</v>
      </c>
      <c r="O25454" s="5" t="s">
        <v>38</v>
      </c>
      <c r="P25454" s="5" t="s">
        <v>39</v>
      </c>
      <c r="Q25454" s="5" t="s">
        <v>40</v>
      </c>
      <c r="R25454" s="5" t="s">
        <v>897</v>
      </c>
      <c r="S25454" s="5" t="s">
        <v>40</v>
      </c>
      <c r="T25454" s="5" t="s">
        <v>42</v>
      </c>
      <c r="U25454" s="2">
        <v>50.052</v>
      </c>
      <c r="V25454" s="2">
        <v>46.384</v>
      </c>
      <c r="W25454" s="2">
        <v>0.221</v>
      </c>
      <c r="X25454" s="2">
        <v>17</v>
      </c>
      <c r="Y25454" s="2">
        <v>116.7</v>
      </c>
      <c r="Z25454" s="2">
        <v>111.6</v>
      </c>
      <c r="AA25454" s="5">
        <v>7</v>
      </c>
      <c r="AB25454" s="5" t="s">
        <v>43</v>
      </c>
      <c r="AC25454" s="5" t="s">
        <v>735</v>
      </c>
      <c r="AD25454" s="2" t="s">
        <v>81503</v>
      </c>
      <c r="AE25454" s="1"/>
    </row>
    <row r="25455" spans="1:31" ht="14.45">
      <c r="A25455" s="11"/>
      <c r="B25455" s="20"/>
      <c r="C25455" s="2" t="s">
        <v>81504</v>
      </c>
      <c r="D25455" s="14" t="s">
        <v>81505</v>
      </c>
      <c r="E25455" s="2" t="s">
        <v>81506</v>
      </c>
      <c r="F25455" s="2" t="s">
        <v>81507</v>
      </c>
      <c r="G25455" s="8">
        <v>1549</v>
      </c>
      <c r="H25455" s="5">
        <v>10</v>
      </c>
      <c r="I25455" s="5" t="s">
        <v>69</v>
      </c>
      <c r="J25455" s="5" t="s">
        <v>64310</v>
      </c>
      <c r="K25455" s="2" t="s">
        <v>64311</v>
      </c>
      <c r="L25455" s="5" t="s">
        <v>64310</v>
      </c>
      <c r="M25455" s="2" t="s">
        <v>64311</v>
      </c>
      <c r="N25455" s="5" t="s">
        <v>733</v>
      </c>
      <c r="O25455" s="5" t="s">
        <v>38</v>
      </c>
      <c r="P25455" s="5" t="s">
        <v>39</v>
      </c>
      <c r="Q25455" s="5" t="s">
        <v>40</v>
      </c>
      <c r="R25455" s="5" t="s">
        <v>897</v>
      </c>
      <c r="S25455" s="5" t="s">
        <v>40</v>
      </c>
      <c r="T25455" s="5" t="s">
        <v>42</v>
      </c>
      <c r="U25455" s="2">
        <v>48.738999999999997</v>
      </c>
      <c r="V25455" s="2">
        <v>45.070999999999998</v>
      </c>
      <c r="W25455" s="2">
        <v>0.221</v>
      </c>
      <c r="X25455" s="2">
        <v>17</v>
      </c>
      <c r="Y25455" s="2">
        <v>116.7</v>
      </c>
      <c r="Z25455" s="2">
        <v>111.6</v>
      </c>
      <c r="AA25455" s="5">
        <v>7</v>
      </c>
      <c r="AB25455" s="5" t="s">
        <v>43</v>
      </c>
      <c r="AC25455" s="5" t="s">
        <v>735</v>
      </c>
      <c r="AD25455" s="2" t="s">
        <v>81508</v>
      </c>
      <c r="AE25455" s="1"/>
    </row>
    <row r="25456" spans="1:31" ht="14.45">
      <c r="A25456" s="11"/>
      <c r="B25456" s="20"/>
      <c r="C25456" s="2" t="s">
        <v>81509</v>
      </c>
      <c r="D25456" s="14" t="s">
        <v>81510</v>
      </c>
      <c r="E25456" s="2" t="s">
        <v>81511</v>
      </c>
      <c r="F25456" s="2" t="s">
        <v>81512</v>
      </c>
      <c r="G25456" s="8">
        <v>1183</v>
      </c>
      <c r="H25456" s="5">
        <v>15</v>
      </c>
      <c r="I25456" s="5" t="s">
        <v>69</v>
      </c>
      <c r="J25456" s="5" t="s">
        <v>64310</v>
      </c>
      <c r="K25456" s="2" t="s">
        <v>64311</v>
      </c>
      <c r="L25456" s="5" t="s">
        <v>64310</v>
      </c>
      <c r="M25456" s="2" t="s">
        <v>64311</v>
      </c>
      <c r="N25456" s="5" t="s">
        <v>733</v>
      </c>
      <c r="O25456" s="5" t="s">
        <v>38</v>
      </c>
      <c r="P25456" s="5" t="s">
        <v>39</v>
      </c>
      <c r="Q25456" s="5" t="s">
        <v>40</v>
      </c>
      <c r="R25456" s="5" t="s">
        <v>897</v>
      </c>
      <c r="S25456" s="5" t="s">
        <v>40</v>
      </c>
      <c r="T25456" s="5" t="s">
        <v>42</v>
      </c>
      <c r="U25456" s="2">
        <v>45.56</v>
      </c>
      <c r="V25456" s="2">
        <v>41.892000000000003</v>
      </c>
      <c r="W25456" s="2">
        <v>0.221</v>
      </c>
      <c r="X25456" s="2">
        <v>17</v>
      </c>
      <c r="Y25456" s="2">
        <v>116.7</v>
      </c>
      <c r="Z25456" s="2">
        <v>111.6</v>
      </c>
      <c r="AA25456" s="5">
        <v>7</v>
      </c>
      <c r="AB25456" s="5" t="s">
        <v>43</v>
      </c>
      <c r="AC25456" s="5" t="s">
        <v>735</v>
      </c>
      <c r="AD25456" s="2" t="s">
        <v>81513</v>
      </c>
      <c r="AE25456" s="1"/>
    </row>
    <row r="25457" spans="1:31" ht="14.45">
      <c r="A25457" s="11"/>
      <c r="B25457" s="20"/>
      <c r="C25457" s="2" t="s">
        <v>81514</v>
      </c>
      <c r="D25457" s="14" t="s">
        <v>81515</v>
      </c>
      <c r="E25457" s="2" t="s">
        <v>81516</v>
      </c>
      <c r="F25457" s="2" t="s">
        <v>81517</v>
      </c>
      <c r="G25457" s="8">
        <v>843</v>
      </c>
      <c r="H25457" s="5">
        <v>10</v>
      </c>
      <c r="I25457" s="5" t="s">
        <v>69</v>
      </c>
      <c r="J25457" s="5" t="s">
        <v>64310</v>
      </c>
      <c r="K25457" s="2" t="s">
        <v>64311</v>
      </c>
      <c r="L25457" s="5" t="s">
        <v>64310</v>
      </c>
      <c r="M25457" s="2" t="s">
        <v>64311</v>
      </c>
      <c r="N25457" s="5" t="s">
        <v>733</v>
      </c>
      <c r="O25457" s="5" t="s">
        <v>38</v>
      </c>
      <c r="P25457" s="5" t="s">
        <v>39</v>
      </c>
      <c r="Q25457" s="5" t="s">
        <v>40</v>
      </c>
      <c r="R25457" s="5" t="s">
        <v>897</v>
      </c>
      <c r="S25457" s="5" t="s">
        <v>40</v>
      </c>
      <c r="T25457" s="5" t="s">
        <v>42</v>
      </c>
      <c r="U25457" s="2">
        <v>39.359000000000002</v>
      </c>
      <c r="V25457" s="2">
        <v>35.691000000000003</v>
      </c>
      <c r="W25457" s="2">
        <v>0.221</v>
      </c>
      <c r="X25457" s="2">
        <v>17</v>
      </c>
      <c r="Y25457" s="2">
        <v>116.7</v>
      </c>
      <c r="Z25457" s="2">
        <v>111.6</v>
      </c>
      <c r="AA25457" s="5">
        <v>7</v>
      </c>
      <c r="AB25457" s="5" t="s">
        <v>43</v>
      </c>
      <c r="AC25457" s="5" t="s">
        <v>735</v>
      </c>
      <c r="AD25457" s="2" t="s">
        <v>81518</v>
      </c>
      <c r="AE25457" s="1"/>
    </row>
    <row r="25458" spans="1:31" ht="14.45">
      <c r="A25458" s="11"/>
      <c r="B25458" s="20"/>
      <c r="C25458" s="2" t="s">
        <v>81519</v>
      </c>
      <c r="D25458" s="14" t="s">
        <v>81520</v>
      </c>
      <c r="E25458" s="2" t="s">
        <v>81521</v>
      </c>
      <c r="F25458" s="2" t="s">
        <v>81522</v>
      </c>
      <c r="G25458" s="8">
        <v>1081</v>
      </c>
      <c r="H25458" s="5">
        <v>10</v>
      </c>
      <c r="I25458" s="5" t="s">
        <v>69</v>
      </c>
      <c r="J25458" s="5" t="s">
        <v>64310</v>
      </c>
      <c r="K25458" s="2" t="s">
        <v>64311</v>
      </c>
      <c r="L25458" s="5" t="s">
        <v>64310</v>
      </c>
      <c r="M25458" s="2" t="s">
        <v>64311</v>
      </c>
      <c r="N25458" s="5" t="s">
        <v>733</v>
      </c>
      <c r="O25458" s="5" t="s">
        <v>38</v>
      </c>
      <c r="P25458" s="5" t="s">
        <v>39</v>
      </c>
      <c r="Q25458" s="5" t="s">
        <v>40</v>
      </c>
      <c r="R25458" s="5" t="s">
        <v>897</v>
      </c>
      <c r="S25458" s="5" t="s">
        <v>40</v>
      </c>
      <c r="T25458" s="5" t="s">
        <v>42</v>
      </c>
      <c r="U25458" s="2">
        <v>45.521999999999998</v>
      </c>
      <c r="V25458" s="2">
        <v>41.853999999999999</v>
      </c>
      <c r="W25458" s="2">
        <v>0.221</v>
      </c>
      <c r="X25458" s="2">
        <v>17</v>
      </c>
      <c r="Y25458" s="2">
        <v>116.7</v>
      </c>
      <c r="Z25458" s="2">
        <v>111.6</v>
      </c>
      <c r="AA25458" s="5">
        <v>7</v>
      </c>
      <c r="AB25458" s="5" t="s">
        <v>43</v>
      </c>
      <c r="AC25458" s="5" t="s">
        <v>735</v>
      </c>
      <c r="AD25458" s="2" t="s">
        <v>81523</v>
      </c>
      <c r="AE25458" s="1"/>
    </row>
    <row r="25459" spans="1:31" ht="14.45">
      <c r="A25459" s="11"/>
      <c r="B25459" s="20"/>
      <c r="C25459" s="2" t="s">
        <v>81524</v>
      </c>
      <c r="D25459" s="14" t="s">
        <v>81525</v>
      </c>
      <c r="E25459" s="2" t="s">
        <v>81526</v>
      </c>
      <c r="F25459" s="2" t="s">
        <v>81527</v>
      </c>
      <c r="G25459" s="8">
        <v>1651</v>
      </c>
      <c r="H25459" s="5">
        <v>10</v>
      </c>
      <c r="I25459" s="5" t="s">
        <v>69</v>
      </c>
      <c r="J25459" s="5" t="s">
        <v>64310</v>
      </c>
      <c r="K25459" s="2" t="s">
        <v>64311</v>
      </c>
      <c r="L25459" s="5" t="s">
        <v>64310</v>
      </c>
      <c r="M25459" s="2" t="s">
        <v>64311</v>
      </c>
      <c r="N25459" s="5" t="s">
        <v>733</v>
      </c>
      <c r="O25459" s="5" t="s">
        <v>38</v>
      </c>
      <c r="P25459" s="5" t="s">
        <v>39</v>
      </c>
      <c r="Q25459" s="5" t="s">
        <v>40</v>
      </c>
      <c r="R25459" s="5" t="s">
        <v>897</v>
      </c>
      <c r="S25459" s="5" t="s">
        <v>40</v>
      </c>
      <c r="T25459" s="5" t="s">
        <v>42</v>
      </c>
      <c r="U25459" s="2">
        <v>50.03</v>
      </c>
      <c r="V25459" s="2">
        <v>46.362000000000002</v>
      </c>
      <c r="W25459" s="2">
        <v>0.221</v>
      </c>
      <c r="X25459" s="2">
        <v>17</v>
      </c>
      <c r="Y25459" s="2">
        <v>116.7</v>
      </c>
      <c r="Z25459" s="2">
        <v>111.6</v>
      </c>
      <c r="AA25459" s="5">
        <v>7</v>
      </c>
      <c r="AB25459" s="5" t="s">
        <v>43</v>
      </c>
      <c r="AC25459" s="5" t="s">
        <v>735</v>
      </c>
      <c r="AD25459" s="2" t="s">
        <v>81528</v>
      </c>
      <c r="AE25459" s="1"/>
    </row>
    <row r="25460" spans="1:31" ht="14.45">
      <c r="A25460" s="11"/>
      <c r="B25460" s="20"/>
      <c r="C25460" s="2" t="s">
        <v>81529</v>
      </c>
      <c r="D25460" s="14" t="s">
        <v>81530</v>
      </c>
      <c r="E25460" s="2" t="s">
        <v>81531</v>
      </c>
      <c r="F25460" s="2" t="s">
        <v>81532</v>
      </c>
      <c r="G25460" s="8">
        <v>1549</v>
      </c>
      <c r="H25460" s="5">
        <v>10</v>
      </c>
      <c r="I25460" s="5" t="s">
        <v>69</v>
      </c>
      <c r="J25460" s="5" t="s">
        <v>64310</v>
      </c>
      <c r="K25460" s="2" t="s">
        <v>64311</v>
      </c>
      <c r="L25460" s="5" t="s">
        <v>64310</v>
      </c>
      <c r="M25460" s="2" t="s">
        <v>64311</v>
      </c>
      <c r="N25460" s="5" t="s">
        <v>733</v>
      </c>
      <c r="O25460" s="5" t="s">
        <v>38</v>
      </c>
      <c r="P25460" s="5" t="s">
        <v>39</v>
      </c>
      <c r="Q25460" s="5" t="s">
        <v>40</v>
      </c>
      <c r="R25460" s="5" t="s">
        <v>897</v>
      </c>
      <c r="S25460" s="5" t="s">
        <v>40</v>
      </c>
      <c r="T25460" s="5" t="s">
        <v>42</v>
      </c>
      <c r="U25460" s="2">
        <v>49.991999999999997</v>
      </c>
      <c r="V25460" s="2">
        <v>46.323999999999998</v>
      </c>
      <c r="W25460" s="2">
        <v>0.221</v>
      </c>
      <c r="X25460" s="2">
        <v>17</v>
      </c>
      <c r="Y25460" s="2">
        <v>116.7</v>
      </c>
      <c r="Z25460" s="2">
        <v>111.6</v>
      </c>
      <c r="AA25460" s="5">
        <v>7</v>
      </c>
      <c r="AB25460" s="5" t="s">
        <v>43</v>
      </c>
      <c r="AC25460" s="5" t="s">
        <v>735</v>
      </c>
      <c r="AD25460" s="2" t="s">
        <v>81533</v>
      </c>
      <c r="AE25460" s="1"/>
    </row>
    <row r="25461" spans="1:31" ht="14.45">
      <c r="A25461" s="11"/>
      <c r="B25461" s="20"/>
      <c r="C25461" s="2" t="s">
        <v>81534</v>
      </c>
      <c r="D25461" s="14" t="s">
        <v>81535</v>
      </c>
      <c r="E25461" s="2" t="s">
        <v>81536</v>
      </c>
      <c r="F25461" s="2" t="s">
        <v>81537</v>
      </c>
      <c r="G25461" s="8">
        <v>1549</v>
      </c>
      <c r="H25461" s="5">
        <v>5</v>
      </c>
      <c r="I25461" s="5" t="s">
        <v>69</v>
      </c>
      <c r="J25461" s="5" t="s">
        <v>64310</v>
      </c>
      <c r="K25461" s="2" t="s">
        <v>64311</v>
      </c>
      <c r="L25461" s="5" t="s">
        <v>64310</v>
      </c>
      <c r="M25461" s="2" t="s">
        <v>64311</v>
      </c>
      <c r="N25461" s="5" t="s">
        <v>733</v>
      </c>
      <c r="O25461" s="5" t="s">
        <v>38</v>
      </c>
      <c r="P25461" s="5" t="s">
        <v>39</v>
      </c>
      <c r="Q25461" s="5" t="s">
        <v>40</v>
      </c>
      <c r="R25461" s="5" t="s">
        <v>897</v>
      </c>
      <c r="S25461" s="5" t="s">
        <v>40</v>
      </c>
      <c r="T25461" s="5" t="s">
        <v>42</v>
      </c>
      <c r="U25461" s="2">
        <v>48.679000000000002</v>
      </c>
      <c r="V25461" s="2">
        <v>45.011000000000003</v>
      </c>
      <c r="W25461" s="2">
        <v>0.221</v>
      </c>
      <c r="X25461" s="2">
        <v>17</v>
      </c>
      <c r="Y25461" s="2">
        <v>116.7</v>
      </c>
      <c r="Z25461" s="2">
        <v>111.6</v>
      </c>
      <c r="AA25461" s="5">
        <v>7</v>
      </c>
      <c r="AB25461" s="5" t="s">
        <v>43</v>
      </c>
      <c r="AC25461" s="5" t="s">
        <v>735</v>
      </c>
      <c r="AD25461" s="2" t="s">
        <v>81538</v>
      </c>
      <c r="AE25461" s="1"/>
    </row>
    <row r="25462" spans="1:31" ht="14.45">
      <c r="A25462" s="11"/>
      <c r="B25462" s="20"/>
      <c r="C25462" s="2" t="s">
        <v>81539</v>
      </c>
      <c r="D25462" s="14" t="s">
        <v>81540</v>
      </c>
      <c r="E25462" s="2" t="s">
        <v>81541</v>
      </c>
      <c r="F25462" s="2" t="s">
        <v>81542</v>
      </c>
      <c r="G25462" s="8">
        <v>889</v>
      </c>
      <c r="H25462" s="5">
        <v>10</v>
      </c>
      <c r="I25462" s="5" t="s">
        <v>69</v>
      </c>
      <c r="J25462" s="5" t="s">
        <v>64310</v>
      </c>
      <c r="K25462" s="2" t="s">
        <v>64311</v>
      </c>
      <c r="L25462" s="5" t="s">
        <v>64310</v>
      </c>
      <c r="M25462" s="2" t="s">
        <v>64311</v>
      </c>
      <c r="N25462" s="5" t="s">
        <v>733</v>
      </c>
      <c r="O25462" s="5" t="s">
        <v>38</v>
      </c>
      <c r="P25462" s="5" t="s">
        <v>39</v>
      </c>
      <c r="Q25462" s="5" t="s">
        <v>40</v>
      </c>
      <c r="R25462" s="5" t="s">
        <v>897</v>
      </c>
      <c r="S25462" s="5" t="s">
        <v>40</v>
      </c>
      <c r="T25462" s="5" t="s">
        <v>42</v>
      </c>
      <c r="U25462" s="2">
        <v>46.280999999999999</v>
      </c>
      <c r="V25462" s="2">
        <v>42.158000000000001</v>
      </c>
      <c r="W25462" s="2">
        <v>0.26100000000000001</v>
      </c>
      <c r="X25462" s="2">
        <v>17</v>
      </c>
      <c r="Y25462" s="2">
        <v>116.7</v>
      </c>
      <c r="Z25462" s="2">
        <v>131.6</v>
      </c>
      <c r="AA25462" s="5">
        <v>7</v>
      </c>
      <c r="AB25462" s="5" t="s">
        <v>43</v>
      </c>
      <c r="AC25462" s="5" t="s">
        <v>735</v>
      </c>
      <c r="AD25462" s="2" t="s">
        <v>81543</v>
      </c>
      <c r="AE25462" s="1"/>
    </row>
    <row r="25463" spans="1:31" ht="14.45">
      <c r="A25463" s="11"/>
      <c r="B25463" s="20"/>
      <c r="C25463" s="2" t="s">
        <v>81544</v>
      </c>
      <c r="D25463" s="14" t="s">
        <v>81545</v>
      </c>
      <c r="E25463" s="2" t="s">
        <v>81546</v>
      </c>
      <c r="F25463" s="2" t="s">
        <v>81547</v>
      </c>
      <c r="G25463" s="8">
        <v>1177</v>
      </c>
      <c r="H25463" s="5">
        <v>5</v>
      </c>
      <c r="I25463" s="5" t="s">
        <v>69</v>
      </c>
      <c r="J25463" s="5" t="s">
        <v>64310</v>
      </c>
      <c r="K25463" s="2" t="s">
        <v>64311</v>
      </c>
      <c r="L25463" s="5" t="s">
        <v>64310</v>
      </c>
      <c r="M25463" s="2" t="s">
        <v>64311</v>
      </c>
      <c r="N25463" s="5" t="s">
        <v>733</v>
      </c>
      <c r="O25463" s="5" t="s">
        <v>38</v>
      </c>
      <c r="P25463" s="5" t="s">
        <v>39</v>
      </c>
      <c r="Q25463" s="5" t="s">
        <v>40</v>
      </c>
      <c r="R25463" s="5" t="s">
        <v>897</v>
      </c>
      <c r="S25463" s="5" t="s">
        <v>40</v>
      </c>
      <c r="T25463" s="5" t="s">
        <v>42</v>
      </c>
      <c r="U25463" s="2">
        <v>53.945</v>
      </c>
      <c r="V25463" s="2">
        <v>49.822000000000003</v>
      </c>
      <c r="W25463" s="2">
        <v>0.26100000000000001</v>
      </c>
      <c r="X25463" s="2">
        <v>17</v>
      </c>
      <c r="Y25463" s="2">
        <v>116.7</v>
      </c>
      <c r="Z25463" s="2">
        <v>131.6</v>
      </c>
      <c r="AA25463" s="5">
        <v>7</v>
      </c>
      <c r="AB25463" s="5" t="s">
        <v>43</v>
      </c>
      <c r="AC25463" s="5" t="s">
        <v>735</v>
      </c>
      <c r="AD25463" s="2" t="s">
        <v>81548</v>
      </c>
      <c r="AE25463" s="1"/>
    </row>
    <row r="25464" spans="1:31" ht="14.45">
      <c r="A25464" s="11"/>
      <c r="B25464" s="20"/>
      <c r="C25464" s="2" t="s">
        <v>81549</v>
      </c>
      <c r="D25464" s="14" t="s">
        <v>81550</v>
      </c>
      <c r="E25464" s="2" t="s">
        <v>81551</v>
      </c>
      <c r="F25464" s="2" t="s">
        <v>81552</v>
      </c>
      <c r="G25464" s="8">
        <v>889</v>
      </c>
      <c r="H25464" s="5">
        <v>10</v>
      </c>
      <c r="I25464" s="5" t="s">
        <v>69</v>
      </c>
      <c r="J25464" s="5" t="s">
        <v>64310</v>
      </c>
      <c r="K25464" s="2" t="s">
        <v>64311</v>
      </c>
      <c r="L25464" s="5" t="s">
        <v>64310</v>
      </c>
      <c r="M25464" s="2" t="s">
        <v>64311</v>
      </c>
      <c r="N25464" s="5" t="s">
        <v>733</v>
      </c>
      <c r="O25464" s="5" t="s">
        <v>38</v>
      </c>
      <c r="P25464" s="5" t="s">
        <v>39</v>
      </c>
      <c r="Q25464" s="5" t="s">
        <v>40</v>
      </c>
      <c r="R25464" s="5" t="s">
        <v>897</v>
      </c>
      <c r="S25464" s="5" t="s">
        <v>40</v>
      </c>
      <c r="T25464" s="5" t="s">
        <v>42</v>
      </c>
      <c r="U25464" s="2">
        <v>46.220999999999997</v>
      </c>
      <c r="V25464" s="2">
        <v>42.097999999999999</v>
      </c>
      <c r="W25464" s="2">
        <v>0.26100000000000001</v>
      </c>
      <c r="X25464" s="2">
        <v>17</v>
      </c>
      <c r="Y25464" s="2">
        <v>116.7</v>
      </c>
      <c r="Z25464" s="2">
        <v>131.6</v>
      </c>
      <c r="AA25464" s="5">
        <v>7</v>
      </c>
      <c r="AB25464" s="5" t="s">
        <v>43</v>
      </c>
      <c r="AC25464" s="5" t="s">
        <v>735</v>
      </c>
      <c r="AD25464" s="2" t="s">
        <v>81553</v>
      </c>
      <c r="AE25464" s="1"/>
    </row>
    <row r="25465" spans="1:31" ht="14.45">
      <c r="A25465" s="11"/>
      <c r="B25465" s="20"/>
      <c r="C25465" s="2" t="s">
        <v>81554</v>
      </c>
      <c r="D25465" s="14" t="s">
        <v>81555</v>
      </c>
      <c r="E25465" s="2" t="s">
        <v>81556</v>
      </c>
      <c r="F25465" s="2" t="s">
        <v>81557</v>
      </c>
      <c r="G25465" s="8">
        <v>1177</v>
      </c>
      <c r="H25465" s="5">
        <v>10</v>
      </c>
      <c r="I25465" s="5" t="s">
        <v>69</v>
      </c>
      <c r="J25465" s="5" t="s">
        <v>64310</v>
      </c>
      <c r="K25465" s="2" t="s">
        <v>64311</v>
      </c>
      <c r="L25465" s="5" t="s">
        <v>64310</v>
      </c>
      <c r="M25465" s="2" t="s">
        <v>64311</v>
      </c>
      <c r="N25465" s="5" t="s">
        <v>733</v>
      </c>
      <c r="O25465" s="5" t="s">
        <v>38</v>
      </c>
      <c r="P25465" s="5" t="s">
        <v>39</v>
      </c>
      <c r="Q25465" s="5" t="s">
        <v>40</v>
      </c>
      <c r="R25465" s="5" t="s">
        <v>897</v>
      </c>
      <c r="S25465" s="5" t="s">
        <v>40</v>
      </c>
      <c r="T25465" s="5" t="s">
        <v>42</v>
      </c>
      <c r="U25465" s="2">
        <v>53.884999999999998</v>
      </c>
      <c r="V25465" s="2">
        <v>49.762</v>
      </c>
      <c r="W25465" s="2">
        <v>0.26100000000000001</v>
      </c>
      <c r="X25465" s="2">
        <v>17</v>
      </c>
      <c r="Y25465" s="2">
        <v>116.7</v>
      </c>
      <c r="Z25465" s="2">
        <v>131.6</v>
      </c>
      <c r="AA25465" s="5">
        <v>7</v>
      </c>
      <c r="AB25465" s="5" t="s">
        <v>43</v>
      </c>
      <c r="AC25465" s="5" t="s">
        <v>735</v>
      </c>
      <c r="AD25465" s="2" t="s">
        <v>81558</v>
      </c>
      <c r="AE25465" s="1"/>
    </row>
    <row r="25466" spans="1:31" ht="14.45">
      <c r="A25466" s="11"/>
      <c r="B25466" s="20"/>
      <c r="C25466" s="2" t="s">
        <v>81559</v>
      </c>
      <c r="D25466" s="14" t="s">
        <v>81560</v>
      </c>
      <c r="E25466" s="2" t="s">
        <v>81561</v>
      </c>
      <c r="F25466" s="2" t="s">
        <v>81562</v>
      </c>
      <c r="G25466" s="8">
        <v>935</v>
      </c>
      <c r="H25466" s="5">
        <v>10</v>
      </c>
      <c r="I25466" s="5" t="s">
        <v>69</v>
      </c>
      <c r="J25466" s="5" t="s">
        <v>64310</v>
      </c>
      <c r="K25466" s="2" t="s">
        <v>64311</v>
      </c>
      <c r="L25466" s="5" t="s">
        <v>64310</v>
      </c>
      <c r="M25466" s="2" t="s">
        <v>64311</v>
      </c>
      <c r="N25466" s="5" t="s">
        <v>733</v>
      </c>
      <c r="O25466" s="5" t="s">
        <v>38</v>
      </c>
      <c r="P25466" s="5" t="s">
        <v>39</v>
      </c>
      <c r="Q25466" s="5" t="s">
        <v>40</v>
      </c>
      <c r="R25466" s="5" t="s">
        <v>897</v>
      </c>
      <c r="S25466" s="5" t="s">
        <v>40</v>
      </c>
      <c r="T25466" s="5" t="s">
        <v>42</v>
      </c>
      <c r="U25466" s="2">
        <v>54.255000000000003</v>
      </c>
      <c r="V25466" s="2">
        <v>49.247999999999998</v>
      </c>
      <c r="W25466" s="2">
        <v>0.315</v>
      </c>
      <c r="X25466" s="2">
        <v>17</v>
      </c>
      <c r="Y25466" s="2">
        <v>120.7</v>
      </c>
      <c r="Z25466" s="2">
        <v>153.6</v>
      </c>
      <c r="AA25466" s="5">
        <v>7</v>
      </c>
      <c r="AB25466" s="5" t="s">
        <v>43</v>
      </c>
      <c r="AC25466" s="5" t="s">
        <v>735</v>
      </c>
      <c r="AD25466" s="2" t="s">
        <v>81563</v>
      </c>
      <c r="AE25466" s="1"/>
    </row>
    <row r="25467" spans="1:31" ht="14.45">
      <c r="A25467" s="11"/>
      <c r="B25467" s="20"/>
      <c r="C25467" s="2" t="s">
        <v>81564</v>
      </c>
      <c r="D25467" s="14" t="s">
        <v>81565</v>
      </c>
      <c r="E25467" s="2" t="s">
        <v>81566</v>
      </c>
      <c r="F25467" s="2" t="s">
        <v>81567</v>
      </c>
      <c r="G25467" s="8">
        <v>1278</v>
      </c>
      <c r="H25467" s="5">
        <v>5</v>
      </c>
      <c r="I25467" s="5" t="s">
        <v>69</v>
      </c>
      <c r="J25467" s="5" t="s">
        <v>64310</v>
      </c>
      <c r="K25467" s="2" t="s">
        <v>64311</v>
      </c>
      <c r="L25467" s="5" t="s">
        <v>64310</v>
      </c>
      <c r="M25467" s="2" t="s">
        <v>64311</v>
      </c>
      <c r="N25467" s="5" t="s">
        <v>733</v>
      </c>
      <c r="O25467" s="5" t="s">
        <v>38</v>
      </c>
      <c r="P25467" s="5" t="s">
        <v>39</v>
      </c>
      <c r="Q25467" s="5" t="s">
        <v>40</v>
      </c>
      <c r="R25467" s="5" t="s">
        <v>897</v>
      </c>
      <c r="S25467" s="5" t="s">
        <v>40</v>
      </c>
      <c r="T25467" s="5" t="s">
        <v>42</v>
      </c>
      <c r="U25467" s="2">
        <v>63.567999999999998</v>
      </c>
      <c r="V25467" s="2">
        <v>58.561</v>
      </c>
      <c r="W25467" s="2">
        <v>0.315</v>
      </c>
      <c r="X25467" s="2">
        <v>17</v>
      </c>
      <c r="Y25467" s="2">
        <v>120.7</v>
      </c>
      <c r="Z25467" s="2">
        <v>153.6</v>
      </c>
      <c r="AA25467" s="5">
        <v>7</v>
      </c>
      <c r="AB25467" s="5" t="s">
        <v>43</v>
      </c>
      <c r="AC25467" s="5" t="s">
        <v>735</v>
      </c>
      <c r="AD25467" s="2" t="s">
        <v>81568</v>
      </c>
      <c r="AE25467" s="1"/>
    </row>
    <row r="25468" spans="1:31" ht="14.45">
      <c r="A25468" s="11"/>
      <c r="B25468" s="20"/>
      <c r="C25468" s="2" t="s">
        <v>81569</v>
      </c>
      <c r="D25468" s="14" t="s">
        <v>81570</v>
      </c>
      <c r="E25468" s="2" t="s">
        <v>81571</v>
      </c>
      <c r="F25468" s="2" t="s">
        <v>81572</v>
      </c>
      <c r="G25468" s="8">
        <v>935</v>
      </c>
      <c r="H25468" s="5">
        <v>10</v>
      </c>
      <c r="I25468" s="5" t="s">
        <v>69</v>
      </c>
      <c r="J25468" s="5" t="s">
        <v>64310</v>
      </c>
      <c r="K25468" s="2" t="s">
        <v>64311</v>
      </c>
      <c r="L25468" s="5" t="s">
        <v>64310</v>
      </c>
      <c r="M25468" s="2" t="s">
        <v>64311</v>
      </c>
      <c r="N25468" s="5" t="s">
        <v>733</v>
      </c>
      <c r="O25468" s="5" t="s">
        <v>38</v>
      </c>
      <c r="P25468" s="5" t="s">
        <v>39</v>
      </c>
      <c r="Q25468" s="5" t="s">
        <v>40</v>
      </c>
      <c r="R25468" s="5" t="s">
        <v>897</v>
      </c>
      <c r="S25468" s="5" t="s">
        <v>40</v>
      </c>
      <c r="T25468" s="5" t="s">
        <v>42</v>
      </c>
      <c r="U25468" s="2">
        <v>54.195</v>
      </c>
      <c r="V25468" s="2">
        <v>49.188000000000002</v>
      </c>
      <c r="W25468" s="2">
        <v>0.315</v>
      </c>
      <c r="X25468" s="2">
        <v>17</v>
      </c>
      <c r="Y25468" s="2">
        <v>120.7</v>
      </c>
      <c r="Z25468" s="2">
        <v>153.6</v>
      </c>
      <c r="AA25468" s="5">
        <v>7</v>
      </c>
      <c r="AB25468" s="5" t="s">
        <v>43</v>
      </c>
      <c r="AC25468" s="5" t="s">
        <v>735</v>
      </c>
      <c r="AD25468" s="2" t="s">
        <v>81573</v>
      </c>
      <c r="AE25468" s="1"/>
    </row>
    <row r="25469" spans="1:31" ht="14.45">
      <c r="A25469" s="11"/>
      <c r="B25469" s="20"/>
      <c r="C25469" s="2" t="s">
        <v>81574</v>
      </c>
      <c r="D25469" s="14" t="s">
        <v>81575</v>
      </c>
      <c r="E25469" s="2" t="s">
        <v>81576</v>
      </c>
      <c r="F25469" s="2" t="s">
        <v>81577</v>
      </c>
      <c r="G25469" s="8">
        <v>1278</v>
      </c>
      <c r="H25469" s="5">
        <v>5</v>
      </c>
      <c r="I25469" s="5" t="s">
        <v>69</v>
      </c>
      <c r="J25469" s="5" t="s">
        <v>64310</v>
      </c>
      <c r="K25469" s="2" t="s">
        <v>64311</v>
      </c>
      <c r="L25469" s="5" t="s">
        <v>64310</v>
      </c>
      <c r="M25469" s="2" t="s">
        <v>64311</v>
      </c>
      <c r="N25469" s="5" t="s">
        <v>733</v>
      </c>
      <c r="O25469" s="5" t="s">
        <v>38</v>
      </c>
      <c r="P25469" s="5" t="s">
        <v>39</v>
      </c>
      <c r="Q25469" s="5" t="s">
        <v>40</v>
      </c>
      <c r="R25469" s="5" t="s">
        <v>897</v>
      </c>
      <c r="S25469" s="5" t="s">
        <v>40</v>
      </c>
      <c r="T25469" s="5" t="s">
        <v>42</v>
      </c>
      <c r="U25469" s="2">
        <v>63.508000000000003</v>
      </c>
      <c r="V25469" s="2">
        <v>58.500999999999998</v>
      </c>
      <c r="W25469" s="2">
        <v>0.315</v>
      </c>
      <c r="X25469" s="2">
        <v>17</v>
      </c>
      <c r="Y25469" s="2">
        <v>120.7</v>
      </c>
      <c r="Z25469" s="2">
        <v>153.6</v>
      </c>
      <c r="AA25469" s="5">
        <v>7</v>
      </c>
      <c r="AB25469" s="5" t="s">
        <v>43</v>
      </c>
      <c r="AC25469" s="5" t="s">
        <v>735</v>
      </c>
      <c r="AD25469" s="2" t="s">
        <v>81578</v>
      </c>
      <c r="AE25469" s="1"/>
    </row>
    <row r="25470" spans="1:31" ht="14.45">
      <c r="A25470" s="11"/>
      <c r="B25470" s="20"/>
      <c r="C25470" s="2" t="s">
        <v>81579</v>
      </c>
      <c r="D25470" s="14" t="s">
        <v>81580</v>
      </c>
      <c r="E25470" s="2" t="s">
        <v>81581</v>
      </c>
      <c r="F25470" s="2" t="s">
        <v>81582</v>
      </c>
      <c r="G25470" s="8">
        <v>1198</v>
      </c>
      <c r="H25470" s="5">
        <v>15</v>
      </c>
      <c r="I25470" s="5" t="s">
        <v>69</v>
      </c>
      <c r="J25470" s="5" t="s">
        <v>64310</v>
      </c>
      <c r="K25470" s="2" t="s">
        <v>64311</v>
      </c>
      <c r="L25470" s="5" t="s">
        <v>64310</v>
      </c>
      <c r="M25470" s="2" t="s">
        <v>64311</v>
      </c>
      <c r="N25470" s="5" t="s">
        <v>733</v>
      </c>
      <c r="O25470" s="5" t="s">
        <v>38</v>
      </c>
      <c r="P25470" s="5" t="s">
        <v>39</v>
      </c>
      <c r="Q25470" s="5" t="s">
        <v>40</v>
      </c>
      <c r="R25470" s="5" t="s">
        <v>897</v>
      </c>
      <c r="S25470" s="5" t="s">
        <v>40</v>
      </c>
      <c r="T25470" s="5" t="s">
        <v>42</v>
      </c>
      <c r="U25470" s="2">
        <v>41.578000000000003</v>
      </c>
      <c r="V25470" s="2">
        <v>37.097000000000001</v>
      </c>
      <c r="W25470" s="2">
        <v>0.25900000000000001</v>
      </c>
      <c r="X25470" s="2">
        <v>17</v>
      </c>
      <c r="Y25470" s="2">
        <v>136.69999999999999</v>
      </c>
      <c r="Z25470" s="2">
        <v>111.6</v>
      </c>
      <c r="AA25470" s="5">
        <v>7</v>
      </c>
      <c r="AB25470" s="5" t="s">
        <v>43</v>
      </c>
      <c r="AC25470" s="5" t="s">
        <v>735</v>
      </c>
      <c r="AD25470" s="2" t="s">
        <v>81583</v>
      </c>
      <c r="AE25470" s="1"/>
    </row>
    <row r="25471" spans="1:31" ht="14.45">
      <c r="A25471" s="11"/>
      <c r="B25471" s="20"/>
      <c r="C25471" s="2" t="s">
        <v>81584</v>
      </c>
      <c r="D25471" s="14" t="s">
        <v>81585</v>
      </c>
      <c r="E25471" s="2" t="s">
        <v>81586</v>
      </c>
      <c r="F25471" s="2" t="s">
        <v>81587</v>
      </c>
      <c r="G25471" s="8">
        <v>1095</v>
      </c>
      <c r="H25471" s="5">
        <v>10</v>
      </c>
      <c r="I25471" s="5" t="s">
        <v>69</v>
      </c>
      <c r="J25471" s="5" t="s">
        <v>64310</v>
      </c>
      <c r="K25471" s="2" t="s">
        <v>64311</v>
      </c>
      <c r="L25471" s="5" t="s">
        <v>64310</v>
      </c>
      <c r="M25471" s="2" t="s">
        <v>64311</v>
      </c>
      <c r="N25471" s="5" t="s">
        <v>733</v>
      </c>
      <c r="O25471" s="5" t="s">
        <v>38</v>
      </c>
      <c r="P25471" s="5" t="s">
        <v>39</v>
      </c>
      <c r="Q25471" s="5" t="s">
        <v>40</v>
      </c>
      <c r="R25471" s="5" t="s">
        <v>897</v>
      </c>
      <c r="S25471" s="5" t="s">
        <v>40</v>
      </c>
      <c r="T25471" s="5" t="s">
        <v>42</v>
      </c>
      <c r="U25471" s="2">
        <v>36.960999999999999</v>
      </c>
      <c r="V25471" s="2">
        <v>32.479999999999997</v>
      </c>
      <c r="W25471" s="2">
        <v>0.25900000000000001</v>
      </c>
      <c r="X25471" s="2">
        <v>17</v>
      </c>
      <c r="Y25471" s="2">
        <v>136.69999999999999</v>
      </c>
      <c r="Z25471" s="2">
        <v>111.6</v>
      </c>
      <c r="AA25471" s="5">
        <v>7</v>
      </c>
      <c r="AB25471" s="5" t="s">
        <v>43</v>
      </c>
      <c r="AC25471" s="5" t="s">
        <v>735</v>
      </c>
      <c r="AD25471" s="2" t="s">
        <v>81588</v>
      </c>
      <c r="AE25471" s="1"/>
    </row>
    <row r="25472" spans="1:31" ht="14.45">
      <c r="A25472" s="11"/>
      <c r="B25472" s="20"/>
      <c r="C25472" s="2" t="s">
        <v>81589</v>
      </c>
      <c r="D25472" s="14" t="s">
        <v>81590</v>
      </c>
      <c r="E25472" s="2" t="s">
        <v>81591</v>
      </c>
      <c r="F25472" s="2" t="s">
        <v>81592</v>
      </c>
      <c r="G25472" s="8">
        <v>843</v>
      </c>
      <c r="H25472" s="5">
        <v>5</v>
      </c>
      <c r="I25472" s="5" t="s">
        <v>69</v>
      </c>
      <c r="J25472" s="5" t="s">
        <v>64310</v>
      </c>
      <c r="K25472" s="2" t="s">
        <v>64311</v>
      </c>
      <c r="L25472" s="5" t="s">
        <v>64310</v>
      </c>
      <c r="M25472" s="2" t="s">
        <v>64311</v>
      </c>
      <c r="N25472" s="5" t="s">
        <v>733</v>
      </c>
      <c r="O25472" s="5" t="s">
        <v>38</v>
      </c>
      <c r="P25472" s="5" t="s">
        <v>39</v>
      </c>
      <c r="Q25472" s="5" t="s">
        <v>40</v>
      </c>
      <c r="R25472" s="5" t="s">
        <v>897</v>
      </c>
      <c r="S25472" s="5" t="s">
        <v>40</v>
      </c>
      <c r="T25472" s="5" t="s">
        <v>42</v>
      </c>
      <c r="U25472" s="2">
        <v>32.688000000000002</v>
      </c>
      <c r="V25472" s="2">
        <v>28.207000000000001</v>
      </c>
      <c r="W25472" s="2">
        <v>0.25900000000000001</v>
      </c>
      <c r="X25472" s="2">
        <v>17</v>
      </c>
      <c r="Y25472" s="2">
        <v>136.69999999999999</v>
      </c>
      <c r="Z25472" s="2">
        <v>111.6</v>
      </c>
      <c r="AA25472" s="5">
        <v>7</v>
      </c>
      <c r="AB25472" s="5" t="s">
        <v>43</v>
      </c>
      <c r="AC25472" s="5" t="s">
        <v>735</v>
      </c>
      <c r="AD25472" s="2" t="s">
        <v>81593</v>
      </c>
      <c r="AE25472" s="1"/>
    </row>
    <row r="25473" spans="1:31" ht="14.45">
      <c r="A25473" s="11"/>
      <c r="B25473" s="20"/>
      <c r="C25473" s="2" t="s">
        <v>81594</v>
      </c>
      <c r="D25473" s="14" t="s">
        <v>81595</v>
      </c>
      <c r="E25473" s="2" t="s">
        <v>81596</v>
      </c>
      <c r="F25473" s="2" t="s">
        <v>81597</v>
      </c>
      <c r="G25473" s="8">
        <v>1019</v>
      </c>
      <c r="H25473" s="5">
        <v>10</v>
      </c>
      <c r="I25473" s="5" t="s">
        <v>69</v>
      </c>
      <c r="J25473" s="5" t="s">
        <v>64310</v>
      </c>
      <c r="K25473" s="2" t="s">
        <v>64311</v>
      </c>
      <c r="L25473" s="5" t="s">
        <v>64310</v>
      </c>
      <c r="M25473" s="2" t="s">
        <v>64311</v>
      </c>
      <c r="N25473" s="5" t="s">
        <v>733</v>
      </c>
      <c r="O25473" s="5" t="s">
        <v>38</v>
      </c>
      <c r="P25473" s="5" t="s">
        <v>39</v>
      </c>
      <c r="Q25473" s="5" t="s">
        <v>40</v>
      </c>
      <c r="R25473" s="5" t="s">
        <v>897</v>
      </c>
      <c r="S25473" s="5" t="s">
        <v>40</v>
      </c>
      <c r="T25473" s="5" t="s">
        <v>42</v>
      </c>
      <c r="U25473" s="2">
        <v>36.936999999999998</v>
      </c>
      <c r="V25473" s="2">
        <v>32.456000000000003</v>
      </c>
      <c r="W25473" s="2">
        <v>0.25900000000000001</v>
      </c>
      <c r="X25473" s="2">
        <v>17</v>
      </c>
      <c r="Y25473" s="2">
        <v>136.69999999999999</v>
      </c>
      <c r="Z25473" s="2">
        <v>111.6</v>
      </c>
      <c r="AA25473" s="5">
        <v>7</v>
      </c>
      <c r="AB25473" s="5" t="s">
        <v>43</v>
      </c>
      <c r="AC25473" s="5" t="s">
        <v>735</v>
      </c>
      <c r="AD25473" s="2" t="s">
        <v>81598</v>
      </c>
      <c r="AE25473" s="1"/>
    </row>
    <row r="25474" spans="1:31" ht="14.45">
      <c r="A25474" s="11"/>
      <c r="B25474" s="20"/>
      <c r="C25474" s="2" t="s">
        <v>81599</v>
      </c>
      <c r="D25474" s="14" t="s">
        <v>81600</v>
      </c>
      <c r="E25474" s="2" t="s">
        <v>81601</v>
      </c>
      <c r="F25474" s="2" t="s">
        <v>81602</v>
      </c>
      <c r="G25474" s="8">
        <v>1563</v>
      </c>
      <c r="H25474" s="5">
        <v>10</v>
      </c>
      <c r="I25474" s="5" t="s">
        <v>69</v>
      </c>
      <c r="J25474" s="5" t="s">
        <v>64310</v>
      </c>
      <c r="K25474" s="2" t="s">
        <v>64311</v>
      </c>
      <c r="L25474" s="5" t="s">
        <v>64310</v>
      </c>
      <c r="M25474" s="2" t="s">
        <v>64311</v>
      </c>
      <c r="N25474" s="5" t="s">
        <v>733</v>
      </c>
      <c r="O25474" s="5" t="s">
        <v>38</v>
      </c>
      <c r="P25474" s="5" t="s">
        <v>39</v>
      </c>
      <c r="Q25474" s="5" t="s">
        <v>40</v>
      </c>
      <c r="R25474" s="5" t="s">
        <v>897</v>
      </c>
      <c r="S25474" s="5" t="s">
        <v>40</v>
      </c>
      <c r="T25474" s="5" t="s">
        <v>42</v>
      </c>
      <c r="U25474" s="2">
        <v>41.162999999999997</v>
      </c>
      <c r="V25474" s="2">
        <v>36.682000000000002</v>
      </c>
      <c r="W25474" s="2">
        <v>0.25900000000000001</v>
      </c>
      <c r="X25474" s="2">
        <v>17</v>
      </c>
      <c r="Y25474" s="2">
        <v>136.69999999999999</v>
      </c>
      <c r="Z25474" s="2">
        <v>111.6</v>
      </c>
      <c r="AA25474" s="5">
        <v>7</v>
      </c>
      <c r="AB25474" s="5" t="s">
        <v>43</v>
      </c>
      <c r="AC25474" s="5" t="s">
        <v>735</v>
      </c>
      <c r="AD25474" s="2" t="s">
        <v>81603</v>
      </c>
      <c r="AE25474" s="1"/>
    </row>
    <row r="25475" spans="1:31" ht="14.45">
      <c r="A25475" s="11"/>
      <c r="B25475" s="20"/>
      <c r="C25475" s="2" t="s">
        <v>81604</v>
      </c>
      <c r="D25475" s="14" t="s">
        <v>81605</v>
      </c>
      <c r="E25475" s="2" t="s">
        <v>81606</v>
      </c>
      <c r="F25475" s="2" t="s">
        <v>81607</v>
      </c>
      <c r="G25475" s="8">
        <v>1487</v>
      </c>
      <c r="H25475" s="5">
        <v>10</v>
      </c>
      <c r="I25475" s="5" t="s">
        <v>69</v>
      </c>
      <c r="J25475" s="5" t="s">
        <v>64310</v>
      </c>
      <c r="K25475" s="2" t="s">
        <v>64311</v>
      </c>
      <c r="L25475" s="5" t="s">
        <v>64310</v>
      </c>
      <c r="M25475" s="2" t="s">
        <v>64311</v>
      </c>
      <c r="N25475" s="5" t="s">
        <v>733</v>
      </c>
      <c r="O25475" s="5" t="s">
        <v>38</v>
      </c>
      <c r="P25475" s="5" t="s">
        <v>39</v>
      </c>
      <c r="Q25475" s="5" t="s">
        <v>40</v>
      </c>
      <c r="R25475" s="5" t="s">
        <v>897</v>
      </c>
      <c r="S25475" s="5" t="s">
        <v>40</v>
      </c>
      <c r="T25475" s="5" t="s">
        <v>42</v>
      </c>
      <c r="U25475" s="2">
        <v>41.139000000000003</v>
      </c>
      <c r="V25475" s="2">
        <v>36.658000000000001</v>
      </c>
      <c r="W25475" s="2">
        <v>0.25900000000000001</v>
      </c>
      <c r="X25475" s="2">
        <v>17</v>
      </c>
      <c r="Y25475" s="2">
        <v>136.69999999999999</v>
      </c>
      <c r="Z25475" s="2">
        <v>111.6</v>
      </c>
      <c r="AA25475" s="5">
        <v>7</v>
      </c>
      <c r="AB25475" s="5" t="s">
        <v>43</v>
      </c>
      <c r="AC25475" s="5" t="s">
        <v>735</v>
      </c>
      <c r="AD25475" s="2" t="s">
        <v>81608</v>
      </c>
      <c r="AE25475" s="1"/>
    </row>
    <row r="25476" spans="1:31" ht="14.45">
      <c r="A25476" s="11"/>
      <c r="B25476" s="20"/>
      <c r="C25476" s="2" t="s">
        <v>81609</v>
      </c>
      <c r="D25476" s="14" t="s">
        <v>81610</v>
      </c>
      <c r="E25476" s="2" t="s">
        <v>81611</v>
      </c>
      <c r="F25476" s="2" t="s">
        <v>81612</v>
      </c>
      <c r="G25476" s="8">
        <v>1487</v>
      </c>
      <c r="H25476" s="5">
        <v>10</v>
      </c>
      <c r="I25476" s="5" t="s">
        <v>69</v>
      </c>
      <c r="J25476" s="5" t="s">
        <v>64310</v>
      </c>
      <c r="K25476" s="2" t="s">
        <v>64311</v>
      </c>
      <c r="L25476" s="5" t="s">
        <v>64310</v>
      </c>
      <c r="M25476" s="2" t="s">
        <v>64311</v>
      </c>
      <c r="N25476" s="5" t="s">
        <v>733</v>
      </c>
      <c r="O25476" s="5" t="s">
        <v>38</v>
      </c>
      <c r="P25476" s="5" t="s">
        <v>39</v>
      </c>
      <c r="Q25476" s="5" t="s">
        <v>40</v>
      </c>
      <c r="R25476" s="5" t="s">
        <v>897</v>
      </c>
      <c r="S25476" s="5" t="s">
        <v>40</v>
      </c>
      <c r="T25476" s="5" t="s">
        <v>42</v>
      </c>
      <c r="U25476" s="2">
        <v>39.921999999999997</v>
      </c>
      <c r="V25476" s="2">
        <v>35.441000000000003</v>
      </c>
      <c r="W25476" s="2">
        <v>0.25900000000000001</v>
      </c>
      <c r="X25476" s="2">
        <v>17</v>
      </c>
      <c r="Y25476" s="2">
        <v>136.69999999999999</v>
      </c>
      <c r="Z25476" s="2">
        <v>111.6</v>
      </c>
      <c r="AA25476" s="5">
        <v>7</v>
      </c>
      <c r="AB25476" s="5" t="s">
        <v>43</v>
      </c>
      <c r="AC25476" s="5" t="s">
        <v>735</v>
      </c>
      <c r="AD25476" s="2" t="s">
        <v>81613</v>
      </c>
      <c r="AE25476" s="1"/>
    </row>
    <row r="25477" spans="1:31" ht="14.45">
      <c r="A25477" s="11"/>
      <c r="B25477" s="20"/>
      <c r="C25477" s="2" t="s">
        <v>81614</v>
      </c>
      <c r="D25477" s="14" t="s">
        <v>81615</v>
      </c>
      <c r="E25477" s="2" t="s">
        <v>81616</v>
      </c>
      <c r="F25477" s="2" t="s">
        <v>81617</v>
      </c>
      <c r="G25477" s="8">
        <v>1095</v>
      </c>
      <c r="H25477" s="5">
        <v>15</v>
      </c>
      <c r="I25477" s="5" t="s">
        <v>69</v>
      </c>
      <c r="J25477" s="5" t="s">
        <v>64310</v>
      </c>
      <c r="K25477" s="2" t="s">
        <v>64311</v>
      </c>
      <c r="L25477" s="5" t="s">
        <v>64310</v>
      </c>
      <c r="M25477" s="2" t="s">
        <v>64311</v>
      </c>
      <c r="N25477" s="5" t="s">
        <v>733</v>
      </c>
      <c r="O25477" s="5" t="s">
        <v>38</v>
      </c>
      <c r="P25477" s="5" t="s">
        <v>39</v>
      </c>
      <c r="Q25477" s="5" t="s">
        <v>40</v>
      </c>
      <c r="R25477" s="5" t="s">
        <v>897</v>
      </c>
      <c r="S25477" s="5" t="s">
        <v>40</v>
      </c>
      <c r="T25477" s="5" t="s">
        <v>42</v>
      </c>
      <c r="U25477" s="2">
        <v>36.901000000000003</v>
      </c>
      <c r="V25477" s="2">
        <v>32.42</v>
      </c>
      <c r="W25477" s="2">
        <v>0.25900000000000001</v>
      </c>
      <c r="X25477" s="2">
        <v>17</v>
      </c>
      <c r="Y25477" s="2">
        <v>136.69999999999999</v>
      </c>
      <c r="Z25477" s="2">
        <v>111.6</v>
      </c>
      <c r="AA25477" s="5">
        <v>7</v>
      </c>
      <c r="AB25477" s="5" t="s">
        <v>43</v>
      </c>
      <c r="AC25477" s="5" t="s">
        <v>735</v>
      </c>
      <c r="AD25477" s="2" t="s">
        <v>81618</v>
      </c>
      <c r="AE25477" s="1"/>
    </row>
    <row r="25478" spans="1:31" ht="14.45">
      <c r="A25478" s="11"/>
      <c r="B25478" s="20"/>
      <c r="C25478" s="2" t="s">
        <v>81619</v>
      </c>
      <c r="D25478" s="14" t="s">
        <v>81620</v>
      </c>
      <c r="E25478" s="2" t="s">
        <v>81621</v>
      </c>
      <c r="F25478" s="2" t="s">
        <v>81622</v>
      </c>
      <c r="G25478" s="8">
        <v>843</v>
      </c>
      <c r="H25478" s="5">
        <v>10</v>
      </c>
      <c r="I25478" s="5" t="s">
        <v>69</v>
      </c>
      <c r="J25478" s="5" t="s">
        <v>64310</v>
      </c>
      <c r="K25478" s="2" t="s">
        <v>64311</v>
      </c>
      <c r="L25478" s="5" t="s">
        <v>64310</v>
      </c>
      <c r="M25478" s="2" t="s">
        <v>64311</v>
      </c>
      <c r="N25478" s="5" t="s">
        <v>733</v>
      </c>
      <c r="O25478" s="5" t="s">
        <v>38</v>
      </c>
      <c r="P25478" s="5" t="s">
        <v>39</v>
      </c>
      <c r="Q25478" s="5" t="s">
        <v>40</v>
      </c>
      <c r="R25478" s="5" t="s">
        <v>897</v>
      </c>
      <c r="S25478" s="5" t="s">
        <v>40</v>
      </c>
      <c r="T25478" s="5" t="s">
        <v>42</v>
      </c>
      <c r="U25478" s="2">
        <v>32.628</v>
      </c>
      <c r="V25478" s="2">
        <v>28.146999999999998</v>
      </c>
      <c r="W25478" s="2">
        <v>0.25900000000000001</v>
      </c>
      <c r="X25478" s="2">
        <v>17</v>
      </c>
      <c r="Y25478" s="2">
        <v>136.69999999999999</v>
      </c>
      <c r="Z25478" s="2">
        <v>111.6</v>
      </c>
      <c r="AA25478" s="5">
        <v>7</v>
      </c>
      <c r="AB25478" s="5" t="s">
        <v>43</v>
      </c>
      <c r="AC25478" s="5" t="s">
        <v>735</v>
      </c>
      <c r="AD25478" s="2" t="s">
        <v>81623</v>
      </c>
      <c r="AE25478" s="1"/>
    </row>
    <row r="25479" spans="1:31" ht="14.45">
      <c r="A25479" s="11"/>
      <c r="B25479" s="20"/>
      <c r="C25479" s="2" t="s">
        <v>81624</v>
      </c>
      <c r="D25479" s="14" t="s">
        <v>81625</v>
      </c>
      <c r="E25479" s="2" t="s">
        <v>81626</v>
      </c>
      <c r="F25479" s="2" t="s">
        <v>81627</v>
      </c>
      <c r="G25479" s="8">
        <v>1019</v>
      </c>
      <c r="H25479" s="5">
        <v>10</v>
      </c>
      <c r="I25479" s="5" t="s">
        <v>69</v>
      </c>
      <c r="J25479" s="5" t="s">
        <v>64310</v>
      </c>
      <c r="K25479" s="2" t="s">
        <v>64311</v>
      </c>
      <c r="L25479" s="5" t="s">
        <v>64310</v>
      </c>
      <c r="M25479" s="2" t="s">
        <v>64311</v>
      </c>
      <c r="N25479" s="5" t="s">
        <v>733</v>
      </c>
      <c r="O25479" s="5" t="s">
        <v>38</v>
      </c>
      <c r="P25479" s="5" t="s">
        <v>39</v>
      </c>
      <c r="Q25479" s="5" t="s">
        <v>40</v>
      </c>
      <c r="R25479" s="5" t="s">
        <v>897</v>
      </c>
      <c r="S25479" s="5" t="s">
        <v>40</v>
      </c>
      <c r="T25479" s="5" t="s">
        <v>42</v>
      </c>
      <c r="U25479" s="2">
        <v>36.877000000000002</v>
      </c>
      <c r="V25479" s="2">
        <v>32.396000000000001</v>
      </c>
      <c r="W25479" s="2">
        <v>0.25900000000000001</v>
      </c>
      <c r="X25479" s="2">
        <v>17</v>
      </c>
      <c r="Y25479" s="2">
        <v>136.69999999999999</v>
      </c>
      <c r="Z25479" s="2">
        <v>111.6</v>
      </c>
      <c r="AA25479" s="5">
        <v>7</v>
      </c>
      <c r="AB25479" s="5" t="s">
        <v>43</v>
      </c>
      <c r="AC25479" s="5" t="s">
        <v>735</v>
      </c>
      <c r="AD25479" s="2" t="s">
        <v>81628</v>
      </c>
      <c r="AE25479" s="1"/>
    </row>
    <row r="25480" spans="1:31" ht="14.45">
      <c r="A25480" s="11"/>
      <c r="B25480" s="20"/>
      <c r="C25480" s="2" t="s">
        <v>81629</v>
      </c>
      <c r="D25480" s="14" t="s">
        <v>81630</v>
      </c>
      <c r="E25480" s="2" t="s">
        <v>81631</v>
      </c>
      <c r="F25480" s="2" t="s">
        <v>81632</v>
      </c>
      <c r="G25480" s="8">
        <v>1487</v>
      </c>
      <c r="H25480" s="5">
        <v>10</v>
      </c>
      <c r="I25480" s="5" t="s">
        <v>69</v>
      </c>
      <c r="J25480" s="5" t="s">
        <v>64310</v>
      </c>
      <c r="K25480" s="2" t="s">
        <v>64311</v>
      </c>
      <c r="L25480" s="5" t="s">
        <v>64310</v>
      </c>
      <c r="M25480" s="2" t="s">
        <v>64311</v>
      </c>
      <c r="N25480" s="5" t="s">
        <v>733</v>
      </c>
      <c r="O25480" s="5" t="s">
        <v>38</v>
      </c>
      <c r="P25480" s="5" t="s">
        <v>39</v>
      </c>
      <c r="Q25480" s="5" t="s">
        <v>40</v>
      </c>
      <c r="R25480" s="5" t="s">
        <v>897</v>
      </c>
      <c r="S25480" s="5" t="s">
        <v>40</v>
      </c>
      <c r="T25480" s="5" t="s">
        <v>42</v>
      </c>
      <c r="U25480" s="2">
        <v>41.079000000000001</v>
      </c>
      <c r="V25480" s="2">
        <v>36.597999999999999</v>
      </c>
      <c r="W25480" s="2">
        <v>0.25900000000000001</v>
      </c>
      <c r="X25480" s="2">
        <v>17</v>
      </c>
      <c r="Y25480" s="2">
        <v>136.69999999999999</v>
      </c>
      <c r="Z25480" s="2">
        <v>111.6</v>
      </c>
      <c r="AA25480" s="5">
        <v>7</v>
      </c>
      <c r="AB25480" s="5" t="s">
        <v>43</v>
      </c>
      <c r="AC25480" s="5" t="s">
        <v>735</v>
      </c>
      <c r="AD25480" s="2" t="s">
        <v>81633</v>
      </c>
      <c r="AE25480" s="1"/>
    </row>
    <row r="25481" spans="1:31" ht="14.45">
      <c r="A25481" s="11"/>
      <c r="B25481" s="20"/>
      <c r="C25481" s="2" t="s">
        <v>81634</v>
      </c>
      <c r="D25481" s="14" t="s">
        <v>81635</v>
      </c>
      <c r="E25481" s="2" t="s">
        <v>81636</v>
      </c>
      <c r="F25481" s="2" t="s">
        <v>81637</v>
      </c>
      <c r="G25481" s="8">
        <v>1487</v>
      </c>
      <c r="H25481" s="5">
        <v>5</v>
      </c>
      <c r="I25481" s="5" t="s">
        <v>69</v>
      </c>
      <c r="J25481" s="5" t="s">
        <v>64310</v>
      </c>
      <c r="K25481" s="2" t="s">
        <v>64311</v>
      </c>
      <c r="L25481" s="5" t="s">
        <v>64310</v>
      </c>
      <c r="M25481" s="2" t="s">
        <v>64311</v>
      </c>
      <c r="N25481" s="5" t="s">
        <v>733</v>
      </c>
      <c r="O25481" s="5" t="s">
        <v>38</v>
      </c>
      <c r="P25481" s="5" t="s">
        <v>39</v>
      </c>
      <c r="Q25481" s="5" t="s">
        <v>40</v>
      </c>
      <c r="R25481" s="5" t="s">
        <v>897</v>
      </c>
      <c r="S25481" s="5" t="s">
        <v>40</v>
      </c>
      <c r="T25481" s="5" t="s">
        <v>42</v>
      </c>
      <c r="U25481" s="2">
        <v>39.862000000000002</v>
      </c>
      <c r="V25481" s="2">
        <v>35.381</v>
      </c>
      <c r="W25481" s="2">
        <v>0.25900000000000001</v>
      </c>
      <c r="X25481" s="2">
        <v>17</v>
      </c>
      <c r="Y25481" s="2">
        <v>136.69999999999999</v>
      </c>
      <c r="Z25481" s="2">
        <v>111.6</v>
      </c>
      <c r="AA25481" s="5">
        <v>7</v>
      </c>
      <c r="AB25481" s="5" t="s">
        <v>43</v>
      </c>
      <c r="AC25481" s="5" t="s">
        <v>735</v>
      </c>
      <c r="AD25481" s="2" t="s">
        <v>81638</v>
      </c>
      <c r="AE25481" s="1"/>
    </row>
    <row r="25482" spans="1:31" ht="14.45">
      <c r="A25482" s="11"/>
      <c r="B25482" s="20"/>
      <c r="C25482" s="2" t="s">
        <v>81639</v>
      </c>
      <c r="D25482" s="14" t="s">
        <v>81640</v>
      </c>
      <c r="E25482" s="2" t="s">
        <v>81641</v>
      </c>
      <c r="F25482" s="2" t="s">
        <v>81642</v>
      </c>
      <c r="G25482" s="8">
        <v>1499</v>
      </c>
      <c r="H25482" s="5">
        <v>15</v>
      </c>
      <c r="I25482" s="5" t="s">
        <v>69</v>
      </c>
      <c r="J25482" s="5" t="s">
        <v>64310</v>
      </c>
      <c r="K25482" s="2" t="s">
        <v>64311</v>
      </c>
      <c r="L25482" s="5" t="s">
        <v>64310</v>
      </c>
      <c r="M25482" s="2" t="s">
        <v>64311</v>
      </c>
      <c r="N25482" s="5" t="s">
        <v>733</v>
      </c>
      <c r="O25482" s="5" t="s">
        <v>38</v>
      </c>
      <c r="P25482" s="5" t="s">
        <v>39</v>
      </c>
      <c r="Q25482" s="5" t="s">
        <v>40</v>
      </c>
      <c r="R25482" s="5" t="s">
        <v>897</v>
      </c>
      <c r="S25482" s="5" t="s">
        <v>40</v>
      </c>
      <c r="T25482" s="5" t="s">
        <v>42</v>
      </c>
      <c r="U25482" s="2">
        <v>61.523000000000003</v>
      </c>
      <c r="V25482" s="2">
        <v>57.353999999999999</v>
      </c>
      <c r="W25482" s="2">
        <v>0.25900000000000001</v>
      </c>
      <c r="X25482" s="2">
        <v>17</v>
      </c>
      <c r="Y25482" s="2">
        <v>136.69999999999999</v>
      </c>
      <c r="Z25482" s="2">
        <v>111.6</v>
      </c>
      <c r="AA25482" s="5">
        <v>7</v>
      </c>
      <c r="AB25482" s="5" t="s">
        <v>43</v>
      </c>
      <c r="AC25482" s="5" t="s">
        <v>735</v>
      </c>
      <c r="AD25482" s="2" t="s">
        <v>81643</v>
      </c>
      <c r="AE25482" s="1"/>
    </row>
    <row r="25483" spans="1:31" ht="14.45">
      <c r="A25483" s="11"/>
      <c r="B25483" s="20"/>
      <c r="C25483" s="2" t="s">
        <v>81644</v>
      </c>
      <c r="D25483" s="14" t="s">
        <v>81645</v>
      </c>
      <c r="E25483" s="2" t="s">
        <v>81646</v>
      </c>
      <c r="F25483" s="2" t="s">
        <v>81647</v>
      </c>
      <c r="G25483" s="8">
        <v>1335</v>
      </c>
      <c r="H25483" s="5">
        <v>10</v>
      </c>
      <c r="I25483" s="5" t="s">
        <v>69</v>
      </c>
      <c r="J25483" s="5" t="s">
        <v>64310</v>
      </c>
      <c r="K25483" s="2" t="s">
        <v>64311</v>
      </c>
      <c r="L25483" s="5" t="s">
        <v>64310</v>
      </c>
      <c r="M25483" s="2" t="s">
        <v>64311</v>
      </c>
      <c r="N25483" s="5" t="s">
        <v>733</v>
      </c>
      <c r="O25483" s="5" t="s">
        <v>38</v>
      </c>
      <c r="P25483" s="5" t="s">
        <v>39</v>
      </c>
      <c r="Q25483" s="5" t="s">
        <v>40</v>
      </c>
      <c r="R25483" s="5" t="s">
        <v>897</v>
      </c>
      <c r="S25483" s="5" t="s">
        <v>40</v>
      </c>
      <c r="T25483" s="5" t="s">
        <v>42</v>
      </c>
      <c r="U25483" s="2">
        <v>52.771999999999998</v>
      </c>
      <c r="V25483" s="2">
        <v>48.603000000000002</v>
      </c>
      <c r="W25483" s="2">
        <v>0.25900000000000001</v>
      </c>
      <c r="X25483" s="2">
        <v>17</v>
      </c>
      <c r="Y25483" s="2">
        <v>136.69999999999999</v>
      </c>
      <c r="Z25483" s="2">
        <v>111.6</v>
      </c>
      <c r="AA25483" s="5">
        <v>7</v>
      </c>
      <c r="AB25483" s="5" t="s">
        <v>43</v>
      </c>
      <c r="AC25483" s="5" t="s">
        <v>735</v>
      </c>
      <c r="AD25483" s="2" t="s">
        <v>81648</v>
      </c>
      <c r="AE25483" s="1"/>
    </row>
    <row r="25484" spans="1:31" ht="14.45">
      <c r="A25484" s="11"/>
      <c r="B25484" s="20"/>
      <c r="C25484" s="2" t="s">
        <v>81649</v>
      </c>
      <c r="D25484" s="14" t="s">
        <v>81650</v>
      </c>
      <c r="E25484" s="2" t="s">
        <v>81651</v>
      </c>
      <c r="F25484" s="2" t="s">
        <v>81652</v>
      </c>
      <c r="G25484" s="8">
        <v>935</v>
      </c>
      <c r="H25484" s="5">
        <v>5</v>
      </c>
      <c r="I25484" s="5" t="s">
        <v>69</v>
      </c>
      <c r="J25484" s="5" t="s">
        <v>64310</v>
      </c>
      <c r="K25484" s="2" t="s">
        <v>64311</v>
      </c>
      <c r="L25484" s="5" t="s">
        <v>64310</v>
      </c>
      <c r="M25484" s="2" t="s">
        <v>64311</v>
      </c>
      <c r="N25484" s="5" t="s">
        <v>733</v>
      </c>
      <c r="O25484" s="5" t="s">
        <v>38</v>
      </c>
      <c r="P25484" s="5" t="s">
        <v>39</v>
      </c>
      <c r="Q25484" s="5" t="s">
        <v>40</v>
      </c>
      <c r="R25484" s="5" t="s">
        <v>897</v>
      </c>
      <c r="S25484" s="5" t="s">
        <v>40</v>
      </c>
      <c r="T25484" s="5" t="s">
        <v>42</v>
      </c>
      <c r="U25484" s="2">
        <v>45.326999999999998</v>
      </c>
      <c r="V25484" s="2">
        <v>41.158000000000001</v>
      </c>
      <c r="W25484" s="2">
        <v>0.25900000000000001</v>
      </c>
      <c r="X25484" s="2">
        <v>17</v>
      </c>
      <c r="Y25484" s="2">
        <v>136.69999999999999</v>
      </c>
      <c r="Z25484" s="2">
        <v>111.6</v>
      </c>
      <c r="AA25484" s="5">
        <v>7</v>
      </c>
      <c r="AB25484" s="5" t="s">
        <v>43</v>
      </c>
      <c r="AC25484" s="5" t="s">
        <v>735</v>
      </c>
      <c r="AD25484" s="2" t="s">
        <v>81653</v>
      </c>
      <c r="AE25484" s="1"/>
    </row>
    <row r="25485" spans="1:31" ht="14.45">
      <c r="A25485" s="11"/>
      <c r="B25485" s="20"/>
      <c r="C25485" s="2" t="s">
        <v>81654</v>
      </c>
      <c r="D25485" s="14" t="s">
        <v>81655</v>
      </c>
      <c r="E25485" s="2" t="s">
        <v>81656</v>
      </c>
      <c r="F25485" s="2" t="s">
        <v>81657</v>
      </c>
      <c r="G25485" s="8">
        <v>1214</v>
      </c>
      <c r="H25485" s="5">
        <v>10</v>
      </c>
      <c r="I25485" s="5" t="s">
        <v>69</v>
      </c>
      <c r="J25485" s="5" t="s">
        <v>64310</v>
      </c>
      <c r="K25485" s="2" t="s">
        <v>64311</v>
      </c>
      <c r="L25485" s="5" t="s">
        <v>64310</v>
      </c>
      <c r="M25485" s="2" t="s">
        <v>64311</v>
      </c>
      <c r="N25485" s="5" t="s">
        <v>733</v>
      </c>
      <c r="O25485" s="5" t="s">
        <v>38</v>
      </c>
      <c r="P25485" s="5" t="s">
        <v>39</v>
      </c>
      <c r="Q25485" s="5" t="s">
        <v>40</v>
      </c>
      <c r="R25485" s="5" t="s">
        <v>897</v>
      </c>
      <c r="S25485" s="5" t="s">
        <v>40</v>
      </c>
      <c r="T25485" s="5" t="s">
        <v>42</v>
      </c>
      <c r="U25485" s="2">
        <v>52.725999999999999</v>
      </c>
      <c r="V25485" s="2">
        <v>48.557000000000002</v>
      </c>
      <c r="W25485" s="2">
        <v>0.25900000000000001</v>
      </c>
      <c r="X25485" s="2">
        <v>17</v>
      </c>
      <c r="Y25485" s="2">
        <v>136.69999999999999</v>
      </c>
      <c r="Z25485" s="2">
        <v>111.6</v>
      </c>
      <c r="AA25485" s="5">
        <v>7</v>
      </c>
      <c r="AB25485" s="5" t="s">
        <v>43</v>
      </c>
      <c r="AC25485" s="5" t="s">
        <v>735</v>
      </c>
      <c r="AD25485" s="2" t="s">
        <v>81658</v>
      </c>
      <c r="AE25485" s="1"/>
    </row>
    <row r="25486" spans="1:31" ht="14.45">
      <c r="A25486" s="11"/>
      <c r="B25486" s="20"/>
      <c r="C25486" s="2" t="s">
        <v>81659</v>
      </c>
      <c r="D25486" s="14" t="s">
        <v>81660</v>
      </c>
      <c r="E25486" s="2" t="s">
        <v>81661</v>
      </c>
      <c r="F25486" s="2" t="s">
        <v>81662</v>
      </c>
      <c r="G25486" s="8">
        <v>1803</v>
      </c>
      <c r="H25486" s="5">
        <v>10</v>
      </c>
      <c r="I25486" s="5" t="s">
        <v>69</v>
      </c>
      <c r="J25486" s="5" t="s">
        <v>64310</v>
      </c>
      <c r="K25486" s="2" t="s">
        <v>64311</v>
      </c>
      <c r="L25486" s="5" t="s">
        <v>64310</v>
      </c>
      <c r="M25486" s="2" t="s">
        <v>64311</v>
      </c>
      <c r="N25486" s="5" t="s">
        <v>733</v>
      </c>
      <c r="O25486" s="5" t="s">
        <v>38</v>
      </c>
      <c r="P25486" s="5" t="s">
        <v>39</v>
      </c>
      <c r="Q25486" s="5" t="s">
        <v>40</v>
      </c>
      <c r="R25486" s="5" t="s">
        <v>897</v>
      </c>
      <c r="S25486" s="5" t="s">
        <v>40</v>
      </c>
      <c r="T25486" s="5" t="s">
        <v>42</v>
      </c>
      <c r="U25486" s="2">
        <v>57.712000000000003</v>
      </c>
      <c r="V25486" s="2">
        <v>53.542999999999999</v>
      </c>
      <c r="W25486" s="2">
        <v>0.25900000000000001</v>
      </c>
      <c r="X25486" s="2">
        <v>17</v>
      </c>
      <c r="Y25486" s="2">
        <v>136.69999999999999</v>
      </c>
      <c r="Z25486" s="2">
        <v>111.6</v>
      </c>
      <c r="AA25486" s="5">
        <v>7</v>
      </c>
      <c r="AB25486" s="5" t="s">
        <v>43</v>
      </c>
      <c r="AC25486" s="5" t="s">
        <v>735</v>
      </c>
      <c r="AD25486" s="2" t="s">
        <v>81663</v>
      </c>
      <c r="AE25486" s="1"/>
    </row>
    <row r="25487" spans="1:31" ht="14.45">
      <c r="A25487" s="11"/>
      <c r="B25487" s="20"/>
      <c r="C25487" s="2" t="s">
        <v>81664</v>
      </c>
      <c r="D25487" s="14" t="s">
        <v>81665</v>
      </c>
      <c r="E25487" s="2" t="s">
        <v>81666</v>
      </c>
      <c r="F25487" s="2" t="s">
        <v>81667</v>
      </c>
      <c r="G25487" s="8">
        <v>1682</v>
      </c>
      <c r="H25487" s="5">
        <v>10</v>
      </c>
      <c r="I25487" s="5" t="s">
        <v>69</v>
      </c>
      <c r="J25487" s="5" t="s">
        <v>64310</v>
      </c>
      <c r="K25487" s="2" t="s">
        <v>64311</v>
      </c>
      <c r="L25487" s="5" t="s">
        <v>64310</v>
      </c>
      <c r="M25487" s="2" t="s">
        <v>64311</v>
      </c>
      <c r="N25487" s="5" t="s">
        <v>733</v>
      </c>
      <c r="O25487" s="5" t="s">
        <v>38</v>
      </c>
      <c r="P25487" s="5" t="s">
        <v>39</v>
      </c>
      <c r="Q25487" s="5" t="s">
        <v>40</v>
      </c>
      <c r="R25487" s="5" t="s">
        <v>897</v>
      </c>
      <c r="S25487" s="5" t="s">
        <v>40</v>
      </c>
      <c r="T25487" s="5" t="s">
        <v>42</v>
      </c>
      <c r="U25487" s="2">
        <v>57.665999999999997</v>
      </c>
      <c r="V25487" s="2">
        <v>53.497</v>
      </c>
      <c r="W25487" s="2">
        <v>0.25900000000000001</v>
      </c>
      <c r="X25487" s="2">
        <v>17</v>
      </c>
      <c r="Y25487" s="2">
        <v>136.69999999999999</v>
      </c>
      <c r="Z25487" s="2">
        <v>111.6</v>
      </c>
      <c r="AA25487" s="5">
        <v>7</v>
      </c>
      <c r="AB25487" s="5" t="s">
        <v>43</v>
      </c>
      <c r="AC25487" s="5" t="s">
        <v>735</v>
      </c>
      <c r="AD25487" s="2" t="s">
        <v>81668</v>
      </c>
      <c r="AE25487" s="1"/>
    </row>
    <row r="25488" spans="1:31" ht="14.45">
      <c r="A25488" s="11"/>
      <c r="B25488" s="20"/>
      <c r="C25488" s="2" t="s">
        <v>81669</v>
      </c>
      <c r="D25488" s="14" t="s">
        <v>81670</v>
      </c>
      <c r="E25488" s="2" t="s">
        <v>81671</v>
      </c>
      <c r="F25488" s="2" t="s">
        <v>81672</v>
      </c>
      <c r="G25488" s="8">
        <v>1682</v>
      </c>
      <c r="H25488" s="5">
        <v>10</v>
      </c>
      <c r="I25488" s="5" t="s">
        <v>69</v>
      </c>
      <c r="J25488" s="5" t="s">
        <v>64310</v>
      </c>
      <c r="K25488" s="2" t="s">
        <v>64311</v>
      </c>
      <c r="L25488" s="5" t="s">
        <v>64310</v>
      </c>
      <c r="M25488" s="2" t="s">
        <v>64311</v>
      </c>
      <c r="N25488" s="5" t="s">
        <v>733</v>
      </c>
      <c r="O25488" s="5" t="s">
        <v>38</v>
      </c>
      <c r="P25488" s="5" t="s">
        <v>39</v>
      </c>
      <c r="Q25488" s="5" t="s">
        <v>40</v>
      </c>
      <c r="R25488" s="5" t="s">
        <v>897</v>
      </c>
      <c r="S25488" s="5" t="s">
        <v>40</v>
      </c>
      <c r="T25488" s="5" t="s">
        <v>42</v>
      </c>
      <c r="U25488" s="2">
        <v>56.22</v>
      </c>
      <c r="V25488" s="2">
        <v>52.051000000000002</v>
      </c>
      <c r="W25488" s="2">
        <v>0.25900000000000001</v>
      </c>
      <c r="X25488" s="2">
        <v>17</v>
      </c>
      <c r="Y25488" s="2">
        <v>136.69999999999999</v>
      </c>
      <c r="Z25488" s="2">
        <v>111.6</v>
      </c>
      <c r="AA25488" s="5">
        <v>7</v>
      </c>
      <c r="AB25488" s="5" t="s">
        <v>43</v>
      </c>
      <c r="AC25488" s="5" t="s">
        <v>735</v>
      </c>
      <c r="AD25488" s="2" t="s">
        <v>81673</v>
      </c>
      <c r="AE25488" s="1"/>
    </row>
    <row r="25489" spans="1:31" ht="14.45">
      <c r="A25489" s="11"/>
      <c r="B25489" s="20"/>
      <c r="C25489" s="2" t="s">
        <v>81674</v>
      </c>
      <c r="D25489" s="14" t="s">
        <v>81675</v>
      </c>
      <c r="E25489" s="2" t="s">
        <v>81676</v>
      </c>
      <c r="F25489" s="2" t="s">
        <v>81677</v>
      </c>
      <c r="G25489" s="8">
        <v>1499</v>
      </c>
      <c r="H25489" s="5">
        <v>15</v>
      </c>
      <c r="I25489" s="5" t="s">
        <v>69</v>
      </c>
      <c r="J25489" s="5" t="s">
        <v>64310</v>
      </c>
      <c r="K25489" s="2" t="s">
        <v>64311</v>
      </c>
      <c r="L25489" s="5" t="s">
        <v>64310</v>
      </c>
      <c r="M25489" s="2" t="s">
        <v>64311</v>
      </c>
      <c r="N25489" s="5" t="s">
        <v>733</v>
      </c>
      <c r="O25489" s="5" t="s">
        <v>38</v>
      </c>
      <c r="P25489" s="5" t="s">
        <v>39</v>
      </c>
      <c r="Q25489" s="5" t="s">
        <v>40</v>
      </c>
      <c r="R25489" s="5" t="s">
        <v>897</v>
      </c>
      <c r="S25489" s="5" t="s">
        <v>40</v>
      </c>
      <c r="T25489" s="5" t="s">
        <v>42</v>
      </c>
      <c r="U25489" s="2">
        <v>61.463000000000001</v>
      </c>
      <c r="V25489" s="2">
        <v>57.293999999999997</v>
      </c>
      <c r="W25489" s="2">
        <v>0.25900000000000001</v>
      </c>
      <c r="X25489" s="2">
        <v>17</v>
      </c>
      <c r="Y25489" s="2">
        <v>136.69999999999999</v>
      </c>
      <c r="Z25489" s="2">
        <v>111.6</v>
      </c>
      <c r="AA25489" s="5">
        <v>7</v>
      </c>
      <c r="AB25489" s="5" t="s">
        <v>43</v>
      </c>
      <c r="AC25489" s="5" t="s">
        <v>735</v>
      </c>
      <c r="AD25489" s="2" t="s">
        <v>81678</v>
      </c>
      <c r="AE25489" s="1"/>
    </row>
    <row r="25490" spans="1:31" ht="14.45">
      <c r="A25490" s="11"/>
      <c r="B25490" s="20"/>
      <c r="C25490" s="2" t="s">
        <v>81679</v>
      </c>
      <c r="D25490" s="14" t="s">
        <v>81680</v>
      </c>
      <c r="E25490" s="2" t="s">
        <v>81681</v>
      </c>
      <c r="F25490" s="2" t="s">
        <v>81682</v>
      </c>
      <c r="G25490" s="8">
        <v>1335</v>
      </c>
      <c r="H25490" s="5">
        <v>15</v>
      </c>
      <c r="I25490" s="5" t="s">
        <v>69</v>
      </c>
      <c r="J25490" s="5" t="s">
        <v>64310</v>
      </c>
      <c r="K25490" s="2" t="s">
        <v>64311</v>
      </c>
      <c r="L25490" s="5" t="s">
        <v>64310</v>
      </c>
      <c r="M25490" s="2" t="s">
        <v>64311</v>
      </c>
      <c r="N25490" s="5" t="s">
        <v>733</v>
      </c>
      <c r="O25490" s="5" t="s">
        <v>38</v>
      </c>
      <c r="P25490" s="5" t="s">
        <v>39</v>
      </c>
      <c r="Q25490" s="5" t="s">
        <v>40</v>
      </c>
      <c r="R25490" s="5" t="s">
        <v>897</v>
      </c>
      <c r="S25490" s="5" t="s">
        <v>40</v>
      </c>
      <c r="T25490" s="5" t="s">
        <v>42</v>
      </c>
      <c r="U25490" s="2">
        <v>52.712000000000003</v>
      </c>
      <c r="V25490" s="2">
        <v>48.542999999999999</v>
      </c>
      <c r="W25490" s="2">
        <v>0.25900000000000001</v>
      </c>
      <c r="X25490" s="2">
        <v>17</v>
      </c>
      <c r="Y25490" s="2">
        <v>136.69999999999999</v>
      </c>
      <c r="Z25490" s="2">
        <v>111.6</v>
      </c>
      <c r="AA25490" s="5">
        <v>7</v>
      </c>
      <c r="AB25490" s="5" t="s">
        <v>43</v>
      </c>
      <c r="AC25490" s="5" t="s">
        <v>735</v>
      </c>
      <c r="AD25490" s="2" t="s">
        <v>81683</v>
      </c>
      <c r="AE25490" s="1"/>
    </row>
    <row r="25491" spans="1:31" ht="14.45">
      <c r="A25491" s="11"/>
      <c r="B25491" s="20"/>
      <c r="C25491" s="2" t="s">
        <v>81684</v>
      </c>
      <c r="D25491" s="14" t="s">
        <v>81685</v>
      </c>
      <c r="E25491" s="2" t="s">
        <v>81686</v>
      </c>
      <c r="F25491" s="2" t="s">
        <v>81687</v>
      </c>
      <c r="G25491" s="8">
        <v>935</v>
      </c>
      <c r="H25491" s="5">
        <v>10</v>
      </c>
      <c r="I25491" s="5" t="s">
        <v>69</v>
      </c>
      <c r="J25491" s="5" t="s">
        <v>64310</v>
      </c>
      <c r="K25491" s="2" t="s">
        <v>64311</v>
      </c>
      <c r="L25491" s="5" t="s">
        <v>64310</v>
      </c>
      <c r="M25491" s="2" t="s">
        <v>64311</v>
      </c>
      <c r="N25491" s="5" t="s">
        <v>733</v>
      </c>
      <c r="O25491" s="5" t="s">
        <v>38</v>
      </c>
      <c r="P25491" s="5" t="s">
        <v>39</v>
      </c>
      <c r="Q25491" s="5" t="s">
        <v>40</v>
      </c>
      <c r="R25491" s="5" t="s">
        <v>897</v>
      </c>
      <c r="S25491" s="5" t="s">
        <v>40</v>
      </c>
      <c r="T25491" s="5" t="s">
        <v>42</v>
      </c>
      <c r="U25491" s="2">
        <v>45.267000000000003</v>
      </c>
      <c r="V25491" s="2">
        <v>41.097999999999999</v>
      </c>
      <c r="W25491" s="2">
        <v>0.25900000000000001</v>
      </c>
      <c r="X25491" s="2">
        <v>17</v>
      </c>
      <c r="Y25491" s="2">
        <v>136.69999999999999</v>
      </c>
      <c r="Z25491" s="2">
        <v>111.6</v>
      </c>
      <c r="AA25491" s="5">
        <v>7</v>
      </c>
      <c r="AB25491" s="5" t="s">
        <v>43</v>
      </c>
      <c r="AC25491" s="5" t="s">
        <v>735</v>
      </c>
      <c r="AD25491" s="2" t="s">
        <v>81688</v>
      </c>
      <c r="AE25491" s="1"/>
    </row>
    <row r="25492" spans="1:31" ht="14.45">
      <c r="A25492" s="11"/>
      <c r="B25492" s="20"/>
      <c r="C25492" s="2" t="s">
        <v>81689</v>
      </c>
      <c r="D25492" s="14" t="s">
        <v>81690</v>
      </c>
      <c r="E25492" s="2" t="s">
        <v>81691</v>
      </c>
      <c r="F25492" s="2" t="s">
        <v>81692</v>
      </c>
      <c r="G25492" s="8">
        <v>1214</v>
      </c>
      <c r="H25492" s="5">
        <v>10</v>
      </c>
      <c r="I25492" s="5" t="s">
        <v>69</v>
      </c>
      <c r="J25492" s="5" t="s">
        <v>64310</v>
      </c>
      <c r="K25492" s="2" t="s">
        <v>64311</v>
      </c>
      <c r="L25492" s="5" t="s">
        <v>64310</v>
      </c>
      <c r="M25492" s="2" t="s">
        <v>64311</v>
      </c>
      <c r="N25492" s="5" t="s">
        <v>733</v>
      </c>
      <c r="O25492" s="5" t="s">
        <v>38</v>
      </c>
      <c r="P25492" s="5" t="s">
        <v>39</v>
      </c>
      <c r="Q25492" s="5" t="s">
        <v>40</v>
      </c>
      <c r="R25492" s="5" t="s">
        <v>897</v>
      </c>
      <c r="S25492" s="5" t="s">
        <v>40</v>
      </c>
      <c r="T25492" s="5" t="s">
        <v>42</v>
      </c>
      <c r="U25492" s="2">
        <v>52.665999999999997</v>
      </c>
      <c r="V25492" s="2">
        <v>48.497</v>
      </c>
      <c r="W25492" s="2">
        <v>0.25900000000000001</v>
      </c>
      <c r="X25492" s="2">
        <v>17</v>
      </c>
      <c r="Y25492" s="2">
        <v>136.69999999999999</v>
      </c>
      <c r="Z25492" s="2">
        <v>111.6</v>
      </c>
      <c r="AA25492" s="5">
        <v>7</v>
      </c>
      <c r="AB25492" s="5" t="s">
        <v>43</v>
      </c>
      <c r="AC25492" s="5" t="s">
        <v>735</v>
      </c>
      <c r="AD25492" s="2" t="s">
        <v>81693</v>
      </c>
      <c r="AE25492" s="1"/>
    </row>
    <row r="25493" spans="1:31" ht="14.45">
      <c r="A25493" s="11"/>
      <c r="B25493" s="20"/>
      <c r="C25493" s="2" t="s">
        <v>81694</v>
      </c>
      <c r="D25493" s="14" t="s">
        <v>81695</v>
      </c>
      <c r="E25493" s="2" t="s">
        <v>81696</v>
      </c>
      <c r="F25493" s="2" t="s">
        <v>81697</v>
      </c>
      <c r="G25493" s="8">
        <v>1803</v>
      </c>
      <c r="H25493" s="5">
        <v>10</v>
      </c>
      <c r="I25493" s="5" t="s">
        <v>69</v>
      </c>
      <c r="J25493" s="5" t="s">
        <v>64310</v>
      </c>
      <c r="K25493" s="2" t="s">
        <v>64311</v>
      </c>
      <c r="L25493" s="5" t="s">
        <v>64310</v>
      </c>
      <c r="M25493" s="2" t="s">
        <v>64311</v>
      </c>
      <c r="N25493" s="5" t="s">
        <v>733</v>
      </c>
      <c r="O25493" s="5" t="s">
        <v>38</v>
      </c>
      <c r="P25493" s="5" t="s">
        <v>39</v>
      </c>
      <c r="Q25493" s="5" t="s">
        <v>40</v>
      </c>
      <c r="R25493" s="5" t="s">
        <v>897</v>
      </c>
      <c r="S25493" s="5" t="s">
        <v>40</v>
      </c>
      <c r="T25493" s="5" t="s">
        <v>42</v>
      </c>
      <c r="U25493" s="2">
        <v>57.652000000000001</v>
      </c>
      <c r="V25493" s="2">
        <v>53.482999999999997</v>
      </c>
      <c r="W25493" s="2">
        <v>0.25900000000000001</v>
      </c>
      <c r="X25493" s="2">
        <v>17</v>
      </c>
      <c r="Y25493" s="2">
        <v>136.69999999999999</v>
      </c>
      <c r="Z25493" s="2">
        <v>111.6</v>
      </c>
      <c r="AA25493" s="5">
        <v>7</v>
      </c>
      <c r="AB25493" s="5" t="s">
        <v>43</v>
      </c>
      <c r="AC25493" s="5" t="s">
        <v>735</v>
      </c>
      <c r="AD25493" s="2" t="s">
        <v>81698</v>
      </c>
      <c r="AE25493" s="1"/>
    </row>
    <row r="25494" spans="1:31" ht="14.45">
      <c r="A25494" s="11"/>
      <c r="B25494" s="20"/>
      <c r="C25494" s="2" t="s">
        <v>81699</v>
      </c>
      <c r="D25494" s="14" t="s">
        <v>81700</v>
      </c>
      <c r="E25494" s="2" t="s">
        <v>81701</v>
      </c>
      <c r="F25494" s="2" t="s">
        <v>81702</v>
      </c>
      <c r="G25494" s="8">
        <v>1682</v>
      </c>
      <c r="H25494" s="5">
        <v>10</v>
      </c>
      <c r="I25494" s="5" t="s">
        <v>69</v>
      </c>
      <c r="J25494" s="5" t="s">
        <v>64310</v>
      </c>
      <c r="K25494" s="2" t="s">
        <v>64311</v>
      </c>
      <c r="L25494" s="5" t="s">
        <v>64310</v>
      </c>
      <c r="M25494" s="2" t="s">
        <v>64311</v>
      </c>
      <c r="N25494" s="5" t="s">
        <v>733</v>
      </c>
      <c r="O25494" s="5" t="s">
        <v>38</v>
      </c>
      <c r="P25494" s="5" t="s">
        <v>39</v>
      </c>
      <c r="Q25494" s="5" t="s">
        <v>40</v>
      </c>
      <c r="R25494" s="5" t="s">
        <v>897</v>
      </c>
      <c r="S25494" s="5" t="s">
        <v>40</v>
      </c>
      <c r="T25494" s="5" t="s">
        <v>42</v>
      </c>
      <c r="U25494" s="2">
        <v>57.606000000000002</v>
      </c>
      <c r="V25494" s="2">
        <v>53.436999999999998</v>
      </c>
      <c r="W25494" s="2">
        <v>0.25900000000000001</v>
      </c>
      <c r="X25494" s="2">
        <v>17</v>
      </c>
      <c r="Y25494" s="2">
        <v>136.69999999999999</v>
      </c>
      <c r="Z25494" s="2">
        <v>111.6</v>
      </c>
      <c r="AA25494" s="5">
        <v>7</v>
      </c>
      <c r="AB25494" s="5" t="s">
        <v>43</v>
      </c>
      <c r="AC25494" s="5" t="s">
        <v>735</v>
      </c>
      <c r="AD25494" s="2" t="s">
        <v>81703</v>
      </c>
      <c r="AE25494" s="1"/>
    </row>
    <row r="25495" spans="1:31" ht="14.45">
      <c r="A25495" s="11"/>
      <c r="B25495" s="20"/>
      <c r="C25495" s="2" t="s">
        <v>81704</v>
      </c>
      <c r="D25495" s="14" t="s">
        <v>81705</v>
      </c>
      <c r="E25495" s="2" t="s">
        <v>81706</v>
      </c>
      <c r="F25495" s="2" t="s">
        <v>81707</v>
      </c>
      <c r="G25495" s="8">
        <v>1682</v>
      </c>
      <c r="H25495" s="5">
        <v>5</v>
      </c>
      <c r="I25495" s="5" t="s">
        <v>69</v>
      </c>
      <c r="J25495" s="5" t="s">
        <v>64310</v>
      </c>
      <c r="K25495" s="2" t="s">
        <v>64311</v>
      </c>
      <c r="L25495" s="5" t="s">
        <v>64310</v>
      </c>
      <c r="M25495" s="2" t="s">
        <v>64311</v>
      </c>
      <c r="N25495" s="5" t="s">
        <v>733</v>
      </c>
      <c r="O25495" s="5" t="s">
        <v>38</v>
      </c>
      <c r="P25495" s="5" t="s">
        <v>39</v>
      </c>
      <c r="Q25495" s="5" t="s">
        <v>40</v>
      </c>
      <c r="R25495" s="5" t="s">
        <v>897</v>
      </c>
      <c r="S25495" s="5" t="s">
        <v>40</v>
      </c>
      <c r="T25495" s="5" t="s">
        <v>42</v>
      </c>
      <c r="U25495" s="2">
        <v>56.16</v>
      </c>
      <c r="V25495" s="2">
        <v>51.991</v>
      </c>
      <c r="W25495" s="2">
        <v>0.25900000000000001</v>
      </c>
      <c r="X25495" s="2">
        <v>17</v>
      </c>
      <c r="Y25495" s="2">
        <v>136.69999999999999</v>
      </c>
      <c r="Z25495" s="2">
        <v>111.6</v>
      </c>
      <c r="AA25495" s="5">
        <v>7</v>
      </c>
      <c r="AB25495" s="5" t="s">
        <v>43</v>
      </c>
      <c r="AC25495" s="5" t="s">
        <v>735</v>
      </c>
      <c r="AD25495" s="2" t="s">
        <v>81708</v>
      </c>
      <c r="AE25495" s="1"/>
    </row>
    <row r="25496" spans="1:31" ht="14.45">
      <c r="A25496" s="11"/>
      <c r="B25496" s="20"/>
      <c r="C25496" s="2" t="s">
        <v>81709</v>
      </c>
      <c r="D25496" s="14" t="s">
        <v>81710</v>
      </c>
      <c r="E25496" s="2" t="s">
        <v>81711</v>
      </c>
      <c r="F25496" s="2" t="s">
        <v>81712</v>
      </c>
      <c r="G25496" s="8">
        <v>1027</v>
      </c>
      <c r="H25496" s="5">
        <v>10</v>
      </c>
      <c r="I25496" s="5" t="s">
        <v>69</v>
      </c>
      <c r="J25496" s="5" t="s">
        <v>64310</v>
      </c>
      <c r="K25496" s="2" t="s">
        <v>64311</v>
      </c>
      <c r="L25496" s="5" t="s">
        <v>64310</v>
      </c>
      <c r="M25496" s="2" t="s">
        <v>64311</v>
      </c>
      <c r="N25496" s="5" t="s">
        <v>733</v>
      </c>
      <c r="O25496" s="5" t="s">
        <v>38</v>
      </c>
      <c r="P25496" s="5" t="s">
        <v>39</v>
      </c>
      <c r="Q25496" s="5" t="s">
        <v>40</v>
      </c>
      <c r="R25496" s="5" t="s">
        <v>897</v>
      </c>
      <c r="S25496" s="5" t="s">
        <v>40</v>
      </c>
      <c r="T25496" s="5" t="s">
        <v>42</v>
      </c>
      <c r="U25496" s="2">
        <v>53.213999999999999</v>
      </c>
      <c r="V25496" s="2">
        <v>48.555999999999997</v>
      </c>
      <c r="W25496" s="2">
        <v>0.35699999999999998</v>
      </c>
      <c r="X25496" s="2">
        <v>17</v>
      </c>
      <c r="Y25496" s="2">
        <v>136.69999999999999</v>
      </c>
      <c r="Z25496" s="2">
        <v>153.6</v>
      </c>
      <c r="AA25496" s="5">
        <v>7</v>
      </c>
      <c r="AB25496" s="5" t="s">
        <v>43</v>
      </c>
      <c r="AC25496" s="5" t="s">
        <v>735</v>
      </c>
      <c r="AD25496" s="2" t="s">
        <v>81713</v>
      </c>
      <c r="AE25496" s="1"/>
    </row>
    <row r="25497" spans="1:31" ht="14.45">
      <c r="A25497" s="11"/>
      <c r="B25497" s="20"/>
      <c r="C25497" s="2" t="s">
        <v>81714</v>
      </c>
      <c r="D25497" s="14" t="s">
        <v>81715</v>
      </c>
      <c r="E25497" s="2" t="s">
        <v>81716</v>
      </c>
      <c r="F25497" s="2" t="s">
        <v>81717</v>
      </c>
      <c r="G25497" s="8">
        <v>1367</v>
      </c>
      <c r="H25497" s="5">
        <v>5</v>
      </c>
      <c r="I25497" s="5" t="s">
        <v>69</v>
      </c>
      <c r="J25497" s="5" t="s">
        <v>64310</v>
      </c>
      <c r="K25497" s="2" t="s">
        <v>64311</v>
      </c>
      <c r="L25497" s="5" t="s">
        <v>64310</v>
      </c>
      <c r="M25497" s="2" t="s">
        <v>64311</v>
      </c>
      <c r="N25497" s="5" t="s">
        <v>733</v>
      </c>
      <c r="O25497" s="5" t="s">
        <v>38</v>
      </c>
      <c r="P25497" s="5" t="s">
        <v>39</v>
      </c>
      <c r="Q25497" s="5" t="s">
        <v>40</v>
      </c>
      <c r="R25497" s="5" t="s">
        <v>897</v>
      </c>
      <c r="S25497" s="5" t="s">
        <v>40</v>
      </c>
      <c r="T25497" s="5" t="s">
        <v>42</v>
      </c>
      <c r="U25497" s="2">
        <v>62.39</v>
      </c>
      <c r="V25497" s="2">
        <v>57.731999999999999</v>
      </c>
      <c r="W25497" s="2">
        <v>0.35699999999999998</v>
      </c>
      <c r="X25497" s="2">
        <v>17</v>
      </c>
      <c r="Y25497" s="2">
        <v>136.69999999999999</v>
      </c>
      <c r="Z25497" s="2">
        <v>153.6</v>
      </c>
      <c r="AA25497" s="5">
        <v>7</v>
      </c>
      <c r="AB25497" s="5" t="s">
        <v>43</v>
      </c>
      <c r="AC25497" s="5" t="s">
        <v>735</v>
      </c>
      <c r="AD25497" s="2" t="s">
        <v>81718</v>
      </c>
      <c r="AE25497" s="1"/>
    </row>
    <row r="25498" spans="1:31" ht="14.45">
      <c r="A25498" s="11"/>
      <c r="B25498" s="20"/>
      <c r="C25498" s="2" t="s">
        <v>81719</v>
      </c>
      <c r="D25498" s="14" t="s">
        <v>81720</v>
      </c>
      <c r="E25498" s="2" t="s">
        <v>81721</v>
      </c>
      <c r="F25498" s="2" t="s">
        <v>81722</v>
      </c>
      <c r="G25498" s="8">
        <v>1027</v>
      </c>
      <c r="H25498" s="5">
        <v>10</v>
      </c>
      <c r="I25498" s="5" t="s">
        <v>69</v>
      </c>
      <c r="J25498" s="5" t="s">
        <v>64310</v>
      </c>
      <c r="K25498" s="2" t="s">
        <v>64311</v>
      </c>
      <c r="L25498" s="5" t="s">
        <v>64310</v>
      </c>
      <c r="M25498" s="2" t="s">
        <v>64311</v>
      </c>
      <c r="N25498" s="5" t="s">
        <v>733</v>
      </c>
      <c r="O25498" s="5" t="s">
        <v>38</v>
      </c>
      <c r="P25498" s="5" t="s">
        <v>39</v>
      </c>
      <c r="Q25498" s="5" t="s">
        <v>40</v>
      </c>
      <c r="R25498" s="5" t="s">
        <v>897</v>
      </c>
      <c r="S25498" s="5" t="s">
        <v>40</v>
      </c>
      <c r="T25498" s="5" t="s">
        <v>42</v>
      </c>
      <c r="U25498" s="2">
        <v>53.154000000000003</v>
      </c>
      <c r="V25498" s="2">
        <v>48.496000000000002</v>
      </c>
      <c r="W25498" s="2">
        <v>0.35699999999999998</v>
      </c>
      <c r="X25498" s="2">
        <v>17</v>
      </c>
      <c r="Y25498" s="2">
        <v>136.69999999999999</v>
      </c>
      <c r="Z25498" s="2">
        <v>153.6</v>
      </c>
      <c r="AA25498" s="5">
        <v>7</v>
      </c>
      <c r="AB25498" s="5" t="s">
        <v>43</v>
      </c>
      <c r="AC25498" s="5" t="s">
        <v>735</v>
      </c>
      <c r="AD25498" s="2" t="s">
        <v>81723</v>
      </c>
      <c r="AE25498" s="1"/>
    </row>
    <row r="25499" spans="1:31" ht="14.45">
      <c r="A25499" s="11"/>
      <c r="B25499" s="20"/>
      <c r="C25499" s="2" t="s">
        <v>81724</v>
      </c>
      <c r="D25499" s="14" t="s">
        <v>81725</v>
      </c>
      <c r="E25499" s="2" t="s">
        <v>81726</v>
      </c>
      <c r="F25499" s="2" t="s">
        <v>81727</v>
      </c>
      <c r="G25499" s="8">
        <v>1367</v>
      </c>
      <c r="H25499" s="5">
        <v>5</v>
      </c>
      <c r="I25499" s="5" t="s">
        <v>69</v>
      </c>
      <c r="J25499" s="5" t="s">
        <v>64310</v>
      </c>
      <c r="K25499" s="2" t="s">
        <v>64311</v>
      </c>
      <c r="L25499" s="5" t="s">
        <v>64310</v>
      </c>
      <c r="M25499" s="2" t="s">
        <v>64311</v>
      </c>
      <c r="N25499" s="5" t="s">
        <v>733</v>
      </c>
      <c r="O25499" s="5" t="s">
        <v>38</v>
      </c>
      <c r="P25499" s="5" t="s">
        <v>39</v>
      </c>
      <c r="Q25499" s="5" t="s">
        <v>40</v>
      </c>
      <c r="R25499" s="5" t="s">
        <v>897</v>
      </c>
      <c r="S25499" s="5" t="s">
        <v>40</v>
      </c>
      <c r="T25499" s="5" t="s">
        <v>42</v>
      </c>
      <c r="U25499" s="2">
        <v>62.33</v>
      </c>
      <c r="V25499" s="2">
        <v>57.671999999999997</v>
      </c>
      <c r="W25499" s="2">
        <v>0.35699999999999998</v>
      </c>
      <c r="X25499" s="2">
        <v>17</v>
      </c>
      <c r="Y25499" s="2">
        <v>136.69999999999999</v>
      </c>
      <c r="Z25499" s="2">
        <v>153.6</v>
      </c>
      <c r="AA25499" s="5">
        <v>7</v>
      </c>
      <c r="AB25499" s="5" t="s">
        <v>43</v>
      </c>
      <c r="AC25499" s="5" t="s">
        <v>735</v>
      </c>
      <c r="AD25499" s="2" t="s">
        <v>81728</v>
      </c>
      <c r="AE25499" s="1"/>
    </row>
    <row r="25500" spans="1:31" ht="14.45">
      <c r="A25500" s="11"/>
      <c r="B25500" s="20"/>
      <c r="C25500" s="2" t="s">
        <v>81729</v>
      </c>
      <c r="D25500" s="14" t="s">
        <v>81730</v>
      </c>
      <c r="E25500" s="2" t="s">
        <v>81731</v>
      </c>
      <c r="F25500" s="2" t="s">
        <v>81732</v>
      </c>
      <c r="G25500" s="8">
        <v>1027</v>
      </c>
      <c r="H25500" s="5">
        <v>10</v>
      </c>
      <c r="I25500" s="5" t="s">
        <v>69</v>
      </c>
      <c r="J25500" s="5" t="s">
        <v>64310</v>
      </c>
      <c r="K25500" s="2" t="s">
        <v>64311</v>
      </c>
      <c r="L25500" s="5" t="s">
        <v>64310</v>
      </c>
      <c r="M25500" s="2" t="s">
        <v>64311</v>
      </c>
      <c r="N25500" s="5" t="s">
        <v>733</v>
      </c>
      <c r="O25500" s="5" t="s">
        <v>38</v>
      </c>
      <c r="P25500" s="5" t="s">
        <v>39</v>
      </c>
      <c r="Q25500" s="5" t="s">
        <v>40</v>
      </c>
      <c r="R25500" s="5" t="s">
        <v>897</v>
      </c>
      <c r="S25500" s="5" t="s">
        <v>40</v>
      </c>
      <c r="T25500" s="5" t="s">
        <v>42</v>
      </c>
      <c r="U25500" s="2">
        <v>62.353999999999999</v>
      </c>
      <c r="V25500" s="2">
        <v>56.725000000000001</v>
      </c>
      <c r="W25500" s="2">
        <v>0.36699999999999999</v>
      </c>
      <c r="X25500" s="2">
        <v>17</v>
      </c>
      <c r="Y25500" s="2">
        <v>140.69999999999999</v>
      </c>
      <c r="Z25500" s="2">
        <v>153.6</v>
      </c>
      <c r="AA25500" s="5">
        <v>7</v>
      </c>
      <c r="AB25500" s="5" t="s">
        <v>43</v>
      </c>
      <c r="AC25500" s="5" t="s">
        <v>735</v>
      </c>
      <c r="AD25500" s="2" t="s">
        <v>81733</v>
      </c>
      <c r="AE25500" s="1"/>
    </row>
    <row r="25501" spans="1:31" ht="14.45">
      <c r="A25501" s="11"/>
      <c r="B25501" s="20"/>
      <c r="C25501" s="2" t="s">
        <v>81734</v>
      </c>
      <c r="D25501" s="14" t="s">
        <v>81735</v>
      </c>
      <c r="E25501" s="2" t="s">
        <v>81736</v>
      </c>
      <c r="F25501" s="2" t="s">
        <v>81737</v>
      </c>
      <c r="G25501" s="8">
        <v>1432</v>
      </c>
      <c r="H25501" s="5">
        <v>5</v>
      </c>
      <c r="I25501" s="5" t="s">
        <v>69</v>
      </c>
      <c r="J25501" s="5" t="s">
        <v>64310</v>
      </c>
      <c r="K25501" s="2" t="s">
        <v>64311</v>
      </c>
      <c r="L25501" s="5" t="s">
        <v>64310</v>
      </c>
      <c r="M25501" s="2" t="s">
        <v>64311</v>
      </c>
      <c r="N25501" s="5" t="s">
        <v>733</v>
      </c>
      <c r="O25501" s="5" t="s">
        <v>38</v>
      </c>
      <c r="P25501" s="5" t="s">
        <v>39</v>
      </c>
      <c r="Q25501" s="5" t="s">
        <v>40</v>
      </c>
      <c r="R25501" s="5" t="s">
        <v>897</v>
      </c>
      <c r="S25501" s="5" t="s">
        <v>40</v>
      </c>
      <c r="T25501" s="5" t="s">
        <v>42</v>
      </c>
      <c r="U25501" s="2">
        <v>73.495999999999995</v>
      </c>
      <c r="V25501" s="2">
        <v>67.867000000000004</v>
      </c>
      <c r="W25501" s="2">
        <v>0.36699999999999999</v>
      </c>
      <c r="X25501" s="2">
        <v>17</v>
      </c>
      <c r="Y25501" s="2">
        <v>140.69999999999999</v>
      </c>
      <c r="Z25501" s="2">
        <v>153.6</v>
      </c>
      <c r="AA25501" s="5">
        <v>7</v>
      </c>
      <c r="AB25501" s="5" t="s">
        <v>43</v>
      </c>
      <c r="AC25501" s="5" t="s">
        <v>735</v>
      </c>
      <c r="AD25501" s="2" t="s">
        <v>81738</v>
      </c>
      <c r="AE25501" s="1"/>
    </row>
    <row r="25502" spans="1:31" ht="14.45">
      <c r="A25502" s="11"/>
      <c r="B25502" s="20"/>
      <c r="C25502" s="2" t="s">
        <v>81739</v>
      </c>
      <c r="D25502" s="14" t="s">
        <v>81740</v>
      </c>
      <c r="E25502" s="2" t="s">
        <v>81741</v>
      </c>
      <c r="F25502" s="2" t="s">
        <v>81742</v>
      </c>
      <c r="G25502" s="8">
        <v>1027</v>
      </c>
      <c r="H25502" s="5">
        <v>10</v>
      </c>
      <c r="I25502" s="5" t="s">
        <v>69</v>
      </c>
      <c r="J25502" s="5" t="s">
        <v>64310</v>
      </c>
      <c r="K25502" s="2" t="s">
        <v>64311</v>
      </c>
      <c r="L25502" s="5" t="s">
        <v>64310</v>
      </c>
      <c r="M25502" s="2" t="s">
        <v>64311</v>
      </c>
      <c r="N25502" s="5" t="s">
        <v>733</v>
      </c>
      <c r="O25502" s="5" t="s">
        <v>38</v>
      </c>
      <c r="P25502" s="5" t="s">
        <v>39</v>
      </c>
      <c r="Q25502" s="5" t="s">
        <v>40</v>
      </c>
      <c r="R25502" s="5" t="s">
        <v>897</v>
      </c>
      <c r="S25502" s="5" t="s">
        <v>40</v>
      </c>
      <c r="T25502" s="5" t="s">
        <v>42</v>
      </c>
      <c r="U25502" s="2">
        <v>62.293999999999997</v>
      </c>
      <c r="V25502" s="2">
        <v>56.664999999999999</v>
      </c>
      <c r="W25502" s="2">
        <v>0.36699999999999999</v>
      </c>
      <c r="X25502" s="2">
        <v>17</v>
      </c>
      <c r="Y25502" s="2">
        <v>140.69999999999999</v>
      </c>
      <c r="Z25502" s="2">
        <v>153.6</v>
      </c>
      <c r="AA25502" s="5">
        <v>7</v>
      </c>
      <c r="AB25502" s="5" t="s">
        <v>43</v>
      </c>
      <c r="AC25502" s="5" t="s">
        <v>735</v>
      </c>
      <c r="AD25502" s="2" t="s">
        <v>81743</v>
      </c>
      <c r="AE25502" s="1"/>
    </row>
    <row r="25503" spans="1:31" ht="14.45">
      <c r="A25503" s="11"/>
      <c r="B25503" s="20"/>
      <c r="C25503" s="2" t="s">
        <v>81744</v>
      </c>
      <c r="D25503" s="14" t="s">
        <v>81745</v>
      </c>
      <c r="E25503" s="2" t="s">
        <v>81746</v>
      </c>
      <c r="F25503" s="2" t="s">
        <v>81747</v>
      </c>
      <c r="G25503" s="8">
        <v>1432</v>
      </c>
      <c r="H25503" s="5">
        <v>5</v>
      </c>
      <c r="I25503" s="5" t="s">
        <v>69</v>
      </c>
      <c r="J25503" s="5" t="s">
        <v>64310</v>
      </c>
      <c r="K25503" s="2" t="s">
        <v>64311</v>
      </c>
      <c r="L25503" s="5" t="s">
        <v>64310</v>
      </c>
      <c r="M25503" s="2" t="s">
        <v>64311</v>
      </c>
      <c r="N25503" s="5" t="s">
        <v>733</v>
      </c>
      <c r="O25503" s="5" t="s">
        <v>38</v>
      </c>
      <c r="P25503" s="5" t="s">
        <v>39</v>
      </c>
      <c r="Q25503" s="5" t="s">
        <v>40</v>
      </c>
      <c r="R25503" s="5" t="s">
        <v>897</v>
      </c>
      <c r="S25503" s="5" t="s">
        <v>40</v>
      </c>
      <c r="T25503" s="5" t="s">
        <v>42</v>
      </c>
      <c r="U25503" s="2">
        <v>73.436000000000007</v>
      </c>
      <c r="V25503" s="2">
        <v>67.807000000000002</v>
      </c>
      <c r="W25503" s="2">
        <v>0.36699999999999999</v>
      </c>
      <c r="X25503" s="2">
        <v>17</v>
      </c>
      <c r="Y25503" s="2">
        <v>140.69999999999999</v>
      </c>
      <c r="Z25503" s="2">
        <v>153.6</v>
      </c>
      <c r="AA25503" s="5">
        <v>7</v>
      </c>
      <c r="AB25503" s="5" t="s">
        <v>43</v>
      </c>
      <c r="AC25503" s="5" t="s">
        <v>735</v>
      </c>
      <c r="AD25503" s="2" t="s">
        <v>81748</v>
      </c>
      <c r="AE25503" s="1"/>
    </row>
    <row r="25504" spans="1:31" ht="14.45">
      <c r="A25504" s="11"/>
      <c r="B25504" s="20"/>
      <c r="C25504" s="2" t="s">
        <v>81749</v>
      </c>
      <c r="D25504" s="14" t="s">
        <v>81750</v>
      </c>
      <c r="E25504" s="2" t="s">
        <v>81751</v>
      </c>
      <c r="F25504" s="2" t="s">
        <v>81752</v>
      </c>
      <c r="G25504" s="8">
        <v>880</v>
      </c>
      <c r="H25504" s="5">
        <v>10</v>
      </c>
      <c r="I25504" s="5" t="s">
        <v>69</v>
      </c>
      <c r="J25504" s="5" t="s">
        <v>64310</v>
      </c>
      <c r="K25504" s="2" t="s">
        <v>64311</v>
      </c>
      <c r="L25504" s="5" t="s">
        <v>64310</v>
      </c>
      <c r="M25504" s="2" t="s">
        <v>64311</v>
      </c>
      <c r="N25504" s="5" t="s">
        <v>733</v>
      </c>
      <c r="O25504" s="5" t="s">
        <v>38</v>
      </c>
      <c r="P25504" s="5" t="s">
        <v>39</v>
      </c>
      <c r="Q25504" s="5" t="s">
        <v>40</v>
      </c>
      <c r="R25504" s="5" t="s">
        <v>897</v>
      </c>
      <c r="S25504" s="5" t="s">
        <v>40</v>
      </c>
      <c r="T25504" s="5" t="s">
        <v>42</v>
      </c>
      <c r="U25504" s="2">
        <v>28.105</v>
      </c>
      <c r="V25504" s="2">
        <v>26.032</v>
      </c>
      <c r="W25504" s="2">
        <v>0.114</v>
      </c>
      <c r="X25504" s="2">
        <v>17</v>
      </c>
      <c r="Y25504" s="2">
        <v>80.7</v>
      </c>
      <c r="Z25504" s="2">
        <v>83</v>
      </c>
      <c r="AA25504" s="5">
        <v>7</v>
      </c>
      <c r="AB25504" s="5" t="s">
        <v>43</v>
      </c>
      <c r="AC25504" s="5" t="s">
        <v>735</v>
      </c>
      <c r="AD25504" s="2" t="s">
        <v>81753</v>
      </c>
      <c r="AE25504" s="1"/>
    </row>
    <row r="25505" spans="1:31" ht="14.45">
      <c r="A25505" s="11"/>
      <c r="B25505" s="20"/>
      <c r="C25505" s="2" t="s">
        <v>81754</v>
      </c>
      <c r="D25505" s="14" t="s">
        <v>81755</v>
      </c>
      <c r="E25505" s="2" t="s">
        <v>81756</v>
      </c>
      <c r="F25505" s="2" t="s">
        <v>81757</v>
      </c>
      <c r="G25505" s="8">
        <v>819</v>
      </c>
      <c r="H25505" s="5">
        <v>5</v>
      </c>
      <c r="I25505" s="5" t="s">
        <v>69</v>
      </c>
      <c r="J25505" s="5" t="s">
        <v>64310</v>
      </c>
      <c r="K25505" s="2" t="s">
        <v>64311</v>
      </c>
      <c r="L25505" s="5" t="s">
        <v>64310</v>
      </c>
      <c r="M25505" s="2" t="s">
        <v>64311</v>
      </c>
      <c r="N25505" s="5" t="s">
        <v>733</v>
      </c>
      <c r="O25505" s="5" t="s">
        <v>38</v>
      </c>
      <c r="P25505" s="5" t="s">
        <v>39</v>
      </c>
      <c r="Q25505" s="5" t="s">
        <v>40</v>
      </c>
      <c r="R25505" s="5" t="s">
        <v>897</v>
      </c>
      <c r="S25505" s="5" t="s">
        <v>40</v>
      </c>
      <c r="T25505" s="5" t="s">
        <v>42</v>
      </c>
      <c r="U25505" s="2">
        <v>25.602</v>
      </c>
      <c r="V25505" s="2">
        <v>23.529</v>
      </c>
      <c r="W25505" s="2">
        <v>0.114</v>
      </c>
      <c r="X25505" s="2">
        <v>17</v>
      </c>
      <c r="Y25505" s="2">
        <v>80.7</v>
      </c>
      <c r="Z25505" s="2">
        <v>83</v>
      </c>
      <c r="AA25505" s="5">
        <v>7</v>
      </c>
      <c r="AB25505" s="5" t="s">
        <v>43</v>
      </c>
      <c r="AC25505" s="5" t="s">
        <v>735</v>
      </c>
      <c r="AD25505" s="2" t="s">
        <v>81758</v>
      </c>
      <c r="AE25505" s="1"/>
    </row>
    <row r="25506" spans="1:31" ht="14.45">
      <c r="A25506" s="11"/>
      <c r="B25506" s="20"/>
      <c r="C25506" s="2" t="s">
        <v>81759</v>
      </c>
      <c r="D25506" s="14" t="s">
        <v>81760</v>
      </c>
      <c r="E25506" s="2" t="s">
        <v>81761</v>
      </c>
      <c r="F25506" s="2" t="s">
        <v>81762</v>
      </c>
      <c r="G25506" s="8">
        <v>671</v>
      </c>
      <c r="H25506" s="5">
        <v>5</v>
      </c>
      <c r="I25506" s="5" t="s">
        <v>69</v>
      </c>
      <c r="J25506" s="5" t="s">
        <v>64310</v>
      </c>
      <c r="K25506" s="2" t="s">
        <v>64311</v>
      </c>
      <c r="L25506" s="5" t="s">
        <v>64310</v>
      </c>
      <c r="M25506" s="2" t="s">
        <v>64311</v>
      </c>
      <c r="N25506" s="5" t="s">
        <v>733</v>
      </c>
      <c r="O25506" s="5" t="s">
        <v>38</v>
      </c>
      <c r="P25506" s="5" t="s">
        <v>39</v>
      </c>
      <c r="Q25506" s="5" t="s">
        <v>40</v>
      </c>
      <c r="R25506" s="5" t="s">
        <v>897</v>
      </c>
      <c r="S25506" s="5" t="s">
        <v>40</v>
      </c>
      <c r="T25506" s="5" t="s">
        <v>42</v>
      </c>
      <c r="U25506" s="2">
        <v>23.446999999999999</v>
      </c>
      <c r="V25506" s="2">
        <v>21.358000000000001</v>
      </c>
      <c r="W25506" s="2">
        <v>0.114</v>
      </c>
      <c r="X25506" s="2">
        <v>17</v>
      </c>
      <c r="Y25506" s="2">
        <v>80.7</v>
      </c>
      <c r="Z25506" s="2">
        <v>83</v>
      </c>
      <c r="AA25506" s="5">
        <v>7</v>
      </c>
      <c r="AB25506" s="5" t="s">
        <v>43</v>
      </c>
      <c r="AC25506" s="5" t="s">
        <v>735</v>
      </c>
      <c r="AD25506" s="2" t="s">
        <v>81763</v>
      </c>
      <c r="AE25506" s="1"/>
    </row>
    <row r="25507" spans="1:31" ht="14.45">
      <c r="A25507" s="11"/>
      <c r="B25507" s="20"/>
      <c r="C25507" s="2" t="s">
        <v>81764</v>
      </c>
      <c r="D25507" s="14" t="s">
        <v>81765</v>
      </c>
      <c r="E25507" s="2" t="s">
        <v>81766</v>
      </c>
      <c r="F25507" s="2" t="s">
        <v>81767</v>
      </c>
      <c r="G25507" s="8">
        <v>774</v>
      </c>
      <c r="H25507" s="5">
        <v>10</v>
      </c>
      <c r="I25507" s="5" t="s">
        <v>69</v>
      </c>
      <c r="J25507" s="5" t="s">
        <v>64310</v>
      </c>
      <c r="K25507" s="2" t="s">
        <v>64311</v>
      </c>
      <c r="L25507" s="5" t="s">
        <v>64310</v>
      </c>
      <c r="M25507" s="2" t="s">
        <v>64311</v>
      </c>
      <c r="N25507" s="5" t="s">
        <v>733</v>
      </c>
      <c r="O25507" s="5" t="s">
        <v>38</v>
      </c>
      <c r="P25507" s="5" t="s">
        <v>39</v>
      </c>
      <c r="Q25507" s="5" t="s">
        <v>40</v>
      </c>
      <c r="R25507" s="5" t="s">
        <v>897</v>
      </c>
      <c r="S25507" s="5" t="s">
        <v>40</v>
      </c>
      <c r="T25507" s="5" t="s">
        <v>42</v>
      </c>
      <c r="U25507" s="2">
        <v>25.588000000000001</v>
      </c>
      <c r="V25507" s="2">
        <v>23.515000000000001</v>
      </c>
      <c r="W25507" s="2">
        <v>0.114</v>
      </c>
      <c r="X25507" s="2">
        <v>17</v>
      </c>
      <c r="Y25507" s="2">
        <v>80.7</v>
      </c>
      <c r="Z25507" s="2">
        <v>83</v>
      </c>
      <c r="AA25507" s="5">
        <v>7</v>
      </c>
      <c r="AB25507" s="5" t="s">
        <v>43</v>
      </c>
      <c r="AC25507" s="5" t="s">
        <v>735</v>
      </c>
      <c r="AD25507" s="2" t="s">
        <v>81768</v>
      </c>
      <c r="AE25507" s="1"/>
    </row>
    <row r="25508" spans="1:31" ht="14.45">
      <c r="A25508" s="11"/>
      <c r="B25508" s="20"/>
      <c r="C25508" s="2" t="s">
        <v>81769</v>
      </c>
      <c r="D25508" s="14" t="s">
        <v>81770</v>
      </c>
      <c r="E25508" s="2" t="s">
        <v>81771</v>
      </c>
      <c r="F25508" s="2" t="s">
        <v>81772</v>
      </c>
      <c r="G25508" s="8">
        <v>1287</v>
      </c>
      <c r="H25508" s="5">
        <v>10</v>
      </c>
      <c r="I25508" s="5" t="s">
        <v>69</v>
      </c>
      <c r="J25508" s="5" t="s">
        <v>64310</v>
      </c>
      <c r="K25508" s="2" t="s">
        <v>64311</v>
      </c>
      <c r="L25508" s="5" t="s">
        <v>64310</v>
      </c>
      <c r="M25508" s="2" t="s">
        <v>64311</v>
      </c>
      <c r="N25508" s="5" t="s">
        <v>733</v>
      </c>
      <c r="O25508" s="5" t="s">
        <v>38</v>
      </c>
      <c r="P25508" s="5" t="s">
        <v>39</v>
      </c>
      <c r="Q25508" s="5" t="s">
        <v>40</v>
      </c>
      <c r="R25508" s="5" t="s">
        <v>897</v>
      </c>
      <c r="S25508" s="5" t="s">
        <v>40</v>
      </c>
      <c r="T25508" s="5" t="s">
        <v>42</v>
      </c>
      <c r="U25508" s="2">
        <v>27.13</v>
      </c>
      <c r="V25508" s="2">
        <v>25.056999999999999</v>
      </c>
      <c r="W25508" s="2">
        <v>0.114</v>
      </c>
      <c r="X25508" s="2">
        <v>17</v>
      </c>
      <c r="Y25508" s="2">
        <v>80.7</v>
      </c>
      <c r="Z25508" s="2">
        <v>83</v>
      </c>
      <c r="AA25508" s="5">
        <v>7</v>
      </c>
      <c r="AB25508" s="5" t="s">
        <v>43</v>
      </c>
      <c r="AC25508" s="5" t="s">
        <v>735</v>
      </c>
      <c r="AD25508" s="2" t="s">
        <v>81773</v>
      </c>
      <c r="AE25508" s="1"/>
    </row>
    <row r="25509" spans="1:31" ht="14.45">
      <c r="A25509" s="11"/>
      <c r="B25509" s="20"/>
      <c r="C25509" s="2" t="s">
        <v>81774</v>
      </c>
      <c r="D25509" s="14" t="s">
        <v>81775</v>
      </c>
      <c r="E25509" s="2" t="s">
        <v>81776</v>
      </c>
      <c r="F25509" s="2" t="s">
        <v>81777</v>
      </c>
      <c r="G25509" s="8">
        <v>1242</v>
      </c>
      <c r="H25509" s="5">
        <v>10</v>
      </c>
      <c r="I25509" s="5" t="s">
        <v>69</v>
      </c>
      <c r="J25509" s="5" t="s">
        <v>64310</v>
      </c>
      <c r="K25509" s="2" t="s">
        <v>64311</v>
      </c>
      <c r="L25509" s="5" t="s">
        <v>64310</v>
      </c>
      <c r="M25509" s="2" t="s">
        <v>64311</v>
      </c>
      <c r="N25509" s="5" t="s">
        <v>733</v>
      </c>
      <c r="O25509" s="5" t="s">
        <v>38</v>
      </c>
      <c r="P25509" s="5" t="s">
        <v>39</v>
      </c>
      <c r="Q25509" s="5" t="s">
        <v>40</v>
      </c>
      <c r="R25509" s="5" t="s">
        <v>897</v>
      </c>
      <c r="S25509" s="5" t="s">
        <v>40</v>
      </c>
      <c r="T25509" s="5" t="s">
        <v>42</v>
      </c>
      <c r="U25509" s="2">
        <v>27.116</v>
      </c>
      <c r="V25509" s="2">
        <v>25.042999999999999</v>
      </c>
      <c r="W25509" s="2">
        <v>0.114</v>
      </c>
      <c r="X25509" s="2">
        <v>17</v>
      </c>
      <c r="Y25509" s="2">
        <v>80.7</v>
      </c>
      <c r="Z25509" s="2">
        <v>83</v>
      </c>
      <c r="AA25509" s="5">
        <v>7</v>
      </c>
      <c r="AB25509" s="5" t="s">
        <v>43</v>
      </c>
      <c r="AC25509" s="5" t="s">
        <v>735</v>
      </c>
      <c r="AD25509" s="2" t="s">
        <v>81778</v>
      </c>
      <c r="AE25509" s="1"/>
    </row>
    <row r="25510" spans="1:31" ht="14.45">
      <c r="A25510" s="11"/>
      <c r="B25510" s="20"/>
      <c r="C25510" s="2" t="s">
        <v>81779</v>
      </c>
      <c r="D25510" s="14" t="s">
        <v>81780</v>
      </c>
      <c r="E25510" s="2" t="s">
        <v>81781</v>
      </c>
      <c r="F25510" s="2" t="s">
        <v>81782</v>
      </c>
      <c r="G25510" s="8">
        <v>1202</v>
      </c>
      <c r="H25510" s="5">
        <v>10</v>
      </c>
      <c r="I25510" s="5" t="s">
        <v>69</v>
      </c>
      <c r="J25510" s="5" t="s">
        <v>64310</v>
      </c>
      <c r="K25510" s="2" t="s">
        <v>64311</v>
      </c>
      <c r="L25510" s="5" t="s">
        <v>64310</v>
      </c>
      <c r="M25510" s="2" t="s">
        <v>64311</v>
      </c>
      <c r="N25510" s="5" t="s">
        <v>733</v>
      </c>
      <c r="O25510" s="5" t="s">
        <v>38</v>
      </c>
      <c r="P25510" s="5" t="s">
        <v>39</v>
      </c>
      <c r="Q25510" s="5" t="s">
        <v>40</v>
      </c>
      <c r="R25510" s="5" t="s">
        <v>897</v>
      </c>
      <c r="S25510" s="5" t="s">
        <v>40</v>
      </c>
      <c r="T25510" s="5" t="s">
        <v>42</v>
      </c>
      <c r="U25510" s="2">
        <v>42.423000000000002</v>
      </c>
      <c r="V25510" s="2">
        <v>39.700000000000003</v>
      </c>
      <c r="W25510" s="2">
        <v>0.153</v>
      </c>
      <c r="X25510" s="2">
        <v>17</v>
      </c>
      <c r="Y25510" s="2">
        <v>80.7</v>
      </c>
      <c r="Z25510" s="2">
        <v>111.6</v>
      </c>
      <c r="AA25510" s="5">
        <v>7</v>
      </c>
      <c r="AB25510" s="5" t="s">
        <v>43</v>
      </c>
      <c r="AC25510" s="5" t="s">
        <v>735</v>
      </c>
      <c r="AD25510" s="2" t="s">
        <v>81783</v>
      </c>
      <c r="AE25510" s="1"/>
    </row>
    <row r="25511" spans="1:31" ht="14.45">
      <c r="A25511" s="11"/>
      <c r="B25511" s="20"/>
      <c r="C25511" s="2" t="s">
        <v>81784</v>
      </c>
      <c r="D25511" s="14" t="s">
        <v>81785</v>
      </c>
      <c r="E25511" s="2" t="s">
        <v>81786</v>
      </c>
      <c r="F25511" s="2" t="s">
        <v>81787</v>
      </c>
      <c r="G25511" s="8">
        <v>1106</v>
      </c>
      <c r="H25511" s="5">
        <v>5</v>
      </c>
      <c r="I25511" s="5" t="s">
        <v>69</v>
      </c>
      <c r="J25511" s="5" t="s">
        <v>64310</v>
      </c>
      <c r="K25511" s="2" t="s">
        <v>64311</v>
      </c>
      <c r="L25511" s="5" t="s">
        <v>64310</v>
      </c>
      <c r="M25511" s="2" t="s">
        <v>64311</v>
      </c>
      <c r="N25511" s="5" t="s">
        <v>733</v>
      </c>
      <c r="O25511" s="5" t="s">
        <v>38</v>
      </c>
      <c r="P25511" s="5" t="s">
        <v>39</v>
      </c>
      <c r="Q25511" s="5" t="s">
        <v>40</v>
      </c>
      <c r="R25511" s="5" t="s">
        <v>897</v>
      </c>
      <c r="S25511" s="5" t="s">
        <v>40</v>
      </c>
      <c r="T25511" s="5" t="s">
        <v>42</v>
      </c>
      <c r="U25511" s="2">
        <v>37.756999999999998</v>
      </c>
      <c r="V25511" s="2">
        <v>35.033999999999999</v>
      </c>
      <c r="W25511" s="2">
        <v>0.153</v>
      </c>
      <c r="X25511" s="2">
        <v>17</v>
      </c>
      <c r="Y25511" s="2">
        <v>80.7</v>
      </c>
      <c r="Z25511" s="2">
        <v>111.6</v>
      </c>
      <c r="AA25511" s="5">
        <v>7</v>
      </c>
      <c r="AB25511" s="5" t="s">
        <v>43</v>
      </c>
      <c r="AC25511" s="5" t="s">
        <v>735</v>
      </c>
      <c r="AD25511" s="2" t="s">
        <v>81788</v>
      </c>
      <c r="AE25511" s="1"/>
    </row>
    <row r="25512" spans="1:31" ht="14.45">
      <c r="A25512" s="11"/>
      <c r="B25512" s="20"/>
      <c r="C25512" s="2" t="s">
        <v>81789</v>
      </c>
      <c r="D25512" s="14" t="s">
        <v>81790</v>
      </c>
      <c r="E25512" s="2" t="s">
        <v>81791</v>
      </c>
      <c r="F25512" s="2" t="s">
        <v>81792</v>
      </c>
      <c r="G25512" s="8">
        <v>873</v>
      </c>
      <c r="H25512" s="5">
        <v>5</v>
      </c>
      <c r="I25512" s="5" t="s">
        <v>69</v>
      </c>
      <c r="J25512" s="5" t="s">
        <v>64310</v>
      </c>
      <c r="K25512" s="2" t="s">
        <v>64311</v>
      </c>
      <c r="L25512" s="5" t="s">
        <v>64310</v>
      </c>
      <c r="M25512" s="2" t="s">
        <v>64311</v>
      </c>
      <c r="N25512" s="5" t="s">
        <v>733</v>
      </c>
      <c r="O25512" s="5" t="s">
        <v>38</v>
      </c>
      <c r="P25512" s="5" t="s">
        <v>39</v>
      </c>
      <c r="Q25512" s="5" t="s">
        <v>40</v>
      </c>
      <c r="R25512" s="5" t="s">
        <v>897</v>
      </c>
      <c r="S25512" s="5" t="s">
        <v>40</v>
      </c>
      <c r="T25512" s="5" t="s">
        <v>42</v>
      </c>
      <c r="U25512" s="2">
        <v>33.511000000000003</v>
      </c>
      <c r="V25512" s="2">
        <v>30.771999999999998</v>
      </c>
      <c r="W25512" s="2">
        <v>0.153</v>
      </c>
      <c r="X25512" s="2">
        <v>17</v>
      </c>
      <c r="Y25512" s="2">
        <v>80.7</v>
      </c>
      <c r="Z25512" s="2">
        <v>111.6</v>
      </c>
      <c r="AA25512" s="5">
        <v>7</v>
      </c>
      <c r="AB25512" s="5" t="s">
        <v>43</v>
      </c>
      <c r="AC25512" s="5" t="s">
        <v>735</v>
      </c>
      <c r="AD25512" s="2" t="s">
        <v>81793</v>
      </c>
      <c r="AE25512" s="1"/>
    </row>
    <row r="25513" spans="1:31" ht="14.45">
      <c r="A25513" s="11"/>
      <c r="B25513" s="20"/>
      <c r="C25513" s="2" t="s">
        <v>81794</v>
      </c>
      <c r="D25513" s="14" t="s">
        <v>81795</v>
      </c>
      <c r="E25513" s="2" t="s">
        <v>81796</v>
      </c>
      <c r="F25513" s="2" t="s">
        <v>81797</v>
      </c>
      <c r="G25513" s="8">
        <v>1036</v>
      </c>
      <c r="H25513" s="5">
        <v>10</v>
      </c>
      <c r="I25513" s="5" t="s">
        <v>69</v>
      </c>
      <c r="J25513" s="5" t="s">
        <v>64310</v>
      </c>
      <c r="K25513" s="2" t="s">
        <v>64311</v>
      </c>
      <c r="L25513" s="5" t="s">
        <v>64310</v>
      </c>
      <c r="M25513" s="2" t="s">
        <v>64311</v>
      </c>
      <c r="N25513" s="5" t="s">
        <v>733</v>
      </c>
      <c r="O25513" s="5" t="s">
        <v>38</v>
      </c>
      <c r="P25513" s="5" t="s">
        <v>39</v>
      </c>
      <c r="Q25513" s="5" t="s">
        <v>40</v>
      </c>
      <c r="R25513" s="5" t="s">
        <v>897</v>
      </c>
      <c r="S25513" s="5" t="s">
        <v>40</v>
      </c>
      <c r="T25513" s="5" t="s">
        <v>42</v>
      </c>
      <c r="U25513" s="2">
        <v>37.732999999999997</v>
      </c>
      <c r="V25513" s="2">
        <v>35.01</v>
      </c>
      <c r="W25513" s="2">
        <v>0.153</v>
      </c>
      <c r="X25513" s="2">
        <v>17</v>
      </c>
      <c r="Y25513" s="2">
        <v>80.7</v>
      </c>
      <c r="Z25513" s="2">
        <v>111.6</v>
      </c>
      <c r="AA25513" s="5">
        <v>7</v>
      </c>
      <c r="AB25513" s="5" t="s">
        <v>43</v>
      </c>
      <c r="AC25513" s="5" t="s">
        <v>735</v>
      </c>
      <c r="AD25513" s="2" t="s">
        <v>81798</v>
      </c>
      <c r="AE25513" s="1"/>
    </row>
    <row r="25514" spans="1:31" ht="14.45">
      <c r="A25514" s="11"/>
      <c r="B25514" s="20"/>
      <c r="C25514" s="2" t="s">
        <v>81799</v>
      </c>
      <c r="D25514" s="14" t="s">
        <v>81800</v>
      </c>
      <c r="E25514" s="2" t="s">
        <v>81801</v>
      </c>
      <c r="F25514" s="2" t="s">
        <v>81802</v>
      </c>
      <c r="G25514" s="8">
        <v>1574</v>
      </c>
      <c r="H25514" s="5">
        <v>10</v>
      </c>
      <c r="I25514" s="5" t="s">
        <v>69</v>
      </c>
      <c r="J25514" s="5" t="s">
        <v>64310</v>
      </c>
      <c r="K25514" s="2" t="s">
        <v>64311</v>
      </c>
      <c r="L25514" s="5" t="s">
        <v>64310</v>
      </c>
      <c r="M25514" s="2" t="s">
        <v>64311</v>
      </c>
      <c r="N25514" s="5" t="s">
        <v>733</v>
      </c>
      <c r="O25514" s="5" t="s">
        <v>38</v>
      </c>
      <c r="P25514" s="5" t="s">
        <v>39</v>
      </c>
      <c r="Q25514" s="5" t="s">
        <v>40</v>
      </c>
      <c r="R25514" s="5" t="s">
        <v>897</v>
      </c>
      <c r="S25514" s="5" t="s">
        <v>40</v>
      </c>
      <c r="T25514" s="5" t="s">
        <v>42</v>
      </c>
      <c r="U25514" s="2">
        <v>40.052</v>
      </c>
      <c r="V25514" s="2">
        <v>37.329000000000001</v>
      </c>
      <c r="W25514" s="2">
        <v>0.153</v>
      </c>
      <c r="X25514" s="2">
        <v>17</v>
      </c>
      <c r="Y25514" s="2">
        <v>80.7</v>
      </c>
      <c r="Z25514" s="2">
        <v>111.6</v>
      </c>
      <c r="AA25514" s="5">
        <v>7</v>
      </c>
      <c r="AB25514" s="5" t="s">
        <v>43</v>
      </c>
      <c r="AC25514" s="5" t="s">
        <v>735</v>
      </c>
      <c r="AD25514" s="2" t="s">
        <v>81803</v>
      </c>
      <c r="AE25514" s="1"/>
    </row>
    <row r="25515" spans="1:31" ht="14.45">
      <c r="A25515" s="11"/>
      <c r="B25515" s="20"/>
      <c r="C25515" s="2" t="s">
        <v>81804</v>
      </c>
      <c r="D25515" s="14" t="s">
        <v>81805</v>
      </c>
      <c r="E25515" s="2" t="s">
        <v>81806</v>
      </c>
      <c r="F25515" s="2" t="s">
        <v>81807</v>
      </c>
      <c r="G25515" s="8">
        <v>1504</v>
      </c>
      <c r="H25515" s="5">
        <v>10</v>
      </c>
      <c r="I25515" s="5" t="s">
        <v>69</v>
      </c>
      <c r="J25515" s="5" t="s">
        <v>64310</v>
      </c>
      <c r="K25515" s="2" t="s">
        <v>64311</v>
      </c>
      <c r="L25515" s="5" t="s">
        <v>64310</v>
      </c>
      <c r="M25515" s="2" t="s">
        <v>64311</v>
      </c>
      <c r="N25515" s="5" t="s">
        <v>733</v>
      </c>
      <c r="O25515" s="5" t="s">
        <v>38</v>
      </c>
      <c r="P25515" s="5" t="s">
        <v>39</v>
      </c>
      <c r="Q25515" s="5" t="s">
        <v>40</v>
      </c>
      <c r="R25515" s="5" t="s">
        <v>897</v>
      </c>
      <c r="S25515" s="5" t="s">
        <v>40</v>
      </c>
      <c r="T25515" s="5" t="s">
        <v>42</v>
      </c>
      <c r="U25515" s="2">
        <v>40.027999999999999</v>
      </c>
      <c r="V25515" s="2">
        <v>37.305</v>
      </c>
      <c r="W25515" s="2">
        <v>0.153</v>
      </c>
      <c r="X25515" s="2">
        <v>17</v>
      </c>
      <c r="Y25515" s="2">
        <v>80.7</v>
      </c>
      <c r="Z25515" s="2">
        <v>111.6</v>
      </c>
      <c r="AA25515" s="5">
        <v>7</v>
      </c>
      <c r="AB25515" s="5" t="s">
        <v>43</v>
      </c>
      <c r="AC25515" s="5" t="s">
        <v>735</v>
      </c>
      <c r="AD25515" s="2" t="s">
        <v>81808</v>
      </c>
      <c r="AE25515" s="1"/>
    </row>
    <row r="25516" spans="1:31" ht="14.45">
      <c r="A25516" s="11"/>
      <c r="B25516" s="20"/>
      <c r="C25516" s="2" t="s">
        <v>81809</v>
      </c>
      <c r="D25516" s="14" t="s">
        <v>81810</v>
      </c>
      <c r="E25516" s="2" t="s">
        <v>81811</v>
      </c>
      <c r="F25516" s="2" t="s">
        <v>81812</v>
      </c>
      <c r="G25516" s="8">
        <v>919</v>
      </c>
      <c r="H25516" s="5">
        <v>5</v>
      </c>
      <c r="I25516" s="5" t="s">
        <v>69</v>
      </c>
      <c r="J25516" s="5" t="s">
        <v>64310</v>
      </c>
      <c r="K25516" s="2" t="s">
        <v>64311</v>
      </c>
      <c r="L25516" s="5" t="s">
        <v>64310</v>
      </c>
      <c r="M25516" s="2" t="s">
        <v>64311</v>
      </c>
      <c r="N25516" s="5" t="s">
        <v>733</v>
      </c>
      <c r="O25516" s="5" t="s">
        <v>38</v>
      </c>
      <c r="P25516" s="5" t="s">
        <v>39</v>
      </c>
      <c r="Q25516" s="5" t="s">
        <v>40</v>
      </c>
      <c r="R25516" s="5" t="s">
        <v>897</v>
      </c>
      <c r="S25516" s="5" t="s">
        <v>40</v>
      </c>
      <c r="T25516" s="5" t="s">
        <v>42</v>
      </c>
      <c r="U25516" s="2">
        <v>40.045000000000002</v>
      </c>
      <c r="V25516" s="2">
        <v>36.314</v>
      </c>
      <c r="W25516" s="2">
        <v>0.187</v>
      </c>
      <c r="X25516" s="2">
        <v>17</v>
      </c>
      <c r="Y25516" s="2">
        <v>88.7</v>
      </c>
      <c r="Z25516" s="2">
        <v>131.6</v>
      </c>
      <c r="AA25516" s="5">
        <v>7</v>
      </c>
      <c r="AB25516" s="5" t="s">
        <v>43</v>
      </c>
      <c r="AC25516" s="5" t="s">
        <v>735</v>
      </c>
      <c r="AD25516" s="2" t="s">
        <v>81813</v>
      </c>
      <c r="AE25516" s="1"/>
    </row>
    <row r="25517" spans="1:31" ht="14.45">
      <c r="A25517" s="11"/>
      <c r="B25517" s="20"/>
      <c r="C25517" s="2" t="s">
        <v>81814</v>
      </c>
      <c r="D25517" s="14" t="s">
        <v>81815</v>
      </c>
      <c r="E25517" s="2" t="s">
        <v>81816</v>
      </c>
      <c r="F25517" s="2" t="s">
        <v>81817</v>
      </c>
      <c r="G25517" s="8">
        <v>1117</v>
      </c>
      <c r="H25517" s="5">
        <v>5</v>
      </c>
      <c r="I25517" s="5" t="s">
        <v>69</v>
      </c>
      <c r="J25517" s="5" t="s">
        <v>64310</v>
      </c>
      <c r="K25517" s="2" t="s">
        <v>64311</v>
      </c>
      <c r="L25517" s="5" t="s">
        <v>64310</v>
      </c>
      <c r="M25517" s="2" t="s">
        <v>64311</v>
      </c>
      <c r="N25517" s="5" t="s">
        <v>733</v>
      </c>
      <c r="O25517" s="5" t="s">
        <v>38</v>
      </c>
      <c r="P25517" s="5" t="s">
        <v>39</v>
      </c>
      <c r="Q25517" s="5" t="s">
        <v>40</v>
      </c>
      <c r="R25517" s="5" t="s">
        <v>897</v>
      </c>
      <c r="S25517" s="5" t="s">
        <v>40</v>
      </c>
      <c r="T25517" s="5" t="s">
        <v>42</v>
      </c>
      <c r="U25517" s="2">
        <v>45.186999999999998</v>
      </c>
      <c r="V25517" s="2">
        <v>41.472000000000001</v>
      </c>
      <c r="W25517" s="2">
        <v>0.19800000000000001</v>
      </c>
      <c r="X25517" s="2">
        <v>17</v>
      </c>
      <c r="Y25517" s="2">
        <v>88.7</v>
      </c>
      <c r="Z25517" s="2">
        <v>131.6</v>
      </c>
      <c r="AA25517" s="5">
        <v>7</v>
      </c>
      <c r="AB25517" s="5" t="s">
        <v>43</v>
      </c>
      <c r="AC25517" s="5" t="s">
        <v>735</v>
      </c>
      <c r="AD25517" s="2" t="s">
        <v>81818</v>
      </c>
      <c r="AE25517" s="1"/>
    </row>
    <row r="25518" spans="1:31" ht="14.45">
      <c r="A25518" s="11"/>
      <c r="B25518" s="20"/>
      <c r="C25518" s="2" t="s">
        <v>81819</v>
      </c>
      <c r="D25518" s="14" t="s">
        <v>81820</v>
      </c>
      <c r="E25518" s="2" t="s">
        <v>81821</v>
      </c>
      <c r="F25518" s="2" t="s">
        <v>81822</v>
      </c>
      <c r="G25518" s="8">
        <v>974</v>
      </c>
      <c r="H25518" s="5">
        <v>5</v>
      </c>
      <c r="I25518" s="5" t="s">
        <v>69</v>
      </c>
      <c r="J25518" s="5" t="s">
        <v>64310</v>
      </c>
      <c r="K25518" s="2" t="s">
        <v>64311</v>
      </c>
      <c r="L25518" s="5" t="s">
        <v>64310</v>
      </c>
      <c r="M25518" s="2" t="s">
        <v>64311</v>
      </c>
      <c r="N25518" s="5" t="s">
        <v>733</v>
      </c>
      <c r="O25518" s="5" t="s">
        <v>38</v>
      </c>
      <c r="P25518" s="5" t="s">
        <v>39</v>
      </c>
      <c r="Q25518" s="5" t="s">
        <v>40</v>
      </c>
      <c r="R25518" s="5" t="s">
        <v>897</v>
      </c>
      <c r="S25518" s="5" t="s">
        <v>40</v>
      </c>
      <c r="T25518" s="5" t="s">
        <v>42</v>
      </c>
      <c r="U25518" s="2">
        <v>46.526000000000003</v>
      </c>
      <c r="V25518" s="2">
        <v>42.223999999999997</v>
      </c>
      <c r="W25518" s="2">
        <v>0.221</v>
      </c>
      <c r="X25518" s="2">
        <v>17</v>
      </c>
      <c r="Y25518" s="2">
        <v>88.7</v>
      </c>
      <c r="Z25518" s="2">
        <v>153.6</v>
      </c>
      <c r="AA25518" s="5">
        <v>7</v>
      </c>
      <c r="AB25518" s="5" t="s">
        <v>43</v>
      </c>
      <c r="AC25518" s="5" t="s">
        <v>735</v>
      </c>
      <c r="AD25518" s="2" t="s">
        <v>81823</v>
      </c>
      <c r="AE25518" s="1"/>
    </row>
    <row r="25519" spans="1:31" ht="14.45">
      <c r="A25519" s="11"/>
      <c r="B25519" s="20"/>
      <c r="C25519" s="2" t="s">
        <v>81824</v>
      </c>
      <c r="D25519" s="14" t="s">
        <v>81825</v>
      </c>
      <c r="E25519" s="2" t="s">
        <v>81826</v>
      </c>
      <c r="F25519" s="2" t="s">
        <v>81827</v>
      </c>
      <c r="G25519" s="8">
        <v>1210</v>
      </c>
      <c r="H25519" s="5">
        <v>5</v>
      </c>
      <c r="I25519" s="5" t="s">
        <v>69</v>
      </c>
      <c r="J25519" s="5" t="s">
        <v>64310</v>
      </c>
      <c r="K25519" s="2" t="s">
        <v>64311</v>
      </c>
      <c r="L25519" s="5" t="s">
        <v>64310</v>
      </c>
      <c r="M25519" s="2" t="s">
        <v>64311</v>
      </c>
      <c r="N25519" s="5" t="s">
        <v>733</v>
      </c>
      <c r="O25519" s="5" t="s">
        <v>38</v>
      </c>
      <c r="P25519" s="5" t="s">
        <v>39</v>
      </c>
      <c r="Q25519" s="5" t="s">
        <v>40</v>
      </c>
      <c r="R25519" s="5" t="s">
        <v>897</v>
      </c>
      <c r="S25519" s="5" t="s">
        <v>40</v>
      </c>
      <c r="T25519" s="5" t="s">
        <v>42</v>
      </c>
      <c r="U25519" s="2">
        <v>52.76</v>
      </c>
      <c r="V25519" s="2">
        <v>48.473999999999997</v>
      </c>
      <c r="W25519" s="2">
        <v>0.23200000000000001</v>
      </c>
      <c r="X25519" s="2">
        <v>17</v>
      </c>
      <c r="Y25519" s="2">
        <v>88.7</v>
      </c>
      <c r="Z25519" s="2">
        <v>153.6</v>
      </c>
      <c r="AA25519" s="5">
        <v>7</v>
      </c>
      <c r="AB25519" s="5" t="s">
        <v>43</v>
      </c>
      <c r="AC25519" s="5" t="s">
        <v>735</v>
      </c>
      <c r="AD25519" s="2" t="s">
        <v>81828</v>
      </c>
      <c r="AE25519" s="1"/>
    </row>
    <row r="25520" spans="1:31" ht="14.45">
      <c r="A25520" s="11"/>
      <c r="B25520" s="20"/>
      <c r="C25520" s="2" t="s">
        <v>81829</v>
      </c>
      <c r="D25520" s="14" t="s">
        <v>81830</v>
      </c>
      <c r="E25520" s="2" t="s">
        <v>81831</v>
      </c>
      <c r="F25520" s="2" t="s">
        <v>81832</v>
      </c>
      <c r="G25520" s="8">
        <v>1030</v>
      </c>
      <c r="H25520" s="5">
        <v>10</v>
      </c>
      <c r="I25520" s="5" t="s">
        <v>69</v>
      </c>
      <c r="J25520" s="5" t="s">
        <v>64310</v>
      </c>
      <c r="K25520" s="2" t="s">
        <v>64311</v>
      </c>
      <c r="L25520" s="5" t="s">
        <v>64310</v>
      </c>
      <c r="M25520" s="2" t="s">
        <v>64311</v>
      </c>
      <c r="N25520" s="5" t="s">
        <v>733</v>
      </c>
      <c r="O25520" s="5" t="s">
        <v>38</v>
      </c>
      <c r="P25520" s="5" t="s">
        <v>39</v>
      </c>
      <c r="Q25520" s="5" t="s">
        <v>40</v>
      </c>
      <c r="R25520" s="5" t="s">
        <v>897</v>
      </c>
      <c r="S25520" s="5" t="s">
        <v>40</v>
      </c>
      <c r="T25520" s="5" t="s">
        <v>42</v>
      </c>
      <c r="U25520" s="2">
        <v>34.610999999999997</v>
      </c>
      <c r="V25520" s="2">
        <v>30.672000000000001</v>
      </c>
      <c r="W25520" s="2">
        <v>0.14799999999999999</v>
      </c>
      <c r="X25520" s="2">
        <v>17</v>
      </c>
      <c r="Y25520" s="2">
        <v>104.9</v>
      </c>
      <c r="Z25520" s="2">
        <v>83</v>
      </c>
      <c r="AA25520" s="5">
        <v>7</v>
      </c>
      <c r="AB25520" s="5" t="s">
        <v>43</v>
      </c>
      <c r="AC25520" s="5" t="s">
        <v>735</v>
      </c>
      <c r="AD25520" s="2" t="s">
        <v>81833</v>
      </c>
      <c r="AE25520" s="1"/>
    </row>
    <row r="25521" spans="1:31" ht="14.45">
      <c r="A25521" s="11"/>
      <c r="B25521" s="20"/>
      <c r="C25521" s="2" t="s">
        <v>81834</v>
      </c>
      <c r="D25521" s="14" t="s">
        <v>81835</v>
      </c>
      <c r="E25521" s="2" t="s">
        <v>81836</v>
      </c>
      <c r="F25521" s="2" t="s">
        <v>81837</v>
      </c>
      <c r="G25521" s="8">
        <v>958</v>
      </c>
      <c r="H25521" s="5">
        <v>5</v>
      </c>
      <c r="I25521" s="5" t="s">
        <v>69</v>
      </c>
      <c r="J25521" s="5" t="s">
        <v>64310</v>
      </c>
      <c r="K25521" s="2" t="s">
        <v>64311</v>
      </c>
      <c r="L25521" s="5" t="s">
        <v>64310</v>
      </c>
      <c r="M25521" s="2" t="s">
        <v>64311</v>
      </c>
      <c r="N25521" s="5" t="s">
        <v>733</v>
      </c>
      <c r="O25521" s="5" t="s">
        <v>38</v>
      </c>
      <c r="P25521" s="5" t="s">
        <v>39</v>
      </c>
      <c r="Q25521" s="5" t="s">
        <v>40</v>
      </c>
      <c r="R25521" s="5" t="s">
        <v>897</v>
      </c>
      <c r="S25521" s="5" t="s">
        <v>40</v>
      </c>
      <c r="T25521" s="5" t="s">
        <v>42</v>
      </c>
      <c r="U25521" s="2">
        <v>31.446999999999999</v>
      </c>
      <c r="V25521" s="2">
        <v>27.507999999999999</v>
      </c>
      <c r="W25521" s="2">
        <v>0.14799999999999999</v>
      </c>
      <c r="X25521" s="2">
        <v>17</v>
      </c>
      <c r="Y25521" s="2">
        <v>104.9</v>
      </c>
      <c r="Z25521" s="2">
        <v>83</v>
      </c>
      <c r="AA25521" s="5">
        <v>7</v>
      </c>
      <c r="AB25521" s="5" t="s">
        <v>43</v>
      </c>
      <c r="AC25521" s="5" t="s">
        <v>735</v>
      </c>
      <c r="AD25521" s="2" t="s">
        <v>81838</v>
      </c>
      <c r="AE25521" s="1"/>
    </row>
    <row r="25522" spans="1:31" ht="14.45">
      <c r="A25522" s="11"/>
      <c r="B25522" s="20"/>
      <c r="C25522" s="2" t="s">
        <v>81839</v>
      </c>
      <c r="D25522" s="14" t="s">
        <v>81840</v>
      </c>
      <c r="E25522" s="2" t="s">
        <v>81841</v>
      </c>
      <c r="F25522" s="2" t="s">
        <v>81842</v>
      </c>
      <c r="G25522" s="8">
        <v>781</v>
      </c>
      <c r="H25522" s="5">
        <v>5</v>
      </c>
      <c r="I25522" s="5" t="s">
        <v>69</v>
      </c>
      <c r="J25522" s="5" t="s">
        <v>64310</v>
      </c>
      <c r="K25522" s="2" t="s">
        <v>64311</v>
      </c>
      <c r="L25522" s="5" t="s">
        <v>64310</v>
      </c>
      <c r="M25522" s="2" t="s">
        <v>64311</v>
      </c>
      <c r="N25522" s="5" t="s">
        <v>733</v>
      </c>
      <c r="O25522" s="5" t="s">
        <v>38</v>
      </c>
      <c r="P25522" s="5" t="s">
        <v>39</v>
      </c>
      <c r="Q25522" s="5" t="s">
        <v>40</v>
      </c>
      <c r="R25522" s="5" t="s">
        <v>897</v>
      </c>
      <c r="S25522" s="5" t="s">
        <v>40</v>
      </c>
      <c r="T25522" s="5" t="s">
        <v>42</v>
      </c>
      <c r="U25522" s="2">
        <v>28.734000000000002</v>
      </c>
      <c r="V25522" s="2">
        <v>24.771000000000001</v>
      </c>
      <c r="W25522" s="2">
        <v>0.14799999999999999</v>
      </c>
      <c r="X25522" s="2">
        <v>17</v>
      </c>
      <c r="Y25522" s="2">
        <v>104.9</v>
      </c>
      <c r="Z25522" s="2">
        <v>83</v>
      </c>
      <c r="AA25522" s="5">
        <v>7</v>
      </c>
      <c r="AB25522" s="5" t="s">
        <v>43</v>
      </c>
      <c r="AC25522" s="5" t="s">
        <v>735</v>
      </c>
      <c r="AD25522" s="2" t="s">
        <v>81843</v>
      </c>
      <c r="AE25522" s="1"/>
    </row>
    <row r="25523" spans="1:31" ht="14.45">
      <c r="A25523" s="11"/>
      <c r="B25523" s="20"/>
      <c r="C25523" s="2" t="s">
        <v>81844</v>
      </c>
      <c r="D25523" s="14" t="s">
        <v>81845</v>
      </c>
      <c r="E25523" s="2" t="s">
        <v>81846</v>
      </c>
      <c r="F25523" s="2" t="s">
        <v>81847</v>
      </c>
      <c r="G25523" s="8">
        <v>904</v>
      </c>
      <c r="H25523" s="5">
        <v>10</v>
      </c>
      <c r="I25523" s="5" t="s">
        <v>69</v>
      </c>
      <c r="J25523" s="5" t="s">
        <v>64310</v>
      </c>
      <c r="K25523" s="2" t="s">
        <v>64311</v>
      </c>
      <c r="L25523" s="5" t="s">
        <v>64310</v>
      </c>
      <c r="M25523" s="2" t="s">
        <v>64311</v>
      </c>
      <c r="N25523" s="5" t="s">
        <v>733</v>
      </c>
      <c r="O25523" s="5" t="s">
        <v>38</v>
      </c>
      <c r="P25523" s="5" t="s">
        <v>39</v>
      </c>
      <c r="Q25523" s="5" t="s">
        <v>40</v>
      </c>
      <c r="R25523" s="5" t="s">
        <v>897</v>
      </c>
      <c r="S25523" s="5" t="s">
        <v>40</v>
      </c>
      <c r="T25523" s="5" t="s">
        <v>42</v>
      </c>
      <c r="U25523" s="2">
        <v>31.43</v>
      </c>
      <c r="V25523" s="2">
        <v>27.491</v>
      </c>
      <c r="W25523" s="2">
        <v>0.14799999999999999</v>
      </c>
      <c r="X25523" s="2">
        <v>17</v>
      </c>
      <c r="Y25523" s="2">
        <v>104.9</v>
      </c>
      <c r="Z25523" s="2">
        <v>83</v>
      </c>
      <c r="AA25523" s="5">
        <v>7</v>
      </c>
      <c r="AB25523" s="5" t="s">
        <v>43</v>
      </c>
      <c r="AC25523" s="5" t="s">
        <v>735</v>
      </c>
      <c r="AD25523" s="2" t="s">
        <v>81848</v>
      </c>
      <c r="AE25523" s="1"/>
    </row>
    <row r="25524" spans="1:31" ht="14.45">
      <c r="A25524" s="11"/>
      <c r="B25524" s="20"/>
      <c r="C25524" s="2" t="s">
        <v>81849</v>
      </c>
      <c r="D25524" s="14" t="s">
        <v>81850</v>
      </c>
      <c r="E25524" s="2" t="s">
        <v>81851</v>
      </c>
      <c r="F25524" s="2" t="s">
        <v>81852</v>
      </c>
      <c r="G25524" s="8">
        <v>1372</v>
      </c>
      <c r="H25524" s="5">
        <v>10</v>
      </c>
      <c r="I25524" s="5" t="s">
        <v>69</v>
      </c>
      <c r="J25524" s="5" t="s">
        <v>64310</v>
      </c>
      <c r="K25524" s="2" t="s">
        <v>64311</v>
      </c>
      <c r="L25524" s="5" t="s">
        <v>64310</v>
      </c>
      <c r="M25524" s="2" t="s">
        <v>64311</v>
      </c>
      <c r="N25524" s="5" t="s">
        <v>733</v>
      </c>
      <c r="O25524" s="5" t="s">
        <v>38</v>
      </c>
      <c r="P25524" s="5" t="s">
        <v>39</v>
      </c>
      <c r="Q25524" s="5" t="s">
        <v>40</v>
      </c>
      <c r="R25524" s="5" t="s">
        <v>897</v>
      </c>
      <c r="S25524" s="5" t="s">
        <v>40</v>
      </c>
      <c r="T25524" s="5" t="s">
        <v>42</v>
      </c>
      <c r="U25524" s="2">
        <v>33.274000000000001</v>
      </c>
      <c r="V25524" s="2">
        <v>29.335000000000001</v>
      </c>
      <c r="W25524" s="2">
        <v>0.14799999999999999</v>
      </c>
      <c r="X25524" s="2">
        <v>17</v>
      </c>
      <c r="Y25524" s="2">
        <v>104.9</v>
      </c>
      <c r="Z25524" s="2">
        <v>83</v>
      </c>
      <c r="AA25524" s="5">
        <v>7</v>
      </c>
      <c r="AB25524" s="5" t="s">
        <v>43</v>
      </c>
      <c r="AC25524" s="5" t="s">
        <v>735</v>
      </c>
      <c r="AD25524" s="2" t="s">
        <v>81853</v>
      </c>
      <c r="AE25524" s="1"/>
    </row>
    <row r="25525" spans="1:31" ht="14.45">
      <c r="A25525" s="11"/>
      <c r="B25525" s="20"/>
      <c r="C25525" s="2" t="s">
        <v>81854</v>
      </c>
      <c r="D25525" s="14" t="s">
        <v>81855</v>
      </c>
      <c r="E25525" s="2" t="s">
        <v>81856</v>
      </c>
      <c r="F25525" s="2" t="s">
        <v>81857</v>
      </c>
      <c r="G25525" s="8">
        <v>1323</v>
      </c>
      <c r="H25525" s="5">
        <v>10</v>
      </c>
      <c r="I25525" s="5" t="s">
        <v>69</v>
      </c>
      <c r="J25525" s="5" t="s">
        <v>64310</v>
      </c>
      <c r="K25525" s="2" t="s">
        <v>64311</v>
      </c>
      <c r="L25525" s="5" t="s">
        <v>64310</v>
      </c>
      <c r="M25525" s="2" t="s">
        <v>64311</v>
      </c>
      <c r="N25525" s="5" t="s">
        <v>733</v>
      </c>
      <c r="O25525" s="5" t="s">
        <v>38</v>
      </c>
      <c r="P25525" s="5" t="s">
        <v>39</v>
      </c>
      <c r="Q25525" s="5" t="s">
        <v>40</v>
      </c>
      <c r="R25525" s="5" t="s">
        <v>897</v>
      </c>
      <c r="S25525" s="5" t="s">
        <v>40</v>
      </c>
      <c r="T25525" s="5" t="s">
        <v>42</v>
      </c>
      <c r="U25525" s="2">
        <v>50.508000000000003</v>
      </c>
      <c r="V25525" s="2">
        <v>46.765999999999998</v>
      </c>
      <c r="W25525" s="2">
        <v>0.19900000000000001</v>
      </c>
      <c r="X25525" s="2">
        <v>17</v>
      </c>
      <c r="Y25525" s="2">
        <v>104.9</v>
      </c>
      <c r="Z25525" s="2">
        <v>111.6</v>
      </c>
      <c r="AA25525" s="5">
        <v>7</v>
      </c>
      <c r="AB25525" s="5" t="s">
        <v>43</v>
      </c>
      <c r="AC25525" s="5" t="s">
        <v>735</v>
      </c>
      <c r="AD25525" s="2" t="s">
        <v>81858</v>
      </c>
      <c r="AE25525" s="1"/>
    </row>
    <row r="25526" spans="1:31" ht="14.45">
      <c r="A25526" s="11"/>
      <c r="B25526" s="20"/>
      <c r="C25526" s="2" t="s">
        <v>81859</v>
      </c>
      <c r="D25526" s="14" t="s">
        <v>81860</v>
      </c>
      <c r="E25526" s="2" t="s">
        <v>81861</v>
      </c>
      <c r="F25526" s="2" t="s">
        <v>81862</v>
      </c>
      <c r="G25526" s="8">
        <v>1209</v>
      </c>
      <c r="H25526" s="5">
        <v>5</v>
      </c>
      <c r="I25526" s="5" t="s">
        <v>69</v>
      </c>
      <c r="J25526" s="5" t="s">
        <v>64310</v>
      </c>
      <c r="K25526" s="2" t="s">
        <v>64311</v>
      </c>
      <c r="L25526" s="5" t="s">
        <v>64310</v>
      </c>
      <c r="M25526" s="2" t="s">
        <v>64311</v>
      </c>
      <c r="N25526" s="5" t="s">
        <v>733</v>
      </c>
      <c r="O25526" s="5" t="s">
        <v>38</v>
      </c>
      <c r="P25526" s="5" t="s">
        <v>39</v>
      </c>
      <c r="Q25526" s="5" t="s">
        <v>40</v>
      </c>
      <c r="R25526" s="5" t="s">
        <v>897</v>
      </c>
      <c r="S25526" s="5" t="s">
        <v>40</v>
      </c>
      <c r="T25526" s="5" t="s">
        <v>42</v>
      </c>
      <c r="U25526" s="2">
        <v>44.603000000000002</v>
      </c>
      <c r="V25526" s="2">
        <v>40.860999999999997</v>
      </c>
      <c r="W25526" s="2">
        <v>0.19900000000000001</v>
      </c>
      <c r="X25526" s="2">
        <v>17</v>
      </c>
      <c r="Y25526" s="2">
        <v>104.9</v>
      </c>
      <c r="Z25526" s="2">
        <v>111.6</v>
      </c>
      <c r="AA25526" s="5">
        <v>7</v>
      </c>
      <c r="AB25526" s="5" t="s">
        <v>43</v>
      </c>
      <c r="AC25526" s="5" t="s">
        <v>735</v>
      </c>
      <c r="AD25526" s="2" t="s">
        <v>81863</v>
      </c>
      <c r="AE25526" s="1"/>
    </row>
    <row r="25527" spans="1:31" ht="14.45">
      <c r="A25527" s="11"/>
      <c r="B25527" s="20"/>
      <c r="C25527" s="2" t="s">
        <v>81864</v>
      </c>
      <c r="D25527" s="14" t="s">
        <v>81865</v>
      </c>
      <c r="E25527" s="2" t="s">
        <v>81866</v>
      </c>
      <c r="F25527" s="2" t="s">
        <v>81867</v>
      </c>
      <c r="G25527" s="8">
        <v>928</v>
      </c>
      <c r="H25527" s="5">
        <v>5</v>
      </c>
      <c r="I25527" s="5" t="s">
        <v>69</v>
      </c>
      <c r="J25527" s="5" t="s">
        <v>64310</v>
      </c>
      <c r="K25527" s="2" t="s">
        <v>64311</v>
      </c>
      <c r="L25527" s="5" t="s">
        <v>64310</v>
      </c>
      <c r="M25527" s="2" t="s">
        <v>64311</v>
      </c>
      <c r="N25527" s="5" t="s">
        <v>733</v>
      </c>
      <c r="O25527" s="5" t="s">
        <v>38</v>
      </c>
      <c r="P25527" s="5" t="s">
        <v>39</v>
      </c>
      <c r="Q25527" s="5" t="s">
        <v>40</v>
      </c>
      <c r="R25527" s="5" t="s">
        <v>897</v>
      </c>
      <c r="S25527" s="5" t="s">
        <v>40</v>
      </c>
      <c r="T25527" s="5" t="s">
        <v>42</v>
      </c>
      <c r="U25527" s="2">
        <v>39.390999999999998</v>
      </c>
      <c r="V25527" s="2">
        <v>35.625</v>
      </c>
      <c r="W25527" s="2">
        <v>0.19900000000000001</v>
      </c>
      <c r="X25527" s="2">
        <v>17</v>
      </c>
      <c r="Y25527" s="2">
        <v>104.9</v>
      </c>
      <c r="Z25527" s="2">
        <v>111.6</v>
      </c>
      <c r="AA25527" s="5">
        <v>7</v>
      </c>
      <c r="AB25527" s="5" t="s">
        <v>43</v>
      </c>
      <c r="AC25527" s="5" t="s">
        <v>735</v>
      </c>
      <c r="AD25527" s="2" t="s">
        <v>81868</v>
      </c>
      <c r="AE25527" s="1"/>
    </row>
    <row r="25528" spans="1:31" ht="14.45">
      <c r="A25528" s="11"/>
      <c r="B25528" s="20"/>
      <c r="C25528" s="2" t="s">
        <v>81869</v>
      </c>
      <c r="D25528" s="14" t="s">
        <v>81870</v>
      </c>
      <c r="E25528" s="2" t="s">
        <v>81871</v>
      </c>
      <c r="F25528" s="2" t="s">
        <v>81872</v>
      </c>
      <c r="G25528" s="8">
        <v>1124</v>
      </c>
      <c r="H25528" s="5">
        <v>10</v>
      </c>
      <c r="I25528" s="5" t="s">
        <v>69</v>
      </c>
      <c r="J25528" s="5" t="s">
        <v>64310</v>
      </c>
      <c r="K25528" s="2" t="s">
        <v>64311</v>
      </c>
      <c r="L25528" s="5" t="s">
        <v>64310</v>
      </c>
      <c r="M25528" s="2" t="s">
        <v>64311</v>
      </c>
      <c r="N25528" s="5" t="s">
        <v>733</v>
      </c>
      <c r="O25528" s="5" t="s">
        <v>38</v>
      </c>
      <c r="P25528" s="5" t="s">
        <v>39</v>
      </c>
      <c r="Q25528" s="5" t="s">
        <v>40</v>
      </c>
      <c r="R25528" s="5" t="s">
        <v>897</v>
      </c>
      <c r="S25528" s="5" t="s">
        <v>40</v>
      </c>
      <c r="T25528" s="5" t="s">
        <v>42</v>
      </c>
      <c r="U25528" s="2">
        <v>44.572000000000003</v>
      </c>
      <c r="V25528" s="2">
        <v>40.83</v>
      </c>
      <c r="W25528" s="2">
        <v>0.19900000000000001</v>
      </c>
      <c r="X25528" s="2">
        <v>17</v>
      </c>
      <c r="Y25528" s="2">
        <v>104.9</v>
      </c>
      <c r="Z25528" s="2">
        <v>111.6</v>
      </c>
      <c r="AA25528" s="5">
        <v>7</v>
      </c>
      <c r="AB25528" s="5" t="s">
        <v>43</v>
      </c>
      <c r="AC25528" s="5" t="s">
        <v>735</v>
      </c>
      <c r="AD25528" s="2" t="s">
        <v>81873</v>
      </c>
      <c r="AE25528" s="1"/>
    </row>
    <row r="25529" spans="1:31" ht="14.45">
      <c r="A25529" s="11"/>
      <c r="B25529" s="20"/>
      <c r="C25529" s="2" t="s">
        <v>81874</v>
      </c>
      <c r="D25529" s="14" t="s">
        <v>81875</v>
      </c>
      <c r="E25529" s="2" t="s">
        <v>81876</v>
      </c>
      <c r="F25529" s="2" t="s">
        <v>81877</v>
      </c>
      <c r="G25529" s="8">
        <v>1677</v>
      </c>
      <c r="H25529" s="5">
        <v>10</v>
      </c>
      <c r="I25529" s="5" t="s">
        <v>69</v>
      </c>
      <c r="J25529" s="5" t="s">
        <v>64310</v>
      </c>
      <c r="K25529" s="2" t="s">
        <v>64311</v>
      </c>
      <c r="L25529" s="5" t="s">
        <v>64310</v>
      </c>
      <c r="M25529" s="2" t="s">
        <v>64311</v>
      </c>
      <c r="N25529" s="5" t="s">
        <v>733</v>
      </c>
      <c r="O25529" s="5" t="s">
        <v>38</v>
      </c>
      <c r="P25529" s="5" t="s">
        <v>39</v>
      </c>
      <c r="Q25529" s="5" t="s">
        <v>40</v>
      </c>
      <c r="R25529" s="5" t="s">
        <v>897</v>
      </c>
      <c r="S25529" s="5" t="s">
        <v>40</v>
      </c>
      <c r="T25529" s="5" t="s">
        <v>42</v>
      </c>
      <c r="U25529" s="2">
        <v>47.256</v>
      </c>
      <c r="V25529" s="2">
        <v>43.514000000000003</v>
      </c>
      <c r="W25529" s="2">
        <v>0.19900000000000001</v>
      </c>
      <c r="X25529" s="2">
        <v>17</v>
      </c>
      <c r="Y25529" s="2">
        <v>104.9</v>
      </c>
      <c r="Z25529" s="2">
        <v>111.6</v>
      </c>
      <c r="AA25529" s="5">
        <v>7</v>
      </c>
      <c r="AB25529" s="5" t="s">
        <v>43</v>
      </c>
      <c r="AC25529" s="5" t="s">
        <v>735</v>
      </c>
      <c r="AD25529" s="2" t="s">
        <v>81878</v>
      </c>
      <c r="AE25529" s="1"/>
    </row>
    <row r="25530" spans="1:31" ht="14.45">
      <c r="A25530" s="11"/>
      <c r="B25530" s="20"/>
      <c r="C25530" s="2" t="s">
        <v>81879</v>
      </c>
      <c r="D25530" s="14" t="s">
        <v>81880</v>
      </c>
      <c r="E25530" s="2" t="s">
        <v>81881</v>
      </c>
      <c r="F25530" s="2" t="s">
        <v>81882</v>
      </c>
      <c r="G25530" s="8">
        <v>1592</v>
      </c>
      <c r="H25530" s="5">
        <v>10</v>
      </c>
      <c r="I25530" s="5" t="s">
        <v>69</v>
      </c>
      <c r="J25530" s="5" t="s">
        <v>64310</v>
      </c>
      <c r="K25530" s="2" t="s">
        <v>64311</v>
      </c>
      <c r="L25530" s="5" t="s">
        <v>64310</v>
      </c>
      <c r="M25530" s="2" t="s">
        <v>64311</v>
      </c>
      <c r="N25530" s="5" t="s">
        <v>733</v>
      </c>
      <c r="O25530" s="5" t="s">
        <v>38</v>
      </c>
      <c r="P25530" s="5" t="s">
        <v>39</v>
      </c>
      <c r="Q25530" s="5" t="s">
        <v>40</v>
      </c>
      <c r="R25530" s="5" t="s">
        <v>897</v>
      </c>
      <c r="S25530" s="5" t="s">
        <v>40</v>
      </c>
      <c r="T25530" s="5" t="s">
        <v>42</v>
      </c>
      <c r="U25530" s="2">
        <v>47.225000000000001</v>
      </c>
      <c r="V25530" s="2">
        <v>43.482999999999997</v>
      </c>
      <c r="W25530" s="2">
        <v>0.19900000000000001</v>
      </c>
      <c r="X25530" s="2">
        <v>17</v>
      </c>
      <c r="Y25530" s="2">
        <v>104.9</v>
      </c>
      <c r="Z25530" s="2">
        <v>111.6</v>
      </c>
      <c r="AA25530" s="5">
        <v>7</v>
      </c>
      <c r="AB25530" s="5" t="s">
        <v>43</v>
      </c>
      <c r="AC25530" s="5" t="s">
        <v>735</v>
      </c>
      <c r="AD25530" s="2" t="s">
        <v>81883</v>
      </c>
      <c r="AE25530" s="1"/>
    </row>
    <row r="25531" spans="1:31" ht="14.45">
      <c r="A25531" s="11"/>
      <c r="B25531" s="20"/>
      <c r="C25531" s="2" t="s">
        <v>81884</v>
      </c>
      <c r="D25531" s="14" t="s">
        <v>81885</v>
      </c>
      <c r="E25531" s="2" t="s">
        <v>81886</v>
      </c>
      <c r="F25531" s="2" t="s">
        <v>81887</v>
      </c>
      <c r="G25531" s="8">
        <v>993</v>
      </c>
      <c r="H25531" s="5">
        <v>5</v>
      </c>
      <c r="I25531" s="5" t="s">
        <v>69</v>
      </c>
      <c r="J25531" s="5" t="s">
        <v>64310</v>
      </c>
      <c r="K25531" s="2" t="s">
        <v>64311</v>
      </c>
      <c r="L25531" s="5" t="s">
        <v>64310</v>
      </c>
      <c r="M25531" s="2" t="s">
        <v>64311</v>
      </c>
      <c r="N25531" s="5" t="s">
        <v>733</v>
      </c>
      <c r="O25531" s="5" t="s">
        <v>38</v>
      </c>
      <c r="P25531" s="5" t="s">
        <v>39</v>
      </c>
      <c r="Q25531" s="5" t="s">
        <v>40</v>
      </c>
      <c r="R25531" s="5" t="s">
        <v>897</v>
      </c>
      <c r="S25531" s="5" t="s">
        <v>40</v>
      </c>
      <c r="T25531" s="5" t="s">
        <v>42</v>
      </c>
      <c r="U25531" s="2">
        <v>46.232999999999997</v>
      </c>
      <c r="V25531" s="2">
        <v>42.027999999999999</v>
      </c>
      <c r="W25531" s="2">
        <v>0.223</v>
      </c>
      <c r="X25531" s="2">
        <v>17</v>
      </c>
      <c r="Y25531" s="2">
        <v>104.9</v>
      </c>
      <c r="Z25531" s="2">
        <v>131.6</v>
      </c>
      <c r="AA25531" s="5">
        <v>7</v>
      </c>
      <c r="AB25531" s="5" t="s">
        <v>43</v>
      </c>
      <c r="AC25531" s="5" t="s">
        <v>735</v>
      </c>
      <c r="AD25531" s="2" t="s">
        <v>81888</v>
      </c>
      <c r="AE25531" s="1"/>
    </row>
    <row r="25532" spans="1:31" ht="14.45">
      <c r="A25532" s="11"/>
      <c r="B25532" s="20"/>
      <c r="C25532" s="2" t="s">
        <v>81889</v>
      </c>
      <c r="D25532" s="14" t="s">
        <v>81890</v>
      </c>
      <c r="E25532" s="2" t="s">
        <v>81891</v>
      </c>
      <c r="F25532" s="2" t="s">
        <v>81892</v>
      </c>
      <c r="G25532" s="8">
        <v>1230</v>
      </c>
      <c r="H25532" s="5">
        <v>5</v>
      </c>
      <c r="I25532" s="5" t="s">
        <v>69</v>
      </c>
      <c r="J25532" s="5" t="s">
        <v>64310</v>
      </c>
      <c r="K25532" s="2" t="s">
        <v>64311</v>
      </c>
      <c r="L25532" s="5" t="s">
        <v>64310</v>
      </c>
      <c r="M25532" s="2" t="s">
        <v>64311</v>
      </c>
      <c r="N25532" s="5" t="s">
        <v>733</v>
      </c>
      <c r="O25532" s="5" t="s">
        <v>38</v>
      </c>
      <c r="P25532" s="5" t="s">
        <v>39</v>
      </c>
      <c r="Q25532" s="5" t="s">
        <v>40</v>
      </c>
      <c r="R25532" s="5" t="s">
        <v>897</v>
      </c>
      <c r="S25532" s="5" t="s">
        <v>40</v>
      </c>
      <c r="T25532" s="5" t="s">
        <v>42</v>
      </c>
      <c r="U25532" s="2">
        <v>52.573</v>
      </c>
      <c r="V25532" s="2">
        <v>48.392000000000003</v>
      </c>
      <c r="W25532" s="2">
        <v>0.23499999999999999</v>
      </c>
      <c r="X25532" s="2">
        <v>17</v>
      </c>
      <c r="Y25532" s="2">
        <v>104.9</v>
      </c>
      <c r="Z25532" s="2">
        <v>131.6</v>
      </c>
      <c r="AA25532" s="5">
        <v>7</v>
      </c>
      <c r="AB25532" s="5" t="s">
        <v>43</v>
      </c>
      <c r="AC25532" s="5" t="s">
        <v>735</v>
      </c>
      <c r="AD25532" s="2" t="s">
        <v>81893</v>
      </c>
      <c r="AE25532" s="1"/>
    </row>
    <row r="25533" spans="1:31" ht="14.45">
      <c r="A25533" s="11"/>
      <c r="B25533" s="20"/>
      <c r="C25533" s="2" t="s">
        <v>81894</v>
      </c>
      <c r="D25533" s="14" t="s">
        <v>81895</v>
      </c>
      <c r="E25533" s="2" t="s">
        <v>81896</v>
      </c>
      <c r="F25533" s="2" t="s">
        <v>81897</v>
      </c>
      <c r="G25533" s="8">
        <v>1048</v>
      </c>
      <c r="H25533" s="5">
        <v>5</v>
      </c>
      <c r="I25533" s="5" t="s">
        <v>69</v>
      </c>
      <c r="J25533" s="5" t="s">
        <v>64310</v>
      </c>
      <c r="K25533" s="2" t="s">
        <v>64311</v>
      </c>
      <c r="L25533" s="5" t="s">
        <v>64310</v>
      </c>
      <c r="M25533" s="2" t="s">
        <v>64311</v>
      </c>
      <c r="N25533" s="5" t="s">
        <v>733</v>
      </c>
      <c r="O25533" s="5" t="s">
        <v>38</v>
      </c>
      <c r="P25533" s="5" t="s">
        <v>39</v>
      </c>
      <c r="Q25533" s="5" t="s">
        <v>40</v>
      </c>
      <c r="R25533" s="5" t="s">
        <v>897</v>
      </c>
      <c r="S25533" s="5" t="s">
        <v>40</v>
      </c>
      <c r="T25533" s="5" t="s">
        <v>42</v>
      </c>
      <c r="U25533" s="2">
        <v>53.618000000000002</v>
      </c>
      <c r="V25533" s="2">
        <v>48.792000000000002</v>
      </c>
      <c r="W25533" s="2">
        <v>0.26300000000000001</v>
      </c>
      <c r="X25533" s="2">
        <v>17</v>
      </c>
      <c r="Y25533" s="2">
        <v>104.9</v>
      </c>
      <c r="Z25533" s="2">
        <v>153.6</v>
      </c>
      <c r="AA25533" s="5">
        <v>7</v>
      </c>
      <c r="AB25533" s="5" t="s">
        <v>43</v>
      </c>
      <c r="AC25533" s="5" t="s">
        <v>735</v>
      </c>
      <c r="AD25533" s="2" t="s">
        <v>81898</v>
      </c>
      <c r="AE25533" s="1"/>
    </row>
    <row r="25534" spans="1:31" ht="14.45">
      <c r="A25534" s="11"/>
      <c r="B25534" s="20"/>
      <c r="C25534" s="2" t="s">
        <v>81899</v>
      </c>
      <c r="D25534" s="14" t="s">
        <v>81900</v>
      </c>
      <c r="E25534" s="2" t="s">
        <v>81901</v>
      </c>
      <c r="F25534" s="2" t="s">
        <v>81902</v>
      </c>
      <c r="G25534" s="8">
        <v>1331</v>
      </c>
      <c r="H25534" s="5">
        <v>5</v>
      </c>
      <c r="I25534" s="5" t="s">
        <v>69</v>
      </c>
      <c r="J25534" s="5" t="s">
        <v>64310</v>
      </c>
      <c r="K25534" s="2" t="s">
        <v>64311</v>
      </c>
      <c r="L25534" s="5" t="s">
        <v>64310</v>
      </c>
      <c r="M25534" s="2" t="s">
        <v>64311</v>
      </c>
      <c r="N25534" s="5" t="s">
        <v>733</v>
      </c>
      <c r="O25534" s="5" t="s">
        <v>38</v>
      </c>
      <c r="P25534" s="5" t="s">
        <v>39</v>
      </c>
      <c r="Q25534" s="5" t="s">
        <v>40</v>
      </c>
      <c r="R25534" s="5" t="s">
        <v>897</v>
      </c>
      <c r="S25534" s="5" t="s">
        <v>40</v>
      </c>
      <c r="T25534" s="5" t="s">
        <v>42</v>
      </c>
      <c r="U25534" s="2">
        <v>61.305999999999997</v>
      </c>
      <c r="V25534" s="2">
        <v>56.503999999999998</v>
      </c>
      <c r="W25534" s="2">
        <v>0.27400000000000002</v>
      </c>
      <c r="X25534" s="2">
        <v>17</v>
      </c>
      <c r="Y25534" s="2">
        <v>104.9</v>
      </c>
      <c r="Z25534" s="2">
        <v>153.6</v>
      </c>
      <c r="AA25534" s="5">
        <v>7</v>
      </c>
      <c r="AB25534" s="5" t="s">
        <v>43</v>
      </c>
      <c r="AC25534" s="5" t="s">
        <v>735</v>
      </c>
      <c r="AD25534" s="2" t="s">
        <v>81903</v>
      </c>
      <c r="AE25534" s="1"/>
    </row>
    <row r="25535" spans="1:31" ht="14.45">
      <c r="A25535" s="11"/>
      <c r="B25535" s="20"/>
      <c r="C25535" s="2" t="s">
        <v>81904</v>
      </c>
      <c r="D25535" s="14" t="s">
        <v>81905</v>
      </c>
      <c r="E25535" s="2" t="s">
        <v>81906</v>
      </c>
      <c r="F25535" s="2" t="s">
        <v>81907</v>
      </c>
      <c r="G25535" s="8">
        <v>1203</v>
      </c>
      <c r="H25535" s="5">
        <v>10</v>
      </c>
      <c r="I25535" s="5" t="s">
        <v>69</v>
      </c>
      <c r="J25535" s="5" t="s">
        <v>64310</v>
      </c>
      <c r="K25535" s="2" t="s">
        <v>64311</v>
      </c>
      <c r="L25535" s="5" t="s">
        <v>64310</v>
      </c>
      <c r="M25535" s="2" t="s">
        <v>64311</v>
      </c>
      <c r="N25535" s="5" t="s">
        <v>733</v>
      </c>
      <c r="O25535" s="5" t="s">
        <v>38</v>
      </c>
      <c r="P25535" s="5" t="s">
        <v>39</v>
      </c>
      <c r="Q25535" s="5" t="s">
        <v>40</v>
      </c>
      <c r="R25535" s="5" t="s">
        <v>897</v>
      </c>
      <c r="S25535" s="5" t="s">
        <v>40</v>
      </c>
      <c r="T25535" s="5" t="s">
        <v>42</v>
      </c>
      <c r="U25535" s="2">
        <v>40.973999999999997</v>
      </c>
      <c r="V25535" s="2">
        <v>36.445</v>
      </c>
      <c r="W25535" s="2">
        <v>0.17599999999999999</v>
      </c>
      <c r="X25535" s="2">
        <v>17</v>
      </c>
      <c r="Y25535" s="2">
        <v>124.7</v>
      </c>
      <c r="Z25535" s="2">
        <v>83</v>
      </c>
      <c r="AA25535" s="5">
        <v>7</v>
      </c>
      <c r="AB25535" s="5" t="s">
        <v>43</v>
      </c>
      <c r="AC25535" s="5" t="s">
        <v>735</v>
      </c>
      <c r="AD25535" s="2" t="s">
        <v>81908</v>
      </c>
      <c r="AE25535" s="1"/>
    </row>
    <row r="25536" spans="1:31" ht="14.45">
      <c r="A25536" s="11"/>
      <c r="B25536" s="20"/>
      <c r="C25536" s="2" t="s">
        <v>81909</v>
      </c>
      <c r="D25536" s="14" t="s">
        <v>81910</v>
      </c>
      <c r="E25536" s="2" t="s">
        <v>81911</v>
      </c>
      <c r="F25536" s="2" t="s">
        <v>81912</v>
      </c>
      <c r="G25536" s="8">
        <v>1115</v>
      </c>
      <c r="H25536" s="5">
        <v>5</v>
      </c>
      <c r="I25536" s="5" t="s">
        <v>69</v>
      </c>
      <c r="J25536" s="5" t="s">
        <v>64310</v>
      </c>
      <c r="K25536" s="2" t="s">
        <v>64311</v>
      </c>
      <c r="L25536" s="5" t="s">
        <v>64310</v>
      </c>
      <c r="M25536" s="2" t="s">
        <v>64311</v>
      </c>
      <c r="N25536" s="5" t="s">
        <v>733</v>
      </c>
      <c r="O25536" s="5" t="s">
        <v>38</v>
      </c>
      <c r="P25536" s="5" t="s">
        <v>39</v>
      </c>
      <c r="Q25536" s="5" t="s">
        <v>40</v>
      </c>
      <c r="R25536" s="5" t="s">
        <v>897</v>
      </c>
      <c r="S25536" s="5" t="s">
        <v>40</v>
      </c>
      <c r="T25536" s="5" t="s">
        <v>42</v>
      </c>
      <c r="U25536" s="2">
        <v>36.993000000000002</v>
      </c>
      <c r="V25536" s="2">
        <v>32.463999999999999</v>
      </c>
      <c r="W25536" s="2">
        <v>0.17599999999999999</v>
      </c>
      <c r="X25536" s="2">
        <v>17</v>
      </c>
      <c r="Y25536" s="2">
        <v>124.7</v>
      </c>
      <c r="Z25536" s="2">
        <v>83</v>
      </c>
      <c r="AA25536" s="5">
        <v>7</v>
      </c>
      <c r="AB25536" s="5" t="s">
        <v>43</v>
      </c>
      <c r="AC25536" s="5" t="s">
        <v>735</v>
      </c>
      <c r="AD25536" s="2" t="s">
        <v>81913</v>
      </c>
      <c r="AE25536" s="1"/>
    </row>
    <row r="25537" spans="1:31" ht="14.45">
      <c r="A25537" s="11"/>
      <c r="B25537" s="20"/>
      <c r="C25537" s="2" t="s">
        <v>81914</v>
      </c>
      <c r="D25537" s="14" t="s">
        <v>81915</v>
      </c>
      <c r="E25537" s="2" t="s">
        <v>81916</v>
      </c>
      <c r="F25537" s="2" t="s">
        <v>81917</v>
      </c>
      <c r="G25537" s="8">
        <v>901</v>
      </c>
      <c r="H25537" s="5">
        <v>5</v>
      </c>
      <c r="I25537" s="5" t="s">
        <v>69</v>
      </c>
      <c r="J25537" s="5" t="s">
        <v>64310</v>
      </c>
      <c r="K25537" s="2" t="s">
        <v>64311</v>
      </c>
      <c r="L25537" s="5" t="s">
        <v>64310</v>
      </c>
      <c r="M25537" s="2" t="s">
        <v>64311</v>
      </c>
      <c r="N25537" s="5" t="s">
        <v>733</v>
      </c>
      <c r="O25537" s="5" t="s">
        <v>38</v>
      </c>
      <c r="P25537" s="5" t="s">
        <v>39</v>
      </c>
      <c r="Q25537" s="5" t="s">
        <v>40</v>
      </c>
      <c r="R25537" s="5" t="s">
        <v>897</v>
      </c>
      <c r="S25537" s="5" t="s">
        <v>40</v>
      </c>
      <c r="T25537" s="5" t="s">
        <v>42</v>
      </c>
      <c r="U25537" s="2">
        <v>33.619999999999997</v>
      </c>
      <c r="V25537" s="2">
        <v>29.059000000000001</v>
      </c>
      <c r="W25537" s="2">
        <v>0.17599999999999999</v>
      </c>
      <c r="X25537" s="2">
        <v>17</v>
      </c>
      <c r="Y25537" s="2">
        <v>124.7</v>
      </c>
      <c r="Z25537" s="2">
        <v>83</v>
      </c>
      <c r="AA25537" s="5">
        <v>7</v>
      </c>
      <c r="AB25537" s="5" t="s">
        <v>43</v>
      </c>
      <c r="AC25537" s="5" t="s">
        <v>735</v>
      </c>
      <c r="AD25537" s="2" t="s">
        <v>81918</v>
      </c>
      <c r="AE25537" s="1"/>
    </row>
    <row r="25538" spans="1:31" ht="14.45">
      <c r="A25538" s="11"/>
      <c r="B25538" s="20"/>
      <c r="C25538" s="2" t="s">
        <v>81919</v>
      </c>
      <c r="D25538" s="14" t="s">
        <v>81920</v>
      </c>
      <c r="E25538" s="2" t="s">
        <v>81921</v>
      </c>
      <c r="F25538" s="2" t="s">
        <v>81922</v>
      </c>
      <c r="G25538" s="8">
        <v>1050</v>
      </c>
      <c r="H25538" s="5">
        <v>10</v>
      </c>
      <c r="I25538" s="5" t="s">
        <v>69</v>
      </c>
      <c r="J25538" s="5" t="s">
        <v>64310</v>
      </c>
      <c r="K25538" s="2" t="s">
        <v>64311</v>
      </c>
      <c r="L25538" s="5" t="s">
        <v>64310</v>
      </c>
      <c r="M25538" s="2" t="s">
        <v>64311</v>
      </c>
      <c r="N25538" s="5" t="s">
        <v>733</v>
      </c>
      <c r="O25538" s="5" t="s">
        <v>38</v>
      </c>
      <c r="P25538" s="5" t="s">
        <v>39</v>
      </c>
      <c r="Q25538" s="5" t="s">
        <v>40</v>
      </c>
      <c r="R25538" s="5" t="s">
        <v>897</v>
      </c>
      <c r="S25538" s="5" t="s">
        <v>40</v>
      </c>
      <c r="T25538" s="5" t="s">
        <v>42</v>
      </c>
      <c r="U25538" s="2">
        <v>36.972000000000001</v>
      </c>
      <c r="V25538" s="2">
        <v>32.442999999999998</v>
      </c>
      <c r="W25538" s="2">
        <v>0.17599999999999999</v>
      </c>
      <c r="X25538" s="2">
        <v>17</v>
      </c>
      <c r="Y25538" s="2">
        <v>124.7</v>
      </c>
      <c r="Z25538" s="2">
        <v>83</v>
      </c>
      <c r="AA25538" s="5">
        <v>7</v>
      </c>
      <c r="AB25538" s="5" t="s">
        <v>43</v>
      </c>
      <c r="AC25538" s="5" t="s">
        <v>735</v>
      </c>
      <c r="AD25538" s="2" t="s">
        <v>81923</v>
      </c>
      <c r="AE25538" s="1"/>
    </row>
    <row r="25539" spans="1:31" ht="14.45">
      <c r="A25539" s="11"/>
      <c r="B25539" s="20"/>
      <c r="C25539" s="2" t="s">
        <v>81924</v>
      </c>
      <c r="D25539" s="14" t="s">
        <v>81925</v>
      </c>
      <c r="E25539" s="2" t="s">
        <v>81926</v>
      </c>
      <c r="F25539" s="2" t="s">
        <v>81927</v>
      </c>
      <c r="G25539" s="8">
        <v>1583</v>
      </c>
      <c r="H25539" s="5">
        <v>10</v>
      </c>
      <c r="I25539" s="5" t="s">
        <v>69</v>
      </c>
      <c r="J25539" s="5" t="s">
        <v>64310</v>
      </c>
      <c r="K25539" s="2" t="s">
        <v>64311</v>
      </c>
      <c r="L25539" s="5" t="s">
        <v>64310</v>
      </c>
      <c r="M25539" s="2" t="s">
        <v>64311</v>
      </c>
      <c r="N25539" s="5" t="s">
        <v>733</v>
      </c>
      <c r="O25539" s="5" t="s">
        <v>38</v>
      </c>
      <c r="P25539" s="5" t="s">
        <v>39</v>
      </c>
      <c r="Q25539" s="5" t="s">
        <v>40</v>
      </c>
      <c r="R25539" s="5" t="s">
        <v>897</v>
      </c>
      <c r="S25539" s="5" t="s">
        <v>40</v>
      </c>
      <c r="T25539" s="5" t="s">
        <v>42</v>
      </c>
      <c r="U25539" s="2">
        <v>39.225000000000001</v>
      </c>
      <c r="V25539" s="2">
        <v>34.695999999999998</v>
      </c>
      <c r="W25539" s="2">
        <v>0.17599999999999999</v>
      </c>
      <c r="X25539" s="2">
        <v>17</v>
      </c>
      <c r="Y25539" s="2">
        <v>124.7</v>
      </c>
      <c r="Z25539" s="2">
        <v>83</v>
      </c>
      <c r="AA25539" s="5">
        <v>7</v>
      </c>
      <c r="AB25539" s="5" t="s">
        <v>43</v>
      </c>
      <c r="AC25539" s="5" t="s">
        <v>735</v>
      </c>
      <c r="AD25539" s="2" t="s">
        <v>81928</v>
      </c>
      <c r="AE25539" s="1"/>
    </row>
    <row r="25540" spans="1:31" ht="14.45">
      <c r="A25540" s="11"/>
      <c r="B25540" s="20"/>
      <c r="C25540" s="2" t="s">
        <v>81929</v>
      </c>
      <c r="D25540" s="14" t="s">
        <v>81930</v>
      </c>
      <c r="E25540" s="2" t="s">
        <v>81931</v>
      </c>
      <c r="F25540" s="2" t="s">
        <v>81932</v>
      </c>
      <c r="G25540" s="8">
        <v>1518</v>
      </c>
      <c r="H25540" s="5">
        <v>10</v>
      </c>
      <c r="I25540" s="5" t="s">
        <v>69</v>
      </c>
      <c r="J25540" s="5" t="s">
        <v>64310</v>
      </c>
      <c r="K25540" s="2" t="s">
        <v>64311</v>
      </c>
      <c r="L25540" s="5" t="s">
        <v>64310</v>
      </c>
      <c r="M25540" s="2" t="s">
        <v>64311</v>
      </c>
      <c r="N25540" s="5" t="s">
        <v>733</v>
      </c>
      <c r="O25540" s="5" t="s">
        <v>38</v>
      </c>
      <c r="P25540" s="5" t="s">
        <v>39</v>
      </c>
      <c r="Q25540" s="5" t="s">
        <v>40</v>
      </c>
      <c r="R25540" s="5" t="s">
        <v>897</v>
      </c>
      <c r="S25540" s="5" t="s">
        <v>40</v>
      </c>
      <c r="T25540" s="5" t="s">
        <v>42</v>
      </c>
      <c r="U25540" s="2">
        <v>39.204000000000001</v>
      </c>
      <c r="V25540" s="2">
        <v>34.674999999999997</v>
      </c>
      <c r="W25540" s="2">
        <v>0.17599999999999999</v>
      </c>
      <c r="X25540" s="2">
        <v>17</v>
      </c>
      <c r="Y25540" s="2">
        <v>124.7</v>
      </c>
      <c r="Z25540" s="2">
        <v>83</v>
      </c>
      <c r="AA25540" s="5">
        <v>7</v>
      </c>
      <c r="AB25540" s="5" t="s">
        <v>43</v>
      </c>
      <c r="AC25540" s="5" t="s">
        <v>735</v>
      </c>
      <c r="AD25540" s="2" t="s">
        <v>81933</v>
      </c>
      <c r="AE25540" s="1"/>
    </row>
    <row r="25541" spans="1:31" ht="14.45">
      <c r="A25541" s="11"/>
      <c r="B25541" s="20"/>
      <c r="C25541" s="2" t="s">
        <v>81934</v>
      </c>
      <c r="D25541" s="14" t="s">
        <v>81935</v>
      </c>
      <c r="E25541" s="2" t="s">
        <v>81936</v>
      </c>
      <c r="F25541" s="2" t="s">
        <v>81937</v>
      </c>
      <c r="G25541" s="8">
        <v>1490</v>
      </c>
      <c r="H25541" s="5">
        <v>10</v>
      </c>
      <c r="I25541" s="5" t="s">
        <v>69</v>
      </c>
      <c r="J25541" s="5" t="s">
        <v>64310</v>
      </c>
      <c r="K25541" s="2" t="s">
        <v>64311</v>
      </c>
      <c r="L25541" s="5" t="s">
        <v>64310</v>
      </c>
      <c r="M25541" s="2" t="s">
        <v>64311</v>
      </c>
      <c r="N25541" s="5" t="s">
        <v>733</v>
      </c>
      <c r="O25541" s="5" t="s">
        <v>38</v>
      </c>
      <c r="P25541" s="5" t="s">
        <v>39</v>
      </c>
      <c r="Q25541" s="5" t="s">
        <v>40</v>
      </c>
      <c r="R25541" s="5" t="s">
        <v>897</v>
      </c>
      <c r="S25541" s="5" t="s">
        <v>40</v>
      </c>
      <c r="T25541" s="5" t="s">
        <v>42</v>
      </c>
      <c r="U25541" s="2">
        <v>59.999000000000002</v>
      </c>
      <c r="V25541" s="2">
        <v>55.74</v>
      </c>
      <c r="W25541" s="2">
        <v>0.23699999999999999</v>
      </c>
      <c r="X25541" s="2">
        <v>17</v>
      </c>
      <c r="Y25541" s="2">
        <v>124.7</v>
      </c>
      <c r="Z25541" s="2">
        <v>111.6</v>
      </c>
      <c r="AA25541" s="5">
        <v>7</v>
      </c>
      <c r="AB25541" s="5" t="s">
        <v>43</v>
      </c>
      <c r="AC25541" s="5" t="s">
        <v>735</v>
      </c>
      <c r="AD25541" s="2" t="s">
        <v>81938</v>
      </c>
      <c r="AE25541" s="1"/>
    </row>
    <row r="25542" spans="1:31" ht="14.45">
      <c r="A25542" s="11"/>
      <c r="B25542" s="20"/>
      <c r="C25542" s="2" t="s">
        <v>81939</v>
      </c>
      <c r="D25542" s="14" t="s">
        <v>81940</v>
      </c>
      <c r="E25542" s="2" t="s">
        <v>81941</v>
      </c>
      <c r="F25542" s="2" t="s">
        <v>81942</v>
      </c>
      <c r="G25542" s="8">
        <v>1351</v>
      </c>
      <c r="H25542" s="5">
        <v>5</v>
      </c>
      <c r="I25542" s="5" t="s">
        <v>69</v>
      </c>
      <c r="J25542" s="5" t="s">
        <v>64310</v>
      </c>
      <c r="K25542" s="2" t="s">
        <v>64311</v>
      </c>
      <c r="L25542" s="5" t="s">
        <v>64310</v>
      </c>
      <c r="M25542" s="2" t="s">
        <v>64311</v>
      </c>
      <c r="N25542" s="5" t="s">
        <v>733</v>
      </c>
      <c r="O25542" s="5" t="s">
        <v>38</v>
      </c>
      <c r="P25542" s="5" t="s">
        <v>39</v>
      </c>
      <c r="Q25542" s="5" t="s">
        <v>40</v>
      </c>
      <c r="R25542" s="5" t="s">
        <v>897</v>
      </c>
      <c r="S25542" s="5" t="s">
        <v>40</v>
      </c>
      <c r="T25542" s="5" t="s">
        <v>42</v>
      </c>
      <c r="U25542" s="2">
        <v>52.591999999999999</v>
      </c>
      <c r="V25542" s="2">
        <v>48.332999999999998</v>
      </c>
      <c r="W25542" s="2">
        <v>0.23699999999999999</v>
      </c>
      <c r="X25542" s="2">
        <v>17</v>
      </c>
      <c r="Y25542" s="2">
        <v>124.7</v>
      </c>
      <c r="Z25542" s="2">
        <v>111.6</v>
      </c>
      <c r="AA25542" s="5">
        <v>7</v>
      </c>
      <c r="AB25542" s="5" t="s">
        <v>43</v>
      </c>
      <c r="AC25542" s="5" t="s">
        <v>735</v>
      </c>
      <c r="AD25542" s="2" t="s">
        <v>81943</v>
      </c>
      <c r="AE25542" s="1"/>
    </row>
    <row r="25543" spans="1:31" ht="14.45">
      <c r="A25543" s="11"/>
      <c r="B25543" s="20"/>
      <c r="C25543" s="2" t="s">
        <v>81944</v>
      </c>
      <c r="D25543" s="14" t="s">
        <v>81945</v>
      </c>
      <c r="E25543" s="2" t="s">
        <v>81946</v>
      </c>
      <c r="F25543" s="2" t="s">
        <v>81947</v>
      </c>
      <c r="G25543" s="8">
        <v>1011</v>
      </c>
      <c r="H25543" s="5">
        <v>5</v>
      </c>
      <c r="I25543" s="5" t="s">
        <v>69</v>
      </c>
      <c r="J25543" s="5" t="s">
        <v>64310</v>
      </c>
      <c r="K25543" s="2" t="s">
        <v>64311</v>
      </c>
      <c r="L25543" s="5" t="s">
        <v>64310</v>
      </c>
      <c r="M25543" s="2" t="s">
        <v>64311</v>
      </c>
      <c r="N25543" s="5" t="s">
        <v>733</v>
      </c>
      <c r="O25543" s="5" t="s">
        <v>38</v>
      </c>
      <c r="P25543" s="5" t="s">
        <v>39</v>
      </c>
      <c r="Q25543" s="5" t="s">
        <v>40</v>
      </c>
      <c r="R25543" s="5" t="s">
        <v>897</v>
      </c>
      <c r="S25543" s="5" t="s">
        <v>40</v>
      </c>
      <c r="T25543" s="5" t="s">
        <v>42</v>
      </c>
      <c r="U25543" s="2">
        <v>46.155999999999999</v>
      </c>
      <c r="V25543" s="2">
        <v>41.865000000000002</v>
      </c>
      <c r="W25543" s="2">
        <v>0.23699999999999999</v>
      </c>
      <c r="X25543" s="2">
        <v>17</v>
      </c>
      <c r="Y25543" s="2">
        <v>124.7</v>
      </c>
      <c r="Z25543" s="2">
        <v>111.6</v>
      </c>
      <c r="AA25543" s="5">
        <v>7</v>
      </c>
      <c r="AB25543" s="5" t="s">
        <v>43</v>
      </c>
      <c r="AC25543" s="5" t="s">
        <v>735</v>
      </c>
      <c r="AD25543" s="2" t="s">
        <v>81948</v>
      </c>
      <c r="AE25543" s="1"/>
    </row>
    <row r="25544" spans="1:31" ht="14.45">
      <c r="A25544" s="11"/>
      <c r="B25544" s="20"/>
      <c r="C25544" s="2" t="s">
        <v>81949</v>
      </c>
      <c r="D25544" s="14" t="s">
        <v>81950</v>
      </c>
      <c r="E25544" s="2" t="s">
        <v>81951</v>
      </c>
      <c r="F25544" s="2" t="s">
        <v>81952</v>
      </c>
      <c r="G25544" s="8">
        <v>1249</v>
      </c>
      <c r="H25544" s="5">
        <v>10</v>
      </c>
      <c r="I25544" s="5" t="s">
        <v>69</v>
      </c>
      <c r="J25544" s="5" t="s">
        <v>64310</v>
      </c>
      <c r="K25544" s="2" t="s">
        <v>64311</v>
      </c>
      <c r="L25544" s="5" t="s">
        <v>64310</v>
      </c>
      <c r="M25544" s="2" t="s">
        <v>64311</v>
      </c>
      <c r="N25544" s="5" t="s">
        <v>733</v>
      </c>
      <c r="O25544" s="5" t="s">
        <v>38</v>
      </c>
      <c r="P25544" s="5" t="s">
        <v>39</v>
      </c>
      <c r="Q25544" s="5" t="s">
        <v>40</v>
      </c>
      <c r="R25544" s="5" t="s">
        <v>897</v>
      </c>
      <c r="S25544" s="5" t="s">
        <v>40</v>
      </c>
      <c r="T25544" s="5" t="s">
        <v>42</v>
      </c>
      <c r="U25544" s="2">
        <v>52.552999999999997</v>
      </c>
      <c r="V25544" s="2">
        <v>48.293999999999997</v>
      </c>
      <c r="W25544" s="2">
        <v>0.23699999999999999</v>
      </c>
      <c r="X25544" s="2">
        <v>17</v>
      </c>
      <c r="Y25544" s="2">
        <v>124.7</v>
      </c>
      <c r="Z25544" s="2">
        <v>111.6</v>
      </c>
      <c r="AA25544" s="5">
        <v>7</v>
      </c>
      <c r="AB25544" s="5" t="s">
        <v>43</v>
      </c>
      <c r="AC25544" s="5" t="s">
        <v>735</v>
      </c>
      <c r="AD25544" s="2" t="s">
        <v>81953</v>
      </c>
      <c r="AE25544" s="1"/>
    </row>
    <row r="25545" spans="1:31" ht="14.45">
      <c r="A25545" s="11"/>
      <c r="B25545" s="20"/>
      <c r="C25545" s="2" t="s">
        <v>81954</v>
      </c>
      <c r="D25545" s="14" t="s">
        <v>81955</v>
      </c>
      <c r="E25545" s="2" t="s">
        <v>81956</v>
      </c>
      <c r="F25545" s="2" t="s">
        <v>81957</v>
      </c>
      <c r="G25545" s="8">
        <v>1819</v>
      </c>
      <c r="H25545" s="5">
        <v>10</v>
      </c>
      <c r="I25545" s="5" t="s">
        <v>69</v>
      </c>
      <c r="J25545" s="5" t="s">
        <v>64310</v>
      </c>
      <c r="K25545" s="2" t="s">
        <v>64311</v>
      </c>
      <c r="L25545" s="5" t="s">
        <v>64310</v>
      </c>
      <c r="M25545" s="2" t="s">
        <v>64311</v>
      </c>
      <c r="N25545" s="5" t="s">
        <v>733</v>
      </c>
      <c r="O25545" s="5" t="s">
        <v>38</v>
      </c>
      <c r="P25545" s="5" t="s">
        <v>39</v>
      </c>
      <c r="Q25545" s="5" t="s">
        <v>40</v>
      </c>
      <c r="R25545" s="5" t="s">
        <v>897</v>
      </c>
      <c r="S25545" s="5" t="s">
        <v>40</v>
      </c>
      <c r="T25545" s="5" t="s">
        <v>42</v>
      </c>
      <c r="U25545" s="2">
        <v>55.683999999999997</v>
      </c>
      <c r="V25545" s="2">
        <v>51.424999999999997</v>
      </c>
      <c r="W25545" s="2">
        <v>0.23699999999999999</v>
      </c>
      <c r="X25545" s="2">
        <v>17</v>
      </c>
      <c r="Y25545" s="2">
        <v>124.7</v>
      </c>
      <c r="Z25545" s="2">
        <v>111.6</v>
      </c>
      <c r="AA25545" s="5">
        <v>7</v>
      </c>
      <c r="AB25545" s="5" t="s">
        <v>43</v>
      </c>
      <c r="AC25545" s="5" t="s">
        <v>735</v>
      </c>
      <c r="AD25545" s="2" t="s">
        <v>81958</v>
      </c>
      <c r="AE25545" s="1"/>
    </row>
    <row r="25546" spans="1:31" ht="14.45">
      <c r="A25546" s="11"/>
      <c r="B25546" s="20"/>
      <c r="C25546" s="2" t="s">
        <v>81959</v>
      </c>
      <c r="D25546" s="14" t="s">
        <v>81960</v>
      </c>
      <c r="E25546" s="2" t="s">
        <v>81961</v>
      </c>
      <c r="F25546" s="2" t="s">
        <v>81962</v>
      </c>
      <c r="G25546" s="8">
        <v>1717</v>
      </c>
      <c r="H25546" s="5">
        <v>10</v>
      </c>
      <c r="I25546" s="5" t="s">
        <v>69</v>
      </c>
      <c r="J25546" s="5" t="s">
        <v>64310</v>
      </c>
      <c r="K25546" s="2" t="s">
        <v>64311</v>
      </c>
      <c r="L25546" s="5" t="s">
        <v>64310</v>
      </c>
      <c r="M25546" s="2" t="s">
        <v>64311</v>
      </c>
      <c r="N25546" s="5" t="s">
        <v>733</v>
      </c>
      <c r="O25546" s="5" t="s">
        <v>38</v>
      </c>
      <c r="P25546" s="5" t="s">
        <v>39</v>
      </c>
      <c r="Q25546" s="5" t="s">
        <v>40</v>
      </c>
      <c r="R25546" s="5" t="s">
        <v>897</v>
      </c>
      <c r="S25546" s="5" t="s">
        <v>40</v>
      </c>
      <c r="T25546" s="5" t="s">
        <v>42</v>
      </c>
      <c r="U25546" s="2">
        <v>55.645000000000003</v>
      </c>
      <c r="V25546" s="2">
        <v>51.386000000000003</v>
      </c>
      <c r="W25546" s="2">
        <v>0.23699999999999999</v>
      </c>
      <c r="X25546" s="2">
        <v>17</v>
      </c>
      <c r="Y25546" s="2">
        <v>124.7</v>
      </c>
      <c r="Z25546" s="2">
        <v>111.6</v>
      </c>
      <c r="AA25546" s="5">
        <v>7</v>
      </c>
      <c r="AB25546" s="5" t="s">
        <v>43</v>
      </c>
      <c r="AC25546" s="5" t="s">
        <v>735</v>
      </c>
      <c r="AD25546" s="2" t="s">
        <v>81963</v>
      </c>
      <c r="AE25546" s="1"/>
    </row>
    <row r="25547" spans="1:31" ht="14.45">
      <c r="A25547" s="11"/>
      <c r="B25547" s="20"/>
      <c r="C25547" s="2" t="s">
        <v>81964</v>
      </c>
      <c r="D25547" s="14" t="s">
        <v>81965</v>
      </c>
      <c r="E25547" s="2" t="s">
        <v>81966</v>
      </c>
      <c r="F25547" s="2" t="s">
        <v>81967</v>
      </c>
      <c r="G25547" s="8">
        <v>1066</v>
      </c>
      <c r="H25547" s="5">
        <v>5</v>
      </c>
      <c r="I25547" s="5" t="s">
        <v>69</v>
      </c>
      <c r="J25547" s="5" t="s">
        <v>64310</v>
      </c>
      <c r="K25547" s="2" t="s">
        <v>64311</v>
      </c>
      <c r="L25547" s="5" t="s">
        <v>64310</v>
      </c>
      <c r="M25547" s="2" t="s">
        <v>64311</v>
      </c>
      <c r="N25547" s="5" t="s">
        <v>733</v>
      </c>
      <c r="O25547" s="5" t="s">
        <v>38</v>
      </c>
      <c r="P25547" s="5" t="s">
        <v>39</v>
      </c>
      <c r="Q25547" s="5" t="s">
        <v>40</v>
      </c>
      <c r="R25547" s="5" t="s">
        <v>897</v>
      </c>
      <c r="S25547" s="5" t="s">
        <v>40</v>
      </c>
      <c r="T25547" s="5" t="s">
        <v>42</v>
      </c>
      <c r="U25547" s="2">
        <v>53.761000000000003</v>
      </c>
      <c r="V25547" s="2">
        <v>48.973999999999997</v>
      </c>
      <c r="W25547" s="2">
        <v>0.26800000000000002</v>
      </c>
      <c r="X25547" s="2">
        <v>17</v>
      </c>
      <c r="Y25547" s="2">
        <v>124.7</v>
      </c>
      <c r="Z25547" s="2">
        <v>131.6</v>
      </c>
      <c r="AA25547" s="5">
        <v>7</v>
      </c>
      <c r="AB25547" s="5" t="s">
        <v>43</v>
      </c>
      <c r="AC25547" s="5" t="s">
        <v>735</v>
      </c>
      <c r="AD25547" s="2" t="s">
        <v>81968</v>
      </c>
      <c r="AE25547" s="1"/>
    </row>
    <row r="25548" spans="1:31" ht="14.45">
      <c r="A25548" s="11"/>
      <c r="B25548" s="20"/>
      <c r="C25548" s="2" t="s">
        <v>81969</v>
      </c>
      <c r="D25548" s="14" t="s">
        <v>81970</v>
      </c>
      <c r="E25548" s="2" t="s">
        <v>81971</v>
      </c>
      <c r="F25548" s="2" t="s">
        <v>81972</v>
      </c>
      <c r="G25548" s="8">
        <v>1354</v>
      </c>
      <c r="H25548" s="5">
        <v>5</v>
      </c>
      <c r="I25548" s="5" t="s">
        <v>69</v>
      </c>
      <c r="J25548" s="5" t="s">
        <v>64310</v>
      </c>
      <c r="K25548" s="2" t="s">
        <v>64311</v>
      </c>
      <c r="L25548" s="5" t="s">
        <v>64310</v>
      </c>
      <c r="M25548" s="2" t="s">
        <v>64311</v>
      </c>
      <c r="N25548" s="5" t="s">
        <v>733</v>
      </c>
      <c r="O25548" s="5" t="s">
        <v>38</v>
      </c>
      <c r="P25548" s="5" t="s">
        <v>39</v>
      </c>
      <c r="Q25548" s="5" t="s">
        <v>40</v>
      </c>
      <c r="R25548" s="5" t="s">
        <v>897</v>
      </c>
      <c r="S25548" s="5" t="s">
        <v>40</v>
      </c>
      <c r="T25548" s="5" t="s">
        <v>42</v>
      </c>
      <c r="U25548" s="2">
        <v>61.579000000000001</v>
      </c>
      <c r="V25548" s="2">
        <v>56.823999999999998</v>
      </c>
      <c r="W25548" s="2">
        <v>0.27900000000000003</v>
      </c>
      <c r="X25548" s="2">
        <v>17</v>
      </c>
      <c r="Y25548" s="2">
        <v>124.7</v>
      </c>
      <c r="Z25548" s="2">
        <v>131.6</v>
      </c>
      <c r="AA25548" s="5">
        <v>7</v>
      </c>
      <c r="AB25548" s="5" t="s">
        <v>43</v>
      </c>
      <c r="AC25548" s="5" t="s">
        <v>735</v>
      </c>
      <c r="AD25548" s="2" t="s">
        <v>81973</v>
      </c>
      <c r="AE25548" s="1"/>
    </row>
    <row r="25549" spans="1:31" ht="14.45">
      <c r="A25549" s="11"/>
      <c r="B25549" s="20"/>
      <c r="C25549" s="2" t="s">
        <v>81974</v>
      </c>
      <c r="D25549" s="14" t="s">
        <v>81975</v>
      </c>
      <c r="E25549" s="2" t="s">
        <v>81976</v>
      </c>
      <c r="F25549" s="2" t="s">
        <v>81977</v>
      </c>
      <c r="G25549" s="8">
        <v>1121</v>
      </c>
      <c r="H25549" s="5">
        <v>5</v>
      </c>
      <c r="I25549" s="5" t="s">
        <v>69</v>
      </c>
      <c r="J25549" s="5" t="s">
        <v>64310</v>
      </c>
      <c r="K25549" s="2" t="s">
        <v>64311</v>
      </c>
      <c r="L25549" s="5" t="s">
        <v>64310</v>
      </c>
      <c r="M25549" s="2" t="s">
        <v>64311</v>
      </c>
      <c r="N25549" s="5" t="s">
        <v>733</v>
      </c>
      <c r="O25549" s="5" t="s">
        <v>38</v>
      </c>
      <c r="P25549" s="5" t="s">
        <v>39</v>
      </c>
      <c r="Q25549" s="5" t="s">
        <v>40</v>
      </c>
      <c r="R25549" s="5" t="s">
        <v>897</v>
      </c>
      <c r="S25549" s="5" t="s">
        <v>40</v>
      </c>
      <c r="T25549" s="5" t="s">
        <v>42</v>
      </c>
      <c r="U25549" s="2">
        <v>62.253</v>
      </c>
      <c r="V25549" s="2">
        <v>56.781999999999996</v>
      </c>
      <c r="W25549" s="2">
        <v>0.315</v>
      </c>
      <c r="X25549" s="2">
        <v>17</v>
      </c>
      <c r="Y25549" s="2">
        <v>124.7</v>
      </c>
      <c r="Z25549" s="2">
        <v>153.6</v>
      </c>
      <c r="AA25549" s="5">
        <v>7</v>
      </c>
      <c r="AB25549" s="5" t="s">
        <v>43</v>
      </c>
      <c r="AC25549" s="5" t="s">
        <v>735</v>
      </c>
      <c r="AD25549" s="2" t="s">
        <v>81978</v>
      </c>
      <c r="AE25549" s="1"/>
    </row>
    <row r="25550" spans="1:31" ht="14.45">
      <c r="A25550" s="11"/>
      <c r="B25550" s="20"/>
      <c r="C25550" s="2" t="s">
        <v>81979</v>
      </c>
      <c r="D25550" s="14" t="s">
        <v>81980</v>
      </c>
      <c r="E25550" s="2" t="s">
        <v>81981</v>
      </c>
      <c r="F25550" s="2" t="s">
        <v>81982</v>
      </c>
      <c r="G25550" s="8">
        <v>1464</v>
      </c>
      <c r="H25550" s="5">
        <v>5</v>
      </c>
      <c r="I25550" s="5" t="s">
        <v>69</v>
      </c>
      <c r="J25550" s="5" t="s">
        <v>64310</v>
      </c>
      <c r="K25550" s="2" t="s">
        <v>64311</v>
      </c>
      <c r="L25550" s="5" t="s">
        <v>64310</v>
      </c>
      <c r="M25550" s="2" t="s">
        <v>64311</v>
      </c>
      <c r="N25550" s="5" t="s">
        <v>733</v>
      </c>
      <c r="O25550" s="5" t="s">
        <v>38</v>
      </c>
      <c r="P25550" s="5" t="s">
        <v>39</v>
      </c>
      <c r="Q25550" s="5" t="s">
        <v>40</v>
      </c>
      <c r="R25550" s="5" t="s">
        <v>897</v>
      </c>
      <c r="S25550" s="5" t="s">
        <v>40</v>
      </c>
      <c r="T25550" s="5" t="s">
        <v>42</v>
      </c>
      <c r="U25550" s="2">
        <v>71.722999999999999</v>
      </c>
      <c r="V25550" s="2">
        <v>66.284000000000006</v>
      </c>
      <c r="W25550" s="2">
        <v>0.32600000000000001</v>
      </c>
      <c r="X25550" s="2">
        <v>17</v>
      </c>
      <c r="Y25550" s="2">
        <v>124.7</v>
      </c>
      <c r="Z25550" s="2">
        <v>153.6</v>
      </c>
      <c r="AA25550" s="5">
        <v>7</v>
      </c>
      <c r="AB25550" s="5" t="s">
        <v>43</v>
      </c>
      <c r="AC25550" s="5" t="s">
        <v>735</v>
      </c>
      <c r="AD25550" s="2" t="s">
        <v>81983</v>
      </c>
      <c r="AE25550" s="1"/>
    </row>
    <row r="25551" spans="1:31" ht="14.45">
      <c r="A25551" s="11"/>
      <c r="B25551" s="20"/>
      <c r="C25551" s="2" t="s">
        <v>81984</v>
      </c>
      <c r="D25551" s="14" t="s">
        <v>81985</v>
      </c>
      <c r="E25551" s="2" t="s">
        <v>81986</v>
      </c>
      <c r="F25551" s="2" t="s">
        <v>81987</v>
      </c>
      <c r="G25551" s="8">
        <v>1263</v>
      </c>
      <c r="H25551" s="5">
        <v>5</v>
      </c>
      <c r="I25551" s="5" t="s">
        <v>69</v>
      </c>
      <c r="J25551" s="5" t="s">
        <v>64310</v>
      </c>
      <c r="K25551" s="2" t="s">
        <v>64311</v>
      </c>
      <c r="L25551" s="5" t="s">
        <v>64310</v>
      </c>
      <c r="M25551" s="2" t="s">
        <v>64311</v>
      </c>
      <c r="N25551" s="5" t="s">
        <v>733</v>
      </c>
      <c r="O25551" s="5" t="s">
        <v>38</v>
      </c>
      <c r="P25551" s="5" t="s">
        <v>39</v>
      </c>
      <c r="Q25551" s="5" t="s">
        <v>40</v>
      </c>
      <c r="R25551" s="5" t="s">
        <v>897</v>
      </c>
      <c r="S25551" s="5" t="s">
        <v>40</v>
      </c>
      <c r="T25551" s="5" t="s">
        <v>42</v>
      </c>
      <c r="U25551" s="2">
        <v>43.072000000000003</v>
      </c>
      <c r="V25551" s="2">
        <v>38.076000000000001</v>
      </c>
      <c r="W25551" s="2">
        <v>0.20399999999999999</v>
      </c>
      <c r="X25551" s="2">
        <v>17</v>
      </c>
      <c r="Y25551" s="2">
        <v>144.69999999999999</v>
      </c>
      <c r="Z25551" s="2">
        <v>83</v>
      </c>
      <c r="AA25551" s="5">
        <v>7</v>
      </c>
      <c r="AB25551" s="5" t="s">
        <v>43</v>
      </c>
      <c r="AC25551" s="5" t="s">
        <v>735</v>
      </c>
      <c r="AD25551" s="2" t="s">
        <v>81988</v>
      </c>
      <c r="AE25551" s="1"/>
    </row>
    <row r="25552" spans="1:31" ht="14.45">
      <c r="A25552" s="11"/>
      <c r="B25552" s="20"/>
      <c r="C25552" s="2" t="s">
        <v>81989</v>
      </c>
      <c r="D25552" s="14" t="s">
        <v>81990</v>
      </c>
      <c r="E25552" s="2" t="s">
        <v>81991</v>
      </c>
      <c r="F25552" s="2" t="s">
        <v>81992</v>
      </c>
      <c r="G25552" s="8">
        <v>1011</v>
      </c>
      <c r="H25552" s="5">
        <v>5</v>
      </c>
      <c r="I25552" s="5" t="s">
        <v>69</v>
      </c>
      <c r="J25552" s="5" t="s">
        <v>64310</v>
      </c>
      <c r="K25552" s="2" t="s">
        <v>64311</v>
      </c>
      <c r="L25552" s="5" t="s">
        <v>64310</v>
      </c>
      <c r="M25552" s="2" t="s">
        <v>64311</v>
      </c>
      <c r="N25552" s="5" t="s">
        <v>733</v>
      </c>
      <c r="O25552" s="5" t="s">
        <v>38</v>
      </c>
      <c r="P25552" s="5" t="s">
        <v>39</v>
      </c>
      <c r="Q25552" s="5" t="s">
        <v>40</v>
      </c>
      <c r="R25552" s="5" t="s">
        <v>897</v>
      </c>
      <c r="S25552" s="5" t="s">
        <v>40</v>
      </c>
      <c r="T25552" s="5" t="s">
        <v>42</v>
      </c>
      <c r="U25552" s="2">
        <v>39.017000000000003</v>
      </c>
      <c r="V25552" s="2">
        <v>33.987000000000002</v>
      </c>
      <c r="W25552" s="2">
        <v>0.20399999999999999</v>
      </c>
      <c r="X25552" s="2">
        <v>17</v>
      </c>
      <c r="Y25552" s="2">
        <v>144.69999999999999</v>
      </c>
      <c r="Z25552" s="2">
        <v>83</v>
      </c>
      <c r="AA25552" s="5">
        <v>7</v>
      </c>
      <c r="AB25552" s="5" t="s">
        <v>43</v>
      </c>
      <c r="AC25552" s="5" t="s">
        <v>735</v>
      </c>
      <c r="AD25552" s="2" t="s">
        <v>81993</v>
      </c>
      <c r="AE25552" s="1"/>
    </row>
    <row r="25553" spans="1:31" ht="14.45">
      <c r="A25553" s="11"/>
      <c r="B25553" s="20"/>
      <c r="C25553" s="2" t="s">
        <v>81994</v>
      </c>
      <c r="D25553" s="14" t="s">
        <v>81995</v>
      </c>
      <c r="E25553" s="2" t="s">
        <v>81996</v>
      </c>
      <c r="F25553" s="2" t="s">
        <v>81997</v>
      </c>
      <c r="G25553" s="8">
        <v>1187</v>
      </c>
      <c r="H25553" s="5">
        <v>10</v>
      </c>
      <c r="I25553" s="5" t="s">
        <v>69</v>
      </c>
      <c r="J25553" s="5" t="s">
        <v>64310</v>
      </c>
      <c r="K25553" s="2" t="s">
        <v>64311</v>
      </c>
      <c r="L25553" s="5" t="s">
        <v>64310</v>
      </c>
      <c r="M25553" s="2" t="s">
        <v>64311</v>
      </c>
      <c r="N25553" s="5" t="s">
        <v>733</v>
      </c>
      <c r="O25553" s="5" t="s">
        <v>38</v>
      </c>
      <c r="P25553" s="5" t="s">
        <v>39</v>
      </c>
      <c r="Q25553" s="5" t="s">
        <v>40</v>
      </c>
      <c r="R25553" s="5" t="s">
        <v>897</v>
      </c>
      <c r="S25553" s="5" t="s">
        <v>40</v>
      </c>
      <c r="T25553" s="5" t="s">
        <v>42</v>
      </c>
      <c r="U25553" s="2">
        <v>43.046999999999997</v>
      </c>
      <c r="V25553" s="2">
        <v>38.051000000000002</v>
      </c>
      <c r="W25553" s="2">
        <v>0.20399999999999999</v>
      </c>
      <c r="X25553" s="2">
        <v>17</v>
      </c>
      <c r="Y25553" s="2">
        <v>144.69999999999999</v>
      </c>
      <c r="Z25553" s="2">
        <v>83</v>
      </c>
      <c r="AA25553" s="5">
        <v>7</v>
      </c>
      <c r="AB25553" s="5" t="s">
        <v>43</v>
      </c>
      <c r="AC25553" s="5" t="s">
        <v>735</v>
      </c>
      <c r="AD25553" s="2" t="s">
        <v>81998</v>
      </c>
      <c r="AE25553" s="1"/>
    </row>
    <row r="25554" spans="1:31" ht="14.45">
      <c r="A25554" s="11"/>
      <c r="B25554" s="20"/>
      <c r="C25554" s="2" t="s">
        <v>81999</v>
      </c>
      <c r="D25554" s="14" t="s">
        <v>82000</v>
      </c>
      <c r="E25554" s="2" t="s">
        <v>82001</v>
      </c>
      <c r="F25554" s="2" t="s">
        <v>82002</v>
      </c>
      <c r="G25554" s="8">
        <v>1655</v>
      </c>
      <c r="H25554" s="5">
        <v>10</v>
      </c>
      <c r="I25554" s="5" t="s">
        <v>69</v>
      </c>
      <c r="J25554" s="5" t="s">
        <v>64310</v>
      </c>
      <c r="K25554" s="2" t="s">
        <v>64311</v>
      </c>
      <c r="L25554" s="5" t="s">
        <v>64310</v>
      </c>
      <c r="M25554" s="2" t="s">
        <v>64311</v>
      </c>
      <c r="N25554" s="5" t="s">
        <v>733</v>
      </c>
      <c r="O25554" s="5" t="s">
        <v>38</v>
      </c>
      <c r="P25554" s="5" t="s">
        <v>39</v>
      </c>
      <c r="Q25554" s="5" t="s">
        <v>40</v>
      </c>
      <c r="R25554" s="5" t="s">
        <v>897</v>
      </c>
      <c r="S25554" s="5" t="s">
        <v>40</v>
      </c>
      <c r="T25554" s="5" t="s">
        <v>42</v>
      </c>
      <c r="U25554" s="2">
        <v>45.67</v>
      </c>
      <c r="V25554" s="2">
        <v>40.673999999999999</v>
      </c>
      <c r="W25554" s="2">
        <v>0.20399999999999999</v>
      </c>
      <c r="X25554" s="2">
        <v>17</v>
      </c>
      <c r="Y25554" s="2">
        <v>144.69999999999999</v>
      </c>
      <c r="Z25554" s="2">
        <v>83</v>
      </c>
      <c r="AA25554" s="5">
        <v>7</v>
      </c>
      <c r="AB25554" s="5" t="s">
        <v>43</v>
      </c>
      <c r="AC25554" s="5" t="s">
        <v>735</v>
      </c>
      <c r="AD25554" s="2" t="s">
        <v>82003</v>
      </c>
      <c r="AE25554" s="1"/>
    </row>
    <row r="25555" spans="1:31" ht="14.45">
      <c r="A25555" s="11"/>
      <c r="B25555" s="20"/>
      <c r="C25555" s="2" t="s">
        <v>82004</v>
      </c>
      <c r="D25555" s="14" t="s">
        <v>82005</v>
      </c>
      <c r="E25555" s="2" t="s">
        <v>82006</v>
      </c>
      <c r="F25555" s="2" t="s">
        <v>82007</v>
      </c>
      <c r="G25555" s="8">
        <v>1521</v>
      </c>
      <c r="H25555" s="5">
        <v>5</v>
      </c>
      <c r="I25555" s="5" t="s">
        <v>69</v>
      </c>
      <c r="J25555" s="5" t="s">
        <v>64310</v>
      </c>
      <c r="K25555" s="2" t="s">
        <v>64311</v>
      </c>
      <c r="L25555" s="5" t="s">
        <v>64310</v>
      </c>
      <c r="M25555" s="2" t="s">
        <v>64311</v>
      </c>
      <c r="N25555" s="5" t="s">
        <v>733</v>
      </c>
      <c r="O25555" s="5" t="s">
        <v>38</v>
      </c>
      <c r="P25555" s="5" t="s">
        <v>39</v>
      </c>
      <c r="Q25555" s="5" t="s">
        <v>40</v>
      </c>
      <c r="R25555" s="5" t="s">
        <v>897</v>
      </c>
      <c r="S25555" s="5" t="s">
        <v>40</v>
      </c>
      <c r="T25555" s="5" t="s">
        <v>42</v>
      </c>
      <c r="U25555" s="2">
        <v>60.677999999999997</v>
      </c>
      <c r="V25555" s="2">
        <v>55.953000000000003</v>
      </c>
      <c r="W25555" s="2">
        <v>0.27500000000000002</v>
      </c>
      <c r="X25555" s="2">
        <v>17</v>
      </c>
      <c r="Y25555" s="2">
        <v>144.69999999999999</v>
      </c>
      <c r="Z25555" s="2">
        <v>111.6</v>
      </c>
      <c r="AA25555" s="5">
        <v>7</v>
      </c>
      <c r="AB25555" s="5" t="s">
        <v>43</v>
      </c>
      <c r="AC25555" s="5" t="s">
        <v>735</v>
      </c>
      <c r="AD25555" s="2" t="s">
        <v>82008</v>
      </c>
      <c r="AE25555" s="1"/>
    </row>
    <row r="25556" spans="1:31" ht="14.45">
      <c r="A25556" s="11"/>
      <c r="B25556" s="20"/>
      <c r="C25556" s="2" t="s">
        <v>82009</v>
      </c>
      <c r="D25556" s="14" t="s">
        <v>82010</v>
      </c>
      <c r="E25556" s="2" t="s">
        <v>82011</v>
      </c>
      <c r="F25556" s="2" t="s">
        <v>82012</v>
      </c>
      <c r="G25556" s="8">
        <v>1121</v>
      </c>
      <c r="H25556" s="5">
        <v>5</v>
      </c>
      <c r="I25556" s="5" t="s">
        <v>69</v>
      </c>
      <c r="J25556" s="5" t="s">
        <v>64310</v>
      </c>
      <c r="K25556" s="2" t="s">
        <v>64311</v>
      </c>
      <c r="L25556" s="5" t="s">
        <v>64310</v>
      </c>
      <c r="M25556" s="2" t="s">
        <v>64311</v>
      </c>
      <c r="N25556" s="5" t="s">
        <v>733</v>
      </c>
      <c r="O25556" s="5" t="s">
        <v>38</v>
      </c>
      <c r="P25556" s="5" t="s">
        <v>39</v>
      </c>
      <c r="Q25556" s="5" t="s">
        <v>40</v>
      </c>
      <c r="R25556" s="5" t="s">
        <v>897</v>
      </c>
      <c r="S25556" s="5" t="s">
        <v>40</v>
      </c>
      <c r="T25556" s="5" t="s">
        <v>42</v>
      </c>
      <c r="U25556" s="2">
        <v>53.011000000000003</v>
      </c>
      <c r="V25556" s="2">
        <v>48.252000000000002</v>
      </c>
      <c r="W25556" s="2">
        <v>0.27500000000000002</v>
      </c>
      <c r="X25556" s="2">
        <v>17</v>
      </c>
      <c r="Y25556" s="2">
        <v>144.69999999999999</v>
      </c>
      <c r="Z25556" s="2">
        <v>111.6</v>
      </c>
      <c r="AA25556" s="5">
        <v>7</v>
      </c>
      <c r="AB25556" s="5" t="s">
        <v>43</v>
      </c>
      <c r="AC25556" s="5" t="s">
        <v>735</v>
      </c>
      <c r="AD25556" s="2" t="s">
        <v>82013</v>
      </c>
      <c r="AE25556" s="1"/>
    </row>
    <row r="25557" spans="1:31" ht="14.45">
      <c r="A25557" s="11"/>
      <c r="B25557" s="20"/>
      <c r="C25557" s="2" t="s">
        <v>82014</v>
      </c>
      <c r="D25557" s="14" t="s">
        <v>82015</v>
      </c>
      <c r="E25557" s="2" t="s">
        <v>82016</v>
      </c>
      <c r="F25557" s="2" t="s">
        <v>82017</v>
      </c>
      <c r="G25557" s="8">
        <v>1401</v>
      </c>
      <c r="H25557" s="5">
        <v>10</v>
      </c>
      <c r="I25557" s="5" t="s">
        <v>69</v>
      </c>
      <c r="J25557" s="5" t="s">
        <v>64310</v>
      </c>
      <c r="K25557" s="2" t="s">
        <v>64311</v>
      </c>
      <c r="L25557" s="5" t="s">
        <v>64310</v>
      </c>
      <c r="M25557" s="2" t="s">
        <v>64311</v>
      </c>
      <c r="N25557" s="5" t="s">
        <v>733</v>
      </c>
      <c r="O25557" s="5" t="s">
        <v>38</v>
      </c>
      <c r="P25557" s="5" t="s">
        <v>39</v>
      </c>
      <c r="Q25557" s="5" t="s">
        <v>40</v>
      </c>
      <c r="R25557" s="5" t="s">
        <v>897</v>
      </c>
      <c r="S25557" s="5" t="s">
        <v>40</v>
      </c>
      <c r="T25557" s="5" t="s">
        <v>42</v>
      </c>
      <c r="U25557" s="2">
        <v>60.631999999999998</v>
      </c>
      <c r="V25557" s="2">
        <v>55.906999999999996</v>
      </c>
      <c r="W25557" s="2">
        <v>0.27500000000000002</v>
      </c>
      <c r="X25557" s="2">
        <v>17</v>
      </c>
      <c r="Y25557" s="2">
        <v>144.69999999999999</v>
      </c>
      <c r="Z25557" s="2">
        <v>111.6</v>
      </c>
      <c r="AA25557" s="5">
        <v>7</v>
      </c>
      <c r="AB25557" s="5" t="s">
        <v>43</v>
      </c>
      <c r="AC25557" s="5" t="s">
        <v>735</v>
      </c>
      <c r="AD25557" s="2" t="s">
        <v>82018</v>
      </c>
      <c r="AE25557" s="1"/>
    </row>
    <row r="25558" spans="1:31" ht="14.45">
      <c r="A25558" s="11"/>
      <c r="B25558" s="20"/>
      <c r="C25558" s="2" t="s">
        <v>82019</v>
      </c>
      <c r="D25558" s="14" t="s">
        <v>82020</v>
      </c>
      <c r="E25558" s="2" t="s">
        <v>82021</v>
      </c>
      <c r="F25558" s="2" t="s">
        <v>82022</v>
      </c>
      <c r="G25558" s="8">
        <v>1989</v>
      </c>
      <c r="H25558" s="5">
        <v>10</v>
      </c>
      <c r="I25558" s="5" t="s">
        <v>69</v>
      </c>
      <c r="J25558" s="5" t="s">
        <v>64310</v>
      </c>
      <c r="K25558" s="2" t="s">
        <v>64311</v>
      </c>
      <c r="L25558" s="5" t="s">
        <v>64310</v>
      </c>
      <c r="M25558" s="2" t="s">
        <v>64311</v>
      </c>
      <c r="N25558" s="5" t="s">
        <v>733</v>
      </c>
      <c r="O25558" s="5" t="s">
        <v>38</v>
      </c>
      <c r="P25558" s="5" t="s">
        <v>39</v>
      </c>
      <c r="Q25558" s="5" t="s">
        <v>40</v>
      </c>
      <c r="R25558" s="5" t="s">
        <v>897</v>
      </c>
      <c r="S25558" s="5" t="s">
        <v>40</v>
      </c>
      <c r="T25558" s="5" t="s">
        <v>42</v>
      </c>
      <c r="U25558" s="2">
        <v>64.210999999999999</v>
      </c>
      <c r="V25558" s="2">
        <v>59.485999999999997</v>
      </c>
      <c r="W25558" s="2">
        <v>0.27500000000000002</v>
      </c>
      <c r="X25558" s="2">
        <v>17</v>
      </c>
      <c r="Y25558" s="2">
        <v>144.69999999999999</v>
      </c>
      <c r="Z25558" s="2">
        <v>111.6</v>
      </c>
      <c r="AA25558" s="5">
        <v>7</v>
      </c>
      <c r="AB25558" s="5" t="s">
        <v>43</v>
      </c>
      <c r="AC25558" s="5" t="s">
        <v>735</v>
      </c>
      <c r="AD25558" s="2" t="s">
        <v>82023</v>
      </c>
      <c r="AE25558" s="1"/>
    </row>
    <row r="25559" spans="1:31" ht="14.45">
      <c r="A25559" s="11"/>
      <c r="B25559" s="20"/>
      <c r="C25559" s="2" t="s">
        <v>82024</v>
      </c>
      <c r="D25559" s="14" t="s">
        <v>82025</v>
      </c>
      <c r="E25559" s="2" t="s">
        <v>82026</v>
      </c>
      <c r="F25559" s="2" t="s">
        <v>82027</v>
      </c>
      <c r="G25559" s="8">
        <v>1869</v>
      </c>
      <c r="H25559" s="5">
        <v>10</v>
      </c>
      <c r="I25559" s="5" t="s">
        <v>69</v>
      </c>
      <c r="J25559" s="5" t="s">
        <v>64310</v>
      </c>
      <c r="K25559" s="2" t="s">
        <v>64311</v>
      </c>
      <c r="L25559" s="5" t="s">
        <v>64310</v>
      </c>
      <c r="M25559" s="2" t="s">
        <v>64311</v>
      </c>
      <c r="N25559" s="5" t="s">
        <v>733</v>
      </c>
      <c r="O25559" s="5" t="s">
        <v>38</v>
      </c>
      <c r="P25559" s="5" t="s">
        <v>39</v>
      </c>
      <c r="Q25559" s="5" t="s">
        <v>40</v>
      </c>
      <c r="R25559" s="5" t="s">
        <v>897</v>
      </c>
      <c r="S25559" s="5" t="s">
        <v>40</v>
      </c>
      <c r="T25559" s="5" t="s">
        <v>42</v>
      </c>
      <c r="U25559" s="2">
        <v>64.165000000000006</v>
      </c>
      <c r="V25559" s="2">
        <v>59.44</v>
      </c>
      <c r="W25559" s="2">
        <v>0.27500000000000002</v>
      </c>
      <c r="X25559" s="2">
        <v>17</v>
      </c>
      <c r="Y25559" s="2">
        <v>144.69999999999999</v>
      </c>
      <c r="Z25559" s="2">
        <v>111.6</v>
      </c>
      <c r="AA25559" s="5">
        <v>7</v>
      </c>
      <c r="AB25559" s="5" t="s">
        <v>43</v>
      </c>
      <c r="AC25559" s="5" t="s">
        <v>735</v>
      </c>
      <c r="AD25559" s="2" t="s">
        <v>82028</v>
      </c>
      <c r="AE25559" s="1"/>
    </row>
    <row r="25560" spans="1:31" ht="14.45">
      <c r="A25560" s="11"/>
      <c r="B25560" s="20"/>
      <c r="C25560" s="2" t="s">
        <v>82029</v>
      </c>
      <c r="D25560" s="14" t="s">
        <v>82030</v>
      </c>
      <c r="E25560" s="2" t="s">
        <v>82031</v>
      </c>
      <c r="F25560" s="2" t="s">
        <v>82032</v>
      </c>
      <c r="G25560" s="8">
        <v>1231</v>
      </c>
      <c r="H25560" s="5">
        <v>5</v>
      </c>
      <c r="I25560" s="5" t="s">
        <v>69</v>
      </c>
      <c r="J25560" s="5" t="s">
        <v>64310</v>
      </c>
      <c r="K25560" s="2" t="s">
        <v>64311</v>
      </c>
      <c r="L25560" s="5" t="s">
        <v>64310</v>
      </c>
      <c r="M25560" s="2" t="s">
        <v>64311</v>
      </c>
      <c r="N25560" s="5" t="s">
        <v>733</v>
      </c>
      <c r="O25560" s="5" t="s">
        <v>38</v>
      </c>
      <c r="P25560" s="5" t="s">
        <v>39</v>
      </c>
      <c r="Q25560" s="5" t="s">
        <v>40</v>
      </c>
      <c r="R25560" s="5" t="s">
        <v>897</v>
      </c>
      <c r="S25560" s="5" t="s">
        <v>40</v>
      </c>
      <c r="T25560" s="5" t="s">
        <v>42</v>
      </c>
      <c r="U25560" s="2">
        <v>62.048000000000002</v>
      </c>
      <c r="V25560" s="2">
        <v>56.735999999999997</v>
      </c>
      <c r="W25560" s="2">
        <v>0.313</v>
      </c>
      <c r="X25560" s="2">
        <v>17</v>
      </c>
      <c r="Y25560" s="2">
        <v>144.69999999999999</v>
      </c>
      <c r="Z25560" s="2">
        <v>131.6</v>
      </c>
      <c r="AA25560" s="5">
        <v>7</v>
      </c>
      <c r="AB25560" s="5" t="s">
        <v>43</v>
      </c>
      <c r="AC25560" s="5" t="s">
        <v>735</v>
      </c>
      <c r="AD25560" s="2" t="s">
        <v>82033</v>
      </c>
      <c r="AE25560" s="1"/>
    </row>
    <row r="25561" spans="1:31" ht="14.45">
      <c r="A25561" s="11"/>
      <c r="B25561" s="20"/>
      <c r="C25561" s="2" t="s">
        <v>82034</v>
      </c>
      <c r="D25561" s="14" t="s">
        <v>82035</v>
      </c>
      <c r="E25561" s="2" t="s">
        <v>82036</v>
      </c>
      <c r="F25561" s="2" t="s">
        <v>82037</v>
      </c>
      <c r="G25561" s="8">
        <v>1572</v>
      </c>
      <c r="H25561" s="5">
        <v>5</v>
      </c>
      <c r="I25561" s="5" t="s">
        <v>69</v>
      </c>
      <c r="J25561" s="5" t="s">
        <v>64310</v>
      </c>
      <c r="K25561" s="2" t="s">
        <v>64311</v>
      </c>
      <c r="L25561" s="5" t="s">
        <v>64310</v>
      </c>
      <c r="M25561" s="2" t="s">
        <v>64311</v>
      </c>
      <c r="N25561" s="5" t="s">
        <v>733</v>
      </c>
      <c r="O25561" s="5" t="s">
        <v>38</v>
      </c>
      <c r="P25561" s="5" t="s">
        <v>39</v>
      </c>
      <c r="Q25561" s="5" t="s">
        <v>40</v>
      </c>
      <c r="R25561" s="5" t="s">
        <v>897</v>
      </c>
      <c r="S25561" s="5" t="s">
        <v>40</v>
      </c>
      <c r="T25561" s="5" t="s">
        <v>42</v>
      </c>
      <c r="U25561" s="2">
        <v>71.355000000000004</v>
      </c>
      <c r="V25561" s="2">
        <v>66.076999999999998</v>
      </c>
      <c r="W25561" s="2">
        <v>0.32400000000000001</v>
      </c>
      <c r="X25561" s="2">
        <v>17</v>
      </c>
      <c r="Y25561" s="2">
        <v>144.69999999999999</v>
      </c>
      <c r="Z25561" s="2">
        <v>131.6</v>
      </c>
      <c r="AA25561" s="5">
        <v>7</v>
      </c>
      <c r="AB25561" s="5" t="s">
        <v>43</v>
      </c>
      <c r="AC25561" s="5" t="s">
        <v>735</v>
      </c>
      <c r="AD25561" s="2" t="s">
        <v>82038</v>
      </c>
      <c r="AE25561" s="1"/>
    </row>
    <row r="25562" spans="1:31" ht="14.45">
      <c r="A25562" s="11"/>
      <c r="B25562" s="20"/>
      <c r="C25562" s="2" t="s">
        <v>82039</v>
      </c>
      <c r="D25562" s="14" t="s">
        <v>82040</v>
      </c>
      <c r="E25562" s="2" t="s">
        <v>82041</v>
      </c>
      <c r="F25562" s="2" t="s">
        <v>82042</v>
      </c>
      <c r="G25562" s="8">
        <v>1231</v>
      </c>
      <c r="H25562" s="5">
        <v>5</v>
      </c>
      <c r="I25562" s="5" t="s">
        <v>69</v>
      </c>
      <c r="J25562" s="5" t="s">
        <v>64310</v>
      </c>
      <c r="K25562" s="2" t="s">
        <v>64311</v>
      </c>
      <c r="L25562" s="5" t="s">
        <v>64310</v>
      </c>
      <c r="M25562" s="2" t="s">
        <v>64311</v>
      </c>
      <c r="N25562" s="5" t="s">
        <v>733</v>
      </c>
      <c r="O25562" s="5" t="s">
        <v>38</v>
      </c>
      <c r="P25562" s="5" t="s">
        <v>39</v>
      </c>
      <c r="Q25562" s="5" t="s">
        <v>40</v>
      </c>
      <c r="R25562" s="5" t="s">
        <v>897</v>
      </c>
      <c r="S25562" s="5" t="s">
        <v>40</v>
      </c>
      <c r="T25562" s="5" t="s">
        <v>42</v>
      </c>
      <c r="U25562" s="2">
        <v>71.730999999999995</v>
      </c>
      <c r="V25562" s="2">
        <v>65.671999999999997</v>
      </c>
      <c r="W25562" s="2">
        <v>0.36699999999999999</v>
      </c>
      <c r="X25562" s="2">
        <v>17</v>
      </c>
      <c r="Y25562" s="2">
        <v>144.69999999999999</v>
      </c>
      <c r="Z25562" s="2">
        <v>153.6</v>
      </c>
      <c r="AA25562" s="5">
        <v>7</v>
      </c>
      <c r="AB25562" s="5" t="s">
        <v>43</v>
      </c>
      <c r="AC25562" s="5" t="s">
        <v>735</v>
      </c>
      <c r="AD25562" s="2" t="s">
        <v>82043</v>
      </c>
      <c r="AE25562" s="1"/>
    </row>
    <row r="25563" spans="1:31" ht="14.45">
      <c r="A25563" s="11"/>
      <c r="B25563" s="20"/>
      <c r="C25563" s="2" t="s">
        <v>82044</v>
      </c>
      <c r="D25563" s="14" t="s">
        <v>82045</v>
      </c>
      <c r="E25563" s="2" t="s">
        <v>82046</v>
      </c>
      <c r="F25563" s="2" t="s">
        <v>82047</v>
      </c>
      <c r="G25563" s="8">
        <v>1637</v>
      </c>
      <c r="H25563" s="5">
        <v>5</v>
      </c>
      <c r="I25563" s="5" t="s">
        <v>69</v>
      </c>
      <c r="J25563" s="5" t="s">
        <v>64310</v>
      </c>
      <c r="K25563" s="2" t="s">
        <v>64311</v>
      </c>
      <c r="L25563" s="5" t="s">
        <v>64310</v>
      </c>
      <c r="M25563" s="2" t="s">
        <v>64311</v>
      </c>
      <c r="N25563" s="5" t="s">
        <v>733</v>
      </c>
      <c r="O25563" s="5" t="s">
        <v>38</v>
      </c>
      <c r="P25563" s="5" t="s">
        <v>39</v>
      </c>
      <c r="Q25563" s="5" t="s">
        <v>40</v>
      </c>
      <c r="R25563" s="5" t="s">
        <v>897</v>
      </c>
      <c r="S25563" s="5" t="s">
        <v>40</v>
      </c>
      <c r="T25563" s="5" t="s">
        <v>42</v>
      </c>
      <c r="U25563" s="2">
        <v>83.007000000000005</v>
      </c>
      <c r="V25563" s="2">
        <v>76.981999999999999</v>
      </c>
      <c r="W25563" s="2">
        <v>0.378</v>
      </c>
      <c r="X25563" s="2">
        <v>17</v>
      </c>
      <c r="Y25563" s="2">
        <v>144.69999999999999</v>
      </c>
      <c r="Z25563" s="2">
        <v>153.6</v>
      </c>
      <c r="AA25563" s="5">
        <v>7</v>
      </c>
      <c r="AB25563" s="5" t="s">
        <v>43</v>
      </c>
      <c r="AC25563" s="5" t="s">
        <v>735</v>
      </c>
      <c r="AD25563" s="2" t="s">
        <v>82048</v>
      </c>
      <c r="AE25563" s="1"/>
    </row>
    <row r="25564" spans="1:31" ht="14.45">
      <c r="A25564" s="11"/>
      <c r="B25564" s="20"/>
      <c r="C25564" s="2" t="s">
        <v>82049</v>
      </c>
      <c r="D25564" s="14" t="s">
        <v>82050</v>
      </c>
      <c r="E25564" s="2" t="s">
        <v>82051</v>
      </c>
      <c r="F25564" s="2" t="s">
        <v>82052</v>
      </c>
      <c r="G25564" s="8">
        <v>1312</v>
      </c>
      <c r="H25564" s="5">
        <v>5</v>
      </c>
      <c r="I25564" s="5" t="s">
        <v>69</v>
      </c>
      <c r="J25564" s="5" t="s">
        <v>80336</v>
      </c>
      <c r="K25564" s="2" t="s">
        <v>80337</v>
      </c>
      <c r="L25564" s="5" t="s">
        <v>80336</v>
      </c>
      <c r="M25564" s="2" t="s">
        <v>80337</v>
      </c>
      <c r="N25564" s="5" t="s">
        <v>733</v>
      </c>
      <c r="O25564" s="5" t="s">
        <v>38</v>
      </c>
      <c r="P25564" s="5" t="s">
        <v>39</v>
      </c>
      <c r="Q25564" s="5" t="s">
        <v>40</v>
      </c>
      <c r="R25564" s="5" t="s">
        <v>897</v>
      </c>
      <c r="S25564" s="5" t="s">
        <v>40</v>
      </c>
      <c r="T25564" s="5" t="s">
        <v>42</v>
      </c>
      <c r="U25564" s="2">
        <v>52.316000000000003</v>
      </c>
      <c r="V25564" s="2">
        <v>48.4</v>
      </c>
      <c r="W25564" s="2">
        <v>0.20799999999999999</v>
      </c>
      <c r="X25564" s="2">
        <v>17.100000000000001</v>
      </c>
      <c r="Y25564" s="2">
        <v>96.2</v>
      </c>
      <c r="Z25564" s="2">
        <v>126.7</v>
      </c>
      <c r="AA25564" s="5">
        <v>7</v>
      </c>
      <c r="AB25564" s="5" t="s">
        <v>43</v>
      </c>
      <c r="AC25564" s="5" t="s">
        <v>735</v>
      </c>
      <c r="AD25564" s="2" t="s">
        <v>82053</v>
      </c>
      <c r="AE25564" s="1"/>
    </row>
    <row r="25565" spans="1:31" ht="14.45">
      <c r="A25565" s="11"/>
      <c r="B25565" s="20"/>
      <c r="C25565" s="2" t="s">
        <v>82054</v>
      </c>
      <c r="D25565" s="14" t="s">
        <v>82055</v>
      </c>
      <c r="E25565" s="2" t="s">
        <v>82056</v>
      </c>
      <c r="F25565" s="2" t="s">
        <v>82052</v>
      </c>
      <c r="G25565" s="8">
        <v>1370</v>
      </c>
      <c r="H25565" s="5">
        <v>5</v>
      </c>
      <c r="I25565" s="5" t="s">
        <v>69</v>
      </c>
      <c r="J25565" s="5" t="s">
        <v>80336</v>
      </c>
      <c r="K25565" s="2" t="s">
        <v>80337</v>
      </c>
      <c r="L25565" s="5" t="s">
        <v>80336</v>
      </c>
      <c r="M25565" s="2" t="s">
        <v>80337</v>
      </c>
      <c r="N25565" s="5" t="s">
        <v>733</v>
      </c>
      <c r="O25565" s="5" t="s">
        <v>38</v>
      </c>
      <c r="P25565" s="5" t="s">
        <v>39</v>
      </c>
      <c r="Q25565" s="5" t="s">
        <v>40</v>
      </c>
      <c r="R25565" s="5" t="s">
        <v>897</v>
      </c>
      <c r="S25565" s="5" t="s">
        <v>40</v>
      </c>
      <c r="T25565" s="5" t="s">
        <v>42</v>
      </c>
      <c r="U25565" s="2">
        <v>63.106999999999999</v>
      </c>
      <c r="V25565" s="2">
        <v>58.521999999999998</v>
      </c>
      <c r="W25565" s="2">
        <v>0.252</v>
      </c>
      <c r="X25565" s="2">
        <v>17.100000000000001</v>
      </c>
      <c r="Y25565" s="2">
        <v>116.2</v>
      </c>
      <c r="Z25565" s="2">
        <v>126.7</v>
      </c>
      <c r="AA25565" s="5">
        <v>7</v>
      </c>
      <c r="AB25565" s="5" t="s">
        <v>43</v>
      </c>
      <c r="AC25565" s="5" t="s">
        <v>735</v>
      </c>
      <c r="AD25565" s="2" t="s">
        <v>82057</v>
      </c>
      <c r="AE25565" s="1"/>
    </row>
    <row r="25566" spans="1:31" ht="14.45">
      <c r="A25566" s="11"/>
      <c r="B25566" s="20"/>
      <c r="C25566" s="2" t="s">
        <v>82058</v>
      </c>
      <c r="D25566" s="14" t="s">
        <v>82059</v>
      </c>
      <c r="E25566" s="2" t="s">
        <v>82060</v>
      </c>
      <c r="F25566" s="2" t="s">
        <v>82052</v>
      </c>
      <c r="G25566" s="8">
        <v>1562</v>
      </c>
      <c r="H25566" s="5">
        <v>5</v>
      </c>
      <c r="I25566" s="5" t="s">
        <v>69</v>
      </c>
      <c r="J25566" s="5" t="s">
        <v>80336</v>
      </c>
      <c r="K25566" s="2" t="s">
        <v>80337</v>
      </c>
      <c r="L25566" s="5" t="s">
        <v>80336</v>
      </c>
      <c r="M25566" s="2" t="s">
        <v>80337</v>
      </c>
      <c r="N25566" s="5" t="s">
        <v>733</v>
      </c>
      <c r="O25566" s="5" t="s">
        <v>38</v>
      </c>
      <c r="P25566" s="5" t="s">
        <v>39</v>
      </c>
      <c r="Q25566" s="5" t="s">
        <v>40</v>
      </c>
      <c r="R25566" s="5" t="s">
        <v>897</v>
      </c>
      <c r="S25566" s="5" t="s">
        <v>40</v>
      </c>
      <c r="T25566" s="5" t="s">
        <v>42</v>
      </c>
      <c r="U25566" s="2">
        <v>80.787000000000006</v>
      </c>
      <c r="V25566" s="2">
        <v>75.167000000000002</v>
      </c>
      <c r="W25566" s="2">
        <v>0.317</v>
      </c>
      <c r="X25566" s="2">
        <v>17.100000000000001</v>
      </c>
      <c r="Y25566" s="2">
        <v>116.2</v>
      </c>
      <c r="Z25566" s="2">
        <v>159.69999999999999</v>
      </c>
      <c r="AA25566" s="5">
        <v>7</v>
      </c>
      <c r="AB25566" s="5" t="s">
        <v>43</v>
      </c>
      <c r="AC25566" s="5" t="s">
        <v>735</v>
      </c>
      <c r="AD25566" s="2" t="s">
        <v>82061</v>
      </c>
      <c r="AE25566" s="1"/>
    </row>
    <row r="25567" spans="1:31" ht="14.45">
      <c r="A25567" s="11"/>
      <c r="B25567" s="20"/>
      <c r="C25567" s="2" t="s">
        <v>82062</v>
      </c>
      <c r="D25567" s="14" t="s">
        <v>82063</v>
      </c>
      <c r="E25567" s="2" t="s">
        <v>82064</v>
      </c>
      <c r="F25567" s="2" t="s">
        <v>82065</v>
      </c>
      <c r="G25567" s="8">
        <v>805</v>
      </c>
      <c r="H25567" s="5">
        <v>5</v>
      </c>
      <c r="I25567" s="5" t="s">
        <v>69</v>
      </c>
      <c r="J25567" s="5" t="s">
        <v>80336</v>
      </c>
      <c r="K25567" s="2" t="s">
        <v>80337</v>
      </c>
      <c r="L25567" s="5" t="s">
        <v>80336</v>
      </c>
      <c r="M25567" s="2" t="s">
        <v>80337</v>
      </c>
      <c r="N25567" s="5" t="s">
        <v>733</v>
      </c>
      <c r="O25567" s="5" t="s">
        <v>38</v>
      </c>
      <c r="P25567" s="5" t="s">
        <v>39</v>
      </c>
      <c r="Q25567" s="5" t="s">
        <v>40</v>
      </c>
      <c r="R25567" s="5" t="s">
        <v>897</v>
      </c>
      <c r="S25567" s="5" t="s">
        <v>40</v>
      </c>
      <c r="T25567" s="5" t="s">
        <v>42</v>
      </c>
      <c r="U25567" s="2">
        <v>41.676000000000002</v>
      </c>
      <c r="V25567" s="2">
        <v>38.371000000000002</v>
      </c>
      <c r="W25567" s="2">
        <v>0.154</v>
      </c>
      <c r="X25567" s="2">
        <v>17.100000000000001</v>
      </c>
      <c r="Y25567" s="2">
        <v>76.099999999999994</v>
      </c>
      <c r="Z25567" s="2">
        <v>118.5</v>
      </c>
      <c r="AA25567" s="5">
        <v>7</v>
      </c>
      <c r="AB25567" s="5" t="s">
        <v>43</v>
      </c>
      <c r="AC25567" s="5" t="s">
        <v>735</v>
      </c>
      <c r="AD25567" s="2" t="s">
        <v>82066</v>
      </c>
      <c r="AE25567" s="1"/>
    </row>
    <row r="25568" spans="1:31" ht="14.45">
      <c r="A25568" s="11"/>
      <c r="B25568" s="20"/>
      <c r="C25568" s="2" t="s">
        <v>82067</v>
      </c>
      <c r="D25568" s="14" t="s">
        <v>82068</v>
      </c>
      <c r="E25568" s="2" t="s">
        <v>82069</v>
      </c>
      <c r="F25568" s="2" t="s">
        <v>82070</v>
      </c>
      <c r="G25568" s="8">
        <v>910</v>
      </c>
      <c r="H25568" s="5">
        <v>5</v>
      </c>
      <c r="I25568" s="5" t="s">
        <v>69</v>
      </c>
      <c r="J25568" s="5" t="s">
        <v>80336</v>
      </c>
      <c r="K25568" s="2" t="s">
        <v>80337</v>
      </c>
      <c r="L25568" s="5" t="s">
        <v>80336</v>
      </c>
      <c r="M25568" s="2" t="s">
        <v>80337</v>
      </c>
      <c r="N25568" s="5" t="s">
        <v>733</v>
      </c>
      <c r="O25568" s="5" t="s">
        <v>38</v>
      </c>
      <c r="P25568" s="5" t="s">
        <v>39</v>
      </c>
      <c r="Q25568" s="5" t="s">
        <v>40</v>
      </c>
      <c r="R25568" s="5" t="s">
        <v>897</v>
      </c>
      <c r="S25568" s="5" t="s">
        <v>40</v>
      </c>
      <c r="T25568" s="5" t="s">
        <v>42</v>
      </c>
      <c r="U25568" s="2">
        <v>49.328000000000003</v>
      </c>
      <c r="V25568" s="2">
        <v>45.576000000000001</v>
      </c>
      <c r="W25568" s="2">
        <v>0.187</v>
      </c>
      <c r="X25568" s="2">
        <v>17.100000000000001</v>
      </c>
      <c r="Y25568" s="2">
        <v>78.8</v>
      </c>
      <c r="Z25568" s="2">
        <v>138.5</v>
      </c>
      <c r="AA25568" s="5">
        <v>7</v>
      </c>
      <c r="AB25568" s="5" t="s">
        <v>43</v>
      </c>
      <c r="AC25568" s="5" t="s">
        <v>735</v>
      </c>
      <c r="AD25568" s="2" t="s">
        <v>82071</v>
      </c>
      <c r="AE25568" s="1"/>
    </row>
    <row r="25569" spans="1:31" ht="14.45">
      <c r="A25569" s="11"/>
      <c r="B25569" s="20"/>
      <c r="C25569" s="2" t="s">
        <v>82072</v>
      </c>
      <c r="D25569" s="14" t="s">
        <v>82073</v>
      </c>
      <c r="E25569" s="2" t="s">
        <v>82074</v>
      </c>
      <c r="F25569" s="2" t="s">
        <v>82075</v>
      </c>
      <c r="G25569" s="8">
        <v>872</v>
      </c>
      <c r="H25569" s="5">
        <v>5</v>
      </c>
      <c r="I25569" s="5" t="s">
        <v>69</v>
      </c>
      <c r="J25569" s="5" t="s">
        <v>80336</v>
      </c>
      <c r="K25569" s="2" t="s">
        <v>80337</v>
      </c>
      <c r="L25569" s="5" t="s">
        <v>80336</v>
      </c>
      <c r="M25569" s="2" t="s">
        <v>80337</v>
      </c>
      <c r="N25569" s="5" t="s">
        <v>733</v>
      </c>
      <c r="O25569" s="5" t="s">
        <v>38</v>
      </c>
      <c r="P25569" s="5" t="s">
        <v>39</v>
      </c>
      <c r="Q25569" s="5" t="s">
        <v>40</v>
      </c>
      <c r="R25569" s="5" t="s">
        <v>897</v>
      </c>
      <c r="S25569" s="5" t="s">
        <v>40</v>
      </c>
      <c r="T25569" s="5" t="s">
        <v>42</v>
      </c>
      <c r="U25569" s="2">
        <v>45.923999999999999</v>
      </c>
      <c r="V25569" s="2">
        <v>42.314</v>
      </c>
      <c r="W25569" s="2">
        <v>0.17399999999999999</v>
      </c>
      <c r="X25569" s="2">
        <v>17.100000000000001</v>
      </c>
      <c r="Y25569" s="2">
        <v>86.1</v>
      </c>
      <c r="Z25569" s="2">
        <v>118.5</v>
      </c>
      <c r="AA25569" s="5">
        <v>7</v>
      </c>
      <c r="AB25569" s="5" t="s">
        <v>43</v>
      </c>
      <c r="AC25569" s="5" t="s">
        <v>735</v>
      </c>
      <c r="AD25569" s="2" t="s">
        <v>82076</v>
      </c>
      <c r="AE25569" s="1"/>
    </row>
    <row r="25570" spans="1:31" ht="14.45">
      <c r="A25570" s="11"/>
      <c r="B25570" s="20"/>
      <c r="C25570" s="2" t="s">
        <v>82077</v>
      </c>
      <c r="D25570" s="14" t="s">
        <v>82078</v>
      </c>
      <c r="E25570" s="2" t="s">
        <v>82079</v>
      </c>
      <c r="F25570" s="2" t="s">
        <v>82080</v>
      </c>
      <c r="G25570" s="8">
        <v>958</v>
      </c>
      <c r="H25570" s="5">
        <v>5</v>
      </c>
      <c r="I25570" s="5" t="s">
        <v>69</v>
      </c>
      <c r="J25570" s="5" t="s">
        <v>80336</v>
      </c>
      <c r="K25570" s="2" t="s">
        <v>80337</v>
      </c>
      <c r="L25570" s="5" t="s">
        <v>80336</v>
      </c>
      <c r="M25570" s="2" t="s">
        <v>80337</v>
      </c>
      <c r="N25570" s="5" t="s">
        <v>733</v>
      </c>
      <c r="O25570" s="5" t="s">
        <v>38</v>
      </c>
      <c r="P25570" s="5" t="s">
        <v>39</v>
      </c>
      <c r="Q25570" s="5" t="s">
        <v>40</v>
      </c>
      <c r="R25570" s="5" t="s">
        <v>897</v>
      </c>
      <c r="S25570" s="5" t="s">
        <v>40</v>
      </c>
      <c r="T25570" s="5" t="s">
        <v>42</v>
      </c>
      <c r="U25570" s="2">
        <v>53.710999999999999</v>
      </c>
      <c r="V25570" s="2">
        <v>49.646999999999998</v>
      </c>
      <c r="W25570" s="2">
        <v>0.20399999999999999</v>
      </c>
      <c r="X25570" s="2">
        <v>17.100000000000001</v>
      </c>
      <c r="Y25570" s="2">
        <v>86.1</v>
      </c>
      <c r="Z25570" s="2">
        <v>138.5</v>
      </c>
      <c r="AA25570" s="5">
        <v>7</v>
      </c>
      <c r="AB25570" s="5" t="s">
        <v>43</v>
      </c>
      <c r="AC25570" s="5" t="s">
        <v>735</v>
      </c>
      <c r="AD25570" s="2" t="s">
        <v>82081</v>
      </c>
      <c r="AE25570" s="1"/>
    </row>
    <row r="25571" spans="1:31" ht="14.45">
      <c r="A25571" s="11"/>
      <c r="B25571" s="20"/>
      <c r="C25571" s="2" t="s">
        <v>82082</v>
      </c>
      <c r="D25571" s="14" t="s">
        <v>82083</v>
      </c>
      <c r="E25571" s="2" t="s">
        <v>82084</v>
      </c>
      <c r="F25571" s="2" t="s">
        <v>82085</v>
      </c>
      <c r="G25571" s="8">
        <v>1035</v>
      </c>
      <c r="H25571" s="5">
        <v>5</v>
      </c>
      <c r="I25571" s="5" t="s">
        <v>69</v>
      </c>
      <c r="J25571" s="5" t="s">
        <v>80336</v>
      </c>
      <c r="K25571" s="2" t="s">
        <v>80337</v>
      </c>
      <c r="L25571" s="5" t="s">
        <v>80336</v>
      </c>
      <c r="M25571" s="2" t="s">
        <v>80337</v>
      </c>
      <c r="N25571" s="5" t="s">
        <v>733</v>
      </c>
      <c r="O25571" s="5" t="s">
        <v>38</v>
      </c>
      <c r="P25571" s="5" t="s">
        <v>39</v>
      </c>
      <c r="Q25571" s="5" t="s">
        <v>40</v>
      </c>
      <c r="R25571" s="5" t="s">
        <v>897</v>
      </c>
      <c r="S25571" s="5" t="s">
        <v>40</v>
      </c>
      <c r="T25571" s="5" t="s">
        <v>42</v>
      </c>
      <c r="U25571" s="2">
        <v>61.343000000000004</v>
      </c>
      <c r="V25571" s="2">
        <v>56.805999999999997</v>
      </c>
      <c r="W25571" s="2">
        <v>0.23300000000000001</v>
      </c>
      <c r="X25571" s="2">
        <v>17.100000000000001</v>
      </c>
      <c r="Y25571" s="2">
        <v>86.1</v>
      </c>
      <c r="Z25571" s="2">
        <v>158.5</v>
      </c>
      <c r="AA25571" s="5">
        <v>7</v>
      </c>
      <c r="AB25571" s="5" t="s">
        <v>43</v>
      </c>
      <c r="AC25571" s="5" t="s">
        <v>735</v>
      </c>
      <c r="AD25571" s="2" t="s">
        <v>82086</v>
      </c>
      <c r="AE25571" s="1"/>
    </row>
    <row r="25572" spans="1:31" ht="14.45">
      <c r="A25572" s="11"/>
      <c r="B25572" s="20"/>
      <c r="C25572" s="2" t="s">
        <v>82087</v>
      </c>
      <c r="D25572" s="14" t="s">
        <v>82088</v>
      </c>
      <c r="E25572" s="2" t="s">
        <v>82089</v>
      </c>
      <c r="F25572" s="2" t="s">
        <v>82090</v>
      </c>
      <c r="G25572" s="8">
        <v>1073</v>
      </c>
      <c r="H25572" s="5">
        <v>5</v>
      </c>
      <c r="I25572" s="5" t="s">
        <v>69</v>
      </c>
      <c r="J25572" s="5" t="s">
        <v>80336</v>
      </c>
      <c r="K25572" s="2" t="s">
        <v>80337</v>
      </c>
      <c r="L25572" s="5" t="s">
        <v>80336</v>
      </c>
      <c r="M25572" s="2" t="s">
        <v>80337</v>
      </c>
      <c r="N25572" s="5" t="s">
        <v>733</v>
      </c>
      <c r="O25572" s="5" t="s">
        <v>38</v>
      </c>
      <c r="P25572" s="5" t="s">
        <v>39</v>
      </c>
      <c r="Q25572" s="5" t="s">
        <v>40</v>
      </c>
      <c r="R25572" s="5" t="s">
        <v>897</v>
      </c>
      <c r="S25572" s="5" t="s">
        <v>40</v>
      </c>
      <c r="T25572" s="5" t="s">
        <v>42</v>
      </c>
      <c r="U25572" s="2">
        <v>63.357999999999997</v>
      </c>
      <c r="V25572" s="2">
        <v>59.134999999999998</v>
      </c>
      <c r="W25572" s="2">
        <v>0.248</v>
      </c>
      <c r="X25572" s="2">
        <v>17.100000000000001</v>
      </c>
      <c r="Y25572" s="2">
        <v>104.8</v>
      </c>
      <c r="Z25572" s="2">
        <v>138.5</v>
      </c>
      <c r="AA25572" s="5">
        <v>7</v>
      </c>
      <c r="AB25572" s="5" t="s">
        <v>43</v>
      </c>
      <c r="AC25572" s="5" t="s">
        <v>735</v>
      </c>
      <c r="AD25572" s="2" t="s">
        <v>82091</v>
      </c>
      <c r="AE25572" s="1"/>
    </row>
    <row r="25573" spans="1:31" ht="14.45">
      <c r="A25573" s="11"/>
      <c r="B25573" s="20"/>
      <c r="C25573" s="2" t="s">
        <v>82092</v>
      </c>
      <c r="D25573" s="14" t="s">
        <v>82093</v>
      </c>
      <c r="E25573" s="2" t="s">
        <v>82094</v>
      </c>
      <c r="F25573" s="2" t="s">
        <v>82095</v>
      </c>
      <c r="G25573" s="8">
        <v>1169</v>
      </c>
      <c r="H25573" s="5">
        <v>5</v>
      </c>
      <c r="I25573" s="5" t="s">
        <v>69</v>
      </c>
      <c r="J25573" s="5" t="s">
        <v>80336</v>
      </c>
      <c r="K25573" s="2" t="s">
        <v>80337</v>
      </c>
      <c r="L25573" s="5" t="s">
        <v>80336</v>
      </c>
      <c r="M25573" s="2" t="s">
        <v>80337</v>
      </c>
      <c r="N25573" s="5" t="s">
        <v>733</v>
      </c>
      <c r="O25573" s="5" t="s">
        <v>38</v>
      </c>
      <c r="P25573" s="5" t="s">
        <v>39</v>
      </c>
      <c r="Q25573" s="5" t="s">
        <v>40</v>
      </c>
      <c r="R25573" s="5" t="s">
        <v>897</v>
      </c>
      <c r="S25573" s="5" t="s">
        <v>40</v>
      </c>
      <c r="T25573" s="5" t="s">
        <v>42</v>
      </c>
      <c r="U25573" s="2">
        <v>72.492999999999995</v>
      </c>
      <c r="V25573" s="2">
        <v>67.790999999999997</v>
      </c>
      <c r="W25573" s="2">
        <v>0.28399999999999997</v>
      </c>
      <c r="X25573" s="2">
        <v>17.100000000000001</v>
      </c>
      <c r="Y25573" s="2">
        <v>104.8</v>
      </c>
      <c r="Z25573" s="2">
        <v>158.5</v>
      </c>
      <c r="AA25573" s="5">
        <v>7</v>
      </c>
      <c r="AB25573" s="5" t="s">
        <v>43</v>
      </c>
      <c r="AC25573" s="5" t="s">
        <v>735</v>
      </c>
      <c r="AD25573" s="2" t="s">
        <v>82096</v>
      </c>
      <c r="AE25573" s="1"/>
    </row>
    <row r="25574" spans="1:31" ht="14.45">
      <c r="A25574" s="11"/>
      <c r="B25574" s="20"/>
      <c r="C25574" s="2" t="s">
        <v>82097</v>
      </c>
      <c r="D25574" s="14" t="s">
        <v>82098</v>
      </c>
      <c r="E25574" s="2" t="s">
        <v>82099</v>
      </c>
      <c r="F25574" s="2" t="s">
        <v>82100</v>
      </c>
      <c r="G25574" s="8">
        <v>1197</v>
      </c>
      <c r="H25574" s="5">
        <v>5</v>
      </c>
      <c r="I25574" s="5" t="s">
        <v>69</v>
      </c>
      <c r="J25574" s="5" t="s">
        <v>80336</v>
      </c>
      <c r="K25574" s="2" t="s">
        <v>80337</v>
      </c>
      <c r="L25574" s="5" t="s">
        <v>80336</v>
      </c>
      <c r="M25574" s="2" t="s">
        <v>80337</v>
      </c>
      <c r="N25574" s="5" t="s">
        <v>733</v>
      </c>
      <c r="O25574" s="5" t="s">
        <v>38</v>
      </c>
      <c r="P25574" s="5" t="s">
        <v>39</v>
      </c>
      <c r="Q25574" s="5" t="s">
        <v>40</v>
      </c>
      <c r="R25574" s="5" t="s">
        <v>897</v>
      </c>
      <c r="S25574" s="5" t="s">
        <v>40</v>
      </c>
      <c r="T25574" s="5" t="s">
        <v>42</v>
      </c>
      <c r="U25574" s="2">
        <v>73.853999999999999</v>
      </c>
      <c r="V25574" s="2">
        <v>68.626000000000005</v>
      </c>
      <c r="W25574" s="2">
        <v>0.29399999999999998</v>
      </c>
      <c r="X25574" s="2">
        <v>17.100000000000001</v>
      </c>
      <c r="Y25574" s="2">
        <v>124.1</v>
      </c>
      <c r="Z25574" s="2">
        <v>138.5</v>
      </c>
      <c r="AA25574" s="5">
        <v>7</v>
      </c>
      <c r="AB25574" s="5" t="s">
        <v>43</v>
      </c>
      <c r="AC25574" s="5" t="s">
        <v>735</v>
      </c>
      <c r="AD25574" s="2" t="s">
        <v>82101</v>
      </c>
      <c r="AE25574" s="1"/>
    </row>
    <row r="25575" spans="1:31" ht="14.45">
      <c r="A25575" s="11"/>
      <c r="B25575" s="20"/>
      <c r="C25575" s="2" t="s">
        <v>82102</v>
      </c>
      <c r="D25575" s="14" t="s">
        <v>82103</v>
      </c>
      <c r="E25575" s="2" t="s">
        <v>82104</v>
      </c>
      <c r="F25575" s="2" t="s">
        <v>82105</v>
      </c>
      <c r="G25575" s="8">
        <v>1293</v>
      </c>
      <c r="H25575" s="5">
        <v>5</v>
      </c>
      <c r="I25575" s="5" t="s">
        <v>69</v>
      </c>
      <c r="J25575" s="5" t="s">
        <v>80336</v>
      </c>
      <c r="K25575" s="2" t="s">
        <v>80337</v>
      </c>
      <c r="L25575" s="5" t="s">
        <v>80336</v>
      </c>
      <c r="M25575" s="2" t="s">
        <v>80337</v>
      </c>
      <c r="N25575" s="5" t="s">
        <v>733</v>
      </c>
      <c r="O25575" s="5" t="s">
        <v>38</v>
      </c>
      <c r="P25575" s="5" t="s">
        <v>39</v>
      </c>
      <c r="Q25575" s="5" t="s">
        <v>40</v>
      </c>
      <c r="R25575" s="5" t="s">
        <v>897</v>
      </c>
      <c r="S25575" s="5" t="s">
        <v>40</v>
      </c>
      <c r="T25575" s="5" t="s">
        <v>42</v>
      </c>
      <c r="U25575" s="2">
        <v>83.915999999999997</v>
      </c>
      <c r="V25575" s="2">
        <v>78.105999999999995</v>
      </c>
      <c r="W25575" s="2">
        <v>0.33600000000000002</v>
      </c>
      <c r="X25575" s="2">
        <v>17.100000000000001</v>
      </c>
      <c r="Y25575" s="2">
        <v>124.1</v>
      </c>
      <c r="Z25575" s="2">
        <v>158.5</v>
      </c>
      <c r="AA25575" s="5">
        <v>7</v>
      </c>
      <c r="AB25575" s="5" t="s">
        <v>43</v>
      </c>
      <c r="AC25575" s="5" t="s">
        <v>735</v>
      </c>
      <c r="AD25575" s="2" t="s">
        <v>82106</v>
      </c>
      <c r="AE25575" s="1"/>
    </row>
    <row r="25576" spans="1:31" ht="14.45">
      <c r="A25576" s="11"/>
      <c r="B25576" s="20"/>
      <c r="C25576" s="2" t="s">
        <v>82107</v>
      </c>
      <c r="D25576" s="14" t="s">
        <v>82108</v>
      </c>
      <c r="E25576" s="2" t="s">
        <v>82109</v>
      </c>
      <c r="F25576" s="2" t="s">
        <v>82110</v>
      </c>
      <c r="G25576" s="8">
        <v>1418</v>
      </c>
      <c r="H25576" s="5">
        <v>5</v>
      </c>
      <c r="I25576" s="5" t="s">
        <v>69</v>
      </c>
      <c r="J25576" s="5" t="s">
        <v>80336</v>
      </c>
      <c r="K25576" s="2" t="s">
        <v>80337</v>
      </c>
      <c r="L25576" s="5" t="s">
        <v>80336</v>
      </c>
      <c r="M25576" s="2" t="s">
        <v>80337</v>
      </c>
      <c r="N25576" s="5" t="s">
        <v>733</v>
      </c>
      <c r="O25576" s="5" t="s">
        <v>38</v>
      </c>
      <c r="P25576" s="5" t="s">
        <v>39</v>
      </c>
      <c r="Q25576" s="5" t="s">
        <v>40</v>
      </c>
      <c r="R25576" s="5" t="s">
        <v>897</v>
      </c>
      <c r="S25576" s="5" t="s">
        <v>40</v>
      </c>
      <c r="T25576" s="5" t="s">
        <v>42</v>
      </c>
      <c r="U25576" s="2">
        <v>95.31</v>
      </c>
      <c r="V25576" s="2">
        <v>89.509</v>
      </c>
      <c r="W25576" s="2">
        <v>0.39100000000000001</v>
      </c>
      <c r="X25576" s="2">
        <v>17.100000000000001</v>
      </c>
      <c r="Y25576" s="2">
        <v>144.1</v>
      </c>
      <c r="Z25576" s="2">
        <v>158.5</v>
      </c>
      <c r="AA25576" s="5">
        <v>7</v>
      </c>
      <c r="AB25576" s="5" t="s">
        <v>43</v>
      </c>
      <c r="AC25576" s="5" t="s">
        <v>735</v>
      </c>
      <c r="AD25576" s="2" t="s">
        <v>82111</v>
      </c>
      <c r="AE25576" s="1"/>
    </row>
    <row r="25577" spans="1:31" ht="14.45">
      <c r="A25577" s="11"/>
      <c r="B25577" s="20"/>
      <c r="C25577" s="2" t="s">
        <v>82112</v>
      </c>
      <c r="D25577" s="14" t="s">
        <v>82113</v>
      </c>
      <c r="E25577" s="2" t="s">
        <v>82114</v>
      </c>
      <c r="F25577" s="2" t="s">
        <v>82115</v>
      </c>
      <c r="G25577" s="8">
        <v>550</v>
      </c>
      <c r="H25577" s="5">
        <v>5</v>
      </c>
      <c r="I25577" s="5" t="s">
        <v>69</v>
      </c>
      <c r="J25577" s="5" t="s">
        <v>80336</v>
      </c>
      <c r="K25577" s="2" t="s">
        <v>80337</v>
      </c>
      <c r="L25577" s="5" t="s">
        <v>80336</v>
      </c>
      <c r="M25577" s="2" t="s">
        <v>80337</v>
      </c>
      <c r="N25577" s="5" t="s">
        <v>733</v>
      </c>
      <c r="O25577" s="5" t="s">
        <v>38</v>
      </c>
      <c r="P25577" s="5" t="s">
        <v>39</v>
      </c>
      <c r="Q25577" s="5" t="s">
        <v>40</v>
      </c>
      <c r="R25577" s="5" t="s">
        <v>897</v>
      </c>
      <c r="S25577" s="5" t="s">
        <v>40</v>
      </c>
      <c r="T25577" s="5" t="s">
        <v>42</v>
      </c>
      <c r="U25577" s="2">
        <v>25.905000000000001</v>
      </c>
      <c r="V25577" s="2">
        <v>23.347999999999999</v>
      </c>
      <c r="W25577" s="2">
        <v>0.111</v>
      </c>
      <c r="X25577" s="2">
        <v>17.100000000000001</v>
      </c>
      <c r="Y25577" s="2">
        <v>65.900000000000006</v>
      </c>
      <c r="Z25577" s="2">
        <v>98.5</v>
      </c>
      <c r="AA25577" s="5">
        <v>7</v>
      </c>
      <c r="AB25577" s="5" t="s">
        <v>43</v>
      </c>
      <c r="AC25577" s="5" t="s">
        <v>735</v>
      </c>
      <c r="AD25577" s="2" t="s">
        <v>82116</v>
      </c>
      <c r="AE25577" s="1"/>
    </row>
    <row r="25578" spans="1:31" ht="14.45">
      <c r="A25578" s="11"/>
      <c r="B25578" s="20"/>
      <c r="C25578" s="2" t="s">
        <v>82117</v>
      </c>
      <c r="D25578" s="14" t="s">
        <v>82118</v>
      </c>
      <c r="E25578" s="2" t="s">
        <v>82119</v>
      </c>
      <c r="F25578" s="2" t="s">
        <v>82120</v>
      </c>
      <c r="G25578" s="8">
        <v>594</v>
      </c>
      <c r="H25578" s="5">
        <v>5</v>
      </c>
      <c r="I25578" s="5" t="s">
        <v>69</v>
      </c>
      <c r="J25578" s="5" t="s">
        <v>80336</v>
      </c>
      <c r="K25578" s="2" t="s">
        <v>80337</v>
      </c>
      <c r="L25578" s="5" t="s">
        <v>80336</v>
      </c>
      <c r="M25578" s="2" t="s">
        <v>80337</v>
      </c>
      <c r="N25578" s="5" t="s">
        <v>733</v>
      </c>
      <c r="O25578" s="5" t="s">
        <v>38</v>
      </c>
      <c r="P25578" s="5" t="s">
        <v>39</v>
      </c>
      <c r="Q25578" s="5" t="s">
        <v>40</v>
      </c>
      <c r="R25578" s="5" t="s">
        <v>897</v>
      </c>
      <c r="S25578" s="5" t="s">
        <v>40</v>
      </c>
      <c r="T25578" s="5" t="s">
        <v>42</v>
      </c>
      <c r="U25578" s="2">
        <v>30.736000000000001</v>
      </c>
      <c r="V25578" s="2">
        <v>27.713000000000001</v>
      </c>
      <c r="W25578" s="2">
        <v>0.13400000000000001</v>
      </c>
      <c r="X25578" s="2">
        <v>17.100000000000001</v>
      </c>
      <c r="Y25578" s="2">
        <v>65.900000000000006</v>
      </c>
      <c r="Z25578" s="2">
        <v>118.5</v>
      </c>
      <c r="AA25578" s="5">
        <v>7</v>
      </c>
      <c r="AB25578" s="5" t="s">
        <v>43</v>
      </c>
      <c r="AC25578" s="5" t="s">
        <v>735</v>
      </c>
      <c r="AD25578" s="2" t="s">
        <v>82121</v>
      </c>
      <c r="AE25578" s="1"/>
    </row>
    <row r="25579" spans="1:31" ht="14.45">
      <c r="A25579" s="11"/>
      <c r="B25579" s="20"/>
      <c r="C25579" s="2" t="s">
        <v>82122</v>
      </c>
      <c r="D25579" s="14" t="s">
        <v>82123</v>
      </c>
      <c r="E25579" s="2" t="s">
        <v>82124</v>
      </c>
      <c r="F25579" s="2" t="s">
        <v>82065</v>
      </c>
      <c r="G25579" s="8">
        <v>616</v>
      </c>
      <c r="H25579" s="5">
        <v>5</v>
      </c>
      <c r="I25579" s="5" t="s">
        <v>69</v>
      </c>
      <c r="J25579" s="5" t="s">
        <v>80336</v>
      </c>
      <c r="K25579" s="2" t="s">
        <v>80337</v>
      </c>
      <c r="L25579" s="5" t="s">
        <v>80336</v>
      </c>
      <c r="M25579" s="2" t="s">
        <v>80337</v>
      </c>
      <c r="N25579" s="5" t="s">
        <v>733</v>
      </c>
      <c r="O25579" s="5" t="s">
        <v>38</v>
      </c>
      <c r="P25579" s="5" t="s">
        <v>39</v>
      </c>
      <c r="Q25579" s="5" t="s">
        <v>40</v>
      </c>
      <c r="R25579" s="5" t="s">
        <v>897</v>
      </c>
      <c r="S25579" s="5" t="s">
        <v>40</v>
      </c>
      <c r="T25579" s="5" t="s">
        <v>42</v>
      </c>
      <c r="U25579" s="2">
        <v>35.024999999999999</v>
      </c>
      <c r="V25579" s="2">
        <v>31.823</v>
      </c>
      <c r="W25579" s="2">
        <v>0.154</v>
      </c>
      <c r="X25579" s="2">
        <v>17.100000000000001</v>
      </c>
      <c r="Y25579" s="2">
        <v>76.099999999999994</v>
      </c>
      <c r="Z25579" s="2">
        <v>118.5</v>
      </c>
      <c r="AA25579" s="5">
        <v>7</v>
      </c>
      <c r="AB25579" s="5" t="s">
        <v>43</v>
      </c>
      <c r="AC25579" s="5" t="s">
        <v>735</v>
      </c>
      <c r="AD25579" s="2" t="s">
        <v>82125</v>
      </c>
      <c r="AE25579" s="1"/>
    </row>
    <row r="25580" spans="1:31" ht="14.45">
      <c r="A25580" s="11"/>
      <c r="B25580" s="20"/>
      <c r="C25580" s="2" t="s">
        <v>82126</v>
      </c>
      <c r="D25580" s="14" t="s">
        <v>82127</v>
      </c>
      <c r="E25580" s="2" t="s">
        <v>82128</v>
      </c>
      <c r="F25580" s="2" t="s">
        <v>82070</v>
      </c>
      <c r="G25580" s="8">
        <v>696</v>
      </c>
      <c r="H25580" s="5">
        <v>5</v>
      </c>
      <c r="I25580" s="5" t="s">
        <v>69</v>
      </c>
      <c r="J25580" s="5" t="s">
        <v>80336</v>
      </c>
      <c r="K25580" s="2" t="s">
        <v>80337</v>
      </c>
      <c r="L25580" s="5" t="s">
        <v>80336</v>
      </c>
      <c r="M25580" s="2" t="s">
        <v>80337</v>
      </c>
      <c r="N25580" s="5" t="s">
        <v>733</v>
      </c>
      <c r="O25580" s="5" t="s">
        <v>38</v>
      </c>
      <c r="P25580" s="5" t="s">
        <v>39</v>
      </c>
      <c r="Q25580" s="5" t="s">
        <v>40</v>
      </c>
      <c r="R25580" s="5" t="s">
        <v>897</v>
      </c>
      <c r="S25580" s="5" t="s">
        <v>40</v>
      </c>
      <c r="T25580" s="5" t="s">
        <v>42</v>
      </c>
      <c r="U25580" s="2">
        <v>41.649000000000001</v>
      </c>
      <c r="V25580" s="2">
        <v>38</v>
      </c>
      <c r="W25580" s="2">
        <v>0.187</v>
      </c>
      <c r="X25580" s="2">
        <v>17.100000000000001</v>
      </c>
      <c r="Y25580" s="2">
        <v>78.8</v>
      </c>
      <c r="Z25580" s="2">
        <v>138.5</v>
      </c>
      <c r="AA25580" s="5">
        <v>7</v>
      </c>
      <c r="AB25580" s="5" t="s">
        <v>43</v>
      </c>
      <c r="AC25580" s="5" t="s">
        <v>735</v>
      </c>
      <c r="AD25580" s="2" t="s">
        <v>82129</v>
      </c>
      <c r="AE25580" s="1"/>
    </row>
    <row r="25581" spans="1:31" ht="14.45">
      <c r="A25581" s="11"/>
      <c r="B25581" s="20"/>
      <c r="C25581" s="2" t="s">
        <v>82130</v>
      </c>
      <c r="D25581" s="14" t="s">
        <v>82131</v>
      </c>
      <c r="E25581" s="2" t="s">
        <v>82132</v>
      </c>
      <c r="F25581" s="2" t="s">
        <v>82075</v>
      </c>
      <c r="G25581" s="8">
        <v>667</v>
      </c>
      <c r="H25581" s="5">
        <v>5</v>
      </c>
      <c r="I25581" s="5" t="s">
        <v>69</v>
      </c>
      <c r="J25581" s="5" t="s">
        <v>80336</v>
      </c>
      <c r="K25581" s="2" t="s">
        <v>80337</v>
      </c>
      <c r="L25581" s="5" t="s">
        <v>80336</v>
      </c>
      <c r="M25581" s="2" t="s">
        <v>80337</v>
      </c>
      <c r="N25581" s="5" t="s">
        <v>733</v>
      </c>
      <c r="O25581" s="5" t="s">
        <v>38</v>
      </c>
      <c r="P25581" s="5" t="s">
        <v>39</v>
      </c>
      <c r="Q25581" s="5" t="s">
        <v>40</v>
      </c>
      <c r="R25581" s="5" t="s">
        <v>897</v>
      </c>
      <c r="S25581" s="5" t="s">
        <v>40</v>
      </c>
      <c r="T25581" s="5" t="s">
        <v>42</v>
      </c>
      <c r="U25581" s="2">
        <v>39.235999999999997</v>
      </c>
      <c r="V25581" s="2">
        <v>35.768999999999998</v>
      </c>
      <c r="W25581" s="2">
        <v>0.17399999999999999</v>
      </c>
      <c r="X25581" s="2">
        <v>17.100000000000001</v>
      </c>
      <c r="Y25581" s="2">
        <v>86.1</v>
      </c>
      <c r="Z25581" s="2">
        <v>118.5</v>
      </c>
      <c r="AA25581" s="5">
        <v>7</v>
      </c>
      <c r="AB25581" s="5" t="s">
        <v>43</v>
      </c>
      <c r="AC25581" s="5" t="s">
        <v>735</v>
      </c>
      <c r="AD25581" s="2" t="s">
        <v>82133</v>
      </c>
      <c r="AE25581" s="1"/>
    </row>
    <row r="25582" spans="1:31" ht="14.45">
      <c r="A25582" s="11"/>
      <c r="B25582" s="20"/>
      <c r="C25582" s="2" t="s">
        <v>82134</v>
      </c>
      <c r="D25582" s="14" t="s">
        <v>82135</v>
      </c>
      <c r="E25582" s="2" t="s">
        <v>82136</v>
      </c>
      <c r="F25582" s="2" t="s">
        <v>82080</v>
      </c>
      <c r="G25582" s="8">
        <v>733</v>
      </c>
      <c r="H25582" s="5">
        <v>5</v>
      </c>
      <c r="I25582" s="5" t="s">
        <v>69</v>
      </c>
      <c r="J25582" s="5" t="s">
        <v>80336</v>
      </c>
      <c r="K25582" s="2" t="s">
        <v>80337</v>
      </c>
      <c r="L25582" s="5" t="s">
        <v>80336</v>
      </c>
      <c r="M25582" s="2" t="s">
        <v>80337</v>
      </c>
      <c r="N25582" s="5" t="s">
        <v>733</v>
      </c>
      <c r="O25582" s="5" t="s">
        <v>38</v>
      </c>
      <c r="P25582" s="5" t="s">
        <v>39</v>
      </c>
      <c r="Q25582" s="5" t="s">
        <v>40</v>
      </c>
      <c r="R25582" s="5" t="s">
        <v>897</v>
      </c>
      <c r="S25582" s="5" t="s">
        <v>40</v>
      </c>
      <c r="T25582" s="5" t="s">
        <v>42</v>
      </c>
      <c r="U25582" s="2">
        <v>45.529000000000003</v>
      </c>
      <c r="V25582" s="2">
        <v>41.587000000000003</v>
      </c>
      <c r="W25582" s="2">
        <v>0.20399999999999999</v>
      </c>
      <c r="X25582" s="2">
        <v>17.100000000000001</v>
      </c>
      <c r="Y25582" s="2">
        <v>86.1</v>
      </c>
      <c r="Z25582" s="2">
        <v>138.5</v>
      </c>
      <c r="AA25582" s="5">
        <v>7</v>
      </c>
      <c r="AB25582" s="5" t="s">
        <v>43</v>
      </c>
      <c r="AC25582" s="5" t="s">
        <v>735</v>
      </c>
      <c r="AD25582" s="2" t="s">
        <v>82137</v>
      </c>
      <c r="AE25582" s="1"/>
    </row>
    <row r="25583" spans="1:31" ht="14.45">
      <c r="A25583" s="11"/>
      <c r="B25583" s="20"/>
      <c r="C25583" s="2" t="s">
        <v>82138</v>
      </c>
      <c r="D25583" s="14" t="s">
        <v>82139</v>
      </c>
      <c r="E25583" s="2" t="s">
        <v>82140</v>
      </c>
      <c r="F25583" s="2" t="s">
        <v>82085</v>
      </c>
      <c r="G25583" s="8">
        <v>792</v>
      </c>
      <c r="H25583" s="5">
        <v>5</v>
      </c>
      <c r="I25583" s="5" t="s">
        <v>69</v>
      </c>
      <c r="J25583" s="5" t="s">
        <v>80336</v>
      </c>
      <c r="K25583" s="2" t="s">
        <v>80337</v>
      </c>
      <c r="L25583" s="5" t="s">
        <v>80336</v>
      </c>
      <c r="M25583" s="2" t="s">
        <v>80337</v>
      </c>
      <c r="N25583" s="5" t="s">
        <v>733</v>
      </c>
      <c r="O25583" s="5" t="s">
        <v>38</v>
      </c>
      <c r="P25583" s="5" t="s">
        <v>39</v>
      </c>
      <c r="Q25583" s="5" t="s">
        <v>40</v>
      </c>
      <c r="R25583" s="5" t="s">
        <v>897</v>
      </c>
      <c r="S25583" s="5" t="s">
        <v>40</v>
      </c>
      <c r="T25583" s="5" t="s">
        <v>42</v>
      </c>
      <c r="U25583" s="2">
        <v>54.762999999999998</v>
      </c>
      <c r="V25583" s="2">
        <v>50.347999999999999</v>
      </c>
      <c r="W25583" s="2">
        <v>0.23300000000000001</v>
      </c>
      <c r="X25583" s="2">
        <v>17.100000000000001</v>
      </c>
      <c r="Y25583" s="2">
        <v>86.1</v>
      </c>
      <c r="Z25583" s="2">
        <v>158.5</v>
      </c>
      <c r="AA25583" s="5">
        <v>7</v>
      </c>
      <c r="AB25583" s="5" t="s">
        <v>43</v>
      </c>
      <c r="AC25583" s="5" t="s">
        <v>735</v>
      </c>
      <c r="AD25583" s="2" t="s">
        <v>82141</v>
      </c>
      <c r="AE25583" s="1"/>
    </row>
    <row r="25584" spans="1:31" ht="14.45">
      <c r="A25584" s="11"/>
      <c r="B25584" s="20"/>
      <c r="C25584" s="2" t="s">
        <v>82142</v>
      </c>
      <c r="D25584" s="14" t="s">
        <v>82143</v>
      </c>
      <c r="E25584" s="2" t="s">
        <v>82144</v>
      </c>
      <c r="F25584" s="2" t="s">
        <v>82090</v>
      </c>
      <c r="G25584" s="8">
        <v>821</v>
      </c>
      <c r="H25584" s="5">
        <v>5</v>
      </c>
      <c r="I25584" s="5" t="s">
        <v>69</v>
      </c>
      <c r="J25584" s="5" t="s">
        <v>80336</v>
      </c>
      <c r="K25584" s="2" t="s">
        <v>80337</v>
      </c>
      <c r="L25584" s="5" t="s">
        <v>80336</v>
      </c>
      <c r="M25584" s="2" t="s">
        <v>80337</v>
      </c>
      <c r="N25584" s="5" t="s">
        <v>733</v>
      </c>
      <c r="O25584" s="5" t="s">
        <v>38</v>
      </c>
      <c r="P25584" s="5" t="s">
        <v>39</v>
      </c>
      <c r="Q25584" s="5" t="s">
        <v>40</v>
      </c>
      <c r="R25584" s="5" t="s">
        <v>897</v>
      </c>
      <c r="S25584" s="5" t="s">
        <v>40</v>
      </c>
      <c r="T25584" s="5" t="s">
        <v>42</v>
      </c>
      <c r="U25584" s="2">
        <v>59.442</v>
      </c>
      <c r="V25584" s="2">
        <v>55.378</v>
      </c>
      <c r="W25584" s="2">
        <v>0.224</v>
      </c>
      <c r="X25584" s="2">
        <v>17.100000000000001</v>
      </c>
      <c r="Y25584" s="2">
        <v>96.2</v>
      </c>
      <c r="Z25584" s="2">
        <v>136</v>
      </c>
      <c r="AA25584" s="5">
        <v>7</v>
      </c>
      <c r="AB25584" s="5" t="s">
        <v>43</v>
      </c>
      <c r="AC25584" s="5" t="s">
        <v>735</v>
      </c>
      <c r="AD25584" s="2" t="s">
        <v>82145</v>
      </c>
      <c r="AE25584" s="1"/>
    </row>
    <row r="25585" spans="1:31" ht="14.45">
      <c r="A25585" s="11"/>
      <c r="B25585" s="20"/>
      <c r="C25585" s="2" t="s">
        <v>82146</v>
      </c>
      <c r="D25585" s="14" t="s">
        <v>82147</v>
      </c>
      <c r="E25585" s="2" t="s">
        <v>82148</v>
      </c>
      <c r="F25585" s="2" t="s">
        <v>82149</v>
      </c>
      <c r="G25585" s="8">
        <v>894</v>
      </c>
      <c r="H25585" s="5">
        <v>5</v>
      </c>
      <c r="I25585" s="5" t="s">
        <v>69</v>
      </c>
      <c r="J25585" s="5" t="s">
        <v>80336</v>
      </c>
      <c r="K25585" s="2" t="s">
        <v>80337</v>
      </c>
      <c r="L25585" s="5" t="s">
        <v>80336</v>
      </c>
      <c r="M25585" s="2" t="s">
        <v>80337</v>
      </c>
      <c r="N25585" s="5" t="s">
        <v>733</v>
      </c>
      <c r="O25585" s="5" t="s">
        <v>38</v>
      </c>
      <c r="P25585" s="5" t="s">
        <v>39</v>
      </c>
      <c r="Q25585" s="5" t="s">
        <v>40</v>
      </c>
      <c r="R25585" s="5" t="s">
        <v>897</v>
      </c>
      <c r="S25585" s="5" t="s">
        <v>40</v>
      </c>
      <c r="T25585" s="5" t="s">
        <v>42</v>
      </c>
      <c r="U25585" s="2">
        <v>67.763000000000005</v>
      </c>
      <c r="V25585" s="2">
        <v>63.22</v>
      </c>
      <c r="W25585" s="2">
        <v>0.25700000000000001</v>
      </c>
      <c r="X25585" s="2">
        <v>17.100000000000001</v>
      </c>
      <c r="Y25585" s="2">
        <v>96.2</v>
      </c>
      <c r="Z25585" s="2">
        <v>156</v>
      </c>
      <c r="AA25585" s="5">
        <v>7</v>
      </c>
      <c r="AB25585" s="5" t="s">
        <v>43</v>
      </c>
      <c r="AC25585" s="5" t="s">
        <v>735</v>
      </c>
      <c r="AD25585" s="2" t="s">
        <v>82150</v>
      </c>
      <c r="AE25585" s="1"/>
    </row>
    <row r="25586" spans="1:31" ht="14.45">
      <c r="A25586" s="11"/>
      <c r="B25586" s="20"/>
      <c r="C25586" s="2" t="s">
        <v>82151</v>
      </c>
      <c r="D25586" s="14" t="s">
        <v>82152</v>
      </c>
      <c r="E25586" s="2" t="s">
        <v>82153</v>
      </c>
      <c r="F25586" s="2" t="s">
        <v>82100</v>
      </c>
      <c r="G25586" s="8">
        <v>916</v>
      </c>
      <c r="H25586" s="5">
        <v>5</v>
      </c>
      <c r="I25586" s="5" t="s">
        <v>69</v>
      </c>
      <c r="J25586" s="5" t="s">
        <v>80336</v>
      </c>
      <c r="K25586" s="2" t="s">
        <v>80337</v>
      </c>
      <c r="L25586" s="5" t="s">
        <v>80336</v>
      </c>
      <c r="M25586" s="2" t="s">
        <v>80337</v>
      </c>
      <c r="N25586" s="5" t="s">
        <v>733</v>
      </c>
      <c r="O25586" s="5" t="s">
        <v>38</v>
      </c>
      <c r="P25586" s="5" t="s">
        <v>39</v>
      </c>
      <c r="Q25586" s="5" t="s">
        <v>40</v>
      </c>
      <c r="R25586" s="5" t="s">
        <v>897</v>
      </c>
      <c r="S25586" s="5" t="s">
        <v>40</v>
      </c>
      <c r="T25586" s="5" t="s">
        <v>42</v>
      </c>
      <c r="U25586" s="2">
        <v>64.775999999999996</v>
      </c>
      <c r="V25586" s="2">
        <v>59.749000000000002</v>
      </c>
      <c r="W25586" s="2">
        <v>0.29399999999999998</v>
      </c>
      <c r="X25586" s="2">
        <v>17.100000000000001</v>
      </c>
      <c r="Y25586" s="2">
        <v>124.1</v>
      </c>
      <c r="Z25586" s="2">
        <v>138.5</v>
      </c>
      <c r="AA25586" s="5">
        <v>7</v>
      </c>
      <c r="AB25586" s="5" t="s">
        <v>43</v>
      </c>
      <c r="AC25586" s="5" t="s">
        <v>735</v>
      </c>
      <c r="AD25586" s="2" t="s">
        <v>82154</v>
      </c>
      <c r="AE25586" s="1"/>
    </row>
    <row r="25587" spans="1:31" ht="14.45">
      <c r="A25587" s="11"/>
      <c r="B25587" s="20"/>
      <c r="C25587" s="2" t="s">
        <v>82155</v>
      </c>
      <c r="D25587" s="14" t="s">
        <v>82156</v>
      </c>
      <c r="E25587" s="2" t="s">
        <v>82157</v>
      </c>
      <c r="F25587" s="2" t="s">
        <v>82105</v>
      </c>
      <c r="G25587" s="8">
        <v>989</v>
      </c>
      <c r="H25587" s="5">
        <v>5</v>
      </c>
      <c r="I25587" s="5" t="s">
        <v>69</v>
      </c>
      <c r="J25587" s="5" t="s">
        <v>80336</v>
      </c>
      <c r="K25587" s="2" t="s">
        <v>80337</v>
      </c>
      <c r="L25587" s="5" t="s">
        <v>80336</v>
      </c>
      <c r="M25587" s="2" t="s">
        <v>80337</v>
      </c>
      <c r="N25587" s="5" t="s">
        <v>733</v>
      </c>
      <c r="O25587" s="5" t="s">
        <v>38</v>
      </c>
      <c r="P25587" s="5" t="s">
        <v>39</v>
      </c>
      <c r="Q25587" s="5" t="s">
        <v>40</v>
      </c>
      <c r="R25587" s="5" t="s">
        <v>897</v>
      </c>
      <c r="S25587" s="5" t="s">
        <v>40</v>
      </c>
      <c r="T25587" s="5" t="s">
        <v>42</v>
      </c>
      <c r="U25587" s="2">
        <v>75.567999999999998</v>
      </c>
      <c r="V25587" s="2">
        <v>69.959000000000003</v>
      </c>
      <c r="W25587" s="2">
        <v>0.33600000000000002</v>
      </c>
      <c r="X25587" s="2">
        <v>17.100000000000001</v>
      </c>
      <c r="Y25587" s="2">
        <v>124.1</v>
      </c>
      <c r="Z25587" s="2">
        <v>158.5</v>
      </c>
      <c r="AA25587" s="5">
        <v>7</v>
      </c>
      <c r="AB25587" s="5" t="s">
        <v>43</v>
      </c>
      <c r="AC25587" s="5" t="s">
        <v>735</v>
      </c>
      <c r="AD25587" s="2" t="s">
        <v>82158</v>
      </c>
      <c r="AE25587" s="1"/>
    </row>
    <row r="25588" spans="1:31" ht="14.45">
      <c r="A25588" s="11"/>
      <c r="B25588" s="20"/>
      <c r="C25588" s="2" t="s">
        <v>82159</v>
      </c>
      <c r="D25588" s="14" t="s">
        <v>82160</v>
      </c>
      <c r="E25588" s="2" t="s">
        <v>82161</v>
      </c>
      <c r="F25588" s="2" t="s">
        <v>82162</v>
      </c>
      <c r="G25588" s="8">
        <v>1077</v>
      </c>
      <c r="H25588" s="5">
        <v>5</v>
      </c>
      <c r="I25588" s="5" t="s">
        <v>69</v>
      </c>
      <c r="J25588" s="5" t="s">
        <v>80336</v>
      </c>
      <c r="K25588" s="2" t="s">
        <v>80337</v>
      </c>
      <c r="L25588" s="5" t="s">
        <v>80336</v>
      </c>
      <c r="M25588" s="2" t="s">
        <v>80337</v>
      </c>
      <c r="N25588" s="5" t="s">
        <v>733</v>
      </c>
      <c r="O25588" s="5" t="s">
        <v>38</v>
      </c>
      <c r="P25588" s="5" t="s">
        <v>39</v>
      </c>
      <c r="Q25588" s="5" t="s">
        <v>40</v>
      </c>
      <c r="R25588" s="5" t="s">
        <v>897</v>
      </c>
      <c r="S25588" s="5" t="s">
        <v>40</v>
      </c>
      <c r="T25588" s="5" t="s">
        <v>42</v>
      </c>
      <c r="U25588" s="2">
        <v>85.076999999999998</v>
      </c>
      <c r="V25588" s="2">
        <v>79.468000000000004</v>
      </c>
      <c r="W25588" s="2">
        <v>0.379</v>
      </c>
      <c r="X25588" s="2">
        <v>17.100000000000001</v>
      </c>
      <c r="Y25588" s="2">
        <v>124.1</v>
      </c>
      <c r="Z25588" s="2">
        <v>178.5</v>
      </c>
      <c r="AA25588" s="5">
        <v>7</v>
      </c>
      <c r="AB25588" s="5" t="s">
        <v>43</v>
      </c>
      <c r="AC25588" s="5" t="s">
        <v>735</v>
      </c>
      <c r="AD25588" s="2" t="s">
        <v>82163</v>
      </c>
      <c r="AE25588" s="1"/>
    </row>
    <row r="25589" spans="1:31" ht="14.45">
      <c r="A25589" s="11"/>
      <c r="B25589" s="20"/>
      <c r="C25589" s="2" t="s">
        <v>82164</v>
      </c>
      <c r="D25589" s="14" t="s">
        <v>82165</v>
      </c>
      <c r="E25589" s="2" t="s">
        <v>82166</v>
      </c>
      <c r="F25589" s="2" t="s">
        <v>82110</v>
      </c>
      <c r="G25589" s="8">
        <v>1085</v>
      </c>
      <c r="H25589" s="5">
        <v>5</v>
      </c>
      <c r="I25589" s="5" t="s">
        <v>69</v>
      </c>
      <c r="J25589" s="5" t="s">
        <v>80336</v>
      </c>
      <c r="K25589" s="2" t="s">
        <v>80337</v>
      </c>
      <c r="L25589" s="5" t="s">
        <v>80336</v>
      </c>
      <c r="M25589" s="2" t="s">
        <v>80337</v>
      </c>
      <c r="N25589" s="5" t="s">
        <v>733</v>
      </c>
      <c r="O25589" s="5" t="s">
        <v>38</v>
      </c>
      <c r="P25589" s="5" t="s">
        <v>39</v>
      </c>
      <c r="Q25589" s="5" t="s">
        <v>40</v>
      </c>
      <c r="R25589" s="5" t="s">
        <v>897</v>
      </c>
      <c r="S25589" s="5" t="s">
        <v>40</v>
      </c>
      <c r="T25589" s="5" t="s">
        <v>42</v>
      </c>
      <c r="U25589" s="2">
        <v>89.63</v>
      </c>
      <c r="V25589" s="2">
        <v>84.067999999999998</v>
      </c>
      <c r="W25589" s="2">
        <v>0.39100000000000001</v>
      </c>
      <c r="X25589" s="2">
        <v>17.100000000000001</v>
      </c>
      <c r="Y25589" s="2">
        <v>144.1</v>
      </c>
      <c r="Z25589" s="2">
        <v>158.5</v>
      </c>
      <c r="AA25589" s="5">
        <v>7</v>
      </c>
      <c r="AB25589" s="5" t="s">
        <v>43</v>
      </c>
      <c r="AC25589" s="5" t="s">
        <v>735</v>
      </c>
      <c r="AD25589" s="2" t="s">
        <v>82167</v>
      </c>
      <c r="AE25589" s="1"/>
    </row>
    <row r="25590" spans="1:31" ht="14.45">
      <c r="A25590" s="11"/>
      <c r="B25590" s="20"/>
      <c r="C25590" s="2" t="s">
        <v>82168</v>
      </c>
      <c r="D25590" s="14" t="s">
        <v>82169</v>
      </c>
      <c r="E25590" s="2" t="s">
        <v>82170</v>
      </c>
      <c r="F25590" s="2" t="s">
        <v>82171</v>
      </c>
      <c r="G25590" s="8">
        <v>1261</v>
      </c>
      <c r="H25590" s="5">
        <v>5</v>
      </c>
      <c r="I25590" s="5" t="s">
        <v>69</v>
      </c>
      <c r="J25590" s="5" t="s">
        <v>80336</v>
      </c>
      <c r="K25590" s="2" t="s">
        <v>80337</v>
      </c>
      <c r="L25590" s="5" t="s">
        <v>80336</v>
      </c>
      <c r="M25590" s="2" t="s">
        <v>80337</v>
      </c>
      <c r="N25590" s="5" t="s">
        <v>733</v>
      </c>
      <c r="O25590" s="5" t="s">
        <v>38</v>
      </c>
      <c r="P25590" s="5" t="s">
        <v>39</v>
      </c>
      <c r="Q25590" s="5" t="s">
        <v>40</v>
      </c>
      <c r="R25590" s="5" t="s">
        <v>897</v>
      </c>
      <c r="S25590" s="5" t="s">
        <v>40</v>
      </c>
      <c r="T25590" s="5" t="s">
        <v>42</v>
      </c>
      <c r="U25590" s="2">
        <v>98.671999999999997</v>
      </c>
      <c r="V25590" s="2">
        <v>92.453999999999994</v>
      </c>
      <c r="W25590" s="2">
        <v>0.44</v>
      </c>
      <c r="X25590" s="2">
        <v>17.100000000000001</v>
      </c>
      <c r="Y25590" s="2">
        <v>144.1</v>
      </c>
      <c r="Z25590" s="2">
        <v>178.5</v>
      </c>
      <c r="AA25590" s="5">
        <v>7</v>
      </c>
      <c r="AB25590" s="5" t="s">
        <v>43</v>
      </c>
      <c r="AC25590" s="5" t="s">
        <v>735</v>
      </c>
      <c r="AD25590" s="2" t="s">
        <v>82172</v>
      </c>
      <c r="AE25590" s="1"/>
    </row>
    <row r="25591" spans="1:31" ht="14.45">
      <c r="A25591" s="11"/>
      <c r="B25591" s="20"/>
      <c r="C25591" s="2" t="s">
        <v>82173</v>
      </c>
      <c r="D25591" s="14" t="s">
        <v>82174</v>
      </c>
      <c r="E25591" s="2" t="s">
        <v>82175</v>
      </c>
      <c r="F25591" s="2" t="s">
        <v>82176</v>
      </c>
      <c r="G25591" s="8">
        <v>197</v>
      </c>
      <c r="H25591" s="5">
        <v>5</v>
      </c>
      <c r="I25591" s="5" t="s">
        <v>69</v>
      </c>
      <c r="J25591" s="5" t="s">
        <v>82177</v>
      </c>
      <c r="K25591" s="2" t="s">
        <v>82178</v>
      </c>
      <c r="L25591" s="5" t="s">
        <v>82177</v>
      </c>
      <c r="M25591" s="2" t="s">
        <v>82178</v>
      </c>
      <c r="N25591" s="5" t="s">
        <v>82179</v>
      </c>
      <c r="O25591" s="5" t="s">
        <v>38</v>
      </c>
      <c r="P25591" s="5" t="s">
        <v>39</v>
      </c>
      <c r="Q25591" s="5" t="s">
        <v>40</v>
      </c>
      <c r="R25591" s="5" t="s">
        <v>734</v>
      </c>
      <c r="S25591" s="5" t="s">
        <v>40</v>
      </c>
      <c r="T25591" s="5" t="s">
        <v>42</v>
      </c>
      <c r="U25591" s="2">
        <v>14.042</v>
      </c>
      <c r="V25591" s="2">
        <v>13.592000000000001</v>
      </c>
      <c r="W25591" s="2">
        <v>0.113</v>
      </c>
      <c r="X25591" s="2">
        <v>84.2</v>
      </c>
      <c r="Y25591" s="2">
        <v>84.2</v>
      </c>
      <c r="Z25591" s="2">
        <v>16</v>
      </c>
      <c r="AA25591" s="5">
        <v>7</v>
      </c>
      <c r="AB25591" s="5" t="s">
        <v>43</v>
      </c>
      <c r="AC25591" s="5" t="s">
        <v>44</v>
      </c>
      <c r="AD25591" s="2" t="s">
        <v>82180</v>
      </c>
      <c r="AE25591" s="1"/>
    </row>
    <row r="25592" spans="1:31" ht="14.45">
      <c r="A25592" s="11"/>
      <c r="B25592" s="20"/>
      <c r="C25592" s="2" t="s">
        <v>82181</v>
      </c>
      <c r="D25592" s="14" t="s">
        <v>82182</v>
      </c>
      <c r="E25592" s="2" t="s">
        <v>82183</v>
      </c>
      <c r="F25592" s="2" t="s">
        <v>82184</v>
      </c>
      <c r="G25592" s="8">
        <v>240</v>
      </c>
      <c r="H25592" s="5">
        <v>5</v>
      </c>
      <c r="I25592" s="5" t="s">
        <v>69</v>
      </c>
      <c r="J25592" s="5" t="s">
        <v>731</v>
      </c>
      <c r="K25592" s="2" t="s">
        <v>732</v>
      </c>
      <c r="L25592" s="5" t="s">
        <v>731</v>
      </c>
      <c r="M25592" s="2" t="s">
        <v>732</v>
      </c>
      <c r="N25592" s="5" t="s">
        <v>82179</v>
      </c>
      <c r="O25592" s="5" t="s">
        <v>38</v>
      </c>
      <c r="P25592" s="5" t="s">
        <v>39</v>
      </c>
      <c r="Q25592" s="5" t="s">
        <v>40</v>
      </c>
      <c r="R25592" s="5" t="s">
        <v>734</v>
      </c>
      <c r="S25592" s="5" t="s">
        <v>40</v>
      </c>
      <c r="T25592" s="5" t="s">
        <v>42</v>
      </c>
      <c r="U25592" s="2">
        <v>17.984999999999999</v>
      </c>
      <c r="V25592" s="2">
        <v>17.530999999999999</v>
      </c>
      <c r="W25592" s="2">
        <v>0.193</v>
      </c>
      <c r="X25592" s="2">
        <v>106.5</v>
      </c>
      <c r="Y25592" s="2">
        <v>106.5</v>
      </c>
      <c r="Z25592" s="2">
        <v>17</v>
      </c>
      <c r="AA25592" s="5">
        <v>7</v>
      </c>
      <c r="AB25592" s="5" t="s">
        <v>43</v>
      </c>
      <c r="AC25592" s="5" t="s">
        <v>44</v>
      </c>
      <c r="AD25592" s="2" t="s">
        <v>82185</v>
      </c>
      <c r="AE25592" s="1"/>
    </row>
    <row r="25593" spans="1:31" ht="14.45">
      <c r="A25593" s="11"/>
      <c r="B25593" s="20"/>
      <c r="C25593" s="2" t="s">
        <v>82186</v>
      </c>
      <c r="D25593" s="14" t="s">
        <v>82187</v>
      </c>
      <c r="E25593" s="2" t="s">
        <v>82188</v>
      </c>
      <c r="F25593" s="2" t="s">
        <v>82189</v>
      </c>
      <c r="G25593" s="8">
        <v>216</v>
      </c>
      <c r="H25593" s="5">
        <v>5</v>
      </c>
      <c r="I25593" s="5" t="s">
        <v>69</v>
      </c>
      <c r="J25593" s="5" t="s">
        <v>731</v>
      </c>
      <c r="K25593" s="2" t="s">
        <v>732</v>
      </c>
      <c r="L25593" s="5" t="s">
        <v>731</v>
      </c>
      <c r="M25593" s="2" t="s">
        <v>732</v>
      </c>
      <c r="N25593" s="5" t="s">
        <v>82179</v>
      </c>
      <c r="O25593" s="5" t="s">
        <v>38</v>
      </c>
      <c r="P25593" s="5" t="s">
        <v>39</v>
      </c>
      <c r="Q25593" s="5" t="s">
        <v>40</v>
      </c>
      <c r="R25593" s="5" t="s">
        <v>734</v>
      </c>
      <c r="S25593" s="5" t="s">
        <v>40</v>
      </c>
      <c r="T25593" s="5" t="s">
        <v>42</v>
      </c>
      <c r="U25593" s="2">
        <v>10.596</v>
      </c>
      <c r="V25593" s="2">
        <v>10.561</v>
      </c>
      <c r="W25593" s="2">
        <v>9.8000000000000004E-2</v>
      </c>
      <c r="X25593" s="2">
        <v>78.3</v>
      </c>
      <c r="Y25593" s="2">
        <v>78.3</v>
      </c>
      <c r="Z25593" s="2">
        <v>16</v>
      </c>
      <c r="AA25593" s="5">
        <v>7</v>
      </c>
      <c r="AB25593" s="5" t="s">
        <v>43</v>
      </c>
      <c r="AC25593" s="5" t="s">
        <v>44</v>
      </c>
      <c r="AD25593" s="2" t="s">
        <v>82190</v>
      </c>
      <c r="AE25593" s="1"/>
    </row>
    <row r="25594" spans="1:31" ht="14.45">
      <c r="A25594" s="11"/>
      <c r="B25594" s="20"/>
      <c r="C25594" s="2" t="s">
        <v>82191</v>
      </c>
      <c r="D25594" s="14" t="s">
        <v>82192</v>
      </c>
      <c r="E25594" s="2" t="s">
        <v>82193</v>
      </c>
      <c r="F25594" s="2" t="s">
        <v>82184</v>
      </c>
      <c r="G25594" s="8">
        <v>249</v>
      </c>
      <c r="H25594" s="5">
        <v>5</v>
      </c>
      <c r="I25594" s="5" t="s">
        <v>69</v>
      </c>
      <c r="J25594" s="5" t="s">
        <v>731</v>
      </c>
      <c r="K25594" s="2" t="s">
        <v>732</v>
      </c>
      <c r="L25594" s="5" t="s">
        <v>731</v>
      </c>
      <c r="M25594" s="2" t="s">
        <v>732</v>
      </c>
      <c r="N25594" s="5" t="s">
        <v>82179</v>
      </c>
      <c r="O25594" s="5" t="s">
        <v>38</v>
      </c>
      <c r="P25594" s="5" t="s">
        <v>39</v>
      </c>
      <c r="Q25594" s="5" t="s">
        <v>40</v>
      </c>
      <c r="R25594" s="5" t="s">
        <v>734</v>
      </c>
      <c r="S25594" s="5" t="s">
        <v>40</v>
      </c>
      <c r="T25594" s="5" t="s">
        <v>42</v>
      </c>
      <c r="U25594" s="2">
        <v>16.187999999999999</v>
      </c>
      <c r="V25594" s="2">
        <v>15.728999999999999</v>
      </c>
      <c r="W25594" s="2">
        <v>0.247</v>
      </c>
      <c r="X25594" s="2">
        <v>106.5</v>
      </c>
      <c r="Y25594" s="2">
        <v>136.5</v>
      </c>
      <c r="Z25594" s="2">
        <v>17</v>
      </c>
      <c r="AA25594" s="5">
        <v>7</v>
      </c>
      <c r="AB25594" s="5" t="s">
        <v>43</v>
      </c>
      <c r="AC25594" s="5" t="s">
        <v>44</v>
      </c>
      <c r="AD25594" s="2" t="s">
        <v>82185</v>
      </c>
      <c r="AE25594" s="1"/>
    </row>
    <row r="25595" spans="1:31" ht="14.45">
      <c r="A25595" s="11"/>
      <c r="B25595" s="20"/>
      <c r="C25595" s="2" t="s">
        <v>82194</v>
      </c>
      <c r="D25595" s="14" t="s">
        <v>82195</v>
      </c>
      <c r="E25595" s="2" t="s">
        <v>82196</v>
      </c>
      <c r="F25595" s="2" t="s">
        <v>82189</v>
      </c>
      <c r="G25595" s="8">
        <v>224</v>
      </c>
      <c r="H25595" s="5">
        <v>5</v>
      </c>
      <c r="I25595" s="5" t="s">
        <v>69</v>
      </c>
      <c r="J25595" s="5" t="s">
        <v>731</v>
      </c>
      <c r="K25595" s="2" t="s">
        <v>732</v>
      </c>
      <c r="L25595" s="5" t="s">
        <v>731</v>
      </c>
      <c r="M25595" s="2" t="s">
        <v>732</v>
      </c>
      <c r="N25595" s="5" t="s">
        <v>82179</v>
      </c>
      <c r="O25595" s="5" t="s">
        <v>38</v>
      </c>
      <c r="P25595" s="5" t="s">
        <v>39</v>
      </c>
      <c r="Q25595" s="5" t="s">
        <v>40</v>
      </c>
      <c r="R25595" s="5" t="s">
        <v>734</v>
      </c>
      <c r="S25595" s="5" t="s">
        <v>40</v>
      </c>
      <c r="T25595" s="5" t="s">
        <v>42</v>
      </c>
      <c r="U25595" s="2">
        <v>12.538</v>
      </c>
      <c r="V25595" s="2">
        <v>12.500999999999999</v>
      </c>
      <c r="W25595" s="2">
        <v>0.13600000000000001</v>
      </c>
      <c r="X25595" s="2">
        <v>108.3</v>
      </c>
      <c r="Y25595" s="2">
        <v>78.3</v>
      </c>
      <c r="Z25595" s="2">
        <v>16</v>
      </c>
      <c r="AA25595" s="5">
        <v>7</v>
      </c>
      <c r="AB25595" s="5" t="s">
        <v>43</v>
      </c>
      <c r="AC25595" s="5" t="s">
        <v>44</v>
      </c>
      <c r="AD25595" s="2" t="s">
        <v>82190</v>
      </c>
      <c r="AE25595" s="1"/>
    </row>
    <row r="25596" spans="1:31" ht="14.45">
      <c r="A25596" s="11"/>
      <c r="B25596" s="20"/>
      <c r="C25596" s="2" t="s">
        <v>82197</v>
      </c>
      <c r="D25596" s="14" t="s">
        <v>82198</v>
      </c>
      <c r="E25596" s="2" t="s">
        <v>82199</v>
      </c>
      <c r="F25596" s="2" t="s">
        <v>82184</v>
      </c>
      <c r="G25596" s="8">
        <v>264</v>
      </c>
      <c r="H25596" s="5">
        <v>5</v>
      </c>
      <c r="I25596" s="5" t="s">
        <v>69</v>
      </c>
      <c r="J25596" s="5" t="s">
        <v>731</v>
      </c>
      <c r="K25596" s="2" t="s">
        <v>732</v>
      </c>
      <c r="L25596" s="5" t="s">
        <v>731</v>
      </c>
      <c r="M25596" s="2" t="s">
        <v>732</v>
      </c>
      <c r="N25596" s="5" t="s">
        <v>82179</v>
      </c>
      <c r="O25596" s="5" t="s">
        <v>38</v>
      </c>
      <c r="P25596" s="5" t="s">
        <v>39</v>
      </c>
      <c r="Q25596" s="5" t="s">
        <v>40</v>
      </c>
      <c r="R25596" s="5" t="s">
        <v>734</v>
      </c>
      <c r="S25596" s="5" t="s">
        <v>40</v>
      </c>
      <c r="T25596" s="5" t="s">
        <v>42</v>
      </c>
      <c r="U25596" s="2">
        <v>16.940999999999999</v>
      </c>
      <c r="V25596" s="2">
        <v>16.481999999999999</v>
      </c>
      <c r="W25596" s="2">
        <v>0.27200000000000002</v>
      </c>
      <c r="X25596" s="2">
        <v>126.5</v>
      </c>
      <c r="Y25596" s="2">
        <v>126.5</v>
      </c>
      <c r="Z25596" s="2">
        <v>17</v>
      </c>
      <c r="AA25596" s="5">
        <v>7</v>
      </c>
      <c r="AB25596" s="5" t="s">
        <v>43</v>
      </c>
      <c r="AC25596" s="5" t="s">
        <v>44</v>
      </c>
      <c r="AD25596" s="2" t="s">
        <v>82185</v>
      </c>
      <c r="AE25596" s="1"/>
    </row>
    <row r="25597" spans="1:31" ht="14.45">
      <c r="A25597" s="11"/>
      <c r="B25597" s="20"/>
      <c r="C25597" s="2" t="s">
        <v>82200</v>
      </c>
      <c r="D25597" s="14" t="s">
        <v>82201</v>
      </c>
      <c r="E25597" s="2" t="s">
        <v>82202</v>
      </c>
      <c r="F25597" s="2" t="s">
        <v>82189</v>
      </c>
      <c r="G25597" s="8">
        <v>237</v>
      </c>
      <c r="H25597" s="5">
        <v>5</v>
      </c>
      <c r="I25597" s="5" t="s">
        <v>69</v>
      </c>
      <c r="J25597" s="5" t="s">
        <v>731</v>
      </c>
      <c r="K25597" s="2" t="s">
        <v>732</v>
      </c>
      <c r="L25597" s="5" t="s">
        <v>731</v>
      </c>
      <c r="M25597" s="2" t="s">
        <v>732</v>
      </c>
      <c r="N25597" s="5" t="s">
        <v>82179</v>
      </c>
      <c r="O25597" s="5" t="s">
        <v>38</v>
      </c>
      <c r="P25597" s="5" t="s">
        <v>39</v>
      </c>
      <c r="Q25597" s="5" t="s">
        <v>40</v>
      </c>
      <c r="R25597" s="5" t="s">
        <v>734</v>
      </c>
      <c r="S25597" s="5" t="s">
        <v>40</v>
      </c>
      <c r="T25597" s="5" t="s">
        <v>42</v>
      </c>
      <c r="U25597" s="2">
        <v>13.196</v>
      </c>
      <c r="V25597" s="2">
        <v>13.16</v>
      </c>
      <c r="W25597" s="2">
        <v>0.155</v>
      </c>
      <c r="X25597" s="2">
        <v>98.3</v>
      </c>
      <c r="Y25597" s="2">
        <v>98.3</v>
      </c>
      <c r="Z25597" s="2">
        <v>16</v>
      </c>
      <c r="AA25597" s="5">
        <v>7</v>
      </c>
      <c r="AB25597" s="5" t="s">
        <v>43</v>
      </c>
      <c r="AC25597" s="5" t="s">
        <v>44</v>
      </c>
      <c r="AD25597" s="2" t="s">
        <v>82190</v>
      </c>
      <c r="AE25597" s="1"/>
    </row>
    <row r="25598" spans="1:31" ht="14.45">
      <c r="A25598" s="11"/>
      <c r="B25598" s="20"/>
      <c r="C25598" s="2" t="s">
        <v>82203</v>
      </c>
      <c r="D25598" s="14" t="s">
        <v>82204</v>
      </c>
      <c r="E25598" s="2" t="s">
        <v>82205</v>
      </c>
      <c r="F25598" s="2" t="s">
        <v>82184</v>
      </c>
      <c r="G25598" s="8">
        <v>275</v>
      </c>
      <c r="H25598" s="5">
        <v>5</v>
      </c>
      <c r="I25598" s="5" t="s">
        <v>69</v>
      </c>
      <c r="J25598" s="5" t="s">
        <v>731</v>
      </c>
      <c r="K25598" s="2" t="s">
        <v>732</v>
      </c>
      <c r="L25598" s="5" t="s">
        <v>731</v>
      </c>
      <c r="M25598" s="2" t="s">
        <v>732</v>
      </c>
      <c r="N25598" s="5" t="s">
        <v>82179</v>
      </c>
      <c r="O25598" s="5" t="s">
        <v>38</v>
      </c>
      <c r="P25598" s="5" t="s">
        <v>39</v>
      </c>
      <c r="Q25598" s="5" t="s">
        <v>40</v>
      </c>
      <c r="R25598" s="5" t="s">
        <v>734</v>
      </c>
      <c r="S25598" s="5" t="s">
        <v>40</v>
      </c>
      <c r="T25598" s="5" t="s">
        <v>42</v>
      </c>
      <c r="U25598" s="2">
        <v>24.097000000000001</v>
      </c>
      <c r="V25598" s="2">
        <v>23.634</v>
      </c>
      <c r="W25598" s="2">
        <v>0.317</v>
      </c>
      <c r="X25598" s="2">
        <v>136.5</v>
      </c>
      <c r="Y25598" s="2">
        <v>136.5</v>
      </c>
      <c r="Z25598" s="2">
        <v>17</v>
      </c>
      <c r="AA25598" s="5">
        <v>7</v>
      </c>
      <c r="AB25598" s="5" t="s">
        <v>43</v>
      </c>
      <c r="AC25598" s="5" t="s">
        <v>44</v>
      </c>
      <c r="AD25598" s="2" t="s">
        <v>82185</v>
      </c>
      <c r="AE25598" s="1"/>
    </row>
    <row r="25599" spans="1:31" ht="14.45">
      <c r="A25599" s="11"/>
      <c r="B25599" s="20"/>
      <c r="C25599" s="2" t="s">
        <v>82206</v>
      </c>
      <c r="D25599" s="14" t="s">
        <v>82207</v>
      </c>
      <c r="E25599" s="2" t="s">
        <v>82208</v>
      </c>
      <c r="F25599" s="2" t="s">
        <v>82189</v>
      </c>
      <c r="G25599" s="8">
        <v>248</v>
      </c>
      <c r="H25599" s="5">
        <v>5</v>
      </c>
      <c r="I25599" s="5" t="s">
        <v>69</v>
      </c>
      <c r="J25599" s="5" t="s">
        <v>731</v>
      </c>
      <c r="K25599" s="2" t="s">
        <v>732</v>
      </c>
      <c r="L25599" s="5" t="s">
        <v>731</v>
      </c>
      <c r="M25599" s="2" t="s">
        <v>732</v>
      </c>
      <c r="N25599" s="5" t="s">
        <v>82179</v>
      </c>
      <c r="O25599" s="5" t="s">
        <v>38</v>
      </c>
      <c r="P25599" s="5" t="s">
        <v>39</v>
      </c>
      <c r="Q25599" s="5" t="s">
        <v>40</v>
      </c>
      <c r="R25599" s="5" t="s">
        <v>734</v>
      </c>
      <c r="S25599" s="5" t="s">
        <v>40</v>
      </c>
      <c r="T25599" s="5" t="s">
        <v>42</v>
      </c>
      <c r="U25599" s="2">
        <v>14.47</v>
      </c>
      <c r="V25599" s="2">
        <v>14.432</v>
      </c>
      <c r="W25599" s="2">
        <v>0.188</v>
      </c>
      <c r="X25599" s="2">
        <v>108.3</v>
      </c>
      <c r="Y25599" s="2">
        <v>108.3</v>
      </c>
      <c r="Z25599" s="2">
        <v>16</v>
      </c>
      <c r="AA25599" s="5">
        <v>7</v>
      </c>
      <c r="AB25599" s="5" t="s">
        <v>43</v>
      </c>
      <c r="AC25599" s="5" t="s">
        <v>44</v>
      </c>
      <c r="AD25599" s="2" t="s">
        <v>82190</v>
      </c>
      <c r="AE25599" s="1"/>
    </row>
    <row r="25600" spans="1:31" ht="14.45">
      <c r="A25600" s="11"/>
      <c r="B25600" s="20"/>
      <c r="C25600" s="2" t="s">
        <v>82209</v>
      </c>
      <c r="D25600" s="14" t="s">
        <v>82210</v>
      </c>
      <c r="E25600" s="2" t="s">
        <v>82211</v>
      </c>
      <c r="F25600" s="2" t="s">
        <v>82184</v>
      </c>
      <c r="G25600" s="8">
        <v>305</v>
      </c>
      <c r="H25600" s="5">
        <v>5</v>
      </c>
      <c r="I25600" s="5" t="s">
        <v>69</v>
      </c>
      <c r="J25600" s="5" t="s">
        <v>731</v>
      </c>
      <c r="K25600" s="2" t="s">
        <v>732</v>
      </c>
      <c r="L25600" s="5" t="s">
        <v>731</v>
      </c>
      <c r="M25600" s="2" t="s">
        <v>732</v>
      </c>
      <c r="N25600" s="5" t="s">
        <v>82179</v>
      </c>
      <c r="O25600" s="5" t="s">
        <v>38</v>
      </c>
      <c r="P25600" s="5" t="s">
        <v>39</v>
      </c>
      <c r="Q25600" s="5" t="s">
        <v>40</v>
      </c>
      <c r="R25600" s="5" t="s">
        <v>734</v>
      </c>
      <c r="S25600" s="5" t="s">
        <v>40</v>
      </c>
      <c r="T25600" s="5" t="s">
        <v>42</v>
      </c>
      <c r="U25600" s="2">
        <v>13.382</v>
      </c>
      <c r="V25600" s="2">
        <v>12.917</v>
      </c>
      <c r="W25600" s="2">
        <v>0.38600000000000001</v>
      </c>
      <c r="X25600" s="2">
        <v>136.5</v>
      </c>
      <c r="Y25600" s="2">
        <v>166.5</v>
      </c>
      <c r="Z25600" s="2">
        <v>17</v>
      </c>
      <c r="AA25600" s="5">
        <v>7</v>
      </c>
      <c r="AB25600" s="5" t="s">
        <v>43</v>
      </c>
      <c r="AC25600" s="5" t="s">
        <v>44</v>
      </c>
      <c r="AD25600" s="2" t="s">
        <v>82185</v>
      </c>
      <c r="AE25600" s="1"/>
    </row>
    <row r="25601" spans="1:31" ht="14.45">
      <c r="A25601" s="11"/>
      <c r="B25601" s="20"/>
      <c r="C25601" s="2" t="s">
        <v>82212</v>
      </c>
      <c r="D25601" s="14" t="s">
        <v>82213</v>
      </c>
      <c r="E25601" s="2" t="s">
        <v>82214</v>
      </c>
      <c r="F25601" s="2" t="s">
        <v>82189</v>
      </c>
      <c r="G25601" s="8">
        <v>274</v>
      </c>
      <c r="H25601" s="5">
        <v>5</v>
      </c>
      <c r="I25601" s="5" t="s">
        <v>69</v>
      </c>
      <c r="J25601" s="5" t="s">
        <v>731</v>
      </c>
      <c r="K25601" s="2" t="s">
        <v>732</v>
      </c>
      <c r="L25601" s="5" t="s">
        <v>731</v>
      </c>
      <c r="M25601" s="2" t="s">
        <v>732</v>
      </c>
      <c r="N25601" s="5" t="s">
        <v>82179</v>
      </c>
      <c r="O25601" s="5" t="s">
        <v>38</v>
      </c>
      <c r="P25601" s="5" t="s">
        <v>39</v>
      </c>
      <c r="Q25601" s="5" t="s">
        <v>40</v>
      </c>
      <c r="R25601" s="5" t="s">
        <v>734</v>
      </c>
      <c r="S25601" s="5" t="s">
        <v>40</v>
      </c>
      <c r="T25601" s="5" t="s">
        <v>42</v>
      </c>
      <c r="U25601" s="2">
        <v>16.376999999999999</v>
      </c>
      <c r="V25601" s="2">
        <v>16.338999999999999</v>
      </c>
      <c r="W25601" s="2">
        <v>0.24</v>
      </c>
      <c r="X25601" s="2">
        <v>138.30000000000001</v>
      </c>
      <c r="Y25601" s="2">
        <v>108.3</v>
      </c>
      <c r="Z25601" s="2">
        <v>16</v>
      </c>
      <c r="AA25601" s="5">
        <v>7</v>
      </c>
      <c r="AB25601" s="5" t="s">
        <v>43</v>
      </c>
      <c r="AC25601" s="5" t="s">
        <v>44</v>
      </c>
      <c r="AD25601" s="2" t="s">
        <v>82190</v>
      </c>
      <c r="AE25601" s="1"/>
    </row>
    <row r="25602" spans="1:31" ht="14.45">
      <c r="A25602" s="11"/>
      <c r="B25602" s="20"/>
      <c r="C25602" s="2" t="s">
        <v>82215</v>
      </c>
      <c r="D25602" s="14" t="s">
        <v>82216</v>
      </c>
      <c r="E25602" s="2" t="s">
        <v>82217</v>
      </c>
      <c r="F25602" s="2" t="s">
        <v>82184</v>
      </c>
      <c r="G25602" s="8">
        <v>293</v>
      </c>
      <c r="H25602" s="5">
        <v>5</v>
      </c>
      <c r="I25602" s="5" t="s">
        <v>69</v>
      </c>
      <c r="J25602" s="5" t="s">
        <v>731</v>
      </c>
      <c r="K25602" s="2" t="s">
        <v>732</v>
      </c>
      <c r="L25602" s="5" t="s">
        <v>731</v>
      </c>
      <c r="M25602" s="2" t="s">
        <v>732</v>
      </c>
      <c r="N25602" s="5" t="s">
        <v>82179</v>
      </c>
      <c r="O25602" s="5" t="s">
        <v>38</v>
      </c>
      <c r="P25602" s="5" t="s">
        <v>39</v>
      </c>
      <c r="Q25602" s="5" t="s">
        <v>40</v>
      </c>
      <c r="R25602" s="5" t="s">
        <v>734</v>
      </c>
      <c r="S25602" s="5" t="s">
        <v>40</v>
      </c>
      <c r="T25602" s="5" t="s">
        <v>42</v>
      </c>
      <c r="U25602" s="2">
        <v>24.209</v>
      </c>
      <c r="V25602" s="2">
        <v>23.744</v>
      </c>
      <c r="W25602" s="2">
        <v>0.36499999999999999</v>
      </c>
      <c r="X25602" s="2">
        <v>146.5</v>
      </c>
      <c r="Y25602" s="2">
        <v>146.5</v>
      </c>
      <c r="Z25602" s="2">
        <v>17</v>
      </c>
      <c r="AA25602" s="5">
        <v>7</v>
      </c>
      <c r="AB25602" s="5" t="s">
        <v>43</v>
      </c>
      <c r="AC25602" s="5" t="s">
        <v>44</v>
      </c>
      <c r="AD25602" s="2" t="s">
        <v>82185</v>
      </c>
      <c r="AE25602" s="1"/>
    </row>
    <row r="25603" spans="1:31" ht="14.45">
      <c r="A25603" s="11"/>
      <c r="B25603" s="20"/>
      <c r="C25603" s="2" t="s">
        <v>82218</v>
      </c>
      <c r="D25603" s="14" t="s">
        <v>82219</v>
      </c>
      <c r="E25603" s="2" t="s">
        <v>82220</v>
      </c>
      <c r="F25603" s="2" t="s">
        <v>82189</v>
      </c>
      <c r="G25603" s="8">
        <v>264</v>
      </c>
      <c r="H25603" s="5">
        <v>5</v>
      </c>
      <c r="I25603" s="5" t="s">
        <v>69</v>
      </c>
      <c r="J25603" s="5" t="s">
        <v>731</v>
      </c>
      <c r="K25603" s="2" t="s">
        <v>732</v>
      </c>
      <c r="L25603" s="5" t="s">
        <v>731</v>
      </c>
      <c r="M25603" s="2" t="s">
        <v>732</v>
      </c>
      <c r="N25603" s="5" t="s">
        <v>82179</v>
      </c>
      <c r="O25603" s="5" t="s">
        <v>38</v>
      </c>
      <c r="P25603" s="5" t="s">
        <v>39</v>
      </c>
      <c r="Q25603" s="5" t="s">
        <v>40</v>
      </c>
      <c r="R25603" s="5" t="s">
        <v>734</v>
      </c>
      <c r="S25603" s="5" t="s">
        <v>40</v>
      </c>
      <c r="T25603" s="5" t="s">
        <v>42</v>
      </c>
      <c r="U25603" s="2">
        <v>15.736000000000001</v>
      </c>
      <c r="V25603" s="2">
        <v>15.696999999999999</v>
      </c>
      <c r="W25603" s="2">
        <v>0.224</v>
      </c>
      <c r="X25603" s="2">
        <v>118.3</v>
      </c>
      <c r="Y25603" s="2">
        <v>118.3</v>
      </c>
      <c r="Z25603" s="2">
        <v>16</v>
      </c>
      <c r="AA25603" s="5">
        <v>9</v>
      </c>
      <c r="AB25603" s="5" t="s">
        <v>43</v>
      </c>
      <c r="AC25603" s="5" t="s">
        <v>44</v>
      </c>
      <c r="AD25603" s="2" t="s">
        <v>82190</v>
      </c>
      <c r="AE25603" s="1"/>
    </row>
    <row r="25604" spans="1:31" ht="14.45">
      <c r="A25604" s="11"/>
      <c r="B25604" s="20"/>
      <c r="C25604" s="2" t="s">
        <v>82221</v>
      </c>
      <c r="D25604" s="14" t="s">
        <v>82222</v>
      </c>
      <c r="E25604" s="2" t="s">
        <v>82223</v>
      </c>
      <c r="F25604" s="2" t="s">
        <v>82184</v>
      </c>
      <c r="G25604" s="8">
        <v>355</v>
      </c>
      <c r="H25604" s="5">
        <v>5</v>
      </c>
      <c r="I25604" s="5" t="s">
        <v>69</v>
      </c>
      <c r="J25604" s="5" t="s">
        <v>731</v>
      </c>
      <c r="K25604" s="2" t="s">
        <v>732</v>
      </c>
      <c r="L25604" s="5" t="s">
        <v>731</v>
      </c>
      <c r="M25604" s="2" t="s">
        <v>732</v>
      </c>
      <c r="N25604" s="5" t="s">
        <v>82179</v>
      </c>
      <c r="O25604" s="5" t="s">
        <v>38</v>
      </c>
      <c r="P25604" s="5" t="s">
        <v>39</v>
      </c>
      <c r="Q25604" s="5" t="s">
        <v>40</v>
      </c>
      <c r="R25604" s="5" t="s">
        <v>734</v>
      </c>
      <c r="S25604" s="5" t="s">
        <v>40</v>
      </c>
      <c r="T25604" s="5" t="s">
        <v>42</v>
      </c>
      <c r="U25604" s="2">
        <v>28.245000000000001</v>
      </c>
      <c r="V25604" s="2">
        <v>27.774999999999999</v>
      </c>
      <c r="W25604" s="2">
        <v>0.48899999999999999</v>
      </c>
      <c r="X25604" s="2">
        <v>146.5</v>
      </c>
      <c r="Y25604" s="2">
        <v>196.5</v>
      </c>
      <c r="Z25604" s="2">
        <v>17</v>
      </c>
      <c r="AA25604" s="5">
        <v>7</v>
      </c>
      <c r="AB25604" s="5" t="s">
        <v>43</v>
      </c>
      <c r="AC25604" s="5" t="s">
        <v>44</v>
      </c>
      <c r="AD25604" s="2" t="s">
        <v>82185</v>
      </c>
      <c r="AE25604" s="1"/>
    </row>
    <row r="25605" spans="1:31" ht="14.45">
      <c r="A25605" s="11"/>
      <c r="B25605" s="20"/>
      <c r="C25605" s="2" t="s">
        <v>82224</v>
      </c>
      <c r="D25605" s="14" t="s">
        <v>82225</v>
      </c>
      <c r="E25605" s="2" t="s">
        <v>82226</v>
      </c>
      <c r="F25605" s="2" t="s">
        <v>82189</v>
      </c>
      <c r="G25605" s="8">
        <v>319</v>
      </c>
      <c r="H25605" s="5">
        <v>5</v>
      </c>
      <c r="I25605" s="5" t="s">
        <v>69</v>
      </c>
      <c r="J25605" s="5" t="s">
        <v>731</v>
      </c>
      <c r="K25605" s="2" t="s">
        <v>732</v>
      </c>
      <c r="L25605" s="5" t="s">
        <v>731</v>
      </c>
      <c r="M25605" s="2" t="s">
        <v>732</v>
      </c>
      <c r="N25605" s="5" t="s">
        <v>82179</v>
      </c>
      <c r="O25605" s="5" t="s">
        <v>38</v>
      </c>
      <c r="P25605" s="5" t="s">
        <v>39</v>
      </c>
      <c r="Q25605" s="5" t="s">
        <v>40</v>
      </c>
      <c r="R25605" s="5" t="s">
        <v>734</v>
      </c>
      <c r="S25605" s="5" t="s">
        <v>40</v>
      </c>
      <c r="T25605" s="5" t="s">
        <v>42</v>
      </c>
      <c r="U25605" s="2">
        <v>18.937000000000001</v>
      </c>
      <c r="V25605" s="2">
        <v>18.898</v>
      </c>
      <c r="W25605" s="2">
        <v>0.31900000000000001</v>
      </c>
      <c r="X25605" s="2">
        <v>168.3</v>
      </c>
      <c r="Y25605" s="2">
        <v>118.3</v>
      </c>
      <c r="Z25605" s="2">
        <v>16</v>
      </c>
      <c r="AA25605" s="5">
        <v>7</v>
      </c>
      <c r="AB25605" s="5" t="s">
        <v>43</v>
      </c>
      <c r="AC25605" s="5" t="s">
        <v>44</v>
      </c>
      <c r="AD25605" s="2" t="s">
        <v>82190</v>
      </c>
      <c r="AE25605" s="1"/>
    </row>
    <row r="25606" spans="1:31" ht="14.45">
      <c r="A25606" s="11"/>
      <c r="B25606" s="20"/>
      <c r="C25606" s="2" t="s">
        <v>82227</v>
      </c>
      <c r="D25606" s="14" t="s">
        <v>82228</v>
      </c>
      <c r="E25606" s="2" t="s">
        <v>82229</v>
      </c>
      <c r="F25606" s="2" t="s">
        <v>82184</v>
      </c>
      <c r="G25606" s="8">
        <v>343</v>
      </c>
      <c r="H25606" s="5">
        <v>5</v>
      </c>
      <c r="I25606" s="5" t="s">
        <v>69</v>
      </c>
      <c r="J25606" s="5" t="s">
        <v>731</v>
      </c>
      <c r="K25606" s="2" t="s">
        <v>732</v>
      </c>
      <c r="L25606" s="5" t="s">
        <v>731</v>
      </c>
      <c r="M25606" s="2" t="s">
        <v>732</v>
      </c>
      <c r="N25606" s="5" t="s">
        <v>82179</v>
      </c>
      <c r="O25606" s="5" t="s">
        <v>38</v>
      </c>
      <c r="P25606" s="5" t="s">
        <v>39</v>
      </c>
      <c r="Q25606" s="5" t="s">
        <v>40</v>
      </c>
      <c r="R25606" s="5" t="s">
        <v>734</v>
      </c>
      <c r="S25606" s="5" t="s">
        <v>40</v>
      </c>
      <c r="T25606" s="5" t="s">
        <v>42</v>
      </c>
      <c r="U25606" s="2">
        <v>25.867999999999999</v>
      </c>
      <c r="V25606" s="2">
        <v>25.398</v>
      </c>
      <c r="W25606" s="2">
        <v>0.47099999999999997</v>
      </c>
      <c r="X25606" s="2">
        <v>166.5</v>
      </c>
      <c r="Y25606" s="2">
        <v>166.5</v>
      </c>
      <c r="Z25606" s="2">
        <v>17</v>
      </c>
      <c r="AA25606" s="5">
        <v>7</v>
      </c>
      <c r="AB25606" s="5" t="s">
        <v>43</v>
      </c>
      <c r="AC25606" s="5" t="s">
        <v>44</v>
      </c>
      <c r="AD25606" s="2" t="s">
        <v>82185</v>
      </c>
      <c r="AE25606" s="1"/>
    </row>
    <row r="25607" spans="1:31" ht="14.45">
      <c r="A25607" s="11"/>
      <c r="B25607" s="20"/>
      <c r="C25607" s="2" t="s">
        <v>82230</v>
      </c>
      <c r="D25607" s="14" t="s">
        <v>82231</v>
      </c>
      <c r="E25607" s="2" t="s">
        <v>82232</v>
      </c>
      <c r="F25607" s="2" t="s">
        <v>82189</v>
      </c>
      <c r="G25607" s="8">
        <v>309</v>
      </c>
      <c r="H25607" s="5">
        <v>5</v>
      </c>
      <c r="I25607" s="5" t="s">
        <v>69</v>
      </c>
      <c r="J25607" s="5" t="s">
        <v>731</v>
      </c>
      <c r="K25607" s="2" t="s">
        <v>732</v>
      </c>
      <c r="L25607" s="5" t="s">
        <v>731</v>
      </c>
      <c r="M25607" s="2" t="s">
        <v>732</v>
      </c>
      <c r="N25607" s="5" t="s">
        <v>82179</v>
      </c>
      <c r="O25607" s="5" t="s">
        <v>38</v>
      </c>
      <c r="P25607" s="5" t="s">
        <v>39</v>
      </c>
      <c r="Q25607" s="5" t="s">
        <v>40</v>
      </c>
      <c r="R25607" s="5" t="s">
        <v>734</v>
      </c>
      <c r="S25607" s="5" t="s">
        <v>40</v>
      </c>
      <c r="T25607" s="5" t="s">
        <v>42</v>
      </c>
      <c r="U25607" s="2">
        <v>18.245999999999999</v>
      </c>
      <c r="V25607" s="2">
        <v>18.206</v>
      </c>
      <c r="W25607" s="2">
        <v>0.30599999999999999</v>
      </c>
      <c r="X25607" s="2">
        <v>138.30000000000001</v>
      </c>
      <c r="Y25607" s="2">
        <v>138.30000000000001</v>
      </c>
      <c r="Z25607" s="2">
        <v>16</v>
      </c>
      <c r="AA25607" s="5">
        <v>7</v>
      </c>
      <c r="AB25607" s="5" t="s">
        <v>43</v>
      </c>
      <c r="AC25607" s="5" t="s">
        <v>44</v>
      </c>
      <c r="AD25607" s="2" t="s">
        <v>82190</v>
      </c>
      <c r="AE25607" s="1"/>
    </row>
    <row r="25608" spans="1:31" ht="14.45">
      <c r="A25608" s="11"/>
      <c r="B25608" s="20"/>
      <c r="C25608" s="2" t="s">
        <v>82233</v>
      </c>
      <c r="D25608" s="14" t="s">
        <v>82234</v>
      </c>
      <c r="E25608" s="2" t="s">
        <v>82235</v>
      </c>
      <c r="F25608" s="2" t="s">
        <v>82184</v>
      </c>
      <c r="G25608" s="8">
        <v>423</v>
      </c>
      <c r="H25608" s="5">
        <v>5</v>
      </c>
      <c r="I25608" s="5" t="s">
        <v>69</v>
      </c>
      <c r="J25608" s="5" t="s">
        <v>731</v>
      </c>
      <c r="K25608" s="2" t="s">
        <v>732</v>
      </c>
      <c r="L25608" s="5" t="s">
        <v>731</v>
      </c>
      <c r="M25608" s="2" t="s">
        <v>732</v>
      </c>
      <c r="N25608" s="5" t="s">
        <v>82179</v>
      </c>
      <c r="O25608" s="5" t="s">
        <v>38</v>
      </c>
      <c r="P25608" s="5" t="s">
        <v>39</v>
      </c>
      <c r="Q25608" s="5" t="s">
        <v>40</v>
      </c>
      <c r="R25608" s="5" t="s">
        <v>734</v>
      </c>
      <c r="S25608" s="5" t="s">
        <v>40</v>
      </c>
      <c r="T25608" s="5" t="s">
        <v>42</v>
      </c>
      <c r="U25608" s="2">
        <v>32.271999999999998</v>
      </c>
      <c r="V25608" s="2">
        <v>31.794</v>
      </c>
      <c r="W25608" s="2">
        <v>0.65600000000000003</v>
      </c>
      <c r="X25608" s="2">
        <v>196.5</v>
      </c>
      <c r="Y25608" s="2">
        <v>196.5</v>
      </c>
      <c r="Z25608" s="2">
        <v>17</v>
      </c>
      <c r="AA25608" s="5">
        <v>7</v>
      </c>
      <c r="AB25608" s="5" t="s">
        <v>43</v>
      </c>
      <c r="AC25608" s="5" t="s">
        <v>44</v>
      </c>
      <c r="AD25608" s="2" t="s">
        <v>82185</v>
      </c>
      <c r="AE25608" s="1"/>
    </row>
    <row r="25609" spans="1:31" ht="14.45">
      <c r="A25609" s="11"/>
      <c r="B25609" s="20"/>
      <c r="C25609" s="2" t="s">
        <v>82236</v>
      </c>
      <c r="D25609" s="14" t="s">
        <v>82237</v>
      </c>
      <c r="E25609" s="2" t="s">
        <v>82238</v>
      </c>
      <c r="F25609" s="2" t="s">
        <v>82189</v>
      </c>
      <c r="G25609" s="8">
        <v>366</v>
      </c>
      <c r="H25609" s="5">
        <v>5</v>
      </c>
      <c r="I25609" s="5" t="s">
        <v>69</v>
      </c>
      <c r="J25609" s="5" t="s">
        <v>731</v>
      </c>
      <c r="K25609" s="2" t="s">
        <v>732</v>
      </c>
      <c r="L25609" s="5" t="s">
        <v>731</v>
      </c>
      <c r="M25609" s="2" t="s">
        <v>732</v>
      </c>
      <c r="N25609" s="5" t="s">
        <v>82179</v>
      </c>
      <c r="O25609" s="5" t="s">
        <v>38</v>
      </c>
      <c r="P25609" s="5" t="s">
        <v>39</v>
      </c>
      <c r="Q25609" s="5" t="s">
        <v>40</v>
      </c>
      <c r="R25609" s="5" t="s">
        <v>734</v>
      </c>
      <c r="S25609" s="5" t="s">
        <v>40</v>
      </c>
      <c r="T25609" s="5" t="s">
        <v>42</v>
      </c>
      <c r="U25609" s="2">
        <v>22.126000000000001</v>
      </c>
      <c r="V25609" s="2">
        <v>22.084</v>
      </c>
      <c r="W25609" s="2">
        <v>0.45300000000000001</v>
      </c>
      <c r="X25609" s="2">
        <v>168.3</v>
      </c>
      <c r="Y25609" s="2">
        <v>168.3</v>
      </c>
      <c r="Z25609" s="2">
        <v>16</v>
      </c>
      <c r="AA25609" s="5">
        <v>7</v>
      </c>
      <c r="AB25609" s="5" t="s">
        <v>43</v>
      </c>
      <c r="AC25609" s="5" t="s">
        <v>44</v>
      </c>
      <c r="AD25609" s="2" t="s">
        <v>82190</v>
      </c>
      <c r="AE25609" s="1"/>
    </row>
    <row r="25610" spans="1:31" ht="14.45">
      <c r="A25610" s="11"/>
      <c r="B25610" s="20"/>
      <c r="C25610" s="2" t="s">
        <v>82239</v>
      </c>
      <c r="D25610" s="14" t="s">
        <v>82240</v>
      </c>
      <c r="E25610" s="2" t="s">
        <v>82241</v>
      </c>
      <c r="F25610" s="2" t="s">
        <v>82242</v>
      </c>
      <c r="G25610" s="8">
        <v>176</v>
      </c>
      <c r="H25610" s="5">
        <v>20</v>
      </c>
      <c r="I25610" s="5" t="s">
        <v>69</v>
      </c>
      <c r="J25610" s="5" t="s">
        <v>731</v>
      </c>
      <c r="K25610" s="2" t="s">
        <v>732</v>
      </c>
      <c r="L25610" s="5" t="s">
        <v>731</v>
      </c>
      <c r="M25610" s="2" t="s">
        <v>732</v>
      </c>
      <c r="N25610" s="5" t="s">
        <v>82179</v>
      </c>
      <c r="O25610" s="5" t="s">
        <v>38</v>
      </c>
      <c r="P25610" s="5" t="s">
        <v>39</v>
      </c>
      <c r="Q25610" s="5" t="s">
        <v>40</v>
      </c>
      <c r="R25610" s="5" t="s">
        <v>66778</v>
      </c>
      <c r="S25610" s="5" t="s">
        <v>40</v>
      </c>
      <c r="T25610" s="5" t="s">
        <v>42</v>
      </c>
      <c r="U25610" s="2">
        <v>3.69</v>
      </c>
      <c r="V25610" s="2">
        <v>2.52</v>
      </c>
      <c r="W25610" s="2">
        <v>5.6000000000000001E-2</v>
      </c>
      <c r="X25610" s="2">
        <v>71</v>
      </c>
      <c r="Y25610" s="2">
        <v>71</v>
      </c>
      <c r="Z25610" s="2">
        <v>11.2</v>
      </c>
      <c r="AA25610" s="5">
        <v>7</v>
      </c>
      <c r="AB25610" s="5" t="s">
        <v>43</v>
      </c>
      <c r="AC25610" s="5" t="s">
        <v>44</v>
      </c>
      <c r="AD25610" s="2" t="s">
        <v>82243</v>
      </c>
      <c r="AE25610" s="1"/>
    </row>
    <row r="25611" spans="1:31" ht="14.45">
      <c r="A25611" s="11"/>
      <c r="B25611" s="20"/>
      <c r="C25611" s="2" t="s">
        <v>82244</v>
      </c>
      <c r="D25611" s="14" t="s">
        <v>82245</v>
      </c>
      <c r="E25611" s="2" t="s">
        <v>82246</v>
      </c>
      <c r="F25611" s="2" t="s">
        <v>82247</v>
      </c>
      <c r="G25611" s="8">
        <v>253</v>
      </c>
      <c r="H25611" s="5">
        <v>20</v>
      </c>
      <c r="I25611" s="5" t="s">
        <v>69</v>
      </c>
      <c r="J25611" s="5" t="s">
        <v>731</v>
      </c>
      <c r="K25611" s="2" t="s">
        <v>732</v>
      </c>
      <c r="L25611" s="5" t="s">
        <v>731</v>
      </c>
      <c r="M25611" s="2" t="s">
        <v>732</v>
      </c>
      <c r="N25611" s="5" t="s">
        <v>82179</v>
      </c>
      <c r="O25611" s="5" t="s">
        <v>38</v>
      </c>
      <c r="P25611" s="5" t="s">
        <v>39</v>
      </c>
      <c r="Q25611" s="5" t="s">
        <v>40</v>
      </c>
      <c r="R25611" s="5" t="s">
        <v>66778</v>
      </c>
      <c r="S25611" s="5" t="s">
        <v>40</v>
      </c>
      <c r="T25611" s="5" t="s">
        <v>42</v>
      </c>
      <c r="U25611" s="2">
        <v>7.71</v>
      </c>
      <c r="V25611" s="2">
        <v>6.54</v>
      </c>
      <c r="W25611" s="2">
        <v>5.6000000000000001E-2</v>
      </c>
      <c r="X25611" s="2">
        <v>71</v>
      </c>
      <c r="Y25611" s="2">
        <v>71</v>
      </c>
      <c r="Z25611" s="2">
        <v>11.2</v>
      </c>
      <c r="AA25611" s="5">
        <v>7</v>
      </c>
      <c r="AB25611" s="5" t="s">
        <v>43</v>
      </c>
      <c r="AC25611" s="5" t="s">
        <v>44</v>
      </c>
      <c r="AD25611" s="2" t="s">
        <v>82248</v>
      </c>
      <c r="AE25611" s="1"/>
    </row>
    <row r="25612" spans="1:31" ht="14.45">
      <c r="A25612" s="11"/>
      <c r="B25612" s="20"/>
      <c r="C25612" s="2" t="s">
        <v>82249</v>
      </c>
      <c r="D25612" s="14" t="s">
        <v>82250</v>
      </c>
      <c r="E25612" s="2" t="s">
        <v>82251</v>
      </c>
      <c r="F25612" s="2" t="s">
        <v>82252</v>
      </c>
      <c r="G25612" s="8">
        <v>603</v>
      </c>
      <c r="H25612" s="5">
        <v>20</v>
      </c>
      <c r="I25612" s="5" t="s">
        <v>69</v>
      </c>
      <c r="J25612" s="5" t="s">
        <v>731</v>
      </c>
      <c r="K25612" s="2" t="s">
        <v>732</v>
      </c>
      <c r="L25612" s="5" t="s">
        <v>731</v>
      </c>
      <c r="M25612" s="2" t="s">
        <v>732</v>
      </c>
      <c r="N25612" s="5" t="s">
        <v>82179</v>
      </c>
      <c r="O25612" s="5" t="s">
        <v>38</v>
      </c>
      <c r="P25612" s="5" t="s">
        <v>39</v>
      </c>
      <c r="Q25612" s="5" t="s">
        <v>40</v>
      </c>
      <c r="R25612" s="5" t="s">
        <v>66778</v>
      </c>
      <c r="S25612" s="5" t="s">
        <v>40</v>
      </c>
      <c r="T25612" s="5" t="s">
        <v>42</v>
      </c>
      <c r="U25612" s="2">
        <v>9.57</v>
      </c>
      <c r="V25612" s="2">
        <v>8.4</v>
      </c>
      <c r="W25612" s="2">
        <v>5.6000000000000001E-2</v>
      </c>
      <c r="X25612" s="2">
        <v>71</v>
      </c>
      <c r="Y25612" s="2">
        <v>71</v>
      </c>
      <c r="Z25612" s="2">
        <v>11.2</v>
      </c>
      <c r="AA25612" s="5">
        <v>10</v>
      </c>
      <c r="AB25612" s="5" t="s">
        <v>43</v>
      </c>
      <c r="AC25612" s="5" t="s">
        <v>44</v>
      </c>
      <c r="AD25612" s="2" t="s">
        <v>82253</v>
      </c>
      <c r="AE25612" s="1"/>
    </row>
    <row r="25613" spans="1:31" ht="14.45">
      <c r="A25613" s="11"/>
      <c r="B25613" s="20"/>
      <c r="C25613" s="2" t="s">
        <v>82254</v>
      </c>
      <c r="D25613" s="14" t="s">
        <v>82255</v>
      </c>
      <c r="E25613" s="2" t="s">
        <v>82256</v>
      </c>
      <c r="F25613" s="2" t="s">
        <v>82242</v>
      </c>
      <c r="G25613" s="8">
        <v>193</v>
      </c>
      <c r="H25613" s="5">
        <v>20</v>
      </c>
      <c r="I25613" s="5" t="s">
        <v>69</v>
      </c>
      <c r="J25613" s="5" t="s">
        <v>731</v>
      </c>
      <c r="K25613" s="2" t="s">
        <v>732</v>
      </c>
      <c r="L25613" s="5" t="s">
        <v>731</v>
      </c>
      <c r="M25613" s="2" t="s">
        <v>732</v>
      </c>
      <c r="N25613" s="5" t="s">
        <v>82179</v>
      </c>
      <c r="O25613" s="5" t="s">
        <v>38</v>
      </c>
      <c r="P25613" s="5" t="s">
        <v>39</v>
      </c>
      <c r="Q25613" s="5" t="s">
        <v>40</v>
      </c>
      <c r="R25613" s="5" t="s">
        <v>66778</v>
      </c>
      <c r="S25613" s="5" t="s">
        <v>40</v>
      </c>
      <c r="T25613" s="5" t="s">
        <v>42</v>
      </c>
      <c r="U25613" s="2">
        <v>5.37</v>
      </c>
      <c r="V25613" s="2">
        <v>3.51</v>
      </c>
      <c r="W25613" s="2">
        <v>9.2999999999999999E-2</v>
      </c>
      <c r="X25613" s="2">
        <v>91</v>
      </c>
      <c r="Y25613" s="2">
        <v>91</v>
      </c>
      <c r="Z25613" s="2">
        <v>11.2</v>
      </c>
      <c r="AA25613" s="5">
        <v>7</v>
      </c>
      <c r="AB25613" s="5" t="s">
        <v>43</v>
      </c>
      <c r="AC25613" s="5" t="s">
        <v>44</v>
      </c>
      <c r="AD25613" s="2" t="s">
        <v>82243</v>
      </c>
      <c r="AE25613" s="1"/>
    </row>
    <row r="25614" spans="1:31" ht="14.45">
      <c r="A25614" s="11"/>
      <c r="B25614" s="20"/>
      <c r="C25614" s="2" t="s">
        <v>82257</v>
      </c>
      <c r="D25614" s="14" t="s">
        <v>82258</v>
      </c>
      <c r="E25614" s="2" t="s">
        <v>82259</v>
      </c>
      <c r="F25614" s="2" t="s">
        <v>82247</v>
      </c>
      <c r="G25614" s="8">
        <v>270</v>
      </c>
      <c r="H25614" s="5">
        <v>20</v>
      </c>
      <c r="I25614" s="5" t="s">
        <v>69</v>
      </c>
      <c r="J25614" s="5" t="s">
        <v>731</v>
      </c>
      <c r="K25614" s="2" t="s">
        <v>732</v>
      </c>
      <c r="L25614" s="5" t="s">
        <v>731</v>
      </c>
      <c r="M25614" s="2" t="s">
        <v>732</v>
      </c>
      <c r="N25614" s="5" t="s">
        <v>82179</v>
      </c>
      <c r="O25614" s="5" t="s">
        <v>38</v>
      </c>
      <c r="P25614" s="5" t="s">
        <v>39</v>
      </c>
      <c r="Q25614" s="5" t="s">
        <v>40</v>
      </c>
      <c r="R25614" s="5" t="s">
        <v>66778</v>
      </c>
      <c r="S25614" s="5" t="s">
        <v>40</v>
      </c>
      <c r="T25614" s="5" t="s">
        <v>42</v>
      </c>
      <c r="U25614" s="2">
        <v>9.6999999999999993</v>
      </c>
      <c r="V25614" s="2">
        <v>7.84</v>
      </c>
      <c r="W25614" s="2">
        <v>9.2999999999999999E-2</v>
      </c>
      <c r="X25614" s="2">
        <v>91</v>
      </c>
      <c r="Y25614" s="2">
        <v>91</v>
      </c>
      <c r="Z25614" s="2">
        <v>11.2</v>
      </c>
      <c r="AA25614" s="5">
        <v>7</v>
      </c>
      <c r="AB25614" s="5" t="s">
        <v>43</v>
      </c>
      <c r="AC25614" s="5" t="s">
        <v>44</v>
      </c>
      <c r="AD25614" s="2" t="s">
        <v>82248</v>
      </c>
      <c r="AE25614" s="1"/>
    </row>
    <row r="25615" spans="1:31" ht="14.45">
      <c r="A25615" s="11"/>
      <c r="B25615" s="20"/>
      <c r="C25615" s="2" t="s">
        <v>82260</v>
      </c>
      <c r="D25615" s="14" t="s">
        <v>82261</v>
      </c>
      <c r="E25615" s="2" t="s">
        <v>82262</v>
      </c>
      <c r="F25615" s="2" t="s">
        <v>82252</v>
      </c>
      <c r="G25615" s="8">
        <v>643</v>
      </c>
      <c r="H25615" s="5">
        <v>20</v>
      </c>
      <c r="I25615" s="5" t="s">
        <v>69</v>
      </c>
      <c r="J25615" s="5" t="s">
        <v>731</v>
      </c>
      <c r="K25615" s="2" t="s">
        <v>732</v>
      </c>
      <c r="L25615" s="5" t="s">
        <v>731</v>
      </c>
      <c r="M25615" s="2" t="s">
        <v>732</v>
      </c>
      <c r="N25615" s="5" t="s">
        <v>82179</v>
      </c>
      <c r="O25615" s="5" t="s">
        <v>38</v>
      </c>
      <c r="P25615" s="5" t="s">
        <v>39</v>
      </c>
      <c r="Q25615" s="5" t="s">
        <v>40</v>
      </c>
      <c r="R25615" s="5" t="s">
        <v>66778</v>
      </c>
      <c r="S25615" s="5" t="s">
        <v>40</v>
      </c>
      <c r="T25615" s="5" t="s">
        <v>42</v>
      </c>
      <c r="U25615" s="2">
        <v>11.01</v>
      </c>
      <c r="V25615" s="2">
        <v>9.15</v>
      </c>
      <c r="W25615" s="2">
        <v>9.2999999999999999E-2</v>
      </c>
      <c r="X25615" s="2">
        <v>91</v>
      </c>
      <c r="Y25615" s="2">
        <v>91</v>
      </c>
      <c r="Z25615" s="2">
        <v>11.2</v>
      </c>
      <c r="AA25615" s="5">
        <v>5</v>
      </c>
      <c r="AB25615" s="5" t="s">
        <v>43</v>
      </c>
      <c r="AC25615" s="5" t="s">
        <v>44</v>
      </c>
      <c r="AD25615" s="2" t="s">
        <v>82253</v>
      </c>
      <c r="AE25615" s="1"/>
    </row>
    <row r="25616" spans="1:31" ht="14.45">
      <c r="A25616" s="11"/>
      <c r="B25616" s="20"/>
      <c r="C25616" s="2" t="s">
        <v>82263</v>
      </c>
      <c r="D25616" s="14" t="s">
        <v>82264</v>
      </c>
      <c r="E25616" s="2" t="s">
        <v>82265</v>
      </c>
      <c r="F25616" s="2" t="s">
        <v>82242</v>
      </c>
      <c r="G25616" s="8">
        <v>189</v>
      </c>
      <c r="H25616" s="5">
        <v>15</v>
      </c>
      <c r="I25616" s="5" t="s">
        <v>69</v>
      </c>
      <c r="J25616" s="5" t="s">
        <v>731</v>
      </c>
      <c r="K25616" s="2" t="s">
        <v>732</v>
      </c>
      <c r="L25616" s="5" t="s">
        <v>731</v>
      </c>
      <c r="M25616" s="2" t="s">
        <v>732</v>
      </c>
      <c r="N25616" s="5" t="s">
        <v>82179</v>
      </c>
      <c r="O25616" s="5" t="s">
        <v>38</v>
      </c>
      <c r="P25616" s="5" t="s">
        <v>39</v>
      </c>
      <c r="Q25616" s="5" t="s">
        <v>40</v>
      </c>
      <c r="R25616" s="5" t="s">
        <v>66778</v>
      </c>
      <c r="S25616" s="5" t="s">
        <v>40</v>
      </c>
      <c r="T25616" s="5" t="s">
        <v>42</v>
      </c>
      <c r="U25616" s="2">
        <v>5.58</v>
      </c>
      <c r="V25616" s="2">
        <v>3.31</v>
      </c>
      <c r="W25616" s="2">
        <v>0.114</v>
      </c>
      <c r="X25616" s="2">
        <v>101</v>
      </c>
      <c r="Y25616" s="2">
        <v>101</v>
      </c>
      <c r="Z25616" s="2">
        <v>11.2</v>
      </c>
      <c r="AA25616" s="5">
        <v>7</v>
      </c>
      <c r="AB25616" s="5" t="s">
        <v>43</v>
      </c>
      <c r="AC25616" s="5" t="s">
        <v>44</v>
      </c>
      <c r="AD25616" s="2" t="s">
        <v>82243</v>
      </c>
      <c r="AE25616" s="1"/>
    </row>
    <row r="25617" spans="1:31" ht="14.45">
      <c r="A25617" s="11"/>
      <c r="B25617" s="20"/>
      <c r="C25617" s="2" t="s">
        <v>82266</v>
      </c>
      <c r="D25617" s="14" t="s">
        <v>82267</v>
      </c>
      <c r="E25617" s="2" t="s">
        <v>82268</v>
      </c>
      <c r="F25617" s="2" t="s">
        <v>82247</v>
      </c>
      <c r="G25617" s="8">
        <v>253</v>
      </c>
      <c r="H25617" s="5">
        <v>15</v>
      </c>
      <c r="I25617" s="5" t="s">
        <v>69</v>
      </c>
      <c r="J25617" s="5" t="s">
        <v>731</v>
      </c>
      <c r="K25617" s="2" t="s">
        <v>732</v>
      </c>
      <c r="L25617" s="5" t="s">
        <v>731</v>
      </c>
      <c r="M25617" s="2" t="s">
        <v>732</v>
      </c>
      <c r="N25617" s="5" t="s">
        <v>82179</v>
      </c>
      <c r="O25617" s="5" t="s">
        <v>38</v>
      </c>
      <c r="P25617" s="5" t="s">
        <v>39</v>
      </c>
      <c r="Q25617" s="5" t="s">
        <v>40</v>
      </c>
      <c r="R25617" s="5" t="s">
        <v>66778</v>
      </c>
      <c r="S25617" s="5" t="s">
        <v>40</v>
      </c>
      <c r="T25617" s="5" t="s">
        <v>42</v>
      </c>
      <c r="U25617" s="2">
        <v>9.81</v>
      </c>
      <c r="V25617" s="2">
        <v>7.54</v>
      </c>
      <c r="W25617" s="2">
        <v>0.114</v>
      </c>
      <c r="X25617" s="2">
        <v>101</v>
      </c>
      <c r="Y25617" s="2">
        <v>101</v>
      </c>
      <c r="Z25617" s="2">
        <v>11.2</v>
      </c>
      <c r="AA25617" s="5">
        <v>7</v>
      </c>
      <c r="AB25617" s="5" t="s">
        <v>43</v>
      </c>
      <c r="AC25617" s="5" t="s">
        <v>44</v>
      </c>
      <c r="AD25617" s="2" t="s">
        <v>82248</v>
      </c>
      <c r="AE25617" s="1"/>
    </row>
    <row r="25618" spans="1:31" ht="14.45">
      <c r="A25618" s="11"/>
      <c r="B25618" s="20"/>
      <c r="C25618" s="2" t="s">
        <v>82269</v>
      </c>
      <c r="D25618" s="14" t="s">
        <v>82270</v>
      </c>
      <c r="E25618" s="2" t="s">
        <v>82271</v>
      </c>
      <c r="F25618" s="2" t="s">
        <v>82242</v>
      </c>
      <c r="G25618" s="8">
        <v>204</v>
      </c>
      <c r="H25618" s="5">
        <v>20</v>
      </c>
      <c r="I25618" s="5" t="s">
        <v>69</v>
      </c>
      <c r="J25618" s="5" t="s">
        <v>731</v>
      </c>
      <c r="K25618" s="2" t="s">
        <v>732</v>
      </c>
      <c r="L25618" s="5" t="s">
        <v>731</v>
      </c>
      <c r="M25618" s="2" t="s">
        <v>732</v>
      </c>
      <c r="N25618" s="5" t="s">
        <v>82179</v>
      </c>
      <c r="O25618" s="5" t="s">
        <v>38</v>
      </c>
      <c r="P25618" s="5" t="s">
        <v>39</v>
      </c>
      <c r="Q25618" s="5" t="s">
        <v>40</v>
      </c>
      <c r="R25618" s="5" t="s">
        <v>66778</v>
      </c>
      <c r="S25618" s="5" t="s">
        <v>40</v>
      </c>
      <c r="T25618" s="5" t="s">
        <v>42</v>
      </c>
      <c r="U25618" s="2">
        <v>6.28</v>
      </c>
      <c r="V25618" s="2">
        <v>4.01</v>
      </c>
      <c r="W25618" s="2">
        <v>0.114</v>
      </c>
      <c r="X25618" s="2">
        <v>101</v>
      </c>
      <c r="Y25618" s="2">
        <v>101</v>
      </c>
      <c r="Z25618" s="2">
        <v>11.2</v>
      </c>
      <c r="AA25618" s="5">
        <v>7</v>
      </c>
      <c r="AB25618" s="5" t="s">
        <v>43</v>
      </c>
      <c r="AC25618" s="5" t="s">
        <v>44</v>
      </c>
      <c r="AD25618" s="2" t="s">
        <v>82243</v>
      </c>
      <c r="AE25618" s="1"/>
    </row>
    <row r="25619" spans="1:31" ht="14.45">
      <c r="A25619" s="11"/>
      <c r="B25619" s="20"/>
      <c r="C25619" s="2" t="s">
        <v>82272</v>
      </c>
      <c r="D25619" s="14" t="s">
        <v>82273</v>
      </c>
      <c r="E25619" s="2" t="s">
        <v>82274</v>
      </c>
      <c r="F25619" s="2" t="s">
        <v>82247</v>
      </c>
      <c r="G25619" s="8">
        <v>273</v>
      </c>
      <c r="H25619" s="5">
        <v>20</v>
      </c>
      <c r="I25619" s="5" t="s">
        <v>69</v>
      </c>
      <c r="J25619" s="5" t="s">
        <v>731</v>
      </c>
      <c r="K25619" s="2" t="s">
        <v>732</v>
      </c>
      <c r="L25619" s="5" t="s">
        <v>731</v>
      </c>
      <c r="M25619" s="2" t="s">
        <v>732</v>
      </c>
      <c r="N25619" s="5" t="s">
        <v>82179</v>
      </c>
      <c r="O25619" s="5" t="s">
        <v>38</v>
      </c>
      <c r="P25619" s="5" t="s">
        <v>39</v>
      </c>
      <c r="Q25619" s="5" t="s">
        <v>40</v>
      </c>
      <c r="R25619" s="5" t="s">
        <v>66778</v>
      </c>
      <c r="S25619" s="5" t="s">
        <v>40</v>
      </c>
      <c r="T25619" s="5" t="s">
        <v>42</v>
      </c>
      <c r="U25619" s="2">
        <v>10.81</v>
      </c>
      <c r="V25619" s="2">
        <v>8.5399999999999991</v>
      </c>
      <c r="W25619" s="2">
        <v>0.114</v>
      </c>
      <c r="X25619" s="2">
        <v>101</v>
      </c>
      <c r="Y25619" s="2">
        <v>101</v>
      </c>
      <c r="Z25619" s="2">
        <v>11.2</v>
      </c>
      <c r="AA25619" s="5">
        <v>7</v>
      </c>
      <c r="AB25619" s="5" t="s">
        <v>43</v>
      </c>
      <c r="AC25619" s="5" t="s">
        <v>44</v>
      </c>
      <c r="AD25619" s="2" t="s">
        <v>82248</v>
      </c>
      <c r="AE25619" s="1"/>
    </row>
    <row r="25620" spans="1:31" ht="14.45">
      <c r="A25620" s="11"/>
      <c r="B25620" s="20"/>
      <c r="C25620" s="2" t="s">
        <v>82275</v>
      </c>
      <c r="D25620" s="14" t="s">
        <v>82276</v>
      </c>
      <c r="E25620" s="2" t="s">
        <v>82277</v>
      </c>
      <c r="F25620" s="2" t="s">
        <v>82252</v>
      </c>
      <c r="G25620" s="8">
        <v>650</v>
      </c>
      <c r="H25620" s="5">
        <v>20</v>
      </c>
      <c r="I25620" s="5" t="s">
        <v>69</v>
      </c>
      <c r="J25620" s="5" t="s">
        <v>731</v>
      </c>
      <c r="K25620" s="2" t="s">
        <v>732</v>
      </c>
      <c r="L25620" s="5" t="s">
        <v>731</v>
      </c>
      <c r="M25620" s="2" t="s">
        <v>732</v>
      </c>
      <c r="N25620" s="5" t="s">
        <v>82179</v>
      </c>
      <c r="O25620" s="5" t="s">
        <v>38</v>
      </c>
      <c r="P25620" s="5" t="s">
        <v>39</v>
      </c>
      <c r="Q25620" s="5" t="s">
        <v>40</v>
      </c>
      <c r="R25620" s="5" t="s">
        <v>66778</v>
      </c>
      <c r="S25620" s="5" t="s">
        <v>40</v>
      </c>
      <c r="T25620" s="5" t="s">
        <v>42</v>
      </c>
      <c r="U25620" s="2">
        <v>11.97</v>
      </c>
      <c r="V25620" s="2">
        <v>9.6999999999999993</v>
      </c>
      <c r="W25620" s="2">
        <v>0.114</v>
      </c>
      <c r="X25620" s="2">
        <v>101</v>
      </c>
      <c r="Y25620" s="2">
        <v>101</v>
      </c>
      <c r="Z25620" s="2">
        <v>11.2</v>
      </c>
      <c r="AA25620" s="5">
        <v>5</v>
      </c>
      <c r="AB25620" s="5" t="s">
        <v>43</v>
      </c>
      <c r="AC25620" s="5" t="s">
        <v>44</v>
      </c>
      <c r="AD25620" s="2" t="s">
        <v>82253</v>
      </c>
      <c r="AE25620" s="1"/>
    </row>
    <row r="25621" spans="1:31" ht="14.45">
      <c r="A25621" s="11"/>
      <c r="B25621" s="20"/>
      <c r="C25621" s="2" t="s">
        <v>82278</v>
      </c>
      <c r="D25621" s="14" t="s">
        <v>82279</v>
      </c>
      <c r="E25621" s="2" t="s">
        <v>82280</v>
      </c>
      <c r="F25621" s="2" t="s">
        <v>82242</v>
      </c>
      <c r="G25621" s="8">
        <v>212</v>
      </c>
      <c r="H25621" s="5">
        <v>20</v>
      </c>
      <c r="I25621" s="5" t="s">
        <v>69</v>
      </c>
      <c r="J25621" s="5" t="s">
        <v>731</v>
      </c>
      <c r="K25621" s="2" t="s">
        <v>732</v>
      </c>
      <c r="L25621" s="5" t="s">
        <v>731</v>
      </c>
      <c r="M25621" s="2" t="s">
        <v>732</v>
      </c>
      <c r="N25621" s="5" t="s">
        <v>82179</v>
      </c>
      <c r="O25621" s="5" t="s">
        <v>38</v>
      </c>
      <c r="P25621" s="5" t="s">
        <v>39</v>
      </c>
      <c r="Q25621" s="5" t="s">
        <v>40</v>
      </c>
      <c r="R25621" s="5" t="s">
        <v>66778</v>
      </c>
      <c r="S25621" s="5" t="s">
        <v>40</v>
      </c>
      <c r="T25621" s="5" t="s">
        <v>42</v>
      </c>
      <c r="U25621" s="2">
        <v>7.22</v>
      </c>
      <c r="V25621" s="2">
        <v>4.51</v>
      </c>
      <c r="W25621" s="2">
        <v>0.13800000000000001</v>
      </c>
      <c r="X25621" s="2">
        <v>111</v>
      </c>
      <c r="Y25621" s="2">
        <v>111</v>
      </c>
      <c r="Z25621" s="2">
        <v>11.2</v>
      </c>
      <c r="AA25621" s="5">
        <v>7</v>
      </c>
      <c r="AB25621" s="5" t="s">
        <v>43</v>
      </c>
      <c r="AC25621" s="5" t="s">
        <v>44</v>
      </c>
      <c r="AD25621" s="2" t="s">
        <v>82243</v>
      </c>
      <c r="AE25621" s="1"/>
    </row>
    <row r="25622" spans="1:31" ht="14.45">
      <c r="A25622" s="11"/>
      <c r="B25622" s="20"/>
      <c r="C25622" s="2" t="s">
        <v>82281</v>
      </c>
      <c r="D25622" s="14" t="s">
        <v>82282</v>
      </c>
      <c r="E25622" s="2" t="s">
        <v>82283</v>
      </c>
      <c r="F25622" s="2" t="s">
        <v>82247</v>
      </c>
      <c r="G25622" s="8">
        <v>284</v>
      </c>
      <c r="H25622" s="5">
        <v>20</v>
      </c>
      <c r="I25622" s="5" t="s">
        <v>69</v>
      </c>
      <c r="J25622" s="5" t="s">
        <v>731</v>
      </c>
      <c r="K25622" s="2" t="s">
        <v>732</v>
      </c>
      <c r="L25622" s="5" t="s">
        <v>731</v>
      </c>
      <c r="M25622" s="2" t="s">
        <v>732</v>
      </c>
      <c r="N25622" s="5" t="s">
        <v>82179</v>
      </c>
      <c r="O25622" s="5" t="s">
        <v>38</v>
      </c>
      <c r="P25622" s="5" t="s">
        <v>39</v>
      </c>
      <c r="Q25622" s="5" t="s">
        <v>40</v>
      </c>
      <c r="R25622" s="5" t="s">
        <v>66778</v>
      </c>
      <c r="S25622" s="5" t="s">
        <v>40</v>
      </c>
      <c r="T25622" s="5" t="s">
        <v>42</v>
      </c>
      <c r="U25622" s="2">
        <v>11.96</v>
      </c>
      <c r="V25622" s="2">
        <v>9.24</v>
      </c>
      <c r="W25622" s="2">
        <v>0.13800000000000001</v>
      </c>
      <c r="X25622" s="2">
        <v>111</v>
      </c>
      <c r="Y25622" s="2">
        <v>111</v>
      </c>
      <c r="Z25622" s="2">
        <v>11.2</v>
      </c>
      <c r="AA25622" s="5">
        <v>7</v>
      </c>
      <c r="AB25622" s="5" t="s">
        <v>43</v>
      </c>
      <c r="AC25622" s="5" t="s">
        <v>44</v>
      </c>
      <c r="AD25622" s="2" t="s">
        <v>82248</v>
      </c>
      <c r="AE25622" s="1"/>
    </row>
    <row r="25623" spans="1:31" ht="14.45">
      <c r="A25623" s="11"/>
      <c r="B25623" s="20"/>
      <c r="C25623" s="2" t="s">
        <v>82284</v>
      </c>
      <c r="D25623" s="14" t="s">
        <v>82285</v>
      </c>
      <c r="E25623" s="2" t="s">
        <v>82286</v>
      </c>
      <c r="F25623" s="2" t="s">
        <v>82252</v>
      </c>
      <c r="G25623" s="8">
        <v>677</v>
      </c>
      <c r="H25623" s="5">
        <v>20</v>
      </c>
      <c r="I25623" s="5" t="s">
        <v>69</v>
      </c>
      <c r="J25623" s="5" t="s">
        <v>731</v>
      </c>
      <c r="K25623" s="2" t="s">
        <v>732</v>
      </c>
      <c r="L25623" s="5" t="s">
        <v>731</v>
      </c>
      <c r="M25623" s="2" t="s">
        <v>732</v>
      </c>
      <c r="N25623" s="5" t="s">
        <v>82179</v>
      </c>
      <c r="O25623" s="5" t="s">
        <v>38</v>
      </c>
      <c r="P25623" s="5" t="s">
        <v>39</v>
      </c>
      <c r="Q25623" s="5" t="s">
        <v>40</v>
      </c>
      <c r="R25623" s="5" t="s">
        <v>66778</v>
      </c>
      <c r="S25623" s="5" t="s">
        <v>40</v>
      </c>
      <c r="T25623" s="5" t="s">
        <v>42</v>
      </c>
      <c r="U25623" s="2">
        <v>13.02</v>
      </c>
      <c r="V25623" s="2">
        <v>10.31</v>
      </c>
      <c r="W25623" s="2">
        <v>0.13800000000000001</v>
      </c>
      <c r="X25623" s="2">
        <v>111</v>
      </c>
      <c r="Y25623" s="2">
        <v>111</v>
      </c>
      <c r="Z25623" s="2">
        <v>11.2</v>
      </c>
      <c r="AA25623" s="5">
        <v>5</v>
      </c>
      <c r="AB25623" s="5" t="s">
        <v>43</v>
      </c>
      <c r="AC25623" s="5" t="s">
        <v>44</v>
      </c>
      <c r="AD25623" s="2" t="s">
        <v>82253</v>
      </c>
      <c r="AE25623" s="1"/>
    </row>
    <row r="25624" spans="1:31" ht="14.45">
      <c r="A25624" s="11"/>
      <c r="B25624" s="20"/>
      <c r="C25624" s="2" t="s">
        <v>82287</v>
      </c>
      <c r="D25624" s="14" t="s">
        <v>82288</v>
      </c>
      <c r="E25624" s="2" t="s">
        <v>82289</v>
      </c>
      <c r="F25624" s="2" t="s">
        <v>82242</v>
      </c>
      <c r="G25624" s="8">
        <v>220</v>
      </c>
      <c r="H25624" s="5">
        <v>15</v>
      </c>
      <c r="I25624" s="5" t="s">
        <v>69</v>
      </c>
      <c r="J25624" s="5" t="s">
        <v>731</v>
      </c>
      <c r="K25624" s="2" t="s">
        <v>732</v>
      </c>
      <c r="L25624" s="5" t="s">
        <v>731</v>
      </c>
      <c r="M25624" s="2" t="s">
        <v>732</v>
      </c>
      <c r="N25624" s="5" t="s">
        <v>82179</v>
      </c>
      <c r="O25624" s="5" t="s">
        <v>38</v>
      </c>
      <c r="P25624" s="5" t="s">
        <v>39</v>
      </c>
      <c r="Q25624" s="5" t="s">
        <v>40</v>
      </c>
      <c r="R25624" s="5" t="s">
        <v>66778</v>
      </c>
      <c r="S25624" s="5" t="s">
        <v>40</v>
      </c>
      <c r="T25624" s="5" t="s">
        <v>42</v>
      </c>
      <c r="U25624" s="2">
        <v>8.5399999999999991</v>
      </c>
      <c r="V25624" s="2">
        <v>4.8099999999999996</v>
      </c>
      <c r="W25624" s="2">
        <v>0.192</v>
      </c>
      <c r="X25624" s="2">
        <v>131</v>
      </c>
      <c r="Y25624" s="2">
        <v>131</v>
      </c>
      <c r="Z25624" s="2">
        <v>11.2</v>
      </c>
      <c r="AA25624" s="5">
        <v>7</v>
      </c>
      <c r="AB25624" s="5" t="s">
        <v>43</v>
      </c>
      <c r="AC25624" s="5" t="s">
        <v>44</v>
      </c>
      <c r="AD25624" s="2" t="s">
        <v>82243</v>
      </c>
      <c r="AE25624" s="1"/>
    </row>
    <row r="25625" spans="1:31" ht="14.45">
      <c r="A25625" s="11"/>
      <c r="B25625" s="20"/>
      <c r="C25625" s="2" t="s">
        <v>82290</v>
      </c>
      <c r="D25625" s="14" t="s">
        <v>82291</v>
      </c>
      <c r="E25625" s="2" t="s">
        <v>82292</v>
      </c>
      <c r="F25625" s="2" t="s">
        <v>82247</v>
      </c>
      <c r="G25625" s="8">
        <v>296</v>
      </c>
      <c r="H25625" s="5">
        <v>15</v>
      </c>
      <c r="I25625" s="5" t="s">
        <v>69</v>
      </c>
      <c r="J25625" s="5" t="s">
        <v>731</v>
      </c>
      <c r="K25625" s="2" t="s">
        <v>732</v>
      </c>
      <c r="L25625" s="5" t="s">
        <v>731</v>
      </c>
      <c r="M25625" s="2" t="s">
        <v>732</v>
      </c>
      <c r="N25625" s="5" t="s">
        <v>82179</v>
      </c>
      <c r="O25625" s="5" t="s">
        <v>38</v>
      </c>
      <c r="P25625" s="5" t="s">
        <v>39</v>
      </c>
      <c r="Q25625" s="5" t="s">
        <v>40</v>
      </c>
      <c r="R25625" s="5" t="s">
        <v>66778</v>
      </c>
      <c r="S25625" s="5" t="s">
        <v>40</v>
      </c>
      <c r="T25625" s="5" t="s">
        <v>42</v>
      </c>
      <c r="U25625" s="2">
        <v>13.27</v>
      </c>
      <c r="V25625" s="2">
        <v>9.5399999999999991</v>
      </c>
      <c r="W25625" s="2">
        <v>0.192</v>
      </c>
      <c r="X25625" s="2">
        <v>131</v>
      </c>
      <c r="Y25625" s="2">
        <v>131</v>
      </c>
      <c r="Z25625" s="2">
        <v>11.2</v>
      </c>
      <c r="AA25625" s="5">
        <v>7</v>
      </c>
      <c r="AB25625" s="5" t="s">
        <v>43</v>
      </c>
      <c r="AC25625" s="5" t="s">
        <v>44</v>
      </c>
      <c r="AD25625" s="2" t="s">
        <v>82248</v>
      </c>
      <c r="AE25625" s="1"/>
    </row>
    <row r="25626" spans="1:31" ht="14.45">
      <c r="A25626" s="11"/>
      <c r="B25626" s="20"/>
      <c r="C25626" s="2" t="s">
        <v>82293</v>
      </c>
      <c r="D25626" s="14" t="s">
        <v>82294</v>
      </c>
      <c r="E25626" s="2" t="s">
        <v>82295</v>
      </c>
      <c r="F25626" s="2" t="s">
        <v>82242</v>
      </c>
      <c r="G25626" s="8">
        <v>252</v>
      </c>
      <c r="H25626" s="5">
        <v>20</v>
      </c>
      <c r="I25626" s="5" t="s">
        <v>69</v>
      </c>
      <c r="J25626" s="5" t="s">
        <v>731</v>
      </c>
      <c r="K25626" s="2" t="s">
        <v>732</v>
      </c>
      <c r="L25626" s="5" t="s">
        <v>731</v>
      </c>
      <c r="M25626" s="2" t="s">
        <v>732</v>
      </c>
      <c r="N25626" s="5" t="s">
        <v>82179</v>
      </c>
      <c r="O25626" s="5" t="s">
        <v>38</v>
      </c>
      <c r="P25626" s="5" t="s">
        <v>39</v>
      </c>
      <c r="Q25626" s="5" t="s">
        <v>40</v>
      </c>
      <c r="R25626" s="5" t="s">
        <v>66778</v>
      </c>
      <c r="S25626" s="5" t="s">
        <v>40</v>
      </c>
      <c r="T25626" s="5" t="s">
        <v>42</v>
      </c>
      <c r="U25626" s="2">
        <v>9.23</v>
      </c>
      <c r="V25626" s="2">
        <v>5.5</v>
      </c>
      <c r="W25626" s="2">
        <v>0.192</v>
      </c>
      <c r="X25626" s="2">
        <v>131</v>
      </c>
      <c r="Y25626" s="2">
        <v>131</v>
      </c>
      <c r="Z25626" s="2">
        <v>11.2</v>
      </c>
      <c r="AA25626" s="5">
        <v>7</v>
      </c>
      <c r="AB25626" s="5" t="s">
        <v>43</v>
      </c>
      <c r="AC25626" s="5" t="s">
        <v>44</v>
      </c>
      <c r="AD25626" s="2" t="s">
        <v>82243</v>
      </c>
      <c r="AE25626" s="1"/>
    </row>
    <row r="25627" spans="1:31" ht="14.45">
      <c r="A25627" s="11"/>
      <c r="B25627" s="20"/>
      <c r="C25627" s="2" t="s">
        <v>82296</v>
      </c>
      <c r="D25627" s="14" t="s">
        <v>82297</v>
      </c>
      <c r="E25627" s="2" t="s">
        <v>82298</v>
      </c>
      <c r="F25627" s="2" t="s">
        <v>82247</v>
      </c>
      <c r="G25627" s="8">
        <v>293</v>
      </c>
      <c r="H25627" s="5">
        <v>20</v>
      </c>
      <c r="I25627" s="5" t="s">
        <v>69</v>
      </c>
      <c r="J25627" s="5" t="s">
        <v>731</v>
      </c>
      <c r="K25627" s="2" t="s">
        <v>732</v>
      </c>
      <c r="L25627" s="5" t="s">
        <v>731</v>
      </c>
      <c r="M25627" s="2" t="s">
        <v>732</v>
      </c>
      <c r="N25627" s="5" t="s">
        <v>82179</v>
      </c>
      <c r="O25627" s="5" t="s">
        <v>38</v>
      </c>
      <c r="P25627" s="5" t="s">
        <v>39</v>
      </c>
      <c r="Q25627" s="5" t="s">
        <v>40</v>
      </c>
      <c r="R25627" s="5" t="s">
        <v>66778</v>
      </c>
      <c r="S25627" s="5" t="s">
        <v>40</v>
      </c>
      <c r="T25627" s="5" t="s">
        <v>42</v>
      </c>
      <c r="U25627" s="2">
        <v>14.27</v>
      </c>
      <c r="V25627" s="2">
        <v>10.54</v>
      </c>
      <c r="W25627" s="2">
        <v>0.192</v>
      </c>
      <c r="X25627" s="2">
        <v>131</v>
      </c>
      <c r="Y25627" s="2">
        <v>131</v>
      </c>
      <c r="Z25627" s="2">
        <v>11.2</v>
      </c>
      <c r="AA25627" s="5">
        <v>7</v>
      </c>
      <c r="AB25627" s="5" t="s">
        <v>43</v>
      </c>
      <c r="AC25627" s="5" t="s">
        <v>44</v>
      </c>
      <c r="AD25627" s="2" t="s">
        <v>82248</v>
      </c>
      <c r="AE25627" s="1"/>
    </row>
    <row r="25628" spans="1:31" ht="14.45">
      <c r="A25628" s="11"/>
      <c r="B25628" s="20"/>
      <c r="C25628" s="2" t="s">
        <v>82299</v>
      </c>
      <c r="D25628" s="14" t="s">
        <v>82300</v>
      </c>
      <c r="E25628" s="2" t="s">
        <v>82301</v>
      </c>
      <c r="F25628" s="2" t="s">
        <v>82252</v>
      </c>
      <c r="G25628" s="8">
        <v>697</v>
      </c>
      <c r="H25628" s="5">
        <v>20</v>
      </c>
      <c r="I25628" s="5" t="s">
        <v>69</v>
      </c>
      <c r="J25628" s="5" t="s">
        <v>731</v>
      </c>
      <c r="K25628" s="2" t="s">
        <v>732</v>
      </c>
      <c r="L25628" s="5" t="s">
        <v>731</v>
      </c>
      <c r="M25628" s="2" t="s">
        <v>732</v>
      </c>
      <c r="N25628" s="5" t="s">
        <v>82179</v>
      </c>
      <c r="O25628" s="5" t="s">
        <v>38</v>
      </c>
      <c r="P25628" s="5" t="s">
        <v>39</v>
      </c>
      <c r="Q25628" s="5" t="s">
        <v>40</v>
      </c>
      <c r="R25628" s="5" t="s">
        <v>66778</v>
      </c>
      <c r="S25628" s="5" t="s">
        <v>40</v>
      </c>
      <c r="T25628" s="5" t="s">
        <v>42</v>
      </c>
      <c r="U25628" s="2">
        <v>14.57</v>
      </c>
      <c r="V25628" s="2">
        <v>10.84</v>
      </c>
      <c r="W25628" s="2">
        <v>0.192</v>
      </c>
      <c r="X25628" s="2">
        <v>131</v>
      </c>
      <c r="Y25628" s="2">
        <v>131</v>
      </c>
      <c r="Z25628" s="2">
        <v>11.2</v>
      </c>
      <c r="AA25628" s="5">
        <v>5</v>
      </c>
      <c r="AB25628" s="5" t="s">
        <v>43</v>
      </c>
      <c r="AC25628" s="5" t="s">
        <v>44</v>
      </c>
      <c r="AD25628" s="2" t="s">
        <v>82253</v>
      </c>
      <c r="AE25628" s="1"/>
    </row>
    <row r="25629" spans="1:31" ht="14.45">
      <c r="A25629" s="11"/>
      <c r="B25629" s="20"/>
      <c r="C25629" s="2" t="s">
        <v>82302</v>
      </c>
      <c r="D25629" s="14" t="s">
        <v>82303</v>
      </c>
      <c r="E25629" s="2" t="s">
        <v>82304</v>
      </c>
      <c r="F25629" s="2" t="s">
        <v>82242</v>
      </c>
      <c r="G25629" s="8">
        <v>263</v>
      </c>
      <c r="H25629" s="5">
        <v>15</v>
      </c>
      <c r="I25629" s="5" t="s">
        <v>69</v>
      </c>
      <c r="J25629" s="5" t="s">
        <v>731</v>
      </c>
      <c r="K25629" s="2" t="s">
        <v>732</v>
      </c>
      <c r="L25629" s="5" t="s">
        <v>731</v>
      </c>
      <c r="M25629" s="2" t="s">
        <v>732</v>
      </c>
      <c r="N25629" s="5" t="s">
        <v>82179</v>
      </c>
      <c r="O25629" s="5" t="s">
        <v>38</v>
      </c>
      <c r="P25629" s="5" t="s">
        <v>39</v>
      </c>
      <c r="Q25629" s="5" t="s">
        <v>40</v>
      </c>
      <c r="R25629" s="5" t="s">
        <v>66778</v>
      </c>
      <c r="S25629" s="5" t="s">
        <v>40</v>
      </c>
      <c r="T25629" s="5" t="s">
        <v>42</v>
      </c>
      <c r="U25629" s="2">
        <v>10.99</v>
      </c>
      <c r="V25629" s="2">
        <v>5.7</v>
      </c>
      <c r="W25629" s="2">
        <v>0.498</v>
      </c>
      <c r="X25629" s="2">
        <v>181</v>
      </c>
      <c r="Y25629" s="2">
        <v>131</v>
      </c>
      <c r="Z25629" s="2">
        <v>21</v>
      </c>
      <c r="AA25629" s="5">
        <v>7</v>
      </c>
      <c r="AB25629" s="5" t="s">
        <v>43</v>
      </c>
      <c r="AC25629" s="5" t="s">
        <v>44</v>
      </c>
      <c r="AD25629" s="2" t="s">
        <v>82243</v>
      </c>
      <c r="AE25629" s="1"/>
    </row>
    <row r="25630" spans="1:31" ht="14.45">
      <c r="A25630" s="11"/>
      <c r="B25630" s="20"/>
      <c r="C25630" s="2" t="s">
        <v>82305</v>
      </c>
      <c r="D25630" s="14" t="s">
        <v>82306</v>
      </c>
      <c r="E25630" s="2" t="s">
        <v>82307</v>
      </c>
      <c r="F25630" s="2" t="s">
        <v>82247</v>
      </c>
      <c r="G25630" s="8">
        <v>353</v>
      </c>
      <c r="H25630" s="5">
        <v>15</v>
      </c>
      <c r="I25630" s="5" t="s">
        <v>69</v>
      </c>
      <c r="J25630" s="5" t="s">
        <v>731</v>
      </c>
      <c r="K25630" s="2" t="s">
        <v>732</v>
      </c>
      <c r="L25630" s="5" t="s">
        <v>731</v>
      </c>
      <c r="M25630" s="2" t="s">
        <v>732</v>
      </c>
      <c r="N25630" s="5" t="s">
        <v>82179</v>
      </c>
      <c r="O25630" s="5" t="s">
        <v>38</v>
      </c>
      <c r="P25630" s="5" t="s">
        <v>39</v>
      </c>
      <c r="Q25630" s="5" t="s">
        <v>40</v>
      </c>
      <c r="R25630" s="5" t="s">
        <v>66778</v>
      </c>
      <c r="S25630" s="5" t="s">
        <v>40</v>
      </c>
      <c r="T25630" s="5" t="s">
        <v>42</v>
      </c>
      <c r="U25630" s="2">
        <v>16.14</v>
      </c>
      <c r="V25630" s="2">
        <v>10.84</v>
      </c>
      <c r="W25630" s="2">
        <v>0.498</v>
      </c>
      <c r="X25630" s="2">
        <v>181</v>
      </c>
      <c r="Y25630" s="2">
        <v>131</v>
      </c>
      <c r="Z25630" s="2">
        <v>21</v>
      </c>
      <c r="AA25630" s="5">
        <v>7</v>
      </c>
      <c r="AB25630" s="5" t="s">
        <v>43</v>
      </c>
      <c r="AC25630" s="5" t="s">
        <v>44</v>
      </c>
      <c r="AD25630" s="2" t="s">
        <v>82248</v>
      </c>
      <c r="AE25630" s="1"/>
    </row>
    <row r="25631" spans="1:31" ht="14.45">
      <c r="A25631" s="11"/>
      <c r="B25631" s="20"/>
      <c r="C25631" s="2" t="s">
        <v>82308</v>
      </c>
      <c r="D25631" s="14" t="s">
        <v>82309</v>
      </c>
      <c r="E25631" s="2" t="s">
        <v>82310</v>
      </c>
      <c r="F25631" s="2" t="s">
        <v>82311</v>
      </c>
      <c r="G25631" s="8">
        <v>26</v>
      </c>
      <c r="H25631" s="5">
        <v>5</v>
      </c>
      <c r="I25631" s="5" t="s">
        <v>34</v>
      </c>
      <c r="J25631" s="5" t="s">
        <v>82312</v>
      </c>
      <c r="K25631" s="2" t="s">
        <v>82313</v>
      </c>
      <c r="L25631" s="5" t="s">
        <v>82312</v>
      </c>
      <c r="M25631" s="2" t="s">
        <v>82313</v>
      </c>
      <c r="N25631" s="5" t="s">
        <v>72</v>
      </c>
      <c r="O25631" s="5" t="s">
        <v>38</v>
      </c>
      <c r="P25631" s="5" t="s">
        <v>39</v>
      </c>
      <c r="Q25631" s="5" t="s">
        <v>40</v>
      </c>
      <c r="R25631" s="5" t="s">
        <v>68413</v>
      </c>
      <c r="S25631" s="5" t="s">
        <v>40</v>
      </c>
      <c r="T25631" s="5" t="s">
        <v>125</v>
      </c>
      <c r="U25631" s="2">
        <v>0.26</v>
      </c>
      <c r="V25631" s="2">
        <v>0.249</v>
      </c>
      <c r="W25631" s="2">
        <v>1E-3</v>
      </c>
      <c r="X25631" s="2">
        <v>116</v>
      </c>
      <c r="Y25631" s="2">
        <v>5.9989999999999997</v>
      </c>
      <c r="Z25631" s="2">
        <v>2</v>
      </c>
      <c r="AA25631" s="5"/>
      <c r="AB25631" s="5" t="s">
        <v>43</v>
      </c>
      <c r="AC25631" s="5" t="s">
        <v>44</v>
      </c>
      <c r="AD25631" s="2"/>
      <c r="AE25631" s="1"/>
    </row>
    <row r="25632" spans="1:31" ht="14.45">
      <c r="A25632" s="11"/>
      <c r="B25632" s="20"/>
      <c r="C25632" s="2" t="s">
        <v>82314</v>
      </c>
      <c r="D25632" s="14" t="s">
        <v>82315</v>
      </c>
      <c r="E25632" s="2" t="s">
        <v>82316</v>
      </c>
      <c r="F25632" s="2" t="s">
        <v>82317</v>
      </c>
      <c r="G25632" s="8">
        <v>41</v>
      </c>
      <c r="H25632" s="5">
        <v>5</v>
      </c>
      <c r="I25632" s="5" t="s">
        <v>34</v>
      </c>
      <c r="J25632" s="5" t="s">
        <v>82312</v>
      </c>
      <c r="K25632" s="2" t="s">
        <v>82313</v>
      </c>
      <c r="L25632" s="5" t="s">
        <v>82312</v>
      </c>
      <c r="M25632" s="2" t="s">
        <v>82313</v>
      </c>
      <c r="N25632" s="5" t="s">
        <v>72</v>
      </c>
      <c r="O25632" s="5" t="s">
        <v>38</v>
      </c>
      <c r="P25632" s="5" t="s">
        <v>39</v>
      </c>
      <c r="Q25632" s="5" t="s">
        <v>40</v>
      </c>
      <c r="R25632" s="5" t="s">
        <v>68413</v>
      </c>
      <c r="S25632" s="5" t="s">
        <v>40</v>
      </c>
      <c r="T25632" s="5" t="s">
        <v>125</v>
      </c>
      <c r="U25632" s="2">
        <v>0.623</v>
      </c>
      <c r="V25632" s="2">
        <v>0.496</v>
      </c>
      <c r="W25632" s="2">
        <v>2E-3</v>
      </c>
      <c r="X25632" s="2">
        <v>109.8</v>
      </c>
      <c r="Y25632" s="2">
        <v>4.3</v>
      </c>
      <c r="Z25632" s="2">
        <v>4.3</v>
      </c>
      <c r="AA25632" s="5"/>
      <c r="AB25632" s="5" t="s">
        <v>43</v>
      </c>
      <c r="AC25632" s="5" t="s">
        <v>44</v>
      </c>
      <c r="AD25632" s="2"/>
      <c r="AE25632" s="1"/>
    </row>
    <row r="25633" spans="1:31" ht="14.45">
      <c r="A25633" s="11"/>
      <c r="B25633" s="20"/>
      <c r="C25633" s="2" t="s">
        <v>82318</v>
      </c>
      <c r="D25633" s="14" t="s">
        <v>82319</v>
      </c>
      <c r="E25633" s="2" t="s">
        <v>82320</v>
      </c>
      <c r="F25633" s="2" t="s">
        <v>82321</v>
      </c>
      <c r="G25633" s="8">
        <v>52</v>
      </c>
      <c r="H25633" s="5">
        <v>5</v>
      </c>
      <c r="I25633" s="5" t="s">
        <v>34</v>
      </c>
      <c r="J25633" s="5" t="s">
        <v>82312</v>
      </c>
      <c r="K25633" s="2" t="s">
        <v>82313</v>
      </c>
      <c r="L25633" s="5" t="s">
        <v>82312</v>
      </c>
      <c r="M25633" s="2" t="s">
        <v>82313</v>
      </c>
      <c r="N25633" s="5" t="s">
        <v>72</v>
      </c>
      <c r="O25633" s="5" t="s">
        <v>38</v>
      </c>
      <c r="P25633" s="5" t="s">
        <v>39</v>
      </c>
      <c r="Q25633" s="5" t="s">
        <v>40</v>
      </c>
      <c r="R25633" s="5" t="s">
        <v>68413</v>
      </c>
      <c r="S25633" s="5" t="s">
        <v>40</v>
      </c>
      <c r="T25633" s="5" t="s">
        <v>42</v>
      </c>
      <c r="U25633" s="2">
        <v>1.075</v>
      </c>
      <c r="V25633" s="2">
        <v>0.80700000000000005</v>
      </c>
      <c r="W25633" s="2">
        <v>7.0000000000000001E-3</v>
      </c>
      <c r="X25633" s="2">
        <v>108</v>
      </c>
      <c r="Y25633" s="2">
        <v>7</v>
      </c>
      <c r="Z25633" s="2">
        <v>8.6</v>
      </c>
      <c r="AA25633" s="5"/>
      <c r="AB25633" s="5" t="s">
        <v>43</v>
      </c>
      <c r="AC25633" s="5" t="s">
        <v>44</v>
      </c>
      <c r="AD25633" s="2"/>
      <c r="AE25633" s="1"/>
    </row>
    <row r="25634" spans="1:31" ht="14.45">
      <c r="A25634" s="11"/>
      <c r="B25634" s="20"/>
      <c r="C25634" s="2" t="s">
        <v>82322</v>
      </c>
      <c r="D25634" s="14" t="s">
        <v>82323</v>
      </c>
      <c r="E25634" s="2" t="s">
        <v>82324</v>
      </c>
      <c r="F25634" s="2" t="s">
        <v>82325</v>
      </c>
      <c r="G25634" s="8">
        <v>284</v>
      </c>
      <c r="H25634" s="5">
        <v>5</v>
      </c>
      <c r="I25634" s="5" t="s">
        <v>69</v>
      </c>
      <c r="J25634" s="5" t="s">
        <v>731</v>
      </c>
      <c r="K25634" s="2" t="s">
        <v>732</v>
      </c>
      <c r="L25634" s="5" t="s">
        <v>731</v>
      </c>
      <c r="M25634" s="2" t="s">
        <v>732</v>
      </c>
      <c r="N25634" s="5" t="s">
        <v>82179</v>
      </c>
      <c r="O25634" s="5" t="s">
        <v>38</v>
      </c>
      <c r="P25634" s="5" t="s">
        <v>39</v>
      </c>
      <c r="Q25634" s="5" t="s">
        <v>40</v>
      </c>
      <c r="R25634" s="5" t="s">
        <v>734</v>
      </c>
      <c r="S25634" s="5" t="s">
        <v>40</v>
      </c>
      <c r="T25634" s="5" t="s">
        <v>42</v>
      </c>
      <c r="U25634" s="2">
        <v>18.594999999999999</v>
      </c>
      <c r="V25634" s="2">
        <v>17.526</v>
      </c>
      <c r="W25634" s="2">
        <v>0.182</v>
      </c>
      <c r="X25634" s="2">
        <v>17</v>
      </c>
      <c r="Y25634" s="2">
        <v>103.5</v>
      </c>
      <c r="Z25634" s="2">
        <v>103.5</v>
      </c>
      <c r="AA25634" s="5">
        <v>7</v>
      </c>
      <c r="AB25634" s="5" t="s">
        <v>43</v>
      </c>
      <c r="AC25634" s="5" t="s">
        <v>44</v>
      </c>
      <c r="AD25634" s="2" t="s">
        <v>82326</v>
      </c>
      <c r="AE25634" s="1"/>
    </row>
    <row r="25635" spans="1:31" ht="14.45">
      <c r="A25635" s="11"/>
      <c r="B25635" s="20"/>
      <c r="C25635" s="2" t="s">
        <v>82327</v>
      </c>
      <c r="D25635" s="14" t="s">
        <v>82328</v>
      </c>
      <c r="E25635" s="2" t="s">
        <v>82329</v>
      </c>
      <c r="F25635" s="2" t="s">
        <v>82330</v>
      </c>
      <c r="G25635" s="8">
        <v>216</v>
      </c>
      <c r="H25635" s="5">
        <v>5</v>
      </c>
      <c r="I25635" s="5" t="s">
        <v>69</v>
      </c>
      <c r="J25635" s="5" t="s">
        <v>731</v>
      </c>
      <c r="K25635" s="2" t="s">
        <v>732</v>
      </c>
      <c r="L25635" s="5" t="s">
        <v>731</v>
      </c>
      <c r="M25635" s="2" t="s">
        <v>732</v>
      </c>
      <c r="N25635" s="5" t="s">
        <v>82179</v>
      </c>
      <c r="O25635" s="5" t="s">
        <v>38</v>
      </c>
      <c r="P25635" s="5" t="s">
        <v>39</v>
      </c>
      <c r="Q25635" s="5" t="s">
        <v>40</v>
      </c>
      <c r="R25635" s="5" t="s">
        <v>734</v>
      </c>
      <c r="S25635" s="5" t="s">
        <v>40</v>
      </c>
      <c r="T25635" s="5" t="s">
        <v>42</v>
      </c>
      <c r="U25635" s="2">
        <v>14.808999999999999</v>
      </c>
      <c r="V25635" s="2">
        <v>14.775</v>
      </c>
      <c r="W25635" s="2">
        <v>0.106</v>
      </c>
      <c r="X25635" s="2">
        <v>16</v>
      </c>
      <c r="Y25635" s="2">
        <v>81.5</v>
      </c>
      <c r="Z25635" s="2">
        <v>81.5</v>
      </c>
      <c r="AA25635" s="5">
        <v>7</v>
      </c>
      <c r="AB25635" s="5" t="s">
        <v>43</v>
      </c>
      <c r="AC25635" s="5" t="s">
        <v>44</v>
      </c>
      <c r="AD25635" s="2" t="s">
        <v>82331</v>
      </c>
      <c r="AE25635" s="1"/>
    </row>
    <row r="25636" spans="1:31" ht="14.45">
      <c r="A25636" s="11"/>
      <c r="B25636" s="20"/>
      <c r="C25636" s="2" t="s">
        <v>82332</v>
      </c>
      <c r="D25636" s="14" t="s">
        <v>82333</v>
      </c>
      <c r="E25636" s="2" t="s">
        <v>82334</v>
      </c>
      <c r="F25636" s="2" t="s">
        <v>82325</v>
      </c>
      <c r="G25636" s="8">
        <v>311</v>
      </c>
      <c r="H25636" s="5">
        <v>5</v>
      </c>
      <c r="I25636" s="5" t="s">
        <v>69</v>
      </c>
      <c r="J25636" s="5" t="s">
        <v>731</v>
      </c>
      <c r="K25636" s="2" t="s">
        <v>732</v>
      </c>
      <c r="L25636" s="5" t="s">
        <v>731</v>
      </c>
      <c r="M25636" s="2" t="s">
        <v>732</v>
      </c>
      <c r="N25636" s="5" t="s">
        <v>82179</v>
      </c>
      <c r="O25636" s="5" t="s">
        <v>38</v>
      </c>
      <c r="P25636" s="5" t="s">
        <v>39</v>
      </c>
      <c r="Q25636" s="5" t="s">
        <v>40</v>
      </c>
      <c r="R25636" s="5" t="s">
        <v>734</v>
      </c>
      <c r="S25636" s="5" t="s">
        <v>40</v>
      </c>
      <c r="T25636" s="5" t="s">
        <v>42</v>
      </c>
      <c r="U25636" s="2">
        <v>22.123000000000001</v>
      </c>
      <c r="V25636" s="2">
        <v>21.048999999999999</v>
      </c>
      <c r="W25636" s="2">
        <v>0.25900000000000001</v>
      </c>
      <c r="X25636" s="2">
        <v>17</v>
      </c>
      <c r="Y25636" s="2">
        <v>123.5</v>
      </c>
      <c r="Z25636" s="2">
        <v>123.5</v>
      </c>
      <c r="AA25636" s="5">
        <v>7</v>
      </c>
      <c r="AB25636" s="5" t="s">
        <v>43</v>
      </c>
      <c r="AC25636" s="5" t="s">
        <v>44</v>
      </c>
      <c r="AD25636" s="2" t="s">
        <v>82326</v>
      </c>
      <c r="AE25636" s="1"/>
    </row>
    <row r="25637" spans="1:31" ht="14.45">
      <c r="A25637" s="11"/>
      <c r="B25637" s="20"/>
      <c r="C25637" s="2" t="s">
        <v>82335</v>
      </c>
      <c r="D25637" s="14" t="s">
        <v>82336</v>
      </c>
      <c r="E25637" s="2" t="s">
        <v>82337</v>
      </c>
      <c r="F25637" s="2" t="s">
        <v>82330</v>
      </c>
      <c r="G25637" s="8">
        <v>237</v>
      </c>
      <c r="H25637" s="5">
        <v>5</v>
      </c>
      <c r="I25637" s="5" t="s">
        <v>69</v>
      </c>
      <c r="J25637" s="5" t="s">
        <v>731</v>
      </c>
      <c r="K25637" s="2" t="s">
        <v>732</v>
      </c>
      <c r="L25637" s="5" t="s">
        <v>731</v>
      </c>
      <c r="M25637" s="2" t="s">
        <v>732</v>
      </c>
      <c r="N25637" s="5" t="s">
        <v>82179</v>
      </c>
      <c r="O25637" s="5" t="s">
        <v>38</v>
      </c>
      <c r="P25637" s="5" t="s">
        <v>39</v>
      </c>
      <c r="Q25637" s="5" t="s">
        <v>40</v>
      </c>
      <c r="R25637" s="5" t="s">
        <v>734</v>
      </c>
      <c r="S25637" s="5" t="s">
        <v>40</v>
      </c>
      <c r="T25637" s="5" t="s">
        <v>42</v>
      </c>
      <c r="U25637" s="2">
        <v>17.867999999999999</v>
      </c>
      <c r="V25637" s="2">
        <v>17.832999999999998</v>
      </c>
      <c r="W25637" s="2">
        <v>0.16500000000000001</v>
      </c>
      <c r="X25637" s="2">
        <v>16</v>
      </c>
      <c r="Y25637" s="2">
        <v>101.5</v>
      </c>
      <c r="Z25637" s="2">
        <v>101.5</v>
      </c>
      <c r="AA25637" s="5">
        <v>7</v>
      </c>
      <c r="AB25637" s="5" t="s">
        <v>43</v>
      </c>
      <c r="AC25637" s="5" t="s">
        <v>44</v>
      </c>
      <c r="AD25637" s="2" t="s">
        <v>82331</v>
      </c>
      <c r="AE25637" s="1"/>
    </row>
    <row r="25638" spans="1:31" ht="14.45">
      <c r="A25638" s="11"/>
      <c r="B25638" s="20"/>
      <c r="C25638" s="2" t="s">
        <v>82338</v>
      </c>
      <c r="D25638" s="14" t="s">
        <v>82339</v>
      </c>
      <c r="E25638" s="2" t="s">
        <v>82340</v>
      </c>
      <c r="F25638" s="2" t="s">
        <v>82325</v>
      </c>
      <c r="G25638" s="8">
        <v>294</v>
      </c>
      <c r="H25638" s="5">
        <v>5</v>
      </c>
      <c r="I25638" s="5" t="s">
        <v>69</v>
      </c>
      <c r="J25638" s="5" t="s">
        <v>731</v>
      </c>
      <c r="K25638" s="2" t="s">
        <v>732</v>
      </c>
      <c r="L25638" s="5" t="s">
        <v>731</v>
      </c>
      <c r="M25638" s="2" t="s">
        <v>732</v>
      </c>
      <c r="N25638" s="5" t="s">
        <v>82179</v>
      </c>
      <c r="O25638" s="5" t="s">
        <v>38</v>
      </c>
      <c r="P25638" s="5" t="s">
        <v>39</v>
      </c>
      <c r="Q25638" s="5" t="s">
        <v>40</v>
      </c>
      <c r="R25638" s="5" t="s">
        <v>734</v>
      </c>
      <c r="S25638" s="5" t="s">
        <v>40</v>
      </c>
      <c r="T25638" s="5" t="s">
        <v>42</v>
      </c>
      <c r="U25638" s="2">
        <v>22.052</v>
      </c>
      <c r="V25638" s="2">
        <v>20.978000000000002</v>
      </c>
      <c r="W25638" s="2">
        <v>0.23499999999999999</v>
      </c>
      <c r="X25638" s="2">
        <v>17</v>
      </c>
      <c r="Y25638" s="2">
        <v>133.5</v>
      </c>
      <c r="Z25638" s="2">
        <v>103.5</v>
      </c>
      <c r="AA25638" s="5">
        <v>7</v>
      </c>
      <c r="AB25638" s="5" t="s">
        <v>43</v>
      </c>
      <c r="AC25638" s="5" t="s">
        <v>44</v>
      </c>
      <c r="AD25638" s="2" t="s">
        <v>82326</v>
      </c>
      <c r="AE25638" s="1"/>
    </row>
    <row r="25639" spans="1:31" ht="14.45">
      <c r="A25639" s="11"/>
      <c r="B25639" s="20"/>
      <c r="C25639" s="2" t="s">
        <v>82341</v>
      </c>
      <c r="D25639" s="14" t="s">
        <v>82342</v>
      </c>
      <c r="E25639" s="2" t="s">
        <v>82343</v>
      </c>
      <c r="F25639" s="2" t="s">
        <v>82330</v>
      </c>
      <c r="G25639" s="8">
        <v>224</v>
      </c>
      <c r="H25639" s="5">
        <v>5</v>
      </c>
      <c r="I25639" s="5" t="s">
        <v>69</v>
      </c>
      <c r="J25639" s="5" t="s">
        <v>731</v>
      </c>
      <c r="K25639" s="2" t="s">
        <v>732</v>
      </c>
      <c r="L25639" s="5" t="s">
        <v>731</v>
      </c>
      <c r="M25639" s="2" t="s">
        <v>732</v>
      </c>
      <c r="N25639" s="5" t="s">
        <v>82179</v>
      </c>
      <c r="O25639" s="5" t="s">
        <v>38</v>
      </c>
      <c r="P25639" s="5" t="s">
        <v>39</v>
      </c>
      <c r="Q25639" s="5" t="s">
        <v>40</v>
      </c>
      <c r="R25639" s="5" t="s">
        <v>734</v>
      </c>
      <c r="S25639" s="5" t="s">
        <v>40</v>
      </c>
      <c r="T25639" s="5" t="s">
        <v>42</v>
      </c>
      <c r="U25639" s="2">
        <v>16.702000000000002</v>
      </c>
      <c r="V25639" s="2">
        <v>16.666</v>
      </c>
      <c r="W25639" s="2">
        <v>0.14499999999999999</v>
      </c>
      <c r="X25639" s="2">
        <v>16</v>
      </c>
      <c r="Y25639" s="2">
        <v>111.5</v>
      </c>
      <c r="Z25639" s="2">
        <v>81.5</v>
      </c>
      <c r="AA25639" s="5">
        <v>7</v>
      </c>
      <c r="AB25639" s="5" t="s">
        <v>43</v>
      </c>
      <c r="AC25639" s="5" t="s">
        <v>44</v>
      </c>
      <c r="AD25639" s="2" t="s">
        <v>82331</v>
      </c>
      <c r="AE25639" s="1"/>
    </row>
    <row r="25640" spans="1:31" ht="14.45">
      <c r="A25640" s="11"/>
      <c r="B25640" s="20"/>
      <c r="C25640" s="2" t="s">
        <v>82344</v>
      </c>
      <c r="D25640" s="14" t="s">
        <v>82345</v>
      </c>
      <c r="E25640" s="2" t="s">
        <v>82346</v>
      </c>
      <c r="F25640" s="2" t="s">
        <v>82325</v>
      </c>
      <c r="G25640" s="8">
        <v>325</v>
      </c>
      <c r="H25640" s="5">
        <v>5</v>
      </c>
      <c r="I25640" s="5" t="s">
        <v>69</v>
      </c>
      <c r="J25640" s="5" t="s">
        <v>731</v>
      </c>
      <c r="K25640" s="2" t="s">
        <v>732</v>
      </c>
      <c r="L25640" s="5" t="s">
        <v>731</v>
      </c>
      <c r="M25640" s="2" t="s">
        <v>732</v>
      </c>
      <c r="N25640" s="5" t="s">
        <v>82179</v>
      </c>
      <c r="O25640" s="5" t="s">
        <v>38</v>
      </c>
      <c r="P25640" s="5" t="s">
        <v>39</v>
      </c>
      <c r="Q25640" s="5" t="s">
        <v>40</v>
      </c>
      <c r="R25640" s="5" t="s">
        <v>734</v>
      </c>
      <c r="S25640" s="5" t="s">
        <v>40</v>
      </c>
      <c r="T25640" s="5" t="s">
        <v>42</v>
      </c>
      <c r="U25640" s="2">
        <v>24.562000000000001</v>
      </c>
      <c r="V25640" s="2">
        <v>23.484000000000002</v>
      </c>
      <c r="W25640" s="2">
        <v>0.30299999999999999</v>
      </c>
      <c r="X25640" s="2">
        <v>17</v>
      </c>
      <c r="Y25640" s="2">
        <v>133.5</v>
      </c>
      <c r="Z25640" s="2">
        <v>133.5</v>
      </c>
      <c r="AA25640" s="5">
        <v>7</v>
      </c>
      <c r="AB25640" s="5" t="s">
        <v>43</v>
      </c>
      <c r="AC25640" s="5" t="s">
        <v>44</v>
      </c>
      <c r="AD25640" s="2" t="s">
        <v>82326</v>
      </c>
      <c r="AE25640" s="1"/>
    </row>
    <row r="25641" spans="1:31" ht="14.45">
      <c r="A25641" s="11"/>
      <c r="B25641" s="20"/>
      <c r="C25641" s="2" t="s">
        <v>82347</v>
      </c>
      <c r="D25641" s="14" t="s">
        <v>82348</v>
      </c>
      <c r="E25641" s="2" t="s">
        <v>82349</v>
      </c>
      <c r="F25641" s="2" t="s">
        <v>82330</v>
      </c>
      <c r="G25641" s="8">
        <v>248</v>
      </c>
      <c r="H25641" s="5">
        <v>5</v>
      </c>
      <c r="I25641" s="5" t="s">
        <v>69</v>
      </c>
      <c r="J25641" s="5" t="s">
        <v>731</v>
      </c>
      <c r="K25641" s="2" t="s">
        <v>732</v>
      </c>
      <c r="L25641" s="5" t="s">
        <v>731</v>
      </c>
      <c r="M25641" s="2" t="s">
        <v>732</v>
      </c>
      <c r="N25641" s="5" t="s">
        <v>82179</v>
      </c>
      <c r="O25641" s="5" t="s">
        <v>38</v>
      </c>
      <c r="P25641" s="5" t="s">
        <v>39</v>
      </c>
      <c r="Q25641" s="5" t="s">
        <v>40</v>
      </c>
      <c r="R25641" s="5" t="s">
        <v>734</v>
      </c>
      <c r="S25641" s="5" t="s">
        <v>40</v>
      </c>
      <c r="T25641" s="5" t="s">
        <v>42</v>
      </c>
      <c r="U25641" s="2">
        <v>20.478999999999999</v>
      </c>
      <c r="V25641" s="2">
        <v>20.442</v>
      </c>
      <c r="W25641" s="2">
        <v>0.19900000000000001</v>
      </c>
      <c r="X25641" s="2">
        <v>16</v>
      </c>
      <c r="Y25641" s="2">
        <v>111.5</v>
      </c>
      <c r="Z25641" s="2">
        <v>111.5</v>
      </c>
      <c r="AA25641" s="5">
        <v>7</v>
      </c>
      <c r="AB25641" s="5" t="s">
        <v>43</v>
      </c>
      <c r="AC25641" s="5" t="s">
        <v>44</v>
      </c>
      <c r="AD25641" s="2" t="s">
        <v>82331</v>
      </c>
      <c r="AE25641" s="1"/>
    </row>
    <row r="25642" spans="1:31" ht="14.45">
      <c r="A25642" s="11"/>
      <c r="B25642" s="20"/>
      <c r="C25642" s="2" t="s">
        <v>82350</v>
      </c>
      <c r="D25642" s="14" t="s">
        <v>82351</v>
      </c>
      <c r="E25642" s="2" t="s">
        <v>82352</v>
      </c>
      <c r="F25642" s="2" t="s">
        <v>82325</v>
      </c>
      <c r="G25642" s="8">
        <v>346</v>
      </c>
      <c r="H25642" s="5">
        <v>5</v>
      </c>
      <c r="I25642" s="5" t="s">
        <v>69</v>
      </c>
      <c r="J25642" s="5" t="s">
        <v>731</v>
      </c>
      <c r="K25642" s="2" t="s">
        <v>732</v>
      </c>
      <c r="L25642" s="5" t="s">
        <v>731</v>
      </c>
      <c r="M25642" s="2" t="s">
        <v>732</v>
      </c>
      <c r="N25642" s="5" t="s">
        <v>82179</v>
      </c>
      <c r="O25642" s="5" t="s">
        <v>38</v>
      </c>
      <c r="P25642" s="5" t="s">
        <v>39</v>
      </c>
      <c r="Q25642" s="5" t="s">
        <v>40</v>
      </c>
      <c r="R25642" s="5" t="s">
        <v>734</v>
      </c>
      <c r="S25642" s="5" t="s">
        <v>40</v>
      </c>
      <c r="T25642" s="5" t="s">
        <v>42</v>
      </c>
      <c r="U25642" s="2">
        <v>26.401</v>
      </c>
      <c r="V25642" s="2">
        <v>25.321000000000002</v>
      </c>
      <c r="W25642" s="2">
        <v>0.35</v>
      </c>
      <c r="X25642" s="2">
        <v>17</v>
      </c>
      <c r="Y25642" s="2">
        <v>143.5</v>
      </c>
      <c r="Z25642" s="2">
        <v>143.5</v>
      </c>
      <c r="AA25642" s="5">
        <v>7</v>
      </c>
      <c r="AB25642" s="5" t="s">
        <v>43</v>
      </c>
      <c r="AC25642" s="5" t="s">
        <v>44</v>
      </c>
      <c r="AD25642" s="2" t="s">
        <v>82326</v>
      </c>
      <c r="AE25642" s="1"/>
    </row>
    <row r="25643" spans="1:31" ht="14.45">
      <c r="A25643" s="11"/>
      <c r="B25643" s="20"/>
      <c r="C25643" s="2" t="s">
        <v>82353</v>
      </c>
      <c r="D25643" s="14" t="s">
        <v>82354</v>
      </c>
      <c r="E25643" s="2" t="s">
        <v>82355</v>
      </c>
      <c r="F25643" s="2" t="s">
        <v>82330</v>
      </c>
      <c r="G25643" s="8">
        <v>264</v>
      </c>
      <c r="H25643" s="5">
        <v>5</v>
      </c>
      <c r="I25643" s="5" t="s">
        <v>69</v>
      </c>
      <c r="J25643" s="5" t="s">
        <v>731</v>
      </c>
      <c r="K25643" s="2" t="s">
        <v>732</v>
      </c>
      <c r="L25643" s="5" t="s">
        <v>731</v>
      </c>
      <c r="M25643" s="2" t="s">
        <v>732</v>
      </c>
      <c r="N25643" s="5" t="s">
        <v>82179</v>
      </c>
      <c r="O25643" s="5" t="s">
        <v>38</v>
      </c>
      <c r="P25643" s="5" t="s">
        <v>39</v>
      </c>
      <c r="Q25643" s="5" t="s">
        <v>40</v>
      </c>
      <c r="R25643" s="5" t="s">
        <v>734</v>
      </c>
      <c r="S25643" s="5" t="s">
        <v>40</v>
      </c>
      <c r="T25643" s="5" t="s">
        <v>42</v>
      </c>
      <c r="U25643" s="2">
        <v>22.260999999999999</v>
      </c>
      <c r="V25643" s="2">
        <v>22.222999999999999</v>
      </c>
      <c r="W25643" s="2">
        <v>0.23599999999999999</v>
      </c>
      <c r="X25643" s="2">
        <v>16</v>
      </c>
      <c r="Y25643" s="2">
        <v>121.5</v>
      </c>
      <c r="Z25643" s="2">
        <v>121.5</v>
      </c>
      <c r="AA25643" s="5">
        <v>7</v>
      </c>
      <c r="AB25643" s="5" t="s">
        <v>43</v>
      </c>
      <c r="AC25643" s="5" t="s">
        <v>44</v>
      </c>
      <c r="AD25643" s="2" t="s">
        <v>82331</v>
      </c>
      <c r="AE25643" s="1"/>
    </row>
    <row r="25644" spans="1:31" ht="14.45">
      <c r="A25644" s="11"/>
      <c r="B25644" s="20"/>
      <c r="C25644" s="2" t="s">
        <v>82356</v>
      </c>
      <c r="D25644" s="14" t="s">
        <v>82357</v>
      </c>
      <c r="E25644" s="2" t="s">
        <v>82358</v>
      </c>
      <c r="F25644" s="2" t="s">
        <v>82325</v>
      </c>
      <c r="G25644" s="8">
        <v>360</v>
      </c>
      <c r="H25644" s="5">
        <v>5</v>
      </c>
      <c r="I25644" s="5" t="s">
        <v>69</v>
      </c>
      <c r="J25644" s="5" t="s">
        <v>731</v>
      </c>
      <c r="K25644" s="2" t="s">
        <v>732</v>
      </c>
      <c r="L25644" s="5" t="s">
        <v>731</v>
      </c>
      <c r="M25644" s="2" t="s">
        <v>732</v>
      </c>
      <c r="N25644" s="5" t="s">
        <v>82179</v>
      </c>
      <c r="O25644" s="5" t="s">
        <v>38</v>
      </c>
      <c r="P25644" s="5" t="s">
        <v>39</v>
      </c>
      <c r="Q25644" s="5" t="s">
        <v>40</v>
      </c>
      <c r="R25644" s="5" t="s">
        <v>734</v>
      </c>
      <c r="S25644" s="5" t="s">
        <v>40</v>
      </c>
      <c r="T25644" s="5" t="s">
        <v>42</v>
      </c>
      <c r="U25644" s="2">
        <v>26.457000000000001</v>
      </c>
      <c r="V25644" s="2">
        <v>25.376999999999999</v>
      </c>
      <c r="W25644" s="2">
        <v>0.371</v>
      </c>
      <c r="X25644" s="2">
        <v>17</v>
      </c>
      <c r="Y25644" s="2">
        <v>163.5</v>
      </c>
      <c r="Z25644" s="2">
        <v>133.5</v>
      </c>
      <c r="AA25644" s="5">
        <v>7</v>
      </c>
      <c r="AB25644" s="5" t="s">
        <v>43</v>
      </c>
      <c r="AC25644" s="5" t="s">
        <v>44</v>
      </c>
      <c r="AD25644" s="2" t="s">
        <v>82326</v>
      </c>
      <c r="AE25644" s="1"/>
    </row>
    <row r="25645" spans="1:31" ht="14.45">
      <c r="A25645" s="11"/>
      <c r="B25645" s="20"/>
      <c r="C25645" s="2" t="s">
        <v>82359</v>
      </c>
      <c r="D25645" s="14" t="s">
        <v>82360</v>
      </c>
      <c r="E25645" s="2" t="s">
        <v>82361</v>
      </c>
      <c r="F25645" s="2" t="s">
        <v>82330</v>
      </c>
      <c r="G25645" s="8">
        <v>274</v>
      </c>
      <c r="H25645" s="5">
        <v>5</v>
      </c>
      <c r="I25645" s="5" t="s">
        <v>69</v>
      </c>
      <c r="J25645" s="5" t="s">
        <v>731</v>
      </c>
      <c r="K25645" s="2" t="s">
        <v>732</v>
      </c>
      <c r="L25645" s="5" t="s">
        <v>731</v>
      </c>
      <c r="M25645" s="2" t="s">
        <v>732</v>
      </c>
      <c r="N25645" s="5" t="s">
        <v>82179</v>
      </c>
      <c r="O25645" s="5" t="s">
        <v>38</v>
      </c>
      <c r="P25645" s="5" t="s">
        <v>39</v>
      </c>
      <c r="Q25645" s="5" t="s">
        <v>40</v>
      </c>
      <c r="R25645" s="5" t="s">
        <v>734</v>
      </c>
      <c r="S25645" s="5" t="s">
        <v>40</v>
      </c>
      <c r="T25645" s="5" t="s">
        <v>42</v>
      </c>
      <c r="U25645" s="2">
        <v>22.315999999999999</v>
      </c>
      <c r="V25645" s="2">
        <v>22.279</v>
      </c>
      <c r="W25645" s="2">
        <v>0.252</v>
      </c>
      <c r="X25645" s="2">
        <v>16</v>
      </c>
      <c r="Y25645" s="2">
        <v>141.5</v>
      </c>
      <c r="Z25645" s="2">
        <v>111.5</v>
      </c>
      <c r="AA25645" s="5">
        <v>7</v>
      </c>
      <c r="AB25645" s="5" t="s">
        <v>43</v>
      </c>
      <c r="AC25645" s="5" t="s">
        <v>44</v>
      </c>
      <c r="AD25645" s="2" t="s">
        <v>82331</v>
      </c>
      <c r="AE25645" s="1"/>
    </row>
    <row r="25646" spans="1:31" ht="14.45">
      <c r="A25646" s="11"/>
      <c r="B25646" s="20"/>
      <c r="C25646" s="2" t="s">
        <v>82362</v>
      </c>
      <c r="D25646" s="14" t="s">
        <v>82363</v>
      </c>
      <c r="E25646" s="2" t="s">
        <v>82364</v>
      </c>
      <c r="F25646" s="2" t="s">
        <v>82325</v>
      </c>
      <c r="G25646" s="8">
        <v>405</v>
      </c>
      <c r="H25646" s="5">
        <v>5</v>
      </c>
      <c r="I25646" s="5" t="s">
        <v>69</v>
      </c>
      <c r="J25646" s="5" t="s">
        <v>731</v>
      </c>
      <c r="K25646" s="2" t="s">
        <v>732</v>
      </c>
      <c r="L25646" s="5" t="s">
        <v>731</v>
      </c>
      <c r="M25646" s="2" t="s">
        <v>732</v>
      </c>
      <c r="N25646" s="5" t="s">
        <v>82179</v>
      </c>
      <c r="O25646" s="5" t="s">
        <v>38</v>
      </c>
      <c r="P25646" s="5" t="s">
        <v>39</v>
      </c>
      <c r="Q25646" s="5" t="s">
        <v>40</v>
      </c>
      <c r="R25646" s="5" t="s">
        <v>734</v>
      </c>
      <c r="S25646" s="5" t="s">
        <v>40</v>
      </c>
      <c r="T25646" s="5" t="s">
        <v>42</v>
      </c>
      <c r="U25646" s="2">
        <v>29.228999999999999</v>
      </c>
      <c r="V25646" s="2">
        <v>28.143999999999998</v>
      </c>
      <c r="W25646" s="2">
        <v>0.45400000000000001</v>
      </c>
      <c r="X25646" s="2">
        <v>17</v>
      </c>
      <c r="Y25646" s="2">
        <v>163.5</v>
      </c>
      <c r="Z25646" s="2">
        <v>163.5</v>
      </c>
      <c r="AA25646" s="5">
        <v>7</v>
      </c>
      <c r="AB25646" s="5" t="s">
        <v>43</v>
      </c>
      <c r="AC25646" s="5" t="s">
        <v>44</v>
      </c>
      <c r="AD25646" s="2" t="s">
        <v>82326</v>
      </c>
      <c r="AE25646" s="1"/>
    </row>
    <row r="25647" spans="1:31" ht="14.45">
      <c r="A25647" s="11"/>
      <c r="B25647" s="20"/>
      <c r="C25647" s="2" t="s">
        <v>82365</v>
      </c>
      <c r="D25647" s="14" t="s">
        <v>82366</v>
      </c>
      <c r="E25647" s="2" t="s">
        <v>82367</v>
      </c>
      <c r="F25647" s="2" t="s">
        <v>82330</v>
      </c>
      <c r="G25647" s="8">
        <v>309</v>
      </c>
      <c r="H25647" s="5">
        <v>5</v>
      </c>
      <c r="I25647" s="5" t="s">
        <v>69</v>
      </c>
      <c r="J25647" s="5" t="s">
        <v>731</v>
      </c>
      <c r="K25647" s="2" t="s">
        <v>732</v>
      </c>
      <c r="L25647" s="5" t="s">
        <v>731</v>
      </c>
      <c r="M25647" s="2" t="s">
        <v>732</v>
      </c>
      <c r="N25647" s="5" t="s">
        <v>82179</v>
      </c>
      <c r="O25647" s="5" t="s">
        <v>38</v>
      </c>
      <c r="P25647" s="5" t="s">
        <v>39</v>
      </c>
      <c r="Q25647" s="5" t="s">
        <v>40</v>
      </c>
      <c r="R25647" s="5" t="s">
        <v>734</v>
      </c>
      <c r="S25647" s="5" t="s">
        <v>40</v>
      </c>
      <c r="T25647" s="5" t="s">
        <v>42</v>
      </c>
      <c r="U25647" s="2">
        <v>25.63</v>
      </c>
      <c r="V25647" s="2">
        <v>25.591000000000001</v>
      </c>
      <c r="W25647" s="2">
        <v>0.32</v>
      </c>
      <c r="X25647" s="2">
        <v>16</v>
      </c>
      <c r="Y25647" s="2">
        <v>141.5</v>
      </c>
      <c r="Z25647" s="2">
        <v>141.5</v>
      </c>
      <c r="AA25647" s="5">
        <v>7</v>
      </c>
      <c r="AB25647" s="5" t="s">
        <v>43</v>
      </c>
      <c r="AC25647" s="5" t="s">
        <v>44</v>
      </c>
      <c r="AD25647" s="2" t="s">
        <v>82331</v>
      </c>
      <c r="AE25647" s="1"/>
    </row>
    <row r="25648" spans="1:31" ht="14.45">
      <c r="A25648" s="11"/>
      <c r="B25648" s="20"/>
      <c r="C25648" s="2" t="s">
        <v>82368</v>
      </c>
      <c r="D25648" s="14" t="s">
        <v>82369</v>
      </c>
      <c r="E25648" s="2" t="s">
        <v>82370</v>
      </c>
      <c r="F25648" s="2" t="s">
        <v>82325</v>
      </c>
      <c r="G25648" s="8">
        <v>373</v>
      </c>
      <c r="H25648" s="5">
        <v>5</v>
      </c>
      <c r="I25648" s="5" t="s">
        <v>69</v>
      </c>
      <c r="J25648" s="5" t="s">
        <v>731</v>
      </c>
      <c r="K25648" s="2" t="s">
        <v>732</v>
      </c>
      <c r="L25648" s="5" t="s">
        <v>731</v>
      </c>
      <c r="M25648" s="2" t="s">
        <v>732</v>
      </c>
      <c r="N25648" s="5" t="s">
        <v>82179</v>
      </c>
      <c r="O25648" s="5" t="s">
        <v>38</v>
      </c>
      <c r="P25648" s="5" t="s">
        <v>39</v>
      </c>
      <c r="Q25648" s="5" t="s">
        <v>40</v>
      </c>
      <c r="R25648" s="5" t="s">
        <v>734</v>
      </c>
      <c r="S25648" s="5" t="s">
        <v>40</v>
      </c>
      <c r="T25648" s="5" t="s">
        <v>42</v>
      </c>
      <c r="U25648" s="2">
        <v>28.582999999999998</v>
      </c>
      <c r="V25648" s="2">
        <v>27.498999999999999</v>
      </c>
      <c r="W25648" s="2">
        <v>0.40600000000000003</v>
      </c>
      <c r="X25648" s="2">
        <v>17</v>
      </c>
      <c r="Y25648" s="2">
        <v>193.5</v>
      </c>
      <c r="Z25648" s="2">
        <v>123.5</v>
      </c>
      <c r="AA25648" s="5">
        <v>7</v>
      </c>
      <c r="AB25648" s="5" t="s">
        <v>43</v>
      </c>
      <c r="AC25648" s="5" t="s">
        <v>44</v>
      </c>
      <c r="AD25648" s="2" t="s">
        <v>82326</v>
      </c>
      <c r="AE25648" s="1"/>
    </row>
    <row r="25649" spans="1:31" ht="14.45">
      <c r="A25649" s="11"/>
      <c r="B25649" s="20"/>
      <c r="C25649" s="2" t="s">
        <v>82371</v>
      </c>
      <c r="D25649" s="14" t="s">
        <v>82372</v>
      </c>
      <c r="E25649" s="2" t="s">
        <v>82373</v>
      </c>
      <c r="F25649" s="2" t="s">
        <v>82330</v>
      </c>
      <c r="G25649" s="8">
        <v>285</v>
      </c>
      <c r="H25649" s="5">
        <v>5</v>
      </c>
      <c r="I25649" s="5" t="s">
        <v>69</v>
      </c>
      <c r="J25649" s="5" t="s">
        <v>731</v>
      </c>
      <c r="K25649" s="2" t="s">
        <v>732</v>
      </c>
      <c r="L25649" s="5" t="s">
        <v>731</v>
      </c>
      <c r="M25649" s="2" t="s">
        <v>732</v>
      </c>
      <c r="N25649" s="5" t="s">
        <v>82179</v>
      </c>
      <c r="O25649" s="5" t="s">
        <v>38</v>
      </c>
      <c r="P25649" s="5" t="s">
        <v>39</v>
      </c>
      <c r="Q25649" s="5" t="s">
        <v>40</v>
      </c>
      <c r="R25649" s="5" t="s">
        <v>734</v>
      </c>
      <c r="S25649" s="5" t="s">
        <v>40</v>
      </c>
      <c r="T25649" s="5" t="s">
        <v>42</v>
      </c>
      <c r="U25649" s="2">
        <v>23.866</v>
      </c>
      <c r="V25649" s="2">
        <v>23.827000000000002</v>
      </c>
      <c r="W25649" s="2">
        <v>0.27900000000000003</v>
      </c>
      <c r="X25649" s="2">
        <v>16</v>
      </c>
      <c r="Y25649" s="2">
        <v>171.5</v>
      </c>
      <c r="Z25649" s="2">
        <v>101.5</v>
      </c>
      <c r="AA25649" s="5">
        <v>7</v>
      </c>
      <c r="AB25649" s="5" t="s">
        <v>43</v>
      </c>
      <c r="AC25649" s="5" t="s">
        <v>44</v>
      </c>
      <c r="AD25649" s="2" t="s">
        <v>82331</v>
      </c>
      <c r="AE25649" s="1"/>
    </row>
    <row r="25650" spans="1:31" ht="14.45">
      <c r="A25650" s="11"/>
      <c r="B25650" s="20"/>
      <c r="C25650" s="2" t="s">
        <v>82374</v>
      </c>
      <c r="D25650" s="14" t="s">
        <v>82375</v>
      </c>
      <c r="E25650" s="2" t="s">
        <v>82376</v>
      </c>
      <c r="F25650" s="2" t="s">
        <v>82325</v>
      </c>
      <c r="G25650" s="8">
        <v>418</v>
      </c>
      <c r="H25650" s="5">
        <v>5</v>
      </c>
      <c r="I25650" s="5" t="s">
        <v>69</v>
      </c>
      <c r="J25650" s="5" t="s">
        <v>731</v>
      </c>
      <c r="K25650" s="2" t="s">
        <v>732</v>
      </c>
      <c r="L25650" s="5" t="s">
        <v>731</v>
      </c>
      <c r="M25650" s="2" t="s">
        <v>732</v>
      </c>
      <c r="N25650" s="5" t="s">
        <v>82179</v>
      </c>
      <c r="O25650" s="5" t="s">
        <v>38</v>
      </c>
      <c r="P25650" s="5" t="s">
        <v>39</v>
      </c>
      <c r="Q25650" s="5" t="s">
        <v>40</v>
      </c>
      <c r="R25650" s="5" t="s">
        <v>734</v>
      </c>
      <c r="S25650" s="5" t="s">
        <v>40</v>
      </c>
      <c r="T25650" s="5" t="s">
        <v>42</v>
      </c>
      <c r="U25650" s="2">
        <v>32.966000000000001</v>
      </c>
      <c r="V25650" s="2">
        <v>31.881</v>
      </c>
      <c r="W25650" s="2">
        <v>0.47199999999999998</v>
      </c>
      <c r="X25650" s="2">
        <v>17</v>
      </c>
      <c r="Y25650" s="2">
        <v>193.5</v>
      </c>
      <c r="Z25650" s="2">
        <v>143.5</v>
      </c>
      <c r="AA25650" s="5">
        <v>7</v>
      </c>
      <c r="AB25650" s="5" t="s">
        <v>43</v>
      </c>
      <c r="AC25650" s="5" t="s">
        <v>44</v>
      </c>
      <c r="AD25650" s="2" t="s">
        <v>82326</v>
      </c>
      <c r="AE25650" s="1"/>
    </row>
    <row r="25651" spans="1:31" ht="14.45">
      <c r="A25651" s="11"/>
      <c r="B25651" s="20"/>
      <c r="C25651" s="2" t="s">
        <v>82377</v>
      </c>
      <c r="D25651" s="14" t="s">
        <v>82378</v>
      </c>
      <c r="E25651" s="2" t="s">
        <v>82379</v>
      </c>
      <c r="F25651" s="2" t="s">
        <v>82330</v>
      </c>
      <c r="G25651" s="8">
        <v>319</v>
      </c>
      <c r="H25651" s="5">
        <v>5</v>
      </c>
      <c r="I25651" s="5" t="s">
        <v>69</v>
      </c>
      <c r="J25651" s="5" t="s">
        <v>731</v>
      </c>
      <c r="K25651" s="2" t="s">
        <v>732</v>
      </c>
      <c r="L25651" s="5" t="s">
        <v>731</v>
      </c>
      <c r="M25651" s="2" t="s">
        <v>732</v>
      </c>
      <c r="N25651" s="5" t="s">
        <v>82179</v>
      </c>
      <c r="O25651" s="5" t="s">
        <v>38</v>
      </c>
      <c r="P25651" s="5" t="s">
        <v>39</v>
      </c>
      <c r="Q25651" s="5" t="s">
        <v>40</v>
      </c>
      <c r="R25651" s="5" t="s">
        <v>734</v>
      </c>
      <c r="S25651" s="5" t="s">
        <v>40</v>
      </c>
      <c r="T25651" s="5" t="s">
        <v>42</v>
      </c>
      <c r="U25651" s="2">
        <v>25.713000000000001</v>
      </c>
      <c r="V25651" s="2">
        <v>25.675000000000001</v>
      </c>
      <c r="W25651" s="2">
        <v>0.33300000000000002</v>
      </c>
      <c r="X25651" s="2">
        <v>16</v>
      </c>
      <c r="Y25651" s="2">
        <v>171.5</v>
      </c>
      <c r="Z25651" s="2">
        <v>121.5</v>
      </c>
      <c r="AA25651" s="5">
        <v>7</v>
      </c>
      <c r="AB25651" s="5" t="s">
        <v>43</v>
      </c>
      <c r="AC25651" s="5" t="s">
        <v>44</v>
      </c>
      <c r="AD25651" s="2" t="s">
        <v>82331</v>
      </c>
      <c r="AE25651" s="1"/>
    </row>
    <row r="25652" spans="1:31" ht="14.45">
      <c r="A25652" s="11"/>
      <c r="B25652" s="20"/>
      <c r="C25652" s="2" t="s">
        <v>82380</v>
      </c>
      <c r="D25652" s="14" t="s">
        <v>82381</v>
      </c>
      <c r="E25652" s="2" t="s">
        <v>82382</v>
      </c>
      <c r="F25652" s="2" t="s">
        <v>82325</v>
      </c>
      <c r="G25652" s="8">
        <v>443</v>
      </c>
      <c r="H25652" s="5">
        <v>5</v>
      </c>
      <c r="I25652" s="5" t="s">
        <v>69</v>
      </c>
      <c r="J25652" s="5" t="s">
        <v>731</v>
      </c>
      <c r="K25652" s="2" t="s">
        <v>732</v>
      </c>
      <c r="L25652" s="5" t="s">
        <v>731</v>
      </c>
      <c r="M25652" s="2" t="s">
        <v>732</v>
      </c>
      <c r="N25652" s="5" t="s">
        <v>82179</v>
      </c>
      <c r="O25652" s="5" t="s">
        <v>38</v>
      </c>
      <c r="P25652" s="5" t="s">
        <v>39</v>
      </c>
      <c r="Q25652" s="5" t="s">
        <v>40</v>
      </c>
      <c r="R25652" s="5" t="s">
        <v>734</v>
      </c>
      <c r="S25652" s="5" t="s">
        <v>40</v>
      </c>
      <c r="T25652" s="5" t="s">
        <v>42</v>
      </c>
      <c r="U25652" s="2">
        <v>32.155000000000001</v>
      </c>
      <c r="V25652" s="2">
        <v>31.065000000000001</v>
      </c>
      <c r="W25652" s="2">
        <v>0.53800000000000003</v>
      </c>
      <c r="X25652" s="2">
        <v>17</v>
      </c>
      <c r="Y25652" s="2">
        <v>193.5</v>
      </c>
      <c r="Z25652" s="2">
        <v>163.5</v>
      </c>
      <c r="AA25652" s="5">
        <v>7</v>
      </c>
      <c r="AB25652" s="5" t="s">
        <v>43</v>
      </c>
      <c r="AC25652" s="5" t="s">
        <v>44</v>
      </c>
      <c r="AD25652" s="2" t="s">
        <v>82326</v>
      </c>
      <c r="AE25652" s="1"/>
    </row>
    <row r="25653" spans="1:31" ht="14.45">
      <c r="A25653" s="11"/>
      <c r="B25653" s="20"/>
      <c r="C25653" s="2" t="s">
        <v>82383</v>
      </c>
      <c r="D25653" s="14" t="s">
        <v>82384</v>
      </c>
      <c r="E25653" s="2" t="s">
        <v>82385</v>
      </c>
      <c r="F25653" s="2" t="s">
        <v>82330</v>
      </c>
      <c r="G25653" s="8">
        <v>338</v>
      </c>
      <c r="H25653" s="5">
        <v>5</v>
      </c>
      <c r="I25653" s="5" t="s">
        <v>69</v>
      </c>
      <c r="J25653" s="5" t="s">
        <v>731</v>
      </c>
      <c r="K25653" s="2" t="s">
        <v>732</v>
      </c>
      <c r="L25653" s="5" t="s">
        <v>731</v>
      </c>
      <c r="M25653" s="2" t="s">
        <v>732</v>
      </c>
      <c r="N25653" s="5" t="s">
        <v>82179</v>
      </c>
      <c r="O25653" s="5" t="s">
        <v>38</v>
      </c>
      <c r="P25653" s="5" t="s">
        <v>39</v>
      </c>
      <c r="Q25653" s="5" t="s">
        <v>40</v>
      </c>
      <c r="R25653" s="5" t="s">
        <v>734</v>
      </c>
      <c r="S25653" s="5" t="s">
        <v>40</v>
      </c>
      <c r="T25653" s="5" t="s">
        <v>42</v>
      </c>
      <c r="U25653" s="2">
        <v>27.757999999999999</v>
      </c>
      <c r="V25653" s="2">
        <v>27.716999999999999</v>
      </c>
      <c r="W25653" s="2">
        <v>0.38800000000000001</v>
      </c>
      <c r="X25653" s="2">
        <v>16</v>
      </c>
      <c r="Y25653" s="2">
        <v>171.5</v>
      </c>
      <c r="Z25653" s="2">
        <v>141.5</v>
      </c>
      <c r="AA25653" s="5">
        <v>7</v>
      </c>
      <c r="AB25653" s="5" t="s">
        <v>43</v>
      </c>
      <c r="AC25653" s="5" t="s">
        <v>44</v>
      </c>
      <c r="AD25653" s="2" t="s">
        <v>82331</v>
      </c>
      <c r="AE25653" s="1"/>
    </row>
    <row r="25654" spans="1:31" ht="14.45">
      <c r="A25654" s="11"/>
      <c r="B25654" s="20"/>
      <c r="C25654" s="2" t="s">
        <v>82386</v>
      </c>
      <c r="D25654" s="14" t="s">
        <v>82387</v>
      </c>
      <c r="E25654" s="2" t="s">
        <v>82388</v>
      </c>
      <c r="F25654" s="2" t="s">
        <v>82325</v>
      </c>
      <c r="G25654" s="8">
        <v>449</v>
      </c>
      <c r="H25654" s="5">
        <v>5</v>
      </c>
      <c r="I25654" s="5" t="s">
        <v>69</v>
      </c>
      <c r="J25654" s="5" t="s">
        <v>731</v>
      </c>
      <c r="K25654" s="2" t="s">
        <v>732</v>
      </c>
      <c r="L25654" s="5" t="s">
        <v>731</v>
      </c>
      <c r="M25654" s="2" t="s">
        <v>732</v>
      </c>
      <c r="N25654" s="5" t="s">
        <v>82179</v>
      </c>
      <c r="O25654" s="5" t="s">
        <v>38</v>
      </c>
      <c r="P25654" s="5" t="s">
        <v>39</v>
      </c>
      <c r="Q25654" s="5" t="s">
        <v>40</v>
      </c>
      <c r="R25654" s="5" t="s">
        <v>734</v>
      </c>
      <c r="S25654" s="5" t="s">
        <v>40</v>
      </c>
      <c r="T25654" s="5" t="s">
        <v>42</v>
      </c>
      <c r="U25654" s="2">
        <v>35.023000000000003</v>
      </c>
      <c r="V25654" s="2">
        <v>33.929000000000002</v>
      </c>
      <c r="W25654" s="2">
        <v>0.45400000000000001</v>
      </c>
      <c r="X25654" s="2">
        <v>17</v>
      </c>
      <c r="Y25654" s="2">
        <v>163.5</v>
      </c>
      <c r="Z25654" s="2">
        <v>163.5</v>
      </c>
      <c r="AA25654" s="5">
        <v>7</v>
      </c>
      <c r="AB25654" s="5" t="s">
        <v>43</v>
      </c>
      <c r="AC25654" s="5" t="s">
        <v>44</v>
      </c>
      <c r="AD25654" s="2" t="s">
        <v>82326</v>
      </c>
      <c r="AE25654" s="1"/>
    </row>
    <row r="25655" spans="1:31" ht="14.45">
      <c r="A25655" s="11"/>
      <c r="B25655" s="20"/>
      <c r="C25655" s="2" t="s">
        <v>82389</v>
      </c>
      <c r="D25655" s="14" t="s">
        <v>82390</v>
      </c>
      <c r="E25655" s="2" t="s">
        <v>82391</v>
      </c>
      <c r="F25655" s="2" t="s">
        <v>82330</v>
      </c>
      <c r="G25655" s="8">
        <v>348</v>
      </c>
      <c r="H25655" s="5">
        <v>5</v>
      </c>
      <c r="I25655" s="5" t="s">
        <v>69</v>
      </c>
      <c r="J25655" s="5" t="s">
        <v>731</v>
      </c>
      <c r="K25655" s="2" t="s">
        <v>732</v>
      </c>
      <c r="L25655" s="5" t="s">
        <v>731</v>
      </c>
      <c r="M25655" s="2" t="s">
        <v>732</v>
      </c>
      <c r="N25655" s="5" t="s">
        <v>82179</v>
      </c>
      <c r="O25655" s="5" t="s">
        <v>38</v>
      </c>
      <c r="P25655" s="5" t="s">
        <v>39</v>
      </c>
      <c r="Q25655" s="5" t="s">
        <v>40</v>
      </c>
      <c r="R25655" s="5" t="s">
        <v>734</v>
      </c>
      <c r="S25655" s="5" t="s">
        <v>40</v>
      </c>
      <c r="T25655" s="5" t="s">
        <v>42</v>
      </c>
      <c r="U25655" s="2">
        <v>29.841000000000001</v>
      </c>
      <c r="V25655" s="2">
        <v>29.798999999999999</v>
      </c>
      <c r="W25655" s="2">
        <v>0.47099999999999997</v>
      </c>
      <c r="X25655" s="2">
        <v>16</v>
      </c>
      <c r="Y25655" s="2">
        <v>171.5</v>
      </c>
      <c r="Z25655" s="2">
        <v>171.5</v>
      </c>
      <c r="AA25655" s="5">
        <v>7</v>
      </c>
      <c r="AB25655" s="5" t="s">
        <v>43</v>
      </c>
      <c r="AC25655" s="5" t="s">
        <v>44</v>
      </c>
      <c r="AD25655" s="2" t="s">
        <v>82331</v>
      </c>
      <c r="AE25655" s="1"/>
    </row>
    <row r="25656" spans="1:31" ht="14.45">
      <c r="A25656" s="11"/>
      <c r="B25656" s="20"/>
      <c r="C25656" s="2" t="s">
        <v>82392</v>
      </c>
      <c r="D25656" s="14" t="s">
        <v>82393</v>
      </c>
      <c r="E25656" s="2" t="s">
        <v>82394</v>
      </c>
      <c r="F25656" s="2" t="s">
        <v>82325</v>
      </c>
      <c r="G25656" s="8">
        <v>432</v>
      </c>
      <c r="H25656" s="5">
        <v>5</v>
      </c>
      <c r="I25656" s="5" t="s">
        <v>69</v>
      </c>
      <c r="J25656" s="5" t="s">
        <v>731</v>
      </c>
      <c r="K25656" s="2" t="s">
        <v>732</v>
      </c>
      <c r="L25656" s="5" t="s">
        <v>731</v>
      </c>
      <c r="M25656" s="2" t="s">
        <v>732</v>
      </c>
      <c r="N25656" s="5" t="s">
        <v>82179</v>
      </c>
      <c r="O25656" s="5" t="s">
        <v>38</v>
      </c>
      <c r="P25656" s="5" t="s">
        <v>39</v>
      </c>
      <c r="Q25656" s="5" t="s">
        <v>40</v>
      </c>
      <c r="R25656" s="5" t="s">
        <v>734</v>
      </c>
      <c r="S25656" s="5" t="s">
        <v>40</v>
      </c>
      <c r="T25656" s="5" t="s">
        <v>42</v>
      </c>
      <c r="U25656" s="2">
        <v>31.056999999999999</v>
      </c>
      <c r="V25656" s="2">
        <v>29.975000000000001</v>
      </c>
      <c r="W25656" s="2">
        <v>0.42799999999999999</v>
      </c>
      <c r="X25656" s="2">
        <v>17</v>
      </c>
      <c r="Y25656" s="2">
        <v>243.5</v>
      </c>
      <c r="Z25656" s="2">
        <v>103.5</v>
      </c>
      <c r="AA25656" s="5">
        <v>7</v>
      </c>
      <c r="AB25656" s="5" t="s">
        <v>43</v>
      </c>
      <c r="AC25656" s="5" t="s">
        <v>44</v>
      </c>
      <c r="AD25656" s="2" t="s">
        <v>82326</v>
      </c>
      <c r="AE25656" s="1"/>
    </row>
    <row r="25657" spans="1:31" ht="14.45">
      <c r="A25657" s="11"/>
      <c r="B25657" s="20"/>
      <c r="C25657" s="2" t="s">
        <v>82395</v>
      </c>
      <c r="D25657" s="14" t="s">
        <v>82396</v>
      </c>
      <c r="E25657" s="2" t="s">
        <v>82397</v>
      </c>
      <c r="F25657" s="2" t="s">
        <v>82330</v>
      </c>
      <c r="G25657" s="8">
        <v>330</v>
      </c>
      <c r="H25657" s="5">
        <v>5</v>
      </c>
      <c r="I25657" s="5" t="s">
        <v>69</v>
      </c>
      <c r="J25657" s="5" t="s">
        <v>731</v>
      </c>
      <c r="K25657" s="2" t="s">
        <v>732</v>
      </c>
      <c r="L25657" s="5" t="s">
        <v>731</v>
      </c>
      <c r="M25657" s="2" t="s">
        <v>732</v>
      </c>
      <c r="N25657" s="5" t="s">
        <v>82179</v>
      </c>
      <c r="O25657" s="5" t="s">
        <v>38</v>
      </c>
      <c r="P25657" s="5" t="s">
        <v>39</v>
      </c>
      <c r="Q25657" s="5" t="s">
        <v>40</v>
      </c>
      <c r="R25657" s="5" t="s">
        <v>734</v>
      </c>
      <c r="S25657" s="5" t="s">
        <v>40</v>
      </c>
      <c r="T25657" s="5" t="s">
        <v>42</v>
      </c>
      <c r="U25657" s="2">
        <v>33.676000000000002</v>
      </c>
      <c r="V25657" s="2">
        <v>33.637999999999998</v>
      </c>
      <c r="W25657" s="2">
        <v>0.28899999999999998</v>
      </c>
      <c r="X25657" s="2">
        <v>16</v>
      </c>
      <c r="Y25657" s="2">
        <v>221.5</v>
      </c>
      <c r="Z25657" s="2">
        <v>81.5</v>
      </c>
      <c r="AA25657" s="5">
        <v>7</v>
      </c>
      <c r="AB25657" s="5" t="s">
        <v>43</v>
      </c>
      <c r="AC25657" s="5" t="s">
        <v>44</v>
      </c>
      <c r="AD25657" s="2" t="s">
        <v>82331</v>
      </c>
      <c r="AE25657" s="1"/>
    </row>
    <row r="25658" spans="1:31" ht="14.45">
      <c r="A25658" s="11"/>
      <c r="B25658" s="20"/>
      <c r="C25658" s="2" t="s">
        <v>82398</v>
      </c>
      <c r="D25658" s="14" t="s">
        <v>82399</v>
      </c>
      <c r="E25658" s="2" t="s">
        <v>82400</v>
      </c>
      <c r="F25658" s="2" t="s">
        <v>82325</v>
      </c>
      <c r="G25658" s="8">
        <v>519</v>
      </c>
      <c r="H25658" s="5">
        <v>5</v>
      </c>
      <c r="I25658" s="5" t="s">
        <v>69</v>
      </c>
      <c r="J25658" s="5" t="s">
        <v>731</v>
      </c>
      <c r="K25658" s="2" t="s">
        <v>732</v>
      </c>
      <c r="L25658" s="5" t="s">
        <v>731</v>
      </c>
      <c r="M25658" s="2" t="s">
        <v>732</v>
      </c>
      <c r="N25658" s="5" t="s">
        <v>82179</v>
      </c>
      <c r="O25658" s="5" t="s">
        <v>38</v>
      </c>
      <c r="P25658" s="5" t="s">
        <v>39</v>
      </c>
      <c r="Q25658" s="5" t="s">
        <v>40</v>
      </c>
      <c r="R25658" s="5" t="s">
        <v>734</v>
      </c>
      <c r="S25658" s="5" t="s">
        <v>40</v>
      </c>
      <c r="T25658" s="5" t="s">
        <v>42</v>
      </c>
      <c r="U25658" s="2">
        <v>34.973999999999997</v>
      </c>
      <c r="V25658" s="2">
        <v>33.878999999999998</v>
      </c>
      <c r="W25658" s="2">
        <v>0.59399999999999997</v>
      </c>
      <c r="X25658" s="2">
        <v>17</v>
      </c>
      <c r="Y25658" s="2">
        <v>243.5</v>
      </c>
      <c r="Z25658" s="2">
        <v>143.5</v>
      </c>
      <c r="AA25658" s="5">
        <v>7</v>
      </c>
      <c r="AB25658" s="5" t="s">
        <v>43</v>
      </c>
      <c r="AC25658" s="5" t="s">
        <v>44</v>
      </c>
      <c r="AD25658" s="2" t="s">
        <v>82326</v>
      </c>
      <c r="AE25658" s="1"/>
    </row>
    <row r="25659" spans="1:31" ht="14.45">
      <c r="A25659" s="11"/>
      <c r="B25659" s="20"/>
      <c r="C25659" s="2" t="s">
        <v>82401</v>
      </c>
      <c r="D25659" s="14" t="s">
        <v>82402</v>
      </c>
      <c r="E25659" s="2" t="s">
        <v>82403</v>
      </c>
      <c r="F25659" s="2" t="s">
        <v>82330</v>
      </c>
      <c r="G25659" s="8">
        <v>396</v>
      </c>
      <c r="H25659" s="5">
        <v>5</v>
      </c>
      <c r="I25659" s="5" t="s">
        <v>69</v>
      </c>
      <c r="J25659" s="5" t="s">
        <v>731</v>
      </c>
      <c r="K25659" s="2" t="s">
        <v>732</v>
      </c>
      <c r="L25659" s="5" t="s">
        <v>731</v>
      </c>
      <c r="M25659" s="2" t="s">
        <v>732</v>
      </c>
      <c r="N25659" s="5" t="s">
        <v>82179</v>
      </c>
      <c r="O25659" s="5" t="s">
        <v>38</v>
      </c>
      <c r="P25659" s="5" t="s">
        <v>39</v>
      </c>
      <c r="Q25659" s="5" t="s">
        <v>40</v>
      </c>
      <c r="R25659" s="5" t="s">
        <v>734</v>
      </c>
      <c r="S25659" s="5" t="s">
        <v>40</v>
      </c>
      <c r="T25659" s="5" t="s">
        <v>42</v>
      </c>
      <c r="U25659" s="2">
        <v>33.284999999999997</v>
      </c>
      <c r="V25659" s="2">
        <v>33.243000000000002</v>
      </c>
      <c r="W25659" s="2">
        <v>0.43099999999999999</v>
      </c>
      <c r="X25659" s="2">
        <v>16</v>
      </c>
      <c r="Y25659" s="2">
        <v>221.5</v>
      </c>
      <c r="Z25659" s="2">
        <v>121.5</v>
      </c>
      <c r="AA25659" s="5">
        <v>7</v>
      </c>
      <c r="AB25659" s="5" t="s">
        <v>43</v>
      </c>
      <c r="AC25659" s="5" t="s">
        <v>44</v>
      </c>
      <c r="AD25659" s="2" t="s">
        <v>82331</v>
      </c>
      <c r="AE25659" s="1"/>
    </row>
    <row r="25660" spans="1:31" ht="14.45">
      <c r="A25660" s="11"/>
      <c r="B25660" s="20"/>
      <c r="C25660" s="2" t="s">
        <v>82404</v>
      </c>
      <c r="D25660" s="14" t="s">
        <v>82405</v>
      </c>
      <c r="E25660" s="2" t="s">
        <v>82406</v>
      </c>
      <c r="F25660" s="2" t="s">
        <v>82317</v>
      </c>
      <c r="G25660" s="8">
        <v>29</v>
      </c>
      <c r="H25660" s="5">
        <v>5</v>
      </c>
      <c r="I25660" s="5" t="s">
        <v>34</v>
      </c>
      <c r="J25660" s="5" t="s">
        <v>82312</v>
      </c>
      <c r="K25660" s="2" t="s">
        <v>82313</v>
      </c>
      <c r="L25660" s="5" t="s">
        <v>82312</v>
      </c>
      <c r="M25660" s="2" t="s">
        <v>82313</v>
      </c>
      <c r="N25660" s="5" t="s">
        <v>72</v>
      </c>
      <c r="O25660" s="5" t="s">
        <v>38</v>
      </c>
      <c r="P25660" s="5" t="s">
        <v>39</v>
      </c>
      <c r="Q25660" s="5" t="s">
        <v>40</v>
      </c>
      <c r="R25660" s="5" t="s">
        <v>68413</v>
      </c>
      <c r="S25660" s="5" t="s">
        <v>40</v>
      </c>
      <c r="T25660" s="5" t="s">
        <v>125</v>
      </c>
      <c r="U25660" s="2">
        <v>0.33200000000000002</v>
      </c>
      <c r="V25660" s="2">
        <v>0.23200000000000001</v>
      </c>
      <c r="W25660" s="2">
        <v>2E-3</v>
      </c>
      <c r="X25660" s="2">
        <v>85.3</v>
      </c>
      <c r="Y25660" s="2">
        <v>4.3</v>
      </c>
      <c r="Z25660" s="2">
        <v>4.3</v>
      </c>
      <c r="AA25660" s="5"/>
      <c r="AB25660" s="5" t="s">
        <v>43</v>
      </c>
      <c r="AC25660" s="5" t="s">
        <v>44</v>
      </c>
      <c r="AD25660" s="2"/>
      <c r="AE25660" s="1"/>
    </row>
    <row r="25661" spans="1:31" ht="14.45">
      <c r="A25661" s="11"/>
      <c r="B25661" s="20"/>
      <c r="C25661" s="2" t="s">
        <v>82407</v>
      </c>
      <c r="D25661" s="14" t="s">
        <v>82408</v>
      </c>
      <c r="E25661" s="2" t="s">
        <v>82409</v>
      </c>
      <c r="F25661" s="2" t="s">
        <v>82410</v>
      </c>
      <c r="G25661" s="8">
        <v>49</v>
      </c>
      <c r="H25661" s="5">
        <v>5</v>
      </c>
      <c r="I25661" s="5" t="s">
        <v>34</v>
      </c>
      <c r="J25661" s="5" t="s">
        <v>82312</v>
      </c>
      <c r="K25661" s="2" t="s">
        <v>82313</v>
      </c>
      <c r="L25661" s="5" t="s">
        <v>82312</v>
      </c>
      <c r="M25661" s="2" t="s">
        <v>82313</v>
      </c>
      <c r="N25661" s="5" t="s">
        <v>72</v>
      </c>
      <c r="O25661" s="5" t="s">
        <v>38</v>
      </c>
      <c r="P25661" s="5" t="s">
        <v>39</v>
      </c>
      <c r="Q25661" s="5" t="s">
        <v>40</v>
      </c>
      <c r="R25661" s="5" t="s">
        <v>68413</v>
      </c>
      <c r="S25661" s="5" t="s">
        <v>40</v>
      </c>
      <c r="T25661" s="5" t="s">
        <v>42</v>
      </c>
      <c r="U25661" s="2">
        <v>0.38400000000000001</v>
      </c>
      <c r="V25661" s="2">
        <v>0.34599999999999997</v>
      </c>
      <c r="W25661" s="2">
        <v>6.0000000000000001E-3</v>
      </c>
      <c r="X25661" s="2">
        <v>135.5</v>
      </c>
      <c r="Y25661" s="2">
        <v>21</v>
      </c>
      <c r="Z25661" s="2">
        <v>2</v>
      </c>
      <c r="AA25661" s="5"/>
      <c r="AB25661" s="5" t="s">
        <v>43</v>
      </c>
      <c r="AC25661" s="5" t="s">
        <v>44</v>
      </c>
      <c r="AD25661" s="2"/>
      <c r="AE25661" s="1"/>
    </row>
    <row r="25662" spans="1:31" ht="14.45">
      <c r="A25662" s="11"/>
      <c r="B25662" s="20"/>
      <c r="C25662" s="2" t="s">
        <v>82411</v>
      </c>
      <c r="D25662" s="14" t="s">
        <v>82412</v>
      </c>
      <c r="E25662" s="2" t="s">
        <v>82413</v>
      </c>
      <c r="F25662" s="2" t="s">
        <v>82414</v>
      </c>
      <c r="G25662" s="8">
        <v>38</v>
      </c>
      <c r="H25662" s="5">
        <v>5</v>
      </c>
      <c r="I25662" s="5" t="s">
        <v>34</v>
      </c>
      <c r="J25662" s="5" t="s">
        <v>82312</v>
      </c>
      <c r="K25662" s="2" t="s">
        <v>82313</v>
      </c>
      <c r="L25662" s="5" t="s">
        <v>82312</v>
      </c>
      <c r="M25662" s="2" t="s">
        <v>82313</v>
      </c>
      <c r="N25662" s="5" t="s">
        <v>72</v>
      </c>
      <c r="O25662" s="5" t="s">
        <v>38</v>
      </c>
      <c r="P25662" s="5" t="s">
        <v>39</v>
      </c>
      <c r="Q25662" s="5" t="s">
        <v>40</v>
      </c>
      <c r="R25662" s="5" t="s">
        <v>68413</v>
      </c>
      <c r="S25662" s="5" t="s">
        <v>40</v>
      </c>
      <c r="T25662" s="5" t="s">
        <v>42</v>
      </c>
      <c r="U25662" s="2">
        <v>0.435</v>
      </c>
      <c r="V25662" s="2">
        <v>0.27</v>
      </c>
      <c r="W25662" s="2">
        <v>4.0000000000000001E-3</v>
      </c>
      <c r="X25662" s="2">
        <v>105</v>
      </c>
      <c r="Y25662" s="2">
        <v>6.5</v>
      </c>
      <c r="Z25662" s="2">
        <v>6.5</v>
      </c>
      <c r="AA25662" s="5"/>
      <c r="AB25662" s="5" t="s">
        <v>43</v>
      </c>
      <c r="AC25662" s="5" t="s">
        <v>44</v>
      </c>
      <c r="AD25662" s="2"/>
      <c r="AE25662" s="1"/>
    </row>
    <row r="25663" spans="1:31" ht="14.45">
      <c r="A25663" s="11"/>
      <c r="B25663" s="20"/>
      <c r="C25663" s="2" t="s">
        <v>82415</v>
      </c>
      <c r="D25663" s="14" t="s">
        <v>82416</v>
      </c>
      <c r="E25663" s="2" t="s">
        <v>82417</v>
      </c>
      <c r="F25663" s="2" t="s">
        <v>82414</v>
      </c>
      <c r="G25663" s="8">
        <v>51</v>
      </c>
      <c r="H25663" s="5">
        <v>5</v>
      </c>
      <c r="I25663" s="5" t="s">
        <v>34</v>
      </c>
      <c r="J25663" s="5" t="s">
        <v>82312</v>
      </c>
      <c r="K25663" s="2" t="s">
        <v>82313</v>
      </c>
      <c r="L25663" s="5" t="s">
        <v>82312</v>
      </c>
      <c r="M25663" s="2" t="s">
        <v>82313</v>
      </c>
      <c r="N25663" s="5" t="s">
        <v>72</v>
      </c>
      <c r="O25663" s="5" t="s">
        <v>38</v>
      </c>
      <c r="P25663" s="5" t="s">
        <v>39</v>
      </c>
      <c r="Q25663" s="5" t="s">
        <v>40</v>
      </c>
      <c r="R25663" s="5" t="s">
        <v>68413</v>
      </c>
      <c r="S25663" s="5" t="s">
        <v>40</v>
      </c>
      <c r="T25663" s="5" t="s">
        <v>42</v>
      </c>
      <c r="U25663" s="2">
        <v>0.754</v>
      </c>
      <c r="V25663" s="2">
        <v>0.40200000000000002</v>
      </c>
      <c r="W25663" s="2">
        <v>1.2999999999999999E-2</v>
      </c>
      <c r="X25663" s="2">
        <v>185</v>
      </c>
      <c r="Y25663" s="2">
        <v>9</v>
      </c>
      <c r="Z25663" s="2">
        <v>7.8</v>
      </c>
      <c r="AA25663" s="5"/>
      <c r="AB25663" s="5" t="s">
        <v>43</v>
      </c>
      <c r="AC25663" s="5" t="s">
        <v>44</v>
      </c>
      <c r="AD25663" s="2"/>
      <c r="AE25663" s="1"/>
    </row>
    <row r="25664" spans="1:31" ht="14.45">
      <c r="A25664" s="11"/>
      <c r="B25664" s="20"/>
      <c r="C25664" s="2" t="s">
        <v>82418</v>
      </c>
      <c r="D25664" s="14" t="s">
        <v>82419</v>
      </c>
      <c r="E25664" s="2" t="s">
        <v>82420</v>
      </c>
      <c r="F25664" s="2" t="s">
        <v>82421</v>
      </c>
      <c r="G25664" s="8">
        <v>9</v>
      </c>
      <c r="H25664" s="5">
        <v>5</v>
      </c>
      <c r="I25664" s="5" t="s">
        <v>34</v>
      </c>
      <c r="J25664" s="5" t="s">
        <v>82312</v>
      </c>
      <c r="K25664" s="2" t="s">
        <v>82313</v>
      </c>
      <c r="L25664" s="5" t="s">
        <v>82312</v>
      </c>
      <c r="M25664" s="2" t="s">
        <v>82313</v>
      </c>
      <c r="N25664" s="5" t="s">
        <v>72</v>
      </c>
      <c r="O25664" s="5" t="s">
        <v>38</v>
      </c>
      <c r="P25664" s="5" t="s">
        <v>39</v>
      </c>
      <c r="Q25664" s="5" t="s">
        <v>40</v>
      </c>
      <c r="R25664" s="5" t="s">
        <v>82422</v>
      </c>
      <c r="S25664" s="5" t="s">
        <v>40</v>
      </c>
      <c r="T25664" s="5" t="s">
        <v>42</v>
      </c>
      <c r="U25664" s="2">
        <v>2.8000000000000001E-2</v>
      </c>
      <c r="V25664" s="2">
        <v>1.0999999999999999E-2</v>
      </c>
      <c r="W25664" s="2">
        <v>1E-3</v>
      </c>
      <c r="X25664" s="2">
        <v>30</v>
      </c>
      <c r="Y25664" s="2">
        <v>8.1</v>
      </c>
      <c r="Z25664" s="2">
        <v>4</v>
      </c>
      <c r="AA25664" s="5"/>
      <c r="AB25664" s="5" t="s">
        <v>43</v>
      </c>
      <c r="AC25664" s="5" t="s">
        <v>44</v>
      </c>
      <c r="AD25664" s="2"/>
      <c r="AE25664" s="1"/>
    </row>
    <row r="25665" spans="1:31" ht="14.45">
      <c r="A25665" s="11"/>
      <c r="B25665" s="20"/>
      <c r="C25665" s="2" t="s">
        <v>82423</v>
      </c>
      <c r="D25665" s="14" t="s">
        <v>82424</v>
      </c>
      <c r="E25665" s="2" t="s">
        <v>82425</v>
      </c>
      <c r="F25665" s="2" t="s">
        <v>82426</v>
      </c>
      <c r="G25665" s="8">
        <v>9</v>
      </c>
      <c r="H25665" s="5">
        <v>5</v>
      </c>
      <c r="I25665" s="5" t="s">
        <v>34</v>
      </c>
      <c r="J25665" s="5" t="s">
        <v>82312</v>
      </c>
      <c r="K25665" s="2" t="s">
        <v>82313</v>
      </c>
      <c r="L25665" s="5" t="s">
        <v>82312</v>
      </c>
      <c r="M25665" s="2" t="s">
        <v>82313</v>
      </c>
      <c r="N25665" s="5" t="s">
        <v>72</v>
      </c>
      <c r="O25665" s="5" t="s">
        <v>38</v>
      </c>
      <c r="P25665" s="5" t="s">
        <v>39</v>
      </c>
      <c r="Q25665" s="5" t="s">
        <v>40</v>
      </c>
      <c r="R25665" s="5" t="s">
        <v>73</v>
      </c>
      <c r="S25665" s="5" t="s">
        <v>40</v>
      </c>
      <c r="T25665" s="5" t="s">
        <v>42</v>
      </c>
      <c r="U25665" s="2">
        <v>1.4999999999999999E-2</v>
      </c>
      <c r="V25665" s="2">
        <v>1.0999999999999999E-2</v>
      </c>
      <c r="W25665" s="2">
        <v>1E-3</v>
      </c>
      <c r="X25665" s="2">
        <v>30</v>
      </c>
      <c r="Y25665" s="2">
        <v>12</v>
      </c>
      <c r="Z25665" s="2">
        <v>1.5</v>
      </c>
      <c r="AA25665" s="5"/>
      <c r="AB25665" s="5" t="s">
        <v>43</v>
      </c>
      <c r="AC25665" s="5" t="s">
        <v>44</v>
      </c>
      <c r="AD25665" s="2"/>
      <c r="AE25665" s="1"/>
    </row>
    <row r="25666" spans="1:31" ht="14.45">
      <c r="A25666" s="11"/>
      <c r="B25666" s="20"/>
      <c r="C25666" s="2" t="s">
        <v>82427</v>
      </c>
      <c r="D25666" s="14" t="s">
        <v>82428</v>
      </c>
      <c r="E25666" s="2" t="s">
        <v>82429</v>
      </c>
      <c r="F25666" s="2" t="s">
        <v>82426</v>
      </c>
      <c r="G25666" s="8">
        <v>9</v>
      </c>
      <c r="H25666" s="5">
        <v>5</v>
      </c>
      <c r="I25666" s="5" t="s">
        <v>34</v>
      </c>
      <c r="J25666" s="5" t="s">
        <v>82312</v>
      </c>
      <c r="K25666" s="2" t="s">
        <v>82313</v>
      </c>
      <c r="L25666" s="5" t="s">
        <v>82312</v>
      </c>
      <c r="M25666" s="2" t="s">
        <v>82313</v>
      </c>
      <c r="N25666" s="5" t="s">
        <v>72</v>
      </c>
      <c r="O25666" s="5" t="s">
        <v>38</v>
      </c>
      <c r="P25666" s="5" t="s">
        <v>39</v>
      </c>
      <c r="Q25666" s="5" t="s">
        <v>40</v>
      </c>
      <c r="R25666" s="5" t="s">
        <v>73</v>
      </c>
      <c r="S25666" s="5" t="s">
        <v>40</v>
      </c>
      <c r="T25666" s="5" t="s">
        <v>42</v>
      </c>
      <c r="U25666" s="2">
        <v>1.2E-2</v>
      </c>
      <c r="V25666" s="2">
        <v>8.0000000000000002E-3</v>
      </c>
      <c r="W25666" s="2">
        <v>1E-3</v>
      </c>
      <c r="X25666" s="2">
        <v>30</v>
      </c>
      <c r="Y25666" s="2">
        <v>12</v>
      </c>
      <c r="Z25666" s="2">
        <v>1.5</v>
      </c>
      <c r="AA25666" s="5"/>
      <c r="AB25666" s="5" t="s">
        <v>43</v>
      </c>
      <c r="AC25666" s="5" t="s">
        <v>44</v>
      </c>
      <c r="AD25666" s="2"/>
      <c r="AE25666" s="1"/>
    </row>
    <row r="25667" spans="1:31" ht="14.45">
      <c r="A25667" s="11"/>
      <c r="B25667" s="20"/>
      <c r="C25667" s="2" t="s">
        <v>82430</v>
      </c>
      <c r="D25667" s="14" t="s">
        <v>82431</v>
      </c>
      <c r="E25667" s="2" t="s">
        <v>82432</v>
      </c>
      <c r="F25667" s="2" t="s">
        <v>82433</v>
      </c>
      <c r="G25667" s="8">
        <v>147</v>
      </c>
      <c r="H25667" s="5">
        <v>5</v>
      </c>
      <c r="I25667" s="5" t="s">
        <v>1518</v>
      </c>
      <c r="J25667" s="5" t="s">
        <v>82434</v>
      </c>
      <c r="K25667" s="2" t="s">
        <v>82435</v>
      </c>
      <c r="L25667" s="5" t="s">
        <v>82434</v>
      </c>
      <c r="M25667" s="2" t="s">
        <v>82435</v>
      </c>
      <c r="N25667" s="5" t="s">
        <v>1521</v>
      </c>
      <c r="O25667" s="5" t="s">
        <v>38</v>
      </c>
      <c r="P25667" s="5" t="s">
        <v>39</v>
      </c>
      <c r="Q25667" s="5" t="s">
        <v>40</v>
      </c>
      <c r="R25667" s="5" t="s">
        <v>82436</v>
      </c>
      <c r="S25667" s="5" t="s">
        <v>40</v>
      </c>
      <c r="T25667" s="5" t="s">
        <v>42</v>
      </c>
      <c r="U25667" s="2">
        <v>3.7879999999999998</v>
      </c>
      <c r="V25667" s="2">
        <v>3.3090000000000002</v>
      </c>
      <c r="W25667" s="2">
        <v>1.6E-2</v>
      </c>
      <c r="X25667" s="2">
        <v>122.3</v>
      </c>
      <c r="Y25667" s="2">
        <v>10.5</v>
      </c>
      <c r="Z25667" s="2">
        <v>12.1</v>
      </c>
      <c r="AA25667" s="5"/>
      <c r="AB25667" s="5" t="s">
        <v>43</v>
      </c>
      <c r="AC25667" s="5" t="s">
        <v>44</v>
      </c>
      <c r="AD25667" s="2"/>
      <c r="AE25667" s="1"/>
    </row>
    <row r="25668" spans="1:31" ht="14.45">
      <c r="A25668" s="11"/>
      <c r="B25668" s="20"/>
      <c r="C25668" s="2" t="s">
        <v>82437</v>
      </c>
      <c r="D25668" s="14" t="s">
        <v>82438</v>
      </c>
      <c r="E25668" s="2" t="s">
        <v>82439</v>
      </c>
      <c r="F25668" s="2" t="s">
        <v>82433</v>
      </c>
      <c r="G25668" s="8">
        <v>156</v>
      </c>
      <c r="H25668" s="5">
        <v>5</v>
      </c>
      <c r="I25668" s="5" t="s">
        <v>1518</v>
      </c>
      <c r="J25668" s="5" t="s">
        <v>82434</v>
      </c>
      <c r="K25668" s="2" t="s">
        <v>82435</v>
      </c>
      <c r="L25668" s="5" t="s">
        <v>82434</v>
      </c>
      <c r="M25668" s="2" t="s">
        <v>82435</v>
      </c>
      <c r="N25668" s="5" t="s">
        <v>1521</v>
      </c>
      <c r="O25668" s="5" t="s">
        <v>38</v>
      </c>
      <c r="P25668" s="5" t="s">
        <v>39</v>
      </c>
      <c r="Q25668" s="5" t="s">
        <v>40</v>
      </c>
      <c r="R25668" s="5" t="s">
        <v>82436</v>
      </c>
      <c r="S25668" s="5" t="s">
        <v>40</v>
      </c>
      <c r="T25668" s="5" t="s">
        <v>42</v>
      </c>
      <c r="U25668" s="2">
        <v>3.8109999999999999</v>
      </c>
      <c r="V25668" s="2">
        <v>3.3319999999999999</v>
      </c>
      <c r="W25668" s="2">
        <v>1.6E-2</v>
      </c>
      <c r="X25668" s="2">
        <v>122.3</v>
      </c>
      <c r="Y25668" s="2">
        <v>10.5</v>
      </c>
      <c r="Z25668" s="2">
        <v>12.1</v>
      </c>
      <c r="AA25668" s="5"/>
      <c r="AB25668" s="5" t="s">
        <v>43</v>
      </c>
      <c r="AC25668" s="5" t="s">
        <v>44</v>
      </c>
      <c r="AD25668" s="2"/>
      <c r="AE25668" s="1"/>
    </row>
    <row r="25669" spans="1:31" ht="14.45">
      <c r="A25669" s="11"/>
      <c r="B25669" s="20"/>
      <c r="C25669" s="2" t="s">
        <v>82440</v>
      </c>
      <c r="D25669" s="14" t="s">
        <v>82441</v>
      </c>
      <c r="E25669" s="2" t="s">
        <v>82442</v>
      </c>
      <c r="F25669" s="2" t="s">
        <v>82433</v>
      </c>
      <c r="G25669" s="8">
        <v>167</v>
      </c>
      <c r="H25669" s="5">
        <v>5</v>
      </c>
      <c r="I25669" s="5" t="s">
        <v>1518</v>
      </c>
      <c r="J25669" s="5" t="s">
        <v>82434</v>
      </c>
      <c r="K25669" s="2" t="s">
        <v>82435</v>
      </c>
      <c r="L25669" s="5" t="s">
        <v>82434</v>
      </c>
      <c r="M25669" s="2" t="s">
        <v>82435</v>
      </c>
      <c r="N25669" s="5" t="s">
        <v>1521</v>
      </c>
      <c r="O25669" s="5" t="s">
        <v>38</v>
      </c>
      <c r="P25669" s="5" t="s">
        <v>39</v>
      </c>
      <c r="Q25669" s="5" t="s">
        <v>40</v>
      </c>
      <c r="R25669" s="5" t="s">
        <v>82436</v>
      </c>
      <c r="S25669" s="5" t="s">
        <v>40</v>
      </c>
      <c r="T25669" s="5" t="s">
        <v>42</v>
      </c>
      <c r="U25669" s="2">
        <v>4.423</v>
      </c>
      <c r="V25669" s="2">
        <v>3.9540000000000002</v>
      </c>
      <c r="W25669" s="2">
        <v>1.6E-2</v>
      </c>
      <c r="X25669" s="2">
        <v>122.3</v>
      </c>
      <c r="Y25669" s="2">
        <v>10.5</v>
      </c>
      <c r="Z25669" s="2">
        <v>12.1</v>
      </c>
      <c r="AA25669" s="5"/>
      <c r="AB25669" s="5" t="s">
        <v>43</v>
      </c>
      <c r="AC25669" s="5" t="s">
        <v>44</v>
      </c>
      <c r="AD25669" s="2"/>
      <c r="AE25669" s="1"/>
    </row>
    <row r="25670" spans="1:31" ht="14.45">
      <c r="A25670" s="11"/>
      <c r="B25670" s="20"/>
      <c r="C25670" s="2" t="s">
        <v>82443</v>
      </c>
      <c r="D25670" s="14" t="s">
        <v>82444</v>
      </c>
      <c r="E25670" s="2" t="s">
        <v>82445</v>
      </c>
      <c r="F25670" s="2" t="s">
        <v>82433</v>
      </c>
      <c r="G25670" s="8">
        <v>173</v>
      </c>
      <c r="H25670" s="5">
        <v>5</v>
      </c>
      <c r="I25670" s="5" t="s">
        <v>1518</v>
      </c>
      <c r="J25670" s="5" t="s">
        <v>82434</v>
      </c>
      <c r="K25670" s="2" t="s">
        <v>82435</v>
      </c>
      <c r="L25670" s="5" t="s">
        <v>82434</v>
      </c>
      <c r="M25670" s="2" t="s">
        <v>82435</v>
      </c>
      <c r="N25670" s="5" t="s">
        <v>1521</v>
      </c>
      <c r="O25670" s="5" t="s">
        <v>38</v>
      </c>
      <c r="P25670" s="5" t="s">
        <v>39</v>
      </c>
      <c r="Q25670" s="5" t="s">
        <v>40</v>
      </c>
      <c r="R25670" s="5" t="s">
        <v>82436</v>
      </c>
      <c r="S25670" s="5" t="s">
        <v>40</v>
      </c>
      <c r="T25670" s="5" t="s">
        <v>42</v>
      </c>
      <c r="U25670" s="2">
        <v>4.2779999999999996</v>
      </c>
      <c r="V25670" s="2">
        <v>3.8149999999999999</v>
      </c>
      <c r="W25670" s="2">
        <v>1.6E-2</v>
      </c>
      <c r="X25670" s="2">
        <v>122.3</v>
      </c>
      <c r="Y25670" s="2">
        <v>10.5</v>
      </c>
      <c r="Z25670" s="2">
        <v>12.1</v>
      </c>
      <c r="AA25670" s="5"/>
      <c r="AB25670" s="5" t="s">
        <v>43</v>
      </c>
      <c r="AC25670" s="5" t="s">
        <v>44</v>
      </c>
      <c r="AD25670" s="2"/>
      <c r="AE25670" s="1"/>
    </row>
    <row r="25671" spans="1:31" ht="14.45">
      <c r="A25671" s="11"/>
      <c r="B25671" s="20"/>
      <c r="C25671" s="2" t="s">
        <v>82446</v>
      </c>
      <c r="D25671" s="14" t="s">
        <v>82447</v>
      </c>
      <c r="E25671" s="2" t="s">
        <v>82448</v>
      </c>
      <c r="F25671" s="2" t="s">
        <v>82433</v>
      </c>
      <c r="G25671" s="8">
        <v>183</v>
      </c>
      <c r="H25671" s="5">
        <v>5</v>
      </c>
      <c r="I25671" s="5" t="s">
        <v>1518</v>
      </c>
      <c r="J25671" s="5" t="s">
        <v>82434</v>
      </c>
      <c r="K25671" s="2" t="s">
        <v>82435</v>
      </c>
      <c r="L25671" s="5" t="s">
        <v>82434</v>
      </c>
      <c r="M25671" s="2" t="s">
        <v>82435</v>
      </c>
      <c r="N25671" s="5" t="s">
        <v>1521</v>
      </c>
      <c r="O25671" s="5" t="s">
        <v>38</v>
      </c>
      <c r="P25671" s="5" t="s">
        <v>39</v>
      </c>
      <c r="Q25671" s="5" t="s">
        <v>40</v>
      </c>
      <c r="R25671" s="5" t="s">
        <v>82436</v>
      </c>
      <c r="S25671" s="5" t="s">
        <v>40</v>
      </c>
      <c r="T25671" s="5" t="s">
        <v>42</v>
      </c>
      <c r="U25671" s="2">
        <v>4.6689999999999996</v>
      </c>
      <c r="V25671" s="2">
        <v>4.21</v>
      </c>
      <c r="W25671" s="2">
        <v>1.6E-2</v>
      </c>
      <c r="X25671" s="2">
        <v>122.3</v>
      </c>
      <c r="Y25671" s="2">
        <v>10.5</v>
      </c>
      <c r="Z25671" s="2">
        <v>12.1</v>
      </c>
      <c r="AA25671" s="5"/>
      <c r="AB25671" s="5" t="s">
        <v>43</v>
      </c>
      <c r="AC25671" s="5" t="s">
        <v>44</v>
      </c>
      <c r="AD25671" s="2"/>
      <c r="AE25671" s="1"/>
    </row>
    <row r="25672" spans="1:31" ht="14.45">
      <c r="A25672" s="11"/>
      <c r="B25672" s="20"/>
      <c r="C25672" s="2" t="s">
        <v>82449</v>
      </c>
      <c r="D25672" s="14" t="s">
        <v>82450</v>
      </c>
      <c r="E25672" s="2" t="s">
        <v>82451</v>
      </c>
      <c r="F25672" s="2" t="s">
        <v>82433</v>
      </c>
      <c r="G25672" s="8">
        <v>183</v>
      </c>
      <c r="H25672" s="5">
        <v>5</v>
      </c>
      <c r="I25672" s="5" t="s">
        <v>1518</v>
      </c>
      <c r="J25672" s="5" t="s">
        <v>82434</v>
      </c>
      <c r="K25672" s="2" t="s">
        <v>82435</v>
      </c>
      <c r="L25672" s="5" t="s">
        <v>82434</v>
      </c>
      <c r="M25672" s="2" t="s">
        <v>82435</v>
      </c>
      <c r="N25672" s="5" t="s">
        <v>1521</v>
      </c>
      <c r="O25672" s="5" t="s">
        <v>38</v>
      </c>
      <c r="P25672" s="5" t="s">
        <v>39</v>
      </c>
      <c r="Q25672" s="5" t="s">
        <v>40</v>
      </c>
      <c r="R25672" s="5" t="s">
        <v>82436</v>
      </c>
      <c r="S25672" s="5" t="s">
        <v>40</v>
      </c>
      <c r="T25672" s="5" t="s">
        <v>42</v>
      </c>
      <c r="U25672" s="2">
        <v>4.5949999999999998</v>
      </c>
      <c r="V25672" s="2">
        <v>4.149</v>
      </c>
      <c r="W25672" s="2">
        <v>1.6E-2</v>
      </c>
      <c r="X25672" s="2">
        <v>122.3</v>
      </c>
      <c r="Y25672" s="2">
        <v>10.5</v>
      </c>
      <c r="Z25672" s="2">
        <v>12.1</v>
      </c>
      <c r="AA25672" s="5"/>
      <c r="AB25672" s="5" t="s">
        <v>43</v>
      </c>
      <c r="AC25672" s="5" t="s">
        <v>44</v>
      </c>
      <c r="AD25672" s="2"/>
      <c r="AE25672" s="1"/>
    </row>
    <row r="25673" spans="1:31" ht="14.45">
      <c r="A25673" s="11"/>
      <c r="B25673" s="20"/>
      <c r="C25673" s="2" t="s">
        <v>82452</v>
      </c>
      <c r="D25673" s="14" t="s">
        <v>82453</v>
      </c>
      <c r="E25673" s="2" t="s">
        <v>82454</v>
      </c>
      <c r="F25673" s="2" t="s">
        <v>82433</v>
      </c>
      <c r="G25673" s="8">
        <v>194</v>
      </c>
      <c r="H25673" s="5">
        <v>5</v>
      </c>
      <c r="I25673" s="5" t="s">
        <v>1518</v>
      </c>
      <c r="J25673" s="5" t="s">
        <v>82434</v>
      </c>
      <c r="K25673" s="2" t="s">
        <v>82435</v>
      </c>
      <c r="L25673" s="5" t="s">
        <v>82434</v>
      </c>
      <c r="M25673" s="2" t="s">
        <v>82435</v>
      </c>
      <c r="N25673" s="5" t="s">
        <v>1521</v>
      </c>
      <c r="O25673" s="5" t="s">
        <v>38</v>
      </c>
      <c r="P25673" s="5" t="s">
        <v>39</v>
      </c>
      <c r="Q25673" s="5" t="s">
        <v>40</v>
      </c>
      <c r="R25673" s="5" t="s">
        <v>82436</v>
      </c>
      <c r="S25673" s="5" t="s">
        <v>40</v>
      </c>
      <c r="T25673" s="5" t="s">
        <v>42</v>
      </c>
      <c r="U25673" s="2">
        <v>4.9960000000000004</v>
      </c>
      <c r="V25673" s="2">
        <v>4.5510000000000002</v>
      </c>
      <c r="W25673" s="2">
        <v>1.6E-2</v>
      </c>
      <c r="X25673" s="2">
        <v>122.3</v>
      </c>
      <c r="Y25673" s="2">
        <v>10.5</v>
      </c>
      <c r="Z25673" s="2">
        <v>12.1</v>
      </c>
      <c r="AA25673" s="5"/>
      <c r="AB25673" s="5" t="s">
        <v>43</v>
      </c>
      <c r="AC25673" s="5" t="s">
        <v>44</v>
      </c>
      <c r="AD25673" s="2"/>
      <c r="AE25673" s="1"/>
    </row>
    <row r="25674" spans="1:31" ht="14.45">
      <c r="A25674" s="11"/>
      <c r="B25674" s="20"/>
      <c r="C25674" s="2" t="s">
        <v>82455</v>
      </c>
      <c r="D25674" s="14" t="s">
        <v>82456</v>
      </c>
      <c r="E25674" s="2" t="s">
        <v>82457</v>
      </c>
      <c r="F25674" s="2" t="s">
        <v>82433</v>
      </c>
      <c r="G25674" s="8">
        <v>194</v>
      </c>
      <c r="H25674" s="5">
        <v>5</v>
      </c>
      <c r="I25674" s="5" t="s">
        <v>1518</v>
      </c>
      <c r="J25674" s="5" t="s">
        <v>82434</v>
      </c>
      <c r="K25674" s="2" t="s">
        <v>82435</v>
      </c>
      <c r="L25674" s="5" t="s">
        <v>82434</v>
      </c>
      <c r="M25674" s="2" t="s">
        <v>82435</v>
      </c>
      <c r="N25674" s="5" t="s">
        <v>1521</v>
      </c>
      <c r="O25674" s="5" t="s">
        <v>38</v>
      </c>
      <c r="P25674" s="5" t="s">
        <v>39</v>
      </c>
      <c r="Q25674" s="5" t="s">
        <v>40</v>
      </c>
      <c r="R25674" s="5" t="s">
        <v>82436</v>
      </c>
      <c r="S25674" s="5" t="s">
        <v>40</v>
      </c>
      <c r="T25674" s="5" t="s">
        <v>42</v>
      </c>
      <c r="U25674" s="2">
        <v>5.0659999999999998</v>
      </c>
      <c r="V25674" s="2">
        <v>4.5599999999999996</v>
      </c>
      <c r="W25674" s="2">
        <v>1.7999999999999999E-2</v>
      </c>
      <c r="X25674" s="2">
        <v>141.30000000000001</v>
      </c>
      <c r="Y25674" s="2">
        <v>10.5</v>
      </c>
      <c r="Z25674" s="2">
        <v>12.1</v>
      </c>
      <c r="AA25674" s="5"/>
      <c r="AB25674" s="5" t="s">
        <v>43</v>
      </c>
      <c r="AC25674" s="5" t="s">
        <v>44</v>
      </c>
      <c r="AD25674" s="2"/>
      <c r="AE25674" s="1"/>
    </row>
    <row r="25675" spans="1:31" ht="14.45">
      <c r="A25675" s="11"/>
      <c r="B25675" s="20"/>
      <c r="C25675" s="2" t="s">
        <v>82458</v>
      </c>
      <c r="D25675" s="14" t="s">
        <v>82459</v>
      </c>
      <c r="E25675" s="2" t="s">
        <v>82460</v>
      </c>
      <c r="F25675" s="2" t="s">
        <v>82433</v>
      </c>
      <c r="G25675" s="8">
        <v>206</v>
      </c>
      <c r="H25675" s="5">
        <v>5</v>
      </c>
      <c r="I25675" s="5" t="s">
        <v>1518</v>
      </c>
      <c r="J25675" s="5" t="s">
        <v>82434</v>
      </c>
      <c r="K25675" s="2" t="s">
        <v>82435</v>
      </c>
      <c r="L25675" s="5" t="s">
        <v>82434</v>
      </c>
      <c r="M25675" s="2" t="s">
        <v>82435</v>
      </c>
      <c r="N25675" s="5" t="s">
        <v>1521</v>
      </c>
      <c r="O25675" s="5" t="s">
        <v>38</v>
      </c>
      <c r="P25675" s="5" t="s">
        <v>39</v>
      </c>
      <c r="Q25675" s="5" t="s">
        <v>40</v>
      </c>
      <c r="R25675" s="5" t="s">
        <v>82436</v>
      </c>
      <c r="S25675" s="5" t="s">
        <v>40</v>
      </c>
      <c r="T25675" s="5" t="s">
        <v>42</v>
      </c>
      <c r="U25675" s="2">
        <v>5.4720000000000004</v>
      </c>
      <c r="V25675" s="2">
        <v>4.97</v>
      </c>
      <c r="W25675" s="2">
        <v>1.7999999999999999E-2</v>
      </c>
      <c r="X25675" s="2">
        <v>141.30000000000001</v>
      </c>
      <c r="Y25675" s="2">
        <v>10.5</v>
      </c>
      <c r="Z25675" s="2">
        <v>12.1</v>
      </c>
      <c r="AA25675" s="5"/>
      <c r="AB25675" s="5" t="s">
        <v>43</v>
      </c>
      <c r="AC25675" s="5" t="s">
        <v>44</v>
      </c>
      <c r="AD25675" s="2"/>
      <c r="AE25675" s="1"/>
    </row>
    <row r="25676" spans="1:31" ht="14.45">
      <c r="A25676" s="11"/>
      <c r="B25676" s="20"/>
      <c r="C25676" s="2" t="s">
        <v>82461</v>
      </c>
      <c r="D25676" s="14" t="s">
        <v>82462</v>
      </c>
      <c r="E25676" s="2" t="s">
        <v>82463</v>
      </c>
      <c r="F25676" s="2" t="s">
        <v>82433</v>
      </c>
      <c r="G25676" s="8">
        <v>194</v>
      </c>
      <c r="H25676" s="5">
        <v>5</v>
      </c>
      <c r="I25676" s="5" t="s">
        <v>1518</v>
      </c>
      <c r="J25676" s="5" t="s">
        <v>82434</v>
      </c>
      <c r="K25676" s="2" t="s">
        <v>82435</v>
      </c>
      <c r="L25676" s="5" t="s">
        <v>82434</v>
      </c>
      <c r="M25676" s="2" t="s">
        <v>82435</v>
      </c>
      <c r="N25676" s="5" t="s">
        <v>1521</v>
      </c>
      <c r="O25676" s="5" t="s">
        <v>38</v>
      </c>
      <c r="P25676" s="5" t="s">
        <v>39</v>
      </c>
      <c r="Q25676" s="5" t="s">
        <v>40</v>
      </c>
      <c r="R25676" s="5" t="s">
        <v>82436</v>
      </c>
      <c r="S25676" s="5" t="s">
        <v>40</v>
      </c>
      <c r="T25676" s="5" t="s">
        <v>42</v>
      </c>
      <c r="U25676" s="2">
        <v>5.5659999999999998</v>
      </c>
      <c r="V25676" s="2">
        <v>4.9969999999999999</v>
      </c>
      <c r="W25676" s="2">
        <v>0.02</v>
      </c>
      <c r="X25676" s="2">
        <v>161.30000000000001</v>
      </c>
      <c r="Y25676" s="2">
        <v>10.5</v>
      </c>
      <c r="Z25676" s="2">
        <v>12.1</v>
      </c>
      <c r="AA25676" s="5"/>
      <c r="AB25676" s="5" t="s">
        <v>43</v>
      </c>
      <c r="AC25676" s="5" t="s">
        <v>44</v>
      </c>
      <c r="AD25676" s="2"/>
      <c r="AE25676" s="1"/>
    </row>
    <row r="25677" spans="1:31" ht="14.45">
      <c r="A25677" s="11"/>
      <c r="B25677" s="20"/>
      <c r="C25677" s="2" t="s">
        <v>82464</v>
      </c>
      <c r="D25677" s="14" t="s">
        <v>82465</v>
      </c>
      <c r="E25677" s="2" t="s">
        <v>82466</v>
      </c>
      <c r="F25677" s="2" t="s">
        <v>82433</v>
      </c>
      <c r="G25677" s="8">
        <v>221</v>
      </c>
      <c r="H25677" s="5">
        <v>5</v>
      </c>
      <c r="I25677" s="5" t="s">
        <v>1518</v>
      </c>
      <c r="J25677" s="5" t="s">
        <v>82434</v>
      </c>
      <c r="K25677" s="2" t="s">
        <v>82435</v>
      </c>
      <c r="L25677" s="5" t="s">
        <v>82434</v>
      </c>
      <c r="M25677" s="2" t="s">
        <v>82435</v>
      </c>
      <c r="N25677" s="5" t="s">
        <v>1521</v>
      </c>
      <c r="O25677" s="5" t="s">
        <v>38</v>
      </c>
      <c r="P25677" s="5" t="s">
        <v>39</v>
      </c>
      <c r="Q25677" s="5" t="s">
        <v>40</v>
      </c>
      <c r="R25677" s="5" t="s">
        <v>82436</v>
      </c>
      <c r="S25677" s="5" t="s">
        <v>40</v>
      </c>
      <c r="T25677" s="5" t="s">
        <v>42</v>
      </c>
      <c r="U25677" s="2">
        <v>5.9829999999999997</v>
      </c>
      <c r="V25677" s="2">
        <v>5.415</v>
      </c>
      <c r="W25677" s="2">
        <v>0.02</v>
      </c>
      <c r="X25677" s="2">
        <v>161.30000000000001</v>
      </c>
      <c r="Y25677" s="2">
        <v>10.5</v>
      </c>
      <c r="Z25677" s="2">
        <v>12.1</v>
      </c>
      <c r="AA25677" s="5"/>
      <c r="AB25677" s="5" t="s">
        <v>43</v>
      </c>
      <c r="AC25677" s="5" t="s">
        <v>44</v>
      </c>
      <c r="AD25677" s="2"/>
      <c r="AE25677" s="1"/>
    </row>
    <row r="25678" spans="1:31" ht="14.45">
      <c r="A25678" s="11"/>
      <c r="B25678" s="20"/>
      <c r="C25678" s="2" t="s">
        <v>82467</v>
      </c>
      <c r="D25678" s="14" t="s">
        <v>82468</v>
      </c>
      <c r="E25678" s="2" t="s">
        <v>82469</v>
      </c>
      <c r="F25678" s="2" t="s">
        <v>82470</v>
      </c>
      <c r="G25678" s="8">
        <v>94</v>
      </c>
      <c r="H25678" s="5">
        <v>6</v>
      </c>
      <c r="I25678" s="5" t="s">
        <v>1518</v>
      </c>
      <c r="J25678" s="5" t="s">
        <v>82434</v>
      </c>
      <c r="K25678" s="2" t="s">
        <v>82435</v>
      </c>
      <c r="L25678" s="5" t="s">
        <v>82434</v>
      </c>
      <c r="M25678" s="2" t="s">
        <v>82435</v>
      </c>
      <c r="N25678" s="5" t="s">
        <v>1521</v>
      </c>
      <c r="O25678" s="5" t="s">
        <v>38</v>
      </c>
      <c r="P25678" s="5" t="s">
        <v>39</v>
      </c>
      <c r="Q25678" s="5" t="s">
        <v>40</v>
      </c>
      <c r="R25678" s="5" t="s">
        <v>82436</v>
      </c>
      <c r="S25678" s="5" t="s">
        <v>40</v>
      </c>
      <c r="T25678" s="5" t="s">
        <v>42</v>
      </c>
      <c r="U25678" s="2">
        <v>1.23</v>
      </c>
      <c r="V25678" s="2">
        <v>0.75900000000000001</v>
      </c>
      <c r="W25678" s="2">
        <v>1.4E-2</v>
      </c>
      <c r="X25678" s="2">
        <v>117</v>
      </c>
      <c r="Y25678" s="2">
        <v>12.1</v>
      </c>
      <c r="Z25678" s="2">
        <v>10.199999999999999</v>
      </c>
      <c r="AA25678" s="5"/>
      <c r="AB25678" s="5" t="s">
        <v>43</v>
      </c>
      <c r="AC25678" s="5" t="s">
        <v>44</v>
      </c>
      <c r="AD25678" s="2"/>
      <c r="AE25678" s="1"/>
    </row>
    <row r="25679" spans="1:31" ht="14.45">
      <c r="A25679" s="11"/>
      <c r="B25679" s="20"/>
      <c r="C25679" s="2" t="s">
        <v>82471</v>
      </c>
      <c r="D25679" s="14" t="s">
        <v>82472</v>
      </c>
      <c r="E25679" s="2" t="s">
        <v>82473</v>
      </c>
      <c r="F25679" s="2" t="s">
        <v>82470</v>
      </c>
      <c r="G25679" s="8">
        <v>98</v>
      </c>
      <c r="H25679" s="5">
        <v>6</v>
      </c>
      <c r="I25679" s="5" t="s">
        <v>1518</v>
      </c>
      <c r="J25679" s="5" t="s">
        <v>82434</v>
      </c>
      <c r="K25679" s="2" t="s">
        <v>82435</v>
      </c>
      <c r="L25679" s="5" t="s">
        <v>82434</v>
      </c>
      <c r="M25679" s="2" t="s">
        <v>82435</v>
      </c>
      <c r="N25679" s="5" t="s">
        <v>1521</v>
      </c>
      <c r="O25679" s="5" t="s">
        <v>38</v>
      </c>
      <c r="P25679" s="5" t="s">
        <v>39</v>
      </c>
      <c r="Q25679" s="5" t="s">
        <v>40</v>
      </c>
      <c r="R25679" s="5" t="s">
        <v>82436</v>
      </c>
      <c r="S25679" s="5" t="s">
        <v>40</v>
      </c>
      <c r="T25679" s="5" t="s">
        <v>42</v>
      </c>
      <c r="U25679" s="2">
        <v>1.4970000000000001</v>
      </c>
      <c r="V25679" s="2">
        <v>1.0429999999999999</v>
      </c>
      <c r="W25679" s="2">
        <v>1.4E-2</v>
      </c>
      <c r="X25679" s="2">
        <v>117</v>
      </c>
      <c r="Y25679" s="2">
        <v>12.1</v>
      </c>
      <c r="Z25679" s="2">
        <v>10.199999999999999</v>
      </c>
      <c r="AA25679" s="5"/>
      <c r="AB25679" s="5" t="s">
        <v>43</v>
      </c>
      <c r="AC25679" s="5" t="s">
        <v>44</v>
      </c>
      <c r="AD25679" s="2"/>
      <c r="AE25679" s="1"/>
    </row>
    <row r="25680" spans="1:31" ht="14.45">
      <c r="A25680" s="11"/>
      <c r="B25680" s="20"/>
      <c r="C25680" s="2" t="s">
        <v>82474</v>
      </c>
      <c r="D25680" s="14" t="s">
        <v>82475</v>
      </c>
      <c r="E25680" s="2" t="s">
        <v>82476</v>
      </c>
      <c r="F25680" s="2" t="s">
        <v>82470</v>
      </c>
      <c r="G25680" s="8">
        <v>96</v>
      </c>
      <c r="H25680" s="5">
        <v>6</v>
      </c>
      <c r="I25680" s="5" t="s">
        <v>1518</v>
      </c>
      <c r="J25680" s="5" t="s">
        <v>82434</v>
      </c>
      <c r="K25680" s="2" t="s">
        <v>82435</v>
      </c>
      <c r="L25680" s="5" t="s">
        <v>82434</v>
      </c>
      <c r="M25680" s="2" t="s">
        <v>82435</v>
      </c>
      <c r="N25680" s="5" t="s">
        <v>1521</v>
      </c>
      <c r="O25680" s="5" t="s">
        <v>38</v>
      </c>
      <c r="P25680" s="5" t="s">
        <v>39</v>
      </c>
      <c r="Q25680" s="5" t="s">
        <v>40</v>
      </c>
      <c r="R25680" s="5" t="s">
        <v>82436</v>
      </c>
      <c r="S25680" s="5" t="s">
        <v>40</v>
      </c>
      <c r="T25680" s="5" t="s">
        <v>42</v>
      </c>
      <c r="U25680" s="2">
        <v>1.4470000000000001</v>
      </c>
      <c r="V25680" s="2">
        <v>0.96799999999999997</v>
      </c>
      <c r="W25680" s="2">
        <v>1.4E-2</v>
      </c>
      <c r="X25680" s="2">
        <v>117</v>
      </c>
      <c r="Y25680" s="2">
        <v>12.1</v>
      </c>
      <c r="Z25680" s="2">
        <v>10.199999999999999</v>
      </c>
      <c r="AA25680" s="5"/>
      <c r="AB25680" s="5" t="s">
        <v>43</v>
      </c>
      <c r="AC25680" s="5" t="s">
        <v>44</v>
      </c>
      <c r="AD25680" s="2"/>
      <c r="AE25680" s="1"/>
    </row>
    <row r="25681" spans="1:31" ht="14.45">
      <c r="A25681" s="11"/>
      <c r="B25681" s="20"/>
      <c r="C25681" s="2" t="s">
        <v>82477</v>
      </c>
      <c r="D25681" s="14" t="s">
        <v>82478</v>
      </c>
      <c r="E25681" s="2" t="s">
        <v>82479</v>
      </c>
      <c r="F25681" s="2" t="s">
        <v>82470</v>
      </c>
      <c r="G25681" s="8">
        <v>100</v>
      </c>
      <c r="H25681" s="5">
        <v>6</v>
      </c>
      <c r="I25681" s="5" t="s">
        <v>1518</v>
      </c>
      <c r="J25681" s="5" t="s">
        <v>82434</v>
      </c>
      <c r="K25681" s="2" t="s">
        <v>82435</v>
      </c>
      <c r="L25681" s="5" t="s">
        <v>82434</v>
      </c>
      <c r="M25681" s="2" t="s">
        <v>82435</v>
      </c>
      <c r="N25681" s="5" t="s">
        <v>1521</v>
      </c>
      <c r="O25681" s="5" t="s">
        <v>38</v>
      </c>
      <c r="P25681" s="5" t="s">
        <v>39</v>
      </c>
      <c r="Q25681" s="5" t="s">
        <v>40</v>
      </c>
      <c r="R25681" s="5" t="s">
        <v>82436</v>
      </c>
      <c r="S25681" s="5" t="s">
        <v>40</v>
      </c>
      <c r="T25681" s="5" t="s">
        <v>42</v>
      </c>
      <c r="U25681" s="2">
        <v>1.631</v>
      </c>
      <c r="V25681" s="2">
        <v>1.1859999999999999</v>
      </c>
      <c r="W25681" s="2">
        <v>1.4E-2</v>
      </c>
      <c r="X25681" s="2">
        <v>117</v>
      </c>
      <c r="Y25681" s="2">
        <v>12.1</v>
      </c>
      <c r="Z25681" s="2">
        <v>10.199999999999999</v>
      </c>
      <c r="AA25681" s="5"/>
      <c r="AB25681" s="5" t="s">
        <v>43</v>
      </c>
      <c r="AC25681" s="5" t="s">
        <v>44</v>
      </c>
      <c r="AD25681" s="2"/>
      <c r="AE25681" s="1"/>
    </row>
    <row r="25682" spans="1:31" ht="14.45">
      <c r="A25682" s="11"/>
      <c r="B25682" s="20"/>
      <c r="C25682" s="2" t="s">
        <v>82480</v>
      </c>
      <c r="D25682" s="14" t="s">
        <v>82481</v>
      </c>
      <c r="E25682" s="2" t="s">
        <v>82482</v>
      </c>
      <c r="F25682" s="2" t="s">
        <v>82470</v>
      </c>
      <c r="G25682" s="8">
        <v>102</v>
      </c>
      <c r="H25682" s="5">
        <v>6</v>
      </c>
      <c r="I25682" s="5" t="s">
        <v>1518</v>
      </c>
      <c r="J25682" s="5" t="s">
        <v>82434</v>
      </c>
      <c r="K25682" s="2" t="s">
        <v>82435</v>
      </c>
      <c r="L25682" s="5" t="s">
        <v>82434</v>
      </c>
      <c r="M25682" s="2" t="s">
        <v>82435</v>
      </c>
      <c r="N25682" s="5" t="s">
        <v>1521</v>
      </c>
      <c r="O25682" s="5" t="s">
        <v>38</v>
      </c>
      <c r="P25682" s="5" t="s">
        <v>39</v>
      </c>
      <c r="Q25682" s="5" t="s">
        <v>40</v>
      </c>
      <c r="R25682" s="5" t="s">
        <v>82436</v>
      </c>
      <c r="S25682" s="5" t="s">
        <v>40</v>
      </c>
      <c r="T25682" s="5" t="s">
        <v>42</v>
      </c>
      <c r="U25682" s="2">
        <v>1.77</v>
      </c>
      <c r="V25682" s="2">
        <v>1.333</v>
      </c>
      <c r="W25682" s="2">
        <v>1.4E-2</v>
      </c>
      <c r="X25682" s="2">
        <v>117</v>
      </c>
      <c r="Y25682" s="2">
        <v>12.1</v>
      </c>
      <c r="Z25682" s="2">
        <v>10.199999999999999</v>
      </c>
      <c r="AA25682" s="5"/>
      <c r="AB25682" s="5" t="s">
        <v>43</v>
      </c>
      <c r="AC25682" s="5" t="s">
        <v>44</v>
      </c>
      <c r="AD25682" s="2"/>
      <c r="AE25682" s="1"/>
    </row>
    <row r="25683" spans="1:31" ht="14.45">
      <c r="A25683" s="11"/>
      <c r="B25683" s="20"/>
      <c r="C25683" s="2" t="s">
        <v>82483</v>
      </c>
      <c r="D25683" s="14" t="s">
        <v>82484</v>
      </c>
      <c r="E25683" s="2" t="s">
        <v>82485</v>
      </c>
      <c r="F25683" s="2" t="s">
        <v>82470</v>
      </c>
      <c r="G25683" s="8">
        <v>104</v>
      </c>
      <c r="H25683" s="5">
        <v>6</v>
      </c>
      <c r="I25683" s="5" t="s">
        <v>1518</v>
      </c>
      <c r="J25683" s="5" t="s">
        <v>82434</v>
      </c>
      <c r="K25683" s="2" t="s">
        <v>82435</v>
      </c>
      <c r="L25683" s="5" t="s">
        <v>82434</v>
      </c>
      <c r="M25683" s="2" t="s">
        <v>82435</v>
      </c>
      <c r="N25683" s="5" t="s">
        <v>1521</v>
      </c>
      <c r="O25683" s="5" t="s">
        <v>38</v>
      </c>
      <c r="P25683" s="5" t="s">
        <v>39</v>
      </c>
      <c r="Q25683" s="5" t="s">
        <v>40</v>
      </c>
      <c r="R25683" s="5" t="s">
        <v>82436</v>
      </c>
      <c r="S25683" s="5" t="s">
        <v>40</v>
      </c>
      <c r="T25683" s="5" t="s">
        <v>42</v>
      </c>
      <c r="U25683" s="2">
        <v>2.0230000000000001</v>
      </c>
      <c r="V25683" s="2">
        <v>1.4039999999999999</v>
      </c>
      <c r="W25683" s="2">
        <v>2.1000000000000001E-2</v>
      </c>
      <c r="X25683" s="2">
        <v>167</v>
      </c>
      <c r="Y25683" s="2">
        <v>12.1</v>
      </c>
      <c r="Z25683" s="2">
        <v>10.199999999999999</v>
      </c>
      <c r="AA25683" s="5"/>
      <c r="AB25683" s="5" t="s">
        <v>43</v>
      </c>
      <c r="AC25683" s="5" t="s">
        <v>44</v>
      </c>
      <c r="AD25683" s="2"/>
      <c r="AE25683" s="1"/>
    </row>
    <row r="25684" spans="1:31" ht="14.45">
      <c r="A25684" s="11"/>
      <c r="B25684" s="20"/>
      <c r="C25684" s="2" t="s">
        <v>82486</v>
      </c>
      <c r="D25684" s="14" t="s">
        <v>82487</v>
      </c>
      <c r="E25684" s="2" t="s">
        <v>82488</v>
      </c>
      <c r="F25684" s="2" t="s">
        <v>82470</v>
      </c>
      <c r="G25684" s="8">
        <v>106</v>
      </c>
      <c r="H25684" s="5">
        <v>6</v>
      </c>
      <c r="I25684" s="5" t="s">
        <v>1518</v>
      </c>
      <c r="J25684" s="5" t="s">
        <v>82434</v>
      </c>
      <c r="K25684" s="2" t="s">
        <v>82435</v>
      </c>
      <c r="L25684" s="5" t="s">
        <v>82434</v>
      </c>
      <c r="M25684" s="2" t="s">
        <v>82435</v>
      </c>
      <c r="N25684" s="5" t="s">
        <v>1521</v>
      </c>
      <c r="O25684" s="5" t="s">
        <v>38</v>
      </c>
      <c r="P25684" s="5" t="s">
        <v>39</v>
      </c>
      <c r="Q25684" s="5" t="s">
        <v>40</v>
      </c>
      <c r="R25684" s="5" t="s">
        <v>82436</v>
      </c>
      <c r="S25684" s="5" t="s">
        <v>40</v>
      </c>
      <c r="T25684" s="5" t="s">
        <v>42</v>
      </c>
      <c r="U25684" s="2">
        <v>2.2040000000000002</v>
      </c>
      <c r="V25684" s="2">
        <v>1.6319999999999999</v>
      </c>
      <c r="W25684" s="2">
        <v>2.1000000000000001E-2</v>
      </c>
      <c r="X25684" s="2">
        <v>167</v>
      </c>
      <c r="Y25684" s="2">
        <v>12.1</v>
      </c>
      <c r="Z25684" s="2">
        <v>10.199999999999999</v>
      </c>
      <c r="AA25684" s="5"/>
      <c r="AB25684" s="5" t="s">
        <v>43</v>
      </c>
      <c r="AC25684" s="5" t="s">
        <v>44</v>
      </c>
      <c r="AD25684" s="2"/>
      <c r="AE25684" s="1"/>
    </row>
    <row r="25685" spans="1:31" ht="14.45">
      <c r="A25685" s="11"/>
      <c r="B25685" s="20"/>
      <c r="C25685" s="2" t="s">
        <v>82489</v>
      </c>
      <c r="D25685" s="14" t="s">
        <v>82490</v>
      </c>
      <c r="E25685" s="2" t="s">
        <v>82491</v>
      </c>
      <c r="F25685" s="2" t="s">
        <v>82470</v>
      </c>
      <c r="G25685" s="8">
        <v>105</v>
      </c>
      <c r="H25685" s="5">
        <v>6</v>
      </c>
      <c r="I25685" s="5" t="s">
        <v>1518</v>
      </c>
      <c r="J25685" s="5" t="s">
        <v>82434</v>
      </c>
      <c r="K25685" s="2" t="s">
        <v>82435</v>
      </c>
      <c r="L25685" s="5" t="s">
        <v>82434</v>
      </c>
      <c r="M25685" s="2" t="s">
        <v>82435</v>
      </c>
      <c r="N25685" s="5" t="s">
        <v>1521</v>
      </c>
      <c r="O25685" s="5" t="s">
        <v>38</v>
      </c>
      <c r="P25685" s="5" t="s">
        <v>39</v>
      </c>
      <c r="Q25685" s="5" t="s">
        <v>40</v>
      </c>
      <c r="R25685" s="5" t="s">
        <v>82436</v>
      </c>
      <c r="S25685" s="5" t="s">
        <v>40</v>
      </c>
      <c r="T25685" s="5" t="s">
        <v>42</v>
      </c>
      <c r="U25685" s="2">
        <v>2.15</v>
      </c>
      <c r="V25685" s="2">
        <v>1.5429999999999999</v>
      </c>
      <c r="W25685" s="2">
        <v>2.1000000000000001E-2</v>
      </c>
      <c r="X25685" s="2">
        <v>167</v>
      </c>
      <c r="Y25685" s="2">
        <v>12.1</v>
      </c>
      <c r="Z25685" s="2">
        <v>10.199999999999999</v>
      </c>
      <c r="AA25685" s="5">
        <v>66</v>
      </c>
      <c r="AB25685" s="5" t="s">
        <v>43</v>
      </c>
      <c r="AC25685" s="5" t="s">
        <v>44</v>
      </c>
      <c r="AD25685" s="2"/>
      <c r="AE25685" s="1"/>
    </row>
    <row r="25686" spans="1:31" ht="14.45">
      <c r="A25686" s="11"/>
      <c r="B25686" s="20"/>
      <c r="C25686" s="2" t="s">
        <v>82492</v>
      </c>
      <c r="D25686" s="14" t="s">
        <v>82493</v>
      </c>
      <c r="E25686" s="2" t="s">
        <v>82494</v>
      </c>
      <c r="F25686" s="2" t="s">
        <v>82470</v>
      </c>
      <c r="G25686" s="8">
        <v>108</v>
      </c>
      <c r="H25686" s="5">
        <v>6</v>
      </c>
      <c r="I25686" s="5" t="s">
        <v>1518</v>
      </c>
      <c r="J25686" s="5" t="s">
        <v>82434</v>
      </c>
      <c r="K25686" s="2" t="s">
        <v>82435</v>
      </c>
      <c r="L25686" s="5" t="s">
        <v>82434</v>
      </c>
      <c r="M25686" s="2" t="s">
        <v>82435</v>
      </c>
      <c r="N25686" s="5" t="s">
        <v>1521</v>
      </c>
      <c r="O25686" s="5" t="s">
        <v>38</v>
      </c>
      <c r="P25686" s="5" t="s">
        <v>39</v>
      </c>
      <c r="Q25686" s="5" t="s">
        <v>40</v>
      </c>
      <c r="R25686" s="5" t="s">
        <v>82436</v>
      </c>
      <c r="S25686" s="5" t="s">
        <v>40</v>
      </c>
      <c r="T25686" s="5" t="s">
        <v>42</v>
      </c>
      <c r="U25686" s="2">
        <v>2.3090000000000002</v>
      </c>
      <c r="V25686" s="2">
        <v>1.702</v>
      </c>
      <c r="W25686" s="2">
        <v>2.1000000000000001E-2</v>
      </c>
      <c r="X25686" s="2">
        <v>167</v>
      </c>
      <c r="Y25686" s="2">
        <v>12.1</v>
      </c>
      <c r="Z25686" s="2">
        <v>10.199999999999999</v>
      </c>
      <c r="AA25686" s="5"/>
      <c r="AB25686" s="5" t="s">
        <v>43</v>
      </c>
      <c r="AC25686" s="5" t="s">
        <v>44</v>
      </c>
      <c r="AD25686" s="2"/>
      <c r="AE25686" s="1"/>
    </row>
    <row r="25687" spans="1:31" ht="14.45">
      <c r="A25687" s="11"/>
      <c r="B25687" s="20"/>
      <c r="C25687" s="2" t="s">
        <v>82495</v>
      </c>
      <c r="D25687" s="14" t="s">
        <v>82496</v>
      </c>
      <c r="E25687" s="2" t="s">
        <v>82497</v>
      </c>
      <c r="F25687" s="2" t="s">
        <v>82470</v>
      </c>
      <c r="G25687" s="8">
        <v>111</v>
      </c>
      <c r="H25687" s="5">
        <v>6</v>
      </c>
      <c r="I25687" s="5" t="s">
        <v>1518</v>
      </c>
      <c r="J25687" s="5" t="s">
        <v>82434</v>
      </c>
      <c r="K25687" s="2" t="s">
        <v>82435</v>
      </c>
      <c r="L25687" s="5" t="s">
        <v>82434</v>
      </c>
      <c r="M25687" s="2" t="s">
        <v>82435</v>
      </c>
      <c r="N25687" s="5" t="s">
        <v>1521</v>
      </c>
      <c r="O25687" s="5" t="s">
        <v>38</v>
      </c>
      <c r="P25687" s="5" t="s">
        <v>39</v>
      </c>
      <c r="Q25687" s="5" t="s">
        <v>40</v>
      </c>
      <c r="R25687" s="5" t="s">
        <v>82436</v>
      </c>
      <c r="S25687" s="5" t="s">
        <v>40</v>
      </c>
      <c r="T25687" s="5" t="s">
        <v>42</v>
      </c>
      <c r="U25687" s="2">
        <v>2.4670000000000001</v>
      </c>
      <c r="V25687" s="2">
        <v>1.86</v>
      </c>
      <c r="W25687" s="2">
        <v>2.1000000000000001E-2</v>
      </c>
      <c r="X25687" s="2">
        <v>167</v>
      </c>
      <c r="Y25687" s="2">
        <v>12.1</v>
      </c>
      <c r="Z25687" s="2">
        <v>10.199999999999999</v>
      </c>
      <c r="AA25687" s="5">
        <v>66</v>
      </c>
      <c r="AB25687" s="5" t="s">
        <v>43</v>
      </c>
      <c r="AC25687" s="5" t="s">
        <v>44</v>
      </c>
      <c r="AD25687" s="2"/>
      <c r="AE25687" s="1"/>
    </row>
    <row r="25688" spans="1:31" ht="14.45">
      <c r="A25688" s="11"/>
      <c r="B25688" s="20"/>
      <c r="C25688" s="2" t="s">
        <v>82498</v>
      </c>
      <c r="D25688" s="14" t="s">
        <v>82499</v>
      </c>
      <c r="E25688" s="2" t="s">
        <v>82500</v>
      </c>
      <c r="F25688" s="2" t="s">
        <v>82470</v>
      </c>
      <c r="G25688" s="8">
        <v>128</v>
      </c>
      <c r="H25688" s="5">
        <v>6</v>
      </c>
      <c r="I25688" s="5" t="s">
        <v>1518</v>
      </c>
      <c r="J25688" s="5" t="s">
        <v>82434</v>
      </c>
      <c r="K25688" s="2" t="s">
        <v>82435</v>
      </c>
      <c r="L25688" s="5" t="s">
        <v>82434</v>
      </c>
      <c r="M25688" s="2" t="s">
        <v>82435</v>
      </c>
      <c r="N25688" s="5" t="s">
        <v>1521</v>
      </c>
      <c r="O25688" s="5" t="s">
        <v>38</v>
      </c>
      <c r="P25688" s="5" t="s">
        <v>39</v>
      </c>
      <c r="Q25688" s="5" t="s">
        <v>40</v>
      </c>
      <c r="R25688" s="5" t="s">
        <v>82436</v>
      </c>
      <c r="S25688" s="5" t="s">
        <v>40</v>
      </c>
      <c r="T25688" s="5" t="s">
        <v>42</v>
      </c>
      <c r="U25688" s="2">
        <v>2.6440000000000001</v>
      </c>
      <c r="V25688" s="2">
        <v>2.097</v>
      </c>
      <c r="W25688" s="2">
        <v>2.1000000000000001E-2</v>
      </c>
      <c r="X25688" s="2">
        <v>167</v>
      </c>
      <c r="Y25688" s="2">
        <v>12.1</v>
      </c>
      <c r="Z25688" s="2">
        <v>10.199999999999999</v>
      </c>
      <c r="AA25688" s="5"/>
      <c r="AB25688" s="5" t="s">
        <v>43</v>
      </c>
      <c r="AC25688" s="5" t="s">
        <v>44</v>
      </c>
      <c r="AD25688" s="2"/>
      <c r="AE25688" s="1"/>
    </row>
    <row r="25689" spans="1:31" ht="14.45">
      <c r="A25689" s="11"/>
      <c r="B25689" s="20"/>
      <c r="C25689" s="2" t="s">
        <v>82501</v>
      </c>
      <c r="D25689" s="14" t="s">
        <v>82502</v>
      </c>
      <c r="E25689" s="2" t="s">
        <v>82503</v>
      </c>
      <c r="F25689" s="2" t="s">
        <v>82470</v>
      </c>
      <c r="G25689" s="8">
        <v>114</v>
      </c>
      <c r="H25689" s="5">
        <v>6</v>
      </c>
      <c r="I25689" s="5" t="s">
        <v>1518</v>
      </c>
      <c r="J25689" s="5" t="s">
        <v>82434</v>
      </c>
      <c r="K25689" s="2" t="s">
        <v>82435</v>
      </c>
      <c r="L25689" s="5" t="s">
        <v>82434</v>
      </c>
      <c r="M25689" s="2" t="s">
        <v>82435</v>
      </c>
      <c r="N25689" s="5" t="s">
        <v>1521</v>
      </c>
      <c r="O25689" s="5" t="s">
        <v>38</v>
      </c>
      <c r="P25689" s="5" t="s">
        <v>39</v>
      </c>
      <c r="Q25689" s="5" t="s">
        <v>40</v>
      </c>
      <c r="R25689" s="5" t="s">
        <v>82436</v>
      </c>
      <c r="S25689" s="5" t="s">
        <v>40</v>
      </c>
      <c r="T25689" s="5" t="s">
        <v>42</v>
      </c>
      <c r="U25689" s="2">
        <v>2.48</v>
      </c>
      <c r="V25689" s="2">
        <v>1.732</v>
      </c>
      <c r="W25689" s="2">
        <v>2.7E-2</v>
      </c>
      <c r="X25689" s="2">
        <v>217</v>
      </c>
      <c r="Y25689" s="2">
        <v>12.1</v>
      </c>
      <c r="Z25689" s="2">
        <v>10.199999999999999</v>
      </c>
      <c r="AA25689" s="5">
        <v>66</v>
      </c>
      <c r="AB25689" s="5" t="s">
        <v>43</v>
      </c>
      <c r="AC25689" s="5" t="s">
        <v>44</v>
      </c>
      <c r="AD25689" s="2"/>
      <c r="AE25689" s="1"/>
    </row>
    <row r="25690" spans="1:31" ht="14.45">
      <c r="A25690" s="11"/>
      <c r="B25690" s="20"/>
      <c r="C25690" s="2" t="s">
        <v>82504</v>
      </c>
      <c r="D25690" s="14" t="s">
        <v>82505</v>
      </c>
      <c r="E25690" s="2" t="s">
        <v>82506</v>
      </c>
      <c r="F25690" s="2" t="s">
        <v>82470</v>
      </c>
      <c r="G25690" s="8">
        <v>133</v>
      </c>
      <c r="H25690" s="5">
        <v>6</v>
      </c>
      <c r="I25690" s="5" t="s">
        <v>1518</v>
      </c>
      <c r="J25690" s="5" t="s">
        <v>82434</v>
      </c>
      <c r="K25690" s="2" t="s">
        <v>82435</v>
      </c>
      <c r="L25690" s="5" t="s">
        <v>82434</v>
      </c>
      <c r="M25690" s="2" t="s">
        <v>82435</v>
      </c>
      <c r="N25690" s="5" t="s">
        <v>1521</v>
      </c>
      <c r="O25690" s="5" t="s">
        <v>38</v>
      </c>
      <c r="P25690" s="5" t="s">
        <v>39</v>
      </c>
      <c r="Q25690" s="5" t="s">
        <v>40</v>
      </c>
      <c r="R25690" s="5" t="s">
        <v>82436</v>
      </c>
      <c r="S25690" s="5" t="s">
        <v>40</v>
      </c>
      <c r="T25690" s="5" t="s">
        <v>42</v>
      </c>
      <c r="U25690" s="2">
        <v>2.819</v>
      </c>
      <c r="V25690" s="2">
        <v>2.0710000000000002</v>
      </c>
      <c r="W25690" s="2">
        <v>2.7E-2</v>
      </c>
      <c r="X25690" s="2">
        <v>217</v>
      </c>
      <c r="Y25690" s="2">
        <v>12.1</v>
      </c>
      <c r="Z25690" s="2">
        <v>10.199999999999999</v>
      </c>
      <c r="AA25690" s="5"/>
      <c r="AB25690" s="5" t="s">
        <v>43</v>
      </c>
      <c r="AC25690" s="5" t="s">
        <v>44</v>
      </c>
      <c r="AD25690" s="2"/>
      <c r="AE25690" s="1"/>
    </row>
    <row r="25691" spans="1:31" ht="14.45">
      <c r="A25691" s="11"/>
      <c r="B25691" s="20"/>
      <c r="C25691" s="2" t="s">
        <v>82507</v>
      </c>
      <c r="D25691" s="14" t="s">
        <v>82508</v>
      </c>
      <c r="E25691" s="2" t="s">
        <v>82509</v>
      </c>
      <c r="F25691" s="2" t="s">
        <v>82510</v>
      </c>
      <c r="G25691" s="8">
        <v>79</v>
      </c>
      <c r="H25691" s="5">
        <v>5</v>
      </c>
      <c r="I25691" s="5" t="s">
        <v>34</v>
      </c>
      <c r="J25691" s="5" t="s">
        <v>82511</v>
      </c>
      <c r="K25691" s="2" t="s">
        <v>82512</v>
      </c>
      <c r="L25691" s="5" t="s">
        <v>82511</v>
      </c>
      <c r="M25691" s="2" t="s">
        <v>82512</v>
      </c>
      <c r="N25691" s="5" t="s">
        <v>72</v>
      </c>
      <c r="O25691" s="5" t="s">
        <v>38</v>
      </c>
      <c r="P25691" s="5" t="s">
        <v>39</v>
      </c>
      <c r="Q25691" s="5" t="s">
        <v>40</v>
      </c>
      <c r="R25691" s="5" t="s">
        <v>73</v>
      </c>
      <c r="S25691" s="5" t="s">
        <v>40</v>
      </c>
      <c r="T25691" s="5" t="s">
        <v>42</v>
      </c>
      <c r="U25691" s="2">
        <v>0.64200000000000002</v>
      </c>
      <c r="V25691" s="2">
        <v>0.17</v>
      </c>
      <c r="W25691" s="2">
        <v>7.0000000000000001E-3</v>
      </c>
      <c r="X25691" s="2">
        <v>106</v>
      </c>
      <c r="Y25691" s="2">
        <v>8</v>
      </c>
      <c r="Z25691" s="2">
        <v>8</v>
      </c>
      <c r="AA25691" s="5">
        <v>50</v>
      </c>
      <c r="AB25691" s="5" t="s">
        <v>43</v>
      </c>
      <c r="AC25691" s="5" t="s">
        <v>44</v>
      </c>
      <c r="AD25691" s="2" t="s">
        <v>82513</v>
      </c>
      <c r="AE25691" s="1"/>
    </row>
    <row r="25692" spans="1:31" ht="14.45">
      <c r="A25692" s="11"/>
      <c r="B25692" s="20"/>
      <c r="C25692" s="2" t="s">
        <v>82514</v>
      </c>
      <c r="D25692" s="14" t="s">
        <v>82515</v>
      </c>
      <c r="E25692" s="2" t="s">
        <v>82516</v>
      </c>
      <c r="F25692" s="2" t="s">
        <v>82510</v>
      </c>
      <c r="G25692" s="8">
        <v>87</v>
      </c>
      <c r="H25692" s="5">
        <v>5</v>
      </c>
      <c r="I25692" s="5" t="s">
        <v>34</v>
      </c>
      <c r="J25692" s="5" t="s">
        <v>82511</v>
      </c>
      <c r="K25692" s="2" t="s">
        <v>82512</v>
      </c>
      <c r="L25692" s="5" t="s">
        <v>82511</v>
      </c>
      <c r="M25692" s="2" t="s">
        <v>82512</v>
      </c>
      <c r="N25692" s="5" t="s">
        <v>72</v>
      </c>
      <c r="O25692" s="5" t="s">
        <v>38</v>
      </c>
      <c r="P25692" s="5" t="s">
        <v>39</v>
      </c>
      <c r="Q25692" s="5" t="s">
        <v>40</v>
      </c>
      <c r="R25692" s="5" t="s">
        <v>73</v>
      </c>
      <c r="S25692" s="5" t="s">
        <v>40</v>
      </c>
      <c r="T25692" s="5" t="s">
        <v>42</v>
      </c>
      <c r="U25692" s="2">
        <v>0.84599999999999997</v>
      </c>
      <c r="V25692" s="2">
        <v>0.27200000000000002</v>
      </c>
      <c r="W25692" s="2">
        <v>7.0000000000000001E-3</v>
      </c>
      <c r="X25692" s="2">
        <v>106</v>
      </c>
      <c r="Y25692" s="2">
        <v>8</v>
      </c>
      <c r="Z25692" s="2">
        <v>8</v>
      </c>
      <c r="AA25692" s="5">
        <v>50</v>
      </c>
      <c r="AB25692" s="5" t="s">
        <v>43</v>
      </c>
      <c r="AC25692" s="5" t="s">
        <v>44</v>
      </c>
      <c r="AD25692" s="2" t="s">
        <v>82517</v>
      </c>
      <c r="AE25692" s="1"/>
    </row>
    <row r="25693" spans="1:31" ht="14.45">
      <c r="A25693" s="11"/>
      <c r="B25693" s="20"/>
      <c r="C25693" s="2" t="s">
        <v>82518</v>
      </c>
      <c r="D25693" s="14" t="s">
        <v>82519</v>
      </c>
      <c r="E25693" s="2" t="s">
        <v>82520</v>
      </c>
      <c r="F25693" s="2" t="s">
        <v>82510</v>
      </c>
      <c r="G25693" s="8">
        <v>95</v>
      </c>
      <c r="H25693" s="5">
        <v>5</v>
      </c>
      <c r="I25693" s="5" t="s">
        <v>34</v>
      </c>
      <c r="J25693" s="5" t="s">
        <v>82511</v>
      </c>
      <c r="K25693" s="2" t="s">
        <v>82512</v>
      </c>
      <c r="L25693" s="5" t="s">
        <v>82511</v>
      </c>
      <c r="M25693" s="2" t="s">
        <v>82512</v>
      </c>
      <c r="N25693" s="5" t="s">
        <v>72</v>
      </c>
      <c r="O25693" s="5" t="s">
        <v>38</v>
      </c>
      <c r="P25693" s="5" t="s">
        <v>39</v>
      </c>
      <c r="Q25693" s="5" t="s">
        <v>40</v>
      </c>
      <c r="R25693" s="5" t="s">
        <v>73</v>
      </c>
      <c r="S25693" s="5" t="s">
        <v>40</v>
      </c>
      <c r="T25693" s="5" t="s">
        <v>42</v>
      </c>
      <c r="U25693" s="2">
        <v>0.95099999999999996</v>
      </c>
      <c r="V25693" s="2">
        <v>0.33</v>
      </c>
      <c r="W25693" s="2">
        <v>7.0000000000000001E-3</v>
      </c>
      <c r="X25693" s="2">
        <v>106</v>
      </c>
      <c r="Y25693" s="2">
        <v>8</v>
      </c>
      <c r="Z25693" s="2">
        <v>8</v>
      </c>
      <c r="AA25693" s="5">
        <v>50</v>
      </c>
      <c r="AB25693" s="5" t="s">
        <v>43</v>
      </c>
      <c r="AC25693" s="5" t="s">
        <v>44</v>
      </c>
      <c r="AD25693" s="2" t="s">
        <v>82521</v>
      </c>
      <c r="AE25693" s="1"/>
    </row>
    <row r="25694" spans="1:31" ht="14.45">
      <c r="A25694" s="11"/>
      <c r="B25694" s="20"/>
      <c r="C25694" s="2" t="s">
        <v>82522</v>
      </c>
      <c r="D25694" s="14" t="s">
        <v>82523</v>
      </c>
      <c r="E25694" s="2" t="s">
        <v>82524</v>
      </c>
      <c r="F25694" s="2" t="s">
        <v>82525</v>
      </c>
      <c r="G25694" s="8">
        <v>41</v>
      </c>
      <c r="H25694" s="5">
        <v>4</v>
      </c>
      <c r="I25694" s="5" t="s">
        <v>34</v>
      </c>
      <c r="J25694" s="5" t="s">
        <v>35</v>
      </c>
      <c r="K25694" s="2" t="s">
        <v>36</v>
      </c>
      <c r="L25694" s="5" t="s">
        <v>35</v>
      </c>
      <c r="M25694" s="2" t="s">
        <v>36</v>
      </c>
      <c r="N25694" s="5" t="s">
        <v>72</v>
      </c>
      <c r="O25694" s="5" t="s">
        <v>38</v>
      </c>
      <c r="P25694" s="5" t="s">
        <v>39</v>
      </c>
      <c r="Q25694" s="5" t="s">
        <v>40</v>
      </c>
      <c r="R25694" s="5" t="s">
        <v>41</v>
      </c>
      <c r="S25694" s="5" t="s">
        <v>40</v>
      </c>
      <c r="T25694" s="5" t="s">
        <v>42</v>
      </c>
      <c r="U25694" s="2">
        <v>0.54400000000000004</v>
      </c>
      <c r="V25694" s="2">
        <v>0.45500000000000002</v>
      </c>
      <c r="W25694" s="2">
        <v>2E-3</v>
      </c>
      <c r="X25694" s="2">
        <v>19.8</v>
      </c>
      <c r="Y25694" s="2">
        <v>12</v>
      </c>
      <c r="Z25694" s="2">
        <v>6.7</v>
      </c>
      <c r="AA25694" s="5"/>
      <c r="AB25694" s="5" t="s">
        <v>43</v>
      </c>
      <c r="AC25694" s="5" t="s">
        <v>44</v>
      </c>
      <c r="AD25694" s="2"/>
      <c r="AE25694" s="1"/>
    </row>
    <row r="25695" spans="1:31" ht="14.45">
      <c r="A25695" s="11"/>
      <c r="B25695" s="20"/>
      <c r="C25695" s="2" t="s">
        <v>82526</v>
      </c>
      <c r="D25695" s="14" t="s">
        <v>82527</v>
      </c>
      <c r="E25695" s="2" t="s">
        <v>82528</v>
      </c>
      <c r="F25695" s="2" t="s">
        <v>82529</v>
      </c>
      <c r="G25695" s="8">
        <v>20</v>
      </c>
      <c r="H25695" s="5">
        <v>4</v>
      </c>
      <c r="I25695" s="5" t="s">
        <v>34</v>
      </c>
      <c r="J25695" s="5" t="s">
        <v>35</v>
      </c>
      <c r="K25695" s="2" t="s">
        <v>36</v>
      </c>
      <c r="L25695" s="5" t="s">
        <v>35</v>
      </c>
      <c r="M25695" s="2" t="s">
        <v>36</v>
      </c>
      <c r="N25695" s="5" t="s">
        <v>72</v>
      </c>
      <c r="O25695" s="5" t="s">
        <v>38</v>
      </c>
      <c r="P25695" s="5" t="s">
        <v>39</v>
      </c>
      <c r="Q25695" s="5" t="s">
        <v>40</v>
      </c>
      <c r="R25695" s="5" t="s">
        <v>41</v>
      </c>
      <c r="S25695" s="5" t="s">
        <v>40</v>
      </c>
      <c r="T25695" s="5" t="s">
        <v>42</v>
      </c>
      <c r="U25695" s="2">
        <v>3.1E-2</v>
      </c>
      <c r="V25695" s="2">
        <v>2.7E-2</v>
      </c>
      <c r="W25695" s="2">
        <v>1E-3</v>
      </c>
      <c r="X25695" s="2">
        <v>15</v>
      </c>
      <c r="Y25695" s="2">
        <v>12</v>
      </c>
      <c r="Z25695" s="2">
        <v>1</v>
      </c>
      <c r="AA25695" s="5"/>
      <c r="AB25695" s="5" t="s">
        <v>43</v>
      </c>
      <c r="AC25695" s="5" t="s">
        <v>44</v>
      </c>
      <c r="AD25695" s="2"/>
      <c r="AE25695" s="1"/>
    </row>
    <row r="25696" spans="1:31" ht="14.45">
      <c r="A25696" s="11"/>
      <c r="B25696" s="20"/>
      <c r="C25696" s="2" t="s">
        <v>82530</v>
      </c>
      <c r="D25696" s="14" t="s">
        <v>82531</v>
      </c>
      <c r="E25696" s="2" t="s">
        <v>82532</v>
      </c>
      <c r="F25696" s="2" t="s">
        <v>82533</v>
      </c>
      <c r="G25696" s="8">
        <v>43</v>
      </c>
      <c r="H25696" s="5">
        <v>4</v>
      </c>
      <c r="I25696" s="5" t="s">
        <v>34</v>
      </c>
      <c r="J25696" s="5" t="s">
        <v>35</v>
      </c>
      <c r="K25696" s="2" t="s">
        <v>36</v>
      </c>
      <c r="L25696" s="5" t="s">
        <v>35</v>
      </c>
      <c r="M25696" s="2" t="s">
        <v>36</v>
      </c>
      <c r="N25696" s="5" t="s">
        <v>72</v>
      </c>
      <c r="O25696" s="5" t="s">
        <v>38</v>
      </c>
      <c r="P25696" s="5" t="s">
        <v>39</v>
      </c>
      <c r="Q25696" s="5" t="s">
        <v>40</v>
      </c>
      <c r="R25696" s="5" t="s">
        <v>82534</v>
      </c>
      <c r="S25696" s="5" t="s">
        <v>40</v>
      </c>
      <c r="T25696" s="5" t="s">
        <v>42</v>
      </c>
      <c r="U25696" s="2">
        <v>6.4000000000000001E-2</v>
      </c>
      <c r="V25696" s="2">
        <v>6.2E-2</v>
      </c>
      <c r="W25696" s="2">
        <v>1E-3</v>
      </c>
      <c r="X25696" s="2">
        <v>23</v>
      </c>
      <c r="Y25696" s="2">
        <v>11</v>
      </c>
      <c r="Z25696" s="2">
        <v>5</v>
      </c>
      <c r="AA25696" s="5"/>
      <c r="AB25696" s="5" t="s">
        <v>43</v>
      </c>
      <c r="AC25696" s="5" t="s">
        <v>44</v>
      </c>
      <c r="AD25696" s="2"/>
      <c r="AE25696" s="1"/>
    </row>
    <row r="25697" spans="1:31" ht="14.45">
      <c r="A25697" s="11"/>
      <c r="B25697" s="20"/>
      <c r="C25697" s="2" t="s">
        <v>82535</v>
      </c>
      <c r="D25697" s="14" t="s">
        <v>82536</v>
      </c>
      <c r="E25697" s="2" t="s">
        <v>82537</v>
      </c>
      <c r="F25697" s="2" t="s">
        <v>82538</v>
      </c>
      <c r="G25697" s="8">
        <v>8</v>
      </c>
      <c r="H25697" s="5">
        <v>5</v>
      </c>
      <c r="I25697" s="5" t="s">
        <v>34</v>
      </c>
      <c r="J25697" s="5" t="s">
        <v>82312</v>
      </c>
      <c r="K25697" s="2" t="s">
        <v>82313</v>
      </c>
      <c r="L25697" s="5" t="s">
        <v>82312</v>
      </c>
      <c r="M25697" s="2" t="s">
        <v>82313</v>
      </c>
      <c r="N25697" s="5" t="s">
        <v>72</v>
      </c>
      <c r="O25697" s="5" t="s">
        <v>38</v>
      </c>
      <c r="P25697" s="5" t="s">
        <v>39</v>
      </c>
      <c r="Q25697" s="5" t="s">
        <v>40</v>
      </c>
      <c r="R25697" s="5" t="s">
        <v>82422</v>
      </c>
      <c r="S25697" s="5" t="s">
        <v>40</v>
      </c>
      <c r="T25697" s="5" t="s">
        <v>42</v>
      </c>
      <c r="U25697" s="2">
        <v>2.5000000000000001E-2</v>
      </c>
      <c r="V25697" s="2">
        <v>1.4999999999999999E-2</v>
      </c>
      <c r="W25697" s="2">
        <v>1E-3</v>
      </c>
      <c r="X25697" s="2">
        <v>23</v>
      </c>
      <c r="Y25697" s="2">
        <v>11</v>
      </c>
      <c r="Z25697" s="2">
        <v>3</v>
      </c>
      <c r="AA25697" s="5"/>
      <c r="AB25697" s="5" t="s">
        <v>43</v>
      </c>
      <c r="AC25697" s="5" t="s">
        <v>44</v>
      </c>
      <c r="AD25697" s="2"/>
      <c r="AE25697" s="1"/>
    </row>
    <row r="25698" spans="1:31" ht="14.45">
      <c r="A25698" s="11"/>
      <c r="B25698" s="20"/>
      <c r="C25698" s="2" t="s">
        <v>82539</v>
      </c>
      <c r="D25698" s="14" t="s">
        <v>82540</v>
      </c>
      <c r="E25698" s="2" t="s">
        <v>82541</v>
      </c>
      <c r="F25698" s="2" t="s">
        <v>82542</v>
      </c>
      <c r="G25698" s="8">
        <v>8</v>
      </c>
      <c r="H25698" s="5">
        <v>5</v>
      </c>
      <c r="I25698" s="5" t="s">
        <v>34</v>
      </c>
      <c r="J25698" s="5" t="s">
        <v>82312</v>
      </c>
      <c r="K25698" s="2" t="s">
        <v>82313</v>
      </c>
      <c r="L25698" s="5" t="s">
        <v>82312</v>
      </c>
      <c r="M25698" s="2" t="s">
        <v>82313</v>
      </c>
      <c r="N25698" s="5" t="s">
        <v>72</v>
      </c>
      <c r="O25698" s="5" t="s">
        <v>38</v>
      </c>
      <c r="P25698" s="5" t="s">
        <v>39</v>
      </c>
      <c r="Q25698" s="5" t="s">
        <v>40</v>
      </c>
      <c r="R25698" s="5" t="s">
        <v>82422</v>
      </c>
      <c r="S25698" s="5" t="s">
        <v>40</v>
      </c>
      <c r="T25698" s="5" t="s">
        <v>42</v>
      </c>
      <c r="U25698" s="2">
        <v>3.1E-2</v>
      </c>
      <c r="V25698" s="2">
        <v>1.4E-2</v>
      </c>
      <c r="W25698" s="2">
        <v>1E-3</v>
      </c>
      <c r="X25698" s="2">
        <v>7.6</v>
      </c>
      <c r="Y25698" s="2">
        <v>8.1</v>
      </c>
      <c r="Z25698" s="2">
        <v>4</v>
      </c>
      <c r="AA25698" s="5"/>
      <c r="AB25698" s="5" t="s">
        <v>43</v>
      </c>
      <c r="AC25698" s="5" t="s">
        <v>44</v>
      </c>
      <c r="AD25698" s="2"/>
      <c r="AE25698" s="1"/>
    </row>
    <row r="25699" spans="1:31" ht="14.45">
      <c r="A25699" s="11"/>
      <c r="B25699" s="20"/>
      <c r="C25699" s="2" t="s">
        <v>82543</v>
      </c>
      <c r="D25699" s="14" t="s">
        <v>82544</v>
      </c>
      <c r="E25699" s="2" t="s">
        <v>82545</v>
      </c>
      <c r="F25699" s="2" t="s">
        <v>82546</v>
      </c>
      <c r="G25699" s="8">
        <v>10</v>
      </c>
      <c r="H25699" s="5">
        <v>8</v>
      </c>
      <c r="I25699" s="5" t="s">
        <v>34</v>
      </c>
      <c r="J25699" s="5" t="s">
        <v>35</v>
      </c>
      <c r="K25699" s="2" t="s">
        <v>36</v>
      </c>
      <c r="L25699" s="5" t="s">
        <v>35</v>
      </c>
      <c r="M25699" s="2" t="s">
        <v>36</v>
      </c>
      <c r="N25699" s="5" t="s">
        <v>72</v>
      </c>
      <c r="O25699" s="5" t="s">
        <v>38</v>
      </c>
      <c r="P25699" s="5" t="s">
        <v>39</v>
      </c>
      <c r="Q25699" s="5" t="s">
        <v>40</v>
      </c>
      <c r="R25699" s="5" t="s">
        <v>41</v>
      </c>
      <c r="S25699" s="5" t="s">
        <v>40</v>
      </c>
      <c r="T25699" s="5" t="s">
        <v>42</v>
      </c>
      <c r="U25699" s="2">
        <v>2.1000000000000001E-2</v>
      </c>
      <c r="V25699" s="2">
        <v>1.0999999999999999E-2</v>
      </c>
      <c r="W25699" s="2">
        <v>1E-3</v>
      </c>
      <c r="X25699" s="2">
        <v>10</v>
      </c>
      <c r="Y25699" s="2">
        <v>8</v>
      </c>
      <c r="Z25699" s="2">
        <v>11</v>
      </c>
      <c r="AA25699" s="5"/>
      <c r="AB25699" s="5" t="s">
        <v>43</v>
      </c>
      <c r="AC25699" s="5" t="s">
        <v>44</v>
      </c>
      <c r="AD25699" s="2"/>
      <c r="AE25699" s="1"/>
    </row>
    <row r="25700" spans="1:31" ht="14.45">
      <c r="A25700" s="11"/>
      <c r="B25700" s="20"/>
      <c r="C25700" s="2" t="s">
        <v>82547</v>
      </c>
      <c r="D25700" s="14" t="s">
        <v>82548</v>
      </c>
      <c r="E25700" s="2" t="s">
        <v>82549</v>
      </c>
      <c r="F25700" s="2" t="s">
        <v>82550</v>
      </c>
      <c r="G25700" s="8">
        <v>43</v>
      </c>
      <c r="H25700" s="5">
        <v>16</v>
      </c>
      <c r="I25700" s="5" t="s">
        <v>34</v>
      </c>
      <c r="J25700" s="5" t="s">
        <v>35</v>
      </c>
      <c r="K25700" s="2" t="s">
        <v>36</v>
      </c>
      <c r="L25700" s="5" t="s">
        <v>35</v>
      </c>
      <c r="M25700" s="2" t="s">
        <v>36</v>
      </c>
      <c r="N25700" s="5" t="s">
        <v>72</v>
      </c>
      <c r="O25700" s="5" t="s">
        <v>38</v>
      </c>
      <c r="P25700" s="5" t="s">
        <v>39</v>
      </c>
      <c r="Q25700" s="5" t="s">
        <v>40</v>
      </c>
      <c r="R25700" s="5" t="s">
        <v>82534</v>
      </c>
      <c r="S25700" s="5" t="s">
        <v>40</v>
      </c>
      <c r="T25700" s="5" t="s">
        <v>42</v>
      </c>
      <c r="U25700" s="2">
        <v>8.5000000000000006E-2</v>
      </c>
      <c r="V25700" s="2">
        <v>8.2000000000000003E-2</v>
      </c>
      <c r="W25700" s="2">
        <v>1E-3</v>
      </c>
      <c r="X25700" s="2">
        <v>2</v>
      </c>
      <c r="Y25700" s="2">
        <v>15</v>
      </c>
      <c r="Z25700" s="2">
        <v>10</v>
      </c>
      <c r="AA25700" s="5"/>
      <c r="AB25700" s="5" t="s">
        <v>43</v>
      </c>
      <c r="AC25700" s="5" t="s">
        <v>44</v>
      </c>
      <c r="AD25700" s="2"/>
      <c r="AE25700" s="1"/>
    </row>
    <row r="25701" spans="1:31" ht="14.45">
      <c r="A25701" s="11"/>
      <c r="B25701" s="20"/>
      <c r="C25701" s="2" t="s">
        <v>82551</v>
      </c>
      <c r="D25701" s="14" t="s">
        <v>82552</v>
      </c>
      <c r="E25701" s="2" t="s">
        <v>82553</v>
      </c>
      <c r="F25701" s="2" t="s">
        <v>82554</v>
      </c>
      <c r="G25701" s="8">
        <v>13</v>
      </c>
      <c r="H25701" s="5">
        <v>6</v>
      </c>
      <c r="I25701" s="5" t="s">
        <v>34</v>
      </c>
      <c r="J25701" s="5" t="s">
        <v>35</v>
      </c>
      <c r="K25701" s="2" t="s">
        <v>36</v>
      </c>
      <c r="L25701" s="5" t="s">
        <v>35</v>
      </c>
      <c r="M25701" s="2" t="s">
        <v>36</v>
      </c>
      <c r="N25701" s="5" t="s">
        <v>72</v>
      </c>
      <c r="O25701" s="5" t="s">
        <v>38</v>
      </c>
      <c r="P25701" s="5" t="s">
        <v>39</v>
      </c>
      <c r="Q25701" s="5" t="s">
        <v>40</v>
      </c>
      <c r="R25701" s="5" t="s">
        <v>73</v>
      </c>
      <c r="S25701" s="5" t="s">
        <v>40</v>
      </c>
      <c r="T25701" s="5" t="s">
        <v>42</v>
      </c>
      <c r="U25701" s="2">
        <v>3.4000000000000002E-2</v>
      </c>
      <c r="V25701" s="2">
        <v>2.1000000000000001E-2</v>
      </c>
      <c r="W25701" s="2">
        <v>1E-3</v>
      </c>
      <c r="X25701" s="2">
        <v>22</v>
      </c>
      <c r="Y25701" s="2">
        <v>12</v>
      </c>
      <c r="Z25701" s="2">
        <v>2.5</v>
      </c>
      <c r="AA25701" s="5"/>
      <c r="AB25701" s="5" t="s">
        <v>43</v>
      </c>
      <c r="AC25701" s="5" t="s">
        <v>44</v>
      </c>
      <c r="AD25701" s="2"/>
      <c r="AE25701" s="1"/>
    </row>
    <row r="25702" spans="1:31" ht="14.45">
      <c r="A25702" s="11"/>
      <c r="B25702" s="20"/>
      <c r="C25702" s="2" t="s">
        <v>82555</v>
      </c>
      <c r="D25702" s="14" t="s">
        <v>82556</v>
      </c>
      <c r="E25702" s="2" t="s">
        <v>82557</v>
      </c>
      <c r="F25702" s="2" t="s">
        <v>82558</v>
      </c>
      <c r="G25702" s="8">
        <v>13</v>
      </c>
      <c r="H25702" s="5">
        <v>5</v>
      </c>
      <c r="I25702" s="5" t="s">
        <v>82559</v>
      </c>
      <c r="J25702" s="5" t="s">
        <v>35</v>
      </c>
      <c r="K25702" s="2" t="s">
        <v>36</v>
      </c>
      <c r="L25702" s="5" t="s">
        <v>35</v>
      </c>
      <c r="M25702" s="2" t="s">
        <v>36</v>
      </c>
      <c r="N25702" s="5" t="s">
        <v>72</v>
      </c>
      <c r="O25702" s="5" t="s">
        <v>38</v>
      </c>
      <c r="P25702" s="5" t="s">
        <v>39</v>
      </c>
      <c r="Q25702" s="5" t="s">
        <v>40</v>
      </c>
      <c r="R25702" s="5" t="s">
        <v>73</v>
      </c>
      <c r="S25702" s="5" t="s">
        <v>40</v>
      </c>
      <c r="T25702" s="5" t="s">
        <v>42</v>
      </c>
      <c r="U25702" s="2">
        <v>0.02</v>
      </c>
      <c r="V25702" s="2">
        <v>1.2999999999999999E-2</v>
      </c>
      <c r="W25702" s="2">
        <v>1E-3</v>
      </c>
      <c r="X25702" s="2">
        <v>26</v>
      </c>
      <c r="Y25702" s="2">
        <v>14.7</v>
      </c>
      <c r="Z25702" s="2">
        <v>1.5</v>
      </c>
      <c r="AA25702" s="5"/>
      <c r="AB25702" s="5" t="s">
        <v>43</v>
      </c>
      <c r="AC25702" s="5" t="s">
        <v>44</v>
      </c>
      <c r="AD25702" s="2"/>
      <c r="AE25702" s="1"/>
    </row>
    <row r="25703" spans="1:31" ht="14.45">
      <c r="A25703" s="11"/>
      <c r="B25703" s="20"/>
      <c r="C25703" s="2" t="s">
        <v>82560</v>
      </c>
      <c r="D25703" s="14" t="s">
        <v>82561</v>
      </c>
      <c r="E25703" s="2" t="s">
        <v>82562</v>
      </c>
      <c r="F25703" s="2" t="s">
        <v>82563</v>
      </c>
      <c r="G25703" s="8">
        <v>25</v>
      </c>
      <c r="H25703" s="5">
        <v>5</v>
      </c>
      <c r="I25703" s="5" t="s">
        <v>34</v>
      </c>
      <c r="J25703" s="5" t="s">
        <v>35</v>
      </c>
      <c r="K25703" s="2" t="s">
        <v>36</v>
      </c>
      <c r="L25703" s="5" t="s">
        <v>35</v>
      </c>
      <c r="M25703" s="2" t="s">
        <v>36</v>
      </c>
      <c r="N25703" s="5" t="s">
        <v>72</v>
      </c>
      <c r="O25703" s="5" t="s">
        <v>38</v>
      </c>
      <c r="P25703" s="5" t="s">
        <v>39</v>
      </c>
      <c r="Q25703" s="5" t="s">
        <v>40</v>
      </c>
      <c r="R25703" s="5" t="s">
        <v>73</v>
      </c>
      <c r="S25703" s="5" t="s">
        <v>40</v>
      </c>
      <c r="T25703" s="5" t="s">
        <v>42</v>
      </c>
      <c r="U25703" s="2">
        <v>0.32100000000000001</v>
      </c>
      <c r="V25703" s="2">
        <v>0.21199999999999999</v>
      </c>
      <c r="W25703" s="2">
        <v>3.0000000000000001E-3</v>
      </c>
      <c r="X25703" s="2">
        <v>23.1</v>
      </c>
      <c r="Y25703" s="2">
        <v>16.600000000000001</v>
      </c>
      <c r="Z25703" s="2">
        <v>8</v>
      </c>
      <c r="AA25703" s="5"/>
      <c r="AB25703" s="5" t="s">
        <v>43</v>
      </c>
      <c r="AC25703" s="5" t="s">
        <v>44</v>
      </c>
      <c r="AD25703" s="2"/>
      <c r="AE25703" s="1"/>
    </row>
    <row r="25704" spans="1:31" ht="14.45">
      <c r="A25704" s="11"/>
      <c r="B25704" s="20"/>
      <c r="C25704" s="2" t="s">
        <v>82564</v>
      </c>
      <c r="D25704" s="14" t="s">
        <v>82565</v>
      </c>
      <c r="E25704" s="2" t="s">
        <v>82566</v>
      </c>
      <c r="F25704" s="2" t="s">
        <v>82567</v>
      </c>
      <c r="G25704" s="8">
        <v>20</v>
      </c>
      <c r="H25704" s="5">
        <v>4</v>
      </c>
      <c r="I25704" s="5" t="s">
        <v>34</v>
      </c>
      <c r="J25704" s="5" t="s">
        <v>35</v>
      </c>
      <c r="K25704" s="2" t="s">
        <v>36</v>
      </c>
      <c r="L25704" s="5" t="s">
        <v>35</v>
      </c>
      <c r="M25704" s="2" t="s">
        <v>36</v>
      </c>
      <c r="N25704" s="5" t="s">
        <v>72</v>
      </c>
      <c r="O25704" s="5" t="s">
        <v>38</v>
      </c>
      <c r="P25704" s="5" t="s">
        <v>39</v>
      </c>
      <c r="Q25704" s="5" t="s">
        <v>40</v>
      </c>
      <c r="R25704" s="5" t="s">
        <v>41</v>
      </c>
      <c r="S25704" s="5" t="s">
        <v>40</v>
      </c>
      <c r="T25704" s="5" t="s">
        <v>42</v>
      </c>
      <c r="U25704" s="2">
        <v>2.1999999999999999E-2</v>
      </c>
      <c r="V25704" s="2">
        <v>2.1999999999999999E-2</v>
      </c>
      <c r="W25704" s="2">
        <v>1E-3</v>
      </c>
      <c r="X25704" s="2">
        <v>23</v>
      </c>
      <c r="Y25704" s="2">
        <v>11</v>
      </c>
      <c r="Z25704" s="2">
        <v>5</v>
      </c>
      <c r="AA25704" s="5"/>
      <c r="AB25704" s="5" t="s">
        <v>43</v>
      </c>
      <c r="AC25704" s="5" t="s">
        <v>44</v>
      </c>
      <c r="AD25704" s="2"/>
      <c r="AE25704" s="1"/>
    </row>
    <row r="25705" spans="1:31" ht="14.45">
      <c r="A25705" s="11"/>
      <c r="B25705" s="20"/>
      <c r="C25705" s="2" t="s">
        <v>82568</v>
      </c>
      <c r="D25705" s="14" t="s">
        <v>82569</v>
      </c>
      <c r="E25705" s="2" t="s">
        <v>82570</v>
      </c>
      <c r="F25705" s="2" t="s">
        <v>82571</v>
      </c>
      <c r="G25705" s="8">
        <v>41</v>
      </c>
      <c r="H25705" s="5">
        <v>5</v>
      </c>
      <c r="I25705" s="5" t="s">
        <v>34</v>
      </c>
      <c r="J25705" s="5" t="s">
        <v>82572</v>
      </c>
      <c r="K25705" s="2" t="s">
        <v>82573</v>
      </c>
      <c r="L25705" s="5" t="s">
        <v>82572</v>
      </c>
      <c r="M25705" s="2" t="s">
        <v>82573</v>
      </c>
      <c r="N25705" s="5" t="s">
        <v>72</v>
      </c>
      <c r="O25705" s="5" t="s">
        <v>38</v>
      </c>
      <c r="P25705" s="5" t="s">
        <v>39</v>
      </c>
      <c r="Q25705" s="5" t="s">
        <v>40</v>
      </c>
      <c r="R25705" s="5" t="s">
        <v>73</v>
      </c>
      <c r="S25705" s="5" t="s">
        <v>40</v>
      </c>
      <c r="T25705" s="5" t="s">
        <v>42</v>
      </c>
      <c r="U25705" s="2">
        <v>0.67600000000000005</v>
      </c>
      <c r="V25705" s="2">
        <v>0.35299999999999998</v>
      </c>
      <c r="W25705" s="2">
        <v>8.0000000000000002E-3</v>
      </c>
      <c r="X25705" s="2">
        <v>58.7</v>
      </c>
      <c r="Y25705" s="2">
        <v>16.600000000000001</v>
      </c>
      <c r="Z25705" s="2">
        <v>8</v>
      </c>
      <c r="AA25705" s="5">
        <v>282</v>
      </c>
      <c r="AB25705" s="5" t="s">
        <v>43</v>
      </c>
      <c r="AC25705" s="5" t="s">
        <v>44</v>
      </c>
      <c r="AD25705" s="2"/>
      <c r="AE25705" s="1"/>
    </row>
    <row r="25706" spans="1:31" ht="14.45">
      <c r="A25706" s="11"/>
      <c r="B25706" s="20"/>
      <c r="C25706" s="2" t="s">
        <v>82574</v>
      </c>
      <c r="D25706" s="14" t="s">
        <v>82575</v>
      </c>
      <c r="E25706" s="2" t="s">
        <v>82576</v>
      </c>
      <c r="F25706" s="2"/>
      <c r="G25706" s="8">
        <v>44</v>
      </c>
      <c r="H25706" s="5">
        <v>5</v>
      </c>
      <c r="I25706" s="5" t="s">
        <v>34</v>
      </c>
      <c r="J25706" s="5" t="s">
        <v>35</v>
      </c>
      <c r="K25706" s="2" t="s">
        <v>36</v>
      </c>
      <c r="L25706" s="5" t="s">
        <v>35</v>
      </c>
      <c r="M25706" s="2" t="s">
        <v>36</v>
      </c>
      <c r="N25706" s="5" t="s">
        <v>72</v>
      </c>
      <c r="O25706" s="5" t="s">
        <v>38</v>
      </c>
      <c r="P25706" s="5" t="s">
        <v>39</v>
      </c>
      <c r="Q25706" s="5" t="s">
        <v>40</v>
      </c>
      <c r="R25706" s="5" t="s">
        <v>41</v>
      </c>
      <c r="S25706" s="5" t="s">
        <v>40</v>
      </c>
      <c r="T25706" s="5" t="s">
        <v>42</v>
      </c>
      <c r="U25706" s="2">
        <v>0.51300000000000001</v>
      </c>
      <c r="V25706" s="2">
        <v>0.35499999999999998</v>
      </c>
      <c r="W25706" s="2">
        <v>4.0000000000000001E-3</v>
      </c>
      <c r="X25706" s="2">
        <v>32.700000000000003</v>
      </c>
      <c r="Y25706" s="2">
        <v>16.600000000000001</v>
      </c>
      <c r="Z25706" s="2">
        <v>8</v>
      </c>
      <c r="AA25706" s="5">
        <v>282</v>
      </c>
      <c r="AB25706" s="5" t="s">
        <v>43</v>
      </c>
      <c r="AC25706" s="5" t="s">
        <v>44</v>
      </c>
      <c r="AD25706" s="2"/>
      <c r="AE25706" s="1"/>
    </row>
    <row r="25707" spans="1:31" ht="14.45">
      <c r="A25707" s="11"/>
      <c r="B25707" s="20"/>
      <c r="C25707" s="2" t="s">
        <v>82577</v>
      </c>
      <c r="D25707" s="14" t="s">
        <v>82578</v>
      </c>
      <c r="E25707" s="2" t="s">
        <v>82579</v>
      </c>
      <c r="F25707" s="2" t="s">
        <v>82580</v>
      </c>
      <c r="G25707" s="8">
        <v>49</v>
      </c>
      <c r="H25707" s="5">
        <v>5</v>
      </c>
      <c r="I25707" s="5" t="s">
        <v>34</v>
      </c>
      <c r="J25707" s="5" t="s">
        <v>35</v>
      </c>
      <c r="K25707" s="2" t="s">
        <v>36</v>
      </c>
      <c r="L25707" s="5" t="s">
        <v>35</v>
      </c>
      <c r="M25707" s="2" t="s">
        <v>36</v>
      </c>
      <c r="N25707" s="5" t="s">
        <v>72</v>
      </c>
      <c r="O25707" s="5" t="s">
        <v>38</v>
      </c>
      <c r="P25707" s="5" t="s">
        <v>39</v>
      </c>
      <c r="Q25707" s="5" t="s">
        <v>40</v>
      </c>
      <c r="R25707" s="5" t="s">
        <v>82581</v>
      </c>
      <c r="S25707" s="5" t="s">
        <v>40</v>
      </c>
      <c r="T25707" s="5" t="s">
        <v>42</v>
      </c>
      <c r="U25707" s="2">
        <v>0.441</v>
      </c>
      <c r="V25707" s="2">
        <v>0.25700000000000001</v>
      </c>
      <c r="W25707" s="2">
        <v>6.0000000000000001E-3</v>
      </c>
      <c r="X25707" s="2">
        <v>28.5</v>
      </c>
      <c r="Y25707" s="2">
        <v>19.8</v>
      </c>
      <c r="Z25707" s="2">
        <v>10.7</v>
      </c>
      <c r="AA25707" s="5">
        <v>282</v>
      </c>
      <c r="AB25707" s="5" t="s">
        <v>43</v>
      </c>
      <c r="AC25707" s="5" t="s">
        <v>44</v>
      </c>
      <c r="AD25707" s="2"/>
      <c r="AE25707" s="1"/>
    </row>
    <row r="25708" spans="1:31" ht="14.45">
      <c r="A25708" s="11"/>
      <c r="B25708" s="20"/>
      <c r="C25708" s="2" t="s">
        <v>82582</v>
      </c>
      <c r="D25708" s="14" t="s">
        <v>82583</v>
      </c>
      <c r="E25708" s="2" t="s">
        <v>82584</v>
      </c>
      <c r="F25708" s="2" t="s">
        <v>82585</v>
      </c>
      <c r="G25708" s="8">
        <v>6</v>
      </c>
      <c r="H25708" s="5">
        <v>5</v>
      </c>
      <c r="I25708" s="5" t="s">
        <v>34</v>
      </c>
      <c r="J25708" s="5" t="s">
        <v>35</v>
      </c>
      <c r="K25708" s="2" t="s">
        <v>36</v>
      </c>
      <c r="L25708" s="5" t="s">
        <v>35</v>
      </c>
      <c r="M25708" s="2" t="s">
        <v>36</v>
      </c>
      <c r="N25708" s="5" t="s">
        <v>72</v>
      </c>
      <c r="O25708" s="5" t="s">
        <v>38</v>
      </c>
      <c r="P25708" s="5" t="s">
        <v>39</v>
      </c>
      <c r="Q25708" s="5" t="s">
        <v>40</v>
      </c>
      <c r="R25708" s="5" t="s">
        <v>73</v>
      </c>
      <c r="S25708" s="5" t="s">
        <v>40</v>
      </c>
      <c r="T25708" s="5" t="s">
        <v>42</v>
      </c>
      <c r="U25708" s="2">
        <v>0.05</v>
      </c>
      <c r="V25708" s="2">
        <v>8.0000000000000002E-3</v>
      </c>
      <c r="W25708" s="2">
        <v>1E-3</v>
      </c>
      <c r="X25708" s="2">
        <v>15</v>
      </c>
      <c r="Y25708" s="2">
        <v>12</v>
      </c>
      <c r="Z25708" s="2">
        <v>3</v>
      </c>
      <c r="AA25708" s="5">
        <v>282</v>
      </c>
      <c r="AB25708" s="5" t="s">
        <v>43</v>
      </c>
      <c r="AC25708" s="5" t="s">
        <v>44</v>
      </c>
      <c r="AD25708" s="2"/>
      <c r="AE25708" s="1"/>
    </row>
    <row r="25709" spans="1:31" ht="14.45">
      <c r="A25709" s="11"/>
      <c r="B25709" s="20"/>
      <c r="C25709" s="2" t="s">
        <v>82586</v>
      </c>
      <c r="D25709" s="14" t="s">
        <v>82587</v>
      </c>
      <c r="E25709" s="2" t="s">
        <v>82588</v>
      </c>
      <c r="F25709" s="2" t="s">
        <v>82589</v>
      </c>
      <c r="G25709" s="8">
        <v>18</v>
      </c>
      <c r="H25709" s="5">
        <v>5</v>
      </c>
      <c r="I25709" s="5" t="s">
        <v>34</v>
      </c>
      <c r="J25709" s="5" t="s">
        <v>35</v>
      </c>
      <c r="K25709" s="2" t="s">
        <v>36</v>
      </c>
      <c r="L25709" s="5" t="s">
        <v>35</v>
      </c>
      <c r="M25709" s="2" t="s">
        <v>36</v>
      </c>
      <c r="N25709" s="5" t="s">
        <v>72</v>
      </c>
      <c r="O25709" s="5" t="s">
        <v>38</v>
      </c>
      <c r="P25709" s="5" t="s">
        <v>39</v>
      </c>
      <c r="Q25709" s="5" t="s">
        <v>40</v>
      </c>
      <c r="R25709" s="5" t="s">
        <v>73</v>
      </c>
      <c r="S25709" s="5" t="s">
        <v>40</v>
      </c>
      <c r="T25709" s="5" t="s">
        <v>42</v>
      </c>
      <c r="U25709" s="2">
        <v>0.42399999999999999</v>
      </c>
      <c r="V25709" s="2">
        <v>0.22500000000000001</v>
      </c>
      <c r="W25709" s="2">
        <v>3.0000000000000001E-3</v>
      </c>
      <c r="X25709" s="2">
        <v>18.600000000000001</v>
      </c>
      <c r="Y25709" s="2">
        <v>18.600000000000001</v>
      </c>
      <c r="Z25709" s="2">
        <v>7.4</v>
      </c>
      <c r="AA25709" s="5"/>
      <c r="AB25709" s="5" t="s">
        <v>43</v>
      </c>
      <c r="AC25709" s="5" t="s">
        <v>44</v>
      </c>
      <c r="AD25709" s="2"/>
      <c r="AE25709" s="1"/>
    </row>
    <row r="25710" spans="1:31" ht="14.45">
      <c r="A25710" s="11"/>
      <c r="B25710" s="20"/>
      <c r="C25710" s="2" t="s">
        <v>82590</v>
      </c>
      <c r="D25710" s="14" t="s">
        <v>82591</v>
      </c>
      <c r="E25710" s="2" t="s">
        <v>82592</v>
      </c>
      <c r="F25710" s="2" t="s">
        <v>82593</v>
      </c>
      <c r="G25710" s="8">
        <v>32</v>
      </c>
      <c r="H25710" s="5">
        <v>5</v>
      </c>
      <c r="I25710" s="5" t="s">
        <v>34</v>
      </c>
      <c r="J25710" s="5" t="s">
        <v>35</v>
      </c>
      <c r="K25710" s="2" t="s">
        <v>36</v>
      </c>
      <c r="L25710" s="5" t="s">
        <v>35</v>
      </c>
      <c r="M25710" s="2" t="s">
        <v>36</v>
      </c>
      <c r="N25710" s="5" t="s">
        <v>72</v>
      </c>
      <c r="O25710" s="5" t="s">
        <v>38</v>
      </c>
      <c r="P25710" s="5" t="s">
        <v>39</v>
      </c>
      <c r="Q25710" s="5" t="s">
        <v>40</v>
      </c>
      <c r="R25710" s="5" t="s">
        <v>73</v>
      </c>
      <c r="S25710" s="5" t="s">
        <v>40</v>
      </c>
      <c r="T25710" s="5" t="s">
        <v>42</v>
      </c>
      <c r="U25710" s="2">
        <v>0.45800000000000002</v>
      </c>
      <c r="V25710" s="2">
        <v>0.28899999999999998</v>
      </c>
      <c r="W25710" s="2">
        <v>6.0000000000000001E-3</v>
      </c>
      <c r="X25710" s="2">
        <v>28.5</v>
      </c>
      <c r="Y25710" s="2">
        <v>19.8</v>
      </c>
      <c r="Z25710" s="2">
        <v>10.7</v>
      </c>
      <c r="AA25710" s="5">
        <v>282</v>
      </c>
      <c r="AB25710" s="5" t="s">
        <v>43</v>
      </c>
      <c r="AC25710" s="5" t="s">
        <v>44</v>
      </c>
      <c r="AD25710" s="2"/>
      <c r="AE25710" s="1"/>
    </row>
    <row r="25711" spans="1:31" ht="14.45">
      <c r="A25711" s="11"/>
      <c r="B25711" s="20"/>
      <c r="C25711" s="2" t="s">
        <v>82594</v>
      </c>
      <c r="D25711" s="14" t="s">
        <v>82595</v>
      </c>
      <c r="E25711" s="2" t="s">
        <v>82596</v>
      </c>
      <c r="F25711" s="2" t="s">
        <v>82597</v>
      </c>
      <c r="G25711" s="8">
        <v>23</v>
      </c>
      <c r="H25711" s="5">
        <v>5</v>
      </c>
      <c r="I25711" s="5" t="s">
        <v>34</v>
      </c>
      <c r="J25711" s="5" t="s">
        <v>35</v>
      </c>
      <c r="K25711" s="2" t="s">
        <v>36</v>
      </c>
      <c r="L25711" s="5" t="s">
        <v>35</v>
      </c>
      <c r="M25711" s="2" t="s">
        <v>36</v>
      </c>
      <c r="N25711" s="5" t="s">
        <v>72</v>
      </c>
      <c r="O25711" s="5" t="s">
        <v>38</v>
      </c>
      <c r="P25711" s="5" t="s">
        <v>39</v>
      </c>
      <c r="Q25711" s="5" t="s">
        <v>40</v>
      </c>
      <c r="R25711" s="5" t="s">
        <v>82598</v>
      </c>
      <c r="S25711" s="5" t="s">
        <v>40</v>
      </c>
      <c r="T25711" s="5" t="s">
        <v>42</v>
      </c>
      <c r="U25711" s="2">
        <v>0.22700000000000001</v>
      </c>
      <c r="V25711" s="2">
        <v>0.14799999999999999</v>
      </c>
      <c r="W25711" s="2">
        <v>1E-3</v>
      </c>
      <c r="X25711" s="2">
        <v>22.5</v>
      </c>
      <c r="Y25711" s="2">
        <v>9.4</v>
      </c>
      <c r="Z25711" s="2">
        <v>5.9</v>
      </c>
      <c r="AA25711" s="5">
        <v>282</v>
      </c>
      <c r="AB25711" s="5" t="s">
        <v>43</v>
      </c>
      <c r="AC25711" s="5" t="s">
        <v>44</v>
      </c>
      <c r="AD25711" s="2"/>
      <c r="AE25711" s="1"/>
    </row>
    <row r="25712" spans="1:31" ht="14.45">
      <c r="A25712" s="11"/>
      <c r="B25712" s="20"/>
      <c r="C25712" s="2" t="s">
        <v>82599</v>
      </c>
      <c r="D25712" s="14" t="s">
        <v>82600</v>
      </c>
      <c r="E25712" s="2" t="s">
        <v>82601</v>
      </c>
      <c r="F25712" s="2" t="s">
        <v>82602</v>
      </c>
      <c r="G25712" s="8">
        <v>23</v>
      </c>
      <c r="H25712" s="5">
        <v>6</v>
      </c>
      <c r="I25712" s="5" t="s">
        <v>34</v>
      </c>
      <c r="J25712" s="5" t="s">
        <v>35</v>
      </c>
      <c r="K25712" s="2" t="s">
        <v>36</v>
      </c>
      <c r="L25712" s="5" t="s">
        <v>35</v>
      </c>
      <c r="M25712" s="2" t="s">
        <v>36</v>
      </c>
      <c r="N25712" s="5" t="s">
        <v>72</v>
      </c>
      <c r="O25712" s="5" t="s">
        <v>38</v>
      </c>
      <c r="P25712" s="5" t="s">
        <v>39</v>
      </c>
      <c r="Q25712" s="5" t="s">
        <v>40</v>
      </c>
      <c r="R25712" s="5" t="s">
        <v>82598</v>
      </c>
      <c r="S25712" s="5" t="s">
        <v>40</v>
      </c>
      <c r="T25712" s="5" t="s">
        <v>42</v>
      </c>
      <c r="U25712" s="2">
        <v>0.24299999999999999</v>
      </c>
      <c r="V25712" s="2">
        <v>0.16</v>
      </c>
      <c r="W25712" s="2">
        <v>1E-3</v>
      </c>
      <c r="X25712" s="2">
        <v>22.5</v>
      </c>
      <c r="Y25712" s="2">
        <v>9.4</v>
      </c>
      <c r="Z25712" s="2">
        <v>5.9</v>
      </c>
      <c r="AA25712" s="5">
        <v>282</v>
      </c>
      <c r="AB25712" s="5" t="s">
        <v>43</v>
      </c>
      <c r="AC25712" s="5" t="s">
        <v>44</v>
      </c>
      <c r="AD25712" s="2"/>
      <c r="AE25712" s="1"/>
    </row>
    <row r="25713" spans="1:31" ht="14.45">
      <c r="A25713" s="11"/>
      <c r="B25713" s="20"/>
      <c r="C25713" s="2" t="s">
        <v>82603</v>
      </c>
      <c r="D25713" s="14" t="s">
        <v>82604</v>
      </c>
      <c r="E25713" s="2" t="s">
        <v>82605</v>
      </c>
      <c r="F25713" s="2" t="s">
        <v>82606</v>
      </c>
      <c r="G25713" s="8">
        <v>64</v>
      </c>
      <c r="H25713" s="5">
        <v>5</v>
      </c>
      <c r="I25713" s="5" t="s">
        <v>34</v>
      </c>
      <c r="J25713" s="5" t="s">
        <v>82312</v>
      </c>
      <c r="K25713" s="2" t="s">
        <v>82313</v>
      </c>
      <c r="L25713" s="5" t="s">
        <v>82312</v>
      </c>
      <c r="M25713" s="2" t="s">
        <v>82313</v>
      </c>
      <c r="N25713" s="5" t="s">
        <v>72</v>
      </c>
      <c r="O25713" s="5" t="s">
        <v>38</v>
      </c>
      <c r="P25713" s="5" t="s">
        <v>39</v>
      </c>
      <c r="Q25713" s="5" t="s">
        <v>40</v>
      </c>
      <c r="R25713" s="5" t="s">
        <v>67189</v>
      </c>
      <c r="S25713" s="5" t="s">
        <v>40</v>
      </c>
      <c r="T25713" s="5" t="s">
        <v>42</v>
      </c>
      <c r="U25713" s="2">
        <v>0.34499999999999997</v>
      </c>
      <c r="V25713" s="2">
        <v>0.21099999999999999</v>
      </c>
      <c r="W25713" s="2">
        <v>2E-3</v>
      </c>
      <c r="X25713" s="2">
        <v>23.5</v>
      </c>
      <c r="Y25713" s="2">
        <v>15.3</v>
      </c>
      <c r="Z25713" s="2">
        <v>4.8</v>
      </c>
      <c r="AA25713" s="5">
        <v>282</v>
      </c>
      <c r="AB25713" s="5" t="s">
        <v>43</v>
      </c>
      <c r="AC25713" s="5" t="s">
        <v>44</v>
      </c>
      <c r="AD25713" s="2"/>
      <c r="AE25713" s="1"/>
    </row>
    <row r="25714" spans="1:31" ht="14.45">
      <c r="A25714" s="5" t="s">
        <v>116</v>
      </c>
      <c r="B25714" s="21">
        <v>46143</v>
      </c>
      <c r="C25714" s="2" t="s">
        <v>82607</v>
      </c>
      <c r="D25714" s="14" t="s">
        <v>82608</v>
      </c>
      <c r="E25714" s="2" t="s">
        <v>82609</v>
      </c>
      <c r="F25714" s="2" t="s">
        <v>130</v>
      </c>
      <c r="G25714" s="8">
        <v>64</v>
      </c>
      <c r="H25714" s="5">
        <v>5</v>
      </c>
      <c r="I25714" s="5" t="s">
        <v>82559</v>
      </c>
      <c r="J25714" s="5" t="s">
        <v>35</v>
      </c>
      <c r="K25714" s="2" t="s">
        <v>36</v>
      </c>
      <c r="L25714" s="5" t="s">
        <v>35</v>
      </c>
      <c r="M25714" s="2" t="s">
        <v>36</v>
      </c>
      <c r="N25714" s="5" t="s">
        <v>72</v>
      </c>
      <c r="O25714" s="5" t="s">
        <v>38</v>
      </c>
      <c r="P25714" s="5" t="s">
        <v>39</v>
      </c>
      <c r="Q25714" s="5" t="s">
        <v>40</v>
      </c>
      <c r="R25714" s="5" t="s">
        <v>67209</v>
      </c>
      <c r="S25714" s="5" t="s">
        <v>40</v>
      </c>
      <c r="T25714" s="5" t="s">
        <v>42</v>
      </c>
      <c r="U25714" s="2">
        <v>0.34499999999999997</v>
      </c>
      <c r="V25714" s="2">
        <v>0.21099999999999999</v>
      </c>
      <c r="W25714" s="2">
        <v>2E-3</v>
      </c>
      <c r="X25714" s="2">
        <v>23.5</v>
      </c>
      <c r="Y25714" s="2">
        <v>15.3</v>
      </c>
      <c r="Z25714" s="2">
        <v>4.8</v>
      </c>
      <c r="AA25714" s="5">
        <v>282</v>
      </c>
      <c r="AB25714" s="5" t="s">
        <v>43</v>
      </c>
      <c r="AC25714" s="5" t="s">
        <v>44</v>
      </c>
      <c r="AD25714" s="2"/>
      <c r="AE25714" s="1"/>
    </row>
    <row r="25715" spans="1:31" ht="14.45">
      <c r="A25715" s="11"/>
      <c r="B25715" s="20"/>
      <c r="C25715" s="2" t="s">
        <v>82610</v>
      </c>
      <c r="D25715" s="14" t="s">
        <v>82611</v>
      </c>
      <c r="E25715" s="2" t="s">
        <v>82612</v>
      </c>
      <c r="F25715" s="2" t="s">
        <v>82613</v>
      </c>
      <c r="G25715" s="8">
        <v>32</v>
      </c>
      <c r="H25715" s="5">
        <v>5</v>
      </c>
      <c r="I25715" s="5" t="s">
        <v>34</v>
      </c>
      <c r="J25715" s="5" t="s">
        <v>35</v>
      </c>
      <c r="K25715" s="2" t="s">
        <v>36</v>
      </c>
      <c r="L25715" s="5" t="s">
        <v>35</v>
      </c>
      <c r="M25715" s="2" t="s">
        <v>36</v>
      </c>
      <c r="N25715" s="5" t="s">
        <v>72</v>
      </c>
      <c r="O25715" s="5" t="s">
        <v>38</v>
      </c>
      <c r="P25715" s="5" t="s">
        <v>39</v>
      </c>
      <c r="Q25715" s="5" t="s">
        <v>40</v>
      </c>
      <c r="R25715" s="5" t="s">
        <v>73</v>
      </c>
      <c r="S25715" s="5" t="s">
        <v>40</v>
      </c>
      <c r="T25715" s="5" t="s">
        <v>42</v>
      </c>
      <c r="U25715" s="2">
        <v>0.50900000000000001</v>
      </c>
      <c r="V25715" s="2">
        <v>0.378</v>
      </c>
      <c r="W25715" s="2">
        <v>4.0000000000000001E-3</v>
      </c>
      <c r="X25715" s="2">
        <v>32.700000000000003</v>
      </c>
      <c r="Y25715" s="2">
        <v>16.600000000000001</v>
      </c>
      <c r="Z25715" s="2">
        <v>8</v>
      </c>
      <c r="AA25715" s="5">
        <v>282</v>
      </c>
      <c r="AB25715" s="5" t="s">
        <v>43</v>
      </c>
      <c r="AC25715" s="5" t="s">
        <v>44</v>
      </c>
      <c r="AD25715" s="2"/>
      <c r="AE25715" s="1"/>
    </row>
    <row r="25716" spans="1:31" ht="14.45">
      <c r="A25716" s="11"/>
      <c r="B25716" s="20"/>
      <c r="C25716" s="2" t="s">
        <v>82614</v>
      </c>
      <c r="D25716" s="14" t="s">
        <v>82615</v>
      </c>
      <c r="E25716" s="2" t="s">
        <v>82616</v>
      </c>
      <c r="F25716" s="2" t="s">
        <v>82617</v>
      </c>
      <c r="G25716" s="8">
        <v>32</v>
      </c>
      <c r="H25716" s="5">
        <v>5</v>
      </c>
      <c r="I25716" s="5" t="s">
        <v>34</v>
      </c>
      <c r="J25716" s="5" t="s">
        <v>35</v>
      </c>
      <c r="K25716" s="2" t="s">
        <v>36</v>
      </c>
      <c r="L25716" s="5" t="s">
        <v>35</v>
      </c>
      <c r="M25716" s="2" t="s">
        <v>36</v>
      </c>
      <c r="N25716" s="5" t="s">
        <v>72</v>
      </c>
      <c r="O25716" s="5" t="s">
        <v>38</v>
      </c>
      <c r="P25716" s="5" t="s">
        <v>39</v>
      </c>
      <c r="Q25716" s="5" t="s">
        <v>40</v>
      </c>
      <c r="R25716" s="5" t="s">
        <v>73</v>
      </c>
      <c r="S25716" s="5" t="s">
        <v>40</v>
      </c>
      <c r="T25716" s="5" t="s">
        <v>42</v>
      </c>
      <c r="U25716" s="2">
        <v>0.53600000000000003</v>
      </c>
      <c r="V25716" s="2">
        <v>0.40500000000000003</v>
      </c>
      <c r="W25716" s="2">
        <v>4.0000000000000001E-3</v>
      </c>
      <c r="X25716" s="2">
        <v>32.700000000000003</v>
      </c>
      <c r="Y25716" s="2">
        <v>16.600000000000001</v>
      </c>
      <c r="Z25716" s="2">
        <v>8</v>
      </c>
      <c r="AA25716" s="5">
        <v>282</v>
      </c>
      <c r="AB25716" s="5" t="s">
        <v>43</v>
      </c>
      <c r="AC25716" s="5" t="s">
        <v>44</v>
      </c>
      <c r="AD25716" s="2"/>
      <c r="AE25716" s="1"/>
    </row>
    <row r="25717" spans="1:31" ht="14.45">
      <c r="A25717" s="11"/>
      <c r="B25717" s="20"/>
      <c r="C25717" s="2" t="s">
        <v>82618</v>
      </c>
      <c r="D25717" s="14" t="s">
        <v>82619</v>
      </c>
      <c r="E25717" s="2" t="s">
        <v>82620</v>
      </c>
      <c r="F25717" s="2" t="s">
        <v>82621</v>
      </c>
      <c r="G25717" s="8">
        <v>118</v>
      </c>
      <c r="H25717" s="5">
        <v>6</v>
      </c>
      <c r="I25717" s="5" t="s">
        <v>34</v>
      </c>
      <c r="J25717" s="5" t="s">
        <v>35</v>
      </c>
      <c r="K25717" s="2" t="s">
        <v>36</v>
      </c>
      <c r="L25717" s="5" t="s">
        <v>35</v>
      </c>
      <c r="M25717" s="2" t="s">
        <v>36</v>
      </c>
      <c r="N25717" s="5" t="s">
        <v>72</v>
      </c>
      <c r="O25717" s="5" t="s">
        <v>38</v>
      </c>
      <c r="P25717" s="5" t="s">
        <v>39</v>
      </c>
      <c r="Q25717" s="5" t="s">
        <v>40</v>
      </c>
      <c r="R25717" s="5" t="s">
        <v>24340</v>
      </c>
      <c r="S25717" s="5" t="s">
        <v>40</v>
      </c>
      <c r="T25717" s="5" t="s">
        <v>42</v>
      </c>
      <c r="U25717" s="2">
        <v>2.548</v>
      </c>
      <c r="V25717" s="2">
        <v>1.919</v>
      </c>
      <c r="W25717" s="2">
        <v>0.02</v>
      </c>
      <c r="X25717" s="2">
        <v>109.4</v>
      </c>
      <c r="Y25717" s="2">
        <v>16.5</v>
      </c>
      <c r="Z25717" s="2">
        <v>11</v>
      </c>
      <c r="AA25717" s="5"/>
      <c r="AB25717" s="5" t="s">
        <v>43</v>
      </c>
      <c r="AC25717" s="5" t="s">
        <v>44</v>
      </c>
      <c r="AD25717" s="2"/>
      <c r="AE25717" s="1"/>
    </row>
    <row r="25718" spans="1:31" ht="14.45">
      <c r="A25718" s="11"/>
      <c r="B25718" s="20"/>
      <c r="C25718" s="2" t="s">
        <v>82622</v>
      </c>
      <c r="D25718" s="14" t="s">
        <v>82623</v>
      </c>
      <c r="E25718" s="2" t="s">
        <v>82624</v>
      </c>
      <c r="F25718" s="2" t="s">
        <v>82625</v>
      </c>
      <c r="G25718" s="8">
        <v>120</v>
      </c>
      <c r="H25718" s="5">
        <v>6</v>
      </c>
      <c r="I25718" s="5" t="s">
        <v>34</v>
      </c>
      <c r="J25718" s="5" t="s">
        <v>35</v>
      </c>
      <c r="K25718" s="2" t="s">
        <v>36</v>
      </c>
      <c r="L25718" s="5" t="s">
        <v>35</v>
      </c>
      <c r="M25718" s="2" t="s">
        <v>36</v>
      </c>
      <c r="N25718" s="5" t="s">
        <v>72</v>
      </c>
      <c r="O25718" s="5" t="s">
        <v>38</v>
      </c>
      <c r="P25718" s="5" t="s">
        <v>39</v>
      </c>
      <c r="Q25718" s="5" t="s">
        <v>40</v>
      </c>
      <c r="R25718" s="5" t="s">
        <v>24340</v>
      </c>
      <c r="S25718" s="5" t="s">
        <v>40</v>
      </c>
      <c r="T25718" s="5" t="s">
        <v>42</v>
      </c>
      <c r="U25718" s="2">
        <v>2.8839999999999999</v>
      </c>
      <c r="V25718" s="2">
        <v>2.2549999999999999</v>
      </c>
      <c r="W25718" s="2">
        <v>0.02</v>
      </c>
      <c r="X25718" s="2">
        <v>109.4</v>
      </c>
      <c r="Y25718" s="2">
        <v>16.5</v>
      </c>
      <c r="Z25718" s="2">
        <v>11</v>
      </c>
      <c r="AA25718" s="5"/>
      <c r="AB25718" s="5" t="s">
        <v>43</v>
      </c>
      <c r="AC25718" s="5" t="s">
        <v>44</v>
      </c>
      <c r="AD25718" s="2"/>
      <c r="AE25718" s="1"/>
    </row>
    <row r="25719" spans="1:31" ht="14.45">
      <c r="A25719" s="11"/>
      <c r="B25719" s="20"/>
      <c r="C25719" s="2" t="s">
        <v>82626</v>
      </c>
      <c r="D25719" s="14" t="s">
        <v>82627</v>
      </c>
      <c r="E25719" s="2" t="s">
        <v>82628</v>
      </c>
      <c r="F25719" s="2" t="s">
        <v>82629</v>
      </c>
      <c r="G25719" s="8">
        <v>120</v>
      </c>
      <c r="H25719" s="5">
        <v>6</v>
      </c>
      <c r="I25719" s="5" t="s">
        <v>34</v>
      </c>
      <c r="J25719" s="5" t="s">
        <v>35</v>
      </c>
      <c r="K25719" s="2" t="s">
        <v>36</v>
      </c>
      <c r="L25719" s="5" t="s">
        <v>35</v>
      </c>
      <c r="M25719" s="2" t="s">
        <v>36</v>
      </c>
      <c r="N25719" s="5" t="s">
        <v>72</v>
      </c>
      <c r="O25719" s="5" t="s">
        <v>38</v>
      </c>
      <c r="P25719" s="5" t="s">
        <v>39</v>
      </c>
      <c r="Q25719" s="5" t="s">
        <v>40</v>
      </c>
      <c r="R25719" s="5" t="s">
        <v>24340</v>
      </c>
      <c r="S25719" s="5" t="s">
        <v>40</v>
      </c>
      <c r="T25719" s="5" t="s">
        <v>42</v>
      </c>
      <c r="U25719" s="2">
        <v>3.2989999999999999</v>
      </c>
      <c r="V25719" s="2">
        <v>2.5910000000000002</v>
      </c>
      <c r="W25719" s="2">
        <v>2.3E-2</v>
      </c>
      <c r="X25719" s="2">
        <v>129.4</v>
      </c>
      <c r="Y25719" s="2">
        <v>16.5</v>
      </c>
      <c r="Z25719" s="2">
        <v>11</v>
      </c>
      <c r="AA25719" s="5"/>
      <c r="AB25719" s="5" t="s">
        <v>43</v>
      </c>
      <c r="AC25719" s="5" t="s">
        <v>44</v>
      </c>
      <c r="AD25719" s="2"/>
      <c r="AE25719" s="1"/>
    </row>
    <row r="25720" spans="1:31" ht="14.45">
      <c r="A25720" s="11"/>
      <c r="B25720" s="20"/>
      <c r="C25720" s="2" t="s">
        <v>82630</v>
      </c>
      <c r="D25720" s="14" t="s">
        <v>82631</v>
      </c>
      <c r="E25720" s="2" t="s">
        <v>82632</v>
      </c>
      <c r="F25720" s="2" t="s">
        <v>82633</v>
      </c>
      <c r="G25720" s="8">
        <v>91</v>
      </c>
      <c r="H25720" s="5">
        <v>6</v>
      </c>
      <c r="I25720" s="5" t="s">
        <v>34</v>
      </c>
      <c r="J25720" s="5" t="s">
        <v>35</v>
      </c>
      <c r="K25720" s="2" t="s">
        <v>36</v>
      </c>
      <c r="L25720" s="5" t="s">
        <v>35</v>
      </c>
      <c r="M25720" s="2" t="s">
        <v>36</v>
      </c>
      <c r="N25720" s="5" t="s">
        <v>72</v>
      </c>
      <c r="O25720" s="5" t="s">
        <v>38</v>
      </c>
      <c r="P25720" s="5" t="s">
        <v>39</v>
      </c>
      <c r="Q25720" s="5" t="s">
        <v>40</v>
      </c>
      <c r="R25720" s="5" t="s">
        <v>24340</v>
      </c>
      <c r="S25720" s="5" t="s">
        <v>40</v>
      </c>
      <c r="T25720" s="5" t="s">
        <v>42</v>
      </c>
      <c r="U25720" s="2">
        <v>4.4420000000000002</v>
      </c>
      <c r="V25720" s="2">
        <v>3.6269999999999998</v>
      </c>
      <c r="W25720" s="2">
        <v>2.7E-2</v>
      </c>
      <c r="X25720" s="2">
        <v>151.4</v>
      </c>
      <c r="Y25720" s="2">
        <v>16.5</v>
      </c>
      <c r="Z25720" s="2">
        <v>11</v>
      </c>
      <c r="AA25720" s="5"/>
      <c r="AB25720" s="5" t="s">
        <v>43</v>
      </c>
      <c r="AC25720" s="5" t="s">
        <v>44</v>
      </c>
      <c r="AD25720" s="2"/>
      <c r="AE25720" s="1"/>
    </row>
    <row r="25721" spans="1:31" ht="14.45">
      <c r="A25721" s="11"/>
      <c r="B25721" s="20"/>
      <c r="C25721" s="2" t="s">
        <v>82634</v>
      </c>
      <c r="D25721" s="14" t="s">
        <v>82635</v>
      </c>
      <c r="E25721" s="2" t="s">
        <v>82636</v>
      </c>
      <c r="F25721" s="2" t="s">
        <v>82633</v>
      </c>
      <c r="G25721" s="8">
        <v>94</v>
      </c>
      <c r="H25721" s="5">
        <v>6</v>
      </c>
      <c r="I25721" s="5" t="s">
        <v>34</v>
      </c>
      <c r="J25721" s="5" t="s">
        <v>35</v>
      </c>
      <c r="K25721" s="2" t="s">
        <v>36</v>
      </c>
      <c r="L25721" s="5" t="s">
        <v>35</v>
      </c>
      <c r="M25721" s="2" t="s">
        <v>36</v>
      </c>
      <c r="N25721" s="5" t="s">
        <v>72</v>
      </c>
      <c r="O25721" s="5" t="s">
        <v>38</v>
      </c>
      <c r="P25721" s="5" t="s">
        <v>39</v>
      </c>
      <c r="Q25721" s="5" t="s">
        <v>40</v>
      </c>
      <c r="R25721" s="5" t="s">
        <v>24340</v>
      </c>
      <c r="S25721" s="5" t="s">
        <v>40</v>
      </c>
      <c r="T25721" s="5" t="s">
        <v>42</v>
      </c>
      <c r="U25721" s="2">
        <v>4.7939999999999996</v>
      </c>
      <c r="V25721" s="2">
        <v>3.9969999999999999</v>
      </c>
      <c r="W25721" s="2">
        <v>2.7E-2</v>
      </c>
      <c r="X25721" s="2">
        <v>151.4</v>
      </c>
      <c r="Y25721" s="2">
        <v>16.5</v>
      </c>
      <c r="Z25721" s="2">
        <v>11</v>
      </c>
      <c r="AA25721" s="5"/>
      <c r="AB25721" s="5" t="s">
        <v>43</v>
      </c>
      <c r="AC25721" s="5" t="s">
        <v>44</v>
      </c>
      <c r="AD25721" s="2"/>
      <c r="AE25721" s="1"/>
    </row>
    <row r="25722" spans="1:31" ht="14.45">
      <c r="A25722" s="11"/>
      <c r="B25722" s="20"/>
      <c r="C25722" s="2" t="s">
        <v>82637</v>
      </c>
      <c r="D25722" s="14" t="s">
        <v>82638</v>
      </c>
      <c r="E25722" s="2" t="s">
        <v>82639</v>
      </c>
      <c r="F25722" s="2" t="s">
        <v>82640</v>
      </c>
      <c r="G25722" s="8">
        <v>121</v>
      </c>
      <c r="H25722" s="5">
        <v>6</v>
      </c>
      <c r="I25722" s="5" t="s">
        <v>34</v>
      </c>
      <c r="J25722" s="5" t="s">
        <v>35</v>
      </c>
      <c r="K25722" s="2" t="s">
        <v>36</v>
      </c>
      <c r="L25722" s="5" t="s">
        <v>35</v>
      </c>
      <c r="M25722" s="2" t="s">
        <v>36</v>
      </c>
      <c r="N25722" s="5" t="s">
        <v>72</v>
      </c>
      <c r="O25722" s="5" t="s">
        <v>38</v>
      </c>
      <c r="P25722" s="5" t="s">
        <v>39</v>
      </c>
      <c r="Q25722" s="5" t="s">
        <v>40</v>
      </c>
      <c r="R25722" s="5" t="s">
        <v>24340</v>
      </c>
      <c r="S25722" s="5" t="s">
        <v>40</v>
      </c>
      <c r="T25722" s="5" t="s">
        <v>42</v>
      </c>
      <c r="U25722" s="2">
        <v>2.9980000000000002</v>
      </c>
      <c r="V25722" s="2">
        <v>2.3690000000000002</v>
      </c>
      <c r="W25722" s="2">
        <v>0.02</v>
      </c>
      <c r="X25722" s="2">
        <v>109.4</v>
      </c>
      <c r="Y25722" s="2">
        <v>16.5</v>
      </c>
      <c r="Z25722" s="2">
        <v>11</v>
      </c>
      <c r="AA25722" s="5"/>
      <c r="AB25722" s="5" t="s">
        <v>43</v>
      </c>
      <c r="AC25722" s="5" t="s">
        <v>44</v>
      </c>
      <c r="AD25722" s="2"/>
      <c r="AE25722" s="1"/>
    </row>
    <row r="25723" spans="1:31" ht="14.45">
      <c r="A25723" s="11"/>
      <c r="B25723" s="20"/>
      <c r="C25723" s="2" t="s">
        <v>82641</v>
      </c>
      <c r="D25723" s="14" t="s">
        <v>82642</v>
      </c>
      <c r="E25723" s="2" t="s">
        <v>82643</v>
      </c>
      <c r="F25723" s="2" t="s">
        <v>82644</v>
      </c>
      <c r="G25723" s="8">
        <v>122</v>
      </c>
      <c r="H25723" s="5">
        <v>6</v>
      </c>
      <c r="I25723" s="5" t="s">
        <v>34</v>
      </c>
      <c r="J25723" s="5" t="s">
        <v>35</v>
      </c>
      <c r="K25723" s="2" t="s">
        <v>36</v>
      </c>
      <c r="L25723" s="5" t="s">
        <v>35</v>
      </c>
      <c r="M25723" s="2" t="s">
        <v>36</v>
      </c>
      <c r="N25723" s="5" t="s">
        <v>72</v>
      </c>
      <c r="O25723" s="5" t="s">
        <v>38</v>
      </c>
      <c r="P25723" s="5" t="s">
        <v>39</v>
      </c>
      <c r="Q25723" s="5" t="s">
        <v>40</v>
      </c>
      <c r="R25723" s="5" t="s">
        <v>24340</v>
      </c>
      <c r="S25723" s="5" t="s">
        <v>40</v>
      </c>
      <c r="T25723" s="5" t="s">
        <v>42</v>
      </c>
      <c r="U25723" s="2">
        <v>3.4129999999999998</v>
      </c>
      <c r="V25723" s="2">
        <v>2.7050000000000001</v>
      </c>
      <c r="W25723" s="2">
        <v>2.3E-2</v>
      </c>
      <c r="X25723" s="2">
        <v>129.4</v>
      </c>
      <c r="Y25723" s="2">
        <v>16.5</v>
      </c>
      <c r="Z25723" s="2">
        <v>11</v>
      </c>
      <c r="AA25723" s="5"/>
      <c r="AB25723" s="5" t="s">
        <v>43</v>
      </c>
      <c r="AC25723" s="5" t="s">
        <v>44</v>
      </c>
      <c r="AD25723" s="2"/>
      <c r="AE25723" s="1"/>
    </row>
    <row r="25724" spans="1:31" ht="14.45">
      <c r="A25724" s="11"/>
      <c r="B25724" s="20"/>
      <c r="C25724" s="2" t="s">
        <v>82645</v>
      </c>
      <c r="D25724" s="14" t="s">
        <v>82646</v>
      </c>
      <c r="E25724" s="2" t="s">
        <v>82647</v>
      </c>
      <c r="F25724" s="2" t="s">
        <v>82648</v>
      </c>
      <c r="G25724" s="8">
        <v>122</v>
      </c>
      <c r="H25724" s="5">
        <v>6</v>
      </c>
      <c r="I25724" s="5" t="s">
        <v>34</v>
      </c>
      <c r="J25724" s="5" t="s">
        <v>35</v>
      </c>
      <c r="K25724" s="2" t="s">
        <v>36</v>
      </c>
      <c r="L25724" s="5" t="s">
        <v>35</v>
      </c>
      <c r="M25724" s="2" t="s">
        <v>36</v>
      </c>
      <c r="N25724" s="5" t="s">
        <v>72</v>
      </c>
      <c r="O25724" s="5" t="s">
        <v>38</v>
      </c>
      <c r="P25724" s="5" t="s">
        <v>39</v>
      </c>
      <c r="Q25724" s="5" t="s">
        <v>40</v>
      </c>
      <c r="R25724" s="5" t="s">
        <v>24340</v>
      </c>
      <c r="S25724" s="5" t="s">
        <v>40</v>
      </c>
      <c r="T25724" s="5" t="s">
        <v>42</v>
      </c>
      <c r="U25724" s="2">
        <v>3.891</v>
      </c>
      <c r="V25724" s="2">
        <v>3.0750000000000002</v>
      </c>
      <c r="W25724" s="2">
        <v>2.7E-2</v>
      </c>
      <c r="X25724" s="2">
        <v>151.4</v>
      </c>
      <c r="Y25724" s="2">
        <v>16.5</v>
      </c>
      <c r="Z25724" s="2">
        <v>11</v>
      </c>
      <c r="AA25724" s="5"/>
      <c r="AB25724" s="5" t="s">
        <v>43</v>
      </c>
      <c r="AC25724" s="5" t="s">
        <v>44</v>
      </c>
      <c r="AD25724" s="2"/>
      <c r="AE25724" s="1"/>
    </row>
    <row r="25725" spans="1:31" ht="14.45">
      <c r="A25725" s="11"/>
      <c r="B25725" s="20"/>
      <c r="C25725" s="2" t="s">
        <v>82649</v>
      </c>
      <c r="D25725" s="14" t="s">
        <v>82650</v>
      </c>
      <c r="E25725" s="2" t="s">
        <v>82651</v>
      </c>
      <c r="F25725" s="2" t="s">
        <v>82652</v>
      </c>
      <c r="G25725" s="8">
        <v>121</v>
      </c>
      <c r="H25725" s="5">
        <v>6</v>
      </c>
      <c r="I25725" s="5" t="s">
        <v>34</v>
      </c>
      <c r="J25725" s="5" t="s">
        <v>35</v>
      </c>
      <c r="K25725" s="2" t="s">
        <v>36</v>
      </c>
      <c r="L25725" s="5" t="s">
        <v>35</v>
      </c>
      <c r="M25725" s="2" t="s">
        <v>36</v>
      </c>
      <c r="N25725" s="5" t="s">
        <v>72</v>
      </c>
      <c r="O25725" s="5" t="s">
        <v>38</v>
      </c>
      <c r="P25725" s="5" t="s">
        <v>39</v>
      </c>
      <c r="Q25725" s="5" t="s">
        <v>40</v>
      </c>
      <c r="R25725" s="5" t="s">
        <v>24340</v>
      </c>
      <c r="S25725" s="5" t="s">
        <v>40</v>
      </c>
      <c r="T25725" s="5" t="s">
        <v>42</v>
      </c>
      <c r="U25725" s="2">
        <v>3.1179999999999999</v>
      </c>
      <c r="V25725" s="2">
        <v>2.4889999999999999</v>
      </c>
      <c r="W25725" s="2">
        <v>0.02</v>
      </c>
      <c r="X25725" s="2">
        <v>109.4</v>
      </c>
      <c r="Y25725" s="2">
        <v>16.5</v>
      </c>
      <c r="Z25725" s="2">
        <v>11</v>
      </c>
      <c r="AA25725" s="5"/>
      <c r="AB25725" s="5" t="s">
        <v>43</v>
      </c>
      <c r="AC25725" s="5" t="s">
        <v>44</v>
      </c>
      <c r="AD25725" s="2"/>
      <c r="AE25725" s="1"/>
    </row>
    <row r="25726" spans="1:31" ht="14.45">
      <c r="A25726" s="11"/>
      <c r="B25726" s="20"/>
      <c r="C25726" s="2" t="s">
        <v>82653</v>
      </c>
      <c r="D25726" s="14" t="s">
        <v>82654</v>
      </c>
      <c r="E25726" s="2" t="s">
        <v>82655</v>
      </c>
      <c r="F25726" s="2" t="s">
        <v>82656</v>
      </c>
      <c r="G25726" s="8">
        <v>122</v>
      </c>
      <c r="H25726" s="5">
        <v>6</v>
      </c>
      <c r="I25726" s="5" t="s">
        <v>34</v>
      </c>
      <c r="J25726" s="5" t="s">
        <v>35</v>
      </c>
      <c r="K25726" s="2" t="s">
        <v>36</v>
      </c>
      <c r="L25726" s="5" t="s">
        <v>35</v>
      </c>
      <c r="M25726" s="2" t="s">
        <v>36</v>
      </c>
      <c r="N25726" s="5" t="s">
        <v>72</v>
      </c>
      <c r="O25726" s="5" t="s">
        <v>38</v>
      </c>
      <c r="P25726" s="5" t="s">
        <v>39</v>
      </c>
      <c r="Q25726" s="5" t="s">
        <v>40</v>
      </c>
      <c r="R25726" s="5" t="s">
        <v>24340</v>
      </c>
      <c r="S25726" s="5" t="s">
        <v>40</v>
      </c>
      <c r="T25726" s="5" t="s">
        <v>42</v>
      </c>
      <c r="U25726" s="2">
        <v>3.5329999999999999</v>
      </c>
      <c r="V25726" s="2">
        <v>2.8250000000000002</v>
      </c>
      <c r="W25726" s="2">
        <v>2.3E-2</v>
      </c>
      <c r="X25726" s="2">
        <v>129.4</v>
      </c>
      <c r="Y25726" s="2">
        <v>16.5</v>
      </c>
      <c r="Z25726" s="2">
        <v>11</v>
      </c>
      <c r="AA25726" s="5"/>
      <c r="AB25726" s="5" t="s">
        <v>43</v>
      </c>
      <c r="AC25726" s="5" t="s">
        <v>44</v>
      </c>
      <c r="AD25726" s="2"/>
      <c r="AE25726" s="1"/>
    </row>
    <row r="25727" spans="1:31" ht="14.45">
      <c r="A25727" s="11"/>
      <c r="B25727" s="20"/>
      <c r="C25727" s="2" t="s">
        <v>82657</v>
      </c>
      <c r="D25727" s="14" t="s">
        <v>82658</v>
      </c>
      <c r="E25727" s="2" t="s">
        <v>82659</v>
      </c>
      <c r="F25727" s="2" t="s">
        <v>82660</v>
      </c>
      <c r="G25727" s="8">
        <v>123</v>
      </c>
      <c r="H25727" s="5">
        <v>6</v>
      </c>
      <c r="I25727" s="5" t="s">
        <v>34</v>
      </c>
      <c r="J25727" s="5" t="s">
        <v>35</v>
      </c>
      <c r="K25727" s="2" t="s">
        <v>36</v>
      </c>
      <c r="L25727" s="5" t="s">
        <v>35</v>
      </c>
      <c r="M25727" s="2" t="s">
        <v>36</v>
      </c>
      <c r="N25727" s="5" t="s">
        <v>72</v>
      </c>
      <c r="O25727" s="5" t="s">
        <v>38</v>
      </c>
      <c r="P25727" s="5" t="s">
        <v>39</v>
      </c>
      <c r="Q25727" s="5" t="s">
        <v>40</v>
      </c>
      <c r="R25727" s="5" t="s">
        <v>24340</v>
      </c>
      <c r="S25727" s="5" t="s">
        <v>40</v>
      </c>
      <c r="T25727" s="5" t="s">
        <v>42</v>
      </c>
      <c r="U25727" s="2">
        <v>4.0110000000000001</v>
      </c>
      <c r="V25727" s="2">
        <v>3.1949999999999998</v>
      </c>
      <c r="W25727" s="2">
        <v>2.7E-2</v>
      </c>
      <c r="X25727" s="2">
        <v>151.4</v>
      </c>
      <c r="Y25727" s="2">
        <v>16.5</v>
      </c>
      <c r="Z25727" s="2">
        <v>11</v>
      </c>
      <c r="AA25727" s="5"/>
      <c r="AB25727" s="5" t="s">
        <v>43</v>
      </c>
      <c r="AC25727" s="5" t="s">
        <v>44</v>
      </c>
      <c r="AD25727" s="2"/>
      <c r="AE25727" s="1"/>
    </row>
    <row r="25728" spans="1:31" ht="14.45">
      <c r="A25728" s="11"/>
      <c r="B25728" s="20"/>
      <c r="C25728" s="2" t="s">
        <v>82661</v>
      </c>
      <c r="D25728" s="14" t="s">
        <v>82662</v>
      </c>
      <c r="E25728" s="2" t="s">
        <v>82663</v>
      </c>
      <c r="F25728" s="2" t="s">
        <v>82664</v>
      </c>
      <c r="G25728" s="8">
        <v>124</v>
      </c>
      <c r="H25728" s="5">
        <v>6</v>
      </c>
      <c r="I25728" s="5" t="s">
        <v>34</v>
      </c>
      <c r="J25728" s="5" t="s">
        <v>35</v>
      </c>
      <c r="K25728" s="2" t="s">
        <v>36</v>
      </c>
      <c r="L25728" s="5" t="s">
        <v>35</v>
      </c>
      <c r="M25728" s="2" t="s">
        <v>36</v>
      </c>
      <c r="N25728" s="5" t="s">
        <v>72</v>
      </c>
      <c r="O25728" s="5" t="s">
        <v>38</v>
      </c>
      <c r="P25728" s="5" t="s">
        <v>39</v>
      </c>
      <c r="Q25728" s="5" t="s">
        <v>40</v>
      </c>
      <c r="R25728" s="5" t="s">
        <v>24340</v>
      </c>
      <c r="S25728" s="5" t="s">
        <v>40</v>
      </c>
      <c r="T25728" s="5" t="s">
        <v>42</v>
      </c>
      <c r="U25728" s="2">
        <v>4.53</v>
      </c>
      <c r="V25728" s="2">
        <v>3.5350000000000001</v>
      </c>
      <c r="W25728" s="2">
        <v>3.1E-2</v>
      </c>
      <c r="X25728" s="2">
        <v>171.6</v>
      </c>
      <c r="Y25728" s="2">
        <v>16.5</v>
      </c>
      <c r="Z25728" s="2">
        <v>11</v>
      </c>
      <c r="AA25728" s="5"/>
      <c r="AB25728" s="5" t="s">
        <v>43</v>
      </c>
      <c r="AC25728" s="5" t="s">
        <v>44</v>
      </c>
      <c r="AD25728" s="2"/>
      <c r="AE25728" s="1"/>
    </row>
    <row r="25729" spans="1:31" ht="14.45">
      <c r="A25729" s="11"/>
      <c r="B25729" s="20"/>
      <c r="C25729" s="2" t="s">
        <v>82665</v>
      </c>
      <c r="D25729" s="14" t="s">
        <v>82666</v>
      </c>
      <c r="E25729" s="2" t="s">
        <v>82667</v>
      </c>
      <c r="F25729" s="2" t="s">
        <v>82668</v>
      </c>
      <c r="G25729" s="8">
        <v>128</v>
      </c>
      <c r="H25729" s="5">
        <v>6</v>
      </c>
      <c r="I25729" s="5" t="s">
        <v>34</v>
      </c>
      <c r="J25729" s="5" t="s">
        <v>35</v>
      </c>
      <c r="K25729" s="2" t="s">
        <v>36</v>
      </c>
      <c r="L25729" s="5" t="s">
        <v>35</v>
      </c>
      <c r="M25729" s="2" t="s">
        <v>36</v>
      </c>
      <c r="N25729" s="5" t="s">
        <v>72</v>
      </c>
      <c r="O25729" s="5" t="s">
        <v>38</v>
      </c>
      <c r="P25729" s="5" t="s">
        <v>39</v>
      </c>
      <c r="Q25729" s="5" t="s">
        <v>40</v>
      </c>
      <c r="R25729" s="5" t="s">
        <v>24340</v>
      </c>
      <c r="S25729" s="5" t="s">
        <v>40</v>
      </c>
      <c r="T25729" s="5" t="s">
        <v>42</v>
      </c>
      <c r="U25729" s="2">
        <v>4.8659999999999997</v>
      </c>
      <c r="V25729" s="2">
        <v>3.871</v>
      </c>
      <c r="W25729" s="2">
        <v>3.1E-2</v>
      </c>
      <c r="X25729" s="2">
        <v>171.6</v>
      </c>
      <c r="Y25729" s="2">
        <v>16.5</v>
      </c>
      <c r="Z25729" s="2">
        <v>11</v>
      </c>
      <c r="AA25729" s="5"/>
      <c r="AB25729" s="5" t="s">
        <v>43</v>
      </c>
      <c r="AC25729" s="5" t="s">
        <v>44</v>
      </c>
      <c r="AD25729" s="2"/>
      <c r="AE25729" s="1"/>
    </row>
    <row r="25730" spans="1:31" ht="14.45">
      <c r="A25730" s="11"/>
      <c r="B25730" s="20"/>
      <c r="C25730" s="2" t="s">
        <v>82669</v>
      </c>
      <c r="D25730" s="14" t="s">
        <v>82670</v>
      </c>
      <c r="E25730" s="2" t="s">
        <v>82671</v>
      </c>
      <c r="F25730" s="2" t="s">
        <v>82672</v>
      </c>
      <c r="G25730" s="8">
        <v>128</v>
      </c>
      <c r="H25730" s="5">
        <v>6</v>
      </c>
      <c r="I25730" s="5" t="s">
        <v>34</v>
      </c>
      <c r="J25730" s="5" t="s">
        <v>35</v>
      </c>
      <c r="K25730" s="2" t="s">
        <v>36</v>
      </c>
      <c r="L25730" s="5" t="s">
        <v>35</v>
      </c>
      <c r="M25730" s="2" t="s">
        <v>36</v>
      </c>
      <c r="N25730" s="5" t="s">
        <v>72</v>
      </c>
      <c r="O25730" s="5" t="s">
        <v>38</v>
      </c>
      <c r="P25730" s="5" t="s">
        <v>39</v>
      </c>
      <c r="Q25730" s="5" t="s">
        <v>40</v>
      </c>
      <c r="R25730" s="5" t="s">
        <v>24340</v>
      </c>
      <c r="S25730" s="5" t="s">
        <v>40</v>
      </c>
      <c r="T25730" s="5" t="s">
        <v>42</v>
      </c>
      <c r="U25730" s="2">
        <v>3.7029999999999998</v>
      </c>
      <c r="V25730" s="2">
        <v>2.9950000000000001</v>
      </c>
      <c r="W25730" s="2">
        <v>2.3E-2</v>
      </c>
      <c r="X25730" s="2">
        <v>129.4</v>
      </c>
      <c r="Y25730" s="2">
        <v>16.5</v>
      </c>
      <c r="Z25730" s="2">
        <v>11</v>
      </c>
      <c r="AA25730" s="5"/>
      <c r="AB25730" s="5" t="s">
        <v>43</v>
      </c>
      <c r="AC25730" s="5" t="s">
        <v>44</v>
      </c>
      <c r="AD25730" s="2"/>
      <c r="AE25730" s="1"/>
    </row>
    <row r="25731" spans="1:31" ht="14.45">
      <c r="A25731" s="11"/>
      <c r="B25731" s="20"/>
      <c r="C25731" s="2" t="s">
        <v>82673</v>
      </c>
      <c r="D25731" s="14" t="s">
        <v>82674</v>
      </c>
      <c r="E25731" s="2" t="s">
        <v>82675</v>
      </c>
      <c r="F25731" s="2" t="s">
        <v>82676</v>
      </c>
      <c r="G25731" s="8">
        <v>132</v>
      </c>
      <c r="H25731" s="5">
        <v>6</v>
      </c>
      <c r="I25731" s="5" t="s">
        <v>34</v>
      </c>
      <c r="J25731" s="5" t="s">
        <v>35</v>
      </c>
      <c r="K25731" s="2" t="s">
        <v>36</v>
      </c>
      <c r="L25731" s="5" t="s">
        <v>35</v>
      </c>
      <c r="M25731" s="2" t="s">
        <v>36</v>
      </c>
      <c r="N25731" s="5" t="s">
        <v>72</v>
      </c>
      <c r="O25731" s="5" t="s">
        <v>38</v>
      </c>
      <c r="P25731" s="5" t="s">
        <v>39</v>
      </c>
      <c r="Q25731" s="5" t="s">
        <v>40</v>
      </c>
      <c r="R25731" s="5" t="s">
        <v>24340</v>
      </c>
      <c r="S25731" s="5" t="s">
        <v>40</v>
      </c>
      <c r="T25731" s="5" t="s">
        <v>42</v>
      </c>
      <c r="U25731" s="2">
        <v>4.181</v>
      </c>
      <c r="V25731" s="2">
        <v>3.3650000000000002</v>
      </c>
      <c r="W25731" s="2">
        <v>2.7E-2</v>
      </c>
      <c r="X25731" s="2">
        <v>151.4</v>
      </c>
      <c r="Y25731" s="2">
        <v>16.5</v>
      </c>
      <c r="Z25731" s="2">
        <v>11</v>
      </c>
      <c r="AA25731" s="5"/>
      <c r="AB25731" s="5" t="s">
        <v>43</v>
      </c>
      <c r="AC25731" s="5" t="s">
        <v>44</v>
      </c>
      <c r="AD25731" s="2"/>
      <c r="AE25731" s="1"/>
    </row>
    <row r="25732" spans="1:31" ht="14.45">
      <c r="A25732" s="11"/>
      <c r="B25732" s="20"/>
      <c r="C25732" s="2" t="s">
        <v>82677</v>
      </c>
      <c r="D25732" s="14" t="s">
        <v>82678</v>
      </c>
      <c r="E25732" s="2" t="s">
        <v>82679</v>
      </c>
      <c r="F25732" s="2" t="s">
        <v>82680</v>
      </c>
      <c r="G25732" s="8">
        <v>137</v>
      </c>
      <c r="H25732" s="5">
        <v>6</v>
      </c>
      <c r="I25732" s="5" t="s">
        <v>34</v>
      </c>
      <c r="J25732" s="5" t="s">
        <v>35</v>
      </c>
      <c r="K25732" s="2" t="s">
        <v>36</v>
      </c>
      <c r="L25732" s="5" t="s">
        <v>35</v>
      </c>
      <c r="M25732" s="2" t="s">
        <v>36</v>
      </c>
      <c r="N25732" s="5" t="s">
        <v>72</v>
      </c>
      <c r="O25732" s="5" t="s">
        <v>38</v>
      </c>
      <c r="P25732" s="5" t="s">
        <v>39</v>
      </c>
      <c r="Q25732" s="5" t="s">
        <v>40</v>
      </c>
      <c r="R25732" s="5" t="s">
        <v>24340</v>
      </c>
      <c r="S25732" s="5" t="s">
        <v>40</v>
      </c>
      <c r="T25732" s="5" t="s">
        <v>42</v>
      </c>
      <c r="U25732" s="2">
        <v>4.7</v>
      </c>
      <c r="V25732" s="2">
        <v>3.7050000000000001</v>
      </c>
      <c r="W25732" s="2">
        <v>3.1E-2</v>
      </c>
      <c r="X25732" s="2">
        <v>171.6</v>
      </c>
      <c r="Y25732" s="2">
        <v>16.5</v>
      </c>
      <c r="Z25732" s="2">
        <v>11</v>
      </c>
      <c r="AA25732" s="5"/>
      <c r="AB25732" s="5" t="s">
        <v>43</v>
      </c>
      <c r="AC25732" s="5" t="s">
        <v>44</v>
      </c>
      <c r="AD25732" s="2"/>
      <c r="AE25732" s="1"/>
    </row>
    <row r="25733" spans="1:31" ht="14.45">
      <c r="A25733" s="11"/>
      <c r="B25733" s="20"/>
      <c r="C25733" s="2" t="s">
        <v>82681</v>
      </c>
      <c r="D25733" s="14" t="s">
        <v>82682</v>
      </c>
      <c r="E25733" s="2" t="s">
        <v>82683</v>
      </c>
      <c r="F25733" s="2" t="s">
        <v>82684</v>
      </c>
      <c r="G25733" s="8">
        <v>144</v>
      </c>
      <c r="H25733" s="5">
        <v>6</v>
      </c>
      <c r="I25733" s="5" t="s">
        <v>34</v>
      </c>
      <c r="J25733" s="5" t="s">
        <v>35</v>
      </c>
      <c r="K25733" s="2" t="s">
        <v>36</v>
      </c>
      <c r="L25733" s="5" t="s">
        <v>35</v>
      </c>
      <c r="M25733" s="2" t="s">
        <v>36</v>
      </c>
      <c r="N25733" s="5" t="s">
        <v>72</v>
      </c>
      <c r="O25733" s="5" t="s">
        <v>38</v>
      </c>
      <c r="P25733" s="5" t="s">
        <v>39</v>
      </c>
      <c r="Q25733" s="5" t="s">
        <v>40</v>
      </c>
      <c r="R25733" s="5" t="s">
        <v>24340</v>
      </c>
      <c r="S25733" s="5" t="s">
        <v>40</v>
      </c>
      <c r="T25733" s="5" t="s">
        <v>42</v>
      </c>
      <c r="U25733" s="2">
        <v>3.911</v>
      </c>
      <c r="V25733" s="2">
        <v>3.2029999999999998</v>
      </c>
      <c r="W25733" s="2">
        <v>2.3E-2</v>
      </c>
      <c r="X25733" s="2">
        <v>129.4</v>
      </c>
      <c r="Y25733" s="2">
        <v>16.5</v>
      </c>
      <c r="Z25733" s="2">
        <v>11</v>
      </c>
      <c r="AA25733" s="5"/>
      <c r="AB25733" s="5" t="s">
        <v>43</v>
      </c>
      <c r="AC25733" s="5" t="s">
        <v>44</v>
      </c>
      <c r="AD25733" s="2"/>
      <c r="AE25733" s="1"/>
    </row>
    <row r="25734" spans="1:31" ht="14.45">
      <c r="A25734" s="11"/>
      <c r="B25734" s="20"/>
      <c r="C25734" s="2" t="s">
        <v>82685</v>
      </c>
      <c r="D25734" s="14" t="s">
        <v>82686</v>
      </c>
      <c r="E25734" s="2" t="s">
        <v>82687</v>
      </c>
      <c r="F25734" s="2" t="s">
        <v>82688</v>
      </c>
      <c r="G25734" s="8">
        <v>149</v>
      </c>
      <c r="H25734" s="5">
        <v>6</v>
      </c>
      <c r="I25734" s="5" t="s">
        <v>34</v>
      </c>
      <c r="J25734" s="5" t="s">
        <v>35</v>
      </c>
      <c r="K25734" s="2" t="s">
        <v>36</v>
      </c>
      <c r="L25734" s="5" t="s">
        <v>35</v>
      </c>
      <c r="M25734" s="2" t="s">
        <v>36</v>
      </c>
      <c r="N25734" s="5" t="s">
        <v>72</v>
      </c>
      <c r="O25734" s="5" t="s">
        <v>38</v>
      </c>
      <c r="P25734" s="5" t="s">
        <v>39</v>
      </c>
      <c r="Q25734" s="5" t="s">
        <v>40</v>
      </c>
      <c r="R25734" s="5" t="s">
        <v>24340</v>
      </c>
      <c r="S25734" s="5" t="s">
        <v>40</v>
      </c>
      <c r="T25734" s="5" t="s">
        <v>42</v>
      </c>
      <c r="U25734" s="2">
        <v>4.3890000000000002</v>
      </c>
      <c r="V25734" s="2">
        <v>3.573</v>
      </c>
      <c r="W25734" s="2">
        <v>2.7E-2</v>
      </c>
      <c r="X25734" s="2">
        <v>151.4</v>
      </c>
      <c r="Y25734" s="2">
        <v>16.5</v>
      </c>
      <c r="Z25734" s="2">
        <v>11</v>
      </c>
      <c r="AA25734" s="5"/>
      <c r="AB25734" s="5" t="s">
        <v>43</v>
      </c>
      <c r="AC25734" s="5" t="s">
        <v>44</v>
      </c>
      <c r="AD25734" s="2"/>
      <c r="AE25734" s="1"/>
    </row>
    <row r="25735" spans="1:31" ht="14.45">
      <c r="A25735" s="11"/>
      <c r="B25735" s="20"/>
      <c r="C25735" s="2" t="s">
        <v>82689</v>
      </c>
      <c r="D25735" s="14" t="s">
        <v>82690</v>
      </c>
      <c r="E25735" s="2" t="s">
        <v>82691</v>
      </c>
      <c r="F25735" s="2" t="s">
        <v>82692</v>
      </c>
      <c r="G25735" s="8">
        <v>153</v>
      </c>
      <c r="H25735" s="5">
        <v>6</v>
      </c>
      <c r="I25735" s="5" t="s">
        <v>34</v>
      </c>
      <c r="J25735" s="5" t="s">
        <v>35</v>
      </c>
      <c r="K25735" s="2" t="s">
        <v>36</v>
      </c>
      <c r="L25735" s="5" t="s">
        <v>35</v>
      </c>
      <c r="M25735" s="2" t="s">
        <v>36</v>
      </c>
      <c r="N25735" s="5" t="s">
        <v>72</v>
      </c>
      <c r="O25735" s="5" t="s">
        <v>38</v>
      </c>
      <c r="P25735" s="5" t="s">
        <v>39</v>
      </c>
      <c r="Q25735" s="5" t="s">
        <v>40</v>
      </c>
      <c r="R25735" s="5" t="s">
        <v>24340</v>
      </c>
      <c r="S25735" s="5" t="s">
        <v>40</v>
      </c>
      <c r="T25735" s="5" t="s">
        <v>42</v>
      </c>
      <c r="U25735" s="2">
        <v>4.9080000000000004</v>
      </c>
      <c r="V25735" s="2">
        <v>3.9129999999999998</v>
      </c>
      <c r="W25735" s="2">
        <v>3.1E-2</v>
      </c>
      <c r="X25735" s="2">
        <v>171.6</v>
      </c>
      <c r="Y25735" s="2">
        <v>16.5</v>
      </c>
      <c r="Z25735" s="2">
        <v>11</v>
      </c>
      <c r="AA25735" s="5"/>
      <c r="AB25735" s="5" t="s">
        <v>43</v>
      </c>
      <c r="AC25735" s="5" t="s">
        <v>44</v>
      </c>
      <c r="AD25735" s="2"/>
      <c r="AE25735" s="1"/>
    </row>
    <row r="25736" spans="1:31" ht="14.45">
      <c r="A25736" s="11"/>
      <c r="B25736" s="20"/>
      <c r="C25736" s="2" t="s">
        <v>82693</v>
      </c>
      <c r="D25736" s="14" t="s">
        <v>82694</v>
      </c>
      <c r="E25736" s="2" t="s">
        <v>82695</v>
      </c>
      <c r="F25736" s="2" t="s">
        <v>82696</v>
      </c>
      <c r="G25736" s="8">
        <v>149</v>
      </c>
      <c r="H25736" s="5">
        <v>6</v>
      </c>
      <c r="I25736" s="5" t="s">
        <v>34</v>
      </c>
      <c r="J25736" s="5" t="s">
        <v>35</v>
      </c>
      <c r="K25736" s="2" t="s">
        <v>36</v>
      </c>
      <c r="L25736" s="5" t="s">
        <v>35</v>
      </c>
      <c r="M25736" s="2" t="s">
        <v>36</v>
      </c>
      <c r="N25736" s="5" t="s">
        <v>72</v>
      </c>
      <c r="O25736" s="5" t="s">
        <v>38</v>
      </c>
      <c r="P25736" s="5" t="s">
        <v>39</v>
      </c>
      <c r="Q25736" s="5" t="s">
        <v>40</v>
      </c>
      <c r="R25736" s="5" t="s">
        <v>24340</v>
      </c>
      <c r="S25736" s="5" t="s">
        <v>40</v>
      </c>
      <c r="T25736" s="5" t="s">
        <v>42</v>
      </c>
      <c r="U25736" s="2">
        <v>3.7789999999999999</v>
      </c>
      <c r="V25736" s="2">
        <v>3.0710000000000002</v>
      </c>
      <c r="W25736" s="2">
        <v>2.3E-2</v>
      </c>
      <c r="X25736" s="2">
        <v>129.4</v>
      </c>
      <c r="Y25736" s="2">
        <v>16.5</v>
      </c>
      <c r="Z25736" s="2">
        <v>11</v>
      </c>
      <c r="AA25736" s="5"/>
      <c r="AB25736" s="5" t="s">
        <v>43</v>
      </c>
      <c r="AC25736" s="5" t="s">
        <v>44</v>
      </c>
      <c r="AD25736" s="2"/>
      <c r="AE25736" s="1"/>
    </row>
    <row r="25737" spans="1:31" ht="14.45">
      <c r="A25737" s="11"/>
      <c r="B25737" s="20"/>
      <c r="C25737" s="2" t="s">
        <v>82697</v>
      </c>
      <c r="D25737" s="14" t="s">
        <v>82698</v>
      </c>
      <c r="E25737" s="2" t="s">
        <v>82699</v>
      </c>
      <c r="F25737" s="2" t="s">
        <v>82700</v>
      </c>
      <c r="G25737" s="8">
        <v>153</v>
      </c>
      <c r="H25737" s="5">
        <v>6</v>
      </c>
      <c r="I25737" s="5" t="s">
        <v>34</v>
      </c>
      <c r="J25737" s="5" t="s">
        <v>35</v>
      </c>
      <c r="K25737" s="2" t="s">
        <v>36</v>
      </c>
      <c r="L25737" s="5" t="s">
        <v>35</v>
      </c>
      <c r="M25737" s="2" t="s">
        <v>36</v>
      </c>
      <c r="N25737" s="5" t="s">
        <v>72</v>
      </c>
      <c r="O25737" s="5" t="s">
        <v>38</v>
      </c>
      <c r="P25737" s="5" t="s">
        <v>39</v>
      </c>
      <c r="Q25737" s="5" t="s">
        <v>40</v>
      </c>
      <c r="R25737" s="5" t="s">
        <v>24340</v>
      </c>
      <c r="S25737" s="5" t="s">
        <v>40</v>
      </c>
      <c r="T25737" s="5" t="s">
        <v>42</v>
      </c>
      <c r="U25737" s="2">
        <v>4.593</v>
      </c>
      <c r="V25737" s="2">
        <v>3.7770000000000001</v>
      </c>
      <c r="W25737" s="2">
        <v>2.7E-2</v>
      </c>
      <c r="X25737" s="2">
        <v>151.4</v>
      </c>
      <c r="Y25737" s="2">
        <v>16.5</v>
      </c>
      <c r="Z25737" s="2">
        <v>11</v>
      </c>
      <c r="AA25737" s="5"/>
      <c r="AB25737" s="5" t="s">
        <v>43</v>
      </c>
      <c r="AC25737" s="5" t="s">
        <v>44</v>
      </c>
      <c r="AD25737" s="2"/>
      <c r="AE25737" s="1"/>
    </row>
    <row r="25738" spans="1:31" ht="14.45">
      <c r="A25738" s="11"/>
      <c r="B25738" s="20"/>
      <c r="C25738" s="2" t="s">
        <v>82701</v>
      </c>
      <c r="D25738" s="14" t="s">
        <v>82702</v>
      </c>
      <c r="E25738" s="2" t="s">
        <v>82703</v>
      </c>
      <c r="F25738" s="2" t="s">
        <v>82704</v>
      </c>
      <c r="G25738" s="8">
        <v>161</v>
      </c>
      <c r="H25738" s="5">
        <v>6</v>
      </c>
      <c r="I25738" s="5" t="s">
        <v>34</v>
      </c>
      <c r="J25738" s="5" t="s">
        <v>35</v>
      </c>
      <c r="K25738" s="2" t="s">
        <v>36</v>
      </c>
      <c r="L25738" s="5" t="s">
        <v>35</v>
      </c>
      <c r="M25738" s="2" t="s">
        <v>36</v>
      </c>
      <c r="N25738" s="5" t="s">
        <v>72</v>
      </c>
      <c r="O25738" s="5" t="s">
        <v>38</v>
      </c>
      <c r="P25738" s="5" t="s">
        <v>39</v>
      </c>
      <c r="Q25738" s="5" t="s">
        <v>40</v>
      </c>
      <c r="R25738" s="5" t="s">
        <v>24340</v>
      </c>
      <c r="S25738" s="5" t="s">
        <v>40</v>
      </c>
      <c r="T25738" s="5" t="s">
        <v>42</v>
      </c>
      <c r="U25738" s="2">
        <v>5.1120000000000001</v>
      </c>
      <c r="V25738" s="2">
        <v>4.117</v>
      </c>
      <c r="W25738" s="2">
        <v>3.1E-2</v>
      </c>
      <c r="X25738" s="2">
        <v>171.6</v>
      </c>
      <c r="Y25738" s="2">
        <v>16.5</v>
      </c>
      <c r="Z25738" s="2">
        <v>11</v>
      </c>
      <c r="AA25738" s="5"/>
      <c r="AB25738" s="5" t="s">
        <v>43</v>
      </c>
      <c r="AC25738" s="5" t="s">
        <v>44</v>
      </c>
      <c r="AD25738" s="2"/>
      <c r="AE25738" s="1"/>
    </row>
    <row r="25739" spans="1:31" ht="14.45">
      <c r="A25739" s="11"/>
      <c r="B25739" s="20"/>
      <c r="C25739" s="2" t="s">
        <v>82705</v>
      </c>
      <c r="D25739" s="14" t="s">
        <v>82706</v>
      </c>
      <c r="E25739" s="2" t="s">
        <v>82707</v>
      </c>
      <c r="F25739" s="2" t="s">
        <v>82708</v>
      </c>
      <c r="G25739" s="8">
        <v>88</v>
      </c>
      <c r="H25739" s="5">
        <v>5</v>
      </c>
      <c r="I25739" s="5" t="s">
        <v>69</v>
      </c>
      <c r="J25739" s="5" t="s">
        <v>82177</v>
      </c>
      <c r="K25739" s="2" t="s">
        <v>82178</v>
      </c>
      <c r="L25739" s="5" t="s">
        <v>82177</v>
      </c>
      <c r="M25739" s="2" t="s">
        <v>82178</v>
      </c>
      <c r="N25739" s="5" t="s">
        <v>82179</v>
      </c>
      <c r="O25739" s="5" t="s">
        <v>38</v>
      </c>
      <c r="P25739" s="5" t="s">
        <v>39</v>
      </c>
      <c r="Q25739" s="5" t="s">
        <v>40</v>
      </c>
      <c r="R25739" s="5" t="s">
        <v>734</v>
      </c>
      <c r="S25739" s="5" t="s">
        <v>40</v>
      </c>
      <c r="T25739" s="5" t="s">
        <v>42</v>
      </c>
      <c r="U25739" s="2">
        <v>0.81100000000000005</v>
      </c>
      <c r="V25739" s="2">
        <v>0.51900000000000002</v>
      </c>
      <c r="W25739" s="2">
        <v>8.9999999999999993E-3</v>
      </c>
      <c r="X25739" s="2">
        <v>44.9</v>
      </c>
      <c r="Y25739" s="2">
        <v>44.3</v>
      </c>
      <c r="Z25739" s="2">
        <v>4.3</v>
      </c>
      <c r="AA25739" s="5">
        <v>48</v>
      </c>
      <c r="AB25739" s="5" t="s">
        <v>43</v>
      </c>
      <c r="AC25739" s="5" t="s">
        <v>44</v>
      </c>
      <c r="AD25739" s="2" t="s">
        <v>82709</v>
      </c>
      <c r="AE25739" s="1"/>
    </row>
    <row r="25740" spans="1:31" ht="14.45">
      <c r="A25740" s="11"/>
      <c r="B25740" s="20"/>
      <c r="C25740" s="2" t="s">
        <v>82710</v>
      </c>
      <c r="D25740" s="14" t="s">
        <v>82711</v>
      </c>
      <c r="E25740" s="2" t="s">
        <v>82712</v>
      </c>
      <c r="F25740" s="2"/>
      <c r="G25740" s="8">
        <v>93</v>
      </c>
      <c r="H25740" s="5">
        <v>5</v>
      </c>
      <c r="I25740" s="5" t="s">
        <v>69</v>
      </c>
      <c r="J25740" s="5" t="s">
        <v>82177</v>
      </c>
      <c r="K25740" s="2" t="s">
        <v>82178</v>
      </c>
      <c r="L25740" s="5" t="s">
        <v>82177</v>
      </c>
      <c r="M25740" s="2" t="s">
        <v>82178</v>
      </c>
      <c r="N25740" s="5" t="s">
        <v>82179</v>
      </c>
      <c r="O25740" s="5" t="s">
        <v>38</v>
      </c>
      <c r="P25740" s="5" t="s">
        <v>39</v>
      </c>
      <c r="Q25740" s="5" t="s">
        <v>40</v>
      </c>
      <c r="R25740" s="5" t="s">
        <v>82713</v>
      </c>
      <c r="S25740" s="5" t="s">
        <v>40</v>
      </c>
      <c r="T25740" s="5" t="s">
        <v>42</v>
      </c>
      <c r="U25740" s="2">
        <v>0.33300000000000002</v>
      </c>
      <c r="V25740" s="2">
        <v>0.20899999999999999</v>
      </c>
      <c r="W25740" s="2">
        <v>2E-3</v>
      </c>
      <c r="X25740" s="2">
        <v>22</v>
      </c>
      <c r="Y25740" s="2">
        <v>18.5</v>
      </c>
      <c r="Z25740" s="2">
        <v>6</v>
      </c>
      <c r="AA25740" s="5">
        <v>40</v>
      </c>
      <c r="AB25740" s="5" t="s">
        <v>43</v>
      </c>
      <c r="AC25740" s="5" t="s">
        <v>44</v>
      </c>
      <c r="AD25740" s="2" t="s">
        <v>82714</v>
      </c>
      <c r="AE25740" s="1"/>
    </row>
    <row r="25741" spans="1:31" ht="14.45">
      <c r="A25741" s="11"/>
      <c r="B25741" s="20"/>
      <c r="C25741" s="2" t="s">
        <v>82715</v>
      </c>
      <c r="D25741" s="14" t="s">
        <v>82716</v>
      </c>
      <c r="E25741" s="2" t="s">
        <v>82717</v>
      </c>
      <c r="F25741" s="2" t="s">
        <v>82718</v>
      </c>
      <c r="G25741" s="8">
        <v>114</v>
      </c>
      <c r="H25741" s="5">
        <v>5</v>
      </c>
      <c r="I25741" s="5" t="s">
        <v>69</v>
      </c>
      <c r="J25741" s="5" t="s">
        <v>82177</v>
      </c>
      <c r="K25741" s="2" t="s">
        <v>82178</v>
      </c>
      <c r="L25741" s="5" t="s">
        <v>82177</v>
      </c>
      <c r="M25741" s="2" t="s">
        <v>82178</v>
      </c>
      <c r="N25741" s="5" t="s">
        <v>82179</v>
      </c>
      <c r="O25741" s="5" t="s">
        <v>38</v>
      </c>
      <c r="P25741" s="5" t="s">
        <v>39</v>
      </c>
      <c r="Q25741" s="5" t="s">
        <v>40</v>
      </c>
      <c r="R25741" s="5" t="s">
        <v>24335</v>
      </c>
      <c r="S25741" s="5" t="s">
        <v>40</v>
      </c>
      <c r="T25741" s="5" t="s">
        <v>42</v>
      </c>
      <c r="U25741" s="2">
        <v>1.256</v>
      </c>
      <c r="V25741" s="2">
        <v>0.503</v>
      </c>
      <c r="W25741" s="2">
        <v>3.2000000000000001E-2</v>
      </c>
      <c r="X25741" s="2">
        <v>22</v>
      </c>
      <c r="Y25741" s="2">
        <v>22</v>
      </c>
      <c r="Z25741" s="2">
        <v>66</v>
      </c>
      <c r="AA25741" s="5">
        <v>20</v>
      </c>
      <c r="AB25741" s="5" t="s">
        <v>43</v>
      </c>
      <c r="AC25741" s="5" t="s">
        <v>44</v>
      </c>
      <c r="AD25741" s="2" t="s">
        <v>82719</v>
      </c>
      <c r="AE25741" s="1"/>
    </row>
    <row r="25742" spans="1:31" ht="14.45">
      <c r="A25742" s="11"/>
      <c r="B25742" s="20"/>
      <c r="C25742" s="2" t="s">
        <v>82720</v>
      </c>
      <c r="D25742" s="14" t="s">
        <v>82721</v>
      </c>
      <c r="E25742" s="2" t="s">
        <v>82722</v>
      </c>
      <c r="F25742" s="2" t="s">
        <v>82718</v>
      </c>
      <c r="G25742" s="8">
        <v>145</v>
      </c>
      <c r="H25742" s="5">
        <v>5</v>
      </c>
      <c r="I25742" s="5" t="s">
        <v>69</v>
      </c>
      <c r="J25742" s="5" t="s">
        <v>82177</v>
      </c>
      <c r="K25742" s="2" t="s">
        <v>82178</v>
      </c>
      <c r="L25742" s="5" t="s">
        <v>82177</v>
      </c>
      <c r="M25742" s="2" t="s">
        <v>82178</v>
      </c>
      <c r="N25742" s="5" t="s">
        <v>82179</v>
      </c>
      <c r="O25742" s="5" t="s">
        <v>38</v>
      </c>
      <c r="P25742" s="5" t="s">
        <v>39</v>
      </c>
      <c r="Q25742" s="5" t="s">
        <v>40</v>
      </c>
      <c r="R25742" s="5" t="s">
        <v>24335</v>
      </c>
      <c r="S25742" s="5" t="s">
        <v>40</v>
      </c>
      <c r="T25742" s="5" t="s">
        <v>42</v>
      </c>
      <c r="U25742" s="2">
        <v>1.427</v>
      </c>
      <c r="V25742" s="2">
        <v>0.67400000000000004</v>
      </c>
      <c r="W25742" s="2">
        <v>3.2000000000000001E-2</v>
      </c>
      <c r="X25742" s="2">
        <v>22</v>
      </c>
      <c r="Y25742" s="2">
        <v>22</v>
      </c>
      <c r="Z25742" s="2">
        <v>66</v>
      </c>
      <c r="AA25742" s="5">
        <v>20</v>
      </c>
      <c r="AB25742" s="5" t="s">
        <v>43</v>
      </c>
      <c r="AC25742" s="5" t="s">
        <v>44</v>
      </c>
      <c r="AD25742" s="2" t="s">
        <v>82723</v>
      </c>
      <c r="AE25742" s="1"/>
    </row>
    <row r="25743" spans="1:31" ht="14.45">
      <c r="A25743" s="11"/>
      <c r="B25743" s="20"/>
      <c r="C25743" s="2" t="s">
        <v>82724</v>
      </c>
      <c r="D25743" s="14" t="s">
        <v>82725</v>
      </c>
      <c r="E25743" s="2" t="s">
        <v>82726</v>
      </c>
      <c r="F25743" s="2" t="s">
        <v>82727</v>
      </c>
      <c r="G25743" s="8">
        <v>255</v>
      </c>
      <c r="H25743" s="5">
        <v>5</v>
      </c>
      <c r="I25743" s="5" t="s">
        <v>69</v>
      </c>
      <c r="J25743" s="5" t="s">
        <v>82177</v>
      </c>
      <c r="K25743" s="2" t="s">
        <v>82178</v>
      </c>
      <c r="L25743" s="5" t="s">
        <v>82177</v>
      </c>
      <c r="M25743" s="2" t="s">
        <v>82178</v>
      </c>
      <c r="N25743" s="5" t="s">
        <v>82179</v>
      </c>
      <c r="O25743" s="5" t="s">
        <v>38</v>
      </c>
      <c r="P25743" s="5" t="s">
        <v>39</v>
      </c>
      <c r="Q25743" s="5" t="s">
        <v>40</v>
      </c>
      <c r="R25743" s="5" t="s">
        <v>24335</v>
      </c>
      <c r="S25743" s="5" t="s">
        <v>40</v>
      </c>
      <c r="T25743" s="5" t="s">
        <v>42</v>
      </c>
      <c r="U25743" s="2">
        <v>3.2360000000000002</v>
      </c>
      <c r="V25743" s="2">
        <v>2.0550000000000002</v>
      </c>
      <c r="W25743" s="2">
        <v>6.2E-2</v>
      </c>
      <c r="X25743" s="2">
        <v>22</v>
      </c>
      <c r="Y25743" s="2">
        <v>22</v>
      </c>
      <c r="Z25743" s="2">
        <v>128</v>
      </c>
      <c r="AA25743" s="5">
        <v>20</v>
      </c>
      <c r="AB25743" s="5" t="s">
        <v>43</v>
      </c>
      <c r="AC25743" s="5" t="s">
        <v>44</v>
      </c>
      <c r="AD25743" s="2" t="s">
        <v>82723</v>
      </c>
      <c r="AE25743" s="1"/>
    </row>
    <row r="25744" spans="1:31" ht="14.45">
      <c r="A25744" s="11"/>
      <c r="B25744" s="20"/>
      <c r="C25744" s="2" t="s">
        <v>82728</v>
      </c>
      <c r="D25744" s="14" t="s">
        <v>82729</v>
      </c>
      <c r="E25744" s="2" t="s">
        <v>82730</v>
      </c>
      <c r="F25744" s="2"/>
      <c r="G25744" s="8">
        <v>232</v>
      </c>
      <c r="H25744" s="5">
        <v>5</v>
      </c>
      <c r="I25744" s="5" t="s">
        <v>69</v>
      </c>
      <c r="J25744" s="5" t="s">
        <v>82177</v>
      </c>
      <c r="K25744" s="2" t="s">
        <v>82178</v>
      </c>
      <c r="L25744" s="5" t="s">
        <v>82177</v>
      </c>
      <c r="M25744" s="2" t="s">
        <v>82178</v>
      </c>
      <c r="N25744" s="5" t="s">
        <v>82179</v>
      </c>
      <c r="O25744" s="5" t="s">
        <v>38</v>
      </c>
      <c r="P25744" s="5" t="s">
        <v>39</v>
      </c>
      <c r="Q25744" s="5" t="s">
        <v>40</v>
      </c>
      <c r="R25744" s="5" t="s">
        <v>82422</v>
      </c>
      <c r="S25744" s="5" t="s">
        <v>40</v>
      </c>
      <c r="T25744" s="5" t="s">
        <v>42</v>
      </c>
      <c r="U25744" s="2">
        <v>2.4980000000000002</v>
      </c>
      <c r="V25744" s="2">
        <v>0.94599999999999995</v>
      </c>
      <c r="W25744" s="2">
        <v>2.9000000000000001E-2</v>
      </c>
      <c r="X25744" s="2">
        <v>39</v>
      </c>
      <c r="Y25744" s="2">
        <v>50</v>
      </c>
      <c r="Z25744" s="2">
        <v>15</v>
      </c>
      <c r="AA25744" s="5">
        <v>32</v>
      </c>
      <c r="AB25744" s="5" t="s">
        <v>43</v>
      </c>
      <c r="AC25744" s="5" t="s">
        <v>44</v>
      </c>
      <c r="AD25744" s="2" t="s">
        <v>82731</v>
      </c>
      <c r="AE25744" s="1"/>
    </row>
    <row r="25745" spans="1:31" ht="14.45">
      <c r="A25745" s="5" t="s">
        <v>116</v>
      </c>
      <c r="B25745" s="21">
        <v>46054</v>
      </c>
      <c r="C25745" s="2" t="s">
        <v>82732</v>
      </c>
      <c r="D25745" s="14" t="s">
        <v>82733</v>
      </c>
      <c r="E25745" s="2" t="s">
        <v>82734</v>
      </c>
      <c r="F25745" s="2" t="s">
        <v>130</v>
      </c>
      <c r="G25745" s="8">
        <v>27</v>
      </c>
      <c r="H25745" s="5">
        <v>5</v>
      </c>
      <c r="I25745" s="5" t="s">
        <v>69</v>
      </c>
      <c r="J25745" s="5" t="s">
        <v>28207</v>
      </c>
      <c r="K25745" s="2" t="s">
        <v>28208</v>
      </c>
      <c r="L25745" s="5" t="s">
        <v>28207</v>
      </c>
      <c r="M25745" s="2" t="s">
        <v>28208</v>
      </c>
      <c r="N25745" s="5" t="s">
        <v>733</v>
      </c>
      <c r="O25745" s="5" t="s">
        <v>38</v>
      </c>
      <c r="P25745" s="5" t="s">
        <v>39</v>
      </c>
      <c r="Q25745" s="5" t="s">
        <v>40</v>
      </c>
      <c r="R25745" s="5" t="s">
        <v>24335</v>
      </c>
      <c r="S25745" s="5" t="s">
        <v>40</v>
      </c>
      <c r="T25745" s="5" t="s">
        <v>42</v>
      </c>
      <c r="U25745" s="2">
        <v>0.83</v>
      </c>
      <c r="V25745" s="2">
        <v>0.58099999999999996</v>
      </c>
      <c r="W25745" s="2">
        <v>0.01</v>
      </c>
      <c r="X25745" s="2">
        <v>6.2</v>
      </c>
      <c r="Y25745" s="2">
        <v>18.3</v>
      </c>
      <c r="Z25745" s="2">
        <v>92.4</v>
      </c>
      <c r="AA25745" s="5">
        <v>36</v>
      </c>
      <c r="AB25745" s="5" t="s">
        <v>43</v>
      </c>
      <c r="AC25745" s="5" t="s">
        <v>44</v>
      </c>
      <c r="AD25745" s="2" t="s">
        <v>82735</v>
      </c>
      <c r="AE25745" s="1"/>
    </row>
    <row r="25746" spans="1:31" ht="14.45">
      <c r="A25746" s="11"/>
      <c r="B25746" s="20"/>
      <c r="C25746" s="2" t="s">
        <v>82736</v>
      </c>
      <c r="D25746" s="14" t="s">
        <v>82737</v>
      </c>
      <c r="E25746" s="2" t="s">
        <v>82738</v>
      </c>
      <c r="F25746" s="2" t="s">
        <v>82739</v>
      </c>
      <c r="G25746" s="8">
        <v>58</v>
      </c>
      <c r="H25746" s="5">
        <v>5</v>
      </c>
      <c r="I25746" s="5" t="s">
        <v>69</v>
      </c>
      <c r="J25746" s="5" t="s">
        <v>28207</v>
      </c>
      <c r="K25746" s="2" t="s">
        <v>28208</v>
      </c>
      <c r="L25746" s="5" t="s">
        <v>28207</v>
      </c>
      <c r="M25746" s="2" t="s">
        <v>28208</v>
      </c>
      <c r="N25746" s="5" t="s">
        <v>733</v>
      </c>
      <c r="O25746" s="5" t="s">
        <v>38</v>
      </c>
      <c r="P25746" s="5" t="s">
        <v>39</v>
      </c>
      <c r="Q25746" s="5" t="s">
        <v>40</v>
      </c>
      <c r="R25746" s="5" t="s">
        <v>24340</v>
      </c>
      <c r="S25746" s="5" t="s">
        <v>40</v>
      </c>
      <c r="T25746" s="5" t="s">
        <v>42</v>
      </c>
      <c r="U25746" s="2">
        <v>1.288</v>
      </c>
      <c r="V25746" s="2">
        <v>1.032</v>
      </c>
      <c r="W25746" s="2">
        <v>0.01</v>
      </c>
      <c r="X25746" s="2">
        <v>6.2</v>
      </c>
      <c r="Y25746" s="2">
        <v>18.3</v>
      </c>
      <c r="Z25746" s="2">
        <v>92.4</v>
      </c>
      <c r="AA25746" s="5">
        <v>36</v>
      </c>
      <c r="AB25746" s="5" t="s">
        <v>43</v>
      </c>
      <c r="AC25746" s="5" t="s">
        <v>44</v>
      </c>
      <c r="AD25746" s="2" t="s">
        <v>82735</v>
      </c>
      <c r="AE25746" s="1"/>
    </row>
    <row r="25747" spans="1:31" ht="14.45">
      <c r="A25747" s="5" t="s">
        <v>116</v>
      </c>
      <c r="B25747" s="21">
        <v>46054</v>
      </c>
      <c r="C25747" s="2" t="s">
        <v>82740</v>
      </c>
      <c r="D25747" s="14" t="s">
        <v>82741</v>
      </c>
      <c r="E25747" s="2" t="s">
        <v>82742</v>
      </c>
      <c r="F25747" s="2" t="s">
        <v>130</v>
      </c>
      <c r="G25747" s="8">
        <v>58</v>
      </c>
      <c r="H25747" s="5">
        <v>5</v>
      </c>
      <c r="I25747" s="5" t="s">
        <v>69</v>
      </c>
      <c r="J25747" s="5" t="s">
        <v>28207</v>
      </c>
      <c r="K25747" s="2" t="s">
        <v>28208</v>
      </c>
      <c r="L25747" s="5" t="s">
        <v>28207</v>
      </c>
      <c r="M25747" s="2" t="s">
        <v>28208</v>
      </c>
      <c r="N25747" s="5" t="s">
        <v>733</v>
      </c>
      <c r="O25747" s="5" t="s">
        <v>38</v>
      </c>
      <c r="P25747" s="5" t="s">
        <v>39</v>
      </c>
      <c r="Q25747" s="5" t="s">
        <v>40</v>
      </c>
      <c r="R25747" s="5" t="s">
        <v>24340</v>
      </c>
      <c r="S25747" s="5" t="s">
        <v>40</v>
      </c>
      <c r="T25747" s="5" t="s">
        <v>42</v>
      </c>
      <c r="U25747" s="2">
        <v>1.677</v>
      </c>
      <c r="V25747" s="2">
        <v>1.4279999999999999</v>
      </c>
      <c r="W25747" s="2">
        <v>0.01</v>
      </c>
      <c r="X25747" s="2">
        <v>6.2</v>
      </c>
      <c r="Y25747" s="2">
        <v>18.3</v>
      </c>
      <c r="Z25747" s="2">
        <v>92.4</v>
      </c>
      <c r="AA25747" s="5">
        <v>36</v>
      </c>
      <c r="AB25747" s="5" t="s">
        <v>43</v>
      </c>
      <c r="AC25747" s="5" t="s">
        <v>44</v>
      </c>
      <c r="AD25747" s="2" t="s">
        <v>82735</v>
      </c>
      <c r="AE25747" s="1"/>
    </row>
    <row r="25748" spans="1:31" ht="14.45">
      <c r="A25748" s="5" t="s">
        <v>116</v>
      </c>
      <c r="B25748" s="21">
        <v>46054</v>
      </c>
      <c r="C25748" s="2" t="s">
        <v>82743</v>
      </c>
      <c r="D25748" s="14" t="s">
        <v>82744</v>
      </c>
      <c r="E25748" s="2" t="s">
        <v>82745</v>
      </c>
      <c r="F25748" s="2" t="s">
        <v>130</v>
      </c>
      <c r="G25748" s="8">
        <v>58</v>
      </c>
      <c r="H25748" s="5">
        <v>15</v>
      </c>
      <c r="I25748" s="5" t="s">
        <v>69</v>
      </c>
      <c r="J25748" s="5" t="s">
        <v>28207</v>
      </c>
      <c r="K25748" s="2" t="s">
        <v>28208</v>
      </c>
      <c r="L25748" s="5" t="s">
        <v>28207</v>
      </c>
      <c r="M25748" s="2" t="s">
        <v>28208</v>
      </c>
      <c r="N25748" s="5" t="s">
        <v>733</v>
      </c>
      <c r="O25748" s="5" t="s">
        <v>38</v>
      </c>
      <c r="P25748" s="5" t="s">
        <v>39</v>
      </c>
      <c r="Q25748" s="5" t="s">
        <v>40</v>
      </c>
      <c r="R25748" s="5" t="s">
        <v>25301</v>
      </c>
      <c r="S25748" s="5" t="s">
        <v>40</v>
      </c>
      <c r="T25748" s="5" t="s">
        <v>42</v>
      </c>
      <c r="U25748" s="2">
        <v>1.532</v>
      </c>
      <c r="V25748" s="2">
        <v>1.2829999999999999</v>
      </c>
      <c r="W25748" s="2">
        <v>0.01</v>
      </c>
      <c r="X25748" s="2">
        <v>6.2</v>
      </c>
      <c r="Y25748" s="2">
        <v>18.3</v>
      </c>
      <c r="Z25748" s="2">
        <v>92.4</v>
      </c>
      <c r="AA25748" s="5">
        <v>36</v>
      </c>
      <c r="AB25748" s="5" t="s">
        <v>43</v>
      </c>
      <c r="AC25748" s="5" t="s">
        <v>44</v>
      </c>
      <c r="AD25748" s="2" t="s">
        <v>82735</v>
      </c>
      <c r="AE25748" s="1"/>
    </row>
    <row r="25749" spans="1:31" ht="14.45">
      <c r="A25749" s="5" t="s">
        <v>116</v>
      </c>
      <c r="B25749" s="21">
        <v>46082</v>
      </c>
      <c r="C25749" s="2" t="s">
        <v>82746</v>
      </c>
      <c r="D25749" s="14" t="s">
        <v>82747</v>
      </c>
      <c r="E25749" s="2" t="s">
        <v>82748</v>
      </c>
      <c r="F25749" s="2" t="s">
        <v>130</v>
      </c>
      <c r="G25749" s="8">
        <v>61</v>
      </c>
      <c r="H25749" s="5">
        <v>5</v>
      </c>
      <c r="I25749" s="5" t="s">
        <v>69</v>
      </c>
      <c r="J25749" s="5" t="s">
        <v>28207</v>
      </c>
      <c r="K25749" s="2" t="s">
        <v>28208</v>
      </c>
      <c r="L25749" s="5" t="s">
        <v>28207</v>
      </c>
      <c r="M25749" s="2" t="s">
        <v>28208</v>
      </c>
      <c r="N25749" s="5" t="s">
        <v>733</v>
      </c>
      <c r="O25749" s="5" t="s">
        <v>38</v>
      </c>
      <c r="P25749" s="5" t="s">
        <v>39</v>
      </c>
      <c r="Q25749" s="5" t="s">
        <v>40</v>
      </c>
      <c r="R25749" s="5" t="s">
        <v>24335</v>
      </c>
      <c r="S25749" s="5" t="s">
        <v>40</v>
      </c>
      <c r="T25749" s="5" t="s">
        <v>42</v>
      </c>
      <c r="U25749" s="2">
        <v>2.5920000000000001</v>
      </c>
      <c r="V25749" s="2">
        <v>2.5489999999999999</v>
      </c>
      <c r="W25749" s="2">
        <v>3.3000000000000002E-2</v>
      </c>
      <c r="X25749" s="2">
        <v>12</v>
      </c>
      <c r="Y25749" s="2">
        <v>29</v>
      </c>
      <c r="Z25749" s="2">
        <v>95.4</v>
      </c>
      <c r="AA25749" s="5">
        <v>36</v>
      </c>
      <c r="AB25749" s="5" t="s">
        <v>43</v>
      </c>
      <c r="AC25749" s="5" t="s">
        <v>44</v>
      </c>
      <c r="AD25749" s="2" t="s">
        <v>82749</v>
      </c>
      <c r="AE25749" s="1"/>
    </row>
    <row r="25750" spans="1:31" ht="14.45">
      <c r="A25750" s="5" t="s">
        <v>116</v>
      </c>
      <c r="B25750" s="21">
        <v>46082</v>
      </c>
      <c r="C25750" s="2" t="s">
        <v>82750</v>
      </c>
      <c r="D25750" s="14" t="s">
        <v>82751</v>
      </c>
      <c r="E25750" s="2" t="s">
        <v>82752</v>
      </c>
      <c r="F25750" s="2" t="s">
        <v>130</v>
      </c>
      <c r="G25750" s="8">
        <v>92</v>
      </c>
      <c r="H25750" s="5">
        <v>5</v>
      </c>
      <c r="I25750" s="5" t="s">
        <v>69</v>
      </c>
      <c r="J25750" s="5" t="s">
        <v>28207</v>
      </c>
      <c r="K25750" s="2" t="s">
        <v>28208</v>
      </c>
      <c r="L25750" s="5" t="s">
        <v>28207</v>
      </c>
      <c r="M25750" s="2" t="s">
        <v>28208</v>
      </c>
      <c r="N25750" s="5" t="s">
        <v>733</v>
      </c>
      <c r="O25750" s="5" t="s">
        <v>38</v>
      </c>
      <c r="P25750" s="5" t="s">
        <v>39</v>
      </c>
      <c r="Q25750" s="5" t="s">
        <v>40</v>
      </c>
      <c r="R25750" s="5" t="s">
        <v>24340</v>
      </c>
      <c r="S25750" s="5" t="s">
        <v>40</v>
      </c>
      <c r="T25750" s="5" t="s">
        <v>42</v>
      </c>
      <c r="U25750" s="2">
        <v>3.4390000000000001</v>
      </c>
      <c r="V25750" s="2">
        <v>3.3959999999999999</v>
      </c>
      <c r="W25750" s="2">
        <v>3.3000000000000002E-2</v>
      </c>
      <c r="X25750" s="2">
        <v>12</v>
      </c>
      <c r="Y25750" s="2">
        <v>29</v>
      </c>
      <c r="Z25750" s="2">
        <v>95.4</v>
      </c>
      <c r="AA25750" s="5">
        <v>36</v>
      </c>
      <c r="AB25750" s="5" t="s">
        <v>43</v>
      </c>
      <c r="AC25750" s="5" t="s">
        <v>44</v>
      </c>
      <c r="AD25750" s="2" t="s">
        <v>82749</v>
      </c>
      <c r="AE25750" s="1"/>
    </row>
    <row r="25751" spans="1:31" ht="14.45">
      <c r="A25751" s="5" t="s">
        <v>116</v>
      </c>
      <c r="B25751" s="21">
        <v>46082</v>
      </c>
      <c r="C25751" s="2" t="s">
        <v>82753</v>
      </c>
      <c r="D25751" s="14" t="s">
        <v>82754</v>
      </c>
      <c r="E25751" s="2" t="s">
        <v>82755</v>
      </c>
      <c r="F25751" s="2" t="s">
        <v>130</v>
      </c>
      <c r="G25751" s="8">
        <v>92</v>
      </c>
      <c r="H25751" s="5">
        <v>15</v>
      </c>
      <c r="I25751" s="5" t="s">
        <v>69</v>
      </c>
      <c r="J25751" s="5" t="s">
        <v>28207</v>
      </c>
      <c r="K25751" s="2" t="s">
        <v>28208</v>
      </c>
      <c r="L25751" s="5" t="s">
        <v>28207</v>
      </c>
      <c r="M25751" s="2" t="s">
        <v>28208</v>
      </c>
      <c r="N25751" s="5" t="s">
        <v>733</v>
      </c>
      <c r="O25751" s="5" t="s">
        <v>38</v>
      </c>
      <c r="P25751" s="5" t="s">
        <v>39</v>
      </c>
      <c r="Q25751" s="5" t="s">
        <v>40</v>
      </c>
      <c r="R25751" s="5" t="s">
        <v>25301</v>
      </c>
      <c r="S25751" s="5" t="s">
        <v>40</v>
      </c>
      <c r="T25751" s="5" t="s">
        <v>42</v>
      </c>
      <c r="U25751" s="2">
        <v>3.2829999999999999</v>
      </c>
      <c r="V25751" s="2">
        <v>3.24</v>
      </c>
      <c r="W25751" s="2">
        <v>3.3000000000000002E-2</v>
      </c>
      <c r="X25751" s="2">
        <v>12</v>
      </c>
      <c r="Y25751" s="2">
        <v>29</v>
      </c>
      <c r="Z25751" s="2">
        <v>95.4</v>
      </c>
      <c r="AA25751" s="5">
        <v>36</v>
      </c>
      <c r="AB25751" s="5" t="s">
        <v>43</v>
      </c>
      <c r="AC25751" s="5" t="s">
        <v>44</v>
      </c>
      <c r="AD25751" s="2" t="s">
        <v>82749</v>
      </c>
      <c r="AE25751" s="1"/>
    </row>
    <row r="25752" spans="1:31" ht="14.45">
      <c r="A25752" s="5" t="s">
        <v>116</v>
      </c>
      <c r="B25752" s="21">
        <v>46054</v>
      </c>
      <c r="C25752" s="2" t="s">
        <v>82756</v>
      </c>
      <c r="D25752" s="14" t="s">
        <v>82757</v>
      </c>
      <c r="E25752" s="2" t="s">
        <v>82758</v>
      </c>
      <c r="F25752" s="2" t="s">
        <v>130</v>
      </c>
      <c r="G25752" s="8">
        <v>30</v>
      </c>
      <c r="H25752" s="5">
        <v>5</v>
      </c>
      <c r="I25752" s="5" t="s">
        <v>69</v>
      </c>
      <c r="J25752" s="5" t="s">
        <v>28207</v>
      </c>
      <c r="K25752" s="2" t="s">
        <v>28208</v>
      </c>
      <c r="L25752" s="5" t="s">
        <v>28207</v>
      </c>
      <c r="M25752" s="2" t="s">
        <v>28208</v>
      </c>
      <c r="N25752" s="5" t="s">
        <v>733</v>
      </c>
      <c r="O25752" s="5" t="s">
        <v>38</v>
      </c>
      <c r="P25752" s="5" t="s">
        <v>39</v>
      </c>
      <c r="Q25752" s="5" t="s">
        <v>40</v>
      </c>
      <c r="R25752" s="5" t="s">
        <v>24335</v>
      </c>
      <c r="S25752" s="5" t="s">
        <v>40</v>
      </c>
      <c r="T25752" s="5" t="s">
        <v>42</v>
      </c>
      <c r="U25752" s="2">
        <v>1.0269999999999999</v>
      </c>
      <c r="V25752" s="2">
        <v>0.65700000000000003</v>
      </c>
      <c r="W25752" s="2">
        <v>1.7000000000000001E-2</v>
      </c>
      <c r="X25752" s="2">
        <v>6.2</v>
      </c>
      <c r="Y25752" s="2">
        <v>18.3</v>
      </c>
      <c r="Z25752" s="2">
        <v>148.30000000000001</v>
      </c>
      <c r="AA25752" s="5">
        <v>36</v>
      </c>
      <c r="AB25752" s="5" t="s">
        <v>43</v>
      </c>
      <c r="AC25752" s="5" t="s">
        <v>44</v>
      </c>
      <c r="AD25752" s="2" t="s">
        <v>82735</v>
      </c>
      <c r="AE25752" s="1"/>
    </row>
    <row r="25753" spans="1:31" ht="14.45">
      <c r="A25753" s="5" t="s">
        <v>116</v>
      </c>
      <c r="B25753" s="21">
        <v>46054</v>
      </c>
      <c r="C25753" s="2" t="s">
        <v>82759</v>
      </c>
      <c r="D25753" s="14" t="s">
        <v>82760</v>
      </c>
      <c r="E25753" s="2" t="s">
        <v>82761</v>
      </c>
      <c r="F25753" s="2" t="s">
        <v>130</v>
      </c>
      <c r="G25753" s="8">
        <v>61</v>
      </c>
      <c r="H25753" s="5">
        <v>5</v>
      </c>
      <c r="I25753" s="5" t="s">
        <v>69</v>
      </c>
      <c r="J25753" s="5" t="s">
        <v>28207</v>
      </c>
      <c r="K25753" s="2" t="s">
        <v>28208</v>
      </c>
      <c r="L25753" s="5" t="s">
        <v>28207</v>
      </c>
      <c r="M25753" s="2" t="s">
        <v>28208</v>
      </c>
      <c r="N25753" s="5" t="s">
        <v>733</v>
      </c>
      <c r="O25753" s="5" t="s">
        <v>38</v>
      </c>
      <c r="P25753" s="5" t="s">
        <v>39</v>
      </c>
      <c r="Q25753" s="5" t="s">
        <v>40</v>
      </c>
      <c r="R25753" s="5" t="s">
        <v>24340</v>
      </c>
      <c r="S25753" s="5" t="s">
        <v>40</v>
      </c>
      <c r="T25753" s="5" t="s">
        <v>42</v>
      </c>
      <c r="U25753" s="2">
        <v>2</v>
      </c>
      <c r="V25753" s="2">
        <v>1.63</v>
      </c>
      <c r="W25753" s="2">
        <v>1.7000000000000001E-2</v>
      </c>
      <c r="X25753" s="2">
        <v>6.2</v>
      </c>
      <c r="Y25753" s="2">
        <v>18.3</v>
      </c>
      <c r="Z25753" s="2">
        <v>148.30000000000001</v>
      </c>
      <c r="AA25753" s="5">
        <v>36</v>
      </c>
      <c r="AB25753" s="5" t="s">
        <v>43</v>
      </c>
      <c r="AC25753" s="5" t="s">
        <v>44</v>
      </c>
      <c r="AD25753" s="2" t="s">
        <v>82735</v>
      </c>
      <c r="AE25753" s="1"/>
    </row>
    <row r="25754" spans="1:31" ht="14.45">
      <c r="A25754" s="5" t="s">
        <v>116</v>
      </c>
      <c r="B25754" s="21">
        <v>46054</v>
      </c>
      <c r="C25754" s="2" t="s">
        <v>82762</v>
      </c>
      <c r="D25754" s="14" t="s">
        <v>82763</v>
      </c>
      <c r="E25754" s="2" t="s">
        <v>82764</v>
      </c>
      <c r="F25754" s="2" t="s">
        <v>130</v>
      </c>
      <c r="G25754" s="8">
        <v>61</v>
      </c>
      <c r="H25754" s="5">
        <v>15</v>
      </c>
      <c r="I25754" s="5" t="s">
        <v>69</v>
      </c>
      <c r="J25754" s="5" t="s">
        <v>28207</v>
      </c>
      <c r="K25754" s="2" t="s">
        <v>28208</v>
      </c>
      <c r="L25754" s="5" t="s">
        <v>28207</v>
      </c>
      <c r="M25754" s="2" t="s">
        <v>28208</v>
      </c>
      <c r="N25754" s="5" t="s">
        <v>733</v>
      </c>
      <c r="O25754" s="5" t="s">
        <v>38</v>
      </c>
      <c r="P25754" s="5" t="s">
        <v>39</v>
      </c>
      <c r="Q25754" s="5" t="s">
        <v>40</v>
      </c>
      <c r="R25754" s="5" t="s">
        <v>25301</v>
      </c>
      <c r="S25754" s="5" t="s">
        <v>40</v>
      </c>
      <c r="T25754" s="5" t="s">
        <v>42</v>
      </c>
      <c r="U25754" s="2">
        <v>1.4690000000000001</v>
      </c>
      <c r="V25754" s="2">
        <v>1.4550000000000001</v>
      </c>
      <c r="W25754" s="2">
        <v>1.7000000000000001E-2</v>
      </c>
      <c r="X25754" s="2">
        <v>6.2</v>
      </c>
      <c r="Y25754" s="2">
        <v>18.3</v>
      </c>
      <c r="Z25754" s="2">
        <v>148.30000000000001</v>
      </c>
      <c r="AA25754" s="5">
        <v>36</v>
      </c>
      <c r="AB25754" s="5" t="s">
        <v>43</v>
      </c>
      <c r="AC25754" s="5" t="s">
        <v>44</v>
      </c>
      <c r="AD25754" s="2" t="s">
        <v>82735</v>
      </c>
      <c r="AE25754" s="1"/>
    </row>
    <row r="25755" spans="1:31" ht="14.45">
      <c r="A25755" s="5" t="s">
        <v>116</v>
      </c>
      <c r="B25755" s="21">
        <v>46082</v>
      </c>
      <c r="C25755" s="2" t="s">
        <v>82765</v>
      </c>
      <c r="D25755" s="14" t="s">
        <v>82766</v>
      </c>
      <c r="E25755" s="2" t="s">
        <v>82767</v>
      </c>
      <c r="F25755" s="2" t="s">
        <v>130</v>
      </c>
      <c r="G25755" s="8">
        <v>67</v>
      </c>
      <c r="H25755" s="5">
        <v>5</v>
      </c>
      <c r="I25755" s="5" t="s">
        <v>69</v>
      </c>
      <c r="J25755" s="5" t="s">
        <v>28207</v>
      </c>
      <c r="K25755" s="2" t="s">
        <v>28208</v>
      </c>
      <c r="L25755" s="5" t="s">
        <v>28207</v>
      </c>
      <c r="M25755" s="2" t="s">
        <v>28208</v>
      </c>
      <c r="N25755" s="5" t="s">
        <v>733</v>
      </c>
      <c r="O25755" s="5" t="s">
        <v>38</v>
      </c>
      <c r="P25755" s="5" t="s">
        <v>39</v>
      </c>
      <c r="Q25755" s="5" t="s">
        <v>40</v>
      </c>
      <c r="R25755" s="5" t="s">
        <v>24335</v>
      </c>
      <c r="S25755" s="5" t="s">
        <v>40</v>
      </c>
      <c r="T25755" s="5" t="s">
        <v>42</v>
      </c>
      <c r="U25755" s="2">
        <v>2.762</v>
      </c>
      <c r="V25755" s="2">
        <v>2.7189999999999999</v>
      </c>
      <c r="W25755" s="2">
        <v>3.3000000000000002E-2</v>
      </c>
      <c r="X25755" s="2">
        <v>12</v>
      </c>
      <c r="Y25755" s="2">
        <v>29</v>
      </c>
      <c r="Z25755" s="2">
        <v>95.4</v>
      </c>
      <c r="AA25755" s="5">
        <v>36</v>
      </c>
      <c r="AB25755" s="5" t="s">
        <v>43</v>
      </c>
      <c r="AC25755" s="5" t="s">
        <v>44</v>
      </c>
      <c r="AD25755" s="2" t="s">
        <v>82749</v>
      </c>
      <c r="AE25755" s="1"/>
    </row>
    <row r="25756" spans="1:31" ht="14.45">
      <c r="A25756" s="5" t="s">
        <v>116</v>
      </c>
      <c r="B25756" s="21">
        <v>46082</v>
      </c>
      <c r="C25756" s="2" t="s">
        <v>82768</v>
      </c>
      <c r="D25756" s="14" t="s">
        <v>82769</v>
      </c>
      <c r="E25756" s="2" t="s">
        <v>82770</v>
      </c>
      <c r="F25756" s="2" t="s">
        <v>130</v>
      </c>
      <c r="G25756" s="8">
        <v>98</v>
      </c>
      <c r="H25756" s="5">
        <v>5</v>
      </c>
      <c r="I25756" s="5" t="s">
        <v>69</v>
      </c>
      <c r="J25756" s="5" t="s">
        <v>28207</v>
      </c>
      <c r="K25756" s="2" t="s">
        <v>28208</v>
      </c>
      <c r="L25756" s="5" t="s">
        <v>28207</v>
      </c>
      <c r="M25756" s="2" t="s">
        <v>28208</v>
      </c>
      <c r="N25756" s="5" t="s">
        <v>733</v>
      </c>
      <c r="O25756" s="5" t="s">
        <v>38</v>
      </c>
      <c r="P25756" s="5" t="s">
        <v>39</v>
      </c>
      <c r="Q25756" s="5" t="s">
        <v>40</v>
      </c>
      <c r="R25756" s="5" t="s">
        <v>24340</v>
      </c>
      <c r="S25756" s="5" t="s">
        <v>40</v>
      </c>
      <c r="T25756" s="5" t="s">
        <v>42</v>
      </c>
      <c r="U25756" s="2">
        <v>3.7349999999999999</v>
      </c>
      <c r="V25756" s="2">
        <v>3.6920000000000002</v>
      </c>
      <c r="W25756" s="2">
        <v>3.3000000000000002E-2</v>
      </c>
      <c r="X25756" s="2">
        <v>12</v>
      </c>
      <c r="Y25756" s="2">
        <v>29</v>
      </c>
      <c r="Z25756" s="2">
        <v>95.4</v>
      </c>
      <c r="AA25756" s="5">
        <v>36</v>
      </c>
      <c r="AB25756" s="5" t="s">
        <v>43</v>
      </c>
      <c r="AC25756" s="5" t="s">
        <v>44</v>
      </c>
      <c r="AD25756" s="2" t="s">
        <v>82749</v>
      </c>
      <c r="AE25756" s="1"/>
    </row>
    <row r="25757" spans="1:31" ht="14.45">
      <c r="A25757" s="5" t="s">
        <v>116</v>
      </c>
      <c r="B25757" s="21">
        <v>46082</v>
      </c>
      <c r="C25757" s="2" t="s">
        <v>82771</v>
      </c>
      <c r="D25757" s="14" t="s">
        <v>82772</v>
      </c>
      <c r="E25757" s="2" t="s">
        <v>82773</v>
      </c>
      <c r="F25757" s="2" t="s">
        <v>130</v>
      </c>
      <c r="G25757" s="8">
        <v>98</v>
      </c>
      <c r="H25757" s="5">
        <v>15</v>
      </c>
      <c r="I25757" s="5" t="s">
        <v>69</v>
      </c>
      <c r="J25757" s="5" t="s">
        <v>28207</v>
      </c>
      <c r="K25757" s="2" t="s">
        <v>28208</v>
      </c>
      <c r="L25757" s="5" t="s">
        <v>28207</v>
      </c>
      <c r="M25757" s="2" t="s">
        <v>28208</v>
      </c>
      <c r="N25757" s="5" t="s">
        <v>733</v>
      </c>
      <c r="O25757" s="5" t="s">
        <v>38</v>
      </c>
      <c r="P25757" s="5" t="s">
        <v>39</v>
      </c>
      <c r="Q25757" s="5" t="s">
        <v>40</v>
      </c>
      <c r="R25757" s="5" t="s">
        <v>25301</v>
      </c>
      <c r="S25757" s="5" t="s">
        <v>40</v>
      </c>
      <c r="T25757" s="5" t="s">
        <v>42</v>
      </c>
      <c r="U25757" s="2">
        <v>3.5550000000000002</v>
      </c>
      <c r="V25757" s="2">
        <v>3.512</v>
      </c>
      <c r="W25757" s="2">
        <v>3.3000000000000002E-2</v>
      </c>
      <c r="X25757" s="2">
        <v>12</v>
      </c>
      <c r="Y25757" s="2">
        <v>29</v>
      </c>
      <c r="Z25757" s="2">
        <v>95.4</v>
      </c>
      <c r="AA25757" s="5">
        <v>36</v>
      </c>
      <c r="AB25757" s="5" t="s">
        <v>43</v>
      </c>
      <c r="AC25757" s="5" t="s">
        <v>44</v>
      </c>
      <c r="AD25757" s="2" t="s">
        <v>82749</v>
      </c>
      <c r="AE25757" s="1"/>
    </row>
    <row r="25758" spans="1:31" ht="14.45">
      <c r="A25758" s="5" t="s">
        <v>116</v>
      </c>
      <c r="B25758" s="21">
        <v>46054</v>
      </c>
      <c r="C25758" s="2" t="s">
        <v>82774</v>
      </c>
      <c r="D25758" s="14" t="s">
        <v>82775</v>
      </c>
      <c r="E25758" s="2" t="s">
        <v>82776</v>
      </c>
      <c r="F25758" s="2" t="s">
        <v>130</v>
      </c>
      <c r="G25758" s="8">
        <v>31</v>
      </c>
      <c r="H25758" s="5">
        <v>5</v>
      </c>
      <c r="I25758" s="5" t="s">
        <v>69</v>
      </c>
      <c r="J25758" s="5" t="s">
        <v>28207</v>
      </c>
      <c r="K25758" s="2" t="s">
        <v>28208</v>
      </c>
      <c r="L25758" s="5" t="s">
        <v>28207</v>
      </c>
      <c r="M25758" s="2" t="s">
        <v>28208</v>
      </c>
      <c r="N25758" s="5" t="s">
        <v>733</v>
      </c>
      <c r="O25758" s="5" t="s">
        <v>38</v>
      </c>
      <c r="P25758" s="5" t="s">
        <v>39</v>
      </c>
      <c r="Q25758" s="5" t="s">
        <v>40</v>
      </c>
      <c r="R25758" s="5" t="s">
        <v>24335</v>
      </c>
      <c r="S25758" s="5" t="s">
        <v>40</v>
      </c>
      <c r="T25758" s="5" t="s">
        <v>42</v>
      </c>
      <c r="U25758" s="2">
        <v>1.107</v>
      </c>
      <c r="V25758" s="2">
        <v>0.73699999999999999</v>
      </c>
      <c r="W25758" s="2">
        <v>1.7000000000000001E-2</v>
      </c>
      <c r="X25758" s="2">
        <v>6.2</v>
      </c>
      <c r="Y25758" s="2">
        <v>18.3</v>
      </c>
      <c r="Z25758" s="2">
        <v>148.30000000000001</v>
      </c>
      <c r="AA25758" s="5">
        <v>36</v>
      </c>
      <c r="AB25758" s="5" t="s">
        <v>43</v>
      </c>
      <c r="AC25758" s="5" t="s">
        <v>44</v>
      </c>
      <c r="AD25758" s="2" t="s">
        <v>82735</v>
      </c>
      <c r="AE25758" s="1"/>
    </row>
    <row r="25759" spans="1:31" ht="14.45">
      <c r="A25759" s="5" t="s">
        <v>116</v>
      </c>
      <c r="B25759" s="21">
        <v>46054</v>
      </c>
      <c r="C25759" s="2" t="s">
        <v>82777</v>
      </c>
      <c r="D25759" s="14" t="s">
        <v>82778</v>
      </c>
      <c r="E25759" s="2" t="s">
        <v>82779</v>
      </c>
      <c r="F25759" s="2" t="s">
        <v>130</v>
      </c>
      <c r="G25759" s="8">
        <v>62</v>
      </c>
      <c r="H25759" s="5">
        <v>15</v>
      </c>
      <c r="I25759" s="5" t="s">
        <v>69</v>
      </c>
      <c r="J25759" s="5" t="s">
        <v>28207</v>
      </c>
      <c r="K25759" s="2" t="s">
        <v>28208</v>
      </c>
      <c r="L25759" s="5" t="s">
        <v>28207</v>
      </c>
      <c r="M25759" s="2" t="s">
        <v>28208</v>
      </c>
      <c r="N25759" s="5" t="s">
        <v>733</v>
      </c>
      <c r="O25759" s="5" t="s">
        <v>38</v>
      </c>
      <c r="P25759" s="5" t="s">
        <v>39</v>
      </c>
      <c r="Q25759" s="5" t="s">
        <v>40</v>
      </c>
      <c r="R25759" s="5" t="s">
        <v>24340</v>
      </c>
      <c r="S25759" s="5" t="s">
        <v>40</v>
      </c>
      <c r="T25759" s="5" t="s">
        <v>42</v>
      </c>
      <c r="U25759" s="2">
        <v>2.206</v>
      </c>
      <c r="V25759" s="2">
        <v>1.8360000000000001</v>
      </c>
      <c r="W25759" s="2">
        <v>1.7000000000000001E-2</v>
      </c>
      <c r="X25759" s="2">
        <v>6.2</v>
      </c>
      <c r="Y25759" s="2">
        <v>18.3</v>
      </c>
      <c r="Z25759" s="2">
        <v>148.30000000000001</v>
      </c>
      <c r="AA25759" s="5">
        <v>36</v>
      </c>
      <c r="AB25759" s="5" t="s">
        <v>43</v>
      </c>
      <c r="AC25759" s="5" t="s">
        <v>44</v>
      </c>
      <c r="AD25759" s="2" t="s">
        <v>82735</v>
      </c>
      <c r="AE25759" s="1"/>
    </row>
    <row r="25760" spans="1:31" ht="14.45">
      <c r="A25760" s="5" t="s">
        <v>116</v>
      </c>
      <c r="B25760" s="21">
        <v>46054</v>
      </c>
      <c r="C25760" s="2" t="s">
        <v>82780</v>
      </c>
      <c r="D25760" s="14" t="s">
        <v>82781</v>
      </c>
      <c r="E25760" s="2" t="s">
        <v>82782</v>
      </c>
      <c r="F25760" s="2" t="s">
        <v>130</v>
      </c>
      <c r="G25760" s="8">
        <v>62</v>
      </c>
      <c r="H25760" s="5">
        <v>15</v>
      </c>
      <c r="I25760" s="5" t="s">
        <v>69</v>
      </c>
      <c r="J25760" s="5" t="s">
        <v>28207</v>
      </c>
      <c r="K25760" s="2" t="s">
        <v>28208</v>
      </c>
      <c r="L25760" s="5" t="s">
        <v>28207</v>
      </c>
      <c r="M25760" s="2" t="s">
        <v>28208</v>
      </c>
      <c r="N25760" s="5" t="s">
        <v>733</v>
      </c>
      <c r="O25760" s="5" t="s">
        <v>38</v>
      </c>
      <c r="P25760" s="5" t="s">
        <v>39</v>
      </c>
      <c r="Q25760" s="5" t="s">
        <v>40</v>
      </c>
      <c r="R25760" s="5" t="s">
        <v>25301</v>
      </c>
      <c r="S25760" s="5" t="s">
        <v>40</v>
      </c>
      <c r="T25760" s="5" t="s">
        <v>42</v>
      </c>
      <c r="U25760" s="2">
        <v>2.0089999999999999</v>
      </c>
      <c r="V25760" s="2">
        <v>1.639</v>
      </c>
      <c r="W25760" s="2">
        <v>1.7000000000000001E-2</v>
      </c>
      <c r="X25760" s="2">
        <v>6.2</v>
      </c>
      <c r="Y25760" s="2">
        <v>18.3</v>
      </c>
      <c r="Z25760" s="2">
        <v>148.30000000000001</v>
      </c>
      <c r="AA25760" s="5">
        <v>36</v>
      </c>
      <c r="AB25760" s="5" t="s">
        <v>43</v>
      </c>
      <c r="AC25760" s="5" t="s">
        <v>44</v>
      </c>
      <c r="AD25760" s="2" t="s">
        <v>82735</v>
      </c>
      <c r="AE25760" s="1"/>
    </row>
    <row r="25761" spans="1:31" ht="14.45">
      <c r="A25761" s="5" t="s">
        <v>116</v>
      </c>
      <c r="B25761" s="21">
        <v>46082</v>
      </c>
      <c r="C25761" s="2" t="s">
        <v>82783</v>
      </c>
      <c r="D25761" s="14" t="s">
        <v>82784</v>
      </c>
      <c r="E25761" s="2" t="s">
        <v>82785</v>
      </c>
      <c r="F25761" s="2" t="s">
        <v>130</v>
      </c>
      <c r="G25761" s="8">
        <v>69</v>
      </c>
      <c r="H25761" s="5">
        <v>5</v>
      </c>
      <c r="I25761" s="5" t="s">
        <v>69</v>
      </c>
      <c r="J25761" s="5" t="s">
        <v>28207</v>
      </c>
      <c r="K25761" s="2" t="s">
        <v>28208</v>
      </c>
      <c r="L25761" s="5" t="s">
        <v>28207</v>
      </c>
      <c r="M25761" s="2" t="s">
        <v>28208</v>
      </c>
      <c r="N25761" s="5" t="s">
        <v>733</v>
      </c>
      <c r="O25761" s="5" t="s">
        <v>38</v>
      </c>
      <c r="P25761" s="5" t="s">
        <v>39</v>
      </c>
      <c r="Q25761" s="5" t="s">
        <v>40</v>
      </c>
      <c r="R25761" s="5" t="s">
        <v>24335</v>
      </c>
      <c r="S25761" s="5" t="s">
        <v>40</v>
      </c>
      <c r="T25761" s="5" t="s">
        <v>42</v>
      </c>
      <c r="U25761" s="2">
        <v>3.0379999999999998</v>
      </c>
      <c r="V25761" s="2">
        <v>2.9950000000000001</v>
      </c>
      <c r="W25761" s="2">
        <v>0.04</v>
      </c>
      <c r="X25761" s="2">
        <v>12</v>
      </c>
      <c r="Y25761" s="2">
        <v>29</v>
      </c>
      <c r="Z25761" s="2">
        <v>115.4</v>
      </c>
      <c r="AA25761" s="5">
        <v>36</v>
      </c>
      <c r="AB25761" s="5" t="s">
        <v>43</v>
      </c>
      <c r="AC25761" s="5" t="s">
        <v>44</v>
      </c>
      <c r="AD25761" s="2" t="s">
        <v>82749</v>
      </c>
      <c r="AE25761" s="1"/>
    </row>
    <row r="25762" spans="1:31" ht="14.45">
      <c r="A25762" s="5" t="s">
        <v>116</v>
      </c>
      <c r="B25762" s="21">
        <v>46082</v>
      </c>
      <c r="C25762" s="2" t="s">
        <v>82786</v>
      </c>
      <c r="D25762" s="14" t="s">
        <v>82787</v>
      </c>
      <c r="E25762" s="2" t="s">
        <v>82788</v>
      </c>
      <c r="F25762" s="2" t="s">
        <v>130</v>
      </c>
      <c r="G25762" s="8">
        <v>100</v>
      </c>
      <c r="H25762" s="5">
        <v>15</v>
      </c>
      <c r="I25762" s="5" t="s">
        <v>69</v>
      </c>
      <c r="J25762" s="5" t="s">
        <v>28207</v>
      </c>
      <c r="K25762" s="2" t="s">
        <v>28208</v>
      </c>
      <c r="L25762" s="5" t="s">
        <v>28207</v>
      </c>
      <c r="M25762" s="2" t="s">
        <v>28208</v>
      </c>
      <c r="N25762" s="5" t="s">
        <v>733</v>
      </c>
      <c r="O25762" s="5" t="s">
        <v>38</v>
      </c>
      <c r="P25762" s="5" t="s">
        <v>39</v>
      </c>
      <c r="Q25762" s="5" t="s">
        <v>40</v>
      </c>
      <c r="R25762" s="5" t="s">
        <v>24340</v>
      </c>
      <c r="S25762" s="5" t="s">
        <v>40</v>
      </c>
      <c r="T25762" s="5" t="s">
        <v>42</v>
      </c>
      <c r="U25762" s="2">
        <v>4.1260000000000003</v>
      </c>
      <c r="V25762" s="2">
        <v>4.0830000000000002</v>
      </c>
      <c r="W25762" s="2">
        <v>0.04</v>
      </c>
      <c r="X25762" s="2">
        <v>12</v>
      </c>
      <c r="Y25762" s="2">
        <v>29</v>
      </c>
      <c r="Z25762" s="2">
        <v>115.4</v>
      </c>
      <c r="AA25762" s="5">
        <v>36</v>
      </c>
      <c r="AB25762" s="5" t="s">
        <v>43</v>
      </c>
      <c r="AC25762" s="5" t="s">
        <v>44</v>
      </c>
      <c r="AD25762" s="2" t="s">
        <v>82749</v>
      </c>
      <c r="AE25762" s="1"/>
    </row>
    <row r="25763" spans="1:31" ht="14.45">
      <c r="A25763" s="5" t="s">
        <v>116</v>
      </c>
      <c r="B25763" s="21">
        <v>46082</v>
      </c>
      <c r="C25763" s="2" t="s">
        <v>82789</v>
      </c>
      <c r="D25763" s="14" t="s">
        <v>82790</v>
      </c>
      <c r="E25763" s="2" t="s">
        <v>82791</v>
      </c>
      <c r="F25763" s="2" t="s">
        <v>130</v>
      </c>
      <c r="G25763" s="8">
        <v>100</v>
      </c>
      <c r="H25763" s="5">
        <v>15</v>
      </c>
      <c r="I25763" s="5" t="s">
        <v>69</v>
      </c>
      <c r="J25763" s="5" t="s">
        <v>28207</v>
      </c>
      <c r="K25763" s="2" t="s">
        <v>28208</v>
      </c>
      <c r="L25763" s="5" t="s">
        <v>28207</v>
      </c>
      <c r="M25763" s="2" t="s">
        <v>28208</v>
      </c>
      <c r="N25763" s="5" t="s">
        <v>733</v>
      </c>
      <c r="O25763" s="5" t="s">
        <v>38</v>
      </c>
      <c r="P25763" s="5" t="s">
        <v>39</v>
      </c>
      <c r="Q25763" s="5" t="s">
        <v>40</v>
      </c>
      <c r="R25763" s="5" t="s">
        <v>25301</v>
      </c>
      <c r="S25763" s="5" t="s">
        <v>40</v>
      </c>
      <c r="T25763" s="5" t="s">
        <v>42</v>
      </c>
      <c r="U25763" s="2">
        <v>3.9289999999999998</v>
      </c>
      <c r="V25763" s="2">
        <v>3.8860000000000001</v>
      </c>
      <c r="W25763" s="2">
        <v>0.04</v>
      </c>
      <c r="X25763" s="2">
        <v>12</v>
      </c>
      <c r="Y25763" s="2">
        <v>29</v>
      </c>
      <c r="Z25763" s="2">
        <v>115.4</v>
      </c>
      <c r="AA25763" s="5">
        <v>36</v>
      </c>
      <c r="AB25763" s="5" t="s">
        <v>43</v>
      </c>
      <c r="AC25763" s="5" t="s">
        <v>44</v>
      </c>
      <c r="AD25763" s="2" t="s">
        <v>82749</v>
      </c>
      <c r="AE25763" s="1"/>
    </row>
    <row r="25764" spans="1:31" ht="14.45">
      <c r="A25764" s="11"/>
      <c r="B25764" s="20"/>
      <c r="C25764" s="2" t="s">
        <v>82792</v>
      </c>
      <c r="D25764" s="14" t="s">
        <v>82793</v>
      </c>
      <c r="E25764" s="2" t="s">
        <v>82794</v>
      </c>
      <c r="F25764" s="2" t="s">
        <v>82795</v>
      </c>
      <c r="G25764" s="8">
        <v>105</v>
      </c>
      <c r="H25764" s="5">
        <v>5</v>
      </c>
      <c r="I25764" s="5" t="s">
        <v>69</v>
      </c>
      <c r="J25764" s="5" t="s">
        <v>28207</v>
      </c>
      <c r="K25764" s="2" t="s">
        <v>28208</v>
      </c>
      <c r="L25764" s="5" t="s">
        <v>28207</v>
      </c>
      <c r="M25764" s="2" t="s">
        <v>28208</v>
      </c>
      <c r="N25764" s="5" t="s">
        <v>733</v>
      </c>
      <c r="O25764" s="5" t="s">
        <v>38</v>
      </c>
      <c r="P25764" s="5" t="s">
        <v>39</v>
      </c>
      <c r="Q25764" s="5" t="s">
        <v>40</v>
      </c>
      <c r="R25764" s="5" t="s">
        <v>24335</v>
      </c>
      <c r="S25764" s="5" t="s">
        <v>40</v>
      </c>
      <c r="T25764" s="5" t="s">
        <v>42</v>
      </c>
      <c r="U25764" s="2">
        <v>1.45</v>
      </c>
      <c r="V25764" s="2">
        <v>1.014</v>
      </c>
      <c r="W25764" s="2">
        <v>1.7000000000000001E-2</v>
      </c>
      <c r="X25764" s="2">
        <v>6.2</v>
      </c>
      <c r="Y25764" s="2">
        <v>18.3</v>
      </c>
      <c r="Z25764" s="2">
        <v>148.30000000000001</v>
      </c>
      <c r="AA25764" s="5">
        <v>36</v>
      </c>
      <c r="AB25764" s="5" t="s">
        <v>43</v>
      </c>
      <c r="AC25764" s="5" t="s">
        <v>44</v>
      </c>
      <c r="AD25764" s="2" t="s">
        <v>82735</v>
      </c>
      <c r="AE25764" s="1"/>
    </row>
    <row r="25765" spans="1:31" ht="14.45">
      <c r="A25765" s="11"/>
      <c r="B25765" s="20"/>
      <c r="C25765" s="2" t="s">
        <v>82796</v>
      </c>
      <c r="D25765" s="14" t="s">
        <v>82797</v>
      </c>
      <c r="E25765" s="2" t="s">
        <v>82798</v>
      </c>
      <c r="F25765" s="2" t="s">
        <v>82799</v>
      </c>
      <c r="G25765" s="8">
        <v>136</v>
      </c>
      <c r="H25765" s="5">
        <v>15</v>
      </c>
      <c r="I25765" s="5" t="s">
        <v>69</v>
      </c>
      <c r="J25765" s="5" t="s">
        <v>28207</v>
      </c>
      <c r="K25765" s="2" t="s">
        <v>28208</v>
      </c>
      <c r="L25765" s="5" t="s">
        <v>28207</v>
      </c>
      <c r="M25765" s="2" t="s">
        <v>28208</v>
      </c>
      <c r="N25765" s="5" t="s">
        <v>733</v>
      </c>
      <c r="O25765" s="5" t="s">
        <v>38</v>
      </c>
      <c r="P25765" s="5" t="s">
        <v>39</v>
      </c>
      <c r="Q25765" s="5" t="s">
        <v>40</v>
      </c>
      <c r="R25765" s="5" t="s">
        <v>24340</v>
      </c>
      <c r="S25765" s="5" t="s">
        <v>40</v>
      </c>
      <c r="T25765" s="5" t="s">
        <v>42</v>
      </c>
      <c r="U25765" s="2">
        <v>2.6840000000000002</v>
      </c>
      <c r="V25765" s="2">
        <v>2.2429999999999999</v>
      </c>
      <c r="W25765" s="2">
        <v>1.7000000000000001E-2</v>
      </c>
      <c r="X25765" s="2">
        <v>6.2</v>
      </c>
      <c r="Y25765" s="2">
        <v>18.3</v>
      </c>
      <c r="Z25765" s="2">
        <v>148.30000000000001</v>
      </c>
      <c r="AA25765" s="5">
        <v>36</v>
      </c>
      <c r="AB25765" s="5" t="s">
        <v>43</v>
      </c>
      <c r="AC25765" s="5" t="s">
        <v>44</v>
      </c>
      <c r="AD25765" s="2" t="s">
        <v>82735</v>
      </c>
      <c r="AE25765" s="1"/>
    </row>
    <row r="25766" spans="1:31" ht="14.45">
      <c r="A25766" s="11"/>
      <c r="B25766" s="20"/>
      <c r="C25766" s="2" t="s">
        <v>82800</v>
      </c>
      <c r="D25766" s="14" t="s">
        <v>82801</v>
      </c>
      <c r="E25766" s="2" t="s">
        <v>82802</v>
      </c>
      <c r="F25766" s="2" t="s">
        <v>82795</v>
      </c>
      <c r="G25766" s="8">
        <v>111</v>
      </c>
      <c r="H25766" s="5">
        <v>5</v>
      </c>
      <c r="I25766" s="5" t="s">
        <v>69</v>
      </c>
      <c r="J25766" s="5" t="s">
        <v>28207</v>
      </c>
      <c r="K25766" s="2" t="s">
        <v>28208</v>
      </c>
      <c r="L25766" s="5" t="s">
        <v>28207</v>
      </c>
      <c r="M25766" s="2" t="s">
        <v>28208</v>
      </c>
      <c r="N25766" s="5" t="s">
        <v>733</v>
      </c>
      <c r="O25766" s="5" t="s">
        <v>38</v>
      </c>
      <c r="P25766" s="5" t="s">
        <v>39</v>
      </c>
      <c r="Q25766" s="5" t="s">
        <v>40</v>
      </c>
      <c r="R25766" s="5" t="s">
        <v>24335</v>
      </c>
      <c r="S25766" s="5" t="s">
        <v>40</v>
      </c>
      <c r="T25766" s="5" t="s">
        <v>42</v>
      </c>
      <c r="U25766" s="2">
        <v>1.5409999999999999</v>
      </c>
      <c r="V25766" s="2">
        <v>1.0980000000000001</v>
      </c>
      <c r="W25766" s="2">
        <v>1.7000000000000001E-2</v>
      </c>
      <c r="X25766" s="2">
        <v>6.2</v>
      </c>
      <c r="Y25766" s="2">
        <v>18.3</v>
      </c>
      <c r="Z25766" s="2">
        <v>148.30000000000001</v>
      </c>
      <c r="AA25766" s="5">
        <v>36</v>
      </c>
      <c r="AB25766" s="5" t="s">
        <v>43</v>
      </c>
      <c r="AC25766" s="5" t="s">
        <v>44</v>
      </c>
      <c r="AD25766" s="2" t="s">
        <v>82735</v>
      </c>
      <c r="AE25766" s="1"/>
    </row>
    <row r="25767" spans="1:31" ht="14.45">
      <c r="A25767" s="11"/>
      <c r="B25767" s="20"/>
      <c r="C25767" s="2" t="s">
        <v>82803</v>
      </c>
      <c r="D25767" s="14" t="s">
        <v>82804</v>
      </c>
      <c r="E25767" s="2" t="s">
        <v>82805</v>
      </c>
      <c r="F25767" s="2" t="s">
        <v>82799</v>
      </c>
      <c r="G25767" s="8">
        <v>142</v>
      </c>
      <c r="H25767" s="5">
        <v>15</v>
      </c>
      <c r="I25767" s="5" t="s">
        <v>69</v>
      </c>
      <c r="J25767" s="5" t="s">
        <v>28207</v>
      </c>
      <c r="K25767" s="2" t="s">
        <v>28208</v>
      </c>
      <c r="L25767" s="5" t="s">
        <v>28207</v>
      </c>
      <c r="M25767" s="2" t="s">
        <v>28208</v>
      </c>
      <c r="N25767" s="5" t="s">
        <v>733</v>
      </c>
      <c r="O25767" s="5" t="s">
        <v>38</v>
      </c>
      <c r="P25767" s="5" t="s">
        <v>39</v>
      </c>
      <c r="Q25767" s="5" t="s">
        <v>40</v>
      </c>
      <c r="R25767" s="5" t="s">
        <v>24340</v>
      </c>
      <c r="S25767" s="5" t="s">
        <v>40</v>
      </c>
      <c r="T25767" s="5" t="s">
        <v>42</v>
      </c>
      <c r="U25767" s="2">
        <v>2.9079999999999999</v>
      </c>
      <c r="V25767" s="2">
        <v>2.4649999999999999</v>
      </c>
      <c r="W25767" s="2">
        <v>1.7000000000000001E-2</v>
      </c>
      <c r="X25767" s="2">
        <v>6.2</v>
      </c>
      <c r="Y25767" s="2">
        <v>18.3</v>
      </c>
      <c r="Z25767" s="2">
        <v>148.30000000000001</v>
      </c>
      <c r="AA25767" s="5">
        <v>36</v>
      </c>
      <c r="AB25767" s="5" t="s">
        <v>43</v>
      </c>
      <c r="AC25767" s="5" t="s">
        <v>44</v>
      </c>
      <c r="AD25767" s="2" t="s">
        <v>82735</v>
      </c>
      <c r="AE25767" s="1"/>
    </row>
    <row r="25768" spans="1:31" ht="14.45">
      <c r="A25768" s="5" t="s">
        <v>116</v>
      </c>
      <c r="B25768" s="21">
        <v>46054</v>
      </c>
      <c r="C25768" s="2" t="s">
        <v>82806</v>
      </c>
      <c r="D25768" s="14" t="s">
        <v>82807</v>
      </c>
      <c r="E25768" s="2" t="s">
        <v>82808</v>
      </c>
      <c r="F25768" s="2" t="s">
        <v>130</v>
      </c>
      <c r="G25768" s="8">
        <v>31</v>
      </c>
      <c r="H25768" s="5">
        <v>5</v>
      </c>
      <c r="I25768" s="5" t="s">
        <v>69</v>
      </c>
      <c r="J25768" s="5" t="s">
        <v>28207</v>
      </c>
      <c r="K25768" s="2" t="s">
        <v>28208</v>
      </c>
      <c r="L25768" s="5" t="s">
        <v>28207</v>
      </c>
      <c r="M25768" s="2" t="s">
        <v>28208</v>
      </c>
      <c r="N25768" s="5" t="s">
        <v>733</v>
      </c>
      <c r="O25768" s="5" t="s">
        <v>38</v>
      </c>
      <c r="P25768" s="5" t="s">
        <v>39</v>
      </c>
      <c r="Q25768" s="5" t="s">
        <v>40</v>
      </c>
      <c r="R25768" s="5" t="s">
        <v>24335</v>
      </c>
      <c r="S25768" s="5" t="s">
        <v>40</v>
      </c>
      <c r="T25768" s="5" t="s">
        <v>42</v>
      </c>
      <c r="U25768" s="2">
        <v>1.0549999999999999</v>
      </c>
      <c r="V25768" s="2">
        <v>0.68500000000000005</v>
      </c>
      <c r="W25768" s="2">
        <v>1.7000000000000001E-2</v>
      </c>
      <c r="X25768" s="2">
        <v>6.2</v>
      </c>
      <c r="Y25768" s="2">
        <v>18.3</v>
      </c>
      <c r="Z25768" s="2">
        <v>148.30000000000001</v>
      </c>
      <c r="AA25768" s="5">
        <v>36</v>
      </c>
      <c r="AB25768" s="5" t="s">
        <v>43</v>
      </c>
      <c r="AC25768" s="5" t="s">
        <v>44</v>
      </c>
      <c r="AD25768" s="2" t="s">
        <v>82735</v>
      </c>
      <c r="AE25768" s="1"/>
    </row>
    <row r="25769" spans="1:31" ht="14.45">
      <c r="A25769" s="5" t="s">
        <v>116</v>
      </c>
      <c r="B25769" s="21">
        <v>46054</v>
      </c>
      <c r="C25769" s="2" t="s">
        <v>82809</v>
      </c>
      <c r="D25769" s="14" t="s">
        <v>82810</v>
      </c>
      <c r="E25769" s="2" t="s">
        <v>82811</v>
      </c>
      <c r="F25769" s="2" t="s">
        <v>130</v>
      </c>
      <c r="G25769" s="8">
        <v>62</v>
      </c>
      <c r="H25769" s="5">
        <v>15</v>
      </c>
      <c r="I25769" s="5" t="s">
        <v>69</v>
      </c>
      <c r="J25769" s="5" t="s">
        <v>28207</v>
      </c>
      <c r="K25769" s="2" t="s">
        <v>28208</v>
      </c>
      <c r="L25769" s="5" t="s">
        <v>28207</v>
      </c>
      <c r="M25769" s="2" t="s">
        <v>28208</v>
      </c>
      <c r="N25769" s="5" t="s">
        <v>733</v>
      </c>
      <c r="O25769" s="5" t="s">
        <v>38</v>
      </c>
      <c r="P25769" s="5" t="s">
        <v>39</v>
      </c>
      <c r="Q25769" s="5" t="s">
        <v>40</v>
      </c>
      <c r="R25769" s="5" t="s">
        <v>24340</v>
      </c>
      <c r="S25769" s="5" t="s">
        <v>40</v>
      </c>
      <c r="T25769" s="5" t="s">
        <v>42</v>
      </c>
      <c r="U25769" s="2">
        <v>2.0910000000000002</v>
      </c>
      <c r="V25769" s="2">
        <v>1.7210000000000001</v>
      </c>
      <c r="W25769" s="2">
        <v>1.7000000000000001E-2</v>
      </c>
      <c r="X25769" s="2">
        <v>6.2</v>
      </c>
      <c r="Y25769" s="2">
        <v>18.3</v>
      </c>
      <c r="Z25769" s="2">
        <v>148.30000000000001</v>
      </c>
      <c r="AA25769" s="5">
        <v>36</v>
      </c>
      <c r="AB25769" s="5" t="s">
        <v>43</v>
      </c>
      <c r="AC25769" s="5" t="s">
        <v>44</v>
      </c>
      <c r="AD25769" s="2" t="s">
        <v>82735</v>
      </c>
      <c r="AE25769" s="1"/>
    </row>
    <row r="25770" spans="1:31" ht="14.45">
      <c r="A25770" s="5" t="s">
        <v>116</v>
      </c>
      <c r="B25770" s="21">
        <v>46054</v>
      </c>
      <c r="C25770" s="2" t="s">
        <v>82812</v>
      </c>
      <c r="D25770" s="14" t="s">
        <v>82813</v>
      </c>
      <c r="E25770" s="2" t="s">
        <v>82814</v>
      </c>
      <c r="F25770" s="2" t="s">
        <v>130</v>
      </c>
      <c r="G25770" s="8">
        <v>62</v>
      </c>
      <c r="H25770" s="5">
        <v>15</v>
      </c>
      <c r="I25770" s="5" t="s">
        <v>69</v>
      </c>
      <c r="J25770" s="5" t="s">
        <v>28207</v>
      </c>
      <c r="K25770" s="2" t="s">
        <v>28208</v>
      </c>
      <c r="L25770" s="5" t="s">
        <v>28207</v>
      </c>
      <c r="M25770" s="2" t="s">
        <v>28208</v>
      </c>
      <c r="N25770" s="5" t="s">
        <v>733</v>
      </c>
      <c r="O25770" s="5" t="s">
        <v>38</v>
      </c>
      <c r="P25770" s="5" t="s">
        <v>39</v>
      </c>
      <c r="Q25770" s="5" t="s">
        <v>40</v>
      </c>
      <c r="R25770" s="5" t="s">
        <v>25301</v>
      </c>
      <c r="S25770" s="5" t="s">
        <v>40</v>
      </c>
      <c r="T25770" s="5" t="s">
        <v>42</v>
      </c>
      <c r="U25770" s="2">
        <v>1.9059999999999999</v>
      </c>
      <c r="V25770" s="2">
        <v>1.536</v>
      </c>
      <c r="W25770" s="2">
        <v>1.7000000000000001E-2</v>
      </c>
      <c r="X25770" s="2">
        <v>6.2</v>
      </c>
      <c r="Y25770" s="2">
        <v>18.3</v>
      </c>
      <c r="Z25770" s="2">
        <v>148.30000000000001</v>
      </c>
      <c r="AA25770" s="5">
        <v>36</v>
      </c>
      <c r="AB25770" s="5" t="s">
        <v>43</v>
      </c>
      <c r="AC25770" s="5" t="s">
        <v>44</v>
      </c>
      <c r="AD25770" s="2" t="s">
        <v>82735</v>
      </c>
      <c r="AE25770" s="1"/>
    </row>
    <row r="25771" spans="1:31" ht="14.45">
      <c r="A25771" s="5" t="s">
        <v>116</v>
      </c>
      <c r="B25771" s="21">
        <v>46082</v>
      </c>
      <c r="C25771" s="2" t="s">
        <v>82815</v>
      </c>
      <c r="D25771" s="14" t="s">
        <v>82816</v>
      </c>
      <c r="E25771" s="2" t="s">
        <v>82817</v>
      </c>
      <c r="F25771" s="2" t="s">
        <v>130</v>
      </c>
      <c r="G25771" s="8">
        <v>69</v>
      </c>
      <c r="H25771" s="5">
        <v>5</v>
      </c>
      <c r="I25771" s="5" t="s">
        <v>69</v>
      </c>
      <c r="J25771" s="5" t="s">
        <v>28207</v>
      </c>
      <c r="K25771" s="2" t="s">
        <v>28208</v>
      </c>
      <c r="L25771" s="5" t="s">
        <v>28207</v>
      </c>
      <c r="M25771" s="2" t="s">
        <v>28208</v>
      </c>
      <c r="N25771" s="5" t="s">
        <v>733</v>
      </c>
      <c r="O25771" s="5" t="s">
        <v>38</v>
      </c>
      <c r="P25771" s="5" t="s">
        <v>39</v>
      </c>
      <c r="Q25771" s="5" t="s">
        <v>40</v>
      </c>
      <c r="R25771" s="5" t="s">
        <v>24335</v>
      </c>
      <c r="S25771" s="5" t="s">
        <v>40</v>
      </c>
      <c r="T25771" s="5" t="s">
        <v>42</v>
      </c>
      <c r="U25771" s="2">
        <v>2.8420000000000001</v>
      </c>
      <c r="V25771" s="2">
        <v>2.7989999999999999</v>
      </c>
      <c r="W25771" s="2">
        <v>3.3000000000000002E-2</v>
      </c>
      <c r="X25771" s="2">
        <v>12</v>
      </c>
      <c r="Y25771" s="2">
        <v>29</v>
      </c>
      <c r="Z25771" s="2">
        <v>95.4</v>
      </c>
      <c r="AA25771" s="5">
        <v>36</v>
      </c>
      <c r="AB25771" s="5" t="s">
        <v>43</v>
      </c>
      <c r="AC25771" s="5" t="s">
        <v>44</v>
      </c>
      <c r="AD25771" s="2" t="s">
        <v>82749</v>
      </c>
      <c r="AE25771" s="1"/>
    </row>
    <row r="25772" spans="1:31" ht="14.45">
      <c r="A25772" s="5" t="s">
        <v>116</v>
      </c>
      <c r="B25772" s="21">
        <v>46082</v>
      </c>
      <c r="C25772" s="2" t="s">
        <v>82818</v>
      </c>
      <c r="D25772" s="14" t="s">
        <v>82819</v>
      </c>
      <c r="E25772" s="2" t="s">
        <v>82820</v>
      </c>
      <c r="F25772" s="2" t="s">
        <v>130</v>
      </c>
      <c r="G25772" s="8">
        <v>100</v>
      </c>
      <c r="H25772" s="5">
        <v>15</v>
      </c>
      <c r="I25772" s="5" t="s">
        <v>69</v>
      </c>
      <c r="J25772" s="5" t="s">
        <v>28207</v>
      </c>
      <c r="K25772" s="2" t="s">
        <v>28208</v>
      </c>
      <c r="L25772" s="5" t="s">
        <v>28207</v>
      </c>
      <c r="M25772" s="2" t="s">
        <v>28208</v>
      </c>
      <c r="N25772" s="5" t="s">
        <v>733</v>
      </c>
      <c r="O25772" s="5" t="s">
        <v>38</v>
      </c>
      <c r="P25772" s="5" t="s">
        <v>39</v>
      </c>
      <c r="Q25772" s="5" t="s">
        <v>40</v>
      </c>
      <c r="R25772" s="5" t="s">
        <v>24340</v>
      </c>
      <c r="S25772" s="5" t="s">
        <v>40</v>
      </c>
      <c r="T25772" s="5" t="s">
        <v>42</v>
      </c>
      <c r="U25772" s="2">
        <v>3.867</v>
      </c>
      <c r="V25772" s="2">
        <v>3.8239999999999998</v>
      </c>
      <c r="W25772" s="2">
        <v>3.3000000000000002E-2</v>
      </c>
      <c r="X25772" s="2">
        <v>12</v>
      </c>
      <c r="Y25772" s="2">
        <v>29</v>
      </c>
      <c r="Z25772" s="2">
        <v>95.4</v>
      </c>
      <c r="AA25772" s="5">
        <v>36</v>
      </c>
      <c r="AB25772" s="5" t="s">
        <v>43</v>
      </c>
      <c r="AC25772" s="5" t="s">
        <v>44</v>
      </c>
      <c r="AD25772" s="2" t="s">
        <v>82749</v>
      </c>
      <c r="AE25772" s="1"/>
    </row>
    <row r="25773" spans="1:31" ht="14.45">
      <c r="A25773" s="5" t="s">
        <v>116</v>
      </c>
      <c r="B25773" s="21">
        <v>46082</v>
      </c>
      <c r="C25773" s="2" t="s">
        <v>82821</v>
      </c>
      <c r="D25773" s="14" t="s">
        <v>82822</v>
      </c>
      <c r="E25773" s="2" t="s">
        <v>82823</v>
      </c>
      <c r="F25773" s="2" t="s">
        <v>130</v>
      </c>
      <c r="G25773" s="8">
        <v>100</v>
      </c>
      <c r="H25773" s="5">
        <v>15</v>
      </c>
      <c r="I25773" s="5" t="s">
        <v>69</v>
      </c>
      <c r="J25773" s="5" t="s">
        <v>28207</v>
      </c>
      <c r="K25773" s="2" t="s">
        <v>28208</v>
      </c>
      <c r="L25773" s="5" t="s">
        <v>28207</v>
      </c>
      <c r="M25773" s="2" t="s">
        <v>28208</v>
      </c>
      <c r="N25773" s="5" t="s">
        <v>733</v>
      </c>
      <c r="O25773" s="5" t="s">
        <v>38</v>
      </c>
      <c r="P25773" s="5" t="s">
        <v>39</v>
      </c>
      <c r="Q25773" s="5" t="s">
        <v>40</v>
      </c>
      <c r="R25773" s="5" t="s">
        <v>25301</v>
      </c>
      <c r="S25773" s="5" t="s">
        <v>40</v>
      </c>
      <c r="T25773" s="5" t="s">
        <v>42</v>
      </c>
      <c r="U25773" s="2">
        <v>3.6819999999999999</v>
      </c>
      <c r="V25773" s="2">
        <v>3.6389999999999998</v>
      </c>
      <c r="W25773" s="2">
        <v>3.3000000000000002E-2</v>
      </c>
      <c r="X25773" s="2">
        <v>12</v>
      </c>
      <c r="Y25773" s="2">
        <v>29</v>
      </c>
      <c r="Z25773" s="2">
        <v>95.4</v>
      </c>
      <c r="AA25773" s="5">
        <v>36</v>
      </c>
      <c r="AB25773" s="5" t="s">
        <v>43</v>
      </c>
      <c r="AC25773" s="5" t="s">
        <v>44</v>
      </c>
      <c r="AD25773" s="2" t="s">
        <v>82749</v>
      </c>
      <c r="AE25773" s="1"/>
    </row>
    <row r="25774" spans="1:31" ht="14.45">
      <c r="A25774" s="5" t="s">
        <v>116</v>
      </c>
      <c r="B25774" s="21">
        <v>46054</v>
      </c>
      <c r="C25774" s="2" t="s">
        <v>82824</v>
      </c>
      <c r="D25774" s="14" t="s">
        <v>82825</v>
      </c>
      <c r="E25774" s="2" t="s">
        <v>82826</v>
      </c>
      <c r="F25774" s="2" t="s">
        <v>130</v>
      </c>
      <c r="G25774" s="8">
        <v>35</v>
      </c>
      <c r="H25774" s="5">
        <v>5</v>
      </c>
      <c r="I25774" s="5" t="s">
        <v>69</v>
      </c>
      <c r="J25774" s="5" t="s">
        <v>28207</v>
      </c>
      <c r="K25774" s="2" t="s">
        <v>28208</v>
      </c>
      <c r="L25774" s="5" t="s">
        <v>28207</v>
      </c>
      <c r="M25774" s="2" t="s">
        <v>28208</v>
      </c>
      <c r="N25774" s="5" t="s">
        <v>733</v>
      </c>
      <c r="O25774" s="5" t="s">
        <v>38</v>
      </c>
      <c r="P25774" s="5" t="s">
        <v>39</v>
      </c>
      <c r="Q25774" s="5" t="s">
        <v>40</v>
      </c>
      <c r="R25774" s="5" t="s">
        <v>24335</v>
      </c>
      <c r="S25774" s="5" t="s">
        <v>40</v>
      </c>
      <c r="T25774" s="5" t="s">
        <v>42</v>
      </c>
      <c r="U25774" s="2">
        <v>1.135</v>
      </c>
      <c r="V25774" s="2">
        <v>0.76500000000000001</v>
      </c>
      <c r="W25774" s="2">
        <v>1.7000000000000001E-2</v>
      </c>
      <c r="X25774" s="2">
        <v>6.2</v>
      </c>
      <c r="Y25774" s="2">
        <v>18.3</v>
      </c>
      <c r="Z25774" s="2">
        <v>148.30000000000001</v>
      </c>
      <c r="AA25774" s="5">
        <v>36</v>
      </c>
      <c r="AB25774" s="5" t="s">
        <v>43</v>
      </c>
      <c r="AC25774" s="5" t="s">
        <v>44</v>
      </c>
      <c r="AD25774" s="2" t="s">
        <v>82735</v>
      </c>
      <c r="AE25774" s="1"/>
    </row>
    <row r="25775" spans="1:31" ht="14.45">
      <c r="A25775" s="5" t="s">
        <v>116</v>
      </c>
      <c r="B25775" s="21">
        <v>46054</v>
      </c>
      <c r="C25775" s="2" t="s">
        <v>82827</v>
      </c>
      <c r="D25775" s="14" t="s">
        <v>82828</v>
      </c>
      <c r="E25775" s="2" t="s">
        <v>82829</v>
      </c>
      <c r="F25775" s="2" t="s">
        <v>130</v>
      </c>
      <c r="G25775" s="8">
        <v>66</v>
      </c>
      <c r="H25775" s="5">
        <v>5</v>
      </c>
      <c r="I25775" s="5" t="s">
        <v>69</v>
      </c>
      <c r="J25775" s="5" t="s">
        <v>28207</v>
      </c>
      <c r="K25775" s="2" t="s">
        <v>28208</v>
      </c>
      <c r="L25775" s="5" t="s">
        <v>28207</v>
      </c>
      <c r="M25775" s="2" t="s">
        <v>28208</v>
      </c>
      <c r="N25775" s="5" t="s">
        <v>733</v>
      </c>
      <c r="O25775" s="5" t="s">
        <v>38</v>
      </c>
      <c r="P25775" s="5" t="s">
        <v>39</v>
      </c>
      <c r="Q25775" s="5" t="s">
        <v>40</v>
      </c>
      <c r="R25775" s="5" t="s">
        <v>24340</v>
      </c>
      <c r="S25775" s="5" t="s">
        <v>40</v>
      </c>
      <c r="T25775" s="5" t="s">
        <v>42</v>
      </c>
      <c r="U25775" s="2">
        <v>2.2850000000000001</v>
      </c>
      <c r="V25775" s="2">
        <v>1.915</v>
      </c>
      <c r="W25775" s="2">
        <v>1.7000000000000001E-2</v>
      </c>
      <c r="X25775" s="2">
        <v>6.2</v>
      </c>
      <c r="Y25775" s="2">
        <v>18.3</v>
      </c>
      <c r="Z25775" s="2">
        <v>148.30000000000001</v>
      </c>
      <c r="AA25775" s="5">
        <v>36</v>
      </c>
      <c r="AB25775" s="5" t="s">
        <v>43</v>
      </c>
      <c r="AC25775" s="5" t="s">
        <v>44</v>
      </c>
      <c r="AD25775" s="2" t="s">
        <v>82735</v>
      </c>
      <c r="AE25775" s="1"/>
    </row>
    <row r="25776" spans="1:31" ht="14.45">
      <c r="A25776" s="5" t="s">
        <v>116</v>
      </c>
      <c r="B25776" s="21">
        <v>46054</v>
      </c>
      <c r="C25776" s="2" t="s">
        <v>82830</v>
      </c>
      <c r="D25776" s="14" t="s">
        <v>82831</v>
      </c>
      <c r="E25776" s="2" t="s">
        <v>82832</v>
      </c>
      <c r="F25776" s="2" t="s">
        <v>130</v>
      </c>
      <c r="G25776" s="8">
        <v>66</v>
      </c>
      <c r="H25776" s="5">
        <v>15</v>
      </c>
      <c r="I25776" s="5" t="s">
        <v>69</v>
      </c>
      <c r="J25776" s="5" t="s">
        <v>28207</v>
      </c>
      <c r="K25776" s="2" t="s">
        <v>28208</v>
      </c>
      <c r="L25776" s="5" t="s">
        <v>28207</v>
      </c>
      <c r="M25776" s="2" t="s">
        <v>28208</v>
      </c>
      <c r="N25776" s="5" t="s">
        <v>733</v>
      </c>
      <c r="O25776" s="5" t="s">
        <v>38</v>
      </c>
      <c r="P25776" s="5" t="s">
        <v>39</v>
      </c>
      <c r="Q25776" s="5" t="s">
        <v>40</v>
      </c>
      <c r="R25776" s="5" t="s">
        <v>25301</v>
      </c>
      <c r="S25776" s="5" t="s">
        <v>40</v>
      </c>
      <c r="T25776" s="5" t="s">
        <v>42</v>
      </c>
      <c r="U25776" s="2">
        <v>2.0840000000000001</v>
      </c>
      <c r="V25776" s="2">
        <v>1.714</v>
      </c>
      <c r="W25776" s="2">
        <v>1.7000000000000001E-2</v>
      </c>
      <c r="X25776" s="2">
        <v>6.2</v>
      </c>
      <c r="Y25776" s="2">
        <v>18.3</v>
      </c>
      <c r="Z25776" s="2">
        <v>148.30000000000001</v>
      </c>
      <c r="AA25776" s="5">
        <v>36</v>
      </c>
      <c r="AB25776" s="5" t="s">
        <v>43</v>
      </c>
      <c r="AC25776" s="5" t="s">
        <v>44</v>
      </c>
      <c r="AD25776" s="2" t="s">
        <v>82735</v>
      </c>
      <c r="AE25776" s="1"/>
    </row>
    <row r="25777" spans="1:31" ht="14.45">
      <c r="A25777" s="5" t="s">
        <v>116</v>
      </c>
      <c r="B25777" s="21">
        <v>46082</v>
      </c>
      <c r="C25777" s="2" t="s">
        <v>82833</v>
      </c>
      <c r="D25777" s="14" t="s">
        <v>82834</v>
      </c>
      <c r="E25777" s="2" t="s">
        <v>82835</v>
      </c>
      <c r="F25777" s="2" t="s">
        <v>130</v>
      </c>
      <c r="G25777" s="8">
        <v>78</v>
      </c>
      <c r="H25777" s="5">
        <v>5</v>
      </c>
      <c r="I25777" s="5" t="s">
        <v>69</v>
      </c>
      <c r="J25777" s="5" t="s">
        <v>28207</v>
      </c>
      <c r="K25777" s="2" t="s">
        <v>28208</v>
      </c>
      <c r="L25777" s="5" t="s">
        <v>28207</v>
      </c>
      <c r="M25777" s="2" t="s">
        <v>28208</v>
      </c>
      <c r="N25777" s="5" t="s">
        <v>733</v>
      </c>
      <c r="O25777" s="5" t="s">
        <v>38</v>
      </c>
      <c r="P25777" s="5" t="s">
        <v>39</v>
      </c>
      <c r="Q25777" s="5" t="s">
        <v>40</v>
      </c>
      <c r="R25777" s="5" t="s">
        <v>24335</v>
      </c>
      <c r="S25777" s="5" t="s">
        <v>40</v>
      </c>
      <c r="T25777" s="5" t="s">
        <v>42</v>
      </c>
      <c r="U25777" s="2">
        <v>3.1190000000000002</v>
      </c>
      <c r="V25777" s="2">
        <v>3.0760000000000001</v>
      </c>
      <c r="W25777" s="2">
        <v>0.04</v>
      </c>
      <c r="X25777" s="2">
        <v>12</v>
      </c>
      <c r="Y25777" s="2">
        <v>29</v>
      </c>
      <c r="Z25777" s="2">
        <v>115.4</v>
      </c>
      <c r="AA25777" s="5">
        <v>36</v>
      </c>
      <c r="AB25777" s="5" t="s">
        <v>43</v>
      </c>
      <c r="AC25777" s="5" t="s">
        <v>44</v>
      </c>
      <c r="AD25777" s="2" t="s">
        <v>82749</v>
      </c>
      <c r="AE25777" s="1"/>
    </row>
    <row r="25778" spans="1:31" ht="14.45">
      <c r="A25778" s="5" t="s">
        <v>116</v>
      </c>
      <c r="B25778" s="21">
        <v>46082</v>
      </c>
      <c r="C25778" s="2" t="s">
        <v>82836</v>
      </c>
      <c r="D25778" s="14" t="s">
        <v>82837</v>
      </c>
      <c r="E25778" s="2" t="s">
        <v>82838</v>
      </c>
      <c r="F25778" s="2" t="s">
        <v>130</v>
      </c>
      <c r="G25778" s="8">
        <v>109</v>
      </c>
      <c r="H25778" s="5">
        <v>5</v>
      </c>
      <c r="I25778" s="5" t="s">
        <v>69</v>
      </c>
      <c r="J25778" s="5" t="s">
        <v>28207</v>
      </c>
      <c r="K25778" s="2" t="s">
        <v>28208</v>
      </c>
      <c r="L25778" s="5" t="s">
        <v>28207</v>
      </c>
      <c r="M25778" s="2" t="s">
        <v>28208</v>
      </c>
      <c r="N25778" s="5" t="s">
        <v>733</v>
      </c>
      <c r="O25778" s="5" t="s">
        <v>38</v>
      </c>
      <c r="P25778" s="5" t="s">
        <v>39</v>
      </c>
      <c r="Q25778" s="5" t="s">
        <v>40</v>
      </c>
      <c r="R25778" s="5" t="s">
        <v>24340</v>
      </c>
      <c r="S25778" s="5" t="s">
        <v>40</v>
      </c>
      <c r="T25778" s="5" t="s">
        <v>42</v>
      </c>
      <c r="U25778" s="2">
        <v>4.2690000000000001</v>
      </c>
      <c r="V25778" s="2">
        <v>4.226</v>
      </c>
      <c r="W25778" s="2">
        <v>0.04</v>
      </c>
      <c r="X25778" s="2">
        <v>12</v>
      </c>
      <c r="Y25778" s="2">
        <v>29</v>
      </c>
      <c r="Z25778" s="2">
        <v>115.4</v>
      </c>
      <c r="AA25778" s="5">
        <v>36</v>
      </c>
      <c r="AB25778" s="5" t="s">
        <v>43</v>
      </c>
      <c r="AC25778" s="5" t="s">
        <v>44</v>
      </c>
      <c r="AD25778" s="2" t="s">
        <v>82749</v>
      </c>
      <c r="AE25778" s="1"/>
    </row>
    <row r="25779" spans="1:31" ht="14.45">
      <c r="A25779" s="5" t="s">
        <v>116</v>
      </c>
      <c r="B25779" s="21">
        <v>46082</v>
      </c>
      <c r="C25779" s="2" t="s">
        <v>82839</v>
      </c>
      <c r="D25779" s="14" t="s">
        <v>82840</v>
      </c>
      <c r="E25779" s="2" t="s">
        <v>82841</v>
      </c>
      <c r="F25779" s="2" t="s">
        <v>130</v>
      </c>
      <c r="G25779" s="8">
        <v>109</v>
      </c>
      <c r="H25779" s="5">
        <v>15</v>
      </c>
      <c r="I25779" s="5" t="s">
        <v>69</v>
      </c>
      <c r="J25779" s="5" t="s">
        <v>28207</v>
      </c>
      <c r="K25779" s="2" t="s">
        <v>28208</v>
      </c>
      <c r="L25779" s="5" t="s">
        <v>28207</v>
      </c>
      <c r="M25779" s="2" t="s">
        <v>28208</v>
      </c>
      <c r="N25779" s="5" t="s">
        <v>733</v>
      </c>
      <c r="O25779" s="5" t="s">
        <v>38</v>
      </c>
      <c r="P25779" s="5" t="s">
        <v>39</v>
      </c>
      <c r="Q25779" s="5" t="s">
        <v>40</v>
      </c>
      <c r="R25779" s="5" t="s">
        <v>25301</v>
      </c>
      <c r="S25779" s="5" t="s">
        <v>40</v>
      </c>
      <c r="T25779" s="5" t="s">
        <v>42</v>
      </c>
      <c r="U25779" s="2">
        <v>4.0570000000000004</v>
      </c>
      <c r="V25779" s="2">
        <v>4.0140000000000002</v>
      </c>
      <c r="W25779" s="2">
        <v>0.04</v>
      </c>
      <c r="X25779" s="2">
        <v>12</v>
      </c>
      <c r="Y25779" s="2">
        <v>29</v>
      </c>
      <c r="Z25779" s="2">
        <v>115.4</v>
      </c>
      <c r="AA25779" s="5">
        <v>36</v>
      </c>
      <c r="AB25779" s="5" t="s">
        <v>43</v>
      </c>
      <c r="AC25779" s="5" t="s">
        <v>44</v>
      </c>
      <c r="AD25779" s="2" t="s">
        <v>82749</v>
      </c>
      <c r="AE25779" s="1"/>
    </row>
    <row r="25780" spans="1:31" ht="14.45">
      <c r="A25780" s="5" t="s">
        <v>116</v>
      </c>
      <c r="B25780" s="21">
        <v>46054</v>
      </c>
      <c r="C25780" s="2" t="s">
        <v>82842</v>
      </c>
      <c r="D25780" s="14" t="s">
        <v>82843</v>
      </c>
      <c r="E25780" s="2" t="s">
        <v>82844</v>
      </c>
      <c r="F25780" s="2" t="s">
        <v>130</v>
      </c>
      <c r="G25780" s="8">
        <v>37</v>
      </c>
      <c r="H25780" s="5">
        <v>5</v>
      </c>
      <c r="I25780" s="5" t="s">
        <v>69</v>
      </c>
      <c r="J25780" s="5" t="s">
        <v>28207</v>
      </c>
      <c r="K25780" s="2" t="s">
        <v>28208</v>
      </c>
      <c r="L25780" s="5" t="s">
        <v>28207</v>
      </c>
      <c r="M25780" s="2" t="s">
        <v>28208</v>
      </c>
      <c r="N25780" s="5" t="s">
        <v>733</v>
      </c>
      <c r="O25780" s="5" t="s">
        <v>38</v>
      </c>
      <c r="P25780" s="5" t="s">
        <v>39</v>
      </c>
      <c r="Q25780" s="5" t="s">
        <v>40</v>
      </c>
      <c r="R25780" s="5" t="s">
        <v>24335</v>
      </c>
      <c r="S25780" s="5" t="s">
        <v>40</v>
      </c>
      <c r="T25780" s="5" t="s">
        <v>42</v>
      </c>
      <c r="U25780" s="2">
        <v>1.2170000000000001</v>
      </c>
      <c r="V25780" s="2">
        <v>0.84699999999999998</v>
      </c>
      <c r="W25780" s="2">
        <v>1.7000000000000001E-2</v>
      </c>
      <c r="X25780" s="2">
        <v>6.2</v>
      </c>
      <c r="Y25780" s="2">
        <v>18.3</v>
      </c>
      <c r="Z25780" s="2">
        <v>148.30000000000001</v>
      </c>
      <c r="AA25780" s="5">
        <v>36</v>
      </c>
      <c r="AB25780" s="5" t="s">
        <v>43</v>
      </c>
      <c r="AC25780" s="5" t="s">
        <v>44</v>
      </c>
      <c r="AD25780" s="2" t="s">
        <v>82735</v>
      </c>
      <c r="AE25780" s="1"/>
    </row>
    <row r="25781" spans="1:31" ht="14.45">
      <c r="A25781" s="5" t="s">
        <v>116</v>
      </c>
      <c r="B25781" s="21">
        <v>46054</v>
      </c>
      <c r="C25781" s="2" t="s">
        <v>82845</v>
      </c>
      <c r="D25781" s="14" t="s">
        <v>82846</v>
      </c>
      <c r="E25781" s="2" t="s">
        <v>82847</v>
      </c>
      <c r="F25781" s="2" t="s">
        <v>130</v>
      </c>
      <c r="G25781" s="8">
        <v>68</v>
      </c>
      <c r="H25781" s="5">
        <v>15</v>
      </c>
      <c r="I25781" s="5" t="s">
        <v>69</v>
      </c>
      <c r="J25781" s="5" t="s">
        <v>28207</v>
      </c>
      <c r="K25781" s="2" t="s">
        <v>28208</v>
      </c>
      <c r="L25781" s="5" t="s">
        <v>28207</v>
      </c>
      <c r="M25781" s="2" t="s">
        <v>28208</v>
      </c>
      <c r="N25781" s="5" t="s">
        <v>733</v>
      </c>
      <c r="O25781" s="5" t="s">
        <v>38</v>
      </c>
      <c r="P25781" s="5" t="s">
        <v>39</v>
      </c>
      <c r="Q25781" s="5" t="s">
        <v>40</v>
      </c>
      <c r="R25781" s="5" t="s">
        <v>24340</v>
      </c>
      <c r="S25781" s="5" t="s">
        <v>40</v>
      </c>
      <c r="T25781" s="5" t="s">
        <v>42</v>
      </c>
      <c r="U25781" s="2">
        <v>2.5129999999999999</v>
      </c>
      <c r="V25781" s="2">
        <v>2.1429999999999998</v>
      </c>
      <c r="W25781" s="2">
        <v>1.7000000000000001E-2</v>
      </c>
      <c r="X25781" s="2">
        <v>6.2</v>
      </c>
      <c r="Y25781" s="2">
        <v>18.3</v>
      </c>
      <c r="Z25781" s="2">
        <v>148.30000000000001</v>
      </c>
      <c r="AA25781" s="5">
        <v>36</v>
      </c>
      <c r="AB25781" s="5" t="s">
        <v>43</v>
      </c>
      <c r="AC25781" s="5" t="s">
        <v>44</v>
      </c>
      <c r="AD25781" s="2" t="s">
        <v>82735</v>
      </c>
      <c r="AE25781" s="1"/>
    </row>
    <row r="25782" spans="1:31" ht="14.45">
      <c r="A25782" s="5" t="s">
        <v>116</v>
      </c>
      <c r="B25782" s="21">
        <v>46054</v>
      </c>
      <c r="C25782" s="2" t="s">
        <v>82848</v>
      </c>
      <c r="D25782" s="14" t="s">
        <v>82849</v>
      </c>
      <c r="E25782" s="2" t="s">
        <v>82850</v>
      </c>
      <c r="F25782" s="2" t="s">
        <v>130</v>
      </c>
      <c r="G25782" s="8">
        <v>68</v>
      </c>
      <c r="H25782" s="5">
        <v>15</v>
      </c>
      <c r="I25782" s="5" t="s">
        <v>69</v>
      </c>
      <c r="J25782" s="5" t="s">
        <v>28207</v>
      </c>
      <c r="K25782" s="2" t="s">
        <v>28208</v>
      </c>
      <c r="L25782" s="5" t="s">
        <v>28207</v>
      </c>
      <c r="M25782" s="2" t="s">
        <v>28208</v>
      </c>
      <c r="N25782" s="5" t="s">
        <v>733</v>
      </c>
      <c r="O25782" s="5" t="s">
        <v>38</v>
      </c>
      <c r="P25782" s="5" t="s">
        <v>39</v>
      </c>
      <c r="Q25782" s="5" t="s">
        <v>40</v>
      </c>
      <c r="R25782" s="5" t="s">
        <v>25301</v>
      </c>
      <c r="S25782" s="5" t="s">
        <v>40</v>
      </c>
      <c r="T25782" s="5" t="s">
        <v>42</v>
      </c>
      <c r="U25782" s="2">
        <v>2.282</v>
      </c>
      <c r="V25782" s="2">
        <v>1.9119999999999999</v>
      </c>
      <c r="W25782" s="2">
        <v>1.7000000000000001E-2</v>
      </c>
      <c r="X25782" s="2">
        <v>6.2</v>
      </c>
      <c r="Y25782" s="2">
        <v>18.3</v>
      </c>
      <c r="Z25782" s="2">
        <v>148.30000000000001</v>
      </c>
      <c r="AA25782" s="5">
        <v>36</v>
      </c>
      <c r="AB25782" s="5" t="s">
        <v>43</v>
      </c>
      <c r="AC25782" s="5" t="s">
        <v>44</v>
      </c>
      <c r="AD25782" s="2" t="s">
        <v>82735</v>
      </c>
      <c r="AE25782" s="1"/>
    </row>
    <row r="25783" spans="1:31" ht="14.45">
      <c r="A25783" s="5" t="s">
        <v>116</v>
      </c>
      <c r="B25783" s="21">
        <v>46082</v>
      </c>
      <c r="C25783" s="2" t="s">
        <v>82851</v>
      </c>
      <c r="D25783" s="14" t="s">
        <v>82852</v>
      </c>
      <c r="E25783" s="2" t="s">
        <v>82853</v>
      </c>
      <c r="F25783" s="2" t="s">
        <v>130</v>
      </c>
      <c r="G25783" s="8">
        <v>82</v>
      </c>
      <c r="H25783" s="5">
        <v>5</v>
      </c>
      <c r="I25783" s="5" t="s">
        <v>69</v>
      </c>
      <c r="J25783" s="5" t="s">
        <v>28207</v>
      </c>
      <c r="K25783" s="2" t="s">
        <v>28208</v>
      </c>
      <c r="L25783" s="5" t="s">
        <v>28207</v>
      </c>
      <c r="M25783" s="2" t="s">
        <v>28208</v>
      </c>
      <c r="N25783" s="5" t="s">
        <v>733</v>
      </c>
      <c r="O25783" s="5" t="s">
        <v>38</v>
      </c>
      <c r="P25783" s="5" t="s">
        <v>39</v>
      </c>
      <c r="Q25783" s="5" t="s">
        <v>40</v>
      </c>
      <c r="R25783" s="5" t="s">
        <v>24335</v>
      </c>
      <c r="S25783" s="5" t="s">
        <v>40</v>
      </c>
      <c r="T25783" s="5" t="s">
        <v>42</v>
      </c>
      <c r="U25783" s="2">
        <v>3.45</v>
      </c>
      <c r="V25783" s="2">
        <v>3.407</v>
      </c>
      <c r="W25783" s="2">
        <v>5.2999999999999999E-2</v>
      </c>
      <c r="X25783" s="2">
        <v>12</v>
      </c>
      <c r="Y25783" s="2">
        <v>29</v>
      </c>
      <c r="Z25783" s="2">
        <v>152.19999999999999</v>
      </c>
      <c r="AA25783" s="5">
        <v>36</v>
      </c>
      <c r="AB25783" s="5" t="s">
        <v>43</v>
      </c>
      <c r="AC25783" s="5" t="s">
        <v>44</v>
      </c>
      <c r="AD25783" s="2" t="s">
        <v>82749</v>
      </c>
      <c r="AE25783" s="1"/>
    </row>
    <row r="25784" spans="1:31" ht="14.45">
      <c r="A25784" s="5" t="s">
        <v>116</v>
      </c>
      <c r="B25784" s="21">
        <v>46082</v>
      </c>
      <c r="C25784" s="2" t="s">
        <v>82854</v>
      </c>
      <c r="D25784" s="14" t="s">
        <v>82855</v>
      </c>
      <c r="E25784" s="2" t="s">
        <v>82856</v>
      </c>
      <c r="F25784" s="2" t="s">
        <v>130</v>
      </c>
      <c r="G25784" s="8">
        <v>113</v>
      </c>
      <c r="H25784" s="5">
        <v>15</v>
      </c>
      <c r="I25784" s="5" t="s">
        <v>69</v>
      </c>
      <c r="J25784" s="5" t="s">
        <v>28207</v>
      </c>
      <c r="K25784" s="2" t="s">
        <v>28208</v>
      </c>
      <c r="L25784" s="5" t="s">
        <v>28207</v>
      </c>
      <c r="M25784" s="2" t="s">
        <v>28208</v>
      </c>
      <c r="N25784" s="5" t="s">
        <v>733</v>
      </c>
      <c r="O25784" s="5" t="s">
        <v>38</v>
      </c>
      <c r="P25784" s="5" t="s">
        <v>39</v>
      </c>
      <c r="Q25784" s="5" t="s">
        <v>40</v>
      </c>
      <c r="R25784" s="5" t="s">
        <v>24340</v>
      </c>
      <c r="S25784" s="5" t="s">
        <v>40</v>
      </c>
      <c r="T25784" s="5" t="s">
        <v>42</v>
      </c>
      <c r="U25784" s="2">
        <v>4.7350000000000003</v>
      </c>
      <c r="V25784" s="2">
        <v>4.6920000000000002</v>
      </c>
      <c r="W25784" s="2">
        <v>5.2999999999999999E-2</v>
      </c>
      <c r="X25784" s="2">
        <v>12</v>
      </c>
      <c r="Y25784" s="2">
        <v>29</v>
      </c>
      <c r="Z25784" s="2">
        <v>152.19999999999999</v>
      </c>
      <c r="AA25784" s="5">
        <v>36</v>
      </c>
      <c r="AB25784" s="5" t="s">
        <v>43</v>
      </c>
      <c r="AC25784" s="5" t="s">
        <v>44</v>
      </c>
      <c r="AD25784" s="2" t="s">
        <v>82749</v>
      </c>
      <c r="AE25784" s="1"/>
    </row>
    <row r="25785" spans="1:31" ht="14.45">
      <c r="A25785" s="5" t="s">
        <v>116</v>
      </c>
      <c r="B25785" s="21">
        <v>46082</v>
      </c>
      <c r="C25785" s="2" t="s">
        <v>82857</v>
      </c>
      <c r="D25785" s="14" t="s">
        <v>82858</v>
      </c>
      <c r="E25785" s="2" t="s">
        <v>82859</v>
      </c>
      <c r="F25785" s="2" t="s">
        <v>130</v>
      </c>
      <c r="G25785" s="8">
        <v>113</v>
      </c>
      <c r="H25785" s="5">
        <v>15</v>
      </c>
      <c r="I25785" s="5" t="s">
        <v>69</v>
      </c>
      <c r="J25785" s="5" t="s">
        <v>28207</v>
      </c>
      <c r="K25785" s="2" t="s">
        <v>28208</v>
      </c>
      <c r="L25785" s="5" t="s">
        <v>28207</v>
      </c>
      <c r="M25785" s="2" t="s">
        <v>28208</v>
      </c>
      <c r="N25785" s="5" t="s">
        <v>733</v>
      </c>
      <c r="O25785" s="5" t="s">
        <v>38</v>
      </c>
      <c r="P25785" s="5" t="s">
        <v>39</v>
      </c>
      <c r="Q25785" s="5" t="s">
        <v>40</v>
      </c>
      <c r="R25785" s="5" t="s">
        <v>25301</v>
      </c>
      <c r="S25785" s="5" t="s">
        <v>40</v>
      </c>
      <c r="T25785" s="5" t="s">
        <v>42</v>
      </c>
      <c r="U25785" s="2">
        <v>4.5039999999999996</v>
      </c>
      <c r="V25785" s="2">
        <v>4.4610000000000003</v>
      </c>
      <c r="W25785" s="2">
        <v>5.2999999999999999E-2</v>
      </c>
      <c r="X25785" s="2">
        <v>12</v>
      </c>
      <c r="Y25785" s="2">
        <v>29</v>
      </c>
      <c r="Z25785" s="2">
        <v>152.19999999999999</v>
      </c>
      <c r="AA25785" s="5">
        <v>36</v>
      </c>
      <c r="AB25785" s="5" t="s">
        <v>43</v>
      </c>
      <c r="AC25785" s="5" t="s">
        <v>44</v>
      </c>
      <c r="AD25785" s="2" t="s">
        <v>82749</v>
      </c>
      <c r="AE25785" s="1"/>
    </row>
    <row r="25786" spans="1:31" ht="14.45">
      <c r="A25786" s="5" t="s">
        <v>116</v>
      </c>
      <c r="B25786" s="21">
        <v>46054</v>
      </c>
      <c r="C25786" s="2" t="s">
        <v>82860</v>
      </c>
      <c r="D25786" s="14" t="s">
        <v>82861</v>
      </c>
      <c r="E25786" s="2" t="s">
        <v>82862</v>
      </c>
      <c r="F25786" s="2" t="s">
        <v>130</v>
      </c>
      <c r="G25786" s="8">
        <v>33</v>
      </c>
      <c r="H25786" s="5">
        <v>5</v>
      </c>
      <c r="I25786" s="5" t="s">
        <v>69</v>
      </c>
      <c r="J25786" s="5" t="s">
        <v>28207</v>
      </c>
      <c r="K25786" s="2" t="s">
        <v>28208</v>
      </c>
      <c r="L25786" s="5" t="s">
        <v>28207</v>
      </c>
      <c r="M25786" s="2" t="s">
        <v>28208</v>
      </c>
      <c r="N25786" s="5" t="s">
        <v>733</v>
      </c>
      <c r="O25786" s="5" t="s">
        <v>38</v>
      </c>
      <c r="P25786" s="5" t="s">
        <v>39</v>
      </c>
      <c r="Q25786" s="5" t="s">
        <v>40</v>
      </c>
      <c r="R25786" s="5" t="s">
        <v>24335</v>
      </c>
      <c r="S25786" s="5" t="s">
        <v>40</v>
      </c>
      <c r="T25786" s="5" t="s">
        <v>42</v>
      </c>
      <c r="U25786" s="2">
        <v>1.087</v>
      </c>
      <c r="V25786" s="2">
        <v>0.71699999999999997</v>
      </c>
      <c r="W25786" s="2">
        <v>1.7000000000000001E-2</v>
      </c>
      <c r="X25786" s="2">
        <v>6.2</v>
      </c>
      <c r="Y25786" s="2">
        <v>18.3</v>
      </c>
      <c r="Z25786" s="2">
        <v>148.30000000000001</v>
      </c>
      <c r="AA25786" s="5">
        <v>36</v>
      </c>
      <c r="AB25786" s="5" t="s">
        <v>43</v>
      </c>
      <c r="AC25786" s="5" t="s">
        <v>44</v>
      </c>
      <c r="AD25786" s="2" t="s">
        <v>82735</v>
      </c>
      <c r="AE25786" s="1"/>
    </row>
    <row r="25787" spans="1:31" ht="14.45">
      <c r="A25787" s="5" t="s">
        <v>116</v>
      </c>
      <c r="B25787" s="21">
        <v>46054</v>
      </c>
      <c r="C25787" s="2" t="s">
        <v>82863</v>
      </c>
      <c r="D25787" s="14" t="s">
        <v>82864</v>
      </c>
      <c r="E25787" s="2" t="s">
        <v>82865</v>
      </c>
      <c r="F25787" s="2" t="s">
        <v>130</v>
      </c>
      <c r="G25787" s="8">
        <v>64</v>
      </c>
      <c r="H25787" s="5">
        <v>5</v>
      </c>
      <c r="I25787" s="5" t="s">
        <v>69</v>
      </c>
      <c r="J25787" s="5" t="s">
        <v>28207</v>
      </c>
      <c r="K25787" s="2" t="s">
        <v>28208</v>
      </c>
      <c r="L25787" s="5" t="s">
        <v>28207</v>
      </c>
      <c r="M25787" s="2" t="s">
        <v>28208</v>
      </c>
      <c r="N25787" s="5" t="s">
        <v>733</v>
      </c>
      <c r="O25787" s="5" t="s">
        <v>38</v>
      </c>
      <c r="P25787" s="5" t="s">
        <v>39</v>
      </c>
      <c r="Q25787" s="5" t="s">
        <v>40</v>
      </c>
      <c r="R25787" s="5" t="s">
        <v>24340</v>
      </c>
      <c r="S25787" s="5" t="s">
        <v>40</v>
      </c>
      <c r="T25787" s="5" t="s">
        <v>42</v>
      </c>
      <c r="U25787" s="2">
        <v>2.1779999999999999</v>
      </c>
      <c r="V25787" s="2">
        <v>1.8080000000000001</v>
      </c>
      <c r="W25787" s="2">
        <v>1.7000000000000001E-2</v>
      </c>
      <c r="X25787" s="2">
        <v>6.2</v>
      </c>
      <c r="Y25787" s="2">
        <v>18.3</v>
      </c>
      <c r="Z25787" s="2">
        <v>148.30000000000001</v>
      </c>
      <c r="AA25787" s="5">
        <v>36</v>
      </c>
      <c r="AB25787" s="5" t="s">
        <v>43</v>
      </c>
      <c r="AC25787" s="5" t="s">
        <v>44</v>
      </c>
      <c r="AD25787" s="2" t="s">
        <v>82735</v>
      </c>
      <c r="AE25787" s="1"/>
    </row>
    <row r="25788" spans="1:31" ht="14.45">
      <c r="A25788" s="5" t="s">
        <v>116</v>
      </c>
      <c r="B25788" s="21">
        <v>46054</v>
      </c>
      <c r="C25788" s="2" t="s">
        <v>82866</v>
      </c>
      <c r="D25788" s="14" t="s">
        <v>82867</v>
      </c>
      <c r="E25788" s="2" t="s">
        <v>82868</v>
      </c>
      <c r="F25788" s="2" t="s">
        <v>130</v>
      </c>
      <c r="G25788" s="8">
        <v>64</v>
      </c>
      <c r="H25788" s="5">
        <v>15</v>
      </c>
      <c r="I25788" s="5" t="s">
        <v>69</v>
      </c>
      <c r="J25788" s="5" t="s">
        <v>28207</v>
      </c>
      <c r="K25788" s="2" t="s">
        <v>28208</v>
      </c>
      <c r="L25788" s="5" t="s">
        <v>28207</v>
      </c>
      <c r="M25788" s="2" t="s">
        <v>28208</v>
      </c>
      <c r="N25788" s="5" t="s">
        <v>733</v>
      </c>
      <c r="O25788" s="5" t="s">
        <v>38</v>
      </c>
      <c r="P25788" s="5" t="s">
        <v>39</v>
      </c>
      <c r="Q25788" s="5" t="s">
        <v>40</v>
      </c>
      <c r="R25788" s="5" t="s">
        <v>25301</v>
      </c>
      <c r="S25788" s="5" t="s">
        <v>40</v>
      </c>
      <c r="T25788" s="5" t="s">
        <v>42</v>
      </c>
      <c r="U25788" s="2">
        <v>1.9870000000000001</v>
      </c>
      <c r="V25788" s="2">
        <v>1.617</v>
      </c>
      <c r="W25788" s="2">
        <v>1.7000000000000001E-2</v>
      </c>
      <c r="X25788" s="2">
        <v>6.2</v>
      </c>
      <c r="Y25788" s="2">
        <v>18.3</v>
      </c>
      <c r="Z25788" s="2">
        <v>148.30000000000001</v>
      </c>
      <c r="AA25788" s="5">
        <v>36</v>
      </c>
      <c r="AB25788" s="5" t="s">
        <v>43</v>
      </c>
      <c r="AC25788" s="5" t="s">
        <v>44</v>
      </c>
      <c r="AD25788" s="2" t="s">
        <v>82735</v>
      </c>
      <c r="AE25788" s="1"/>
    </row>
    <row r="25789" spans="1:31" ht="14.45">
      <c r="A25789" s="5" t="s">
        <v>116</v>
      </c>
      <c r="B25789" s="21">
        <v>46082</v>
      </c>
      <c r="C25789" s="2" t="s">
        <v>82869</v>
      </c>
      <c r="D25789" s="14" t="s">
        <v>82870</v>
      </c>
      <c r="E25789" s="2" t="s">
        <v>82871</v>
      </c>
      <c r="F25789" s="2" t="s">
        <v>130</v>
      </c>
      <c r="G25789" s="8">
        <v>74</v>
      </c>
      <c r="H25789" s="5">
        <v>5</v>
      </c>
      <c r="I25789" s="5" t="s">
        <v>69</v>
      </c>
      <c r="J25789" s="5" t="s">
        <v>28207</v>
      </c>
      <c r="K25789" s="2" t="s">
        <v>28208</v>
      </c>
      <c r="L25789" s="5" t="s">
        <v>28207</v>
      </c>
      <c r="M25789" s="2" t="s">
        <v>28208</v>
      </c>
      <c r="N25789" s="5" t="s">
        <v>733</v>
      </c>
      <c r="O25789" s="5" t="s">
        <v>38</v>
      </c>
      <c r="P25789" s="5" t="s">
        <v>39</v>
      </c>
      <c r="Q25789" s="5" t="s">
        <v>40</v>
      </c>
      <c r="R25789" s="5" t="s">
        <v>24335</v>
      </c>
      <c r="S25789" s="5" t="s">
        <v>40</v>
      </c>
      <c r="T25789" s="5" t="s">
        <v>42</v>
      </c>
      <c r="U25789" s="2">
        <v>3.2709999999999999</v>
      </c>
      <c r="V25789" s="2">
        <v>3.2280000000000002</v>
      </c>
      <c r="W25789" s="2">
        <v>0.04</v>
      </c>
      <c r="X25789" s="2">
        <v>12</v>
      </c>
      <c r="Y25789" s="2">
        <v>29</v>
      </c>
      <c r="Z25789" s="2">
        <v>115.4</v>
      </c>
      <c r="AA25789" s="5">
        <v>36</v>
      </c>
      <c r="AB25789" s="5" t="s">
        <v>43</v>
      </c>
      <c r="AC25789" s="5" t="s">
        <v>44</v>
      </c>
      <c r="AD25789" s="2" t="s">
        <v>82749</v>
      </c>
      <c r="AE25789" s="1"/>
    </row>
    <row r="25790" spans="1:31" ht="14.45">
      <c r="A25790" s="5" t="s">
        <v>116</v>
      </c>
      <c r="B25790" s="21">
        <v>46082</v>
      </c>
      <c r="C25790" s="2" t="s">
        <v>82872</v>
      </c>
      <c r="D25790" s="14" t="s">
        <v>82873</v>
      </c>
      <c r="E25790" s="2" t="s">
        <v>82874</v>
      </c>
      <c r="F25790" s="2" t="s">
        <v>130</v>
      </c>
      <c r="G25790" s="8">
        <v>105</v>
      </c>
      <c r="H25790" s="5">
        <v>5</v>
      </c>
      <c r="I25790" s="5" t="s">
        <v>69</v>
      </c>
      <c r="J25790" s="5" t="s">
        <v>28207</v>
      </c>
      <c r="K25790" s="2" t="s">
        <v>28208</v>
      </c>
      <c r="L25790" s="5" t="s">
        <v>28207</v>
      </c>
      <c r="M25790" s="2" t="s">
        <v>28208</v>
      </c>
      <c r="N25790" s="5" t="s">
        <v>733</v>
      </c>
      <c r="O25790" s="5" t="s">
        <v>38</v>
      </c>
      <c r="P25790" s="5" t="s">
        <v>39</v>
      </c>
      <c r="Q25790" s="5" t="s">
        <v>40</v>
      </c>
      <c r="R25790" s="5" t="s">
        <v>24340</v>
      </c>
      <c r="S25790" s="5" t="s">
        <v>40</v>
      </c>
      <c r="T25790" s="5" t="s">
        <v>42</v>
      </c>
      <c r="U25790" s="2">
        <v>4.3620000000000001</v>
      </c>
      <c r="V25790" s="2">
        <v>4.319</v>
      </c>
      <c r="W25790" s="2">
        <v>0.04</v>
      </c>
      <c r="X25790" s="2">
        <v>12</v>
      </c>
      <c r="Y25790" s="2">
        <v>29</v>
      </c>
      <c r="Z25790" s="2">
        <v>115.4</v>
      </c>
      <c r="AA25790" s="5">
        <v>36</v>
      </c>
      <c r="AB25790" s="5" t="s">
        <v>43</v>
      </c>
      <c r="AC25790" s="5" t="s">
        <v>44</v>
      </c>
      <c r="AD25790" s="2" t="s">
        <v>82749</v>
      </c>
      <c r="AE25790" s="1"/>
    </row>
    <row r="25791" spans="1:31" ht="14.45">
      <c r="A25791" s="5" t="s">
        <v>116</v>
      </c>
      <c r="B25791" s="21">
        <v>46082</v>
      </c>
      <c r="C25791" s="2" t="s">
        <v>82875</v>
      </c>
      <c r="D25791" s="14" t="s">
        <v>82876</v>
      </c>
      <c r="E25791" s="2" t="s">
        <v>82877</v>
      </c>
      <c r="F25791" s="2" t="s">
        <v>130</v>
      </c>
      <c r="G25791" s="8">
        <v>105</v>
      </c>
      <c r="H25791" s="5">
        <v>15</v>
      </c>
      <c r="I25791" s="5" t="s">
        <v>69</v>
      </c>
      <c r="J25791" s="5" t="s">
        <v>28207</v>
      </c>
      <c r="K25791" s="2" t="s">
        <v>28208</v>
      </c>
      <c r="L25791" s="5" t="s">
        <v>28207</v>
      </c>
      <c r="M25791" s="2" t="s">
        <v>28208</v>
      </c>
      <c r="N25791" s="5" t="s">
        <v>733</v>
      </c>
      <c r="O25791" s="5" t="s">
        <v>38</v>
      </c>
      <c r="P25791" s="5" t="s">
        <v>39</v>
      </c>
      <c r="Q25791" s="5" t="s">
        <v>40</v>
      </c>
      <c r="R25791" s="5" t="s">
        <v>25301</v>
      </c>
      <c r="S25791" s="5" t="s">
        <v>40</v>
      </c>
      <c r="T25791" s="5" t="s">
        <v>42</v>
      </c>
      <c r="U25791" s="2">
        <v>4.16</v>
      </c>
      <c r="V25791" s="2">
        <v>4.117</v>
      </c>
      <c r="W25791" s="2">
        <v>0.04</v>
      </c>
      <c r="X25791" s="2">
        <v>12</v>
      </c>
      <c r="Y25791" s="2">
        <v>29</v>
      </c>
      <c r="Z25791" s="2">
        <v>115.4</v>
      </c>
      <c r="AA25791" s="5">
        <v>36</v>
      </c>
      <c r="AB25791" s="5" t="s">
        <v>43</v>
      </c>
      <c r="AC25791" s="5" t="s">
        <v>44</v>
      </c>
      <c r="AD25791" s="2" t="s">
        <v>82749</v>
      </c>
      <c r="AE25791" s="1"/>
    </row>
    <row r="25792" spans="1:31" ht="14.45">
      <c r="A25792" s="5" t="s">
        <v>116</v>
      </c>
      <c r="B25792" s="21">
        <v>46054</v>
      </c>
      <c r="C25792" s="2" t="s">
        <v>82878</v>
      </c>
      <c r="D25792" s="14" t="s">
        <v>82879</v>
      </c>
      <c r="E25792" s="2" t="s">
        <v>82880</v>
      </c>
      <c r="F25792" s="2" t="s">
        <v>82881</v>
      </c>
      <c r="G25792" s="8">
        <v>37</v>
      </c>
      <c r="H25792" s="5">
        <v>5</v>
      </c>
      <c r="I25792" s="5" t="s">
        <v>69</v>
      </c>
      <c r="J25792" s="5" t="s">
        <v>28207</v>
      </c>
      <c r="K25792" s="2" t="s">
        <v>28208</v>
      </c>
      <c r="L25792" s="5" t="s">
        <v>28207</v>
      </c>
      <c r="M25792" s="2" t="s">
        <v>28208</v>
      </c>
      <c r="N25792" s="5" t="s">
        <v>733</v>
      </c>
      <c r="O25792" s="5" t="s">
        <v>38</v>
      </c>
      <c r="P25792" s="5" t="s">
        <v>39</v>
      </c>
      <c r="Q25792" s="5" t="s">
        <v>40</v>
      </c>
      <c r="R25792" s="5" t="s">
        <v>24335</v>
      </c>
      <c r="S25792" s="5" t="s">
        <v>40</v>
      </c>
      <c r="T25792" s="5" t="s">
        <v>42</v>
      </c>
      <c r="U25792" s="2">
        <v>1.167</v>
      </c>
      <c r="V25792" s="2">
        <v>0.79700000000000004</v>
      </c>
      <c r="W25792" s="2">
        <v>1.7000000000000001E-2</v>
      </c>
      <c r="X25792" s="2">
        <v>6.2</v>
      </c>
      <c r="Y25792" s="2">
        <v>18.3</v>
      </c>
      <c r="Z25792" s="2">
        <v>148.30000000000001</v>
      </c>
      <c r="AA25792" s="5">
        <v>36</v>
      </c>
      <c r="AB25792" s="5" t="s">
        <v>43</v>
      </c>
      <c r="AC25792" s="5" t="s">
        <v>44</v>
      </c>
      <c r="AD25792" s="2" t="s">
        <v>82735</v>
      </c>
      <c r="AE25792" s="1"/>
    </row>
    <row r="25793" spans="1:31" ht="14.45">
      <c r="A25793" s="5" t="s">
        <v>116</v>
      </c>
      <c r="B25793" s="21">
        <v>46054</v>
      </c>
      <c r="C25793" s="2" t="s">
        <v>82882</v>
      </c>
      <c r="D25793" s="14" t="s">
        <v>82883</v>
      </c>
      <c r="E25793" s="2" t="s">
        <v>82884</v>
      </c>
      <c r="F25793" s="2" t="s">
        <v>130</v>
      </c>
      <c r="G25793" s="8">
        <v>68</v>
      </c>
      <c r="H25793" s="5">
        <v>5</v>
      </c>
      <c r="I25793" s="5" t="s">
        <v>69</v>
      </c>
      <c r="J25793" s="5" t="s">
        <v>28207</v>
      </c>
      <c r="K25793" s="2" t="s">
        <v>28208</v>
      </c>
      <c r="L25793" s="5" t="s">
        <v>28207</v>
      </c>
      <c r="M25793" s="2" t="s">
        <v>28208</v>
      </c>
      <c r="N25793" s="5" t="s">
        <v>733</v>
      </c>
      <c r="O25793" s="5" t="s">
        <v>38</v>
      </c>
      <c r="P25793" s="5" t="s">
        <v>39</v>
      </c>
      <c r="Q25793" s="5" t="s">
        <v>40</v>
      </c>
      <c r="R25793" s="5" t="s">
        <v>24340</v>
      </c>
      <c r="S25793" s="5" t="s">
        <v>40</v>
      </c>
      <c r="T25793" s="5" t="s">
        <v>42</v>
      </c>
      <c r="U25793" s="2">
        <v>2.3780000000000001</v>
      </c>
      <c r="V25793" s="2">
        <v>2.008</v>
      </c>
      <c r="W25793" s="2">
        <v>1.7000000000000001E-2</v>
      </c>
      <c r="X25793" s="2">
        <v>6.2</v>
      </c>
      <c r="Y25793" s="2">
        <v>18.3</v>
      </c>
      <c r="Z25793" s="2">
        <v>148.30000000000001</v>
      </c>
      <c r="AA25793" s="5">
        <v>36</v>
      </c>
      <c r="AB25793" s="5" t="s">
        <v>43</v>
      </c>
      <c r="AC25793" s="5" t="s">
        <v>44</v>
      </c>
      <c r="AD25793" s="2" t="s">
        <v>82735</v>
      </c>
      <c r="AE25793" s="1"/>
    </row>
    <row r="25794" spans="1:31" ht="14.45">
      <c r="A25794" s="5" t="s">
        <v>116</v>
      </c>
      <c r="B25794" s="21">
        <v>46054</v>
      </c>
      <c r="C25794" s="2" t="s">
        <v>82885</v>
      </c>
      <c r="D25794" s="14" t="s">
        <v>82886</v>
      </c>
      <c r="E25794" s="2" t="s">
        <v>82887</v>
      </c>
      <c r="F25794" s="2" t="s">
        <v>130</v>
      </c>
      <c r="G25794" s="8">
        <v>68</v>
      </c>
      <c r="H25794" s="5">
        <v>15</v>
      </c>
      <c r="I25794" s="5" t="s">
        <v>69</v>
      </c>
      <c r="J25794" s="5" t="s">
        <v>28207</v>
      </c>
      <c r="K25794" s="2" t="s">
        <v>28208</v>
      </c>
      <c r="L25794" s="5" t="s">
        <v>28207</v>
      </c>
      <c r="M25794" s="2" t="s">
        <v>28208</v>
      </c>
      <c r="N25794" s="5" t="s">
        <v>733</v>
      </c>
      <c r="O25794" s="5" t="s">
        <v>38</v>
      </c>
      <c r="P25794" s="5" t="s">
        <v>39</v>
      </c>
      <c r="Q25794" s="5" t="s">
        <v>40</v>
      </c>
      <c r="R25794" s="5" t="s">
        <v>25301</v>
      </c>
      <c r="S25794" s="5" t="s">
        <v>40</v>
      </c>
      <c r="T25794" s="5" t="s">
        <v>42</v>
      </c>
      <c r="U25794" s="2">
        <v>2.165</v>
      </c>
      <c r="V25794" s="2">
        <v>1.7949999999999999</v>
      </c>
      <c r="W25794" s="2">
        <v>1.7000000000000001E-2</v>
      </c>
      <c r="X25794" s="2">
        <v>6.2</v>
      </c>
      <c r="Y25794" s="2">
        <v>18.3</v>
      </c>
      <c r="Z25794" s="2">
        <v>148.30000000000001</v>
      </c>
      <c r="AA25794" s="5">
        <v>36</v>
      </c>
      <c r="AB25794" s="5" t="s">
        <v>43</v>
      </c>
      <c r="AC25794" s="5" t="s">
        <v>44</v>
      </c>
      <c r="AD25794" s="2" t="s">
        <v>82735</v>
      </c>
      <c r="AE25794" s="1"/>
    </row>
    <row r="25795" spans="1:31" ht="14.45">
      <c r="A25795" s="5" t="s">
        <v>116</v>
      </c>
      <c r="B25795" s="21">
        <v>46082</v>
      </c>
      <c r="C25795" s="2" t="s">
        <v>82888</v>
      </c>
      <c r="D25795" s="14" t="s">
        <v>82889</v>
      </c>
      <c r="E25795" s="2" t="s">
        <v>82890</v>
      </c>
      <c r="F25795" s="2" t="s">
        <v>130</v>
      </c>
      <c r="G25795" s="8">
        <v>82</v>
      </c>
      <c r="H25795" s="5">
        <v>5</v>
      </c>
      <c r="I25795" s="5" t="s">
        <v>69</v>
      </c>
      <c r="J25795" s="5" t="s">
        <v>28207</v>
      </c>
      <c r="K25795" s="2" t="s">
        <v>28208</v>
      </c>
      <c r="L25795" s="5" t="s">
        <v>28207</v>
      </c>
      <c r="M25795" s="2" t="s">
        <v>28208</v>
      </c>
      <c r="N25795" s="5" t="s">
        <v>733</v>
      </c>
      <c r="O25795" s="5" t="s">
        <v>38</v>
      </c>
      <c r="P25795" s="5" t="s">
        <v>39</v>
      </c>
      <c r="Q25795" s="5" t="s">
        <v>40</v>
      </c>
      <c r="R25795" s="5" t="s">
        <v>24335</v>
      </c>
      <c r="S25795" s="5" t="s">
        <v>40</v>
      </c>
      <c r="T25795" s="5" t="s">
        <v>42</v>
      </c>
      <c r="U25795" s="2">
        <v>3.448</v>
      </c>
      <c r="V25795" s="2">
        <v>3.4049999999999998</v>
      </c>
      <c r="W25795" s="2">
        <v>0.04</v>
      </c>
      <c r="X25795" s="2">
        <v>12</v>
      </c>
      <c r="Y25795" s="2">
        <v>29</v>
      </c>
      <c r="Z25795" s="2">
        <v>115.4</v>
      </c>
      <c r="AA25795" s="5">
        <v>36</v>
      </c>
      <c r="AB25795" s="5" t="s">
        <v>43</v>
      </c>
      <c r="AC25795" s="5" t="s">
        <v>44</v>
      </c>
      <c r="AD25795" s="2" t="s">
        <v>82749</v>
      </c>
      <c r="AE25795" s="1"/>
    </row>
    <row r="25796" spans="1:31" ht="14.45">
      <c r="A25796" s="5" t="s">
        <v>116</v>
      </c>
      <c r="B25796" s="21">
        <v>46082</v>
      </c>
      <c r="C25796" s="2" t="s">
        <v>82891</v>
      </c>
      <c r="D25796" s="14" t="s">
        <v>82892</v>
      </c>
      <c r="E25796" s="2" t="s">
        <v>82893</v>
      </c>
      <c r="F25796" s="2" t="s">
        <v>130</v>
      </c>
      <c r="G25796" s="8">
        <v>113</v>
      </c>
      <c r="H25796" s="5">
        <v>5</v>
      </c>
      <c r="I25796" s="5" t="s">
        <v>69</v>
      </c>
      <c r="J25796" s="5" t="s">
        <v>28207</v>
      </c>
      <c r="K25796" s="2" t="s">
        <v>28208</v>
      </c>
      <c r="L25796" s="5" t="s">
        <v>28207</v>
      </c>
      <c r="M25796" s="2" t="s">
        <v>28208</v>
      </c>
      <c r="N25796" s="5" t="s">
        <v>733</v>
      </c>
      <c r="O25796" s="5" t="s">
        <v>38</v>
      </c>
      <c r="P25796" s="5" t="s">
        <v>39</v>
      </c>
      <c r="Q25796" s="5" t="s">
        <v>40</v>
      </c>
      <c r="R25796" s="5" t="s">
        <v>24340</v>
      </c>
      <c r="S25796" s="5" t="s">
        <v>40</v>
      </c>
      <c r="T25796" s="5" t="s">
        <v>42</v>
      </c>
      <c r="U25796" s="2">
        <v>4.6589999999999998</v>
      </c>
      <c r="V25796" s="2">
        <v>4.6159999999999997</v>
      </c>
      <c r="W25796" s="2">
        <v>0.04</v>
      </c>
      <c r="X25796" s="2">
        <v>12</v>
      </c>
      <c r="Y25796" s="2">
        <v>29</v>
      </c>
      <c r="Z25796" s="2">
        <v>115.4</v>
      </c>
      <c r="AA25796" s="5">
        <v>36</v>
      </c>
      <c r="AB25796" s="5" t="s">
        <v>43</v>
      </c>
      <c r="AC25796" s="5" t="s">
        <v>44</v>
      </c>
      <c r="AD25796" s="2" t="s">
        <v>82749</v>
      </c>
      <c r="AE25796" s="1"/>
    </row>
    <row r="25797" spans="1:31" ht="14.45">
      <c r="A25797" s="5" t="s">
        <v>116</v>
      </c>
      <c r="B25797" s="21">
        <v>46082</v>
      </c>
      <c r="C25797" s="2" t="s">
        <v>82894</v>
      </c>
      <c r="D25797" s="14" t="s">
        <v>82895</v>
      </c>
      <c r="E25797" s="2" t="s">
        <v>82896</v>
      </c>
      <c r="F25797" s="2" t="s">
        <v>130</v>
      </c>
      <c r="G25797" s="8">
        <v>113</v>
      </c>
      <c r="H25797" s="5">
        <v>15</v>
      </c>
      <c r="I25797" s="5" t="s">
        <v>69</v>
      </c>
      <c r="J25797" s="5" t="s">
        <v>28207</v>
      </c>
      <c r="K25797" s="2" t="s">
        <v>28208</v>
      </c>
      <c r="L25797" s="5" t="s">
        <v>28207</v>
      </c>
      <c r="M25797" s="2" t="s">
        <v>28208</v>
      </c>
      <c r="N25797" s="5" t="s">
        <v>733</v>
      </c>
      <c r="O25797" s="5" t="s">
        <v>38</v>
      </c>
      <c r="P25797" s="5" t="s">
        <v>39</v>
      </c>
      <c r="Q25797" s="5" t="s">
        <v>40</v>
      </c>
      <c r="R25797" s="5" t="s">
        <v>25301</v>
      </c>
      <c r="S25797" s="5" t="s">
        <v>40</v>
      </c>
      <c r="T25797" s="5" t="s">
        <v>42</v>
      </c>
      <c r="U25797" s="2">
        <v>4.4349999999999996</v>
      </c>
      <c r="V25797" s="2">
        <v>4.3920000000000003</v>
      </c>
      <c r="W25797" s="2">
        <v>0.04</v>
      </c>
      <c r="X25797" s="2">
        <v>12</v>
      </c>
      <c r="Y25797" s="2">
        <v>29</v>
      </c>
      <c r="Z25797" s="2">
        <v>115.4</v>
      </c>
      <c r="AA25797" s="5">
        <v>36</v>
      </c>
      <c r="AB25797" s="5" t="s">
        <v>43</v>
      </c>
      <c r="AC25797" s="5" t="s">
        <v>44</v>
      </c>
      <c r="AD25797" s="2" t="s">
        <v>82749</v>
      </c>
      <c r="AE25797" s="1"/>
    </row>
    <row r="25798" spans="1:31" ht="14.45">
      <c r="A25798" s="5" t="s">
        <v>116</v>
      </c>
      <c r="B25798" s="21">
        <v>46054</v>
      </c>
      <c r="C25798" s="2" t="s">
        <v>82897</v>
      </c>
      <c r="D25798" s="14" t="s">
        <v>82898</v>
      </c>
      <c r="E25798" s="2" t="s">
        <v>82899</v>
      </c>
      <c r="F25798" s="2" t="s">
        <v>130</v>
      </c>
      <c r="G25798" s="8">
        <v>40</v>
      </c>
      <c r="H25798" s="5">
        <v>5</v>
      </c>
      <c r="I25798" s="5" t="s">
        <v>69</v>
      </c>
      <c r="J25798" s="5" t="s">
        <v>28207</v>
      </c>
      <c r="K25798" s="2" t="s">
        <v>28208</v>
      </c>
      <c r="L25798" s="5" t="s">
        <v>28207</v>
      </c>
      <c r="M25798" s="2" t="s">
        <v>28208</v>
      </c>
      <c r="N25798" s="5" t="s">
        <v>733</v>
      </c>
      <c r="O25798" s="5" t="s">
        <v>38</v>
      </c>
      <c r="P25798" s="5" t="s">
        <v>39</v>
      </c>
      <c r="Q25798" s="5" t="s">
        <v>40</v>
      </c>
      <c r="R25798" s="5" t="s">
        <v>24335</v>
      </c>
      <c r="S25798" s="5" t="s">
        <v>40</v>
      </c>
      <c r="T25798" s="5" t="s">
        <v>42</v>
      </c>
      <c r="U25798" s="2">
        <v>1.2490000000000001</v>
      </c>
      <c r="V25798" s="2">
        <v>0.879</v>
      </c>
      <c r="W25798" s="2">
        <v>1.7000000000000001E-2</v>
      </c>
      <c r="X25798" s="2">
        <v>6.2</v>
      </c>
      <c r="Y25798" s="2">
        <v>18.3</v>
      </c>
      <c r="Z25798" s="2">
        <v>148.30000000000001</v>
      </c>
      <c r="AA25798" s="5">
        <v>36</v>
      </c>
      <c r="AB25798" s="5" t="s">
        <v>43</v>
      </c>
      <c r="AC25798" s="5" t="s">
        <v>44</v>
      </c>
      <c r="AD25798" s="2" t="s">
        <v>82735</v>
      </c>
      <c r="AE25798" s="1"/>
    </row>
    <row r="25799" spans="1:31" ht="14.45">
      <c r="A25799" s="5" t="s">
        <v>116</v>
      </c>
      <c r="B25799" s="21">
        <v>46054</v>
      </c>
      <c r="C25799" s="2" t="s">
        <v>82900</v>
      </c>
      <c r="D25799" s="14" t="s">
        <v>82901</v>
      </c>
      <c r="E25799" s="2" t="s">
        <v>82902</v>
      </c>
      <c r="F25799" s="2" t="s">
        <v>130</v>
      </c>
      <c r="G25799" s="8">
        <v>71</v>
      </c>
      <c r="H25799" s="5">
        <v>5</v>
      </c>
      <c r="I25799" s="5" t="s">
        <v>69</v>
      </c>
      <c r="J25799" s="5" t="s">
        <v>28207</v>
      </c>
      <c r="K25799" s="2" t="s">
        <v>28208</v>
      </c>
      <c r="L25799" s="5" t="s">
        <v>28207</v>
      </c>
      <c r="M25799" s="2" t="s">
        <v>28208</v>
      </c>
      <c r="N25799" s="5" t="s">
        <v>733</v>
      </c>
      <c r="O25799" s="5" t="s">
        <v>38</v>
      </c>
      <c r="P25799" s="5" t="s">
        <v>39</v>
      </c>
      <c r="Q25799" s="5" t="s">
        <v>40</v>
      </c>
      <c r="R25799" s="5" t="s">
        <v>24340</v>
      </c>
      <c r="S25799" s="5" t="s">
        <v>40</v>
      </c>
      <c r="T25799" s="5" t="s">
        <v>42</v>
      </c>
      <c r="U25799" s="2">
        <v>2.6</v>
      </c>
      <c r="V25799" s="2">
        <v>2.23</v>
      </c>
      <c r="W25799" s="2">
        <v>1.7000000000000001E-2</v>
      </c>
      <c r="X25799" s="2">
        <v>6.2</v>
      </c>
      <c r="Y25799" s="2">
        <v>18.3</v>
      </c>
      <c r="Z25799" s="2">
        <v>148.30000000000001</v>
      </c>
      <c r="AA25799" s="5">
        <v>36</v>
      </c>
      <c r="AB25799" s="5" t="s">
        <v>43</v>
      </c>
      <c r="AC25799" s="5" t="s">
        <v>44</v>
      </c>
      <c r="AD25799" s="2" t="s">
        <v>82735</v>
      </c>
      <c r="AE25799" s="1"/>
    </row>
    <row r="25800" spans="1:31" ht="14.45">
      <c r="A25800" s="5" t="s">
        <v>116</v>
      </c>
      <c r="B25800" s="21">
        <v>46054</v>
      </c>
      <c r="C25800" s="2" t="s">
        <v>82903</v>
      </c>
      <c r="D25800" s="14" t="s">
        <v>82904</v>
      </c>
      <c r="E25800" s="2" t="s">
        <v>82905</v>
      </c>
      <c r="F25800" s="2" t="s">
        <v>130</v>
      </c>
      <c r="G25800" s="8">
        <v>71</v>
      </c>
      <c r="H25800" s="5">
        <v>15</v>
      </c>
      <c r="I25800" s="5" t="s">
        <v>69</v>
      </c>
      <c r="J25800" s="5" t="s">
        <v>28207</v>
      </c>
      <c r="K25800" s="2" t="s">
        <v>28208</v>
      </c>
      <c r="L25800" s="5" t="s">
        <v>28207</v>
      </c>
      <c r="M25800" s="2" t="s">
        <v>28208</v>
      </c>
      <c r="N25800" s="5" t="s">
        <v>733</v>
      </c>
      <c r="O25800" s="5" t="s">
        <v>38</v>
      </c>
      <c r="P25800" s="5" t="s">
        <v>39</v>
      </c>
      <c r="Q25800" s="5" t="s">
        <v>40</v>
      </c>
      <c r="R25800" s="5" t="s">
        <v>25301</v>
      </c>
      <c r="S25800" s="5" t="s">
        <v>40</v>
      </c>
      <c r="T25800" s="5" t="s">
        <v>42</v>
      </c>
      <c r="U25800" s="2">
        <v>2.363</v>
      </c>
      <c r="V25800" s="2">
        <v>1.9930000000000001</v>
      </c>
      <c r="W25800" s="2">
        <v>1.7000000000000001E-2</v>
      </c>
      <c r="X25800" s="2">
        <v>6.2</v>
      </c>
      <c r="Y25800" s="2">
        <v>18.3</v>
      </c>
      <c r="Z25800" s="2">
        <v>148.30000000000001</v>
      </c>
      <c r="AA25800" s="5">
        <v>36</v>
      </c>
      <c r="AB25800" s="5" t="s">
        <v>43</v>
      </c>
      <c r="AC25800" s="5" t="s">
        <v>44</v>
      </c>
      <c r="AD25800" s="2" t="s">
        <v>82735</v>
      </c>
      <c r="AE25800" s="1"/>
    </row>
    <row r="25801" spans="1:31" ht="14.45">
      <c r="A25801" s="5" t="s">
        <v>116</v>
      </c>
      <c r="B25801" s="21">
        <v>46082</v>
      </c>
      <c r="C25801" s="2" t="s">
        <v>82906</v>
      </c>
      <c r="D25801" s="14" t="s">
        <v>82907</v>
      </c>
      <c r="E25801" s="2" t="s">
        <v>82908</v>
      </c>
      <c r="F25801" s="2" t="s">
        <v>130</v>
      </c>
      <c r="G25801" s="8">
        <v>89</v>
      </c>
      <c r="H25801" s="5">
        <v>5</v>
      </c>
      <c r="I25801" s="5" t="s">
        <v>69</v>
      </c>
      <c r="J25801" s="5" t="s">
        <v>28207</v>
      </c>
      <c r="K25801" s="2" t="s">
        <v>28208</v>
      </c>
      <c r="L25801" s="5" t="s">
        <v>28207</v>
      </c>
      <c r="M25801" s="2" t="s">
        <v>28208</v>
      </c>
      <c r="N25801" s="5" t="s">
        <v>733</v>
      </c>
      <c r="O25801" s="5" t="s">
        <v>38</v>
      </c>
      <c r="P25801" s="5" t="s">
        <v>39</v>
      </c>
      <c r="Q25801" s="5" t="s">
        <v>40</v>
      </c>
      <c r="R25801" s="5" t="s">
        <v>24335</v>
      </c>
      <c r="S25801" s="5" t="s">
        <v>40</v>
      </c>
      <c r="T25801" s="5" t="s">
        <v>42</v>
      </c>
      <c r="U25801" s="2">
        <v>3.7749999999999999</v>
      </c>
      <c r="V25801" s="2">
        <v>3.7320000000000002</v>
      </c>
      <c r="W25801" s="2">
        <v>5.2999999999999999E-2</v>
      </c>
      <c r="X25801" s="2">
        <v>12</v>
      </c>
      <c r="Y25801" s="2">
        <v>29</v>
      </c>
      <c r="Z25801" s="2">
        <v>152.19999999999999</v>
      </c>
      <c r="AA25801" s="5">
        <v>36</v>
      </c>
      <c r="AB25801" s="5" t="s">
        <v>43</v>
      </c>
      <c r="AC25801" s="5" t="s">
        <v>44</v>
      </c>
      <c r="AD25801" s="2" t="s">
        <v>82749</v>
      </c>
      <c r="AE25801" s="1"/>
    </row>
    <row r="25802" spans="1:31" ht="14.45">
      <c r="A25802" s="5" t="s">
        <v>116</v>
      </c>
      <c r="B25802" s="21">
        <v>46082</v>
      </c>
      <c r="C25802" s="2" t="s">
        <v>82909</v>
      </c>
      <c r="D25802" s="14" t="s">
        <v>82910</v>
      </c>
      <c r="E25802" s="2" t="s">
        <v>82911</v>
      </c>
      <c r="F25802" s="2" t="s">
        <v>130</v>
      </c>
      <c r="G25802" s="8">
        <v>120</v>
      </c>
      <c r="H25802" s="5">
        <v>5</v>
      </c>
      <c r="I25802" s="5" t="s">
        <v>69</v>
      </c>
      <c r="J25802" s="5" t="s">
        <v>28207</v>
      </c>
      <c r="K25802" s="2" t="s">
        <v>28208</v>
      </c>
      <c r="L25802" s="5" t="s">
        <v>28207</v>
      </c>
      <c r="M25802" s="2" t="s">
        <v>28208</v>
      </c>
      <c r="N25802" s="5" t="s">
        <v>733</v>
      </c>
      <c r="O25802" s="5" t="s">
        <v>38</v>
      </c>
      <c r="P25802" s="5" t="s">
        <v>39</v>
      </c>
      <c r="Q25802" s="5" t="s">
        <v>40</v>
      </c>
      <c r="R25802" s="5" t="s">
        <v>24340</v>
      </c>
      <c r="S25802" s="5" t="s">
        <v>40</v>
      </c>
      <c r="T25802" s="5" t="s">
        <v>42</v>
      </c>
      <c r="U25802" s="2">
        <v>5.1260000000000003</v>
      </c>
      <c r="V25802" s="2">
        <v>5.0830000000000002</v>
      </c>
      <c r="W25802" s="2">
        <v>5.2999999999999999E-2</v>
      </c>
      <c r="X25802" s="2">
        <v>12</v>
      </c>
      <c r="Y25802" s="2">
        <v>29</v>
      </c>
      <c r="Z25802" s="2">
        <v>152.19999999999999</v>
      </c>
      <c r="AA25802" s="5">
        <v>36</v>
      </c>
      <c r="AB25802" s="5" t="s">
        <v>43</v>
      </c>
      <c r="AC25802" s="5" t="s">
        <v>44</v>
      </c>
      <c r="AD25802" s="2" t="s">
        <v>82749</v>
      </c>
      <c r="AE25802" s="1"/>
    </row>
    <row r="25803" spans="1:31" ht="14.45">
      <c r="A25803" s="5" t="s">
        <v>116</v>
      </c>
      <c r="B25803" s="21">
        <v>46082</v>
      </c>
      <c r="C25803" s="2" t="s">
        <v>82912</v>
      </c>
      <c r="D25803" s="14" t="s">
        <v>82913</v>
      </c>
      <c r="E25803" s="2" t="s">
        <v>82914</v>
      </c>
      <c r="F25803" s="2" t="s">
        <v>130</v>
      </c>
      <c r="G25803" s="8">
        <v>120</v>
      </c>
      <c r="H25803" s="5">
        <v>15</v>
      </c>
      <c r="I25803" s="5" t="s">
        <v>69</v>
      </c>
      <c r="J25803" s="5" t="s">
        <v>28207</v>
      </c>
      <c r="K25803" s="2" t="s">
        <v>28208</v>
      </c>
      <c r="L25803" s="5" t="s">
        <v>28207</v>
      </c>
      <c r="M25803" s="2" t="s">
        <v>28208</v>
      </c>
      <c r="N25803" s="5" t="s">
        <v>733</v>
      </c>
      <c r="O25803" s="5" t="s">
        <v>38</v>
      </c>
      <c r="P25803" s="5" t="s">
        <v>39</v>
      </c>
      <c r="Q25803" s="5" t="s">
        <v>40</v>
      </c>
      <c r="R25803" s="5" t="s">
        <v>25301</v>
      </c>
      <c r="S25803" s="5" t="s">
        <v>40</v>
      </c>
      <c r="T25803" s="5" t="s">
        <v>42</v>
      </c>
      <c r="U25803" s="2">
        <v>4.8780000000000001</v>
      </c>
      <c r="V25803" s="2">
        <v>4.835</v>
      </c>
      <c r="W25803" s="2">
        <v>5.2999999999999999E-2</v>
      </c>
      <c r="X25803" s="2">
        <v>12</v>
      </c>
      <c r="Y25803" s="2">
        <v>29</v>
      </c>
      <c r="Z25803" s="2">
        <v>152.19999999999999</v>
      </c>
      <c r="AA25803" s="5">
        <v>36</v>
      </c>
      <c r="AB25803" s="5" t="s">
        <v>43</v>
      </c>
      <c r="AC25803" s="5" t="s">
        <v>44</v>
      </c>
      <c r="AD25803" s="2" t="s">
        <v>82749</v>
      </c>
      <c r="AE25803" s="1"/>
    </row>
    <row r="25804" spans="1:31" ht="14.45">
      <c r="A25804" s="5" t="s">
        <v>116</v>
      </c>
      <c r="B25804" s="21">
        <v>46054</v>
      </c>
      <c r="C25804" s="2" t="s">
        <v>82915</v>
      </c>
      <c r="D25804" s="14" t="s">
        <v>82916</v>
      </c>
      <c r="E25804" s="2" t="s">
        <v>82917</v>
      </c>
      <c r="F25804" s="2" t="s">
        <v>130</v>
      </c>
      <c r="G25804" s="8">
        <v>45</v>
      </c>
      <c r="H25804" s="5">
        <v>5</v>
      </c>
      <c r="I25804" s="5" t="s">
        <v>69</v>
      </c>
      <c r="J25804" s="5" t="s">
        <v>28207</v>
      </c>
      <c r="K25804" s="2" t="s">
        <v>28208</v>
      </c>
      <c r="L25804" s="5" t="s">
        <v>28207</v>
      </c>
      <c r="M25804" s="2" t="s">
        <v>28208</v>
      </c>
      <c r="N25804" s="5" t="s">
        <v>733</v>
      </c>
      <c r="O25804" s="5" t="s">
        <v>38</v>
      </c>
      <c r="P25804" s="5" t="s">
        <v>39</v>
      </c>
      <c r="Q25804" s="5" t="s">
        <v>40</v>
      </c>
      <c r="R25804" s="5" t="s">
        <v>24335</v>
      </c>
      <c r="S25804" s="5" t="s">
        <v>40</v>
      </c>
      <c r="T25804" s="5" t="s">
        <v>42</v>
      </c>
      <c r="U25804" s="2">
        <v>1.6910000000000001</v>
      </c>
      <c r="V25804" s="2">
        <v>0.95699999999999996</v>
      </c>
      <c r="W25804" s="2">
        <v>3.1E-2</v>
      </c>
      <c r="X25804" s="2">
        <v>10.7</v>
      </c>
      <c r="Y25804" s="2">
        <v>17</v>
      </c>
      <c r="Z25804" s="2">
        <v>171.6</v>
      </c>
      <c r="AA25804" s="5">
        <v>36</v>
      </c>
      <c r="AB25804" s="5" t="s">
        <v>43</v>
      </c>
      <c r="AC25804" s="5" t="s">
        <v>44</v>
      </c>
      <c r="AD25804" s="2" t="s">
        <v>82735</v>
      </c>
      <c r="AE25804" s="1"/>
    </row>
    <row r="25805" spans="1:31" ht="14.45">
      <c r="A25805" s="5" t="s">
        <v>116</v>
      </c>
      <c r="B25805" s="21">
        <v>46054</v>
      </c>
      <c r="C25805" s="2" t="s">
        <v>82918</v>
      </c>
      <c r="D25805" s="14" t="s">
        <v>82919</v>
      </c>
      <c r="E25805" s="2" t="s">
        <v>82920</v>
      </c>
      <c r="F25805" s="2" t="s">
        <v>130</v>
      </c>
      <c r="G25805" s="8">
        <v>76</v>
      </c>
      <c r="H25805" s="5">
        <v>15</v>
      </c>
      <c r="I25805" s="5" t="s">
        <v>69</v>
      </c>
      <c r="J25805" s="5" t="s">
        <v>28207</v>
      </c>
      <c r="K25805" s="2" t="s">
        <v>28208</v>
      </c>
      <c r="L25805" s="5" t="s">
        <v>28207</v>
      </c>
      <c r="M25805" s="2" t="s">
        <v>28208</v>
      </c>
      <c r="N25805" s="5" t="s">
        <v>733</v>
      </c>
      <c r="O25805" s="5" t="s">
        <v>38</v>
      </c>
      <c r="P25805" s="5" t="s">
        <v>39</v>
      </c>
      <c r="Q25805" s="5" t="s">
        <v>40</v>
      </c>
      <c r="R25805" s="5" t="s">
        <v>24340</v>
      </c>
      <c r="S25805" s="5" t="s">
        <v>40</v>
      </c>
      <c r="T25805" s="5" t="s">
        <v>42</v>
      </c>
      <c r="U25805" s="2">
        <v>3.1760000000000002</v>
      </c>
      <c r="V25805" s="2">
        <v>2.4420000000000002</v>
      </c>
      <c r="W25805" s="2">
        <v>3.1E-2</v>
      </c>
      <c r="X25805" s="2">
        <v>10.7</v>
      </c>
      <c r="Y25805" s="2">
        <v>17</v>
      </c>
      <c r="Z25805" s="2">
        <v>171.6</v>
      </c>
      <c r="AA25805" s="5">
        <v>36</v>
      </c>
      <c r="AB25805" s="5" t="s">
        <v>43</v>
      </c>
      <c r="AC25805" s="5" t="s">
        <v>44</v>
      </c>
      <c r="AD25805" s="2" t="s">
        <v>82735</v>
      </c>
      <c r="AE25805" s="1"/>
    </row>
    <row r="25806" spans="1:31" ht="14.45">
      <c r="A25806" s="5" t="s">
        <v>116</v>
      </c>
      <c r="B25806" s="21">
        <v>46054</v>
      </c>
      <c r="C25806" s="2" t="s">
        <v>82921</v>
      </c>
      <c r="D25806" s="14" t="s">
        <v>82922</v>
      </c>
      <c r="E25806" s="2" t="s">
        <v>82923</v>
      </c>
      <c r="F25806" s="2" t="s">
        <v>130</v>
      </c>
      <c r="G25806" s="8">
        <v>76</v>
      </c>
      <c r="H25806" s="5">
        <v>15</v>
      </c>
      <c r="I25806" s="5" t="s">
        <v>69</v>
      </c>
      <c r="J25806" s="5" t="s">
        <v>28207</v>
      </c>
      <c r="K25806" s="2" t="s">
        <v>28208</v>
      </c>
      <c r="L25806" s="5" t="s">
        <v>28207</v>
      </c>
      <c r="M25806" s="2" t="s">
        <v>28208</v>
      </c>
      <c r="N25806" s="5" t="s">
        <v>733</v>
      </c>
      <c r="O25806" s="5" t="s">
        <v>38</v>
      </c>
      <c r="P25806" s="5" t="s">
        <v>39</v>
      </c>
      <c r="Q25806" s="5" t="s">
        <v>40</v>
      </c>
      <c r="R25806" s="5" t="s">
        <v>25301</v>
      </c>
      <c r="S25806" s="5" t="s">
        <v>40</v>
      </c>
      <c r="T25806" s="5" t="s">
        <v>42</v>
      </c>
      <c r="U25806" s="2">
        <v>2.9089999999999998</v>
      </c>
      <c r="V25806" s="2">
        <v>2.1749999999999998</v>
      </c>
      <c r="W25806" s="2">
        <v>3.1E-2</v>
      </c>
      <c r="X25806" s="2">
        <v>10.7</v>
      </c>
      <c r="Y25806" s="2">
        <v>17</v>
      </c>
      <c r="Z25806" s="2">
        <v>171.6</v>
      </c>
      <c r="AA25806" s="5">
        <v>36</v>
      </c>
      <c r="AB25806" s="5" t="s">
        <v>43</v>
      </c>
      <c r="AC25806" s="5" t="s">
        <v>44</v>
      </c>
      <c r="AD25806" s="2" t="s">
        <v>82735</v>
      </c>
      <c r="AE25806" s="1"/>
    </row>
    <row r="25807" spans="1:31" ht="14.45">
      <c r="A25807" s="5" t="s">
        <v>116</v>
      </c>
      <c r="B25807" s="21">
        <v>46082</v>
      </c>
      <c r="C25807" s="2" t="s">
        <v>82924</v>
      </c>
      <c r="D25807" s="14" t="s">
        <v>82925</v>
      </c>
      <c r="E25807" s="2" t="s">
        <v>82926</v>
      </c>
      <c r="F25807" s="2" t="s">
        <v>130</v>
      </c>
      <c r="G25807" s="8">
        <v>99</v>
      </c>
      <c r="H25807" s="5">
        <v>5</v>
      </c>
      <c r="I25807" s="5" t="s">
        <v>69</v>
      </c>
      <c r="J25807" s="5" t="s">
        <v>28207</v>
      </c>
      <c r="K25807" s="2" t="s">
        <v>28208</v>
      </c>
      <c r="L25807" s="5" t="s">
        <v>28207</v>
      </c>
      <c r="M25807" s="2" t="s">
        <v>28208</v>
      </c>
      <c r="N25807" s="5" t="s">
        <v>733</v>
      </c>
      <c r="O25807" s="5" t="s">
        <v>38</v>
      </c>
      <c r="P25807" s="5" t="s">
        <v>39</v>
      </c>
      <c r="Q25807" s="5" t="s">
        <v>40</v>
      </c>
      <c r="R25807" s="5" t="s">
        <v>24335</v>
      </c>
      <c r="S25807" s="5" t="s">
        <v>40</v>
      </c>
      <c r="T25807" s="5" t="s">
        <v>42</v>
      </c>
      <c r="U25807" s="2">
        <v>4.101</v>
      </c>
      <c r="V25807" s="2">
        <v>4.0579999999999998</v>
      </c>
      <c r="W25807" s="2">
        <v>6.6000000000000003E-2</v>
      </c>
      <c r="X25807" s="2">
        <v>12</v>
      </c>
      <c r="Y25807" s="2">
        <v>29</v>
      </c>
      <c r="Z25807" s="2">
        <v>188.7</v>
      </c>
      <c r="AA25807" s="5">
        <v>36</v>
      </c>
      <c r="AB25807" s="5" t="s">
        <v>43</v>
      </c>
      <c r="AC25807" s="5" t="s">
        <v>44</v>
      </c>
      <c r="AD25807" s="2" t="s">
        <v>82749</v>
      </c>
      <c r="AE25807" s="1"/>
    </row>
    <row r="25808" spans="1:31" ht="14.45">
      <c r="A25808" s="5" t="s">
        <v>116</v>
      </c>
      <c r="B25808" s="21">
        <v>46082</v>
      </c>
      <c r="C25808" s="2" t="s">
        <v>82927</v>
      </c>
      <c r="D25808" s="14" t="s">
        <v>82928</v>
      </c>
      <c r="E25808" s="2" t="s">
        <v>82929</v>
      </c>
      <c r="F25808" s="2" t="s">
        <v>130</v>
      </c>
      <c r="G25808" s="8">
        <v>130</v>
      </c>
      <c r="H25808" s="5">
        <v>15</v>
      </c>
      <c r="I25808" s="5" t="s">
        <v>69</v>
      </c>
      <c r="J25808" s="5" t="s">
        <v>28207</v>
      </c>
      <c r="K25808" s="2" t="s">
        <v>28208</v>
      </c>
      <c r="L25808" s="5" t="s">
        <v>28207</v>
      </c>
      <c r="M25808" s="2" t="s">
        <v>28208</v>
      </c>
      <c r="N25808" s="5" t="s">
        <v>733</v>
      </c>
      <c r="O25808" s="5" t="s">
        <v>38</v>
      </c>
      <c r="P25808" s="5" t="s">
        <v>39</v>
      </c>
      <c r="Q25808" s="5" t="s">
        <v>40</v>
      </c>
      <c r="R25808" s="5" t="s">
        <v>24340</v>
      </c>
      <c r="S25808" s="5" t="s">
        <v>40</v>
      </c>
      <c r="T25808" s="5" t="s">
        <v>42</v>
      </c>
      <c r="U25808" s="2">
        <v>5.5750000000000002</v>
      </c>
      <c r="V25808" s="2">
        <v>5.532</v>
      </c>
      <c r="W25808" s="2">
        <v>6.6000000000000003E-2</v>
      </c>
      <c r="X25808" s="2">
        <v>12</v>
      </c>
      <c r="Y25808" s="2">
        <v>29</v>
      </c>
      <c r="Z25808" s="2">
        <v>188.7</v>
      </c>
      <c r="AA25808" s="5">
        <v>36</v>
      </c>
      <c r="AB25808" s="5" t="s">
        <v>43</v>
      </c>
      <c r="AC25808" s="5" t="s">
        <v>44</v>
      </c>
      <c r="AD25808" s="2" t="s">
        <v>82749</v>
      </c>
      <c r="AE25808" s="1"/>
    </row>
    <row r="25809" spans="1:31" ht="14.45">
      <c r="A25809" s="5" t="s">
        <v>116</v>
      </c>
      <c r="B25809" s="21">
        <v>46082</v>
      </c>
      <c r="C25809" s="2" t="s">
        <v>82930</v>
      </c>
      <c r="D25809" s="14" t="s">
        <v>82931</v>
      </c>
      <c r="E25809" s="2" t="s">
        <v>82932</v>
      </c>
      <c r="F25809" s="2" t="s">
        <v>130</v>
      </c>
      <c r="G25809" s="8">
        <v>130</v>
      </c>
      <c r="H25809" s="5">
        <v>15</v>
      </c>
      <c r="I25809" s="5" t="s">
        <v>69</v>
      </c>
      <c r="J25809" s="5" t="s">
        <v>28207</v>
      </c>
      <c r="K25809" s="2" t="s">
        <v>28208</v>
      </c>
      <c r="L25809" s="5" t="s">
        <v>28207</v>
      </c>
      <c r="M25809" s="2" t="s">
        <v>28208</v>
      </c>
      <c r="N25809" s="5" t="s">
        <v>733</v>
      </c>
      <c r="O25809" s="5" t="s">
        <v>38</v>
      </c>
      <c r="P25809" s="5" t="s">
        <v>39</v>
      </c>
      <c r="Q25809" s="5" t="s">
        <v>40</v>
      </c>
      <c r="R25809" s="5" t="s">
        <v>25301</v>
      </c>
      <c r="S25809" s="5" t="s">
        <v>40</v>
      </c>
      <c r="T25809" s="5" t="s">
        <v>42</v>
      </c>
      <c r="U25809" s="2">
        <v>5.3079999999999998</v>
      </c>
      <c r="V25809" s="2">
        <v>5.2649999999999997</v>
      </c>
      <c r="W25809" s="2">
        <v>6.6000000000000003E-2</v>
      </c>
      <c r="X25809" s="2">
        <v>12</v>
      </c>
      <c r="Y25809" s="2">
        <v>29</v>
      </c>
      <c r="Z25809" s="2">
        <v>188.7</v>
      </c>
      <c r="AA25809" s="5">
        <v>36</v>
      </c>
      <c r="AB25809" s="5" t="s">
        <v>43</v>
      </c>
      <c r="AC25809" s="5" t="s">
        <v>44</v>
      </c>
      <c r="AD25809" s="2" t="s">
        <v>82749</v>
      </c>
      <c r="AE25809" s="1"/>
    </row>
    <row r="25810" spans="1:31" ht="14.45">
      <c r="A25810" s="5" t="s">
        <v>116</v>
      </c>
      <c r="B25810" s="21">
        <v>46054</v>
      </c>
      <c r="C25810" s="2" t="s">
        <v>82933</v>
      </c>
      <c r="D25810" s="14" t="s">
        <v>82934</v>
      </c>
      <c r="E25810" s="2" t="s">
        <v>82935</v>
      </c>
      <c r="F25810" s="2" t="s">
        <v>130</v>
      </c>
      <c r="G25810" s="8">
        <v>51</v>
      </c>
      <c r="H25810" s="5">
        <v>10</v>
      </c>
      <c r="I25810" s="5" t="s">
        <v>69</v>
      </c>
      <c r="J25810" s="5" t="s">
        <v>28207</v>
      </c>
      <c r="K25810" s="2" t="s">
        <v>28208</v>
      </c>
      <c r="L25810" s="5" t="s">
        <v>28207</v>
      </c>
      <c r="M25810" s="2" t="s">
        <v>28208</v>
      </c>
      <c r="N25810" s="5" t="s">
        <v>733</v>
      </c>
      <c r="O25810" s="5" t="s">
        <v>38</v>
      </c>
      <c r="P25810" s="5" t="s">
        <v>39</v>
      </c>
      <c r="Q25810" s="5" t="s">
        <v>40</v>
      </c>
      <c r="R25810" s="5" t="s">
        <v>24335</v>
      </c>
      <c r="S25810" s="5" t="s">
        <v>40</v>
      </c>
      <c r="T25810" s="5" t="s">
        <v>42</v>
      </c>
      <c r="U25810" s="2">
        <v>1.853</v>
      </c>
      <c r="V25810" s="2">
        <v>1.0409999999999999</v>
      </c>
      <c r="W25810" s="2">
        <v>3.5000000000000003E-2</v>
      </c>
      <c r="X25810" s="2">
        <v>10.7</v>
      </c>
      <c r="Y25810" s="2">
        <v>17</v>
      </c>
      <c r="Z25810" s="2">
        <v>191.6</v>
      </c>
      <c r="AA25810" s="5">
        <v>36</v>
      </c>
      <c r="AB25810" s="5" t="s">
        <v>43</v>
      </c>
      <c r="AC25810" s="5" t="s">
        <v>44</v>
      </c>
      <c r="AD25810" s="2" t="s">
        <v>82735</v>
      </c>
      <c r="AE25810" s="1"/>
    </row>
    <row r="25811" spans="1:31" ht="14.45">
      <c r="A25811" s="5" t="s">
        <v>116</v>
      </c>
      <c r="B25811" s="21">
        <v>46054</v>
      </c>
      <c r="C25811" s="2" t="s">
        <v>82936</v>
      </c>
      <c r="D25811" s="14" t="s">
        <v>82937</v>
      </c>
      <c r="E25811" s="2" t="s">
        <v>82938</v>
      </c>
      <c r="F25811" s="2" t="s">
        <v>130</v>
      </c>
      <c r="G25811" s="8">
        <v>82</v>
      </c>
      <c r="H25811" s="5">
        <v>15</v>
      </c>
      <c r="I25811" s="5" t="s">
        <v>69</v>
      </c>
      <c r="J25811" s="5" t="s">
        <v>28207</v>
      </c>
      <c r="K25811" s="2" t="s">
        <v>28208</v>
      </c>
      <c r="L25811" s="5" t="s">
        <v>28207</v>
      </c>
      <c r="M25811" s="2" t="s">
        <v>28208</v>
      </c>
      <c r="N25811" s="5" t="s">
        <v>733</v>
      </c>
      <c r="O25811" s="5" t="s">
        <v>38</v>
      </c>
      <c r="P25811" s="5" t="s">
        <v>39</v>
      </c>
      <c r="Q25811" s="5" t="s">
        <v>40</v>
      </c>
      <c r="R25811" s="5" t="s">
        <v>24340</v>
      </c>
      <c r="S25811" s="5" t="s">
        <v>40</v>
      </c>
      <c r="T25811" s="5" t="s">
        <v>42</v>
      </c>
      <c r="U25811" s="2">
        <v>3.4540000000000002</v>
      </c>
      <c r="V25811" s="2">
        <v>2.6419999999999999</v>
      </c>
      <c r="W25811" s="2">
        <v>3.5000000000000003E-2</v>
      </c>
      <c r="X25811" s="2">
        <v>10.7</v>
      </c>
      <c r="Y25811" s="2">
        <v>17</v>
      </c>
      <c r="Z25811" s="2">
        <v>191.6</v>
      </c>
      <c r="AA25811" s="5">
        <v>36</v>
      </c>
      <c r="AB25811" s="5" t="s">
        <v>43</v>
      </c>
      <c r="AC25811" s="5" t="s">
        <v>44</v>
      </c>
      <c r="AD25811" s="2" t="s">
        <v>82735</v>
      </c>
      <c r="AE25811" s="1"/>
    </row>
    <row r="25812" spans="1:31" ht="14.45">
      <c r="A25812" s="5" t="s">
        <v>116</v>
      </c>
      <c r="B25812" s="21">
        <v>46082</v>
      </c>
      <c r="C25812" s="2" t="s">
        <v>82939</v>
      </c>
      <c r="D25812" s="14" t="s">
        <v>82940</v>
      </c>
      <c r="E25812" s="2" t="s">
        <v>82941</v>
      </c>
      <c r="F25812" s="2" t="s">
        <v>130</v>
      </c>
      <c r="G25812" s="8">
        <v>113</v>
      </c>
      <c r="H25812" s="5">
        <v>15</v>
      </c>
      <c r="I25812" s="5" t="s">
        <v>69</v>
      </c>
      <c r="J25812" s="5" t="s">
        <v>28207</v>
      </c>
      <c r="K25812" s="2" t="s">
        <v>28208</v>
      </c>
      <c r="L25812" s="5" t="s">
        <v>28207</v>
      </c>
      <c r="M25812" s="2" t="s">
        <v>28208</v>
      </c>
      <c r="N25812" s="5" t="s">
        <v>733</v>
      </c>
      <c r="O25812" s="5" t="s">
        <v>38</v>
      </c>
      <c r="P25812" s="5" t="s">
        <v>39</v>
      </c>
      <c r="Q25812" s="5" t="s">
        <v>40</v>
      </c>
      <c r="R25812" s="5" t="s">
        <v>24335</v>
      </c>
      <c r="S25812" s="5" t="s">
        <v>40</v>
      </c>
      <c r="T25812" s="5" t="s">
        <v>42</v>
      </c>
      <c r="U25812" s="2">
        <v>4.2640000000000002</v>
      </c>
      <c r="V25812" s="2">
        <v>4.2210000000000001</v>
      </c>
      <c r="W25812" s="2">
        <v>6.6000000000000003E-2</v>
      </c>
      <c r="X25812" s="2">
        <v>12</v>
      </c>
      <c r="Y25812" s="2">
        <v>29</v>
      </c>
      <c r="Z25812" s="2">
        <v>188.7</v>
      </c>
      <c r="AA25812" s="5">
        <v>36</v>
      </c>
      <c r="AB25812" s="5" t="s">
        <v>43</v>
      </c>
      <c r="AC25812" s="5" t="s">
        <v>44</v>
      </c>
      <c r="AD25812" s="2" t="s">
        <v>82749</v>
      </c>
      <c r="AE25812" s="1"/>
    </row>
    <row r="25813" spans="1:31" ht="14.45">
      <c r="A25813" s="5" t="s">
        <v>116</v>
      </c>
      <c r="B25813" s="21">
        <v>46082</v>
      </c>
      <c r="C25813" s="2" t="s">
        <v>82942</v>
      </c>
      <c r="D25813" s="14" t="s">
        <v>82943</v>
      </c>
      <c r="E25813" s="2" t="s">
        <v>82944</v>
      </c>
      <c r="F25813" s="2" t="s">
        <v>130</v>
      </c>
      <c r="G25813" s="8">
        <v>144</v>
      </c>
      <c r="H25813" s="5">
        <v>15</v>
      </c>
      <c r="I25813" s="5" t="s">
        <v>69</v>
      </c>
      <c r="J25813" s="5" t="s">
        <v>28207</v>
      </c>
      <c r="K25813" s="2" t="s">
        <v>28208</v>
      </c>
      <c r="L25813" s="5" t="s">
        <v>28207</v>
      </c>
      <c r="M25813" s="2" t="s">
        <v>28208</v>
      </c>
      <c r="N25813" s="5" t="s">
        <v>733</v>
      </c>
      <c r="O25813" s="5" t="s">
        <v>38</v>
      </c>
      <c r="P25813" s="5" t="s">
        <v>39</v>
      </c>
      <c r="Q25813" s="5" t="s">
        <v>40</v>
      </c>
      <c r="R25813" s="5" t="s">
        <v>24340</v>
      </c>
      <c r="S25813" s="5" t="s">
        <v>40</v>
      </c>
      <c r="T25813" s="5" t="s">
        <v>42</v>
      </c>
      <c r="U25813" s="2">
        <v>5.8650000000000002</v>
      </c>
      <c r="V25813" s="2">
        <v>5.8220000000000001</v>
      </c>
      <c r="W25813" s="2">
        <v>6.6000000000000003E-2</v>
      </c>
      <c r="X25813" s="2">
        <v>12</v>
      </c>
      <c r="Y25813" s="2">
        <v>29</v>
      </c>
      <c r="Z25813" s="2">
        <v>188.7</v>
      </c>
      <c r="AA25813" s="5">
        <v>36</v>
      </c>
      <c r="AB25813" s="5" t="s">
        <v>43</v>
      </c>
      <c r="AC25813" s="5" t="s">
        <v>44</v>
      </c>
      <c r="AD25813" s="2" t="s">
        <v>82749</v>
      </c>
      <c r="AE25813" s="1"/>
    </row>
    <row r="25814" spans="1:31" ht="14.45">
      <c r="A25814" s="5" t="s">
        <v>116</v>
      </c>
      <c r="B25814" s="21">
        <v>46054</v>
      </c>
      <c r="C25814" s="2" t="s">
        <v>82945</v>
      </c>
      <c r="D25814" s="14" t="s">
        <v>82946</v>
      </c>
      <c r="E25814" s="2" t="s">
        <v>82947</v>
      </c>
      <c r="F25814" s="2" t="s">
        <v>130</v>
      </c>
      <c r="G25814" s="8">
        <v>41</v>
      </c>
      <c r="H25814" s="5">
        <v>5</v>
      </c>
      <c r="I25814" s="5" t="s">
        <v>69</v>
      </c>
      <c r="J25814" s="5" t="s">
        <v>28207</v>
      </c>
      <c r="K25814" s="2" t="s">
        <v>28208</v>
      </c>
      <c r="L25814" s="5" t="s">
        <v>28207</v>
      </c>
      <c r="M25814" s="2" t="s">
        <v>28208</v>
      </c>
      <c r="N25814" s="5" t="s">
        <v>733</v>
      </c>
      <c r="O25814" s="5" t="s">
        <v>38</v>
      </c>
      <c r="P25814" s="5" t="s">
        <v>39</v>
      </c>
      <c r="Q25814" s="5" t="s">
        <v>40</v>
      </c>
      <c r="R25814" s="5" t="s">
        <v>24335</v>
      </c>
      <c r="S25814" s="5" t="s">
        <v>40</v>
      </c>
      <c r="T25814" s="5" t="s">
        <v>42</v>
      </c>
      <c r="U25814" s="2">
        <v>1.21</v>
      </c>
      <c r="V25814" s="2">
        <v>0.84</v>
      </c>
      <c r="W25814" s="2">
        <v>1.7000000000000001E-2</v>
      </c>
      <c r="X25814" s="2">
        <v>6.2</v>
      </c>
      <c r="Y25814" s="2">
        <v>18.3</v>
      </c>
      <c r="Z25814" s="2">
        <v>148.30000000000001</v>
      </c>
      <c r="AA25814" s="5">
        <v>36</v>
      </c>
      <c r="AB25814" s="5" t="s">
        <v>43</v>
      </c>
      <c r="AC25814" s="5" t="s">
        <v>44</v>
      </c>
      <c r="AD25814" s="2" t="s">
        <v>82735</v>
      </c>
      <c r="AE25814" s="1"/>
    </row>
    <row r="25815" spans="1:31" ht="14.45">
      <c r="A25815" s="5" t="s">
        <v>116</v>
      </c>
      <c r="B25815" s="21">
        <v>46054</v>
      </c>
      <c r="C25815" s="2" t="s">
        <v>82948</v>
      </c>
      <c r="D25815" s="14" t="s">
        <v>82949</v>
      </c>
      <c r="E25815" s="2" t="s">
        <v>82950</v>
      </c>
      <c r="F25815" s="2" t="s">
        <v>130</v>
      </c>
      <c r="G25815" s="8">
        <v>72</v>
      </c>
      <c r="H25815" s="5">
        <v>15</v>
      </c>
      <c r="I25815" s="5" t="s">
        <v>69</v>
      </c>
      <c r="J25815" s="5" t="s">
        <v>28207</v>
      </c>
      <c r="K25815" s="2" t="s">
        <v>28208</v>
      </c>
      <c r="L25815" s="5" t="s">
        <v>28207</v>
      </c>
      <c r="M25815" s="2" t="s">
        <v>28208</v>
      </c>
      <c r="N25815" s="5" t="s">
        <v>733</v>
      </c>
      <c r="O25815" s="5" t="s">
        <v>38</v>
      </c>
      <c r="P25815" s="5" t="s">
        <v>39</v>
      </c>
      <c r="Q25815" s="5" t="s">
        <v>40</v>
      </c>
      <c r="R25815" s="5" t="s">
        <v>24340</v>
      </c>
      <c r="S25815" s="5" t="s">
        <v>40</v>
      </c>
      <c r="T25815" s="5" t="s">
        <v>42</v>
      </c>
      <c r="U25815" s="2">
        <v>2.5089999999999999</v>
      </c>
      <c r="V25815" s="2">
        <v>2.1389999999999998</v>
      </c>
      <c r="W25815" s="2">
        <v>1.7000000000000001E-2</v>
      </c>
      <c r="X25815" s="2">
        <v>6.2</v>
      </c>
      <c r="Y25815" s="2">
        <v>18.3</v>
      </c>
      <c r="Z25815" s="2">
        <v>148.30000000000001</v>
      </c>
      <c r="AA25815" s="5">
        <v>36</v>
      </c>
      <c r="AB25815" s="5" t="s">
        <v>43</v>
      </c>
      <c r="AC25815" s="5" t="s">
        <v>44</v>
      </c>
      <c r="AD25815" s="2" t="s">
        <v>82735</v>
      </c>
      <c r="AE25815" s="1"/>
    </row>
    <row r="25816" spans="1:31" ht="14.45">
      <c r="A25816" s="5" t="s">
        <v>116</v>
      </c>
      <c r="B25816" s="21">
        <v>46054</v>
      </c>
      <c r="C25816" s="2" t="s">
        <v>82951</v>
      </c>
      <c r="D25816" s="14" t="s">
        <v>82952</v>
      </c>
      <c r="E25816" s="2" t="s">
        <v>82953</v>
      </c>
      <c r="F25816" s="2" t="s">
        <v>130</v>
      </c>
      <c r="G25816" s="8">
        <v>72</v>
      </c>
      <c r="H25816" s="5">
        <v>15</v>
      </c>
      <c r="I25816" s="5" t="s">
        <v>69</v>
      </c>
      <c r="J25816" s="5" t="s">
        <v>28207</v>
      </c>
      <c r="K25816" s="2" t="s">
        <v>28208</v>
      </c>
      <c r="L25816" s="5" t="s">
        <v>28207</v>
      </c>
      <c r="M25816" s="2" t="s">
        <v>28208</v>
      </c>
      <c r="N25816" s="5" t="s">
        <v>733</v>
      </c>
      <c r="O25816" s="5" t="s">
        <v>38</v>
      </c>
      <c r="P25816" s="5" t="s">
        <v>39</v>
      </c>
      <c r="Q25816" s="5" t="s">
        <v>40</v>
      </c>
      <c r="R25816" s="5" t="s">
        <v>25301</v>
      </c>
      <c r="S25816" s="5" t="s">
        <v>40</v>
      </c>
      <c r="T25816" s="5" t="s">
        <v>42</v>
      </c>
      <c r="U25816" s="2">
        <v>2.2759999999999998</v>
      </c>
      <c r="V25816" s="2">
        <v>1.9059999999999999</v>
      </c>
      <c r="W25816" s="2">
        <v>1.7000000000000001E-2</v>
      </c>
      <c r="X25816" s="2">
        <v>6.2</v>
      </c>
      <c r="Y25816" s="2">
        <v>18.3</v>
      </c>
      <c r="Z25816" s="2">
        <v>148.30000000000001</v>
      </c>
      <c r="AA25816" s="5">
        <v>36</v>
      </c>
      <c r="AB25816" s="5" t="s">
        <v>43</v>
      </c>
      <c r="AC25816" s="5" t="s">
        <v>44</v>
      </c>
      <c r="AD25816" s="2" t="s">
        <v>82735</v>
      </c>
      <c r="AE25816" s="1"/>
    </row>
    <row r="25817" spans="1:31" ht="14.45">
      <c r="A25817" s="5" t="s">
        <v>116</v>
      </c>
      <c r="B25817" s="21">
        <v>46082</v>
      </c>
      <c r="C25817" s="2" t="s">
        <v>82954</v>
      </c>
      <c r="D25817" s="14" t="s">
        <v>82955</v>
      </c>
      <c r="E25817" s="2" t="s">
        <v>82956</v>
      </c>
      <c r="F25817" s="2" t="s">
        <v>130</v>
      </c>
      <c r="G25817" s="8">
        <v>92</v>
      </c>
      <c r="H25817" s="5">
        <v>5</v>
      </c>
      <c r="I25817" s="5" t="s">
        <v>69</v>
      </c>
      <c r="J25817" s="5" t="s">
        <v>28207</v>
      </c>
      <c r="K25817" s="2" t="s">
        <v>28208</v>
      </c>
      <c r="L25817" s="5" t="s">
        <v>28207</v>
      </c>
      <c r="M25817" s="2" t="s">
        <v>28208</v>
      </c>
      <c r="N25817" s="5" t="s">
        <v>733</v>
      </c>
      <c r="O25817" s="5" t="s">
        <v>38</v>
      </c>
      <c r="P25817" s="5" t="s">
        <v>39</v>
      </c>
      <c r="Q25817" s="5" t="s">
        <v>40</v>
      </c>
      <c r="R25817" s="5" t="s">
        <v>24335</v>
      </c>
      <c r="S25817" s="5" t="s">
        <v>40</v>
      </c>
      <c r="T25817" s="5" t="s">
        <v>42</v>
      </c>
      <c r="U25817" s="2">
        <v>3.71</v>
      </c>
      <c r="V25817" s="2">
        <v>3.6669999999999998</v>
      </c>
      <c r="W25817" s="2">
        <v>5.2999999999999999E-2</v>
      </c>
      <c r="X25817" s="2">
        <v>12</v>
      </c>
      <c r="Y25817" s="2">
        <v>29</v>
      </c>
      <c r="Z25817" s="2">
        <v>152.19999999999999</v>
      </c>
      <c r="AA25817" s="5">
        <v>36</v>
      </c>
      <c r="AB25817" s="5" t="s">
        <v>43</v>
      </c>
      <c r="AC25817" s="5" t="s">
        <v>44</v>
      </c>
      <c r="AD25817" s="2" t="s">
        <v>82749</v>
      </c>
      <c r="AE25817" s="1"/>
    </row>
    <row r="25818" spans="1:31" ht="14.45">
      <c r="A25818" s="5" t="s">
        <v>116</v>
      </c>
      <c r="B25818" s="21">
        <v>46082</v>
      </c>
      <c r="C25818" s="2" t="s">
        <v>82957</v>
      </c>
      <c r="D25818" s="14" t="s">
        <v>82958</v>
      </c>
      <c r="E25818" s="2" t="s">
        <v>82959</v>
      </c>
      <c r="F25818" s="2" t="s">
        <v>130</v>
      </c>
      <c r="G25818" s="8">
        <v>123</v>
      </c>
      <c r="H25818" s="5">
        <v>15</v>
      </c>
      <c r="I25818" s="5" t="s">
        <v>69</v>
      </c>
      <c r="J25818" s="5" t="s">
        <v>28207</v>
      </c>
      <c r="K25818" s="2" t="s">
        <v>28208</v>
      </c>
      <c r="L25818" s="5" t="s">
        <v>28207</v>
      </c>
      <c r="M25818" s="2" t="s">
        <v>28208</v>
      </c>
      <c r="N25818" s="5" t="s">
        <v>733</v>
      </c>
      <c r="O25818" s="5" t="s">
        <v>38</v>
      </c>
      <c r="P25818" s="5" t="s">
        <v>39</v>
      </c>
      <c r="Q25818" s="5" t="s">
        <v>40</v>
      </c>
      <c r="R25818" s="5" t="s">
        <v>24340</v>
      </c>
      <c r="S25818" s="5" t="s">
        <v>40</v>
      </c>
      <c r="T25818" s="5" t="s">
        <v>42</v>
      </c>
      <c r="U25818" s="2">
        <v>4.9980000000000002</v>
      </c>
      <c r="V25818" s="2">
        <v>4.9550000000000001</v>
      </c>
      <c r="W25818" s="2">
        <v>5.2999999999999999E-2</v>
      </c>
      <c r="X25818" s="2">
        <v>12</v>
      </c>
      <c r="Y25818" s="2">
        <v>29</v>
      </c>
      <c r="Z25818" s="2">
        <v>152.19999999999999</v>
      </c>
      <c r="AA25818" s="5">
        <v>36</v>
      </c>
      <c r="AB25818" s="5" t="s">
        <v>43</v>
      </c>
      <c r="AC25818" s="5" t="s">
        <v>44</v>
      </c>
      <c r="AD25818" s="2" t="s">
        <v>82749</v>
      </c>
      <c r="AE25818" s="1"/>
    </row>
    <row r="25819" spans="1:31" ht="14.45">
      <c r="A25819" s="5" t="s">
        <v>116</v>
      </c>
      <c r="B25819" s="21">
        <v>46082</v>
      </c>
      <c r="C25819" s="2" t="s">
        <v>82960</v>
      </c>
      <c r="D25819" s="14" t="s">
        <v>82961</v>
      </c>
      <c r="E25819" s="2" t="s">
        <v>82962</v>
      </c>
      <c r="F25819" s="2" t="s">
        <v>130</v>
      </c>
      <c r="G25819" s="8">
        <v>123</v>
      </c>
      <c r="H25819" s="5">
        <v>15</v>
      </c>
      <c r="I25819" s="5" t="s">
        <v>69</v>
      </c>
      <c r="J25819" s="5" t="s">
        <v>28207</v>
      </c>
      <c r="K25819" s="2" t="s">
        <v>28208</v>
      </c>
      <c r="L25819" s="5" t="s">
        <v>28207</v>
      </c>
      <c r="M25819" s="2" t="s">
        <v>28208</v>
      </c>
      <c r="N25819" s="5" t="s">
        <v>733</v>
      </c>
      <c r="O25819" s="5" t="s">
        <v>38</v>
      </c>
      <c r="P25819" s="5" t="s">
        <v>39</v>
      </c>
      <c r="Q25819" s="5" t="s">
        <v>40</v>
      </c>
      <c r="R25819" s="5" t="s">
        <v>25301</v>
      </c>
      <c r="S25819" s="5" t="s">
        <v>40</v>
      </c>
      <c r="T25819" s="5" t="s">
        <v>42</v>
      </c>
      <c r="U25819" s="2">
        <v>4.7649999999999997</v>
      </c>
      <c r="V25819" s="2">
        <v>4.7220000000000004</v>
      </c>
      <c r="W25819" s="2">
        <v>5.2999999999999999E-2</v>
      </c>
      <c r="X25819" s="2">
        <v>12</v>
      </c>
      <c r="Y25819" s="2">
        <v>29</v>
      </c>
      <c r="Z25819" s="2">
        <v>152.19999999999999</v>
      </c>
      <c r="AA25819" s="5">
        <v>36</v>
      </c>
      <c r="AB25819" s="5" t="s">
        <v>43</v>
      </c>
      <c r="AC25819" s="5" t="s">
        <v>44</v>
      </c>
      <c r="AD25819" s="2" t="s">
        <v>82749</v>
      </c>
      <c r="AE25819" s="1"/>
    </row>
    <row r="25820" spans="1:31" ht="14.45">
      <c r="A25820" s="5" t="s">
        <v>116</v>
      </c>
      <c r="B25820" s="21">
        <v>46054</v>
      </c>
      <c r="C25820" s="2" t="s">
        <v>82963</v>
      </c>
      <c r="D25820" s="14" t="s">
        <v>82964</v>
      </c>
      <c r="E25820" s="2" t="s">
        <v>82965</v>
      </c>
      <c r="F25820" s="2" t="s">
        <v>130</v>
      </c>
      <c r="G25820" s="8">
        <v>45</v>
      </c>
      <c r="H25820" s="5">
        <v>5</v>
      </c>
      <c r="I25820" s="5" t="s">
        <v>69</v>
      </c>
      <c r="J25820" s="5" t="s">
        <v>28207</v>
      </c>
      <c r="K25820" s="2" t="s">
        <v>28208</v>
      </c>
      <c r="L25820" s="5" t="s">
        <v>28207</v>
      </c>
      <c r="M25820" s="2" t="s">
        <v>28208</v>
      </c>
      <c r="N25820" s="5" t="s">
        <v>733</v>
      </c>
      <c r="O25820" s="5" t="s">
        <v>38</v>
      </c>
      <c r="P25820" s="5" t="s">
        <v>39</v>
      </c>
      <c r="Q25820" s="5" t="s">
        <v>40</v>
      </c>
      <c r="R25820" s="5" t="s">
        <v>24335</v>
      </c>
      <c r="S25820" s="5" t="s">
        <v>40</v>
      </c>
      <c r="T25820" s="5" t="s">
        <v>42</v>
      </c>
      <c r="U25820" s="2">
        <v>1.292</v>
      </c>
      <c r="V25820" s="2">
        <v>0.92200000000000004</v>
      </c>
      <c r="W25820" s="2">
        <v>1.7000000000000001E-2</v>
      </c>
      <c r="X25820" s="2">
        <v>6.2</v>
      </c>
      <c r="Y25820" s="2">
        <v>18.3</v>
      </c>
      <c r="Z25820" s="2">
        <v>148.30000000000001</v>
      </c>
      <c r="AA25820" s="5">
        <v>36</v>
      </c>
      <c r="AB25820" s="5" t="s">
        <v>43</v>
      </c>
      <c r="AC25820" s="5" t="s">
        <v>44</v>
      </c>
      <c r="AD25820" s="2" t="s">
        <v>82735</v>
      </c>
      <c r="AE25820" s="1"/>
    </row>
    <row r="25821" spans="1:31" ht="14.45">
      <c r="A25821" s="5" t="s">
        <v>116</v>
      </c>
      <c r="B25821" s="21">
        <v>46054</v>
      </c>
      <c r="C25821" s="2" t="s">
        <v>82966</v>
      </c>
      <c r="D25821" s="14" t="s">
        <v>82967</v>
      </c>
      <c r="E25821" s="2" t="s">
        <v>82968</v>
      </c>
      <c r="F25821" s="2" t="s">
        <v>130</v>
      </c>
      <c r="G25821" s="8">
        <v>76</v>
      </c>
      <c r="H25821" s="5">
        <v>15</v>
      </c>
      <c r="I25821" s="5" t="s">
        <v>69</v>
      </c>
      <c r="J25821" s="5" t="s">
        <v>28207</v>
      </c>
      <c r="K25821" s="2" t="s">
        <v>28208</v>
      </c>
      <c r="L25821" s="5" t="s">
        <v>28207</v>
      </c>
      <c r="M25821" s="2" t="s">
        <v>28208</v>
      </c>
      <c r="N25821" s="5" t="s">
        <v>733</v>
      </c>
      <c r="O25821" s="5" t="s">
        <v>38</v>
      </c>
      <c r="P25821" s="5" t="s">
        <v>39</v>
      </c>
      <c r="Q25821" s="5" t="s">
        <v>40</v>
      </c>
      <c r="R25821" s="5" t="s">
        <v>24340</v>
      </c>
      <c r="S25821" s="5" t="s">
        <v>40</v>
      </c>
      <c r="T25821" s="5" t="s">
        <v>42</v>
      </c>
      <c r="U25821" s="2">
        <v>2.7309999999999999</v>
      </c>
      <c r="V25821" s="2">
        <v>2.3610000000000002</v>
      </c>
      <c r="W25821" s="2">
        <v>1.7000000000000001E-2</v>
      </c>
      <c r="X25821" s="2">
        <v>6.2</v>
      </c>
      <c r="Y25821" s="2">
        <v>18.3</v>
      </c>
      <c r="Z25821" s="2">
        <v>148.30000000000001</v>
      </c>
      <c r="AA25821" s="5">
        <v>36</v>
      </c>
      <c r="AB25821" s="5" t="s">
        <v>43</v>
      </c>
      <c r="AC25821" s="5" t="s">
        <v>44</v>
      </c>
      <c r="AD25821" s="2" t="s">
        <v>82735</v>
      </c>
      <c r="AE25821" s="1"/>
    </row>
    <row r="25822" spans="1:31" ht="14.45">
      <c r="A25822" s="5" t="s">
        <v>116</v>
      </c>
      <c r="B25822" s="21">
        <v>46054</v>
      </c>
      <c r="C25822" s="2" t="s">
        <v>82969</v>
      </c>
      <c r="D25822" s="14" t="s">
        <v>82970</v>
      </c>
      <c r="E25822" s="2" t="s">
        <v>82971</v>
      </c>
      <c r="F25822" s="2" t="s">
        <v>130</v>
      </c>
      <c r="G25822" s="8">
        <v>76</v>
      </c>
      <c r="H25822" s="5">
        <v>15</v>
      </c>
      <c r="I25822" s="5" t="s">
        <v>69</v>
      </c>
      <c r="J25822" s="5" t="s">
        <v>28207</v>
      </c>
      <c r="K25822" s="2" t="s">
        <v>28208</v>
      </c>
      <c r="L25822" s="5" t="s">
        <v>28207</v>
      </c>
      <c r="M25822" s="2" t="s">
        <v>28208</v>
      </c>
      <c r="N25822" s="5" t="s">
        <v>733</v>
      </c>
      <c r="O25822" s="5" t="s">
        <v>38</v>
      </c>
      <c r="P25822" s="5" t="s">
        <v>39</v>
      </c>
      <c r="Q25822" s="5" t="s">
        <v>40</v>
      </c>
      <c r="R25822" s="5" t="s">
        <v>25301</v>
      </c>
      <c r="S25822" s="5" t="s">
        <v>40</v>
      </c>
      <c r="T25822" s="5" t="s">
        <v>42</v>
      </c>
      <c r="U25822" s="2">
        <v>2.4740000000000002</v>
      </c>
      <c r="V25822" s="2">
        <v>2.1040000000000001</v>
      </c>
      <c r="W25822" s="2">
        <v>1.7000000000000001E-2</v>
      </c>
      <c r="X25822" s="2">
        <v>6.2</v>
      </c>
      <c r="Y25822" s="2">
        <v>18.3</v>
      </c>
      <c r="Z25822" s="2">
        <v>148.30000000000001</v>
      </c>
      <c r="AA25822" s="5">
        <v>36</v>
      </c>
      <c r="AB25822" s="5" t="s">
        <v>43</v>
      </c>
      <c r="AC25822" s="5" t="s">
        <v>44</v>
      </c>
      <c r="AD25822" s="2" t="s">
        <v>82735</v>
      </c>
      <c r="AE25822" s="1"/>
    </row>
    <row r="25823" spans="1:31" ht="14.45">
      <c r="A25823" s="5" t="s">
        <v>116</v>
      </c>
      <c r="B25823" s="21">
        <v>46082</v>
      </c>
      <c r="C25823" s="2" t="s">
        <v>82972</v>
      </c>
      <c r="D25823" s="14" t="s">
        <v>82973</v>
      </c>
      <c r="E25823" s="2" t="s">
        <v>82974</v>
      </c>
      <c r="F25823" s="2" t="s">
        <v>130</v>
      </c>
      <c r="G25823" s="8">
        <v>99</v>
      </c>
      <c r="H25823" s="5">
        <v>5</v>
      </c>
      <c r="I25823" s="5" t="s">
        <v>69</v>
      </c>
      <c r="J25823" s="5" t="s">
        <v>28207</v>
      </c>
      <c r="K25823" s="2" t="s">
        <v>28208</v>
      </c>
      <c r="L25823" s="5" t="s">
        <v>28207</v>
      </c>
      <c r="M25823" s="2" t="s">
        <v>28208</v>
      </c>
      <c r="N25823" s="5" t="s">
        <v>733</v>
      </c>
      <c r="O25823" s="5" t="s">
        <v>38</v>
      </c>
      <c r="P25823" s="5" t="s">
        <v>39</v>
      </c>
      <c r="Q25823" s="5" t="s">
        <v>40</v>
      </c>
      <c r="R25823" s="5" t="s">
        <v>24335</v>
      </c>
      <c r="S25823" s="5" t="s">
        <v>40</v>
      </c>
      <c r="T25823" s="5" t="s">
        <v>42</v>
      </c>
      <c r="U25823" s="2">
        <v>3.8929999999999998</v>
      </c>
      <c r="V25823" s="2">
        <v>3.85</v>
      </c>
      <c r="W25823" s="2">
        <v>5.2999999999999999E-2</v>
      </c>
      <c r="X25823" s="2">
        <v>12</v>
      </c>
      <c r="Y25823" s="2">
        <v>29</v>
      </c>
      <c r="Z25823" s="2">
        <v>152.19999999999999</v>
      </c>
      <c r="AA25823" s="5">
        <v>36</v>
      </c>
      <c r="AB25823" s="5" t="s">
        <v>43</v>
      </c>
      <c r="AC25823" s="5" t="s">
        <v>44</v>
      </c>
      <c r="AD25823" s="2" t="s">
        <v>82749</v>
      </c>
      <c r="AE25823" s="1"/>
    </row>
    <row r="25824" spans="1:31" ht="14.45">
      <c r="A25824" s="5" t="s">
        <v>116</v>
      </c>
      <c r="B25824" s="21">
        <v>46082</v>
      </c>
      <c r="C25824" s="2" t="s">
        <v>82975</v>
      </c>
      <c r="D25824" s="14" t="s">
        <v>82976</v>
      </c>
      <c r="E25824" s="2" t="s">
        <v>82977</v>
      </c>
      <c r="F25824" s="2" t="s">
        <v>130</v>
      </c>
      <c r="G25824" s="8">
        <v>130</v>
      </c>
      <c r="H25824" s="5">
        <v>15</v>
      </c>
      <c r="I25824" s="5" t="s">
        <v>69</v>
      </c>
      <c r="J25824" s="5" t="s">
        <v>28207</v>
      </c>
      <c r="K25824" s="2" t="s">
        <v>28208</v>
      </c>
      <c r="L25824" s="5" t="s">
        <v>28207</v>
      </c>
      <c r="M25824" s="2" t="s">
        <v>28208</v>
      </c>
      <c r="N25824" s="5" t="s">
        <v>733</v>
      </c>
      <c r="O25824" s="5" t="s">
        <v>38</v>
      </c>
      <c r="P25824" s="5" t="s">
        <v>39</v>
      </c>
      <c r="Q25824" s="5" t="s">
        <v>40</v>
      </c>
      <c r="R25824" s="5" t="s">
        <v>24340</v>
      </c>
      <c r="S25824" s="5" t="s">
        <v>40</v>
      </c>
      <c r="T25824" s="5" t="s">
        <v>42</v>
      </c>
      <c r="U25824" s="2">
        <v>5.3209999999999997</v>
      </c>
      <c r="V25824" s="2">
        <v>5.2779999999999996</v>
      </c>
      <c r="W25824" s="2">
        <v>5.2999999999999999E-2</v>
      </c>
      <c r="X25824" s="2">
        <v>12</v>
      </c>
      <c r="Y25824" s="2">
        <v>29</v>
      </c>
      <c r="Z25824" s="2">
        <v>152.19999999999999</v>
      </c>
      <c r="AA25824" s="5">
        <v>36</v>
      </c>
      <c r="AB25824" s="5" t="s">
        <v>43</v>
      </c>
      <c r="AC25824" s="5" t="s">
        <v>44</v>
      </c>
      <c r="AD25824" s="2" t="s">
        <v>82749</v>
      </c>
      <c r="AE25824" s="1"/>
    </row>
    <row r="25825" spans="1:31" ht="14.45">
      <c r="A25825" s="5" t="s">
        <v>116</v>
      </c>
      <c r="B25825" s="21">
        <v>46082</v>
      </c>
      <c r="C25825" s="2" t="s">
        <v>82978</v>
      </c>
      <c r="D25825" s="14" t="s">
        <v>82979</v>
      </c>
      <c r="E25825" s="2" t="s">
        <v>82980</v>
      </c>
      <c r="F25825" s="2" t="s">
        <v>130</v>
      </c>
      <c r="G25825" s="8">
        <v>130</v>
      </c>
      <c r="H25825" s="5">
        <v>15</v>
      </c>
      <c r="I25825" s="5" t="s">
        <v>69</v>
      </c>
      <c r="J25825" s="5" t="s">
        <v>28207</v>
      </c>
      <c r="K25825" s="2" t="s">
        <v>28208</v>
      </c>
      <c r="L25825" s="5" t="s">
        <v>28207</v>
      </c>
      <c r="M25825" s="2" t="s">
        <v>28208</v>
      </c>
      <c r="N25825" s="5" t="s">
        <v>733</v>
      </c>
      <c r="O25825" s="5" t="s">
        <v>38</v>
      </c>
      <c r="P25825" s="5" t="s">
        <v>39</v>
      </c>
      <c r="Q25825" s="5" t="s">
        <v>40</v>
      </c>
      <c r="R25825" s="5" t="s">
        <v>25301</v>
      </c>
      <c r="S25825" s="5" t="s">
        <v>40</v>
      </c>
      <c r="T25825" s="5" t="s">
        <v>42</v>
      </c>
      <c r="U25825" s="2">
        <v>5.0640000000000001</v>
      </c>
      <c r="V25825" s="2">
        <v>5.0209999999999999</v>
      </c>
      <c r="W25825" s="2">
        <v>5.2999999999999999E-2</v>
      </c>
      <c r="X25825" s="2">
        <v>12</v>
      </c>
      <c r="Y25825" s="2">
        <v>29</v>
      </c>
      <c r="Z25825" s="2">
        <v>152.19999999999999</v>
      </c>
      <c r="AA25825" s="5">
        <v>36</v>
      </c>
      <c r="AB25825" s="5" t="s">
        <v>43</v>
      </c>
      <c r="AC25825" s="5" t="s">
        <v>44</v>
      </c>
      <c r="AD25825" s="2" t="s">
        <v>82749</v>
      </c>
      <c r="AE25825" s="1"/>
    </row>
    <row r="25826" spans="1:31" ht="14.45">
      <c r="A25826" s="5" t="s">
        <v>116</v>
      </c>
      <c r="B25826" s="21">
        <v>46054</v>
      </c>
      <c r="C25826" s="2" t="s">
        <v>82981</v>
      </c>
      <c r="D25826" s="14" t="s">
        <v>82982</v>
      </c>
      <c r="E25826" s="2" t="s">
        <v>82983</v>
      </c>
      <c r="F25826" s="2" t="s">
        <v>130</v>
      </c>
      <c r="G25826" s="8">
        <v>49</v>
      </c>
      <c r="H25826" s="5">
        <v>5</v>
      </c>
      <c r="I25826" s="5" t="s">
        <v>69</v>
      </c>
      <c r="J25826" s="5" t="s">
        <v>28207</v>
      </c>
      <c r="K25826" s="2" t="s">
        <v>28208</v>
      </c>
      <c r="L25826" s="5" t="s">
        <v>28207</v>
      </c>
      <c r="M25826" s="2" t="s">
        <v>28208</v>
      </c>
      <c r="N25826" s="5" t="s">
        <v>733</v>
      </c>
      <c r="O25826" s="5" t="s">
        <v>38</v>
      </c>
      <c r="P25826" s="5" t="s">
        <v>39</v>
      </c>
      <c r="Q25826" s="5" t="s">
        <v>40</v>
      </c>
      <c r="R25826" s="5" t="s">
        <v>24335</v>
      </c>
      <c r="S25826" s="5" t="s">
        <v>40</v>
      </c>
      <c r="T25826" s="5" t="s">
        <v>42</v>
      </c>
      <c r="U25826" s="2">
        <v>1.734</v>
      </c>
      <c r="V25826" s="2">
        <v>1</v>
      </c>
      <c r="W25826" s="2">
        <v>3.1E-2</v>
      </c>
      <c r="X25826" s="2">
        <v>10.7</v>
      </c>
      <c r="Y25826" s="2">
        <v>17</v>
      </c>
      <c r="Z25826" s="2">
        <v>171.6</v>
      </c>
      <c r="AA25826" s="5">
        <v>36</v>
      </c>
      <c r="AB25826" s="5" t="s">
        <v>43</v>
      </c>
      <c r="AC25826" s="5" t="s">
        <v>44</v>
      </c>
      <c r="AD25826" s="2" t="s">
        <v>82735</v>
      </c>
      <c r="AE25826" s="1"/>
    </row>
    <row r="25827" spans="1:31" ht="14.45">
      <c r="A25827" s="5" t="s">
        <v>116</v>
      </c>
      <c r="B25827" s="21">
        <v>46054</v>
      </c>
      <c r="C25827" s="2" t="s">
        <v>82984</v>
      </c>
      <c r="D25827" s="14" t="s">
        <v>82985</v>
      </c>
      <c r="E25827" s="2" t="s">
        <v>82986</v>
      </c>
      <c r="F25827" s="2" t="s">
        <v>130</v>
      </c>
      <c r="G25827" s="8">
        <v>80</v>
      </c>
      <c r="H25827" s="5">
        <v>5</v>
      </c>
      <c r="I25827" s="5" t="s">
        <v>69</v>
      </c>
      <c r="J25827" s="5" t="s">
        <v>28207</v>
      </c>
      <c r="K25827" s="2" t="s">
        <v>28208</v>
      </c>
      <c r="L25827" s="5" t="s">
        <v>28207</v>
      </c>
      <c r="M25827" s="2" t="s">
        <v>28208</v>
      </c>
      <c r="N25827" s="5" t="s">
        <v>733</v>
      </c>
      <c r="O25827" s="5" t="s">
        <v>38</v>
      </c>
      <c r="P25827" s="5" t="s">
        <v>39</v>
      </c>
      <c r="Q25827" s="5" t="s">
        <v>40</v>
      </c>
      <c r="R25827" s="5" t="s">
        <v>24340</v>
      </c>
      <c r="S25827" s="5" t="s">
        <v>40</v>
      </c>
      <c r="T25827" s="5" t="s">
        <v>42</v>
      </c>
      <c r="U25827" s="2">
        <v>3.2949999999999999</v>
      </c>
      <c r="V25827" s="2">
        <v>2.5609999999999999</v>
      </c>
      <c r="W25827" s="2">
        <v>3.1E-2</v>
      </c>
      <c r="X25827" s="2">
        <v>10.7</v>
      </c>
      <c r="Y25827" s="2">
        <v>17</v>
      </c>
      <c r="Z25827" s="2">
        <v>171.6</v>
      </c>
      <c r="AA25827" s="5">
        <v>36</v>
      </c>
      <c r="AB25827" s="5" t="s">
        <v>43</v>
      </c>
      <c r="AC25827" s="5" t="s">
        <v>44</v>
      </c>
      <c r="AD25827" s="2" t="s">
        <v>82735</v>
      </c>
      <c r="AE25827" s="1"/>
    </row>
    <row r="25828" spans="1:31" ht="14.45">
      <c r="A25828" s="5" t="s">
        <v>116</v>
      </c>
      <c r="B25828" s="21">
        <v>46054</v>
      </c>
      <c r="C25828" s="2" t="s">
        <v>82987</v>
      </c>
      <c r="D25828" s="14" t="s">
        <v>82988</v>
      </c>
      <c r="E25828" s="2" t="s">
        <v>82989</v>
      </c>
      <c r="F25828" s="2" t="s">
        <v>130</v>
      </c>
      <c r="G25828" s="8">
        <v>80</v>
      </c>
      <c r="H25828" s="5">
        <v>15</v>
      </c>
      <c r="I25828" s="5" t="s">
        <v>69</v>
      </c>
      <c r="J25828" s="5" t="s">
        <v>28207</v>
      </c>
      <c r="K25828" s="2" t="s">
        <v>28208</v>
      </c>
      <c r="L25828" s="5" t="s">
        <v>28207</v>
      </c>
      <c r="M25828" s="2" t="s">
        <v>28208</v>
      </c>
      <c r="N25828" s="5" t="s">
        <v>733</v>
      </c>
      <c r="O25828" s="5" t="s">
        <v>38</v>
      </c>
      <c r="P25828" s="5" t="s">
        <v>39</v>
      </c>
      <c r="Q25828" s="5" t="s">
        <v>40</v>
      </c>
      <c r="R25828" s="5" t="s">
        <v>25301</v>
      </c>
      <c r="S25828" s="5" t="s">
        <v>40</v>
      </c>
      <c r="T25828" s="5" t="s">
        <v>42</v>
      </c>
      <c r="U25828" s="2">
        <v>3.02</v>
      </c>
      <c r="V25828" s="2">
        <v>2.286</v>
      </c>
      <c r="W25828" s="2">
        <v>3.1E-2</v>
      </c>
      <c r="X25828" s="2">
        <v>10.7</v>
      </c>
      <c r="Y25828" s="2">
        <v>17</v>
      </c>
      <c r="Z25828" s="2">
        <v>171.6</v>
      </c>
      <c r="AA25828" s="5">
        <v>36</v>
      </c>
      <c r="AB25828" s="5" t="s">
        <v>43</v>
      </c>
      <c r="AC25828" s="5" t="s">
        <v>44</v>
      </c>
      <c r="AD25828" s="2" t="s">
        <v>82735</v>
      </c>
      <c r="AE25828" s="1"/>
    </row>
    <row r="25829" spans="1:31" ht="14.45">
      <c r="A25829" s="5" t="s">
        <v>116</v>
      </c>
      <c r="B25829" s="21">
        <v>46082</v>
      </c>
      <c r="C25829" s="2" t="s">
        <v>82990</v>
      </c>
      <c r="D25829" s="14" t="s">
        <v>82991</v>
      </c>
      <c r="E25829" s="2" t="s">
        <v>82992</v>
      </c>
      <c r="F25829" s="2" t="s">
        <v>130</v>
      </c>
      <c r="G25829" s="8">
        <v>108</v>
      </c>
      <c r="H25829" s="5">
        <v>5</v>
      </c>
      <c r="I25829" s="5" t="s">
        <v>69</v>
      </c>
      <c r="J25829" s="5" t="s">
        <v>28207</v>
      </c>
      <c r="K25829" s="2" t="s">
        <v>28208</v>
      </c>
      <c r="L25829" s="5" t="s">
        <v>28207</v>
      </c>
      <c r="M25829" s="2" t="s">
        <v>28208</v>
      </c>
      <c r="N25829" s="5" t="s">
        <v>733</v>
      </c>
      <c r="O25829" s="5" t="s">
        <v>38</v>
      </c>
      <c r="P25829" s="5" t="s">
        <v>39</v>
      </c>
      <c r="Q25829" s="5" t="s">
        <v>40</v>
      </c>
      <c r="R25829" s="5" t="s">
        <v>24335</v>
      </c>
      <c r="S25829" s="5" t="s">
        <v>40</v>
      </c>
      <c r="T25829" s="5" t="s">
        <v>42</v>
      </c>
      <c r="U25829" s="2">
        <v>4.218</v>
      </c>
      <c r="V25829" s="2">
        <v>4.1749999999999998</v>
      </c>
      <c r="W25829" s="2">
        <v>6.6000000000000003E-2</v>
      </c>
      <c r="X25829" s="2">
        <v>12</v>
      </c>
      <c r="Y25829" s="2">
        <v>29</v>
      </c>
      <c r="Z25829" s="2">
        <v>188.7</v>
      </c>
      <c r="AA25829" s="5">
        <v>36</v>
      </c>
      <c r="AB25829" s="5" t="s">
        <v>43</v>
      </c>
      <c r="AC25829" s="5" t="s">
        <v>44</v>
      </c>
      <c r="AD25829" s="2" t="s">
        <v>82749</v>
      </c>
      <c r="AE25829" s="1"/>
    </row>
    <row r="25830" spans="1:31" ht="14.45">
      <c r="A25830" s="5" t="s">
        <v>116</v>
      </c>
      <c r="B25830" s="21">
        <v>46082</v>
      </c>
      <c r="C25830" s="2" t="s">
        <v>82993</v>
      </c>
      <c r="D25830" s="14" t="s">
        <v>82994</v>
      </c>
      <c r="E25830" s="2" t="s">
        <v>82995</v>
      </c>
      <c r="F25830" s="2" t="s">
        <v>130</v>
      </c>
      <c r="G25830" s="8">
        <v>139</v>
      </c>
      <c r="H25830" s="5">
        <v>5</v>
      </c>
      <c r="I25830" s="5" t="s">
        <v>69</v>
      </c>
      <c r="J25830" s="5" t="s">
        <v>28207</v>
      </c>
      <c r="K25830" s="2" t="s">
        <v>28208</v>
      </c>
      <c r="L25830" s="5" t="s">
        <v>28207</v>
      </c>
      <c r="M25830" s="2" t="s">
        <v>28208</v>
      </c>
      <c r="N25830" s="5" t="s">
        <v>733</v>
      </c>
      <c r="O25830" s="5" t="s">
        <v>38</v>
      </c>
      <c r="P25830" s="5" t="s">
        <v>39</v>
      </c>
      <c r="Q25830" s="5" t="s">
        <v>40</v>
      </c>
      <c r="R25830" s="5" t="s">
        <v>24340</v>
      </c>
      <c r="S25830" s="5" t="s">
        <v>40</v>
      </c>
      <c r="T25830" s="5" t="s">
        <v>42</v>
      </c>
      <c r="U25830" s="2">
        <v>5.7789999999999999</v>
      </c>
      <c r="V25830" s="2">
        <v>5.7359999999999998</v>
      </c>
      <c r="W25830" s="2">
        <v>6.6000000000000003E-2</v>
      </c>
      <c r="X25830" s="2">
        <v>12</v>
      </c>
      <c r="Y25830" s="2">
        <v>29</v>
      </c>
      <c r="Z25830" s="2">
        <v>188.7</v>
      </c>
      <c r="AA25830" s="5">
        <v>36</v>
      </c>
      <c r="AB25830" s="5" t="s">
        <v>43</v>
      </c>
      <c r="AC25830" s="5" t="s">
        <v>44</v>
      </c>
      <c r="AD25830" s="2" t="s">
        <v>82749</v>
      </c>
      <c r="AE25830" s="1"/>
    </row>
    <row r="25831" spans="1:31" ht="14.45">
      <c r="A25831" s="5" t="s">
        <v>116</v>
      </c>
      <c r="B25831" s="21">
        <v>46082</v>
      </c>
      <c r="C25831" s="2" t="s">
        <v>82996</v>
      </c>
      <c r="D25831" s="14" t="s">
        <v>82997</v>
      </c>
      <c r="E25831" s="2" t="s">
        <v>82998</v>
      </c>
      <c r="F25831" s="2" t="s">
        <v>130</v>
      </c>
      <c r="G25831" s="8">
        <v>139</v>
      </c>
      <c r="H25831" s="5">
        <v>15</v>
      </c>
      <c r="I25831" s="5" t="s">
        <v>69</v>
      </c>
      <c r="J25831" s="5" t="s">
        <v>28207</v>
      </c>
      <c r="K25831" s="2" t="s">
        <v>28208</v>
      </c>
      <c r="L25831" s="5" t="s">
        <v>28207</v>
      </c>
      <c r="M25831" s="2" t="s">
        <v>28208</v>
      </c>
      <c r="N25831" s="5" t="s">
        <v>733</v>
      </c>
      <c r="O25831" s="5" t="s">
        <v>38</v>
      </c>
      <c r="P25831" s="5" t="s">
        <v>39</v>
      </c>
      <c r="Q25831" s="5" t="s">
        <v>40</v>
      </c>
      <c r="R25831" s="5" t="s">
        <v>25301</v>
      </c>
      <c r="S25831" s="5" t="s">
        <v>40</v>
      </c>
      <c r="T25831" s="5" t="s">
        <v>42</v>
      </c>
      <c r="U25831" s="2">
        <v>5.4930000000000003</v>
      </c>
      <c r="V25831" s="2">
        <v>5.45</v>
      </c>
      <c r="W25831" s="2">
        <v>6.6000000000000003E-2</v>
      </c>
      <c r="X25831" s="2">
        <v>12</v>
      </c>
      <c r="Y25831" s="2">
        <v>29</v>
      </c>
      <c r="Z25831" s="2">
        <v>188.7</v>
      </c>
      <c r="AA25831" s="5">
        <v>36</v>
      </c>
      <c r="AB25831" s="5" t="s">
        <v>43</v>
      </c>
      <c r="AC25831" s="5" t="s">
        <v>44</v>
      </c>
      <c r="AD25831" s="2" t="s">
        <v>82749</v>
      </c>
      <c r="AE25831" s="1"/>
    </row>
    <row r="25832" spans="1:31" ht="14.45">
      <c r="A25832" s="5" t="s">
        <v>116</v>
      </c>
      <c r="B25832" s="21">
        <v>46054</v>
      </c>
      <c r="C25832" s="2" t="s">
        <v>82999</v>
      </c>
      <c r="D25832" s="14" t="s">
        <v>83000</v>
      </c>
      <c r="E25832" s="2" t="s">
        <v>83001</v>
      </c>
      <c r="F25832" s="2" t="s">
        <v>130</v>
      </c>
      <c r="G25832" s="8">
        <v>46</v>
      </c>
      <c r="H25832" s="5">
        <v>5</v>
      </c>
      <c r="I25832" s="5" t="s">
        <v>69</v>
      </c>
      <c r="J25832" s="5" t="s">
        <v>28207</v>
      </c>
      <c r="K25832" s="2" t="s">
        <v>28208</v>
      </c>
      <c r="L25832" s="5" t="s">
        <v>28207</v>
      </c>
      <c r="M25832" s="2" t="s">
        <v>28208</v>
      </c>
      <c r="N25832" s="5" t="s">
        <v>733</v>
      </c>
      <c r="O25832" s="5" t="s">
        <v>38</v>
      </c>
      <c r="P25832" s="5" t="s">
        <v>39</v>
      </c>
      <c r="Q25832" s="5" t="s">
        <v>40</v>
      </c>
      <c r="R25832" s="5" t="s">
        <v>24335</v>
      </c>
      <c r="S25832" s="5" t="s">
        <v>40</v>
      </c>
      <c r="T25832" s="5" t="s">
        <v>42</v>
      </c>
      <c r="U25832" s="2">
        <v>1.2629999999999999</v>
      </c>
      <c r="V25832" s="2">
        <v>0.89300000000000002</v>
      </c>
      <c r="W25832" s="2">
        <v>1.7000000000000001E-2</v>
      </c>
      <c r="X25832" s="2">
        <v>6.2</v>
      </c>
      <c r="Y25832" s="2">
        <v>18.3</v>
      </c>
      <c r="Z25832" s="2">
        <v>148.30000000000001</v>
      </c>
      <c r="AA25832" s="5">
        <v>36</v>
      </c>
      <c r="AB25832" s="5" t="s">
        <v>43</v>
      </c>
      <c r="AC25832" s="5" t="s">
        <v>44</v>
      </c>
      <c r="AD25832" s="2" t="s">
        <v>82735</v>
      </c>
      <c r="AE25832" s="1"/>
    </row>
    <row r="25833" spans="1:31" ht="14.45">
      <c r="A25833" s="5" t="s">
        <v>116</v>
      </c>
      <c r="B25833" s="21">
        <v>46054</v>
      </c>
      <c r="C25833" s="2" t="s">
        <v>83002</v>
      </c>
      <c r="D25833" s="14" t="s">
        <v>83003</v>
      </c>
      <c r="E25833" s="2" t="s">
        <v>83004</v>
      </c>
      <c r="F25833" s="2" t="s">
        <v>130</v>
      </c>
      <c r="G25833" s="8">
        <v>77</v>
      </c>
      <c r="H25833" s="5">
        <v>5</v>
      </c>
      <c r="I25833" s="5" t="s">
        <v>69</v>
      </c>
      <c r="J25833" s="5" t="s">
        <v>28207</v>
      </c>
      <c r="K25833" s="2" t="s">
        <v>28208</v>
      </c>
      <c r="L25833" s="5" t="s">
        <v>28207</v>
      </c>
      <c r="M25833" s="2" t="s">
        <v>28208</v>
      </c>
      <c r="N25833" s="5" t="s">
        <v>733</v>
      </c>
      <c r="O25833" s="5" t="s">
        <v>38</v>
      </c>
      <c r="P25833" s="5" t="s">
        <v>39</v>
      </c>
      <c r="Q25833" s="5" t="s">
        <v>40</v>
      </c>
      <c r="R25833" s="5" t="s">
        <v>24340</v>
      </c>
      <c r="S25833" s="5" t="s">
        <v>40</v>
      </c>
      <c r="T25833" s="5" t="s">
        <v>42</v>
      </c>
      <c r="U25833" s="2">
        <v>2.6560000000000001</v>
      </c>
      <c r="V25833" s="2">
        <v>2.286</v>
      </c>
      <c r="W25833" s="2">
        <v>1.7000000000000001E-2</v>
      </c>
      <c r="X25833" s="2">
        <v>6.2</v>
      </c>
      <c r="Y25833" s="2">
        <v>18.3</v>
      </c>
      <c r="Z25833" s="2">
        <v>148.30000000000001</v>
      </c>
      <c r="AA25833" s="5">
        <v>36</v>
      </c>
      <c r="AB25833" s="5" t="s">
        <v>43</v>
      </c>
      <c r="AC25833" s="5" t="s">
        <v>44</v>
      </c>
      <c r="AD25833" s="2" t="s">
        <v>82735</v>
      </c>
      <c r="AE25833" s="1"/>
    </row>
    <row r="25834" spans="1:31" ht="14.45">
      <c r="A25834" s="5" t="s">
        <v>116</v>
      </c>
      <c r="B25834" s="21">
        <v>46054</v>
      </c>
      <c r="C25834" s="2" t="s">
        <v>83005</v>
      </c>
      <c r="D25834" s="14" t="s">
        <v>83006</v>
      </c>
      <c r="E25834" s="2" t="s">
        <v>83007</v>
      </c>
      <c r="F25834" s="2" t="s">
        <v>130</v>
      </c>
      <c r="G25834" s="8">
        <v>77</v>
      </c>
      <c r="H25834" s="5">
        <v>15</v>
      </c>
      <c r="I25834" s="5" t="s">
        <v>69</v>
      </c>
      <c r="J25834" s="5" t="s">
        <v>28207</v>
      </c>
      <c r="K25834" s="2" t="s">
        <v>28208</v>
      </c>
      <c r="L25834" s="5" t="s">
        <v>28207</v>
      </c>
      <c r="M25834" s="2" t="s">
        <v>28208</v>
      </c>
      <c r="N25834" s="5" t="s">
        <v>733</v>
      </c>
      <c r="O25834" s="5" t="s">
        <v>38</v>
      </c>
      <c r="P25834" s="5" t="s">
        <v>39</v>
      </c>
      <c r="Q25834" s="5" t="s">
        <v>40</v>
      </c>
      <c r="R25834" s="5" t="s">
        <v>25301</v>
      </c>
      <c r="S25834" s="5" t="s">
        <v>40</v>
      </c>
      <c r="T25834" s="5" t="s">
        <v>42</v>
      </c>
      <c r="U25834" s="2">
        <v>2.411</v>
      </c>
      <c r="V25834" s="2">
        <v>2.0409999999999999</v>
      </c>
      <c r="W25834" s="2">
        <v>1.7000000000000001E-2</v>
      </c>
      <c r="X25834" s="2">
        <v>6.2</v>
      </c>
      <c r="Y25834" s="2">
        <v>18.3</v>
      </c>
      <c r="Z25834" s="2">
        <v>148.30000000000001</v>
      </c>
      <c r="AA25834" s="5">
        <v>36</v>
      </c>
      <c r="AB25834" s="5" t="s">
        <v>43</v>
      </c>
      <c r="AC25834" s="5" t="s">
        <v>44</v>
      </c>
      <c r="AD25834" s="2" t="s">
        <v>82735</v>
      </c>
      <c r="AE25834" s="1"/>
    </row>
    <row r="25835" spans="1:31" ht="14.45">
      <c r="A25835" s="5" t="s">
        <v>116</v>
      </c>
      <c r="B25835" s="21">
        <v>46082</v>
      </c>
      <c r="C25835" s="2" t="s">
        <v>83008</v>
      </c>
      <c r="D25835" s="14" t="s">
        <v>83009</v>
      </c>
      <c r="E25835" s="2" t="s">
        <v>83010</v>
      </c>
      <c r="F25835" s="2" t="s">
        <v>130</v>
      </c>
      <c r="G25835" s="8">
        <v>102</v>
      </c>
      <c r="H25835" s="5">
        <v>5</v>
      </c>
      <c r="I25835" s="5" t="s">
        <v>69</v>
      </c>
      <c r="J25835" s="5" t="s">
        <v>28207</v>
      </c>
      <c r="K25835" s="2" t="s">
        <v>28208</v>
      </c>
      <c r="L25835" s="5" t="s">
        <v>28207</v>
      </c>
      <c r="M25835" s="2" t="s">
        <v>28208</v>
      </c>
      <c r="N25835" s="5" t="s">
        <v>733</v>
      </c>
      <c r="O25835" s="5" t="s">
        <v>38</v>
      </c>
      <c r="P25835" s="5" t="s">
        <v>39</v>
      </c>
      <c r="Q25835" s="5" t="s">
        <v>40</v>
      </c>
      <c r="R25835" s="5" t="s">
        <v>24335</v>
      </c>
      <c r="S25835" s="5" t="s">
        <v>40</v>
      </c>
      <c r="T25835" s="5" t="s">
        <v>42</v>
      </c>
      <c r="U25835" s="2">
        <v>3.99</v>
      </c>
      <c r="V25835" s="2">
        <v>3.9470000000000001</v>
      </c>
      <c r="W25835" s="2">
        <v>5.2999999999999999E-2</v>
      </c>
      <c r="X25835" s="2">
        <v>12</v>
      </c>
      <c r="Y25835" s="2">
        <v>29</v>
      </c>
      <c r="Z25835" s="2">
        <v>152.19999999999999</v>
      </c>
      <c r="AA25835" s="5">
        <v>36</v>
      </c>
      <c r="AB25835" s="5" t="s">
        <v>43</v>
      </c>
      <c r="AC25835" s="5" t="s">
        <v>44</v>
      </c>
      <c r="AD25835" s="2" t="s">
        <v>82749</v>
      </c>
      <c r="AE25835" s="1"/>
    </row>
    <row r="25836" spans="1:31" ht="14.45">
      <c r="A25836" s="5" t="s">
        <v>116</v>
      </c>
      <c r="B25836" s="21">
        <v>46082</v>
      </c>
      <c r="C25836" s="2" t="s">
        <v>83011</v>
      </c>
      <c r="D25836" s="14" t="s">
        <v>83012</v>
      </c>
      <c r="E25836" s="2" t="s">
        <v>83013</v>
      </c>
      <c r="F25836" s="2" t="s">
        <v>130</v>
      </c>
      <c r="G25836" s="8">
        <v>133</v>
      </c>
      <c r="H25836" s="5">
        <v>5</v>
      </c>
      <c r="I25836" s="5" t="s">
        <v>69</v>
      </c>
      <c r="J25836" s="5" t="s">
        <v>28207</v>
      </c>
      <c r="K25836" s="2" t="s">
        <v>28208</v>
      </c>
      <c r="L25836" s="5" t="s">
        <v>28207</v>
      </c>
      <c r="M25836" s="2" t="s">
        <v>28208</v>
      </c>
      <c r="N25836" s="5" t="s">
        <v>733</v>
      </c>
      <c r="O25836" s="5" t="s">
        <v>38</v>
      </c>
      <c r="P25836" s="5" t="s">
        <v>39</v>
      </c>
      <c r="Q25836" s="5" t="s">
        <v>40</v>
      </c>
      <c r="R25836" s="5" t="s">
        <v>24340</v>
      </c>
      <c r="S25836" s="5" t="s">
        <v>40</v>
      </c>
      <c r="T25836" s="5" t="s">
        <v>42</v>
      </c>
      <c r="U25836" s="2">
        <v>5.383</v>
      </c>
      <c r="V25836" s="2">
        <v>5.34</v>
      </c>
      <c r="W25836" s="2">
        <v>5.2999999999999999E-2</v>
      </c>
      <c r="X25836" s="2">
        <v>12</v>
      </c>
      <c r="Y25836" s="2">
        <v>29</v>
      </c>
      <c r="Z25836" s="2">
        <v>152.19999999999999</v>
      </c>
      <c r="AA25836" s="5">
        <v>36</v>
      </c>
      <c r="AB25836" s="5" t="s">
        <v>43</v>
      </c>
      <c r="AC25836" s="5" t="s">
        <v>44</v>
      </c>
      <c r="AD25836" s="2" t="s">
        <v>82749</v>
      </c>
      <c r="AE25836" s="1"/>
    </row>
    <row r="25837" spans="1:31" ht="14.45">
      <c r="A25837" s="5" t="s">
        <v>116</v>
      </c>
      <c r="B25837" s="21">
        <v>46082</v>
      </c>
      <c r="C25837" s="2" t="s">
        <v>83014</v>
      </c>
      <c r="D25837" s="14" t="s">
        <v>83015</v>
      </c>
      <c r="E25837" s="2" t="s">
        <v>83016</v>
      </c>
      <c r="F25837" s="2" t="s">
        <v>130</v>
      </c>
      <c r="G25837" s="8">
        <v>133</v>
      </c>
      <c r="H25837" s="5">
        <v>15</v>
      </c>
      <c r="I25837" s="5" t="s">
        <v>69</v>
      </c>
      <c r="J25837" s="5" t="s">
        <v>28207</v>
      </c>
      <c r="K25837" s="2" t="s">
        <v>28208</v>
      </c>
      <c r="L25837" s="5" t="s">
        <v>28207</v>
      </c>
      <c r="M25837" s="2" t="s">
        <v>28208</v>
      </c>
      <c r="N25837" s="5" t="s">
        <v>733</v>
      </c>
      <c r="O25837" s="5" t="s">
        <v>38</v>
      </c>
      <c r="P25837" s="5" t="s">
        <v>39</v>
      </c>
      <c r="Q25837" s="5" t="s">
        <v>40</v>
      </c>
      <c r="R25837" s="5" t="s">
        <v>25301</v>
      </c>
      <c r="S25837" s="5" t="s">
        <v>40</v>
      </c>
      <c r="T25837" s="5" t="s">
        <v>42</v>
      </c>
      <c r="U25837" s="2">
        <v>5.1269999999999998</v>
      </c>
      <c r="V25837" s="2">
        <v>5.0839999999999996</v>
      </c>
      <c r="W25837" s="2">
        <v>5.2999999999999999E-2</v>
      </c>
      <c r="X25837" s="2">
        <v>12</v>
      </c>
      <c r="Y25837" s="2">
        <v>29</v>
      </c>
      <c r="Z25837" s="2">
        <v>152.19999999999999</v>
      </c>
      <c r="AA25837" s="5">
        <v>36</v>
      </c>
      <c r="AB25837" s="5" t="s">
        <v>43</v>
      </c>
      <c r="AC25837" s="5" t="s">
        <v>44</v>
      </c>
      <c r="AD25837" s="2" t="s">
        <v>82749</v>
      </c>
      <c r="AE25837" s="1"/>
    </row>
    <row r="25838" spans="1:31" ht="14.45">
      <c r="A25838" s="5" t="s">
        <v>116</v>
      </c>
      <c r="B25838" s="21">
        <v>46054</v>
      </c>
      <c r="C25838" s="2" t="s">
        <v>83017</v>
      </c>
      <c r="D25838" s="14" t="s">
        <v>83018</v>
      </c>
      <c r="E25838" s="2" t="s">
        <v>83019</v>
      </c>
      <c r="F25838" s="2" t="s">
        <v>130</v>
      </c>
      <c r="G25838" s="8">
        <v>50</v>
      </c>
      <c r="H25838" s="5">
        <v>5</v>
      </c>
      <c r="I25838" s="5" t="s">
        <v>69</v>
      </c>
      <c r="J25838" s="5" t="s">
        <v>28207</v>
      </c>
      <c r="K25838" s="2" t="s">
        <v>28208</v>
      </c>
      <c r="L25838" s="5" t="s">
        <v>28207</v>
      </c>
      <c r="M25838" s="2" t="s">
        <v>28208</v>
      </c>
      <c r="N25838" s="5" t="s">
        <v>733</v>
      </c>
      <c r="O25838" s="5" t="s">
        <v>38</v>
      </c>
      <c r="P25838" s="5" t="s">
        <v>39</v>
      </c>
      <c r="Q25838" s="5" t="s">
        <v>40</v>
      </c>
      <c r="R25838" s="5" t="s">
        <v>24335</v>
      </c>
      <c r="S25838" s="5" t="s">
        <v>40</v>
      </c>
      <c r="T25838" s="5" t="s">
        <v>42</v>
      </c>
      <c r="U25838" s="2">
        <v>1.345</v>
      </c>
      <c r="V25838" s="2">
        <v>0.97499999999999998</v>
      </c>
      <c r="W25838" s="2">
        <v>1.7000000000000001E-2</v>
      </c>
      <c r="X25838" s="2">
        <v>6.2</v>
      </c>
      <c r="Y25838" s="2">
        <v>18.3</v>
      </c>
      <c r="Z25838" s="2">
        <v>148.30000000000001</v>
      </c>
      <c r="AA25838" s="5">
        <v>36</v>
      </c>
      <c r="AB25838" s="5" t="s">
        <v>43</v>
      </c>
      <c r="AC25838" s="5" t="s">
        <v>44</v>
      </c>
      <c r="AD25838" s="2" t="s">
        <v>82735</v>
      </c>
      <c r="AE25838" s="1"/>
    </row>
    <row r="25839" spans="1:31" ht="14.45">
      <c r="A25839" s="5" t="s">
        <v>116</v>
      </c>
      <c r="B25839" s="21">
        <v>46054</v>
      </c>
      <c r="C25839" s="2" t="s">
        <v>83020</v>
      </c>
      <c r="D25839" s="14" t="s">
        <v>83021</v>
      </c>
      <c r="E25839" s="2" t="s">
        <v>83022</v>
      </c>
      <c r="F25839" s="2" t="s">
        <v>130</v>
      </c>
      <c r="G25839" s="8">
        <v>81</v>
      </c>
      <c r="H25839" s="5">
        <v>15</v>
      </c>
      <c r="I25839" s="5" t="s">
        <v>69</v>
      </c>
      <c r="J25839" s="5" t="s">
        <v>28207</v>
      </c>
      <c r="K25839" s="2" t="s">
        <v>28208</v>
      </c>
      <c r="L25839" s="5" t="s">
        <v>28207</v>
      </c>
      <c r="M25839" s="2" t="s">
        <v>28208</v>
      </c>
      <c r="N25839" s="5" t="s">
        <v>733</v>
      </c>
      <c r="O25839" s="5" t="s">
        <v>38</v>
      </c>
      <c r="P25839" s="5" t="s">
        <v>39</v>
      </c>
      <c r="Q25839" s="5" t="s">
        <v>40</v>
      </c>
      <c r="R25839" s="5" t="s">
        <v>24340</v>
      </c>
      <c r="S25839" s="5" t="s">
        <v>40</v>
      </c>
      <c r="T25839" s="5" t="s">
        <v>42</v>
      </c>
      <c r="U25839" s="2">
        <v>2.8839999999999999</v>
      </c>
      <c r="V25839" s="2">
        <v>2.5139999999999998</v>
      </c>
      <c r="W25839" s="2">
        <v>1.7000000000000001E-2</v>
      </c>
      <c r="X25839" s="2">
        <v>6.2</v>
      </c>
      <c r="Y25839" s="2">
        <v>18.3</v>
      </c>
      <c r="Z25839" s="2">
        <v>148.30000000000001</v>
      </c>
      <c r="AA25839" s="5">
        <v>36</v>
      </c>
      <c r="AB25839" s="5" t="s">
        <v>43</v>
      </c>
      <c r="AC25839" s="5" t="s">
        <v>44</v>
      </c>
      <c r="AD25839" s="2" t="s">
        <v>82735</v>
      </c>
      <c r="AE25839" s="1"/>
    </row>
    <row r="25840" spans="1:31" ht="14.45">
      <c r="A25840" s="5" t="s">
        <v>116</v>
      </c>
      <c r="B25840" s="21">
        <v>46054</v>
      </c>
      <c r="C25840" s="2" t="s">
        <v>83023</v>
      </c>
      <c r="D25840" s="14" t="s">
        <v>83024</v>
      </c>
      <c r="E25840" s="2" t="s">
        <v>83025</v>
      </c>
      <c r="F25840" s="2" t="s">
        <v>130</v>
      </c>
      <c r="G25840" s="8">
        <v>81</v>
      </c>
      <c r="H25840" s="5">
        <v>15</v>
      </c>
      <c r="I25840" s="5" t="s">
        <v>69</v>
      </c>
      <c r="J25840" s="5" t="s">
        <v>28207</v>
      </c>
      <c r="K25840" s="2" t="s">
        <v>28208</v>
      </c>
      <c r="L25840" s="5" t="s">
        <v>28207</v>
      </c>
      <c r="M25840" s="2" t="s">
        <v>28208</v>
      </c>
      <c r="N25840" s="5" t="s">
        <v>733</v>
      </c>
      <c r="O25840" s="5" t="s">
        <v>38</v>
      </c>
      <c r="P25840" s="5" t="s">
        <v>39</v>
      </c>
      <c r="Q25840" s="5" t="s">
        <v>40</v>
      </c>
      <c r="R25840" s="5" t="s">
        <v>25301</v>
      </c>
      <c r="S25840" s="5" t="s">
        <v>40</v>
      </c>
      <c r="T25840" s="5" t="s">
        <v>42</v>
      </c>
      <c r="U25840" s="2">
        <v>2.609</v>
      </c>
      <c r="V25840" s="2">
        <v>2.2389999999999999</v>
      </c>
      <c r="W25840" s="2">
        <v>1.7000000000000001E-2</v>
      </c>
      <c r="X25840" s="2">
        <v>6.2</v>
      </c>
      <c r="Y25840" s="2">
        <v>18.3</v>
      </c>
      <c r="Z25840" s="2">
        <v>148.30000000000001</v>
      </c>
      <c r="AA25840" s="5">
        <v>36</v>
      </c>
      <c r="AB25840" s="5" t="s">
        <v>43</v>
      </c>
      <c r="AC25840" s="5" t="s">
        <v>44</v>
      </c>
      <c r="AD25840" s="2" t="s">
        <v>82735</v>
      </c>
      <c r="AE25840" s="1"/>
    </row>
    <row r="25841" spans="1:31" ht="14.45">
      <c r="A25841" s="5" t="s">
        <v>116</v>
      </c>
      <c r="B25841" s="21">
        <v>46082</v>
      </c>
      <c r="C25841" s="2" t="s">
        <v>83026</v>
      </c>
      <c r="D25841" s="14" t="s">
        <v>83027</v>
      </c>
      <c r="E25841" s="2" t="s">
        <v>83028</v>
      </c>
      <c r="F25841" s="2" t="s">
        <v>130</v>
      </c>
      <c r="G25841" s="8">
        <v>111</v>
      </c>
      <c r="H25841" s="5">
        <v>5</v>
      </c>
      <c r="I25841" s="5" t="s">
        <v>69</v>
      </c>
      <c r="J25841" s="5" t="s">
        <v>28207</v>
      </c>
      <c r="K25841" s="2" t="s">
        <v>28208</v>
      </c>
      <c r="L25841" s="5" t="s">
        <v>28207</v>
      </c>
      <c r="M25841" s="2" t="s">
        <v>28208</v>
      </c>
      <c r="N25841" s="5" t="s">
        <v>733</v>
      </c>
      <c r="O25841" s="5" t="s">
        <v>38</v>
      </c>
      <c r="P25841" s="5" t="s">
        <v>39</v>
      </c>
      <c r="Q25841" s="5" t="s">
        <v>40</v>
      </c>
      <c r="R25841" s="5" t="s">
        <v>24335</v>
      </c>
      <c r="S25841" s="5" t="s">
        <v>40</v>
      </c>
      <c r="T25841" s="5" t="s">
        <v>42</v>
      </c>
      <c r="U25841" s="2">
        <v>4.1719999999999997</v>
      </c>
      <c r="V25841" s="2">
        <v>4.1289999999999996</v>
      </c>
      <c r="W25841" s="2">
        <v>5.2999999999999999E-2</v>
      </c>
      <c r="X25841" s="2">
        <v>12</v>
      </c>
      <c r="Y25841" s="2">
        <v>29</v>
      </c>
      <c r="Z25841" s="2">
        <v>152.19999999999999</v>
      </c>
      <c r="AA25841" s="5">
        <v>36</v>
      </c>
      <c r="AB25841" s="5" t="s">
        <v>43</v>
      </c>
      <c r="AC25841" s="5" t="s">
        <v>44</v>
      </c>
      <c r="AD25841" s="2" t="s">
        <v>82749</v>
      </c>
      <c r="AE25841" s="1"/>
    </row>
    <row r="25842" spans="1:31" ht="14.45">
      <c r="A25842" s="5" t="s">
        <v>116</v>
      </c>
      <c r="B25842" s="21">
        <v>46082</v>
      </c>
      <c r="C25842" s="2" t="s">
        <v>83029</v>
      </c>
      <c r="D25842" s="14" t="s">
        <v>83030</v>
      </c>
      <c r="E25842" s="2" t="s">
        <v>83031</v>
      </c>
      <c r="F25842" s="2" t="s">
        <v>130</v>
      </c>
      <c r="G25842" s="8">
        <v>142</v>
      </c>
      <c r="H25842" s="5">
        <v>15</v>
      </c>
      <c r="I25842" s="5" t="s">
        <v>69</v>
      </c>
      <c r="J25842" s="5" t="s">
        <v>28207</v>
      </c>
      <c r="K25842" s="2" t="s">
        <v>28208</v>
      </c>
      <c r="L25842" s="5" t="s">
        <v>28207</v>
      </c>
      <c r="M25842" s="2" t="s">
        <v>28208</v>
      </c>
      <c r="N25842" s="5" t="s">
        <v>733</v>
      </c>
      <c r="O25842" s="5" t="s">
        <v>38</v>
      </c>
      <c r="P25842" s="5" t="s">
        <v>39</v>
      </c>
      <c r="Q25842" s="5" t="s">
        <v>40</v>
      </c>
      <c r="R25842" s="5" t="s">
        <v>24340</v>
      </c>
      <c r="S25842" s="5" t="s">
        <v>40</v>
      </c>
      <c r="T25842" s="5" t="s">
        <v>42</v>
      </c>
      <c r="U25842" s="2">
        <v>5.7</v>
      </c>
      <c r="V25842" s="2">
        <v>5.657</v>
      </c>
      <c r="W25842" s="2">
        <v>5.2999999999999999E-2</v>
      </c>
      <c r="X25842" s="2">
        <v>12</v>
      </c>
      <c r="Y25842" s="2">
        <v>29</v>
      </c>
      <c r="Z25842" s="2">
        <v>152.19999999999999</v>
      </c>
      <c r="AA25842" s="5">
        <v>36</v>
      </c>
      <c r="AB25842" s="5" t="s">
        <v>43</v>
      </c>
      <c r="AC25842" s="5" t="s">
        <v>44</v>
      </c>
      <c r="AD25842" s="2" t="s">
        <v>82749</v>
      </c>
      <c r="AE25842" s="1"/>
    </row>
    <row r="25843" spans="1:31" ht="14.45">
      <c r="A25843" s="5" t="s">
        <v>116</v>
      </c>
      <c r="B25843" s="21">
        <v>46082</v>
      </c>
      <c r="C25843" s="2" t="s">
        <v>83032</v>
      </c>
      <c r="D25843" s="14" t="s">
        <v>83033</v>
      </c>
      <c r="E25843" s="2" t="s">
        <v>83034</v>
      </c>
      <c r="F25843" s="2" t="s">
        <v>130</v>
      </c>
      <c r="G25843" s="8">
        <v>142</v>
      </c>
      <c r="H25843" s="5">
        <v>15</v>
      </c>
      <c r="I25843" s="5" t="s">
        <v>69</v>
      </c>
      <c r="J25843" s="5" t="s">
        <v>28207</v>
      </c>
      <c r="K25843" s="2" t="s">
        <v>28208</v>
      </c>
      <c r="L25843" s="5" t="s">
        <v>28207</v>
      </c>
      <c r="M25843" s="2" t="s">
        <v>28208</v>
      </c>
      <c r="N25843" s="5" t="s">
        <v>733</v>
      </c>
      <c r="O25843" s="5" t="s">
        <v>38</v>
      </c>
      <c r="P25843" s="5" t="s">
        <v>39</v>
      </c>
      <c r="Q25843" s="5" t="s">
        <v>40</v>
      </c>
      <c r="R25843" s="5" t="s">
        <v>25301</v>
      </c>
      <c r="S25843" s="5" t="s">
        <v>40</v>
      </c>
      <c r="T25843" s="5" t="s">
        <v>42</v>
      </c>
      <c r="U25843" s="2">
        <v>5.4249999999999998</v>
      </c>
      <c r="V25843" s="2">
        <v>5.3819999999999997</v>
      </c>
      <c r="W25843" s="2">
        <v>5.2999999999999999E-2</v>
      </c>
      <c r="X25843" s="2">
        <v>12</v>
      </c>
      <c r="Y25843" s="2">
        <v>29</v>
      </c>
      <c r="Z25843" s="2">
        <v>152.19999999999999</v>
      </c>
      <c r="AA25843" s="5">
        <v>36</v>
      </c>
      <c r="AB25843" s="5" t="s">
        <v>43</v>
      </c>
      <c r="AC25843" s="5" t="s">
        <v>44</v>
      </c>
      <c r="AD25843" s="2" t="s">
        <v>82749</v>
      </c>
      <c r="AE25843" s="1"/>
    </row>
    <row r="25844" spans="1:31" ht="14.45">
      <c r="A25844" s="5" t="s">
        <v>116</v>
      </c>
      <c r="B25844" s="21">
        <v>46054</v>
      </c>
      <c r="C25844" s="2" t="s">
        <v>83035</v>
      </c>
      <c r="D25844" s="14" t="s">
        <v>83036</v>
      </c>
      <c r="E25844" s="2" t="s">
        <v>83037</v>
      </c>
      <c r="F25844" s="2" t="s">
        <v>130</v>
      </c>
      <c r="G25844" s="8">
        <v>54</v>
      </c>
      <c r="H25844" s="5">
        <v>5</v>
      </c>
      <c r="I25844" s="5" t="s">
        <v>69</v>
      </c>
      <c r="J25844" s="5" t="s">
        <v>28207</v>
      </c>
      <c r="K25844" s="2" t="s">
        <v>28208</v>
      </c>
      <c r="L25844" s="5" t="s">
        <v>28207</v>
      </c>
      <c r="M25844" s="2" t="s">
        <v>28208</v>
      </c>
      <c r="N25844" s="5" t="s">
        <v>733</v>
      </c>
      <c r="O25844" s="5" t="s">
        <v>38</v>
      </c>
      <c r="P25844" s="5" t="s">
        <v>39</v>
      </c>
      <c r="Q25844" s="5" t="s">
        <v>40</v>
      </c>
      <c r="R25844" s="5" t="s">
        <v>24335</v>
      </c>
      <c r="S25844" s="5" t="s">
        <v>40</v>
      </c>
      <c r="T25844" s="5" t="s">
        <v>42</v>
      </c>
      <c r="U25844" s="2">
        <v>1.7869999999999999</v>
      </c>
      <c r="V25844" s="2">
        <v>1.0529999999999999</v>
      </c>
      <c r="W25844" s="2">
        <v>3.1E-2</v>
      </c>
      <c r="X25844" s="2">
        <v>10.7</v>
      </c>
      <c r="Y25844" s="2">
        <v>17</v>
      </c>
      <c r="Z25844" s="2">
        <v>171.6</v>
      </c>
      <c r="AA25844" s="5">
        <v>36</v>
      </c>
      <c r="AB25844" s="5" t="s">
        <v>43</v>
      </c>
      <c r="AC25844" s="5" t="s">
        <v>44</v>
      </c>
      <c r="AD25844" s="2" t="s">
        <v>82735</v>
      </c>
      <c r="AE25844" s="1"/>
    </row>
    <row r="25845" spans="1:31" ht="14.45">
      <c r="A25845" s="5" t="s">
        <v>116</v>
      </c>
      <c r="B25845" s="21">
        <v>46054</v>
      </c>
      <c r="C25845" s="2" t="s">
        <v>83038</v>
      </c>
      <c r="D25845" s="14" t="s">
        <v>83039</v>
      </c>
      <c r="E25845" s="2" t="s">
        <v>83040</v>
      </c>
      <c r="F25845" s="2" t="s">
        <v>130</v>
      </c>
      <c r="G25845" s="8">
        <v>85</v>
      </c>
      <c r="H25845" s="5">
        <v>15</v>
      </c>
      <c r="I25845" s="5" t="s">
        <v>69</v>
      </c>
      <c r="J25845" s="5" t="s">
        <v>28207</v>
      </c>
      <c r="K25845" s="2" t="s">
        <v>28208</v>
      </c>
      <c r="L25845" s="5" t="s">
        <v>28207</v>
      </c>
      <c r="M25845" s="2" t="s">
        <v>28208</v>
      </c>
      <c r="N25845" s="5" t="s">
        <v>733</v>
      </c>
      <c r="O25845" s="5" t="s">
        <v>38</v>
      </c>
      <c r="P25845" s="5" t="s">
        <v>39</v>
      </c>
      <c r="Q25845" s="5" t="s">
        <v>40</v>
      </c>
      <c r="R25845" s="5" t="s">
        <v>24340</v>
      </c>
      <c r="S25845" s="5" t="s">
        <v>40</v>
      </c>
      <c r="T25845" s="5" t="s">
        <v>42</v>
      </c>
      <c r="U25845" s="2">
        <v>3.4540000000000002</v>
      </c>
      <c r="V25845" s="2">
        <v>2.72</v>
      </c>
      <c r="W25845" s="2">
        <v>3.1E-2</v>
      </c>
      <c r="X25845" s="2">
        <v>10.7</v>
      </c>
      <c r="Y25845" s="2">
        <v>17</v>
      </c>
      <c r="Z25845" s="2">
        <v>171.6</v>
      </c>
      <c r="AA25845" s="5">
        <v>36</v>
      </c>
      <c r="AB25845" s="5" t="s">
        <v>43</v>
      </c>
      <c r="AC25845" s="5" t="s">
        <v>44</v>
      </c>
      <c r="AD25845" s="2" t="s">
        <v>82735</v>
      </c>
      <c r="AE25845" s="1"/>
    </row>
    <row r="25846" spans="1:31" ht="14.45">
      <c r="A25846" s="5" t="s">
        <v>116</v>
      </c>
      <c r="B25846" s="21">
        <v>46054</v>
      </c>
      <c r="C25846" s="2" t="s">
        <v>83041</v>
      </c>
      <c r="D25846" s="14" t="s">
        <v>83042</v>
      </c>
      <c r="E25846" s="2" t="s">
        <v>83043</v>
      </c>
      <c r="F25846" s="2" t="s">
        <v>130</v>
      </c>
      <c r="G25846" s="8">
        <v>85</v>
      </c>
      <c r="H25846" s="5">
        <v>15</v>
      </c>
      <c r="I25846" s="5" t="s">
        <v>69</v>
      </c>
      <c r="J25846" s="5" t="s">
        <v>28207</v>
      </c>
      <c r="K25846" s="2" t="s">
        <v>28208</v>
      </c>
      <c r="L25846" s="5" t="s">
        <v>28207</v>
      </c>
      <c r="M25846" s="2" t="s">
        <v>28208</v>
      </c>
      <c r="N25846" s="5" t="s">
        <v>733</v>
      </c>
      <c r="O25846" s="5" t="s">
        <v>38</v>
      </c>
      <c r="P25846" s="5" t="s">
        <v>39</v>
      </c>
      <c r="Q25846" s="5" t="s">
        <v>40</v>
      </c>
      <c r="R25846" s="5" t="s">
        <v>25301</v>
      </c>
      <c r="S25846" s="5" t="s">
        <v>40</v>
      </c>
      <c r="T25846" s="5" t="s">
        <v>42</v>
      </c>
      <c r="U25846" s="2">
        <v>3.1549999999999998</v>
      </c>
      <c r="V25846" s="2">
        <v>2.4209999999999998</v>
      </c>
      <c r="W25846" s="2">
        <v>3.1E-2</v>
      </c>
      <c r="X25846" s="2">
        <v>10.7</v>
      </c>
      <c r="Y25846" s="2">
        <v>17</v>
      </c>
      <c r="Z25846" s="2">
        <v>171.6</v>
      </c>
      <c r="AA25846" s="5">
        <v>36</v>
      </c>
      <c r="AB25846" s="5" t="s">
        <v>43</v>
      </c>
      <c r="AC25846" s="5" t="s">
        <v>44</v>
      </c>
      <c r="AD25846" s="2" t="s">
        <v>82735</v>
      </c>
      <c r="AE25846" s="1"/>
    </row>
    <row r="25847" spans="1:31" ht="14.45">
      <c r="A25847" s="5" t="s">
        <v>116</v>
      </c>
      <c r="B25847" s="21">
        <v>46082</v>
      </c>
      <c r="C25847" s="2" t="s">
        <v>83044</v>
      </c>
      <c r="D25847" s="14" t="s">
        <v>83045</v>
      </c>
      <c r="E25847" s="2" t="s">
        <v>83046</v>
      </c>
      <c r="F25847" s="2" t="s">
        <v>130</v>
      </c>
      <c r="G25847" s="8">
        <v>121</v>
      </c>
      <c r="H25847" s="5">
        <v>5</v>
      </c>
      <c r="I25847" s="5" t="s">
        <v>69</v>
      </c>
      <c r="J25847" s="5" t="s">
        <v>28207</v>
      </c>
      <c r="K25847" s="2" t="s">
        <v>28208</v>
      </c>
      <c r="L25847" s="5" t="s">
        <v>28207</v>
      </c>
      <c r="M25847" s="2" t="s">
        <v>28208</v>
      </c>
      <c r="N25847" s="5" t="s">
        <v>733</v>
      </c>
      <c r="O25847" s="5" t="s">
        <v>38</v>
      </c>
      <c r="P25847" s="5" t="s">
        <v>39</v>
      </c>
      <c r="Q25847" s="5" t="s">
        <v>40</v>
      </c>
      <c r="R25847" s="5" t="s">
        <v>24335</v>
      </c>
      <c r="S25847" s="5" t="s">
        <v>40</v>
      </c>
      <c r="T25847" s="5" t="s">
        <v>42</v>
      </c>
      <c r="U25847" s="2">
        <v>4.4980000000000002</v>
      </c>
      <c r="V25847" s="2">
        <v>4.4550000000000001</v>
      </c>
      <c r="W25847" s="2">
        <v>6.6000000000000003E-2</v>
      </c>
      <c r="X25847" s="2">
        <v>12</v>
      </c>
      <c r="Y25847" s="2">
        <v>29</v>
      </c>
      <c r="Z25847" s="2">
        <v>188.7</v>
      </c>
      <c r="AA25847" s="5">
        <v>36</v>
      </c>
      <c r="AB25847" s="5" t="s">
        <v>43</v>
      </c>
      <c r="AC25847" s="5" t="s">
        <v>44</v>
      </c>
      <c r="AD25847" s="2" t="s">
        <v>82749</v>
      </c>
      <c r="AE25847" s="1"/>
    </row>
    <row r="25848" spans="1:31" ht="14.45">
      <c r="A25848" s="5" t="s">
        <v>116</v>
      </c>
      <c r="B25848" s="21">
        <v>46082</v>
      </c>
      <c r="C25848" s="2" t="s">
        <v>83047</v>
      </c>
      <c r="D25848" s="14" t="s">
        <v>83048</v>
      </c>
      <c r="E25848" s="2" t="s">
        <v>83049</v>
      </c>
      <c r="F25848" s="2" t="s">
        <v>130</v>
      </c>
      <c r="G25848" s="8">
        <v>152</v>
      </c>
      <c r="H25848" s="5">
        <v>15</v>
      </c>
      <c r="I25848" s="5" t="s">
        <v>69</v>
      </c>
      <c r="J25848" s="5" t="s">
        <v>28207</v>
      </c>
      <c r="K25848" s="2" t="s">
        <v>28208</v>
      </c>
      <c r="L25848" s="5" t="s">
        <v>28207</v>
      </c>
      <c r="M25848" s="2" t="s">
        <v>28208</v>
      </c>
      <c r="N25848" s="5" t="s">
        <v>733</v>
      </c>
      <c r="O25848" s="5" t="s">
        <v>38</v>
      </c>
      <c r="P25848" s="5" t="s">
        <v>39</v>
      </c>
      <c r="Q25848" s="5" t="s">
        <v>40</v>
      </c>
      <c r="R25848" s="5" t="s">
        <v>24340</v>
      </c>
      <c r="S25848" s="5" t="s">
        <v>40</v>
      </c>
      <c r="T25848" s="5" t="s">
        <v>42</v>
      </c>
      <c r="U25848" s="2">
        <v>6.1539999999999999</v>
      </c>
      <c r="V25848" s="2">
        <v>6.1109999999999998</v>
      </c>
      <c r="W25848" s="2">
        <v>6.6000000000000003E-2</v>
      </c>
      <c r="X25848" s="2">
        <v>12</v>
      </c>
      <c r="Y25848" s="2">
        <v>29</v>
      </c>
      <c r="Z25848" s="2">
        <v>188.7</v>
      </c>
      <c r="AA25848" s="5">
        <v>36</v>
      </c>
      <c r="AB25848" s="5" t="s">
        <v>43</v>
      </c>
      <c r="AC25848" s="5" t="s">
        <v>44</v>
      </c>
      <c r="AD25848" s="2" t="s">
        <v>82749</v>
      </c>
      <c r="AE25848" s="1"/>
    </row>
    <row r="25849" spans="1:31" ht="14.45">
      <c r="A25849" s="5" t="s">
        <v>116</v>
      </c>
      <c r="B25849" s="21">
        <v>46082</v>
      </c>
      <c r="C25849" s="2" t="s">
        <v>83050</v>
      </c>
      <c r="D25849" s="14" t="s">
        <v>83051</v>
      </c>
      <c r="E25849" s="2" t="s">
        <v>83052</v>
      </c>
      <c r="F25849" s="2" t="s">
        <v>130</v>
      </c>
      <c r="G25849" s="8">
        <v>152</v>
      </c>
      <c r="H25849" s="5">
        <v>15</v>
      </c>
      <c r="I25849" s="5" t="s">
        <v>69</v>
      </c>
      <c r="J25849" s="5" t="s">
        <v>28207</v>
      </c>
      <c r="K25849" s="2" t="s">
        <v>28208</v>
      </c>
      <c r="L25849" s="5" t="s">
        <v>28207</v>
      </c>
      <c r="M25849" s="2" t="s">
        <v>28208</v>
      </c>
      <c r="N25849" s="5" t="s">
        <v>733</v>
      </c>
      <c r="O25849" s="5" t="s">
        <v>38</v>
      </c>
      <c r="P25849" s="5" t="s">
        <v>39</v>
      </c>
      <c r="Q25849" s="5" t="s">
        <v>40</v>
      </c>
      <c r="R25849" s="5" t="s">
        <v>25301</v>
      </c>
      <c r="S25849" s="5" t="s">
        <v>40</v>
      </c>
      <c r="T25849" s="5" t="s">
        <v>42</v>
      </c>
      <c r="U25849" s="2">
        <v>5.8550000000000004</v>
      </c>
      <c r="V25849" s="2">
        <v>5.8120000000000003</v>
      </c>
      <c r="W25849" s="2">
        <v>6.6000000000000003E-2</v>
      </c>
      <c r="X25849" s="2">
        <v>12</v>
      </c>
      <c r="Y25849" s="2">
        <v>29</v>
      </c>
      <c r="Z25849" s="2">
        <v>188.7</v>
      </c>
      <c r="AA25849" s="5">
        <v>36</v>
      </c>
      <c r="AB25849" s="5" t="s">
        <v>43</v>
      </c>
      <c r="AC25849" s="5" t="s">
        <v>44</v>
      </c>
      <c r="AD25849" s="2" t="s">
        <v>82749</v>
      </c>
      <c r="AE25849" s="1"/>
    </row>
    <row r="25850" spans="1:31" ht="14.45">
      <c r="A25850" s="5" t="s">
        <v>116</v>
      </c>
      <c r="B25850" s="21">
        <v>46054</v>
      </c>
      <c r="C25850" s="2" t="s">
        <v>83053</v>
      </c>
      <c r="D25850" s="14" t="s">
        <v>83054</v>
      </c>
      <c r="E25850" s="2" t="s">
        <v>83055</v>
      </c>
      <c r="F25850" s="2" t="s">
        <v>130</v>
      </c>
      <c r="G25850" s="8">
        <v>46</v>
      </c>
      <c r="H25850" s="5">
        <v>5</v>
      </c>
      <c r="I25850" s="5" t="s">
        <v>69</v>
      </c>
      <c r="J25850" s="5" t="s">
        <v>28207</v>
      </c>
      <c r="K25850" s="2" t="s">
        <v>28208</v>
      </c>
      <c r="L25850" s="5" t="s">
        <v>28207</v>
      </c>
      <c r="M25850" s="2" t="s">
        <v>28208</v>
      </c>
      <c r="N25850" s="5" t="s">
        <v>733</v>
      </c>
      <c r="O25850" s="5" t="s">
        <v>38</v>
      </c>
      <c r="P25850" s="5" t="s">
        <v>39</v>
      </c>
      <c r="Q25850" s="5" t="s">
        <v>40</v>
      </c>
      <c r="R25850" s="5" t="s">
        <v>24335</v>
      </c>
      <c r="S25850" s="5" t="s">
        <v>40</v>
      </c>
      <c r="T25850" s="5" t="s">
        <v>42</v>
      </c>
      <c r="U25850" s="2">
        <v>1.599</v>
      </c>
      <c r="V25850" s="2">
        <v>0.86499999999999999</v>
      </c>
      <c r="W25850" s="2">
        <v>3.1E-2</v>
      </c>
      <c r="X25850" s="2">
        <v>10.7</v>
      </c>
      <c r="Y25850" s="2">
        <v>17</v>
      </c>
      <c r="Z25850" s="2">
        <v>171.6</v>
      </c>
      <c r="AA25850" s="5">
        <v>36</v>
      </c>
      <c r="AB25850" s="5" t="s">
        <v>43</v>
      </c>
      <c r="AC25850" s="5" t="s">
        <v>44</v>
      </c>
      <c r="AD25850" s="2" t="s">
        <v>82735</v>
      </c>
      <c r="AE25850" s="1"/>
    </row>
    <row r="25851" spans="1:31" ht="14.45">
      <c r="A25851" s="5" t="s">
        <v>116</v>
      </c>
      <c r="B25851" s="21">
        <v>46054</v>
      </c>
      <c r="C25851" s="2" t="s">
        <v>83056</v>
      </c>
      <c r="D25851" s="14" t="s">
        <v>83057</v>
      </c>
      <c r="E25851" s="2" t="s">
        <v>83058</v>
      </c>
      <c r="F25851" s="2" t="s">
        <v>130</v>
      </c>
      <c r="G25851" s="8">
        <v>77</v>
      </c>
      <c r="H25851" s="5">
        <v>15</v>
      </c>
      <c r="I25851" s="5" t="s">
        <v>69</v>
      </c>
      <c r="J25851" s="5" t="s">
        <v>28207</v>
      </c>
      <c r="K25851" s="2" t="s">
        <v>28208</v>
      </c>
      <c r="L25851" s="5" t="s">
        <v>28207</v>
      </c>
      <c r="M25851" s="2" t="s">
        <v>28208</v>
      </c>
      <c r="N25851" s="5" t="s">
        <v>733</v>
      </c>
      <c r="O25851" s="5" t="s">
        <v>38</v>
      </c>
      <c r="P25851" s="5" t="s">
        <v>39</v>
      </c>
      <c r="Q25851" s="5" t="s">
        <v>40</v>
      </c>
      <c r="R25851" s="5" t="s">
        <v>24340</v>
      </c>
      <c r="S25851" s="5" t="s">
        <v>40</v>
      </c>
      <c r="T25851" s="5" t="s">
        <v>42</v>
      </c>
      <c r="U25851" s="2">
        <v>2.98</v>
      </c>
      <c r="V25851" s="2">
        <v>2.246</v>
      </c>
      <c r="W25851" s="2">
        <v>3.1E-2</v>
      </c>
      <c r="X25851" s="2">
        <v>10.7</v>
      </c>
      <c r="Y25851" s="2">
        <v>17</v>
      </c>
      <c r="Z25851" s="2">
        <v>171.6</v>
      </c>
      <c r="AA25851" s="5">
        <v>36</v>
      </c>
      <c r="AB25851" s="5" t="s">
        <v>43</v>
      </c>
      <c r="AC25851" s="5" t="s">
        <v>44</v>
      </c>
      <c r="AD25851" s="2" t="s">
        <v>82735</v>
      </c>
      <c r="AE25851" s="1"/>
    </row>
    <row r="25852" spans="1:31" ht="14.45">
      <c r="A25852" s="5" t="s">
        <v>116</v>
      </c>
      <c r="B25852" s="21">
        <v>46054</v>
      </c>
      <c r="C25852" s="2" t="s">
        <v>83059</v>
      </c>
      <c r="D25852" s="14" t="s">
        <v>83060</v>
      </c>
      <c r="E25852" s="2" t="s">
        <v>83061</v>
      </c>
      <c r="F25852" s="2" t="s">
        <v>130</v>
      </c>
      <c r="G25852" s="8">
        <v>77</v>
      </c>
      <c r="H25852" s="5">
        <v>15</v>
      </c>
      <c r="I25852" s="5" t="s">
        <v>69</v>
      </c>
      <c r="J25852" s="5" t="s">
        <v>28207</v>
      </c>
      <c r="K25852" s="2" t="s">
        <v>28208</v>
      </c>
      <c r="L25852" s="5" t="s">
        <v>28207</v>
      </c>
      <c r="M25852" s="2" t="s">
        <v>28208</v>
      </c>
      <c r="N25852" s="5" t="s">
        <v>733</v>
      </c>
      <c r="O25852" s="5" t="s">
        <v>38</v>
      </c>
      <c r="P25852" s="5" t="s">
        <v>39</v>
      </c>
      <c r="Q25852" s="5" t="s">
        <v>40</v>
      </c>
      <c r="R25852" s="5" t="s">
        <v>25301</v>
      </c>
      <c r="S25852" s="5" t="s">
        <v>40</v>
      </c>
      <c r="T25852" s="5" t="s">
        <v>42</v>
      </c>
      <c r="U25852" s="2">
        <v>2.7330000000000001</v>
      </c>
      <c r="V25852" s="2">
        <v>1.9990000000000001</v>
      </c>
      <c r="W25852" s="2">
        <v>3.1E-2</v>
      </c>
      <c r="X25852" s="2">
        <v>10.7</v>
      </c>
      <c r="Y25852" s="2">
        <v>17</v>
      </c>
      <c r="Z25852" s="2">
        <v>171.6</v>
      </c>
      <c r="AA25852" s="5">
        <v>36</v>
      </c>
      <c r="AB25852" s="5" t="s">
        <v>43</v>
      </c>
      <c r="AC25852" s="5" t="s">
        <v>44</v>
      </c>
      <c r="AD25852" s="2" t="s">
        <v>82735</v>
      </c>
      <c r="AE25852" s="1"/>
    </row>
    <row r="25853" spans="1:31" ht="14.45">
      <c r="A25853" s="5" t="s">
        <v>116</v>
      </c>
      <c r="B25853" s="21">
        <v>46082</v>
      </c>
      <c r="C25853" s="2" t="s">
        <v>83062</v>
      </c>
      <c r="D25853" s="14" t="s">
        <v>83063</v>
      </c>
      <c r="E25853" s="2" t="s">
        <v>83064</v>
      </c>
      <c r="F25853" s="2" t="s">
        <v>130</v>
      </c>
      <c r="G25853" s="8">
        <v>102</v>
      </c>
      <c r="H25853" s="5">
        <v>5</v>
      </c>
      <c r="I25853" s="5" t="s">
        <v>69</v>
      </c>
      <c r="J25853" s="5" t="s">
        <v>28207</v>
      </c>
      <c r="K25853" s="2" t="s">
        <v>28208</v>
      </c>
      <c r="L25853" s="5" t="s">
        <v>28207</v>
      </c>
      <c r="M25853" s="2" t="s">
        <v>28208</v>
      </c>
      <c r="N25853" s="5" t="s">
        <v>733</v>
      </c>
      <c r="O25853" s="5" t="s">
        <v>38</v>
      </c>
      <c r="P25853" s="5" t="s">
        <v>39</v>
      </c>
      <c r="Q25853" s="5" t="s">
        <v>40</v>
      </c>
      <c r="R25853" s="5" t="s">
        <v>24335</v>
      </c>
      <c r="S25853" s="5" t="s">
        <v>40</v>
      </c>
      <c r="T25853" s="5" t="s">
        <v>42</v>
      </c>
      <c r="U25853" s="2">
        <v>4.1189999999999998</v>
      </c>
      <c r="V25853" s="2">
        <v>4.0759999999999996</v>
      </c>
      <c r="W25853" s="2">
        <v>6.6000000000000003E-2</v>
      </c>
      <c r="X25853" s="2">
        <v>12</v>
      </c>
      <c r="Y25853" s="2">
        <v>29</v>
      </c>
      <c r="Z25853" s="2">
        <v>188.7</v>
      </c>
      <c r="AA25853" s="5">
        <v>36</v>
      </c>
      <c r="AB25853" s="5" t="s">
        <v>43</v>
      </c>
      <c r="AC25853" s="5" t="s">
        <v>44</v>
      </c>
      <c r="AD25853" s="2" t="s">
        <v>82749</v>
      </c>
      <c r="AE25853" s="1"/>
    </row>
    <row r="25854" spans="1:31" ht="14.45">
      <c r="A25854" s="5" t="s">
        <v>116</v>
      </c>
      <c r="B25854" s="21">
        <v>46082</v>
      </c>
      <c r="C25854" s="2" t="s">
        <v>83065</v>
      </c>
      <c r="D25854" s="14" t="s">
        <v>83066</v>
      </c>
      <c r="E25854" s="2" t="s">
        <v>83067</v>
      </c>
      <c r="F25854" s="2" t="s">
        <v>130</v>
      </c>
      <c r="G25854" s="8">
        <v>133</v>
      </c>
      <c r="H25854" s="5">
        <v>15</v>
      </c>
      <c r="I25854" s="5" t="s">
        <v>69</v>
      </c>
      <c r="J25854" s="5" t="s">
        <v>28207</v>
      </c>
      <c r="K25854" s="2" t="s">
        <v>28208</v>
      </c>
      <c r="L25854" s="5" t="s">
        <v>28207</v>
      </c>
      <c r="M25854" s="2" t="s">
        <v>28208</v>
      </c>
      <c r="N25854" s="5" t="s">
        <v>733</v>
      </c>
      <c r="O25854" s="5" t="s">
        <v>38</v>
      </c>
      <c r="P25854" s="5" t="s">
        <v>39</v>
      </c>
      <c r="Q25854" s="5" t="s">
        <v>40</v>
      </c>
      <c r="R25854" s="5" t="s">
        <v>24340</v>
      </c>
      <c r="S25854" s="5" t="s">
        <v>40</v>
      </c>
      <c r="T25854" s="5" t="s">
        <v>42</v>
      </c>
      <c r="U25854" s="2">
        <v>5.4889999999999999</v>
      </c>
      <c r="V25854" s="2">
        <v>5.4459999999999997</v>
      </c>
      <c r="W25854" s="2">
        <v>6.6000000000000003E-2</v>
      </c>
      <c r="X25854" s="2">
        <v>12</v>
      </c>
      <c r="Y25854" s="2">
        <v>29</v>
      </c>
      <c r="Z25854" s="2">
        <v>188.7</v>
      </c>
      <c r="AA25854" s="5">
        <v>36</v>
      </c>
      <c r="AB25854" s="5" t="s">
        <v>43</v>
      </c>
      <c r="AC25854" s="5" t="s">
        <v>44</v>
      </c>
      <c r="AD25854" s="2" t="s">
        <v>82749</v>
      </c>
      <c r="AE25854" s="1"/>
    </row>
    <row r="25855" spans="1:31" ht="14.45">
      <c r="A25855" s="5" t="s">
        <v>116</v>
      </c>
      <c r="B25855" s="21">
        <v>46082</v>
      </c>
      <c r="C25855" s="2" t="s">
        <v>83068</v>
      </c>
      <c r="D25855" s="14" t="s">
        <v>83069</v>
      </c>
      <c r="E25855" s="2" t="s">
        <v>83070</v>
      </c>
      <c r="F25855" s="2" t="s">
        <v>130</v>
      </c>
      <c r="G25855" s="8">
        <v>133</v>
      </c>
      <c r="H25855" s="5">
        <v>15</v>
      </c>
      <c r="I25855" s="5" t="s">
        <v>69</v>
      </c>
      <c r="J25855" s="5" t="s">
        <v>28207</v>
      </c>
      <c r="K25855" s="2" t="s">
        <v>28208</v>
      </c>
      <c r="L25855" s="5" t="s">
        <v>28207</v>
      </c>
      <c r="M25855" s="2" t="s">
        <v>28208</v>
      </c>
      <c r="N25855" s="5" t="s">
        <v>733</v>
      </c>
      <c r="O25855" s="5" t="s">
        <v>38</v>
      </c>
      <c r="P25855" s="5" t="s">
        <v>39</v>
      </c>
      <c r="Q25855" s="5" t="s">
        <v>40</v>
      </c>
      <c r="R25855" s="5" t="s">
        <v>25301</v>
      </c>
      <c r="S25855" s="5" t="s">
        <v>40</v>
      </c>
      <c r="T25855" s="5" t="s">
        <v>42</v>
      </c>
      <c r="U25855" s="2">
        <v>5.242</v>
      </c>
      <c r="V25855" s="2">
        <v>5.1989999999999998</v>
      </c>
      <c r="W25855" s="2">
        <v>6.6000000000000003E-2</v>
      </c>
      <c r="X25855" s="2">
        <v>12</v>
      </c>
      <c r="Y25855" s="2">
        <v>29</v>
      </c>
      <c r="Z25855" s="2">
        <v>188.7</v>
      </c>
      <c r="AA25855" s="5">
        <v>36</v>
      </c>
      <c r="AB25855" s="5" t="s">
        <v>43</v>
      </c>
      <c r="AC25855" s="5" t="s">
        <v>44</v>
      </c>
      <c r="AD25855" s="2" t="s">
        <v>82749</v>
      </c>
      <c r="AE25855" s="1"/>
    </row>
    <row r="25856" spans="1:31" ht="14.45">
      <c r="A25856" s="5" t="s">
        <v>116</v>
      </c>
      <c r="B25856" s="21">
        <v>46054</v>
      </c>
      <c r="C25856" s="2" t="s">
        <v>83071</v>
      </c>
      <c r="D25856" s="14" t="s">
        <v>83072</v>
      </c>
      <c r="E25856" s="2" t="s">
        <v>83073</v>
      </c>
      <c r="F25856" s="2" t="s">
        <v>130</v>
      </c>
      <c r="G25856" s="8">
        <v>55</v>
      </c>
      <c r="H25856" s="5">
        <v>5</v>
      </c>
      <c r="I25856" s="5" t="s">
        <v>69</v>
      </c>
      <c r="J25856" s="5" t="s">
        <v>28207</v>
      </c>
      <c r="K25856" s="2" t="s">
        <v>28208</v>
      </c>
      <c r="L25856" s="5" t="s">
        <v>28207</v>
      </c>
      <c r="M25856" s="2" t="s">
        <v>28208</v>
      </c>
      <c r="N25856" s="5" t="s">
        <v>733</v>
      </c>
      <c r="O25856" s="5" t="s">
        <v>38</v>
      </c>
      <c r="P25856" s="5" t="s">
        <v>39</v>
      </c>
      <c r="Q25856" s="5" t="s">
        <v>40</v>
      </c>
      <c r="R25856" s="5" t="s">
        <v>24335</v>
      </c>
      <c r="S25856" s="5" t="s">
        <v>40</v>
      </c>
      <c r="T25856" s="5" t="s">
        <v>42</v>
      </c>
      <c r="U25856" s="2">
        <v>1.7609999999999999</v>
      </c>
      <c r="V25856" s="2">
        <v>1.0269999999999999</v>
      </c>
      <c r="W25856" s="2">
        <v>3.1E-2</v>
      </c>
      <c r="X25856" s="2">
        <v>10.7</v>
      </c>
      <c r="Y25856" s="2">
        <v>17</v>
      </c>
      <c r="Z25856" s="2">
        <v>171.6</v>
      </c>
      <c r="AA25856" s="5">
        <v>36</v>
      </c>
      <c r="AB25856" s="5" t="s">
        <v>43</v>
      </c>
      <c r="AC25856" s="5" t="s">
        <v>44</v>
      </c>
      <c r="AD25856" s="2" t="s">
        <v>82735</v>
      </c>
      <c r="AE25856" s="1"/>
    </row>
    <row r="25857" spans="1:31" ht="14.45">
      <c r="A25857" s="5" t="s">
        <v>116</v>
      </c>
      <c r="B25857" s="21">
        <v>46054</v>
      </c>
      <c r="C25857" s="2" t="s">
        <v>83074</v>
      </c>
      <c r="D25857" s="14" t="s">
        <v>83075</v>
      </c>
      <c r="E25857" s="2" t="s">
        <v>83076</v>
      </c>
      <c r="F25857" s="2" t="s">
        <v>130</v>
      </c>
      <c r="G25857" s="8">
        <v>86</v>
      </c>
      <c r="H25857" s="5">
        <v>5</v>
      </c>
      <c r="I25857" s="5" t="s">
        <v>69</v>
      </c>
      <c r="J25857" s="5" t="s">
        <v>28207</v>
      </c>
      <c r="K25857" s="2" t="s">
        <v>28208</v>
      </c>
      <c r="L25857" s="5" t="s">
        <v>28207</v>
      </c>
      <c r="M25857" s="2" t="s">
        <v>28208</v>
      </c>
      <c r="N25857" s="5" t="s">
        <v>733</v>
      </c>
      <c r="O25857" s="5" t="s">
        <v>38</v>
      </c>
      <c r="P25857" s="5" t="s">
        <v>39</v>
      </c>
      <c r="Q25857" s="5" t="s">
        <v>40</v>
      </c>
      <c r="R25857" s="5" t="s">
        <v>24340</v>
      </c>
      <c r="S25857" s="5" t="s">
        <v>40</v>
      </c>
      <c r="T25857" s="5" t="s">
        <v>42</v>
      </c>
      <c r="U25857" s="2">
        <v>3.3959999999999999</v>
      </c>
      <c r="V25857" s="2">
        <v>2.6619999999999999</v>
      </c>
      <c r="W25857" s="2">
        <v>3.1E-2</v>
      </c>
      <c r="X25857" s="2">
        <v>10.7</v>
      </c>
      <c r="Y25857" s="2">
        <v>17</v>
      </c>
      <c r="Z25857" s="2">
        <v>171.6</v>
      </c>
      <c r="AA25857" s="5">
        <v>36</v>
      </c>
      <c r="AB25857" s="5" t="s">
        <v>43</v>
      </c>
      <c r="AC25857" s="5" t="s">
        <v>44</v>
      </c>
      <c r="AD25857" s="2" t="s">
        <v>82735</v>
      </c>
      <c r="AE25857" s="1"/>
    </row>
    <row r="25858" spans="1:31" ht="14.45">
      <c r="A25858" s="5" t="s">
        <v>116</v>
      </c>
      <c r="B25858" s="21">
        <v>46054</v>
      </c>
      <c r="C25858" s="2" t="s">
        <v>83077</v>
      </c>
      <c r="D25858" s="14" t="s">
        <v>83078</v>
      </c>
      <c r="E25858" s="2" t="s">
        <v>83079</v>
      </c>
      <c r="F25858" s="2" t="s">
        <v>130</v>
      </c>
      <c r="G25858" s="8">
        <v>86</v>
      </c>
      <c r="H25858" s="5">
        <v>15</v>
      </c>
      <c r="I25858" s="5" t="s">
        <v>69</v>
      </c>
      <c r="J25858" s="5" t="s">
        <v>28207</v>
      </c>
      <c r="K25858" s="2" t="s">
        <v>28208</v>
      </c>
      <c r="L25858" s="5" t="s">
        <v>28207</v>
      </c>
      <c r="M25858" s="2" t="s">
        <v>28208</v>
      </c>
      <c r="N25858" s="5" t="s">
        <v>733</v>
      </c>
      <c r="O25858" s="5" t="s">
        <v>38</v>
      </c>
      <c r="P25858" s="5" t="s">
        <v>39</v>
      </c>
      <c r="Q25858" s="5" t="s">
        <v>40</v>
      </c>
      <c r="R25858" s="5" t="s">
        <v>25301</v>
      </c>
      <c r="S25858" s="5" t="s">
        <v>40</v>
      </c>
      <c r="T25858" s="5" t="s">
        <v>42</v>
      </c>
      <c r="U25858" s="2">
        <v>2.3889999999999998</v>
      </c>
      <c r="V25858" s="2">
        <v>2.375</v>
      </c>
      <c r="W25858" s="2">
        <v>3.1E-2</v>
      </c>
      <c r="X25858" s="2">
        <v>10.7</v>
      </c>
      <c r="Y25858" s="2">
        <v>17</v>
      </c>
      <c r="Z25858" s="2">
        <v>171.6</v>
      </c>
      <c r="AA25858" s="5">
        <v>36</v>
      </c>
      <c r="AB25858" s="5" t="s">
        <v>43</v>
      </c>
      <c r="AC25858" s="5" t="s">
        <v>44</v>
      </c>
      <c r="AD25858" s="2" t="s">
        <v>82735</v>
      </c>
      <c r="AE25858" s="1"/>
    </row>
    <row r="25859" spans="1:31" ht="14.45">
      <c r="A25859" s="5" t="s">
        <v>116</v>
      </c>
      <c r="B25859" s="21">
        <v>46082</v>
      </c>
      <c r="C25859" s="2" t="s">
        <v>83080</v>
      </c>
      <c r="D25859" s="14" t="s">
        <v>83081</v>
      </c>
      <c r="E25859" s="2" t="s">
        <v>83082</v>
      </c>
      <c r="F25859" s="2" t="s">
        <v>130</v>
      </c>
      <c r="G25859" s="8">
        <v>121</v>
      </c>
      <c r="H25859" s="5">
        <v>5</v>
      </c>
      <c r="I25859" s="5" t="s">
        <v>69</v>
      </c>
      <c r="J25859" s="5" t="s">
        <v>28207</v>
      </c>
      <c r="K25859" s="2" t="s">
        <v>28208</v>
      </c>
      <c r="L25859" s="5" t="s">
        <v>28207</v>
      </c>
      <c r="M25859" s="2" t="s">
        <v>28208</v>
      </c>
      <c r="N25859" s="5" t="s">
        <v>733</v>
      </c>
      <c r="O25859" s="5" t="s">
        <v>38</v>
      </c>
      <c r="P25859" s="5" t="s">
        <v>39</v>
      </c>
      <c r="Q25859" s="5" t="s">
        <v>40</v>
      </c>
      <c r="R25859" s="5" t="s">
        <v>24335</v>
      </c>
      <c r="S25859" s="5" t="s">
        <v>40</v>
      </c>
      <c r="T25859" s="5" t="s">
        <v>42</v>
      </c>
      <c r="U25859" s="2">
        <v>4.4729999999999999</v>
      </c>
      <c r="V25859" s="2">
        <v>4.43</v>
      </c>
      <c r="W25859" s="2">
        <v>6.6000000000000003E-2</v>
      </c>
      <c r="X25859" s="2">
        <v>12</v>
      </c>
      <c r="Y25859" s="2">
        <v>29</v>
      </c>
      <c r="Z25859" s="2">
        <v>188.7</v>
      </c>
      <c r="AA25859" s="5">
        <v>36</v>
      </c>
      <c r="AB25859" s="5" t="s">
        <v>43</v>
      </c>
      <c r="AC25859" s="5" t="s">
        <v>44</v>
      </c>
      <c r="AD25859" s="2" t="s">
        <v>82749</v>
      </c>
      <c r="AE25859" s="1"/>
    </row>
    <row r="25860" spans="1:31" ht="14.45">
      <c r="A25860" s="5" t="s">
        <v>116</v>
      </c>
      <c r="B25860" s="21">
        <v>46082</v>
      </c>
      <c r="C25860" s="2" t="s">
        <v>83083</v>
      </c>
      <c r="D25860" s="14" t="s">
        <v>83084</v>
      </c>
      <c r="E25860" s="2" t="s">
        <v>83085</v>
      </c>
      <c r="F25860" s="2" t="s">
        <v>130</v>
      </c>
      <c r="G25860" s="8">
        <v>152</v>
      </c>
      <c r="H25860" s="5">
        <v>5</v>
      </c>
      <c r="I25860" s="5" t="s">
        <v>69</v>
      </c>
      <c r="J25860" s="5" t="s">
        <v>28207</v>
      </c>
      <c r="K25860" s="2" t="s">
        <v>28208</v>
      </c>
      <c r="L25860" s="5" t="s">
        <v>28207</v>
      </c>
      <c r="M25860" s="2" t="s">
        <v>28208</v>
      </c>
      <c r="N25860" s="5" t="s">
        <v>733</v>
      </c>
      <c r="O25860" s="5" t="s">
        <v>38</v>
      </c>
      <c r="P25860" s="5" t="s">
        <v>39</v>
      </c>
      <c r="Q25860" s="5" t="s">
        <v>40</v>
      </c>
      <c r="R25860" s="5" t="s">
        <v>24340</v>
      </c>
      <c r="S25860" s="5" t="s">
        <v>40</v>
      </c>
      <c r="T25860" s="5" t="s">
        <v>42</v>
      </c>
      <c r="U25860" s="2">
        <v>6.1079999999999997</v>
      </c>
      <c r="V25860" s="2">
        <v>6.0650000000000004</v>
      </c>
      <c r="W25860" s="2">
        <v>6.6000000000000003E-2</v>
      </c>
      <c r="X25860" s="2">
        <v>12</v>
      </c>
      <c r="Y25860" s="2">
        <v>29</v>
      </c>
      <c r="Z25860" s="2">
        <v>188.7</v>
      </c>
      <c r="AA25860" s="5">
        <v>36</v>
      </c>
      <c r="AB25860" s="5" t="s">
        <v>43</v>
      </c>
      <c r="AC25860" s="5" t="s">
        <v>44</v>
      </c>
      <c r="AD25860" s="2" t="s">
        <v>82749</v>
      </c>
      <c r="AE25860" s="1"/>
    </row>
    <row r="25861" spans="1:31" ht="14.45">
      <c r="A25861" s="5" t="s">
        <v>116</v>
      </c>
      <c r="B25861" s="21">
        <v>46082</v>
      </c>
      <c r="C25861" s="2" t="s">
        <v>83086</v>
      </c>
      <c r="D25861" s="14" t="s">
        <v>83087</v>
      </c>
      <c r="E25861" s="2" t="s">
        <v>83088</v>
      </c>
      <c r="F25861" s="2" t="s">
        <v>130</v>
      </c>
      <c r="G25861" s="8">
        <v>152</v>
      </c>
      <c r="H25861" s="5">
        <v>15</v>
      </c>
      <c r="I25861" s="5" t="s">
        <v>69</v>
      </c>
      <c r="J25861" s="5" t="s">
        <v>28207</v>
      </c>
      <c r="K25861" s="2" t="s">
        <v>28208</v>
      </c>
      <c r="L25861" s="5" t="s">
        <v>28207</v>
      </c>
      <c r="M25861" s="2" t="s">
        <v>28208</v>
      </c>
      <c r="N25861" s="5" t="s">
        <v>733</v>
      </c>
      <c r="O25861" s="5" t="s">
        <v>38</v>
      </c>
      <c r="P25861" s="5" t="s">
        <v>39</v>
      </c>
      <c r="Q25861" s="5" t="s">
        <v>40</v>
      </c>
      <c r="R25861" s="5" t="s">
        <v>25301</v>
      </c>
      <c r="S25861" s="5" t="s">
        <v>40</v>
      </c>
      <c r="T25861" s="5" t="s">
        <v>42</v>
      </c>
      <c r="U25861" s="2">
        <v>5.81</v>
      </c>
      <c r="V25861" s="2">
        <v>5.7670000000000003</v>
      </c>
      <c r="W25861" s="2">
        <v>6.6000000000000003E-2</v>
      </c>
      <c r="X25861" s="2">
        <v>12</v>
      </c>
      <c r="Y25861" s="2">
        <v>29</v>
      </c>
      <c r="Z25861" s="2">
        <v>188.7</v>
      </c>
      <c r="AA25861" s="5">
        <v>36</v>
      </c>
      <c r="AB25861" s="5" t="s">
        <v>43</v>
      </c>
      <c r="AC25861" s="5" t="s">
        <v>44</v>
      </c>
      <c r="AD25861" s="2" t="s">
        <v>82749</v>
      </c>
      <c r="AE25861" s="1"/>
    </row>
    <row r="25862" spans="1:31" ht="14.45">
      <c r="A25862" s="5" t="s">
        <v>116</v>
      </c>
      <c r="B25862" s="21">
        <v>46054</v>
      </c>
      <c r="C25862" s="2" t="s">
        <v>83089</v>
      </c>
      <c r="D25862" s="14" t="s">
        <v>83090</v>
      </c>
      <c r="E25862" s="2" t="s">
        <v>83091</v>
      </c>
      <c r="F25862" s="2" t="s">
        <v>130</v>
      </c>
      <c r="G25862" s="8">
        <v>63</v>
      </c>
      <c r="H25862" s="5">
        <v>5</v>
      </c>
      <c r="I25862" s="5" t="s">
        <v>69</v>
      </c>
      <c r="J25862" s="5" t="s">
        <v>28207</v>
      </c>
      <c r="K25862" s="2" t="s">
        <v>28208</v>
      </c>
      <c r="L25862" s="5" t="s">
        <v>28207</v>
      </c>
      <c r="M25862" s="2" t="s">
        <v>28208</v>
      </c>
      <c r="N25862" s="5" t="s">
        <v>733</v>
      </c>
      <c r="O25862" s="5" t="s">
        <v>38</v>
      </c>
      <c r="P25862" s="5" t="s">
        <v>39</v>
      </c>
      <c r="Q25862" s="5" t="s">
        <v>40</v>
      </c>
      <c r="R25862" s="5" t="s">
        <v>24335</v>
      </c>
      <c r="S25862" s="5" t="s">
        <v>40</v>
      </c>
      <c r="T25862" s="5" t="s">
        <v>42</v>
      </c>
      <c r="U25862" s="2">
        <v>1.119</v>
      </c>
      <c r="V25862" s="2">
        <v>1.105</v>
      </c>
      <c r="W25862" s="2">
        <v>3.1E-2</v>
      </c>
      <c r="X25862" s="2">
        <v>10.7</v>
      </c>
      <c r="Y25862" s="2">
        <v>17</v>
      </c>
      <c r="Z25862" s="2">
        <v>171.6</v>
      </c>
      <c r="AA25862" s="5">
        <v>36</v>
      </c>
      <c r="AB25862" s="5" t="s">
        <v>43</v>
      </c>
      <c r="AC25862" s="5" t="s">
        <v>44</v>
      </c>
      <c r="AD25862" s="2" t="s">
        <v>82735</v>
      </c>
      <c r="AE25862" s="1"/>
    </row>
    <row r="25863" spans="1:31" ht="14.45">
      <c r="A25863" s="5" t="s">
        <v>116</v>
      </c>
      <c r="B25863" s="21">
        <v>46054</v>
      </c>
      <c r="C25863" s="2" t="s">
        <v>83092</v>
      </c>
      <c r="D25863" s="14" t="s">
        <v>83093</v>
      </c>
      <c r="E25863" s="2" t="s">
        <v>83094</v>
      </c>
      <c r="F25863" s="2" t="s">
        <v>130</v>
      </c>
      <c r="G25863" s="8">
        <v>94</v>
      </c>
      <c r="H25863" s="5">
        <v>15</v>
      </c>
      <c r="I25863" s="5" t="s">
        <v>69</v>
      </c>
      <c r="J25863" s="5" t="s">
        <v>28207</v>
      </c>
      <c r="K25863" s="2" t="s">
        <v>28208</v>
      </c>
      <c r="L25863" s="5" t="s">
        <v>28207</v>
      </c>
      <c r="M25863" s="2" t="s">
        <v>28208</v>
      </c>
      <c r="N25863" s="5" t="s">
        <v>733</v>
      </c>
      <c r="O25863" s="5" t="s">
        <v>38</v>
      </c>
      <c r="P25863" s="5" t="s">
        <v>39</v>
      </c>
      <c r="Q25863" s="5" t="s">
        <v>40</v>
      </c>
      <c r="R25863" s="5" t="s">
        <v>24340</v>
      </c>
      <c r="S25863" s="5" t="s">
        <v>40</v>
      </c>
      <c r="T25863" s="5" t="s">
        <v>42</v>
      </c>
      <c r="U25863" s="2">
        <v>2.8879999999999999</v>
      </c>
      <c r="V25863" s="2">
        <v>2.8740000000000001</v>
      </c>
      <c r="W25863" s="2">
        <v>3.1E-2</v>
      </c>
      <c r="X25863" s="2">
        <v>10.7</v>
      </c>
      <c r="Y25863" s="2">
        <v>17</v>
      </c>
      <c r="Z25863" s="2">
        <v>171.6</v>
      </c>
      <c r="AA25863" s="5">
        <v>36</v>
      </c>
      <c r="AB25863" s="5" t="s">
        <v>43</v>
      </c>
      <c r="AC25863" s="5" t="s">
        <v>44</v>
      </c>
      <c r="AD25863" s="2" t="s">
        <v>82735</v>
      </c>
      <c r="AE25863" s="1"/>
    </row>
    <row r="25864" spans="1:31" ht="14.45">
      <c r="A25864" s="5" t="s">
        <v>116</v>
      </c>
      <c r="B25864" s="21">
        <v>46054</v>
      </c>
      <c r="C25864" s="2" t="s">
        <v>83095</v>
      </c>
      <c r="D25864" s="14" t="s">
        <v>83096</v>
      </c>
      <c r="E25864" s="2" t="s">
        <v>83097</v>
      </c>
      <c r="F25864" s="2" t="s">
        <v>130</v>
      </c>
      <c r="G25864" s="8">
        <v>94</v>
      </c>
      <c r="H25864" s="5">
        <v>15</v>
      </c>
      <c r="I25864" s="5" t="s">
        <v>69</v>
      </c>
      <c r="J25864" s="5" t="s">
        <v>28207</v>
      </c>
      <c r="K25864" s="2" t="s">
        <v>28208</v>
      </c>
      <c r="L25864" s="5" t="s">
        <v>28207</v>
      </c>
      <c r="M25864" s="2" t="s">
        <v>28208</v>
      </c>
      <c r="N25864" s="5" t="s">
        <v>733</v>
      </c>
      <c r="O25864" s="5" t="s">
        <v>38</v>
      </c>
      <c r="P25864" s="5" t="s">
        <v>39</v>
      </c>
      <c r="Q25864" s="5" t="s">
        <v>40</v>
      </c>
      <c r="R25864" s="5" t="s">
        <v>25301</v>
      </c>
      <c r="S25864" s="5" t="s">
        <v>40</v>
      </c>
      <c r="T25864" s="5" t="s">
        <v>42</v>
      </c>
      <c r="U25864" s="2">
        <v>2.5710000000000002</v>
      </c>
      <c r="V25864" s="2">
        <v>2.5569999999999999</v>
      </c>
      <c r="W25864" s="2">
        <v>3.1E-2</v>
      </c>
      <c r="X25864" s="2">
        <v>10.7</v>
      </c>
      <c r="Y25864" s="2">
        <v>17</v>
      </c>
      <c r="Z25864" s="2">
        <v>171.6</v>
      </c>
      <c r="AA25864" s="5">
        <v>36</v>
      </c>
      <c r="AB25864" s="5" t="s">
        <v>43</v>
      </c>
      <c r="AC25864" s="5" t="s">
        <v>44</v>
      </c>
      <c r="AD25864" s="2" t="s">
        <v>82735</v>
      </c>
      <c r="AE25864" s="1"/>
    </row>
    <row r="25865" spans="1:31" ht="14.45">
      <c r="A25865" s="5" t="s">
        <v>116</v>
      </c>
      <c r="B25865" s="21">
        <v>46082</v>
      </c>
      <c r="C25865" s="2" t="s">
        <v>83098</v>
      </c>
      <c r="D25865" s="14" t="s">
        <v>83099</v>
      </c>
      <c r="E25865" s="2" t="s">
        <v>83100</v>
      </c>
      <c r="F25865" s="2" t="s">
        <v>130</v>
      </c>
      <c r="G25865" s="8">
        <v>140</v>
      </c>
      <c r="H25865" s="5">
        <v>5</v>
      </c>
      <c r="I25865" s="5" t="s">
        <v>69</v>
      </c>
      <c r="J25865" s="5" t="s">
        <v>28207</v>
      </c>
      <c r="K25865" s="2" t="s">
        <v>28208</v>
      </c>
      <c r="L25865" s="5" t="s">
        <v>28207</v>
      </c>
      <c r="M25865" s="2" t="s">
        <v>28208</v>
      </c>
      <c r="N25865" s="5" t="s">
        <v>733</v>
      </c>
      <c r="O25865" s="5" t="s">
        <v>38</v>
      </c>
      <c r="P25865" s="5" t="s">
        <v>39</v>
      </c>
      <c r="Q25865" s="5" t="s">
        <v>40</v>
      </c>
      <c r="R25865" s="5" t="s">
        <v>24335</v>
      </c>
      <c r="S25865" s="5" t="s">
        <v>40</v>
      </c>
      <c r="T25865" s="5" t="s">
        <v>42</v>
      </c>
      <c r="U25865" s="2">
        <v>4.6449999999999996</v>
      </c>
      <c r="V25865" s="2">
        <v>4.6020000000000003</v>
      </c>
      <c r="W25865" s="2">
        <v>6.6000000000000003E-2</v>
      </c>
      <c r="X25865" s="2">
        <v>12</v>
      </c>
      <c r="Y25865" s="2">
        <v>29</v>
      </c>
      <c r="Z25865" s="2">
        <v>188.7</v>
      </c>
      <c r="AA25865" s="5">
        <v>36</v>
      </c>
      <c r="AB25865" s="5" t="s">
        <v>43</v>
      </c>
      <c r="AC25865" s="5" t="s">
        <v>44</v>
      </c>
      <c r="AD25865" s="2" t="s">
        <v>82749</v>
      </c>
      <c r="AE25865" s="1"/>
    </row>
    <row r="25866" spans="1:31" ht="14.45">
      <c r="A25866" s="5" t="s">
        <v>116</v>
      </c>
      <c r="B25866" s="21">
        <v>46082</v>
      </c>
      <c r="C25866" s="2" t="s">
        <v>83101</v>
      </c>
      <c r="D25866" s="14" t="s">
        <v>83102</v>
      </c>
      <c r="E25866" s="2" t="s">
        <v>83103</v>
      </c>
      <c r="F25866" s="2" t="s">
        <v>130</v>
      </c>
      <c r="G25866" s="8">
        <v>171</v>
      </c>
      <c r="H25866" s="5">
        <v>15</v>
      </c>
      <c r="I25866" s="5" t="s">
        <v>69</v>
      </c>
      <c r="J25866" s="5" t="s">
        <v>28207</v>
      </c>
      <c r="K25866" s="2" t="s">
        <v>28208</v>
      </c>
      <c r="L25866" s="5" t="s">
        <v>28207</v>
      </c>
      <c r="M25866" s="2" t="s">
        <v>28208</v>
      </c>
      <c r="N25866" s="5" t="s">
        <v>733</v>
      </c>
      <c r="O25866" s="5" t="s">
        <v>38</v>
      </c>
      <c r="P25866" s="5" t="s">
        <v>39</v>
      </c>
      <c r="Q25866" s="5" t="s">
        <v>40</v>
      </c>
      <c r="R25866" s="5" t="s">
        <v>24340</v>
      </c>
      <c r="S25866" s="5" t="s">
        <v>40</v>
      </c>
      <c r="T25866" s="5" t="s">
        <v>42</v>
      </c>
      <c r="U25866" s="2">
        <v>6.4029999999999996</v>
      </c>
      <c r="V25866" s="2">
        <v>6.36</v>
      </c>
      <c r="W25866" s="2">
        <v>6.6000000000000003E-2</v>
      </c>
      <c r="X25866" s="2">
        <v>12</v>
      </c>
      <c r="Y25866" s="2">
        <v>29</v>
      </c>
      <c r="Z25866" s="2">
        <v>188.7</v>
      </c>
      <c r="AA25866" s="5">
        <v>36</v>
      </c>
      <c r="AB25866" s="5" t="s">
        <v>43</v>
      </c>
      <c r="AC25866" s="5" t="s">
        <v>44</v>
      </c>
      <c r="AD25866" s="2" t="s">
        <v>82749</v>
      </c>
      <c r="AE25866" s="1"/>
    </row>
    <row r="25867" spans="1:31" ht="14.45">
      <c r="A25867" s="5" t="s">
        <v>116</v>
      </c>
      <c r="B25867" s="21">
        <v>46082</v>
      </c>
      <c r="C25867" s="2" t="s">
        <v>83104</v>
      </c>
      <c r="D25867" s="14" t="s">
        <v>83105</v>
      </c>
      <c r="E25867" s="2" t="s">
        <v>83106</v>
      </c>
      <c r="F25867" s="2" t="s">
        <v>130</v>
      </c>
      <c r="G25867" s="8">
        <v>171</v>
      </c>
      <c r="H25867" s="5">
        <v>15</v>
      </c>
      <c r="I25867" s="5" t="s">
        <v>69</v>
      </c>
      <c r="J25867" s="5" t="s">
        <v>28207</v>
      </c>
      <c r="K25867" s="2" t="s">
        <v>28208</v>
      </c>
      <c r="L25867" s="5" t="s">
        <v>28207</v>
      </c>
      <c r="M25867" s="2" t="s">
        <v>28208</v>
      </c>
      <c r="N25867" s="5" t="s">
        <v>733</v>
      </c>
      <c r="O25867" s="5" t="s">
        <v>38</v>
      </c>
      <c r="P25867" s="5" t="s">
        <v>39</v>
      </c>
      <c r="Q25867" s="5" t="s">
        <v>40</v>
      </c>
      <c r="R25867" s="5" t="s">
        <v>25301</v>
      </c>
      <c r="S25867" s="5" t="s">
        <v>40</v>
      </c>
      <c r="T25867" s="5" t="s">
        <v>42</v>
      </c>
      <c r="U25867" s="2">
        <v>6.0860000000000003</v>
      </c>
      <c r="V25867" s="2">
        <v>6.0430000000000001</v>
      </c>
      <c r="W25867" s="2">
        <v>6.6000000000000003E-2</v>
      </c>
      <c r="X25867" s="2">
        <v>12</v>
      </c>
      <c r="Y25867" s="2">
        <v>29</v>
      </c>
      <c r="Z25867" s="2">
        <v>188.7</v>
      </c>
      <c r="AA25867" s="5">
        <v>36</v>
      </c>
      <c r="AB25867" s="5" t="s">
        <v>43</v>
      </c>
      <c r="AC25867" s="5" t="s">
        <v>44</v>
      </c>
      <c r="AD25867" s="2" t="s">
        <v>82749</v>
      </c>
      <c r="AE25867" s="1"/>
    </row>
    <row r="25868" spans="1:31" ht="14.45">
      <c r="A25868" s="11"/>
      <c r="B25868" s="20"/>
      <c r="C25868" s="2" t="s">
        <v>83107</v>
      </c>
      <c r="D25868" s="14" t="s">
        <v>83108</v>
      </c>
      <c r="E25868" s="2" t="s">
        <v>83109</v>
      </c>
      <c r="F25868" s="2" t="s">
        <v>83110</v>
      </c>
      <c r="G25868" s="8">
        <v>34</v>
      </c>
      <c r="H25868" s="5">
        <v>5</v>
      </c>
      <c r="I25868" s="5" t="s">
        <v>69</v>
      </c>
      <c r="J25868" s="5" t="s">
        <v>28207</v>
      </c>
      <c r="K25868" s="2" t="s">
        <v>28208</v>
      </c>
      <c r="L25868" s="5" t="s">
        <v>28207</v>
      </c>
      <c r="M25868" s="2" t="s">
        <v>28208</v>
      </c>
      <c r="N25868" s="5" t="s">
        <v>733</v>
      </c>
      <c r="O25868" s="5" t="s">
        <v>38</v>
      </c>
      <c r="P25868" s="5" t="s">
        <v>39</v>
      </c>
      <c r="Q25868" s="5" t="s">
        <v>40</v>
      </c>
      <c r="R25868" s="5" t="s">
        <v>24335</v>
      </c>
      <c r="S25868" s="5" t="s">
        <v>40</v>
      </c>
      <c r="T25868" s="5" t="s">
        <v>42</v>
      </c>
      <c r="U25868" s="2">
        <v>0.879</v>
      </c>
      <c r="V25868" s="2">
        <v>0.49099999999999999</v>
      </c>
      <c r="W25868" s="2">
        <v>1.7000000000000001E-2</v>
      </c>
      <c r="X25868" s="2">
        <v>6.2</v>
      </c>
      <c r="Y25868" s="2">
        <v>18.3</v>
      </c>
      <c r="Z25868" s="2">
        <v>148.30000000000001</v>
      </c>
      <c r="AA25868" s="5">
        <v>36</v>
      </c>
      <c r="AB25868" s="5" t="s">
        <v>43</v>
      </c>
      <c r="AC25868" s="5" t="s">
        <v>44</v>
      </c>
      <c r="AD25868" s="2" t="s">
        <v>83111</v>
      </c>
      <c r="AE25868" s="1"/>
    </row>
    <row r="25869" spans="1:31" ht="14.45">
      <c r="A25869" s="11"/>
      <c r="B25869" s="20"/>
      <c r="C25869" s="2" t="s">
        <v>83112</v>
      </c>
      <c r="D25869" s="14" t="s">
        <v>83113</v>
      </c>
      <c r="E25869" s="2" t="s">
        <v>83114</v>
      </c>
      <c r="F25869" s="2" t="s">
        <v>83115</v>
      </c>
      <c r="G25869" s="8">
        <v>65</v>
      </c>
      <c r="H25869" s="5">
        <v>15</v>
      </c>
      <c r="I25869" s="5" t="s">
        <v>69</v>
      </c>
      <c r="J25869" s="5" t="s">
        <v>28207</v>
      </c>
      <c r="K25869" s="2" t="s">
        <v>28208</v>
      </c>
      <c r="L25869" s="5" t="s">
        <v>28207</v>
      </c>
      <c r="M25869" s="2" t="s">
        <v>28208</v>
      </c>
      <c r="N25869" s="5" t="s">
        <v>733</v>
      </c>
      <c r="O25869" s="5" t="s">
        <v>38</v>
      </c>
      <c r="P25869" s="5" t="s">
        <v>39</v>
      </c>
      <c r="Q25869" s="5" t="s">
        <v>40</v>
      </c>
      <c r="R25869" s="5" t="s">
        <v>24335</v>
      </c>
      <c r="S25869" s="5" t="s">
        <v>40</v>
      </c>
      <c r="T25869" s="5" t="s">
        <v>42</v>
      </c>
      <c r="U25869" s="2">
        <v>1.427</v>
      </c>
      <c r="V25869" s="2">
        <v>1.0389999999999999</v>
      </c>
      <c r="W25869" s="2">
        <v>1.7000000000000001E-2</v>
      </c>
      <c r="X25869" s="2">
        <v>6.2</v>
      </c>
      <c r="Y25869" s="2">
        <v>18.3</v>
      </c>
      <c r="Z25869" s="2">
        <v>148.30000000000001</v>
      </c>
      <c r="AA25869" s="5">
        <v>36</v>
      </c>
      <c r="AB25869" s="5" t="s">
        <v>43</v>
      </c>
      <c r="AC25869" s="5" t="s">
        <v>44</v>
      </c>
      <c r="AD25869" s="2" t="s">
        <v>83111</v>
      </c>
      <c r="AE25869" s="1"/>
    </row>
    <row r="25870" spans="1:31" ht="14.45">
      <c r="A25870" s="11"/>
      <c r="B25870" s="20"/>
      <c r="C25870" s="2" t="s">
        <v>83116</v>
      </c>
      <c r="D25870" s="14" t="s">
        <v>83117</v>
      </c>
      <c r="E25870" s="2" t="s">
        <v>83118</v>
      </c>
      <c r="F25870" s="2" t="s">
        <v>83119</v>
      </c>
      <c r="G25870" s="8">
        <v>65</v>
      </c>
      <c r="H25870" s="5">
        <v>15</v>
      </c>
      <c r="I25870" s="5" t="s">
        <v>69</v>
      </c>
      <c r="J25870" s="5" t="s">
        <v>28207</v>
      </c>
      <c r="K25870" s="2" t="s">
        <v>28208</v>
      </c>
      <c r="L25870" s="5" t="s">
        <v>28207</v>
      </c>
      <c r="M25870" s="2" t="s">
        <v>28208</v>
      </c>
      <c r="N25870" s="5" t="s">
        <v>733</v>
      </c>
      <c r="O25870" s="5" t="s">
        <v>38</v>
      </c>
      <c r="P25870" s="5" t="s">
        <v>39</v>
      </c>
      <c r="Q25870" s="5" t="s">
        <v>40</v>
      </c>
      <c r="R25870" s="5" t="s">
        <v>24335</v>
      </c>
      <c r="S25870" s="5" t="s">
        <v>40</v>
      </c>
      <c r="T25870" s="5" t="s">
        <v>42</v>
      </c>
      <c r="U25870" s="2">
        <v>1.323</v>
      </c>
      <c r="V25870" s="2">
        <v>0.93500000000000005</v>
      </c>
      <c r="W25870" s="2">
        <v>1.7000000000000001E-2</v>
      </c>
      <c r="X25870" s="2">
        <v>6.2</v>
      </c>
      <c r="Y25870" s="2">
        <v>18.3</v>
      </c>
      <c r="Z25870" s="2">
        <v>148.30000000000001</v>
      </c>
      <c r="AA25870" s="5">
        <v>36</v>
      </c>
      <c r="AB25870" s="5" t="s">
        <v>43</v>
      </c>
      <c r="AC25870" s="5" t="s">
        <v>44</v>
      </c>
      <c r="AD25870" s="2" t="s">
        <v>83111</v>
      </c>
      <c r="AE25870" s="1"/>
    </row>
    <row r="25871" spans="1:31" ht="14.45">
      <c r="A25871" s="11"/>
      <c r="B25871" s="20"/>
      <c r="C25871" s="2" t="s">
        <v>83120</v>
      </c>
      <c r="D25871" s="14" t="s">
        <v>83121</v>
      </c>
      <c r="E25871" s="2" t="s">
        <v>83122</v>
      </c>
      <c r="F25871" s="2" t="s">
        <v>83123</v>
      </c>
      <c r="G25871" s="8">
        <v>57</v>
      </c>
      <c r="H25871" s="5">
        <v>5</v>
      </c>
      <c r="I25871" s="5" t="s">
        <v>69</v>
      </c>
      <c r="J25871" s="5" t="s">
        <v>28207</v>
      </c>
      <c r="K25871" s="2" t="s">
        <v>28208</v>
      </c>
      <c r="L25871" s="5" t="s">
        <v>28207</v>
      </c>
      <c r="M25871" s="2" t="s">
        <v>28208</v>
      </c>
      <c r="N25871" s="5" t="s">
        <v>733</v>
      </c>
      <c r="O25871" s="5" t="s">
        <v>38</v>
      </c>
      <c r="P25871" s="5" t="s">
        <v>39</v>
      </c>
      <c r="Q25871" s="5" t="s">
        <v>40</v>
      </c>
      <c r="R25871" s="5" t="s">
        <v>24335</v>
      </c>
      <c r="S25871" s="5" t="s">
        <v>40</v>
      </c>
      <c r="T25871" s="5" t="s">
        <v>42</v>
      </c>
      <c r="U25871" s="2">
        <v>0.88500000000000001</v>
      </c>
      <c r="V25871" s="2">
        <v>0.42599999999999999</v>
      </c>
      <c r="W25871" s="2">
        <v>6.0000000000000001E-3</v>
      </c>
      <c r="X25871" s="2">
        <v>129.5</v>
      </c>
      <c r="Y25871" s="2">
        <v>7</v>
      </c>
      <c r="Z25871" s="2">
        <v>7</v>
      </c>
      <c r="AA25871" s="5">
        <v>70</v>
      </c>
      <c r="AB25871" s="5" t="s">
        <v>43</v>
      </c>
      <c r="AC25871" s="5" t="s">
        <v>44</v>
      </c>
      <c r="AD25871" s="2" t="s">
        <v>83124</v>
      </c>
      <c r="AE25871" s="1"/>
    </row>
    <row r="25872" spans="1:31" ht="14.45">
      <c r="A25872" s="11"/>
      <c r="B25872" s="20"/>
      <c r="C25872" s="2" t="s">
        <v>83125</v>
      </c>
      <c r="D25872" s="14" t="s">
        <v>83126</v>
      </c>
      <c r="E25872" s="2" t="s">
        <v>83127</v>
      </c>
      <c r="F25872" s="2" t="s">
        <v>83128</v>
      </c>
      <c r="G25872" s="8">
        <v>58</v>
      </c>
      <c r="H25872" s="5">
        <v>5</v>
      </c>
      <c r="I25872" s="5" t="s">
        <v>69</v>
      </c>
      <c r="J25872" s="5" t="s">
        <v>28207</v>
      </c>
      <c r="K25872" s="2" t="s">
        <v>28208</v>
      </c>
      <c r="L25872" s="5" t="s">
        <v>28207</v>
      </c>
      <c r="M25872" s="2" t="s">
        <v>28208</v>
      </c>
      <c r="N25872" s="5" t="s">
        <v>733</v>
      </c>
      <c r="O25872" s="5" t="s">
        <v>38</v>
      </c>
      <c r="P25872" s="5" t="s">
        <v>39</v>
      </c>
      <c r="Q25872" s="5" t="s">
        <v>40</v>
      </c>
      <c r="R25872" s="5" t="s">
        <v>24335</v>
      </c>
      <c r="S25872" s="5" t="s">
        <v>40</v>
      </c>
      <c r="T25872" s="5" t="s">
        <v>42</v>
      </c>
      <c r="U25872" s="2">
        <v>0.96199999999999997</v>
      </c>
      <c r="V25872" s="2">
        <v>0.50900000000000001</v>
      </c>
      <c r="W25872" s="2">
        <v>8.0000000000000002E-3</v>
      </c>
      <c r="X25872" s="2">
        <v>159.5</v>
      </c>
      <c r="Y25872" s="2">
        <v>7</v>
      </c>
      <c r="Z25872" s="2">
        <v>7</v>
      </c>
      <c r="AA25872" s="5">
        <v>70</v>
      </c>
      <c r="AB25872" s="5" t="s">
        <v>43</v>
      </c>
      <c r="AC25872" s="5" t="s">
        <v>44</v>
      </c>
      <c r="AD25872" s="2" t="s">
        <v>83124</v>
      </c>
      <c r="AE25872" s="1"/>
    </row>
    <row r="25873" spans="1:31" ht="14.45">
      <c r="A25873" s="11"/>
      <c r="B25873" s="20"/>
      <c r="C25873" s="2" t="s">
        <v>83129</v>
      </c>
      <c r="D25873" s="14" t="s">
        <v>83130</v>
      </c>
      <c r="E25873" s="2" t="s">
        <v>83131</v>
      </c>
      <c r="F25873" s="2"/>
      <c r="G25873" s="8">
        <v>41</v>
      </c>
      <c r="H25873" s="5">
        <v>5</v>
      </c>
      <c r="I25873" s="5" t="s">
        <v>34</v>
      </c>
      <c r="J25873" s="5" t="s">
        <v>82312</v>
      </c>
      <c r="K25873" s="2" t="s">
        <v>82313</v>
      </c>
      <c r="L25873" s="5" t="s">
        <v>82312</v>
      </c>
      <c r="M25873" s="2" t="s">
        <v>82313</v>
      </c>
      <c r="N25873" s="5" t="s">
        <v>72</v>
      </c>
      <c r="O25873" s="5" t="s">
        <v>38</v>
      </c>
      <c r="P25873" s="5" t="s">
        <v>39</v>
      </c>
      <c r="Q25873" s="5" t="s">
        <v>40</v>
      </c>
      <c r="R25873" s="5" t="s">
        <v>68413</v>
      </c>
      <c r="S25873" s="5" t="s">
        <v>40</v>
      </c>
      <c r="T25873" s="5" t="s">
        <v>125</v>
      </c>
      <c r="U25873" s="2">
        <v>0.625</v>
      </c>
      <c r="V25873" s="2">
        <v>0.503</v>
      </c>
      <c r="W25873" s="2">
        <v>2E-3</v>
      </c>
      <c r="X25873" s="2">
        <v>109.8</v>
      </c>
      <c r="Y25873" s="2">
        <v>4.3</v>
      </c>
      <c r="Z25873" s="2">
        <v>4.3</v>
      </c>
      <c r="AA25873" s="5"/>
      <c r="AB25873" s="5" t="s">
        <v>43</v>
      </c>
      <c r="AC25873" s="5" t="s">
        <v>44</v>
      </c>
      <c r="AD25873" s="2"/>
      <c r="AE25873" s="1"/>
    </row>
    <row r="25874" spans="1:31" ht="14.45">
      <c r="A25874" s="11"/>
      <c r="B25874" s="20"/>
      <c r="C25874" s="2" t="s">
        <v>83132</v>
      </c>
      <c r="D25874" s="14" t="s">
        <v>83133</v>
      </c>
      <c r="E25874" s="2" t="s">
        <v>83134</v>
      </c>
      <c r="F25874" s="2" t="s">
        <v>83135</v>
      </c>
      <c r="G25874" s="8">
        <v>28</v>
      </c>
      <c r="H25874" s="5">
        <v>4</v>
      </c>
      <c r="I25874" s="5" t="s">
        <v>34</v>
      </c>
      <c r="J25874" s="5" t="s">
        <v>35</v>
      </c>
      <c r="K25874" s="2" t="s">
        <v>36</v>
      </c>
      <c r="L25874" s="5" t="s">
        <v>35</v>
      </c>
      <c r="M25874" s="2" t="s">
        <v>36</v>
      </c>
      <c r="N25874" s="5" t="s">
        <v>72</v>
      </c>
      <c r="O25874" s="5" t="s">
        <v>38</v>
      </c>
      <c r="P25874" s="5" t="s">
        <v>39</v>
      </c>
      <c r="Q25874" s="5" t="s">
        <v>40</v>
      </c>
      <c r="R25874" s="5" t="s">
        <v>83136</v>
      </c>
      <c r="S25874" s="5" t="s">
        <v>40</v>
      </c>
      <c r="T25874" s="5" t="s">
        <v>42</v>
      </c>
      <c r="U25874" s="2">
        <v>0.35</v>
      </c>
      <c r="V25874" s="2">
        <v>0.26100000000000001</v>
      </c>
      <c r="W25874" s="2">
        <v>2E-3</v>
      </c>
      <c r="X25874" s="2">
        <v>19.8</v>
      </c>
      <c r="Y25874" s="2">
        <v>12</v>
      </c>
      <c r="Z25874" s="2">
        <v>6.7</v>
      </c>
      <c r="AA25874" s="5"/>
      <c r="AB25874" s="5" t="s">
        <v>43</v>
      </c>
      <c r="AC25874" s="5" t="s">
        <v>44</v>
      </c>
      <c r="AD25874" s="2"/>
      <c r="AE25874" s="1"/>
    </row>
    <row r="25875" spans="1:31" ht="14.45">
      <c r="A25875" s="11"/>
      <c r="B25875" s="20"/>
      <c r="C25875" s="2" t="s">
        <v>83137</v>
      </c>
      <c r="D25875" s="14" t="s">
        <v>83138</v>
      </c>
      <c r="E25875" s="2" t="s">
        <v>83139</v>
      </c>
      <c r="F25875" s="2" t="s">
        <v>83140</v>
      </c>
      <c r="G25875" s="8">
        <v>28</v>
      </c>
      <c r="H25875" s="5">
        <v>4</v>
      </c>
      <c r="I25875" s="5" t="s">
        <v>34</v>
      </c>
      <c r="J25875" s="5" t="s">
        <v>35</v>
      </c>
      <c r="K25875" s="2" t="s">
        <v>36</v>
      </c>
      <c r="L25875" s="5" t="s">
        <v>35</v>
      </c>
      <c r="M25875" s="2" t="s">
        <v>36</v>
      </c>
      <c r="N25875" s="5" t="s">
        <v>72</v>
      </c>
      <c r="O25875" s="5" t="s">
        <v>38</v>
      </c>
      <c r="P25875" s="5" t="s">
        <v>39</v>
      </c>
      <c r="Q25875" s="5" t="s">
        <v>40</v>
      </c>
      <c r="R25875" s="5" t="s">
        <v>83136</v>
      </c>
      <c r="S25875" s="5" t="s">
        <v>40</v>
      </c>
      <c r="T25875" s="5" t="s">
        <v>42</v>
      </c>
      <c r="U25875" s="2">
        <v>0.35</v>
      </c>
      <c r="V25875" s="2">
        <v>0.26100000000000001</v>
      </c>
      <c r="W25875" s="2">
        <v>2E-3</v>
      </c>
      <c r="X25875" s="2">
        <v>19.8</v>
      </c>
      <c r="Y25875" s="2">
        <v>12</v>
      </c>
      <c r="Z25875" s="2">
        <v>6.7</v>
      </c>
      <c r="AA25875" s="5"/>
      <c r="AB25875" s="5" t="s">
        <v>43</v>
      </c>
      <c r="AC25875" s="5" t="s">
        <v>44</v>
      </c>
      <c r="AD25875" s="2"/>
      <c r="AE25875" s="1"/>
    </row>
    <row r="25876" spans="1:31" ht="14.45">
      <c r="A25876" s="11"/>
      <c r="B25876" s="20"/>
      <c r="C25876" s="2" t="s">
        <v>83141</v>
      </c>
      <c r="D25876" s="14" t="s">
        <v>83142</v>
      </c>
      <c r="E25876" s="2" t="s">
        <v>83143</v>
      </c>
      <c r="F25876" s="2" t="s">
        <v>83140</v>
      </c>
      <c r="G25876" s="8">
        <v>37</v>
      </c>
      <c r="H25876" s="5">
        <v>4</v>
      </c>
      <c r="I25876" s="5" t="s">
        <v>34</v>
      </c>
      <c r="J25876" s="5" t="s">
        <v>35</v>
      </c>
      <c r="K25876" s="2" t="s">
        <v>36</v>
      </c>
      <c r="L25876" s="5" t="s">
        <v>35</v>
      </c>
      <c r="M25876" s="2" t="s">
        <v>36</v>
      </c>
      <c r="N25876" s="5" t="s">
        <v>72</v>
      </c>
      <c r="O25876" s="5" t="s">
        <v>38</v>
      </c>
      <c r="P25876" s="5" t="s">
        <v>39</v>
      </c>
      <c r="Q25876" s="5" t="s">
        <v>40</v>
      </c>
      <c r="R25876" s="5" t="s">
        <v>83136</v>
      </c>
      <c r="S25876" s="5" t="s">
        <v>40</v>
      </c>
      <c r="T25876" s="5" t="s">
        <v>42</v>
      </c>
      <c r="U25876" s="2">
        <v>0.53200000000000003</v>
      </c>
      <c r="V25876" s="2">
        <v>0.443</v>
      </c>
      <c r="W25876" s="2">
        <v>2E-3</v>
      </c>
      <c r="X25876" s="2">
        <v>19.8</v>
      </c>
      <c r="Y25876" s="2">
        <v>12</v>
      </c>
      <c r="Z25876" s="2">
        <v>6.7</v>
      </c>
      <c r="AA25876" s="5"/>
      <c r="AB25876" s="5" t="s">
        <v>43</v>
      </c>
      <c r="AC25876" s="5" t="s">
        <v>44</v>
      </c>
      <c r="AD25876" s="2"/>
      <c r="AE25876" s="1"/>
    </row>
    <row r="25877" spans="1:31" ht="14.45">
      <c r="A25877" s="11"/>
      <c r="B25877" s="20"/>
      <c r="C25877" s="2" t="s">
        <v>83144</v>
      </c>
      <c r="D25877" s="14" t="s">
        <v>83145</v>
      </c>
      <c r="E25877" s="2" t="s">
        <v>83146</v>
      </c>
      <c r="F25877" s="2" t="s">
        <v>83147</v>
      </c>
      <c r="G25877" s="8">
        <v>20</v>
      </c>
      <c r="H25877" s="5">
        <v>4</v>
      </c>
      <c r="I25877" s="5" t="s">
        <v>34</v>
      </c>
      <c r="J25877" s="5" t="s">
        <v>35</v>
      </c>
      <c r="K25877" s="2" t="s">
        <v>36</v>
      </c>
      <c r="L25877" s="5" t="s">
        <v>35</v>
      </c>
      <c r="M25877" s="2" t="s">
        <v>36</v>
      </c>
      <c r="N25877" s="5" t="s">
        <v>72</v>
      </c>
      <c r="O25877" s="5" t="s">
        <v>38</v>
      </c>
      <c r="P25877" s="5" t="s">
        <v>39</v>
      </c>
      <c r="Q25877" s="5" t="s">
        <v>40</v>
      </c>
      <c r="R25877" s="5" t="s">
        <v>83148</v>
      </c>
      <c r="S25877" s="5" t="s">
        <v>40</v>
      </c>
      <c r="T25877" s="5" t="s">
        <v>42</v>
      </c>
      <c r="U25877" s="2">
        <v>0.50900000000000001</v>
      </c>
      <c r="V25877" s="2">
        <v>0.42</v>
      </c>
      <c r="W25877" s="2">
        <v>2E-3</v>
      </c>
      <c r="X25877" s="2">
        <v>19.8</v>
      </c>
      <c r="Y25877" s="2">
        <v>12</v>
      </c>
      <c r="Z25877" s="2">
        <v>6.7</v>
      </c>
      <c r="AA25877" s="5"/>
      <c r="AB25877" s="5" t="s">
        <v>43</v>
      </c>
      <c r="AC25877" s="5" t="s">
        <v>44</v>
      </c>
      <c r="AD25877" s="2"/>
      <c r="AE25877" s="1"/>
    </row>
    <row r="25878" spans="1:31" ht="14.45">
      <c r="A25878" s="11"/>
      <c r="B25878" s="20"/>
      <c r="C25878" s="2" t="s">
        <v>83149</v>
      </c>
      <c r="D25878" s="14" t="s">
        <v>83150</v>
      </c>
      <c r="E25878" s="2" t="s">
        <v>83151</v>
      </c>
      <c r="F25878" s="2" t="s">
        <v>83152</v>
      </c>
      <c r="G25878" s="8">
        <v>19</v>
      </c>
      <c r="H25878" s="5">
        <v>4</v>
      </c>
      <c r="I25878" s="5" t="s">
        <v>34</v>
      </c>
      <c r="J25878" s="5" t="s">
        <v>35</v>
      </c>
      <c r="K25878" s="2" t="s">
        <v>36</v>
      </c>
      <c r="L25878" s="5" t="s">
        <v>35</v>
      </c>
      <c r="M25878" s="2" t="s">
        <v>36</v>
      </c>
      <c r="N25878" s="5" t="s">
        <v>72</v>
      </c>
      <c r="O25878" s="5" t="s">
        <v>38</v>
      </c>
      <c r="P25878" s="5" t="s">
        <v>39</v>
      </c>
      <c r="Q25878" s="5" t="s">
        <v>40</v>
      </c>
      <c r="R25878" s="5" t="s">
        <v>73</v>
      </c>
      <c r="S25878" s="5" t="s">
        <v>40</v>
      </c>
      <c r="T25878" s="5" t="s">
        <v>42</v>
      </c>
      <c r="U25878" s="2">
        <v>0.14000000000000001</v>
      </c>
      <c r="V25878" s="2">
        <v>2.4E-2</v>
      </c>
      <c r="W25878" s="2">
        <v>1E-3</v>
      </c>
      <c r="X25878" s="2">
        <v>23</v>
      </c>
      <c r="Y25878" s="2">
        <v>11</v>
      </c>
      <c r="Z25878" s="2">
        <v>5</v>
      </c>
      <c r="AA25878" s="5"/>
      <c r="AB25878" s="5" t="s">
        <v>43</v>
      </c>
      <c r="AC25878" s="5" t="s">
        <v>44</v>
      </c>
      <c r="AD25878" s="2"/>
      <c r="AE25878" s="1"/>
    </row>
    <row r="25879" spans="1:31" ht="14.45">
      <c r="A25879" s="11"/>
      <c r="B25879" s="20"/>
      <c r="C25879" s="2" t="s">
        <v>83153</v>
      </c>
      <c r="D25879" s="14" t="s">
        <v>83154</v>
      </c>
      <c r="E25879" s="2" t="s">
        <v>83155</v>
      </c>
      <c r="F25879" s="2" t="s">
        <v>83156</v>
      </c>
      <c r="G25879" s="8">
        <v>28</v>
      </c>
      <c r="H25879" s="5">
        <v>4</v>
      </c>
      <c r="I25879" s="5" t="s">
        <v>34</v>
      </c>
      <c r="J25879" s="5" t="s">
        <v>35</v>
      </c>
      <c r="K25879" s="2" t="s">
        <v>36</v>
      </c>
      <c r="L25879" s="5" t="s">
        <v>35</v>
      </c>
      <c r="M25879" s="2" t="s">
        <v>36</v>
      </c>
      <c r="N25879" s="5" t="s">
        <v>72</v>
      </c>
      <c r="O25879" s="5" t="s">
        <v>38</v>
      </c>
      <c r="P25879" s="5" t="s">
        <v>39</v>
      </c>
      <c r="Q25879" s="5" t="s">
        <v>40</v>
      </c>
      <c r="R25879" s="5" t="s">
        <v>83136</v>
      </c>
      <c r="S25879" s="5" t="s">
        <v>40</v>
      </c>
      <c r="T25879" s="5" t="s">
        <v>42</v>
      </c>
      <c r="U25879" s="2">
        <v>0.35</v>
      </c>
      <c r="V25879" s="2">
        <v>0.26100000000000001</v>
      </c>
      <c r="W25879" s="2">
        <v>2E-3</v>
      </c>
      <c r="X25879" s="2">
        <v>19.8</v>
      </c>
      <c r="Y25879" s="2">
        <v>12</v>
      </c>
      <c r="Z25879" s="2">
        <v>6.7</v>
      </c>
      <c r="AA25879" s="5"/>
      <c r="AB25879" s="5" t="s">
        <v>43</v>
      </c>
      <c r="AC25879" s="5" t="s">
        <v>44</v>
      </c>
      <c r="AD25879" s="2"/>
      <c r="AE25879" s="1"/>
    </row>
    <row r="25880" spans="1:31" ht="14.45">
      <c r="A25880" s="11"/>
      <c r="B25880" s="20"/>
      <c r="C25880" s="2" t="s">
        <v>83157</v>
      </c>
      <c r="D25880" s="14" t="s">
        <v>83158</v>
      </c>
      <c r="E25880" s="2" t="s">
        <v>83159</v>
      </c>
      <c r="F25880" s="2"/>
      <c r="G25880" s="8">
        <v>20</v>
      </c>
      <c r="H25880" s="5">
        <v>5</v>
      </c>
      <c r="I25880" s="5" t="s">
        <v>69</v>
      </c>
      <c r="J25880" s="5" t="s">
        <v>70</v>
      </c>
      <c r="K25880" s="2" t="s">
        <v>71</v>
      </c>
      <c r="L25880" s="5" t="s">
        <v>70</v>
      </c>
      <c r="M25880" s="2" t="s">
        <v>71</v>
      </c>
      <c r="N25880" s="5" t="s">
        <v>72</v>
      </c>
      <c r="O25880" s="5" t="s">
        <v>38</v>
      </c>
      <c r="P25880" s="5" t="s">
        <v>39</v>
      </c>
      <c r="Q25880" s="5" t="s">
        <v>40</v>
      </c>
      <c r="R25880" s="5" t="s">
        <v>83160</v>
      </c>
      <c r="S25880" s="5" t="s">
        <v>40</v>
      </c>
      <c r="T25880" s="5" t="s">
        <v>42</v>
      </c>
      <c r="U25880" s="2">
        <v>0.53300000000000003</v>
      </c>
      <c r="V25880" s="2">
        <v>0.53300000000000003</v>
      </c>
      <c r="W25880" s="2">
        <v>5.0000000000000001E-3</v>
      </c>
      <c r="X25880" s="2">
        <v>48.2</v>
      </c>
      <c r="Y25880" s="2">
        <v>15.9</v>
      </c>
      <c r="Z25880" s="2">
        <v>6</v>
      </c>
      <c r="AA25880" s="5">
        <v>48</v>
      </c>
      <c r="AB25880" s="5" t="s">
        <v>43</v>
      </c>
      <c r="AC25880" s="5" t="s">
        <v>44</v>
      </c>
      <c r="AD25880" s="2" t="s">
        <v>83161</v>
      </c>
      <c r="AE25880" s="1"/>
    </row>
    <row r="25881" spans="1:31" ht="14.45">
      <c r="A25881" s="11"/>
      <c r="B25881" s="20"/>
      <c r="C25881" s="2" t="s">
        <v>83162</v>
      </c>
      <c r="D25881" s="14" t="s">
        <v>83163</v>
      </c>
      <c r="E25881" s="2" t="s">
        <v>83164</v>
      </c>
      <c r="F25881" s="2" t="s">
        <v>83165</v>
      </c>
      <c r="G25881" s="8">
        <v>59</v>
      </c>
      <c r="H25881" s="5">
        <v>5</v>
      </c>
      <c r="I25881" s="5" t="s">
        <v>69</v>
      </c>
      <c r="J25881" s="5" t="s">
        <v>82177</v>
      </c>
      <c r="K25881" s="2" t="s">
        <v>82178</v>
      </c>
      <c r="L25881" s="5" t="s">
        <v>82177</v>
      </c>
      <c r="M25881" s="2" t="s">
        <v>82178</v>
      </c>
      <c r="N25881" s="5" t="s">
        <v>72</v>
      </c>
      <c r="O25881" s="5" t="s">
        <v>38</v>
      </c>
      <c r="P25881" s="5" t="s">
        <v>39</v>
      </c>
      <c r="Q25881" s="5" t="s">
        <v>40</v>
      </c>
      <c r="R25881" s="5" t="s">
        <v>41</v>
      </c>
      <c r="S25881" s="5" t="s">
        <v>40</v>
      </c>
      <c r="T25881" s="5" t="s">
        <v>42</v>
      </c>
      <c r="U25881" s="2">
        <v>5.335</v>
      </c>
      <c r="V25881" s="2">
        <v>5.0460000000000003</v>
      </c>
      <c r="W25881" s="2">
        <v>4.0000000000000001E-3</v>
      </c>
      <c r="X25881" s="2">
        <v>7</v>
      </c>
      <c r="Y25881" s="2">
        <v>7</v>
      </c>
      <c r="Z25881" s="2">
        <v>86.8</v>
      </c>
      <c r="AA25881" s="5">
        <v>48</v>
      </c>
      <c r="AB25881" s="5" t="s">
        <v>43</v>
      </c>
      <c r="AC25881" s="5" t="s">
        <v>44</v>
      </c>
      <c r="AD25881" s="2" t="s">
        <v>83166</v>
      </c>
      <c r="AE25881" s="1"/>
    </row>
    <row r="25882" spans="1:31" ht="14.45">
      <c r="A25882" s="11"/>
      <c r="B25882" s="20"/>
      <c r="C25882" s="2" t="s">
        <v>83167</v>
      </c>
      <c r="D25882" s="14" t="s">
        <v>83168</v>
      </c>
      <c r="E25882" s="2" t="s">
        <v>83169</v>
      </c>
      <c r="F25882" s="2" t="s">
        <v>83170</v>
      </c>
      <c r="G25882" s="8">
        <v>48</v>
      </c>
      <c r="H25882" s="5">
        <v>5</v>
      </c>
      <c r="I25882" s="5" t="s">
        <v>69</v>
      </c>
      <c r="J25882" s="5" t="s">
        <v>731</v>
      </c>
      <c r="K25882" s="2" t="s">
        <v>732</v>
      </c>
      <c r="L25882" s="5" t="s">
        <v>731</v>
      </c>
      <c r="M25882" s="2" t="s">
        <v>732</v>
      </c>
      <c r="N25882" s="5" t="s">
        <v>72</v>
      </c>
      <c r="O25882" s="5" t="s">
        <v>38</v>
      </c>
      <c r="P25882" s="5" t="s">
        <v>39</v>
      </c>
      <c r="Q25882" s="5" t="s">
        <v>40</v>
      </c>
      <c r="R25882" s="5" t="s">
        <v>41</v>
      </c>
      <c r="S25882" s="5" t="s">
        <v>40</v>
      </c>
      <c r="T25882" s="5" t="s">
        <v>42</v>
      </c>
      <c r="U25882" s="2">
        <v>1.62</v>
      </c>
      <c r="V25882" s="2">
        <v>1.3080000000000001</v>
      </c>
      <c r="W25882" s="2">
        <v>4.0000000000000001E-3</v>
      </c>
      <c r="X25882" s="2">
        <v>7</v>
      </c>
      <c r="Y25882" s="2">
        <v>7</v>
      </c>
      <c r="Z25882" s="2">
        <v>86.8</v>
      </c>
      <c r="AA25882" s="5">
        <v>48</v>
      </c>
      <c r="AB25882" s="5" t="s">
        <v>43</v>
      </c>
      <c r="AC25882" s="5" t="s">
        <v>44</v>
      </c>
      <c r="AD25882" s="2" t="s">
        <v>83166</v>
      </c>
      <c r="AE25882" s="1"/>
    </row>
    <row r="25883" spans="1:31" ht="14.45">
      <c r="A25883" s="11"/>
      <c r="B25883" s="20"/>
      <c r="C25883" s="2" t="s">
        <v>83171</v>
      </c>
      <c r="D25883" s="14" t="s">
        <v>83172</v>
      </c>
      <c r="E25883" s="2" t="s">
        <v>83173</v>
      </c>
      <c r="F25883" s="2" t="s">
        <v>83170</v>
      </c>
      <c r="G25883" s="8">
        <v>50</v>
      </c>
      <c r="H25883" s="5">
        <v>5</v>
      </c>
      <c r="I25883" s="5" t="s">
        <v>69</v>
      </c>
      <c r="J25883" s="5" t="s">
        <v>731</v>
      </c>
      <c r="K25883" s="2" t="s">
        <v>732</v>
      </c>
      <c r="L25883" s="5" t="s">
        <v>731</v>
      </c>
      <c r="M25883" s="2" t="s">
        <v>732</v>
      </c>
      <c r="N25883" s="5" t="s">
        <v>72</v>
      </c>
      <c r="O25883" s="5" t="s">
        <v>38</v>
      </c>
      <c r="P25883" s="5" t="s">
        <v>39</v>
      </c>
      <c r="Q25883" s="5" t="s">
        <v>40</v>
      </c>
      <c r="R25883" s="5" t="s">
        <v>41</v>
      </c>
      <c r="S25883" s="5" t="s">
        <v>40</v>
      </c>
      <c r="T25883" s="5" t="s">
        <v>42</v>
      </c>
      <c r="U25883" s="2">
        <v>1.7749999999999999</v>
      </c>
      <c r="V25883" s="2">
        <v>1.4019999999999999</v>
      </c>
      <c r="W25883" s="2">
        <v>5.0000000000000001E-3</v>
      </c>
      <c r="X25883" s="2">
        <v>7</v>
      </c>
      <c r="Y25883" s="2">
        <v>7</v>
      </c>
      <c r="Z25883" s="2">
        <v>106.8</v>
      </c>
      <c r="AA25883" s="5">
        <v>48</v>
      </c>
      <c r="AB25883" s="5" t="s">
        <v>43</v>
      </c>
      <c r="AC25883" s="5" t="s">
        <v>44</v>
      </c>
      <c r="AD25883" s="2" t="s">
        <v>83166</v>
      </c>
      <c r="AE25883" s="1"/>
    </row>
    <row r="25884" spans="1:31" ht="14.45">
      <c r="A25884" s="11"/>
      <c r="B25884" s="20"/>
      <c r="C25884" s="2" t="s">
        <v>83174</v>
      </c>
      <c r="D25884" s="14" t="s">
        <v>83175</v>
      </c>
      <c r="E25884" s="2" t="s">
        <v>83176</v>
      </c>
      <c r="F25884" s="2" t="s">
        <v>83170</v>
      </c>
      <c r="G25884" s="8">
        <v>53</v>
      </c>
      <c r="H25884" s="5">
        <v>5</v>
      </c>
      <c r="I25884" s="5" t="s">
        <v>69</v>
      </c>
      <c r="J25884" s="5" t="s">
        <v>731</v>
      </c>
      <c r="K25884" s="2" t="s">
        <v>732</v>
      </c>
      <c r="L25884" s="5" t="s">
        <v>731</v>
      </c>
      <c r="M25884" s="2" t="s">
        <v>732</v>
      </c>
      <c r="N25884" s="5" t="s">
        <v>72</v>
      </c>
      <c r="O25884" s="5" t="s">
        <v>38</v>
      </c>
      <c r="P25884" s="5" t="s">
        <v>39</v>
      </c>
      <c r="Q25884" s="5" t="s">
        <v>40</v>
      </c>
      <c r="R25884" s="5" t="s">
        <v>41</v>
      </c>
      <c r="S25884" s="5" t="s">
        <v>40</v>
      </c>
      <c r="T25884" s="5" t="s">
        <v>42</v>
      </c>
      <c r="U25884" s="2">
        <v>1.8009999999999999</v>
      </c>
      <c r="V25884" s="2">
        <v>1.4279999999999999</v>
      </c>
      <c r="W25884" s="2">
        <v>5.0000000000000001E-3</v>
      </c>
      <c r="X25884" s="2">
        <v>7</v>
      </c>
      <c r="Y25884" s="2">
        <v>7</v>
      </c>
      <c r="Z25884" s="2">
        <v>106.8</v>
      </c>
      <c r="AA25884" s="5">
        <v>48</v>
      </c>
      <c r="AB25884" s="5" t="s">
        <v>43</v>
      </c>
      <c r="AC25884" s="5" t="s">
        <v>44</v>
      </c>
      <c r="AD25884" s="2" t="s">
        <v>83166</v>
      </c>
      <c r="AE25884" s="1"/>
    </row>
    <row r="25885" spans="1:31" ht="14.45">
      <c r="A25885" s="11"/>
      <c r="B25885" s="20"/>
      <c r="C25885" s="2" t="s">
        <v>83177</v>
      </c>
      <c r="D25885" s="14" t="s">
        <v>83178</v>
      </c>
      <c r="E25885" s="2" t="s">
        <v>83179</v>
      </c>
      <c r="F25885" s="2" t="s">
        <v>83170</v>
      </c>
      <c r="G25885" s="8">
        <v>55</v>
      </c>
      <c r="H25885" s="5">
        <v>5</v>
      </c>
      <c r="I25885" s="5" t="s">
        <v>69</v>
      </c>
      <c r="J25885" s="5" t="s">
        <v>731</v>
      </c>
      <c r="K25885" s="2" t="s">
        <v>732</v>
      </c>
      <c r="L25885" s="5" t="s">
        <v>731</v>
      </c>
      <c r="M25885" s="2" t="s">
        <v>732</v>
      </c>
      <c r="N25885" s="5" t="s">
        <v>72</v>
      </c>
      <c r="O25885" s="5" t="s">
        <v>38</v>
      </c>
      <c r="P25885" s="5" t="s">
        <v>39</v>
      </c>
      <c r="Q25885" s="5" t="s">
        <v>40</v>
      </c>
      <c r="R25885" s="5" t="s">
        <v>41</v>
      </c>
      <c r="S25885" s="5" t="s">
        <v>40</v>
      </c>
      <c r="T25885" s="5" t="s">
        <v>42</v>
      </c>
      <c r="U25885" s="2">
        <v>1.88</v>
      </c>
      <c r="V25885" s="2">
        <v>1.476</v>
      </c>
      <c r="W25885" s="2">
        <v>5.0000000000000001E-3</v>
      </c>
      <c r="X25885" s="2">
        <v>7</v>
      </c>
      <c r="Y25885" s="2">
        <v>7</v>
      </c>
      <c r="Z25885" s="2">
        <v>106.8</v>
      </c>
      <c r="AA25885" s="5">
        <v>48</v>
      </c>
      <c r="AB25885" s="5" t="s">
        <v>43</v>
      </c>
      <c r="AC25885" s="5" t="s">
        <v>44</v>
      </c>
      <c r="AD25885" s="2" t="s">
        <v>83166</v>
      </c>
      <c r="AE25885" s="1"/>
    </row>
    <row r="25886" spans="1:31" ht="14.45">
      <c r="A25886" s="11"/>
      <c r="B25886" s="20"/>
      <c r="C25886" s="2" t="s">
        <v>83180</v>
      </c>
      <c r="D25886" s="14" t="s">
        <v>83181</v>
      </c>
      <c r="E25886" s="2" t="s">
        <v>83182</v>
      </c>
      <c r="F25886" s="2" t="s">
        <v>83170</v>
      </c>
      <c r="G25886" s="8">
        <v>61</v>
      </c>
      <c r="H25886" s="5">
        <v>5</v>
      </c>
      <c r="I25886" s="5" t="s">
        <v>69</v>
      </c>
      <c r="J25886" s="5" t="s">
        <v>731</v>
      </c>
      <c r="K25886" s="2" t="s">
        <v>732</v>
      </c>
      <c r="L25886" s="5" t="s">
        <v>731</v>
      </c>
      <c r="M25886" s="2" t="s">
        <v>732</v>
      </c>
      <c r="N25886" s="5" t="s">
        <v>72</v>
      </c>
      <c r="O25886" s="5" t="s">
        <v>38</v>
      </c>
      <c r="P25886" s="5" t="s">
        <v>39</v>
      </c>
      <c r="Q25886" s="5" t="s">
        <v>40</v>
      </c>
      <c r="R25886" s="5" t="s">
        <v>41</v>
      </c>
      <c r="S25886" s="5" t="s">
        <v>40</v>
      </c>
      <c r="T25886" s="5" t="s">
        <v>42</v>
      </c>
      <c r="U25886" s="2">
        <v>2.0489999999999999</v>
      </c>
      <c r="V25886" s="2">
        <v>1.5760000000000001</v>
      </c>
      <c r="W25886" s="2">
        <v>6.0000000000000001E-3</v>
      </c>
      <c r="X25886" s="2">
        <v>7</v>
      </c>
      <c r="Y25886" s="2">
        <v>7</v>
      </c>
      <c r="Z25886" s="2">
        <v>128</v>
      </c>
      <c r="AA25886" s="5">
        <v>48</v>
      </c>
      <c r="AB25886" s="5" t="s">
        <v>43</v>
      </c>
      <c r="AC25886" s="5" t="s">
        <v>44</v>
      </c>
      <c r="AD25886" s="2" t="s">
        <v>83166</v>
      </c>
      <c r="AE25886" s="1"/>
    </row>
    <row r="25887" spans="1:31" ht="14.45">
      <c r="A25887" s="11"/>
      <c r="B25887" s="20"/>
      <c r="C25887" s="2" t="s">
        <v>83183</v>
      </c>
      <c r="D25887" s="14" t="s">
        <v>83184</v>
      </c>
      <c r="E25887" s="2" t="s">
        <v>83185</v>
      </c>
      <c r="F25887" s="2" t="s">
        <v>83170</v>
      </c>
      <c r="G25887" s="8">
        <v>59</v>
      </c>
      <c r="H25887" s="5">
        <v>5</v>
      </c>
      <c r="I25887" s="5" t="s">
        <v>69</v>
      </c>
      <c r="J25887" s="5" t="s">
        <v>731</v>
      </c>
      <c r="K25887" s="2" t="s">
        <v>732</v>
      </c>
      <c r="L25887" s="5" t="s">
        <v>731</v>
      </c>
      <c r="M25887" s="2" t="s">
        <v>732</v>
      </c>
      <c r="N25887" s="5" t="s">
        <v>72</v>
      </c>
      <c r="O25887" s="5" t="s">
        <v>38</v>
      </c>
      <c r="P25887" s="5" t="s">
        <v>39</v>
      </c>
      <c r="Q25887" s="5" t="s">
        <v>40</v>
      </c>
      <c r="R25887" s="5" t="s">
        <v>41</v>
      </c>
      <c r="S25887" s="5" t="s">
        <v>40</v>
      </c>
      <c r="T25887" s="5" t="s">
        <v>42</v>
      </c>
      <c r="U25887" s="2">
        <v>1.9279999999999999</v>
      </c>
      <c r="V25887" s="2">
        <v>1.524</v>
      </c>
      <c r="W25887" s="2">
        <v>6.0000000000000001E-3</v>
      </c>
      <c r="X25887" s="2">
        <v>7</v>
      </c>
      <c r="Y25887" s="2">
        <v>7</v>
      </c>
      <c r="Z25887" s="2">
        <v>128.5</v>
      </c>
      <c r="AA25887" s="5">
        <v>48</v>
      </c>
      <c r="AB25887" s="5" t="s">
        <v>43</v>
      </c>
      <c r="AC25887" s="5" t="s">
        <v>44</v>
      </c>
      <c r="AD25887" s="2" t="s">
        <v>83166</v>
      </c>
      <c r="AE25887" s="1"/>
    </row>
    <row r="25888" spans="1:31" ht="14.45">
      <c r="A25888" s="11"/>
      <c r="B25888" s="20"/>
      <c r="C25888" s="2" t="s">
        <v>83186</v>
      </c>
      <c r="D25888" s="14" t="s">
        <v>83187</v>
      </c>
      <c r="E25888" s="2" t="s">
        <v>83188</v>
      </c>
      <c r="F25888" s="2" t="s">
        <v>83170</v>
      </c>
      <c r="G25888" s="8">
        <v>71</v>
      </c>
      <c r="H25888" s="5">
        <v>5</v>
      </c>
      <c r="I25888" s="5" t="s">
        <v>69</v>
      </c>
      <c r="J25888" s="5" t="s">
        <v>731</v>
      </c>
      <c r="K25888" s="2" t="s">
        <v>732</v>
      </c>
      <c r="L25888" s="5" t="s">
        <v>731</v>
      </c>
      <c r="M25888" s="2" t="s">
        <v>732</v>
      </c>
      <c r="N25888" s="5" t="s">
        <v>72</v>
      </c>
      <c r="O25888" s="5" t="s">
        <v>38</v>
      </c>
      <c r="P25888" s="5" t="s">
        <v>39</v>
      </c>
      <c r="Q25888" s="5" t="s">
        <v>40</v>
      </c>
      <c r="R25888" s="5" t="s">
        <v>41</v>
      </c>
      <c r="S25888" s="5" t="s">
        <v>40</v>
      </c>
      <c r="T25888" s="5" t="s">
        <v>42</v>
      </c>
      <c r="U25888" s="2">
        <v>2.1949999999999998</v>
      </c>
      <c r="V25888" s="2">
        <v>1.63</v>
      </c>
      <c r="W25888" s="2">
        <v>8.0000000000000002E-3</v>
      </c>
      <c r="X25888" s="2">
        <v>7</v>
      </c>
      <c r="Y25888" s="2">
        <v>7</v>
      </c>
      <c r="Z25888" s="2">
        <v>158</v>
      </c>
      <c r="AA25888" s="5">
        <v>48</v>
      </c>
      <c r="AB25888" s="5" t="s">
        <v>43</v>
      </c>
      <c r="AC25888" s="5" t="s">
        <v>44</v>
      </c>
      <c r="AD25888" s="2" t="s">
        <v>83166</v>
      </c>
      <c r="AE25888" s="1"/>
    </row>
    <row r="25889" spans="1:31" ht="14.45">
      <c r="A25889" s="11"/>
      <c r="B25889" s="20"/>
      <c r="C25889" s="2" t="s">
        <v>83189</v>
      </c>
      <c r="D25889" s="14" t="s">
        <v>83190</v>
      </c>
      <c r="E25889" s="2" t="s">
        <v>83191</v>
      </c>
      <c r="F25889" s="2" t="s">
        <v>83170</v>
      </c>
      <c r="G25889" s="8">
        <v>69</v>
      </c>
      <c r="H25889" s="5">
        <v>5</v>
      </c>
      <c r="I25889" s="5" t="s">
        <v>69</v>
      </c>
      <c r="J25889" s="5" t="s">
        <v>731</v>
      </c>
      <c r="K25889" s="2" t="s">
        <v>732</v>
      </c>
      <c r="L25889" s="5" t="s">
        <v>731</v>
      </c>
      <c r="M25889" s="2" t="s">
        <v>732</v>
      </c>
      <c r="N25889" s="5" t="s">
        <v>72</v>
      </c>
      <c r="O25889" s="5" t="s">
        <v>38</v>
      </c>
      <c r="P25889" s="5" t="s">
        <v>39</v>
      </c>
      <c r="Q25889" s="5" t="s">
        <v>40</v>
      </c>
      <c r="R25889" s="5" t="s">
        <v>41</v>
      </c>
      <c r="S25889" s="5" t="s">
        <v>40</v>
      </c>
      <c r="T25889" s="5" t="s">
        <v>42</v>
      </c>
      <c r="U25889" s="2">
        <v>2.0249999999999999</v>
      </c>
      <c r="V25889" s="2">
        <v>1.5660000000000001</v>
      </c>
      <c r="W25889" s="2">
        <v>6.0000000000000001E-3</v>
      </c>
      <c r="X25889" s="2">
        <v>7</v>
      </c>
      <c r="Y25889" s="2">
        <v>7</v>
      </c>
      <c r="Z25889" s="2">
        <v>128</v>
      </c>
      <c r="AA25889" s="5">
        <v>48</v>
      </c>
      <c r="AB25889" s="5" t="s">
        <v>43</v>
      </c>
      <c r="AC25889" s="5" t="s">
        <v>44</v>
      </c>
      <c r="AD25889" s="2" t="s">
        <v>83166</v>
      </c>
      <c r="AE25889" s="1"/>
    </row>
    <row r="25890" spans="1:31" ht="14.45">
      <c r="A25890" s="11"/>
      <c r="B25890" s="20"/>
      <c r="C25890" s="2" t="s">
        <v>83192</v>
      </c>
      <c r="D25890" s="14" t="s">
        <v>83193</v>
      </c>
      <c r="E25890" s="2" t="s">
        <v>83194</v>
      </c>
      <c r="F25890" s="2" t="s">
        <v>83195</v>
      </c>
      <c r="G25890" s="8">
        <v>76</v>
      </c>
      <c r="H25890" s="5">
        <v>5</v>
      </c>
      <c r="I25890" s="5" t="s">
        <v>69</v>
      </c>
      <c r="J25890" s="5" t="s">
        <v>731</v>
      </c>
      <c r="K25890" s="2" t="s">
        <v>732</v>
      </c>
      <c r="L25890" s="5" t="s">
        <v>731</v>
      </c>
      <c r="M25890" s="2" t="s">
        <v>732</v>
      </c>
      <c r="N25890" s="5" t="s">
        <v>72</v>
      </c>
      <c r="O25890" s="5" t="s">
        <v>38</v>
      </c>
      <c r="P25890" s="5" t="s">
        <v>39</v>
      </c>
      <c r="Q25890" s="5" t="s">
        <v>40</v>
      </c>
      <c r="R25890" s="5" t="s">
        <v>41</v>
      </c>
      <c r="S25890" s="5" t="s">
        <v>40</v>
      </c>
      <c r="T25890" s="5" t="s">
        <v>42</v>
      </c>
      <c r="U25890" s="2">
        <v>2.177</v>
      </c>
      <c r="V25890" s="2">
        <v>1.6259999999999999</v>
      </c>
      <c r="W25890" s="2">
        <v>8.0000000000000002E-3</v>
      </c>
      <c r="X25890" s="2">
        <v>7</v>
      </c>
      <c r="Y25890" s="2">
        <v>7</v>
      </c>
      <c r="Z25890" s="2">
        <v>158</v>
      </c>
      <c r="AA25890" s="5">
        <v>48</v>
      </c>
      <c r="AB25890" s="5" t="s">
        <v>43</v>
      </c>
      <c r="AC25890" s="5" t="s">
        <v>44</v>
      </c>
      <c r="AD25890" s="2" t="s">
        <v>83166</v>
      </c>
      <c r="AE25890" s="1"/>
    </row>
    <row r="25891" spans="1:31" ht="14.45">
      <c r="A25891" s="11"/>
      <c r="B25891" s="20"/>
      <c r="C25891" s="2" t="s">
        <v>83196</v>
      </c>
      <c r="D25891" s="14" t="s">
        <v>83197</v>
      </c>
      <c r="E25891" s="2" t="s">
        <v>83198</v>
      </c>
      <c r="F25891" s="2" t="s">
        <v>83199</v>
      </c>
      <c r="G25891" s="8">
        <v>71</v>
      </c>
      <c r="H25891" s="5">
        <v>19</v>
      </c>
      <c r="I25891" s="5" t="s">
        <v>69</v>
      </c>
      <c r="J25891" s="5" t="s">
        <v>731</v>
      </c>
      <c r="K25891" s="2" t="s">
        <v>732</v>
      </c>
      <c r="L25891" s="5" t="s">
        <v>731</v>
      </c>
      <c r="M25891" s="2" t="s">
        <v>732</v>
      </c>
      <c r="N25891" s="5" t="s">
        <v>72</v>
      </c>
      <c r="O25891" s="5" t="s">
        <v>38</v>
      </c>
      <c r="P25891" s="5" t="s">
        <v>39</v>
      </c>
      <c r="Q25891" s="5" t="s">
        <v>40</v>
      </c>
      <c r="R25891" s="5" t="s">
        <v>24335</v>
      </c>
      <c r="S25891" s="5" t="s">
        <v>40</v>
      </c>
      <c r="T25891" s="5" t="s">
        <v>42</v>
      </c>
      <c r="U25891" s="2">
        <v>2.9</v>
      </c>
      <c r="V25891" s="2">
        <v>0.67</v>
      </c>
      <c r="W25891" s="2">
        <v>3.0000000000000001E-3</v>
      </c>
      <c r="X25891" s="2">
        <v>50</v>
      </c>
      <c r="Y25891" s="2">
        <v>8</v>
      </c>
      <c r="Z25891" s="2">
        <v>8</v>
      </c>
      <c r="AA25891" s="5">
        <v>48</v>
      </c>
      <c r="AB25891" s="5" t="s">
        <v>43</v>
      </c>
      <c r="AC25891" s="5" t="s">
        <v>44</v>
      </c>
      <c r="AD25891" s="2" t="s">
        <v>83200</v>
      </c>
      <c r="AE25891" s="1"/>
    </row>
    <row r="25892" spans="1:31" ht="14.45">
      <c r="A25892" s="11"/>
      <c r="B25892" s="20"/>
      <c r="C25892" s="2" t="s">
        <v>83201</v>
      </c>
      <c r="D25892" s="14" t="s">
        <v>83202</v>
      </c>
      <c r="E25892" s="2" t="s">
        <v>83203</v>
      </c>
      <c r="F25892" s="2" t="s">
        <v>83199</v>
      </c>
      <c r="G25892" s="8">
        <v>82</v>
      </c>
      <c r="H25892" s="5">
        <v>19</v>
      </c>
      <c r="I25892" s="5" t="s">
        <v>69</v>
      </c>
      <c r="J25892" s="5" t="s">
        <v>731</v>
      </c>
      <c r="K25892" s="2" t="s">
        <v>732</v>
      </c>
      <c r="L25892" s="5" t="s">
        <v>731</v>
      </c>
      <c r="M25892" s="2" t="s">
        <v>732</v>
      </c>
      <c r="N25892" s="5" t="s">
        <v>72</v>
      </c>
      <c r="O25892" s="5" t="s">
        <v>38</v>
      </c>
      <c r="P25892" s="5" t="s">
        <v>39</v>
      </c>
      <c r="Q25892" s="5" t="s">
        <v>40</v>
      </c>
      <c r="R25892" s="5" t="s">
        <v>24335</v>
      </c>
      <c r="S25892" s="5" t="s">
        <v>40</v>
      </c>
      <c r="T25892" s="5" t="s">
        <v>42</v>
      </c>
      <c r="U25892" s="2">
        <v>3.9</v>
      </c>
      <c r="V25892" s="2">
        <v>0.86</v>
      </c>
      <c r="W25892" s="2">
        <v>4.0000000000000001E-3</v>
      </c>
      <c r="X25892" s="2">
        <v>70</v>
      </c>
      <c r="Y25892" s="2">
        <v>8</v>
      </c>
      <c r="Z25892" s="2">
        <v>8</v>
      </c>
      <c r="AA25892" s="5">
        <v>48</v>
      </c>
      <c r="AB25892" s="5" t="s">
        <v>43</v>
      </c>
      <c r="AC25892" s="5" t="s">
        <v>44</v>
      </c>
      <c r="AD25892" s="2" t="s">
        <v>83200</v>
      </c>
      <c r="AE25892" s="1"/>
    </row>
    <row r="25893" spans="1:31" ht="14.45">
      <c r="A25893" s="11"/>
      <c r="B25893" s="20"/>
      <c r="C25893" s="2" t="s">
        <v>83204</v>
      </c>
      <c r="D25893" s="14" t="s">
        <v>83205</v>
      </c>
      <c r="E25893" s="2" t="s">
        <v>83206</v>
      </c>
      <c r="F25893" s="2" t="s">
        <v>83199</v>
      </c>
      <c r="G25893" s="8">
        <v>81</v>
      </c>
      <c r="H25893" s="5">
        <v>19</v>
      </c>
      <c r="I25893" s="5" t="s">
        <v>69</v>
      </c>
      <c r="J25893" s="5" t="s">
        <v>731</v>
      </c>
      <c r="K25893" s="2" t="s">
        <v>732</v>
      </c>
      <c r="L25893" s="5" t="s">
        <v>731</v>
      </c>
      <c r="M25893" s="2" t="s">
        <v>732</v>
      </c>
      <c r="N25893" s="5" t="s">
        <v>72</v>
      </c>
      <c r="O25893" s="5" t="s">
        <v>38</v>
      </c>
      <c r="P25893" s="5" t="s">
        <v>39</v>
      </c>
      <c r="Q25893" s="5" t="s">
        <v>40</v>
      </c>
      <c r="R25893" s="5" t="s">
        <v>24335</v>
      </c>
      <c r="S25893" s="5" t="s">
        <v>40</v>
      </c>
      <c r="T25893" s="5" t="s">
        <v>42</v>
      </c>
      <c r="U25893" s="2">
        <v>3.36</v>
      </c>
      <c r="V25893" s="2">
        <v>0.82</v>
      </c>
      <c r="W25893" s="2">
        <v>5.0000000000000001E-3</v>
      </c>
      <c r="X25893" s="2">
        <v>80</v>
      </c>
      <c r="Y25893" s="2">
        <v>8</v>
      </c>
      <c r="Z25893" s="2">
        <v>8</v>
      </c>
      <c r="AA25893" s="5">
        <v>48</v>
      </c>
      <c r="AB25893" s="5" t="s">
        <v>43</v>
      </c>
      <c r="AC25893" s="5" t="s">
        <v>44</v>
      </c>
      <c r="AD25893" s="2" t="s">
        <v>83200</v>
      </c>
      <c r="AE25893" s="1"/>
    </row>
    <row r="25894" spans="1:31" ht="14.45">
      <c r="A25894" s="11"/>
      <c r="B25894" s="20"/>
      <c r="C25894" s="2" t="s">
        <v>83207</v>
      </c>
      <c r="D25894" s="14" t="s">
        <v>83208</v>
      </c>
      <c r="E25894" s="2" t="s">
        <v>83209</v>
      </c>
      <c r="F25894" s="2" t="s">
        <v>83199</v>
      </c>
      <c r="G25894" s="8">
        <v>86</v>
      </c>
      <c r="H25894" s="5">
        <v>19</v>
      </c>
      <c r="I25894" s="5" t="s">
        <v>69</v>
      </c>
      <c r="J25894" s="5" t="s">
        <v>731</v>
      </c>
      <c r="K25894" s="2" t="s">
        <v>732</v>
      </c>
      <c r="L25894" s="5" t="s">
        <v>731</v>
      </c>
      <c r="M25894" s="2" t="s">
        <v>732</v>
      </c>
      <c r="N25894" s="5" t="s">
        <v>72</v>
      </c>
      <c r="O25894" s="5" t="s">
        <v>38</v>
      </c>
      <c r="P25894" s="5" t="s">
        <v>39</v>
      </c>
      <c r="Q25894" s="5" t="s">
        <v>40</v>
      </c>
      <c r="R25894" s="5" t="s">
        <v>24335</v>
      </c>
      <c r="S25894" s="5" t="s">
        <v>40</v>
      </c>
      <c r="T25894" s="5" t="s">
        <v>42</v>
      </c>
      <c r="U25894" s="2">
        <v>3.6</v>
      </c>
      <c r="V25894" s="2">
        <v>1.06</v>
      </c>
      <c r="W25894" s="2">
        <v>5.0000000000000001E-3</v>
      </c>
      <c r="X25894" s="2">
        <v>80</v>
      </c>
      <c r="Y25894" s="2">
        <v>8</v>
      </c>
      <c r="Z25894" s="2">
        <v>8</v>
      </c>
      <c r="AA25894" s="5">
        <v>48</v>
      </c>
      <c r="AB25894" s="5" t="s">
        <v>43</v>
      </c>
      <c r="AC25894" s="5" t="s">
        <v>44</v>
      </c>
      <c r="AD25894" s="2" t="s">
        <v>83200</v>
      </c>
      <c r="AE25894" s="1"/>
    </row>
    <row r="25895" spans="1:31" ht="14.45">
      <c r="A25895" s="11"/>
      <c r="B25895" s="20"/>
      <c r="C25895" s="2" t="s">
        <v>83210</v>
      </c>
      <c r="D25895" s="14" t="s">
        <v>83211</v>
      </c>
      <c r="E25895" s="2" t="s">
        <v>83212</v>
      </c>
      <c r="F25895" s="2" t="s">
        <v>83199</v>
      </c>
      <c r="G25895" s="8">
        <v>93</v>
      </c>
      <c r="H25895" s="5">
        <v>19</v>
      </c>
      <c r="I25895" s="5" t="s">
        <v>69</v>
      </c>
      <c r="J25895" s="5" t="s">
        <v>731</v>
      </c>
      <c r="K25895" s="2" t="s">
        <v>732</v>
      </c>
      <c r="L25895" s="5" t="s">
        <v>731</v>
      </c>
      <c r="M25895" s="2" t="s">
        <v>732</v>
      </c>
      <c r="N25895" s="5" t="s">
        <v>72</v>
      </c>
      <c r="O25895" s="5" t="s">
        <v>38</v>
      </c>
      <c r="P25895" s="5" t="s">
        <v>39</v>
      </c>
      <c r="Q25895" s="5" t="s">
        <v>40</v>
      </c>
      <c r="R25895" s="5" t="s">
        <v>24335</v>
      </c>
      <c r="S25895" s="5" t="s">
        <v>40</v>
      </c>
      <c r="T25895" s="5" t="s">
        <v>42</v>
      </c>
      <c r="U25895" s="2">
        <v>4.1100000000000003</v>
      </c>
      <c r="V25895" s="2">
        <v>1.26</v>
      </c>
      <c r="W25895" s="2">
        <v>6.0000000000000001E-3</v>
      </c>
      <c r="X25895" s="2">
        <v>90</v>
      </c>
      <c r="Y25895" s="2">
        <v>8</v>
      </c>
      <c r="Z25895" s="2">
        <v>8</v>
      </c>
      <c r="AA25895" s="5">
        <v>48</v>
      </c>
      <c r="AB25895" s="5" t="s">
        <v>43</v>
      </c>
      <c r="AC25895" s="5" t="s">
        <v>44</v>
      </c>
      <c r="AD25895" s="2" t="s">
        <v>83200</v>
      </c>
      <c r="AE25895" s="1"/>
    </row>
    <row r="25896" spans="1:31" ht="14.45">
      <c r="A25896" s="11"/>
      <c r="B25896" s="20"/>
      <c r="C25896" s="2" t="s">
        <v>83213</v>
      </c>
      <c r="D25896" s="14" t="s">
        <v>83214</v>
      </c>
      <c r="E25896" s="2" t="s">
        <v>83215</v>
      </c>
      <c r="F25896" s="2" t="s">
        <v>83199</v>
      </c>
      <c r="G25896" s="8">
        <v>100</v>
      </c>
      <c r="H25896" s="5">
        <v>19</v>
      </c>
      <c r="I25896" s="5" t="s">
        <v>69</v>
      </c>
      <c r="J25896" s="5" t="s">
        <v>731</v>
      </c>
      <c r="K25896" s="2" t="s">
        <v>732</v>
      </c>
      <c r="L25896" s="5" t="s">
        <v>731</v>
      </c>
      <c r="M25896" s="2" t="s">
        <v>732</v>
      </c>
      <c r="N25896" s="5" t="s">
        <v>72</v>
      </c>
      <c r="O25896" s="5" t="s">
        <v>38</v>
      </c>
      <c r="P25896" s="5" t="s">
        <v>39</v>
      </c>
      <c r="Q25896" s="5" t="s">
        <v>40</v>
      </c>
      <c r="R25896" s="5" t="s">
        <v>24335</v>
      </c>
      <c r="S25896" s="5" t="s">
        <v>40</v>
      </c>
      <c r="T25896" s="5" t="s">
        <v>42</v>
      </c>
      <c r="U25896" s="2">
        <v>1.524</v>
      </c>
      <c r="V25896" s="2">
        <v>1.0449999999999999</v>
      </c>
      <c r="W25896" s="2">
        <v>7.0000000000000001E-3</v>
      </c>
      <c r="X25896" s="2">
        <v>110</v>
      </c>
      <c r="Y25896" s="2">
        <v>8</v>
      </c>
      <c r="Z25896" s="2">
        <v>8</v>
      </c>
      <c r="AA25896" s="5">
        <v>48</v>
      </c>
      <c r="AB25896" s="5" t="s">
        <v>43</v>
      </c>
      <c r="AC25896" s="5" t="s">
        <v>44</v>
      </c>
      <c r="AD25896" s="2" t="s">
        <v>83200</v>
      </c>
      <c r="AE25896" s="1"/>
    </row>
    <row r="25897" spans="1:31" ht="14.45">
      <c r="A25897" s="11"/>
      <c r="B25897" s="20"/>
      <c r="C25897" s="2" t="s">
        <v>83216</v>
      </c>
      <c r="D25897" s="14" t="s">
        <v>83217</v>
      </c>
      <c r="E25897" s="2" t="s">
        <v>83218</v>
      </c>
      <c r="F25897" s="2" t="s">
        <v>83199</v>
      </c>
      <c r="G25897" s="8">
        <v>111</v>
      </c>
      <c r="H25897" s="5">
        <v>19</v>
      </c>
      <c r="I25897" s="5" t="s">
        <v>69</v>
      </c>
      <c r="J25897" s="5" t="s">
        <v>731</v>
      </c>
      <c r="K25897" s="2" t="s">
        <v>732</v>
      </c>
      <c r="L25897" s="5" t="s">
        <v>731</v>
      </c>
      <c r="M25897" s="2" t="s">
        <v>732</v>
      </c>
      <c r="N25897" s="5" t="s">
        <v>72</v>
      </c>
      <c r="O25897" s="5" t="s">
        <v>38</v>
      </c>
      <c r="P25897" s="5" t="s">
        <v>39</v>
      </c>
      <c r="Q25897" s="5" t="s">
        <v>40</v>
      </c>
      <c r="R25897" s="5" t="s">
        <v>24335</v>
      </c>
      <c r="S25897" s="5" t="s">
        <v>40</v>
      </c>
      <c r="T25897" s="5" t="s">
        <v>42</v>
      </c>
      <c r="U25897" s="2">
        <v>6.34</v>
      </c>
      <c r="V25897" s="2">
        <v>1.7</v>
      </c>
      <c r="W25897" s="2">
        <v>7.0000000000000001E-3</v>
      </c>
      <c r="X25897" s="2">
        <v>110</v>
      </c>
      <c r="Y25897" s="2">
        <v>8</v>
      </c>
      <c r="Z25897" s="2">
        <v>8</v>
      </c>
      <c r="AA25897" s="5">
        <v>48</v>
      </c>
      <c r="AB25897" s="5" t="s">
        <v>43</v>
      </c>
      <c r="AC25897" s="5" t="s">
        <v>44</v>
      </c>
      <c r="AD25897" s="2" t="s">
        <v>83200</v>
      </c>
      <c r="AE25897" s="1"/>
    </row>
    <row r="25898" spans="1:31" ht="14.45">
      <c r="A25898" s="11"/>
      <c r="B25898" s="20"/>
      <c r="C25898" s="2" t="s">
        <v>83219</v>
      </c>
      <c r="D25898" s="14" t="s">
        <v>83220</v>
      </c>
      <c r="E25898" s="2" t="s">
        <v>83221</v>
      </c>
      <c r="F25898" s="2" t="s">
        <v>83199</v>
      </c>
      <c r="G25898" s="8">
        <v>113</v>
      </c>
      <c r="H25898" s="5">
        <v>19</v>
      </c>
      <c r="I25898" s="5" t="s">
        <v>69</v>
      </c>
      <c r="J25898" s="5" t="s">
        <v>731</v>
      </c>
      <c r="K25898" s="2" t="s">
        <v>732</v>
      </c>
      <c r="L25898" s="5" t="s">
        <v>731</v>
      </c>
      <c r="M25898" s="2" t="s">
        <v>732</v>
      </c>
      <c r="N25898" s="5" t="s">
        <v>72</v>
      </c>
      <c r="O25898" s="5" t="s">
        <v>38</v>
      </c>
      <c r="P25898" s="5" t="s">
        <v>39</v>
      </c>
      <c r="Q25898" s="5" t="s">
        <v>40</v>
      </c>
      <c r="R25898" s="5" t="s">
        <v>24335</v>
      </c>
      <c r="S25898" s="5" t="s">
        <v>40</v>
      </c>
      <c r="T25898" s="5" t="s">
        <v>42</v>
      </c>
      <c r="U25898" s="2">
        <v>7.32</v>
      </c>
      <c r="V25898" s="2">
        <v>1.5</v>
      </c>
      <c r="W25898" s="2">
        <v>8.9999999999999993E-3</v>
      </c>
      <c r="X25898" s="2">
        <v>140</v>
      </c>
      <c r="Y25898" s="2">
        <v>8</v>
      </c>
      <c r="Z25898" s="2">
        <v>8</v>
      </c>
      <c r="AA25898" s="5">
        <v>48</v>
      </c>
      <c r="AB25898" s="5" t="s">
        <v>43</v>
      </c>
      <c r="AC25898" s="5" t="s">
        <v>44</v>
      </c>
      <c r="AD25898" s="2" t="s">
        <v>83200</v>
      </c>
      <c r="AE25898" s="1"/>
    </row>
    <row r="25899" spans="1:31" ht="14.45">
      <c r="A25899" s="11"/>
      <c r="B25899" s="20"/>
      <c r="C25899" s="2" t="s">
        <v>83222</v>
      </c>
      <c r="D25899" s="14" t="s">
        <v>83223</v>
      </c>
      <c r="E25899" s="2" t="s">
        <v>83224</v>
      </c>
      <c r="F25899" s="2" t="s">
        <v>83199</v>
      </c>
      <c r="G25899" s="8">
        <v>139</v>
      </c>
      <c r="H25899" s="5">
        <v>19</v>
      </c>
      <c r="I25899" s="5" t="s">
        <v>69</v>
      </c>
      <c r="J25899" s="5" t="s">
        <v>731</v>
      </c>
      <c r="K25899" s="2" t="s">
        <v>732</v>
      </c>
      <c r="L25899" s="5" t="s">
        <v>731</v>
      </c>
      <c r="M25899" s="2" t="s">
        <v>732</v>
      </c>
      <c r="N25899" s="5" t="s">
        <v>72</v>
      </c>
      <c r="O25899" s="5" t="s">
        <v>38</v>
      </c>
      <c r="P25899" s="5" t="s">
        <v>39</v>
      </c>
      <c r="Q25899" s="5" t="s">
        <v>40</v>
      </c>
      <c r="R25899" s="5" t="s">
        <v>24335</v>
      </c>
      <c r="S25899" s="5" t="s">
        <v>40</v>
      </c>
      <c r="T25899" s="5" t="s">
        <v>42</v>
      </c>
      <c r="U25899" s="2">
        <v>7.81</v>
      </c>
      <c r="V25899" s="2">
        <v>1.99</v>
      </c>
      <c r="W25899" s="2">
        <v>8.9999999999999993E-3</v>
      </c>
      <c r="X25899" s="2">
        <v>140</v>
      </c>
      <c r="Y25899" s="2">
        <v>8</v>
      </c>
      <c r="Z25899" s="2">
        <v>8</v>
      </c>
      <c r="AA25899" s="5">
        <v>48</v>
      </c>
      <c r="AB25899" s="5" t="s">
        <v>43</v>
      </c>
      <c r="AC25899" s="5" t="s">
        <v>44</v>
      </c>
      <c r="AD25899" s="2" t="s">
        <v>83200</v>
      </c>
      <c r="AE25899" s="1"/>
    </row>
    <row r="25900" spans="1:31" ht="14.45">
      <c r="A25900" s="11"/>
      <c r="B25900" s="20"/>
      <c r="C25900" s="2" t="s">
        <v>83225</v>
      </c>
      <c r="D25900" s="14" t="s">
        <v>83226</v>
      </c>
      <c r="E25900" s="2" t="s">
        <v>83227</v>
      </c>
      <c r="F25900" s="2" t="s">
        <v>83228</v>
      </c>
      <c r="G25900" s="8">
        <v>53</v>
      </c>
      <c r="H25900" s="5">
        <v>5</v>
      </c>
      <c r="I25900" s="5" t="s">
        <v>69</v>
      </c>
      <c r="J25900" s="5" t="s">
        <v>731</v>
      </c>
      <c r="K25900" s="2" t="s">
        <v>732</v>
      </c>
      <c r="L25900" s="5" t="s">
        <v>731</v>
      </c>
      <c r="M25900" s="2" t="s">
        <v>732</v>
      </c>
      <c r="N25900" s="5" t="s">
        <v>72</v>
      </c>
      <c r="O25900" s="5" t="s">
        <v>38</v>
      </c>
      <c r="P25900" s="5" t="s">
        <v>39</v>
      </c>
      <c r="Q25900" s="5" t="s">
        <v>40</v>
      </c>
      <c r="R25900" s="5" t="s">
        <v>41</v>
      </c>
      <c r="S25900" s="5" t="s">
        <v>40</v>
      </c>
      <c r="T25900" s="5" t="s">
        <v>42</v>
      </c>
      <c r="U25900" s="2">
        <v>0.72099999999999997</v>
      </c>
      <c r="V25900" s="2">
        <v>0.441</v>
      </c>
      <c r="W25900" s="2">
        <v>4.0000000000000001E-3</v>
      </c>
      <c r="X25900" s="2">
        <v>7</v>
      </c>
      <c r="Y25900" s="2">
        <v>7</v>
      </c>
      <c r="Z25900" s="2">
        <v>83.7</v>
      </c>
      <c r="AA25900" s="5">
        <v>48</v>
      </c>
      <c r="AB25900" s="5" t="s">
        <v>43</v>
      </c>
      <c r="AC25900" s="5" t="s">
        <v>44</v>
      </c>
      <c r="AD25900" s="2" t="s">
        <v>83229</v>
      </c>
      <c r="AE25900" s="1"/>
    </row>
    <row r="25901" spans="1:31" ht="14.45">
      <c r="A25901" s="11"/>
      <c r="B25901" s="20"/>
      <c r="C25901" s="2" t="s">
        <v>83230</v>
      </c>
      <c r="D25901" s="14" t="s">
        <v>83231</v>
      </c>
      <c r="E25901" s="2" t="s">
        <v>83232</v>
      </c>
      <c r="F25901" s="2" t="s">
        <v>83228</v>
      </c>
      <c r="G25901" s="8">
        <v>58</v>
      </c>
      <c r="H25901" s="5">
        <v>5</v>
      </c>
      <c r="I25901" s="5" t="s">
        <v>69</v>
      </c>
      <c r="J25901" s="5" t="s">
        <v>731</v>
      </c>
      <c r="K25901" s="2" t="s">
        <v>732</v>
      </c>
      <c r="L25901" s="5" t="s">
        <v>731</v>
      </c>
      <c r="M25901" s="2" t="s">
        <v>732</v>
      </c>
      <c r="N25901" s="5" t="s">
        <v>72</v>
      </c>
      <c r="O25901" s="5" t="s">
        <v>38</v>
      </c>
      <c r="P25901" s="5" t="s">
        <v>39</v>
      </c>
      <c r="Q25901" s="5" t="s">
        <v>40</v>
      </c>
      <c r="R25901" s="5" t="s">
        <v>41</v>
      </c>
      <c r="S25901" s="5" t="s">
        <v>40</v>
      </c>
      <c r="T25901" s="5" t="s">
        <v>42</v>
      </c>
      <c r="U25901" s="2">
        <v>0.88600000000000001</v>
      </c>
      <c r="V25901" s="2">
        <v>0.54500000000000004</v>
      </c>
      <c r="W25901" s="2">
        <v>5.0000000000000001E-3</v>
      </c>
      <c r="X25901" s="2">
        <v>7</v>
      </c>
      <c r="Y25901" s="2">
        <v>7</v>
      </c>
      <c r="Z25901" s="2">
        <v>103.7</v>
      </c>
      <c r="AA25901" s="5">
        <v>48</v>
      </c>
      <c r="AB25901" s="5" t="s">
        <v>43</v>
      </c>
      <c r="AC25901" s="5" t="s">
        <v>44</v>
      </c>
      <c r="AD25901" s="2" t="s">
        <v>83229</v>
      </c>
      <c r="AE25901" s="1"/>
    </row>
    <row r="25902" spans="1:31" ht="14.45">
      <c r="A25902" s="11"/>
      <c r="B25902" s="20"/>
      <c r="C25902" s="2" t="s">
        <v>83233</v>
      </c>
      <c r="D25902" s="14" t="s">
        <v>83234</v>
      </c>
      <c r="E25902" s="2" t="s">
        <v>83235</v>
      </c>
      <c r="F25902" s="2" t="s">
        <v>83228</v>
      </c>
      <c r="G25902" s="8">
        <v>55</v>
      </c>
      <c r="H25902" s="5">
        <v>5</v>
      </c>
      <c r="I25902" s="5" t="s">
        <v>69</v>
      </c>
      <c r="J25902" s="5" t="s">
        <v>731</v>
      </c>
      <c r="K25902" s="2" t="s">
        <v>732</v>
      </c>
      <c r="L25902" s="5" t="s">
        <v>731</v>
      </c>
      <c r="M25902" s="2" t="s">
        <v>732</v>
      </c>
      <c r="N25902" s="5" t="s">
        <v>72</v>
      </c>
      <c r="O25902" s="5" t="s">
        <v>38</v>
      </c>
      <c r="P25902" s="5" t="s">
        <v>39</v>
      </c>
      <c r="Q25902" s="5" t="s">
        <v>40</v>
      </c>
      <c r="R25902" s="5" t="s">
        <v>41</v>
      </c>
      <c r="S25902" s="5" t="s">
        <v>40</v>
      </c>
      <c r="T25902" s="5" t="s">
        <v>42</v>
      </c>
      <c r="U25902" s="2">
        <v>0.89500000000000002</v>
      </c>
      <c r="V25902" s="2">
        <v>0.52300000000000002</v>
      </c>
      <c r="W25902" s="2">
        <v>6.0000000000000001E-3</v>
      </c>
      <c r="X25902" s="2">
        <v>7</v>
      </c>
      <c r="Y25902" s="2">
        <v>7</v>
      </c>
      <c r="Z25902" s="2">
        <v>113.7</v>
      </c>
      <c r="AA25902" s="5">
        <v>48</v>
      </c>
      <c r="AB25902" s="5" t="s">
        <v>43</v>
      </c>
      <c r="AC25902" s="5" t="s">
        <v>44</v>
      </c>
      <c r="AD25902" s="2" t="s">
        <v>83229</v>
      </c>
      <c r="AE25902" s="1"/>
    </row>
    <row r="25903" spans="1:31" ht="14.45">
      <c r="A25903" s="11"/>
      <c r="B25903" s="20"/>
      <c r="C25903" s="2" t="s">
        <v>83236</v>
      </c>
      <c r="D25903" s="14" t="s">
        <v>83237</v>
      </c>
      <c r="E25903" s="2" t="s">
        <v>83238</v>
      </c>
      <c r="F25903" s="2" t="s">
        <v>83228</v>
      </c>
      <c r="G25903" s="8">
        <v>61</v>
      </c>
      <c r="H25903" s="5">
        <v>5</v>
      </c>
      <c r="I25903" s="5" t="s">
        <v>69</v>
      </c>
      <c r="J25903" s="5" t="s">
        <v>731</v>
      </c>
      <c r="K25903" s="2" t="s">
        <v>732</v>
      </c>
      <c r="L25903" s="5" t="s">
        <v>731</v>
      </c>
      <c r="M25903" s="2" t="s">
        <v>732</v>
      </c>
      <c r="N25903" s="5" t="s">
        <v>72</v>
      </c>
      <c r="O25903" s="5" t="s">
        <v>38</v>
      </c>
      <c r="P25903" s="5" t="s">
        <v>39</v>
      </c>
      <c r="Q25903" s="5" t="s">
        <v>40</v>
      </c>
      <c r="R25903" s="5" t="s">
        <v>41</v>
      </c>
      <c r="S25903" s="5" t="s">
        <v>40</v>
      </c>
      <c r="T25903" s="5" t="s">
        <v>42</v>
      </c>
      <c r="U25903" s="2">
        <v>0.97299999999999998</v>
      </c>
      <c r="V25903" s="2">
        <v>0.60099999999999998</v>
      </c>
      <c r="W25903" s="2">
        <v>6.0000000000000001E-3</v>
      </c>
      <c r="X25903" s="2">
        <v>7</v>
      </c>
      <c r="Y25903" s="2">
        <v>7</v>
      </c>
      <c r="Z25903" s="2">
        <v>113.7</v>
      </c>
      <c r="AA25903" s="5">
        <v>48</v>
      </c>
      <c r="AB25903" s="5" t="s">
        <v>43</v>
      </c>
      <c r="AC25903" s="5" t="s">
        <v>44</v>
      </c>
      <c r="AD25903" s="2" t="s">
        <v>83229</v>
      </c>
      <c r="AE25903" s="1"/>
    </row>
    <row r="25904" spans="1:31" ht="14.45">
      <c r="A25904" s="11"/>
      <c r="B25904" s="20"/>
      <c r="C25904" s="2" t="s">
        <v>83239</v>
      </c>
      <c r="D25904" s="14" t="s">
        <v>83240</v>
      </c>
      <c r="E25904" s="2" t="s">
        <v>83241</v>
      </c>
      <c r="F25904" s="2" t="s">
        <v>83228</v>
      </c>
      <c r="G25904" s="8">
        <v>64</v>
      </c>
      <c r="H25904" s="5">
        <v>5</v>
      </c>
      <c r="I25904" s="5" t="s">
        <v>69</v>
      </c>
      <c r="J25904" s="5" t="s">
        <v>731</v>
      </c>
      <c r="K25904" s="2" t="s">
        <v>732</v>
      </c>
      <c r="L25904" s="5" t="s">
        <v>731</v>
      </c>
      <c r="M25904" s="2" t="s">
        <v>732</v>
      </c>
      <c r="N25904" s="5" t="s">
        <v>72</v>
      </c>
      <c r="O25904" s="5" t="s">
        <v>38</v>
      </c>
      <c r="P25904" s="5" t="s">
        <v>39</v>
      </c>
      <c r="Q25904" s="5" t="s">
        <v>40</v>
      </c>
      <c r="R25904" s="5" t="s">
        <v>41</v>
      </c>
      <c r="S25904" s="5" t="s">
        <v>40</v>
      </c>
      <c r="T25904" s="5" t="s">
        <v>42</v>
      </c>
      <c r="U25904" s="2">
        <v>1.0589999999999999</v>
      </c>
      <c r="V25904" s="2">
        <v>0.65700000000000003</v>
      </c>
      <c r="W25904" s="2">
        <v>6.0000000000000001E-3</v>
      </c>
      <c r="X25904" s="2">
        <v>7</v>
      </c>
      <c r="Y25904" s="2">
        <v>7</v>
      </c>
      <c r="Z25904" s="2">
        <v>123.7</v>
      </c>
      <c r="AA25904" s="5">
        <v>48</v>
      </c>
      <c r="AB25904" s="5" t="s">
        <v>43</v>
      </c>
      <c r="AC25904" s="5" t="s">
        <v>44</v>
      </c>
      <c r="AD25904" s="2" t="s">
        <v>83229</v>
      </c>
      <c r="AE25904" s="1"/>
    </row>
    <row r="25905" spans="1:31" ht="14.45">
      <c r="A25905" s="11"/>
      <c r="B25905" s="20"/>
      <c r="C25905" s="2" t="s">
        <v>83242</v>
      </c>
      <c r="D25905" s="14" t="s">
        <v>83243</v>
      </c>
      <c r="E25905" s="2" t="s">
        <v>83244</v>
      </c>
      <c r="F25905" s="2" t="s">
        <v>83228</v>
      </c>
      <c r="G25905" s="8">
        <v>67</v>
      </c>
      <c r="H25905" s="5">
        <v>5</v>
      </c>
      <c r="I25905" s="5" t="s">
        <v>69</v>
      </c>
      <c r="J25905" s="5" t="s">
        <v>731</v>
      </c>
      <c r="K25905" s="2" t="s">
        <v>732</v>
      </c>
      <c r="L25905" s="5" t="s">
        <v>731</v>
      </c>
      <c r="M25905" s="2" t="s">
        <v>732</v>
      </c>
      <c r="N25905" s="5" t="s">
        <v>72</v>
      </c>
      <c r="O25905" s="5" t="s">
        <v>38</v>
      </c>
      <c r="P25905" s="5" t="s">
        <v>39</v>
      </c>
      <c r="Q25905" s="5" t="s">
        <v>40</v>
      </c>
      <c r="R25905" s="5" t="s">
        <v>41</v>
      </c>
      <c r="S25905" s="5" t="s">
        <v>40</v>
      </c>
      <c r="T25905" s="5" t="s">
        <v>42</v>
      </c>
      <c r="U25905" s="2">
        <v>1.145</v>
      </c>
      <c r="V25905" s="2">
        <v>0.68100000000000005</v>
      </c>
      <c r="W25905" s="2">
        <v>7.0000000000000001E-3</v>
      </c>
      <c r="X25905" s="2">
        <v>7</v>
      </c>
      <c r="Y25905" s="2">
        <v>7</v>
      </c>
      <c r="Z25905" s="2">
        <v>143.69999999999999</v>
      </c>
      <c r="AA25905" s="5">
        <v>48</v>
      </c>
      <c r="AB25905" s="5" t="s">
        <v>43</v>
      </c>
      <c r="AC25905" s="5" t="s">
        <v>44</v>
      </c>
      <c r="AD25905" s="2" t="s">
        <v>83229</v>
      </c>
      <c r="AE25905" s="1"/>
    </row>
    <row r="25906" spans="1:31" ht="14.45">
      <c r="A25906" s="11"/>
      <c r="B25906" s="20"/>
      <c r="C25906" s="2" t="s">
        <v>83245</v>
      </c>
      <c r="D25906" s="14" t="s">
        <v>83246</v>
      </c>
      <c r="E25906" s="2" t="s">
        <v>83247</v>
      </c>
      <c r="F25906" s="2" t="s">
        <v>83228</v>
      </c>
      <c r="G25906" s="8">
        <v>75</v>
      </c>
      <c r="H25906" s="5">
        <v>5</v>
      </c>
      <c r="I25906" s="5" t="s">
        <v>69</v>
      </c>
      <c r="J25906" s="5" t="s">
        <v>731</v>
      </c>
      <c r="K25906" s="2" t="s">
        <v>732</v>
      </c>
      <c r="L25906" s="5" t="s">
        <v>731</v>
      </c>
      <c r="M25906" s="2" t="s">
        <v>732</v>
      </c>
      <c r="N25906" s="5" t="s">
        <v>72</v>
      </c>
      <c r="O25906" s="5" t="s">
        <v>38</v>
      </c>
      <c r="P25906" s="5" t="s">
        <v>39</v>
      </c>
      <c r="Q25906" s="5" t="s">
        <v>40</v>
      </c>
      <c r="R25906" s="5" t="s">
        <v>41</v>
      </c>
      <c r="S25906" s="5" t="s">
        <v>40</v>
      </c>
      <c r="T25906" s="5" t="s">
        <v>42</v>
      </c>
      <c r="U25906" s="2">
        <v>1.2170000000000001</v>
      </c>
      <c r="V25906" s="2">
        <v>0.753</v>
      </c>
      <c r="W25906" s="2">
        <v>7.0000000000000001E-3</v>
      </c>
      <c r="X25906" s="2">
        <v>7</v>
      </c>
      <c r="Y25906" s="2">
        <v>7</v>
      </c>
      <c r="Z25906" s="2">
        <v>143.69999999999999</v>
      </c>
      <c r="AA25906" s="5">
        <v>48</v>
      </c>
      <c r="AB25906" s="5" t="s">
        <v>43</v>
      </c>
      <c r="AC25906" s="5" t="s">
        <v>44</v>
      </c>
      <c r="AD25906" s="2" t="s">
        <v>83229</v>
      </c>
      <c r="AE25906" s="1"/>
    </row>
    <row r="25907" spans="1:31" ht="14.45">
      <c r="A25907" s="11"/>
      <c r="B25907" s="20"/>
      <c r="C25907" s="2" t="s">
        <v>83248</v>
      </c>
      <c r="D25907" s="14" t="s">
        <v>83249</v>
      </c>
      <c r="E25907" s="2" t="s">
        <v>83250</v>
      </c>
      <c r="F25907" s="2" t="s">
        <v>83251</v>
      </c>
      <c r="G25907" s="8">
        <v>70</v>
      </c>
      <c r="H25907" s="5">
        <v>5</v>
      </c>
      <c r="I25907" s="5" t="s">
        <v>69</v>
      </c>
      <c r="J25907" s="5" t="s">
        <v>731</v>
      </c>
      <c r="K25907" s="2" t="s">
        <v>732</v>
      </c>
      <c r="L25907" s="5" t="s">
        <v>731</v>
      </c>
      <c r="M25907" s="2" t="s">
        <v>732</v>
      </c>
      <c r="N25907" s="5" t="s">
        <v>72</v>
      </c>
      <c r="O25907" s="5" t="s">
        <v>38</v>
      </c>
      <c r="P25907" s="5" t="s">
        <v>39</v>
      </c>
      <c r="Q25907" s="5" t="s">
        <v>40</v>
      </c>
      <c r="R25907" s="5" t="s">
        <v>41</v>
      </c>
      <c r="S25907" s="5" t="s">
        <v>40</v>
      </c>
      <c r="T25907" s="5" t="s">
        <v>42</v>
      </c>
      <c r="U25907" s="2">
        <v>1.2849999999999999</v>
      </c>
      <c r="V25907" s="2">
        <v>0.72899999999999998</v>
      </c>
      <c r="W25907" s="2">
        <v>8.9999999999999993E-3</v>
      </c>
      <c r="X25907" s="2">
        <v>7</v>
      </c>
      <c r="Y25907" s="2">
        <v>7</v>
      </c>
      <c r="Z25907" s="2">
        <v>173.7</v>
      </c>
      <c r="AA25907" s="5">
        <v>48</v>
      </c>
      <c r="AB25907" s="5" t="s">
        <v>43</v>
      </c>
      <c r="AC25907" s="5" t="s">
        <v>44</v>
      </c>
      <c r="AD25907" s="2" t="s">
        <v>83229</v>
      </c>
      <c r="AE25907" s="1"/>
    </row>
    <row r="25908" spans="1:31" ht="14.45">
      <c r="A25908" s="11"/>
      <c r="B25908" s="20"/>
      <c r="C25908" s="2" t="s">
        <v>83252</v>
      </c>
      <c r="D25908" s="14" t="s">
        <v>83253</v>
      </c>
      <c r="E25908" s="2" t="s">
        <v>83254</v>
      </c>
      <c r="F25908" s="2" t="s">
        <v>83251</v>
      </c>
      <c r="G25908" s="8">
        <v>78</v>
      </c>
      <c r="H25908" s="5">
        <v>5</v>
      </c>
      <c r="I25908" s="5" t="s">
        <v>69</v>
      </c>
      <c r="J25908" s="5" t="s">
        <v>731</v>
      </c>
      <c r="K25908" s="2" t="s">
        <v>732</v>
      </c>
      <c r="L25908" s="5" t="s">
        <v>731</v>
      </c>
      <c r="M25908" s="2" t="s">
        <v>732</v>
      </c>
      <c r="N25908" s="5" t="s">
        <v>72</v>
      </c>
      <c r="O25908" s="5" t="s">
        <v>38</v>
      </c>
      <c r="P25908" s="5" t="s">
        <v>39</v>
      </c>
      <c r="Q25908" s="5" t="s">
        <v>40</v>
      </c>
      <c r="R25908" s="5" t="s">
        <v>41</v>
      </c>
      <c r="S25908" s="5" t="s">
        <v>40</v>
      </c>
      <c r="T25908" s="5" t="s">
        <v>42</v>
      </c>
      <c r="U25908" s="2">
        <v>1.341</v>
      </c>
      <c r="V25908" s="2">
        <v>0.78300000000000003</v>
      </c>
      <c r="W25908" s="2">
        <v>8.9999999999999993E-3</v>
      </c>
      <c r="X25908" s="2">
        <v>7</v>
      </c>
      <c r="Y25908" s="2">
        <v>7</v>
      </c>
      <c r="Z25908" s="2">
        <v>173.7</v>
      </c>
      <c r="AA25908" s="5">
        <v>48</v>
      </c>
      <c r="AB25908" s="5" t="s">
        <v>43</v>
      </c>
      <c r="AC25908" s="5" t="s">
        <v>44</v>
      </c>
      <c r="AD25908" s="2" t="s">
        <v>83229</v>
      </c>
      <c r="AE25908" s="1"/>
    </row>
    <row r="25909" spans="1:31" ht="14.45">
      <c r="A25909" s="11"/>
      <c r="B25909" s="20"/>
      <c r="C25909" s="2" t="s">
        <v>83255</v>
      </c>
      <c r="D25909" s="14" t="s">
        <v>83256</v>
      </c>
      <c r="E25909" s="2" t="s">
        <v>83257</v>
      </c>
      <c r="F25909" s="2" t="s">
        <v>83251</v>
      </c>
      <c r="G25909" s="8">
        <v>83</v>
      </c>
      <c r="H25909" s="5">
        <v>5</v>
      </c>
      <c r="I25909" s="5" t="s">
        <v>69</v>
      </c>
      <c r="J25909" s="5" t="s">
        <v>731</v>
      </c>
      <c r="K25909" s="2" t="s">
        <v>732</v>
      </c>
      <c r="L25909" s="5" t="s">
        <v>731</v>
      </c>
      <c r="M25909" s="2" t="s">
        <v>732</v>
      </c>
      <c r="N25909" s="5" t="s">
        <v>72</v>
      </c>
      <c r="O25909" s="5" t="s">
        <v>38</v>
      </c>
      <c r="P25909" s="5" t="s">
        <v>39</v>
      </c>
      <c r="Q25909" s="5" t="s">
        <v>40</v>
      </c>
      <c r="R25909" s="5" t="s">
        <v>41</v>
      </c>
      <c r="S25909" s="5" t="s">
        <v>40</v>
      </c>
      <c r="T25909" s="5" t="s">
        <v>42</v>
      </c>
      <c r="U25909" s="2">
        <v>1.389</v>
      </c>
      <c r="V25909" s="2">
        <v>0.83099999999999996</v>
      </c>
      <c r="W25909" s="2">
        <v>8.9999999999999993E-3</v>
      </c>
      <c r="X25909" s="2">
        <v>7</v>
      </c>
      <c r="Y25909" s="2">
        <v>7</v>
      </c>
      <c r="Z25909" s="2">
        <v>173.7</v>
      </c>
      <c r="AA25909" s="5">
        <v>48</v>
      </c>
      <c r="AB25909" s="5" t="s">
        <v>43</v>
      </c>
      <c r="AC25909" s="5" t="s">
        <v>44</v>
      </c>
      <c r="AD25909" s="2" t="s">
        <v>83229</v>
      </c>
      <c r="AE25909" s="1"/>
    </row>
    <row r="25910" spans="1:31" ht="14.45">
      <c r="A25910" s="11"/>
      <c r="B25910" s="20"/>
      <c r="C25910" s="2" t="s">
        <v>83258</v>
      </c>
      <c r="D25910" s="14" t="s">
        <v>83259</v>
      </c>
      <c r="E25910" s="2" t="s">
        <v>83260</v>
      </c>
      <c r="F25910" s="2" t="s">
        <v>83251</v>
      </c>
      <c r="G25910" s="8">
        <v>85</v>
      </c>
      <c r="H25910" s="5">
        <v>5</v>
      </c>
      <c r="I25910" s="5" t="s">
        <v>69</v>
      </c>
      <c r="J25910" s="5" t="s">
        <v>731</v>
      </c>
      <c r="K25910" s="2" t="s">
        <v>732</v>
      </c>
      <c r="L25910" s="5" t="s">
        <v>731</v>
      </c>
      <c r="M25910" s="2" t="s">
        <v>732</v>
      </c>
      <c r="N25910" s="5" t="s">
        <v>72</v>
      </c>
      <c r="O25910" s="5" t="s">
        <v>38</v>
      </c>
      <c r="P25910" s="5" t="s">
        <v>39</v>
      </c>
      <c r="Q25910" s="5" t="s">
        <v>40</v>
      </c>
      <c r="R25910" s="5" t="s">
        <v>41</v>
      </c>
      <c r="S25910" s="5" t="s">
        <v>40</v>
      </c>
      <c r="T25910" s="5" t="s">
        <v>42</v>
      </c>
      <c r="U25910" s="2">
        <v>1.4670000000000001</v>
      </c>
      <c r="V25910" s="2">
        <v>0.90900000000000003</v>
      </c>
      <c r="W25910" s="2">
        <v>8.9999999999999993E-3</v>
      </c>
      <c r="X25910" s="2">
        <v>7</v>
      </c>
      <c r="Y25910" s="2">
        <v>7</v>
      </c>
      <c r="Z25910" s="2">
        <v>173.7</v>
      </c>
      <c r="AA25910" s="5">
        <v>48</v>
      </c>
      <c r="AB25910" s="5" t="s">
        <v>43</v>
      </c>
      <c r="AC25910" s="5" t="s">
        <v>44</v>
      </c>
      <c r="AD25910" s="2" t="s">
        <v>83229</v>
      </c>
      <c r="AE25910" s="1"/>
    </row>
    <row r="25911" spans="1:31" ht="14.45">
      <c r="A25911" s="11"/>
      <c r="B25911" s="20"/>
      <c r="C25911" s="2" t="s">
        <v>83261</v>
      </c>
      <c r="D25911" s="14" t="s">
        <v>83262</v>
      </c>
      <c r="E25911" s="2" t="s">
        <v>83263</v>
      </c>
      <c r="F25911" s="2" t="s">
        <v>83251</v>
      </c>
      <c r="G25911" s="8">
        <v>81</v>
      </c>
      <c r="H25911" s="5">
        <v>5</v>
      </c>
      <c r="I25911" s="5" t="s">
        <v>69</v>
      </c>
      <c r="J25911" s="5" t="s">
        <v>731</v>
      </c>
      <c r="K25911" s="2" t="s">
        <v>732</v>
      </c>
      <c r="L25911" s="5" t="s">
        <v>731</v>
      </c>
      <c r="M25911" s="2" t="s">
        <v>732</v>
      </c>
      <c r="N25911" s="5" t="s">
        <v>72</v>
      </c>
      <c r="O25911" s="5" t="s">
        <v>38</v>
      </c>
      <c r="P25911" s="5" t="s">
        <v>39</v>
      </c>
      <c r="Q25911" s="5" t="s">
        <v>40</v>
      </c>
      <c r="R25911" s="5" t="s">
        <v>41</v>
      </c>
      <c r="S25911" s="5" t="s">
        <v>40</v>
      </c>
      <c r="T25911" s="5" t="s">
        <v>42</v>
      </c>
      <c r="U25911" s="2">
        <v>1.514</v>
      </c>
      <c r="V25911" s="2">
        <v>0.80500000000000005</v>
      </c>
      <c r="W25911" s="2">
        <v>1.0999999999999999E-2</v>
      </c>
      <c r="X25911" s="2">
        <v>7</v>
      </c>
      <c r="Y25911" s="2">
        <v>7</v>
      </c>
      <c r="Z25911" s="2">
        <v>223.7</v>
      </c>
      <c r="AA25911" s="5">
        <v>48</v>
      </c>
      <c r="AB25911" s="5" t="s">
        <v>43</v>
      </c>
      <c r="AC25911" s="5" t="s">
        <v>44</v>
      </c>
      <c r="AD25911" s="2" t="s">
        <v>83229</v>
      </c>
      <c r="AE25911" s="1"/>
    </row>
    <row r="25912" spans="1:31" ht="14.45">
      <c r="A25912" s="11"/>
      <c r="B25912" s="20"/>
      <c r="C25912" s="2" t="s">
        <v>83264</v>
      </c>
      <c r="D25912" s="14" t="s">
        <v>83265</v>
      </c>
      <c r="E25912" s="2" t="s">
        <v>83266</v>
      </c>
      <c r="F25912" s="2" t="s">
        <v>83251</v>
      </c>
      <c r="G25912" s="8">
        <v>97</v>
      </c>
      <c r="H25912" s="5">
        <v>5</v>
      </c>
      <c r="I25912" s="5" t="s">
        <v>69</v>
      </c>
      <c r="J25912" s="5" t="s">
        <v>731</v>
      </c>
      <c r="K25912" s="2" t="s">
        <v>732</v>
      </c>
      <c r="L25912" s="5" t="s">
        <v>731</v>
      </c>
      <c r="M25912" s="2" t="s">
        <v>732</v>
      </c>
      <c r="N25912" s="5" t="s">
        <v>72</v>
      </c>
      <c r="O25912" s="5" t="s">
        <v>38</v>
      </c>
      <c r="P25912" s="5" t="s">
        <v>39</v>
      </c>
      <c r="Q25912" s="5" t="s">
        <v>40</v>
      </c>
      <c r="R25912" s="5" t="s">
        <v>41</v>
      </c>
      <c r="S25912" s="5" t="s">
        <v>40</v>
      </c>
      <c r="T25912" s="5" t="s">
        <v>42</v>
      </c>
      <c r="U25912" s="2">
        <v>1.6220000000000001</v>
      </c>
      <c r="V25912" s="2">
        <v>0.91100000000000003</v>
      </c>
      <c r="W25912" s="2">
        <v>1.0999999999999999E-2</v>
      </c>
      <c r="X25912" s="2">
        <v>7</v>
      </c>
      <c r="Y25912" s="2">
        <v>7</v>
      </c>
      <c r="Z25912" s="2">
        <v>223.7</v>
      </c>
      <c r="AA25912" s="5">
        <v>48</v>
      </c>
      <c r="AB25912" s="5" t="s">
        <v>43</v>
      </c>
      <c r="AC25912" s="5" t="s">
        <v>44</v>
      </c>
      <c r="AD25912" s="2" t="s">
        <v>83229</v>
      </c>
      <c r="AE25912" s="1"/>
    </row>
    <row r="25913" spans="1:31" ht="14.45">
      <c r="A25913" s="11"/>
      <c r="B25913" s="20"/>
      <c r="C25913" s="2" t="s">
        <v>83267</v>
      </c>
      <c r="D25913" s="14" t="s">
        <v>83268</v>
      </c>
      <c r="E25913" s="2" t="s">
        <v>83269</v>
      </c>
      <c r="F25913" s="2" t="s">
        <v>83270</v>
      </c>
      <c r="G25913" s="8">
        <v>124</v>
      </c>
      <c r="H25913" s="5">
        <v>5</v>
      </c>
      <c r="I25913" s="5" t="s">
        <v>34</v>
      </c>
      <c r="J25913" s="5" t="s">
        <v>82511</v>
      </c>
      <c r="K25913" s="2" t="s">
        <v>82512</v>
      </c>
      <c r="L25913" s="5" t="s">
        <v>82511</v>
      </c>
      <c r="M25913" s="2" t="s">
        <v>82512</v>
      </c>
      <c r="N25913" s="5" t="s">
        <v>72</v>
      </c>
      <c r="O25913" s="5" t="s">
        <v>38</v>
      </c>
      <c r="P25913" s="5" t="s">
        <v>39</v>
      </c>
      <c r="Q25913" s="5" t="s">
        <v>40</v>
      </c>
      <c r="R25913" s="5" t="s">
        <v>24335</v>
      </c>
      <c r="S25913" s="5" t="s">
        <v>40</v>
      </c>
      <c r="T25913" s="5" t="s">
        <v>42</v>
      </c>
      <c r="U25913" s="2">
        <v>1.1859999999999999</v>
      </c>
      <c r="V25913" s="2">
        <v>0.91400000000000003</v>
      </c>
      <c r="W25913" s="2">
        <v>6.0000000000000001E-3</v>
      </c>
      <c r="X25913" s="2">
        <v>5.2</v>
      </c>
      <c r="Y25913" s="2">
        <v>17.8</v>
      </c>
      <c r="Z25913" s="2">
        <v>68</v>
      </c>
      <c r="AA25913" s="5">
        <v>60</v>
      </c>
      <c r="AB25913" s="5" t="s">
        <v>43</v>
      </c>
      <c r="AC25913" s="5" t="s">
        <v>44</v>
      </c>
      <c r="AD25913" s="2" t="s">
        <v>83271</v>
      </c>
      <c r="AE25913" s="1"/>
    </row>
    <row r="25914" spans="1:31" ht="14.45">
      <c r="A25914" s="11"/>
      <c r="B25914" s="20"/>
      <c r="C25914" s="2" t="s">
        <v>83272</v>
      </c>
      <c r="D25914" s="14" t="s">
        <v>83273</v>
      </c>
      <c r="E25914" s="2" t="s">
        <v>83274</v>
      </c>
      <c r="F25914" s="2" t="s">
        <v>83275</v>
      </c>
      <c r="G25914" s="8">
        <v>138</v>
      </c>
      <c r="H25914" s="5">
        <v>15</v>
      </c>
      <c r="I25914" s="5" t="s">
        <v>34</v>
      </c>
      <c r="J25914" s="5" t="s">
        <v>82511</v>
      </c>
      <c r="K25914" s="2" t="s">
        <v>82512</v>
      </c>
      <c r="L25914" s="5" t="s">
        <v>82511</v>
      </c>
      <c r="M25914" s="2" t="s">
        <v>82512</v>
      </c>
      <c r="N25914" s="5" t="s">
        <v>72</v>
      </c>
      <c r="O25914" s="5" t="s">
        <v>38</v>
      </c>
      <c r="P25914" s="5" t="s">
        <v>39</v>
      </c>
      <c r="Q25914" s="5" t="s">
        <v>40</v>
      </c>
      <c r="R25914" s="5" t="s">
        <v>24340</v>
      </c>
      <c r="S25914" s="5" t="s">
        <v>40</v>
      </c>
      <c r="T25914" s="5" t="s">
        <v>42</v>
      </c>
      <c r="U25914" s="2">
        <v>1.58</v>
      </c>
      <c r="V25914" s="2">
        <v>1.3080000000000001</v>
      </c>
      <c r="W25914" s="2">
        <v>6.0000000000000001E-3</v>
      </c>
      <c r="X25914" s="2">
        <v>5.2</v>
      </c>
      <c r="Y25914" s="2">
        <v>17.8</v>
      </c>
      <c r="Z25914" s="2">
        <v>68</v>
      </c>
      <c r="AA25914" s="5">
        <v>60</v>
      </c>
      <c r="AB25914" s="5" t="s">
        <v>43</v>
      </c>
      <c r="AC25914" s="5" t="s">
        <v>44</v>
      </c>
      <c r="AD25914" s="2" t="s">
        <v>83276</v>
      </c>
      <c r="AE25914" s="1"/>
    </row>
    <row r="25915" spans="1:31" ht="14.45">
      <c r="A25915" s="11"/>
      <c r="B25915" s="20"/>
      <c r="C25915" s="2" t="s">
        <v>83277</v>
      </c>
      <c r="D25915" s="14" t="s">
        <v>83278</v>
      </c>
      <c r="E25915" s="2" t="s">
        <v>83279</v>
      </c>
      <c r="F25915" s="2" t="s">
        <v>83280</v>
      </c>
      <c r="G25915" s="8">
        <v>138</v>
      </c>
      <c r="H25915" s="5">
        <v>15</v>
      </c>
      <c r="I25915" s="5" t="s">
        <v>34</v>
      </c>
      <c r="J25915" s="5" t="s">
        <v>82511</v>
      </c>
      <c r="K25915" s="2" t="s">
        <v>82512</v>
      </c>
      <c r="L25915" s="5" t="s">
        <v>82511</v>
      </c>
      <c r="M25915" s="2" t="s">
        <v>82512</v>
      </c>
      <c r="N25915" s="5" t="s">
        <v>72</v>
      </c>
      <c r="O25915" s="5" t="s">
        <v>38</v>
      </c>
      <c r="P25915" s="5" t="s">
        <v>39</v>
      </c>
      <c r="Q25915" s="5" t="s">
        <v>40</v>
      </c>
      <c r="R25915" s="5" t="s">
        <v>25301</v>
      </c>
      <c r="S25915" s="5" t="s">
        <v>40</v>
      </c>
      <c r="T25915" s="5" t="s">
        <v>42</v>
      </c>
      <c r="U25915" s="2">
        <v>1.5049999999999999</v>
      </c>
      <c r="V25915" s="2">
        <v>1.2330000000000001</v>
      </c>
      <c r="W25915" s="2">
        <v>6.0000000000000001E-3</v>
      </c>
      <c r="X25915" s="2">
        <v>5.2</v>
      </c>
      <c r="Y25915" s="2">
        <v>17.8</v>
      </c>
      <c r="Z25915" s="2">
        <v>68</v>
      </c>
      <c r="AA25915" s="5">
        <v>60</v>
      </c>
      <c r="AB25915" s="5" t="s">
        <v>43</v>
      </c>
      <c r="AC25915" s="5" t="s">
        <v>44</v>
      </c>
      <c r="AD25915" s="2" t="s">
        <v>83281</v>
      </c>
      <c r="AE25915" s="1"/>
    </row>
    <row r="25916" spans="1:31" ht="14.45">
      <c r="A25916" s="11"/>
      <c r="B25916" s="20"/>
      <c r="C25916" s="2" t="s">
        <v>83282</v>
      </c>
      <c r="D25916" s="14" t="s">
        <v>83283</v>
      </c>
      <c r="E25916" s="2" t="s">
        <v>83284</v>
      </c>
      <c r="F25916" s="2" t="s">
        <v>83285</v>
      </c>
      <c r="G25916" s="8">
        <v>141</v>
      </c>
      <c r="H25916" s="5">
        <v>5</v>
      </c>
      <c r="I25916" s="5" t="s">
        <v>34</v>
      </c>
      <c r="J25916" s="5" t="s">
        <v>82511</v>
      </c>
      <c r="K25916" s="2" t="s">
        <v>82512</v>
      </c>
      <c r="L25916" s="5" t="s">
        <v>82511</v>
      </c>
      <c r="M25916" s="2" t="s">
        <v>82512</v>
      </c>
      <c r="N25916" s="5" t="s">
        <v>72</v>
      </c>
      <c r="O25916" s="5" t="s">
        <v>38</v>
      </c>
      <c r="P25916" s="5" t="s">
        <v>39</v>
      </c>
      <c r="Q25916" s="5" t="s">
        <v>40</v>
      </c>
      <c r="R25916" s="5" t="s">
        <v>24335</v>
      </c>
      <c r="S25916" s="5" t="s">
        <v>40</v>
      </c>
      <c r="T25916" s="5" t="s">
        <v>42</v>
      </c>
      <c r="U25916" s="2">
        <v>1.327</v>
      </c>
      <c r="V25916" s="2">
        <v>1.0549999999999999</v>
      </c>
      <c r="W25916" s="2">
        <v>6.0000000000000001E-3</v>
      </c>
      <c r="X25916" s="2">
        <v>5.2</v>
      </c>
      <c r="Y25916" s="2">
        <v>17.8</v>
      </c>
      <c r="Z25916" s="2">
        <v>68</v>
      </c>
      <c r="AA25916" s="5">
        <v>60</v>
      </c>
      <c r="AB25916" s="5" t="s">
        <v>43</v>
      </c>
      <c r="AC25916" s="5" t="s">
        <v>44</v>
      </c>
      <c r="AD25916" s="2" t="s">
        <v>83286</v>
      </c>
      <c r="AE25916" s="1"/>
    </row>
    <row r="25917" spans="1:31" ht="14.45">
      <c r="A25917" s="11"/>
      <c r="B25917" s="20"/>
      <c r="C25917" s="2" t="s">
        <v>83287</v>
      </c>
      <c r="D25917" s="14" t="s">
        <v>83288</v>
      </c>
      <c r="E25917" s="2" t="s">
        <v>83289</v>
      </c>
      <c r="F25917" s="2" t="s">
        <v>83290</v>
      </c>
      <c r="G25917" s="8">
        <v>148</v>
      </c>
      <c r="H25917" s="5">
        <v>5</v>
      </c>
      <c r="I25917" s="5" t="s">
        <v>34</v>
      </c>
      <c r="J25917" s="5" t="s">
        <v>82511</v>
      </c>
      <c r="K25917" s="2" t="s">
        <v>82512</v>
      </c>
      <c r="L25917" s="5" t="s">
        <v>82511</v>
      </c>
      <c r="M25917" s="2" t="s">
        <v>82512</v>
      </c>
      <c r="N25917" s="5" t="s">
        <v>72</v>
      </c>
      <c r="O25917" s="5" t="s">
        <v>38</v>
      </c>
      <c r="P25917" s="5" t="s">
        <v>39</v>
      </c>
      <c r="Q25917" s="5" t="s">
        <v>40</v>
      </c>
      <c r="R25917" s="5" t="s">
        <v>24335</v>
      </c>
      <c r="S25917" s="5" t="s">
        <v>40</v>
      </c>
      <c r="T25917" s="5" t="s">
        <v>42</v>
      </c>
      <c r="U25917" s="2">
        <v>1.474</v>
      </c>
      <c r="V25917" s="2">
        <v>1.202</v>
      </c>
      <c r="W25917" s="2">
        <v>6.0000000000000001E-3</v>
      </c>
      <c r="X25917" s="2">
        <v>5.2</v>
      </c>
      <c r="Y25917" s="2">
        <v>17.8</v>
      </c>
      <c r="Z25917" s="2">
        <v>68</v>
      </c>
      <c r="AA25917" s="5">
        <v>60</v>
      </c>
      <c r="AB25917" s="5" t="s">
        <v>43</v>
      </c>
      <c r="AC25917" s="5" t="s">
        <v>44</v>
      </c>
      <c r="AD25917" s="2" t="s">
        <v>83291</v>
      </c>
      <c r="AE25917" s="1"/>
    </row>
    <row r="25918" spans="1:31" ht="14.45">
      <c r="A25918" s="11"/>
      <c r="B25918" s="20"/>
      <c r="C25918" s="2" t="s">
        <v>83292</v>
      </c>
      <c r="D25918" s="14" t="s">
        <v>83293</v>
      </c>
      <c r="E25918" s="2" t="s">
        <v>83294</v>
      </c>
      <c r="F25918" s="2" t="s">
        <v>83295</v>
      </c>
      <c r="G25918" s="8">
        <v>162</v>
      </c>
      <c r="H25918" s="5">
        <v>15</v>
      </c>
      <c r="I25918" s="5" t="s">
        <v>34</v>
      </c>
      <c r="J25918" s="5" t="s">
        <v>82511</v>
      </c>
      <c r="K25918" s="2" t="s">
        <v>82512</v>
      </c>
      <c r="L25918" s="5" t="s">
        <v>82511</v>
      </c>
      <c r="M25918" s="2" t="s">
        <v>82512</v>
      </c>
      <c r="N25918" s="5" t="s">
        <v>72</v>
      </c>
      <c r="O25918" s="5" t="s">
        <v>38</v>
      </c>
      <c r="P25918" s="5" t="s">
        <v>39</v>
      </c>
      <c r="Q25918" s="5" t="s">
        <v>40</v>
      </c>
      <c r="R25918" s="5" t="s">
        <v>24340</v>
      </c>
      <c r="S25918" s="5" t="s">
        <v>40</v>
      </c>
      <c r="T25918" s="5" t="s">
        <v>42</v>
      </c>
      <c r="U25918" s="2">
        <v>2.004</v>
      </c>
      <c r="V25918" s="2">
        <v>1.732</v>
      </c>
      <c r="W25918" s="2">
        <v>6.0000000000000001E-3</v>
      </c>
      <c r="X25918" s="2">
        <v>5.2</v>
      </c>
      <c r="Y25918" s="2">
        <v>17.8</v>
      </c>
      <c r="Z25918" s="2">
        <v>68</v>
      </c>
      <c r="AA25918" s="5">
        <v>60</v>
      </c>
      <c r="AB25918" s="5" t="s">
        <v>43</v>
      </c>
      <c r="AC25918" s="5" t="s">
        <v>44</v>
      </c>
      <c r="AD25918" s="2" t="s">
        <v>83296</v>
      </c>
      <c r="AE25918" s="1"/>
    </row>
    <row r="25919" spans="1:31" ht="14.45">
      <c r="A25919" s="11"/>
      <c r="B25919" s="20"/>
      <c r="C25919" s="2" t="s">
        <v>83297</v>
      </c>
      <c r="D25919" s="14" t="s">
        <v>83298</v>
      </c>
      <c r="E25919" s="2" t="s">
        <v>83299</v>
      </c>
      <c r="F25919" s="2" t="s">
        <v>83300</v>
      </c>
      <c r="G25919" s="8">
        <v>162</v>
      </c>
      <c r="H25919" s="5">
        <v>15</v>
      </c>
      <c r="I25919" s="5" t="s">
        <v>34</v>
      </c>
      <c r="J25919" s="5" t="s">
        <v>82511</v>
      </c>
      <c r="K25919" s="2" t="s">
        <v>82512</v>
      </c>
      <c r="L25919" s="5" t="s">
        <v>82511</v>
      </c>
      <c r="M25919" s="2" t="s">
        <v>82512</v>
      </c>
      <c r="N25919" s="5" t="s">
        <v>72</v>
      </c>
      <c r="O25919" s="5" t="s">
        <v>38</v>
      </c>
      <c r="P25919" s="5" t="s">
        <v>39</v>
      </c>
      <c r="Q25919" s="5" t="s">
        <v>40</v>
      </c>
      <c r="R25919" s="5" t="s">
        <v>25301</v>
      </c>
      <c r="S25919" s="5" t="s">
        <v>40</v>
      </c>
      <c r="T25919" s="5" t="s">
        <v>42</v>
      </c>
      <c r="U25919" s="2">
        <v>1.903</v>
      </c>
      <c r="V25919" s="2">
        <v>1.631</v>
      </c>
      <c r="W25919" s="2">
        <v>6.0000000000000001E-3</v>
      </c>
      <c r="X25919" s="2">
        <v>5.2</v>
      </c>
      <c r="Y25919" s="2">
        <v>17.8</v>
      </c>
      <c r="Z25919" s="2">
        <v>68</v>
      </c>
      <c r="AA25919" s="5">
        <v>60</v>
      </c>
      <c r="AB25919" s="5" t="s">
        <v>43</v>
      </c>
      <c r="AC25919" s="5" t="s">
        <v>44</v>
      </c>
      <c r="AD25919" s="2" t="s">
        <v>83301</v>
      </c>
      <c r="AE25919" s="1"/>
    </row>
    <row r="25920" spans="1:31" ht="14.45">
      <c r="A25920" s="11"/>
      <c r="B25920" s="20"/>
      <c r="C25920" s="2" t="s">
        <v>83302</v>
      </c>
      <c r="D25920" s="14" t="s">
        <v>83303</v>
      </c>
      <c r="E25920" s="2" t="s">
        <v>83304</v>
      </c>
      <c r="F25920" s="2" t="s">
        <v>83305</v>
      </c>
      <c r="G25920" s="8">
        <v>166</v>
      </c>
      <c r="H25920" s="5">
        <v>5</v>
      </c>
      <c r="I25920" s="5" t="s">
        <v>34</v>
      </c>
      <c r="J25920" s="5" t="s">
        <v>82511</v>
      </c>
      <c r="K25920" s="2" t="s">
        <v>82512</v>
      </c>
      <c r="L25920" s="5" t="s">
        <v>82511</v>
      </c>
      <c r="M25920" s="2" t="s">
        <v>82512</v>
      </c>
      <c r="N25920" s="5" t="s">
        <v>72</v>
      </c>
      <c r="O25920" s="5" t="s">
        <v>38</v>
      </c>
      <c r="P25920" s="5" t="s">
        <v>39</v>
      </c>
      <c r="Q25920" s="5" t="s">
        <v>40</v>
      </c>
      <c r="R25920" s="5" t="s">
        <v>24335</v>
      </c>
      <c r="S25920" s="5" t="s">
        <v>40</v>
      </c>
      <c r="T25920" s="5" t="s">
        <v>42</v>
      </c>
      <c r="U25920" s="2">
        <v>1.7969999999999999</v>
      </c>
      <c r="V25920" s="2">
        <v>1.4039999999999999</v>
      </c>
      <c r="W25920" s="2">
        <v>1.4999999999999999E-2</v>
      </c>
      <c r="X25920" s="2">
        <v>6</v>
      </c>
      <c r="Y25920" s="2">
        <v>17.8</v>
      </c>
      <c r="Z25920" s="2">
        <v>142.19999999999999</v>
      </c>
      <c r="AA25920" s="5">
        <v>60</v>
      </c>
      <c r="AB25920" s="5" t="s">
        <v>43</v>
      </c>
      <c r="AC25920" s="5" t="s">
        <v>44</v>
      </c>
      <c r="AD25920" s="2" t="s">
        <v>83306</v>
      </c>
      <c r="AE25920" s="1"/>
    </row>
    <row r="25921" spans="1:31" ht="14.45">
      <c r="A25921" s="11"/>
      <c r="B25921" s="20"/>
      <c r="C25921" s="2" t="s">
        <v>83307</v>
      </c>
      <c r="D25921" s="14" t="s">
        <v>83308</v>
      </c>
      <c r="E25921" s="2" t="s">
        <v>83309</v>
      </c>
      <c r="F25921" s="2" t="s">
        <v>83310</v>
      </c>
      <c r="G25921" s="8">
        <v>180</v>
      </c>
      <c r="H25921" s="5">
        <v>15</v>
      </c>
      <c r="I25921" s="5" t="s">
        <v>34</v>
      </c>
      <c r="J25921" s="5" t="s">
        <v>82511</v>
      </c>
      <c r="K25921" s="2" t="s">
        <v>82512</v>
      </c>
      <c r="L25921" s="5" t="s">
        <v>82511</v>
      </c>
      <c r="M25921" s="2" t="s">
        <v>82512</v>
      </c>
      <c r="N25921" s="5" t="s">
        <v>72</v>
      </c>
      <c r="O25921" s="5" t="s">
        <v>38</v>
      </c>
      <c r="P25921" s="5" t="s">
        <v>39</v>
      </c>
      <c r="Q25921" s="5" t="s">
        <v>40</v>
      </c>
      <c r="R25921" s="5" t="s">
        <v>24340</v>
      </c>
      <c r="S25921" s="5" t="s">
        <v>40</v>
      </c>
      <c r="T25921" s="5" t="s">
        <v>42</v>
      </c>
      <c r="U25921" s="2">
        <v>2.423</v>
      </c>
      <c r="V25921" s="2">
        <v>2.0299999999999998</v>
      </c>
      <c r="W25921" s="2">
        <v>1.4999999999999999E-2</v>
      </c>
      <c r="X25921" s="2">
        <v>6</v>
      </c>
      <c r="Y25921" s="2">
        <v>17.8</v>
      </c>
      <c r="Z25921" s="2">
        <v>142.19999999999999</v>
      </c>
      <c r="AA25921" s="5">
        <v>60</v>
      </c>
      <c r="AB25921" s="5" t="s">
        <v>43</v>
      </c>
      <c r="AC25921" s="5" t="s">
        <v>44</v>
      </c>
      <c r="AD25921" s="2" t="s">
        <v>83311</v>
      </c>
      <c r="AE25921" s="1"/>
    </row>
    <row r="25922" spans="1:31" ht="14.45">
      <c r="A25922" s="11"/>
      <c r="B25922" s="20"/>
      <c r="C25922" s="2" t="s">
        <v>83312</v>
      </c>
      <c r="D25922" s="14" t="s">
        <v>83313</v>
      </c>
      <c r="E25922" s="2" t="s">
        <v>83314</v>
      </c>
      <c r="F25922" s="2" t="s">
        <v>83315</v>
      </c>
      <c r="G25922" s="8">
        <v>185</v>
      </c>
      <c r="H25922" s="5">
        <v>5</v>
      </c>
      <c r="I25922" s="5" t="s">
        <v>34</v>
      </c>
      <c r="J25922" s="5" t="s">
        <v>82511</v>
      </c>
      <c r="K25922" s="2" t="s">
        <v>82512</v>
      </c>
      <c r="L25922" s="5" t="s">
        <v>82511</v>
      </c>
      <c r="M25922" s="2" t="s">
        <v>82512</v>
      </c>
      <c r="N25922" s="5" t="s">
        <v>72</v>
      </c>
      <c r="O25922" s="5" t="s">
        <v>38</v>
      </c>
      <c r="P25922" s="5" t="s">
        <v>39</v>
      </c>
      <c r="Q25922" s="5" t="s">
        <v>40</v>
      </c>
      <c r="R25922" s="5" t="s">
        <v>24335</v>
      </c>
      <c r="S25922" s="5" t="s">
        <v>40</v>
      </c>
      <c r="T25922" s="5" t="s">
        <v>42</v>
      </c>
      <c r="U25922" s="2">
        <v>2.0859999999999999</v>
      </c>
      <c r="V25922" s="2">
        <v>1.6930000000000001</v>
      </c>
      <c r="W25922" s="2">
        <v>1.4999999999999999E-2</v>
      </c>
      <c r="X25922" s="2">
        <v>6</v>
      </c>
      <c r="Y25922" s="2">
        <v>17.8</v>
      </c>
      <c r="Z25922" s="2">
        <v>142.19999999999999</v>
      </c>
      <c r="AA25922" s="5">
        <v>60</v>
      </c>
      <c r="AB25922" s="5" t="s">
        <v>43</v>
      </c>
      <c r="AC25922" s="5" t="s">
        <v>44</v>
      </c>
      <c r="AD25922" s="2" t="s">
        <v>83316</v>
      </c>
      <c r="AE25922" s="1"/>
    </row>
    <row r="25923" spans="1:31" ht="14.45">
      <c r="A25923" s="11"/>
      <c r="B25923" s="20"/>
      <c r="C25923" s="2" t="s">
        <v>83317</v>
      </c>
      <c r="D25923" s="14" t="s">
        <v>83318</v>
      </c>
      <c r="E25923" s="2" t="s">
        <v>83319</v>
      </c>
      <c r="F25923" s="2" t="s">
        <v>83320</v>
      </c>
      <c r="G25923" s="8">
        <v>199</v>
      </c>
      <c r="H25923" s="5">
        <v>15</v>
      </c>
      <c r="I25923" s="5" t="s">
        <v>34</v>
      </c>
      <c r="J25923" s="5" t="s">
        <v>82511</v>
      </c>
      <c r="K25923" s="2" t="s">
        <v>82512</v>
      </c>
      <c r="L25923" s="5" t="s">
        <v>82511</v>
      </c>
      <c r="M25923" s="2" t="s">
        <v>82512</v>
      </c>
      <c r="N25923" s="5" t="s">
        <v>72</v>
      </c>
      <c r="O25923" s="5" t="s">
        <v>38</v>
      </c>
      <c r="P25923" s="5" t="s">
        <v>39</v>
      </c>
      <c r="Q25923" s="5" t="s">
        <v>40</v>
      </c>
      <c r="R25923" s="5" t="s">
        <v>24340</v>
      </c>
      <c r="S25923" s="5" t="s">
        <v>40</v>
      </c>
      <c r="T25923" s="5" t="s">
        <v>42</v>
      </c>
      <c r="U25923" s="2">
        <v>2.83</v>
      </c>
      <c r="V25923" s="2">
        <v>2.4369999999999998</v>
      </c>
      <c r="W25923" s="2">
        <v>1.4999999999999999E-2</v>
      </c>
      <c r="X25923" s="2">
        <v>6</v>
      </c>
      <c r="Y25923" s="2">
        <v>17.8</v>
      </c>
      <c r="Z25923" s="2">
        <v>142.19999999999999</v>
      </c>
      <c r="AA25923" s="5">
        <v>60</v>
      </c>
      <c r="AB25923" s="5" t="s">
        <v>43</v>
      </c>
      <c r="AC25923" s="5" t="s">
        <v>44</v>
      </c>
      <c r="AD25923" s="2" t="s">
        <v>83321</v>
      </c>
      <c r="AE25923" s="1"/>
    </row>
    <row r="25924" spans="1:31" ht="14.45">
      <c r="A25924" s="11"/>
      <c r="B25924" s="20"/>
      <c r="C25924" s="2" t="s">
        <v>83322</v>
      </c>
      <c r="D25924" s="14" t="s">
        <v>83323</v>
      </c>
      <c r="E25924" s="2" t="s">
        <v>83324</v>
      </c>
      <c r="F25924" s="2" t="s">
        <v>83325</v>
      </c>
      <c r="G25924" s="8">
        <v>199</v>
      </c>
      <c r="H25924" s="5">
        <v>15</v>
      </c>
      <c r="I25924" s="5" t="s">
        <v>34</v>
      </c>
      <c r="J25924" s="5" t="s">
        <v>82511</v>
      </c>
      <c r="K25924" s="2" t="s">
        <v>82512</v>
      </c>
      <c r="L25924" s="5" t="s">
        <v>82511</v>
      </c>
      <c r="M25924" s="2" t="s">
        <v>82512</v>
      </c>
      <c r="N25924" s="5" t="s">
        <v>72</v>
      </c>
      <c r="O25924" s="5" t="s">
        <v>38</v>
      </c>
      <c r="P25924" s="5" t="s">
        <v>39</v>
      </c>
      <c r="Q25924" s="5" t="s">
        <v>40</v>
      </c>
      <c r="R25924" s="5" t="s">
        <v>25301</v>
      </c>
      <c r="S25924" s="5" t="s">
        <v>40</v>
      </c>
      <c r="T25924" s="5" t="s">
        <v>42</v>
      </c>
      <c r="U25924" s="2">
        <v>2.6880000000000002</v>
      </c>
      <c r="V25924" s="2">
        <v>2.2949999999999999</v>
      </c>
      <c r="W25924" s="2">
        <v>1.4999999999999999E-2</v>
      </c>
      <c r="X25924" s="2">
        <v>6</v>
      </c>
      <c r="Y25924" s="2">
        <v>17.8</v>
      </c>
      <c r="Z25924" s="2">
        <v>142.19999999999999</v>
      </c>
      <c r="AA25924" s="5">
        <v>60</v>
      </c>
      <c r="AB25924" s="5" t="s">
        <v>43</v>
      </c>
      <c r="AC25924" s="5" t="s">
        <v>44</v>
      </c>
      <c r="AD25924" s="2" t="s">
        <v>83326</v>
      </c>
      <c r="AE25924" s="1"/>
    </row>
    <row r="25925" spans="1:31" ht="14.45">
      <c r="A25925" s="11"/>
      <c r="B25925" s="20"/>
      <c r="C25925" s="2" t="s">
        <v>83327</v>
      </c>
      <c r="D25925" s="14" t="s">
        <v>83328</v>
      </c>
      <c r="E25925" s="2" t="s">
        <v>83329</v>
      </c>
      <c r="F25925" s="2" t="s">
        <v>83330</v>
      </c>
      <c r="G25925" s="8">
        <v>203</v>
      </c>
      <c r="H25925" s="5">
        <v>5</v>
      </c>
      <c r="I25925" s="5" t="s">
        <v>34</v>
      </c>
      <c r="J25925" s="5" t="s">
        <v>82511</v>
      </c>
      <c r="K25925" s="2" t="s">
        <v>82512</v>
      </c>
      <c r="L25925" s="5" t="s">
        <v>82511</v>
      </c>
      <c r="M25925" s="2" t="s">
        <v>82512</v>
      </c>
      <c r="N25925" s="5" t="s">
        <v>72</v>
      </c>
      <c r="O25925" s="5" t="s">
        <v>38</v>
      </c>
      <c r="P25925" s="5" t="s">
        <v>39</v>
      </c>
      <c r="Q25925" s="5" t="s">
        <v>40</v>
      </c>
      <c r="R25925" s="5" t="s">
        <v>24335</v>
      </c>
      <c r="S25925" s="5" t="s">
        <v>40</v>
      </c>
      <c r="T25925" s="5" t="s">
        <v>42</v>
      </c>
      <c r="U25925" s="2">
        <v>2.3540000000000001</v>
      </c>
      <c r="V25925" s="2">
        <v>1.958</v>
      </c>
      <c r="W25925" s="2">
        <v>1.4999999999999999E-2</v>
      </c>
      <c r="X25925" s="2">
        <v>6</v>
      </c>
      <c r="Y25925" s="2">
        <v>17.8</v>
      </c>
      <c r="Z25925" s="2">
        <v>142.19999999999999</v>
      </c>
      <c r="AA25925" s="5">
        <v>60</v>
      </c>
      <c r="AB25925" s="5" t="s">
        <v>43</v>
      </c>
      <c r="AC25925" s="5" t="s">
        <v>44</v>
      </c>
      <c r="AD25925" s="2" t="s">
        <v>83331</v>
      </c>
      <c r="AE25925" s="1"/>
    </row>
    <row r="25926" spans="1:31" ht="14.45">
      <c r="A25926" s="11"/>
      <c r="B25926" s="20"/>
      <c r="C25926" s="2" t="s">
        <v>83332</v>
      </c>
      <c r="D25926" s="14" t="s">
        <v>83333</v>
      </c>
      <c r="E25926" s="2" t="s">
        <v>83334</v>
      </c>
      <c r="F25926" s="2" t="s">
        <v>83270</v>
      </c>
      <c r="G25926" s="8">
        <v>124</v>
      </c>
      <c r="H25926" s="5">
        <v>5</v>
      </c>
      <c r="I25926" s="5" t="s">
        <v>34</v>
      </c>
      <c r="J25926" s="5" t="s">
        <v>82511</v>
      </c>
      <c r="K25926" s="2" t="s">
        <v>82512</v>
      </c>
      <c r="L25926" s="5" t="s">
        <v>82511</v>
      </c>
      <c r="M25926" s="2" t="s">
        <v>82512</v>
      </c>
      <c r="N25926" s="5" t="s">
        <v>72</v>
      </c>
      <c r="O25926" s="5" t="s">
        <v>38</v>
      </c>
      <c r="P25926" s="5" t="s">
        <v>39</v>
      </c>
      <c r="Q25926" s="5" t="s">
        <v>40</v>
      </c>
      <c r="R25926" s="5" t="s">
        <v>24335</v>
      </c>
      <c r="S25926" s="5" t="s">
        <v>40</v>
      </c>
      <c r="T25926" s="5" t="s">
        <v>42</v>
      </c>
      <c r="U25926" s="2">
        <v>1.1279999999999999</v>
      </c>
      <c r="V25926" s="2">
        <v>0.85599999999999998</v>
      </c>
      <c r="W25926" s="2">
        <v>6.0000000000000001E-3</v>
      </c>
      <c r="X25926" s="2">
        <v>5.2</v>
      </c>
      <c r="Y25926" s="2">
        <v>17.8</v>
      </c>
      <c r="Z25926" s="2">
        <v>68</v>
      </c>
      <c r="AA25926" s="5">
        <v>60</v>
      </c>
      <c r="AB25926" s="5" t="s">
        <v>43</v>
      </c>
      <c r="AC25926" s="5" t="s">
        <v>44</v>
      </c>
      <c r="AD25926" s="2" t="s">
        <v>83335</v>
      </c>
      <c r="AE25926" s="1"/>
    </row>
    <row r="25927" spans="1:31" ht="14.45">
      <c r="A25927" s="11"/>
      <c r="B25927" s="20"/>
      <c r="C25927" s="2" t="s">
        <v>83336</v>
      </c>
      <c r="D25927" s="14" t="s">
        <v>83337</v>
      </c>
      <c r="E25927" s="2" t="s">
        <v>83338</v>
      </c>
      <c r="F25927" s="2" t="s">
        <v>83275</v>
      </c>
      <c r="G25927" s="8">
        <v>138</v>
      </c>
      <c r="H25927" s="5">
        <v>15</v>
      </c>
      <c r="I25927" s="5" t="s">
        <v>34</v>
      </c>
      <c r="J25927" s="5" t="s">
        <v>82511</v>
      </c>
      <c r="K25927" s="2" t="s">
        <v>82512</v>
      </c>
      <c r="L25927" s="5" t="s">
        <v>82511</v>
      </c>
      <c r="M25927" s="2" t="s">
        <v>82512</v>
      </c>
      <c r="N25927" s="5" t="s">
        <v>72</v>
      </c>
      <c r="O25927" s="5" t="s">
        <v>38</v>
      </c>
      <c r="P25927" s="5" t="s">
        <v>39</v>
      </c>
      <c r="Q25927" s="5" t="s">
        <v>40</v>
      </c>
      <c r="R25927" s="5" t="s">
        <v>24340</v>
      </c>
      <c r="S25927" s="5" t="s">
        <v>40</v>
      </c>
      <c r="T25927" s="5" t="s">
        <v>42</v>
      </c>
      <c r="U25927" s="2">
        <v>1.673</v>
      </c>
      <c r="V25927" s="2">
        <v>1.401</v>
      </c>
      <c r="W25927" s="2">
        <v>6.0000000000000001E-3</v>
      </c>
      <c r="X25927" s="2">
        <v>5.2</v>
      </c>
      <c r="Y25927" s="2">
        <v>17.8</v>
      </c>
      <c r="Z25927" s="2">
        <v>68</v>
      </c>
      <c r="AA25927" s="5">
        <v>60</v>
      </c>
      <c r="AB25927" s="5" t="s">
        <v>43</v>
      </c>
      <c r="AC25927" s="5" t="s">
        <v>44</v>
      </c>
      <c r="AD25927" s="2" t="s">
        <v>83339</v>
      </c>
      <c r="AE25927" s="1"/>
    </row>
    <row r="25928" spans="1:31" ht="14.45">
      <c r="A25928" s="11"/>
      <c r="B25928" s="20"/>
      <c r="C25928" s="2" t="s">
        <v>83340</v>
      </c>
      <c r="D25928" s="14" t="s">
        <v>83341</v>
      </c>
      <c r="E25928" s="2" t="s">
        <v>83342</v>
      </c>
      <c r="F25928" s="2" t="s">
        <v>83285</v>
      </c>
      <c r="G25928" s="8">
        <v>141</v>
      </c>
      <c r="H25928" s="5">
        <v>5</v>
      </c>
      <c r="I25928" s="5" t="s">
        <v>34</v>
      </c>
      <c r="J25928" s="5" t="s">
        <v>82511</v>
      </c>
      <c r="K25928" s="2" t="s">
        <v>82512</v>
      </c>
      <c r="L25928" s="5" t="s">
        <v>82511</v>
      </c>
      <c r="M25928" s="2" t="s">
        <v>82512</v>
      </c>
      <c r="N25928" s="5" t="s">
        <v>72</v>
      </c>
      <c r="O25928" s="5" t="s">
        <v>38</v>
      </c>
      <c r="P25928" s="5" t="s">
        <v>39</v>
      </c>
      <c r="Q25928" s="5" t="s">
        <v>40</v>
      </c>
      <c r="R25928" s="5" t="s">
        <v>24335</v>
      </c>
      <c r="S25928" s="5" t="s">
        <v>40</v>
      </c>
      <c r="T25928" s="5" t="s">
        <v>42</v>
      </c>
      <c r="U25928" s="2">
        <v>1.2789999999999999</v>
      </c>
      <c r="V25928" s="2">
        <v>1.0069999999999999</v>
      </c>
      <c r="W25928" s="2">
        <v>6.0000000000000001E-3</v>
      </c>
      <c r="X25928" s="2">
        <v>5.2</v>
      </c>
      <c r="Y25928" s="2">
        <v>17.8</v>
      </c>
      <c r="Z25928" s="2">
        <v>68</v>
      </c>
      <c r="AA25928" s="5">
        <v>60</v>
      </c>
      <c r="AB25928" s="5" t="s">
        <v>43</v>
      </c>
      <c r="AC25928" s="5" t="s">
        <v>44</v>
      </c>
      <c r="AD25928" s="2" t="s">
        <v>83343</v>
      </c>
      <c r="AE25928" s="1"/>
    </row>
    <row r="25929" spans="1:31" ht="14.45">
      <c r="A25929" s="11"/>
      <c r="B25929" s="20"/>
      <c r="C25929" s="2" t="s">
        <v>83344</v>
      </c>
      <c r="D25929" s="14" t="s">
        <v>83345</v>
      </c>
      <c r="E25929" s="2" t="s">
        <v>83346</v>
      </c>
      <c r="F25929" s="2" t="s">
        <v>83347</v>
      </c>
      <c r="G25929" s="8">
        <v>155</v>
      </c>
      <c r="H25929" s="5">
        <v>15</v>
      </c>
      <c r="I25929" s="5" t="s">
        <v>34</v>
      </c>
      <c r="J25929" s="5" t="s">
        <v>82511</v>
      </c>
      <c r="K25929" s="2" t="s">
        <v>82512</v>
      </c>
      <c r="L25929" s="5" t="s">
        <v>82511</v>
      </c>
      <c r="M25929" s="2" t="s">
        <v>82512</v>
      </c>
      <c r="N25929" s="5" t="s">
        <v>72</v>
      </c>
      <c r="O25929" s="5" t="s">
        <v>38</v>
      </c>
      <c r="P25929" s="5" t="s">
        <v>39</v>
      </c>
      <c r="Q25929" s="5" t="s">
        <v>40</v>
      </c>
      <c r="R25929" s="5" t="s">
        <v>24340</v>
      </c>
      <c r="S25929" s="5" t="s">
        <v>40</v>
      </c>
      <c r="T25929" s="5" t="s">
        <v>42</v>
      </c>
      <c r="U25929" s="2">
        <v>1.911</v>
      </c>
      <c r="V25929" s="2">
        <v>1.639</v>
      </c>
      <c r="W25929" s="2">
        <v>6.0000000000000001E-3</v>
      </c>
      <c r="X25929" s="2">
        <v>5.2</v>
      </c>
      <c r="Y25929" s="2">
        <v>17.8</v>
      </c>
      <c r="Z25929" s="2">
        <v>68</v>
      </c>
      <c r="AA25929" s="5">
        <v>60</v>
      </c>
      <c r="AB25929" s="5" t="s">
        <v>43</v>
      </c>
      <c r="AC25929" s="5" t="s">
        <v>44</v>
      </c>
      <c r="AD25929" s="2" t="s">
        <v>83348</v>
      </c>
      <c r="AE25929" s="1"/>
    </row>
    <row r="25930" spans="1:31" ht="14.45">
      <c r="A25930" s="11"/>
      <c r="B25930" s="20"/>
      <c r="C25930" s="2" t="s">
        <v>83349</v>
      </c>
      <c r="D25930" s="14" t="s">
        <v>83350</v>
      </c>
      <c r="E25930" s="2" t="s">
        <v>83351</v>
      </c>
      <c r="F25930" s="2" t="s">
        <v>83290</v>
      </c>
      <c r="G25930" s="8">
        <v>148</v>
      </c>
      <c r="H25930" s="5">
        <v>5</v>
      </c>
      <c r="I25930" s="5" t="s">
        <v>34</v>
      </c>
      <c r="J25930" s="5" t="s">
        <v>82511</v>
      </c>
      <c r="K25930" s="2" t="s">
        <v>82512</v>
      </c>
      <c r="L25930" s="5" t="s">
        <v>82511</v>
      </c>
      <c r="M25930" s="2" t="s">
        <v>82512</v>
      </c>
      <c r="N25930" s="5" t="s">
        <v>72</v>
      </c>
      <c r="O25930" s="5" t="s">
        <v>38</v>
      </c>
      <c r="P25930" s="5" t="s">
        <v>39</v>
      </c>
      <c r="Q25930" s="5" t="s">
        <v>40</v>
      </c>
      <c r="R25930" s="5" t="s">
        <v>24335</v>
      </c>
      <c r="S25930" s="5" t="s">
        <v>40</v>
      </c>
      <c r="T25930" s="5" t="s">
        <v>42</v>
      </c>
      <c r="U25930" s="2">
        <v>1.4379999999999999</v>
      </c>
      <c r="V25930" s="2">
        <v>1.1659999999999999</v>
      </c>
      <c r="W25930" s="2">
        <v>6.0000000000000001E-3</v>
      </c>
      <c r="X25930" s="2">
        <v>5.2</v>
      </c>
      <c r="Y25930" s="2">
        <v>17.8</v>
      </c>
      <c r="Z25930" s="2">
        <v>68</v>
      </c>
      <c r="AA25930" s="5">
        <v>60</v>
      </c>
      <c r="AB25930" s="5" t="s">
        <v>43</v>
      </c>
      <c r="AC25930" s="5" t="s">
        <v>44</v>
      </c>
      <c r="AD25930" s="2" t="s">
        <v>83352</v>
      </c>
      <c r="AE25930" s="1"/>
    </row>
    <row r="25931" spans="1:31" ht="14.45">
      <c r="A25931" s="11"/>
      <c r="B25931" s="20"/>
      <c r="C25931" s="2" t="s">
        <v>83353</v>
      </c>
      <c r="D25931" s="14" t="s">
        <v>83354</v>
      </c>
      <c r="E25931" s="2" t="s">
        <v>83355</v>
      </c>
      <c r="F25931" s="2" t="s">
        <v>83295</v>
      </c>
      <c r="G25931" s="8">
        <v>162</v>
      </c>
      <c r="H25931" s="5">
        <v>15</v>
      </c>
      <c r="I25931" s="5" t="s">
        <v>34</v>
      </c>
      <c r="J25931" s="5" t="s">
        <v>82511</v>
      </c>
      <c r="K25931" s="2" t="s">
        <v>82512</v>
      </c>
      <c r="L25931" s="5" t="s">
        <v>82511</v>
      </c>
      <c r="M25931" s="2" t="s">
        <v>82512</v>
      </c>
      <c r="N25931" s="5" t="s">
        <v>72</v>
      </c>
      <c r="O25931" s="5" t="s">
        <v>38</v>
      </c>
      <c r="P25931" s="5" t="s">
        <v>39</v>
      </c>
      <c r="Q25931" s="5" t="s">
        <v>40</v>
      </c>
      <c r="R25931" s="5" t="s">
        <v>24340</v>
      </c>
      <c r="S25931" s="5" t="s">
        <v>40</v>
      </c>
      <c r="T25931" s="5" t="s">
        <v>42</v>
      </c>
      <c r="U25931" s="2">
        <v>2.1659999999999999</v>
      </c>
      <c r="V25931" s="2">
        <v>1.8939999999999999</v>
      </c>
      <c r="W25931" s="2">
        <v>6.0000000000000001E-3</v>
      </c>
      <c r="X25931" s="2">
        <v>5.2</v>
      </c>
      <c r="Y25931" s="2">
        <v>17.8</v>
      </c>
      <c r="Z25931" s="2">
        <v>68</v>
      </c>
      <c r="AA25931" s="5">
        <v>60</v>
      </c>
      <c r="AB25931" s="5" t="s">
        <v>43</v>
      </c>
      <c r="AC25931" s="5" t="s">
        <v>44</v>
      </c>
      <c r="AD25931" s="2" t="s">
        <v>83356</v>
      </c>
      <c r="AE25931" s="1"/>
    </row>
    <row r="25932" spans="1:31" ht="14.45">
      <c r="A25932" s="11"/>
      <c r="B25932" s="20"/>
      <c r="C25932" s="2" t="s">
        <v>83357</v>
      </c>
      <c r="D25932" s="14" t="s">
        <v>83358</v>
      </c>
      <c r="E25932" s="2" t="s">
        <v>83359</v>
      </c>
      <c r="F25932" s="2" t="s">
        <v>83300</v>
      </c>
      <c r="G25932" s="8">
        <v>162</v>
      </c>
      <c r="H25932" s="5">
        <v>15</v>
      </c>
      <c r="I25932" s="5" t="s">
        <v>34</v>
      </c>
      <c r="J25932" s="5" t="s">
        <v>82511</v>
      </c>
      <c r="K25932" s="2" t="s">
        <v>82512</v>
      </c>
      <c r="L25932" s="5" t="s">
        <v>82511</v>
      </c>
      <c r="M25932" s="2" t="s">
        <v>82512</v>
      </c>
      <c r="N25932" s="5" t="s">
        <v>72</v>
      </c>
      <c r="O25932" s="5" t="s">
        <v>38</v>
      </c>
      <c r="P25932" s="5" t="s">
        <v>39</v>
      </c>
      <c r="Q25932" s="5" t="s">
        <v>40</v>
      </c>
      <c r="R25932" s="5" t="s">
        <v>25301</v>
      </c>
      <c r="S25932" s="5" t="s">
        <v>40</v>
      </c>
      <c r="T25932" s="5" t="s">
        <v>42</v>
      </c>
      <c r="U25932" s="2">
        <v>1.94</v>
      </c>
      <c r="V25932" s="2">
        <v>1.6679999999999999</v>
      </c>
      <c r="W25932" s="2">
        <v>6.0000000000000001E-3</v>
      </c>
      <c r="X25932" s="2">
        <v>5.2</v>
      </c>
      <c r="Y25932" s="2">
        <v>17.8</v>
      </c>
      <c r="Z25932" s="2">
        <v>68</v>
      </c>
      <c r="AA25932" s="5">
        <v>60</v>
      </c>
      <c r="AB25932" s="5" t="s">
        <v>43</v>
      </c>
      <c r="AC25932" s="5" t="s">
        <v>44</v>
      </c>
      <c r="AD25932" s="2" t="s">
        <v>83360</v>
      </c>
      <c r="AE25932" s="1"/>
    </row>
    <row r="25933" spans="1:31" ht="14.45">
      <c r="A25933" s="11"/>
      <c r="B25933" s="20"/>
      <c r="C25933" s="2" t="s">
        <v>83361</v>
      </c>
      <c r="D25933" s="14" t="s">
        <v>83362</v>
      </c>
      <c r="E25933" s="2" t="s">
        <v>83363</v>
      </c>
      <c r="F25933" s="2" t="s">
        <v>83305</v>
      </c>
      <c r="G25933" s="8">
        <v>166</v>
      </c>
      <c r="H25933" s="5">
        <v>5</v>
      </c>
      <c r="I25933" s="5" t="s">
        <v>34</v>
      </c>
      <c r="J25933" s="5" t="s">
        <v>82511</v>
      </c>
      <c r="K25933" s="2" t="s">
        <v>82512</v>
      </c>
      <c r="L25933" s="5" t="s">
        <v>82511</v>
      </c>
      <c r="M25933" s="2" t="s">
        <v>82512</v>
      </c>
      <c r="N25933" s="5" t="s">
        <v>72</v>
      </c>
      <c r="O25933" s="5" t="s">
        <v>38</v>
      </c>
      <c r="P25933" s="5" t="s">
        <v>39</v>
      </c>
      <c r="Q25933" s="5" t="s">
        <v>40</v>
      </c>
      <c r="R25933" s="5" t="s">
        <v>24335</v>
      </c>
      <c r="S25933" s="5" t="s">
        <v>40</v>
      </c>
      <c r="T25933" s="5" t="s">
        <v>42</v>
      </c>
      <c r="U25933" s="2">
        <v>1.7749999999999999</v>
      </c>
      <c r="V25933" s="2">
        <v>1.3819999999999999</v>
      </c>
      <c r="W25933" s="2">
        <v>1.4999999999999999E-2</v>
      </c>
      <c r="X25933" s="2">
        <v>6</v>
      </c>
      <c r="Y25933" s="2">
        <v>17.8</v>
      </c>
      <c r="Z25933" s="2">
        <v>142.19999999999999</v>
      </c>
      <c r="AA25933" s="5">
        <v>60</v>
      </c>
      <c r="AB25933" s="5" t="s">
        <v>43</v>
      </c>
      <c r="AC25933" s="5" t="s">
        <v>44</v>
      </c>
      <c r="AD25933" s="2" t="s">
        <v>83364</v>
      </c>
      <c r="AE25933" s="1"/>
    </row>
    <row r="25934" spans="1:31" ht="14.45">
      <c r="A25934" s="11"/>
      <c r="B25934" s="20"/>
      <c r="C25934" s="2" t="s">
        <v>83365</v>
      </c>
      <c r="D25934" s="14" t="s">
        <v>83366</v>
      </c>
      <c r="E25934" s="2" t="s">
        <v>83367</v>
      </c>
      <c r="F25934" s="2" t="s">
        <v>83310</v>
      </c>
      <c r="G25934" s="8">
        <v>180</v>
      </c>
      <c r="H25934" s="5">
        <v>15</v>
      </c>
      <c r="I25934" s="5" t="s">
        <v>34</v>
      </c>
      <c r="J25934" s="5" t="s">
        <v>82511</v>
      </c>
      <c r="K25934" s="2" t="s">
        <v>82512</v>
      </c>
      <c r="L25934" s="5" t="s">
        <v>82511</v>
      </c>
      <c r="M25934" s="2" t="s">
        <v>82512</v>
      </c>
      <c r="N25934" s="5" t="s">
        <v>72</v>
      </c>
      <c r="O25934" s="5" t="s">
        <v>38</v>
      </c>
      <c r="P25934" s="5" t="s">
        <v>39</v>
      </c>
      <c r="Q25934" s="5" t="s">
        <v>40</v>
      </c>
      <c r="R25934" s="5" t="s">
        <v>24340</v>
      </c>
      <c r="S25934" s="5" t="s">
        <v>40</v>
      </c>
      <c r="T25934" s="5" t="s">
        <v>42</v>
      </c>
      <c r="U25934" s="2">
        <v>2.6349999999999998</v>
      </c>
      <c r="V25934" s="2">
        <v>2.242</v>
      </c>
      <c r="W25934" s="2">
        <v>1.4999999999999999E-2</v>
      </c>
      <c r="X25934" s="2">
        <v>6</v>
      </c>
      <c r="Y25934" s="2">
        <v>17.8</v>
      </c>
      <c r="Z25934" s="2">
        <v>142.19999999999999</v>
      </c>
      <c r="AA25934" s="5">
        <v>60</v>
      </c>
      <c r="AB25934" s="5" t="s">
        <v>43</v>
      </c>
      <c r="AC25934" s="5" t="s">
        <v>44</v>
      </c>
      <c r="AD25934" s="2" t="s">
        <v>83368</v>
      </c>
      <c r="AE25934" s="1"/>
    </row>
    <row r="25935" spans="1:31" ht="14.45">
      <c r="A25935" s="11"/>
      <c r="B25935" s="20"/>
      <c r="C25935" s="2" t="s">
        <v>83369</v>
      </c>
      <c r="D25935" s="14" t="s">
        <v>83370</v>
      </c>
      <c r="E25935" s="2" t="s">
        <v>83371</v>
      </c>
      <c r="F25935" s="2" t="s">
        <v>83315</v>
      </c>
      <c r="G25935" s="8">
        <v>185</v>
      </c>
      <c r="H25935" s="5">
        <v>5</v>
      </c>
      <c r="I25935" s="5" t="s">
        <v>34</v>
      </c>
      <c r="J25935" s="5" t="s">
        <v>82511</v>
      </c>
      <c r="K25935" s="2" t="s">
        <v>82512</v>
      </c>
      <c r="L25935" s="5" t="s">
        <v>82511</v>
      </c>
      <c r="M25935" s="2" t="s">
        <v>82512</v>
      </c>
      <c r="N25935" s="5" t="s">
        <v>72</v>
      </c>
      <c r="O25935" s="5" t="s">
        <v>38</v>
      </c>
      <c r="P25935" s="5" t="s">
        <v>39</v>
      </c>
      <c r="Q25935" s="5" t="s">
        <v>40</v>
      </c>
      <c r="R25935" s="5" t="s">
        <v>24335</v>
      </c>
      <c r="S25935" s="5" t="s">
        <v>40</v>
      </c>
      <c r="T25935" s="5" t="s">
        <v>42</v>
      </c>
      <c r="U25935" s="2">
        <v>2.0449999999999999</v>
      </c>
      <c r="V25935" s="2">
        <v>1.6519999999999999</v>
      </c>
      <c r="W25935" s="2">
        <v>1.4999999999999999E-2</v>
      </c>
      <c r="X25935" s="2">
        <v>6</v>
      </c>
      <c r="Y25935" s="2">
        <v>17.8</v>
      </c>
      <c r="Z25935" s="2">
        <v>142.19999999999999</v>
      </c>
      <c r="AA25935" s="5">
        <v>60</v>
      </c>
      <c r="AB25935" s="5" t="s">
        <v>43</v>
      </c>
      <c r="AC25935" s="5" t="s">
        <v>44</v>
      </c>
      <c r="AD25935" s="2" t="s">
        <v>83372</v>
      </c>
      <c r="AE25935" s="1"/>
    </row>
    <row r="25936" spans="1:31" ht="14.45">
      <c r="A25936" s="11"/>
      <c r="B25936" s="20"/>
      <c r="C25936" s="2" t="s">
        <v>83373</v>
      </c>
      <c r="D25936" s="14" t="s">
        <v>83374</v>
      </c>
      <c r="E25936" s="2" t="s">
        <v>83375</v>
      </c>
      <c r="F25936" s="2" t="s">
        <v>83320</v>
      </c>
      <c r="G25936" s="8">
        <v>199</v>
      </c>
      <c r="H25936" s="5">
        <v>15</v>
      </c>
      <c r="I25936" s="5" t="s">
        <v>34</v>
      </c>
      <c r="J25936" s="5" t="s">
        <v>82511</v>
      </c>
      <c r="K25936" s="2" t="s">
        <v>82512</v>
      </c>
      <c r="L25936" s="5" t="s">
        <v>82511</v>
      </c>
      <c r="M25936" s="2" t="s">
        <v>82512</v>
      </c>
      <c r="N25936" s="5" t="s">
        <v>72</v>
      </c>
      <c r="O25936" s="5" t="s">
        <v>38</v>
      </c>
      <c r="P25936" s="5" t="s">
        <v>39</v>
      </c>
      <c r="Q25936" s="5" t="s">
        <v>40</v>
      </c>
      <c r="R25936" s="5" t="s">
        <v>24340</v>
      </c>
      <c r="S25936" s="5" t="s">
        <v>40</v>
      </c>
      <c r="T25936" s="5" t="s">
        <v>42</v>
      </c>
      <c r="U25936" s="2">
        <v>3.06</v>
      </c>
      <c r="V25936" s="2">
        <v>2.6669999999999998</v>
      </c>
      <c r="W25936" s="2">
        <v>1.4999999999999999E-2</v>
      </c>
      <c r="X25936" s="2">
        <v>6</v>
      </c>
      <c r="Y25936" s="2">
        <v>17.8</v>
      </c>
      <c r="Z25936" s="2">
        <v>142.19999999999999</v>
      </c>
      <c r="AA25936" s="5">
        <v>60</v>
      </c>
      <c r="AB25936" s="5" t="s">
        <v>43</v>
      </c>
      <c r="AC25936" s="5" t="s">
        <v>44</v>
      </c>
      <c r="AD25936" s="2" t="s">
        <v>83376</v>
      </c>
      <c r="AE25936" s="1"/>
    </row>
    <row r="25937" spans="1:31" ht="14.45">
      <c r="A25937" s="11"/>
      <c r="B25937" s="20"/>
      <c r="C25937" s="2" t="s">
        <v>83377</v>
      </c>
      <c r="D25937" s="14" t="s">
        <v>83378</v>
      </c>
      <c r="E25937" s="2" t="s">
        <v>83379</v>
      </c>
      <c r="F25937" s="2" t="s">
        <v>83330</v>
      </c>
      <c r="G25937" s="8">
        <v>203</v>
      </c>
      <c r="H25937" s="5">
        <v>5</v>
      </c>
      <c r="I25937" s="5" t="s">
        <v>34</v>
      </c>
      <c r="J25937" s="5" t="s">
        <v>82511</v>
      </c>
      <c r="K25937" s="2" t="s">
        <v>82512</v>
      </c>
      <c r="L25937" s="5" t="s">
        <v>82511</v>
      </c>
      <c r="M25937" s="2" t="s">
        <v>82512</v>
      </c>
      <c r="N25937" s="5" t="s">
        <v>72</v>
      </c>
      <c r="O25937" s="5" t="s">
        <v>38</v>
      </c>
      <c r="P25937" s="5" t="s">
        <v>39</v>
      </c>
      <c r="Q25937" s="5" t="s">
        <v>40</v>
      </c>
      <c r="R25937" s="5" t="s">
        <v>24335</v>
      </c>
      <c r="S25937" s="5" t="s">
        <v>40</v>
      </c>
      <c r="T25937" s="5" t="s">
        <v>42</v>
      </c>
      <c r="U25937" s="2">
        <v>2.3260000000000001</v>
      </c>
      <c r="V25937" s="2">
        <v>1.93</v>
      </c>
      <c r="W25937" s="2">
        <v>1.4999999999999999E-2</v>
      </c>
      <c r="X25937" s="2">
        <v>6</v>
      </c>
      <c r="Y25937" s="2">
        <v>17.8</v>
      </c>
      <c r="Z25937" s="2">
        <v>142.19999999999999</v>
      </c>
      <c r="AA25937" s="5">
        <v>60</v>
      </c>
      <c r="AB25937" s="5" t="s">
        <v>43</v>
      </c>
      <c r="AC25937" s="5" t="s">
        <v>44</v>
      </c>
      <c r="AD25937" s="2" t="s">
        <v>83380</v>
      </c>
      <c r="AE25937" s="1"/>
    </row>
    <row r="25938" spans="1:31" ht="14.45">
      <c r="A25938" s="11"/>
      <c r="B25938" s="20"/>
      <c r="C25938" s="2" t="s">
        <v>83381</v>
      </c>
      <c r="D25938" s="14" t="s">
        <v>83382</v>
      </c>
      <c r="E25938" s="2" t="s">
        <v>83383</v>
      </c>
      <c r="F25938" s="2" t="s">
        <v>83384</v>
      </c>
      <c r="G25938" s="8">
        <v>217</v>
      </c>
      <c r="H25938" s="5">
        <v>15</v>
      </c>
      <c r="I25938" s="5" t="s">
        <v>34</v>
      </c>
      <c r="J25938" s="5" t="s">
        <v>82511</v>
      </c>
      <c r="K25938" s="2" t="s">
        <v>82512</v>
      </c>
      <c r="L25938" s="5" t="s">
        <v>82511</v>
      </c>
      <c r="M25938" s="2" t="s">
        <v>82512</v>
      </c>
      <c r="N25938" s="5" t="s">
        <v>72</v>
      </c>
      <c r="O25938" s="5" t="s">
        <v>38</v>
      </c>
      <c r="P25938" s="5" t="s">
        <v>39</v>
      </c>
      <c r="Q25938" s="5" t="s">
        <v>40</v>
      </c>
      <c r="R25938" s="5" t="s">
        <v>25301</v>
      </c>
      <c r="S25938" s="5" t="s">
        <v>40</v>
      </c>
      <c r="T25938" s="5" t="s">
        <v>42</v>
      </c>
      <c r="U25938" s="2">
        <v>3.1389999999999998</v>
      </c>
      <c r="V25938" s="2">
        <v>2.7429999999999999</v>
      </c>
      <c r="W25938" s="2">
        <v>1.4999999999999999E-2</v>
      </c>
      <c r="X25938" s="2">
        <v>6</v>
      </c>
      <c r="Y25938" s="2">
        <v>17.8</v>
      </c>
      <c r="Z25938" s="2">
        <v>142.19999999999999</v>
      </c>
      <c r="AA25938" s="5">
        <v>60</v>
      </c>
      <c r="AB25938" s="5" t="s">
        <v>43</v>
      </c>
      <c r="AC25938" s="5" t="s">
        <v>44</v>
      </c>
      <c r="AD25938" s="2" t="s">
        <v>83385</v>
      </c>
      <c r="AE25938" s="1"/>
    </row>
    <row r="25939" spans="1:31" ht="14.45">
      <c r="A25939" s="11"/>
      <c r="B25939" s="20"/>
      <c r="C25939" s="2" t="s">
        <v>83386</v>
      </c>
      <c r="D25939" s="14" t="s">
        <v>83387</v>
      </c>
      <c r="E25939" s="2" t="s">
        <v>83388</v>
      </c>
      <c r="F25939" s="2" t="s">
        <v>83290</v>
      </c>
      <c r="G25939" s="8">
        <v>148</v>
      </c>
      <c r="H25939" s="5">
        <v>15</v>
      </c>
      <c r="I25939" s="5" t="s">
        <v>34</v>
      </c>
      <c r="J25939" s="5" t="s">
        <v>82511</v>
      </c>
      <c r="K25939" s="2" t="s">
        <v>82512</v>
      </c>
      <c r="L25939" s="5" t="s">
        <v>82511</v>
      </c>
      <c r="M25939" s="2" t="s">
        <v>82512</v>
      </c>
      <c r="N25939" s="5" t="s">
        <v>72</v>
      </c>
      <c r="O25939" s="5" t="s">
        <v>38</v>
      </c>
      <c r="P25939" s="5" t="s">
        <v>39</v>
      </c>
      <c r="Q25939" s="5" t="s">
        <v>40</v>
      </c>
      <c r="R25939" s="5" t="s">
        <v>24335</v>
      </c>
      <c r="S25939" s="5" t="s">
        <v>40</v>
      </c>
      <c r="T25939" s="5" t="s">
        <v>42</v>
      </c>
      <c r="U25939" s="2">
        <v>1.4279999999999999</v>
      </c>
      <c r="V25939" s="2">
        <v>1.1559999999999999</v>
      </c>
      <c r="W25939" s="2">
        <v>6.0000000000000001E-3</v>
      </c>
      <c r="X25939" s="2">
        <v>5.2</v>
      </c>
      <c r="Y25939" s="2">
        <v>17.8</v>
      </c>
      <c r="Z25939" s="2">
        <v>68</v>
      </c>
      <c r="AA25939" s="5">
        <v>60</v>
      </c>
      <c r="AB25939" s="5" t="s">
        <v>43</v>
      </c>
      <c r="AC25939" s="5" t="s">
        <v>44</v>
      </c>
      <c r="AD25939" s="2" t="s">
        <v>83389</v>
      </c>
      <c r="AE25939" s="1"/>
    </row>
    <row r="25940" spans="1:31" ht="14.45">
      <c r="A25940" s="11"/>
      <c r="B25940" s="20"/>
      <c r="C25940" s="2" t="s">
        <v>83390</v>
      </c>
      <c r="D25940" s="14" t="s">
        <v>83391</v>
      </c>
      <c r="E25940" s="2" t="s">
        <v>83392</v>
      </c>
      <c r="F25940" s="2" t="s">
        <v>83295</v>
      </c>
      <c r="G25940" s="8">
        <v>162</v>
      </c>
      <c r="H25940" s="5">
        <v>15</v>
      </c>
      <c r="I25940" s="5" t="s">
        <v>34</v>
      </c>
      <c r="J25940" s="5" t="s">
        <v>82511</v>
      </c>
      <c r="K25940" s="2" t="s">
        <v>82512</v>
      </c>
      <c r="L25940" s="5" t="s">
        <v>82511</v>
      </c>
      <c r="M25940" s="2" t="s">
        <v>82512</v>
      </c>
      <c r="N25940" s="5" t="s">
        <v>72</v>
      </c>
      <c r="O25940" s="5" t="s">
        <v>38</v>
      </c>
      <c r="P25940" s="5" t="s">
        <v>39</v>
      </c>
      <c r="Q25940" s="5" t="s">
        <v>40</v>
      </c>
      <c r="R25940" s="5" t="s">
        <v>24340</v>
      </c>
      <c r="S25940" s="5" t="s">
        <v>40</v>
      </c>
      <c r="T25940" s="5" t="s">
        <v>42</v>
      </c>
      <c r="U25940" s="2">
        <v>2.1829999999999998</v>
      </c>
      <c r="V25940" s="2">
        <v>1.911</v>
      </c>
      <c r="W25940" s="2">
        <v>6.0000000000000001E-3</v>
      </c>
      <c r="X25940" s="2">
        <v>5.2</v>
      </c>
      <c r="Y25940" s="2">
        <v>17.8</v>
      </c>
      <c r="Z25940" s="2">
        <v>68</v>
      </c>
      <c r="AA25940" s="5">
        <v>60</v>
      </c>
      <c r="AB25940" s="5" t="s">
        <v>43</v>
      </c>
      <c r="AC25940" s="5" t="s">
        <v>44</v>
      </c>
      <c r="AD25940" s="2" t="s">
        <v>83393</v>
      </c>
      <c r="AE25940" s="1"/>
    </row>
    <row r="25941" spans="1:31" ht="14.45">
      <c r="A25941" s="11"/>
      <c r="B25941" s="20"/>
      <c r="C25941" s="2" t="s">
        <v>83394</v>
      </c>
      <c r="D25941" s="14" t="s">
        <v>83395</v>
      </c>
      <c r="E25941" s="2" t="s">
        <v>83396</v>
      </c>
      <c r="F25941" s="2" t="s">
        <v>83315</v>
      </c>
      <c r="G25941" s="8">
        <v>185</v>
      </c>
      <c r="H25941" s="5">
        <v>5</v>
      </c>
      <c r="I25941" s="5" t="s">
        <v>34</v>
      </c>
      <c r="J25941" s="5" t="s">
        <v>82511</v>
      </c>
      <c r="K25941" s="2" t="s">
        <v>82512</v>
      </c>
      <c r="L25941" s="5" t="s">
        <v>82511</v>
      </c>
      <c r="M25941" s="2" t="s">
        <v>82512</v>
      </c>
      <c r="N25941" s="5" t="s">
        <v>72</v>
      </c>
      <c r="O25941" s="5" t="s">
        <v>38</v>
      </c>
      <c r="P25941" s="5" t="s">
        <v>39</v>
      </c>
      <c r="Q25941" s="5" t="s">
        <v>40</v>
      </c>
      <c r="R25941" s="5" t="s">
        <v>24335</v>
      </c>
      <c r="S25941" s="5" t="s">
        <v>40</v>
      </c>
      <c r="T25941" s="5" t="s">
        <v>42</v>
      </c>
      <c r="U25941" s="2">
        <v>2.0339999999999998</v>
      </c>
      <c r="V25941" s="2">
        <v>1.641</v>
      </c>
      <c r="W25941" s="2">
        <v>1.4999999999999999E-2</v>
      </c>
      <c r="X25941" s="2">
        <v>6</v>
      </c>
      <c r="Y25941" s="2">
        <v>17.8</v>
      </c>
      <c r="Z25941" s="2">
        <v>142.19999999999999</v>
      </c>
      <c r="AA25941" s="5">
        <v>60</v>
      </c>
      <c r="AB25941" s="5" t="s">
        <v>43</v>
      </c>
      <c r="AC25941" s="5" t="s">
        <v>44</v>
      </c>
      <c r="AD25941" s="2" t="s">
        <v>83397</v>
      </c>
      <c r="AE25941" s="1"/>
    </row>
    <row r="25942" spans="1:31" ht="14.45">
      <c r="A25942" s="11"/>
      <c r="B25942" s="20"/>
      <c r="C25942" s="2" t="s">
        <v>83398</v>
      </c>
      <c r="D25942" s="14" t="s">
        <v>83399</v>
      </c>
      <c r="E25942" s="2" t="s">
        <v>83400</v>
      </c>
      <c r="F25942" s="2"/>
      <c r="G25942" s="8">
        <v>28</v>
      </c>
      <c r="H25942" s="5">
        <v>4</v>
      </c>
      <c r="I25942" s="5" t="s">
        <v>34</v>
      </c>
      <c r="J25942" s="5" t="s">
        <v>35</v>
      </c>
      <c r="K25942" s="2" t="s">
        <v>36</v>
      </c>
      <c r="L25942" s="5" t="s">
        <v>35</v>
      </c>
      <c r="M25942" s="2" t="s">
        <v>36</v>
      </c>
      <c r="N25942" s="5" t="s">
        <v>72</v>
      </c>
      <c r="O25942" s="5" t="s">
        <v>38</v>
      </c>
      <c r="P25942" s="5" t="s">
        <v>39</v>
      </c>
      <c r="Q25942" s="5" t="s">
        <v>40</v>
      </c>
      <c r="R25942" s="5" t="s">
        <v>83401</v>
      </c>
      <c r="S25942" s="5" t="s">
        <v>40</v>
      </c>
      <c r="T25942" s="5" t="s">
        <v>42</v>
      </c>
      <c r="U25942" s="2">
        <v>0.33400000000000002</v>
      </c>
      <c r="V25942" s="2">
        <v>0.22900000000000001</v>
      </c>
      <c r="W25942" s="2">
        <v>3.0000000000000001E-3</v>
      </c>
      <c r="X25942" s="2">
        <v>34</v>
      </c>
      <c r="Y25942" s="2">
        <v>16</v>
      </c>
      <c r="Z25942" s="2">
        <v>5</v>
      </c>
      <c r="AA25942" s="5"/>
      <c r="AB25942" s="5" t="s">
        <v>43</v>
      </c>
      <c r="AC25942" s="5" t="s">
        <v>44</v>
      </c>
      <c r="AD25942" s="2"/>
      <c r="AE25942" s="1"/>
    </row>
    <row r="25943" spans="1:31" ht="14.45">
      <c r="A25943" s="11"/>
      <c r="B25943" s="20"/>
      <c r="C25943" s="2" t="s">
        <v>83402</v>
      </c>
      <c r="D25943" s="14" t="s">
        <v>83403</v>
      </c>
      <c r="E25943" s="2" t="s">
        <v>83404</v>
      </c>
      <c r="F25943" s="2"/>
      <c r="G25943" s="8">
        <v>28</v>
      </c>
      <c r="H25943" s="5">
        <v>4</v>
      </c>
      <c r="I25943" s="5" t="s">
        <v>34</v>
      </c>
      <c r="J25943" s="5" t="s">
        <v>35</v>
      </c>
      <c r="K25943" s="2" t="s">
        <v>36</v>
      </c>
      <c r="L25943" s="5" t="s">
        <v>35</v>
      </c>
      <c r="M25943" s="2" t="s">
        <v>36</v>
      </c>
      <c r="N25943" s="5" t="s">
        <v>72</v>
      </c>
      <c r="O25943" s="5" t="s">
        <v>38</v>
      </c>
      <c r="P25943" s="5" t="s">
        <v>39</v>
      </c>
      <c r="Q25943" s="5" t="s">
        <v>40</v>
      </c>
      <c r="R25943" s="5" t="s">
        <v>83401</v>
      </c>
      <c r="S25943" s="5" t="s">
        <v>40</v>
      </c>
      <c r="T25943" s="5" t="s">
        <v>42</v>
      </c>
      <c r="U25943" s="2">
        <v>0.20899999999999999</v>
      </c>
      <c r="V25943" s="2">
        <v>0.108</v>
      </c>
      <c r="W25943" s="2">
        <v>6.0000000000000001E-3</v>
      </c>
      <c r="X25943" s="2">
        <v>31.5</v>
      </c>
      <c r="Y25943" s="2">
        <v>28.5</v>
      </c>
      <c r="Z25943" s="2">
        <v>6.5</v>
      </c>
      <c r="AA25943" s="5"/>
      <c r="AB25943" s="5" t="s">
        <v>43</v>
      </c>
      <c r="AC25943" s="5" t="s">
        <v>44</v>
      </c>
      <c r="AD25943" s="2"/>
      <c r="AE25943" s="1"/>
    </row>
    <row r="25944" spans="1:31" ht="14.45">
      <c r="A25944" s="11"/>
      <c r="B25944" s="20"/>
      <c r="C25944" s="2" t="s">
        <v>83405</v>
      </c>
      <c r="D25944" s="14" t="s">
        <v>83406</v>
      </c>
      <c r="E25944" s="2" t="s">
        <v>83407</v>
      </c>
      <c r="F25944" s="2"/>
      <c r="G25944" s="8">
        <v>43</v>
      </c>
      <c r="H25944" s="5">
        <v>4</v>
      </c>
      <c r="I25944" s="5" t="s">
        <v>69</v>
      </c>
      <c r="J25944" s="5" t="s">
        <v>28207</v>
      </c>
      <c r="K25944" s="2" t="s">
        <v>28208</v>
      </c>
      <c r="L25944" s="5" t="s">
        <v>28207</v>
      </c>
      <c r="M25944" s="2" t="s">
        <v>28208</v>
      </c>
      <c r="N25944" s="5" t="s">
        <v>72</v>
      </c>
      <c r="O25944" s="5" t="s">
        <v>38</v>
      </c>
      <c r="P25944" s="5" t="s">
        <v>39</v>
      </c>
      <c r="Q25944" s="5" t="s">
        <v>40</v>
      </c>
      <c r="R25944" s="5" t="s">
        <v>24335</v>
      </c>
      <c r="S25944" s="5" t="s">
        <v>40</v>
      </c>
      <c r="T25944" s="5" t="s">
        <v>42</v>
      </c>
      <c r="U25944" s="2">
        <v>1.131</v>
      </c>
      <c r="V25944" s="2">
        <v>1.1200000000000001</v>
      </c>
      <c r="W25944" s="2">
        <v>8.9999999999999993E-3</v>
      </c>
      <c r="X25944" s="2">
        <v>174</v>
      </c>
      <c r="Y25944" s="2">
        <v>7</v>
      </c>
      <c r="Z25944" s="2">
        <v>7</v>
      </c>
      <c r="AA25944" s="5">
        <v>21</v>
      </c>
      <c r="AB25944" s="5" t="s">
        <v>43</v>
      </c>
      <c r="AC25944" s="5" t="s">
        <v>44</v>
      </c>
      <c r="AD25944" s="2" t="s">
        <v>83408</v>
      </c>
      <c r="AE25944" s="1"/>
    </row>
    <row r="25945" spans="1:31" ht="14.45">
      <c r="A25945" s="11"/>
      <c r="B25945" s="20"/>
      <c r="C25945" s="2" t="s">
        <v>83409</v>
      </c>
      <c r="D25945" s="14" t="s">
        <v>83410</v>
      </c>
      <c r="E25945" s="2" t="s">
        <v>83411</v>
      </c>
      <c r="F25945" s="2" t="s">
        <v>83412</v>
      </c>
      <c r="G25945" s="8">
        <v>592</v>
      </c>
      <c r="H25945" s="5">
        <v>4</v>
      </c>
      <c r="I25945" s="5" t="s">
        <v>34</v>
      </c>
      <c r="J25945" s="5" t="s">
        <v>28207</v>
      </c>
      <c r="K25945" s="2" t="s">
        <v>28208</v>
      </c>
      <c r="L25945" s="5" t="s">
        <v>28207</v>
      </c>
      <c r="M25945" s="2" t="s">
        <v>28208</v>
      </c>
      <c r="N25945" s="5" t="s">
        <v>72</v>
      </c>
      <c r="O25945" s="5" t="s">
        <v>38</v>
      </c>
      <c r="P25945" s="5" t="s">
        <v>39</v>
      </c>
      <c r="Q25945" s="5" t="s">
        <v>40</v>
      </c>
      <c r="R25945" s="5" t="s">
        <v>83413</v>
      </c>
      <c r="S25945" s="5" t="s">
        <v>40</v>
      </c>
      <c r="T25945" s="5" t="s">
        <v>42</v>
      </c>
      <c r="U25945" s="2">
        <v>3.5</v>
      </c>
      <c r="V25945" s="2">
        <v>3.19</v>
      </c>
      <c r="W25945" s="2">
        <v>1.2E-2</v>
      </c>
      <c r="X25945" s="2">
        <v>42</v>
      </c>
      <c r="Y25945" s="2">
        <v>25</v>
      </c>
      <c r="Z25945" s="2">
        <v>11</v>
      </c>
      <c r="AA25945" s="5"/>
      <c r="AB25945" s="5" t="s">
        <v>43</v>
      </c>
      <c r="AC25945" s="5" t="s">
        <v>44</v>
      </c>
      <c r="AD25945" s="2" t="s">
        <v>83414</v>
      </c>
      <c r="AE25945" s="1"/>
    </row>
    <row r="25946" spans="1:31" ht="14.45">
      <c r="A25946" s="11"/>
      <c r="B25946" s="20"/>
      <c r="C25946" s="2" t="s">
        <v>83415</v>
      </c>
      <c r="D25946" s="14" t="s">
        <v>83416</v>
      </c>
      <c r="E25946" s="2" t="s">
        <v>83417</v>
      </c>
      <c r="F25946" s="2" t="s">
        <v>83418</v>
      </c>
      <c r="G25946" s="8">
        <v>108</v>
      </c>
      <c r="H25946" s="5">
        <v>4</v>
      </c>
      <c r="I25946" s="5" t="s">
        <v>34</v>
      </c>
      <c r="J25946" s="5" t="s">
        <v>35</v>
      </c>
      <c r="K25946" s="2" t="s">
        <v>36</v>
      </c>
      <c r="L25946" s="5" t="s">
        <v>35</v>
      </c>
      <c r="M25946" s="2" t="s">
        <v>36</v>
      </c>
      <c r="N25946" s="5" t="s">
        <v>72</v>
      </c>
      <c r="O25946" s="5" t="s">
        <v>38</v>
      </c>
      <c r="P25946" s="5" t="s">
        <v>39</v>
      </c>
      <c r="Q25946" s="5" t="s">
        <v>40</v>
      </c>
      <c r="R25946" s="5" t="s">
        <v>83419</v>
      </c>
      <c r="S25946" s="5" t="s">
        <v>40</v>
      </c>
      <c r="T25946" s="5" t="s">
        <v>42</v>
      </c>
      <c r="U25946" s="2">
        <v>1.2470000000000001</v>
      </c>
      <c r="V25946" s="2">
        <v>1.2470000000000001</v>
      </c>
      <c r="W25946" s="2">
        <v>6.0000000000000001E-3</v>
      </c>
      <c r="X25946" s="2">
        <v>34.5</v>
      </c>
      <c r="Y25946" s="2">
        <v>20</v>
      </c>
      <c r="Z25946" s="2">
        <v>8.5</v>
      </c>
      <c r="AA25946" s="5"/>
      <c r="AB25946" s="5" t="s">
        <v>43</v>
      </c>
      <c r="AC25946" s="5" t="s">
        <v>44</v>
      </c>
      <c r="AD25946" s="2" t="s">
        <v>83420</v>
      </c>
      <c r="AE25946" s="1"/>
    </row>
    <row r="25947" spans="1:31" ht="14.45">
      <c r="A25947" s="11"/>
      <c r="B25947" s="20"/>
      <c r="C25947" s="2" t="s">
        <v>83421</v>
      </c>
      <c r="D25947" s="14" t="s">
        <v>83422</v>
      </c>
      <c r="E25947" s="2" t="s">
        <v>83423</v>
      </c>
      <c r="F25947" s="2" t="s">
        <v>83424</v>
      </c>
      <c r="G25947" s="8">
        <v>99</v>
      </c>
      <c r="H25947" s="5">
        <v>19</v>
      </c>
      <c r="I25947" s="5" t="s">
        <v>69</v>
      </c>
      <c r="J25947" s="5" t="s">
        <v>35</v>
      </c>
      <c r="K25947" s="2" t="s">
        <v>36</v>
      </c>
      <c r="L25947" s="5" t="s">
        <v>35</v>
      </c>
      <c r="M25947" s="2" t="s">
        <v>36</v>
      </c>
      <c r="N25947" s="5" t="s">
        <v>72</v>
      </c>
      <c r="O25947" s="5" t="s">
        <v>38</v>
      </c>
      <c r="P25947" s="5" t="s">
        <v>39</v>
      </c>
      <c r="Q25947" s="5" t="s">
        <v>40</v>
      </c>
      <c r="R25947" s="5" t="s">
        <v>41</v>
      </c>
      <c r="S25947" s="5" t="s">
        <v>40</v>
      </c>
      <c r="T25947" s="5" t="s">
        <v>42</v>
      </c>
      <c r="U25947" s="2">
        <v>8.81</v>
      </c>
      <c r="V25947" s="2">
        <v>5.9</v>
      </c>
      <c r="W25947" s="2">
        <v>7.0000000000000001E-3</v>
      </c>
      <c r="X25947" s="2">
        <v>60</v>
      </c>
      <c r="Y25947" s="2">
        <v>60</v>
      </c>
      <c r="Z25947" s="2">
        <v>2</v>
      </c>
      <c r="AA25947" s="5">
        <v>27</v>
      </c>
      <c r="AB25947" s="5" t="s">
        <v>43</v>
      </c>
      <c r="AC25947" s="5" t="s">
        <v>44</v>
      </c>
      <c r="AD25947" s="2" t="s">
        <v>83425</v>
      </c>
      <c r="AE25947" s="1"/>
    </row>
    <row r="25948" spans="1:31" ht="14.45">
      <c r="A25948" s="11"/>
      <c r="B25948" s="20"/>
      <c r="C25948" s="2" t="s">
        <v>83426</v>
      </c>
      <c r="D25948" s="14" t="s">
        <v>83427</v>
      </c>
      <c r="E25948" s="2" t="s">
        <v>83428</v>
      </c>
      <c r="F25948" s="2" t="s">
        <v>83424</v>
      </c>
      <c r="G25948" s="8">
        <v>142</v>
      </c>
      <c r="H25948" s="5">
        <v>19</v>
      </c>
      <c r="I25948" s="5" t="s">
        <v>69</v>
      </c>
      <c r="J25948" s="5" t="s">
        <v>35</v>
      </c>
      <c r="K25948" s="2" t="s">
        <v>36</v>
      </c>
      <c r="L25948" s="5" t="s">
        <v>35</v>
      </c>
      <c r="M25948" s="2" t="s">
        <v>36</v>
      </c>
      <c r="N25948" s="5" t="s">
        <v>72</v>
      </c>
      <c r="O25948" s="5" t="s">
        <v>38</v>
      </c>
      <c r="P25948" s="5" t="s">
        <v>39</v>
      </c>
      <c r="Q25948" s="5" t="s">
        <v>40</v>
      </c>
      <c r="R25948" s="5" t="s">
        <v>41</v>
      </c>
      <c r="S25948" s="5" t="s">
        <v>40</v>
      </c>
      <c r="T25948" s="5" t="s">
        <v>42</v>
      </c>
      <c r="U25948" s="2">
        <v>11.09</v>
      </c>
      <c r="V25948" s="2">
        <v>7.6</v>
      </c>
      <c r="W25948" s="2">
        <v>1.2999999999999999E-2</v>
      </c>
      <c r="X25948" s="2">
        <v>80</v>
      </c>
      <c r="Y25948" s="2">
        <v>80</v>
      </c>
      <c r="Z25948" s="2">
        <v>2</v>
      </c>
      <c r="AA25948" s="5">
        <v>27</v>
      </c>
      <c r="AB25948" s="5" t="s">
        <v>43</v>
      </c>
      <c r="AC25948" s="5" t="s">
        <v>44</v>
      </c>
      <c r="AD25948" s="2" t="s">
        <v>83429</v>
      </c>
      <c r="AE25948" s="1"/>
    </row>
    <row r="25949" spans="1:31" ht="14.45">
      <c r="A25949" s="11"/>
      <c r="B25949" s="20"/>
      <c r="C25949" s="2" t="s">
        <v>83430</v>
      </c>
      <c r="D25949" s="14" t="s">
        <v>83431</v>
      </c>
      <c r="E25949" s="2" t="s">
        <v>83432</v>
      </c>
      <c r="F25949" s="2" t="s">
        <v>83424</v>
      </c>
      <c r="G25949" s="8">
        <v>128</v>
      </c>
      <c r="H25949" s="5">
        <v>19</v>
      </c>
      <c r="I25949" s="5" t="s">
        <v>69</v>
      </c>
      <c r="J25949" s="5" t="s">
        <v>35</v>
      </c>
      <c r="K25949" s="2" t="s">
        <v>36</v>
      </c>
      <c r="L25949" s="5" t="s">
        <v>35</v>
      </c>
      <c r="M25949" s="2" t="s">
        <v>36</v>
      </c>
      <c r="N25949" s="5" t="s">
        <v>72</v>
      </c>
      <c r="O25949" s="5" t="s">
        <v>38</v>
      </c>
      <c r="P25949" s="5" t="s">
        <v>39</v>
      </c>
      <c r="Q25949" s="5" t="s">
        <v>40</v>
      </c>
      <c r="R25949" s="5" t="s">
        <v>41</v>
      </c>
      <c r="S25949" s="5" t="s">
        <v>40</v>
      </c>
      <c r="T25949" s="5" t="s">
        <v>42</v>
      </c>
      <c r="U25949" s="2">
        <v>10.11</v>
      </c>
      <c r="V25949" s="2">
        <v>7.2</v>
      </c>
      <c r="W25949" s="2">
        <v>1.0999999999999999E-2</v>
      </c>
      <c r="X25949" s="2">
        <v>90</v>
      </c>
      <c r="Y25949" s="2">
        <v>60</v>
      </c>
      <c r="Z25949" s="2">
        <v>2</v>
      </c>
      <c r="AA25949" s="5">
        <v>27</v>
      </c>
      <c r="AB25949" s="5" t="s">
        <v>43</v>
      </c>
      <c r="AC25949" s="5" t="s">
        <v>44</v>
      </c>
      <c r="AD25949" s="2" t="s">
        <v>83433</v>
      </c>
      <c r="AE25949" s="1"/>
    </row>
    <row r="25950" spans="1:31" ht="14.45">
      <c r="A25950" s="11"/>
      <c r="B25950" s="20"/>
      <c r="C25950" s="2" t="s">
        <v>83434</v>
      </c>
      <c r="D25950" s="14" t="s">
        <v>83435</v>
      </c>
      <c r="E25950" s="2" t="s">
        <v>83436</v>
      </c>
      <c r="F25950" s="2" t="s">
        <v>83424</v>
      </c>
      <c r="G25950" s="8">
        <v>167</v>
      </c>
      <c r="H25950" s="5">
        <v>19</v>
      </c>
      <c r="I25950" s="5" t="s">
        <v>69</v>
      </c>
      <c r="J25950" s="5" t="s">
        <v>35</v>
      </c>
      <c r="K25950" s="2" t="s">
        <v>36</v>
      </c>
      <c r="L25950" s="5" t="s">
        <v>35</v>
      </c>
      <c r="M25950" s="2" t="s">
        <v>36</v>
      </c>
      <c r="N25950" s="5" t="s">
        <v>72</v>
      </c>
      <c r="O25950" s="5" t="s">
        <v>38</v>
      </c>
      <c r="P25950" s="5" t="s">
        <v>39</v>
      </c>
      <c r="Q25950" s="5" t="s">
        <v>40</v>
      </c>
      <c r="R25950" s="5" t="s">
        <v>41</v>
      </c>
      <c r="S25950" s="5" t="s">
        <v>40</v>
      </c>
      <c r="T25950" s="5" t="s">
        <v>42</v>
      </c>
      <c r="U25950" s="2">
        <v>12.38</v>
      </c>
      <c r="V25950" s="2">
        <v>8.6</v>
      </c>
      <c r="W25950" s="2">
        <v>1.6E-2</v>
      </c>
      <c r="X25950" s="2">
        <v>90</v>
      </c>
      <c r="Y25950" s="2">
        <v>90</v>
      </c>
      <c r="Z25950" s="2">
        <v>2</v>
      </c>
      <c r="AA25950" s="5">
        <v>27</v>
      </c>
      <c r="AB25950" s="5" t="s">
        <v>43</v>
      </c>
      <c r="AC25950" s="5" t="s">
        <v>44</v>
      </c>
      <c r="AD25950" s="2" t="s">
        <v>83437</v>
      </c>
      <c r="AE25950" s="1"/>
    </row>
    <row r="25951" spans="1:31" ht="14.45">
      <c r="A25951" s="11"/>
      <c r="B25951" s="20"/>
      <c r="C25951" s="2" t="s">
        <v>83438</v>
      </c>
      <c r="D25951" s="14" t="s">
        <v>83439</v>
      </c>
      <c r="E25951" s="2" t="s">
        <v>83440</v>
      </c>
      <c r="F25951" s="2" t="s">
        <v>83424</v>
      </c>
      <c r="G25951" s="8">
        <v>194</v>
      </c>
      <c r="H25951" s="5">
        <v>19</v>
      </c>
      <c r="I25951" s="5" t="s">
        <v>69</v>
      </c>
      <c r="J25951" s="5" t="s">
        <v>35</v>
      </c>
      <c r="K25951" s="2" t="s">
        <v>36</v>
      </c>
      <c r="L25951" s="5" t="s">
        <v>35</v>
      </c>
      <c r="M25951" s="2" t="s">
        <v>36</v>
      </c>
      <c r="N25951" s="5" t="s">
        <v>72</v>
      </c>
      <c r="O25951" s="5" t="s">
        <v>38</v>
      </c>
      <c r="P25951" s="5" t="s">
        <v>39</v>
      </c>
      <c r="Q25951" s="5" t="s">
        <v>40</v>
      </c>
      <c r="R25951" s="5" t="s">
        <v>41</v>
      </c>
      <c r="S25951" s="5" t="s">
        <v>40</v>
      </c>
      <c r="T25951" s="5" t="s">
        <v>42</v>
      </c>
      <c r="U25951" s="2">
        <v>13.47</v>
      </c>
      <c r="V25951" s="2">
        <v>9.4</v>
      </c>
      <c r="W25951" s="2">
        <v>0.02</v>
      </c>
      <c r="X25951" s="2">
        <v>100</v>
      </c>
      <c r="Y25951" s="2">
        <v>100</v>
      </c>
      <c r="Z25951" s="2">
        <v>2</v>
      </c>
      <c r="AA25951" s="5">
        <v>27</v>
      </c>
      <c r="AB25951" s="5" t="s">
        <v>43</v>
      </c>
      <c r="AC25951" s="5" t="s">
        <v>44</v>
      </c>
      <c r="AD25951" s="2" t="s">
        <v>83441</v>
      </c>
      <c r="AE25951" s="1"/>
    </row>
    <row r="25952" spans="1:31" ht="14.45">
      <c r="A25952" s="11"/>
      <c r="B25952" s="20"/>
      <c r="C25952" s="2" t="s">
        <v>83442</v>
      </c>
      <c r="D25952" s="14" t="s">
        <v>83443</v>
      </c>
      <c r="E25952" s="2" t="s">
        <v>83444</v>
      </c>
      <c r="F25952" s="2" t="s">
        <v>83424</v>
      </c>
      <c r="G25952" s="8">
        <v>202</v>
      </c>
      <c r="H25952" s="5">
        <v>19</v>
      </c>
      <c r="I25952" s="5" t="s">
        <v>69</v>
      </c>
      <c r="J25952" s="5" t="s">
        <v>35</v>
      </c>
      <c r="K25952" s="2" t="s">
        <v>36</v>
      </c>
      <c r="L25952" s="5" t="s">
        <v>35</v>
      </c>
      <c r="M25952" s="2" t="s">
        <v>36</v>
      </c>
      <c r="N25952" s="5" t="s">
        <v>72</v>
      </c>
      <c r="O25952" s="5" t="s">
        <v>38</v>
      </c>
      <c r="P25952" s="5" t="s">
        <v>39</v>
      </c>
      <c r="Q25952" s="5" t="s">
        <v>40</v>
      </c>
      <c r="R25952" s="5" t="s">
        <v>41</v>
      </c>
      <c r="S25952" s="5" t="s">
        <v>40</v>
      </c>
      <c r="T25952" s="5" t="s">
        <v>42</v>
      </c>
      <c r="U25952" s="2">
        <v>13.78</v>
      </c>
      <c r="V25952" s="2">
        <v>10</v>
      </c>
      <c r="W25952" s="2">
        <v>2.1999999999999999E-2</v>
      </c>
      <c r="X25952" s="2">
        <v>120</v>
      </c>
      <c r="Y25952" s="2">
        <v>90</v>
      </c>
      <c r="Z25952" s="2">
        <v>2</v>
      </c>
      <c r="AA25952" s="5">
        <v>27</v>
      </c>
      <c r="AB25952" s="5" t="s">
        <v>43</v>
      </c>
      <c r="AC25952" s="5" t="s">
        <v>44</v>
      </c>
      <c r="AD25952" s="2" t="s">
        <v>83445</v>
      </c>
      <c r="AE25952" s="1"/>
    </row>
    <row r="25953" spans="1:31" ht="14.45">
      <c r="A25953" s="11"/>
      <c r="B25953" s="20"/>
      <c r="C25953" s="2" t="s">
        <v>83446</v>
      </c>
      <c r="D25953" s="14" t="s">
        <v>83447</v>
      </c>
      <c r="E25953" s="2" t="s">
        <v>83448</v>
      </c>
      <c r="F25953" s="2" t="s">
        <v>83424</v>
      </c>
      <c r="G25953" s="8">
        <v>250</v>
      </c>
      <c r="H25953" s="5">
        <v>19</v>
      </c>
      <c r="I25953" s="5" t="s">
        <v>69</v>
      </c>
      <c r="J25953" s="5" t="s">
        <v>35</v>
      </c>
      <c r="K25953" s="2" t="s">
        <v>36</v>
      </c>
      <c r="L25953" s="5" t="s">
        <v>35</v>
      </c>
      <c r="M25953" s="2" t="s">
        <v>36</v>
      </c>
      <c r="N25953" s="5" t="s">
        <v>72</v>
      </c>
      <c r="O25953" s="5" t="s">
        <v>38</v>
      </c>
      <c r="P25953" s="5" t="s">
        <v>39</v>
      </c>
      <c r="Q25953" s="5" t="s">
        <v>40</v>
      </c>
      <c r="R25953" s="5" t="s">
        <v>41</v>
      </c>
      <c r="S25953" s="5" t="s">
        <v>40</v>
      </c>
      <c r="T25953" s="5" t="s">
        <v>42</v>
      </c>
      <c r="U25953" s="2">
        <v>16.149999999999999</v>
      </c>
      <c r="V25953" s="2">
        <v>11.5</v>
      </c>
      <c r="W25953" s="2">
        <v>2.9000000000000001E-2</v>
      </c>
      <c r="X25953" s="2">
        <v>120</v>
      </c>
      <c r="Y25953" s="2">
        <v>120</v>
      </c>
      <c r="Z25953" s="2">
        <v>2</v>
      </c>
      <c r="AA25953" s="5">
        <v>27</v>
      </c>
      <c r="AB25953" s="5" t="s">
        <v>43</v>
      </c>
      <c r="AC25953" s="5" t="s">
        <v>44</v>
      </c>
      <c r="AD25953" s="2" t="s">
        <v>83449</v>
      </c>
      <c r="AE25953" s="1"/>
    </row>
    <row r="25954" spans="1:31" ht="14.45">
      <c r="A25954" s="11"/>
      <c r="B25954" s="20"/>
      <c r="C25954" s="2" t="s">
        <v>83450</v>
      </c>
      <c r="D25954" s="14" t="s">
        <v>83451</v>
      </c>
      <c r="E25954" s="2" t="s">
        <v>83452</v>
      </c>
      <c r="F25954" s="2" t="s">
        <v>83424</v>
      </c>
      <c r="G25954" s="8">
        <v>262</v>
      </c>
      <c r="H25954" s="5">
        <v>19</v>
      </c>
      <c r="I25954" s="5" t="s">
        <v>69</v>
      </c>
      <c r="J25954" s="5" t="s">
        <v>35</v>
      </c>
      <c r="K25954" s="2" t="s">
        <v>36</v>
      </c>
      <c r="L25954" s="5" t="s">
        <v>35</v>
      </c>
      <c r="M25954" s="2" t="s">
        <v>36</v>
      </c>
      <c r="N25954" s="5" t="s">
        <v>72</v>
      </c>
      <c r="O25954" s="5" t="s">
        <v>38</v>
      </c>
      <c r="P25954" s="5" t="s">
        <v>39</v>
      </c>
      <c r="Q25954" s="5" t="s">
        <v>40</v>
      </c>
      <c r="R25954" s="5" t="s">
        <v>41</v>
      </c>
      <c r="S25954" s="5" t="s">
        <v>40</v>
      </c>
      <c r="T25954" s="5" t="s">
        <v>42</v>
      </c>
      <c r="U25954" s="2">
        <v>15.97</v>
      </c>
      <c r="V25954" s="2">
        <v>11.9</v>
      </c>
      <c r="W25954" s="2">
        <v>4.4999999999999998E-2</v>
      </c>
      <c r="X25954" s="2">
        <v>150</v>
      </c>
      <c r="Y25954" s="2">
        <v>150</v>
      </c>
      <c r="Z25954" s="2">
        <v>2</v>
      </c>
      <c r="AA25954" s="5">
        <v>27</v>
      </c>
      <c r="AB25954" s="5" t="s">
        <v>43</v>
      </c>
      <c r="AC25954" s="5" t="s">
        <v>44</v>
      </c>
      <c r="AD25954" s="2" t="s">
        <v>83453</v>
      </c>
      <c r="AE25954" s="1"/>
    </row>
    <row r="25955" spans="1:31" ht="14.45">
      <c r="A25955" s="11"/>
      <c r="B25955" s="20"/>
      <c r="C25955" s="2" t="s">
        <v>83454</v>
      </c>
      <c r="D25955" s="14" t="s">
        <v>83455</v>
      </c>
      <c r="E25955" s="2" t="s">
        <v>83456</v>
      </c>
      <c r="F25955" s="2" t="s">
        <v>83424</v>
      </c>
      <c r="G25955" s="8">
        <v>353</v>
      </c>
      <c r="H25955" s="5">
        <v>19</v>
      </c>
      <c r="I25955" s="5" t="s">
        <v>69</v>
      </c>
      <c r="J25955" s="5" t="s">
        <v>35</v>
      </c>
      <c r="K25955" s="2" t="s">
        <v>36</v>
      </c>
      <c r="L25955" s="5" t="s">
        <v>35</v>
      </c>
      <c r="M25955" s="2" t="s">
        <v>36</v>
      </c>
      <c r="N25955" s="5" t="s">
        <v>72</v>
      </c>
      <c r="O25955" s="5" t="s">
        <v>38</v>
      </c>
      <c r="P25955" s="5" t="s">
        <v>39</v>
      </c>
      <c r="Q25955" s="5" t="s">
        <v>40</v>
      </c>
      <c r="R25955" s="5" t="s">
        <v>41</v>
      </c>
      <c r="S25955" s="5" t="s">
        <v>40</v>
      </c>
      <c r="T25955" s="5" t="s">
        <v>42</v>
      </c>
      <c r="U25955" s="2">
        <v>20.12</v>
      </c>
      <c r="V25955" s="2">
        <v>14.6</v>
      </c>
      <c r="W25955" s="2">
        <v>4.4999999999999998E-2</v>
      </c>
      <c r="X25955" s="2">
        <v>150</v>
      </c>
      <c r="Y25955" s="2">
        <v>150</v>
      </c>
      <c r="Z25955" s="2">
        <v>2</v>
      </c>
      <c r="AA25955" s="5">
        <v>27</v>
      </c>
      <c r="AB25955" s="5" t="s">
        <v>43</v>
      </c>
      <c r="AC25955" s="5" t="s">
        <v>44</v>
      </c>
      <c r="AD25955" s="2" t="s">
        <v>83457</v>
      </c>
      <c r="AE25955" s="1"/>
    </row>
    <row r="25956" spans="1:31" ht="14.45">
      <c r="A25956" s="11"/>
      <c r="B25956" s="20"/>
      <c r="C25956" s="2" t="s">
        <v>83458</v>
      </c>
      <c r="D25956" s="14" t="s">
        <v>83459</v>
      </c>
      <c r="E25956" s="2" t="s">
        <v>83460</v>
      </c>
      <c r="F25956" s="2"/>
      <c r="G25956" s="8">
        <v>42</v>
      </c>
      <c r="H25956" s="5">
        <v>4</v>
      </c>
      <c r="I25956" s="5" t="s">
        <v>34</v>
      </c>
      <c r="J25956" s="5" t="s">
        <v>35</v>
      </c>
      <c r="K25956" s="2" t="s">
        <v>36</v>
      </c>
      <c r="L25956" s="5" t="s">
        <v>35</v>
      </c>
      <c r="M25956" s="2" t="s">
        <v>36</v>
      </c>
      <c r="N25956" s="5" t="s">
        <v>72</v>
      </c>
      <c r="O25956" s="5" t="s">
        <v>38</v>
      </c>
      <c r="P25956" s="5" t="s">
        <v>39</v>
      </c>
      <c r="Q25956" s="5" t="s">
        <v>40</v>
      </c>
      <c r="R25956" s="5" t="s">
        <v>82422</v>
      </c>
      <c r="S25956" s="5" t="s">
        <v>40</v>
      </c>
      <c r="T25956" s="5" t="s">
        <v>42</v>
      </c>
      <c r="U25956" s="2">
        <v>0.875</v>
      </c>
      <c r="V25956" s="2">
        <v>0.872</v>
      </c>
      <c r="W25956" s="2">
        <v>6.0000000000000001E-3</v>
      </c>
      <c r="X25956" s="2">
        <v>56</v>
      </c>
      <c r="Y25956" s="2">
        <v>15</v>
      </c>
      <c r="Z25956" s="2">
        <v>7</v>
      </c>
      <c r="AA25956" s="5"/>
      <c r="AB25956" s="5" t="s">
        <v>43</v>
      </c>
      <c r="AC25956" s="5" t="s">
        <v>44</v>
      </c>
      <c r="AD25956" s="2"/>
      <c r="AE25956" s="1"/>
    </row>
    <row r="25957" spans="1:31" ht="14.45">
      <c r="A25957" s="11"/>
      <c r="B25957" s="20"/>
      <c r="C25957" s="2" t="s">
        <v>83461</v>
      </c>
      <c r="D25957" s="14" t="s">
        <v>83462</v>
      </c>
      <c r="E25957" s="2" t="s">
        <v>83463</v>
      </c>
      <c r="F25957" s="2" t="s">
        <v>83464</v>
      </c>
      <c r="G25957" s="8">
        <v>45</v>
      </c>
      <c r="H25957" s="5">
        <v>15</v>
      </c>
      <c r="I25957" s="5" t="s">
        <v>69</v>
      </c>
      <c r="J25957" s="5" t="s">
        <v>35</v>
      </c>
      <c r="K25957" s="2" t="s">
        <v>36</v>
      </c>
      <c r="L25957" s="5" t="s">
        <v>35</v>
      </c>
      <c r="M25957" s="2" t="s">
        <v>36</v>
      </c>
      <c r="N25957" s="5" t="s">
        <v>72</v>
      </c>
      <c r="O25957" s="5" t="s">
        <v>38</v>
      </c>
      <c r="P25957" s="5" t="s">
        <v>39</v>
      </c>
      <c r="Q25957" s="5" t="s">
        <v>40</v>
      </c>
      <c r="R25957" s="5" t="s">
        <v>24335</v>
      </c>
      <c r="S25957" s="5" t="s">
        <v>40</v>
      </c>
      <c r="T25957" s="5" t="s">
        <v>42</v>
      </c>
      <c r="U25957" s="2">
        <v>1.3009999999999999</v>
      </c>
      <c r="V25957" s="2">
        <v>1.111</v>
      </c>
      <c r="W25957" s="2">
        <v>5.0000000000000001E-3</v>
      </c>
      <c r="X25957" s="2">
        <v>102</v>
      </c>
      <c r="Y25957" s="2">
        <v>16.5</v>
      </c>
      <c r="Z25957" s="2">
        <v>3</v>
      </c>
      <c r="AA25957" s="5">
        <v>160</v>
      </c>
      <c r="AB25957" s="5" t="s">
        <v>43</v>
      </c>
      <c r="AC25957" s="5" t="s">
        <v>44</v>
      </c>
      <c r="AD25957" s="2"/>
      <c r="AE25957" s="1"/>
    </row>
    <row r="25958" spans="1:31" ht="14.45">
      <c r="A25958" s="11"/>
      <c r="B25958" s="20"/>
      <c r="C25958" s="2" t="s">
        <v>83465</v>
      </c>
      <c r="D25958" s="14" t="s">
        <v>83466</v>
      </c>
      <c r="E25958" s="2" t="s">
        <v>83467</v>
      </c>
      <c r="F25958" s="2" t="s">
        <v>83468</v>
      </c>
      <c r="G25958" s="8">
        <v>45</v>
      </c>
      <c r="H25958" s="5">
        <v>15</v>
      </c>
      <c r="I25958" s="5" t="s">
        <v>69</v>
      </c>
      <c r="J25958" s="5" t="s">
        <v>35</v>
      </c>
      <c r="K25958" s="2" t="s">
        <v>36</v>
      </c>
      <c r="L25958" s="5" t="s">
        <v>35</v>
      </c>
      <c r="M25958" s="2" t="s">
        <v>36</v>
      </c>
      <c r="N25958" s="5" t="s">
        <v>72</v>
      </c>
      <c r="O25958" s="5" t="s">
        <v>38</v>
      </c>
      <c r="P25958" s="5" t="s">
        <v>39</v>
      </c>
      <c r="Q25958" s="5" t="s">
        <v>40</v>
      </c>
      <c r="R25958" s="5" t="s">
        <v>24335</v>
      </c>
      <c r="S25958" s="5" t="s">
        <v>40</v>
      </c>
      <c r="T25958" s="5" t="s">
        <v>42</v>
      </c>
      <c r="U25958" s="2">
        <v>1.601</v>
      </c>
      <c r="V25958" s="2">
        <v>1.411</v>
      </c>
      <c r="W25958" s="2">
        <v>5.0000000000000001E-3</v>
      </c>
      <c r="X25958" s="2">
        <v>102</v>
      </c>
      <c r="Y25958" s="2">
        <v>16.5</v>
      </c>
      <c r="Z25958" s="2">
        <v>3</v>
      </c>
      <c r="AA25958" s="5">
        <v>160</v>
      </c>
      <c r="AB25958" s="5" t="s">
        <v>43</v>
      </c>
      <c r="AC25958" s="5" t="s">
        <v>44</v>
      </c>
      <c r="AD25958" s="2"/>
      <c r="AE25958" s="1"/>
    </row>
    <row r="25959" spans="1:31" ht="14.45">
      <c r="A25959" s="11"/>
      <c r="B25959" s="20"/>
      <c r="C25959" s="2" t="s">
        <v>83469</v>
      </c>
      <c r="D25959" s="14" t="s">
        <v>83470</v>
      </c>
      <c r="E25959" s="2" t="s">
        <v>83471</v>
      </c>
      <c r="F25959" s="2" t="s">
        <v>83472</v>
      </c>
      <c r="G25959" s="8">
        <v>45</v>
      </c>
      <c r="H25959" s="5">
        <v>15</v>
      </c>
      <c r="I25959" s="5" t="s">
        <v>69</v>
      </c>
      <c r="J25959" s="5" t="s">
        <v>35</v>
      </c>
      <c r="K25959" s="2" t="s">
        <v>36</v>
      </c>
      <c r="L25959" s="5" t="s">
        <v>35</v>
      </c>
      <c r="M25959" s="2" t="s">
        <v>36</v>
      </c>
      <c r="N25959" s="5" t="s">
        <v>72</v>
      </c>
      <c r="O25959" s="5" t="s">
        <v>38</v>
      </c>
      <c r="P25959" s="5" t="s">
        <v>39</v>
      </c>
      <c r="Q25959" s="5" t="s">
        <v>40</v>
      </c>
      <c r="R25959" s="5" t="s">
        <v>24335</v>
      </c>
      <c r="S25959" s="5" t="s">
        <v>40</v>
      </c>
      <c r="T25959" s="5" t="s">
        <v>42</v>
      </c>
      <c r="U25959" s="2">
        <v>2.069</v>
      </c>
      <c r="V25959" s="2">
        <v>1.706</v>
      </c>
      <c r="W25959" s="2">
        <v>7.0000000000000001E-3</v>
      </c>
      <c r="X25959" s="2">
        <v>135</v>
      </c>
      <c r="Y25959" s="2">
        <v>16.5</v>
      </c>
      <c r="Z25959" s="2">
        <v>3</v>
      </c>
      <c r="AA25959" s="5">
        <v>160</v>
      </c>
      <c r="AB25959" s="5" t="s">
        <v>43</v>
      </c>
      <c r="AC25959" s="5" t="s">
        <v>44</v>
      </c>
      <c r="AD25959" s="2"/>
      <c r="AE25959" s="1"/>
    </row>
    <row r="25960" spans="1:31" ht="14.45">
      <c r="A25960" s="11"/>
      <c r="B25960" s="20"/>
      <c r="C25960" s="2" t="s">
        <v>83473</v>
      </c>
      <c r="D25960" s="14" t="s">
        <v>83474</v>
      </c>
      <c r="E25960" s="2" t="s">
        <v>83475</v>
      </c>
      <c r="F25960" s="2" t="s">
        <v>83476</v>
      </c>
      <c r="G25960" s="8">
        <v>45</v>
      </c>
      <c r="H25960" s="5">
        <v>15</v>
      </c>
      <c r="I25960" s="5" t="s">
        <v>69</v>
      </c>
      <c r="J25960" s="5" t="s">
        <v>35</v>
      </c>
      <c r="K25960" s="2" t="s">
        <v>36</v>
      </c>
      <c r="L25960" s="5" t="s">
        <v>35</v>
      </c>
      <c r="M25960" s="2" t="s">
        <v>36</v>
      </c>
      <c r="N25960" s="5" t="s">
        <v>72</v>
      </c>
      <c r="O25960" s="5" t="s">
        <v>38</v>
      </c>
      <c r="P25960" s="5" t="s">
        <v>39</v>
      </c>
      <c r="Q25960" s="5" t="s">
        <v>40</v>
      </c>
      <c r="R25960" s="5" t="s">
        <v>24335</v>
      </c>
      <c r="S25960" s="5" t="s">
        <v>40</v>
      </c>
      <c r="T25960" s="5" t="s">
        <v>42</v>
      </c>
      <c r="U25960" s="2">
        <v>2.4039999999999999</v>
      </c>
      <c r="V25960" s="2">
        <v>2.0409999999999999</v>
      </c>
      <c r="W25960" s="2">
        <v>7.0000000000000001E-3</v>
      </c>
      <c r="X25960" s="2">
        <v>135</v>
      </c>
      <c r="Y25960" s="2">
        <v>16.5</v>
      </c>
      <c r="Z25960" s="2">
        <v>3</v>
      </c>
      <c r="AA25960" s="5">
        <v>160</v>
      </c>
      <c r="AB25960" s="5" t="s">
        <v>43</v>
      </c>
      <c r="AC25960" s="5" t="s">
        <v>44</v>
      </c>
      <c r="AD25960" s="2"/>
      <c r="AE25960" s="1"/>
    </row>
    <row r="25961" spans="1:31" ht="14.45">
      <c r="A25961" s="11"/>
      <c r="B25961" s="20"/>
      <c r="C25961" s="2" t="s">
        <v>83477</v>
      </c>
      <c r="D25961" s="14" t="s">
        <v>83478</v>
      </c>
      <c r="E25961" s="2" t="s">
        <v>83479</v>
      </c>
      <c r="F25961" s="2" t="s">
        <v>83480</v>
      </c>
      <c r="G25961" s="8">
        <v>45</v>
      </c>
      <c r="H25961" s="5">
        <v>15</v>
      </c>
      <c r="I25961" s="5" t="s">
        <v>69</v>
      </c>
      <c r="J25961" s="5" t="s">
        <v>35</v>
      </c>
      <c r="K25961" s="2" t="s">
        <v>36</v>
      </c>
      <c r="L25961" s="5" t="s">
        <v>35</v>
      </c>
      <c r="M25961" s="2" t="s">
        <v>36</v>
      </c>
      <c r="N25961" s="5" t="s">
        <v>72</v>
      </c>
      <c r="O25961" s="5" t="s">
        <v>38</v>
      </c>
      <c r="P25961" s="5" t="s">
        <v>39</v>
      </c>
      <c r="Q25961" s="5" t="s">
        <v>40</v>
      </c>
      <c r="R25961" s="5" t="s">
        <v>24335</v>
      </c>
      <c r="S25961" s="5" t="s">
        <v>40</v>
      </c>
      <c r="T25961" s="5" t="s">
        <v>42</v>
      </c>
      <c r="U25961" s="2">
        <v>2.7040000000000002</v>
      </c>
      <c r="V25961" s="2">
        <v>2.3410000000000002</v>
      </c>
      <c r="W25961" s="2">
        <v>0.01</v>
      </c>
      <c r="X25961" s="2">
        <v>204</v>
      </c>
      <c r="Y25961" s="2">
        <v>16.5</v>
      </c>
      <c r="Z25961" s="2">
        <v>3</v>
      </c>
      <c r="AA25961" s="5">
        <v>160</v>
      </c>
      <c r="AB25961" s="5" t="s">
        <v>43</v>
      </c>
      <c r="AC25961" s="5" t="s">
        <v>44</v>
      </c>
      <c r="AD25961" s="2"/>
      <c r="AE25961" s="1"/>
    </row>
  </sheetData>
  <phoneticPr fontId="5" type="noConversion"/>
  <pageMargins left="0.7" right="0.7" top="0.75" bottom="0.75" header="0.3" footer="0.3"/>
  <pageSetup orientation="portrait" horizontalDpi="1200" verticalDpi="1200" r:id="rId1"/>
  <customProperties>
    <customPr name="_pios_id" r:id="rId2"/>
  </customProperties>
  <tableParts count="1">
    <tablePart r:id="rId3"/>
  </tableParts>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8D5CA7C-0B37-43E2-AF9F-89D792F364DC}">
  <dimension ref="A1:AE694"/>
  <sheetViews>
    <sheetView zoomScaleNormal="100" workbookViewId="0"/>
  </sheetViews>
  <sheetFormatPr defaultColWidth="9" defaultRowHeight="14.45"/>
  <cols>
    <col min="1" max="2" width="14.28515625" style="6" customWidth="1"/>
    <col min="3" max="3" width="31" style="1" bestFit="1" customWidth="1"/>
    <col min="4" max="4" width="20.7109375" style="15" customWidth="1"/>
    <col min="5" max="5" width="47.140625" style="1" bestFit="1" customWidth="1"/>
    <col min="6" max="6" width="47.140625" style="1" customWidth="1"/>
    <col min="7" max="7" width="31.42578125" style="9" customWidth="1"/>
    <col min="8" max="8" width="20.7109375" style="6" customWidth="1"/>
    <col min="9" max="9" width="15.7109375" style="6" bestFit="1" customWidth="1"/>
    <col min="10" max="10" width="14.7109375" style="7" bestFit="1" customWidth="1"/>
    <col min="11" max="11" width="48.42578125" style="1" bestFit="1" customWidth="1"/>
    <col min="12" max="12" width="48.140625" style="6" bestFit="1" customWidth="1"/>
    <col min="13" max="13" width="48.42578125" style="1" bestFit="1" customWidth="1"/>
    <col min="14" max="14" width="34" style="6" customWidth="1"/>
    <col min="15" max="15" width="14.7109375" style="6" bestFit="1" customWidth="1"/>
    <col min="16" max="16" width="10.140625" style="6" bestFit="1" customWidth="1"/>
    <col min="17" max="17" width="14.140625" style="6" bestFit="1" customWidth="1"/>
    <col min="18" max="18" width="11.140625" style="6" bestFit="1" customWidth="1"/>
    <col min="19" max="19" width="18.140625" style="6" bestFit="1" customWidth="1"/>
    <col min="20" max="20" width="18.140625" style="6" customWidth="1"/>
    <col min="21" max="21" width="26.42578125" style="1" customWidth="1"/>
    <col min="22" max="26" width="15.7109375" style="1" bestFit="1" customWidth="1"/>
    <col min="27" max="27" width="12.85546875" style="6" customWidth="1"/>
    <col min="28" max="28" width="10.5703125" style="6" customWidth="1"/>
    <col min="29" max="29" width="20.42578125" style="6" bestFit="1" customWidth="1"/>
    <col min="30" max="30" width="44.7109375" style="1" customWidth="1"/>
    <col min="31" max="31" width="21.7109375" style="16" bestFit="1" customWidth="1"/>
    <col min="32" max="32" width="255.5703125" style="1" bestFit="1" customWidth="1"/>
    <col min="33" max="16384" width="9" style="1"/>
  </cols>
  <sheetData>
    <row r="1" spans="1:31" s="13" customFormat="1" ht="43.15">
      <c r="A1" s="10" t="s">
        <v>0</v>
      </c>
      <c r="B1" s="10" t="s">
        <v>1</v>
      </c>
      <c r="C1" s="3" t="s">
        <v>2</v>
      </c>
      <c r="D1" s="3" t="s">
        <v>3</v>
      </c>
      <c r="E1" s="3" t="s">
        <v>4</v>
      </c>
      <c r="F1" s="3" t="s">
        <v>5</v>
      </c>
      <c r="G1" s="3" t="s">
        <v>6</v>
      </c>
      <c r="H1" s="3" t="s">
        <v>7</v>
      </c>
      <c r="I1" s="3" t="s">
        <v>8</v>
      </c>
      <c r="J1" s="3" t="s">
        <v>9</v>
      </c>
      <c r="K1" s="3" t="s">
        <v>10</v>
      </c>
      <c r="L1" s="3" t="s">
        <v>11</v>
      </c>
      <c r="M1" s="3" t="s">
        <v>12</v>
      </c>
      <c r="N1" s="3" t="s">
        <v>13</v>
      </c>
      <c r="O1" s="3" t="s">
        <v>14</v>
      </c>
      <c r="P1" s="3" t="s">
        <v>15</v>
      </c>
      <c r="Q1" s="3" t="s">
        <v>16</v>
      </c>
      <c r="R1" s="3" t="s">
        <v>17</v>
      </c>
      <c r="S1" s="3" t="s">
        <v>18</v>
      </c>
      <c r="T1" s="3" t="s">
        <v>19</v>
      </c>
      <c r="U1" s="3" t="s">
        <v>20</v>
      </c>
      <c r="V1" s="3" t="s">
        <v>21</v>
      </c>
      <c r="W1" s="3" t="s">
        <v>22</v>
      </c>
      <c r="X1" s="3" t="s">
        <v>23</v>
      </c>
      <c r="Y1" s="3" t="s">
        <v>24</v>
      </c>
      <c r="Z1" s="3" t="s">
        <v>25</v>
      </c>
      <c r="AA1" s="3" t="s">
        <v>26</v>
      </c>
      <c r="AB1" s="3" t="s">
        <v>27</v>
      </c>
      <c r="AC1" s="3" t="s">
        <v>28</v>
      </c>
      <c r="AD1" s="3" t="s">
        <v>29</v>
      </c>
    </row>
    <row r="2" spans="1:31">
      <c r="A2" s="5" t="s">
        <v>116</v>
      </c>
      <c r="B2" s="21">
        <v>46054</v>
      </c>
      <c r="C2" s="2" t="s">
        <v>117</v>
      </c>
      <c r="D2" s="14" t="s">
        <v>118</v>
      </c>
      <c r="E2" s="2" t="s">
        <v>119</v>
      </c>
      <c r="F2" s="2" t="s">
        <v>120</v>
      </c>
      <c r="G2" s="8">
        <v>90</v>
      </c>
      <c r="H2" s="5">
        <v>5</v>
      </c>
      <c r="I2" s="5" t="s">
        <v>69</v>
      </c>
      <c r="J2" s="5" t="s">
        <v>70</v>
      </c>
      <c r="K2" s="2" t="s">
        <v>71</v>
      </c>
      <c r="L2" s="5" t="s">
        <v>70</v>
      </c>
      <c r="M2" s="2" t="s">
        <v>71</v>
      </c>
      <c r="N2" s="5" t="s">
        <v>72</v>
      </c>
      <c r="O2" s="5" t="s">
        <v>38</v>
      </c>
      <c r="P2" s="5" t="s">
        <v>39</v>
      </c>
      <c r="Q2" s="5" t="s">
        <v>40</v>
      </c>
      <c r="R2" s="5" t="s">
        <v>73</v>
      </c>
      <c r="S2" s="5" t="s">
        <v>40</v>
      </c>
      <c r="T2" s="5" t="s">
        <v>42</v>
      </c>
      <c r="U2" s="2">
        <v>1.2430000000000001</v>
      </c>
      <c r="V2" s="2">
        <v>0.98699999999999999</v>
      </c>
      <c r="W2" s="2">
        <v>7.0000000000000001E-3</v>
      </c>
      <c r="X2" s="2">
        <v>80.599999999999994</v>
      </c>
      <c r="Y2" s="2">
        <v>10.7</v>
      </c>
      <c r="Z2" s="2">
        <v>7.7</v>
      </c>
      <c r="AA2" s="5">
        <v>240</v>
      </c>
      <c r="AB2" s="5" t="s">
        <v>43</v>
      </c>
      <c r="AC2" s="5" t="s">
        <v>44</v>
      </c>
      <c r="AD2" s="2" t="s">
        <v>74</v>
      </c>
      <c r="AE2" s="1"/>
    </row>
    <row r="3" spans="1:31">
      <c r="A3" s="5" t="s">
        <v>116</v>
      </c>
      <c r="B3" s="21">
        <v>46266</v>
      </c>
      <c r="C3" s="2" t="s">
        <v>127</v>
      </c>
      <c r="D3" s="14" t="s">
        <v>128</v>
      </c>
      <c r="E3" s="2" t="s">
        <v>129</v>
      </c>
      <c r="F3" s="2" t="s">
        <v>130</v>
      </c>
      <c r="G3" s="8">
        <v>61</v>
      </c>
      <c r="H3" s="5">
        <v>5</v>
      </c>
      <c r="I3" s="5" t="s">
        <v>69</v>
      </c>
      <c r="J3" s="5" t="s">
        <v>70</v>
      </c>
      <c r="K3" s="2" t="s">
        <v>71</v>
      </c>
      <c r="L3" s="5" t="s">
        <v>70</v>
      </c>
      <c r="M3" s="2" t="s">
        <v>71</v>
      </c>
      <c r="N3" s="5" t="s">
        <v>72</v>
      </c>
      <c r="O3" s="5" t="s">
        <v>38</v>
      </c>
      <c r="P3" s="5" t="s">
        <v>39</v>
      </c>
      <c r="Q3" s="5" t="s">
        <v>40</v>
      </c>
      <c r="R3" s="5" t="s">
        <v>73</v>
      </c>
      <c r="S3" s="5" t="s">
        <v>40</v>
      </c>
      <c r="T3" s="5" t="s">
        <v>42</v>
      </c>
      <c r="U3" s="2">
        <v>1.8049999999999999</v>
      </c>
      <c r="V3" s="2">
        <v>1.5069999999999999</v>
      </c>
      <c r="W3" s="2">
        <v>1.0999999999999999E-2</v>
      </c>
      <c r="X3" s="2">
        <v>94.4</v>
      </c>
      <c r="Y3" s="2">
        <v>13.9</v>
      </c>
      <c r="Z3" s="2">
        <v>8.6999999999999993</v>
      </c>
      <c r="AA3" s="5">
        <v>240</v>
      </c>
      <c r="AB3" s="5" t="s">
        <v>43</v>
      </c>
      <c r="AC3" s="5" t="s">
        <v>44</v>
      </c>
      <c r="AD3" s="2" t="s">
        <v>131</v>
      </c>
      <c r="AE3" s="1"/>
    </row>
    <row r="4" spans="1:31">
      <c r="A4" s="5" t="s">
        <v>116</v>
      </c>
      <c r="B4" s="21">
        <v>46266</v>
      </c>
      <c r="C4" s="2" t="s">
        <v>132</v>
      </c>
      <c r="D4" s="14" t="s">
        <v>133</v>
      </c>
      <c r="E4" s="2" t="s">
        <v>134</v>
      </c>
      <c r="F4" s="2" t="s">
        <v>130</v>
      </c>
      <c r="G4" s="8">
        <v>122</v>
      </c>
      <c r="H4" s="5">
        <v>5</v>
      </c>
      <c r="I4" s="5" t="s">
        <v>69</v>
      </c>
      <c r="J4" s="5" t="s">
        <v>70</v>
      </c>
      <c r="K4" s="2" t="s">
        <v>71</v>
      </c>
      <c r="L4" s="5" t="s">
        <v>70</v>
      </c>
      <c r="M4" s="2" t="s">
        <v>71</v>
      </c>
      <c r="N4" s="5" t="s">
        <v>72</v>
      </c>
      <c r="O4" s="5" t="s">
        <v>38</v>
      </c>
      <c r="P4" s="5" t="s">
        <v>39</v>
      </c>
      <c r="Q4" s="5" t="s">
        <v>40</v>
      </c>
      <c r="R4" s="5" t="s">
        <v>73</v>
      </c>
      <c r="S4" s="5" t="s">
        <v>40</v>
      </c>
      <c r="T4" s="5" t="s">
        <v>42</v>
      </c>
      <c r="U4" s="2">
        <v>2.1339999999999999</v>
      </c>
      <c r="V4" s="2">
        <v>1.8360000000000001</v>
      </c>
      <c r="W4" s="2">
        <v>1.0999999999999999E-2</v>
      </c>
      <c r="X4" s="2">
        <v>94.4</v>
      </c>
      <c r="Y4" s="2">
        <v>13.9</v>
      </c>
      <c r="Z4" s="2">
        <v>8.6999999999999993</v>
      </c>
      <c r="AA4" s="5">
        <v>240</v>
      </c>
      <c r="AB4" s="5" t="s">
        <v>43</v>
      </c>
      <c r="AC4" s="5" t="s">
        <v>44</v>
      </c>
      <c r="AD4" s="2" t="s">
        <v>135</v>
      </c>
      <c r="AE4" s="1"/>
    </row>
    <row r="5" spans="1:31">
      <c r="A5" s="5" t="s">
        <v>116</v>
      </c>
      <c r="B5" s="21">
        <v>46266</v>
      </c>
      <c r="C5" s="2" t="s">
        <v>136</v>
      </c>
      <c r="D5" s="14" t="s">
        <v>137</v>
      </c>
      <c r="E5" s="2" t="s">
        <v>138</v>
      </c>
      <c r="F5" s="2" t="s">
        <v>130</v>
      </c>
      <c r="G5" s="8">
        <v>122</v>
      </c>
      <c r="H5" s="5">
        <v>5</v>
      </c>
      <c r="I5" s="5" t="s">
        <v>69</v>
      </c>
      <c r="J5" s="5" t="s">
        <v>70</v>
      </c>
      <c r="K5" s="2" t="s">
        <v>71</v>
      </c>
      <c r="L5" s="5" t="s">
        <v>70</v>
      </c>
      <c r="M5" s="2" t="s">
        <v>71</v>
      </c>
      <c r="N5" s="5" t="s">
        <v>72</v>
      </c>
      <c r="O5" s="5" t="s">
        <v>38</v>
      </c>
      <c r="P5" s="5" t="s">
        <v>39</v>
      </c>
      <c r="Q5" s="5" t="s">
        <v>40</v>
      </c>
      <c r="R5" s="5" t="s">
        <v>73</v>
      </c>
      <c r="S5" s="5" t="s">
        <v>40</v>
      </c>
      <c r="T5" s="5" t="s">
        <v>42</v>
      </c>
      <c r="U5" s="2">
        <v>2.16</v>
      </c>
      <c r="V5" s="2">
        <v>1.8620000000000001</v>
      </c>
      <c r="W5" s="2">
        <v>1.0999999999999999E-2</v>
      </c>
      <c r="X5" s="2">
        <v>94.4</v>
      </c>
      <c r="Y5" s="2">
        <v>13.9</v>
      </c>
      <c r="Z5" s="2">
        <v>8.6999999999999993</v>
      </c>
      <c r="AA5" s="5">
        <v>240</v>
      </c>
      <c r="AB5" s="5" t="s">
        <v>43</v>
      </c>
      <c r="AC5" s="5" t="s">
        <v>44</v>
      </c>
      <c r="AD5" s="2" t="s">
        <v>139</v>
      </c>
      <c r="AE5" s="1"/>
    </row>
    <row r="6" spans="1:31">
      <c r="A6" s="5" t="s">
        <v>116</v>
      </c>
      <c r="B6" s="21">
        <v>46054</v>
      </c>
      <c r="C6" s="2" t="s">
        <v>143</v>
      </c>
      <c r="D6" s="14" t="s">
        <v>144</v>
      </c>
      <c r="E6" s="2" t="s">
        <v>145</v>
      </c>
      <c r="F6" s="2" t="s">
        <v>120</v>
      </c>
      <c r="G6" s="8">
        <v>90</v>
      </c>
      <c r="H6" s="5">
        <v>5</v>
      </c>
      <c r="I6" s="5" t="s">
        <v>69</v>
      </c>
      <c r="J6" s="5" t="s">
        <v>70</v>
      </c>
      <c r="K6" s="2" t="s">
        <v>71</v>
      </c>
      <c r="L6" s="5" t="s">
        <v>70</v>
      </c>
      <c r="M6" s="2" t="s">
        <v>71</v>
      </c>
      <c r="N6" s="5" t="s">
        <v>72</v>
      </c>
      <c r="O6" s="5" t="s">
        <v>38</v>
      </c>
      <c r="P6" s="5" t="s">
        <v>39</v>
      </c>
      <c r="Q6" s="5" t="s">
        <v>40</v>
      </c>
      <c r="R6" s="5" t="s">
        <v>73</v>
      </c>
      <c r="S6" s="5" t="s">
        <v>40</v>
      </c>
      <c r="T6" s="5" t="s">
        <v>42</v>
      </c>
      <c r="U6" s="2">
        <v>1.304</v>
      </c>
      <c r="V6" s="2">
        <v>1.048</v>
      </c>
      <c r="W6" s="2">
        <v>7.0000000000000001E-3</v>
      </c>
      <c r="X6" s="2">
        <v>80.599999999999994</v>
      </c>
      <c r="Y6" s="2">
        <v>10.7</v>
      </c>
      <c r="Z6" s="2">
        <v>7.7</v>
      </c>
      <c r="AA6" s="5">
        <v>240</v>
      </c>
      <c r="AB6" s="5" t="s">
        <v>43</v>
      </c>
      <c r="AC6" s="5" t="s">
        <v>44</v>
      </c>
      <c r="AD6" s="2" t="s">
        <v>74</v>
      </c>
      <c r="AE6" s="1"/>
    </row>
    <row r="7" spans="1:31">
      <c r="A7" s="5" t="s">
        <v>116</v>
      </c>
      <c r="B7" s="21">
        <v>46266</v>
      </c>
      <c r="C7" s="2" t="s">
        <v>149</v>
      </c>
      <c r="D7" s="14" t="s">
        <v>150</v>
      </c>
      <c r="E7" s="2" t="s">
        <v>151</v>
      </c>
      <c r="F7" s="2" t="s">
        <v>130</v>
      </c>
      <c r="G7" s="8">
        <v>61</v>
      </c>
      <c r="H7" s="5">
        <v>5</v>
      </c>
      <c r="I7" s="5" t="s">
        <v>69</v>
      </c>
      <c r="J7" s="5" t="s">
        <v>70</v>
      </c>
      <c r="K7" s="2" t="s">
        <v>71</v>
      </c>
      <c r="L7" s="5" t="s">
        <v>70</v>
      </c>
      <c r="M7" s="2" t="s">
        <v>71</v>
      </c>
      <c r="N7" s="5" t="s">
        <v>72</v>
      </c>
      <c r="O7" s="5" t="s">
        <v>38</v>
      </c>
      <c r="P7" s="5" t="s">
        <v>39</v>
      </c>
      <c r="Q7" s="5" t="s">
        <v>40</v>
      </c>
      <c r="R7" s="5" t="s">
        <v>73</v>
      </c>
      <c r="S7" s="5" t="s">
        <v>40</v>
      </c>
      <c r="T7" s="5" t="s">
        <v>42</v>
      </c>
      <c r="U7" s="2">
        <v>1.8460000000000001</v>
      </c>
      <c r="V7" s="2">
        <v>1.548</v>
      </c>
      <c r="W7" s="2">
        <v>1.0999999999999999E-2</v>
      </c>
      <c r="X7" s="2">
        <v>94.4</v>
      </c>
      <c r="Y7" s="2">
        <v>13.9</v>
      </c>
      <c r="Z7" s="2">
        <v>8.6999999999999993</v>
      </c>
      <c r="AA7" s="5">
        <v>240</v>
      </c>
      <c r="AB7" s="5" t="s">
        <v>43</v>
      </c>
      <c r="AC7" s="5" t="s">
        <v>44</v>
      </c>
      <c r="AD7" s="2" t="s">
        <v>131</v>
      </c>
      <c r="AE7" s="1"/>
    </row>
    <row r="8" spans="1:31">
      <c r="A8" s="5" t="s">
        <v>116</v>
      </c>
      <c r="B8" s="21">
        <v>46266</v>
      </c>
      <c r="C8" s="2" t="s">
        <v>152</v>
      </c>
      <c r="D8" s="14" t="s">
        <v>153</v>
      </c>
      <c r="E8" s="2" t="s">
        <v>154</v>
      </c>
      <c r="F8" s="2" t="s">
        <v>130</v>
      </c>
      <c r="G8" s="8">
        <v>122</v>
      </c>
      <c r="H8" s="5">
        <v>5</v>
      </c>
      <c r="I8" s="5" t="s">
        <v>69</v>
      </c>
      <c r="J8" s="5" t="s">
        <v>70</v>
      </c>
      <c r="K8" s="2" t="s">
        <v>71</v>
      </c>
      <c r="L8" s="5" t="s">
        <v>70</v>
      </c>
      <c r="M8" s="2" t="s">
        <v>71</v>
      </c>
      <c r="N8" s="5" t="s">
        <v>72</v>
      </c>
      <c r="O8" s="5" t="s">
        <v>38</v>
      </c>
      <c r="P8" s="5" t="s">
        <v>39</v>
      </c>
      <c r="Q8" s="5" t="s">
        <v>40</v>
      </c>
      <c r="R8" s="5" t="s">
        <v>73</v>
      </c>
      <c r="S8" s="5" t="s">
        <v>40</v>
      </c>
      <c r="T8" s="5" t="s">
        <v>42</v>
      </c>
      <c r="U8" s="2">
        <v>2.1949999999999998</v>
      </c>
      <c r="V8" s="2">
        <v>1.897</v>
      </c>
      <c r="W8" s="2">
        <v>1.0999999999999999E-2</v>
      </c>
      <c r="X8" s="2">
        <v>94.4</v>
      </c>
      <c r="Y8" s="2">
        <v>13.9</v>
      </c>
      <c r="Z8" s="2">
        <v>8.6999999999999993</v>
      </c>
      <c r="AA8" s="5">
        <v>240</v>
      </c>
      <c r="AB8" s="5" t="s">
        <v>43</v>
      </c>
      <c r="AC8" s="5" t="s">
        <v>44</v>
      </c>
      <c r="AD8" s="2" t="s">
        <v>135</v>
      </c>
      <c r="AE8" s="1"/>
    </row>
    <row r="9" spans="1:31">
      <c r="A9" s="5" t="s">
        <v>116</v>
      </c>
      <c r="B9" s="21">
        <v>46266</v>
      </c>
      <c r="C9" s="2" t="s">
        <v>155</v>
      </c>
      <c r="D9" s="14" t="s">
        <v>156</v>
      </c>
      <c r="E9" s="2" t="s">
        <v>157</v>
      </c>
      <c r="F9" s="2" t="s">
        <v>130</v>
      </c>
      <c r="G9" s="8">
        <v>122</v>
      </c>
      <c r="H9" s="5">
        <v>5</v>
      </c>
      <c r="I9" s="5" t="s">
        <v>69</v>
      </c>
      <c r="J9" s="5" t="s">
        <v>70</v>
      </c>
      <c r="K9" s="2" t="s">
        <v>71</v>
      </c>
      <c r="L9" s="5" t="s">
        <v>70</v>
      </c>
      <c r="M9" s="2" t="s">
        <v>71</v>
      </c>
      <c r="N9" s="5" t="s">
        <v>72</v>
      </c>
      <c r="O9" s="5" t="s">
        <v>38</v>
      </c>
      <c r="P9" s="5" t="s">
        <v>39</v>
      </c>
      <c r="Q9" s="5" t="s">
        <v>40</v>
      </c>
      <c r="R9" s="5" t="s">
        <v>73</v>
      </c>
      <c r="S9" s="5" t="s">
        <v>40</v>
      </c>
      <c r="T9" s="5" t="s">
        <v>42</v>
      </c>
      <c r="U9" s="2">
        <v>2.2210000000000001</v>
      </c>
      <c r="V9" s="2">
        <v>1.923</v>
      </c>
      <c r="W9" s="2">
        <v>1.0999999999999999E-2</v>
      </c>
      <c r="X9" s="2">
        <v>94.4</v>
      </c>
      <c r="Y9" s="2">
        <v>13.9</v>
      </c>
      <c r="Z9" s="2">
        <v>8.6999999999999993</v>
      </c>
      <c r="AA9" s="5">
        <v>240</v>
      </c>
      <c r="AB9" s="5" t="s">
        <v>43</v>
      </c>
      <c r="AC9" s="5" t="s">
        <v>44</v>
      </c>
      <c r="AD9" s="2" t="s">
        <v>139</v>
      </c>
      <c r="AE9" s="1"/>
    </row>
    <row r="10" spans="1:31">
      <c r="A10" s="5" t="s">
        <v>116</v>
      </c>
      <c r="B10" s="21">
        <v>46054</v>
      </c>
      <c r="C10" s="2" t="s">
        <v>161</v>
      </c>
      <c r="D10" s="14" t="s">
        <v>162</v>
      </c>
      <c r="E10" s="2" t="s">
        <v>163</v>
      </c>
      <c r="F10" s="2" t="s">
        <v>120</v>
      </c>
      <c r="G10" s="8">
        <v>90</v>
      </c>
      <c r="H10" s="5">
        <v>5</v>
      </c>
      <c r="I10" s="5" t="s">
        <v>69</v>
      </c>
      <c r="J10" s="5" t="s">
        <v>70</v>
      </c>
      <c r="K10" s="2" t="s">
        <v>71</v>
      </c>
      <c r="L10" s="5" t="s">
        <v>70</v>
      </c>
      <c r="M10" s="2" t="s">
        <v>71</v>
      </c>
      <c r="N10" s="5" t="s">
        <v>72</v>
      </c>
      <c r="O10" s="5" t="s">
        <v>38</v>
      </c>
      <c r="P10" s="5" t="s">
        <v>39</v>
      </c>
      <c r="Q10" s="5" t="s">
        <v>40</v>
      </c>
      <c r="R10" s="5" t="s">
        <v>73</v>
      </c>
      <c r="S10" s="5" t="s">
        <v>40</v>
      </c>
      <c r="T10" s="5" t="s">
        <v>42</v>
      </c>
      <c r="U10" s="2">
        <v>1.345</v>
      </c>
      <c r="V10" s="2">
        <v>1.089</v>
      </c>
      <c r="W10" s="2">
        <v>7.0000000000000001E-3</v>
      </c>
      <c r="X10" s="2">
        <v>80.599999999999994</v>
      </c>
      <c r="Y10" s="2">
        <v>10.7</v>
      </c>
      <c r="Z10" s="2">
        <v>7.7</v>
      </c>
      <c r="AA10" s="5">
        <v>240</v>
      </c>
      <c r="AB10" s="5" t="s">
        <v>43</v>
      </c>
      <c r="AC10" s="5" t="s">
        <v>44</v>
      </c>
      <c r="AD10" s="2" t="s">
        <v>74</v>
      </c>
      <c r="AE10" s="1"/>
    </row>
    <row r="11" spans="1:31">
      <c r="A11" s="5" t="s">
        <v>116</v>
      </c>
      <c r="B11" s="21">
        <v>46266</v>
      </c>
      <c r="C11" s="2" t="s">
        <v>164</v>
      </c>
      <c r="D11" s="14" t="s">
        <v>165</v>
      </c>
      <c r="E11" s="2" t="s">
        <v>166</v>
      </c>
      <c r="F11" s="2" t="s">
        <v>130</v>
      </c>
      <c r="G11" s="8">
        <v>61</v>
      </c>
      <c r="H11" s="5">
        <v>5</v>
      </c>
      <c r="I11" s="5" t="s">
        <v>69</v>
      </c>
      <c r="J11" s="5" t="s">
        <v>70</v>
      </c>
      <c r="K11" s="2" t="s">
        <v>71</v>
      </c>
      <c r="L11" s="5" t="s">
        <v>70</v>
      </c>
      <c r="M11" s="2" t="s">
        <v>71</v>
      </c>
      <c r="N11" s="5" t="s">
        <v>72</v>
      </c>
      <c r="O11" s="5" t="s">
        <v>38</v>
      </c>
      <c r="P11" s="5" t="s">
        <v>39</v>
      </c>
      <c r="Q11" s="5" t="s">
        <v>40</v>
      </c>
      <c r="R11" s="5" t="s">
        <v>73</v>
      </c>
      <c r="S11" s="5" t="s">
        <v>40</v>
      </c>
      <c r="T11" s="5" t="s">
        <v>42</v>
      </c>
      <c r="U11" s="2">
        <v>1.907</v>
      </c>
      <c r="V11" s="2">
        <v>1.609</v>
      </c>
      <c r="W11" s="2">
        <v>1.0999999999999999E-2</v>
      </c>
      <c r="X11" s="2">
        <v>94.4</v>
      </c>
      <c r="Y11" s="2">
        <v>13.9</v>
      </c>
      <c r="Z11" s="2">
        <v>8.6999999999999993</v>
      </c>
      <c r="AA11" s="5">
        <v>240</v>
      </c>
      <c r="AB11" s="5" t="s">
        <v>43</v>
      </c>
      <c r="AC11" s="5" t="s">
        <v>44</v>
      </c>
      <c r="AD11" s="2" t="s">
        <v>131</v>
      </c>
      <c r="AE11" s="1"/>
    </row>
    <row r="12" spans="1:31">
      <c r="A12" s="5" t="s">
        <v>116</v>
      </c>
      <c r="B12" s="21">
        <v>46266</v>
      </c>
      <c r="C12" s="2" t="s">
        <v>167</v>
      </c>
      <c r="D12" s="14" t="s">
        <v>168</v>
      </c>
      <c r="E12" s="2" t="s">
        <v>169</v>
      </c>
      <c r="F12" s="2" t="s">
        <v>130</v>
      </c>
      <c r="G12" s="8">
        <v>122</v>
      </c>
      <c r="H12" s="5">
        <v>5</v>
      </c>
      <c r="I12" s="5" t="s">
        <v>69</v>
      </c>
      <c r="J12" s="5" t="s">
        <v>70</v>
      </c>
      <c r="K12" s="2" t="s">
        <v>71</v>
      </c>
      <c r="L12" s="5" t="s">
        <v>70</v>
      </c>
      <c r="M12" s="2" t="s">
        <v>71</v>
      </c>
      <c r="N12" s="5" t="s">
        <v>72</v>
      </c>
      <c r="O12" s="5" t="s">
        <v>38</v>
      </c>
      <c r="P12" s="5" t="s">
        <v>39</v>
      </c>
      <c r="Q12" s="5" t="s">
        <v>40</v>
      </c>
      <c r="R12" s="5" t="s">
        <v>73</v>
      </c>
      <c r="S12" s="5" t="s">
        <v>40</v>
      </c>
      <c r="T12" s="5" t="s">
        <v>42</v>
      </c>
      <c r="U12" s="2">
        <v>2.2360000000000002</v>
      </c>
      <c r="V12" s="2">
        <v>1.9379999999999999</v>
      </c>
      <c r="W12" s="2">
        <v>1.0999999999999999E-2</v>
      </c>
      <c r="X12" s="2">
        <v>94.4</v>
      </c>
      <c r="Y12" s="2">
        <v>13.9</v>
      </c>
      <c r="Z12" s="2">
        <v>8.6999999999999993</v>
      </c>
      <c r="AA12" s="5">
        <v>240</v>
      </c>
      <c r="AB12" s="5" t="s">
        <v>43</v>
      </c>
      <c r="AC12" s="5" t="s">
        <v>44</v>
      </c>
      <c r="AD12" s="2" t="s">
        <v>135</v>
      </c>
      <c r="AE12" s="1"/>
    </row>
    <row r="13" spans="1:31">
      <c r="A13" s="5" t="s">
        <v>116</v>
      </c>
      <c r="B13" s="21">
        <v>46266</v>
      </c>
      <c r="C13" s="2" t="s">
        <v>170</v>
      </c>
      <c r="D13" s="14" t="s">
        <v>171</v>
      </c>
      <c r="E13" s="2" t="s">
        <v>172</v>
      </c>
      <c r="F13" s="2" t="s">
        <v>130</v>
      </c>
      <c r="G13" s="8">
        <v>122</v>
      </c>
      <c r="H13" s="5">
        <v>5</v>
      </c>
      <c r="I13" s="5" t="s">
        <v>69</v>
      </c>
      <c r="J13" s="5" t="s">
        <v>70</v>
      </c>
      <c r="K13" s="2" t="s">
        <v>71</v>
      </c>
      <c r="L13" s="5" t="s">
        <v>70</v>
      </c>
      <c r="M13" s="2" t="s">
        <v>71</v>
      </c>
      <c r="N13" s="5" t="s">
        <v>72</v>
      </c>
      <c r="O13" s="5" t="s">
        <v>38</v>
      </c>
      <c r="P13" s="5" t="s">
        <v>39</v>
      </c>
      <c r="Q13" s="5" t="s">
        <v>40</v>
      </c>
      <c r="R13" s="5" t="s">
        <v>73</v>
      </c>
      <c r="S13" s="5" t="s">
        <v>40</v>
      </c>
      <c r="T13" s="5" t="s">
        <v>42</v>
      </c>
      <c r="U13" s="2">
        <v>2.262</v>
      </c>
      <c r="V13" s="2">
        <v>1.964</v>
      </c>
      <c r="W13" s="2">
        <v>1.0999999999999999E-2</v>
      </c>
      <c r="X13" s="2">
        <v>94.4</v>
      </c>
      <c r="Y13" s="2">
        <v>13.9</v>
      </c>
      <c r="Z13" s="2">
        <v>8.6999999999999993</v>
      </c>
      <c r="AA13" s="5">
        <v>240</v>
      </c>
      <c r="AB13" s="5" t="s">
        <v>43</v>
      </c>
      <c r="AC13" s="5" t="s">
        <v>44</v>
      </c>
      <c r="AD13" s="2" t="s">
        <v>139</v>
      </c>
      <c r="AE13" s="1"/>
    </row>
    <row r="14" spans="1:31">
      <c r="A14" s="5" t="s">
        <v>116</v>
      </c>
      <c r="B14" s="21">
        <v>46266</v>
      </c>
      <c r="C14" s="2" t="s">
        <v>182</v>
      </c>
      <c r="D14" s="14" t="s">
        <v>183</v>
      </c>
      <c r="E14" s="2" t="s">
        <v>184</v>
      </c>
      <c r="F14" s="2" t="s">
        <v>130</v>
      </c>
      <c r="G14" s="8">
        <v>61</v>
      </c>
      <c r="H14" s="5">
        <v>5</v>
      </c>
      <c r="I14" s="5" t="s">
        <v>69</v>
      </c>
      <c r="J14" s="5" t="s">
        <v>70</v>
      </c>
      <c r="K14" s="2" t="s">
        <v>71</v>
      </c>
      <c r="L14" s="5" t="s">
        <v>70</v>
      </c>
      <c r="M14" s="2" t="s">
        <v>71</v>
      </c>
      <c r="N14" s="5" t="s">
        <v>72</v>
      </c>
      <c r="O14" s="5" t="s">
        <v>38</v>
      </c>
      <c r="P14" s="5" t="s">
        <v>39</v>
      </c>
      <c r="Q14" s="5" t="s">
        <v>40</v>
      </c>
      <c r="R14" s="5" t="s">
        <v>73</v>
      </c>
      <c r="S14" s="5" t="s">
        <v>40</v>
      </c>
      <c r="T14" s="5" t="s">
        <v>42</v>
      </c>
      <c r="U14" s="2">
        <v>1.998</v>
      </c>
      <c r="V14" s="2">
        <v>1.7</v>
      </c>
      <c r="W14" s="2">
        <v>1.0999999999999999E-2</v>
      </c>
      <c r="X14" s="2">
        <v>94.4</v>
      </c>
      <c r="Y14" s="2">
        <v>13.9</v>
      </c>
      <c r="Z14" s="2">
        <v>8.6999999999999993</v>
      </c>
      <c r="AA14" s="5">
        <v>240</v>
      </c>
      <c r="AB14" s="5" t="s">
        <v>43</v>
      </c>
      <c r="AC14" s="5" t="s">
        <v>44</v>
      </c>
      <c r="AD14" s="2" t="s">
        <v>131</v>
      </c>
      <c r="AE14" s="1"/>
    </row>
    <row r="15" spans="1:31">
      <c r="A15" s="5" t="s">
        <v>116</v>
      </c>
      <c r="B15" s="21">
        <v>46266</v>
      </c>
      <c r="C15" s="2" t="s">
        <v>185</v>
      </c>
      <c r="D15" s="14" t="s">
        <v>186</v>
      </c>
      <c r="E15" s="2" t="s">
        <v>187</v>
      </c>
      <c r="F15" s="2" t="s">
        <v>130</v>
      </c>
      <c r="G15" s="8">
        <v>122</v>
      </c>
      <c r="H15" s="5">
        <v>5</v>
      </c>
      <c r="I15" s="5" t="s">
        <v>69</v>
      </c>
      <c r="J15" s="5" t="s">
        <v>70</v>
      </c>
      <c r="K15" s="2" t="s">
        <v>71</v>
      </c>
      <c r="L15" s="5" t="s">
        <v>70</v>
      </c>
      <c r="M15" s="2" t="s">
        <v>71</v>
      </c>
      <c r="N15" s="5" t="s">
        <v>72</v>
      </c>
      <c r="O15" s="5" t="s">
        <v>38</v>
      </c>
      <c r="P15" s="5" t="s">
        <v>39</v>
      </c>
      <c r="Q15" s="5" t="s">
        <v>40</v>
      </c>
      <c r="R15" s="5" t="s">
        <v>73</v>
      </c>
      <c r="S15" s="5" t="s">
        <v>40</v>
      </c>
      <c r="T15" s="5" t="s">
        <v>42</v>
      </c>
      <c r="U15" s="2">
        <v>2.3820000000000001</v>
      </c>
      <c r="V15" s="2">
        <v>2.0840000000000001</v>
      </c>
      <c r="W15" s="2">
        <v>1.0999999999999999E-2</v>
      </c>
      <c r="X15" s="2">
        <v>94.4</v>
      </c>
      <c r="Y15" s="2">
        <v>13.9</v>
      </c>
      <c r="Z15" s="2">
        <v>8.6999999999999993</v>
      </c>
      <c r="AA15" s="5">
        <v>240</v>
      </c>
      <c r="AB15" s="5" t="s">
        <v>43</v>
      </c>
      <c r="AC15" s="5" t="s">
        <v>44</v>
      </c>
      <c r="AD15" s="2" t="s">
        <v>135</v>
      </c>
      <c r="AE15" s="1"/>
    </row>
    <row r="16" spans="1:31">
      <c r="A16" s="5" t="s">
        <v>116</v>
      </c>
      <c r="B16" s="21">
        <v>46266</v>
      </c>
      <c r="C16" s="2" t="s">
        <v>188</v>
      </c>
      <c r="D16" s="14" t="s">
        <v>189</v>
      </c>
      <c r="E16" s="2" t="s">
        <v>190</v>
      </c>
      <c r="F16" s="2" t="s">
        <v>130</v>
      </c>
      <c r="G16" s="8">
        <v>122</v>
      </c>
      <c r="H16" s="5">
        <v>5</v>
      </c>
      <c r="I16" s="5" t="s">
        <v>69</v>
      </c>
      <c r="J16" s="5" t="s">
        <v>70</v>
      </c>
      <c r="K16" s="2" t="s">
        <v>71</v>
      </c>
      <c r="L16" s="5" t="s">
        <v>70</v>
      </c>
      <c r="M16" s="2" t="s">
        <v>71</v>
      </c>
      <c r="N16" s="5" t="s">
        <v>72</v>
      </c>
      <c r="O16" s="5" t="s">
        <v>38</v>
      </c>
      <c r="P16" s="5" t="s">
        <v>39</v>
      </c>
      <c r="Q16" s="5" t="s">
        <v>40</v>
      </c>
      <c r="R16" s="5" t="s">
        <v>73</v>
      </c>
      <c r="S16" s="5" t="s">
        <v>40</v>
      </c>
      <c r="T16" s="5" t="s">
        <v>42</v>
      </c>
      <c r="U16" s="2">
        <v>2.4089999999999998</v>
      </c>
      <c r="V16" s="2">
        <v>2.1110000000000002</v>
      </c>
      <c r="W16" s="2">
        <v>1.0999999999999999E-2</v>
      </c>
      <c r="X16" s="2">
        <v>94.4</v>
      </c>
      <c r="Y16" s="2">
        <v>13.9</v>
      </c>
      <c r="Z16" s="2">
        <v>8.6999999999999993</v>
      </c>
      <c r="AA16" s="5">
        <v>240</v>
      </c>
      <c r="AB16" s="5" t="s">
        <v>43</v>
      </c>
      <c r="AC16" s="5" t="s">
        <v>44</v>
      </c>
      <c r="AD16" s="2" t="s">
        <v>139</v>
      </c>
      <c r="AE16" s="1"/>
    </row>
    <row r="17" spans="1:31">
      <c r="A17" s="5" t="s">
        <v>116</v>
      </c>
      <c r="B17" s="21">
        <v>46054</v>
      </c>
      <c r="C17" s="2" t="s">
        <v>194</v>
      </c>
      <c r="D17" s="14" t="s">
        <v>195</v>
      </c>
      <c r="E17" s="2" t="s">
        <v>196</v>
      </c>
      <c r="F17" s="2" t="s">
        <v>120</v>
      </c>
      <c r="G17" s="8">
        <v>90</v>
      </c>
      <c r="H17" s="5">
        <v>5</v>
      </c>
      <c r="I17" s="5" t="s">
        <v>69</v>
      </c>
      <c r="J17" s="5" t="s">
        <v>70</v>
      </c>
      <c r="K17" s="2" t="s">
        <v>71</v>
      </c>
      <c r="L17" s="5" t="s">
        <v>70</v>
      </c>
      <c r="M17" s="2" t="s">
        <v>71</v>
      </c>
      <c r="N17" s="5" t="s">
        <v>72</v>
      </c>
      <c r="O17" s="5" t="s">
        <v>38</v>
      </c>
      <c r="P17" s="5" t="s">
        <v>39</v>
      </c>
      <c r="Q17" s="5" t="s">
        <v>40</v>
      </c>
      <c r="R17" s="5" t="s">
        <v>73</v>
      </c>
      <c r="S17" s="5" t="s">
        <v>40</v>
      </c>
      <c r="T17" s="5" t="s">
        <v>42</v>
      </c>
      <c r="U17" s="2">
        <v>1.42</v>
      </c>
      <c r="V17" s="2">
        <v>1.1639999999999999</v>
      </c>
      <c r="W17" s="2">
        <v>7.0000000000000001E-3</v>
      </c>
      <c r="X17" s="2">
        <v>80.599999999999994</v>
      </c>
      <c r="Y17" s="2">
        <v>10.7</v>
      </c>
      <c r="Z17" s="2">
        <v>7.7</v>
      </c>
      <c r="AA17" s="5">
        <v>240</v>
      </c>
      <c r="AB17" s="5" t="s">
        <v>43</v>
      </c>
      <c r="AC17" s="5" t="s">
        <v>44</v>
      </c>
      <c r="AD17" s="2" t="s">
        <v>74</v>
      </c>
      <c r="AE17" s="1"/>
    </row>
    <row r="18" spans="1:31">
      <c r="A18" s="5" t="s">
        <v>116</v>
      </c>
      <c r="B18" s="21">
        <v>46266</v>
      </c>
      <c r="C18" s="2" t="s">
        <v>200</v>
      </c>
      <c r="D18" s="14" t="s">
        <v>201</v>
      </c>
      <c r="E18" s="2" t="s">
        <v>202</v>
      </c>
      <c r="F18" s="2" t="s">
        <v>130</v>
      </c>
      <c r="G18" s="8">
        <v>61</v>
      </c>
      <c r="H18" s="5">
        <v>5</v>
      </c>
      <c r="I18" s="5" t="s">
        <v>69</v>
      </c>
      <c r="J18" s="5" t="s">
        <v>70</v>
      </c>
      <c r="K18" s="2" t="s">
        <v>71</v>
      </c>
      <c r="L18" s="5" t="s">
        <v>70</v>
      </c>
      <c r="M18" s="2" t="s">
        <v>71</v>
      </c>
      <c r="N18" s="5" t="s">
        <v>72</v>
      </c>
      <c r="O18" s="5" t="s">
        <v>38</v>
      </c>
      <c r="P18" s="5" t="s">
        <v>39</v>
      </c>
      <c r="Q18" s="5" t="s">
        <v>40</v>
      </c>
      <c r="R18" s="5" t="s">
        <v>73</v>
      </c>
      <c r="S18" s="5" t="s">
        <v>40</v>
      </c>
      <c r="T18" s="5" t="s">
        <v>42</v>
      </c>
      <c r="U18" s="2">
        <v>2.1320000000000001</v>
      </c>
      <c r="V18" s="2">
        <v>1.8340000000000001</v>
      </c>
      <c r="W18" s="2">
        <v>1.0999999999999999E-2</v>
      </c>
      <c r="X18" s="2">
        <v>94.4</v>
      </c>
      <c r="Y18" s="2">
        <v>13.9</v>
      </c>
      <c r="Z18" s="2">
        <v>8.6999999999999993</v>
      </c>
      <c r="AA18" s="5">
        <v>240</v>
      </c>
      <c r="AB18" s="5" t="s">
        <v>43</v>
      </c>
      <c r="AC18" s="5" t="s">
        <v>44</v>
      </c>
      <c r="AD18" s="2" t="s">
        <v>131</v>
      </c>
      <c r="AE18" s="1"/>
    </row>
    <row r="19" spans="1:31">
      <c r="A19" s="5" t="s">
        <v>116</v>
      </c>
      <c r="B19" s="21">
        <v>46266</v>
      </c>
      <c r="C19" s="2" t="s">
        <v>203</v>
      </c>
      <c r="D19" s="14" t="s">
        <v>204</v>
      </c>
      <c r="E19" s="2" t="s">
        <v>205</v>
      </c>
      <c r="F19" s="2" t="s">
        <v>130</v>
      </c>
      <c r="G19" s="8">
        <v>122</v>
      </c>
      <c r="H19" s="5">
        <v>5</v>
      </c>
      <c r="I19" s="5" t="s">
        <v>69</v>
      </c>
      <c r="J19" s="5" t="s">
        <v>70</v>
      </c>
      <c r="K19" s="2" t="s">
        <v>71</v>
      </c>
      <c r="L19" s="5" t="s">
        <v>70</v>
      </c>
      <c r="M19" s="2" t="s">
        <v>71</v>
      </c>
      <c r="N19" s="5" t="s">
        <v>72</v>
      </c>
      <c r="O19" s="5" t="s">
        <v>38</v>
      </c>
      <c r="P19" s="5" t="s">
        <v>39</v>
      </c>
      <c r="Q19" s="5" t="s">
        <v>40</v>
      </c>
      <c r="R19" s="5" t="s">
        <v>73</v>
      </c>
      <c r="S19" s="5" t="s">
        <v>40</v>
      </c>
      <c r="T19" s="5" t="s">
        <v>42</v>
      </c>
      <c r="U19" s="2">
        <v>2.496</v>
      </c>
      <c r="V19" s="2">
        <v>2.198</v>
      </c>
      <c r="W19" s="2">
        <v>1.0999999999999999E-2</v>
      </c>
      <c r="X19" s="2">
        <v>94.4</v>
      </c>
      <c r="Y19" s="2">
        <v>13.9</v>
      </c>
      <c r="Z19" s="2">
        <v>8.6999999999999993</v>
      </c>
      <c r="AA19" s="5">
        <v>240</v>
      </c>
      <c r="AB19" s="5" t="s">
        <v>43</v>
      </c>
      <c r="AC19" s="5" t="s">
        <v>44</v>
      </c>
      <c r="AD19" s="2" t="s">
        <v>135</v>
      </c>
      <c r="AE19" s="1"/>
    </row>
    <row r="20" spans="1:31">
      <c r="A20" s="5" t="s">
        <v>116</v>
      </c>
      <c r="B20" s="21">
        <v>46266</v>
      </c>
      <c r="C20" s="2" t="s">
        <v>206</v>
      </c>
      <c r="D20" s="14" t="s">
        <v>207</v>
      </c>
      <c r="E20" s="2" t="s">
        <v>208</v>
      </c>
      <c r="F20" s="2" t="s">
        <v>130</v>
      </c>
      <c r="G20" s="8">
        <v>122</v>
      </c>
      <c r="H20" s="5">
        <v>5</v>
      </c>
      <c r="I20" s="5" t="s">
        <v>69</v>
      </c>
      <c r="J20" s="5" t="s">
        <v>70</v>
      </c>
      <c r="K20" s="2" t="s">
        <v>71</v>
      </c>
      <c r="L20" s="5" t="s">
        <v>70</v>
      </c>
      <c r="M20" s="2" t="s">
        <v>71</v>
      </c>
      <c r="N20" s="5" t="s">
        <v>72</v>
      </c>
      <c r="O20" s="5" t="s">
        <v>38</v>
      </c>
      <c r="P20" s="5" t="s">
        <v>39</v>
      </c>
      <c r="Q20" s="5" t="s">
        <v>40</v>
      </c>
      <c r="R20" s="5" t="s">
        <v>73</v>
      </c>
      <c r="S20" s="5" t="s">
        <v>40</v>
      </c>
      <c r="T20" s="5" t="s">
        <v>42</v>
      </c>
      <c r="U20" s="2">
        <v>2.5230000000000001</v>
      </c>
      <c r="V20" s="2">
        <v>2.2250000000000001</v>
      </c>
      <c r="W20" s="2">
        <v>1.0999999999999999E-2</v>
      </c>
      <c r="X20" s="2">
        <v>94.4</v>
      </c>
      <c r="Y20" s="2">
        <v>13.9</v>
      </c>
      <c r="Z20" s="2">
        <v>8.6999999999999993</v>
      </c>
      <c r="AA20" s="5">
        <v>240</v>
      </c>
      <c r="AB20" s="5" t="s">
        <v>43</v>
      </c>
      <c r="AC20" s="5" t="s">
        <v>44</v>
      </c>
      <c r="AD20" s="2" t="s">
        <v>139</v>
      </c>
      <c r="AE20" s="1"/>
    </row>
    <row r="21" spans="1:31">
      <c r="A21" s="5" t="s">
        <v>116</v>
      </c>
      <c r="B21" s="21">
        <v>46054</v>
      </c>
      <c r="C21" s="2" t="s">
        <v>212</v>
      </c>
      <c r="D21" s="14" t="s">
        <v>213</v>
      </c>
      <c r="E21" s="2" t="s">
        <v>214</v>
      </c>
      <c r="F21" s="2" t="s">
        <v>120</v>
      </c>
      <c r="G21" s="8">
        <v>90</v>
      </c>
      <c r="H21" s="5">
        <v>5</v>
      </c>
      <c r="I21" s="5" t="s">
        <v>69</v>
      </c>
      <c r="J21" s="5" t="s">
        <v>70</v>
      </c>
      <c r="K21" s="2" t="s">
        <v>71</v>
      </c>
      <c r="L21" s="5" t="s">
        <v>70</v>
      </c>
      <c r="M21" s="2" t="s">
        <v>71</v>
      </c>
      <c r="N21" s="5" t="s">
        <v>72</v>
      </c>
      <c r="O21" s="5" t="s">
        <v>38</v>
      </c>
      <c r="P21" s="5" t="s">
        <v>39</v>
      </c>
      <c r="Q21" s="5" t="s">
        <v>40</v>
      </c>
      <c r="R21" s="5" t="s">
        <v>73</v>
      </c>
      <c r="S21" s="5" t="s">
        <v>40</v>
      </c>
      <c r="T21" s="5" t="s">
        <v>42</v>
      </c>
      <c r="U21" s="2">
        <v>1.466</v>
      </c>
      <c r="V21" s="2">
        <v>1.21</v>
      </c>
      <c r="W21" s="2">
        <v>7.0000000000000001E-3</v>
      </c>
      <c r="X21" s="2">
        <v>80.599999999999994</v>
      </c>
      <c r="Y21" s="2">
        <v>10.7</v>
      </c>
      <c r="Z21" s="2">
        <v>7.7</v>
      </c>
      <c r="AA21" s="5">
        <v>240</v>
      </c>
      <c r="AB21" s="5" t="s">
        <v>43</v>
      </c>
      <c r="AC21" s="5" t="s">
        <v>44</v>
      </c>
      <c r="AD21" s="2" t="s">
        <v>74</v>
      </c>
      <c r="AE21" s="1"/>
    </row>
    <row r="22" spans="1:31">
      <c r="A22" s="5" t="s">
        <v>116</v>
      </c>
      <c r="B22" s="21">
        <v>46266</v>
      </c>
      <c r="C22" s="2" t="s">
        <v>218</v>
      </c>
      <c r="D22" s="14" t="s">
        <v>219</v>
      </c>
      <c r="E22" s="2" t="s">
        <v>220</v>
      </c>
      <c r="F22" s="2" t="s">
        <v>130</v>
      </c>
      <c r="G22" s="8">
        <v>61</v>
      </c>
      <c r="H22" s="5">
        <v>5</v>
      </c>
      <c r="I22" s="5" t="s">
        <v>69</v>
      </c>
      <c r="J22" s="5" t="s">
        <v>70</v>
      </c>
      <c r="K22" s="2" t="s">
        <v>71</v>
      </c>
      <c r="L22" s="5" t="s">
        <v>70</v>
      </c>
      <c r="M22" s="2" t="s">
        <v>71</v>
      </c>
      <c r="N22" s="5" t="s">
        <v>72</v>
      </c>
      <c r="O22" s="5" t="s">
        <v>38</v>
      </c>
      <c r="P22" s="5" t="s">
        <v>39</v>
      </c>
      <c r="Q22" s="5" t="s">
        <v>40</v>
      </c>
      <c r="R22" s="5" t="s">
        <v>73</v>
      </c>
      <c r="S22" s="5" t="s">
        <v>40</v>
      </c>
      <c r="T22" s="5" t="s">
        <v>42</v>
      </c>
      <c r="U22" s="2">
        <v>2.1779999999999999</v>
      </c>
      <c r="V22" s="2">
        <v>1.88</v>
      </c>
      <c r="W22" s="2">
        <v>1.0999999999999999E-2</v>
      </c>
      <c r="X22" s="2">
        <v>94.4</v>
      </c>
      <c r="Y22" s="2">
        <v>13.9</v>
      </c>
      <c r="Z22" s="2">
        <v>8.6999999999999993</v>
      </c>
      <c r="AA22" s="5">
        <v>240</v>
      </c>
      <c r="AB22" s="5" t="s">
        <v>43</v>
      </c>
      <c r="AC22" s="5" t="s">
        <v>44</v>
      </c>
      <c r="AD22" s="2" t="s">
        <v>131</v>
      </c>
      <c r="AE22" s="1"/>
    </row>
    <row r="23" spans="1:31">
      <c r="A23" s="5" t="s">
        <v>116</v>
      </c>
      <c r="B23" s="21">
        <v>46266</v>
      </c>
      <c r="C23" s="2" t="s">
        <v>221</v>
      </c>
      <c r="D23" s="14" t="s">
        <v>222</v>
      </c>
      <c r="E23" s="2" t="s">
        <v>223</v>
      </c>
      <c r="F23" s="2" t="s">
        <v>130</v>
      </c>
      <c r="G23" s="8">
        <v>122</v>
      </c>
      <c r="H23" s="5">
        <v>5</v>
      </c>
      <c r="I23" s="5" t="s">
        <v>69</v>
      </c>
      <c r="J23" s="5" t="s">
        <v>70</v>
      </c>
      <c r="K23" s="2" t="s">
        <v>71</v>
      </c>
      <c r="L23" s="5" t="s">
        <v>70</v>
      </c>
      <c r="M23" s="2" t="s">
        <v>71</v>
      </c>
      <c r="N23" s="5" t="s">
        <v>72</v>
      </c>
      <c r="O23" s="5" t="s">
        <v>38</v>
      </c>
      <c r="P23" s="5" t="s">
        <v>39</v>
      </c>
      <c r="Q23" s="5" t="s">
        <v>40</v>
      </c>
      <c r="R23" s="5" t="s">
        <v>73</v>
      </c>
      <c r="S23" s="5" t="s">
        <v>40</v>
      </c>
      <c r="T23" s="5" t="s">
        <v>42</v>
      </c>
      <c r="U23" s="2">
        <v>2.5419999999999998</v>
      </c>
      <c r="V23" s="2">
        <v>2.2440000000000002</v>
      </c>
      <c r="W23" s="2">
        <v>1.0999999999999999E-2</v>
      </c>
      <c r="X23" s="2">
        <v>94.4</v>
      </c>
      <c r="Y23" s="2">
        <v>13.9</v>
      </c>
      <c r="Z23" s="2">
        <v>8.6999999999999993</v>
      </c>
      <c r="AA23" s="5">
        <v>240</v>
      </c>
      <c r="AB23" s="5" t="s">
        <v>43</v>
      </c>
      <c r="AC23" s="5" t="s">
        <v>44</v>
      </c>
      <c r="AD23" s="2" t="s">
        <v>135</v>
      </c>
      <c r="AE23" s="1"/>
    </row>
    <row r="24" spans="1:31">
      <c r="A24" s="5" t="s">
        <v>116</v>
      </c>
      <c r="B24" s="21">
        <v>46266</v>
      </c>
      <c r="C24" s="2" t="s">
        <v>224</v>
      </c>
      <c r="D24" s="14" t="s">
        <v>225</v>
      </c>
      <c r="E24" s="2" t="s">
        <v>226</v>
      </c>
      <c r="F24" s="2" t="s">
        <v>130</v>
      </c>
      <c r="G24" s="8">
        <v>122</v>
      </c>
      <c r="H24" s="5">
        <v>5</v>
      </c>
      <c r="I24" s="5" t="s">
        <v>69</v>
      </c>
      <c r="J24" s="5" t="s">
        <v>70</v>
      </c>
      <c r="K24" s="2" t="s">
        <v>71</v>
      </c>
      <c r="L24" s="5" t="s">
        <v>70</v>
      </c>
      <c r="M24" s="2" t="s">
        <v>71</v>
      </c>
      <c r="N24" s="5" t="s">
        <v>72</v>
      </c>
      <c r="O24" s="5" t="s">
        <v>38</v>
      </c>
      <c r="P24" s="5" t="s">
        <v>39</v>
      </c>
      <c r="Q24" s="5" t="s">
        <v>40</v>
      </c>
      <c r="R24" s="5" t="s">
        <v>73</v>
      </c>
      <c r="S24" s="5" t="s">
        <v>40</v>
      </c>
      <c r="T24" s="5" t="s">
        <v>42</v>
      </c>
      <c r="U24" s="2">
        <v>2.569</v>
      </c>
      <c r="V24" s="2">
        <v>2.2709999999999999</v>
      </c>
      <c r="W24" s="2">
        <v>1.0999999999999999E-2</v>
      </c>
      <c r="X24" s="2">
        <v>94.4</v>
      </c>
      <c r="Y24" s="2">
        <v>13.9</v>
      </c>
      <c r="Z24" s="2">
        <v>8.6999999999999993</v>
      </c>
      <c r="AA24" s="5">
        <v>240</v>
      </c>
      <c r="AB24" s="5" t="s">
        <v>43</v>
      </c>
      <c r="AC24" s="5" t="s">
        <v>44</v>
      </c>
      <c r="AD24" s="2" t="s">
        <v>139</v>
      </c>
      <c r="AE24" s="1"/>
    </row>
    <row r="25" spans="1:31">
      <c r="A25" s="5" t="s">
        <v>116</v>
      </c>
      <c r="B25" s="21">
        <v>46054</v>
      </c>
      <c r="C25" s="2" t="s">
        <v>230</v>
      </c>
      <c r="D25" s="14" t="s">
        <v>231</v>
      </c>
      <c r="E25" s="2" t="s">
        <v>232</v>
      </c>
      <c r="F25" s="2" t="s">
        <v>120</v>
      </c>
      <c r="G25" s="8">
        <v>90</v>
      </c>
      <c r="H25" s="5">
        <v>5</v>
      </c>
      <c r="I25" s="5" t="s">
        <v>69</v>
      </c>
      <c r="J25" s="5" t="s">
        <v>70</v>
      </c>
      <c r="K25" s="2" t="s">
        <v>71</v>
      </c>
      <c r="L25" s="5" t="s">
        <v>70</v>
      </c>
      <c r="M25" s="2" t="s">
        <v>71</v>
      </c>
      <c r="N25" s="5" t="s">
        <v>72</v>
      </c>
      <c r="O25" s="5" t="s">
        <v>38</v>
      </c>
      <c r="P25" s="5" t="s">
        <v>39</v>
      </c>
      <c r="Q25" s="5" t="s">
        <v>40</v>
      </c>
      <c r="R25" s="5" t="s">
        <v>73</v>
      </c>
      <c r="S25" s="5" t="s">
        <v>40</v>
      </c>
      <c r="T25" s="5" t="s">
        <v>42</v>
      </c>
      <c r="U25" s="2">
        <v>1.462</v>
      </c>
      <c r="V25" s="2">
        <v>1.206</v>
      </c>
      <c r="W25" s="2">
        <v>7.0000000000000001E-3</v>
      </c>
      <c r="X25" s="2">
        <v>80.599999999999994</v>
      </c>
      <c r="Y25" s="2">
        <v>10.7</v>
      </c>
      <c r="Z25" s="2">
        <v>7.7</v>
      </c>
      <c r="AA25" s="5">
        <v>240</v>
      </c>
      <c r="AB25" s="5" t="s">
        <v>43</v>
      </c>
      <c r="AC25" s="5" t="s">
        <v>44</v>
      </c>
      <c r="AD25" s="2" t="s">
        <v>74</v>
      </c>
      <c r="AE25" s="1"/>
    </row>
    <row r="26" spans="1:31">
      <c r="A26" s="5" t="s">
        <v>116</v>
      </c>
      <c r="B26" s="21">
        <v>46266</v>
      </c>
      <c r="C26" s="2" t="s">
        <v>236</v>
      </c>
      <c r="D26" s="14" t="s">
        <v>237</v>
      </c>
      <c r="E26" s="2" t="s">
        <v>238</v>
      </c>
      <c r="F26" s="2" t="s">
        <v>130</v>
      </c>
      <c r="G26" s="8">
        <v>61</v>
      </c>
      <c r="H26" s="5">
        <v>5</v>
      </c>
      <c r="I26" s="5" t="s">
        <v>69</v>
      </c>
      <c r="J26" s="5" t="s">
        <v>70</v>
      </c>
      <c r="K26" s="2" t="s">
        <v>71</v>
      </c>
      <c r="L26" s="5" t="s">
        <v>70</v>
      </c>
      <c r="M26" s="2" t="s">
        <v>71</v>
      </c>
      <c r="N26" s="5" t="s">
        <v>72</v>
      </c>
      <c r="O26" s="5" t="s">
        <v>38</v>
      </c>
      <c r="P26" s="5" t="s">
        <v>39</v>
      </c>
      <c r="Q26" s="5" t="s">
        <v>40</v>
      </c>
      <c r="R26" s="5" t="s">
        <v>73</v>
      </c>
      <c r="S26" s="5" t="s">
        <v>40</v>
      </c>
      <c r="T26" s="5" t="s">
        <v>42</v>
      </c>
      <c r="U26" s="2">
        <v>2.1640000000000001</v>
      </c>
      <c r="V26" s="2">
        <v>1.8660000000000001</v>
      </c>
      <c r="W26" s="2">
        <v>1.0999999999999999E-2</v>
      </c>
      <c r="X26" s="2">
        <v>94.4</v>
      </c>
      <c r="Y26" s="2">
        <v>13.9</v>
      </c>
      <c r="Z26" s="2">
        <v>8.6999999999999993</v>
      </c>
      <c r="AA26" s="5">
        <v>240</v>
      </c>
      <c r="AB26" s="5" t="s">
        <v>43</v>
      </c>
      <c r="AC26" s="5" t="s">
        <v>44</v>
      </c>
      <c r="AD26" s="2" t="s">
        <v>131</v>
      </c>
      <c r="AE26" s="1"/>
    </row>
    <row r="27" spans="1:31">
      <c r="A27" s="5" t="s">
        <v>116</v>
      </c>
      <c r="B27" s="21">
        <v>46266</v>
      </c>
      <c r="C27" s="2" t="s">
        <v>239</v>
      </c>
      <c r="D27" s="14" t="s">
        <v>240</v>
      </c>
      <c r="E27" s="2" t="s">
        <v>241</v>
      </c>
      <c r="F27" s="2" t="s">
        <v>130</v>
      </c>
      <c r="G27" s="8">
        <v>122</v>
      </c>
      <c r="H27" s="5">
        <v>5</v>
      </c>
      <c r="I27" s="5" t="s">
        <v>69</v>
      </c>
      <c r="J27" s="5" t="s">
        <v>70</v>
      </c>
      <c r="K27" s="2" t="s">
        <v>71</v>
      </c>
      <c r="L27" s="5" t="s">
        <v>70</v>
      </c>
      <c r="M27" s="2" t="s">
        <v>71</v>
      </c>
      <c r="N27" s="5" t="s">
        <v>72</v>
      </c>
      <c r="O27" s="5" t="s">
        <v>38</v>
      </c>
      <c r="P27" s="5" t="s">
        <v>39</v>
      </c>
      <c r="Q27" s="5" t="s">
        <v>40</v>
      </c>
      <c r="R27" s="5" t="s">
        <v>73</v>
      </c>
      <c r="S27" s="5" t="s">
        <v>40</v>
      </c>
      <c r="T27" s="5" t="s">
        <v>42</v>
      </c>
      <c r="U27" s="2">
        <v>2.5870000000000002</v>
      </c>
      <c r="V27" s="2">
        <v>2.2890000000000001</v>
      </c>
      <c r="W27" s="2">
        <v>1.0999999999999999E-2</v>
      </c>
      <c r="X27" s="2">
        <v>94.4</v>
      </c>
      <c r="Y27" s="2">
        <v>13.9</v>
      </c>
      <c r="Z27" s="2">
        <v>8.6999999999999993</v>
      </c>
      <c r="AA27" s="5">
        <v>240</v>
      </c>
      <c r="AB27" s="5" t="s">
        <v>43</v>
      </c>
      <c r="AC27" s="5" t="s">
        <v>44</v>
      </c>
      <c r="AD27" s="2" t="s">
        <v>135</v>
      </c>
      <c r="AE27" s="1"/>
    </row>
    <row r="28" spans="1:31">
      <c r="A28" s="5" t="s">
        <v>116</v>
      </c>
      <c r="B28" s="21">
        <v>46266</v>
      </c>
      <c r="C28" s="2" t="s">
        <v>242</v>
      </c>
      <c r="D28" s="14" t="s">
        <v>243</v>
      </c>
      <c r="E28" s="2" t="s">
        <v>244</v>
      </c>
      <c r="F28" s="2" t="s">
        <v>130</v>
      </c>
      <c r="G28" s="8">
        <v>122</v>
      </c>
      <c r="H28" s="5">
        <v>5</v>
      </c>
      <c r="I28" s="5" t="s">
        <v>69</v>
      </c>
      <c r="J28" s="5" t="s">
        <v>70</v>
      </c>
      <c r="K28" s="2" t="s">
        <v>71</v>
      </c>
      <c r="L28" s="5" t="s">
        <v>70</v>
      </c>
      <c r="M28" s="2" t="s">
        <v>71</v>
      </c>
      <c r="N28" s="5" t="s">
        <v>72</v>
      </c>
      <c r="O28" s="5" t="s">
        <v>38</v>
      </c>
      <c r="P28" s="5" t="s">
        <v>39</v>
      </c>
      <c r="Q28" s="5" t="s">
        <v>40</v>
      </c>
      <c r="R28" s="5" t="s">
        <v>73</v>
      </c>
      <c r="S28" s="5" t="s">
        <v>40</v>
      </c>
      <c r="T28" s="5" t="s">
        <v>42</v>
      </c>
      <c r="U28" s="2">
        <v>2.613</v>
      </c>
      <c r="V28" s="2">
        <v>2.3149999999999999</v>
      </c>
      <c r="W28" s="2">
        <v>1.0999999999999999E-2</v>
      </c>
      <c r="X28" s="2">
        <v>94.4</v>
      </c>
      <c r="Y28" s="2">
        <v>13.9</v>
      </c>
      <c r="Z28" s="2">
        <v>8.6999999999999993</v>
      </c>
      <c r="AA28" s="5">
        <v>240</v>
      </c>
      <c r="AB28" s="5" t="s">
        <v>43</v>
      </c>
      <c r="AC28" s="5" t="s">
        <v>44</v>
      </c>
      <c r="AD28" s="2" t="s">
        <v>139</v>
      </c>
      <c r="AE28" s="1"/>
    </row>
    <row r="29" spans="1:31">
      <c r="A29" s="5" t="s">
        <v>116</v>
      </c>
      <c r="B29" s="21">
        <v>46054</v>
      </c>
      <c r="C29" s="2" t="s">
        <v>248</v>
      </c>
      <c r="D29" s="14" t="s">
        <v>249</v>
      </c>
      <c r="E29" s="2" t="s">
        <v>250</v>
      </c>
      <c r="F29" s="2" t="s">
        <v>120</v>
      </c>
      <c r="G29" s="8">
        <v>90</v>
      </c>
      <c r="H29" s="5">
        <v>5</v>
      </c>
      <c r="I29" s="5" t="s">
        <v>69</v>
      </c>
      <c r="J29" s="5" t="s">
        <v>70</v>
      </c>
      <c r="K29" s="2" t="s">
        <v>71</v>
      </c>
      <c r="L29" s="5" t="s">
        <v>70</v>
      </c>
      <c r="M29" s="2" t="s">
        <v>71</v>
      </c>
      <c r="N29" s="5" t="s">
        <v>72</v>
      </c>
      <c r="O29" s="5" t="s">
        <v>38</v>
      </c>
      <c r="P29" s="5" t="s">
        <v>39</v>
      </c>
      <c r="Q29" s="5" t="s">
        <v>40</v>
      </c>
      <c r="R29" s="5" t="s">
        <v>73</v>
      </c>
      <c r="S29" s="5" t="s">
        <v>40</v>
      </c>
      <c r="T29" s="5" t="s">
        <v>42</v>
      </c>
      <c r="U29" s="2">
        <v>1.5029999999999999</v>
      </c>
      <c r="V29" s="2">
        <v>1.2470000000000001</v>
      </c>
      <c r="W29" s="2">
        <v>7.0000000000000001E-3</v>
      </c>
      <c r="X29" s="2">
        <v>80.599999999999994</v>
      </c>
      <c r="Y29" s="2">
        <v>10.7</v>
      </c>
      <c r="Z29" s="2">
        <v>7.7</v>
      </c>
      <c r="AA29" s="5">
        <v>240</v>
      </c>
      <c r="AB29" s="5" t="s">
        <v>43</v>
      </c>
      <c r="AC29" s="5" t="s">
        <v>44</v>
      </c>
      <c r="AD29" s="2" t="s">
        <v>74</v>
      </c>
      <c r="AE29" s="1"/>
    </row>
    <row r="30" spans="1:31">
      <c r="A30" s="5" t="s">
        <v>116</v>
      </c>
      <c r="B30" s="21">
        <v>46266</v>
      </c>
      <c r="C30" s="2" t="s">
        <v>254</v>
      </c>
      <c r="D30" s="14" t="s">
        <v>255</v>
      </c>
      <c r="E30" s="2" t="s">
        <v>256</v>
      </c>
      <c r="F30" s="2" t="s">
        <v>130</v>
      </c>
      <c r="G30" s="8">
        <v>61</v>
      </c>
      <c r="H30" s="5">
        <v>5</v>
      </c>
      <c r="I30" s="5" t="s">
        <v>69</v>
      </c>
      <c r="J30" s="5" t="s">
        <v>70</v>
      </c>
      <c r="K30" s="2" t="s">
        <v>71</v>
      </c>
      <c r="L30" s="5" t="s">
        <v>70</v>
      </c>
      <c r="M30" s="2" t="s">
        <v>71</v>
      </c>
      <c r="N30" s="5" t="s">
        <v>72</v>
      </c>
      <c r="O30" s="5" t="s">
        <v>38</v>
      </c>
      <c r="P30" s="5" t="s">
        <v>39</v>
      </c>
      <c r="Q30" s="5" t="s">
        <v>40</v>
      </c>
      <c r="R30" s="5" t="s">
        <v>73</v>
      </c>
      <c r="S30" s="5" t="s">
        <v>40</v>
      </c>
      <c r="T30" s="5" t="s">
        <v>42</v>
      </c>
      <c r="U30" s="2">
        <v>2.298</v>
      </c>
      <c r="V30" s="2">
        <v>2</v>
      </c>
      <c r="W30" s="2">
        <v>1.0999999999999999E-2</v>
      </c>
      <c r="X30" s="2">
        <v>94.4</v>
      </c>
      <c r="Y30" s="2">
        <v>13.9</v>
      </c>
      <c r="Z30" s="2">
        <v>8.6999999999999993</v>
      </c>
      <c r="AA30" s="5">
        <v>240</v>
      </c>
      <c r="AB30" s="5" t="s">
        <v>43</v>
      </c>
      <c r="AC30" s="5" t="s">
        <v>44</v>
      </c>
      <c r="AD30" s="2" t="s">
        <v>131</v>
      </c>
      <c r="AE30" s="1"/>
    </row>
    <row r="31" spans="1:31">
      <c r="A31" s="5" t="s">
        <v>116</v>
      </c>
      <c r="B31" s="21">
        <v>46266</v>
      </c>
      <c r="C31" s="2" t="s">
        <v>257</v>
      </c>
      <c r="D31" s="14" t="s">
        <v>258</v>
      </c>
      <c r="E31" s="2" t="s">
        <v>259</v>
      </c>
      <c r="F31" s="2" t="s">
        <v>130</v>
      </c>
      <c r="G31" s="8">
        <v>122</v>
      </c>
      <c r="H31" s="5">
        <v>5</v>
      </c>
      <c r="I31" s="5" t="s">
        <v>69</v>
      </c>
      <c r="J31" s="5" t="s">
        <v>70</v>
      </c>
      <c r="K31" s="2" t="s">
        <v>71</v>
      </c>
      <c r="L31" s="5" t="s">
        <v>70</v>
      </c>
      <c r="M31" s="2" t="s">
        <v>71</v>
      </c>
      <c r="N31" s="5" t="s">
        <v>72</v>
      </c>
      <c r="O31" s="5" t="s">
        <v>38</v>
      </c>
      <c r="P31" s="5" t="s">
        <v>39</v>
      </c>
      <c r="Q31" s="5" t="s">
        <v>40</v>
      </c>
      <c r="R31" s="5" t="s">
        <v>73</v>
      </c>
      <c r="S31" s="5" t="s">
        <v>40</v>
      </c>
      <c r="T31" s="5" t="s">
        <v>42</v>
      </c>
      <c r="U31" s="2">
        <v>2.7010000000000001</v>
      </c>
      <c r="V31" s="2">
        <v>2.403</v>
      </c>
      <c r="W31" s="2">
        <v>1.0999999999999999E-2</v>
      </c>
      <c r="X31" s="2">
        <v>94.4</v>
      </c>
      <c r="Y31" s="2">
        <v>13.9</v>
      </c>
      <c r="Z31" s="2">
        <v>8.6999999999999993</v>
      </c>
      <c r="AA31" s="5">
        <v>240</v>
      </c>
      <c r="AB31" s="5" t="s">
        <v>43</v>
      </c>
      <c r="AC31" s="5" t="s">
        <v>44</v>
      </c>
      <c r="AD31" s="2" t="s">
        <v>135</v>
      </c>
      <c r="AE31" s="1"/>
    </row>
    <row r="32" spans="1:31">
      <c r="A32" s="5" t="s">
        <v>116</v>
      </c>
      <c r="B32" s="21">
        <v>46266</v>
      </c>
      <c r="C32" s="2" t="s">
        <v>260</v>
      </c>
      <c r="D32" s="14" t="s">
        <v>261</v>
      </c>
      <c r="E32" s="2" t="s">
        <v>262</v>
      </c>
      <c r="F32" s="2" t="s">
        <v>130</v>
      </c>
      <c r="G32" s="8">
        <v>122</v>
      </c>
      <c r="H32" s="5">
        <v>5</v>
      </c>
      <c r="I32" s="5" t="s">
        <v>69</v>
      </c>
      <c r="J32" s="5" t="s">
        <v>70</v>
      </c>
      <c r="K32" s="2" t="s">
        <v>71</v>
      </c>
      <c r="L32" s="5" t="s">
        <v>70</v>
      </c>
      <c r="M32" s="2" t="s">
        <v>71</v>
      </c>
      <c r="N32" s="5" t="s">
        <v>72</v>
      </c>
      <c r="O32" s="5" t="s">
        <v>38</v>
      </c>
      <c r="P32" s="5" t="s">
        <v>39</v>
      </c>
      <c r="Q32" s="5" t="s">
        <v>40</v>
      </c>
      <c r="R32" s="5" t="s">
        <v>73</v>
      </c>
      <c r="S32" s="5" t="s">
        <v>40</v>
      </c>
      <c r="T32" s="5" t="s">
        <v>42</v>
      </c>
      <c r="U32" s="2">
        <v>2.7269999999999999</v>
      </c>
      <c r="V32" s="2">
        <v>2.4289999999999998</v>
      </c>
      <c r="W32" s="2">
        <v>1.0999999999999999E-2</v>
      </c>
      <c r="X32" s="2">
        <v>94.4</v>
      </c>
      <c r="Y32" s="2">
        <v>13.9</v>
      </c>
      <c r="Z32" s="2">
        <v>8.6999999999999993</v>
      </c>
      <c r="AA32" s="5">
        <v>240</v>
      </c>
      <c r="AB32" s="5" t="s">
        <v>43</v>
      </c>
      <c r="AC32" s="5" t="s">
        <v>44</v>
      </c>
      <c r="AD32" s="2" t="s">
        <v>139</v>
      </c>
      <c r="AE32" s="1"/>
    </row>
    <row r="33" spans="1:31">
      <c r="A33" s="5" t="s">
        <v>116</v>
      </c>
      <c r="B33" s="21">
        <v>46054</v>
      </c>
      <c r="C33" s="2" t="s">
        <v>266</v>
      </c>
      <c r="D33" s="14" t="s">
        <v>267</v>
      </c>
      <c r="E33" s="2" t="s">
        <v>268</v>
      </c>
      <c r="F33" s="2" t="s">
        <v>120</v>
      </c>
      <c r="G33" s="8">
        <v>90</v>
      </c>
      <c r="H33" s="5">
        <v>5</v>
      </c>
      <c r="I33" s="5" t="s">
        <v>69</v>
      </c>
      <c r="J33" s="5" t="s">
        <v>70</v>
      </c>
      <c r="K33" s="2" t="s">
        <v>71</v>
      </c>
      <c r="L33" s="5" t="s">
        <v>70</v>
      </c>
      <c r="M33" s="2" t="s">
        <v>71</v>
      </c>
      <c r="N33" s="5" t="s">
        <v>72</v>
      </c>
      <c r="O33" s="5" t="s">
        <v>38</v>
      </c>
      <c r="P33" s="5" t="s">
        <v>39</v>
      </c>
      <c r="Q33" s="5" t="s">
        <v>40</v>
      </c>
      <c r="R33" s="5" t="s">
        <v>73</v>
      </c>
      <c r="S33" s="5" t="s">
        <v>40</v>
      </c>
      <c r="T33" s="5" t="s">
        <v>42</v>
      </c>
      <c r="U33" s="2">
        <v>1.6679999999999999</v>
      </c>
      <c r="V33" s="2">
        <v>1.405</v>
      </c>
      <c r="W33" s="2">
        <v>7.0000000000000001E-3</v>
      </c>
      <c r="X33" s="2">
        <v>80.599999999999994</v>
      </c>
      <c r="Y33" s="2">
        <v>10.7</v>
      </c>
      <c r="Z33" s="2">
        <v>7.7</v>
      </c>
      <c r="AA33" s="5">
        <v>240</v>
      </c>
      <c r="AB33" s="5" t="s">
        <v>43</v>
      </c>
      <c r="AC33" s="5" t="s">
        <v>44</v>
      </c>
      <c r="AD33" s="2" t="s">
        <v>74</v>
      </c>
      <c r="AE33" s="1"/>
    </row>
    <row r="34" spans="1:31">
      <c r="A34" s="5" t="s">
        <v>116</v>
      </c>
      <c r="B34" s="21">
        <v>46266</v>
      </c>
      <c r="C34" s="2" t="s">
        <v>272</v>
      </c>
      <c r="D34" s="14" t="s">
        <v>273</v>
      </c>
      <c r="E34" s="2" t="s">
        <v>274</v>
      </c>
      <c r="F34" s="2" t="s">
        <v>130</v>
      </c>
      <c r="G34" s="8">
        <v>61</v>
      </c>
      <c r="H34" s="5">
        <v>5</v>
      </c>
      <c r="I34" s="5" t="s">
        <v>69</v>
      </c>
      <c r="J34" s="5" t="s">
        <v>70</v>
      </c>
      <c r="K34" s="2" t="s">
        <v>71</v>
      </c>
      <c r="L34" s="5" t="s">
        <v>70</v>
      </c>
      <c r="M34" s="2" t="s">
        <v>71</v>
      </c>
      <c r="N34" s="5" t="s">
        <v>72</v>
      </c>
      <c r="O34" s="5" t="s">
        <v>38</v>
      </c>
      <c r="P34" s="5" t="s">
        <v>39</v>
      </c>
      <c r="Q34" s="5" t="s">
        <v>40</v>
      </c>
      <c r="R34" s="5" t="s">
        <v>73</v>
      </c>
      <c r="S34" s="5" t="s">
        <v>40</v>
      </c>
      <c r="T34" s="5" t="s">
        <v>42</v>
      </c>
      <c r="U34" s="2">
        <v>2.343</v>
      </c>
      <c r="V34" s="2">
        <v>2.0449999999999999</v>
      </c>
      <c r="W34" s="2">
        <v>1.0999999999999999E-2</v>
      </c>
      <c r="X34" s="2">
        <v>94.4</v>
      </c>
      <c r="Y34" s="2">
        <v>13.9</v>
      </c>
      <c r="Z34" s="2">
        <v>8.6999999999999993</v>
      </c>
      <c r="AA34" s="5">
        <v>240</v>
      </c>
      <c r="AB34" s="5" t="s">
        <v>43</v>
      </c>
      <c r="AC34" s="5" t="s">
        <v>44</v>
      </c>
      <c r="AD34" s="2" t="s">
        <v>131</v>
      </c>
      <c r="AE34" s="1"/>
    </row>
    <row r="35" spans="1:31">
      <c r="A35" s="5" t="s">
        <v>116</v>
      </c>
      <c r="B35" s="21">
        <v>46266</v>
      </c>
      <c r="C35" s="2" t="s">
        <v>275</v>
      </c>
      <c r="D35" s="14" t="s">
        <v>276</v>
      </c>
      <c r="E35" s="2" t="s">
        <v>277</v>
      </c>
      <c r="F35" s="2" t="s">
        <v>130</v>
      </c>
      <c r="G35" s="8">
        <v>122</v>
      </c>
      <c r="H35" s="5">
        <v>5</v>
      </c>
      <c r="I35" s="5" t="s">
        <v>69</v>
      </c>
      <c r="J35" s="5" t="s">
        <v>70</v>
      </c>
      <c r="K35" s="2" t="s">
        <v>71</v>
      </c>
      <c r="L35" s="5" t="s">
        <v>70</v>
      </c>
      <c r="M35" s="2" t="s">
        <v>71</v>
      </c>
      <c r="N35" s="5" t="s">
        <v>72</v>
      </c>
      <c r="O35" s="5" t="s">
        <v>38</v>
      </c>
      <c r="P35" s="5" t="s">
        <v>39</v>
      </c>
      <c r="Q35" s="5" t="s">
        <v>40</v>
      </c>
      <c r="R35" s="5" t="s">
        <v>73</v>
      </c>
      <c r="S35" s="5" t="s">
        <v>40</v>
      </c>
      <c r="T35" s="5" t="s">
        <v>42</v>
      </c>
      <c r="U35" s="2">
        <v>2.8660000000000001</v>
      </c>
      <c r="V35" s="2">
        <v>2.5609999999999999</v>
      </c>
      <c r="W35" s="2">
        <v>1.0999999999999999E-2</v>
      </c>
      <c r="X35" s="2">
        <v>94.4</v>
      </c>
      <c r="Y35" s="2">
        <v>13.9</v>
      </c>
      <c r="Z35" s="2">
        <v>8.6999999999999993</v>
      </c>
      <c r="AA35" s="5">
        <v>240</v>
      </c>
      <c r="AB35" s="5" t="s">
        <v>43</v>
      </c>
      <c r="AC35" s="5" t="s">
        <v>44</v>
      </c>
      <c r="AD35" s="2" t="s">
        <v>135</v>
      </c>
      <c r="AE35" s="1"/>
    </row>
    <row r="36" spans="1:31">
      <c r="A36" s="5" t="s">
        <v>116</v>
      </c>
      <c r="B36" s="21">
        <v>46266</v>
      </c>
      <c r="C36" s="2" t="s">
        <v>278</v>
      </c>
      <c r="D36" s="14" t="s">
        <v>279</v>
      </c>
      <c r="E36" s="2" t="s">
        <v>280</v>
      </c>
      <c r="F36" s="2" t="s">
        <v>130</v>
      </c>
      <c r="G36" s="8">
        <v>122</v>
      </c>
      <c r="H36" s="5">
        <v>5</v>
      </c>
      <c r="I36" s="5" t="s">
        <v>69</v>
      </c>
      <c r="J36" s="5" t="s">
        <v>70</v>
      </c>
      <c r="K36" s="2" t="s">
        <v>71</v>
      </c>
      <c r="L36" s="5" t="s">
        <v>70</v>
      </c>
      <c r="M36" s="2" t="s">
        <v>71</v>
      </c>
      <c r="N36" s="5" t="s">
        <v>72</v>
      </c>
      <c r="O36" s="5" t="s">
        <v>38</v>
      </c>
      <c r="P36" s="5" t="s">
        <v>39</v>
      </c>
      <c r="Q36" s="5" t="s">
        <v>40</v>
      </c>
      <c r="R36" s="5" t="s">
        <v>73</v>
      </c>
      <c r="S36" s="5" t="s">
        <v>40</v>
      </c>
      <c r="T36" s="5" t="s">
        <v>42</v>
      </c>
      <c r="U36" s="2">
        <v>2.8919999999999999</v>
      </c>
      <c r="V36" s="2">
        <v>2.5870000000000002</v>
      </c>
      <c r="W36" s="2">
        <v>1.0999999999999999E-2</v>
      </c>
      <c r="X36" s="2">
        <v>94.4</v>
      </c>
      <c r="Y36" s="2">
        <v>13.9</v>
      </c>
      <c r="Z36" s="2">
        <v>8.6999999999999993</v>
      </c>
      <c r="AA36" s="5">
        <v>240</v>
      </c>
      <c r="AB36" s="5" t="s">
        <v>43</v>
      </c>
      <c r="AC36" s="5" t="s">
        <v>44</v>
      </c>
      <c r="AD36" s="2" t="s">
        <v>139</v>
      </c>
      <c r="AE36" s="1"/>
    </row>
    <row r="37" spans="1:31">
      <c r="A37" s="5" t="s">
        <v>116</v>
      </c>
      <c r="B37" s="21">
        <v>46054</v>
      </c>
      <c r="C37" s="2" t="s">
        <v>284</v>
      </c>
      <c r="D37" s="14" t="s">
        <v>285</v>
      </c>
      <c r="E37" s="2" t="s">
        <v>286</v>
      </c>
      <c r="F37" s="2" t="s">
        <v>120</v>
      </c>
      <c r="G37" s="8">
        <v>90</v>
      </c>
      <c r="H37" s="5">
        <v>5</v>
      </c>
      <c r="I37" s="5" t="s">
        <v>69</v>
      </c>
      <c r="J37" s="5" t="s">
        <v>70</v>
      </c>
      <c r="K37" s="2" t="s">
        <v>71</v>
      </c>
      <c r="L37" s="5" t="s">
        <v>70</v>
      </c>
      <c r="M37" s="2" t="s">
        <v>71</v>
      </c>
      <c r="N37" s="5" t="s">
        <v>72</v>
      </c>
      <c r="O37" s="5" t="s">
        <v>38</v>
      </c>
      <c r="P37" s="5" t="s">
        <v>39</v>
      </c>
      <c r="Q37" s="5" t="s">
        <v>40</v>
      </c>
      <c r="R37" s="5" t="s">
        <v>73</v>
      </c>
      <c r="S37" s="5" t="s">
        <v>40</v>
      </c>
      <c r="T37" s="5" t="s">
        <v>42</v>
      </c>
      <c r="U37" s="2">
        <v>1.7090000000000001</v>
      </c>
      <c r="V37" s="2">
        <v>1.446</v>
      </c>
      <c r="W37" s="2">
        <v>7.0000000000000001E-3</v>
      </c>
      <c r="X37" s="2">
        <v>80.599999999999994</v>
      </c>
      <c r="Y37" s="2">
        <v>10.7</v>
      </c>
      <c r="Z37" s="2">
        <v>7.7</v>
      </c>
      <c r="AA37" s="5">
        <v>240</v>
      </c>
      <c r="AB37" s="5" t="s">
        <v>43</v>
      </c>
      <c r="AC37" s="5" t="s">
        <v>44</v>
      </c>
      <c r="AD37" s="2" t="s">
        <v>74</v>
      </c>
      <c r="AE37" s="1"/>
    </row>
    <row r="38" spans="1:31">
      <c r="A38" s="5" t="s">
        <v>116</v>
      </c>
      <c r="B38" s="21">
        <v>46266</v>
      </c>
      <c r="C38" s="2" t="s">
        <v>290</v>
      </c>
      <c r="D38" s="14" t="s">
        <v>291</v>
      </c>
      <c r="E38" s="2" t="s">
        <v>292</v>
      </c>
      <c r="F38" s="2" t="s">
        <v>130</v>
      </c>
      <c r="G38" s="8">
        <v>61</v>
      </c>
      <c r="H38" s="5">
        <v>5</v>
      </c>
      <c r="I38" s="5" t="s">
        <v>69</v>
      </c>
      <c r="J38" s="5" t="s">
        <v>70</v>
      </c>
      <c r="K38" s="2" t="s">
        <v>71</v>
      </c>
      <c r="L38" s="5" t="s">
        <v>70</v>
      </c>
      <c r="M38" s="2" t="s">
        <v>71</v>
      </c>
      <c r="N38" s="5" t="s">
        <v>72</v>
      </c>
      <c r="O38" s="5" t="s">
        <v>38</v>
      </c>
      <c r="P38" s="5" t="s">
        <v>39</v>
      </c>
      <c r="Q38" s="5" t="s">
        <v>40</v>
      </c>
      <c r="R38" s="5" t="s">
        <v>73</v>
      </c>
      <c r="S38" s="5" t="s">
        <v>40</v>
      </c>
      <c r="T38" s="5" t="s">
        <v>42</v>
      </c>
      <c r="U38" s="2">
        <v>2.4039999999999999</v>
      </c>
      <c r="V38" s="2">
        <v>2.1059999999999999</v>
      </c>
      <c r="W38" s="2">
        <v>1.0999999999999999E-2</v>
      </c>
      <c r="X38" s="2">
        <v>94.4</v>
      </c>
      <c r="Y38" s="2">
        <v>13.9</v>
      </c>
      <c r="Z38" s="2">
        <v>8.6999999999999993</v>
      </c>
      <c r="AA38" s="5">
        <v>240</v>
      </c>
      <c r="AB38" s="5" t="s">
        <v>43</v>
      </c>
      <c r="AC38" s="5" t="s">
        <v>44</v>
      </c>
      <c r="AD38" s="2" t="s">
        <v>131</v>
      </c>
      <c r="AE38" s="1"/>
    </row>
    <row r="39" spans="1:31">
      <c r="A39" s="5" t="s">
        <v>116</v>
      </c>
      <c r="B39" s="21">
        <v>46266</v>
      </c>
      <c r="C39" s="2" t="s">
        <v>293</v>
      </c>
      <c r="D39" s="14" t="s">
        <v>294</v>
      </c>
      <c r="E39" s="2" t="s">
        <v>295</v>
      </c>
      <c r="F39" s="2" t="s">
        <v>130</v>
      </c>
      <c r="G39" s="8">
        <v>122</v>
      </c>
      <c r="H39" s="5">
        <v>5</v>
      </c>
      <c r="I39" s="5" t="s">
        <v>69</v>
      </c>
      <c r="J39" s="5" t="s">
        <v>70</v>
      </c>
      <c r="K39" s="2" t="s">
        <v>71</v>
      </c>
      <c r="L39" s="5" t="s">
        <v>70</v>
      </c>
      <c r="M39" s="2" t="s">
        <v>71</v>
      </c>
      <c r="N39" s="5" t="s">
        <v>72</v>
      </c>
      <c r="O39" s="5" t="s">
        <v>38</v>
      </c>
      <c r="P39" s="5" t="s">
        <v>39</v>
      </c>
      <c r="Q39" s="5" t="s">
        <v>40</v>
      </c>
      <c r="R39" s="5" t="s">
        <v>73</v>
      </c>
      <c r="S39" s="5" t="s">
        <v>40</v>
      </c>
      <c r="T39" s="5" t="s">
        <v>42</v>
      </c>
      <c r="U39" s="2">
        <v>2.907</v>
      </c>
      <c r="V39" s="2">
        <v>2.6019999999999999</v>
      </c>
      <c r="W39" s="2">
        <v>1.0999999999999999E-2</v>
      </c>
      <c r="X39" s="2">
        <v>94.4</v>
      </c>
      <c r="Y39" s="2">
        <v>13.9</v>
      </c>
      <c r="Z39" s="2">
        <v>8.6999999999999993</v>
      </c>
      <c r="AA39" s="5">
        <v>240</v>
      </c>
      <c r="AB39" s="5" t="s">
        <v>43</v>
      </c>
      <c r="AC39" s="5" t="s">
        <v>44</v>
      </c>
      <c r="AD39" s="2" t="s">
        <v>135</v>
      </c>
      <c r="AE39" s="1"/>
    </row>
    <row r="40" spans="1:31">
      <c r="A40" s="5" t="s">
        <v>116</v>
      </c>
      <c r="B40" s="21">
        <v>46266</v>
      </c>
      <c r="C40" s="2" t="s">
        <v>296</v>
      </c>
      <c r="D40" s="14" t="s">
        <v>297</v>
      </c>
      <c r="E40" s="2" t="s">
        <v>298</v>
      </c>
      <c r="F40" s="2" t="s">
        <v>130</v>
      </c>
      <c r="G40" s="8">
        <v>122</v>
      </c>
      <c r="H40" s="5">
        <v>5</v>
      </c>
      <c r="I40" s="5" t="s">
        <v>69</v>
      </c>
      <c r="J40" s="5" t="s">
        <v>70</v>
      </c>
      <c r="K40" s="2" t="s">
        <v>71</v>
      </c>
      <c r="L40" s="5" t="s">
        <v>70</v>
      </c>
      <c r="M40" s="2" t="s">
        <v>71</v>
      </c>
      <c r="N40" s="5" t="s">
        <v>72</v>
      </c>
      <c r="O40" s="5" t="s">
        <v>38</v>
      </c>
      <c r="P40" s="5" t="s">
        <v>39</v>
      </c>
      <c r="Q40" s="5" t="s">
        <v>40</v>
      </c>
      <c r="R40" s="5" t="s">
        <v>73</v>
      </c>
      <c r="S40" s="5" t="s">
        <v>40</v>
      </c>
      <c r="T40" s="5" t="s">
        <v>42</v>
      </c>
      <c r="U40" s="2">
        <v>2.9329999999999998</v>
      </c>
      <c r="V40" s="2">
        <v>2.6280000000000001</v>
      </c>
      <c r="W40" s="2">
        <v>1.0999999999999999E-2</v>
      </c>
      <c r="X40" s="2">
        <v>94.4</v>
      </c>
      <c r="Y40" s="2">
        <v>13.9</v>
      </c>
      <c r="Z40" s="2">
        <v>8.6999999999999993</v>
      </c>
      <c r="AA40" s="5">
        <v>240</v>
      </c>
      <c r="AB40" s="5" t="s">
        <v>43</v>
      </c>
      <c r="AC40" s="5" t="s">
        <v>44</v>
      </c>
      <c r="AD40" s="2" t="s">
        <v>139</v>
      </c>
      <c r="AE40" s="1"/>
    </row>
    <row r="41" spans="1:31">
      <c r="A41" s="5" t="s">
        <v>116</v>
      </c>
      <c r="B41" s="21">
        <v>46266</v>
      </c>
      <c r="C41" s="2" t="s">
        <v>305</v>
      </c>
      <c r="D41" s="14" t="s">
        <v>306</v>
      </c>
      <c r="E41" s="2" t="s">
        <v>307</v>
      </c>
      <c r="F41" s="2" t="s">
        <v>130</v>
      </c>
      <c r="G41" s="8">
        <v>61</v>
      </c>
      <c r="H41" s="5">
        <v>5</v>
      </c>
      <c r="I41" s="5" t="s">
        <v>69</v>
      </c>
      <c r="J41" s="5" t="s">
        <v>70</v>
      </c>
      <c r="K41" s="2" t="s">
        <v>71</v>
      </c>
      <c r="L41" s="5" t="s">
        <v>70</v>
      </c>
      <c r="M41" s="2" t="s">
        <v>71</v>
      </c>
      <c r="N41" s="5" t="s">
        <v>72</v>
      </c>
      <c r="O41" s="5" t="s">
        <v>38</v>
      </c>
      <c r="P41" s="5" t="s">
        <v>39</v>
      </c>
      <c r="Q41" s="5" t="s">
        <v>40</v>
      </c>
      <c r="R41" s="5" t="s">
        <v>73</v>
      </c>
      <c r="S41" s="5" t="s">
        <v>40</v>
      </c>
      <c r="T41" s="5" t="s">
        <v>42</v>
      </c>
      <c r="U41" s="2">
        <v>2.4460000000000002</v>
      </c>
      <c r="V41" s="2">
        <v>2.1480000000000001</v>
      </c>
      <c r="W41" s="2">
        <v>1.0999999999999999E-2</v>
      </c>
      <c r="X41" s="2">
        <v>94.4</v>
      </c>
      <c r="Y41" s="2">
        <v>13.9</v>
      </c>
      <c r="Z41" s="2">
        <v>8.6999999999999993</v>
      </c>
      <c r="AA41" s="5">
        <v>240</v>
      </c>
      <c r="AB41" s="5" t="s">
        <v>43</v>
      </c>
      <c r="AC41" s="5" t="s">
        <v>44</v>
      </c>
      <c r="AD41" s="2" t="s">
        <v>131</v>
      </c>
      <c r="AE41" s="1"/>
    </row>
    <row r="42" spans="1:31">
      <c r="A42" s="5" t="s">
        <v>116</v>
      </c>
      <c r="B42" s="21">
        <v>46266</v>
      </c>
      <c r="C42" s="2" t="s">
        <v>308</v>
      </c>
      <c r="D42" s="14" t="s">
        <v>309</v>
      </c>
      <c r="E42" s="2" t="s">
        <v>310</v>
      </c>
      <c r="F42" s="2" t="s">
        <v>130</v>
      </c>
      <c r="G42" s="8">
        <v>122</v>
      </c>
      <c r="H42" s="5">
        <v>5</v>
      </c>
      <c r="I42" s="5" t="s">
        <v>69</v>
      </c>
      <c r="J42" s="5" t="s">
        <v>70</v>
      </c>
      <c r="K42" s="2" t="s">
        <v>71</v>
      </c>
      <c r="L42" s="5" t="s">
        <v>70</v>
      </c>
      <c r="M42" s="2" t="s">
        <v>71</v>
      </c>
      <c r="N42" s="5" t="s">
        <v>72</v>
      </c>
      <c r="O42" s="5" t="s">
        <v>38</v>
      </c>
      <c r="P42" s="5" t="s">
        <v>39</v>
      </c>
      <c r="Q42" s="5" t="s">
        <v>40</v>
      </c>
      <c r="R42" s="5" t="s">
        <v>73</v>
      </c>
      <c r="S42" s="5" t="s">
        <v>40</v>
      </c>
      <c r="T42" s="5" t="s">
        <v>42</v>
      </c>
      <c r="U42" s="2">
        <v>2.9489999999999998</v>
      </c>
      <c r="V42" s="2">
        <v>2.6440000000000001</v>
      </c>
      <c r="W42" s="2">
        <v>1.0999999999999999E-2</v>
      </c>
      <c r="X42" s="2">
        <v>94.4</v>
      </c>
      <c r="Y42" s="2">
        <v>13.9</v>
      </c>
      <c r="Z42" s="2">
        <v>8.6999999999999993</v>
      </c>
      <c r="AA42" s="5">
        <v>240</v>
      </c>
      <c r="AB42" s="5" t="s">
        <v>43</v>
      </c>
      <c r="AC42" s="5" t="s">
        <v>44</v>
      </c>
      <c r="AD42" s="2" t="s">
        <v>135</v>
      </c>
      <c r="AE42" s="1"/>
    </row>
    <row r="43" spans="1:31">
      <c r="A43" s="5" t="s">
        <v>116</v>
      </c>
      <c r="B43" s="21">
        <v>46266</v>
      </c>
      <c r="C43" s="2" t="s">
        <v>311</v>
      </c>
      <c r="D43" s="14" t="s">
        <v>312</v>
      </c>
      <c r="E43" s="2" t="s">
        <v>313</v>
      </c>
      <c r="F43" s="2" t="s">
        <v>130</v>
      </c>
      <c r="G43" s="8">
        <v>122</v>
      </c>
      <c r="H43" s="5">
        <v>5</v>
      </c>
      <c r="I43" s="5" t="s">
        <v>69</v>
      </c>
      <c r="J43" s="5" t="s">
        <v>70</v>
      </c>
      <c r="K43" s="2" t="s">
        <v>71</v>
      </c>
      <c r="L43" s="5" t="s">
        <v>70</v>
      </c>
      <c r="M43" s="2" t="s">
        <v>71</v>
      </c>
      <c r="N43" s="5" t="s">
        <v>72</v>
      </c>
      <c r="O43" s="5" t="s">
        <v>38</v>
      </c>
      <c r="P43" s="5" t="s">
        <v>39</v>
      </c>
      <c r="Q43" s="5" t="s">
        <v>40</v>
      </c>
      <c r="R43" s="5" t="s">
        <v>73</v>
      </c>
      <c r="S43" s="5" t="s">
        <v>40</v>
      </c>
      <c r="T43" s="5" t="s">
        <v>42</v>
      </c>
      <c r="U43" s="2">
        <v>2.9750000000000001</v>
      </c>
      <c r="V43" s="2">
        <v>2.67</v>
      </c>
      <c r="W43" s="2">
        <v>1.0999999999999999E-2</v>
      </c>
      <c r="X43" s="2">
        <v>94.4</v>
      </c>
      <c r="Y43" s="2">
        <v>13.9</v>
      </c>
      <c r="Z43" s="2">
        <v>8.6999999999999993</v>
      </c>
      <c r="AA43" s="5">
        <v>240</v>
      </c>
      <c r="AB43" s="5" t="s">
        <v>43</v>
      </c>
      <c r="AC43" s="5" t="s">
        <v>44</v>
      </c>
      <c r="AD43" s="2" t="s">
        <v>139</v>
      </c>
      <c r="AE43" s="1"/>
    </row>
    <row r="44" spans="1:31">
      <c r="A44" s="5" t="s">
        <v>116</v>
      </c>
      <c r="B44" s="21">
        <v>46054</v>
      </c>
      <c r="C44" s="2" t="s">
        <v>317</v>
      </c>
      <c r="D44" s="14" t="s">
        <v>318</v>
      </c>
      <c r="E44" s="2" t="s">
        <v>319</v>
      </c>
      <c r="F44" s="2" t="s">
        <v>120</v>
      </c>
      <c r="G44" s="8">
        <v>90</v>
      </c>
      <c r="H44" s="5">
        <v>5</v>
      </c>
      <c r="I44" s="5" t="s">
        <v>69</v>
      </c>
      <c r="J44" s="5" t="s">
        <v>70</v>
      </c>
      <c r="K44" s="2" t="s">
        <v>71</v>
      </c>
      <c r="L44" s="5" t="s">
        <v>70</v>
      </c>
      <c r="M44" s="2" t="s">
        <v>71</v>
      </c>
      <c r="N44" s="5" t="s">
        <v>72</v>
      </c>
      <c r="O44" s="5" t="s">
        <v>38</v>
      </c>
      <c r="P44" s="5" t="s">
        <v>39</v>
      </c>
      <c r="Q44" s="5" t="s">
        <v>40</v>
      </c>
      <c r="R44" s="5" t="s">
        <v>73</v>
      </c>
      <c r="S44" s="5" t="s">
        <v>40</v>
      </c>
      <c r="T44" s="5" t="s">
        <v>42</v>
      </c>
      <c r="U44" s="2">
        <v>1.734</v>
      </c>
      <c r="V44" s="2">
        <v>1.4710000000000001</v>
      </c>
      <c r="W44" s="2">
        <v>7.0000000000000001E-3</v>
      </c>
      <c r="X44" s="2">
        <v>80.599999999999994</v>
      </c>
      <c r="Y44" s="2">
        <v>10.7</v>
      </c>
      <c r="Z44" s="2">
        <v>7.7</v>
      </c>
      <c r="AA44" s="5">
        <v>240</v>
      </c>
      <c r="AB44" s="5" t="s">
        <v>43</v>
      </c>
      <c r="AC44" s="5" t="s">
        <v>44</v>
      </c>
      <c r="AD44" s="2" t="s">
        <v>74</v>
      </c>
      <c r="AE44" s="1"/>
    </row>
    <row r="45" spans="1:31">
      <c r="A45" s="5" t="s">
        <v>116</v>
      </c>
      <c r="B45" s="21">
        <v>46266</v>
      </c>
      <c r="C45" s="2" t="s">
        <v>323</v>
      </c>
      <c r="D45" s="14" t="s">
        <v>324</v>
      </c>
      <c r="E45" s="2" t="s">
        <v>325</v>
      </c>
      <c r="F45" s="2" t="s">
        <v>130</v>
      </c>
      <c r="G45" s="8">
        <v>61</v>
      </c>
      <c r="H45" s="5">
        <v>5</v>
      </c>
      <c r="I45" s="5" t="s">
        <v>69</v>
      </c>
      <c r="J45" s="5" t="s">
        <v>70</v>
      </c>
      <c r="K45" s="2" t="s">
        <v>71</v>
      </c>
      <c r="L45" s="5" t="s">
        <v>70</v>
      </c>
      <c r="M45" s="2" t="s">
        <v>71</v>
      </c>
      <c r="N45" s="5" t="s">
        <v>72</v>
      </c>
      <c r="O45" s="5" t="s">
        <v>38</v>
      </c>
      <c r="P45" s="5" t="s">
        <v>39</v>
      </c>
      <c r="Q45" s="5" t="s">
        <v>40</v>
      </c>
      <c r="R45" s="5" t="s">
        <v>73</v>
      </c>
      <c r="S45" s="5" t="s">
        <v>40</v>
      </c>
      <c r="T45" s="5" t="s">
        <v>42</v>
      </c>
      <c r="U45" s="2">
        <v>2.5129999999999999</v>
      </c>
      <c r="V45" s="2">
        <v>2.2149999999999999</v>
      </c>
      <c r="W45" s="2">
        <v>1.0999999999999999E-2</v>
      </c>
      <c r="X45" s="2">
        <v>94.4</v>
      </c>
      <c r="Y45" s="2">
        <v>13.9</v>
      </c>
      <c r="Z45" s="2">
        <v>8.6999999999999993</v>
      </c>
      <c r="AA45" s="5">
        <v>240</v>
      </c>
      <c r="AB45" s="5" t="s">
        <v>43</v>
      </c>
      <c r="AC45" s="5" t="s">
        <v>44</v>
      </c>
      <c r="AD45" s="2" t="s">
        <v>131</v>
      </c>
      <c r="AE45" s="1"/>
    </row>
    <row r="46" spans="1:31">
      <c r="A46" s="5" t="s">
        <v>116</v>
      </c>
      <c r="B46" s="21">
        <v>46266</v>
      </c>
      <c r="C46" s="2" t="s">
        <v>326</v>
      </c>
      <c r="D46" s="14" t="s">
        <v>327</v>
      </c>
      <c r="E46" s="2" t="s">
        <v>328</v>
      </c>
      <c r="F46" s="2" t="s">
        <v>130</v>
      </c>
      <c r="G46" s="8">
        <v>122</v>
      </c>
      <c r="H46" s="5">
        <v>5</v>
      </c>
      <c r="I46" s="5" t="s">
        <v>69</v>
      </c>
      <c r="J46" s="5" t="s">
        <v>70</v>
      </c>
      <c r="K46" s="2" t="s">
        <v>71</v>
      </c>
      <c r="L46" s="5" t="s">
        <v>70</v>
      </c>
      <c r="M46" s="2" t="s">
        <v>71</v>
      </c>
      <c r="N46" s="5" t="s">
        <v>72</v>
      </c>
      <c r="O46" s="5" t="s">
        <v>38</v>
      </c>
      <c r="P46" s="5" t="s">
        <v>39</v>
      </c>
      <c r="Q46" s="5" t="s">
        <v>40</v>
      </c>
      <c r="R46" s="5" t="s">
        <v>73</v>
      </c>
      <c r="S46" s="5" t="s">
        <v>40</v>
      </c>
      <c r="T46" s="5" t="s">
        <v>42</v>
      </c>
      <c r="U46" s="2">
        <v>3.0880000000000001</v>
      </c>
      <c r="V46" s="2">
        <v>2.7829999999999999</v>
      </c>
      <c r="W46" s="2">
        <v>1.0999999999999999E-2</v>
      </c>
      <c r="X46" s="2">
        <v>94.4</v>
      </c>
      <c r="Y46" s="2">
        <v>13.9</v>
      </c>
      <c r="Z46" s="2">
        <v>8.6999999999999993</v>
      </c>
      <c r="AA46" s="5">
        <v>240</v>
      </c>
      <c r="AB46" s="5" t="s">
        <v>43</v>
      </c>
      <c r="AC46" s="5" t="s">
        <v>44</v>
      </c>
      <c r="AD46" s="2" t="s">
        <v>135</v>
      </c>
      <c r="AE46" s="1"/>
    </row>
    <row r="47" spans="1:31">
      <c r="A47" s="5" t="s">
        <v>116</v>
      </c>
      <c r="B47" s="21">
        <v>46266</v>
      </c>
      <c r="C47" s="2" t="s">
        <v>329</v>
      </c>
      <c r="D47" s="14" t="s">
        <v>330</v>
      </c>
      <c r="E47" s="2" t="s">
        <v>331</v>
      </c>
      <c r="F47" s="2" t="s">
        <v>130</v>
      </c>
      <c r="G47" s="8">
        <v>122</v>
      </c>
      <c r="H47" s="5">
        <v>5</v>
      </c>
      <c r="I47" s="5" t="s">
        <v>69</v>
      </c>
      <c r="J47" s="5" t="s">
        <v>70</v>
      </c>
      <c r="K47" s="2" t="s">
        <v>71</v>
      </c>
      <c r="L47" s="5" t="s">
        <v>70</v>
      </c>
      <c r="M47" s="2" t="s">
        <v>71</v>
      </c>
      <c r="N47" s="5" t="s">
        <v>72</v>
      </c>
      <c r="O47" s="5" t="s">
        <v>38</v>
      </c>
      <c r="P47" s="5" t="s">
        <v>39</v>
      </c>
      <c r="Q47" s="5" t="s">
        <v>40</v>
      </c>
      <c r="R47" s="5" t="s">
        <v>73</v>
      </c>
      <c r="S47" s="5" t="s">
        <v>40</v>
      </c>
      <c r="T47" s="5" t="s">
        <v>42</v>
      </c>
      <c r="U47" s="2">
        <v>3.1139999999999999</v>
      </c>
      <c r="V47" s="2">
        <v>2.8090000000000002</v>
      </c>
      <c r="W47" s="2">
        <v>1.0999999999999999E-2</v>
      </c>
      <c r="X47" s="2">
        <v>94.4</v>
      </c>
      <c r="Y47" s="2">
        <v>13.9</v>
      </c>
      <c r="Z47" s="2">
        <v>8.6999999999999993</v>
      </c>
      <c r="AA47" s="5">
        <v>240</v>
      </c>
      <c r="AB47" s="5" t="s">
        <v>43</v>
      </c>
      <c r="AC47" s="5" t="s">
        <v>44</v>
      </c>
      <c r="AD47" s="2" t="s">
        <v>139</v>
      </c>
      <c r="AE47" s="1"/>
    </row>
    <row r="48" spans="1:31">
      <c r="A48" s="5" t="s">
        <v>116</v>
      </c>
      <c r="B48" s="21">
        <v>46054</v>
      </c>
      <c r="C48" s="2" t="s">
        <v>335</v>
      </c>
      <c r="D48" s="14" t="s">
        <v>336</v>
      </c>
      <c r="E48" s="2" t="s">
        <v>337</v>
      </c>
      <c r="F48" s="2" t="s">
        <v>120</v>
      </c>
      <c r="G48" s="8">
        <v>90</v>
      </c>
      <c r="H48" s="5">
        <v>5</v>
      </c>
      <c r="I48" s="5" t="s">
        <v>69</v>
      </c>
      <c r="J48" s="5" t="s">
        <v>70</v>
      </c>
      <c r="K48" s="2" t="s">
        <v>71</v>
      </c>
      <c r="L48" s="5" t="s">
        <v>70</v>
      </c>
      <c r="M48" s="2" t="s">
        <v>71</v>
      </c>
      <c r="N48" s="5" t="s">
        <v>72</v>
      </c>
      <c r="O48" s="5" t="s">
        <v>38</v>
      </c>
      <c r="P48" s="5" t="s">
        <v>39</v>
      </c>
      <c r="Q48" s="5" t="s">
        <v>40</v>
      </c>
      <c r="R48" s="5" t="s">
        <v>73</v>
      </c>
      <c r="S48" s="5" t="s">
        <v>40</v>
      </c>
      <c r="T48" s="5" t="s">
        <v>42</v>
      </c>
      <c r="U48" s="2">
        <v>1.78</v>
      </c>
      <c r="V48" s="2">
        <v>1.5169999999999999</v>
      </c>
      <c r="W48" s="2">
        <v>7.0000000000000001E-3</v>
      </c>
      <c r="X48" s="2">
        <v>80.599999999999994</v>
      </c>
      <c r="Y48" s="2">
        <v>10.7</v>
      </c>
      <c r="Z48" s="2">
        <v>7.7</v>
      </c>
      <c r="AA48" s="5">
        <v>240</v>
      </c>
      <c r="AB48" s="5" t="s">
        <v>43</v>
      </c>
      <c r="AC48" s="5" t="s">
        <v>44</v>
      </c>
      <c r="AD48" s="2" t="s">
        <v>74</v>
      </c>
      <c r="AE48" s="1"/>
    </row>
    <row r="49" spans="1:31">
      <c r="A49" s="5" t="s">
        <v>116</v>
      </c>
      <c r="B49" s="21">
        <v>46266</v>
      </c>
      <c r="C49" s="2" t="s">
        <v>341</v>
      </c>
      <c r="D49" s="14" t="s">
        <v>342</v>
      </c>
      <c r="E49" s="2" t="s">
        <v>343</v>
      </c>
      <c r="F49" s="2" t="s">
        <v>130</v>
      </c>
      <c r="G49" s="8">
        <v>61</v>
      </c>
      <c r="H49" s="5">
        <v>5</v>
      </c>
      <c r="I49" s="5" t="s">
        <v>69</v>
      </c>
      <c r="J49" s="5" t="s">
        <v>70</v>
      </c>
      <c r="K49" s="2" t="s">
        <v>71</v>
      </c>
      <c r="L49" s="5" t="s">
        <v>70</v>
      </c>
      <c r="M49" s="2" t="s">
        <v>71</v>
      </c>
      <c r="N49" s="5" t="s">
        <v>72</v>
      </c>
      <c r="O49" s="5" t="s">
        <v>38</v>
      </c>
      <c r="P49" s="5" t="s">
        <v>39</v>
      </c>
      <c r="Q49" s="5" t="s">
        <v>40</v>
      </c>
      <c r="R49" s="5" t="s">
        <v>73</v>
      </c>
      <c r="S49" s="5" t="s">
        <v>40</v>
      </c>
      <c r="T49" s="5" t="s">
        <v>42</v>
      </c>
      <c r="U49" s="2">
        <v>2.5790000000000002</v>
      </c>
      <c r="V49" s="2">
        <v>2.2810000000000001</v>
      </c>
      <c r="W49" s="2">
        <v>1.0999999999999999E-2</v>
      </c>
      <c r="X49" s="2">
        <v>94.4</v>
      </c>
      <c r="Y49" s="2">
        <v>13.9</v>
      </c>
      <c r="Z49" s="2">
        <v>8.6999999999999993</v>
      </c>
      <c r="AA49" s="5">
        <v>240</v>
      </c>
      <c r="AB49" s="5" t="s">
        <v>43</v>
      </c>
      <c r="AC49" s="5" t="s">
        <v>44</v>
      </c>
      <c r="AD49" s="2" t="s">
        <v>131</v>
      </c>
      <c r="AE49" s="1"/>
    </row>
    <row r="50" spans="1:31">
      <c r="A50" s="5" t="s">
        <v>116</v>
      </c>
      <c r="B50" s="21">
        <v>46266</v>
      </c>
      <c r="C50" s="2" t="s">
        <v>344</v>
      </c>
      <c r="D50" s="14" t="s">
        <v>345</v>
      </c>
      <c r="E50" s="2" t="s">
        <v>346</v>
      </c>
      <c r="F50" s="2" t="s">
        <v>130</v>
      </c>
      <c r="G50" s="8">
        <v>122</v>
      </c>
      <c r="H50" s="5">
        <v>5</v>
      </c>
      <c r="I50" s="5" t="s">
        <v>69</v>
      </c>
      <c r="J50" s="5" t="s">
        <v>70</v>
      </c>
      <c r="K50" s="2" t="s">
        <v>71</v>
      </c>
      <c r="L50" s="5" t="s">
        <v>70</v>
      </c>
      <c r="M50" s="2" t="s">
        <v>71</v>
      </c>
      <c r="N50" s="5" t="s">
        <v>72</v>
      </c>
      <c r="O50" s="5" t="s">
        <v>38</v>
      </c>
      <c r="P50" s="5" t="s">
        <v>39</v>
      </c>
      <c r="Q50" s="5" t="s">
        <v>40</v>
      </c>
      <c r="R50" s="5" t="s">
        <v>73</v>
      </c>
      <c r="S50" s="5" t="s">
        <v>40</v>
      </c>
      <c r="T50" s="5" t="s">
        <v>42</v>
      </c>
      <c r="U50" s="2">
        <v>3.1339999999999999</v>
      </c>
      <c r="V50" s="2">
        <v>2.8290000000000002</v>
      </c>
      <c r="W50" s="2">
        <v>1.0999999999999999E-2</v>
      </c>
      <c r="X50" s="2">
        <v>94.4</v>
      </c>
      <c r="Y50" s="2">
        <v>13.9</v>
      </c>
      <c r="Z50" s="2">
        <v>8.6999999999999993</v>
      </c>
      <c r="AA50" s="5">
        <v>240</v>
      </c>
      <c r="AB50" s="5" t="s">
        <v>43</v>
      </c>
      <c r="AC50" s="5" t="s">
        <v>44</v>
      </c>
      <c r="AD50" s="2" t="s">
        <v>135</v>
      </c>
      <c r="AE50" s="1"/>
    </row>
    <row r="51" spans="1:31">
      <c r="A51" s="5" t="s">
        <v>116</v>
      </c>
      <c r="B51" s="21">
        <v>46266</v>
      </c>
      <c r="C51" s="2" t="s">
        <v>347</v>
      </c>
      <c r="D51" s="14" t="s">
        <v>348</v>
      </c>
      <c r="E51" s="2" t="s">
        <v>349</v>
      </c>
      <c r="F51" s="2" t="s">
        <v>130</v>
      </c>
      <c r="G51" s="8">
        <v>122</v>
      </c>
      <c r="H51" s="5">
        <v>5</v>
      </c>
      <c r="I51" s="5" t="s">
        <v>69</v>
      </c>
      <c r="J51" s="5" t="s">
        <v>70</v>
      </c>
      <c r="K51" s="2" t="s">
        <v>71</v>
      </c>
      <c r="L51" s="5" t="s">
        <v>70</v>
      </c>
      <c r="M51" s="2" t="s">
        <v>71</v>
      </c>
      <c r="N51" s="5" t="s">
        <v>72</v>
      </c>
      <c r="O51" s="5" t="s">
        <v>38</v>
      </c>
      <c r="P51" s="5" t="s">
        <v>39</v>
      </c>
      <c r="Q51" s="5" t="s">
        <v>40</v>
      </c>
      <c r="R51" s="5" t="s">
        <v>73</v>
      </c>
      <c r="S51" s="5" t="s">
        <v>40</v>
      </c>
      <c r="T51" s="5" t="s">
        <v>42</v>
      </c>
      <c r="U51" s="2">
        <v>3.16</v>
      </c>
      <c r="V51" s="2">
        <v>2.855</v>
      </c>
      <c r="W51" s="2">
        <v>1.0999999999999999E-2</v>
      </c>
      <c r="X51" s="2">
        <v>94.4</v>
      </c>
      <c r="Y51" s="2">
        <v>13.9</v>
      </c>
      <c r="Z51" s="2">
        <v>8.6999999999999993</v>
      </c>
      <c r="AA51" s="5">
        <v>240</v>
      </c>
      <c r="AB51" s="5" t="s">
        <v>43</v>
      </c>
      <c r="AC51" s="5" t="s">
        <v>44</v>
      </c>
      <c r="AD51" s="2" t="s">
        <v>139</v>
      </c>
      <c r="AE51" s="1"/>
    </row>
    <row r="52" spans="1:31">
      <c r="A52" s="5" t="s">
        <v>116</v>
      </c>
      <c r="B52" s="21">
        <v>46054</v>
      </c>
      <c r="C52" s="2" t="s">
        <v>353</v>
      </c>
      <c r="D52" s="14" t="s">
        <v>354</v>
      </c>
      <c r="E52" s="2" t="s">
        <v>355</v>
      </c>
      <c r="F52" s="2" t="s">
        <v>120</v>
      </c>
      <c r="G52" s="8">
        <v>90</v>
      </c>
      <c r="H52" s="5">
        <v>5</v>
      </c>
      <c r="I52" s="5" t="s">
        <v>69</v>
      </c>
      <c r="J52" s="5" t="s">
        <v>70</v>
      </c>
      <c r="K52" s="2" t="s">
        <v>71</v>
      </c>
      <c r="L52" s="5" t="s">
        <v>70</v>
      </c>
      <c r="M52" s="2" t="s">
        <v>71</v>
      </c>
      <c r="N52" s="5" t="s">
        <v>72</v>
      </c>
      <c r="O52" s="5" t="s">
        <v>38</v>
      </c>
      <c r="P52" s="5" t="s">
        <v>39</v>
      </c>
      <c r="Q52" s="5" t="s">
        <v>40</v>
      </c>
      <c r="R52" s="5" t="s">
        <v>73</v>
      </c>
      <c r="S52" s="5" t="s">
        <v>40</v>
      </c>
      <c r="T52" s="5" t="s">
        <v>42</v>
      </c>
      <c r="U52" s="2">
        <v>1.821</v>
      </c>
      <c r="V52" s="2">
        <v>1.5580000000000001</v>
      </c>
      <c r="W52" s="2">
        <v>7.0000000000000001E-3</v>
      </c>
      <c r="X52" s="2">
        <v>80.599999999999994</v>
      </c>
      <c r="Y52" s="2">
        <v>10.7</v>
      </c>
      <c r="Z52" s="2">
        <v>7.7</v>
      </c>
      <c r="AA52" s="5">
        <v>240</v>
      </c>
      <c r="AB52" s="5" t="s">
        <v>43</v>
      </c>
      <c r="AC52" s="5" t="s">
        <v>44</v>
      </c>
      <c r="AD52" s="2" t="s">
        <v>74</v>
      </c>
      <c r="AE52" s="1"/>
    </row>
    <row r="53" spans="1:31">
      <c r="A53" s="5" t="s">
        <v>116</v>
      </c>
      <c r="B53" s="21">
        <v>46266</v>
      </c>
      <c r="C53" s="2" t="s">
        <v>359</v>
      </c>
      <c r="D53" s="14" t="s">
        <v>360</v>
      </c>
      <c r="E53" s="2" t="s">
        <v>361</v>
      </c>
      <c r="F53" s="2" t="s">
        <v>130</v>
      </c>
      <c r="G53" s="8">
        <v>61</v>
      </c>
      <c r="H53" s="5">
        <v>5</v>
      </c>
      <c r="I53" s="5" t="s">
        <v>69</v>
      </c>
      <c r="J53" s="5" t="s">
        <v>70</v>
      </c>
      <c r="K53" s="2" t="s">
        <v>71</v>
      </c>
      <c r="L53" s="5" t="s">
        <v>70</v>
      </c>
      <c r="M53" s="2" t="s">
        <v>71</v>
      </c>
      <c r="N53" s="5" t="s">
        <v>72</v>
      </c>
      <c r="O53" s="5" t="s">
        <v>38</v>
      </c>
      <c r="P53" s="5" t="s">
        <v>39</v>
      </c>
      <c r="Q53" s="5" t="s">
        <v>40</v>
      </c>
      <c r="R53" s="5" t="s">
        <v>73</v>
      </c>
      <c r="S53" s="5" t="s">
        <v>40</v>
      </c>
      <c r="T53" s="5" t="s">
        <v>42</v>
      </c>
      <c r="U53" s="2">
        <v>2.62</v>
      </c>
      <c r="V53" s="2">
        <v>2.3220000000000001</v>
      </c>
      <c r="W53" s="2">
        <v>1.0999999999999999E-2</v>
      </c>
      <c r="X53" s="2">
        <v>94.4</v>
      </c>
      <c r="Y53" s="2">
        <v>13.9</v>
      </c>
      <c r="Z53" s="2">
        <v>8.6999999999999993</v>
      </c>
      <c r="AA53" s="5">
        <v>240</v>
      </c>
      <c r="AB53" s="5" t="s">
        <v>43</v>
      </c>
      <c r="AC53" s="5" t="s">
        <v>44</v>
      </c>
      <c r="AD53" s="2" t="s">
        <v>131</v>
      </c>
      <c r="AE53" s="1"/>
    </row>
    <row r="54" spans="1:31">
      <c r="A54" s="5" t="s">
        <v>116</v>
      </c>
      <c r="B54" s="21">
        <v>46266</v>
      </c>
      <c r="C54" s="2" t="s">
        <v>362</v>
      </c>
      <c r="D54" s="14" t="s">
        <v>363</v>
      </c>
      <c r="E54" s="2" t="s">
        <v>364</v>
      </c>
      <c r="F54" s="2" t="s">
        <v>130</v>
      </c>
      <c r="G54" s="8">
        <v>122</v>
      </c>
      <c r="H54" s="5">
        <v>5</v>
      </c>
      <c r="I54" s="5" t="s">
        <v>69</v>
      </c>
      <c r="J54" s="5" t="s">
        <v>70</v>
      </c>
      <c r="K54" s="2" t="s">
        <v>71</v>
      </c>
      <c r="L54" s="5" t="s">
        <v>70</v>
      </c>
      <c r="M54" s="2" t="s">
        <v>71</v>
      </c>
      <c r="N54" s="5" t="s">
        <v>72</v>
      </c>
      <c r="O54" s="5" t="s">
        <v>38</v>
      </c>
      <c r="P54" s="5" t="s">
        <v>39</v>
      </c>
      <c r="Q54" s="5" t="s">
        <v>40</v>
      </c>
      <c r="R54" s="5" t="s">
        <v>73</v>
      </c>
      <c r="S54" s="5" t="s">
        <v>40</v>
      </c>
      <c r="T54" s="5" t="s">
        <v>42</v>
      </c>
      <c r="U54" s="2">
        <v>3.1749999999999998</v>
      </c>
      <c r="V54" s="2">
        <v>2.87</v>
      </c>
      <c r="W54" s="2">
        <v>1.0999999999999999E-2</v>
      </c>
      <c r="X54" s="2">
        <v>94.4</v>
      </c>
      <c r="Y54" s="2">
        <v>13.9</v>
      </c>
      <c r="Z54" s="2">
        <v>8.6999999999999993</v>
      </c>
      <c r="AA54" s="5">
        <v>240</v>
      </c>
      <c r="AB54" s="5" t="s">
        <v>43</v>
      </c>
      <c r="AC54" s="5" t="s">
        <v>44</v>
      </c>
      <c r="AD54" s="2" t="s">
        <v>135</v>
      </c>
      <c r="AE54" s="1"/>
    </row>
    <row r="55" spans="1:31">
      <c r="A55" s="5" t="s">
        <v>116</v>
      </c>
      <c r="B55" s="21">
        <v>46266</v>
      </c>
      <c r="C55" s="2" t="s">
        <v>365</v>
      </c>
      <c r="D55" s="14" t="s">
        <v>366</v>
      </c>
      <c r="E55" s="2" t="s">
        <v>367</v>
      </c>
      <c r="F55" s="2" t="s">
        <v>130</v>
      </c>
      <c r="G55" s="8">
        <v>122</v>
      </c>
      <c r="H55" s="5">
        <v>5</v>
      </c>
      <c r="I55" s="5" t="s">
        <v>69</v>
      </c>
      <c r="J55" s="5" t="s">
        <v>70</v>
      </c>
      <c r="K55" s="2" t="s">
        <v>71</v>
      </c>
      <c r="L55" s="5" t="s">
        <v>70</v>
      </c>
      <c r="M55" s="2" t="s">
        <v>71</v>
      </c>
      <c r="N55" s="5" t="s">
        <v>72</v>
      </c>
      <c r="O55" s="5" t="s">
        <v>38</v>
      </c>
      <c r="P55" s="5" t="s">
        <v>39</v>
      </c>
      <c r="Q55" s="5" t="s">
        <v>40</v>
      </c>
      <c r="R55" s="5" t="s">
        <v>73</v>
      </c>
      <c r="S55" s="5" t="s">
        <v>40</v>
      </c>
      <c r="T55" s="5" t="s">
        <v>42</v>
      </c>
      <c r="U55" s="2">
        <v>3.2010000000000001</v>
      </c>
      <c r="V55" s="2">
        <v>2.8959999999999999</v>
      </c>
      <c r="W55" s="2">
        <v>1.0999999999999999E-2</v>
      </c>
      <c r="X55" s="2">
        <v>94.4</v>
      </c>
      <c r="Y55" s="2">
        <v>13.9</v>
      </c>
      <c r="Z55" s="2">
        <v>8.6999999999999993</v>
      </c>
      <c r="AA55" s="5">
        <v>240</v>
      </c>
      <c r="AB55" s="5" t="s">
        <v>43</v>
      </c>
      <c r="AC55" s="5" t="s">
        <v>44</v>
      </c>
      <c r="AD55" s="2" t="s">
        <v>139</v>
      </c>
      <c r="AE55" s="1"/>
    </row>
    <row r="56" spans="1:31">
      <c r="A56" s="5" t="s">
        <v>116</v>
      </c>
      <c r="B56" s="21">
        <v>46054</v>
      </c>
      <c r="C56" s="2" t="s">
        <v>371</v>
      </c>
      <c r="D56" s="14" t="s">
        <v>372</v>
      </c>
      <c r="E56" s="2" t="s">
        <v>373</v>
      </c>
      <c r="F56" s="2" t="s">
        <v>120</v>
      </c>
      <c r="G56" s="8">
        <v>90</v>
      </c>
      <c r="H56" s="5">
        <v>5</v>
      </c>
      <c r="I56" s="5" t="s">
        <v>69</v>
      </c>
      <c r="J56" s="5" t="s">
        <v>70</v>
      </c>
      <c r="K56" s="2" t="s">
        <v>71</v>
      </c>
      <c r="L56" s="5" t="s">
        <v>70</v>
      </c>
      <c r="M56" s="2" t="s">
        <v>71</v>
      </c>
      <c r="N56" s="5" t="s">
        <v>72</v>
      </c>
      <c r="O56" s="5" t="s">
        <v>38</v>
      </c>
      <c r="P56" s="5" t="s">
        <v>39</v>
      </c>
      <c r="Q56" s="5" t="s">
        <v>40</v>
      </c>
      <c r="R56" s="5" t="s">
        <v>73</v>
      </c>
      <c r="S56" s="5" t="s">
        <v>40</v>
      </c>
      <c r="T56" s="5" t="s">
        <v>42</v>
      </c>
      <c r="U56" s="2">
        <v>1.87</v>
      </c>
      <c r="V56" s="2">
        <v>1.607</v>
      </c>
      <c r="W56" s="2">
        <v>7.0000000000000001E-3</v>
      </c>
      <c r="X56" s="2">
        <v>80.599999999999994</v>
      </c>
      <c r="Y56" s="2">
        <v>10.7</v>
      </c>
      <c r="Z56" s="2">
        <v>7.7</v>
      </c>
      <c r="AA56" s="5">
        <v>240</v>
      </c>
      <c r="AB56" s="5" t="s">
        <v>43</v>
      </c>
      <c r="AC56" s="5" t="s">
        <v>44</v>
      </c>
      <c r="AD56" s="2" t="s">
        <v>74</v>
      </c>
      <c r="AE56" s="1"/>
    </row>
    <row r="57" spans="1:31">
      <c r="A57" s="5" t="s">
        <v>116</v>
      </c>
      <c r="B57" s="21">
        <v>46266</v>
      </c>
      <c r="C57" s="2" t="s">
        <v>377</v>
      </c>
      <c r="D57" s="14" t="s">
        <v>378</v>
      </c>
      <c r="E57" s="2" t="s">
        <v>379</v>
      </c>
      <c r="F57" s="2" t="s">
        <v>130</v>
      </c>
      <c r="G57" s="8">
        <v>61</v>
      </c>
      <c r="H57" s="5">
        <v>5</v>
      </c>
      <c r="I57" s="5" t="s">
        <v>69</v>
      </c>
      <c r="J57" s="5" t="s">
        <v>70</v>
      </c>
      <c r="K57" s="2" t="s">
        <v>71</v>
      </c>
      <c r="L57" s="5" t="s">
        <v>70</v>
      </c>
      <c r="M57" s="2" t="s">
        <v>71</v>
      </c>
      <c r="N57" s="5" t="s">
        <v>72</v>
      </c>
      <c r="O57" s="5" t="s">
        <v>38</v>
      </c>
      <c r="P57" s="5" t="s">
        <v>39</v>
      </c>
      <c r="Q57" s="5" t="s">
        <v>40</v>
      </c>
      <c r="R57" s="5" t="s">
        <v>73</v>
      </c>
      <c r="S57" s="5" t="s">
        <v>40</v>
      </c>
      <c r="T57" s="5" t="s">
        <v>42</v>
      </c>
      <c r="U57" s="2">
        <v>2.8050000000000002</v>
      </c>
      <c r="V57" s="2">
        <v>2.5070000000000001</v>
      </c>
      <c r="W57" s="2">
        <v>1.0999999999999999E-2</v>
      </c>
      <c r="X57" s="2">
        <v>94.4</v>
      </c>
      <c r="Y57" s="2">
        <v>13.9</v>
      </c>
      <c r="Z57" s="2">
        <v>8.6999999999999993</v>
      </c>
      <c r="AA57" s="5">
        <v>240</v>
      </c>
      <c r="AB57" s="5" t="s">
        <v>43</v>
      </c>
      <c r="AC57" s="5" t="s">
        <v>44</v>
      </c>
      <c r="AD57" s="2" t="s">
        <v>131</v>
      </c>
      <c r="AE57" s="1"/>
    </row>
    <row r="58" spans="1:31">
      <c r="A58" s="5" t="s">
        <v>116</v>
      </c>
      <c r="B58" s="21">
        <v>46266</v>
      </c>
      <c r="C58" s="2" t="s">
        <v>380</v>
      </c>
      <c r="D58" s="14" t="s">
        <v>381</v>
      </c>
      <c r="E58" s="2" t="s">
        <v>382</v>
      </c>
      <c r="F58" s="2" t="s">
        <v>130</v>
      </c>
      <c r="G58" s="8">
        <v>122</v>
      </c>
      <c r="H58" s="5">
        <v>5</v>
      </c>
      <c r="I58" s="5" t="s">
        <v>69</v>
      </c>
      <c r="J58" s="5" t="s">
        <v>70</v>
      </c>
      <c r="K58" s="2" t="s">
        <v>71</v>
      </c>
      <c r="L58" s="5" t="s">
        <v>70</v>
      </c>
      <c r="M58" s="2" t="s">
        <v>71</v>
      </c>
      <c r="N58" s="5" t="s">
        <v>72</v>
      </c>
      <c r="O58" s="5" t="s">
        <v>38</v>
      </c>
      <c r="P58" s="5" t="s">
        <v>39</v>
      </c>
      <c r="Q58" s="5" t="s">
        <v>40</v>
      </c>
      <c r="R58" s="5" t="s">
        <v>73</v>
      </c>
      <c r="S58" s="5" t="s">
        <v>40</v>
      </c>
      <c r="T58" s="5" t="s">
        <v>42</v>
      </c>
      <c r="U58" s="2">
        <v>3.4239999999999999</v>
      </c>
      <c r="V58" s="2">
        <v>3.1190000000000002</v>
      </c>
      <c r="W58" s="2">
        <v>1.0999999999999999E-2</v>
      </c>
      <c r="X58" s="2">
        <v>94.4</v>
      </c>
      <c r="Y58" s="2">
        <v>13.9</v>
      </c>
      <c r="Z58" s="2">
        <v>8.6999999999999993</v>
      </c>
      <c r="AA58" s="5">
        <v>240</v>
      </c>
      <c r="AB58" s="5" t="s">
        <v>43</v>
      </c>
      <c r="AC58" s="5" t="s">
        <v>44</v>
      </c>
      <c r="AD58" s="2" t="s">
        <v>135</v>
      </c>
      <c r="AE58" s="1"/>
    </row>
    <row r="59" spans="1:31">
      <c r="A59" s="5" t="s">
        <v>116</v>
      </c>
      <c r="B59" s="21">
        <v>46266</v>
      </c>
      <c r="C59" s="2" t="s">
        <v>383</v>
      </c>
      <c r="D59" s="14" t="s">
        <v>384</v>
      </c>
      <c r="E59" s="2" t="s">
        <v>385</v>
      </c>
      <c r="F59" s="2" t="s">
        <v>130</v>
      </c>
      <c r="G59" s="8">
        <v>122</v>
      </c>
      <c r="H59" s="5">
        <v>5</v>
      </c>
      <c r="I59" s="5" t="s">
        <v>69</v>
      </c>
      <c r="J59" s="5" t="s">
        <v>70</v>
      </c>
      <c r="K59" s="2" t="s">
        <v>71</v>
      </c>
      <c r="L59" s="5" t="s">
        <v>70</v>
      </c>
      <c r="M59" s="2" t="s">
        <v>71</v>
      </c>
      <c r="N59" s="5" t="s">
        <v>72</v>
      </c>
      <c r="O59" s="5" t="s">
        <v>38</v>
      </c>
      <c r="P59" s="5" t="s">
        <v>39</v>
      </c>
      <c r="Q59" s="5" t="s">
        <v>40</v>
      </c>
      <c r="R59" s="5" t="s">
        <v>73</v>
      </c>
      <c r="S59" s="5" t="s">
        <v>40</v>
      </c>
      <c r="T59" s="5" t="s">
        <v>42</v>
      </c>
      <c r="U59" s="2">
        <v>3.45</v>
      </c>
      <c r="V59" s="2">
        <v>3.145</v>
      </c>
      <c r="W59" s="2">
        <v>1.0999999999999999E-2</v>
      </c>
      <c r="X59" s="2">
        <v>94.4</v>
      </c>
      <c r="Y59" s="2">
        <v>13.9</v>
      </c>
      <c r="Z59" s="2">
        <v>8.6999999999999993</v>
      </c>
      <c r="AA59" s="5">
        <v>240</v>
      </c>
      <c r="AB59" s="5" t="s">
        <v>43</v>
      </c>
      <c r="AC59" s="5" t="s">
        <v>44</v>
      </c>
      <c r="AD59" s="2" t="s">
        <v>139</v>
      </c>
      <c r="AE59" s="1"/>
    </row>
    <row r="60" spans="1:31">
      <c r="A60" s="5" t="s">
        <v>116</v>
      </c>
      <c r="B60" s="21">
        <v>46054</v>
      </c>
      <c r="C60" s="2" t="s">
        <v>389</v>
      </c>
      <c r="D60" s="14" t="s">
        <v>390</v>
      </c>
      <c r="E60" s="2" t="s">
        <v>391</v>
      </c>
      <c r="F60" s="2" t="s">
        <v>120</v>
      </c>
      <c r="G60" s="8">
        <v>90</v>
      </c>
      <c r="H60" s="5">
        <v>5</v>
      </c>
      <c r="I60" s="5" t="s">
        <v>69</v>
      </c>
      <c r="J60" s="5" t="s">
        <v>70</v>
      </c>
      <c r="K60" s="2" t="s">
        <v>71</v>
      </c>
      <c r="L60" s="5" t="s">
        <v>70</v>
      </c>
      <c r="M60" s="2" t="s">
        <v>71</v>
      </c>
      <c r="N60" s="5" t="s">
        <v>72</v>
      </c>
      <c r="O60" s="5" t="s">
        <v>38</v>
      </c>
      <c r="P60" s="5" t="s">
        <v>39</v>
      </c>
      <c r="Q60" s="5" t="s">
        <v>40</v>
      </c>
      <c r="R60" s="5" t="s">
        <v>73</v>
      </c>
      <c r="S60" s="5" t="s">
        <v>40</v>
      </c>
      <c r="T60" s="5" t="s">
        <v>42</v>
      </c>
      <c r="U60" s="2">
        <v>1.9159999999999999</v>
      </c>
      <c r="V60" s="2">
        <v>1.653</v>
      </c>
      <c r="W60" s="2">
        <v>7.0000000000000001E-3</v>
      </c>
      <c r="X60" s="2">
        <v>80.599999999999994</v>
      </c>
      <c r="Y60" s="2">
        <v>10.7</v>
      </c>
      <c r="Z60" s="2">
        <v>7.7</v>
      </c>
      <c r="AA60" s="5">
        <v>240</v>
      </c>
      <c r="AB60" s="5" t="s">
        <v>43</v>
      </c>
      <c r="AC60" s="5" t="s">
        <v>44</v>
      </c>
      <c r="AD60" s="2" t="s">
        <v>74</v>
      </c>
      <c r="AE60" s="1"/>
    </row>
    <row r="61" spans="1:31">
      <c r="A61" s="5" t="s">
        <v>116</v>
      </c>
      <c r="B61" s="21">
        <v>46266</v>
      </c>
      <c r="C61" s="2" t="s">
        <v>395</v>
      </c>
      <c r="D61" s="14" t="s">
        <v>396</v>
      </c>
      <c r="E61" s="2" t="s">
        <v>397</v>
      </c>
      <c r="F61" s="2" t="s">
        <v>130</v>
      </c>
      <c r="G61" s="8">
        <v>61</v>
      </c>
      <c r="H61" s="5">
        <v>5</v>
      </c>
      <c r="I61" s="5" t="s">
        <v>69</v>
      </c>
      <c r="J61" s="5" t="s">
        <v>70</v>
      </c>
      <c r="K61" s="2" t="s">
        <v>71</v>
      </c>
      <c r="L61" s="5" t="s">
        <v>70</v>
      </c>
      <c r="M61" s="2" t="s">
        <v>71</v>
      </c>
      <c r="N61" s="5" t="s">
        <v>72</v>
      </c>
      <c r="O61" s="5" t="s">
        <v>38</v>
      </c>
      <c r="P61" s="5" t="s">
        <v>39</v>
      </c>
      <c r="Q61" s="5" t="s">
        <v>40</v>
      </c>
      <c r="R61" s="5" t="s">
        <v>73</v>
      </c>
      <c r="S61" s="5" t="s">
        <v>40</v>
      </c>
      <c r="T61" s="5" t="s">
        <v>42</v>
      </c>
      <c r="U61" s="2">
        <v>2.851</v>
      </c>
      <c r="V61" s="2">
        <v>2.5529999999999999</v>
      </c>
      <c r="W61" s="2">
        <v>1.0999999999999999E-2</v>
      </c>
      <c r="X61" s="2">
        <v>94.4</v>
      </c>
      <c r="Y61" s="2">
        <v>13.9</v>
      </c>
      <c r="Z61" s="2">
        <v>8.6999999999999993</v>
      </c>
      <c r="AA61" s="5">
        <v>240</v>
      </c>
      <c r="AB61" s="5" t="s">
        <v>43</v>
      </c>
      <c r="AC61" s="5" t="s">
        <v>44</v>
      </c>
      <c r="AD61" s="2" t="s">
        <v>131</v>
      </c>
      <c r="AE61" s="1"/>
    </row>
    <row r="62" spans="1:31">
      <c r="A62" s="5" t="s">
        <v>116</v>
      </c>
      <c r="B62" s="21">
        <v>46266</v>
      </c>
      <c r="C62" s="2" t="s">
        <v>398</v>
      </c>
      <c r="D62" s="14" t="s">
        <v>399</v>
      </c>
      <c r="E62" s="2" t="s">
        <v>400</v>
      </c>
      <c r="F62" s="2" t="s">
        <v>130</v>
      </c>
      <c r="G62" s="8">
        <v>122</v>
      </c>
      <c r="H62" s="5">
        <v>5</v>
      </c>
      <c r="I62" s="5" t="s">
        <v>69</v>
      </c>
      <c r="J62" s="5" t="s">
        <v>70</v>
      </c>
      <c r="K62" s="2" t="s">
        <v>71</v>
      </c>
      <c r="L62" s="5" t="s">
        <v>70</v>
      </c>
      <c r="M62" s="2" t="s">
        <v>71</v>
      </c>
      <c r="N62" s="5" t="s">
        <v>72</v>
      </c>
      <c r="O62" s="5" t="s">
        <v>38</v>
      </c>
      <c r="P62" s="5" t="s">
        <v>39</v>
      </c>
      <c r="Q62" s="5" t="s">
        <v>40</v>
      </c>
      <c r="R62" s="5" t="s">
        <v>73</v>
      </c>
      <c r="S62" s="5" t="s">
        <v>40</v>
      </c>
      <c r="T62" s="5" t="s">
        <v>42</v>
      </c>
      <c r="U62" s="2">
        <v>3.47</v>
      </c>
      <c r="V62" s="2">
        <v>3.165</v>
      </c>
      <c r="W62" s="2">
        <v>1.0999999999999999E-2</v>
      </c>
      <c r="X62" s="2">
        <v>94.4</v>
      </c>
      <c r="Y62" s="2">
        <v>13.9</v>
      </c>
      <c r="Z62" s="2">
        <v>8.6999999999999993</v>
      </c>
      <c r="AA62" s="5">
        <v>240</v>
      </c>
      <c r="AB62" s="5" t="s">
        <v>43</v>
      </c>
      <c r="AC62" s="5" t="s">
        <v>44</v>
      </c>
      <c r="AD62" s="2" t="s">
        <v>135</v>
      </c>
      <c r="AE62" s="1"/>
    </row>
    <row r="63" spans="1:31">
      <c r="A63" s="5" t="s">
        <v>116</v>
      </c>
      <c r="B63" s="21">
        <v>46266</v>
      </c>
      <c r="C63" s="2" t="s">
        <v>401</v>
      </c>
      <c r="D63" s="14" t="s">
        <v>402</v>
      </c>
      <c r="E63" s="2" t="s">
        <v>403</v>
      </c>
      <c r="F63" s="2" t="s">
        <v>130</v>
      </c>
      <c r="G63" s="8">
        <v>122</v>
      </c>
      <c r="H63" s="5">
        <v>5</v>
      </c>
      <c r="I63" s="5" t="s">
        <v>69</v>
      </c>
      <c r="J63" s="5" t="s">
        <v>70</v>
      </c>
      <c r="K63" s="2" t="s">
        <v>71</v>
      </c>
      <c r="L63" s="5" t="s">
        <v>70</v>
      </c>
      <c r="M63" s="2" t="s">
        <v>71</v>
      </c>
      <c r="N63" s="5" t="s">
        <v>72</v>
      </c>
      <c r="O63" s="5" t="s">
        <v>38</v>
      </c>
      <c r="P63" s="5" t="s">
        <v>39</v>
      </c>
      <c r="Q63" s="5" t="s">
        <v>40</v>
      </c>
      <c r="R63" s="5" t="s">
        <v>73</v>
      </c>
      <c r="S63" s="5" t="s">
        <v>40</v>
      </c>
      <c r="T63" s="5" t="s">
        <v>42</v>
      </c>
      <c r="U63" s="2">
        <v>3.496</v>
      </c>
      <c r="V63" s="2">
        <v>3.1909999999999998</v>
      </c>
      <c r="W63" s="2">
        <v>1.0999999999999999E-2</v>
      </c>
      <c r="X63" s="2">
        <v>94.4</v>
      </c>
      <c r="Y63" s="2">
        <v>13.9</v>
      </c>
      <c r="Z63" s="2">
        <v>8.6999999999999993</v>
      </c>
      <c r="AA63" s="5">
        <v>240</v>
      </c>
      <c r="AB63" s="5" t="s">
        <v>43</v>
      </c>
      <c r="AC63" s="5" t="s">
        <v>44</v>
      </c>
      <c r="AD63" s="2" t="s">
        <v>139</v>
      </c>
      <c r="AE63" s="1"/>
    </row>
    <row r="64" spans="1:31">
      <c r="A64" s="5" t="s">
        <v>116</v>
      </c>
      <c r="B64" s="21">
        <v>46054</v>
      </c>
      <c r="C64" s="2" t="s">
        <v>407</v>
      </c>
      <c r="D64" s="14" t="s">
        <v>408</v>
      </c>
      <c r="E64" s="2" t="s">
        <v>409</v>
      </c>
      <c r="F64" s="2" t="s">
        <v>120</v>
      </c>
      <c r="G64" s="8">
        <v>90</v>
      </c>
      <c r="H64" s="5">
        <v>5</v>
      </c>
      <c r="I64" s="5" t="s">
        <v>69</v>
      </c>
      <c r="J64" s="5" t="s">
        <v>70</v>
      </c>
      <c r="K64" s="2" t="s">
        <v>71</v>
      </c>
      <c r="L64" s="5" t="s">
        <v>70</v>
      </c>
      <c r="M64" s="2" t="s">
        <v>71</v>
      </c>
      <c r="N64" s="5" t="s">
        <v>72</v>
      </c>
      <c r="O64" s="5" t="s">
        <v>38</v>
      </c>
      <c r="P64" s="5" t="s">
        <v>39</v>
      </c>
      <c r="Q64" s="5" t="s">
        <v>40</v>
      </c>
      <c r="R64" s="5" t="s">
        <v>73</v>
      </c>
      <c r="S64" s="5" t="s">
        <v>40</v>
      </c>
      <c r="T64" s="5" t="s">
        <v>42</v>
      </c>
      <c r="U64" s="2">
        <v>1.9570000000000001</v>
      </c>
      <c r="V64" s="2">
        <v>1.694</v>
      </c>
      <c r="W64" s="2">
        <v>7.0000000000000001E-3</v>
      </c>
      <c r="X64" s="2">
        <v>80.599999999999994</v>
      </c>
      <c r="Y64" s="2">
        <v>10.7</v>
      </c>
      <c r="Z64" s="2">
        <v>7.7</v>
      </c>
      <c r="AA64" s="5">
        <v>240</v>
      </c>
      <c r="AB64" s="5" t="s">
        <v>43</v>
      </c>
      <c r="AC64" s="5" t="s">
        <v>44</v>
      </c>
      <c r="AD64" s="2" t="s">
        <v>74</v>
      </c>
      <c r="AE64" s="1"/>
    </row>
    <row r="65" spans="1:31">
      <c r="A65" s="5" t="s">
        <v>116</v>
      </c>
      <c r="B65" s="21">
        <v>46266</v>
      </c>
      <c r="C65" s="2" t="s">
        <v>413</v>
      </c>
      <c r="D65" s="14" t="s">
        <v>414</v>
      </c>
      <c r="E65" s="2" t="s">
        <v>415</v>
      </c>
      <c r="F65" s="2" t="s">
        <v>130</v>
      </c>
      <c r="G65" s="8">
        <v>61</v>
      </c>
      <c r="H65" s="5">
        <v>5</v>
      </c>
      <c r="I65" s="5" t="s">
        <v>69</v>
      </c>
      <c r="J65" s="5" t="s">
        <v>70</v>
      </c>
      <c r="K65" s="2" t="s">
        <v>71</v>
      </c>
      <c r="L65" s="5" t="s">
        <v>70</v>
      </c>
      <c r="M65" s="2" t="s">
        <v>71</v>
      </c>
      <c r="N65" s="5" t="s">
        <v>72</v>
      </c>
      <c r="O65" s="5" t="s">
        <v>38</v>
      </c>
      <c r="P65" s="5" t="s">
        <v>39</v>
      </c>
      <c r="Q65" s="5" t="s">
        <v>40</v>
      </c>
      <c r="R65" s="5" t="s">
        <v>73</v>
      </c>
      <c r="S65" s="5" t="s">
        <v>40</v>
      </c>
      <c r="T65" s="5" t="s">
        <v>42</v>
      </c>
      <c r="U65" s="2">
        <v>2.9119999999999999</v>
      </c>
      <c r="V65" s="2">
        <v>2.6139999999999999</v>
      </c>
      <c r="W65" s="2">
        <v>1.0999999999999999E-2</v>
      </c>
      <c r="X65" s="2">
        <v>94.4</v>
      </c>
      <c r="Y65" s="2">
        <v>13.9</v>
      </c>
      <c r="Z65" s="2">
        <v>8.6999999999999993</v>
      </c>
      <c r="AA65" s="5">
        <v>240</v>
      </c>
      <c r="AB65" s="5" t="s">
        <v>43</v>
      </c>
      <c r="AC65" s="5" t="s">
        <v>44</v>
      </c>
      <c r="AD65" s="2" t="s">
        <v>131</v>
      </c>
      <c r="AE65" s="1"/>
    </row>
    <row r="66" spans="1:31">
      <c r="A66" s="5" t="s">
        <v>116</v>
      </c>
      <c r="B66" s="21">
        <v>46266</v>
      </c>
      <c r="C66" s="2" t="s">
        <v>416</v>
      </c>
      <c r="D66" s="14" t="s">
        <v>417</v>
      </c>
      <c r="E66" s="2" t="s">
        <v>418</v>
      </c>
      <c r="F66" s="2" t="s">
        <v>130</v>
      </c>
      <c r="G66" s="8">
        <v>122</v>
      </c>
      <c r="H66" s="5">
        <v>5</v>
      </c>
      <c r="I66" s="5" t="s">
        <v>69</v>
      </c>
      <c r="J66" s="5" t="s">
        <v>70</v>
      </c>
      <c r="K66" s="2" t="s">
        <v>71</v>
      </c>
      <c r="L66" s="5" t="s">
        <v>70</v>
      </c>
      <c r="M66" s="2" t="s">
        <v>71</v>
      </c>
      <c r="N66" s="5" t="s">
        <v>72</v>
      </c>
      <c r="O66" s="5" t="s">
        <v>38</v>
      </c>
      <c r="P66" s="5" t="s">
        <v>39</v>
      </c>
      <c r="Q66" s="5" t="s">
        <v>40</v>
      </c>
      <c r="R66" s="5" t="s">
        <v>73</v>
      </c>
      <c r="S66" s="5" t="s">
        <v>40</v>
      </c>
      <c r="T66" s="5" t="s">
        <v>42</v>
      </c>
      <c r="U66" s="2">
        <v>3.5110000000000001</v>
      </c>
      <c r="V66" s="2">
        <v>3.206</v>
      </c>
      <c r="W66" s="2">
        <v>1.0999999999999999E-2</v>
      </c>
      <c r="X66" s="2">
        <v>94.4</v>
      </c>
      <c r="Y66" s="2">
        <v>13.9</v>
      </c>
      <c r="Z66" s="2">
        <v>8.6999999999999993</v>
      </c>
      <c r="AA66" s="5">
        <v>240</v>
      </c>
      <c r="AB66" s="5" t="s">
        <v>43</v>
      </c>
      <c r="AC66" s="5" t="s">
        <v>44</v>
      </c>
      <c r="AD66" s="2" t="s">
        <v>135</v>
      </c>
      <c r="AE66" s="1"/>
    </row>
    <row r="67" spans="1:31">
      <c r="A67" s="5" t="s">
        <v>116</v>
      </c>
      <c r="B67" s="21">
        <v>46266</v>
      </c>
      <c r="C67" s="2" t="s">
        <v>419</v>
      </c>
      <c r="D67" s="14" t="s">
        <v>420</v>
      </c>
      <c r="E67" s="2" t="s">
        <v>421</v>
      </c>
      <c r="F67" s="2" t="s">
        <v>130</v>
      </c>
      <c r="G67" s="8">
        <v>122</v>
      </c>
      <c r="H67" s="5">
        <v>5</v>
      </c>
      <c r="I67" s="5" t="s">
        <v>69</v>
      </c>
      <c r="J67" s="5" t="s">
        <v>70</v>
      </c>
      <c r="K67" s="2" t="s">
        <v>71</v>
      </c>
      <c r="L67" s="5" t="s">
        <v>70</v>
      </c>
      <c r="M67" s="2" t="s">
        <v>71</v>
      </c>
      <c r="N67" s="5" t="s">
        <v>72</v>
      </c>
      <c r="O67" s="5" t="s">
        <v>38</v>
      </c>
      <c r="P67" s="5" t="s">
        <v>39</v>
      </c>
      <c r="Q67" s="5" t="s">
        <v>40</v>
      </c>
      <c r="R67" s="5" t="s">
        <v>73</v>
      </c>
      <c r="S67" s="5" t="s">
        <v>40</v>
      </c>
      <c r="T67" s="5" t="s">
        <v>42</v>
      </c>
      <c r="U67" s="2">
        <v>3.5369999999999999</v>
      </c>
      <c r="V67" s="2">
        <v>3.2320000000000002</v>
      </c>
      <c r="W67" s="2">
        <v>1.0999999999999999E-2</v>
      </c>
      <c r="X67" s="2">
        <v>94.4</v>
      </c>
      <c r="Y67" s="2">
        <v>13.9</v>
      </c>
      <c r="Z67" s="2">
        <v>8.6999999999999993</v>
      </c>
      <c r="AA67" s="5">
        <v>240</v>
      </c>
      <c r="AB67" s="5" t="s">
        <v>43</v>
      </c>
      <c r="AC67" s="5" t="s">
        <v>44</v>
      </c>
      <c r="AD67" s="2" t="s">
        <v>139</v>
      </c>
      <c r="AE67" s="1"/>
    </row>
    <row r="68" spans="1:31">
      <c r="A68" s="5" t="s">
        <v>116</v>
      </c>
      <c r="B68" s="21">
        <v>46266</v>
      </c>
      <c r="C68" s="2" t="s">
        <v>425</v>
      </c>
      <c r="D68" s="14" t="s">
        <v>426</v>
      </c>
      <c r="E68" s="2" t="s">
        <v>427</v>
      </c>
      <c r="F68" s="2" t="s">
        <v>130</v>
      </c>
      <c r="G68" s="8">
        <v>61</v>
      </c>
      <c r="H68" s="5">
        <v>5</v>
      </c>
      <c r="I68" s="5" t="s">
        <v>69</v>
      </c>
      <c r="J68" s="5" t="s">
        <v>70</v>
      </c>
      <c r="K68" s="2" t="s">
        <v>71</v>
      </c>
      <c r="L68" s="5" t="s">
        <v>70</v>
      </c>
      <c r="M68" s="2" t="s">
        <v>71</v>
      </c>
      <c r="N68" s="5" t="s">
        <v>72</v>
      </c>
      <c r="O68" s="5" t="s">
        <v>38</v>
      </c>
      <c r="P68" s="5" t="s">
        <v>39</v>
      </c>
      <c r="Q68" s="5" t="s">
        <v>40</v>
      </c>
      <c r="R68" s="5" t="s">
        <v>73</v>
      </c>
      <c r="S68" s="5" t="s">
        <v>40</v>
      </c>
      <c r="T68" s="5" t="s">
        <v>42</v>
      </c>
      <c r="U68" s="2">
        <v>2.9660000000000002</v>
      </c>
      <c r="V68" s="2">
        <v>2.6680000000000001</v>
      </c>
      <c r="W68" s="2">
        <v>1.0999999999999999E-2</v>
      </c>
      <c r="X68" s="2">
        <v>94.4</v>
      </c>
      <c r="Y68" s="2">
        <v>13.9</v>
      </c>
      <c r="Z68" s="2">
        <v>8.6999999999999993</v>
      </c>
      <c r="AA68" s="5">
        <v>240</v>
      </c>
      <c r="AB68" s="5" t="s">
        <v>43</v>
      </c>
      <c r="AC68" s="5" t="s">
        <v>44</v>
      </c>
      <c r="AD68" s="2" t="s">
        <v>131</v>
      </c>
      <c r="AE68" s="1"/>
    </row>
    <row r="69" spans="1:31">
      <c r="A69" s="5" t="s">
        <v>116</v>
      </c>
      <c r="B69" s="21">
        <v>46266</v>
      </c>
      <c r="C69" s="2" t="s">
        <v>428</v>
      </c>
      <c r="D69" s="14" t="s">
        <v>429</v>
      </c>
      <c r="E69" s="2" t="s">
        <v>430</v>
      </c>
      <c r="F69" s="2" t="s">
        <v>130</v>
      </c>
      <c r="G69" s="8">
        <v>122</v>
      </c>
      <c r="H69" s="5">
        <v>5</v>
      </c>
      <c r="I69" s="5" t="s">
        <v>69</v>
      </c>
      <c r="J69" s="5" t="s">
        <v>70</v>
      </c>
      <c r="K69" s="2" t="s">
        <v>71</v>
      </c>
      <c r="L69" s="5" t="s">
        <v>70</v>
      </c>
      <c r="M69" s="2" t="s">
        <v>71</v>
      </c>
      <c r="N69" s="5" t="s">
        <v>72</v>
      </c>
      <c r="O69" s="5" t="s">
        <v>38</v>
      </c>
      <c r="P69" s="5" t="s">
        <v>39</v>
      </c>
      <c r="Q69" s="5" t="s">
        <v>40</v>
      </c>
      <c r="R69" s="5" t="s">
        <v>73</v>
      </c>
      <c r="S69" s="5" t="s">
        <v>40</v>
      </c>
      <c r="T69" s="5" t="s">
        <v>42</v>
      </c>
      <c r="U69" s="2">
        <v>3.649</v>
      </c>
      <c r="V69" s="2">
        <v>3.3439999999999999</v>
      </c>
      <c r="W69" s="2">
        <v>1.0999999999999999E-2</v>
      </c>
      <c r="X69" s="2">
        <v>94.4</v>
      </c>
      <c r="Y69" s="2">
        <v>13.9</v>
      </c>
      <c r="Z69" s="2">
        <v>8.6999999999999993</v>
      </c>
      <c r="AA69" s="5">
        <v>240</v>
      </c>
      <c r="AB69" s="5" t="s">
        <v>43</v>
      </c>
      <c r="AC69" s="5" t="s">
        <v>44</v>
      </c>
      <c r="AD69" s="2" t="s">
        <v>135</v>
      </c>
      <c r="AE69" s="1"/>
    </row>
    <row r="70" spans="1:31">
      <c r="A70" s="5" t="s">
        <v>116</v>
      </c>
      <c r="B70" s="21">
        <v>46266</v>
      </c>
      <c r="C70" s="2" t="s">
        <v>431</v>
      </c>
      <c r="D70" s="14" t="s">
        <v>432</v>
      </c>
      <c r="E70" s="2" t="s">
        <v>433</v>
      </c>
      <c r="F70" s="2" t="s">
        <v>130</v>
      </c>
      <c r="G70" s="8">
        <v>122</v>
      </c>
      <c r="H70" s="5">
        <v>5</v>
      </c>
      <c r="I70" s="5" t="s">
        <v>69</v>
      </c>
      <c r="J70" s="5" t="s">
        <v>70</v>
      </c>
      <c r="K70" s="2" t="s">
        <v>71</v>
      </c>
      <c r="L70" s="5" t="s">
        <v>70</v>
      </c>
      <c r="M70" s="2" t="s">
        <v>71</v>
      </c>
      <c r="N70" s="5" t="s">
        <v>72</v>
      </c>
      <c r="O70" s="5" t="s">
        <v>38</v>
      </c>
      <c r="P70" s="5" t="s">
        <v>39</v>
      </c>
      <c r="Q70" s="5" t="s">
        <v>40</v>
      </c>
      <c r="R70" s="5" t="s">
        <v>73</v>
      </c>
      <c r="S70" s="5" t="s">
        <v>40</v>
      </c>
      <c r="T70" s="5" t="s">
        <v>42</v>
      </c>
      <c r="U70" s="2">
        <v>3.6749999999999998</v>
      </c>
      <c r="V70" s="2">
        <v>3.37</v>
      </c>
      <c r="W70" s="2">
        <v>1.0999999999999999E-2</v>
      </c>
      <c r="X70" s="2">
        <v>94.4</v>
      </c>
      <c r="Y70" s="2">
        <v>13.9</v>
      </c>
      <c r="Z70" s="2">
        <v>8.6999999999999993</v>
      </c>
      <c r="AA70" s="5">
        <v>240</v>
      </c>
      <c r="AB70" s="5" t="s">
        <v>43</v>
      </c>
      <c r="AC70" s="5" t="s">
        <v>44</v>
      </c>
      <c r="AD70" s="2" t="s">
        <v>139</v>
      </c>
      <c r="AE70" s="1"/>
    </row>
    <row r="71" spans="1:31">
      <c r="A71" s="5" t="s">
        <v>116</v>
      </c>
      <c r="B71" s="21">
        <v>46054</v>
      </c>
      <c r="C71" s="2" t="s">
        <v>437</v>
      </c>
      <c r="D71" s="14" t="s">
        <v>438</v>
      </c>
      <c r="E71" s="2" t="s">
        <v>439</v>
      </c>
      <c r="F71" s="2" t="s">
        <v>120</v>
      </c>
      <c r="G71" s="8">
        <v>90</v>
      </c>
      <c r="H71" s="5">
        <v>5</v>
      </c>
      <c r="I71" s="5" t="s">
        <v>69</v>
      </c>
      <c r="J71" s="5" t="s">
        <v>70</v>
      </c>
      <c r="K71" s="2" t="s">
        <v>71</v>
      </c>
      <c r="L71" s="5" t="s">
        <v>70</v>
      </c>
      <c r="M71" s="2" t="s">
        <v>71</v>
      </c>
      <c r="N71" s="5" t="s">
        <v>72</v>
      </c>
      <c r="O71" s="5" t="s">
        <v>38</v>
      </c>
      <c r="P71" s="5" t="s">
        <v>39</v>
      </c>
      <c r="Q71" s="5" t="s">
        <v>40</v>
      </c>
      <c r="R71" s="5" t="s">
        <v>73</v>
      </c>
      <c r="S71" s="5" t="s">
        <v>40</v>
      </c>
      <c r="T71" s="5" t="s">
        <v>42</v>
      </c>
      <c r="U71" s="2">
        <v>2.0529999999999999</v>
      </c>
      <c r="V71" s="2">
        <v>1.79</v>
      </c>
      <c r="W71" s="2">
        <v>7.0000000000000001E-3</v>
      </c>
      <c r="X71" s="2">
        <v>80.599999999999994</v>
      </c>
      <c r="Y71" s="2">
        <v>10.7</v>
      </c>
      <c r="Z71" s="2">
        <v>7.7</v>
      </c>
      <c r="AA71" s="5">
        <v>240</v>
      </c>
      <c r="AB71" s="5" t="s">
        <v>43</v>
      </c>
      <c r="AC71" s="5" t="s">
        <v>44</v>
      </c>
      <c r="AD71" s="2" t="s">
        <v>74</v>
      </c>
      <c r="AE71" s="1"/>
    </row>
    <row r="72" spans="1:31">
      <c r="A72" s="5" t="s">
        <v>116</v>
      </c>
      <c r="B72" s="21">
        <v>46266</v>
      </c>
      <c r="C72" s="2" t="s">
        <v>443</v>
      </c>
      <c r="D72" s="14" t="s">
        <v>444</v>
      </c>
      <c r="E72" s="2" t="s">
        <v>445</v>
      </c>
      <c r="F72" s="2" t="s">
        <v>130</v>
      </c>
      <c r="G72" s="8">
        <v>61</v>
      </c>
      <c r="H72" s="5">
        <v>5</v>
      </c>
      <c r="I72" s="5" t="s">
        <v>69</v>
      </c>
      <c r="J72" s="5" t="s">
        <v>70</v>
      </c>
      <c r="K72" s="2" t="s">
        <v>71</v>
      </c>
      <c r="L72" s="5" t="s">
        <v>70</v>
      </c>
      <c r="M72" s="2" t="s">
        <v>71</v>
      </c>
      <c r="N72" s="5" t="s">
        <v>72</v>
      </c>
      <c r="O72" s="5" t="s">
        <v>38</v>
      </c>
      <c r="P72" s="5" t="s">
        <v>39</v>
      </c>
      <c r="Q72" s="5" t="s">
        <v>40</v>
      </c>
      <c r="R72" s="5" t="s">
        <v>73</v>
      </c>
      <c r="S72" s="5" t="s">
        <v>40</v>
      </c>
      <c r="T72" s="5" t="s">
        <v>42</v>
      </c>
      <c r="U72" s="2">
        <v>3.1459999999999999</v>
      </c>
      <c r="V72" s="2">
        <v>2.8479999999999999</v>
      </c>
      <c r="W72" s="2">
        <v>1.0999999999999999E-2</v>
      </c>
      <c r="X72" s="2">
        <v>94.4</v>
      </c>
      <c r="Y72" s="2">
        <v>13.9</v>
      </c>
      <c r="Z72" s="2">
        <v>8.6999999999999993</v>
      </c>
      <c r="AA72" s="5">
        <v>240</v>
      </c>
      <c r="AB72" s="5" t="s">
        <v>43</v>
      </c>
      <c r="AC72" s="5" t="s">
        <v>44</v>
      </c>
      <c r="AD72" s="2" t="s">
        <v>131</v>
      </c>
      <c r="AE72" s="1"/>
    </row>
    <row r="73" spans="1:31">
      <c r="A73" s="5" t="s">
        <v>116</v>
      </c>
      <c r="B73" s="21">
        <v>46266</v>
      </c>
      <c r="C73" s="2" t="s">
        <v>446</v>
      </c>
      <c r="D73" s="14" t="s">
        <v>447</v>
      </c>
      <c r="E73" s="2" t="s">
        <v>448</v>
      </c>
      <c r="F73" s="2" t="s">
        <v>130</v>
      </c>
      <c r="G73" s="8">
        <v>122</v>
      </c>
      <c r="H73" s="5">
        <v>5</v>
      </c>
      <c r="I73" s="5" t="s">
        <v>69</v>
      </c>
      <c r="J73" s="5" t="s">
        <v>70</v>
      </c>
      <c r="K73" s="2" t="s">
        <v>71</v>
      </c>
      <c r="L73" s="5" t="s">
        <v>70</v>
      </c>
      <c r="M73" s="2" t="s">
        <v>71</v>
      </c>
      <c r="N73" s="5" t="s">
        <v>72</v>
      </c>
      <c r="O73" s="5" t="s">
        <v>38</v>
      </c>
      <c r="P73" s="5" t="s">
        <v>39</v>
      </c>
      <c r="Q73" s="5" t="s">
        <v>40</v>
      </c>
      <c r="R73" s="5" t="s">
        <v>73</v>
      </c>
      <c r="S73" s="5" t="s">
        <v>40</v>
      </c>
      <c r="T73" s="5" t="s">
        <v>42</v>
      </c>
      <c r="U73" s="2">
        <v>3.8090000000000002</v>
      </c>
      <c r="V73" s="2">
        <v>3.504</v>
      </c>
      <c r="W73" s="2">
        <v>1.0999999999999999E-2</v>
      </c>
      <c r="X73" s="2">
        <v>94.4</v>
      </c>
      <c r="Y73" s="2">
        <v>13.9</v>
      </c>
      <c r="Z73" s="2">
        <v>8.6999999999999993</v>
      </c>
      <c r="AA73" s="5">
        <v>240</v>
      </c>
      <c r="AB73" s="5" t="s">
        <v>43</v>
      </c>
      <c r="AC73" s="5" t="s">
        <v>44</v>
      </c>
      <c r="AD73" s="2" t="s">
        <v>135</v>
      </c>
      <c r="AE73" s="1"/>
    </row>
    <row r="74" spans="1:31">
      <c r="A74" s="5" t="s">
        <v>116</v>
      </c>
      <c r="B74" s="21">
        <v>46266</v>
      </c>
      <c r="C74" s="2" t="s">
        <v>449</v>
      </c>
      <c r="D74" s="14" t="s">
        <v>450</v>
      </c>
      <c r="E74" s="2" t="s">
        <v>451</v>
      </c>
      <c r="F74" s="2" t="s">
        <v>130</v>
      </c>
      <c r="G74" s="8">
        <v>122</v>
      </c>
      <c r="H74" s="5">
        <v>5</v>
      </c>
      <c r="I74" s="5" t="s">
        <v>69</v>
      </c>
      <c r="J74" s="5" t="s">
        <v>70</v>
      </c>
      <c r="K74" s="2" t="s">
        <v>71</v>
      </c>
      <c r="L74" s="5" t="s">
        <v>70</v>
      </c>
      <c r="M74" s="2" t="s">
        <v>71</v>
      </c>
      <c r="N74" s="5" t="s">
        <v>72</v>
      </c>
      <c r="O74" s="5" t="s">
        <v>38</v>
      </c>
      <c r="P74" s="5" t="s">
        <v>39</v>
      </c>
      <c r="Q74" s="5" t="s">
        <v>40</v>
      </c>
      <c r="R74" s="5" t="s">
        <v>73</v>
      </c>
      <c r="S74" s="5" t="s">
        <v>40</v>
      </c>
      <c r="T74" s="5" t="s">
        <v>42</v>
      </c>
      <c r="U74" s="2">
        <v>3.835</v>
      </c>
      <c r="V74" s="2">
        <v>3.53</v>
      </c>
      <c r="W74" s="2">
        <v>1.0999999999999999E-2</v>
      </c>
      <c r="X74" s="2">
        <v>94.4</v>
      </c>
      <c r="Y74" s="2">
        <v>13.9</v>
      </c>
      <c r="Z74" s="2">
        <v>8.6999999999999993</v>
      </c>
      <c r="AA74" s="5">
        <v>240</v>
      </c>
      <c r="AB74" s="5" t="s">
        <v>43</v>
      </c>
      <c r="AC74" s="5" t="s">
        <v>44</v>
      </c>
      <c r="AD74" s="2" t="s">
        <v>139</v>
      </c>
      <c r="AE74" s="1"/>
    </row>
    <row r="75" spans="1:31">
      <c r="A75" s="5" t="s">
        <v>116</v>
      </c>
      <c r="B75" s="21">
        <v>46266</v>
      </c>
      <c r="C75" s="2" t="s">
        <v>455</v>
      </c>
      <c r="D75" s="14" t="s">
        <v>456</v>
      </c>
      <c r="E75" s="2" t="s">
        <v>457</v>
      </c>
      <c r="F75" s="2" t="s">
        <v>130</v>
      </c>
      <c r="G75" s="8">
        <v>61</v>
      </c>
      <c r="H75" s="5">
        <v>5</v>
      </c>
      <c r="I75" s="5" t="s">
        <v>69</v>
      </c>
      <c r="J75" s="5" t="s">
        <v>70</v>
      </c>
      <c r="K75" s="2" t="s">
        <v>71</v>
      </c>
      <c r="L75" s="5" t="s">
        <v>70</v>
      </c>
      <c r="M75" s="2" t="s">
        <v>71</v>
      </c>
      <c r="N75" s="5" t="s">
        <v>72</v>
      </c>
      <c r="O75" s="5" t="s">
        <v>38</v>
      </c>
      <c r="P75" s="5" t="s">
        <v>39</v>
      </c>
      <c r="Q75" s="5" t="s">
        <v>40</v>
      </c>
      <c r="R75" s="5" t="s">
        <v>73</v>
      </c>
      <c r="S75" s="5" t="s">
        <v>40</v>
      </c>
      <c r="T75" s="5" t="s">
        <v>42</v>
      </c>
      <c r="U75" s="2">
        <v>3.1869999999999998</v>
      </c>
      <c r="V75" s="2">
        <v>2.8889999999999998</v>
      </c>
      <c r="W75" s="2">
        <v>1.0999999999999999E-2</v>
      </c>
      <c r="X75" s="2">
        <v>94.4</v>
      </c>
      <c r="Y75" s="2">
        <v>13.9</v>
      </c>
      <c r="Z75" s="2">
        <v>8.6999999999999993</v>
      </c>
      <c r="AA75" s="5">
        <v>240</v>
      </c>
      <c r="AB75" s="5" t="s">
        <v>43</v>
      </c>
      <c r="AC75" s="5" t="s">
        <v>44</v>
      </c>
      <c r="AD75" s="2" t="s">
        <v>131</v>
      </c>
      <c r="AE75" s="1"/>
    </row>
    <row r="76" spans="1:31">
      <c r="A76" s="5" t="s">
        <v>116</v>
      </c>
      <c r="B76" s="21">
        <v>46266</v>
      </c>
      <c r="C76" s="2" t="s">
        <v>461</v>
      </c>
      <c r="D76" s="14" t="s">
        <v>462</v>
      </c>
      <c r="E76" s="2" t="s">
        <v>463</v>
      </c>
      <c r="F76" s="2" t="s">
        <v>130</v>
      </c>
      <c r="G76" s="8">
        <v>61</v>
      </c>
      <c r="H76" s="5">
        <v>5</v>
      </c>
      <c r="I76" s="5" t="s">
        <v>69</v>
      </c>
      <c r="J76" s="5" t="s">
        <v>70</v>
      </c>
      <c r="K76" s="2" t="s">
        <v>71</v>
      </c>
      <c r="L76" s="5" t="s">
        <v>70</v>
      </c>
      <c r="M76" s="2" t="s">
        <v>71</v>
      </c>
      <c r="N76" s="5" t="s">
        <v>72</v>
      </c>
      <c r="O76" s="5" t="s">
        <v>38</v>
      </c>
      <c r="P76" s="5" t="s">
        <v>39</v>
      </c>
      <c r="Q76" s="5" t="s">
        <v>40</v>
      </c>
      <c r="R76" s="5" t="s">
        <v>73</v>
      </c>
      <c r="S76" s="5" t="s">
        <v>40</v>
      </c>
      <c r="T76" s="5" t="s">
        <v>42</v>
      </c>
      <c r="U76" s="2">
        <v>0.94699999999999995</v>
      </c>
      <c r="V76" s="2">
        <v>0.64500000000000002</v>
      </c>
      <c r="W76" s="2">
        <v>1.0999999999999999E-2</v>
      </c>
      <c r="X76" s="2">
        <v>94.4</v>
      </c>
      <c r="Y76" s="2">
        <v>13.9</v>
      </c>
      <c r="Z76" s="2">
        <v>8.6999999999999993</v>
      </c>
      <c r="AA76" s="5">
        <v>240</v>
      </c>
      <c r="AB76" s="5" t="s">
        <v>43</v>
      </c>
      <c r="AC76" s="5" t="s">
        <v>44</v>
      </c>
      <c r="AD76" s="2" t="s">
        <v>131</v>
      </c>
      <c r="AE76" s="1"/>
    </row>
    <row r="77" spans="1:31">
      <c r="A77" s="5" t="s">
        <v>116</v>
      </c>
      <c r="B77" s="21">
        <v>46054</v>
      </c>
      <c r="C77" s="2" t="s">
        <v>24625</v>
      </c>
      <c r="D77" s="14" t="s">
        <v>24626</v>
      </c>
      <c r="E77" s="2" t="s">
        <v>24627</v>
      </c>
      <c r="F77" s="2" t="s">
        <v>24628</v>
      </c>
      <c r="G77" s="8">
        <v>645</v>
      </c>
      <c r="H77" s="5">
        <v>15</v>
      </c>
      <c r="I77" s="5" t="s">
        <v>69</v>
      </c>
      <c r="J77" s="5" t="s">
        <v>24629</v>
      </c>
      <c r="K77" s="2" t="s">
        <v>24630</v>
      </c>
      <c r="L77" s="5" t="s">
        <v>24629</v>
      </c>
      <c r="M77" s="2" t="s">
        <v>24630</v>
      </c>
      <c r="N77" s="5" t="s">
        <v>24254</v>
      </c>
      <c r="O77" s="5" t="s">
        <v>38</v>
      </c>
      <c r="P77" s="5" t="s">
        <v>39</v>
      </c>
      <c r="Q77" s="5" t="s">
        <v>40</v>
      </c>
      <c r="R77" s="5" t="s">
        <v>1487</v>
      </c>
      <c r="S77" s="5"/>
      <c r="T77" s="5" t="s">
        <v>42</v>
      </c>
      <c r="U77" s="2">
        <v>0</v>
      </c>
      <c r="V77" s="2">
        <v>0</v>
      </c>
      <c r="W77" s="2">
        <v>0</v>
      </c>
      <c r="X77" s="2">
        <v>0</v>
      </c>
      <c r="Y77" s="2">
        <v>0</v>
      </c>
      <c r="Z77" s="2">
        <v>0</v>
      </c>
      <c r="AA77" s="5"/>
      <c r="AB77" s="5" t="s">
        <v>43</v>
      </c>
      <c r="AC77" s="5" t="s">
        <v>44</v>
      </c>
      <c r="AD77" s="2" t="s">
        <v>24631</v>
      </c>
      <c r="AE77" s="1"/>
    </row>
    <row r="78" spans="1:31">
      <c r="A78" s="5" t="s">
        <v>116</v>
      </c>
      <c r="B78" s="21">
        <v>46054</v>
      </c>
      <c r="C78" s="2" t="s">
        <v>24632</v>
      </c>
      <c r="D78" s="14" t="s">
        <v>24633</v>
      </c>
      <c r="E78" s="2" t="s">
        <v>24634</v>
      </c>
      <c r="F78" s="2" t="s">
        <v>24628</v>
      </c>
      <c r="G78" s="8">
        <v>645</v>
      </c>
      <c r="H78" s="5">
        <v>15</v>
      </c>
      <c r="I78" s="5" t="s">
        <v>69</v>
      </c>
      <c r="J78" s="5" t="s">
        <v>24629</v>
      </c>
      <c r="K78" s="2" t="s">
        <v>24630</v>
      </c>
      <c r="L78" s="5" t="s">
        <v>24629</v>
      </c>
      <c r="M78" s="2" t="s">
        <v>24630</v>
      </c>
      <c r="N78" s="5" t="s">
        <v>24254</v>
      </c>
      <c r="O78" s="5" t="s">
        <v>38</v>
      </c>
      <c r="P78" s="5" t="s">
        <v>39</v>
      </c>
      <c r="Q78" s="5" t="s">
        <v>40</v>
      </c>
      <c r="R78" s="5" t="s">
        <v>1487</v>
      </c>
      <c r="S78" s="5"/>
      <c r="T78" s="5" t="s">
        <v>42</v>
      </c>
      <c r="U78" s="2">
        <v>0</v>
      </c>
      <c r="V78" s="2">
        <v>0</v>
      </c>
      <c r="W78" s="2">
        <v>0</v>
      </c>
      <c r="X78" s="2">
        <v>0</v>
      </c>
      <c r="Y78" s="2">
        <v>0</v>
      </c>
      <c r="Z78" s="2">
        <v>0</v>
      </c>
      <c r="AA78" s="5"/>
      <c r="AB78" s="5" t="s">
        <v>43</v>
      </c>
      <c r="AC78" s="5" t="s">
        <v>44</v>
      </c>
      <c r="AD78" s="2" t="s">
        <v>24635</v>
      </c>
      <c r="AE78" s="1"/>
    </row>
    <row r="79" spans="1:31">
      <c r="A79" s="5" t="s">
        <v>116</v>
      </c>
      <c r="B79" s="21">
        <v>46054</v>
      </c>
      <c r="C79" s="2" t="s">
        <v>24636</v>
      </c>
      <c r="D79" s="14" t="s">
        <v>24637</v>
      </c>
      <c r="E79" s="2" t="s">
        <v>24638</v>
      </c>
      <c r="F79" s="2" t="s">
        <v>24639</v>
      </c>
      <c r="G79" s="8">
        <v>1177</v>
      </c>
      <c r="H79" s="5">
        <v>15</v>
      </c>
      <c r="I79" s="5" t="s">
        <v>69</v>
      </c>
      <c r="J79" s="5" t="s">
        <v>24629</v>
      </c>
      <c r="K79" s="2" t="s">
        <v>24630</v>
      </c>
      <c r="L79" s="5" t="s">
        <v>24629</v>
      </c>
      <c r="M79" s="2" t="s">
        <v>24630</v>
      </c>
      <c r="N79" s="5" t="s">
        <v>24254</v>
      </c>
      <c r="O79" s="5" t="s">
        <v>38</v>
      </c>
      <c r="P79" s="5" t="s">
        <v>39</v>
      </c>
      <c r="Q79" s="5" t="s">
        <v>40</v>
      </c>
      <c r="R79" s="5" t="s">
        <v>1487</v>
      </c>
      <c r="S79" s="5"/>
      <c r="T79" s="5" t="s">
        <v>42</v>
      </c>
      <c r="U79" s="2">
        <v>0</v>
      </c>
      <c r="V79" s="2">
        <v>0</v>
      </c>
      <c r="W79" s="2">
        <v>0</v>
      </c>
      <c r="X79" s="2">
        <v>0</v>
      </c>
      <c r="Y79" s="2">
        <v>0</v>
      </c>
      <c r="Z79" s="2">
        <v>0</v>
      </c>
      <c r="AA79" s="5"/>
      <c r="AB79" s="5" t="s">
        <v>43</v>
      </c>
      <c r="AC79" s="5" t="s">
        <v>44</v>
      </c>
      <c r="AD79" s="2" t="s">
        <v>24640</v>
      </c>
      <c r="AE79" s="1"/>
    </row>
    <row r="80" spans="1:31">
      <c r="A80" s="5" t="s">
        <v>116</v>
      </c>
      <c r="B80" s="21">
        <v>46054</v>
      </c>
      <c r="C80" s="2" t="s">
        <v>24641</v>
      </c>
      <c r="D80" s="14" t="s">
        <v>24642</v>
      </c>
      <c r="E80" s="2" t="s">
        <v>24643</v>
      </c>
      <c r="F80" s="2" t="s">
        <v>24639</v>
      </c>
      <c r="G80" s="8">
        <v>1177</v>
      </c>
      <c r="H80" s="5">
        <v>15</v>
      </c>
      <c r="I80" s="5" t="s">
        <v>69</v>
      </c>
      <c r="J80" s="5" t="s">
        <v>24629</v>
      </c>
      <c r="K80" s="2" t="s">
        <v>24630</v>
      </c>
      <c r="L80" s="5" t="s">
        <v>24629</v>
      </c>
      <c r="M80" s="2" t="s">
        <v>24630</v>
      </c>
      <c r="N80" s="5" t="s">
        <v>24254</v>
      </c>
      <c r="O80" s="5" t="s">
        <v>38</v>
      </c>
      <c r="P80" s="5" t="s">
        <v>39</v>
      </c>
      <c r="Q80" s="5" t="s">
        <v>40</v>
      </c>
      <c r="R80" s="5" t="s">
        <v>1487</v>
      </c>
      <c r="S80" s="5"/>
      <c r="T80" s="5" t="s">
        <v>42</v>
      </c>
      <c r="U80" s="2">
        <v>0</v>
      </c>
      <c r="V80" s="2">
        <v>0</v>
      </c>
      <c r="W80" s="2">
        <v>0</v>
      </c>
      <c r="X80" s="2">
        <v>0</v>
      </c>
      <c r="Y80" s="2">
        <v>0</v>
      </c>
      <c r="Z80" s="2">
        <v>0</v>
      </c>
      <c r="AA80" s="5"/>
      <c r="AB80" s="5" t="s">
        <v>43</v>
      </c>
      <c r="AC80" s="5" t="s">
        <v>44</v>
      </c>
      <c r="AD80" s="2" t="s">
        <v>24644</v>
      </c>
      <c r="AE80" s="1"/>
    </row>
    <row r="81" spans="1:31">
      <c r="A81" s="5" t="s">
        <v>116</v>
      </c>
      <c r="B81" s="21">
        <v>46054</v>
      </c>
      <c r="C81" s="2" t="s">
        <v>24645</v>
      </c>
      <c r="D81" s="14" t="s">
        <v>24646</v>
      </c>
      <c r="E81" s="2" t="s">
        <v>24647</v>
      </c>
      <c r="F81" s="2" t="s">
        <v>24628</v>
      </c>
      <c r="G81" s="8">
        <v>670</v>
      </c>
      <c r="H81" s="5">
        <v>5</v>
      </c>
      <c r="I81" s="5" t="s">
        <v>69</v>
      </c>
      <c r="J81" s="5" t="s">
        <v>24629</v>
      </c>
      <c r="K81" s="2" t="s">
        <v>24630</v>
      </c>
      <c r="L81" s="5" t="s">
        <v>24629</v>
      </c>
      <c r="M81" s="2" t="s">
        <v>24630</v>
      </c>
      <c r="N81" s="5" t="s">
        <v>24254</v>
      </c>
      <c r="O81" s="5" t="s">
        <v>38</v>
      </c>
      <c r="P81" s="5" t="s">
        <v>39</v>
      </c>
      <c r="Q81" s="5" t="s">
        <v>40</v>
      </c>
      <c r="R81" s="5" t="s">
        <v>1487</v>
      </c>
      <c r="S81" s="5"/>
      <c r="T81" s="5" t="s">
        <v>42</v>
      </c>
      <c r="U81" s="2">
        <v>0</v>
      </c>
      <c r="V81" s="2">
        <v>0</v>
      </c>
      <c r="W81" s="2">
        <v>0</v>
      </c>
      <c r="X81" s="2">
        <v>0</v>
      </c>
      <c r="Y81" s="2">
        <v>0</v>
      </c>
      <c r="Z81" s="2">
        <v>0</v>
      </c>
      <c r="AA81" s="5"/>
      <c r="AB81" s="5" t="s">
        <v>43</v>
      </c>
      <c r="AC81" s="5" t="s">
        <v>44</v>
      </c>
      <c r="AD81" s="2" t="s">
        <v>24631</v>
      </c>
      <c r="AE81" s="1"/>
    </row>
    <row r="82" spans="1:31">
      <c r="A82" s="5" t="s">
        <v>116</v>
      </c>
      <c r="B82" s="21">
        <v>46054</v>
      </c>
      <c r="C82" s="2" t="s">
        <v>24648</v>
      </c>
      <c r="D82" s="14" t="s">
        <v>24649</v>
      </c>
      <c r="E82" s="2" t="s">
        <v>24650</v>
      </c>
      <c r="F82" s="2" t="s">
        <v>24628</v>
      </c>
      <c r="G82" s="8">
        <v>670</v>
      </c>
      <c r="H82" s="5">
        <v>15</v>
      </c>
      <c r="I82" s="5" t="s">
        <v>69</v>
      </c>
      <c r="J82" s="5" t="s">
        <v>24629</v>
      </c>
      <c r="K82" s="2" t="s">
        <v>24630</v>
      </c>
      <c r="L82" s="5" t="s">
        <v>24629</v>
      </c>
      <c r="M82" s="2" t="s">
        <v>24630</v>
      </c>
      <c r="N82" s="5" t="s">
        <v>24254</v>
      </c>
      <c r="O82" s="5" t="s">
        <v>38</v>
      </c>
      <c r="P82" s="5" t="s">
        <v>39</v>
      </c>
      <c r="Q82" s="5" t="s">
        <v>40</v>
      </c>
      <c r="R82" s="5" t="s">
        <v>1487</v>
      </c>
      <c r="S82" s="5"/>
      <c r="T82" s="5" t="s">
        <v>42</v>
      </c>
      <c r="U82" s="2">
        <v>0</v>
      </c>
      <c r="V82" s="2">
        <v>0</v>
      </c>
      <c r="W82" s="2">
        <v>0</v>
      </c>
      <c r="X82" s="2">
        <v>0</v>
      </c>
      <c r="Y82" s="2">
        <v>0</v>
      </c>
      <c r="Z82" s="2">
        <v>0</v>
      </c>
      <c r="AA82" s="5"/>
      <c r="AB82" s="5" t="s">
        <v>43</v>
      </c>
      <c r="AC82" s="5" t="s">
        <v>44</v>
      </c>
      <c r="AD82" s="2" t="s">
        <v>24635</v>
      </c>
      <c r="AE82" s="1"/>
    </row>
    <row r="83" spans="1:31">
      <c r="A83" s="5" t="s">
        <v>116</v>
      </c>
      <c r="B83" s="21">
        <v>46054</v>
      </c>
      <c r="C83" s="2" t="s">
        <v>24651</v>
      </c>
      <c r="D83" s="14" t="s">
        <v>24652</v>
      </c>
      <c r="E83" s="2" t="s">
        <v>24653</v>
      </c>
      <c r="F83" s="2" t="s">
        <v>24639</v>
      </c>
      <c r="G83" s="8">
        <v>1227</v>
      </c>
      <c r="H83" s="5">
        <v>15</v>
      </c>
      <c r="I83" s="5" t="s">
        <v>69</v>
      </c>
      <c r="J83" s="5" t="s">
        <v>24629</v>
      </c>
      <c r="K83" s="2" t="s">
        <v>24630</v>
      </c>
      <c r="L83" s="5" t="s">
        <v>24629</v>
      </c>
      <c r="M83" s="2" t="s">
        <v>24630</v>
      </c>
      <c r="N83" s="5" t="s">
        <v>24254</v>
      </c>
      <c r="O83" s="5" t="s">
        <v>38</v>
      </c>
      <c r="P83" s="5" t="s">
        <v>39</v>
      </c>
      <c r="Q83" s="5" t="s">
        <v>40</v>
      </c>
      <c r="R83" s="5" t="s">
        <v>1487</v>
      </c>
      <c r="S83" s="5"/>
      <c r="T83" s="5" t="s">
        <v>42</v>
      </c>
      <c r="U83" s="2">
        <v>0</v>
      </c>
      <c r="V83" s="2">
        <v>0</v>
      </c>
      <c r="W83" s="2">
        <v>0</v>
      </c>
      <c r="X83" s="2">
        <v>0</v>
      </c>
      <c r="Y83" s="2">
        <v>0</v>
      </c>
      <c r="Z83" s="2">
        <v>0</v>
      </c>
      <c r="AA83" s="5"/>
      <c r="AB83" s="5" t="s">
        <v>43</v>
      </c>
      <c r="AC83" s="5" t="s">
        <v>44</v>
      </c>
      <c r="AD83" s="2" t="s">
        <v>24640</v>
      </c>
      <c r="AE83" s="1"/>
    </row>
    <row r="84" spans="1:31">
      <c r="A84" s="5" t="s">
        <v>116</v>
      </c>
      <c r="B84" s="21">
        <v>46054</v>
      </c>
      <c r="C84" s="2" t="s">
        <v>24654</v>
      </c>
      <c r="D84" s="14" t="s">
        <v>24655</v>
      </c>
      <c r="E84" s="2" t="s">
        <v>24656</v>
      </c>
      <c r="F84" s="2" t="s">
        <v>24639</v>
      </c>
      <c r="G84" s="8">
        <v>1227</v>
      </c>
      <c r="H84" s="5">
        <v>15</v>
      </c>
      <c r="I84" s="5" t="s">
        <v>69</v>
      </c>
      <c r="J84" s="5" t="s">
        <v>24629</v>
      </c>
      <c r="K84" s="2" t="s">
        <v>24630</v>
      </c>
      <c r="L84" s="5" t="s">
        <v>24629</v>
      </c>
      <c r="M84" s="2" t="s">
        <v>24630</v>
      </c>
      <c r="N84" s="5" t="s">
        <v>24254</v>
      </c>
      <c r="O84" s="5" t="s">
        <v>38</v>
      </c>
      <c r="P84" s="5" t="s">
        <v>39</v>
      </c>
      <c r="Q84" s="5" t="s">
        <v>40</v>
      </c>
      <c r="R84" s="5" t="s">
        <v>1487</v>
      </c>
      <c r="S84" s="5"/>
      <c r="T84" s="5" t="s">
        <v>42</v>
      </c>
      <c r="U84" s="2">
        <v>0</v>
      </c>
      <c r="V84" s="2">
        <v>0</v>
      </c>
      <c r="W84" s="2">
        <v>0</v>
      </c>
      <c r="X84" s="2">
        <v>0</v>
      </c>
      <c r="Y84" s="2">
        <v>0</v>
      </c>
      <c r="Z84" s="2">
        <v>0</v>
      </c>
      <c r="AA84" s="5"/>
      <c r="AB84" s="5" t="s">
        <v>43</v>
      </c>
      <c r="AC84" s="5" t="s">
        <v>44</v>
      </c>
      <c r="AD84" s="2" t="s">
        <v>24644</v>
      </c>
      <c r="AE84" s="1"/>
    </row>
    <row r="85" spans="1:31">
      <c r="A85" s="5" t="s">
        <v>116</v>
      </c>
      <c r="B85" s="21">
        <v>46054</v>
      </c>
      <c r="C85" s="2" t="s">
        <v>24657</v>
      </c>
      <c r="D85" s="14" t="s">
        <v>24658</v>
      </c>
      <c r="E85" s="2" t="s">
        <v>24659</v>
      </c>
      <c r="F85" s="2" t="s">
        <v>24628</v>
      </c>
      <c r="G85" s="8">
        <v>694</v>
      </c>
      <c r="H85" s="5">
        <v>5</v>
      </c>
      <c r="I85" s="5" t="s">
        <v>69</v>
      </c>
      <c r="J85" s="5" t="s">
        <v>24629</v>
      </c>
      <c r="K85" s="2" t="s">
        <v>24630</v>
      </c>
      <c r="L85" s="5" t="s">
        <v>24629</v>
      </c>
      <c r="M85" s="2" t="s">
        <v>24630</v>
      </c>
      <c r="N85" s="5" t="s">
        <v>24254</v>
      </c>
      <c r="O85" s="5" t="s">
        <v>38</v>
      </c>
      <c r="P85" s="5" t="s">
        <v>39</v>
      </c>
      <c r="Q85" s="5" t="s">
        <v>40</v>
      </c>
      <c r="R85" s="5" t="s">
        <v>1487</v>
      </c>
      <c r="S85" s="5"/>
      <c r="T85" s="5" t="s">
        <v>42</v>
      </c>
      <c r="U85" s="2">
        <v>0</v>
      </c>
      <c r="V85" s="2">
        <v>0</v>
      </c>
      <c r="W85" s="2">
        <v>0</v>
      </c>
      <c r="X85" s="2">
        <v>0</v>
      </c>
      <c r="Y85" s="2">
        <v>0</v>
      </c>
      <c r="Z85" s="2">
        <v>0</v>
      </c>
      <c r="AA85" s="5"/>
      <c r="AB85" s="5" t="s">
        <v>43</v>
      </c>
      <c r="AC85" s="5" t="s">
        <v>44</v>
      </c>
      <c r="AD85" s="2" t="s">
        <v>24631</v>
      </c>
      <c r="AE85" s="1"/>
    </row>
    <row r="86" spans="1:31">
      <c r="A86" s="5" t="s">
        <v>116</v>
      </c>
      <c r="B86" s="21">
        <v>46054</v>
      </c>
      <c r="C86" s="2" t="s">
        <v>24660</v>
      </c>
      <c r="D86" s="14" t="s">
        <v>24661</v>
      </c>
      <c r="E86" s="2" t="s">
        <v>24662</v>
      </c>
      <c r="F86" s="2" t="s">
        <v>24628</v>
      </c>
      <c r="G86" s="8">
        <v>694</v>
      </c>
      <c r="H86" s="5">
        <v>15</v>
      </c>
      <c r="I86" s="5" t="s">
        <v>69</v>
      </c>
      <c r="J86" s="5" t="s">
        <v>24629</v>
      </c>
      <c r="K86" s="2" t="s">
        <v>24630</v>
      </c>
      <c r="L86" s="5" t="s">
        <v>24629</v>
      </c>
      <c r="M86" s="2" t="s">
        <v>24630</v>
      </c>
      <c r="N86" s="5" t="s">
        <v>24254</v>
      </c>
      <c r="O86" s="5" t="s">
        <v>38</v>
      </c>
      <c r="P86" s="5" t="s">
        <v>39</v>
      </c>
      <c r="Q86" s="5" t="s">
        <v>40</v>
      </c>
      <c r="R86" s="5" t="s">
        <v>1487</v>
      </c>
      <c r="S86" s="5"/>
      <c r="T86" s="5" t="s">
        <v>42</v>
      </c>
      <c r="U86" s="2">
        <v>0</v>
      </c>
      <c r="V86" s="2">
        <v>0</v>
      </c>
      <c r="W86" s="2">
        <v>0</v>
      </c>
      <c r="X86" s="2">
        <v>0</v>
      </c>
      <c r="Y86" s="2">
        <v>0</v>
      </c>
      <c r="Z86" s="2">
        <v>0</v>
      </c>
      <c r="AA86" s="5"/>
      <c r="AB86" s="5" t="s">
        <v>43</v>
      </c>
      <c r="AC86" s="5" t="s">
        <v>44</v>
      </c>
      <c r="AD86" s="2" t="s">
        <v>24635</v>
      </c>
      <c r="AE86" s="1"/>
    </row>
    <row r="87" spans="1:31">
      <c r="A87" s="5" t="s">
        <v>116</v>
      </c>
      <c r="B87" s="21">
        <v>46054</v>
      </c>
      <c r="C87" s="2" t="s">
        <v>24663</v>
      </c>
      <c r="D87" s="14" t="s">
        <v>24664</v>
      </c>
      <c r="E87" s="2" t="s">
        <v>24665</v>
      </c>
      <c r="F87" s="2" t="s">
        <v>24639</v>
      </c>
      <c r="G87" s="8">
        <v>1276</v>
      </c>
      <c r="H87" s="5">
        <v>15</v>
      </c>
      <c r="I87" s="5" t="s">
        <v>69</v>
      </c>
      <c r="J87" s="5" t="s">
        <v>24629</v>
      </c>
      <c r="K87" s="2" t="s">
        <v>24630</v>
      </c>
      <c r="L87" s="5" t="s">
        <v>24629</v>
      </c>
      <c r="M87" s="2" t="s">
        <v>24630</v>
      </c>
      <c r="N87" s="5" t="s">
        <v>24254</v>
      </c>
      <c r="O87" s="5" t="s">
        <v>38</v>
      </c>
      <c r="P87" s="5" t="s">
        <v>39</v>
      </c>
      <c r="Q87" s="5" t="s">
        <v>40</v>
      </c>
      <c r="R87" s="5" t="s">
        <v>1487</v>
      </c>
      <c r="S87" s="5"/>
      <c r="T87" s="5" t="s">
        <v>42</v>
      </c>
      <c r="U87" s="2">
        <v>0</v>
      </c>
      <c r="V87" s="2">
        <v>0</v>
      </c>
      <c r="W87" s="2">
        <v>0</v>
      </c>
      <c r="X87" s="2">
        <v>0</v>
      </c>
      <c r="Y87" s="2">
        <v>0</v>
      </c>
      <c r="Z87" s="2">
        <v>0</v>
      </c>
      <c r="AA87" s="5"/>
      <c r="AB87" s="5" t="s">
        <v>43</v>
      </c>
      <c r="AC87" s="5" t="s">
        <v>44</v>
      </c>
      <c r="AD87" s="2" t="s">
        <v>24640</v>
      </c>
      <c r="AE87" s="1"/>
    </row>
    <row r="88" spans="1:31">
      <c r="A88" s="5" t="s">
        <v>116</v>
      </c>
      <c r="B88" s="21">
        <v>46054</v>
      </c>
      <c r="C88" s="2" t="s">
        <v>24666</v>
      </c>
      <c r="D88" s="14" t="s">
        <v>24667</v>
      </c>
      <c r="E88" s="2" t="s">
        <v>24668</v>
      </c>
      <c r="F88" s="2" t="s">
        <v>24639</v>
      </c>
      <c r="G88" s="8">
        <v>1276</v>
      </c>
      <c r="H88" s="5">
        <v>15</v>
      </c>
      <c r="I88" s="5" t="s">
        <v>69</v>
      </c>
      <c r="J88" s="5" t="s">
        <v>24629</v>
      </c>
      <c r="K88" s="2" t="s">
        <v>24630</v>
      </c>
      <c r="L88" s="5" t="s">
        <v>24629</v>
      </c>
      <c r="M88" s="2" t="s">
        <v>24630</v>
      </c>
      <c r="N88" s="5" t="s">
        <v>24254</v>
      </c>
      <c r="O88" s="5" t="s">
        <v>38</v>
      </c>
      <c r="P88" s="5" t="s">
        <v>39</v>
      </c>
      <c r="Q88" s="5" t="s">
        <v>40</v>
      </c>
      <c r="R88" s="5" t="s">
        <v>1487</v>
      </c>
      <c r="S88" s="5"/>
      <c r="T88" s="5" t="s">
        <v>42</v>
      </c>
      <c r="U88" s="2">
        <v>0</v>
      </c>
      <c r="V88" s="2">
        <v>0</v>
      </c>
      <c r="W88" s="2">
        <v>0</v>
      </c>
      <c r="X88" s="2">
        <v>0</v>
      </c>
      <c r="Y88" s="2">
        <v>0</v>
      </c>
      <c r="Z88" s="2">
        <v>0</v>
      </c>
      <c r="AA88" s="5"/>
      <c r="AB88" s="5" t="s">
        <v>43</v>
      </c>
      <c r="AC88" s="5" t="s">
        <v>44</v>
      </c>
      <c r="AD88" s="2" t="s">
        <v>24644</v>
      </c>
      <c r="AE88" s="1"/>
    </row>
    <row r="89" spans="1:31">
      <c r="A89" s="5" t="s">
        <v>116</v>
      </c>
      <c r="B89" s="21">
        <v>46054</v>
      </c>
      <c r="C89" s="2" t="s">
        <v>24669</v>
      </c>
      <c r="D89" s="14" t="s">
        <v>24670</v>
      </c>
      <c r="E89" s="2" t="s">
        <v>24671</v>
      </c>
      <c r="F89" s="2" t="s">
        <v>24628</v>
      </c>
      <c r="G89" s="8">
        <v>685</v>
      </c>
      <c r="H89" s="5">
        <v>5</v>
      </c>
      <c r="I89" s="5" t="s">
        <v>69</v>
      </c>
      <c r="J89" s="5" t="s">
        <v>24629</v>
      </c>
      <c r="K89" s="2" t="s">
        <v>24630</v>
      </c>
      <c r="L89" s="5" t="s">
        <v>24629</v>
      </c>
      <c r="M89" s="2" t="s">
        <v>24630</v>
      </c>
      <c r="N89" s="5" t="s">
        <v>24254</v>
      </c>
      <c r="O89" s="5" t="s">
        <v>38</v>
      </c>
      <c r="P89" s="5" t="s">
        <v>39</v>
      </c>
      <c r="Q89" s="5" t="s">
        <v>40</v>
      </c>
      <c r="R89" s="5" t="s">
        <v>1487</v>
      </c>
      <c r="S89" s="5"/>
      <c r="T89" s="5" t="s">
        <v>42</v>
      </c>
      <c r="U89" s="2">
        <v>0</v>
      </c>
      <c r="V89" s="2">
        <v>0</v>
      </c>
      <c r="W89" s="2">
        <v>0</v>
      </c>
      <c r="X89" s="2">
        <v>0</v>
      </c>
      <c r="Y89" s="2">
        <v>0</v>
      </c>
      <c r="Z89" s="2">
        <v>0</v>
      </c>
      <c r="AA89" s="5"/>
      <c r="AB89" s="5" t="s">
        <v>43</v>
      </c>
      <c r="AC89" s="5" t="s">
        <v>44</v>
      </c>
      <c r="AD89" s="2" t="s">
        <v>24631</v>
      </c>
      <c r="AE89" s="1"/>
    </row>
    <row r="90" spans="1:31">
      <c r="A90" s="5" t="s">
        <v>116</v>
      </c>
      <c r="B90" s="21">
        <v>46054</v>
      </c>
      <c r="C90" s="2" t="s">
        <v>24672</v>
      </c>
      <c r="D90" s="14" t="s">
        <v>24673</v>
      </c>
      <c r="E90" s="2" t="s">
        <v>24674</v>
      </c>
      <c r="F90" s="2" t="s">
        <v>24628</v>
      </c>
      <c r="G90" s="8">
        <v>685</v>
      </c>
      <c r="H90" s="5">
        <v>15</v>
      </c>
      <c r="I90" s="5" t="s">
        <v>69</v>
      </c>
      <c r="J90" s="5" t="s">
        <v>24629</v>
      </c>
      <c r="K90" s="2" t="s">
        <v>24630</v>
      </c>
      <c r="L90" s="5" t="s">
        <v>24629</v>
      </c>
      <c r="M90" s="2" t="s">
        <v>24630</v>
      </c>
      <c r="N90" s="5" t="s">
        <v>24254</v>
      </c>
      <c r="O90" s="5" t="s">
        <v>38</v>
      </c>
      <c r="P90" s="5" t="s">
        <v>39</v>
      </c>
      <c r="Q90" s="5" t="s">
        <v>40</v>
      </c>
      <c r="R90" s="5" t="s">
        <v>1487</v>
      </c>
      <c r="S90" s="5"/>
      <c r="T90" s="5" t="s">
        <v>42</v>
      </c>
      <c r="U90" s="2">
        <v>0</v>
      </c>
      <c r="V90" s="2">
        <v>0</v>
      </c>
      <c r="W90" s="2">
        <v>0</v>
      </c>
      <c r="X90" s="2">
        <v>0</v>
      </c>
      <c r="Y90" s="2">
        <v>0</v>
      </c>
      <c r="Z90" s="2">
        <v>0</v>
      </c>
      <c r="AA90" s="5"/>
      <c r="AB90" s="5" t="s">
        <v>43</v>
      </c>
      <c r="AC90" s="5" t="s">
        <v>44</v>
      </c>
      <c r="AD90" s="2" t="s">
        <v>24635</v>
      </c>
      <c r="AE90" s="1"/>
    </row>
    <row r="91" spans="1:31">
      <c r="A91" s="5" t="s">
        <v>116</v>
      </c>
      <c r="B91" s="21">
        <v>46054</v>
      </c>
      <c r="C91" s="2" t="s">
        <v>24675</v>
      </c>
      <c r="D91" s="14" t="s">
        <v>24676</v>
      </c>
      <c r="E91" s="2" t="s">
        <v>24677</v>
      </c>
      <c r="F91" s="2" t="s">
        <v>24639</v>
      </c>
      <c r="G91" s="8">
        <v>1302</v>
      </c>
      <c r="H91" s="5">
        <v>15</v>
      </c>
      <c r="I91" s="5" t="s">
        <v>69</v>
      </c>
      <c r="J91" s="5" t="s">
        <v>24629</v>
      </c>
      <c r="K91" s="2" t="s">
        <v>24630</v>
      </c>
      <c r="L91" s="5" t="s">
        <v>24629</v>
      </c>
      <c r="M91" s="2" t="s">
        <v>24630</v>
      </c>
      <c r="N91" s="5" t="s">
        <v>24254</v>
      </c>
      <c r="O91" s="5" t="s">
        <v>38</v>
      </c>
      <c r="P91" s="5" t="s">
        <v>39</v>
      </c>
      <c r="Q91" s="5" t="s">
        <v>40</v>
      </c>
      <c r="R91" s="5" t="s">
        <v>1487</v>
      </c>
      <c r="S91" s="5"/>
      <c r="T91" s="5" t="s">
        <v>42</v>
      </c>
      <c r="U91" s="2">
        <v>0</v>
      </c>
      <c r="V91" s="2">
        <v>0</v>
      </c>
      <c r="W91" s="2">
        <v>0</v>
      </c>
      <c r="X91" s="2">
        <v>0</v>
      </c>
      <c r="Y91" s="2">
        <v>0</v>
      </c>
      <c r="Z91" s="2">
        <v>0</v>
      </c>
      <c r="AA91" s="5"/>
      <c r="AB91" s="5" t="s">
        <v>43</v>
      </c>
      <c r="AC91" s="5" t="s">
        <v>44</v>
      </c>
      <c r="AD91" s="2" t="s">
        <v>24640</v>
      </c>
      <c r="AE91" s="1"/>
    </row>
    <row r="92" spans="1:31">
      <c r="A92" s="5" t="s">
        <v>116</v>
      </c>
      <c r="B92" s="21">
        <v>46054</v>
      </c>
      <c r="C92" s="2" t="s">
        <v>24678</v>
      </c>
      <c r="D92" s="14" t="s">
        <v>24679</v>
      </c>
      <c r="E92" s="2" t="s">
        <v>24680</v>
      </c>
      <c r="F92" s="2" t="s">
        <v>24639</v>
      </c>
      <c r="G92" s="8">
        <v>1302</v>
      </c>
      <c r="H92" s="5">
        <v>15</v>
      </c>
      <c r="I92" s="5" t="s">
        <v>69</v>
      </c>
      <c r="J92" s="5" t="s">
        <v>24629</v>
      </c>
      <c r="K92" s="2" t="s">
        <v>24630</v>
      </c>
      <c r="L92" s="5" t="s">
        <v>24629</v>
      </c>
      <c r="M92" s="2" t="s">
        <v>24630</v>
      </c>
      <c r="N92" s="5" t="s">
        <v>24254</v>
      </c>
      <c r="O92" s="5" t="s">
        <v>38</v>
      </c>
      <c r="P92" s="5" t="s">
        <v>39</v>
      </c>
      <c r="Q92" s="5" t="s">
        <v>40</v>
      </c>
      <c r="R92" s="5" t="s">
        <v>1487</v>
      </c>
      <c r="S92" s="5"/>
      <c r="T92" s="5" t="s">
        <v>42</v>
      </c>
      <c r="U92" s="2">
        <v>0</v>
      </c>
      <c r="V92" s="2">
        <v>0</v>
      </c>
      <c r="W92" s="2">
        <v>0</v>
      </c>
      <c r="X92" s="2">
        <v>0</v>
      </c>
      <c r="Y92" s="2">
        <v>0</v>
      </c>
      <c r="Z92" s="2">
        <v>0</v>
      </c>
      <c r="AA92" s="5"/>
      <c r="AB92" s="5" t="s">
        <v>43</v>
      </c>
      <c r="AC92" s="5" t="s">
        <v>44</v>
      </c>
      <c r="AD92" s="2" t="s">
        <v>24644</v>
      </c>
      <c r="AE92" s="1"/>
    </row>
    <row r="93" spans="1:31">
      <c r="A93" s="5" t="s">
        <v>116</v>
      </c>
      <c r="B93" s="21">
        <v>46054</v>
      </c>
      <c r="C93" s="2" t="s">
        <v>24681</v>
      </c>
      <c r="D93" s="14" t="s">
        <v>24682</v>
      </c>
      <c r="E93" s="2" t="s">
        <v>24683</v>
      </c>
      <c r="F93" s="2" t="s">
        <v>24628</v>
      </c>
      <c r="G93" s="8">
        <v>729</v>
      </c>
      <c r="H93" s="5">
        <v>5</v>
      </c>
      <c r="I93" s="5" t="s">
        <v>69</v>
      </c>
      <c r="J93" s="5" t="s">
        <v>24629</v>
      </c>
      <c r="K93" s="2" t="s">
        <v>24630</v>
      </c>
      <c r="L93" s="5" t="s">
        <v>24629</v>
      </c>
      <c r="M93" s="2" t="s">
        <v>24630</v>
      </c>
      <c r="N93" s="5" t="s">
        <v>24254</v>
      </c>
      <c r="O93" s="5" t="s">
        <v>38</v>
      </c>
      <c r="P93" s="5" t="s">
        <v>39</v>
      </c>
      <c r="Q93" s="5" t="s">
        <v>40</v>
      </c>
      <c r="R93" s="5" t="s">
        <v>1487</v>
      </c>
      <c r="S93" s="5"/>
      <c r="T93" s="5" t="s">
        <v>42</v>
      </c>
      <c r="U93" s="2">
        <v>0</v>
      </c>
      <c r="V93" s="2">
        <v>0</v>
      </c>
      <c r="W93" s="2">
        <v>0</v>
      </c>
      <c r="X93" s="2">
        <v>0</v>
      </c>
      <c r="Y93" s="2">
        <v>0</v>
      </c>
      <c r="Z93" s="2">
        <v>0</v>
      </c>
      <c r="AA93" s="5"/>
      <c r="AB93" s="5" t="s">
        <v>43</v>
      </c>
      <c r="AC93" s="5" t="s">
        <v>44</v>
      </c>
      <c r="AD93" s="2" t="s">
        <v>24631</v>
      </c>
      <c r="AE93" s="1"/>
    </row>
    <row r="94" spans="1:31">
      <c r="A94" s="5" t="s">
        <v>116</v>
      </c>
      <c r="B94" s="21">
        <v>46054</v>
      </c>
      <c r="C94" s="2" t="s">
        <v>24684</v>
      </c>
      <c r="D94" s="14" t="s">
        <v>24685</v>
      </c>
      <c r="E94" s="2" t="s">
        <v>24686</v>
      </c>
      <c r="F94" s="2" t="s">
        <v>24628</v>
      </c>
      <c r="G94" s="8">
        <v>729</v>
      </c>
      <c r="H94" s="5">
        <v>15</v>
      </c>
      <c r="I94" s="5" t="s">
        <v>69</v>
      </c>
      <c r="J94" s="5" t="s">
        <v>24629</v>
      </c>
      <c r="K94" s="2" t="s">
        <v>24630</v>
      </c>
      <c r="L94" s="5" t="s">
        <v>24629</v>
      </c>
      <c r="M94" s="2" t="s">
        <v>24630</v>
      </c>
      <c r="N94" s="5" t="s">
        <v>24254</v>
      </c>
      <c r="O94" s="5" t="s">
        <v>38</v>
      </c>
      <c r="P94" s="5" t="s">
        <v>39</v>
      </c>
      <c r="Q94" s="5" t="s">
        <v>40</v>
      </c>
      <c r="R94" s="5" t="s">
        <v>1487</v>
      </c>
      <c r="S94" s="5"/>
      <c r="T94" s="5" t="s">
        <v>42</v>
      </c>
      <c r="U94" s="2">
        <v>0</v>
      </c>
      <c r="V94" s="2">
        <v>0</v>
      </c>
      <c r="W94" s="2">
        <v>0</v>
      </c>
      <c r="X94" s="2">
        <v>0</v>
      </c>
      <c r="Y94" s="2">
        <v>0</v>
      </c>
      <c r="Z94" s="2">
        <v>0</v>
      </c>
      <c r="AA94" s="5"/>
      <c r="AB94" s="5" t="s">
        <v>43</v>
      </c>
      <c r="AC94" s="5" t="s">
        <v>44</v>
      </c>
      <c r="AD94" s="2" t="s">
        <v>24635</v>
      </c>
      <c r="AE94" s="1"/>
    </row>
    <row r="95" spans="1:31">
      <c r="A95" s="5" t="s">
        <v>116</v>
      </c>
      <c r="B95" s="21">
        <v>46054</v>
      </c>
      <c r="C95" s="2" t="s">
        <v>24687</v>
      </c>
      <c r="D95" s="14" t="s">
        <v>24688</v>
      </c>
      <c r="E95" s="2" t="s">
        <v>24689</v>
      </c>
      <c r="F95" s="2" t="s">
        <v>24639</v>
      </c>
      <c r="G95" s="8">
        <v>1390</v>
      </c>
      <c r="H95" s="5">
        <v>15</v>
      </c>
      <c r="I95" s="5" t="s">
        <v>69</v>
      </c>
      <c r="J95" s="5" t="s">
        <v>24629</v>
      </c>
      <c r="K95" s="2" t="s">
        <v>24630</v>
      </c>
      <c r="L95" s="5" t="s">
        <v>24629</v>
      </c>
      <c r="M95" s="2" t="s">
        <v>24630</v>
      </c>
      <c r="N95" s="5" t="s">
        <v>24254</v>
      </c>
      <c r="O95" s="5" t="s">
        <v>38</v>
      </c>
      <c r="P95" s="5" t="s">
        <v>39</v>
      </c>
      <c r="Q95" s="5" t="s">
        <v>40</v>
      </c>
      <c r="R95" s="5" t="s">
        <v>1487</v>
      </c>
      <c r="S95" s="5"/>
      <c r="T95" s="5" t="s">
        <v>42</v>
      </c>
      <c r="U95" s="2">
        <v>0</v>
      </c>
      <c r="V95" s="2">
        <v>0</v>
      </c>
      <c r="W95" s="2">
        <v>0</v>
      </c>
      <c r="X95" s="2">
        <v>0</v>
      </c>
      <c r="Y95" s="2">
        <v>0</v>
      </c>
      <c r="Z95" s="2">
        <v>0</v>
      </c>
      <c r="AA95" s="5"/>
      <c r="AB95" s="5" t="s">
        <v>43</v>
      </c>
      <c r="AC95" s="5" t="s">
        <v>44</v>
      </c>
      <c r="AD95" s="2" t="s">
        <v>24640</v>
      </c>
      <c r="AE95" s="1"/>
    </row>
    <row r="96" spans="1:31">
      <c r="A96" s="5" t="s">
        <v>116</v>
      </c>
      <c r="B96" s="21">
        <v>46054</v>
      </c>
      <c r="C96" s="2" t="s">
        <v>24690</v>
      </c>
      <c r="D96" s="14" t="s">
        <v>24691</v>
      </c>
      <c r="E96" s="2" t="s">
        <v>24692</v>
      </c>
      <c r="F96" s="2" t="s">
        <v>24639</v>
      </c>
      <c r="G96" s="8">
        <v>1390</v>
      </c>
      <c r="H96" s="5">
        <v>15</v>
      </c>
      <c r="I96" s="5" t="s">
        <v>69</v>
      </c>
      <c r="J96" s="5" t="s">
        <v>24629</v>
      </c>
      <c r="K96" s="2" t="s">
        <v>24630</v>
      </c>
      <c r="L96" s="5" t="s">
        <v>24629</v>
      </c>
      <c r="M96" s="2" t="s">
        <v>24630</v>
      </c>
      <c r="N96" s="5" t="s">
        <v>24254</v>
      </c>
      <c r="O96" s="5" t="s">
        <v>38</v>
      </c>
      <c r="P96" s="5" t="s">
        <v>39</v>
      </c>
      <c r="Q96" s="5" t="s">
        <v>40</v>
      </c>
      <c r="R96" s="5" t="s">
        <v>1487</v>
      </c>
      <c r="S96" s="5"/>
      <c r="T96" s="5" t="s">
        <v>42</v>
      </c>
      <c r="U96" s="2">
        <v>0</v>
      </c>
      <c r="V96" s="2">
        <v>0</v>
      </c>
      <c r="W96" s="2">
        <v>0</v>
      </c>
      <c r="X96" s="2">
        <v>0</v>
      </c>
      <c r="Y96" s="2">
        <v>0</v>
      </c>
      <c r="Z96" s="2">
        <v>0</v>
      </c>
      <c r="AA96" s="5"/>
      <c r="AB96" s="5" t="s">
        <v>43</v>
      </c>
      <c r="AC96" s="5" t="s">
        <v>44</v>
      </c>
      <c r="AD96" s="2" t="s">
        <v>24644</v>
      </c>
      <c r="AE96" s="1"/>
    </row>
    <row r="97" spans="1:31">
      <c r="A97" s="5" t="s">
        <v>116</v>
      </c>
      <c r="B97" s="21">
        <v>46054</v>
      </c>
      <c r="C97" s="2" t="s">
        <v>24693</v>
      </c>
      <c r="D97" s="14" t="s">
        <v>24694</v>
      </c>
      <c r="E97" s="2" t="s">
        <v>24695</v>
      </c>
      <c r="F97" s="2" t="s">
        <v>24628</v>
      </c>
      <c r="G97" s="8">
        <v>743</v>
      </c>
      <c r="H97" s="5">
        <v>5</v>
      </c>
      <c r="I97" s="5" t="s">
        <v>69</v>
      </c>
      <c r="J97" s="5" t="s">
        <v>24629</v>
      </c>
      <c r="K97" s="2" t="s">
        <v>24630</v>
      </c>
      <c r="L97" s="5" t="s">
        <v>24629</v>
      </c>
      <c r="M97" s="2" t="s">
        <v>24630</v>
      </c>
      <c r="N97" s="5" t="s">
        <v>24254</v>
      </c>
      <c r="O97" s="5" t="s">
        <v>38</v>
      </c>
      <c r="P97" s="5" t="s">
        <v>39</v>
      </c>
      <c r="Q97" s="5" t="s">
        <v>40</v>
      </c>
      <c r="R97" s="5" t="s">
        <v>1487</v>
      </c>
      <c r="S97" s="5"/>
      <c r="T97" s="5" t="s">
        <v>42</v>
      </c>
      <c r="U97" s="2">
        <v>0</v>
      </c>
      <c r="V97" s="2">
        <v>0</v>
      </c>
      <c r="W97" s="2">
        <v>0</v>
      </c>
      <c r="X97" s="2">
        <v>0</v>
      </c>
      <c r="Y97" s="2">
        <v>0</v>
      </c>
      <c r="Z97" s="2">
        <v>0</v>
      </c>
      <c r="AA97" s="5"/>
      <c r="AB97" s="5" t="s">
        <v>43</v>
      </c>
      <c r="AC97" s="5" t="s">
        <v>44</v>
      </c>
      <c r="AD97" s="2" t="s">
        <v>24631</v>
      </c>
      <c r="AE97" s="1"/>
    </row>
    <row r="98" spans="1:31">
      <c r="A98" s="5" t="s">
        <v>116</v>
      </c>
      <c r="B98" s="21">
        <v>46054</v>
      </c>
      <c r="C98" s="2" t="s">
        <v>24696</v>
      </c>
      <c r="D98" s="14" t="s">
        <v>24697</v>
      </c>
      <c r="E98" s="2" t="s">
        <v>24698</v>
      </c>
      <c r="F98" s="2" t="s">
        <v>24628</v>
      </c>
      <c r="G98" s="8">
        <v>743</v>
      </c>
      <c r="H98" s="5">
        <v>15</v>
      </c>
      <c r="I98" s="5" t="s">
        <v>69</v>
      </c>
      <c r="J98" s="5" t="s">
        <v>24629</v>
      </c>
      <c r="K98" s="2" t="s">
        <v>24630</v>
      </c>
      <c r="L98" s="5" t="s">
        <v>24629</v>
      </c>
      <c r="M98" s="2" t="s">
        <v>24630</v>
      </c>
      <c r="N98" s="5" t="s">
        <v>24254</v>
      </c>
      <c r="O98" s="5" t="s">
        <v>38</v>
      </c>
      <c r="P98" s="5" t="s">
        <v>39</v>
      </c>
      <c r="Q98" s="5" t="s">
        <v>40</v>
      </c>
      <c r="R98" s="5" t="s">
        <v>1487</v>
      </c>
      <c r="S98" s="5"/>
      <c r="T98" s="5" t="s">
        <v>42</v>
      </c>
      <c r="U98" s="2">
        <v>0</v>
      </c>
      <c r="V98" s="2">
        <v>0</v>
      </c>
      <c r="W98" s="2">
        <v>0</v>
      </c>
      <c r="X98" s="2">
        <v>0</v>
      </c>
      <c r="Y98" s="2">
        <v>0</v>
      </c>
      <c r="Z98" s="2">
        <v>0</v>
      </c>
      <c r="AA98" s="5"/>
      <c r="AB98" s="5" t="s">
        <v>43</v>
      </c>
      <c r="AC98" s="5" t="s">
        <v>44</v>
      </c>
      <c r="AD98" s="2" t="s">
        <v>24635</v>
      </c>
      <c r="AE98" s="1"/>
    </row>
    <row r="99" spans="1:31">
      <c r="A99" s="5" t="s">
        <v>116</v>
      </c>
      <c r="B99" s="21">
        <v>46054</v>
      </c>
      <c r="C99" s="2" t="s">
        <v>24699</v>
      </c>
      <c r="D99" s="14" t="s">
        <v>24700</v>
      </c>
      <c r="E99" s="2" t="s">
        <v>24701</v>
      </c>
      <c r="F99" s="2" t="s">
        <v>24639</v>
      </c>
      <c r="G99" s="8">
        <v>1419</v>
      </c>
      <c r="H99" s="5">
        <v>15</v>
      </c>
      <c r="I99" s="5" t="s">
        <v>69</v>
      </c>
      <c r="J99" s="5" t="s">
        <v>24629</v>
      </c>
      <c r="K99" s="2" t="s">
        <v>24630</v>
      </c>
      <c r="L99" s="5" t="s">
        <v>24629</v>
      </c>
      <c r="M99" s="2" t="s">
        <v>24630</v>
      </c>
      <c r="N99" s="5" t="s">
        <v>24254</v>
      </c>
      <c r="O99" s="5" t="s">
        <v>38</v>
      </c>
      <c r="P99" s="5" t="s">
        <v>39</v>
      </c>
      <c r="Q99" s="5" t="s">
        <v>40</v>
      </c>
      <c r="R99" s="5" t="s">
        <v>1487</v>
      </c>
      <c r="S99" s="5"/>
      <c r="T99" s="5" t="s">
        <v>42</v>
      </c>
      <c r="U99" s="2">
        <v>0</v>
      </c>
      <c r="V99" s="2">
        <v>0</v>
      </c>
      <c r="W99" s="2">
        <v>0</v>
      </c>
      <c r="X99" s="2">
        <v>0</v>
      </c>
      <c r="Y99" s="2">
        <v>0</v>
      </c>
      <c r="Z99" s="2">
        <v>0</v>
      </c>
      <c r="AA99" s="5"/>
      <c r="AB99" s="5" t="s">
        <v>43</v>
      </c>
      <c r="AC99" s="5" t="s">
        <v>44</v>
      </c>
      <c r="AD99" s="2" t="s">
        <v>24640</v>
      </c>
      <c r="AE99" s="1"/>
    </row>
    <row r="100" spans="1:31">
      <c r="A100" s="5" t="s">
        <v>116</v>
      </c>
      <c r="B100" s="21">
        <v>46054</v>
      </c>
      <c r="C100" s="2" t="s">
        <v>24702</v>
      </c>
      <c r="D100" s="14" t="s">
        <v>24703</v>
      </c>
      <c r="E100" s="2" t="s">
        <v>24704</v>
      </c>
      <c r="F100" s="2" t="s">
        <v>24639</v>
      </c>
      <c r="G100" s="8">
        <v>1419</v>
      </c>
      <c r="H100" s="5">
        <v>15</v>
      </c>
      <c r="I100" s="5" t="s">
        <v>69</v>
      </c>
      <c r="J100" s="5" t="s">
        <v>24629</v>
      </c>
      <c r="K100" s="2" t="s">
        <v>24630</v>
      </c>
      <c r="L100" s="5" t="s">
        <v>24629</v>
      </c>
      <c r="M100" s="2" t="s">
        <v>24630</v>
      </c>
      <c r="N100" s="5" t="s">
        <v>24254</v>
      </c>
      <c r="O100" s="5" t="s">
        <v>38</v>
      </c>
      <c r="P100" s="5" t="s">
        <v>39</v>
      </c>
      <c r="Q100" s="5" t="s">
        <v>40</v>
      </c>
      <c r="R100" s="5" t="s">
        <v>1487</v>
      </c>
      <c r="S100" s="5"/>
      <c r="T100" s="5" t="s">
        <v>42</v>
      </c>
      <c r="U100" s="2">
        <v>0</v>
      </c>
      <c r="V100" s="2">
        <v>0</v>
      </c>
      <c r="W100" s="2">
        <v>0</v>
      </c>
      <c r="X100" s="2">
        <v>0</v>
      </c>
      <c r="Y100" s="2">
        <v>0</v>
      </c>
      <c r="Z100" s="2">
        <v>0</v>
      </c>
      <c r="AA100" s="5"/>
      <c r="AB100" s="5" t="s">
        <v>43</v>
      </c>
      <c r="AC100" s="5" t="s">
        <v>44</v>
      </c>
      <c r="AD100" s="2" t="s">
        <v>24644</v>
      </c>
      <c r="AE100" s="1"/>
    </row>
    <row r="101" spans="1:31">
      <c r="A101" s="5" t="s">
        <v>116</v>
      </c>
      <c r="B101" s="21">
        <v>46054</v>
      </c>
      <c r="C101" s="2" t="s">
        <v>24705</v>
      </c>
      <c r="D101" s="14" t="s">
        <v>24706</v>
      </c>
      <c r="E101" s="2" t="s">
        <v>24707</v>
      </c>
      <c r="F101" s="2" t="s">
        <v>24628</v>
      </c>
      <c r="G101" s="8">
        <v>714</v>
      </c>
      <c r="H101" s="5">
        <v>5</v>
      </c>
      <c r="I101" s="5" t="s">
        <v>69</v>
      </c>
      <c r="J101" s="5" t="s">
        <v>24629</v>
      </c>
      <c r="K101" s="2" t="s">
        <v>24630</v>
      </c>
      <c r="L101" s="5" t="s">
        <v>24629</v>
      </c>
      <c r="M101" s="2" t="s">
        <v>24630</v>
      </c>
      <c r="N101" s="5" t="s">
        <v>24254</v>
      </c>
      <c r="O101" s="5" t="s">
        <v>38</v>
      </c>
      <c r="P101" s="5" t="s">
        <v>39</v>
      </c>
      <c r="Q101" s="5" t="s">
        <v>40</v>
      </c>
      <c r="R101" s="5" t="s">
        <v>1487</v>
      </c>
      <c r="S101" s="5"/>
      <c r="T101" s="5" t="s">
        <v>42</v>
      </c>
      <c r="U101" s="2">
        <v>0</v>
      </c>
      <c r="V101" s="2">
        <v>0</v>
      </c>
      <c r="W101" s="2">
        <v>0</v>
      </c>
      <c r="X101" s="2">
        <v>0</v>
      </c>
      <c r="Y101" s="2">
        <v>0</v>
      </c>
      <c r="Z101" s="2">
        <v>0</v>
      </c>
      <c r="AA101" s="5"/>
      <c r="AB101" s="5" t="s">
        <v>43</v>
      </c>
      <c r="AC101" s="5" t="s">
        <v>44</v>
      </c>
      <c r="AD101" s="2" t="s">
        <v>24631</v>
      </c>
      <c r="AE101" s="1"/>
    </row>
    <row r="102" spans="1:31">
      <c r="A102" s="5" t="s">
        <v>116</v>
      </c>
      <c r="B102" s="21">
        <v>46054</v>
      </c>
      <c r="C102" s="2" t="s">
        <v>24708</v>
      </c>
      <c r="D102" s="14" t="s">
        <v>24709</v>
      </c>
      <c r="E102" s="2" t="s">
        <v>24710</v>
      </c>
      <c r="F102" s="2" t="s">
        <v>24628</v>
      </c>
      <c r="G102" s="8">
        <v>714</v>
      </c>
      <c r="H102" s="5">
        <v>15</v>
      </c>
      <c r="I102" s="5" t="s">
        <v>69</v>
      </c>
      <c r="J102" s="5" t="s">
        <v>24629</v>
      </c>
      <c r="K102" s="2" t="s">
        <v>24630</v>
      </c>
      <c r="L102" s="5" t="s">
        <v>24629</v>
      </c>
      <c r="M102" s="2" t="s">
        <v>24630</v>
      </c>
      <c r="N102" s="5" t="s">
        <v>24254</v>
      </c>
      <c r="O102" s="5" t="s">
        <v>38</v>
      </c>
      <c r="P102" s="5" t="s">
        <v>39</v>
      </c>
      <c r="Q102" s="5" t="s">
        <v>40</v>
      </c>
      <c r="R102" s="5" t="s">
        <v>1487</v>
      </c>
      <c r="S102" s="5"/>
      <c r="T102" s="5" t="s">
        <v>42</v>
      </c>
      <c r="U102" s="2">
        <v>0</v>
      </c>
      <c r="V102" s="2">
        <v>0</v>
      </c>
      <c r="W102" s="2">
        <v>0</v>
      </c>
      <c r="X102" s="2">
        <v>0</v>
      </c>
      <c r="Y102" s="2">
        <v>0</v>
      </c>
      <c r="Z102" s="2">
        <v>0</v>
      </c>
      <c r="AA102" s="5"/>
      <c r="AB102" s="5" t="s">
        <v>43</v>
      </c>
      <c r="AC102" s="5" t="s">
        <v>44</v>
      </c>
      <c r="AD102" s="2" t="s">
        <v>24635</v>
      </c>
      <c r="AE102" s="1"/>
    </row>
    <row r="103" spans="1:31">
      <c r="A103" s="5" t="s">
        <v>116</v>
      </c>
      <c r="B103" s="21">
        <v>46054</v>
      </c>
      <c r="C103" s="2" t="s">
        <v>24711</v>
      </c>
      <c r="D103" s="14" t="s">
        <v>24712</v>
      </c>
      <c r="E103" s="2" t="s">
        <v>24713</v>
      </c>
      <c r="F103" s="2" t="s">
        <v>24639</v>
      </c>
      <c r="G103" s="8">
        <v>1358</v>
      </c>
      <c r="H103" s="5">
        <v>15</v>
      </c>
      <c r="I103" s="5" t="s">
        <v>69</v>
      </c>
      <c r="J103" s="5" t="s">
        <v>24629</v>
      </c>
      <c r="K103" s="2" t="s">
        <v>24630</v>
      </c>
      <c r="L103" s="5" t="s">
        <v>24629</v>
      </c>
      <c r="M103" s="2" t="s">
        <v>24630</v>
      </c>
      <c r="N103" s="5" t="s">
        <v>24254</v>
      </c>
      <c r="O103" s="5" t="s">
        <v>38</v>
      </c>
      <c r="P103" s="5" t="s">
        <v>39</v>
      </c>
      <c r="Q103" s="5" t="s">
        <v>40</v>
      </c>
      <c r="R103" s="5" t="s">
        <v>1487</v>
      </c>
      <c r="S103" s="5"/>
      <c r="T103" s="5" t="s">
        <v>42</v>
      </c>
      <c r="U103" s="2">
        <v>0</v>
      </c>
      <c r="V103" s="2">
        <v>0</v>
      </c>
      <c r="W103" s="2">
        <v>0</v>
      </c>
      <c r="X103" s="2">
        <v>0</v>
      </c>
      <c r="Y103" s="2">
        <v>0</v>
      </c>
      <c r="Z103" s="2">
        <v>0</v>
      </c>
      <c r="AA103" s="5"/>
      <c r="AB103" s="5" t="s">
        <v>43</v>
      </c>
      <c r="AC103" s="5" t="s">
        <v>44</v>
      </c>
      <c r="AD103" s="2" t="s">
        <v>24640</v>
      </c>
      <c r="AE103" s="1"/>
    </row>
    <row r="104" spans="1:31">
      <c r="A104" s="5" t="s">
        <v>116</v>
      </c>
      <c r="B104" s="21">
        <v>46054</v>
      </c>
      <c r="C104" s="2" t="s">
        <v>24714</v>
      </c>
      <c r="D104" s="14" t="s">
        <v>24715</v>
      </c>
      <c r="E104" s="2" t="s">
        <v>24716</v>
      </c>
      <c r="F104" s="2" t="s">
        <v>24639</v>
      </c>
      <c r="G104" s="8">
        <v>1358</v>
      </c>
      <c r="H104" s="5">
        <v>15</v>
      </c>
      <c r="I104" s="5" t="s">
        <v>69</v>
      </c>
      <c r="J104" s="5" t="s">
        <v>24629</v>
      </c>
      <c r="K104" s="2" t="s">
        <v>24630</v>
      </c>
      <c r="L104" s="5" t="s">
        <v>24629</v>
      </c>
      <c r="M104" s="2" t="s">
        <v>24630</v>
      </c>
      <c r="N104" s="5" t="s">
        <v>24254</v>
      </c>
      <c r="O104" s="5" t="s">
        <v>38</v>
      </c>
      <c r="P104" s="5" t="s">
        <v>39</v>
      </c>
      <c r="Q104" s="5" t="s">
        <v>40</v>
      </c>
      <c r="R104" s="5" t="s">
        <v>1487</v>
      </c>
      <c r="S104" s="5"/>
      <c r="T104" s="5" t="s">
        <v>42</v>
      </c>
      <c r="U104" s="2">
        <v>0</v>
      </c>
      <c r="V104" s="2">
        <v>0</v>
      </c>
      <c r="W104" s="2">
        <v>0</v>
      </c>
      <c r="X104" s="2">
        <v>0</v>
      </c>
      <c r="Y104" s="2">
        <v>0</v>
      </c>
      <c r="Z104" s="2">
        <v>0</v>
      </c>
      <c r="AA104" s="5"/>
      <c r="AB104" s="5" t="s">
        <v>43</v>
      </c>
      <c r="AC104" s="5" t="s">
        <v>44</v>
      </c>
      <c r="AD104" s="2" t="s">
        <v>24644</v>
      </c>
      <c r="AE104" s="1"/>
    </row>
    <row r="105" spans="1:31">
      <c r="A105" s="5" t="s">
        <v>116</v>
      </c>
      <c r="B105" s="21">
        <v>46054</v>
      </c>
      <c r="C105" s="2" t="s">
        <v>24717</v>
      </c>
      <c r="D105" s="14" t="s">
        <v>24718</v>
      </c>
      <c r="E105" s="2" t="s">
        <v>24719</v>
      </c>
      <c r="F105" s="2" t="s">
        <v>24628</v>
      </c>
      <c r="G105" s="8">
        <v>746</v>
      </c>
      <c r="H105" s="5">
        <v>5</v>
      </c>
      <c r="I105" s="5" t="s">
        <v>69</v>
      </c>
      <c r="J105" s="5" t="s">
        <v>24629</v>
      </c>
      <c r="K105" s="2" t="s">
        <v>24630</v>
      </c>
      <c r="L105" s="5" t="s">
        <v>24629</v>
      </c>
      <c r="M105" s="2" t="s">
        <v>24630</v>
      </c>
      <c r="N105" s="5" t="s">
        <v>24254</v>
      </c>
      <c r="O105" s="5" t="s">
        <v>38</v>
      </c>
      <c r="P105" s="5" t="s">
        <v>39</v>
      </c>
      <c r="Q105" s="5" t="s">
        <v>40</v>
      </c>
      <c r="R105" s="5" t="s">
        <v>1487</v>
      </c>
      <c r="S105" s="5"/>
      <c r="T105" s="5" t="s">
        <v>42</v>
      </c>
      <c r="U105" s="2">
        <v>0</v>
      </c>
      <c r="V105" s="2">
        <v>0</v>
      </c>
      <c r="W105" s="2">
        <v>0</v>
      </c>
      <c r="X105" s="2">
        <v>0</v>
      </c>
      <c r="Y105" s="2">
        <v>0</v>
      </c>
      <c r="Z105" s="2">
        <v>0</v>
      </c>
      <c r="AA105" s="5"/>
      <c r="AB105" s="5" t="s">
        <v>43</v>
      </c>
      <c r="AC105" s="5" t="s">
        <v>44</v>
      </c>
      <c r="AD105" s="2" t="s">
        <v>24631</v>
      </c>
      <c r="AE105" s="1"/>
    </row>
    <row r="106" spans="1:31">
      <c r="A106" s="5" t="s">
        <v>116</v>
      </c>
      <c r="B106" s="21">
        <v>46054</v>
      </c>
      <c r="C106" s="2" t="s">
        <v>24720</v>
      </c>
      <c r="D106" s="14" t="s">
        <v>24721</v>
      </c>
      <c r="E106" s="2" t="s">
        <v>24722</v>
      </c>
      <c r="F106" s="2" t="s">
        <v>24628</v>
      </c>
      <c r="G106" s="8">
        <v>746</v>
      </c>
      <c r="H106" s="5">
        <v>15</v>
      </c>
      <c r="I106" s="5" t="s">
        <v>69</v>
      </c>
      <c r="J106" s="5" t="s">
        <v>24629</v>
      </c>
      <c r="K106" s="2" t="s">
        <v>24630</v>
      </c>
      <c r="L106" s="5" t="s">
        <v>24629</v>
      </c>
      <c r="M106" s="2" t="s">
        <v>24630</v>
      </c>
      <c r="N106" s="5" t="s">
        <v>24254</v>
      </c>
      <c r="O106" s="5" t="s">
        <v>38</v>
      </c>
      <c r="P106" s="5" t="s">
        <v>39</v>
      </c>
      <c r="Q106" s="5" t="s">
        <v>40</v>
      </c>
      <c r="R106" s="5" t="s">
        <v>1487</v>
      </c>
      <c r="S106" s="5"/>
      <c r="T106" s="5" t="s">
        <v>42</v>
      </c>
      <c r="U106" s="2">
        <v>0</v>
      </c>
      <c r="V106" s="2">
        <v>0</v>
      </c>
      <c r="W106" s="2">
        <v>0</v>
      </c>
      <c r="X106" s="2">
        <v>0</v>
      </c>
      <c r="Y106" s="2">
        <v>0</v>
      </c>
      <c r="Z106" s="2">
        <v>0</v>
      </c>
      <c r="AA106" s="5"/>
      <c r="AB106" s="5" t="s">
        <v>43</v>
      </c>
      <c r="AC106" s="5" t="s">
        <v>44</v>
      </c>
      <c r="AD106" s="2" t="s">
        <v>24635</v>
      </c>
      <c r="AE106" s="1"/>
    </row>
    <row r="107" spans="1:31">
      <c r="A107" s="5" t="s">
        <v>116</v>
      </c>
      <c r="B107" s="21">
        <v>46054</v>
      </c>
      <c r="C107" s="2" t="s">
        <v>24723</v>
      </c>
      <c r="D107" s="14" t="s">
        <v>24724</v>
      </c>
      <c r="E107" s="2" t="s">
        <v>24725</v>
      </c>
      <c r="F107" s="2" t="s">
        <v>24639</v>
      </c>
      <c r="G107" s="8">
        <v>1423</v>
      </c>
      <c r="H107" s="5">
        <v>15</v>
      </c>
      <c r="I107" s="5" t="s">
        <v>69</v>
      </c>
      <c r="J107" s="5" t="s">
        <v>24629</v>
      </c>
      <c r="K107" s="2" t="s">
        <v>24630</v>
      </c>
      <c r="L107" s="5" t="s">
        <v>24629</v>
      </c>
      <c r="M107" s="2" t="s">
        <v>24630</v>
      </c>
      <c r="N107" s="5" t="s">
        <v>24254</v>
      </c>
      <c r="O107" s="5" t="s">
        <v>38</v>
      </c>
      <c r="P107" s="5" t="s">
        <v>39</v>
      </c>
      <c r="Q107" s="5" t="s">
        <v>40</v>
      </c>
      <c r="R107" s="5" t="s">
        <v>1487</v>
      </c>
      <c r="S107" s="5"/>
      <c r="T107" s="5" t="s">
        <v>42</v>
      </c>
      <c r="U107" s="2">
        <v>0</v>
      </c>
      <c r="V107" s="2">
        <v>0</v>
      </c>
      <c r="W107" s="2">
        <v>0</v>
      </c>
      <c r="X107" s="2">
        <v>0</v>
      </c>
      <c r="Y107" s="2">
        <v>0</v>
      </c>
      <c r="Z107" s="2">
        <v>0</v>
      </c>
      <c r="AA107" s="5"/>
      <c r="AB107" s="5" t="s">
        <v>43</v>
      </c>
      <c r="AC107" s="5" t="s">
        <v>44</v>
      </c>
      <c r="AD107" s="2" t="s">
        <v>24640</v>
      </c>
      <c r="AE107" s="1"/>
    </row>
    <row r="108" spans="1:31">
      <c r="A108" s="5" t="s">
        <v>116</v>
      </c>
      <c r="B108" s="21">
        <v>46054</v>
      </c>
      <c r="C108" s="2" t="s">
        <v>24726</v>
      </c>
      <c r="D108" s="14" t="s">
        <v>24727</v>
      </c>
      <c r="E108" s="2" t="s">
        <v>24728</v>
      </c>
      <c r="F108" s="2" t="s">
        <v>24639</v>
      </c>
      <c r="G108" s="8">
        <v>1423</v>
      </c>
      <c r="H108" s="5">
        <v>15</v>
      </c>
      <c r="I108" s="5" t="s">
        <v>69</v>
      </c>
      <c r="J108" s="5" t="s">
        <v>24629</v>
      </c>
      <c r="K108" s="2" t="s">
        <v>24630</v>
      </c>
      <c r="L108" s="5" t="s">
        <v>24629</v>
      </c>
      <c r="M108" s="2" t="s">
        <v>24630</v>
      </c>
      <c r="N108" s="5" t="s">
        <v>24254</v>
      </c>
      <c r="O108" s="5" t="s">
        <v>38</v>
      </c>
      <c r="P108" s="5" t="s">
        <v>39</v>
      </c>
      <c r="Q108" s="5" t="s">
        <v>40</v>
      </c>
      <c r="R108" s="5" t="s">
        <v>1487</v>
      </c>
      <c r="S108" s="5"/>
      <c r="T108" s="5" t="s">
        <v>42</v>
      </c>
      <c r="U108" s="2">
        <v>0</v>
      </c>
      <c r="V108" s="2">
        <v>0</v>
      </c>
      <c r="W108" s="2">
        <v>0</v>
      </c>
      <c r="X108" s="2">
        <v>0</v>
      </c>
      <c r="Y108" s="2">
        <v>0</v>
      </c>
      <c r="Z108" s="2">
        <v>0</v>
      </c>
      <c r="AA108" s="5"/>
      <c r="AB108" s="5" t="s">
        <v>43</v>
      </c>
      <c r="AC108" s="5" t="s">
        <v>44</v>
      </c>
      <c r="AD108" s="2" t="s">
        <v>24644</v>
      </c>
      <c r="AE108" s="1"/>
    </row>
    <row r="109" spans="1:31">
      <c r="A109" s="5" t="s">
        <v>116</v>
      </c>
      <c r="B109" s="21">
        <v>46054</v>
      </c>
      <c r="C109" s="2" t="s">
        <v>24729</v>
      </c>
      <c r="D109" s="14" t="s">
        <v>24730</v>
      </c>
      <c r="E109" s="2" t="s">
        <v>24731</v>
      </c>
      <c r="F109" s="2" t="s">
        <v>24628</v>
      </c>
      <c r="G109" s="8">
        <v>769</v>
      </c>
      <c r="H109" s="5">
        <v>5</v>
      </c>
      <c r="I109" s="5" t="s">
        <v>69</v>
      </c>
      <c r="J109" s="5" t="s">
        <v>24629</v>
      </c>
      <c r="K109" s="2" t="s">
        <v>24630</v>
      </c>
      <c r="L109" s="5" t="s">
        <v>24629</v>
      </c>
      <c r="M109" s="2" t="s">
        <v>24630</v>
      </c>
      <c r="N109" s="5" t="s">
        <v>24254</v>
      </c>
      <c r="O109" s="5" t="s">
        <v>38</v>
      </c>
      <c r="P109" s="5" t="s">
        <v>39</v>
      </c>
      <c r="Q109" s="5" t="s">
        <v>40</v>
      </c>
      <c r="R109" s="5" t="s">
        <v>1487</v>
      </c>
      <c r="S109" s="5"/>
      <c r="T109" s="5" t="s">
        <v>42</v>
      </c>
      <c r="U109" s="2">
        <v>0</v>
      </c>
      <c r="V109" s="2">
        <v>0</v>
      </c>
      <c r="W109" s="2">
        <v>0</v>
      </c>
      <c r="X109" s="2">
        <v>0</v>
      </c>
      <c r="Y109" s="2">
        <v>0</v>
      </c>
      <c r="Z109" s="2">
        <v>0</v>
      </c>
      <c r="AA109" s="5"/>
      <c r="AB109" s="5" t="s">
        <v>43</v>
      </c>
      <c r="AC109" s="5" t="s">
        <v>44</v>
      </c>
      <c r="AD109" s="2" t="s">
        <v>24631</v>
      </c>
      <c r="AE109" s="1"/>
    </row>
    <row r="110" spans="1:31">
      <c r="A110" s="5" t="s">
        <v>116</v>
      </c>
      <c r="B110" s="21">
        <v>46054</v>
      </c>
      <c r="C110" s="2" t="s">
        <v>24732</v>
      </c>
      <c r="D110" s="14" t="s">
        <v>24733</v>
      </c>
      <c r="E110" s="2" t="s">
        <v>24734</v>
      </c>
      <c r="F110" s="2" t="s">
        <v>24628</v>
      </c>
      <c r="G110" s="8">
        <v>769</v>
      </c>
      <c r="H110" s="5">
        <v>15</v>
      </c>
      <c r="I110" s="5" t="s">
        <v>69</v>
      </c>
      <c r="J110" s="5" t="s">
        <v>24629</v>
      </c>
      <c r="K110" s="2" t="s">
        <v>24630</v>
      </c>
      <c r="L110" s="5" t="s">
        <v>24629</v>
      </c>
      <c r="M110" s="2" t="s">
        <v>24630</v>
      </c>
      <c r="N110" s="5" t="s">
        <v>24254</v>
      </c>
      <c r="O110" s="5" t="s">
        <v>38</v>
      </c>
      <c r="P110" s="5" t="s">
        <v>39</v>
      </c>
      <c r="Q110" s="5" t="s">
        <v>40</v>
      </c>
      <c r="R110" s="5" t="s">
        <v>1487</v>
      </c>
      <c r="S110" s="5"/>
      <c r="T110" s="5" t="s">
        <v>42</v>
      </c>
      <c r="U110" s="2">
        <v>0</v>
      </c>
      <c r="V110" s="2">
        <v>0</v>
      </c>
      <c r="W110" s="2">
        <v>0</v>
      </c>
      <c r="X110" s="2">
        <v>0</v>
      </c>
      <c r="Y110" s="2">
        <v>0</v>
      </c>
      <c r="Z110" s="2">
        <v>0</v>
      </c>
      <c r="AA110" s="5"/>
      <c r="AB110" s="5" t="s">
        <v>43</v>
      </c>
      <c r="AC110" s="5" t="s">
        <v>44</v>
      </c>
      <c r="AD110" s="2" t="s">
        <v>24635</v>
      </c>
      <c r="AE110" s="1"/>
    </row>
    <row r="111" spans="1:31">
      <c r="A111" s="5" t="s">
        <v>116</v>
      </c>
      <c r="B111" s="21">
        <v>46054</v>
      </c>
      <c r="C111" s="2" t="s">
        <v>24735</v>
      </c>
      <c r="D111" s="14" t="s">
        <v>24736</v>
      </c>
      <c r="E111" s="2" t="s">
        <v>24737</v>
      </c>
      <c r="F111" s="2" t="s">
        <v>24639</v>
      </c>
      <c r="G111" s="8">
        <v>1467</v>
      </c>
      <c r="H111" s="5">
        <v>15</v>
      </c>
      <c r="I111" s="5" t="s">
        <v>69</v>
      </c>
      <c r="J111" s="5" t="s">
        <v>24629</v>
      </c>
      <c r="K111" s="2" t="s">
        <v>24630</v>
      </c>
      <c r="L111" s="5" t="s">
        <v>24629</v>
      </c>
      <c r="M111" s="2" t="s">
        <v>24630</v>
      </c>
      <c r="N111" s="5" t="s">
        <v>24254</v>
      </c>
      <c r="O111" s="5" t="s">
        <v>38</v>
      </c>
      <c r="P111" s="5" t="s">
        <v>39</v>
      </c>
      <c r="Q111" s="5" t="s">
        <v>40</v>
      </c>
      <c r="R111" s="5" t="s">
        <v>1487</v>
      </c>
      <c r="S111" s="5"/>
      <c r="T111" s="5" t="s">
        <v>42</v>
      </c>
      <c r="U111" s="2">
        <v>0</v>
      </c>
      <c r="V111" s="2">
        <v>0</v>
      </c>
      <c r="W111" s="2">
        <v>0</v>
      </c>
      <c r="X111" s="2">
        <v>0</v>
      </c>
      <c r="Y111" s="2">
        <v>0</v>
      </c>
      <c r="Z111" s="2">
        <v>0</v>
      </c>
      <c r="AA111" s="5"/>
      <c r="AB111" s="5" t="s">
        <v>43</v>
      </c>
      <c r="AC111" s="5" t="s">
        <v>44</v>
      </c>
      <c r="AD111" s="2" t="s">
        <v>24640</v>
      </c>
      <c r="AE111" s="1"/>
    </row>
    <row r="112" spans="1:31">
      <c r="A112" s="5" t="s">
        <v>116</v>
      </c>
      <c r="B112" s="21">
        <v>46054</v>
      </c>
      <c r="C112" s="2" t="s">
        <v>24738</v>
      </c>
      <c r="D112" s="14" t="s">
        <v>24739</v>
      </c>
      <c r="E112" s="2" t="s">
        <v>24740</v>
      </c>
      <c r="F112" s="2" t="s">
        <v>24639</v>
      </c>
      <c r="G112" s="8">
        <v>1467</v>
      </c>
      <c r="H112" s="5">
        <v>15</v>
      </c>
      <c r="I112" s="5" t="s">
        <v>69</v>
      </c>
      <c r="J112" s="5" t="s">
        <v>24629</v>
      </c>
      <c r="K112" s="2" t="s">
        <v>24630</v>
      </c>
      <c r="L112" s="5" t="s">
        <v>24629</v>
      </c>
      <c r="M112" s="2" t="s">
        <v>24630</v>
      </c>
      <c r="N112" s="5" t="s">
        <v>24254</v>
      </c>
      <c r="O112" s="5" t="s">
        <v>38</v>
      </c>
      <c r="P112" s="5" t="s">
        <v>39</v>
      </c>
      <c r="Q112" s="5" t="s">
        <v>40</v>
      </c>
      <c r="R112" s="5" t="s">
        <v>1487</v>
      </c>
      <c r="S112" s="5"/>
      <c r="T112" s="5" t="s">
        <v>42</v>
      </c>
      <c r="U112" s="2">
        <v>0</v>
      </c>
      <c r="V112" s="2">
        <v>0</v>
      </c>
      <c r="W112" s="2">
        <v>0</v>
      </c>
      <c r="X112" s="2">
        <v>0</v>
      </c>
      <c r="Y112" s="2">
        <v>0</v>
      </c>
      <c r="Z112" s="2">
        <v>0</v>
      </c>
      <c r="AA112" s="5"/>
      <c r="AB112" s="5" t="s">
        <v>43</v>
      </c>
      <c r="AC112" s="5" t="s">
        <v>44</v>
      </c>
      <c r="AD112" s="2" t="s">
        <v>24644</v>
      </c>
      <c r="AE112" s="1"/>
    </row>
    <row r="113" spans="1:31">
      <c r="A113" s="5" t="s">
        <v>116</v>
      </c>
      <c r="B113" s="21">
        <v>46054</v>
      </c>
      <c r="C113" s="2" t="s">
        <v>24741</v>
      </c>
      <c r="D113" s="14" t="s">
        <v>24742</v>
      </c>
      <c r="E113" s="2" t="s">
        <v>24743</v>
      </c>
      <c r="F113" s="2" t="s">
        <v>24628</v>
      </c>
      <c r="G113" s="8">
        <v>839</v>
      </c>
      <c r="H113" s="5">
        <v>5</v>
      </c>
      <c r="I113" s="5" t="s">
        <v>69</v>
      </c>
      <c r="J113" s="5" t="s">
        <v>24629</v>
      </c>
      <c r="K113" s="2" t="s">
        <v>24630</v>
      </c>
      <c r="L113" s="5" t="s">
        <v>24629</v>
      </c>
      <c r="M113" s="2" t="s">
        <v>24630</v>
      </c>
      <c r="N113" s="5" t="s">
        <v>24254</v>
      </c>
      <c r="O113" s="5" t="s">
        <v>38</v>
      </c>
      <c r="P113" s="5" t="s">
        <v>39</v>
      </c>
      <c r="Q113" s="5" t="s">
        <v>40</v>
      </c>
      <c r="R113" s="5" t="s">
        <v>1487</v>
      </c>
      <c r="S113" s="5"/>
      <c r="T113" s="5" t="s">
        <v>42</v>
      </c>
      <c r="U113" s="2">
        <v>0</v>
      </c>
      <c r="V113" s="2">
        <v>0</v>
      </c>
      <c r="W113" s="2">
        <v>0</v>
      </c>
      <c r="X113" s="2">
        <v>0</v>
      </c>
      <c r="Y113" s="2">
        <v>0</v>
      </c>
      <c r="Z113" s="2">
        <v>0</v>
      </c>
      <c r="AA113" s="5"/>
      <c r="AB113" s="5" t="s">
        <v>43</v>
      </c>
      <c r="AC113" s="5" t="s">
        <v>44</v>
      </c>
      <c r="AD113" s="2" t="s">
        <v>24631</v>
      </c>
      <c r="AE113" s="1"/>
    </row>
    <row r="114" spans="1:31">
      <c r="A114" s="5" t="s">
        <v>116</v>
      </c>
      <c r="B114" s="21">
        <v>46054</v>
      </c>
      <c r="C114" s="2" t="s">
        <v>24744</v>
      </c>
      <c r="D114" s="14" t="s">
        <v>24745</v>
      </c>
      <c r="E114" s="2" t="s">
        <v>24746</v>
      </c>
      <c r="F114" s="2" t="s">
        <v>24628</v>
      </c>
      <c r="G114" s="8">
        <v>839</v>
      </c>
      <c r="H114" s="5">
        <v>15</v>
      </c>
      <c r="I114" s="5" t="s">
        <v>69</v>
      </c>
      <c r="J114" s="5" t="s">
        <v>24629</v>
      </c>
      <c r="K114" s="2" t="s">
        <v>24630</v>
      </c>
      <c r="L114" s="5" t="s">
        <v>24629</v>
      </c>
      <c r="M114" s="2" t="s">
        <v>24630</v>
      </c>
      <c r="N114" s="5" t="s">
        <v>24254</v>
      </c>
      <c r="O114" s="5" t="s">
        <v>38</v>
      </c>
      <c r="P114" s="5" t="s">
        <v>39</v>
      </c>
      <c r="Q114" s="5" t="s">
        <v>40</v>
      </c>
      <c r="R114" s="5" t="s">
        <v>1487</v>
      </c>
      <c r="S114" s="5"/>
      <c r="T114" s="5" t="s">
        <v>42</v>
      </c>
      <c r="U114" s="2">
        <v>0</v>
      </c>
      <c r="V114" s="2">
        <v>0</v>
      </c>
      <c r="W114" s="2">
        <v>0</v>
      </c>
      <c r="X114" s="2">
        <v>0</v>
      </c>
      <c r="Y114" s="2">
        <v>0</v>
      </c>
      <c r="Z114" s="2">
        <v>0</v>
      </c>
      <c r="AA114" s="5"/>
      <c r="AB114" s="5" t="s">
        <v>43</v>
      </c>
      <c r="AC114" s="5" t="s">
        <v>44</v>
      </c>
      <c r="AD114" s="2" t="s">
        <v>24635</v>
      </c>
      <c r="AE114" s="1"/>
    </row>
    <row r="115" spans="1:31">
      <c r="A115" s="5" t="s">
        <v>116</v>
      </c>
      <c r="B115" s="21">
        <v>46054</v>
      </c>
      <c r="C115" s="2" t="s">
        <v>24747</v>
      </c>
      <c r="D115" s="14" t="s">
        <v>24748</v>
      </c>
      <c r="E115" s="2" t="s">
        <v>24749</v>
      </c>
      <c r="F115" s="2" t="s">
        <v>24639</v>
      </c>
      <c r="G115" s="8">
        <v>1447</v>
      </c>
      <c r="H115" s="5">
        <v>15</v>
      </c>
      <c r="I115" s="5" t="s">
        <v>69</v>
      </c>
      <c r="J115" s="5" t="s">
        <v>24629</v>
      </c>
      <c r="K115" s="2" t="s">
        <v>24630</v>
      </c>
      <c r="L115" s="5" t="s">
        <v>24629</v>
      </c>
      <c r="M115" s="2" t="s">
        <v>24630</v>
      </c>
      <c r="N115" s="5" t="s">
        <v>24254</v>
      </c>
      <c r="O115" s="5" t="s">
        <v>38</v>
      </c>
      <c r="P115" s="5" t="s">
        <v>39</v>
      </c>
      <c r="Q115" s="5" t="s">
        <v>40</v>
      </c>
      <c r="R115" s="5" t="s">
        <v>1487</v>
      </c>
      <c r="S115" s="5"/>
      <c r="T115" s="5" t="s">
        <v>42</v>
      </c>
      <c r="U115" s="2">
        <v>0</v>
      </c>
      <c r="V115" s="2">
        <v>0</v>
      </c>
      <c r="W115" s="2">
        <v>0</v>
      </c>
      <c r="X115" s="2">
        <v>0</v>
      </c>
      <c r="Y115" s="2">
        <v>0</v>
      </c>
      <c r="Z115" s="2">
        <v>0</v>
      </c>
      <c r="AA115" s="5"/>
      <c r="AB115" s="5" t="s">
        <v>43</v>
      </c>
      <c r="AC115" s="5" t="s">
        <v>44</v>
      </c>
      <c r="AD115" s="2" t="s">
        <v>24640</v>
      </c>
      <c r="AE115" s="1"/>
    </row>
    <row r="116" spans="1:31">
      <c r="A116" s="5" t="s">
        <v>116</v>
      </c>
      <c r="B116" s="21">
        <v>46054</v>
      </c>
      <c r="C116" s="2" t="s">
        <v>24750</v>
      </c>
      <c r="D116" s="14" t="s">
        <v>24751</v>
      </c>
      <c r="E116" s="2" t="s">
        <v>24752</v>
      </c>
      <c r="F116" s="2" t="s">
        <v>24639</v>
      </c>
      <c r="G116" s="8">
        <v>1447</v>
      </c>
      <c r="H116" s="5">
        <v>15</v>
      </c>
      <c r="I116" s="5" t="s">
        <v>69</v>
      </c>
      <c r="J116" s="5" t="s">
        <v>24629</v>
      </c>
      <c r="K116" s="2" t="s">
        <v>24630</v>
      </c>
      <c r="L116" s="5" t="s">
        <v>24629</v>
      </c>
      <c r="M116" s="2" t="s">
        <v>24630</v>
      </c>
      <c r="N116" s="5" t="s">
        <v>24254</v>
      </c>
      <c r="O116" s="5" t="s">
        <v>38</v>
      </c>
      <c r="P116" s="5" t="s">
        <v>39</v>
      </c>
      <c r="Q116" s="5" t="s">
        <v>40</v>
      </c>
      <c r="R116" s="5" t="s">
        <v>1487</v>
      </c>
      <c r="S116" s="5"/>
      <c r="T116" s="5" t="s">
        <v>42</v>
      </c>
      <c r="U116" s="2">
        <v>0</v>
      </c>
      <c r="V116" s="2">
        <v>0</v>
      </c>
      <c r="W116" s="2">
        <v>0</v>
      </c>
      <c r="X116" s="2">
        <v>0</v>
      </c>
      <c r="Y116" s="2">
        <v>0</v>
      </c>
      <c r="Z116" s="2">
        <v>0</v>
      </c>
      <c r="AA116" s="5"/>
      <c r="AB116" s="5" t="s">
        <v>43</v>
      </c>
      <c r="AC116" s="5" t="s">
        <v>44</v>
      </c>
      <c r="AD116" s="2" t="s">
        <v>24644</v>
      </c>
      <c r="AE116" s="1"/>
    </row>
    <row r="117" spans="1:31">
      <c r="A117" s="5" t="s">
        <v>116</v>
      </c>
      <c r="B117" s="21">
        <v>46054</v>
      </c>
      <c r="C117" s="2" t="s">
        <v>24753</v>
      </c>
      <c r="D117" s="14" t="s">
        <v>24754</v>
      </c>
      <c r="E117" s="2" t="s">
        <v>24755</v>
      </c>
      <c r="F117" s="2" t="s">
        <v>24628</v>
      </c>
      <c r="G117" s="8">
        <v>810</v>
      </c>
      <c r="H117" s="5">
        <v>5</v>
      </c>
      <c r="I117" s="5" t="s">
        <v>69</v>
      </c>
      <c r="J117" s="5" t="s">
        <v>24629</v>
      </c>
      <c r="K117" s="2" t="s">
        <v>24630</v>
      </c>
      <c r="L117" s="5" t="s">
        <v>24629</v>
      </c>
      <c r="M117" s="2" t="s">
        <v>24630</v>
      </c>
      <c r="N117" s="5" t="s">
        <v>24254</v>
      </c>
      <c r="O117" s="5" t="s">
        <v>38</v>
      </c>
      <c r="P117" s="5" t="s">
        <v>39</v>
      </c>
      <c r="Q117" s="5" t="s">
        <v>40</v>
      </c>
      <c r="R117" s="5" t="s">
        <v>1487</v>
      </c>
      <c r="S117" s="5"/>
      <c r="T117" s="5" t="s">
        <v>42</v>
      </c>
      <c r="U117" s="2">
        <v>0</v>
      </c>
      <c r="V117" s="2">
        <v>0</v>
      </c>
      <c r="W117" s="2">
        <v>0</v>
      </c>
      <c r="X117" s="2">
        <v>0</v>
      </c>
      <c r="Y117" s="2">
        <v>0</v>
      </c>
      <c r="Z117" s="2">
        <v>0</v>
      </c>
      <c r="AA117" s="5"/>
      <c r="AB117" s="5" t="s">
        <v>43</v>
      </c>
      <c r="AC117" s="5" t="s">
        <v>44</v>
      </c>
      <c r="AD117" s="2" t="s">
        <v>24631</v>
      </c>
      <c r="AE117" s="1"/>
    </row>
    <row r="118" spans="1:31">
      <c r="A118" s="5" t="s">
        <v>116</v>
      </c>
      <c r="B118" s="21">
        <v>46054</v>
      </c>
      <c r="C118" s="2" t="s">
        <v>24756</v>
      </c>
      <c r="D118" s="14" t="s">
        <v>24757</v>
      </c>
      <c r="E118" s="2" t="s">
        <v>24758</v>
      </c>
      <c r="F118" s="2" t="s">
        <v>24628</v>
      </c>
      <c r="G118" s="8">
        <v>810</v>
      </c>
      <c r="H118" s="5">
        <v>15</v>
      </c>
      <c r="I118" s="5" t="s">
        <v>69</v>
      </c>
      <c r="J118" s="5" t="s">
        <v>24629</v>
      </c>
      <c r="K118" s="2" t="s">
        <v>24630</v>
      </c>
      <c r="L118" s="5" t="s">
        <v>24629</v>
      </c>
      <c r="M118" s="2" t="s">
        <v>24630</v>
      </c>
      <c r="N118" s="5" t="s">
        <v>24254</v>
      </c>
      <c r="O118" s="5" t="s">
        <v>38</v>
      </c>
      <c r="P118" s="5" t="s">
        <v>39</v>
      </c>
      <c r="Q118" s="5" t="s">
        <v>40</v>
      </c>
      <c r="R118" s="5" t="s">
        <v>1487</v>
      </c>
      <c r="S118" s="5"/>
      <c r="T118" s="5" t="s">
        <v>42</v>
      </c>
      <c r="U118" s="2">
        <v>0</v>
      </c>
      <c r="V118" s="2">
        <v>0</v>
      </c>
      <c r="W118" s="2">
        <v>0</v>
      </c>
      <c r="X118" s="2">
        <v>0</v>
      </c>
      <c r="Y118" s="2">
        <v>0</v>
      </c>
      <c r="Z118" s="2">
        <v>0</v>
      </c>
      <c r="AA118" s="5"/>
      <c r="AB118" s="5" t="s">
        <v>43</v>
      </c>
      <c r="AC118" s="5" t="s">
        <v>44</v>
      </c>
      <c r="AD118" s="2" t="s">
        <v>24635</v>
      </c>
      <c r="AE118" s="1"/>
    </row>
    <row r="119" spans="1:31">
      <c r="A119" s="5" t="s">
        <v>116</v>
      </c>
      <c r="B119" s="21">
        <v>46054</v>
      </c>
      <c r="C119" s="2" t="s">
        <v>24759</v>
      </c>
      <c r="D119" s="14" t="s">
        <v>24760</v>
      </c>
      <c r="E119" s="2" t="s">
        <v>24761</v>
      </c>
      <c r="F119" s="2" t="s">
        <v>24628</v>
      </c>
      <c r="G119" s="8">
        <v>836</v>
      </c>
      <c r="H119" s="5">
        <v>5</v>
      </c>
      <c r="I119" s="5" t="s">
        <v>69</v>
      </c>
      <c r="J119" s="5" t="s">
        <v>24629</v>
      </c>
      <c r="K119" s="2" t="s">
        <v>24630</v>
      </c>
      <c r="L119" s="5" t="s">
        <v>24629</v>
      </c>
      <c r="M119" s="2" t="s">
        <v>24630</v>
      </c>
      <c r="N119" s="5" t="s">
        <v>24254</v>
      </c>
      <c r="O119" s="5" t="s">
        <v>38</v>
      </c>
      <c r="P119" s="5" t="s">
        <v>39</v>
      </c>
      <c r="Q119" s="5" t="s">
        <v>40</v>
      </c>
      <c r="R119" s="5" t="s">
        <v>1487</v>
      </c>
      <c r="S119" s="5"/>
      <c r="T119" s="5" t="s">
        <v>42</v>
      </c>
      <c r="U119" s="2">
        <v>0</v>
      </c>
      <c r="V119" s="2">
        <v>0</v>
      </c>
      <c r="W119" s="2">
        <v>0</v>
      </c>
      <c r="X119" s="2">
        <v>0</v>
      </c>
      <c r="Y119" s="2">
        <v>0</v>
      </c>
      <c r="Z119" s="2">
        <v>0</v>
      </c>
      <c r="AA119" s="5"/>
      <c r="AB119" s="5" t="s">
        <v>43</v>
      </c>
      <c r="AC119" s="5" t="s">
        <v>44</v>
      </c>
      <c r="AD119" s="2" t="s">
        <v>24631</v>
      </c>
      <c r="AE119" s="1"/>
    </row>
    <row r="120" spans="1:31">
      <c r="A120" s="5" t="s">
        <v>116</v>
      </c>
      <c r="B120" s="21">
        <v>46054</v>
      </c>
      <c r="C120" s="2" t="s">
        <v>24762</v>
      </c>
      <c r="D120" s="14" t="s">
        <v>24763</v>
      </c>
      <c r="E120" s="2" t="s">
        <v>24764</v>
      </c>
      <c r="F120" s="2" t="s">
        <v>24628</v>
      </c>
      <c r="G120" s="8">
        <v>836</v>
      </c>
      <c r="H120" s="5">
        <v>15</v>
      </c>
      <c r="I120" s="5" t="s">
        <v>69</v>
      </c>
      <c r="J120" s="5" t="s">
        <v>24629</v>
      </c>
      <c r="K120" s="2" t="s">
        <v>24630</v>
      </c>
      <c r="L120" s="5" t="s">
        <v>24629</v>
      </c>
      <c r="M120" s="2" t="s">
        <v>24630</v>
      </c>
      <c r="N120" s="5" t="s">
        <v>24254</v>
      </c>
      <c r="O120" s="5" t="s">
        <v>38</v>
      </c>
      <c r="P120" s="5" t="s">
        <v>39</v>
      </c>
      <c r="Q120" s="5" t="s">
        <v>40</v>
      </c>
      <c r="R120" s="5" t="s">
        <v>1487</v>
      </c>
      <c r="S120" s="5"/>
      <c r="T120" s="5" t="s">
        <v>42</v>
      </c>
      <c r="U120" s="2">
        <v>0</v>
      </c>
      <c r="V120" s="2">
        <v>0</v>
      </c>
      <c r="W120" s="2">
        <v>0</v>
      </c>
      <c r="X120" s="2">
        <v>0</v>
      </c>
      <c r="Y120" s="2">
        <v>0</v>
      </c>
      <c r="Z120" s="2">
        <v>0</v>
      </c>
      <c r="AA120" s="5"/>
      <c r="AB120" s="5" t="s">
        <v>43</v>
      </c>
      <c r="AC120" s="5" t="s">
        <v>44</v>
      </c>
      <c r="AD120" s="2" t="s">
        <v>24635</v>
      </c>
      <c r="AE120" s="1"/>
    </row>
    <row r="121" spans="1:31">
      <c r="A121" s="5" t="s">
        <v>116</v>
      </c>
      <c r="B121" s="21">
        <v>46054</v>
      </c>
      <c r="C121" s="2" t="s">
        <v>24765</v>
      </c>
      <c r="D121" s="14" t="s">
        <v>24766</v>
      </c>
      <c r="E121" s="2" t="s">
        <v>24767</v>
      </c>
      <c r="F121" s="2" t="s">
        <v>24628</v>
      </c>
      <c r="G121" s="8">
        <v>874</v>
      </c>
      <c r="H121" s="5">
        <v>5</v>
      </c>
      <c r="I121" s="5" t="s">
        <v>69</v>
      </c>
      <c r="J121" s="5" t="s">
        <v>24629</v>
      </c>
      <c r="K121" s="2" t="s">
        <v>24630</v>
      </c>
      <c r="L121" s="5" t="s">
        <v>24629</v>
      </c>
      <c r="M121" s="2" t="s">
        <v>24630</v>
      </c>
      <c r="N121" s="5" t="s">
        <v>24254</v>
      </c>
      <c r="O121" s="5" t="s">
        <v>38</v>
      </c>
      <c r="P121" s="5" t="s">
        <v>39</v>
      </c>
      <c r="Q121" s="5" t="s">
        <v>40</v>
      </c>
      <c r="R121" s="5" t="s">
        <v>1487</v>
      </c>
      <c r="S121" s="5"/>
      <c r="T121" s="5" t="s">
        <v>42</v>
      </c>
      <c r="U121" s="2">
        <v>0</v>
      </c>
      <c r="V121" s="2">
        <v>0</v>
      </c>
      <c r="W121" s="2">
        <v>0</v>
      </c>
      <c r="X121" s="2">
        <v>0</v>
      </c>
      <c r="Y121" s="2">
        <v>0</v>
      </c>
      <c r="Z121" s="2">
        <v>0</v>
      </c>
      <c r="AA121" s="5"/>
      <c r="AB121" s="5" t="s">
        <v>43</v>
      </c>
      <c r="AC121" s="5" t="s">
        <v>44</v>
      </c>
      <c r="AD121" s="2" t="s">
        <v>24631</v>
      </c>
      <c r="AE121" s="1"/>
    </row>
    <row r="122" spans="1:31">
      <c r="A122" s="5" t="s">
        <v>116</v>
      </c>
      <c r="B122" s="21">
        <v>46054</v>
      </c>
      <c r="C122" s="2" t="s">
        <v>24768</v>
      </c>
      <c r="D122" s="14" t="s">
        <v>24769</v>
      </c>
      <c r="E122" s="2" t="s">
        <v>24770</v>
      </c>
      <c r="F122" s="2" t="s">
        <v>24628</v>
      </c>
      <c r="G122" s="8">
        <v>874</v>
      </c>
      <c r="H122" s="5">
        <v>15</v>
      </c>
      <c r="I122" s="5" t="s">
        <v>69</v>
      </c>
      <c r="J122" s="5" t="s">
        <v>24629</v>
      </c>
      <c r="K122" s="2" t="s">
        <v>24630</v>
      </c>
      <c r="L122" s="5" t="s">
        <v>24629</v>
      </c>
      <c r="M122" s="2" t="s">
        <v>24630</v>
      </c>
      <c r="N122" s="5" t="s">
        <v>24254</v>
      </c>
      <c r="O122" s="5" t="s">
        <v>38</v>
      </c>
      <c r="P122" s="5" t="s">
        <v>39</v>
      </c>
      <c r="Q122" s="5" t="s">
        <v>40</v>
      </c>
      <c r="R122" s="5" t="s">
        <v>1487</v>
      </c>
      <c r="S122" s="5"/>
      <c r="T122" s="5" t="s">
        <v>42</v>
      </c>
      <c r="U122" s="2">
        <v>0</v>
      </c>
      <c r="V122" s="2">
        <v>0</v>
      </c>
      <c r="W122" s="2">
        <v>0</v>
      </c>
      <c r="X122" s="2">
        <v>0</v>
      </c>
      <c r="Y122" s="2">
        <v>0</v>
      </c>
      <c r="Z122" s="2">
        <v>0</v>
      </c>
      <c r="AA122" s="5"/>
      <c r="AB122" s="5" t="s">
        <v>43</v>
      </c>
      <c r="AC122" s="5" t="s">
        <v>44</v>
      </c>
      <c r="AD122" s="2" t="s">
        <v>24635</v>
      </c>
      <c r="AE122" s="1"/>
    </row>
    <row r="123" spans="1:31">
      <c r="A123" s="5" t="s">
        <v>116</v>
      </c>
      <c r="B123" s="21">
        <v>46054</v>
      </c>
      <c r="C123" s="2" t="s">
        <v>24771</v>
      </c>
      <c r="D123" s="14" t="s">
        <v>24772</v>
      </c>
      <c r="E123" s="2" t="s">
        <v>24773</v>
      </c>
      <c r="F123" s="2" t="s">
        <v>24628</v>
      </c>
      <c r="G123" s="8">
        <v>884</v>
      </c>
      <c r="H123" s="5">
        <v>5</v>
      </c>
      <c r="I123" s="5" t="s">
        <v>69</v>
      </c>
      <c r="J123" s="5" t="s">
        <v>24629</v>
      </c>
      <c r="K123" s="2" t="s">
        <v>24630</v>
      </c>
      <c r="L123" s="5" t="s">
        <v>24629</v>
      </c>
      <c r="M123" s="2" t="s">
        <v>24630</v>
      </c>
      <c r="N123" s="5" t="s">
        <v>24254</v>
      </c>
      <c r="O123" s="5" t="s">
        <v>38</v>
      </c>
      <c r="P123" s="5" t="s">
        <v>39</v>
      </c>
      <c r="Q123" s="5" t="s">
        <v>40</v>
      </c>
      <c r="R123" s="5" t="s">
        <v>1487</v>
      </c>
      <c r="S123" s="5"/>
      <c r="T123" s="5" t="s">
        <v>42</v>
      </c>
      <c r="U123" s="2">
        <v>0</v>
      </c>
      <c r="V123" s="2">
        <v>0</v>
      </c>
      <c r="W123" s="2">
        <v>0</v>
      </c>
      <c r="X123" s="2">
        <v>0</v>
      </c>
      <c r="Y123" s="2">
        <v>0</v>
      </c>
      <c r="Z123" s="2">
        <v>0</v>
      </c>
      <c r="AA123" s="5"/>
      <c r="AB123" s="5" t="s">
        <v>43</v>
      </c>
      <c r="AC123" s="5" t="s">
        <v>44</v>
      </c>
      <c r="AD123" s="2" t="s">
        <v>24631</v>
      </c>
      <c r="AE123" s="1"/>
    </row>
    <row r="124" spans="1:31">
      <c r="A124" s="5" t="s">
        <v>116</v>
      </c>
      <c r="B124" s="21">
        <v>46054</v>
      </c>
      <c r="C124" s="2" t="s">
        <v>24774</v>
      </c>
      <c r="D124" s="14" t="s">
        <v>24775</v>
      </c>
      <c r="E124" s="2" t="s">
        <v>24776</v>
      </c>
      <c r="F124" s="2" t="s">
        <v>24628</v>
      </c>
      <c r="G124" s="8">
        <v>884</v>
      </c>
      <c r="H124" s="5">
        <v>15</v>
      </c>
      <c r="I124" s="5" t="s">
        <v>69</v>
      </c>
      <c r="J124" s="5" t="s">
        <v>24629</v>
      </c>
      <c r="K124" s="2" t="s">
        <v>24630</v>
      </c>
      <c r="L124" s="5" t="s">
        <v>24629</v>
      </c>
      <c r="M124" s="2" t="s">
        <v>24630</v>
      </c>
      <c r="N124" s="5" t="s">
        <v>24254</v>
      </c>
      <c r="O124" s="5" t="s">
        <v>38</v>
      </c>
      <c r="P124" s="5" t="s">
        <v>39</v>
      </c>
      <c r="Q124" s="5" t="s">
        <v>40</v>
      </c>
      <c r="R124" s="5" t="s">
        <v>1487</v>
      </c>
      <c r="S124" s="5"/>
      <c r="T124" s="5" t="s">
        <v>42</v>
      </c>
      <c r="U124" s="2">
        <v>0</v>
      </c>
      <c r="V124" s="2">
        <v>0</v>
      </c>
      <c r="W124" s="2">
        <v>0</v>
      </c>
      <c r="X124" s="2">
        <v>0</v>
      </c>
      <c r="Y124" s="2">
        <v>0</v>
      </c>
      <c r="Z124" s="2">
        <v>0</v>
      </c>
      <c r="AA124" s="5"/>
      <c r="AB124" s="5" t="s">
        <v>43</v>
      </c>
      <c r="AC124" s="5" t="s">
        <v>44</v>
      </c>
      <c r="AD124" s="2" t="s">
        <v>24635</v>
      </c>
      <c r="AE124" s="1"/>
    </row>
    <row r="125" spans="1:31">
      <c r="A125" s="5" t="s">
        <v>116</v>
      </c>
      <c r="B125" s="21">
        <v>46054</v>
      </c>
      <c r="C125" s="2" t="s">
        <v>24777</v>
      </c>
      <c r="D125" s="14" t="s">
        <v>24778</v>
      </c>
      <c r="E125" s="2" t="s">
        <v>24779</v>
      </c>
      <c r="F125" s="2" t="s">
        <v>24628</v>
      </c>
      <c r="G125" s="8">
        <v>898</v>
      </c>
      <c r="H125" s="5">
        <v>5</v>
      </c>
      <c r="I125" s="5" t="s">
        <v>69</v>
      </c>
      <c r="J125" s="5" t="s">
        <v>24629</v>
      </c>
      <c r="K125" s="2" t="s">
        <v>24630</v>
      </c>
      <c r="L125" s="5" t="s">
        <v>24629</v>
      </c>
      <c r="M125" s="2" t="s">
        <v>24630</v>
      </c>
      <c r="N125" s="5" t="s">
        <v>24254</v>
      </c>
      <c r="O125" s="5" t="s">
        <v>38</v>
      </c>
      <c r="P125" s="5" t="s">
        <v>39</v>
      </c>
      <c r="Q125" s="5" t="s">
        <v>40</v>
      </c>
      <c r="R125" s="5" t="s">
        <v>1487</v>
      </c>
      <c r="S125" s="5"/>
      <c r="T125" s="5" t="s">
        <v>42</v>
      </c>
      <c r="U125" s="2">
        <v>0</v>
      </c>
      <c r="V125" s="2">
        <v>0</v>
      </c>
      <c r="W125" s="2">
        <v>0</v>
      </c>
      <c r="X125" s="2">
        <v>0</v>
      </c>
      <c r="Y125" s="2">
        <v>0</v>
      </c>
      <c r="Z125" s="2">
        <v>0</v>
      </c>
      <c r="AA125" s="5"/>
      <c r="AB125" s="5" t="s">
        <v>43</v>
      </c>
      <c r="AC125" s="5" t="s">
        <v>44</v>
      </c>
      <c r="AD125" s="2" t="s">
        <v>24631</v>
      </c>
      <c r="AE125" s="1"/>
    </row>
    <row r="126" spans="1:31">
      <c r="A126" s="5" t="s">
        <v>116</v>
      </c>
      <c r="B126" s="21">
        <v>46054</v>
      </c>
      <c r="C126" s="2" t="s">
        <v>24780</v>
      </c>
      <c r="D126" s="14" t="s">
        <v>24781</v>
      </c>
      <c r="E126" s="2" t="s">
        <v>24782</v>
      </c>
      <c r="F126" s="2" t="s">
        <v>24628</v>
      </c>
      <c r="G126" s="8">
        <v>898</v>
      </c>
      <c r="H126" s="5">
        <v>15</v>
      </c>
      <c r="I126" s="5" t="s">
        <v>69</v>
      </c>
      <c r="J126" s="5" t="s">
        <v>24629</v>
      </c>
      <c r="K126" s="2" t="s">
        <v>24630</v>
      </c>
      <c r="L126" s="5" t="s">
        <v>24629</v>
      </c>
      <c r="M126" s="2" t="s">
        <v>24630</v>
      </c>
      <c r="N126" s="5" t="s">
        <v>24254</v>
      </c>
      <c r="O126" s="5" t="s">
        <v>38</v>
      </c>
      <c r="P126" s="5" t="s">
        <v>39</v>
      </c>
      <c r="Q126" s="5" t="s">
        <v>40</v>
      </c>
      <c r="R126" s="5" t="s">
        <v>1487</v>
      </c>
      <c r="S126" s="5"/>
      <c r="T126" s="5" t="s">
        <v>42</v>
      </c>
      <c r="U126" s="2">
        <v>0</v>
      </c>
      <c r="V126" s="2">
        <v>0</v>
      </c>
      <c r="W126" s="2">
        <v>0</v>
      </c>
      <c r="X126" s="2">
        <v>0</v>
      </c>
      <c r="Y126" s="2">
        <v>0</v>
      </c>
      <c r="Z126" s="2">
        <v>0</v>
      </c>
      <c r="AA126" s="5"/>
      <c r="AB126" s="5" t="s">
        <v>43</v>
      </c>
      <c r="AC126" s="5" t="s">
        <v>44</v>
      </c>
      <c r="AD126" s="2" t="s">
        <v>24635</v>
      </c>
      <c r="AE126" s="1"/>
    </row>
    <row r="127" spans="1:31">
      <c r="A127" s="5" t="s">
        <v>116</v>
      </c>
      <c r="B127" s="21">
        <v>46054</v>
      </c>
      <c r="C127" s="2" t="s">
        <v>24783</v>
      </c>
      <c r="D127" s="14" t="s">
        <v>24784</v>
      </c>
      <c r="E127" s="2" t="s">
        <v>24785</v>
      </c>
      <c r="F127" s="2" t="s">
        <v>24628</v>
      </c>
      <c r="G127" s="8">
        <v>961</v>
      </c>
      <c r="H127" s="5">
        <v>5</v>
      </c>
      <c r="I127" s="5" t="s">
        <v>69</v>
      </c>
      <c r="J127" s="5" t="s">
        <v>24629</v>
      </c>
      <c r="K127" s="2" t="s">
        <v>24630</v>
      </c>
      <c r="L127" s="5" t="s">
        <v>24629</v>
      </c>
      <c r="M127" s="2" t="s">
        <v>24630</v>
      </c>
      <c r="N127" s="5" t="s">
        <v>24254</v>
      </c>
      <c r="O127" s="5" t="s">
        <v>38</v>
      </c>
      <c r="P127" s="5" t="s">
        <v>39</v>
      </c>
      <c r="Q127" s="5" t="s">
        <v>40</v>
      </c>
      <c r="R127" s="5" t="s">
        <v>1487</v>
      </c>
      <c r="S127" s="5"/>
      <c r="T127" s="5" t="s">
        <v>42</v>
      </c>
      <c r="U127" s="2">
        <v>0</v>
      </c>
      <c r="V127" s="2">
        <v>0</v>
      </c>
      <c r="W127" s="2">
        <v>0</v>
      </c>
      <c r="X127" s="2">
        <v>0</v>
      </c>
      <c r="Y127" s="2">
        <v>0</v>
      </c>
      <c r="Z127" s="2">
        <v>0</v>
      </c>
      <c r="AA127" s="5"/>
      <c r="AB127" s="5" t="s">
        <v>43</v>
      </c>
      <c r="AC127" s="5" t="s">
        <v>44</v>
      </c>
      <c r="AD127" s="2" t="s">
        <v>24631</v>
      </c>
      <c r="AE127" s="1"/>
    </row>
    <row r="128" spans="1:31">
      <c r="A128" s="5" t="s">
        <v>116</v>
      </c>
      <c r="B128" s="21">
        <v>46054</v>
      </c>
      <c r="C128" s="2" t="s">
        <v>24786</v>
      </c>
      <c r="D128" s="14" t="s">
        <v>24787</v>
      </c>
      <c r="E128" s="2" t="s">
        <v>24788</v>
      </c>
      <c r="F128" s="2" t="s">
        <v>24628</v>
      </c>
      <c r="G128" s="8">
        <v>961</v>
      </c>
      <c r="H128" s="5">
        <v>15</v>
      </c>
      <c r="I128" s="5" t="s">
        <v>69</v>
      </c>
      <c r="J128" s="5" t="s">
        <v>24629</v>
      </c>
      <c r="K128" s="2" t="s">
        <v>24630</v>
      </c>
      <c r="L128" s="5" t="s">
        <v>24629</v>
      </c>
      <c r="M128" s="2" t="s">
        <v>24630</v>
      </c>
      <c r="N128" s="5" t="s">
        <v>24254</v>
      </c>
      <c r="O128" s="5" t="s">
        <v>38</v>
      </c>
      <c r="P128" s="5" t="s">
        <v>39</v>
      </c>
      <c r="Q128" s="5" t="s">
        <v>40</v>
      </c>
      <c r="R128" s="5" t="s">
        <v>1487</v>
      </c>
      <c r="S128" s="5"/>
      <c r="T128" s="5" t="s">
        <v>42</v>
      </c>
      <c r="U128" s="2">
        <v>0</v>
      </c>
      <c r="V128" s="2">
        <v>0</v>
      </c>
      <c r="W128" s="2">
        <v>0</v>
      </c>
      <c r="X128" s="2">
        <v>0</v>
      </c>
      <c r="Y128" s="2">
        <v>0</v>
      </c>
      <c r="Z128" s="2">
        <v>0</v>
      </c>
      <c r="AA128" s="5"/>
      <c r="AB128" s="5" t="s">
        <v>43</v>
      </c>
      <c r="AC128" s="5" t="s">
        <v>44</v>
      </c>
      <c r="AD128" s="2" t="s">
        <v>24635</v>
      </c>
      <c r="AE128" s="1"/>
    </row>
    <row r="129" spans="1:31">
      <c r="A129" s="5" t="s">
        <v>116</v>
      </c>
      <c r="B129" s="21">
        <v>46054</v>
      </c>
      <c r="C129" s="2" t="s">
        <v>24789</v>
      </c>
      <c r="D129" s="14" t="s">
        <v>24790</v>
      </c>
      <c r="E129" s="2" t="s">
        <v>24791</v>
      </c>
      <c r="F129" s="2" t="s">
        <v>24628</v>
      </c>
      <c r="G129" s="8">
        <v>880</v>
      </c>
      <c r="H129" s="5">
        <v>5</v>
      </c>
      <c r="I129" s="5" t="s">
        <v>69</v>
      </c>
      <c r="J129" s="5" t="s">
        <v>24629</v>
      </c>
      <c r="K129" s="2" t="s">
        <v>24630</v>
      </c>
      <c r="L129" s="5" t="s">
        <v>24629</v>
      </c>
      <c r="M129" s="2" t="s">
        <v>24630</v>
      </c>
      <c r="N129" s="5" t="s">
        <v>24254</v>
      </c>
      <c r="O129" s="5" t="s">
        <v>38</v>
      </c>
      <c r="P129" s="5" t="s">
        <v>39</v>
      </c>
      <c r="Q129" s="5" t="s">
        <v>40</v>
      </c>
      <c r="R129" s="5" t="s">
        <v>1487</v>
      </c>
      <c r="S129" s="5"/>
      <c r="T129" s="5" t="s">
        <v>42</v>
      </c>
      <c r="U129" s="2">
        <v>0</v>
      </c>
      <c r="V129" s="2">
        <v>0</v>
      </c>
      <c r="W129" s="2">
        <v>0</v>
      </c>
      <c r="X129" s="2">
        <v>0</v>
      </c>
      <c r="Y129" s="2">
        <v>0</v>
      </c>
      <c r="Z129" s="2">
        <v>0</v>
      </c>
      <c r="AA129" s="5"/>
      <c r="AB129" s="5" t="s">
        <v>43</v>
      </c>
      <c r="AC129" s="5" t="s">
        <v>44</v>
      </c>
      <c r="AD129" s="2" t="s">
        <v>24631</v>
      </c>
      <c r="AE129" s="1"/>
    </row>
    <row r="130" spans="1:31">
      <c r="A130" s="5" t="s">
        <v>116</v>
      </c>
      <c r="B130" s="21">
        <v>46054</v>
      </c>
      <c r="C130" s="2" t="s">
        <v>24792</v>
      </c>
      <c r="D130" s="14" t="s">
        <v>24793</v>
      </c>
      <c r="E130" s="2" t="s">
        <v>24794</v>
      </c>
      <c r="F130" s="2" t="s">
        <v>24628</v>
      </c>
      <c r="G130" s="8">
        <v>880</v>
      </c>
      <c r="H130" s="5">
        <v>15</v>
      </c>
      <c r="I130" s="5" t="s">
        <v>69</v>
      </c>
      <c r="J130" s="5" t="s">
        <v>24629</v>
      </c>
      <c r="K130" s="2" t="s">
        <v>24630</v>
      </c>
      <c r="L130" s="5" t="s">
        <v>24629</v>
      </c>
      <c r="M130" s="2" t="s">
        <v>24630</v>
      </c>
      <c r="N130" s="5" t="s">
        <v>24254</v>
      </c>
      <c r="O130" s="5" t="s">
        <v>38</v>
      </c>
      <c r="P130" s="5" t="s">
        <v>39</v>
      </c>
      <c r="Q130" s="5" t="s">
        <v>40</v>
      </c>
      <c r="R130" s="5" t="s">
        <v>1487</v>
      </c>
      <c r="S130" s="5"/>
      <c r="T130" s="5" t="s">
        <v>42</v>
      </c>
      <c r="U130" s="2">
        <v>0</v>
      </c>
      <c r="V130" s="2">
        <v>0</v>
      </c>
      <c r="W130" s="2">
        <v>0</v>
      </c>
      <c r="X130" s="2">
        <v>0</v>
      </c>
      <c r="Y130" s="2">
        <v>0</v>
      </c>
      <c r="Z130" s="2">
        <v>0</v>
      </c>
      <c r="AA130" s="5"/>
      <c r="AB130" s="5" t="s">
        <v>43</v>
      </c>
      <c r="AC130" s="5" t="s">
        <v>44</v>
      </c>
      <c r="AD130" s="2" t="s">
        <v>24635</v>
      </c>
      <c r="AE130" s="1"/>
    </row>
    <row r="131" spans="1:31">
      <c r="A131" s="5" t="s">
        <v>116</v>
      </c>
      <c r="B131" s="21">
        <v>46054</v>
      </c>
      <c r="C131" s="2" t="s">
        <v>24795</v>
      </c>
      <c r="D131" s="14" t="s">
        <v>24796</v>
      </c>
      <c r="E131" s="2" t="s">
        <v>24797</v>
      </c>
      <c r="F131" s="2" t="s">
        <v>24628</v>
      </c>
      <c r="G131" s="8">
        <v>935</v>
      </c>
      <c r="H131" s="5">
        <v>5</v>
      </c>
      <c r="I131" s="5" t="s">
        <v>69</v>
      </c>
      <c r="J131" s="5" t="s">
        <v>24629</v>
      </c>
      <c r="K131" s="2" t="s">
        <v>24630</v>
      </c>
      <c r="L131" s="5" t="s">
        <v>24629</v>
      </c>
      <c r="M131" s="2" t="s">
        <v>24630</v>
      </c>
      <c r="N131" s="5" t="s">
        <v>24254</v>
      </c>
      <c r="O131" s="5" t="s">
        <v>38</v>
      </c>
      <c r="P131" s="5" t="s">
        <v>39</v>
      </c>
      <c r="Q131" s="5" t="s">
        <v>40</v>
      </c>
      <c r="R131" s="5" t="s">
        <v>1487</v>
      </c>
      <c r="S131" s="5"/>
      <c r="T131" s="5" t="s">
        <v>42</v>
      </c>
      <c r="U131" s="2">
        <v>0</v>
      </c>
      <c r="V131" s="2">
        <v>0</v>
      </c>
      <c r="W131" s="2">
        <v>0</v>
      </c>
      <c r="X131" s="2">
        <v>0</v>
      </c>
      <c r="Y131" s="2">
        <v>0</v>
      </c>
      <c r="Z131" s="2">
        <v>0</v>
      </c>
      <c r="AA131" s="5"/>
      <c r="AB131" s="5" t="s">
        <v>43</v>
      </c>
      <c r="AC131" s="5" t="s">
        <v>44</v>
      </c>
      <c r="AD131" s="2" t="s">
        <v>24631</v>
      </c>
      <c r="AE131" s="1"/>
    </row>
    <row r="132" spans="1:31">
      <c r="A132" s="5" t="s">
        <v>116</v>
      </c>
      <c r="B132" s="21">
        <v>46054</v>
      </c>
      <c r="C132" s="2" t="s">
        <v>24798</v>
      </c>
      <c r="D132" s="14" t="s">
        <v>24799</v>
      </c>
      <c r="E132" s="2" t="s">
        <v>24800</v>
      </c>
      <c r="F132" s="2" t="s">
        <v>24628</v>
      </c>
      <c r="G132" s="8">
        <v>935</v>
      </c>
      <c r="H132" s="5">
        <v>15</v>
      </c>
      <c r="I132" s="5" t="s">
        <v>69</v>
      </c>
      <c r="J132" s="5" t="s">
        <v>24629</v>
      </c>
      <c r="K132" s="2" t="s">
        <v>24630</v>
      </c>
      <c r="L132" s="5" t="s">
        <v>24629</v>
      </c>
      <c r="M132" s="2" t="s">
        <v>24630</v>
      </c>
      <c r="N132" s="5" t="s">
        <v>24254</v>
      </c>
      <c r="O132" s="5" t="s">
        <v>38</v>
      </c>
      <c r="P132" s="5" t="s">
        <v>39</v>
      </c>
      <c r="Q132" s="5" t="s">
        <v>40</v>
      </c>
      <c r="R132" s="5" t="s">
        <v>1487</v>
      </c>
      <c r="S132" s="5"/>
      <c r="T132" s="5" t="s">
        <v>42</v>
      </c>
      <c r="U132" s="2">
        <v>0</v>
      </c>
      <c r="V132" s="2">
        <v>0</v>
      </c>
      <c r="W132" s="2">
        <v>0</v>
      </c>
      <c r="X132" s="2">
        <v>0</v>
      </c>
      <c r="Y132" s="2">
        <v>0</v>
      </c>
      <c r="Z132" s="2">
        <v>0</v>
      </c>
      <c r="AA132" s="5"/>
      <c r="AB132" s="5" t="s">
        <v>43</v>
      </c>
      <c r="AC132" s="5" t="s">
        <v>44</v>
      </c>
      <c r="AD132" s="2" t="s">
        <v>24635</v>
      </c>
      <c r="AE132" s="1"/>
    </row>
    <row r="133" spans="1:31">
      <c r="A133" s="5" t="s">
        <v>116</v>
      </c>
      <c r="B133" s="21">
        <v>46054</v>
      </c>
      <c r="C133" s="2" t="s">
        <v>24801</v>
      </c>
      <c r="D133" s="14" t="s">
        <v>24802</v>
      </c>
      <c r="E133" s="2" t="s">
        <v>24803</v>
      </c>
      <c r="F133" s="2" t="s">
        <v>24628</v>
      </c>
      <c r="G133" s="8">
        <v>662</v>
      </c>
      <c r="H133" s="5">
        <v>15</v>
      </c>
      <c r="I133" s="5" t="s">
        <v>69</v>
      </c>
      <c r="J133" s="5" t="s">
        <v>24629</v>
      </c>
      <c r="K133" s="2" t="s">
        <v>24630</v>
      </c>
      <c r="L133" s="5" t="s">
        <v>24629</v>
      </c>
      <c r="M133" s="2" t="s">
        <v>24630</v>
      </c>
      <c r="N133" s="5" t="s">
        <v>24254</v>
      </c>
      <c r="O133" s="5" t="s">
        <v>38</v>
      </c>
      <c r="P133" s="5" t="s">
        <v>39</v>
      </c>
      <c r="Q133" s="5" t="s">
        <v>40</v>
      </c>
      <c r="R133" s="5" t="s">
        <v>1487</v>
      </c>
      <c r="S133" s="5"/>
      <c r="T133" s="5" t="s">
        <v>42</v>
      </c>
      <c r="U133" s="2">
        <v>0</v>
      </c>
      <c r="V133" s="2">
        <v>0</v>
      </c>
      <c r="W133" s="2">
        <v>0</v>
      </c>
      <c r="X133" s="2">
        <v>0</v>
      </c>
      <c r="Y133" s="2">
        <v>0</v>
      </c>
      <c r="Z133" s="2">
        <v>0</v>
      </c>
      <c r="AA133" s="5"/>
      <c r="AB133" s="5" t="s">
        <v>43</v>
      </c>
      <c r="AC133" s="5" t="s">
        <v>44</v>
      </c>
      <c r="AD133" s="2" t="s">
        <v>24804</v>
      </c>
      <c r="AE133" s="1"/>
    </row>
    <row r="134" spans="1:31">
      <c r="A134" s="5" t="s">
        <v>116</v>
      </c>
      <c r="B134" s="21">
        <v>46054</v>
      </c>
      <c r="C134" s="2" t="s">
        <v>24805</v>
      </c>
      <c r="D134" s="14" t="s">
        <v>24806</v>
      </c>
      <c r="E134" s="2" t="s">
        <v>24807</v>
      </c>
      <c r="F134" s="2" t="s">
        <v>24628</v>
      </c>
      <c r="G134" s="8">
        <v>662</v>
      </c>
      <c r="H134" s="5">
        <v>15</v>
      </c>
      <c r="I134" s="5" t="s">
        <v>69</v>
      </c>
      <c r="J134" s="5" t="s">
        <v>24629</v>
      </c>
      <c r="K134" s="2" t="s">
        <v>24630</v>
      </c>
      <c r="L134" s="5" t="s">
        <v>24629</v>
      </c>
      <c r="M134" s="2" t="s">
        <v>24630</v>
      </c>
      <c r="N134" s="5" t="s">
        <v>24254</v>
      </c>
      <c r="O134" s="5" t="s">
        <v>38</v>
      </c>
      <c r="P134" s="5" t="s">
        <v>39</v>
      </c>
      <c r="Q134" s="5" t="s">
        <v>40</v>
      </c>
      <c r="R134" s="5" t="s">
        <v>1487</v>
      </c>
      <c r="S134" s="5"/>
      <c r="T134" s="5" t="s">
        <v>42</v>
      </c>
      <c r="U134" s="2">
        <v>0</v>
      </c>
      <c r="V134" s="2">
        <v>0</v>
      </c>
      <c r="W134" s="2">
        <v>0</v>
      </c>
      <c r="X134" s="2">
        <v>0</v>
      </c>
      <c r="Y134" s="2">
        <v>0</v>
      </c>
      <c r="Z134" s="2">
        <v>0</v>
      </c>
      <c r="AA134" s="5"/>
      <c r="AB134" s="5" t="s">
        <v>43</v>
      </c>
      <c r="AC134" s="5" t="s">
        <v>44</v>
      </c>
      <c r="AD134" s="2" t="s">
        <v>24808</v>
      </c>
      <c r="AE134" s="1"/>
    </row>
    <row r="135" spans="1:31">
      <c r="A135" s="5" t="s">
        <v>116</v>
      </c>
      <c r="B135" s="21">
        <v>46054</v>
      </c>
      <c r="C135" s="2" t="s">
        <v>24809</v>
      </c>
      <c r="D135" s="14" t="s">
        <v>24810</v>
      </c>
      <c r="E135" s="2" t="s">
        <v>24811</v>
      </c>
      <c r="F135" s="2" t="s">
        <v>24639</v>
      </c>
      <c r="G135" s="8">
        <v>1212</v>
      </c>
      <c r="H135" s="5">
        <v>15</v>
      </c>
      <c r="I135" s="5" t="s">
        <v>69</v>
      </c>
      <c r="J135" s="5" t="s">
        <v>24629</v>
      </c>
      <c r="K135" s="2" t="s">
        <v>24630</v>
      </c>
      <c r="L135" s="5" t="s">
        <v>24629</v>
      </c>
      <c r="M135" s="2" t="s">
        <v>24630</v>
      </c>
      <c r="N135" s="5" t="s">
        <v>24254</v>
      </c>
      <c r="O135" s="5" t="s">
        <v>38</v>
      </c>
      <c r="P135" s="5" t="s">
        <v>39</v>
      </c>
      <c r="Q135" s="5" t="s">
        <v>40</v>
      </c>
      <c r="R135" s="5" t="s">
        <v>1487</v>
      </c>
      <c r="S135" s="5"/>
      <c r="T135" s="5" t="s">
        <v>42</v>
      </c>
      <c r="U135" s="2">
        <v>0</v>
      </c>
      <c r="V135" s="2">
        <v>0</v>
      </c>
      <c r="W135" s="2">
        <v>0</v>
      </c>
      <c r="X135" s="2">
        <v>0</v>
      </c>
      <c r="Y135" s="2">
        <v>0</v>
      </c>
      <c r="Z135" s="2">
        <v>0</v>
      </c>
      <c r="AA135" s="5"/>
      <c r="AB135" s="5" t="s">
        <v>43</v>
      </c>
      <c r="AC135" s="5" t="s">
        <v>44</v>
      </c>
      <c r="AD135" s="2" t="s">
        <v>24812</v>
      </c>
      <c r="AE135" s="1"/>
    </row>
    <row r="136" spans="1:31">
      <c r="A136" s="5" t="s">
        <v>116</v>
      </c>
      <c r="B136" s="21">
        <v>46054</v>
      </c>
      <c r="C136" s="2" t="s">
        <v>24813</v>
      </c>
      <c r="D136" s="14" t="s">
        <v>24814</v>
      </c>
      <c r="E136" s="2" t="s">
        <v>24815</v>
      </c>
      <c r="F136" s="2" t="s">
        <v>24639</v>
      </c>
      <c r="G136" s="8">
        <v>1212</v>
      </c>
      <c r="H136" s="5">
        <v>15</v>
      </c>
      <c r="I136" s="5" t="s">
        <v>69</v>
      </c>
      <c r="J136" s="5" t="s">
        <v>24629</v>
      </c>
      <c r="K136" s="2" t="s">
        <v>24630</v>
      </c>
      <c r="L136" s="5" t="s">
        <v>24629</v>
      </c>
      <c r="M136" s="2" t="s">
        <v>24630</v>
      </c>
      <c r="N136" s="5" t="s">
        <v>24254</v>
      </c>
      <c r="O136" s="5" t="s">
        <v>38</v>
      </c>
      <c r="P136" s="5" t="s">
        <v>39</v>
      </c>
      <c r="Q136" s="5" t="s">
        <v>40</v>
      </c>
      <c r="R136" s="5" t="s">
        <v>1487</v>
      </c>
      <c r="S136" s="5"/>
      <c r="T136" s="5" t="s">
        <v>42</v>
      </c>
      <c r="U136" s="2">
        <v>0</v>
      </c>
      <c r="V136" s="2">
        <v>0</v>
      </c>
      <c r="W136" s="2">
        <v>0</v>
      </c>
      <c r="X136" s="2">
        <v>0</v>
      </c>
      <c r="Y136" s="2">
        <v>0</v>
      </c>
      <c r="Z136" s="2">
        <v>0</v>
      </c>
      <c r="AA136" s="5"/>
      <c r="AB136" s="5" t="s">
        <v>43</v>
      </c>
      <c r="AC136" s="5" t="s">
        <v>44</v>
      </c>
      <c r="AD136" s="2" t="s">
        <v>24816</v>
      </c>
      <c r="AE136" s="1"/>
    </row>
    <row r="137" spans="1:31">
      <c r="A137" s="5" t="s">
        <v>116</v>
      </c>
      <c r="B137" s="21">
        <v>46054</v>
      </c>
      <c r="C137" s="2" t="s">
        <v>24817</v>
      </c>
      <c r="D137" s="14" t="s">
        <v>24818</v>
      </c>
      <c r="E137" s="2" t="s">
        <v>24819</v>
      </c>
      <c r="F137" s="2" t="s">
        <v>24628</v>
      </c>
      <c r="G137" s="8">
        <v>688</v>
      </c>
      <c r="H137" s="5">
        <v>10</v>
      </c>
      <c r="I137" s="5" t="s">
        <v>69</v>
      </c>
      <c r="J137" s="5" t="s">
        <v>24629</v>
      </c>
      <c r="K137" s="2" t="s">
        <v>24630</v>
      </c>
      <c r="L137" s="5" t="s">
        <v>24629</v>
      </c>
      <c r="M137" s="2" t="s">
        <v>24630</v>
      </c>
      <c r="N137" s="5" t="s">
        <v>24254</v>
      </c>
      <c r="O137" s="5" t="s">
        <v>38</v>
      </c>
      <c r="P137" s="5" t="s">
        <v>39</v>
      </c>
      <c r="Q137" s="5" t="s">
        <v>40</v>
      </c>
      <c r="R137" s="5" t="s">
        <v>1487</v>
      </c>
      <c r="S137" s="5"/>
      <c r="T137" s="5" t="s">
        <v>42</v>
      </c>
      <c r="U137" s="2">
        <v>0</v>
      </c>
      <c r="V137" s="2">
        <v>0</v>
      </c>
      <c r="W137" s="2">
        <v>0</v>
      </c>
      <c r="X137" s="2">
        <v>0</v>
      </c>
      <c r="Y137" s="2">
        <v>0</v>
      </c>
      <c r="Z137" s="2">
        <v>0</v>
      </c>
      <c r="AA137" s="5"/>
      <c r="AB137" s="5" t="s">
        <v>43</v>
      </c>
      <c r="AC137" s="5" t="s">
        <v>44</v>
      </c>
      <c r="AD137" s="2" t="s">
        <v>24804</v>
      </c>
      <c r="AE137" s="1"/>
    </row>
    <row r="138" spans="1:31">
      <c r="A138" s="5" t="s">
        <v>116</v>
      </c>
      <c r="B138" s="21">
        <v>46054</v>
      </c>
      <c r="C138" s="2" t="s">
        <v>24820</v>
      </c>
      <c r="D138" s="14" t="s">
        <v>24821</v>
      </c>
      <c r="E138" s="2" t="s">
        <v>24822</v>
      </c>
      <c r="F138" s="2" t="s">
        <v>24628</v>
      </c>
      <c r="G138" s="8">
        <v>688</v>
      </c>
      <c r="H138" s="5">
        <v>15</v>
      </c>
      <c r="I138" s="5" t="s">
        <v>69</v>
      </c>
      <c r="J138" s="5" t="s">
        <v>24629</v>
      </c>
      <c r="K138" s="2" t="s">
        <v>24630</v>
      </c>
      <c r="L138" s="5" t="s">
        <v>24629</v>
      </c>
      <c r="M138" s="2" t="s">
        <v>24630</v>
      </c>
      <c r="N138" s="5" t="s">
        <v>24254</v>
      </c>
      <c r="O138" s="5" t="s">
        <v>38</v>
      </c>
      <c r="P138" s="5" t="s">
        <v>39</v>
      </c>
      <c r="Q138" s="5" t="s">
        <v>40</v>
      </c>
      <c r="R138" s="5" t="s">
        <v>1487</v>
      </c>
      <c r="S138" s="5"/>
      <c r="T138" s="5" t="s">
        <v>42</v>
      </c>
      <c r="U138" s="2">
        <v>0</v>
      </c>
      <c r="V138" s="2">
        <v>0</v>
      </c>
      <c r="W138" s="2">
        <v>0</v>
      </c>
      <c r="X138" s="2">
        <v>0</v>
      </c>
      <c r="Y138" s="2">
        <v>0</v>
      </c>
      <c r="Z138" s="2">
        <v>0</v>
      </c>
      <c r="AA138" s="5"/>
      <c r="AB138" s="5" t="s">
        <v>43</v>
      </c>
      <c r="AC138" s="5" t="s">
        <v>44</v>
      </c>
      <c r="AD138" s="2" t="s">
        <v>24808</v>
      </c>
      <c r="AE138" s="1"/>
    </row>
    <row r="139" spans="1:31">
      <c r="A139" s="5" t="s">
        <v>116</v>
      </c>
      <c r="B139" s="21">
        <v>46054</v>
      </c>
      <c r="C139" s="2" t="s">
        <v>24823</v>
      </c>
      <c r="D139" s="14" t="s">
        <v>24824</v>
      </c>
      <c r="E139" s="2" t="s">
        <v>24825</v>
      </c>
      <c r="F139" s="2" t="s">
        <v>24639</v>
      </c>
      <c r="G139" s="8">
        <v>1265</v>
      </c>
      <c r="H139" s="5">
        <v>15</v>
      </c>
      <c r="I139" s="5" t="s">
        <v>69</v>
      </c>
      <c r="J139" s="5" t="s">
        <v>24629</v>
      </c>
      <c r="K139" s="2" t="s">
        <v>24630</v>
      </c>
      <c r="L139" s="5" t="s">
        <v>24629</v>
      </c>
      <c r="M139" s="2" t="s">
        <v>24630</v>
      </c>
      <c r="N139" s="5" t="s">
        <v>24254</v>
      </c>
      <c r="O139" s="5" t="s">
        <v>38</v>
      </c>
      <c r="P139" s="5" t="s">
        <v>39</v>
      </c>
      <c r="Q139" s="5" t="s">
        <v>40</v>
      </c>
      <c r="R139" s="5" t="s">
        <v>1487</v>
      </c>
      <c r="S139" s="5"/>
      <c r="T139" s="5" t="s">
        <v>42</v>
      </c>
      <c r="U139" s="2">
        <v>0</v>
      </c>
      <c r="V139" s="2">
        <v>0</v>
      </c>
      <c r="W139" s="2">
        <v>0</v>
      </c>
      <c r="X139" s="2">
        <v>0</v>
      </c>
      <c r="Y139" s="2">
        <v>0</v>
      </c>
      <c r="Z139" s="2">
        <v>0</v>
      </c>
      <c r="AA139" s="5"/>
      <c r="AB139" s="5" t="s">
        <v>43</v>
      </c>
      <c r="AC139" s="5" t="s">
        <v>44</v>
      </c>
      <c r="AD139" s="2" t="s">
        <v>24812</v>
      </c>
      <c r="AE139" s="1"/>
    </row>
    <row r="140" spans="1:31">
      <c r="A140" s="5" t="s">
        <v>116</v>
      </c>
      <c r="B140" s="21">
        <v>46054</v>
      </c>
      <c r="C140" s="2" t="s">
        <v>24826</v>
      </c>
      <c r="D140" s="14" t="s">
        <v>24827</v>
      </c>
      <c r="E140" s="2" t="s">
        <v>24828</v>
      </c>
      <c r="F140" s="2" t="s">
        <v>24639</v>
      </c>
      <c r="G140" s="8">
        <v>1265</v>
      </c>
      <c r="H140" s="5">
        <v>15</v>
      </c>
      <c r="I140" s="5" t="s">
        <v>69</v>
      </c>
      <c r="J140" s="5" t="s">
        <v>24629</v>
      </c>
      <c r="K140" s="2" t="s">
        <v>24630</v>
      </c>
      <c r="L140" s="5" t="s">
        <v>24629</v>
      </c>
      <c r="M140" s="2" t="s">
        <v>24630</v>
      </c>
      <c r="N140" s="5" t="s">
        <v>24254</v>
      </c>
      <c r="O140" s="5" t="s">
        <v>38</v>
      </c>
      <c r="P140" s="5" t="s">
        <v>39</v>
      </c>
      <c r="Q140" s="5" t="s">
        <v>40</v>
      </c>
      <c r="R140" s="5" t="s">
        <v>1487</v>
      </c>
      <c r="S140" s="5"/>
      <c r="T140" s="5" t="s">
        <v>42</v>
      </c>
      <c r="U140" s="2">
        <v>0</v>
      </c>
      <c r="V140" s="2">
        <v>0</v>
      </c>
      <c r="W140" s="2">
        <v>0</v>
      </c>
      <c r="X140" s="2">
        <v>0</v>
      </c>
      <c r="Y140" s="2">
        <v>0</v>
      </c>
      <c r="Z140" s="2">
        <v>0</v>
      </c>
      <c r="AA140" s="5"/>
      <c r="AB140" s="5" t="s">
        <v>43</v>
      </c>
      <c r="AC140" s="5" t="s">
        <v>44</v>
      </c>
      <c r="AD140" s="2" t="s">
        <v>24816</v>
      </c>
      <c r="AE140" s="1"/>
    </row>
    <row r="141" spans="1:31">
      <c r="A141" s="5" t="s">
        <v>116</v>
      </c>
      <c r="B141" s="21">
        <v>46054</v>
      </c>
      <c r="C141" s="2" t="s">
        <v>24829</v>
      </c>
      <c r="D141" s="14" t="s">
        <v>24830</v>
      </c>
      <c r="E141" s="2" t="s">
        <v>24831</v>
      </c>
      <c r="F141" s="2" t="s">
        <v>24628</v>
      </c>
      <c r="G141" s="8">
        <v>713</v>
      </c>
      <c r="H141" s="5">
        <v>10</v>
      </c>
      <c r="I141" s="5" t="s">
        <v>69</v>
      </c>
      <c r="J141" s="5" t="s">
        <v>24629</v>
      </c>
      <c r="K141" s="2" t="s">
        <v>24630</v>
      </c>
      <c r="L141" s="5" t="s">
        <v>24629</v>
      </c>
      <c r="M141" s="2" t="s">
        <v>24630</v>
      </c>
      <c r="N141" s="5" t="s">
        <v>24254</v>
      </c>
      <c r="O141" s="5" t="s">
        <v>38</v>
      </c>
      <c r="P141" s="5" t="s">
        <v>39</v>
      </c>
      <c r="Q141" s="5" t="s">
        <v>40</v>
      </c>
      <c r="R141" s="5" t="s">
        <v>1487</v>
      </c>
      <c r="S141" s="5"/>
      <c r="T141" s="5" t="s">
        <v>42</v>
      </c>
      <c r="U141" s="2">
        <v>0</v>
      </c>
      <c r="V141" s="2">
        <v>0</v>
      </c>
      <c r="W141" s="2">
        <v>0</v>
      </c>
      <c r="X141" s="2">
        <v>0</v>
      </c>
      <c r="Y141" s="2">
        <v>0</v>
      </c>
      <c r="Z141" s="2">
        <v>0</v>
      </c>
      <c r="AA141" s="5"/>
      <c r="AB141" s="5" t="s">
        <v>43</v>
      </c>
      <c r="AC141" s="5" t="s">
        <v>44</v>
      </c>
      <c r="AD141" s="2" t="s">
        <v>24804</v>
      </c>
      <c r="AE141" s="1"/>
    </row>
    <row r="142" spans="1:31">
      <c r="A142" s="5" t="s">
        <v>116</v>
      </c>
      <c r="B142" s="21">
        <v>46054</v>
      </c>
      <c r="C142" s="2" t="s">
        <v>24832</v>
      </c>
      <c r="D142" s="14" t="s">
        <v>24833</v>
      </c>
      <c r="E142" s="2" t="s">
        <v>24834</v>
      </c>
      <c r="F142" s="2" t="s">
        <v>24628</v>
      </c>
      <c r="G142" s="8">
        <v>713</v>
      </c>
      <c r="H142" s="5">
        <v>15</v>
      </c>
      <c r="I142" s="5" t="s">
        <v>69</v>
      </c>
      <c r="J142" s="5" t="s">
        <v>24629</v>
      </c>
      <c r="K142" s="2" t="s">
        <v>24630</v>
      </c>
      <c r="L142" s="5" t="s">
        <v>24629</v>
      </c>
      <c r="M142" s="2" t="s">
        <v>24630</v>
      </c>
      <c r="N142" s="5" t="s">
        <v>24254</v>
      </c>
      <c r="O142" s="5" t="s">
        <v>38</v>
      </c>
      <c r="P142" s="5" t="s">
        <v>39</v>
      </c>
      <c r="Q142" s="5" t="s">
        <v>40</v>
      </c>
      <c r="R142" s="5" t="s">
        <v>1487</v>
      </c>
      <c r="S142" s="5"/>
      <c r="T142" s="5" t="s">
        <v>42</v>
      </c>
      <c r="U142" s="2">
        <v>0</v>
      </c>
      <c r="V142" s="2">
        <v>0</v>
      </c>
      <c r="W142" s="2">
        <v>0</v>
      </c>
      <c r="X142" s="2">
        <v>0</v>
      </c>
      <c r="Y142" s="2">
        <v>0</v>
      </c>
      <c r="Z142" s="2">
        <v>0</v>
      </c>
      <c r="AA142" s="5"/>
      <c r="AB142" s="5" t="s">
        <v>43</v>
      </c>
      <c r="AC142" s="5" t="s">
        <v>44</v>
      </c>
      <c r="AD142" s="2" t="s">
        <v>24808</v>
      </c>
      <c r="AE142" s="1"/>
    </row>
    <row r="143" spans="1:31">
      <c r="A143" s="5" t="s">
        <v>116</v>
      </c>
      <c r="B143" s="21">
        <v>46054</v>
      </c>
      <c r="C143" s="2" t="s">
        <v>24835</v>
      </c>
      <c r="D143" s="14" t="s">
        <v>24836</v>
      </c>
      <c r="E143" s="2" t="s">
        <v>24837</v>
      </c>
      <c r="F143" s="2" t="s">
        <v>24639</v>
      </c>
      <c r="G143" s="8">
        <v>1315</v>
      </c>
      <c r="H143" s="5">
        <v>15</v>
      </c>
      <c r="I143" s="5" t="s">
        <v>69</v>
      </c>
      <c r="J143" s="5" t="s">
        <v>24629</v>
      </c>
      <c r="K143" s="2" t="s">
        <v>24630</v>
      </c>
      <c r="L143" s="5" t="s">
        <v>24629</v>
      </c>
      <c r="M143" s="2" t="s">
        <v>24630</v>
      </c>
      <c r="N143" s="5" t="s">
        <v>24254</v>
      </c>
      <c r="O143" s="5" t="s">
        <v>38</v>
      </c>
      <c r="P143" s="5" t="s">
        <v>39</v>
      </c>
      <c r="Q143" s="5" t="s">
        <v>40</v>
      </c>
      <c r="R143" s="5" t="s">
        <v>1487</v>
      </c>
      <c r="S143" s="5"/>
      <c r="T143" s="5" t="s">
        <v>42</v>
      </c>
      <c r="U143" s="2">
        <v>0</v>
      </c>
      <c r="V143" s="2">
        <v>0</v>
      </c>
      <c r="W143" s="2">
        <v>0</v>
      </c>
      <c r="X143" s="2">
        <v>0</v>
      </c>
      <c r="Y143" s="2">
        <v>0</v>
      </c>
      <c r="Z143" s="2">
        <v>0</v>
      </c>
      <c r="AA143" s="5"/>
      <c r="AB143" s="5" t="s">
        <v>43</v>
      </c>
      <c r="AC143" s="5" t="s">
        <v>44</v>
      </c>
      <c r="AD143" s="2" t="s">
        <v>24812</v>
      </c>
      <c r="AE143" s="1"/>
    </row>
    <row r="144" spans="1:31">
      <c r="A144" s="5" t="s">
        <v>116</v>
      </c>
      <c r="B144" s="21">
        <v>46054</v>
      </c>
      <c r="C144" s="2" t="s">
        <v>24838</v>
      </c>
      <c r="D144" s="14" t="s">
        <v>24839</v>
      </c>
      <c r="E144" s="2" t="s">
        <v>24840</v>
      </c>
      <c r="F144" s="2" t="s">
        <v>24639</v>
      </c>
      <c r="G144" s="8">
        <v>1315</v>
      </c>
      <c r="H144" s="5">
        <v>15</v>
      </c>
      <c r="I144" s="5" t="s">
        <v>69</v>
      </c>
      <c r="J144" s="5" t="s">
        <v>24629</v>
      </c>
      <c r="K144" s="2" t="s">
        <v>24630</v>
      </c>
      <c r="L144" s="5" t="s">
        <v>24629</v>
      </c>
      <c r="M144" s="2" t="s">
        <v>24630</v>
      </c>
      <c r="N144" s="5" t="s">
        <v>24254</v>
      </c>
      <c r="O144" s="5" t="s">
        <v>38</v>
      </c>
      <c r="P144" s="5" t="s">
        <v>39</v>
      </c>
      <c r="Q144" s="5" t="s">
        <v>40</v>
      </c>
      <c r="R144" s="5" t="s">
        <v>1487</v>
      </c>
      <c r="S144" s="5"/>
      <c r="T144" s="5" t="s">
        <v>42</v>
      </c>
      <c r="U144" s="2">
        <v>0</v>
      </c>
      <c r="V144" s="2">
        <v>0</v>
      </c>
      <c r="W144" s="2">
        <v>0</v>
      </c>
      <c r="X144" s="2">
        <v>0</v>
      </c>
      <c r="Y144" s="2">
        <v>0</v>
      </c>
      <c r="Z144" s="2">
        <v>0</v>
      </c>
      <c r="AA144" s="5"/>
      <c r="AB144" s="5" t="s">
        <v>43</v>
      </c>
      <c r="AC144" s="5" t="s">
        <v>44</v>
      </c>
      <c r="AD144" s="2" t="s">
        <v>24816</v>
      </c>
      <c r="AE144" s="1"/>
    </row>
    <row r="145" spans="1:31">
      <c r="A145" s="5" t="s">
        <v>116</v>
      </c>
      <c r="B145" s="21">
        <v>46054</v>
      </c>
      <c r="C145" s="2" t="s">
        <v>24841</v>
      </c>
      <c r="D145" s="14" t="s">
        <v>24842</v>
      </c>
      <c r="E145" s="2" t="s">
        <v>24843</v>
      </c>
      <c r="F145" s="2" t="s">
        <v>24628</v>
      </c>
      <c r="G145" s="8">
        <v>704</v>
      </c>
      <c r="H145" s="5">
        <v>10</v>
      </c>
      <c r="I145" s="5" t="s">
        <v>69</v>
      </c>
      <c r="J145" s="5" t="s">
        <v>24629</v>
      </c>
      <c r="K145" s="2" t="s">
        <v>24630</v>
      </c>
      <c r="L145" s="5" t="s">
        <v>24629</v>
      </c>
      <c r="M145" s="2" t="s">
        <v>24630</v>
      </c>
      <c r="N145" s="5" t="s">
        <v>24254</v>
      </c>
      <c r="O145" s="5" t="s">
        <v>38</v>
      </c>
      <c r="P145" s="5" t="s">
        <v>39</v>
      </c>
      <c r="Q145" s="5" t="s">
        <v>40</v>
      </c>
      <c r="R145" s="5" t="s">
        <v>1487</v>
      </c>
      <c r="S145" s="5"/>
      <c r="T145" s="5" t="s">
        <v>42</v>
      </c>
      <c r="U145" s="2">
        <v>0</v>
      </c>
      <c r="V145" s="2">
        <v>0</v>
      </c>
      <c r="W145" s="2">
        <v>0</v>
      </c>
      <c r="X145" s="2">
        <v>0</v>
      </c>
      <c r="Y145" s="2">
        <v>0</v>
      </c>
      <c r="Z145" s="2">
        <v>0</v>
      </c>
      <c r="AA145" s="5"/>
      <c r="AB145" s="5" t="s">
        <v>43</v>
      </c>
      <c r="AC145" s="5" t="s">
        <v>44</v>
      </c>
      <c r="AD145" s="2" t="s">
        <v>24804</v>
      </c>
      <c r="AE145" s="1"/>
    </row>
    <row r="146" spans="1:31">
      <c r="A146" s="5" t="s">
        <v>116</v>
      </c>
      <c r="B146" s="21">
        <v>46054</v>
      </c>
      <c r="C146" s="2" t="s">
        <v>24844</v>
      </c>
      <c r="D146" s="14" t="s">
        <v>24845</v>
      </c>
      <c r="E146" s="2" t="s">
        <v>24846</v>
      </c>
      <c r="F146" s="2" t="s">
        <v>24628</v>
      </c>
      <c r="G146" s="8">
        <v>704</v>
      </c>
      <c r="H146" s="5">
        <v>15</v>
      </c>
      <c r="I146" s="5" t="s">
        <v>69</v>
      </c>
      <c r="J146" s="5" t="s">
        <v>24629</v>
      </c>
      <c r="K146" s="2" t="s">
        <v>24630</v>
      </c>
      <c r="L146" s="5" t="s">
        <v>24629</v>
      </c>
      <c r="M146" s="2" t="s">
        <v>24630</v>
      </c>
      <c r="N146" s="5" t="s">
        <v>24254</v>
      </c>
      <c r="O146" s="5" t="s">
        <v>38</v>
      </c>
      <c r="P146" s="5" t="s">
        <v>39</v>
      </c>
      <c r="Q146" s="5" t="s">
        <v>40</v>
      </c>
      <c r="R146" s="5" t="s">
        <v>1487</v>
      </c>
      <c r="S146" s="5"/>
      <c r="T146" s="5" t="s">
        <v>42</v>
      </c>
      <c r="U146" s="2">
        <v>0</v>
      </c>
      <c r="V146" s="2">
        <v>0</v>
      </c>
      <c r="W146" s="2">
        <v>0</v>
      </c>
      <c r="X146" s="2">
        <v>0</v>
      </c>
      <c r="Y146" s="2">
        <v>0</v>
      </c>
      <c r="Z146" s="2">
        <v>0</v>
      </c>
      <c r="AA146" s="5"/>
      <c r="AB146" s="5" t="s">
        <v>43</v>
      </c>
      <c r="AC146" s="5" t="s">
        <v>44</v>
      </c>
      <c r="AD146" s="2" t="s">
        <v>24808</v>
      </c>
      <c r="AE146" s="1"/>
    </row>
    <row r="147" spans="1:31">
      <c r="A147" s="5" t="s">
        <v>116</v>
      </c>
      <c r="B147" s="21">
        <v>46054</v>
      </c>
      <c r="C147" s="2" t="s">
        <v>24847</v>
      </c>
      <c r="D147" s="14" t="s">
        <v>24848</v>
      </c>
      <c r="E147" s="2" t="s">
        <v>24849</v>
      </c>
      <c r="F147" s="2" t="s">
        <v>24639</v>
      </c>
      <c r="G147" s="8">
        <v>1341</v>
      </c>
      <c r="H147" s="5">
        <v>15</v>
      </c>
      <c r="I147" s="5" t="s">
        <v>69</v>
      </c>
      <c r="J147" s="5" t="s">
        <v>24629</v>
      </c>
      <c r="K147" s="2" t="s">
        <v>24630</v>
      </c>
      <c r="L147" s="5" t="s">
        <v>24629</v>
      </c>
      <c r="M147" s="2" t="s">
        <v>24630</v>
      </c>
      <c r="N147" s="5" t="s">
        <v>24254</v>
      </c>
      <c r="O147" s="5" t="s">
        <v>38</v>
      </c>
      <c r="P147" s="5" t="s">
        <v>39</v>
      </c>
      <c r="Q147" s="5" t="s">
        <v>40</v>
      </c>
      <c r="R147" s="5" t="s">
        <v>1487</v>
      </c>
      <c r="S147" s="5"/>
      <c r="T147" s="5" t="s">
        <v>42</v>
      </c>
      <c r="U147" s="2">
        <v>0</v>
      </c>
      <c r="V147" s="2">
        <v>0</v>
      </c>
      <c r="W147" s="2">
        <v>0</v>
      </c>
      <c r="X147" s="2">
        <v>0</v>
      </c>
      <c r="Y147" s="2">
        <v>0</v>
      </c>
      <c r="Z147" s="2">
        <v>0</v>
      </c>
      <c r="AA147" s="5"/>
      <c r="AB147" s="5" t="s">
        <v>43</v>
      </c>
      <c r="AC147" s="5" t="s">
        <v>44</v>
      </c>
      <c r="AD147" s="2" t="s">
        <v>24812</v>
      </c>
      <c r="AE147" s="1"/>
    </row>
    <row r="148" spans="1:31">
      <c r="A148" s="5" t="s">
        <v>116</v>
      </c>
      <c r="B148" s="21">
        <v>46054</v>
      </c>
      <c r="C148" s="2" t="s">
        <v>24850</v>
      </c>
      <c r="D148" s="14" t="s">
        <v>24851</v>
      </c>
      <c r="E148" s="2" t="s">
        <v>24852</v>
      </c>
      <c r="F148" s="2" t="s">
        <v>24639</v>
      </c>
      <c r="G148" s="8">
        <v>1341</v>
      </c>
      <c r="H148" s="5">
        <v>15</v>
      </c>
      <c r="I148" s="5" t="s">
        <v>69</v>
      </c>
      <c r="J148" s="5" t="s">
        <v>24629</v>
      </c>
      <c r="K148" s="2" t="s">
        <v>24630</v>
      </c>
      <c r="L148" s="5" t="s">
        <v>24629</v>
      </c>
      <c r="M148" s="2" t="s">
        <v>24630</v>
      </c>
      <c r="N148" s="5" t="s">
        <v>24254</v>
      </c>
      <c r="O148" s="5" t="s">
        <v>38</v>
      </c>
      <c r="P148" s="5" t="s">
        <v>39</v>
      </c>
      <c r="Q148" s="5" t="s">
        <v>40</v>
      </c>
      <c r="R148" s="5" t="s">
        <v>1487</v>
      </c>
      <c r="S148" s="5"/>
      <c r="T148" s="5" t="s">
        <v>42</v>
      </c>
      <c r="U148" s="2">
        <v>0</v>
      </c>
      <c r="V148" s="2">
        <v>0</v>
      </c>
      <c r="W148" s="2">
        <v>0</v>
      </c>
      <c r="X148" s="2">
        <v>0</v>
      </c>
      <c r="Y148" s="2">
        <v>0</v>
      </c>
      <c r="Z148" s="2">
        <v>0</v>
      </c>
      <c r="AA148" s="5"/>
      <c r="AB148" s="5" t="s">
        <v>43</v>
      </c>
      <c r="AC148" s="5" t="s">
        <v>44</v>
      </c>
      <c r="AD148" s="2" t="s">
        <v>24816</v>
      </c>
      <c r="AE148" s="1"/>
    </row>
    <row r="149" spans="1:31">
      <c r="A149" s="5" t="s">
        <v>116</v>
      </c>
      <c r="B149" s="21">
        <v>46054</v>
      </c>
      <c r="C149" s="2" t="s">
        <v>24853</v>
      </c>
      <c r="D149" s="14" t="s">
        <v>24854</v>
      </c>
      <c r="E149" s="2" t="s">
        <v>24855</v>
      </c>
      <c r="F149" s="2" t="s">
        <v>24628</v>
      </c>
      <c r="G149" s="8">
        <v>750</v>
      </c>
      <c r="H149" s="5">
        <v>10</v>
      </c>
      <c r="I149" s="5" t="s">
        <v>69</v>
      </c>
      <c r="J149" s="5" t="s">
        <v>24629</v>
      </c>
      <c r="K149" s="2" t="s">
        <v>24630</v>
      </c>
      <c r="L149" s="5" t="s">
        <v>24629</v>
      </c>
      <c r="M149" s="2" t="s">
        <v>24630</v>
      </c>
      <c r="N149" s="5" t="s">
        <v>24254</v>
      </c>
      <c r="O149" s="5" t="s">
        <v>38</v>
      </c>
      <c r="P149" s="5" t="s">
        <v>39</v>
      </c>
      <c r="Q149" s="5" t="s">
        <v>40</v>
      </c>
      <c r="R149" s="5" t="s">
        <v>1487</v>
      </c>
      <c r="S149" s="5"/>
      <c r="T149" s="5" t="s">
        <v>42</v>
      </c>
      <c r="U149" s="2">
        <v>0</v>
      </c>
      <c r="V149" s="2">
        <v>0</v>
      </c>
      <c r="W149" s="2">
        <v>0</v>
      </c>
      <c r="X149" s="2">
        <v>0</v>
      </c>
      <c r="Y149" s="2">
        <v>0</v>
      </c>
      <c r="Z149" s="2">
        <v>0</v>
      </c>
      <c r="AA149" s="5"/>
      <c r="AB149" s="5" t="s">
        <v>43</v>
      </c>
      <c r="AC149" s="5" t="s">
        <v>44</v>
      </c>
      <c r="AD149" s="2" t="s">
        <v>24804</v>
      </c>
      <c r="AE149" s="1"/>
    </row>
    <row r="150" spans="1:31">
      <c r="A150" s="5" t="s">
        <v>116</v>
      </c>
      <c r="B150" s="21">
        <v>46054</v>
      </c>
      <c r="C150" s="2" t="s">
        <v>24856</v>
      </c>
      <c r="D150" s="14" t="s">
        <v>24857</v>
      </c>
      <c r="E150" s="2" t="s">
        <v>24858</v>
      </c>
      <c r="F150" s="2" t="s">
        <v>24628</v>
      </c>
      <c r="G150" s="8">
        <v>750</v>
      </c>
      <c r="H150" s="5">
        <v>15</v>
      </c>
      <c r="I150" s="5" t="s">
        <v>69</v>
      </c>
      <c r="J150" s="5" t="s">
        <v>24629</v>
      </c>
      <c r="K150" s="2" t="s">
        <v>24630</v>
      </c>
      <c r="L150" s="5" t="s">
        <v>24629</v>
      </c>
      <c r="M150" s="2" t="s">
        <v>24630</v>
      </c>
      <c r="N150" s="5" t="s">
        <v>24254</v>
      </c>
      <c r="O150" s="5" t="s">
        <v>38</v>
      </c>
      <c r="P150" s="5" t="s">
        <v>39</v>
      </c>
      <c r="Q150" s="5" t="s">
        <v>40</v>
      </c>
      <c r="R150" s="5" t="s">
        <v>1487</v>
      </c>
      <c r="S150" s="5"/>
      <c r="T150" s="5" t="s">
        <v>42</v>
      </c>
      <c r="U150" s="2">
        <v>0</v>
      </c>
      <c r="V150" s="2">
        <v>0</v>
      </c>
      <c r="W150" s="2">
        <v>0</v>
      </c>
      <c r="X150" s="2">
        <v>0</v>
      </c>
      <c r="Y150" s="2">
        <v>0</v>
      </c>
      <c r="Z150" s="2">
        <v>0</v>
      </c>
      <c r="AA150" s="5"/>
      <c r="AB150" s="5" t="s">
        <v>43</v>
      </c>
      <c r="AC150" s="5" t="s">
        <v>44</v>
      </c>
      <c r="AD150" s="2" t="s">
        <v>24808</v>
      </c>
      <c r="AE150" s="1"/>
    </row>
    <row r="151" spans="1:31">
      <c r="A151" s="5" t="s">
        <v>116</v>
      </c>
      <c r="B151" s="21">
        <v>46054</v>
      </c>
      <c r="C151" s="2" t="s">
        <v>24859</v>
      </c>
      <c r="D151" s="14" t="s">
        <v>24860</v>
      </c>
      <c r="E151" s="2" t="s">
        <v>24861</v>
      </c>
      <c r="F151" s="2" t="s">
        <v>24639</v>
      </c>
      <c r="G151" s="8">
        <v>1433</v>
      </c>
      <c r="H151" s="5">
        <v>15</v>
      </c>
      <c r="I151" s="5" t="s">
        <v>69</v>
      </c>
      <c r="J151" s="5" t="s">
        <v>24629</v>
      </c>
      <c r="K151" s="2" t="s">
        <v>24630</v>
      </c>
      <c r="L151" s="5" t="s">
        <v>24629</v>
      </c>
      <c r="M151" s="2" t="s">
        <v>24630</v>
      </c>
      <c r="N151" s="5" t="s">
        <v>24254</v>
      </c>
      <c r="O151" s="5" t="s">
        <v>38</v>
      </c>
      <c r="P151" s="5" t="s">
        <v>39</v>
      </c>
      <c r="Q151" s="5" t="s">
        <v>40</v>
      </c>
      <c r="R151" s="5" t="s">
        <v>1487</v>
      </c>
      <c r="S151" s="5"/>
      <c r="T151" s="5" t="s">
        <v>42</v>
      </c>
      <c r="U151" s="2">
        <v>0</v>
      </c>
      <c r="V151" s="2">
        <v>0</v>
      </c>
      <c r="W151" s="2">
        <v>0</v>
      </c>
      <c r="X151" s="2">
        <v>0</v>
      </c>
      <c r="Y151" s="2">
        <v>0</v>
      </c>
      <c r="Z151" s="2">
        <v>0</v>
      </c>
      <c r="AA151" s="5"/>
      <c r="AB151" s="5" t="s">
        <v>43</v>
      </c>
      <c r="AC151" s="5" t="s">
        <v>44</v>
      </c>
      <c r="AD151" s="2" t="s">
        <v>24812</v>
      </c>
      <c r="AE151" s="1"/>
    </row>
    <row r="152" spans="1:31">
      <c r="A152" s="5" t="s">
        <v>116</v>
      </c>
      <c r="B152" s="21">
        <v>46054</v>
      </c>
      <c r="C152" s="2" t="s">
        <v>24862</v>
      </c>
      <c r="D152" s="14" t="s">
        <v>24863</v>
      </c>
      <c r="E152" s="2" t="s">
        <v>24864</v>
      </c>
      <c r="F152" s="2" t="s">
        <v>24639</v>
      </c>
      <c r="G152" s="8">
        <v>1433</v>
      </c>
      <c r="H152" s="5">
        <v>15</v>
      </c>
      <c r="I152" s="5" t="s">
        <v>69</v>
      </c>
      <c r="J152" s="5" t="s">
        <v>24629</v>
      </c>
      <c r="K152" s="2" t="s">
        <v>24630</v>
      </c>
      <c r="L152" s="5" t="s">
        <v>24629</v>
      </c>
      <c r="M152" s="2" t="s">
        <v>24630</v>
      </c>
      <c r="N152" s="5" t="s">
        <v>24254</v>
      </c>
      <c r="O152" s="5" t="s">
        <v>38</v>
      </c>
      <c r="P152" s="5" t="s">
        <v>39</v>
      </c>
      <c r="Q152" s="5" t="s">
        <v>40</v>
      </c>
      <c r="R152" s="5" t="s">
        <v>1487</v>
      </c>
      <c r="S152" s="5"/>
      <c r="T152" s="5" t="s">
        <v>42</v>
      </c>
      <c r="U152" s="2">
        <v>0</v>
      </c>
      <c r="V152" s="2">
        <v>0</v>
      </c>
      <c r="W152" s="2">
        <v>0</v>
      </c>
      <c r="X152" s="2">
        <v>0</v>
      </c>
      <c r="Y152" s="2">
        <v>0</v>
      </c>
      <c r="Z152" s="2">
        <v>0</v>
      </c>
      <c r="AA152" s="5"/>
      <c r="AB152" s="5" t="s">
        <v>43</v>
      </c>
      <c r="AC152" s="5" t="s">
        <v>44</v>
      </c>
      <c r="AD152" s="2" t="s">
        <v>24816</v>
      </c>
      <c r="AE152" s="1"/>
    </row>
    <row r="153" spans="1:31">
      <c r="A153" s="5" t="s">
        <v>116</v>
      </c>
      <c r="B153" s="21">
        <v>46054</v>
      </c>
      <c r="C153" s="2" t="s">
        <v>24865</v>
      </c>
      <c r="D153" s="14" t="s">
        <v>24866</v>
      </c>
      <c r="E153" s="2" t="s">
        <v>24867</v>
      </c>
      <c r="F153" s="2" t="s">
        <v>24628</v>
      </c>
      <c r="G153" s="8">
        <v>765</v>
      </c>
      <c r="H153" s="5">
        <v>10</v>
      </c>
      <c r="I153" s="5" t="s">
        <v>69</v>
      </c>
      <c r="J153" s="5" t="s">
        <v>24629</v>
      </c>
      <c r="K153" s="2" t="s">
        <v>24630</v>
      </c>
      <c r="L153" s="5" t="s">
        <v>24629</v>
      </c>
      <c r="M153" s="2" t="s">
        <v>24630</v>
      </c>
      <c r="N153" s="5" t="s">
        <v>24254</v>
      </c>
      <c r="O153" s="5" t="s">
        <v>38</v>
      </c>
      <c r="P153" s="5" t="s">
        <v>39</v>
      </c>
      <c r="Q153" s="5" t="s">
        <v>40</v>
      </c>
      <c r="R153" s="5" t="s">
        <v>1487</v>
      </c>
      <c r="S153" s="5"/>
      <c r="T153" s="5" t="s">
        <v>42</v>
      </c>
      <c r="U153" s="2">
        <v>0</v>
      </c>
      <c r="V153" s="2">
        <v>0</v>
      </c>
      <c r="W153" s="2">
        <v>0</v>
      </c>
      <c r="X153" s="2">
        <v>0</v>
      </c>
      <c r="Y153" s="2">
        <v>0</v>
      </c>
      <c r="Z153" s="2">
        <v>0</v>
      </c>
      <c r="AA153" s="5"/>
      <c r="AB153" s="5" t="s">
        <v>43</v>
      </c>
      <c r="AC153" s="5" t="s">
        <v>44</v>
      </c>
      <c r="AD153" s="2" t="s">
        <v>24804</v>
      </c>
      <c r="AE153" s="1"/>
    </row>
    <row r="154" spans="1:31">
      <c r="A154" s="5" t="s">
        <v>116</v>
      </c>
      <c r="B154" s="21">
        <v>46054</v>
      </c>
      <c r="C154" s="2" t="s">
        <v>24868</v>
      </c>
      <c r="D154" s="14" t="s">
        <v>24869</v>
      </c>
      <c r="E154" s="2" t="s">
        <v>24870</v>
      </c>
      <c r="F154" s="2" t="s">
        <v>24628</v>
      </c>
      <c r="G154" s="8">
        <v>765</v>
      </c>
      <c r="H154" s="5">
        <v>15</v>
      </c>
      <c r="I154" s="5" t="s">
        <v>69</v>
      </c>
      <c r="J154" s="5" t="s">
        <v>24629</v>
      </c>
      <c r="K154" s="2" t="s">
        <v>24630</v>
      </c>
      <c r="L154" s="5" t="s">
        <v>24629</v>
      </c>
      <c r="M154" s="2" t="s">
        <v>24630</v>
      </c>
      <c r="N154" s="5" t="s">
        <v>24254</v>
      </c>
      <c r="O154" s="5" t="s">
        <v>38</v>
      </c>
      <c r="P154" s="5" t="s">
        <v>39</v>
      </c>
      <c r="Q154" s="5" t="s">
        <v>40</v>
      </c>
      <c r="R154" s="5" t="s">
        <v>1487</v>
      </c>
      <c r="S154" s="5"/>
      <c r="T154" s="5" t="s">
        <v>42</v>
      </c>
      <c r="U154" s="2">
        <v>0</v>
      </c>
      <c r="V154" s="2">
        <v>0</v>
      </c>
      <c r="W154" s="2">
        <v>0</v>
      </c>
      <c r="X154" s="2">
        <v>0</v>
      </c>
      <c r="Y154" s="2">
        <v>0</v>
      </c>
      <c r="Z154" s="2">
        <v>0</v>
      </c>
      <c r="AA154" s="5"/>
      <c r="AB154" s="5" t="s">
        <v>43</v>
      </c>
      <c r="AC154" s="5" t="s">
        <v>44</v>
      </c>
      <c r="AD154" s="2" t="s">
        <v>24808</v>
      </c>
      <c r="AE154" s="1"/>
    </row>
    <row r="155" spans="1:31">
      <c r="A155" s="5" t="s">
        <v>116</v>
      </c>
      <c r="B155" s="21">
        <v>46054</v>
      </c>
      <c r="C155" s="2" t="s">
        <v>24871</v>
      </c>
      <c r="D155" s="14" t="s">
        <v>24872</v>
      </c>
      <c r="E155" s="2" t="s">
        <v>24873</v>
      </c>
      <c r="F155" s="2" t="s">
        <v>24639</v>
      </c>
      <c r="G155" s="8">
        <v>1462</v>
      </c>
      <c r="H155" s="5">
        <v>15</v>
      </c>
      <c r="I155" s="5" t="s">
        <v>69</v>
      </c>
      <c r="J155" s="5" t="s">
        <v>24629</v>
      </c>
      <c r="K155" s="2" t="s">
        <v>24630</v>
      </c>
      <c r="L155" s="5" t="s">
        <v>24629</v>
      </c>
      <c r="M155" s="2" t="s">
        <v>24630</v>
      </c>
      <c r="N155" s="5" t="s">
        <v>24254</v>
      </c>
      <c r="O155" s="5" t="s">
        <v>38</v>
      </c>
      <c r="P155" s="5" t="s">
        <v>39</v>
      </c>
      <c r="Q155" s="5" t="s">
        <v>40</v>
      </c>
      <c r="R155" s="5" t="s">
        <v>1487</v>
      </c>
      <c r="S155" s="5"/>
      <c r="T155" s="5" t="s">
        <v>42</v>
      </c>
      <c r="U155" s="2">
        <v>0</v>
      </c>
      <c r="V155" s="2">
        <v>0</v>
      </c>
      <c r="W155" s="2">
        <v>0</v>
      </c>
      <c r="X155" s="2">
        <v>0</v>
      </c>
      <c r="Y155" s="2">
        <v>0</v>
      </c>
      <c r="Z155" s="2">
        <v>0</v>
      </c>
      <c r="AA155" s="5"/>
      <c r="AB155" s="5" t="s">
        <v>43</v>
      </c>
      <c r="AC155" s="5" t="s">
        <v>44</v>
      </c>
      <c r="AD155" s="2" t="s">
        <v>24812</v>
      </c>
      <c r="AE155" s="1"/>
    </row>
    <row r="156" spans="1:31">
      <c r="A156" s="5" t="s">
        <v>116</v>
      </c>
      <c r="B156" s="21">
        <v>46054</v>
      </c>
      <c r="C156" s="2" t="s">
        <v>24874</v>
      </c>
      <c r="D156" s="14" t="s">
        <v>24875</v>
      </c>
      <c r="E156" s="2" t="s">
        <v>24876</v>
      </c>
      <c r="F156" s="2" t="s">
        <v>24639</v>
      </c>
      <c r="G156" s="8">
        <v>1462</v>
      </c>
      <c r="H156" s="5">
        <v>15</v>
      </c>
      <c r="I156" s="5" t="s">
        <v>69</v>
      </c>
      <c r="J156" s="5" t="s">
        <v>24629</v>
      </c>
      <c r="K156" s="2" t="s">
        <v>24630</v>
      </c>
      <c r="L156" s="5" t="s">
        <v>24629</v>
      </c>
      <c r="M156" s="2" t="s">
        <v>24630</v>
      </c>
      <c r="N156" s="5" t="s">
        <v>24254</v>
      </c>
      <c r="O156" s="5" t="s">
        <v>38</v>
      </c>
      <c r="P156" s="5" t="s">
        <v>39</v>
      </c>
      <c r="Q156" s="5" t="s">
        <v>40</v>
      </c>
      <c r="R156" s="5" t="s">
        <v>1487</v>
      </c>
      <c r="S156" s="5"/>
      <c r="T156" s="5" t="s">
        <v>42</v>
      </c>
      <c r="U156" s="2">
        <v>0</v>
      </c>
      <c r="V156" s="2">
        <v>0</v>
      </c>
      <c r="W156" s="2">
        <v>0</v>
      </c>
      <c r="X156" s="2">
        <v>0</v>
      </c>
      <c r="Y156" s="2">
        <v>0</v>
      </c>
      <c r="Z156" s="2">
        <v>0</v>
      </c>
      <c r="AA156" s="5"/>
      <c r="AB156" s="5" t="s">
        <v>43</v>
      </c>
      <c r="AC156" s="5" t="s">
        <v>44</v>
      </c>
      <c r="AD156" s="2" t="s">
        <v>24816</v>
      </c>
      <c r="AE156" s="1"/>
    </row>
    <row r="157" spans="1:31">
      <c r="A157" s="5" t="s">
        <v>116</v>
      </c>
      <c r="B157" s="21">
        <v>46054</v>
      </c>
      <c r="C157" s="2" t="s">
        <v>24877</v>
      </c>
      <c r="D157" s="14" t="s">
        <v>24878</v>
      </c>
      <c r="E157" s="2" t="s">
        <v>24879</v>
      </c>
      <c r="F157" s="2" t="s">
        <v>24628</v>
      </c>
      <c r="G157" s="8">
        <v>735</v>
      </c>
      <c r="H157" s="5">
        <v>10</v>
      </c>
      <c r="I157" s="5" t="s">
        <v>69</v>
      </c>
      <c r="J157" s="5" t="s">
        <v>24629</v>
      </c>
      <c r="K157" s="2" t="s">
        <v>24630</v>
      </c>
      <c r="L157" s="5" t="s">
        <v>24629</v>
      </c>
      <c r="M157" s="2" t="s">
        <v>24630</v>
      </c>
      <c r="N157" s="5" t="s">
        <v>24254</v>
      </c>
      <c r="O157" s="5" t="s">
        <v>38</v>
      </c>
      <c r="P157" s="5" t="s">
        <v>39</v>
      </c>
      <c r="Q157" s="5" t="s">
        <v>40</v>
      </c>
      <c r="R157" s="5" t="s">
        <v>1487</v>
      </c>
      <c r="S157" s="5"/>
      <c r="T157" s="5" t="s">
        <v>42</v>
      </c>
      <c r="U157" s="2">
        <v>0</v>
      </c>
      <c r="V157" s="2">
        <v>0</v>
      </c>
      <c r="W157" s="2">
        <v>0</v>
      </c>
      <c r="X157" s="2">
        <v>0</v>
      </c>
      <c r="Y157" s="2">
        <v>0</v>
      </c>
      <c r="Z157" s="2">
        <v>0</v>
      </c>
      <c r="AA157" s="5"/>
      <c r="AB157" s="5" t="s">
        <v>43</v>
      </c>
      <c r="AC157" s="5" t="s">
        <v>44</v>
      </c>
      <c r="AD157" s="2" t="s">
        <v>24804</v>
      </c>
      <c r="AE157" s="1"/>
    </row>
    <row r="158" spans="1:31">
      <c r="A158" s="5" t="s">
        <v>116</v>
      </c>
      <c r="B158" s="21">
        <v>46054</v>
      </c>
      <c r="C158" s="2" t="s">
        <v>24880</v>
      </c>
      <c r="D158" s="14" t="s">
        <v>24881</v>
      </c>
      <c r="E158" s="2" t="s">
        <v>24882</v>
      </c>
      <c r="F158" s="2" t="s">
        <v>24628</v>
      </c>
      <c r="G158" s="8">
        <v>735</v>
      </c>
      <c r="H158" s="5">
        <v>15</v>
      </c>
      <c r="I158" s="5" t="s">
        <v>69</v>
      </c>
      <c r="J158" s="5" t="s">
        <v>24629</v>
      </c>
      <c r="K158" s="2" t="s">
        <v>24630</v>
      </c>
      <c r="L158" s="5" t="s">
        <v>24629</v>
      </c>
      <c r="M158" s="2" t="s">
        <v>24630</v>
      </c>
      <c r="N158" s="5" t="s">
        <v>24254</v>
      </c>
      <c r="O158" s="5" t="s">
        <v>38</v>
      </c>
      <c r="P158" s="5" t="s">
        <v>39</v>
      </c>
      <c r="Q158" s="5" t="s">
        <v>40</v>
      </c>
      <c r="R158" s="5" t="s">
        <v>1487</v>
      </c>
      <c r="S158" s="5"/>
      <c r="T158" s="5" t="s">
        <v>42</v>
      </c>
      <c r="U158" s="2">
        <v>0</v>
      </c>
      <c r="V158" s="2">
        <v>0</v>
      </c>
      <c r="W158" s="2">
        <v>0</v>
      </c>
      <c r="X158" s="2">
        <v>0</v>
      </c>
      <c r="Y158" s="2">
        <v>0</v>
      </c>
      <c r="Z158" s="2">
        <v>0</v>
      </c>
      <c r="AA158" s="5"/>
      <c r="AB158" s="5" t="s">
        <v>43</v>
      </c>
      <c r="AC158" s="5" t="s">
        <v>44</v>
      </c>
      <c r="AD158" s="2" t="s">
        <v>24808</v>
      </c>
      <c r="AE158" s="1"/>
    </row>
    <row r="159" spans="1:31">
      <c r="A159" s="5" t="s">
        <v>116</v>
      </c>
      <c r="B159" s="21">
        <v>46054</v>
      </c>
      <c r="C159" s="2" t="s">
        <v>24883</v>
      </c>
      <c r="D159" s="14" t="s">
        <v>24884</v>
      </c>
      <c r="E159" s="2" t="s">
        <v>24885</v>
      </c>
      <c r="F159" s="2" t="s">
        <v>24639</v>
      </c>
      <c r="G159" s="8">
        <v>1400</v>
      </c>
      <c r="H159" s="5">
        <v>15</v>
      </c>
      <c r="I159" s="5" t="s">
        <v>69</v>
      </c>
      <c r="J159" s="5" t="s">
        <v>24629</v>
      </c>
      <c r="K159" s="2" t="s">
        <v>24630</v>
      </c>
      <c r="L159" s="5" t="s">
        <v>24629</v>
      </c>
      <c r="M159" s="2" t="s">
        <v>24630</v>
      </c>
      <c r="N159" s="5" t="s">
        <v>24254</v>
      </c>
      <c r="O159" s="5" t="s">
        <v>38</v>
      </c>
      <c r="P159" s="5" t="s">
        <v>39</v>
      </c>
      <c r="Q159" s="5" t="s">
        <v>40</v>
      </c>
      <c r="R159" s="5" t="s">
        <v>1487</v>
      </c>
      <c r="S159" s="5"/>
      <c r="T159" s="5" t="s">
        <v>42</v>
      </c>
      <c r="U159" s="2">
        <v>0</v>
      </c>
      <c r="V159" s="2">
        <v>0</v>
      </c>
      <c r="W159" s="2">
        <v>0</v>
      </c>
      <c r="X159" s="2">
        <v>0</v>
      </c>
      <c r="Y159" s="2">
        <v>0</v>
      </c>
      <c r="Z159" s="2">
        <v>0</v>
      </c>
      <c r="AA159" s="5"/>
      <c r="AB159" s="5" t="s">
        <v>43</v>
      </c>
      <c r="AC159" s="5" t="s">
        <v>44</v>
      </c>
      <c r="AD159" s="2" t="s">
        <v>24812</v>
      </c>
      <c r="AE159" s="1"/>
    </row>
    <row r="160" spans="1:31">
      <c r="A160" s="5" t="s">
        <v>116</v>
      </c>
      <c r="B160" s="21">
        <v>46054</v>
      </c>
      <c r="C160" s="2" t="s">
        <v>24886</v>
      </c>
      <c r="D160" s="14" t="s">
        <v>24887</v>
      </c>
      <c r="E160" s="2" t="s">
        <v>24888</v>
      </c>
      <c r="F160" s="2" t="s">
        <v>24639</v>
      </c>
      <c r="G160" s="8">
        <v>1400</v>
      </c>
      <c r="H160" s="5">
        <v>15</v>
      </c>
      <c r="I160" s="5" t="s">
        <v>69</v>
      </c>
      <c r="J160" s="5" t="s">
        <v>24629</v>
      </c>
      <c r="K160" s="2" t="s">
        <v>24630</v>
      </c>
      <c r="L160" s="5" t="s">
        <v>24629</v>
      </c>
      <c r="M160" s="2" t="s">
        <v>24630</v>
      </c>
      <c r="N160" s="5" t="s">
        <v>24254</v>
      </c>
      <c r="O160" s="5" t="s">
        <v>38</v>
      </c>
      <c r="P160" s="5" t="s">
        <v>39</v>
      </c>
      <c r="Q160" s="5" t="s">
        <v>40</v>
      </c>
      <c r="R160" s="5" t="s">
        <v>1487</v>
      </c>
      <c r="S160" s="5"/>
      <c r="T160" s="5" t="s">
        <v>42</v>
      </c>
      <c r="U160" s="2">
        <v>0</v>
      </c>
      <c r="V160" s="2">
        <v>0</v>
      </c>
      <c r="W160" s="2">
        <v>0</v>
      </c>
      <c r="X160" s="2">
        <v>0</v>
      </c>
      <c r="Y160" s="2">
        <v>0</v>
      </c>
      <c r="Z160" s="2">
        <v>0</v>
      </c>
      <c r="AA160" s="5"/>
      <c r="AB160" s="5" t="s">
        <v>43</v>
      </c>
      <c r="AC160" s="5" t="s">
        <v>44</v>
      </c>
      <c r="AD160" s="2" t="s">
        <v>24816</v>
      </c>
      <c r="AE160" s="1"/>
    </row>
    <row r="161" spans="1:31">
      <c r="A161" s="5" t="s">
        <v>116</v>
      </c>
      <c r="B161" s="21">
        <v>46054</v>
      </c>
      <c r="C161" s="2" t="s">
        <v>24889</v>
      </c>
      <c r="D161" s="14" t="s">
        <v>24890</v>
      </c>
      <c r="E161" s="2" t="s">
        <v>24891</v>
      </c>
      <c r="F161" s="2" t="s">
        <v>24628</v>
      </c>
      <c r="G161" s="8">
        <v>768</v>
      </c>
      <c r="H161" s="5">
        <v>10</v>
      </c>
      <c r="I161" s="5" t="s">
        <v>69</v>
      </c>
      <c r="J161" s="5" t="s">
        <v>24629</v>
      </c>
      <c r="K161" s="2" t="s">
        <v>24630</v>
      </c>
      <c r="L161" s="5" t="s">
        <v>24629</v>
      </c>
      <c r="M161" s="2" t="s">
        <v>24630</v>
      </c>
      <c r="N161" s="5" t="s">
        <v>24254</v>
      </c>
      <c r="O161" s="5" t="s">
        <v>38</v>
      </c>
      <c r="P161" s="5" t="s">
        <v>39</v>
      </c>
      <c r="Q161" s="5" t="s">
        <v>40</v>
      </c>
      <c r="R161" s="5" t="s">
        <v>1487</v>
      </c>
      <c r="S161" s="5"/>
      <c r="T161" s="5" t="s">
        <v>42</v>
      </c>
      <c r="U161" s="2">
        <v>0</v>
      </c>
      <c r="V161" s="2">
        <v>0</v>
      </c>
      <c r="W161" s="2">
        <v>0</v>
      </c>
      <c r="X161" s="2">
        <v>0</v>
      </c>
      <c r="Y161" s="2">
        <v>0</v>
      </c>
      <c r="Z161" s="2">
        <v>0</v>
      </c>
      <c r="AA161" s="5"/>
      <c r="AB161" s="5" t="s">
        <v>43</v>
      </c>
      <c r="AC161" s="5" t="s">
        <v>44</v>
      </c>
      <c r="AD161" s="2" t="s">
        <v>24804</v>
      </c>
      <c r="AE161" s="1"/>
    </row>
    <row r="162" spans="1:31">
      <c r="A162" s="5" t="s">
        <v>116</v>
      </c>
      <c r="B162" s="21">
        <v>46054</v>
      </c>
      <c r="C162" s="2" t="s">
        <v>24892</v>
      </c>
      <c r="D162" s="14" t="s">
        <v>24893</v>
      </c>
      <c r="E162" s="2" t="s">
        <v>24894</v>
      </c>
      <c r="F162" s="2" t="s">
        <v>24628</v>
      </c>
      <c r="G162" s="8">
        <v>768</v>
      </c>
      <c r="H162" s="5">
        <v>15</v>
      </c>
      <c r="I162" s="5" t="s">
        <v>69</v>
      </c>
      <c r="J162" s="5" t="s">
        <v>24629</v>
      </c>
      <c r="K162" s="2" t="s">
        <v>24630</v>
      </c>
      <c r="L162" s="5" t="s">
        <v>24629</v>
      </c>
      <c r="M162" s="2" t="s">
        <v>24630</v>
      </c>
      <c r="N162" s="5" t="s">
        <v>24254</v>
      </c>
      <c r="O162" s="5" t="s">
        <v>38</v>
      </c>
      <c r="P162" s="5" t="s">
        <v>39</v>
      </c>
      <c r="Q162" s="5" t="s">
        <v>40</v>
      </c>
      <c r="R162" s="5" t="s">
        <v>1487</v>
      </c>
      <c r="S162" s="5"/>
      <c r="T162" s="5" t="s">
        <v>42</v>
      </c>
      <c r="U162" s="2">
        <v>0</v>
      </c>
      <c r="V162" s="2">
        <v>0</v>
      </c>
      <c r="W162" s="2">
        <v>0</v>
      </c>
      <c r="X162" s="2">
        <v>0</v>
      </c>
      <c r="Y162" s="2">
        <v>0</v>
      </c>
      <c r="Z162" s="2">
        <v>0</v>
      </c>
      <c r="AA162" s="5"/>
      <c r="AB162" s="5" t="s">
        <v>43</v>
      </c>
      <c r="AC162" s="5" t="s">
        <v>44</v>
      </c>
      <c r="AD162" s="2" t="s">
        <v>24808</v>
      </c>
      <c r="AE162" s="1"/>
    </row>
    <row r="163" spans="1:31">
      <c r="A163" s="5" t="s">
        <v>116</v>
      </c>
      <c r="B163" s="21">
        <v>46054</v>
      </c>
      <c r="C163" s="2" t="s">
        <v>24895</v>
      </c>
      <c r="D163" s="14" t="s">
        <v>24896</v>
      </c>
      <c r="E163" s="2" t="s">
        <v>24897</v>
      </c>
      <c r="F163" s="2" t="s">
        <v>24639</v>
      </c>
      <c r="G163" s="8">
        <v>1466</v>
      </c>
      <c r="H163" s="5">
        <v>15</v>
      </c>
      <c r="I163" s="5" t="s">
        <v>69</v>
      </c>
      <c r="J163" s="5" t="s">
        <v>24629</v>
      </c>
      <c r="K163" s="2" t="s">
        <v>24630</v>
      </c>
      <c r="L163" s="5" t="s">
        <v>24629</v>
      </c>
      <c r="M163" s="2" t="s">
        <v>24630</v>
      </c>
      <c r="N163" s="5" t="s">
        <v>24254</v>
      </c>
      <c r="O163" s="5" t="s">
        <v>38</v>
      </c>
      <c r="P163" s="5" t="s">
        <v>39</v>
      </c>
      <c r="Q163" s="5" t="s">
        <v>40</v>
      </c>
      <c r="R163" s="5" t="s">
        <v>1487</v>
      </c>
      <c r="S163" s="5"/>
      <c r="T163" s="5" t="s">
        <v>42</v>
      </c>
      <c r="U163" s="2">
        <v>0</v>
      </c>
      <c r="V163" s="2">
        <v>0</v>
      </c>
      <c r="W163" s="2">
        <v>0</v>
      </c>
      <c r="X163" s="2">
        <v>0</v>
      </c>
      <c r="Y163" s="2">
        <v>0</v>
      </c>
      <c r="Z163" s="2">
        <v>0</v>
      </c>
      <c r="AA163" s="5"/>
      <c r="AB163" s="5" t="s">
        <v>43</v>
      </c>
      <c r="AC163" s="5" t="s">
        <v>44</v>
      </c>
      <c r="AD163" s="2" t="s">
        <v>24812</v>
      </c>
      <c r="AE163" s="1"/>
    </row>
    <row r="164" spans="1:31">
      <c r="A164" s="5" t="s">
        <v>116</v>
      </c>
      <c r="B164" s="21">
        <v>46054</v>
      </c>
      <c r="C164" s="2" t="s">
        <v>24898</v>
      </c>
      <c r="D164" s="14" t="s">
        <v>24899</v>
      </c>
      <c r="E164" s="2" t="s">
        <v>24900</v>
      </c>
      <c r="F164" s="2" t="s">
        <v>24639</v>
      </c>
      <c r="G164" s="8">
        <v>1466</v>
      </c>
      <c r="H164" s="5">
        <v>15</v>
      </c>
      <c r="I164" s="5" t="s">
        <v>69</v>
      </c>
      <c r="J164" s="5" t="s">
        <v>24629</v>
      </c>
      <c r="K164" s="2" t="s">
        <v>24630</v>
      </c>
      <c r="L164" s="5" t="s">
        <v>24629</v>
      </c>
      <c r="M164" s="2" t="s">
        <v>24630</v>
      </c>
      <c r="N164" s="5" t="s">
        <v>24254</v>
      </c>
      <c r="O164" s="5" t="s">
        <v>38</v>
      </c>
      <c r="P164" s="5" t="s">
        <v>39</v>
      </c>
      <c r="Q164" s="5" t="s">
        <v>40</v>
      </c>
      <c r="R164" s="5" t="s">
        <v>1487</v>
      </c>
      <c r="S164" s="5"/>
      <c r="T164" s="5" t="s">
        <v>42</v>
      </c>
      <c r="U164" s="2">
        <v>0</v>
      </c>
      <c r="V164" s="2">
        <v>0</v>
      </c>
      <c r="W164" s="2">
        <v>0</v>
      </c>
      <c r="X164" s="2">
        <v>0</v>
      </c>
      <c r="Y164" s="2">
        <v>0</v>
      </c>
      <c r="Z164" s="2">
        <v>0</v>
      </c>
      <c r="AA164" s="5"/>
      <c r="AB164" s="5" t="s">
        <v>43</v>
      </c>
      <c r="AC164" s="5" t="s">
        <v>44</v>
      </c>
      <c r="AD164" s="2" t="s">
        <v>24816</v>
      </c>
      <c r="AE164" s="1"/>
    </row>
    <row r="165" spans="1:31">
      <c r="A165" s="5" t="s">
        <v>116</v>
      </c>
      <c r="B165" s="21">
        <v>46054</v>
      </c>
      <c r="C165" s="2" t="s">
        <v>24901</v>
      </c>
      <c r="D165" s="14" t="s">
        <v>24902</v>
      </c>
      <c r="E165" s="2" t="s">
        <v>24903</v>
      </c>
      <c r="F165" s="2" t="s">
        <v>24628</v>
      </c>
      <c r="G165" s="8">
        <v>791</v>
      </c>
      <c r="H165" s="5">
        <v>10</v>
      </c>
      <c r="I165" s="5" t="s">
        <v>69</v>
      </c>
      <c r="J165" s="5" t="s">
        <v>24629</v>
      </c>
      <c r="K165" s="2" t="s">
        <v>24630</v>
      </c>
      <c r="L165" s="5" t="s">
        <v>24629</v>
      </c>
      <c r="M165" s="2" t="s">
        <v>24630</v>
      </c>
      <c r="N165" s="5" t="s">
        <v>24254</v>
      </c>
      <c r="O165" s="5" t="s">
        <v>38</v>
      </c>
      <c r="P165" s="5" t="s">
        <v>39</v>
      </c>
      <c r="Q165" s="5" t="s">
        <v>40</v>
      </c>
      <c r="R165" s="5" t="s">
        <v>1487</v>
      </c>
      <c r="S165" s="5"/>
      <c r="T165" s="5" t="s">
        <v>42</v>
      </c>
      <c r="U165" s="2">
        <v>0</v>
      </c>
      <c r="V165" s="2">
        <v>0</v>
      </c>
      <c r="W165" s="2">
        <v>0</v>
      </c>
      <c r="X165" s="2">
        <v>0</v>
      </c>
      <c r="Y165" s="2">
        <v>0</v>
      </c>
      <c r="Z165" s="2">
        <v>0</v>
      </c>
      <c r="AA165" s="5"/>
      <c r="AB165" s="5" t="s">
        <v>43</v>
      </c>
      <c r="AC165" s="5" t="s">
        <v>44</v>
      </c>
      <c r="AD165" s="2" t="s">
        <v>24804</v>
      </c>
      <c r="AE165" s="1"/>
    </row>
    <row r="166" spans="1:31">
      <c r="A166" s="5" t="s">
        <v>116</v>
      </c>
      <c r="B166" s="21">
        <v>46054</v>
      </c>
      <c r="C166" s="2" t="s">
        <v>24904</v>
      </c>
      <c r="D166" s="14" t="s">
        <v>24905</v>
      </c>
      <c r="E166" s="2" t="s">
        <v>24906</v>
      </c>
      <c r="F166" s="2" t="s">
        <v>24628</v>
      </c>
      <c r="G166" s="8">
        <v>791</v>
      </c>
      <c r="H166" s="5">
        <v>15</v>
      </c>
      <c r="I166" s="5" t="s">
        <v>69</v>
      </c>
      <c r="J166" s="5" t="s">
        <v>24629</v>
      </c>
      <c r="K166" s="2" t="s">
        <v>24630</v>
      </c>
      <c r="L166" s="5" t="s">
        <v>24629</v>
      </c>
      <c r="M166" s="2" t="s">
        <v>24630</v>
      </c>
      <c r="N166" s="5" t="s">
        <v>24254</v>
      </c>
      <c r="O166" s="5" t="s">
        <v>38</v>
      </c>
      <c r="P166" s="5" t="s">
        <v>39</v>
      </c>
      <c r="Q166" s="5" t="s">
        <v>40</v>
      </c>
      <c r="R166" s="5" t="s">
        <v>1487</v>
      </c>
      <c r="S166" s="5"/>
      <c r="T166" s="5" t="s">
        <v>42</v>
      </c>
      <c r="U166" s="2">
        <v>0</v>
      </c>
      <c r="V166" s="2">
        <v>0</v>
      </c>
      <c r="W166" s="2">
        <v>0</v>
      </c>
      <c r="X166" s="2">
        <v>0</v>
      </c>
      <c r="Y166" s="2">
        <v>0</v>
      </c>
      <c r="Z166" s="2">
        <v>0</v>
      </c>
      <c r="AA166" s="5"/>
      <c r="AB166" s="5" t="s">
        <v>43</v>
      </c>
      <c r="AC166" s="5" t="s">
        <v>44</v>
      </c>
      <c r="AD166" s="2" t="s">
        <v>24808</v>
      </c>
      <c r="AE166" s="1"/>
    </row>
    <row r="167" spans="1:31">
      <c r="A167" s="5" t="s">
        <v>116</v>
      </c>
      <c r="B167" s="21">
        <v>46054</v>
      </c>
      <c r="C167" s="2" t="s">
        <v>24907</v>
      </c>
      <c r="D167" s="14" t="s">
        <v>24908</v>
      </c>
      <c r="E167" s="2" t="s">
        <v>24909</v>
      </c>
      <c r="F167" s="2" t="s">
        <v>24639</v>
      </c>
      <c r="G167" s="8">
        <v>1513</v>
      </c>
      <c r="H167" s="5">
        <v>15</v>
      </c>
      <c r="I167" s="5" t="s">
        <v>69</v>
      </c>
      <c r="J167" s="5" t="s">
        <v>24629</v>
      </c>
      <c r="K167" s="2" t="s">
        <v>24630</v>
      </c>
      <c r="L167" s="5" t="s">
        <v>24629</v>
      </c>
      <c r="M167" s="2" t="s">
        <v>24630</v>
      </c>
      <c r="N167" s="5" t="s">
        <v>24254</v>
      </c>
      <c r="O167" s="5" t="s">
        <v>38</v>
      </c>
      <c r="P167" s="5" t="s">
        <v>39</v>
      </c>
      <c r="Q167" s="5" t="s">
        <v>40</v>
      </c>
      <c r="R167" s="5" t="s">
        <v>1487</v>
      </c>
      <c r="S167" s="5"/>
      <c r="T167" s="5" t="s">
        <v>42</v>
      </c>
      <c r="U167" s="2">
        <v>0</v>
      </c>
      <c r="V167" s="2">
        <v>0</v>
      </c>
      <c r="W167" s="2">
        <v>0</v>
      </c>
      <c r="X167" s="2">
        <v>0</v>
      </c>
      <c r="Y167" s="2">
        <v>0</v>
      </c>
      <c r="Z167" s="2">
        <v>0</v>
      </c>
      <c r="AA167" s="5"/>
      <c r="AB167" s="5" t="s">
        <v>43</v>
      </c>
      <c r="AC167" s="5" t="s">
        <v>44</v>
      </c>
      <c r="AD167" s="2" t="s">
        <v>24812</v>
      </c>
      <c r="AE167" s="1"/>
    </row>
    <row r="168" spans="1:31">
      <c r="A168" s="5" t="s">
        <v>116</v>
      </c>
      <c r="B168" s="21">
        <v>46054</v>
      </c>
      <c r="C168" s="2" t="s">
        <v>24910</v>
      </c>
      <c r="D168" s="14" t="s">
        <v>24911</v>
      </c>
      <c r="E168" s="2" t="s">
        <v>24912</v>
      </c>
      <c r="F168" s="2" t="s">
        <v>24639</v>
      </c>
      <c r="G168" s="8">
        <v>1513</v>
      </c>
      <c r="H168" s="5">
        <v>15</v>
      </c>
      <c r="I168" s="5" t="s">
        <v>69</v>
      </c>
      <c r="J168" s="5" t="s">
        <v>24629</v>
      </c>
      <c r="K168" s="2" t="s">
        <v>24630</v>
      </c>
      <c r="L168" s="5" t="s">
        <v>24629</v>
      </c>
      <c r="M168" s="2" t="s">
        <v>24630</v>
      </c>
      <c r="N168" s="5" t="s">
        <v>24254</v>
      </c>
      <c r="O168" s="5" t="s">
        <v>38</v>
      </c>
      <c r="P168" s="5" t="s">
        <v>39</v>
      </c>
      <c r="Q168" s="5" t="s">
        <v>40</v>
      </c>
      <c r="R168" s="5" t="s">
        <v>1487</v>
      </c>
      <c r="S168" s="5"/>
      <c r="T168" s="5" t="s">
        <v>42</v>
      </c>
      <c r="U168" s="2">
        <v>0</v>
      </c>
      <c r="V168" s="2">
        <v>0</v>
      </c>
      <c r="W168" s="2">
        <v>0</v>
      </c>
      <c r="X168" s="2">
        <v>0</v>
      </c>
      <c r="Y168" s="2">
        <v>0</v>
      </c>
      <c r="Z168" s="2">
        <v>0</v>
      </c>
      <c r="AA168" s="5"/>
      <c r="AB168" s="5" t="s">
        <v>43</v>
      </c>
      <c r="AC168" s="5" t="s">
        <v>44</v>
      </c>
      <c r="AD168" s="2" t="s">
        <v>24816</v>
      </c>
      <c r="AE168" s="1"/>
    </row>
    <row r="169" spans="1:31">
      <c r="A169" s="5" t="s">
        <v>116</v>
      </c>
      <c r="B169" s="21">
        <v>46054</v>
      </c>
      <c r="C169" s="2" t="s">
        <v>24913</v>
      </c>
      <c r="D169" s="14" t="s">
        <v>24914</v>
      </c>
      <c r="E169" s="2" t="s">
        <v>24915</v>
      </c>
      <c r="F169" s="2" t="s">
        <v>24628</v>
      </c>
      <c r="G169" s="8">
        <v>865</v>
      </c>
      <c r="H169" s="5">
        <v>10</v>
      </c>
      <c r="I169" s="5" t="s">
        <v>69</v>
      </c>
      <c r="J169" s="5" t="s">
        <v>24629</v>
      </c>
      <c r="K169" s="2" t="s">
        <v>24630</v>
      </c>
      <c r="L169" s="5" t="s">
        <v>24629</v>
      </c>
      <c r="M169" s="2" t="s">
        <v>24630</v>
      </c>
      <c r="N169" s="5" t="s">
        <v>24254</v>
      </c>
      <c r="O169" s="5" t="s">
        <v>38</v>
      </c>
      <c r="P169" s="5" t="s">
        <v>39</v>
      </c>
      <c r="Q169" s="5" t="s">
        <v>40</v>
      </c>
      <c r="R169" s="5" t="s">
        <v>1487</v>
      </c>
      <c r="S169" s="5"/>
      <c r="T169" s="5" t="s">
        <v>42</v>
      </c>
      <c r="U169" s="2">
        <v>0</v>
      </c>
      <c r="V169" s="2">
        <v>0</v>
      </c>
      <c r="W169" s="2">
        <v>0</v>
      </c>
      <c r="X169" s="2">
        <v>0</v>
      </c>
      <c r="Y169" s="2">
        <v>0</v>
      </c>
      <c r="Z169" s="2">
        <v>0</v>
      </c>
      <c r="AA169" s="5"/>
      <c r="AB169" s="5" t="s">
        <v>43</v>
      </c>
      <c r="AC169" s="5" t="s">
        <v>44</v>
      </c>
      <c r="AD169" s="2" t="s">
        <v>24804</v>
      </c>
      <c r="AE169" s="1"/>
    </row>
    <row r="170" spans="1:31">
      <c r="A170" s="5" t="s">
        <v>116</v>
      </c>
      <c r="B170" s="21">
        <v>46054</v>
      </c>
      <c r="C170" s="2" t="s">
        <v>24916</v>
      </c>
      <c r="D170" s="14" t="s">
        <v>24917</v>
      </c>
      <c r="E170" s="2" t="s">
        <v>24918</v>
      </c>
      <c r="F170" s="2" t="s">
        <v>24628</v>
      </c>
      <c r="G170" s="8">
        <v>865</v>
      </c>
      <c r="H170" s="5">
        <v>15</v>
      </c>
      <c r="I170" s="5" t="s">
        <v>69</v>
      </c>
      <c r="J170" s="5" t="s">
        <v>24629</v>
      </c>
      <c r="K170" s="2" t="s">
        <v>24630</v>
      </c>
      <c r="L170" s="5" t="s">
        <v>24629</v>
      </c>
      <c r="M170" s="2" t="s">
        <v>24630</v>
      </c>
      <c r="N170" s="5" t="s">
        <v>24254</v>
      </c>
      <c r="O170" s="5" t="s">
        <v>38</v>
      </c>
      <c r="P170" s="5" t="s">
        <v>39</v>
      </c>
      <c r="Q170" s="5" t="s">
        <v>40</v>
      </c>
      <c r="R170" s="5" t="s">
        <v>1487</v>
      </c>
      <c r="S170" s="5"/>
      <c r="T170" s="5" t="s">
        <v>42</v>
      </c>
      <c r="U170" s="2">
        <v>0</v>
      </c>
      <c r="V170" s="2">
        <v>0</v>
      </c>
      <c r="W170" s="2">
        <v>0</v>
      </c>
      <c r="X170" s="2">
        <v>0</v>
      </c>
      <c r="Y170" s="2">
        <v>0</v>
      </c>
      <c r="Z170" s="2">
        <v>0</v>
      </c>
      <c r="AA170" s="5"/>
      <c r="AB170" s="5" t="s">
        <v>43</v>
      </c>
      <c r="AC170" s="5" t="s">
        <v>44</v>
      </c>
      <c r="AD170" s="2" t="s">
        <v>24808</v>
      </c>
      <c r="AE170" s="1"/>
    </row>
    <row r="171" spans="1:31">
      <c r="A171" s="5" t="s">
        <v>116</v>
      </c>
      <c r="B171" s="21">
        <v>46054</v>
      </c>
      <c r="C171" s="2" t="s">
        <v>24919</v>
      </c>
      <c r="D171" s="14" t="s">
        <v>24920</v>
      </c>
      <c r="E171" s="2" t="s">
        <v>24921</v>
      </c>
      <c r="F171" s="2" t="s">
        <v>24639</v>
      </c>
      <c r="G171" s="8">
        <v>1490</v>
      </c>
      <c r="H171" s="5">
        <v>15</v>
      </c>
      <c r="I171" s="5" t="s">
        <v>69</v>
      </c>
      <c r="J171" s="5" t="s">
        <v>24629</v>
      </c>
      <c r="K171" s="2" t="s">
        <v>24630</v>
      </c>
      <c r="L171" s="5" t="s">
        <v>24629</v>
      </c>
      <c r="M171" s="2" t="s">
        <v>24630</v>
      </c>
      <c r="N171" s="5" t="s">
        <v>24254</v>
      </c>
      <c r="O171" s="5" t="s">
        <v>38</v>
      </c>
      <c r="P171" s="5" t="s">
        <v>39</v>
      </c>
      <c r="Q171" s="5" t="s">
        <v>40</v>
      </c>
      <c r="R171" s="5" t="s">
        <v>1487</v>
      </c>
      <c r="S171" s="5"/>
      <c r="T171" s="5" t="s">
        <v>42</v>
      </c>
      <c r="U171" s="2">
        <v>0</v>
      </c>
      <c r="V171" s="2">
        <v>0</v>
      </c>
      <c r="W171" s="2">
        <v>0</v>
      </c>
      <c r="X171" s="2">
        <v>0</v>
      </c>
      <c r="Y171" s="2">
        <v>0</v>
      </c>
      <c r="Z171" s="2">
        <v>0</v>
      </c>
      <c r="AA171" s="5"/>
      <c r="AB171" s="5" t="s">
        <v>43</v>
      </c>
      <c r="AC171" s="5" t="s">
        <v>44</v>
      </c>
      <c r="AD171" s="2" t="s">
        <v>24812</v>
      </c>
      <c r="AE171" s="1"/>
    </row>
    <row r="172" spans="1:31">
      <c r="A172" s="5" t="s">
        <v>116</v>
      </c>
      <c r="B172" s="21">
        <v>46054</v>
      </c>
      <c r="C172" s="2" t="s">
        <v>24922</v>
      </c>
      <c r="D172" s="14" t="s">
        <v>24923</v>
      </c>
      <c r="E172" s="2" t="s">
        <v>24924</v>
      </c>
      <c r="F172" s="2" t="s">
        <v>24639</v>
      </c>
      <c r="G172" s="8">
        <v>1490</v>
      </c>
      <c r="H172" s="5">
        <v>15</v>
      </c>
      <c r="I172" s="5" t="s">
        <v>69</v>
      </c>
      <c r="J172" s="5" t="s">
        <v>24629</v>
      </c>
      <c r="K172" s="2" t="s">
        <v>24630</v>
      </c>
      <c r="L172" s="5" t="s">
        <v>24629</v>
      </c>
      <c r="M172" s="2" t="s">
        <v>24630</v>
      </c>
      <c r="N172" s="5" t="s">
        <v>24254</v>
      </c>
      <c r="O172" s="5" t="s">
        <v>38</v>
      </c>
      <c r="P172" s="5" t="s">
        <v>39</v>
      </c>
      <c r="Q172" s="5" t="s">
        <v>40</v>
      </c>
      <c r="R172" s="5" t="s">
        <v>1487</v>
      </c>
      <c r="S172" s="5"/>
      <c r="T172" s="5" t="s">
        <v>42</v>
      </c>
      <c r="U172" s="2">
        <v>0</v>
      </c>
      <c r="V172" s="2">
        <v>0</v>
      </c>
      <c r="W172" s="2">
        <v>0</v>
      </c>
      <c r="X172" s="2">
        <v>0</v>
      </c>
      <c r="Y172" s="2">
        <v>0</v>
      </c>
      <c r="Z172" s="2">
        <v>0</v>
      </c>
      <c r="AA172" s="5"/>
      <c r="AB172" s="5" t="s">
        <v>43</v>
      </c>
      <c r="AC172" s="5" t="s">
        <v>44</v>
      </c>
      <c r="AD172" s="2" t="s">
        <v>24816</v>
      </c>
      <c r="AE172" s="1"/>
    </row>
    <row r="173" spans="1:31">
      <c r="A173" s="5" t="s">
        <v>116</v>
      </c>
      <c r="B173" s="21">
        <v>46054</v>
      </c>
      <c r="C173" s="2" t="s">
        <v>24925</v>
      </c>
      <c r="D173" s="14" t="s">
        <v>24926</v>
      </c>
      <c r="E173" s="2" t="s">
        <v>24927</v>
      </c>
      <c r="F173" s="2" t="s">
        <v>24628</v>
      </c>
      <c r="G173" s="8">
        <v>835</v>
      </c>
      <c r="H173" s="5">
        <v>10</v>
      </c>
      <c r="I173" s="5" t="s">
        <v>69</v>
      </c>
      <c r="J173" s="5" t="s">
        <v>24629</v>
      </c>
      <c r="K173" s="2" t="s">
        <v>24630</v>
      </c>
      <c r="L173" s="5" t="s">
        <v>24629</v>
      </c>
      <c r="M173" s="2" t="s">
        <v>24630</v>
      </c>
      <c r="N173" s="5" t="s">
        <v>24254</v>
      </c>
      <c r="O173" s="5" t="s">
        <v>38</v>
      </c>
      <c r="P173" s="5" t="s">
        <v>39</v>
      </c>
      <c r="Q173" s="5" t="s">
        <v>40</v>
      </c>
      <c r="R173" s="5" t="s">
        <v>1487</v>
      </c>
      <c r="S173" s="5"/>
      <c r="T173" s="5" t="s">
        <v>42</v>
      </c>
      <c r="U173" s="2">
        <v>0</v>
      </c>
      <c r="V173" s="2">
        <v>0</v>
      </c>
      <c r="W173" s="2">
        <v>0</v>
      </c>
      <c r="X173" s="2">
        <v>0</v>
      </c>
      <c r="Y173" s="2">
        <v>0</v>
      </c>
      <c r="Z173" s="2">
        <v>0</v>
      </c>
      <c r="AA173" s="5"/>
      <c r="AB173" s="5" t="s">
        <v>43</v>
      </c>
      <c r="AC173" s="5" t="s">
        <v>44</v>
      </c>
      <c r="AD173" s="2" t="s">
        <v>24804</v>
      </c>
      <c r="AE173" s="1"/>
    </row>
    <row r="174" spans="1:31">
      <c r="A174" s="5" t="s">
        <v>116</v>
      </c>
      <c r="B174" s="21">
        <v>46054</v>
      </c>
      <c r="C174" s="2" t="s">
        <v>24928</v>
      </c>
      <c r="D174" s="14" t="s">
        <v>24929</v>
      </c>
      <c r="E174" s="2" t="s">
        <v>24930</v>
      </c>
      <c r="F174" s="2" t="s">
        <v>24628</v>
      </c>
      <c r="G174" s="8">
        <v>835</v>
      </c>
      <c r="H174" s="5">
        <v>15</v>
      </c>
      <c r="I174" s="5" t="s">
        <v>69</v>
      </c>
      <c r="J174" s="5" t="s">
        <v>24629</v>
      </c>
      <c r="K174" s="2" t="s">
        <v>24630</v>
      </c>
      <c r="L174" s="5" t="s">
        <v>24629</v>
      </c>
      <c r="M174" s="2" t="s">
        <v>24630</v>
      </c>
      <c r="N174" s="5" t="s">
        <v>24254</v>
      </c>
      <c r="O174" s="5" t="s">
        <v>38</v>
      </c>
      <c r="P174" s="5" t="s">
        <v>39</v>
      </c>
      <c r="Q174" s="5" t="s">
        <v>40</v>
      </c>
      <c r="R174" s="5" t="s">
        <v>1487</v>
      </c>
      <c r="S174" s="5"/>
      <c r="T174" s="5" t="s">
        <v>42</v>
      </c>
      <c r="U174" s="2">
        <v>0</v>
      </c>
      <c r="V174" s="2">
        <v>0</v>
      </c>
      <c r="W174" s="2">
        <v>0</v>
      </c>
      <c r="X174" s="2">
        <v>0</v>
      </c>
      <c r="Y174" s="2">
        <v>0</v>
      </c>
      <c r="Z174" s="2">
        <v>0</v>
      </c>
      <c r="AA174" s="5"/>
      <c r="AB174" s="5" t="s">
        <v>43</v>
      </c>
      <c r="AC174" s="5" t="s">
        <v>44</v>
      </c>
      <c r="AD174" s="2" t="s">
        <v>24808</v>
      </c>
      <c r="AE174" s="1"/>
    </row>
    <row r="175" spans="1:31">
      <c r="A175" s="5" t="s">
        <v>116</v>
      </c>
      <c r="B175" s="21">
        <v>46054</v>
      </c>
      <c r="C175" s="2" t="s">
        <v>24931</v>
      </c>
      <c r="D175" s="14" t="s">
        <v>24932</v>
      </c>
      <c r="E175" s="2" t="s">
        <v>24933</v>
      </c>
      <c r="F175" s="2" t="s">
        <v>24628</v>
      </c>
      <c r="G175" s="8">
        <v>862</v>
      </c>
      <c r="H175" s="5">
        <v>10</v>
      </c>
      <c r="I175" s="5" t="s">
        <v>69</v>
      </c>
      <c r="J175" s="5" t="s">
        <v>24629</v>
      </c>
      <c r="K175" s="2" t="s">
        <v>24630</v>
      </c>
      <c r="L175" s="5" t="s">
        <v>24629</v>
      </c>
      <c r="M175" s="2" t="s">
        <v>24630</v>
      </c>
      <c r="N175" s="5" t="s">
        <v>24254</v>
      </c>
      <c r="O175" s="5" t="s">
        <v>38</v>
      </c>
      <c r="P175" s="5" t="s">
        <v>39</v>
      </c>
      <c r="Q175" s="5" t="s">
        <v>40</v>
      </c>
      <c r="R175" s="5" t="s">
        <v>1487</v>
      </c>
      <c r="S175" s="5"/>
      <c r="T175" s="5" t="s">
        <v>42</v>
      </c>
      <c r="U175" s="2">
        <v>0</v>
      </c>
      <c r="V175" s="2">
        <v>0</v>
      </c>
      <c r="W175" s="2">
        <v>0</v>
      </c>
      <c r="X175" s="2">
        <v>0</v>
      </c>
      <c r="Y175" s="2">
        <v>0</v>
      </c>
      <c r="Z175" s="2">
        <v>0</v>
      </c>
      <c r="AA175" s="5"/>
      <c r="AB175" s="5" t="s">
        <v>43</v>
      </c>
      <c r="AC175" s="5" t="s">
        <v>44</v>
      </c>
      <c r="AD175" s="2" t="s">
        <v>24804</v>
      </c>
      <c r="AE175" s="1"/>
    </row>
    <row r="176" spans="1:31">
      <c r="A176" s="5" t="s">
        <v>116</v>
      </c>
      <c r="B176" s="21">
        <v>46054</v>
      </c>
      <c r="C176" s="2" t="s">
        <v>24934</v>
      </c>
      <c r="D176" s="14" t="s">
        <v>24935</v>
      </c>
      <c r="E176" s="2" t="s">
        <v>24936</v>
      </c>
      <c r="F176" s="2" t="s">
        <v>24628</v>
      </c>
      <c r="G176" s="8">
        <v>862</v>
      </c>
      <c r="H176" s="5">
        <v>15</v>
      </c>
      <c r="I176" s="5" t="s">
        <v>69</v>
      </c>
      <c r="J176" s="5" t="s">
        <v>24629</v>
      </c>
      <c r="K176" s="2" t="s">
        <v>24630</v>
      </c>
      <c r="L176" s="5" t="s">
        <v>24629</v>
      </c>
      <c r="M176" s="2" t="s">
        <v>24630</v>
      </c>
      <c r="N176" s="5" t="s">
        <v>24254</v>
      </c>
      <c r="O176" s="5" t="s">
        <v>38</v>
      </c>
      <c r="P176" s="5" t="s">
        <v>39</v>
      </c>
      <c r="Q176" s="5" t="s">
        <v>40</v>
      </c>
      <c r="R176" s="5" t="s">
        <v>1487</v>
      </c>
      <c r="S176" s="5"/>
      <c r="T176" s="5" t="s">
        <v>42</v>
      </c>
      <c r="U176" s="2">
        <v>0</v>
      </c>
      <c r="V176" s="2">
        <v>0</v>
      </c>
      <c r="W176" s="2">
        <v>0</v>
      </c>
      <c r="X176" s="2">
        <v>0</v>
      </c>
      <c r="Y176" s="2">
        <v>0</v>
      </c>
      <c r="Z176" s="2">
        <v>0</v>
      </c>
      <c r="AA176" s="5"/>
      <c r="AB176" s="5" t="s">
        <v>43</v>
      </c>
      <c r="AC176" s="5" t="s">
        <v>44</v>
      </c>
      <c r="AD176" s="2" t="s">
        <v>24808</v>
      </c>
      <c r="AE176" s="1"/>
    </row>
    <row r="177" spans="1:31">
      <c r="A177" s="5" t="s">
        <v>116</v>
      </c>
      <c r="B177" s="21">
        <v>46054</v>
      </c>
      <c r="C177" s="2" t="s">
        <v>24937</v>
      </c>
      <c r="D177" s="14" t="s">
        <v>24938</v>
      </c>
      <c r="E177" s="2" t="s">
        <v>24939</v>
      </c>
      <c r="F177" s="2" t="s">
        <v>24628</v>
      </c>
      <c r="G177" s="8">
        <v>902</v>
      </c>
      <c r="H177" s="5">
        <v>10</v>
      </c>
      <c r="I177" s="5" t="s">
        <v>69</v>
      </c>
      <c r="J177" s="5" t="s">
        <v>24629</v>
      </c>
      <c r="K177" s="2" t="s">
        <v>24630</v>
      </c>
      <c r="L177" s="5" t="s">
        <v>24629</v>
      </c>
      <c r="M177" s="2" t="s">
        <v>24630</v>
      </c>
      <c r="N177" s="5" t="s">
        <v>24254</v>
      </c>
      <c r="O177" s="5" t="s">
        <v>38</v>
      </c>
      <c r="P177" s="5" t="s">
        <v>39</v>
      </c>
      <c r="Q177" s="5" t="s">
        <v>40</v>
      </c>
      <c r="R177" s="5" t="s">
        <v>1487</v>
      </c>
      <c r="S177" s="5"/>
      <c r="T177" s="5" t="s">
        <v>42</v>
      </c>
      <c r="U177" s="2">
        <v>0</v>
      </c>
      <c r="V177" s="2">
        <v>0</v>
      </c>
      <c r="W177" s="2">
        <v>0</v>
      </c>
      <c r="X177" s="2">
        <v>0</v>
      </c>
      <c r="Y177" s="2">
        <v>0</v>
      </c>
      <c r="Z177" s="2">
        <v>0</v>
      </c>
      <c r="AA177" s="5"/>
      <c r="AB177" s="5" t="s">
        <v>43</v>
      </c>
      <c r="AC177" s="5" t="s">
        <v>44</v>
      </c>
      <c r="AD177" s="2" t="s">
        <v>24804</v>
      </c>
      <c r="AE177" s="1"/>
    </row>
    <row r="178" spans="1:31">
      <c r="A178" s="5" t="s">
        <v>116</v>
      </c>
      <c r="B178" s="21">
        <v>46054</v>
      </c>
      <c r="C178" s="2" t="s">
        <v>24940</v>
      </c>
      <c r="D178" s="14" t="s">
        <v>24941</v>
      </c>
      <c r="E178" s="2" t="s">
        <v>24942</v>
      </c>
      <c r="F178" s="2" t="s">
        <v>24628</v>
      </c>
      <c r="G178" s="8">
        <v>902</v>
      </c>
      <c r="H178" s="5">
        <v>15</v>
      </c>
      <c r="I178" s="5" t="s">
        <v>69</v>
      </c>
      <c r="J178" s="5" t="s">
        <v>24629</v>
      </c>
      <c r="K178" s="2" t="s">
        <v>24630</v>
      </c>
      <c r="L178" s="5" t="s">
        <v>24629</v>
      </c>
      <c r="M178" s="2" t="s">
        <v>24630</v>
      </c>
      <c r="N178" s="5" t="s">
        <v>24254</v>
      </c>
      <c r="O178" s="5" t="s">
        <v>38</v>
      </c>
      <c r="P178" s="5" t="s">
        <v>39</v>
      </c>
      <c r="Q178" s="5" t="s">
        <v>40</v>
      </c>
      <c r="R178" s="5" t="s">
        <v>1487</v>
      </c>
      <c r="S178" s="5"/>
      <c r="T178" s="5" t="s">
        <v>42</v>
      </c>
      <c r="U178" s="2">
        <v>0</v>
      </c>
      <c r="V178" s="2">
        <v>0</v>
      </c>
      <c r="W178" s="2">
        <v>0</v>
      </c>
      <c r="X178" s="2">
        <v>0</v>
      </c>
      <c r="Y178" s="2">
        <v>0</v>
      </c>
      <c r="Z178" s="2">
        <v>0</v>
      </c>
      <c r="AA178" s="5"/>
      <c r="AB178" s="5" t="s">
        <v>43</v>
      </c>
      <c r="AC178" s="5" t="s">
        <v>44</v>
      </c>
      <c r="AD178" s="2" t="s">
        <v>24808</v>
      </c>
      <c r="AE178" s="1"/>
    </row>
    <row r="179" spans="1:31">
      <c r="A179" s="5" t="s">
        <v>116</v>
      </c>
      <c r="B179" s="21">
        <v>46054</v>
      </c>
      <c r="C179" s="2" t="s">
        <v>24943</v>
      </c>
      <c r="D179" s="14" t="s">
        <v>24944</v>
      </c>
      <c r="E179" s="2" t="s">
        <v>24945</v>
      </c>
      <c r="F179" s="2" t="s">
        <v>24628</v>
      </c>
      <c r="G179" s="8">
        <v>910</v>
      </c>
      <c r="H179" s="5">
        <v>10</v>
      </c>
      <c r="I179" s="5" t="s">
        <v>69</v>
      </c>
      <c r="J179" s="5" t="s">
        <v>24629</v>
      </c>
      <c r="K179" s="2" t="s">
        <v>24630</v>
      </c>
      <c r="L179" s="5" t="s">
        <v>24629</v>
      </c>
      <c r="M179" s="2" t="s">
        <v>24630</v>
      </c>
      <c r="N179" s="5" t="s">
        <v>24254</v>
      </c>
      <c r="O179" s="5" t="s">
        <v>38</v>
      </c>
      <c r="P179" s="5" t="s">
        <v>39</v>
      </c>
      <c r="Q179" s="5" t="s">
        <v>40</v>
      </c>
      <c r="R179" s="5" t="s">
        <v>1487</v>
      </c>
      <c r="S179" s="5"/>
      <c r="T179" s="5" t="s">
        <v>42</v>
      </c>
      <c r="U179" s="2">
        <v>0</v>
      </c>
      <c r="V179" s="2">
        <v>0</v>
      </c>
      <c r="W179" s="2">
        <v>0</v>
      </c>
      <c r="X179" s="2">
        <v>0</v>
      </c>
      <c r="Y179" s="2">
        <v>0</v>
      </c>
      <c r="Z179" s="2">
        <v>0</v>
      </c>
      <c r="AA179" s="5"/>
      <c r="AB179" s="5" t="s">
        <v>43</v>
      </c>
      <c r="AC179" s="5" t="s">
        <v>44</v>
      </c>
      <c r="AD179" s="2" t="s">
        <v>24804</v>
      </c>
      <c r="AE179" s="1"/>
    </row>
    <row r="180" spans="1:31">
      <c r="A180" s="5" t="s">
        <v>116</v>
      </c>
      <c r="B180" s="21">
        <v>46054</v>
      </c>
      <c r="C180" s="2" t="s">
        <v>24946</v>
      </c>
      <c r="D180" s="14" t="s">
        <v>24947</v>
      </c>
      <c r="E180" s="2" t="s">
        <v>24948</v>
      </c>
      <c r="F180" s="2" t="s">
        <v>24628</v>
      </c>
      <c r="G180" s="8">
        <v>910</v>
      </c>
      <c r="H180" s="5">
        <v>15</v>
      </c>
      <c r="I180" s="5" t="s">
        <v>69</v>
      </c>
      <c r="J180" s="5" t="s">
        <v>24629</v>
      </c>
      <c r="K180" s="2" t="s">
        <v>24630</v>
      </c>
      <c r="L180" s="5" t="s">
        <v>24629</v>
      </c>
      <c r="M180" s="2" t="s">
        <v>24630</v>
      </c>
      <c r="N180" s="5" t="s">
        <v>24254</v>
      </c>
      <c r="O180" s="5" t="s">
        <v>38</v>
      </c>
      <c r="P180" s="5" t="s">
        <v>39</v>
      </c>
      <c r="Q180" s="5" t="s">
        <v>40</v>
      </c>
      <c r="R180" s="5" t="s">
        <v>1487</v>
      </c>
      <c r="S180" s="5"/>
      <c r="T180" s="5" t="s">
        <v>42</v>
      </c>
      <c r="U180" s="2">
        <v>0</v>
      </c>
      <c r="V180" s="2">
        <v>0</v>
      </c>
      <c r="W180" s="2">
        <v>0</v>
      </c>
      <c r="X180" s="2">
        <v>0</v>
      </c>
      <c r="Y180" s="2">
        <v>0</v>
      </c>
      <c r="Z180" s="2">
        <v>0</v>
      </c>
      <c r="AA180" s="5"/>
      <c r="AB180" s="5" t="s">
        <v>43</v>
      </c>
      <c r="AC180" s="5" t="s">
        <v>44</v>
      </c>
      <c r="AD180" s="2" t="s">
        <v>24808</v>
      </c>
      <c r="AE180" s="1"/>
    </row>
    <row r="181" spans="1:31">
      <c r="A181" s="5" t="s">
        <v>116</v>
      </c>
      <c r="B181" s="21">
        <v>46054</v>
      </c>
      <c r="C181" s="2" t="s">
        <v>24949</v>
      </c>
      <c r="D181" s="14" t="s">
        <v>24950</v>
      </c>
      <c r="E181" s="2" t="s">
        <v>24951</v>
      </c>
      <c r="F181" s="2" t="s">
        <v>24628</v>
      </c>
      <c r="G181" s="8">
        <v>925</v>
      </c>
      <c r="H181" s="5">
        <v>10</v>
      </c>
      <c r="I181" s="5" t="s">
        <v>69</v>
      </c>
      <c r="J181" s="5" t="s">
        <v>24629</v>
      </c>
      <c r="K181" s="2" t="s">
        <v>24630</v>
      </c>
      <c r="L181" s="5" t="s">
        <v>24629</v>
      </c>
      <c r="M181" s="2" t="s">
        <v>24630</v>
      </c>
      <c r="N181" s="5" t="s">
        <v>24254</v>
      </c>
      <c r="O181" s="5" t="s">
        <v>38</v>
      </c>
      <c r="P181" s="5" t="s">
        <v>39</v>
      </c>
      <c r="Q181" s="5" t="s">
        <v>40</v>
      </c>
      <c r="R181" s="5" t="s">
        <v>1487</v>
      </c>
      <c r="S181" s="5"/>
      <c r="T181" s="5" t="s">
        <v>42</v>
      </c>
      <c r="U181" s="2">
        <v>0</v>
      </c>
      <c r="V181" s="2">
        <v>0</v>
      </c>
      <c r="W181" s="2">
        <v>0</v>
      </c>
      <c r="X181" s="2">
        <v>0</v>
      </c>
      <c r="Y181" s="2">
        <v>0</v>
      </c>
      <c r="Z181" s="2">
        <v>0</v>
      </c>
      <c r="AA181" s="5"/>
      <c r="AB181" s="5" t="s">
        <v>43</v>
      </c>
      <c r="AC181" s="5" t="s">
        <v>44</v>
      </c>
      <c r="AD181" s="2" t="s">
        <v>24804</v>
      </c>
      <c r="AE181" s="1"/>
    </row>
    <row r="182" spans="1:31">
      <c r="A182" s="5" t="s">
        <v>116</v>
      </c>
      <c r="B182" s="21">
        <v>46054</v>
      </c>
      <c r="C182" s="2" t="s">
        <v>24952</v>
      </c>
      <c r="D182" s="14" t="s">
        <v>24953</v>
      </c>
      <c r="E182" s="2" t="s">
        <v>24954</v>
      </c>
      <c r="F182" s="2" t="s">
        <v>24628</v>
      </c>
      <c r="G182" s="8">
        <v>925</v>
      </c>
      <c r="H182" s="5">
        <v>15</v>
      </c>
      <c r="I182" s="5" t="s">
        <v>69</v>
      </c>
      <c r="J182" s="5" t="s">
        <v>24629</v>
      </c>
      <c r="K182" s="2" t="s">
        <v>24630</v>
      </c>
      <c r="L182" s="5" t="s">
        <v>24629</v>
      </c>
      <c r="M182" s="2" t="s">
        <v>24630</v>
      </c>
      <c r="N182" s="5" t="s">
        <v>24254</v>
      </c>
      <c r="O182" s="5" t="s">
        <v>38</v>
      </c>
      <c r="P182" s="5" t="s">
        <v>39</v>
      </c>
      <c r="Q182" s="5" t="s">
        <v>40</v>
      </c>
      <c r="R182" s="5" t="s">
        <v>1487</v>
      </c>
      <c r="S182" s="5"/>
      <c r="T182" s="5" t="s">
        <v>42</v>
      </c>
      <c r="U182" s="2">
        <v>0</v>
      </c>
      <c r="V182" s="2">
        <v>0</v>
      </c>
      <c r="W182" s="2">
        <v>0</v>
      </c>
      <c r="X182" s="2">
        <v>0</v>
      </c>
      <c r="Y182" s="2">
        <v>0</v>
      </c>
      <c r="Z182" s="2">
        <v>0</v>
      </c>
      <c r="AA182" s="5"/>
      <c r="AB182" s="5" t="s">
        <v>43</v>
      </c>
      <c r="AC182" s="5" t="s">
        <v>44</v>
      </c>
      <c r="AD182" s="2" t="s">
        <v>24808</v>
      </c>
      <c r="AE182" s="1"/>
    </row>
    <row r="183" spans="1:31">
      <c r="A183" s="5" t="s">
        <v>116</v>
      </c>
      <c r="B183" s="21">
        <v>46054</v>
      </c>
      <c r="C183" s="2" t="s">
        <v>24955</v>
      </c>
      <c r="D183" s="14" t="s">
        <v>24956</v>
      </c>
      <c r="E183" s="2" t="s">
        <v>24957</v>
      </c>
      <c r="F183" s="2" t="s">
        <v>24628</v>
      </c>
      <c r="G183" s="8">
        <v>991</v>
      </c>
      <c r="H183" s="5">
        <v>10</v>
      </c>
      <c r="I183" s="5" t="s">
        <v>69</v>
      </c>
      <c r="J183" s="5" t="s">
        <v>24629</v>
      </c>
      <c r="K183" s="2" t="s">
        <v>24630</v>
      </c>
      <c r="L183" s="5" t="s">
        <v>24629</v>
      </c>
      <c r="M183" s="2" t="s">
        <v>24630</v>
      </c>
      <c r="N183" s="5" t="s">
        <v>24254</v>
      </c>
      <c r="O183" s="5" t="s">
        <v>38</v>
      </c>
      <c r="P183" s="5" t="s">
        <v>39</v>
      </c>
      <c r="Q183" s="5" t="s">
        <v>40</v>
      </c>
      <c r="R183" s="5" t="s">
        <v>1487</v>
      </c>
      <c r="S183" s="5"/>
      <c r="T183" s="5" t="s">
        <v>42</v>
      </c>
      <c r="U183" s="2">
        <v>0</v>
      </c>
      <c r="V183" s="2">
        <v>0</v>
      </c>
      <c r="W183" s="2">
        <v>0</v>
      </c>
      <c r="X183" s="2">
        <v>0</v>
      </c>
      <c r="Y183" s="2">
        <v>0</v>
      </c>
      <c r="Z183" s="2">
        <v>0</v>
      </c>
      <c r="AA183" s="5"/>
      <c r="AB183" s="5" t="s">
        <v>43</v>
      </c>
      <c r="AC183" s="5" t="s">
        <v>44</v>
      </c>
      <c r="AD183" s="2" t="s">
        <v>24804</v>
      </c>
      <c r="AE183" s="1"/>
    </row>
    <row r="184" spans="1:31">
      <c r="A184" s="5" t="s">
        <v>116</v>
      </c>
      <c r="B184" s="21">
        <v>46054</v>
      </c>
      <c r="C184" s="2" t="s">
        <v>24958</v>
      </c>
      <c r="D184" s="14" t="s">
        <v>24959</v>
      </c>
      <c r="E184" s="2" t="s">
        <v>24960</v>
      </c>
      <c r="F184" s="2" t="s">
        <v>24628</v>
      </c>
      <c r="G184" s="8">
        <v>991</v>
      </c>
      <c r="H184" s="5">
        <v>15</v>
      </c>
      <c r="I184" s="5" t="s">
        <v>69</v>
      </c>
      <c r="J184" s="5" t="s">
        <v>24629</v>
      </c>
      <c r="K184" s="2" t="s">
        <v>24630</v>
      </c>
      <c r="L184" s="5" t="s">
        <v>24629</v>
      </c>
      <c r="M184" s="2" t="s">
        <v>24630</v>
      </c>
      <c r="N184" s="5" t="s">
        <v>24254</v>
      </c>
      <c r="O184" s="5" t="s">
        <v>38</v>
      </c>
      <c r="P184" s="5" t="s">
        <v>39</v>
      </c>
      <c r="Q184" s="5" t="s">
        <v>40</v>
      </c>
      <c r="R184" s="5" t="s">
        <v>1487</v>
      </c>
      <c r="S184" s="5"/>
      <c r="T184" s="5" t="s">
        <v>42</v>
      </c>
      <c r="U184" s="2">
        <v>0</v>
      </c>
      <c r="V184" s="2">
        <v>0</v>
      </c>
      <c r="W184" s="2">
        <v>0</v>
      </c>
      <c r="X184" s="2">
        <v>0</v>
      </c>
      <c r="Y184" s="2">
        <v>0</v>
      </c>
      <c r="Z184" s="2">
        <v>0</v>
      </c>
      <c r="AA184" s="5"/>
      <c r="AB184" s="5" t="s">
        <v>43</v>
      </c>
      <c r="AC184" s="5" t="s">
        <v>44</v>
      </c>
      <c r="AD184" s="2" t="s">
        <v>24808</v>
      </c>
      <c r="AE184" s="1"/>
    </row>
    <row r="185" spans="1:31">
      <c r="A185" s="5" t="s">
        <v>116</v>
      </c>
      <c r="B185" s="21">
        <v>46054</v>
      </c>
      <c r="C185" s="2" t="s">
        <v>24961</v>
      </c>
      <c r="D185" s="14" t="s">
        <v>24962</v>
      </c>
      <c r="E185" s="2" t="s">
        <v>24963</v>
      </c>
      <c r="F185" s="2" t="s">
        <v>24628</v>
      </c>
      <c r="G185" s="8">
        <v>906</v>
      </c>
      <c r="H185" s="5">
        <v>10</v>
      </c>
      <c r="I185" s="5" t="s">
        <v>69</v>
      </c>
      <c r="J185" s="5" t="s">
        <v>24629</v>
      </c>
      <c r="K185" s="2" t="s">
        <v>24630</v>
      </c>
      <c r="L185" s="5" t="s">
        <v>24629</v>
      </c>
      <c r="M185" s="2" t="s">
        <v>24630</v>
      </c>
      <c r="N185" s="5" t="s">
        <v>24254</v>
      </c>
      <c r="O185" s="5" t="s">
        <v>38</v>
      </c>
      <c r="P185" s="5" t="s">
        <v>39</v>
      </c>
      <c r="Q185" s="5" t="s">
        <v>40</v>
      </c>
      <c r="R185" s="5" t="s">
        <v>1487</v>
      </c>
      <c r="S185" s="5"/>
      <c r="T185" s="5" t="s">
        <v>42</v>
      </c>
      <c r="U185" s="2">
        <v>0</v>
      </c>
      <c r="V185" s="2">
        <v>0</v>
      </c>
      <c r="W185" s="2">
        <v>0</v>
      </c>
      <c r="X185" s="2">
        <v>0</v>
      </c>
      <c r="Y185" s="2">
        <v>0</v>
      </c>
      <c r="Z185" s="2">
        <v>0</v>
      </c>
      <c r="AA185" s="5"/>
      <c r="AB185" s="5" t="s">
        <v>43</v>
      </c>
      <c r="AC185" s="5" t="s">
        <v>44</v>
      </c>
      <c r="AD185" s="2" t="s">
        <v>24804</v>
      </c>
      <c r="AE185" s="1"/>
    </row>
    <row r="186" spans="1:31">
      <c r="A186" s="5" t="s">
        <v>116</v>
      </c>
      <c r="B186" s="21">
        <v>46054</v>
      </c>
      <c r="C186" s="2" t="s">
        <v>24964</v>
      </c>
      <c r="D186" s="14" t="s">
        <v>24965</v>
      </c>
      <c r="E186" s="2" t="s">
        <v>24966</v>
      </c>
      <c r="F186" s="2" t="s">
        <v>24628</v>
      </c>
      <c r="G186" s="8">
        <v>906</v>
      </c>
      <c r="H186" s="5">
        <v>15</v>
      </c>
      <c r="I186" s="5" t="s">
        <v>69</v>
      </c>
      <c r="J186" s="5" t="s">
        <v>24629</v>
      </c>
      <c r="K186" s="2" t="s">
        <v>24630</v>
      </c>
      <c r="L186" s="5" t="s">
        <v>24629</v>
      </c>
      <c r="M186" s="2" t="s">
        <v>24630</v>
      </c>
      <c r="N186" s="5" t="s">
        <v>24254</v>
      </c>
      <c r="O186" s="5" t="s">
        <v>38</v>
      </c>
      <c r="P186" s="5" t="s">
        <v>39</v>
      </c>
      <c r="Q186" s="5" t="s">
        <v>40</v>
      </c>
      <c r="R186" s="5" t="s">
        <v>1487</v>
      </c>
      <c r="S186" s="5"/>
      <c r="T186" s="5" t="s">
        <v>42</v>
      </c>
      <c r="U186" s="2">
        <v>0</v>
      </c>
      <c r="V186" s="2">
        <v>0</v>
      </c>
      <c r="W186" s="2">
        <v>0</v>
      </c>
      <c r="X186" s="2">
        <v>0</v>
      </c>
      <c r="Y186" s="2">
        <v>0</v>
      </c>
      <c r="Z186" s="2">
        <v>0</v>
      </c>
      <c r="AA186" s="5"/>
      <c r="AB186" s="5" t="s">
        <v>43</v>
      </c>
      <c r="AC186" s="5" t="s">
        <v>44</v>
      </c>
      <c r="AD186" s="2" t="s">
        <v>24808</v>
      </c>
      <c r="AE186" s="1"/>
    </row>
    <row r="187" spans="1:31">
      <c r="A187" s="5" t="s">
        <v>116</v>
      </c>
      <c r="B187" s="21">
        <v>46054</v>
      </c>
      <c r="C187" s="2" t="s">
        <v>24967</v>
      </c>
      <c r="D187" s="14" t="s">
        <v>24968</v>
      </c>
      <c r="E187" s="2" t="s">
        <v>24969</v>
      </c>
      <c r="F187" s="2" t="s">
        <v>24628</v>
      </c>
      <c r="G187" s="8">
        <v>963</v>
      </c>
      <c r="H187" s="5">
        <v>10</v>
      </c>
      <c r="I187" s="5" t="s">
        <v>69</v>
      </c>
      <c r="J187" s="5" t="s">
        <v>24629</v>
      </c>
      <c r="K187" s="2" t="s">
        <v>24630</v>
      </c>
      <c r="L187" s="5" t="s">
        <v>24629</v>
      </c>
      <c r="M187" s="2" t="s">
        <v>24630</v>
      </c>
      <c r="N187" s="5" t="s">
        <v>24254</v>
      </c>
      <c r="O187" s="5" t="s">
        <v>38</v>
      </c>
      <c r="P187" s="5" t="s">
        <v>39</v>
      </c>
      <c r="Q187" s="5" t="s">
        <v>40</v>
      </c>
      <c r="R187" s="5" t="s">
        <v>1487</v>
      </c>
      <c r="S187" s="5"/>
      <c r="T187" s="5" t="s">
        <v>42</v>
      </c>
      <c r="U187" s="2">
        <v>0</v>
      </c>
      <c r="V187" s="2">
        <v>0</v>
      </c>
      <c r="W187" s="2">
        <v>0</v>
      </c>
      <c r="X187" s="2">
        <v>0</v>
      </c>
      <c r="Y187" s="2">
        <v>0</v>
      </c>
      <c r="Z187" s="2">
        <v>0</v>
      </c>
      <c r="AA187" s="5"/>
      <c r="AB187" s="5" t="s">
        <v>43</v>
      </c>
      <c r="AC187" s="5" t="s">
        <v>44</v>
      </c>
      <c r="AD187" s="2" t="s">
        <v>24804</v>
      </c>
      <c r="AE187" s="1"/>
    </row>
    <row r="188" spans="1:31">
      <c r="A188" s="5" t="s">
        <v>116</v>
      </c>
      <c r="B188" s="21">
        <v>46054</v>
      </c>
      <c r="C188" s="2" t="s">
        <v>24970</v>
      </c>
      <c r="D188" s="14" t="s">
        <v>24971</v>
      </c>
      <c r="E188" s="2" t="s">
        <v>24972</v>
      </c>
      <c r="F188" s="2" t="s">
        <v>24628</v>
      </c>
      <c r="G188" s="8">
        <v>963</v>
      </c>
      <c r="H188" s="5">
        <v>15</v>
      </c>
      <c r="I188" s="5" t="s">
        <v>69</v>
      </c>
      <c r="J188" s="5" t="s">
        <v>24629</v>
      </c>
      <c r="K188" s="2" t="s">
        <v>24630</v>
      </c>
      <c r="L188" s="5" t="s">
        <v>24629</v>
      </c>
      <c r="M188" s="2" t="s">
        <v>24630</v>
      </c>
      <c r="N188" s="5" t="s">
        <v>24254</v>
      </c>
      <c r="O188" s="5" t="s">
        <v>38</v>
      </c>
      <c r="P188" s="5" t="s">
        <v>39</v>
      </c>
      <c r="Q188" s="5" t="s">
        <v>40</v>
      </c>
      <c r="R188" s="5" t="s">
        <v>1487</v>
      </c>
      <c r="S188" s="5"/>
      <c r="T188" s="5" t="s">
        <v>42</v>
      </c>
      <c r="U188" s="2">
        <v>0</v>
      </c>
      <c r="V188" s="2">
        <v>0</v>
      </c>
      <c r="W188" s="2">
        <v>0</v>
      </c>
      <c r="X188" s="2">
        <v>0</v>
      </c>
      <c r="Y188" s="2">
        <v>0</v>
      </c>
      <c r="Z188" s="2">
        <v>0</v>
      </c>
      <c r="AA188" s="5"/>
      <c r="AB188" s="5" t="s">
        <v>43</v>
      </c>
      <c r="AC188" s="5" t="s">
        <v>44</v>
      </c>
      <c r="AD188" s="2" t="s">
        <v>24808</v>
      </c>
      <c r="AE188" s="1"/>
    </row>
    <row r="189" spans="1:31">
      <c r="A189" s="5" t="s">
        <v>116</v>
      </c>
      <c r="B189" s="21">
        <v>46054</v>
      </c>
      <c r="C189" s="2" t="s">
        <v>24973</v>
      </c>
      <c r="D189" s="14" t="s">
        <v>24974</v>
      </c>
      <c r="E189" s="2" t="s">
        <v>24975</v>
      </c>
      <c r="F189" s="2" t="s">
        <v>24628</v>
      </c>
      <c r="G189" s="8">
        <v>717</v>
      </c>
      <c r="H189" s="5">
        <v>15</v>
      </c>
      <c r="I189" s="5" t="s">
        <v>69</v>
      </c>
      <c r="J189" s="5" t="s">
        <v>24629</v>
      </c>
      <c r="K189" s="2" t="s">
        <v>24630</v>
      </c>
      <c r="L189" s="5" t="s">
        <v>24629</v>
      </c>
      <c r="M189" s="2" t="s">
        <v>24630</v>
      </c>
      <c r="N189" s="5" t="s">
        <v>24254</v>
      </c>
      <c r="O189" s="5" t="s">
        <v>38</v>
      </c>
      <c r="P189" s="5" t="s">
        <v>39</v>
      </c>
      <c r="Q189" s="5" t="s">
        <v>40</v>
      </c>
      <c r="R189" s="5" t="s">
        <v>1487</v>
      </c>
      <c r="S189" s="5"/>
      <c r="T189" s="5" t="s">
        <v>42</v>
      </c>
      <c r="U189" s="2">
        <v>0</v>
      </c>
      <c r="V189" s="2">
        <v>0</v>
      </c>
      <c r="W189" s="2">
        <v>0</v>
      </c>
      <c r="X189" s="2">
        <v>0</v>
      </c>
      <c r="Y189" s="2">
        <v>0</v>
      </c>
      <c r="Z189" s="2">
        <v>0</v>
      </c>
      <c r="AA189" s="5"/>
      <c r="AB189" s="5" t="s">
        <v>43</v>
      </c>
      <c r="AC189" s="5" t="s">
        <v>44</v>
      </c>
      <c r="AD189" s="2" t="s">
        <v>24976</v>
      </c>
      <c r="AE189" s="1"/>
    </row>
    <row r="190" spans="1:31">
      <c r="A190" s="5" t="s">
        <v>116</v>
      </c>
      <c r="B190" s="21">
        <v>46054</v>
      </c>
      <c r="C190" s="2" t="s">
        <v>24977</v>
      </c>
      <c r="D190" s="14" t="s">
        <v>24978</v>
      </c>
      <c r="E190" s="2" t="s">
        <v>24979</v>
      </c>
      <c r="F190" s="2" t="s">
        <v>24628</v>
      </c>
      <c r="G190" s="8">
        <v>717</v>
      </c>
      <c r="H190" s="5">
        <v>15</v>
      </c>
      <c r="I190" s="5" t="s">
        <v>69</v>
      </c>
      <c r="J190" s="5" t="s">
        <v>24629</v>
      </c>
      <c r="K190" s="2" t="s">
        <v>24630</v>
      </c>
      <c r="L190" s="5" t="s">
        <v>24629</v>
      </c>
      <c r="M190" s="2" t="s">
        <v>24630</v>
      </c>
      <c r="N190" s="5" t="s">
        <v>24254</v>
      </c>
      <c r="O190" s="5" t="s">
        <v>38</v>
      </c>
      <c r="P190" s="5" t="s">
        <v>39</v>
      </c>
      <c r="Q190" s="5" t="s">
        <v>40</v>
      </c>
      <c r="R190" s="5" t="s">
        <v>1487</v>
      </c>
      <c r="S190" s="5"/>
      <c r="T190" s="5" t="s">
        <v>42</v>
      </c>
      <c r="U190" s="2">
        <v>0</v>
      </c>
      <c r="V190" s="2">
        <v>0</v>
      </c>
      <c r="W190" s="2">
        <v>0</v>
      </c>
      <c r="X190" s="2">
        <v>0</v>
      </c>
      <c r="Y190" s="2">
        <v>0</v>
      </c>
      <c r="Z190" s="2">
        <v>0</v>
      </c>
      <c r="AA190" s="5"/>
      <c r="AB190" s="5" t="s">
        <v>43</v>
      </c>
      <c r="AC190" s="5" t="s">
        <v>44</v>
      </c>
      <c r="AD190" s="2" t="s">
        <v>24980</v>
      </c>
      <c r="AE190" s="1"/>
    </row>
    <row r="191" spans="1:31">
      <c r="A191" s="5" t="s">
        <v>116</v>
      </c>
      <c r="B191" s="21">
        <v>46054</v>
      </c>
      <c r="C191" s="2" t="s">
        <v>24981</v>
      </c>
      <c r="D191" s="14" t="s">
        <v>24982</v>
      </c>
      <c r="E191" s="2" t="s">
        <v>24983</v>
      </c>
      <c r="F191" s="2" t="s">
        <v>24639</v>
      </c>
      <c r="G191" s="8">
        <v>1321</v>
      </c>
      <c r="H191" s="5">
        <v>15</v>
      </c>
      <c r="I191" s="5" t="s">
        <v>69</v>
      </c>
      <c r="J191" s="5" t="s">
        <v>24629</v>
      </c>
      <c r="K191" s="2" t="s">
        <v>24630</v>
      </c>
      <c r="L191" s="5" t="s">
        <v>24629</v>
      </c>
      <c r="M191" s="2" t="s">
        <v>24630</v>
      </c>
      <c r="N191" s="5" t="s">
        <v>24254</v>
      </c>
      <c r="O191" s="5" t="s">
        <v>38</v>
      </c>
      <c r="P191" s="5" t="s">
        <v>39</v>
      </c>
      <c r="Q191" s="5" t="s">
        <v>40</v>
      </c>
      <c r="R191" s="5" t="s">
        <v>1487</v>
      </c>
      <c r="S191" s="5"/>
      <c r="T191" s="5" t="s">
        <v>42</v>
      </c>
      <c r="U191" s="2">
        <v>0</v>
      </c>
      <c r="V191" s="2">
        <v>0</v>
      </c>
      <c r="W191" s="2">
        <v>0</v>
      </c>
      <c r="X191" s="2">
        <v>0</v>
      </c>
      <c r="Y191" s="2">
        <v>0</v>
      </c>
      <c r="Z191" s="2">
        <v>0</v>
      </c>
      <c r="AA191" s="5"/>
      <c r="AB191" s="5" t="s">
        <v>43</v>
      </c>
      <c r="AC191" s="5" t="s">
        <v>44</v>
      </c>
      <c r="AD191" s="2" t="s">
        <v>24984</v>
      </c>
      <c r="AE191" s="1"/>
    </row>
    <row r="192" spans="1:31">
      <c r="A192" s="5" t="s">
        <v>116</v>
      </c>
      <c r="B192" s="21">
        <v>46054</v>
      </c>
      <c r="C192" s="2" t="s">
        <v>24985</v>
      </c>
      <c r="D192" s="14" t="s">
        <v>24986</v>
      </c>
      <c r="E192" s="2" t="s">
        <v>24987</v>
      </c>
      <c r="F192" s="2" t="s">
        <v>24639</v>
      </c>
      <c r="G192" s="8">
        <v>1321</v>
      </c>
      <c r="H192" s="5">
        <v>15</v>
      </c>
      <c r="I192" s="5" t="s">
        <v>69</v>
      </c>
      <c r="J192" s="5" t="s">
        <v>24629</v>
      </c>
      <c r="K192" s="2" t="s">
        <v>24630</v>
      </c>
      <c r="L192" s="5" t="s">
        <v>24629</v>
      </c>
      <c r="M192" s="2" t="s">
        <v>24630</v>
      </c>
      <c r="N192" s="5" t="s">
        <v>24254</v>
      </c>
      <c r="O192" s="5" t="s">
        <v>38</v>
      </c>
      <c r="P192" s="5" t="s">
        <v>39</v>
      </c>
      <c r="Q192" s="5" t="s">
        <v>40</v>
      </c>
      <c r="R192" s="5" t="s">
        <v>1487</v>
      </c>
      <c r="S192" s="5"/>
      <c r="T192" s="5" t="s">
        <v>42</v>
      </c>
      <c r="U192" s="2">
        <v>0</v>
      </c>
      <c r="V192" s="2">
        <v>0</v>
      </c>
      <c r="W192" s="2">
        <v>0</v>
      </c>
      <c r="X192" s="2">
        <v>0</v>
      </c>
      <c r="Y192" s="2">
        <v>0</v>
      </c>
      <c r="Z192" s="2">
        <v>0</v>
      </c>
      <c r="AA192" s="5"/>
      <c r="AB192" s="5" t="s">
        <v>43</v>
      </c>
      <c r="AC192" s="5" t="s">
        <v>44</v>
      </c>
      <c r="AD192" s="2" t="s">
        <v>24988</v>
      </c>
      <c r="AE192" s="1"/>
    </row>
    <row r="193" spans="1:31">
      <c r="A193" s="5" t="s">
        <v>116</v>
      </c>
      <c r="B193" s="21">
        <v>46054</v>
      </c>
      <c r="C193" s="2" t="s">
        <v>24989</v>
      </c>
      <c r="D193" s="14" t="s">
        <v>24990</v>
      </c>
      <c r="E193" s="2" t="s">
        <v>24991</v>
      </c>
      <c r="F193" s="2" t="s">
        <v>24628</v>
      </c>
      <c r="G193" s="8">
        <v>746</v>
      </c>
      <c r="H193" s="5">
        <v>5</v>
      </c>
      <c r="I193" s="5" t="s">
        <v>69</v>
      </c>
      <c r="J193" s="5" t="s">
        <v>24629</v>
      </c>
      <c r="K193" s="2" t="s">
        <v>24630</v>
      </c>
      <c r="L193" s="5" t="s">
        <v>24629</v>
      </c>
      <c r="M193" s="2" t="s">
        <v>24630</v>
      </c>
      <c r="N193" s="5" t="s">
        <v>24254</v>
      </c>
      <c r="O193" s="5" t="s">
        <v>38</v>
      </c>
      <c r="P193" s="5" t="s">
        <v>39</v>
      </c>
      <c r="Q193" s="5" t="s">
        <v>40</v>
      </c>
      <c r="R193" s="5" t="s">
        <v>1487</v>
      </c>
      <c r="S193" s="5"/>
      <c r="T193" s="5" t="s">
        <v>42</v>
      </c>
      <c r="U193" s="2">
        <v>0</v>
      </c>
      <c r="V193" s="2">
        <v>0</v>
      </c>
      <c r="W193" s="2">
        <v>0</v>
      </c>
      <c r="X193" s="2">
        <v>0</v>
      </c>
      <c r="Y193" s="2">
        <v>0</v>
      </c>
      <c r="Z193" s="2">
        <v>0</v>
      </c>
      <c r="AA193" s="5"/>
      <c r="AB193" s="5" t="s">
        <v>43</v>
      </c>
      <c r="AC193" s="5" t="s">
        <v>44</v>
      </c>
      <c r="AD193" s="2" t="s">
        <v>24976</v>
      </c>
      <c r="AE193" s="1"/>
    </row>
    <row r="194" spans="1:31">
      <c r="A194" s="5" t="s">
        <v>116</v>
      </c>
      <c r="B194" s="21">
        <v>46054</v>
      </c>
      <c r="C194" s="2" t="s">
        <v>24992</v>
      </c>
      <c r="D194" s="14" t="s">
        <v>24993</v>
      </c>
      <c r="E194" s="2" t="s">
        <v>24994</v>
      </c>
      <c r="F194" s="2" t="s">
        <v>24628</v>
      </c>
      <c r="G194" s="8">
        <v>746</v>
      </c>
      <c r="H194" s="5">
        <v>15</v>
      </c>
      <c r="I194" s="5" t="s">
        <v>69</v>
      </c>
      <c r="J194" s="5" t="s">
        <v>24629</v>
      </c>
      <c r="K194" s="2" t="s">
        <v>24630</v>
      </c>
      <c r="L194" s="5" t="s">
        <v>24629</v>
      </c>
      <c r="M194" s="2" t="s">
        <v>24630</v>
      </c>
      <c r="N194" s="5" t="s">
        <v>24254</v>
      </c>
      <c r="O194" s="5" t="s">
        <v>38</v>
      </c>
      <c r="P194" s="5" t="s">
        <v>39</v>
      </c>
      <c r="Q194" s="5" t="s">
        <v>40</v>
      </c>
      <c r="R194" s="5" t="s">
        <v>1487</v>
      </c>
      <c r="S194" s="5"/>
      <c r="T194" s="5" t="s">
        <v>42</v>
      </c>
      <c r="U194" s="2">
        <v>0</v>
      </c>
      <c r="V194" s="2">
        <v>0</v>
      </c>
      <c r="W194" s="2">
        <v>0</v>
      </c>
      <c r="X194" s="2">
        <v>0</v>
      </c>
      <c r="Y194" s="2">
        <v>0</v>
      </c>
      <c r="Z194" s="2">
        <v>0</v>
      </c>
      <c r="AA194" s="5"/>
      <c r="AB194" s="5" t="s">
        <v>43</v>
      </c>
      <c r="AC194" s="5" t="s">
        <v>44</v>
      </c>
      <c r="AD194" s="2" t="s">
        <v>24980</v>
      </c>
      <c r="AE194" s="1"/>
    </row>
    <row r="195" spans="1:31">
      <c r="A195" s="5" t="s">
        <v>116</v>
      </c>
      <c r="B195" s="21">
        <v>46054</v>
      </c>
      <c r="C195" s="2" t="s">
        <v>24995</v>
      </c>
      <c r="D195" s="14" t="s">
        <v>24996</v>
      </c>
      <c r="E195" s="2" t="s">
        <v>24997</v>
      </c>
      <c r="F195" s="2" t="s">
        <v>24639</v>
      </c>
      <c r="G195" s="8">
        <v>1380</v>
      </c>
      <c r="H195" s="5">
        <v>15</v>
      </c>
      <c r="I195" s="5" t="s">
        <v>69</v>
      </c>
      <c r="J195" s="5" t="s">
        <v>24629</v>
      </c>
      <c r="K195" s="2" t="s">
        <v>24630</v>
      </c>
      <c r="L195" s="5" t="s">
        <v>24629</v>
      </c>
      <c r="M195" s="2" t="s">
        <v>24630</v>
      </c>
      <c r="N195" s="5" t="s">
        <v>24254</v>
      </c>
      <c r="O195" s="5" t="s">
        <v>38</v>
      </c>
      <c r="P195" s="5" t="s">
        <v>39</v>
      </c>
      <c r="Q195" s="5" t="s">
        <v>40</v>
      </c>
      <c r="R195" s="5" t="s">
        <v>1487</v>
      </c>
      <c r="S195" s="5"/>
      <c r="T195" s="5" t="s">
        <v>42</v>
      </c>
      <c r="U195" s="2">
        <v>0</v>
      </c>
      <c r="V195" s="2">
        <v>0</v>
      </c>
      <c r="W195" s="2">
        <v>0</v>
      </c>
      <c r="X195" s="2">
        <v>0</v>
      </c>
      <c r="Y195" s="2">
        <v>0</v>
      </c>
      <c r="Z195" s="2">
        <v>0</v>
      </c>
      <c r="AA195" s="5"/>
      <c r="AB195" s="5" t="s">
        <v>43</v>
      </c>
      <c r="AC195" s="5" t="s">
        <v>44</v>
      </c>
      <c r="AD195" s="2" t="s">
        <v>24984</v>
      </c>
      <c r="AE195" s="1"/>
    </row>
    <row r="196" spans="1:31">
      <c r="A196" s="5" t="s">
        <v>116</v>
      </c>
      <c r="B196" s="21">
        <v>46054</v>
      </c>
      <c r="C196" s="2" t="s">
        <v>24998</v>
      </c>
      <c r="D196" s="14" t="s">
        <v>24999</v>
      </c>
      <c r="E196" s="2" t="s">
        <v>25000</v>
      </c>
      <c r="F196" s="2" t="s">
        <v>24639</v>
      </c>
      <c r="G196" s="8">
        <v>1380</v>
      </c>
      <c r="H196" s="5">
        <v>15</v>
      </c>
      <c r="I196" s="5" t="s">
        <v>69</v>
      </c>
      <c r="J196" s="5" t="s">
        <v>24629</v>
      </c>
      <c r="K196" s="2" t="s">
        <v>24630</v>
      </c>
      <c r="L196" s="5" t="s">
        <v>24629</v>
      </c>
      <c r="M196" s="2" t="s">
        <v>24630</v>
      </c>
      <c r="N196" s="5" t="s">
        <v>24254</v>
      </c>
      <c r="O196" s="5" t="s">
        <v>38</v>
      </c>
      <c r="P196" s="5" t="s">
        <v>39</v>
      </c>
      <c r="Q196" s="5" t="s">
        <v>40</v>
      </c>
      <c r="R196" s="5" t="s">
        <v>1487</v>
      </c>
      <c r="S196" s="5"/>
      <c r="T196" s="5" t="s">
        <v>42</v>
      </c>
      <c r="U196" s="2">
        <v>0</v>
      </c>
      <c r="V196" s="2">
        <v>0</v>
      </c>
      <c r="W196" s="2">
        <v>0</v>
      </c>
      <c r="X196" s="2">
        <v>0</v>
      </c>
      <c r="Y196" s="2">
        <v>0</v>
      </c>
      <c r="Z196" s="2">
        <v>0</v>
      </c>
      <c r="AA196" s="5"/>
      <c r="AB196" s="5" t="s">
        <v>43</v>
      </c>
      <c r="AC196" s="5" t="s">
        <v>44</v>
      </c>
      <c r="AD196" s="2" t="s">
        <v>24988</v>
      </c>
      <c r="AE196" s="1"/>
    </row>
    <row r="197" spans="1:31">
      <c r="A197" s="5" t="s">
        <v>116</v>
      </c>
      <c r="B197" s="21">
        <v>46054</v>
      </c>
      <c r="C197" s="2" t="s">
        <v>25001</v>
      </c>
      <c r="D197" s="14" t="s">
        <v>25002</v>
      </c>
      <c r="E197" s="2" t="s">
        <v>25003</v>
      </c>
      <c r="F197" s="2" t="s">
        <v>24628</v>
      </c>
      <c r="G197" s="8">
        <v>773</v>
      </c>
      <c r="H197" s="5">
        <v>5</v>
      </c>
      <c r="I197" s="5" t="s">
        <v>69</v>
      </c>
      <c r="J197" s="5" t="s">
        <v>24629</v>
      </c>
      <c r="K197" s="2" t="s">
        <v>24630</v>
      </c>
      <c r="L197" s="5" t="s">
        <v>24629</v>
      </c>
      <c r="M197" s="2" t="s">
        <v>24630</v>
      </c>
      <c r="N197" s="5" t="s">
        <v>24254</v>
      </c>
      <c r="O197" s="5" t="s">
        <v>38</v>
      </c>
      <c r="P197" s="5" t="s">
        <v>39</v>
      </c>
      <c r="Q197" s="5" t="s">
        <v>40</v>
      </c>
      <c r="R197" s="5" t="s">
        <v>1487</v>
      </c>
      <c r="S197" s="5"/>
      <c r="T197" s="5" t="s">
        <v>42</v>
      </c>
      <c r="U197" s="2">
        <v>0</v>
      </c>
      <c r="V197" s="2">
        <v>0</v>
      </c>
      <c r="W197" s="2">
        <v>0</v>
      </c>
      <c r="X197" s="2">
        <v>0</v>
      </c>
      <c r="Y197" s="2">
        <v>0</v>
      </c>
      <c r="Z197" s="2">
        <v>0</v>
      </c>
      <c r="AA197" s="5"/>
      <c r="AB197" s="5" t="s">
        <v>43</v>
      </c>
      <c r="AC197" s="5" t="s">
        <v>44</v>
      </c>
      <c r="AD197" s="2" t="s">
        <v>24976</v>
      </c>
      <c r="AE197" s="1"/>
    </row>
    <row r="198" spans="1:31">
      <c r="A198" s="5" t="s">
        <v>116</v>
      </c>
      <c r="B198" s="21">
        <v>46054</v>
      </c>
      <c r="C198" s="2" t="s">
        <v>25004</v>
      </c>
      <c r="D198" s="14" t="s">
        <v>25005</v>
      </c>
      <c r="E198" s="2" t="s">
        <v>25006</v>
      </c>
      <c r="F198" s="2" t="s">
        <v>24628</v>
      </c>
      <c r="G198" s="8">
        <v>773</v>
      </c>
      <c r="H198" s="5">
        <v>15</v>
      </c>
      <c r="I198" s="5" t="s">
        <v>69</v>
      </c>
      <c r="J198" s="5" t="s">
        <v>24629</v>
      </c>
      <c r="K198" s="2" t="s">
        <v>24630</v>
      </c>
      <c r="L198" s="5" t="s">
        <v>24629</v>
      </c>
      <c r="M198" s="2" t="s">
        <v>24630</v>
      </c>
      <c r="N198" s="5" t="s">
        <v>24254</v>
      </c>
      <c r="O198" s="5" t="s">
        <v>38</v>
      </c>
      <c r="P198" s="5" t="s">
        <v>39</v>
      </c>
      <c r="Q198" s="5" t="s">
        <v>40</v>
      </c>
      <c r="R198" s="5" t="s">
        <v>1487</v>
      </c>
      <c r="S198" s="5"/>
      <c r="T198" s="5" t="s">
        <v>42</v>
      </c>
      <c r="U198" s="2">
        <v>0</v>
      </c>
      <c r="V198" s="2">
        <v>0</v>
      </c>
      <c r="W198" s="2">
        <v>0</v>
      </c>
      <c r="X198" s="2">
        <v>0</v>
      </c>
      <c r="Y198" s="2">
        <v>0</v>
      </c>
      <c r="Z198" s="2">
        <v>0</v>
      </c>
      <c r="AA198" s="5"/>
      <c r="AB198" s="5" t="s">
        <v>43</v>
      </c>
      <c r="AC198" s="5" t="s">
        <v>44</v>
      </c>
      <c r="AD198" s="2" t="s">
        <v>24980</v>
      </c>
      <c r="AE198" s="1"/>
    </row>
    <row r="199" spans="1:31">
      <c r="A199" s="5" t="s">
        <v>116</v>
      </c>
      <c r="B199" s="21">
        <v>46054</v>
      </c>
      <c r="C199" s="2" t="s">
        <v>25007</v>
      </c>
      <c r="D199" s="14" t="s">
        <v>25008</v>
      </c>
      <c r="E199" s="2" t="s">
        <v>25009</v>
      </c>
      <c r="F199" s="2" t="s">
        <v>24639</v>
      </c>
      <c r="G199" s="8">
        <v>1434</v>
      </c>
      <c r="H199" s="5">
        <v>15</v>
      </c>
      <c r="I199" s="5" t="s">
        <v>69</v>
      </c>
      <c r="J199" s="5" t="s">
        <v>24629</v>
      </c>
      <c r="K199" s="2" t="s">
        <v>24630</v>
      </c>
      <c r="L199" s="5" t="s">
        <v>24629</v>
      </c>
      <c r="M199" s="2" t="s">
        <v>24630</v>
      </c>
      <c r="N199" s="5" t="s">
        <v>24254</v>
      </c>
      <c r="O199" s="5" t="s">
        <v>38</v>
      </c>
      <c r="P199" s="5" t="s">
        <v>39</v>
      </c>
      <c r="Q199" s="5" t="s">
        <v>40</v>
      </c>
      <c r="R199" s="5" t="s">
        <v>1487</v>
      </c>
      <c r="S199" s="5"/>
      <c r="T199" s="5" t="s">
        <v>42</v>
      </c>
      <c r="U199" s="2">
        <v>0</v>
      </c>
      <c r="V199" s="2">
        <v>0</v>
      </c>
      <c r="W199" s="2">
        <v>0</v>
      </c>
      <c r="X199" s="2">
        <v>0</v>
      </c>
      <c r="Y199" s="2">
        <v>0</v>
      </c>
      <c r="Z199" s="2">
        <v>0</v>
      </c>
      <c r="AA199" s="5"/>
      <c r="AB199" s="5" t="s">
        <v>43</v>
      </c>
      <c r="AC199" s="5" t="s">
        <v>44</v>
      </c>
      <c r="AD199" s="2" t="s">
        <v>24984</v>
      </c>
      <c r="AE199" s="1"/>
    </row>
    <row r="200" spans="1:31">
      <c r="A200" s="5" t="s">
        <v>116</v>
      </c>
      <c r="B200" s="21">
        <v>46054</v>
      </c>
      <c r="C200" s="2" t="s">
        <v>25010</v>
      </c>
      <c r="D200" s="14" t="s">
        <v>25011</v>
      </c>
      <c r="E200" s="2" t="s">
        <v>25012</v>
      </c>
      <c r="F200" s="2" t="s">
        <v>24639</v>
      </c>
      <c r="G200" s="8">
        <v>1434</v>
      </c>
      <c r="H200" s="5">
        <v>15</v>
      </c>
      <c r="I200" s="5" t="s">
        <v>69</v>
      </c>
      <c r="J200" s="5" t="s">
        <v>24629</v>
      </c>
      <c r="K200" s="2" t="s">
        <v>24630</v>
      </c>
      <c r="L200" s="5" t="s">
        <v>24629</v>
      </c>
      <c r="M200" s="2" t="s">
        <v>24630</v>
      </c>
      <c r="N200" s="5" t="s">
        <v>24254</v>
      </c>
      <c r="O200" s="5" t="s">
        <v>38</v>
      </c>
      <c r="P200" s="5" t="s">
        <v>39</v>
      </c>
      <c r="Q200" s="5" t="s">
        <v>40</v>
      </c>
      <c r="R200" s="5" t="s">
        <v>1487</v>
      </c>
      <c r="S200" s="5"/>
      <c r="T200" s="5" t="s">
        <v>42</v>
      </c>
      <c r="U200" s="2">
        <v>0</v>
      </c>
      <c r="V200" s="2">
        <v>0</v>
      </c>
      <c r="W200" s="2">
        <v>0</v>
      </c>
      <c r="X200" s="2">
        <v>0</v>
      </c>
      <c r="Y200" s="2">
        <v>0</v>
      </c>
      <c r="Z200" s="2">
        <v>0</v>
      </c>
      <c r="AA200" s="5"/>
      <c r="AB200" s="5" t="s">
        <v>43</v>
      </c>
      <c r="AC200" s="5" t="s">
        <v>44</v>
      </c>
      <c r="AD200" s="2" t="s">
        <v>24988</v>
      </c>
      <c r="AE200" s="1"/>
    </row>
    <row r="201" spans="1:31">
      <c r="A201" s="5" t="s">
        <v>116</v>
      </c>
      <c r="B201" s="21">
        <v>46054</v>
      </c>
      <c r="C201" s="2" t="s">
        <v>25013</v>
      </c>
      <c r="D201" s="14" t="s">
        <v>25014</v>
      </c>
      <c r="E201" s="2" t="s">
        <v>25015</v>
      </c>
      <c r="F201" s="2" t="s">
        <v>24628</v>
      </c>
      <c r="G201" s="8">
        <v>764</v>
      </c>
      <c r="H201" s="5">
        <v>5</v>
      </c>
      <c r="I201" s="5" t="s">
        <v>69</v>
      </c>
      <c r="J201" s="5" t="s">
        <v>24629</v>
      </c>
      <c r="K201" s="2" t="s">
        <v>24630</v>
      </c>
      <c r="L201" s="5" t="s">
        <v>24629</v>
      </c>
      <c r="M201" s="2" t="s">
        <v>24630</v>
      </c>
      <c r="N201" s="5" t="s">
        <v>24254</v>
      </c>
      <c r="O201" s="5" t="s">
        <v>38</v>
      </c>
      <c r="P201" s="5" t="s">
        <v>39</v>
      </c>
      <c r="Q201" s="5" t="s">
        <v>40</v>
      </c>
      <c r="R201" s="5" t="s">
        <v>1487</v>
      </c>
      <c r="S201" s="5"/>
      <c r="T201" s="5" t="s">
        <v>42</v>
      </c>
      <c r="U201" s="2">
        <v>0</v>
      </c>
      <c r="V201" s="2">
        <v>0</v>
      </c>
      <c r="W201" s="2">
        <v>0</v>
      </c>
      <c r="X201" s="2">
        <v>0</v>
      </c>
      <c r="Y201" s="2">
        <v>0</v>
      </c>
      <c r="Z201" s="2">
        <v>0</v>
      </c>
      <c r="AA201" s="5"/>
      <c r="AB201" s="5" t="s">
        <v>43</v>
      </c>
      <c r="AC201" s="5" t="s">
        <v>44</v>
      </c>
      <c r="AD201" s="2" t="s">
        <v>24976</v>
      </c>
      <c r="AE201" s="1"/>
    </row>
    <row r="202" spans="1:31">
      <c r="A202" s="5" t="s">
        <v>116</v>
      </c>
      <c r="B202" s="21">
        <v>46054</v>
      </c>
      <c r="C202" s="2" t="s">
        <v>25016</v>
      </c>
      <c r="D202" s="14" t="s">
        <v>25017</v>
      </c>
      <c r="E202" s="2" t="s">
        <v>25018</v>
      </c>
      <c r="F202" s="2" t="s">
        <v>24628</v>
      </c>
      <c r="G202" s="8">
        <v>764</v>
      </c>
      <c r="H202" s="5">
        <v>15</v>
      </c>
      <c r="I202" s="5" t="s">
        <v>69</v>
      </c>
      <c r="J202" s="5" t="s">
        <v>24629</v>
      </c>
      <c r="K202" s="2" t="s">
        <v>24630</v>
      </c>
      <c r="L202" s="5" t="s">
        <v>24629</v>
      </c>
      <c r="M202" s="2" t="s">
        <v>24630</v>
      </c>
      <c r="N202" s="5" t="s">
        <v>24254</v>
      </c>
      <c r="O202" s="5" t="s">
        <v>38</v>
      </c>
      <c r="P202" s="5" t="s">
        <v>39</v>
      </c>
      <c r="Q202" s="5" t="s">
        <v>40</v>
      </c>
      <c r="R202" s="5" t="s">
        <v>1487</v>
      </c>
      <c r="S202" s="5"/>
      <c r="T202" s="5" t="s">
        <v>42</v>
      </c>
      <c r="U202" s="2">
        <v>0</v>
      </c>
      <c r="V202" s="2">
        <v>0</v>
      </c>
      <c r="W202" s="2">
        <v>0</v>
      </c>
      <c r="X202" s="2">
        <v>0</v>
      </c>
      <c r="Y202" s="2">
        <v>0</v>
      </c>
      <c r="Z202" s="2">
        <v>0</v>
      </c>
      <c r="AA202" s="5"/>
      <c r="AB202" s="5" t="s">
        <v>43</v>
      </c>
      <c r="AC202" s="5" t="s">
        <v>44</v>
      </c>
      <c r="AD202" s="2" t="s">
        <v>24980</v>
      </c>
      <c r="AE202" s="1"/>
    </row>
    <row r="203" spans="1:31">
      <c r="A203" s="5" t="s">
        <v>116</v>
      </c>
      <c r="B203" s="21">
        <v>46054</v>
      </c>
      <c r="C203" s="2" t="s">
        <v>25019</v>
      </c>
      <c r="D203" s="14" t="s">
        <v>25020</v>
      </c>
      <c r="E203" s="2" t="s">
        <v>25021</v>
      </c>
      <c r="F203" s="2" t="s">
        <v>24639</v>
      </c>
      <c r="G203" s="8">
        <v>1460</v>
      </c>
      <c r="H203" s="5">
        <v>15</v>
      </c>
      <c r="I203" s="5" t="s">
        <v>69</v>
      </c>
      <c r="J203" s="5" t="s">
        <v>24629</v>
      </c>
      <c r="K203" s="2" t="s">
        <v>24630</v>
      </c>
      <c r="L203" s="5" t="s">
        <v>24629</v>
      </c>
      <c r="M203" s="2" t="s">
        <v>24630</v>
      </c>
      <c r="N203" s="5" t="s">
        <v>24254</v>
      </c>
      <c r="O203" s="5" t="s">
        <v>38</v>
      </c>
      <c r="P203" s="5" t="s">
        <v>39</v>
      </c>
      <c r="Q203" s="5" t="s">
        <v>40</v>
      </c>
      <c r="R203" s="5" t="s">
        <v>1487</v>
      </c>
      <c r="S203" s="5"/>
      <c r="T203" s="5" t="s">
        <v>42</v>
      </c>
      <c r="U203" s="2">
        <v>0</v>
      </c>
      <c r="V203" s="2">
        <v>0</v>
      </c>
      <c r="W203" s="2">
        <v>0</v>
      </c>
      <c r="X203" s="2">
        <v>0</v>
      </c>
      <c r="Y203" s="2">
        <v>0</v>
      </c>
      <c r="Z203" s="2">
        <v>0</v>
      </c>
      <c r="AA203" s="5"/>
      <c r="AB203" s="5" t="s">
        <v>43</v>
      </c>
      <c r="AC203" s="5" t="s">
        <v>44</v>
      </c>
      <c r="AD203" s="2" t="s">
        <v>24984</v>
      </c>
      <c r="AE203" s="1"/>
    </row>
    <row r="204" spans="1:31">
      <c r="A204" s="5" t="s">
        <v>116</v>
      </c>
      <c r="B204" s="21">
        <v>46054</v>
      </c>
      <c r="C204" s="2" t="s">
        <v>25022</v>
      </c>
      <c r="D204" s="14" t="s">
        <v>25023</v>
      </c>
      <c r="E204" s="2" t="s">
        <v>25024</v>
      </c>
      <c r="F204" s="2" t="s">
        <v>24639</v>
      </c>
      <c r="G204" s="8">
        <v>1460</v>
      </c>
      <c r="H204" s="5">
        <v>15</v>
      </c>
      <c r="I204" s="5" t="s">
        <v>69</v>
      </c>
      <c r="J204" s="5" t="s">
        <v>24629</v>
      </c>
      <c r="K204" s="2" t="s">
        <v>24630</v>
      </c>
      <c r="L204" s="5" t="s">
        <v>24629</v>
      </c>
      <c r="M204" s="2" t="s">
        <v>24630</v>
      </c>
      <c r="N204" s="5" t="s">
        <v>24254</v>
      </c>
      <c r="O204" s="5" t="s">
        <v>38</v>
      </c>
      <c r="P204" s="5" t="s">
        <v>39</v>
      </c>
      <c r="Q204" s="5" t="s">
        <v>40</v>
      </c>
      <c r="R204" s="5" t="s">
        <v>1487</v>
      </c>
      <c r="S204" s="5"/>
      <c r="T204" s="5" t="s">
        <v>42</v>
      </c>
      <c r="U204" s="2">
        <v>0</v>
      </c>
      <c r="V204" s="2">
        <v>0</v>
      </c>
      <c r="W204" s="2">
        <v>0</v>
      </c>
      <c r="X204" s="2">
        <v>0</v>
      </c>
      <c r="Y204" s="2">
        <v>0</v>
      </c>
      <c r="Z204" s="2">
        <v>0</v>
      </c>
      <c r="AA204" s="5"/>
      <c r="AB204" s="5" t="s">
        <v>43</v>
      </c>
      <c r="AC204" s="5" t="s">
        <v>44</v>
      </c>
      <c r="AD204" s="2" t="s">
        <v>24988</v>
      </c>
      <c r="AE204" s="1"/>
    </row>
    <row r="205" spans="1:31">
      <c r="A205" s="5" t="s">
        <v>116</v>
      </c>
      <c r="B205" s="21">
        <v>46054</v>
      </c>
      <c r="C205" s="2" t="s">
        <v>25025</v>
      </c>
      <c r="D205" s="14" t="s">
        <v>25026</v>
      </c>
      <c r="E205" s="2" t="s">
        <v>25027</v>
      </c>
      <c r="F205" s="2" t="s">
        <v>24628</v>
      </c>
      <c r="G205" s="8">
        <v>815</v>
      </c>
      <c r="H205" s="5">
        <v>5</v>
      </c>
      <c r="I205" s="5" t="s">
        <v>69</v>
      </c>
      <c r="J205" s="5" t="s">
        <v>24629</v>
      </c>
      <c r="K205" s="2" t="s">
        <v>24630</v>
      </c>
      <c r="L205" s="5" t="s">
        <v>24629</v>
      </c>
      <c r="M205" s="2" t="s">
        <v>24630</v>
      </c>
      <c r="N205" s="5" t="s">
        <v>24254</v>
      </c>
      <c r="O205" s="5" t="s">
        <v>38</v>
      </c>
      <c r="P205" s="5" t="s">
        <v>39</v>
      </c>
      <c r="Q205" s="5" t="s">
        <v>40</v>
      </c>
      <c r="R205" s="5" t="s">
        <v>1487</v>
      </c>
      <c r="S205" s="5"/>
      <c r="T205" s="5" t="s">
        <v>42</v>
      </c>
      <c r="U205" s="2">
        <v>0</v>
      </c>
      <c r="V205" s="2">
        <v>0</v>
      </c>
      <c r="W205" s="2">
        <v>0</v>
      </c>
      <c r="X205" s="2">
        <v>0</v>
      </c>
      <c r="Y205" s="2">
        <v>0</v>
      </c>
      <c r="Z205" s="2">
        <v>0</v>
      </c>
      <c r="AA205" s="5"/>
      <c r="AB205" s="5" t="s">
        <v>43</v>
      </c>
      <c r="AC205" s="5" t="s">
        <v>44</v>
      </c>
      <c r="AD205" s="2" t="s">
        <v>24976</v>
      </c>
      <c r="AE205" s="1"/>
    </row>
    <row r="206" spans="1:31">
      <c r="A206" s="5" t="s">
        <v>116</v>
      </c>
      <c r="B206" s="21">
        <v>46054</v>
      </c>
      <c r="C206" s="2" t="s">
        <v>25028</v>
      </c>
      <c r="D206" s="14" t="s">
        <v>25029</v>
      </c>
      <c r="E206" s="2" t="s">
        <v>25030</v>
      </c>
      <c r="F206" s="2" t="s">
        <v>24628</v>
      </c>
      <c r="G206" s="8">
        <v>815</v>
      </c>
      <c r="H206" s="5">
        <v>15</v>
      </c>
      <c r="I206" s="5" t="s">
        <v>69</v>
      </c>
      <c r="J206" s="5" t="s">
        <v>24629</v>
      </c>
      <c r="K206" s="2" t="s">
        <v>24630</v>
      </c>
      <c r="L206" s="5" t="s">
        <v>24629</v>
      </c>
      <c r="M206" s="2" t="s">
        <v>24630</v>
      </c>
      <c r="N206" s="5" t="s">
        <v>24254</v>
      </c>
      <c r="O206" s="5" t="s">
        <v>38</v>
      </c>
      <c r="P206" s="5" t="s">
        <v>39</v>
      </c>
      <c r="Q206" s="5" t="s">
        <v>40</v>
      </c>
      <c r="R206" s="5" t="s">
        <v>1487</v>
      </c>
      <c r="S206" s="5"/>
      <c r="T206" s="5" t="s">
        <v>42</v>
      </c>
      <c r="U206" s="2">
        <v>0</v>
      </c>
      <c r="V206" s="2">
        <v>0</v>
      </c>
      <c r="W206" s="2">
        <v>0</v>
      </c>
      <c r="X206" s="2">
        <v>0</v>
      </c>
      <c r="Y206" s="2">
        <v>0</v>
      </c>
      <c r="Z206" s="2">
        <v>0</v>
      </c>
      <c r="AA206" s="5"/>
      <c r="AB206" s="5" t="s">
        <v>43</v>
      </c>
      <c r="AC206" s="5" t="s">
        <v>44</v>
      </c>
      <c r="AD206" s="2" t="s">
        <v>24980</v>
      </c>
      <c r="AE206" s="1"/>
    </row>
    <row r="207" spans="1:31">
      <c r="A207" s="5" t="s">
        <v>116</v>
      </c>
      <c r="B207" s="21">
        <v>46054</v>
      </c>
      <c r="C207" s="2" t="s">
        <v>25031</v>
      </c>
      <c r="D207" s="14" t="s">
        <v>25032</v>
      </c>
      <c r="E207" s="2" t="s">
        <v>25033</v>
      </c>
      <c r="F207" s="2" t="s">
        <v>24639</v>
      </c>
      <c r="G207" s="8">
        <v>1563</v>
      </c>
      <c r="H207" s="5">
        <v>15</v>
      </c>
      <c r="I207" s="5" t="s">
        <v>69</v>
      </c>
      <c r="J207" s="5" t="s">
        <v>24629</v>
      </c>
      <c r="K207" s="2" t="s">
        <v>24630</v>
      </c>
      <c r="L207" s="5" t="s">
        <v>24629</v>
      </c>
      <c r="M207" s="2" t="s">
        <v>24630</v>
      </c>
      <c r="N207" s="5" t="s">
        <v>24254</v>
      </c>
      <c r="O207" s="5" t="s">
        <v>38</v>
      </c>
      <c r="P207" s="5" t="s">
        <v>39</v>
      </c>
      <c r="Q207" s="5" t="s">
        <v>40</v>
      </c>
      <c r="R207" s="5" t="s">
        <v>1487</v>
      </c>
      <c r="S207" s="5"/>
      <c r="T207" s="5" t="s">
        <v>42</v>
      </c>
      <c r="U207" s="2">
        <v>0</v>
      </c>
      <c r="V207" s="2">
        <v>0</v>
      </c>
      <c r="W207" s="2">
        <v>0</v>
      </c>
      <c r="X207" s="2">
        <v>0</v>
      </c>
      <c r="Y207" s="2">
        <v>0</v>
      </c>
      <c r="Z207" s="2">
        <v>0</v>
      </c>
      <c r="AA207" s="5"/>
      <c r="AB207" s="5" t="s">
        <v>43</v>
      </c>
      <c r="AC207" s="5" t="s">
        <v>44</v>
      </c>
      <c r="AD207" s="2" t="s">
        <v>24984</v>
      </c>
      <c r="AE207" s="1"/>
    </row>
    <row r="208" spans="1:31">
      <c r="A208" s="5" t="s">
        <v>116</v>
      </c>
      <c r="B208" s="21">
        <v>46054</v>
      </c>
      <c r="C208" s="2" t="s">
        <v>25034</v>
      </c>
      <c r="D208" s="14" t="s">
        <v>25035</v>
      </c>
      <c r="E208" s="2" t="s">
        <v>25036</v>
      </c>
      <c r="F208" s="2" t="s">
        <v>24639</v>
      </c>
      <c r="G208" s="8">
        <v>1563</v>
      </c>
      <c r="H208" s="5">
        <v>15</v>
      </c>
      <c r="I208" s="5" t="s">
        <v>69</v>
      </c>
      <c r="J208" s="5" t="s">
        <v>24629</v>
      </c>
      <c r="K208" s="2" t="s">
        <v>24630</v>
      </c>
      <c r="L208" s="5" t="s">
        <v>24629</v>
      </c>
      <c r="M208" s="2" t="s">
        <v>24630</v>
      </c>
      <c r="N208" s="5" t="s">
        <v>24254</v>
      </c>
      <c r="O208" s="5" t="s">
        <v>38</v>
      </c>
      <c r="P208" s="5" t="s">
        <v>39</v>
      </c>
      <c r="Q208" s="5" t="s">
        <v>40</v>
      </c>
      <c r="R208" s="5" t="s">
        <v>1487</v>
      </c>
      <c r="S208" s="5"/>
      <c r="T208" s="5" t="s">
        <v>42</v>
      </c>
      <c r="U208" s="2">
        <v>0</v>
      </c>
      <c r="V208" s="2">
        <v>0</v>
      </c>
      <c r="W208" s="2">
        <v>0</v>
      </c>
      <c r="X208" s="2">
        <v>0</v>
      </c>
      <c r="Y208" s="2">
        <v>0</v>
      </c>
      <c r="Z208" s="2">
        <v>0</v>
      </c>
      <c r="AA208" s="5"/>
      <c r="AB208" s="5" t="s">
        <v>43</v>
      </c>
      <c r="AC208" s="5" t="s">
        <v>44</v>
      </c>
      <c r="AD208" s="2" t="s">
        <v>24988</v>
      </c>
      <c r="AE208" s="1"/>
    </row>
    <row r="209" spans="1:31">
      <c r="A209" s="5" t="s">
        <v>116</v>
      </c>
      <c r="B209" s="21">
        <v>46054</v>
      </c>
      <c r="C209" s="2" t="s">
        <v>25037</v>
      </c>
      <c r="D209" s="14" t="s">
        <v>25038</v>
      </c>
      <c r="E209" s="2" t="s">
        <v>25039</v>
      </c>
      <c r="F209" s="2" t="s">
        <v>24628</v>
      </c>
      <c r="G209" s="8">
        <v>832</v>
      </c>
      <c r="H209" s="5">
        <v>5</v>
      </c>
      <c r="I209" s="5" t="s">
        <v>69</v>
      </c>
      <c r="J209" s="5" t="s">
        <v>24629</v>
      </c>
      <c r="K209" s="2" t="s">
        <v>24630</v>
      </c>
      <c r="L209" s="5" t="s">
        <v>24629</v>
      </c>
      <c r="M209" s="2" t="s">
        <v>24630</v>
      </c>
      <c r="N209" s="5" t="s">
        <v>24254</v>
      </c>
      <c r="O209" s="5" t="s">
        <v>38</v>
      </c>
      <c r="P209" s="5" t="s">
        <v>39</v>
      </c>
      <c r="Q209" s="5" t="s">
        <v>40</v>
      </c>
      <c r="R209" s="5" t="s">
        <v>1487</v>
      </c>
      <c r="S209" s="5"/>
      <c r="T209" s="5" t="s">
        <v>42</v>
      </c>
      <c r="U209" s="2">
        <v>0</v>
      </c>
      <c r="V209" s="2">
        <v>0</v>
      </c>
      <c r="W209" s="2">
        <v>0</v>
      </c>
      <c r="X209" s="2">
        <v>0</v>
      </c>
      <c r="Y209" s="2">
        <v>0</v>
      </c>
      <c r="Z209" s="2">
        <v>0</v>
      </c>
      <c r="AA209" s="5"/>
      <c r="AB209" s="5" t="s">
        <v>43</v>
      </c>
      <c r="AC209" s="5" t="s">
        <v>44</v>
      </c>
      <c r="AD209" s="2" t="s">
        <v>24976</v>
      </c>
      <c r="AE209" s="1"/>
    </row>
    <row r="210" spans="1:31">
      <c r="A210" s="5" t="s">
        <v>116</v>
      </c>
      <c r="B210" s="21">
        <v>46054</v>
      </c>
      <c r="C210" s="2" t="s">
        <v>25040</v>
      </c>
      <c r="D210" s="14" t="s">
        <v>25041</v>
      </c>
      <c r="E210" s="2" t="s">
        <v>25042</v>
      </c>
      <c r="F210" s="2" t="s">
        <v>24628</v>
      </c>
      <c r="G210" s="8">
        <v>832</v>
      </c>
      <c r="H210" s="5">
        <v>15</v>
      </c>
      <c r="I210" s="5" t="s">
        <v>69</v>
      </c>
      <c r="J210" s="5" t="s">
        <v>24629</v>
      </c>
      <c r="K210" s="2" t="s">
        <v>24630</v>
      </c>
      <c r="L210" s="5" t="s">
        <v>24629</v>
      </c>
      <c r="M210" s="2" t="s">
        <v>24630</v>
      </c>
      <c r="N210" s="5" t="s">
        <v>24254</v>
      </c>
      <c r="O210" s="5" t="s">
        <v>38</v>
      </c>
      <c r="P210" s="5" t="s">
        <v>39</v>
      </c>
      <c r="Q210" s="5" t="s">
        <v>40</v>
      </c>
      <c r="R210" s="5" t="s">
        <v>1487</v>
      </c>
      <c r="S210" s="5"/>
      <c r="T210" s="5" t="s">
        <v>42</v>
      </c>
      <c r="U210" s="2">
        <v>0</v>
      </c>
      <c r="V210" s="2">
        <v>0</v>
      </c>
      <c r="W210" s="2">
        <v>0</v>
      </c>
      <c r="X210" s="2">
        <v>0</v>
      </c>
      <c r="Y210" s="2">
        <v>0</v>
      </c>
      <c r="Z210" s="2">
        <v>0</v>
      </c>
      <c r="AA210" s="5"/>
      <c r="AB210" s="5" t="s">
        <v>43</v>
      </c>
      <c r="AC210" s="5" t="s">
        <v>44</v>
      </c>
      <c r="AD210" s="2" t="s">
        <v>24980</v>
      </c>
      <c r="AE210" s="1"/>
    </row>
    <row r="211" spans="1:31">
      <c r="A211" s="5" t="s">
        <v>116</v>
      </c>
      <c r="B211" s="21">
        <v>46054</v>
      </c>
      <c r="C211" s="2" t="s">
        <v>25043</v>
      </c>
      <c r="D211" s="14" t="s">
        <v>25044</v>
      </c>
      <c r="E211" s="2" t="s">
        <v>25045</v>
      </c>
      <c r="F211" s="2" t="s">
        <v>24639</v>
      </c>
      <c r="G211" s="8">
        <v>1596</v>
      </c>
      <c r="H211" s="5">
        <v>15</v>
      </c>
      <c r="I211" s="5" t="s">
        <v>69</v>
      </c>
      <c r="J211" s="5" t="s">
        <v>24629</v>
      </c>
      <c r="K211" s="2" t="s">
        <v>24630</v>
      </c>
      <c r="L211" s="5" t="s">
        <v>24629</v>
      </c>
      <c r="M211" s="2" t="s">
        <v>24630</v>
      </c>
      <c r="N211" s="5" t="s">
        <v>24254</v>
      </c>
      <c r="O211" s="5" t="s">
        <v>38</v>
      </c>
      <c r="P211" s="5" t="s">
        <v>39</v>
      </c>
      <c r="Q211" s="5" t="s">
        <v>40</v>
      </c>
      <c r="R211" s="5" t="s">
        <v>1487</v>
      </c>
      <c r="S211" s="5"/>
      <c r="T211" s="5" t="s">
        <v>42</v>
      </c>
      <c r="U211" s="2">
        <v>0</v>
      </c>
      <c r="V211" s="2">
        <v>0</v>
      </c>
      <c r="W211" s="2">
        <v>0</v>
      </c>
      <c r="X211" s="2">
        <v>0</v>
      </c>
      <c r="Y211" s="2">
        <v>0</v>
      </c>
      <c r="Z211" s="2">
        <v>0</v>
      </c>
      <c r="AA211" s="5"/>
      <c r="AB211" s="5" t="s">
        <v>43</v>
      </c>
      <c r="AC211" s="5" t="s">
        <v>44</v>
      </c>
      <c r="AD211" s="2" t="s">
        <v>24984</v>
      </c>
      <c r="AE211" s="1"/>
    </row>
    <row r="212" spans="1:31">
      <c r="A212" s="5" t="s">
        <v>116</v>
      </c>
      <c r="B212" s="21">
        <v>46054</v>
      </c>
      <c r="C212" s="2" t="s">
        <v>25046</v>
      </c>
      <c r="D212" s="14" t="s">
        <v>25047</v>
      </c>
      <c r="E212" s="2" t="s">
        <v>25048</v>
      </c>
      <c r="F212" s="2" t="s">
        <v>24639</v>
      </c>
      <c r="G212" s="8">
        <v>1596</v>
      </c>
      <c r="H212" s="5">
        <v>15</v>
      </c>
      <c r="I212" s="5" t="s">
        <v>69</v>
      </c>
      <c r="J212" s="5" t="s">
        <v>24629</v>
      </c>
      <c r="K212" s="2" t="s">
        <v>24630</v>
      </c>
      <c r="L212" s="5" t="s">
        <v>24629</v>
      </c>
      <c r="M212" s="2" t="s">
        <v>24630</v>
      </c>
      <c r="N212" s="5" t="s">
        <v>24254</v>
      </c>
      <c r="O212" s="5" t="s">
        <v>38</v>
      </c>
      <c r="P212" s="5" t="s">
        <v>39</v>
      </c>
      <c r="Q212" s="5" t="s">
        <v>40</v>
      </c>
      <c r="R212" s="5" t="s">
        <v>1487</v>
      </c>
      <c r="S212" s="5"/>
      <c r="T212" s="5" t="s">
        <v>42</v>
      </c>
      <c r="U212" s="2">
        <v>0</v>
      </c>
      <c r="V212" s="2">
        <v>0</v>
      </c>
      <c r="W212" s="2">
        <v>0</v>
      </c>
      <c r="X212" s="2">
        <v>0</v>
      </c>
      <c r="Y212" s="2">
        <v>0</v>
      </c>
      <c r="Z212" s="2">
        <v>0</v>
      </c>
      <c r="AA212" s="5"/>
      <c r="AB212" s="5" t="s">
        <v>43</v>
      </c>
      <c r="AC212" s="5" t="s">
        <v>44</v>
      </c>
      <c r="AD212" s="2" t="s">
        <v>24988</v>
      </c>
      <c r="AE212" s="1"/>
    </row>
    <row r="213" spans="1:31">
      <c r="A213" s="5" t="s">
        <v>116</v>
      </c>
      <c r="B213" s="21">
        <v>46054</v>
      </c>
      <c r="C213" s="2" t="s">
        <v>25049</v>
      </c>
      <c r="D213" s="14" t="s">
        <v>25050</v>
      </c>
      <c r="E213" s="2" t="s">
        <v>25051</v>
      </c>
      <c r="F213" s="2" t="s">
        <v>24628</v>
      </c>
      <c r="G213" s="8">
        <v>799</v>
      </c>
      <c r="H213" s="5">
        <v>5</v>
      </c>
      <c r="I213" s="5" t="s">
        <v>69</v>
      </c>
      <c r="J213" s="5" t="s">
        <v>24629</v>
      </c>
      <c r="K213" s="2" t="s">
        <v>24630</v>
      </c>
      <c r="L213" s="5" t="s">
        <v>24629</v>
      </c>
      <c r="M213" s="2" t="s">
        <v>24630</v>
      </c>
      <c r="N213" s="5" t="s">
        <v>24254</v>
      </c>
      <c r="O213" s="5" t="s">
        <v>38</v>
      </c>
      <c r="P213" s="5" t="s">
        <v>39</v>
      </c>
      <c r="Q213" s="5" t="s">
        <v>40</v>
      </c>
      <c r="R213" s="5" t="s">
        <v>1487</v>
      </c>
      <c r="S213" s="5"/>
      <c r="T213" s="5" t="s">
        <v>42</v>
      </c>
      <c r="U213" s="2">
        <v>0</v>
      </c>
      <c r="V213" s="2">
        <v>0</v>
      </c>
      <c r="W213" s="2">
        <v>0</v>
      </c>
      <c r="X213" s="2">
        <v>0</v>
      </c>
      <c r="Y213" s="2">
        <v>0</v>
      </c>
      <c r="Z213" s="2">
        <v>0</v>
      </c>
      <c r="AA213" s="5"/>
      <c r="AB213" s="5" t="s">
        <v>43</v>
      </c>
      <c r="AC213" s="5" t="s">
        <v>44</v>
      </c>
      <c r="AD213" s="2" t="s">
        <v>24976</v>
      </c>
      <c r="AE213" s="1"/>
    </row>
    <row r="214" spans="1:31">
      <c r="A214" s="5" t="s">
        <v>116</v>
      </c>
      <c r="B214" s="21">
        <v>46054</v>
      </c>
      <c r="C214" s="2" t="s">
        <v>25052</v>
      </c>
      <c r="D214" s="14" t="s">
        <v>25053</v>
      </c>
      <c r="E214" s="2" t="s">
        <v>25054</v>
      </c>
      <c r="F214" s="2" t="s">
        <v>24628</v>
      </c>
      <c r="G214" s="8">
        <v>799</v>
      </c>
      <c r="H214" s="5">
        <v>15</v>
      </c>
      <c r="I214" s="5" t="s">
        <v>69</v>
      </c>
      <c r="J214" s="5" t="s">
        <v>24629</v>
      </c>
      <c r="K214" s="2" t="s">
        <v>24630</v>
      </c>
      <c r="L214" s="5" t="s">
        <v>24629</v>
      </c>
      <c r="M214" s="2" t="s">
        <v>24630</v>
      </c>
      <c r="N214" s="5" t="s">
        <v>24254</v>
      </c>
      <c r="O214" s="5" t="s">
        <v>38</v>
      </c>
      <c r="P214" s="5" t="s">
        <v>39</v>
      </c>
      <c r="Q214" s="5" t="s">
        <v>40</v>
      </c>
      <c r="R214" s="5" t="s">
        <v>1487</v>
      </c>
      <c r="S214" s="5"/>
      <c r="T214" s="5" t="s">
        <v>42</v>
      </c>
      <c r="U214" s="2">
        <v>0</v>
      </c>
      <c r="V214" s="2">
        <v>0</v>
      </c>
      <c r="W214" s="2">
        <v>0</v>
      </c>
      <c r="X214" s="2">
        <v>0</v>
      </c>
      <c r="Y214" s="2">
        <v>0</v>
      </c>
      <c r="Z214" s="2">
        <v>0</v>
      </c>
      <c r="AA214" s="5"/>
      <c r="AB214" s="5" t="s">
        <v>43</v>
      </c>
      <c r="AC214" s="5" t="s">
        <v>44</v>
      </c>
      <c r="AD214" s="2" t="s">
        <v>24980</v>
      </c>
      <c r="AE214" s="1"/>
    </row>
    <row r="215" spans="1:31">
      <c r="A215" s="5" t="s">
        <v>116</v>
      </c>
      <c r="B215" s="21">
        <v>46054</v>
      </c>
      <c r="C215" s="2" t="s">
        <v>25055</v>
      </c>
      <c r="D215" s="14" t="s">
        <v>25056</v>
      </c>
      <c r="E215" s="2" t="s">
        <v>25057</v>
      </c>
      <c r="F215" s="2" t="s">
        <v>24639</v>
      </c>
      <c r="G215" s="8">
        <v>1527</v>
      </c>
      <c r="H215" s="5">
        <v>15</v>
      </c>
      <c r="I215" s="5" t="s">
        <v>69</v>
      </c>
      <c r="J215" s="5" t="s">
        <v>24629</v>
      </c>
      <c r="K215" s="2" t="s">
        <v>24630</v>
      </c>
      <c r="L215" s="5" t="s">
        <v>24629</v>
      </c>
      <c r="M215" s="2" t="s">
        <v>24630</v>
      </c>
      <c r="N215" s="5" t="s">
        <v>24254</v>
      </c>
      <c r="O215" s="5" t="s">
        <v>38</v>
      </c>
      <c r="P215" s="5" t="s">
        <v>39</v>
      </c>
      <c r="Q215" s="5" t="s">
        <v>40</v>
      </c>
      <c r="R215" s="5" t="s">
        <v>1487</v>
      </c>
      <c r="S215" s="5"/>
      <c r="T215" s="5" t="s">
        <v>42</v>
      </c>
      <c r="U215" s="2">
        <v>0</v>
      </c>
      <c r="V215" s="2">
        <v>0</v>
      </c>
      <c r="W215" s="2">
        <v>0</v>
      </c>
      <c r="X215" s="2">
        <v>0</v>
      </c>
      <c r="Y215" s="2">
        <v>0</v>
      </c>
      <c r="Z215" s="2">
        <v>0</v>
      </c>
      <c r="AA215" s="5"/>
      <c r="AB215" s="5" t="s">
        <v>43</v>
      </c>
      <c r="AC215" s="5" t="s">
        <v>44</v>
      </c>
      <c r="AD215" s="2" t="s">
        <v>24984</v>
      </c>
      <c r="AE215" s="1"/>
    </row>
    <row r="216" spans="1:31">
      <c r="A216" s="5" t="s">
        <v>116</v>
      </c>
      <c r="B216" s="21">
        <v>46054</v>
      </c>
      <c r="C216" s="2" t="s">
        <v>25058</v>
      </c>
      <c r="D216" s="14" t="s">
        <v>25059</v>
      </c>
      <c r="E216" s="2" t="s">
        <v>25060</v>
      </c>
      <c r="F216" s="2" t="s">
        <v>24639</v>
      </c>
      <c r="G216" s="8">
        <v>1527</v>
      </c>
      <c r="H216" s="5">
        <v>15</v>
      </c>
      <c r="I216" s="5" t="s">
        <v>69</v>
      </c>
      <c r="J216" s="5" t="s">
        <v>24629</v>
      </c>
      <c r="K216" s="2" t="s">
        <v>24630</v>
      </c>
      <c r="L216" s="5" t="s">
        <v>24629</v>
      </c>
      <c r="M216" s="2" t="s">
        <v>24630</v>
      </c>
      <c r="N216" s="5" t="s">
        <v>24254</v>
      </c>
      <c r="O216" s="5" t="s">
        <v>38</v>
      </c>
      <c r="P216" s="5" t="s">
        <v>39</v>
      </c>
      <c r="Q216" s="5" t="s">
        <v>40</v>
      </c>
      <c r="R216" s="5" t="s">
        <v>1487</v>
      </c>
      <c r="S216" s="5"/>
      <c r="T216" s="5" t="s">
        <v>42</v>
      </c>
      <c r="U216" s="2">
        <v>0</v>
      </c>
      <c r="V216" s="2">
        <v>0</v>
      </c>
      <c r="W216" s="2">
        <v>0</v>
      </c>
      <c r="X216" s="2">
        <v>0</v>
      </c>
      <c r="Y216" s="2">
        <v>0</v>
      </c>
      <c r="Z216" s="2">
        <v>0</v>
      </c>
      <c r="AA216" s="5"/>
      <c r="AB216" s="5" t="s">
        <v>43</v>
      </c>
      <c r="AC216" s="5" t="s">
        <v>44</v>
      </c>
      <c r="AD216" s="2" t="s">
        <v>24988</v>
      </c>
      <c r="AE216" s="1"/>
    </row>
    <row r="217" spans="1:31">
      <c r="A217" s="5" t="s">
        <v>116</v>
      </c>
      <c r="B217" s="21">
        <v>46054</v>
      </c>
      <c r="C217" s="2" t="s">
        <v>25070</v>
      </c>
      <c r="D217" s="14" t="s">
        <v>25071</v>
      </c>
      <c r="E217" s="2" t="s">
        <v>25072</v>
      </c>
      <c r="F217" s="2" t="s">
        <v>24628</v>
      </c>
      <c r="G217" s="8">
        <v>835</v>
      </c>
      <c r="H217" s="5">
        <v>5</v>
      </c>
      <c r="I217" s="5" t="s">
        <v>69</v>
      </c>
      <c r="J217" s="5" t="s">
        <v>24629</v>
      </c>
      <c r="K217" s="2" t="s">
        <v>24630</v>
      </c>
      <c r="L217" s="5" t="s">
        <v>24629</v>
      </c>
      <c r="M217" s="2" t="s">
        <v>24630</v>
      </c>
      <c r="N217" s="5" t="s">
        <v>24254</v>
      </c>
      <c r="O217" s="5" t="s">
        <v>38</v>
      </c>
      <c r="P217" s="5" t="s">
        <v>39</v>
      </c>
      <c r="Q217" s="5" t="s">
        <v>40</v>
      </c>
      <c r="R217" s="5" t="s">
        <v>1487</v>
      </c>
      <c r="S217" s="5"/>
      <c r="T217" s="5" t="s">
        <v>42</v>
      </c>
      <c r="U217" s="2">
        <v>0</v>
      </c>
      <c r="V217" s="2">
        <v>0</v>
      </c>
      <c r="W217" s="2">
        <v>0</v>
      </c>
      <c r="X217" s="2">
        <v>0</v>
      </c>
      <c r="Y217" s="2">
        <v>0</v>
      </c>
      <c r="Z217" s="2">
        <v>0</v>
      </c>
      <c r="AA217" s="5"/>
      <c r="AB217" s="5" t="s">
        <v>43</v>
      </c>
      <c r="AC217" s="5" t="s">
        <v>44</v>
      </c>
      <c r="AD217" s="2" t="s">
        <v>24976</v>
      </c>
      <c r="AE217" s="1"/>
    </row>
    <row r="218" spans="1:31">
      <c r="A218" s="5" t="s">
        <v>116</v>
      </c>
      <c r="B218" s="21">
        <v>46054</v>
      </c>
      <c r="C218" s="2" t="s">
        <v>25073</v>
      </c>
      <c r="D218" s="14" t="s">
        <v>25074</v>
      </c>
      <c r="E218" s="2" t="s">
        <v>25075</v>
      </c>
      <c r="F218" s="2" t="s">
        <v>24628</v>
      </c>
      <c r="G218" s="8">
        <v>835</v>
      </c>
      <c r="H218" s="5">
        <v>15</v>
      </c>
      <c r="I218" s="5" t="s">
        <v>69</v>
      </c>
      <c r="J218" s="5" t="s">
        <v>24629</v>
      </c>
      <c r="K218" s="2" t="s">
        <v>24630</v>
      </c>
      <c r="L218" s="5" t="s">
        <v>24629</v>
      </c>
      <c r="M218" s="2" t="s">
        <v>24630</v>
      </c>
      <c r="N218" s="5" t="s">
        <v>24254</v>
      </c>
      <c r="O218" s="5" t="s">
        <v>38</v>
      </c>
      <c r="P218" s="5" t="s">
        <v>39</v>
      </c>
      <c r="Q218" s="5" t="s">
        <v>40</v>
      </c>
      <c r="R218" s="5" t="s">
        <v>1487</v>
      </c>
      <c r="S218" s="5"/>
      <c r="T218" s="5" t="s">
        <v>42</v>
      </c>
      <c r="U218" s="2">
        <v>0</v>
      </c>
      <c r="V218" s="2">
        <v>0</v>
      </c>
      <c r="W218" s="2">
        <v>0</v>
      </c>
      <c r="X218" s="2">
        <v>0</v>
      </c>
      <c r="Y218" s="2">
        <v>0</v>
      </c>
      <c r="Z218" s="2">
        <v>0</v>
      </c>
      <c r="AA218" s="5"/>
      <c r="AB218" s="5" t="s">
        <v>43</v>
      </c>
      <c r="AC218" s="5" t="s">
        <v>44</v>
      </c>
      <c r="AD218" s="2" t="s">
        <v>24980</v>
      </c>
      <c r="AE218" s="1"/>
    </row>
    <row r="219" spans="1:31">
      <c r="A219" s="5" t="s">
        <v>116</v>
      </c>
      <c r="B219" s="21">
        <v>46054</v>
      </c>
      <c r="C219" s="2" t="s">
        <v>25076</v>
      </c>
      <c r="D219" s="14" t="s">
        <v>25077</v>
      </c>
      <c r="E219" s="2" t="s">
        <v>25078</v>
      </c>
      <c r="F219" s="2" t="s">
        <v>24639</v>
      </c>
      <c r="G219" s="8">
        <v>1600</v>
      </c>
      <c r="H219" s="5">
        <v>15</v>
      </c>
      <c r="I219" s="5" t="s">
        <v>69</v>
      </c>
      <c r="J219" s="5" t="s">
        <v>24629</v>
      </c>
      <c r="K219" s="2" t="s">
        <v>24630</v>
      </c>
      <c r="L219" s="5" t="s">
        <v>24629</v>
      </c>
      <c r="M219" s="2" t="s">
        <v>24630</v>
      </c>
      <c r="N219" s="5" t="s">
        <v>24254</v>
      </c>
      <c r="O219" s="5" t="s">
        <v>38</v>
      </c>
      <c r="P219" s="5" t="s">
        <v>39</v>
      </c>
      <c r="Q219" s="5" t="s">
        <v>40</v>
      </c>
      <c r="R219" s="5" t="s">
        <v>1487</v>
      </c>
      <c r="S219" s="5"/>
      <c r="T219" s="5" t="s">
        <v>42</v>
      </c>
      <c r="U219" s="2">
        <v>0</v>
      </c>
      <c r="V219" s="2">
        <v>0</v>
      </c>
      <c r="W219" s="2">
        <v>0</v>
      </c>
      <c r="X219" s="2">
        <v>0</v>
      </c>
      <c r="Y219" s="2">
        <v>0</v>
      </c>
      <c r="Z219" s="2">
        <v>0</v>
      </c>
      <c r="AA219" s="5"/>
      <c r="AB219" s="5" t="s">
        <v>43</v>
      </c>
      <c r="AC219" s="5" t="s">
        <v>44</v>
      </c>
      <c r="AD219" s="2" t="s">
        <v>24984</v>
      </c>
      <c r="AE219" s="1"/>
    </row>
    <row r="220" spans="1:31">
      <c r="A220" s="5" t="s">
        <v>116</v>
      </c>
      <c r="B220" s="21">
        <v>46054</v>
      </c>
      <c r="C220" s="2" t="s">
        <v>25079</v>
      </c>
      <c r="D220" s="14" t="s">
        <v>25080</v>
      </c>
      <c r="E220" s="2" t="s">
        <v>25081</v>
      </c>
      <c r="F220" s="2" t="s">
        <v>24639</v>
      </c>
      <c r="G220" s="8">
        <v>1600</v>
      </c>
      <c r="H220" s="5">
        <v>15</v>
      </c>
      <c r="I220" s="5" t="s">
        <v>69</v>
      </c>
      <c r="J220" s="5" t="s">
        <v>24629</v>
      </c>
      <c r="K220" s="2" t="s">
        <v>24630</v>
      </c>
      <c r="L220" s="5" t="s">
        <v>24629</v>
      </c>
      <c r="M220" s="2" t="s">
        <v>24630</v>
      </c>
      <c r="N220" s="5" t="s">
        <v>24254</v>
      </c>
      <c r="O220" s="5" t="s">
        <v>38</v>
      </c>
      <c r="P220" s="5" t="s">
        <v>39</v>
      </c>
      <c r="Q220" s="5" t="s">
        <v>40</v>
      </c>
      <c r="R220" s="5" t="s">
        <v>1487</v>
      </c>
      <c r="S220" s="5"/>
      <c r="T220" s="5" t="s">
        <v>42</v>
      </c>
      <c r="U220" s="2">
        <v>0</v>
      </c>
      <c r="V220" s="2">
        <v>0</v>
      </c>
      <c r="W220" s="2">
        <v>0</v>
      </c>
      <c r="X220" s="2">
        <v>0</v>
      </c>
      <c r="Y220" s="2">
        <v>0</v>
      </c>
      <c r="Z220" s="2">
        <v>0</v>
      </c>
      <c r="AA220" s="5"/>
      <c r="AB220" s="5" t="s">
        <v>43</v>
      </c>
      <c r="AC220" s="5" t="s">
        <v>44</v>
      </c>
      <c r="AD220" s="2" t="s">
        <v>24988</v>
      </c>
      <c r="AE220" s="1"/>
    </row>
    <row r="221" spans="1:31">
      <c r="A221" s="5" t="s">
        <v>116</v>
      </c>
      <c r="B221" s="21">
        <v>46054</v>
      </c>
      <c r="C221" s="2" t="s">
        <v>25082</v>
      </c>
      <c r="D221" s="14" t="s">
        <v>25083</v>
      </c>
      <c r="E221" s="2" t="s">
        <v>25084</v>
      </c>
      <c r="F221" s="2" t="s">
        <v>24628</v>
      </c>
      <c r="G221" s="8">
        <v>862</v>
      </c>
      <c r="H221" s="5">
        <v>5</v>
      </c>
      <c r="I221" s="5" t="s">
        <v>69</v>
      </c>
      <c r="J221" s="5" t="s">
        <v>24629</v>
      </c>
      <c r="K221" s="2" t="s">
        <v>24630</v>
      </c>
      <c r="L221" s="5" t="s">
        <v>24629</v>
      </c>
      <c r="M221" s="2" t="s">
        <v>24630</v>
      </c>
      <c r="N221" s="5" t="s">
        <v>24254</v>
      </c>
      <c r="O221" s="5" t="s">
        <v>38</v>
      </c>
      <c r="P221" s="5" t="s">
        <v>39</v>
      </c>
      <c r="Q221" s="5" t="s">
        <v>40</v>
      </c>
      <c r="R221" s="5" t="s">
        <v>1487</v>
      </c>
      <c r="S221" s="5"/>
      <c r="T221" s="5" t="s">
        <v>42</v>
      </c>
      <c r="U221" s="2">
        <v>0</v>
      </c>
      <c r="V221" s="2">
        <v>0</v>
      </c>
      <c r="W221" s="2">
        <v>0</v>
      </c>
      <c r="X221" s="2">
        <v>0</v>
      </c>
      <c r="Y221" s="2">
        <v>0</v>
      </c>
      <c r="Z221" s="2">
        <v>0</v>
      </c>
      <c r="AA221" s="5"/>
      <c r="AB221" s="5" t="s">
        <v>43</v>
      </c>
      <c r="AC221" s="5" t="s">
        <v>44</v>
      </c>
      <c r="AD221" s="2" t="s">
        <v>24976</v>
      </c>
      <c r="AE221" s="1"/>
    </row>
    <row r="222" spans="1:31">
      <c r="A222" s="5" t="s">
        <v>116</v>
      </c>
      <c r="B222" s="21">
        <v>46054</v>
      </c>
      <c r="C222" s="2" t="s">
        <v>25085</v>
      </c>
      <c r="D222" s="14" t="s">
        <v>25086</v>
      </c>
      <c r="E222" s="2" t="s">
        <v>25087</v>
      </c>
      <c r="F222" s="2" t="s">
        <v>24628</v>
      </c>
      <c r="G222" s="8">
        <v>862</v>
      </c>
      <c r="H222" s="5">
        <v>15</v>
      </c>
      <c r="I222" s="5" t="s">
        <v>69</v>
      </c>
      <c r="J222" s="5" t="s">
        <v>24629</v>
      </c>
      <c r="K222" s="2" t="s">
        <v>24630</v>
      </c>
      <c r="L222" s="5" t="s">
        <v>24629</v>
      </c>
      <c r="M222" s="2" t="s">
        <v>24630</v>
      </c>
      <c r="N222" s="5" t="s">
        <v>24254</v>
      </c>
      <c r="O222" s="5" t="s">
        <v>38</v>
      </c>
      <c r="P222" s="5" t="s">
        <v>39</v>
      </c>
      <c r="Q222" s="5" t="s">
        <v>40</v>
      </c>
      <c r="R222" s="5" t="s">
        <v>1487</v>
      </c>
      <c r="S222" s="5"/>
      <c r="T222" s="5" t="s">
        <v>42</v>
      </c>
      <c r="U222" s="2">
        <v>0</v>
      </c>
      <c r="V222" s="2">
        <v>0</v>
      </c>
      <c r="W222" s="2">
        <v>0</v>
      </c>
      <c r="X222" s="2">
        <v>0</v>
      </c>
      <c r="Y222" s="2">
        <v>0</v>
      </c>
      <c r="Z222" s="2">
        <v>0</v>
      </c>
      <c r="AA222" s="5"/>
      <c r="AB222" s="5" t="s">
        <v>43</v>
      </c>
      <c r="AC222" s="5" t="s">
        <v>44</v>
      </c>
      <c r="AD222" s="2" t="s">
        <v>24980</v>
      </c>
      <c r="AE222" s="1"/>
    </row>
    <row r="223" spans="1:31">
      <c r="A223" s="5" t="s">
        <v>116</v>
      </c>
      <c r="B223" s="21">
        <v>46054</v>
      </c>
      <c r="C223" s="2" t="s">
        <v>25088</v>
      </c>
      <c r="D223" s="14" t="s">
        <v>25089</v>
      </c>
      <c r="E223" s="2" t="s">
        <v>25090</v>
      </c>
      <c r="F223" s="2" t="s">
        <v>24639</v>
      </c>
      <c r="G223" s="8">
        <v>1654</v>
      </c>
      <c r="H223" s="5">
        <v>15</v>
      </c>
      <c r="I223" s="5" t="s">
        <v>69</v>
      </c>
      <c r="J223" s="5" t="s">
        <v>24629</v>
      </c>
      <c r="K223" s="2" t="s">
        <v>24630</v>
      </c>
      <c r="L223" s="5" t="s">
        <v>24629</v>
      </c>
      <c r="M223" s="2" t="s">
        <v>24630</v>
      </c>
      <c r="N223" s="5" t="s">
        <v>24254</v>
      </c>
      <c r="O223" s="5" t="s">
        <v>38</v>
      </c>
      <c r="P223" s="5" t="s">
        <v>39</v>
      </c>
      <c r="Q223" s="5" t="s">
        <v>40</v>
      </c>
      <c r="R223" s="5" t="s">
        <v>1487</v>
      </c>
      <c r="S223" s="5"/>
      <c r="T223" s="5" t="s">
        <v>42</v>
      </c>
      <c r="U223" s="2">
        <v>0</v>
      </c>
      <c r="V223" s="2">
        <v>0</v>
      </c>
      <c r="W223" s="2">
        <v>0</v>
      </c>
      <c r="X223" s="2">
        <v>0</v>
      </c>
      <c r="Y223" s="2">
        <v>0</v>
      </c>
      <c r="Z223" s="2">
        <v>0</v>
      </c>
      <c r="AA223" s="5"/>
      <c r="AB223" s="5" t="s">
        <v>43</v>
      </c>
      <c r="AC223" s="5" t="s">
        <v>44</v>
      </c>
      <c r="AD223" s="2" t="s">
        <v>24984</v>
      </c>
      <c r="AE223" s="1"/>
    </row>
    <row r="224" spans="1:31">
      <c r="A224" s="5" t="s">
        <v>116</v>
      </c>
      <c r="B224" s="21">
        <v>46054</v>
      </c>
      <c r="C224" s="2" t="s">
        <v>25091</v>
      </c>
      <c r="D224" s="14" t="s">
        <v>25092</v>
      </c>
      <c r="E224" s="2" t="s">
        <v>25093</v>
      </c>
      <c r="F224" s="2" t="s">
        <v>24639</v>
      </c>
      <c r="G224" s="8">
        <v>1654</v>
      </c>
      <c r="H224" s="5">
        <v>15</v>
      </c>
      <c r="I224" s="5" t="s">
        <v>69</v>
      </c>
      <c r="J224" s="5" t="s">
        <v>24629</v>
      </c>
      <c r="K224" s="2" t="s">
        <v>24630</v>
      </c>
      <c r="L224" s="5" t="s">
        <v>24629</v>
      </c>
      <c r="M224" s="2" t="s">
        <v>24630</v>
      </c>
      <c r="N224" s="5" t="s">
        <v>24254</v>
      </c>
      <c r="O224" s="5" t="s">
        <v>38</v>
      </c>
      <c r="P224" s="5" t="s">
        <v>39</v>
      </c>
      <c r="Q224" s="5" t="s">
        <v>40</v>
      </c>
      <c r="R224" s="5" t="s">
        <v>1487</v>
      </c>
      <c r="S224" s="5"/>
      <c r="T224" s="5" t="s">
        <v>42</v>
      </c>
      <c r="U224" s="2">
        <v>0</v>
      </c>
      <c r="V224" s="2">
        <v>0</v>
      </c>
      <c r="W224" s="2">
        <v>0</v>
      </c>
      <c r="X224" s="2">
        <v>0</v>
      </c>
      <c r="Y224" s="2">
        <v>0</v>
      </c>
      <c r="Z224" s="2">
        <v>0</v>
      </c>
      <c r="AA224" s="5"/>
      <c r="AB224" s="5" t="s">
        <v>43</v>
      </c>
      <c r="AC224" s="5" t="s">
        <v>44</v>
      </c>
      <c r="AD224" s="2" t="s">
        <v>24988</v>
      </c>
      <c r="AE224" s="1"/>
    </row>
    <row r="225" spans="1:31">
      <c r="A225" s="5" t="s">
        <v>116</v>
      </c>
      <c r="B225" s="21">
        <v>46054</v>
      </c>
      <c r="C225" s="2" t="s">
        <v>25094</v>
      </c>
      <c r="D225" s="14" t="s">
        <v>25095</v>
      </c>
      <c r="E225" s="2" t="s">
        <v>25096</v>
      </c>
      <c r="F225" s="2" t="s">
        <v>24628</v>
      </c>
      <c r="G225" s="8">
        <v>946</v>
      </c>
      <c r="H225" s="5">
        <v>5</v>
      </c>
      <c r="I225" s="5" t="s">
        <v>69</v>
      </c>
      <c r="J225" s="5" t="s">
        <v>24629</v>
      </c>
      <c r="K225" s="2" t="s">
        <v>24630</v>
      </c>
      <c r="L225" s="5" t="s">
        <v>24629</v>
      </c>
      <c r="M225" s="2" t="s">
        <v>24630</v>
      </c>
      <c r="N225" s="5" t="s">
        <v>24254</v>
      </c>
      <c r="O225" s="5" t="s">
        <v>38</v>
      </c>
      <c r="P225" s="5" t="s">
        <v>39</v>
      </c>
      <c r="Q225" s="5" t="s">
        <v>40</v>
      </c>
      <c r="R225" s="5" t="s">
        <v>1487</v>
      </c>
      <c r="S225" s="5"/>
      <c r="T225" s="5" t="s">
        <v>42</v>
      </c>
      <c r="U225" s="2">
        <v>0</v>
      </c>
      <c r="V225" s="2">
        <v>0</v>
      </c>
      <c r="W225" s="2">
        <v>0</v>
      </c>
      <c r="X225" s="2">
        <v>0</v>
      </c>
      <c r="Y225" s="2">
        <v>0</v>
      </c>
      <c r="Z225" s="2">
        <v>0</v>
      </c>
      <c r="AA225" s="5"/>
      <c r="AB225" s="5" t="s">
        <v>43</v>
      </c>
      <c r="AC225" s="5" t="s">
        <v>44</v>
      </c>
      <c r="AD225" s="2" t="s">
        <v>24976</v>
      </c>
      <c r="AE225" s="1"/>
    </row>
    <row r="226" spans="1:31">
      <c r="A226" s="5" t="s">
        <v>116</v>
      </c>
      <c r="B226" s="21">
        <v>46054</v>
      </c>
      <c r="C226" s="2" t="s">
        <v>25097</v>
      </c>
      <c r="D226" s="14" t="s">
        <v>25098</v>
      </c>
      <c r="E226" s="2" t="s">
        <v>25099</v>
      </c>
      <c r="F226" s="2" t="s">
        <v>24628</v>
      </c>
      <c r="G226" s="8">
        <v>946</v>
      </c>
      <c r="H226" s="5">
        <v>15</v>
      </c>
      <c r="I226" s="5" t="s">
        <v>69</v>
      </c>
      <c r="J226" s="5" t="s">
        <v>24629</v>
      </c>
      <c r="K226" s="2" t="s">
        <v>24630</v>
      </c>
      <c r="L226" s="5" t="s">
        <v>24629</v>
      </c>
      <c r="M226" s="2" t="s">
        <v>24630</v>
      </c>
      <c r="N226" s="5" t="s">
        <v>24254</v>
      </c>
      <c r="O226" s="5" t="s">
        <v>38</v>
      </c>
      <c r="P226" s="5" t="s">
        <v>39</v>
      </c>
      <c r="Q226" s="5" t="s">
        <v>40</v>
      </c>
      <c r="R226" s="5" t="s">
        <v>1487</v>
      </c>
      <c r="S226" s="5"/>
      <c r="T226" s="5" t="s">
        <v>42</v>
      </c>
      <c r="U226" s="2">
        <v>0</v>
      </c>
      <c r="V226" s="2">
        <v>0</v>
      </c>
      <c r="W226" s="2">
        <v>0</v>
      </c>
      <c r="X226" s="2">
        <v>0</v>
      </c>
      <c r="Y226" s="2">
        <v>0</v>
      </c>
      <c r="Z226" s="2">
        <v>0</v>
      </c>
      <c r="AA226" s="5"/>
      <c r="AB226" s="5" t="s">
        <v>43</v>
      </c>
      <c r="AC226" s="5" t="s">
        <v>44</v>
      </c>
      <c r="AD226" s="2" t="s">
        <v>24980</v>
      </c>
      <c r="AE226" s="1"/>
    </row>
    <row r="227" spans="1:31">
      <c r="A227" s="5" t="s">
        <v>116</v>
      </c>
      <c r="B227" s="21">
        <v>46054</v>
      </c>
      <c r="C227" s="2" t="s">
        <v>25100</v>
      </c>
      <c r="D227" s="14" t="s">
        <v>25101</v>
      </c>
      <c r="E227" s="2" t="s">
        <v>25102</v>
      </c>
      <c r="F227" s="2" t="s">
        <v>24639</v>
      </c>
      <c r="G227" s="8">
        <v>1624</v>
      </c>
      <c r="H227" s="5">
        <v>15</v>
      </c>
      <c r="I227" s="5" t="s">
        <v>69</v>
      </c>
      <c r="J227" s="5" t="s">
        <v>24629</v>
      </c>
      <c r="K227" s="2" t="s">
        <v>24630</v>
      </c>
      <c r="L227" s="5" t="s">
        <v>24629</v>
      </c>
      <c r="M227" s="2" t="s">
        <v>24630</v>
      </c>
      <c r="N227" s="5" t="s">
        <v>24254</v>
      </c>
      <c r="O227" s="5" t="s">
        <v>38</v>
      </c>
      <c r="P227" s="5" t="s">
        <v>39</v>
      </c>
      <c r="Q227" s="5" t="s">
        <v>40</v>
      </c>
      <c r="R227" s="5" t="s">
        <v>1487</v>
      </c>
      <c r="S227" s="5"/>
      <c r="T227" s="5" t="s">
        <v>42</v>
      </c>
      <c r="U227" s="2">
        <v>0</v>
      </c>
      <c r="V227" s="2">
        <v>0</v>
      </c>
      <c r="W227" s="2">
        <v>0</v>
      </c>
      <c r="X227" s="2">
        <v>0</v>
      </c>
      <c r="Y227" s="2">
        <v>0</v>
      </c>
      <c r="Z227" s="2">
        <v>0</v>
      </c>
      <c r="AA227" s="5"/>
      <c r="AB227" s="5" t="s">
        <v>43</v>
      </c>
      <c r="AC227" s="5" t="s">
        <v>44</v>
      </c>
      <c r="AD227" s="2" t="s">
        <v>24984</v>
      </c>
      <c r="AE227" s="1"/>
    </row>
    <row r="228" spans="1:31">
      <c r="A228" s="5" t="s">
        <v>116</v>
      </c>
      <c r="B228" s="21">
        <v>46054</v>
      </c>
      <c r="C228" s="2" t="s">
        <v>25103</v>
      </c>
      <c r="D228" s="14" t="s">
        <v>25104</v>
      </c>
      <c r="E228" s="2" t="s">
        <v>25105</v>
      </c>
      <c r="F228" s="2" t="s">
        <v>24639</v>
      </c>
      <c r="G228" s="8">
        <v>1624</v>
      </c>
      <c r="H228" s="5">
        <v>15</v>
      </c>
      <c r="I228" s="5" t="s">
        <v>69</v>
      </c>
      <c r="J228" s="5" t="s">
        <v>24629</v>
      </c>
      <c r="K228" s="2" t="s">
        <v>24630</v>
      </c>
      <c r="L228" s="5" t="s">
        <v>24629</v>
      </c>
      <c r="M228" s="2" t="s">
        <v>24630</v>
      </c>
      <c r="N228" s="5" t="s">
        <v>24254</v>
      </c>
      <c r="O228" s="5" t="s">
        <v>38</v>
      </c>
      <c r="P228" s="5" t="s">
        <v>39</v>
      </c>
      <c r="Q228" s="5" t="s">
        <v>40</v>
      </c>
      <c r="R228" s="5" t="s">
        <v>1487</v>
      </c>
      <c r="S228" s="5"/>
      <c r="T228" s="5" t="s">
        <v>42</v>
      </c>
      <c r="U228" s="2">
        <v>0</v>
      </c>
      <c r="V228" s="2">
        <v>0</v>
      </c>
      <c r="W228" s="2">
        <v>0</v>
      </c>
      <c r="X228" s="2">
        <v>0</v>
      </c>
      <c r="Y228" s="2">
        <v>0</v>
      </c>
      <c r="Z228" s="2">
        <v>0</v>
      </c>
      <c r="AA228" s="5"/>
      <c r="AB228" s="5" t="s">
        <v>43</v>
      </c>
      <c r="AC228" s="5" t="s">
        <v>44</v>
      </c>
      <c r="AD228" s="2" t="s">
        <v>24988</v>
      </c>
      <c r="AE228" s="1"/>
    </row>
    <row r="229" spans="1:31">
      <c r="A229" s="5" t="s">
        <v>116</v>
      </c>
      <c r="B229" s="21">
        <v>46054</v>
      </c>
      <c r="C229" s="2" t="s">
        <v>25109</v>
      </c>
      <c r="D229" s="14" t="s">
        <v>25110</v>
      </c>
      <c r="E229" s="2" t="s">
        <v>25111</v>
      </c>
      <c r="F229" s="2" t="s">
        <v>24628</v>
      </c>
      <c r="G229" s="8">
        <v>911</v>
      </c>
      <c r="H229" s="5">
        <v>5</v>
      </c>
      <c r="I229" s="5" t="s">
        <v>69</v>
      </c>
      <c r="J229" s="5" t="s">
        <v>24629</v>
      </c>
      <c r="K229" s="2" t="s">
        <v>24630</v>
      </c>
      <c r="L229" s="5" t="s">
        <v>24629</v>
      </c>
      <c r="M229" s="2" t="s">
        <v>24630</v>
      </c>
      <c r="N229" s="5" t="s">
        <v>24254</v>
      </c>
      <c r="O229" s="5" t="s">
        <v>38</v>
      </c>
      <c r="P229" s="5" t="s">
        <v>39</v>
      </c>
      <c r="Q229" s="5" t="s">
        <v>40</v>
      </c>
      <c r="R229" s="5" t="s">
        <v>1487</v>
      </c>
      <c r="S229" s="5"/>
      <c r="T229" s="5" t="s">
        <v>42</v>
      </c>
      <c r="U229" s="2">
        <v>0</v>
      </c>
      <c r="V229" s="2">
        <v>0</v>
      </c>
      <c r="W229" s="2">
        <v>0</v>
      </c>
      <c r="X229" s="2">
        <v>0</v>
      </c>
      <c r="Y229" s="2">
        <v>0</v>
      </c>
      <c r="Z229" s="2">
        <v>0</v>
      </c>
      <c r="AA229" s="5"/>
      <c r="AB229" s="5" t="s">
        <v>43</v>
      </c>
      <c r="AC229" s="5" t="s">
        <v>44</v>
      </c>
      <c r="AD229" s="2" t="s">
        <v>24976</v>
      </c>
      <c r="AE229" s="1"/>
    </row>
    <row r="230" spans="1:31">
      <c r="A230" s="5" t="s">
        <v>116</v>
      </c>
      <c r="B230" s="21">
        <v>46054</v>
      </c>
      <c r="C230" s="2" t="s">
        <v>25112</v>
      </c>
      <c r="D230" s="14" t="s">
        <v>25113</v>
      </c>
      <c r="E230" s="2" t="s">
        <v>25114</v>
      </c>
      <c r="F230" s="2" t="s">
        <v>24628</v>
      </c>
      <c r="G230" s="8">
        <v>911</v>
      </c>
      <c r="H230" s="5">
        <v>15</v>
      </c>
      <c r="I230" s="5" t="s">
        <v>69</v>
      </c>
      <c r="J230" s="5" t="s">
        <v>24629</v>
      </c>
      <c r="K230" s="2" t="s">
        <v>24630</v>
      </c>
      <c r="L230" s="5" t="s">
        <v>24629</v>
      </c>
      <c r="M230" s="2" t="s">
        <v>24630</v>
      </c>
      <c r="N230" s="5" t="s">
        <v>24254</v>
      </c>
      <c r="O230" s="5" t="s">
        <v>38</v>
      </c>
      <c r="P230" s="5" t="s">
        <v>39</v>
      </c>
      <c r="Q230" s="5" t="s">
        <v>40</v>
      </c>
      <c r="R230" s="5" t="s">
        <v>1487</v>
      </c>
      <c r="S230" s="5"/>
      <c r="T230" s="5" t="s">
        <v>42</v>
      </c>
      <c r="U230" s="2">
        <v>0</v>
      </c>
      <c r="V230" s="2">
        <v>0</v>
      </c>
      <c r="W230" s="2">
        <v>0</v>
      </c>
      <c r="X230" s="2">
        <v>0</v>
      </c>
      <c r="Y230" s="2">
        <v>0</v>
      </c>
      <c r="Z230" s="2">
        <v>0</v>
      </c>
      <c r="AA230" s="5"/>
      <c r="AB230" s="5" t="s">
        <v>43</v>
      </c>
      <c r="AC230" s="5" t="s">
        <v>44</v>
      </c>
      <c r="AD230" s="2" t="s">
        <v>24980</v>
      </c>
      <c r="AE230" s="1"/>
    </row>
    <row r="231" spans="1:31">
      <c r="A231" s="5" t="s">
        <v>116</v>
      </c>
      <c r="B231" s="21">
        <v>46054</v>
      </c>
      <c r="C231" s="2" t="s">
        <v>25115</v>
      </c>
      <c r="D231" s="14" t="s">
        <v>25116</v>
      </c>
      <c r="E231" s="2" t="s">
        <v>25117</v>
      </c>
      <c r="F231" s="2" t="s">
        <v>24628</v>
      </c>
      <c r="G231" s="8">
        <v>943</v>
      </c>
      <c r="H231" s="5">
        <v>5</v>
      </c>
      <c r="I231" s="5" t="s">
        <v>69</v>
      </c>
      <c r="J231" s="5" t="s">
        <v>24629</v>
      </c>
      <c r="K231" s="2" t="s">
        <v>24630</v>
      </c>
      <c r="L231" s="5" t="s">
        <v>24629</v>
      </c>
      <c r="M231" s="2" t="s">
        <v>24630</v>
      </c>
      <c r="N231" s="5" t="s">
        <v>24254</v>
      </c>
      <c r="O231" s="5" t="s">
        <v>38</v>
      </c>
      <c r="P231" s="5" t="s">
        <v>39</v>
      </c>
      <c r="Q231" s="5" t="s">
        <v>40</v>
      </c>
      <c r="R231" s="5" t="s">
        <v>1487</v>
      </c>
      <c r="S231" s="5"/>
      <c r="T231" s="5" t="s">
        <v>42</v>
      </c>
      <c r="U231" s="2">
        <v>0</v>
      </c>
      <c r="V231" s="2">
        <v>0</v>
      </c>
      <c r="W231" s="2">
        <v>0</v>
      </c>
      <c r="X231" s="2">
        <v>0</v>
      </c>
      <c r="Y231" s="2">
        <v>0</v>
      </c>
      <c r="Z231" s="2">
        <v>0</v>
      </c>
      <c r="AA231" s="5"/>
      <c r="AB231" s="5" t="s">
        <v>43</v>
      </c>
      <c r="AC231" s="5" t="s">
        <v>44</v>
      </c>
      <c r="AD231" s="2" t="s">
        <v>24976</v>
      </c>
      <c r="AE231" s="1"/>
    </row>
    <row r="232" spans="1:31">
      <c r="A232" s="5" t="s">
        <v>116</v>
      </c>
      <c r="B232" s="21">
        <v>46054</v>
      </c>
      <c r="C232" s="2" t="s">
        <v>25118</v>
      </c>
      <c r="D232" s="14" t="s">
        <v>25119</v>
      </c>
      <c r="E232" s="2" t="s">
        <v>25120</v>
      </c>
      <c r="F232" s="2" t="s">
        <v>24628</v>
      </c>
      <c r="G232" s="8">
        <v>943</v>
      </c>
      <c r="H232" s="5">
        <v>15</v>
      </c>
      <c r="I232" s="5" t="s">
        <v>69</v>
      </c>
      <c r="J232" s="5" t="s">
        <v>24629</v>
      </c>
      <c r="K232" s="2" t="s">
        <v>24630</v>
      </c>
      <c r="L232" s="5" t="s">
        <v>24629</v>
      </c>
      <c r="M232" s="2" t="s">
        <v>24630</v>
      </c>
      <c r="N232" s="5" t="s">
        <v>24254</v>
      </c>
      <c r="O232" s="5" t="s">
        <v>38</v>
      </c>
      <c r="P232" s="5" t="s">
        <v>39</v>
      </c>
      <c r="Q232" s="5" t="s">
        <v>40</v>
      </c>
      <c r="R232" s="5" t="s">
        <v>1487</v>
      </c>
      <c r="S232" s="5"/>
      <c r="T232" s="5" t="s">
        <v>42</v>
      </c>
      <c r="U232" s="2">
        <v>0</v>
      </c>
      <c r="V232" s="2">
        <v>0</v>
      </c>
      <c r="W232" s="2">
        <v>0</v>
      </c>
      <c r="X232" s="2">
        <v>0</v>
      </c>
      <c r="Y232" s="2">
        <v>0</v>
      </c>
      <c r="Z232" s="2">
        <v>0</v>
      </c>
      <c r="AA232" s="5"/>
      <c r="AB232" s="5" t="s">
        <v>43</v>
      </c>
      <c r="AC232" s="5" t="s">
        <v>44</v>
      </c>
      <c r="AD232" s="2" t="s">
        <v>24980</v>
      </c>
      <c r="AE232" s="1"/>
    </row>
    <row r="233" spans="1:31">
      <c r="A233" s="5" t="s">
        <v>116</v>
      </c>
      <c r="B233" s="21">
        <v>46054</v>
      </c>
      <c r="C233" s="2" t="s">
        <v>25121</v>
      </c>
      <c r="D233" s="14" t="s">
        <v>25122</v>
      </c>
      <c r="E233" s="2" t="s">
        <v>25123</v>
      </c>
      <c r="F233" s="2" t="s">
        <v>24628</v>
      </c>
      <c r="G233" s="8">
        <v>987</v>
      </c>
      <c r="H233" s="5">
        <v>5</v>
      </c>
      <c r="I233" s="5" t="s">
        <v>69</v>
      </c>
      <c r="J233" s="5" t="s">
        <v>24629</v>
      </c>
      <c r="K233" s="2" t="s">
        <v>24630</v>
      </c>
      <c r="L233" s="5" t="s">
        <v>24629</v>
      </c>
      <c r="M233" s="2" t="s">
        <v>24630</v>
      </c>
      <c r="N233" s="5" t="s">
        <v>24254</v>
      </c>
      <c r="O233" s="5" t="s">
        <v>38</v>
      </c>
      <c r="P233" s="5" t="s">
        <v>39</v>
      </c>
      <c r="Q233" s="5" t="s">
        <v>40</v>
      </c>
      <c r="R233" s="5" t="s">
        <v>1487</v>
      </c>
      <c r="S233" s="5"/>
      <c r="T233" s="5" t="s">
        <v>42</v>
      </c>
      <c r="U233" s="2">
        <v>0</v>
      </c>
      <c r="V233" s="2">
        <v>0</v>
      </c>
      <c r="W233" s="2">
        <v>0</v>
      </c>
      <c r="X233" s="2">
        <v>0</v>
      </c>
      <c r="Y233" s="2">
        <v>0</v>
      </c>
      <c r="Z233" s="2">
        <v>0</v>
      </c>
      <c r="AA233" s="5"/>
      <c r="AB233" s="5" t="s">
        <v>43</v>
      </c>
      <c r="AC233" s="5" t="s">
        <v>44</v>
      </c>
      <c r="AD233" s="2" t="s">
        <v>24976</v>
      </c>
      <c r="AE233" s="1"/>
    </row>
    <row r="234" spans="1:31">
      <c r="A234" s="5" t="s">
        <v>116</v>
      </c>
      <c r="B234" s="21">
        <v>46054</v>
      </c>
      <c r="C234" s="2" t="s">
        <v>25124</v>
      </c>
      <c r="D234" s="14" t="s">
        <v>25125</v>
      </c>
      <c r="E234" s="2" t="s">
        <v>25126</v>
      </c>
      <c r="F234" s="2" t="s">
        <v>24628</v>
      </c>
      <c r="G234" s="8">
        <v>987</v>
      </c>
      <c r="H234" s="5">
        <v>15</v>
      </c>
      <c r="I234" s="5" t="s">
        <v>69</v>
      </c>
      <c r="J234" s="5" t="s">
        <v>24629</v>
      </c>
      <c r="K234" s="2" t="s">
        <v>24630</v>
      </c>
      <c r="L234" s="5" t="s">
        <v>24629</v>
      </c>
      <c r="M234" s="2" t="s">
        <v>24630</v>
      </c>
      <c r="N234" s="5" t="s">
        <v>24254</v>
      </c>
      <c r="O234" s="5" t="s">
        <v>38</v>
      </c>
      <c r="P234" s="5" t="s">
        <v>39</v>
      </c>
      <c r="Q234" s="5" t="s">
        <v>40</v>
      </c>
      <c r="R234" s="5" t="s">
        <v>1487</v>
      </c>
      <c r="S234" s="5"/>
      <c r="T234" s="5" t="s">
        <v>42</v>
      </c>
      <c r="U234" s="2">
        <v>0</v>
      </c>
      <c r="V234" s="2">
        <v>0</v>
      </c>
      <c r="W234" s="2">
        <v>0</v>
      </c>
      <c r="X234" s="2">
        <v>0</v>
      </c>
      <c r="Y234" s="2">
        <v>0</v>
      </c>
      <c r="Z234" s="2">
        <v>0</v>
      </c>
      <c r="AA234" s="5"/>
      <c r="AB234" s="5" t="s">
        <v>43</v>
      </c>
      <c r="AC234" s="5" t="s">
        <v>44</v>
      </c>
      <c r="AD234" s="2" t="s">
        <v>24980</v>
      </c>
      <c r="AE234" s="1"/>
    </row>
    <row r="235" spans="1:31">
      <c r="A235" s="5" t="s">
        <v>116</v>
      </c>
      <c r="B235" s="21">
        <v>46054</v>
      </c>
      <c r="C235" s="2" t="s">
        <v>25130</v>
      </c>
      <c r="D235" s="14" t="s">
        <v>25131</v>
      </c>
      <c r="E235" s="2" t="s">
        <v>25132</v>
      </c>
      <c r="F235" s="2" t="s">
        <v>24628</v>
      </c>
      <c r="G235" s="8">
        <v>991</v>
      </c>
      <c r="H235" s="5">
        <v>5</v>
      </c>
      <c r="I235" s="5" t="s">
        <v>69</v>
      </c>
      <c r="J235" s="5" t="s">
        <v>24629</v>
      </c>
      <c r="K235" s="2" t="s">
        <v>24630</v>
      </c>
      <c r="L235" s="5" t="s">
        <v>24629</v>
      </c>
      <c r="M235" s="2" t="s">
        <v>24630</v>
      </c>
      <c r="N235" s="5" t="s">
        <v>24254</v>
      </c>
      <c r="O235" s="5" t="s">
        <v>38</v>
      </c>
      <c r="P235" s="5" t="s">
        <v>39</v>
      </c>
      <c r="Q235" s="5" t="s">
        <v>40</v>
      </c>
      <c r="R235" s="5" t="s">
        <v>1487</v>
      </c>
      <c r="S235" s="5"/>
      <c r="T235" s="5" t="s">
        <v>42</v>
      </c>
      <c r="U235" s="2">
        <v>0</v>
      </c>
      <c r="V235" s="2">
        <v>0</v>
      </c>
      <c r="W235" s="2">
        <v>0</v>
      </c>
      <c r="X235" s="2">
        <v>0</v>
      </c>
      <c r="Y235" s="2">
        <v>0</v>
      </c>
      <c r="Z235" s="2">
        <v>0</v>
      </c>
      <c r="AA235" s="5"/>
      <c r="AB235" s="5" t="s">
        <v>43</v>
      </c>
      <c r="AC235" s="5" t="s">
        <v>44</v>
      </c>
      <c r="AD235" s="2" t="s">
        <v>24976</v>
      </c>
      <c r="AE235" s="1"/>
    </row>
    <row r="236" spans="1:31">
      <c r="A236" s="5" t="s">
        <v>116</v>
      </c>
      <c r="B236" s="21">
        <v>46054</v>
      </c>
      <c r="C236" s="2" t="s">
        <v>25133</v>
      </c>
      <c r="D236" s="14" t="s">
        <v>25134</v>
      </c>
      <c r="E236" s="2" t="s">
        <v>25135</v>
      </c>
      <c r="F236" s="2" t="s">
        <v>24628</v>
      </c>
      <c r="G236" s="8">
        <v>991</v>
      </c>
      <c r="H236" s="5">
        <v>15</v>
      </c>
      <c r="I236" s="5" t="s">
        <v>69</v>
      </c>
      <c r="J236" s="5" t="s">
        <v>24629</v>
      </c>
      <c r="K236" s="2" t="s">
        <v>24630</v>
      </c>
      <c r="L236" s="5" t="s">
        <v>24629</v>
      </c>
      <c r="M236" s="2" t="s">
        <v>24630</v>
      </c>
      <c r="N236" s="5" t="s">
        <v>24254</v>
      </c>
      <c r="O236" s="5" t="s">
        <v>38</v>
      </c>
      <c r="P236" s="5" t="s">
        <v>39</v>
      </c>
      <c r="Q236" s="5" t="s">
        <v>40</v>
      </c>
      <c r="R236" s="5" t="s">
        <v>1487</v>
      </c>
      <c r="S236" s="5"/>
      <c r="T236" s="5" t="s">
        <v>42</v>
      </c>
      <c r="U236" s="2">
        <v>0</v>
      </c>
      <c r="V236" s="2">
        <v>0</v>
      </c>
      <c r="W236" s="2">
        <v>0</v>
      </c>
      <c r="X236" s="2">
        <v>0</v>
      </c>
      <c r="Y236" s="2">
        <v>0</v>
      </c>
      <c r="Z236" s="2">
        <v>0</v>
      </c>
      <c r="AA236" s="5"/>
      <c r="AB236" s="5" t="s">
        <v>43</v>
      </c>
      <c r="AC236" s="5" t="s">
        <v>44</v>
      </c>
      <c r="AD236" s="2" t="s">
        <v>24980</v>
      </c>
      <c r="AE236" s="1"/>
    </row>
    <row r="237" spans="1:31">
      <c r="A237" s="5" t="s">
        <v>116</v>
      </c>
      <c r="B237" s="21">
        <v>46054</v>
      </c>
      <c r="C237" s="2" t="s">
        <v>25136</v>
      </c>
      <c r="D237" s="14" t="s">
        <v>25137</v>
      </c>
      <c r="E237" s="2" t="s">
        <v>25138</v>
      </c>
      <c r="F237" s="2" t="s">
        <v>24628</v>
      </c>
      <c r="G237" s="8">
        <v>1008</v>
      </c>
      <c r="H237" s="5">
        <v>5</v>
      </c>
      <c r="I237" s="5" t="s">
        <v>69</v>
      </c>
      <c r="J237" s="5" t="s">
        <v>24629</v>
      </c>
      <c r="K237" s="2" t="s">
        <v>24630</v>
      </c>
      <c r="L237" s="5" t="s">
        <v>24629</v>
      </c>
      <c r="M237" s="2" t="s">
        <v>24630</v>
      </c>
      <c r="N237" s="5" t="s">
        <v>24254</v>
      </c>
      <c r="O237" s="5" t="s">
        <v>38</v>
      </c>
      <c r="P237" s="5" t="s">
        <v>39</v>
      </c>
      <c r="Q237" s="5" t="s">
        <v>40</v>
      </c>
      <c r="R237" s="5" t="s">
        <v>1487</v>
      </c>
      <c r="S237" s="5"/>
      <c r="T237" s="5" t="s">
        <v>42</v>
      </c>
      <c r="U237" s="2">
        <v>0</v>
      </c>
      <c r="V237" s="2">
        <v>0</v>
      </c>
      <c r="W237" s="2">
        <v>0</v>
      </c>
      <c r="X237" s="2">
        <v>0</v>
      </c>
      <c r="Y237" s="2">
        <v>0</v>
      </c>
      <c r="Z237" s="2">
        <v>0</v>
      </c>
      <c r="AA237" s="5"/>
      <c r="AB237" s="5" t="s">
        <v>43</v>
      </c>
      <c r="AC237" s="5" t="s">
        <v>44</v>
      </c>
      <c r="AD237" s="2" t="s">
        <v>24976</v>
      </c>
      <c r="AE237" s="1"/>
    </row>
    <row r="238" spans="1:31">
      <c r="A238" s="5" t="s">
        <v>116</v>
      </c>
      <c r="B238" s="21">
        <v>46054</v>
      </c>
      <c r="C238" s="2" t="s">
        <v>25139</v>
      </c>
      <c r="D238" s="14" t="s">
        <v>25140</v>
      </c>
      <c r="E238" s="2" t="s">
        <v>25141</v>
      </c>
      <c r="F238" s="2" t="s">
        <v>24628</v>
      </c>
      <c r="G238" s="8">
        <v>1008</v>
      </c>
      <c r="H238" s="5">
        <v>15</v>
      </c>
      <c r="I238" s="5" t="s">
        <v>69</v>
      </c>
      <c r="J238" s="5" t="s">
        <v>24629</v>
      </c>
      <c r="K238" s="2" t="s">
        <v>24630</v>
      </c>
      <c r="L238" s="5" t="s">
        <v>24629</v>
      </c>
      <c r="M238" s="2" t="s">
        <v>24630</v>
      </c>
      <c r="N238" s="5" t="s">
        <v>24254</v>
      </c>
      <c r="O238" s="5" t="s">
        <v>38</v>
      </c>
      <c r="P238" s="5" t="s">
        <v>39</v>
      </c>
      <c r="Q238" s="5" t="s">
        <v>40</v>
      </c>
      <c r="R238" s="5" t="s">
        <v>1487</v>
      </c>
      <c r="S238" s="5"/>
      <c r="T238" s="5" t="s">
        <v>42</v>
      </c>
      <c r="U238" s="2">
        <v>0</v>
      </c>
      <c r="V238" s="2">
        <v>0</v>
      </c>
      <c r="W238" s="2">
        <v>0</v>
      </c>
      <c r="X238" s="2">
        <v>0</v>
      </c>
      <c r="Y238" s="2">
        <v>0</v>
      </c>
      <c r="Z238" s="2">
        <v>0</v>
      </c>
      <c r="AA238" s="5"/>
      <c r="AB238" s="5" t="s">
        <v>43</v>
      </c>
      <c r="AC238" s="5" t="s">
        <v>44</v>
      </c>
      <c r="AD238" s="2" t="s">
        <v>24980</v>
      </c>
      <c r="AE238" s="1"/>
    </row>
    <row r="239" spans="1:31">
      <c r="A239" s="5" t="s">
        <v>116</v>
      </c>
      <c r="B239" s="21">
        <v>46054</v>
      </c>
      <c r="C239" s="2" t="s">
        <v>25142</v>
      </c>
      <c r="D239" s="14" t="s">
        <v>25143</v>
      </c>
      <c r="E239" s="2" t="s">
        <v>25144</v>
      </c>
      <c r="F239" s="2" t="s">
        <v>24628</v>
      </c>
      <c r="G239" s="8">
        <v>1082</v>
      </c>
      <c r="H239" s="5">
        <v>5</v>
      </c>
      <c r="I239" s="5" t="s">
        <v>69</v>
      </c>
      <c r="J239" s="5" t="s">
        <v>24629</v>
      </c>
      <c r="K239" s="2" t="s">
        <v>24630</v>
      </c>
      <c r="L239" s="5" t="s">
        <v>24629</v>
      </c>
      <c r="M239" s="2" t="s">
        <v>24630</v>
      </c>
      <c r="N239" s="5" t="s">
        <v>24254</v>
      </c>
      <c r="O239" s="5" t="s">
        <v>38</v>
      </c>
      <c r="P239" s="5" t="s">
        <v>39</v>
      </c>
      <c r="Q239" s="5" t="s">
        <v>40</v>
      </c>
      <c r="R239" s="5" t="s">
        <v>1487</v>
      </c>
      <c r="S239" s="5"/>
      <c r="T239" s="5" t="s">
        <v>42</v>
      </c>
      <c r="U239" s="2">
        <v>0</v>
      </c>
      <c r="V239" s="2">
        <v>0</v>
      </c>
      <c r="W239" s="2">
        <v>0</v>
      </c>
      <c r="X239" s="2">
        <v>0</v>
      </c>
      <c r="Y239" s="2">
        <v>0</v>
      </c>
      <c r="Z239" s="2">
        <v>0</v>
      </c>
      <c r="AA239" s="5"/>
      <c r="AB239" s="5" t="s">
        <v>43</v>
      </c>
      <c r="AC239" s="5" t="s">
        <v>44</v>
      </c>
      <c r="AD239" s="2" t="s">
        <v>24976</v>
      </c>
      <c r="AE239" s="1"/>
    </row>
    <row r="240" spans="1:31">
      <c r="A240" s="5" t="s">
        <v>116</v>
      </c>
      <c r="B240" s="21">
        <v>46054</v>
      </c>
      <c r="C240" s="2" t="s">
        <v>25145</v>
      </c>
      <c r="D240" s="14" t="s">
        <v>25146</v>
      </c>
      <c r="E240" s="2" t="s">
        <v>25147</v>
      </c>
      <c r="F240" s="2" t="s">
        <v>24628</v>
      </c>
      <c r="G240" s="8">
        <v>1082</v>
      </c>
      <c r="H240" s="5">
        <v>15</v>
      </c>
      <c r="I240" s="5" t="s">
        <v>69</v>
      </c>
      <c r="J240" s="5" t="s">
        <v>24629</v>
      </c>
      <c r="K240" s="2" t="s">
        <v>24630</v>
      </c>
      <c r="L240" s="5" t="s">
        <v>24629</v>
      </c>
      <c r="M240" s="2" t="s">
        <v>24630</v>
      </c>
      <c r="N240" s="5" t="s">
        <v>24254</v>
      </c>
      <c r="O240" s="5" t="s">
        <v>38</v>
      </c>
      <c r="P240" s="5" t="s">
        <v>39</v>
      </c>
      <c r="Q240" s="5" t="s">
        <v>40</v>
      </c>
      <c r="R240" s="5" t="s">
        <v>1487</v>
      </c>
      <c r="S240" s="5"/>
      <c r="T240" s="5" t="s">
        <v>42</v>
      </c>
      <c r="U240" s="2">
        <v>0</v>
      </c>
      <c r="V240" s="2">
        <v>0</v>
      </c>
      <c r="W240" s="2">
        <v>0</v>
      </c>
      <c r="X240" s="2">
        <v>0</v>
      </c>
      <c r="Y240" s="2">
        <v>0</v>
      </c>
      <c r="Z240" s="2">
        <v>0</v>
      </c>
      <c r="AA240" s="5"/>
      <c r="AB240" s="5" t="s">
        <v>43</v>
      </c>
      <c r="AC240" s="5" t="s">
        <v>44</v>
      </c>
      <c r="AD240" s="2" t="s">
        <v>24980</v>
      </c>
      <c r="AE240" s="1"/>
    </row>
    <row r="241" spans="1:31">
      <c r="A241" s="5" t="s">
        <v>116</v>
      </c>
      <c r="B241" s="21">
        <v>46054</v>
      </c>
      <c r="C241" s="2" t="s">
        <v>25148</v>
      </c>
      <c r="D241" s="14" t="s">
        <v>25149</v>
      </c>
      <c r="E241" s="2" t="s">
        <v>25150</v>
      </c>
      <c r="F241" s="2" t="s">
        <v>24628</v>
      </c>
      <c r="G241" s="8">
        <v>987</v>
      </c>
      <c r="H241" s="5">
        <v>5</v>
      </c>
      <c r="I241" s="5" t="s">
        <v>69</v>
      </c>
      <c r="J241" s="5" t="s">
        <v>24629</v>
      </c>
      <c r="K241" s="2" t="s">
        <v>24630</v>
      </c>
      <c r="L241" s="5" t="s">
        <v>24629</v>
      </c>
      <c r="M241" s="2" t="s">
        <v>24630</v>
      </c>
      <c r="N241" s="5" t="s">
        <v>24254</v>
      </c>
      <c r="O241" s="5" t="s">
        <v>38</v>
      </c>
      <c r="P241" s="5" t="s">
        <v>39</v>
      </c>
      <c r="Q241" s="5" t="s">
        <v>40</v>
      </c>
      <c r="R241" s="5" t="s">
        <v>1487</v>
      </c>
      <c r="S241" s="5"/>
      <c r="T241" s="5" t="s">
        <v>42</v>
      </c>
      <c r="U241" s="2">
        <v>0</v>
      </c>
      <c r="V241" s="2">
        <v>0</v>
      </c>
      <c r="W241" s="2">
        <v>0</v>
      </c>
      <c r="X241" s="2">
        <v>0</v>
      </c>
      <c r="Y241" s="2">
        <v>0</v>
      </c>
      <c r="Z241" s="2">
        <v>0</v>
      </c>
      <c r="AA241" s="5"/>
      <c r="AB241" s="5" t="s">
        <v>43</v>
      </c>
      <c r="AC241" s="5" t="s">
        <v>44</v>
      </c>
      <c r="AD241" s="2" t="s">
        <v>24976</v>
      </c>
      <c r="AE241" s="1"/>
    </row>
    <row r="242" spans="1:31">
      <c r="A242" s="5" t="s">
        <v>116</v>
      </c>
      <c r="B242" s="21">
        <v>46054</v>
      </c>
      <c r="C242" s="2" t="s">
        <v>25151</v>
      </c>
      <c r="D242" s="14" t="s">
        <v>25152</v>
      </c>
      <c r="E242" s="2" t="s">
        <v>25153</v>
      </c>
      <c r="F242" s="2" t="s">
        <v>24628</v>
      </c>
      <c r="G242" s="8">
        <v>987</v>
      </c>
      <c r="H242" s="5">
        <v>15</v>
      </c>
      <c r="I242" s="5" t="s">
        <v>69</v>
      </c>
      <c r="J242" s="5" t="s">
        <v>24629</v>
      </c>
      <c r="K242" s="2" t="s">
        <v>24630</v>
      </c>
      <c r="L242" s="5" t="s">
        <v>24629</v>
      </c>
      <c r="M242" s="2" t="s">
        <v>24630</v>
      </c>
      <c r="N242" s="5" t="s">
        <v>24254</v>
      </c>
      <c r="O242" s="5" t="s">
        <v>38</v>
      </c>
      <c r="P242" s="5" t="s">
        <v>39</v>
      </c>
      <c r="Q242" s="5" t="s">
        <v>40</v>
      </c>
      <c r="R242" s="5" t="s">
        <v>1487</v>
      </c>
      <c r="S242" s="5"/>
      <c r="T242" s="5" t="s">
        <v>42</v>
      </c>
      <c r="U242" s="2">
        <v>0</v>
      </c>
      <c r="V242" s="2">
        <v>0</v>
      </c>
      <c r="W242" s="2">
        <v>0</v>
      </c>
      <c r="X242" s="2">
        <v>0</v>
      </c>
      <c r="Y242" s="2">
        <v>0</v>
      </c>
      <c r="Z242" s="2">
        <v>0</v>
      </c>
      <c r="AA242" s="5"/>
      <c r="AB242" s="5" t="s">
        <v>43</v>
      </c>
      <c r="AC242" s="5" t="s">
        <v>44</v>
      </c>
      <c r="AD242" s="2" t="s">
        <v>24980</v>
      </c>
      <c r="AE242" s="1"/>
    </row>
    <row r="243" spans="1:31">
      <c r="A243" s="5" t="s">
        <v>116</v>
      </c>
      <c r="B243" s="21">
        <v>46054</v>
      </c>
      <c r="C243" s="2" t="s">
        <v>25154</v>
      </c>
      <c r="D243" s="14" t="s">
        <v>25155</v>
      </c>
      <c r="E243" s="2" t="s">
        <v>25156</v>
      </c>
      <c r="F243" s="2" t="s">
        <v>24628</v>
      </c>
      <c r="G243" s="8">
        <v>1050</v>
      </c>
      <c r="H243" s="5">
        <v>5</v>
      </c>
      <c r="I243" s="5" t="s">
        <v>69</v>
      </c>
      <c r="J243" s="5" t="s">
        <v>24629</v>
      </c>
      <c r="K243" s="2" t="s">
        <v>24630</v>
      </c>
      <c r="L243" s="5" t="s">
        <v>24629</v>
      </c>
      <c r="M243" s="2" t="s">
        <v>24630</v>
      </c>
      <c r="N243" s="5" t="s">
        <v>24254</v>
      </c>
      <c r="O243" s="5" t="s">
        <v>38</v>
      </c>
      <c r="P243" s="5" t="s">
        <v>39</v>
      </c>
      <c r="Q243" s="5" t="s">
        <v>40</v>
      </c>
      <c r="R243" s="5" t="s">
        <v>1487</v>
      </c>
      <c r="S243" s="5"/>
      <c r="T243" s="5" t="s">
        <v>42</v>
      </c>
      <c r="U243" s="2">
        <v>0</v>
      </c>
      <c r="V243" s="2">
        <v>0</v>
      </c>
      <c r="W243" s="2">
        <v>0</v>
      </c>
      <c r="X243" s="2">
        <v>0</v>
      </c>
      <c r="Y243" s="2">
        <v>0</v>
      </c>
      <c r="Z243" s="2">
        <v>0</v>
      </c>
      <c r="AA243" s="5"/>
      <c r="AB243" s="5" t="s">
        <v>43</v>
      </c>
      <c r="AC243" s="5" t="s">
        <v>44</v>
      </c>
      <c r="AD243" s="2" t="s">
        <v>24976</v>
      </c>
      <c r="AE243" s="1"/>
    </row>
    <row r="244" spans="1:31">
      <c r="A244" s="5" t="s">
        <v>116</v>
      </c>
      <c r="B244" s="21">
        <v>46054</v>
      </c>
      <c r="C244" s="2" t="s">
        <v>25157</v>
      </c>
      <c r="D244" s="14" t="s">
        <v>25158</v>
      </c>
      <c r="E244" s="2" t="s">
        <v>25159</v>
      </c>
      <c r="F244" s="2" t="s">
        <v>24628</v>
      </c>
      <c r="G244" s="8">
        <v>1050</v>
      </c>
      <c r="H244" s="5">
        <v>15</v>
      </c>
      <c r="I244" s="5" t="s">
        <v>69</v>
      </c>
      <c r="J244" s="5" t="s">
        <v>24629</v>
      </c>
      <c r="K244" s="2" t="s">
        <v>24630</v>
      </c>
      <c r="L244" s="5" t="s">
        <v>24629</v>
      </c>
      <c r="M244" s="2" t="s">
        <v>24630</v>
      </c>
      <c r="N244" s="5" t="s">
        <v>24254</v>
      </c>
      <c r="O244" s="5" t="s">
        <v>38</v>
      </c>
      <c r="P244" s="5" t="s">
        <v>39</v>
      </c>
      <c r="Q244" s="5" t="s">
        <v>40</v>
      </c>
      <c r="R244" s="5" t="s">
        <v>1487</v>
      </c>
      <c r="S244" s="5"/>
      <c r="T244" s="5" t="s">
        <v>42</v>
      </c>
      <c r="U244" s="2">
        <v>0</v>
      </c>
      <c r="V244" s="2">
        <v>0</v>
      </c>
      <c r="W244" s="2">
        <v>0</v>
      </c>
      <c r="X244" s="2">
        <v>0</v>
      </c>
      <c r="Y244" s="2">
        <v>0</v>
      </c>
      <c r="Z244" s="2">
        <v>0</v>
      </c>
      <c r="AA244" s="5"/>
      <c r="AB244" s="5" t="s">
        <v>43</v>
      </c>
      <c r="AC244" s="5" t="s">
        <v>44</v>
      </c>
      <c r="AD244" s="2" t="s">
        <v>24980</v>
      </c>
      <c r="AE244" s="1"/>
    </row>
    <row r="245" spans="1:31">
      <c r="A245" s="5" t="s">
        <v>116</v>
      </c>
      <c r="B245" s="21"/>
      <c r="C245" s="2" t="s">
        <v>26348</v>
      </c>
      <c r="D245" s="14" t="s">
        <v>26349</v>
      </c>
      <c r="E245" s="2" t="s">
        <v>26350</v>
      </c>
      <c r="F245" s="2" t="s">
        <v>26351</v>
      </c>
      <c r="G245" s="8">
        <v>105</v>
      </c>
      <c r="H245" s="5">
        <v>5</v>
      </c>
      <c r="I245" s="5" t="s">
        <v>69</v>
      </c>
      <c r="J245" s="5" t="s">
        <v>24629</v>
      </c>
      <c r="K245" s="2" t="s">
        <v>24630</v>
      </c>
      <c r="L245" s="5" t="s">
        <v>24629</v>
      </c>
      <c r="M245" s="2" t="s">
        <v>24630</v>
      </c>
      <c r="N245" s="5" t="s">
        <v>24254</v>
      </c>
      <c r="O245" s="5" t="s">
        <v>38</v>
      </c>
      <c r="P245" s="5" t="s">
        <v>39</v>
      </c>
      <c r="Q245" s="5" t="s">
        <v>40</v>
      </c>
      <c r="R245" s="5" t="s">
        <v>24335</v>
      </c>
      <c r="S245" s="5" t="s">
        <v>40</v>
      </c>
      <c r="T245" s="5" t="s">
        <v>42</v>
      </c>
      <c r="U245" s="2">
        <v>4.9939999999999998</v>
      </c>
      <c r="V245" s="2">
        <v>3.8639999999999999</v>
      </c>
      <c r="W245" s="2">
        <v>6.2E-2</v>
      </c>
      <c r="X245" s="2">
        <v>12</v>
      </c>
      <c r="Y245" s="2">
        <v>42.5</v>
      </c>
      <c r="Z245" s="2">
        <v>122.4</v>
      </c>
      <c r="AA245" s="5">
        <v>20</v>
      </c>
      <c r="AB245" s="5" t="s">
        <v>43</v>
      </c>
      <c r="AC245" s="5" t="s">
        <v>44</v>
      </c>
      <c r="AD245" s="2" t="s">
        <v>26352</v>
      </c>
      <c r="AE245" s="1"/>
    </row>
    <row r="246" spans="1:31">
      <c r="A246" s="5" t="s">
        <v>116</v>
      </c>
      <c r="B246" s="21"/>
      <c r="C246" s="2" t="s">
        <v>26353</v>
      </c>
      <c r="D246" s="14" t="s">
        <v>26354</v>
      </c>
      <c r="E246" s="2" t="s">
        <v>26355</v>
      </c>
      <c r="F246" s="2" t="s">
        <v>26356</v>
      </c>
      <c r="G246" s="8">
        <v>143</v>
      </c>
      <c r="H246" s="5">
        <v>5</v>
      </c>
      <c r="I246" s="5" t="s">
        <v>69</v>
      </c>
      <c r="J246" s="5" t="s">
        <v>24629</v>
      </c>
      <c r="K246" s="2" t="s">
        <v>24630</v>
      </c>
      <c r="L246" s="5" t="s">
        <v>24629</v>
      </c>
      <c r="M246" s="2" t="s">
        <v>24630</v>
      </c>
      <c r="N246" s="5" t="s">
        <v>24254</v>
      </c>
      <c r="O246" s="5" t="s">
        <v>38</v>
      </c>
      <c r="P246" s="5" t="s">
        <v>39</v>
      </c>
      <c r="Q246" s="5" t="s">
        <v>40</v>
      </c>
      <c r="R246" s="5" t="s">
        <v>24335</v>
      </c>
      <c r="S246" s="5" t="s">
        <v>40</v>
      </c>
      <c r="T246" s="5" t="s">
        <v>42</v>
      </c>
      <c r="U246" s="2">
        <v>5.8710000000000004</v>
      </c>
      <c r="V246" s="2">
        <v>4.8869999999999996</v>
      </c>
      <c r="W246" s="2">
        <v>6.2E-2</v>
      </c>
      <c r="X246" s="2">
        <v>12</v>
      </c>
      <c r="Y246" s="2">
        <v>42.5</v>
      </c>
      <c r="Z246" s="2">
        <v>122.4</v>
      </c>
      <c r="AA246" s="5">
        <v>10</v>
      </c>
      <c r="AB246" s="5" t="s">
        <v>43</v>
      </c>
      <c r="AC246" s="5" t="s">
        <v>44</v>
      </c>
      <c r="AD246" s="2" t="s">
        <v>26357</v>
      </c>
      <c r="AE246" s="1"/>
    </row>
    <row r="247" spans="1:31">
      <c r="A247" s="5" t="s">
        <v>116</v>
      </c>
      <c r="B247" s="21"/>
      <c r="C247" s="2" t="s">
        <v>26358</v>
      </c>
      <c r="D247" s="14" t="s">
        <v>26359</v>
      </c>
      <c r="E247" s="2" t="s">
        <v>26360</v>
      </c>
      <c r="F247" s="2" t="s">
        <v>26351</v>
      </c>
      <c r="G247" s="8">
        <v>111</v>
      </c>
      <c r="H247" s="5">
        <v>5</v>
      </c>
      <c r="I247" s="5" t="s">
        <v>69</v>
      </c>
      <c r="J247" s="5" t="s">
        <v>24629</v>
      </c>
      <c r="K247" s="2" t="s">
        <v>24630</v>
      </c>
      <c r="L247" s="5" t="s">
        <v>24629</v>
      </c>
      <c r="M247" s="2" t="s">
        <v>24630</v>
      </c>
      <c r="N247" s="5" t="s">
        <v>24254</v>
      </c>
      <c r="O247" s="5" t="s">
        <v>38</v>
      </c>
      <c r="P247" s="5" t="s">
        <v>39</v>
      </c>
      <c r="Q247" s="5" t="s">
        <v>40</v>
      </c>
      <c r="R247" s="5" t="s">
        <v>24335</v>
      </c>
      <c r="S247" s="5" t="s">
        <v>40</v>
      </c>
      <c r="T247" s="5" t="s">
        <v>42</v>
      </c>
      <c r="U247" s="2">
        <v>5.2140000000000004</v>
      </c>
      <c r="V247" s="2">
        <v>4.0839999999999996</v>
      </c>
      <c r="W247" s="2">
        <v>6.2E-2</v>
      </c>
      <c r="X247" s="2">
        <v>12</v>
      </c>
      <c r="Y247" s="2">
        <v>42.5</v>
      </c>
      <c r="Z247" s="2">
        <v>122.4</v>
      </c>
      <c r="AA247" s="5">
        <v>20</v>
      </c>
      <c r="AB247" s="5" t="s">
        <v>43</v>
      </c>
      <c r="AC247" s="5" t="s">
        <v>44</v>
      </c>
      <c r="AD247" s="2" t="s">
        <v>26352</v>
      </c>
      <c r="AE247" s="1"/>
    </row>
    <row r="248" spans="1:31">
      <c r="A248" s="5" t="s">
        <v>116</v>
      </c>
      <c r="B248" s="21"/>
      <c r="C248" s="2" t="s">
        <v>26361</v>
      </c>
      <c r="D248" s="14" t="s">
        <v>26362</v>
      </c>
      <c r="E248" s="2" t="s">
        <v>26363</v>
      </c>
      <c r="F248" s="2" t="s">
        <v>26356</v>
      </c>
      <c r="G248" s="8">
        <v>151</v>
      </c>
      <c r="H248" s="5">
        <v>5</v>
      </c>
      <c r="I248" s="5" t="s">
        <v>69</v>
      </c>
      <c r="J248" s="5" t="s">
        <v>24629</v>
      </c>
      <c r="K248" s="2" t="s">
        <v>24630</v>
      </c>
      <c r="L248" s="5" t="s">
        <v>24629</v>
      </c>
      <c r="M248" s="2" t="s">
        <v>24630</v>
      </c>
      <c r="N248" s="5" t="s">
        <v>24254</v>
      </c>
      <c r="O248" s="5" t="s">
        <v>38</v>
      </c>
      <c r="P248" s="5" t="s">
        <v>39</v>
      </c>
      <c r="Q248" s="5" t="s">
        <v>40</v>
      </c>
      <c r="R248" s="5" t="s">
        <v>24335</v>
      </c>
      <c r="S248" s="5" t="s">
        <v>40</v>
      </c>
      <c r="T248" s="5" t="s">
        <v>42</v>
      </c>
      <c r="U248" s="2">
        <v>6.2350000000000003</v>
      </c>
      <c r="V248" s="2">
        <v>5.2510000000000003</v>
      </c>
      <c r="W248" s="2">
        <v>6.2E-2</v>
      </c>
      <c r="X248" s="2">
        <v>12</v>
      </c>
      <c r="Y248" s="2">
        <v>42.5</v>
      </c>
      <c r="Z248" s="2">
        <v>122.4</v>
      </c>
      <c r="AA248" s="5">
        <v>10</v>
      </c>
      <c r="AB248" s="5" t="s">
        <v>43</v>
      </c>
      <c r="AC248" s="5" t="s">
        <v>44</v>
      </c>
      <c r="AD248" s="2" t="s">
        <v>26357</v>
      </c>
      <c r="AE248" s="1"/>
    </row>
    <row r="249" spans="1:31">
      <c r="A249" s="5" t="s">
        <v>116</v>
      </c>
      <c r="B249" s="21"/>
      <c r="C249" s="2" t="s">
        <v>26364</v>
      </c>
      <c r="D249" s="14" t="s">
        <v>26365</v>
      </c>
      <c r="E249" s="2" t="s">
        <v>26366</v>
      </c>
      <c r="F249" s="2" t="s">
        <v>26351</v>
      </c>
      <c r="G249" s="8">
        <v>115</v>
      </c>
      <c r="H249" s="5">
        <v>5</v>
      </c>
      <c r="I249" s="5" t="s">
        <v>69</v>
      </c>
      <c r="J249" s="5" t="s">
        <v>24629</v>
      </c>
      <c r="K249" s="2" t="s">
        <v>24630</v>
      </c>
      <c r="L249" s="5" t="s">
        <v>24629</v>
      </c>
      <c r="M249" s="2" t="s">
        <v>24630</v>
      </c>
      <c r="N249" s="5" t="s">
        <v>24254</v>
      </c>
      <c r="O249" s="5" t="s">
        <v>38</v>
      </c>
      <c r="P249" s="5" t="s">
        <v>39</v>
      </c>
      <c r="Q249" s="5" t="s">
        <v>40</v>
      </c>
      <c r="R249" s="5" t="s">
        <v>24335</v>
      </c>
      <c r="S249" s="5" t="s">
        <v>40</v>
      </c>
      <c r="T249" s="5" t="s">
        <v>42</v>
      </c>
      <c r="U249" s="2">
        <v>5.4329999999999998</v>
      </c>
      <c r="V249" s="2">
        <v>4.3029999999999999</v>
      </c>
      <c r="W249" s="2">
        <v>7.3999999999999996E-2</v>
      </c>
      <c r="X249" s="2">
        <v>12</v>
      </c>
      <c r="Y249" s="2">
        <v>42.5</v>
      </c>
      <c r="Z249" s="2">
        <v>144.4</v>
      </c>
      <c r="AA249" s="5">
        <v>20</v>
      </c>
      <c r="AB249" s="5" t="s">
        <v>43</v>
      </c>
      <c r="AC249" s="5" t="s">
        <v>44</v>
      </c>
      <c r="AD249" s="2" t="s">
        <v>26352</v>
      </c>
      <c r="AE249" s="1"/>
    </row>
    <row r="250" spans="1:31">
      <c r="A250" s="5" t="s">
        <v>116</v>
      </c>
      <c r="B250" s="21"/>
      <c r="C250" s="2" t="s">
        <v>26367</v>
      </c>
      <c r="D250" s="14" t="s">
        <v>26368</v>
      </c>
      <c r="E250" s="2" t="s">
        <v>26369</v>
      </c>
      <c r="F250" s="2" t="s">
        <v>26356</v>
      </c>
      <c r="G250" s="8">
        <v>157</v>
      </c>
      <c r="H250" s="5">
        <v>5</v>
      </c>
      <c r="I250" s="5" t="s">
        <v>69</v>
      </c>
      <c r="J250" s="5" t="s">
        <v>24629</v>
      </c>
      <c r="K250" s="2" t="s">
        <v>24630</v>
      </c>
      <c r="L250" s="5" t="s">
        <v>24629</v>
      </c>
      <c r="M250" s="2" t="s">
        <v>24630</v>
      </c>
      <c r="N250" s="5" t="s">
        <v>24254</v>
      </c>
      <c r="O250" s="5" t="s">
        <v>38</v>
      </c>
      <c r="P250" s="5" t="s">
        <v>39</v>
      </c>
      <c r="Q250" s="5" t="s">
        <v>40</v>
      </c>
      <c r="R250" s="5" t="s">
        <v>24335</v>
      </c>
      <c r="S250" s="5" t="s">
        <v>40</v>
      </c>
      <c r="T250" s="5" t="s">
        <v>42</v>
      </c>
      <c r="U250" s="2">
        <v>7.8330000000000002</v>
      </c>
      <c r="V250" s="2">
        <v>5.6189999999999998</v>
      </c>
      <c r="W250" s="2">
        <v>7.3999999999999996E-2</v>
      </c>
      <c r="X250" s="2">
        <v>12</v>
      </c>
      <c r="Y250" s="2">
        <v>42.5</v>
      </c>
      <c r="Z250" s="2">
        <v>144.4</v>
      </c>
      <c r="AA250" s="5">
        <v>10</v>
      </c>
      <c r="AB250" s="5" t="s">
        <v>43</v>
      </c>
      <c r="AC250" s="5" t="s">
        <v>44</v>
      </c>
      <c r="AD250" s="2" t="s">
        <v>26357</v>
      </c>
      <c r="AE250" s="1"/>
    </row>
    <row r="251" spans="1:31">
      <c r="A251" s="5" t="s">
        <v>116</v>
      </c>
      <c r="B251" s="21"/>
      <c r="C251" s="2" t="s">
        <v>26370</v>
      </c>
      <c r="D251" s="14" t="s">
        <v>26371</v>
      </c>
      <c r="E251" s="2" t="s">
        <v>26372</v>
      </c>
      <c r="F251" s="2" t="s">
        <v>26351</v>
      </c>
      <c r="G251" s="8">
        <v>115</v>
      </c>
      <c r="H251" s="5">
        <v>5</v>
      </c>
      <c r="I251" s="5" t="s">
        <v>69</v>
      </c>
      <c r="J251" s="5" t="s">
        <v>24629</v>
      </c>
      <c r="K251" s="2" t="s">
        <v>24630</v>
      </c>
      <c r="L251" s="5" t="s">
        <v>24629</v>
      </c>
      <c r="M251" s="2" t="s">
        <v>24630</v>
      </c>
      <c r="N251" s="5" t="s">
        <v>24254</v>
      </c>
      <c r="O251" s="5" t="s">
        <v>38</v>
      </c>
      <c r="P251" s="5" t="s">
        <v>39</v>
      </c>
      <c r="Q251" s="5" t="s">
        <v>40</v>
      </c>
      <c r="R251" s="5" t="s">
        <v>24335</v>
      </c>
      <c r="S251" s="5" t="s">
        <v>40</v>
      </c>
      <c r="T251" s="5" t="s">
        <v>42</v>
      </c>
      <c r="U251" s="2">
        <v>5.423</v>
      </c>
      <c r="V251" s="2">
        <v>4.24</v>
      </c>
      <c r="W251" s="2">
        <v>7.3999999999999996E-2</v>
      </c>
      <c r="X251" s="2">
        <v>12</v>
      </c>
      <c r="Y251" s="2">
        <v>42.5</v>
      </c>
      <c r="Z251" s="2">
        <v>144.4</v>
      </c>
      <c r="AA251" s="5">
        <v>20</v>
      </c>
      <c r="AB251" s="5" t="s">
        <v>43</v>
      </c>
      <c r="AC251" s="5" t="s">
        <v>44</v>
      </c>
      <c r="AD251" s="2" t="s">
        <v>26352</v>
      </c>
      <c r="AE251" s="1"/>
    </row>
    <row r="252" spans="1:31">
      <c r="A252" s="5" t="s">
        <v>116</v>
      </c>
      <c r="B252" s="21"/>
      <c r="C252" s="2" t="s">
        <v>26373</v>
      </c>
      <c r="D252" s="14" t="s">
        <v>26374</v>
      </c>
      <c r="E252" s="2" t="s">
        <v>26375</v>
      </c>
      <c r="F252" s="2" t="s">
        <v>26356</v>
      </c>
      <c r="G252" s="8">
        <v>157</v>
      </c>
      <c r="H252" s="5">
        <v>5</v>
      </c>
      <c r="I252" s="5" t="s">
        <v>69</v>
      </c>
      <c r="J252" s="5" t="s">
        <v>24629</v>
      </c>
      <c r="K252" s="2" t="s">
        <v>24630</v>
      </c>
      <c r="L252" s="5" t="s">
        <v>24629</v>
      </c>
      <c r="M252" s="2" t="s">
        <v>24630</v>
      </c>
      <c r="N252" s="5" t="s">
        <v>24254</v>
      </c>
      <c r="O252" s="5" t="s">
        <v>38</v>
      </c>
      <c r="P252" s="5" t="s">
        <v>39</v>
      </c>
      <c r="Q252" s="5" t="s">
        <v>40</v>
      </c>
      <c r="R252" s="5" t="s">
        <v>24335</v>
      </c>
      <c r="S252" s="5" t="s">
        <v>40</v>
      </c>
      <c r="T252" s="5" t="s">
        <v>42</v>
      </c>
      <c r="U252" s="2">
        <v>6.6159999999999997</v>
      </c>
      <c r="V252" s="2">
        <v>5.4859999999999998</v>
      </c>
      <c r="W252" s="2">
        <v>7.3999999999999996E-2</v>
      </c>
      <c r="X252" s="2">
        <v>12</v>
      </c>
      <c r="Y252" s="2">
        <v>42.5</v>
      </c>
      <c r="Z252" s="2">
        <v>144.4</v>
      </c>
      <c r="AA252" s="5">
        <v>10</v>
      </c>
      <c r="AB252" s="5" t="s">
        <v>43</v>
      </c>
      <c r="AC252" s="5" t="s">
        <v>44</v>
      </c>
      <c r="AD252" s="2" t="s">
        <v>26357</v>
      </c>
      <c r="AE252" s="1"/>
    </row>
    <row r="253" spans="1:31">
      <c r="A253" s="5" t="s">
        <v>116</v>
      </c>
      <c r="B253" s="21"/>
      <c r="C253" s="2" t="s">
        <v>26376</v>
      </c>
      <c r="D253" s="14" t="s">
        <v>26377</v>
      </c>
      <c r="E253" s="2" t="s">
        <v>26378</v>
      </c>
      <c r="F253" s="2" t="s">
        <v>26351</v>
      </c>
      <c r="G253" s="8">
        <v>125</v>
      </c>
      <c r="H253" s="5">
        <v>5</v>
      </c>
      <c r="I253" s="5" t="s">
        <v>69</v>
      </c>
      <c r="J253" s="5" t="s">
        <v>24629</v>
      </c>
      <c r="K253" s="2" t="s">
        <v>24630</v>
      </c>
      <c r="L253" s="5" t="s">
        <v>24629</v>
      </c>
      <c r="M253" s="2" t="s">
        <v>24630</v>
      </c>
      <c r="N253" s="5" t="s">
        <v>24254</v>
      </c>
      <c r="O253" s="5" t="s">
        <v>38</v>
      </c>
      <c r="P253" s="5" t="s">
        <v>39</v>
      </c>
      <c r="Q253" s="5" t="s">
        <v>40</v>
      </c>
      <c r="R253" s="5" t="s">
        <v>24335</v>
      </c>
      <c r="S253" s="5" t="s">
        <v>40</v>
      </c>
      <c r="T253" s="5" t="s">
        <v>42</v>
      </c>
      <c r="U253" s="2">
        <v>5.62</v>
      </c>
      <c r="V253" s="2">
        <v>4.49</v>
      </c>
      <c r="W253" s="2">
        <v>7.3999999999999996E-2</v>
      </c>
      <c r="X253" s="2">
        <v>12</v>
      </c>
      <c r="Y253" s="2">
        <v>42.5</v>
      </c>
      <c r="Z253" s="2">
        <v>144.4</v>
      </c>
      <c r="AA253" s="5">
        <v>20</v>
      </c>
      <c r="AB253" s="5" t="s">
        <v>43</v>
      </c>
      <c r="AC253" s="5" t="s">
        <v>44</v>
      </c>
      <c r="AD253" s="2" t="s">
        <v>26352</v>
      </c>
      <c r="AE253" s="1"/>
    </row>
    <row r="254" spans="1:31">
      <c r="A254" s="5" t="s">
        <v>116</v>
      </c>
      <c r="B254" s="21"/>
      <c r="C254" s="2" t="s">
        <v>26379</v>
      </c>
      <c r="D254" s="14" t="s">
        <v>26380</v>
      </c>
      <c r="E254" s="2" t="s">
        <v>26381</v>
      </c>
      <c r="F254" s="2" t="s">
        <v>26356</v>
      </c>
      <c r="G254" s="8">
        <v>171</v>
      </c>
      <c r="H254" s="5">
        <v>5</v>
      </c>
      <c r="I254" s="5" t="s">
        <v>69</v>
      </c>
      <c r="J254" s="5" t="s">
        <v>24629</v>
      </c>
      <c r="K254" s="2" t="s">
        <v>24630</v>
      </c>
      <c r="L254" s="5" t="s">
        <v>24629</v>
      </c>
      <c r="M254" s="2" t="s">
        <v>24630</v>
      </c>
      <c r="N254" s="5" t="s">
        <v>24254</v>
      </c>
      <c r="O254" s="5" t="s">
        <v>38</v>
      </c>
      <c r="P254" s="5" t="s">
        <v>39</v>
      </c>
      <c r="Q254" s="5" t="s">
        <v>40</v>
      </c>
      <c r="R254" s="5" t="s">
        <v>24335</v>
      </c>
      <c r="S254" s="5" t="s">
        <v>40</v>
      </c>
      <c r="T254" s="5" t="s">
        <v>42</v>
      </c>
      <c r="U254" s="2">
        <v>6.984</v>
      </c>
      <c r="V254" s="2">
        <v>5.8540000000000001</v>
      </c>
      <c r="W254" s="2">
        <v>7.3999999999999996E-2</v>
      </c>
      <c r="X254" s="2">
        <v>12</v>
      </c>
      <c r="Y254" s="2">
        <v>42.5</v>
      </c>
      <c r="Z254" s="2">
        <v>144.4</v>
      </c>
      <c r="AA254" s="5">
        <v>10</v>
      </c>
      <c r="AB254" s="5" t="s">
        <v>43</v>
      </c>
      <c r="AC254" s="5" t="s">
        <v>44</v>
      </c>
      <c r="AD254" s="2" t="s">
        <v>26357</v>
      </c>
      <c r="AE254" s="1"/>
    </row>
    <row r="255" spans="1:31">
      <c r="A255" s="5" t="s">
        <v>116</v>
      </c>
      <c r="B255" s="21"/>
      <c r="C255" s="2" t="s">
        <v>26382</v>
      </c>
      <c r="D255" s="14" t="s">
        <v>26383</v>
      </c>
      <c r="E255" s="2" t="s">
        <v>26384</v>
      </c>
      <c r="F255" s="2" t="s">
        <v>26351</v>
      </c>
      <c r="G255" s="8">
        <v>129</v>
      </c>
      <c r="H255" s="5">
        <v>5</v>
      </c>
      <c r="I255" s="5" t="s">
        <v>69</v>
      </c>
      <c r="J255" s="5" t="s">
        <v>24629</v>
      </c>
      <c r="K255" s="2" t="s">
        <v>24630</v>
      </c>
      <c r="L255" s="5" t="s">
        <v>24629</v>
      </c>
      <c r="M255" s="2" t="s">
        <v>24630</v>
      </c>
      <c r="N255" s="5" t="s">
        <v>24254</v>
      </c>
      <c r="O255" s="5" t="s">
        <v>38</v>
      </c>
      <c r="P255" s="5" t="s">
        <v>39</v>
      </c>
      <c r="Q255" s="5" t="s">
        <v>40</v>
      </c>
      <c r="R255" s="5" t="s">
        <v>24335</v>
      </c>
      <c r="S255" s="5" t="s">
        <v>40</v>
      </c>
      <c r="T255" s="5" t="s">
        <v>42</v>
      </c>
      <c r="U255" s="2">
        <v>5.88</v>
      </c>
      <c r="V255" s="2">
        <v>4.6970000000000001</v>
      </c>
      <c r="W255" s="2">
        <v>7.8E-2</v>
      </c>
      <c r="X255" s="2">
        <v>12</v>
      </c>
      <c r="Y255" s="2">
        <v>42.5</v>
      </c>
      <c r="Z255" s="2">
        <v>152.4</v>
      </c>
      <c r="AA255" s="5">
        <v>20</v>
      </c>
      <c r="AB255" s="5" t="s">
        <v>43</v>
      </c>
      <c r="AC255" s="5" t="s">
        <v>44</v>
      </c>
      <c r="AD255" s="2" t="s">
        <v>26352</v>
      </c>
      <c r="AE255" s="1"/>
    </row>
    <row r="256" spans="1:31">
      <c r="A256" s="5" t="s">
        <v>116</v>
      </c>
      <c r="B256" s="21"/>
      <c r="C256" s="2" t="s">
        <v>26385</v>
      </c>
      <c r="D256" s="14" t="s">
        <v>26386</v>
      </c>
      <c r="E256" s="2" t="s">
        <v>26387</v>
      </c>
      <c r="F256" s="2" t="s">
        <v>26356</v>
      </c>
      <c r="G256" s="8">
        <v>176</v>
      </c>
      <c r="H256" s="5">
        <v>5</v>
      </c>
      <c r="I256" s="5" t="s">
        <v>69</v>
      </c>
      <c r="J256" s="5" t="s">
        <v>24629</v>
      </c>
      <c r="K256" s="2" t="s">
        <v>24630</v>
      </c>
      <c r="L256" s="5" t="s">
        <v>24629</v>
      </c>
      <c r="M256" s="2" t="s">
        <v>24630</v>
      </c>
      <c r="N256" s="5" t="s">
        <v>24254</v>
      </c>
      <c r="O256" s="5" t="s">
        <v>38</v>
      </c>
      <c r="P256" s="5" t="s">
        <v>39</v>
      </c>
      <c r="Q256" s="5" t="s">
        <v>40</v>
      </c>
      <c r="R256" s="5" t="s">
        <v>24335</v>
      </c>
      <c r="S256" s="5" t="s">
        <v>40</v>
      </c>
      <c r="T256" s="5" t="s">
        <v>42</v>
      </c>
      <c r="U256" s="2">
        <v>7.4359999999999999</v>
      </c>
      <c r="V256" s="2">
        <v>6.2530000000000001</v>
      </c>
      <c r="W256" s="2">
        <v>7.8E-2</v>
      </c>
      <c r="X256" s="2">
        <v>12</v>
      </c>
      <c r="Y256" s="2">
        <v>42.5</v>
      </c>
      <c r="Z256" s="2">
        <v>152.4</v>
      </c>
      <c r="AA256" s="5">
        <v>10</v>
      </c>
      <c r="AB256" s="5" t="s">
        <v>43</v>
      </c>
      <c r="AC256" s="5" t="s">
        <v>44</v>
      </c>
      <c r="AD256" s="2" t="s">
        <v>26357</v>
      </c>
      <c r="AE256" s="1"/>
    </row>
    <row r="257" spans="1:31">
      <c r="A257" s="5" t="s">
        <v>116</v>
      </c>
      <c r="B257" s="21"/>
      <c r="C257" s="2" t="s">
        <v>26388</v>
      </c>
      <c r="D257" s="14" t="s">
        <v>26389</v>
      </c>
      <c r="E257" s="2" t="s">
        <v>26390</v>
      </c>
      <c r="F257" s="2" t="s">
        <v>26351</v>
      </c>
      <c r="G257" s="8">
        <v>123</v>
      </c>
      <c r="H257" s="5">
        <v>5</v>
      </c>
      <c r="I257" s="5" t="s">
        <v>69</v>
      </c>
      <c r="J257" s="5" t="s">
        <v>24629</v>
      </c>
      <c r="K257" s="2" t="s">
        <v>24630</v>
      </c>
      <c r="L257" s="5" t="s">
        <v>24629</v>
      </c>
      <c r="M257" s="2" t="s">
        <v>24630</v>
      </c>
      <c r="N257" s="5" t="s">
        <v>24254</v>
      </c>
      <c r="O257" s="5" t="s">
        <v>38</v>
      </c>
      <c r="P257" s="5" t="s">
        <v>39</v>
      </c>
      <c r="Q257" s="5" t="s">
        <v>40</v>
      </c>
      <c r="R257" s="5" t="s">
        <v>24335</v>
      </c>
      <c r="S257" s="5" t="s">
        <v>40</v>
      </c>
      <c r="T257" s="5" t="s">
        <v>42</v>
      </c>
      <c r="U257" s="2">
        <v>6.069</v>
      </c>
      <c r="V257" s="2">
        <v>4.6429999999999998</v>
      </c>
      <c r="W257" s="2">
        <v>7.3999999999999996E-2</v>
      </c>
      <c r="X257" s="2">
        <v>12</v>
      </c>
      <c r="Y257" s="2">
        <v>42.5</v>
      </c>
      <c r="Z257" s="2">
        <v>144.4</v>
      </c>
      <c r="AA257" s="5">
        <v>20</v>
      </c>
      <c r="AB257" s="5" t="s">
        <v>43</v>
      </c>
      <c r="AC257" s="5" t="s">
        <v>44</v>
      </c>
      <c r="AD257" s="2" t="s">
        <v>26352</v>
      </c>
      <c r="AE257" s="1"/>
    </row>
    <row r="258" spans="1:31">
      <c r="A258" s="5" t="s">
        <v>116</v>
      </c>
      <c r="B258" s="21"/>
      <c r="C258" s="2" t="s">
        <v>26391</v>
      </c>
      <c r="D258" s="14" t="s">
        <v>26392</v>
      </c>
      <c r="E258" s="2" t="s">
        <v>26393</v>
      </c>
      <c r="F258" s="2" t="s">
        <v>26356</v>
      </c>
      <c r="G258" s="8">
        <v>167</v>
      </c>
      <c r="H258" s="5">
        <v>5</v>
      </c>
      <c r="I258" s="5" t="s">
        <v>69</v>
      </c>
      <c r="J258" s="5" t="s">
        <v>24629</v>
      </c>
      <c r="K258" s="2" t="s">
        <v>24630</v>
      </c>
      <c r="L258" s="5" t="s">
        <v>24629</v>
      </c>
      <c r="M258" s="2" t="s">
        <v>24630</v>
      </c>
      <c r="N258" s="5" t="s">
        <v>24254</v>
      </c>
      <c r="O258" s="5" t="s">
        <v>38</v>
      </c>
      <c r="P258" s="5" t="s">
        <v>39</v>
      </c>
      <c r="Q258" s="5" t="s">
        <v>40</v>
      </c>
      <c r="R258" s="5" t="s">
        <v>24335</v>
      </c>
      <c r="S258" s="5" t="s">
        <v>40</v>
      </c>
      <c r="T258" s="5" t="s">
        <v>42</v>
      </c>
      <c r="U258" s="2">
        <v>7.101</v>
      </c>
      <c r="V258" s="2">
        <v>5.9710000000000001</v>
      </c>
      <c r="W258" s="2">
        <v>7.3999999999999996E-2</v>
      </c>
      <c r="X258" s="2">
        <v>12</v>
      </c>
      <c r="Y258" s="2">
        <v>42.5</v>
      </c>
      <c r="Z258" s="2">
        <v>144.4</v>
      </c>
      <c r="AA258" s="5">
        <v>10</v>
      </c>
      <c r="AB258" s="5" t="s">
        <v>43</v>
      </c>
      <c r="AC258" s="5" t="s">
        <v>44</v>
      </c>
      <c r="AD258" s="2" t="s">
        <v>26357</v>
      </c>
      <c r="AE258" s="1"/>
    </row>
    <row r="259" spans="1:31">
      <c r="A259" s="5" t="s">
        <v>116</v>
      </c>
      <c r="B259" s="21"/>
      <c r="C259" s="2" t="s">
        <v>26394</v>
      </c>
      <c r="D259" s="14" t="s">
        <v>26395</v>
      </c>
      <c r="E259" s="2" t="s">
        <v>26396</v>
      </c>
      <c r="F259" s="2" t="s">
        <v>26351</v>
      </c>
      <c r="G259" s="8">
        <v>129</v>
      </c>
      <c r="H259" s="5">
        <v>5</v>
      </c>
      <c r="I259" s="5" t="s">
        <v>69</v>
      </c>
      <c r="J259" s="5" t="s">
        <v>24629</v>
      </c>
      <c r="K259" s="2" t="s">
        <v>24630</v>
      </c>
      <c r="L259" s="5" t="s">
        <v>24629</v>
      </c>
      <c r="M259" s="2" t="s">
        <v>24630</v>
      </c>
      <c r="N259" s="5" t="s">
        <v>24254</v>
      </c>
      <c r="O259" s="5" t="s">
        <v>38</v>
      </c>
      <c r="P259" s="5" t="s">
        <v>39</v>
      </c>
      <c r="Q259" s="5" t="s">
        <v>40</v>
      </c>
      <c r="R259" s="5" t="s">
        <v>24335</v>
      </c>
      <c r="S259" s="5" t="s">
        <v>40</v>
      </c>
      <c r="T259" s="5" t="s">
        <v>42</v>
      </c>
      <c r="U259" s="2">
        <v>6.0279999999999996</v>
      </c>
      <c r="V259" s="2">
        <v>4.8979999999999997</v>
      </c>
      <c r="W259" s="2">
        <v>7.3999999999999996E-2</v>
      </c>
      <c r="X259" s="2">
        <v>12</v>
      </c>
      <c r="Y259" s="2">
        <v>42.5</v>
      </c>
      <c r="Z259" s="2">
        <v>144.4</v>
      </c>
      <c r="AA259" s="5">
        <v>20</v>
      </c>
      <c r="AB259" s="5" t="s">
        <v>43</v>
      </c>
      <c r="AC259" s="5" t="s">
        <v>44</v>
      </c>
      <c r="AD259" s="2" t="s">
        <v>26352</v>
      </c>
      <c r="AE259" s="1"/>
    </row>
    <row r="260" spans="1:31">
      <c r="A260" s="5" t="s">
        <v>116</v>
      </c>
      <c r="B260" s="21"/>
      <c r="C260" s="2" t="s">
        <v>26397</v>
      </c>
      <c r="D260" s="14" t="s">
        <v>26398</v>
      </c>
      <c r="E260" s="2" t="s">
        <v>26399</v>
      </c>
      <c r="F260" s="2" t="s">
        <v>26356</v>
      </c>
      <c r="G260" s="8">
        <v>176</v>
      </c>
      <c r="H260" s="5">
        <v>5</v>
      </c>
      <c r="I260" s="5" t="s">
        <v>69</v>
      </c>
      <c r="J260" s="5" t="s">
        <v>24629</v>
      </c>
      <c r="K260" s="2" t="s">
        <v>24630</v>
      </c>
      <c r="L260" s="5" t="s">
        <v>24629</v>
      </c>
      <c r="M260" s="2" t="s">
        <v>24630</v>
      </c>
      <c r="N260" s="5" t="s">
        <v>24254</v>
      </c>
      <c r="O260" s="5" t="s">
        <v>38</v>
      </c>
      <c r="P260" s="5" t="s">
        <v>39</v>
      </c>
      <c r="Q260" s="5" t="s">
        <v>40</v>
      </c>
      <c r="R260" s="5" t="s">
        <v>24335</v>
      </c>
      <c r="S260" s="5" t="s">
        <v>40</v>
      </c>
      <c r="T260" s="5" t="s">
        <v>42</v>
      </c>
      <c r="U260" s="2">
        <v>7.4740000000000002</v>
      </c>
      <c r="V260" s="2">
        <v>6.3440000000000003</v>
      </c>
      <c r="W260" s="2">
        <v>7.3999999999999996E-2</v>
      </c>
      <c r="X260" s="2">
        <v>12</v>
      </c>
      <c r="Y260" s="2">
        <v>42.5</v>
      </c>
      <c r="Z260" s="2">
        <v>144.4</v>
      </c>
      <c r="AA260" s="5">
        <v>10</v>
      </c>
      <c r="AB260" s="5" t="s">
        <v>43</v>
      </c>
      <c r="AC260" s="5" t="s">
        <v>44</v>
      </c>
      <c r="AD260" s="2" t="s">
        <v>26357</v>
      </c>
      <c r="AE260" s="1"/>
    </row>
    <row r="261" spans="1:31">
      <c r="A261" s="5" t="s">
        <v>116</v>
      </c>
      <c r="B261" s="21"/>
      <c r="C261" s="2" t="s">
        <v>26400</v>
      </c>
      <c r="D261" s="14" t="s">
        <v>26401</v>
      </c>
      <c r="E261" s="2" t="s">
        <v>26402</v>
      </c>
      <c r="F261" s="2" t="s">
        <v>26351</v>
      </c>
      <c r="G261" s="8">
        <v>136</v>
      </c>
      <c r="H261" s="5">
        <v>5</v>
      </c>
      <c r="I261" s="5" t="s">
        <v>69</v>
      </c>
      <c r="J261" s="5" t="s">
        <v>24629</v>
      </c>
      <c r="K261" s="2" t="s">
        <v>24630</v>
      </c>
      <c r="L261" s="5" t="s">
        <v>24629</v>
      </c>
      <c r="M261" s="2" t="s">
        <v>24630</v>
      </c>
      <c r="N261" s="5" t="s">
        <v>24254</v>
      </c>
      <c r="O261" s="5" t="s">
        <v>38</v>
      </c>
      <c r="P261" s="5" t="s">
        <v>39</v>
      </c>
      <c r="Q261" s="5" t="s">
        <v>40</v>
      </c>
      <c r="R261" s="5" t="s">
        <v>24335</v>
      </c>
      <c r="S261" s="5" t="s">
        <v>40</v>
      </c>
      <c r="T261" s="5" t="s">
        <v>42</v>
      </c>
      <c r="U261" s="2">
        <v>6.3140000000000001</v>
      </c>
      <c r="V261" s="2">
        <v>5.1310000000000002</v>
      </c>
      <c r="W261" s="2">
        <v>7.8E-2</v>
      </c>
      <c r="X261" s="2">
        <v>12</v>
      </c>
      <c r="Y261" s="2">
        <v>42.5</v>
      </c>
      <c r="Z261" s="2">
        <v>152.4</v>
      </c>
      <c r="AA261" s="5">
        <v>20</v>
      </c>
      <c r="AB261" s="5" t="s">
        <v>43</v>
      </c>
      <c r="AC261" s="5" t="s">
        <v>44</v>
      </c>
      <c r="AD261" s="2" t="s">
        <v>26352</v>
      </c>
      <c r="AE261" s="1"/>
    </row>
    <row r="262" spans="1:31">
      <c r="A262" s="5" t="s">
        <v>116</v>
      </c>
      <c r="B262" s="21"/>
      <c r="C262" s="2" t="s">
        <v>26403</v>
      </c>
      <c r="D262" s="14" t="s">
        <v>26404</v>
      </c>
      <c r="E262" s="2" t="s">
        <v>26405</v>
      </c>
      <c r="F262" s="2" t="s">
        <v>26356</v>
      </c>
      <c r="G262" s="8">
        <v>185</v>
      </c>
      <c r="H262" s="5">
        <v>5</v>
      </c>
      <c r="I262" s="5" t="s">
        <v>69</v>
      </c>
      <c r="J262" s="5" t="s">
        <v>24629</v>
      </c>
      <c r="K262" s="2" t="s">
        <v>24630</v>
      </c>
      <c r="L262" s="5" t="s">
        <v>24629</v>
      </c>
      <c r="M262" s="2" t="s">
        <v>24630</v>
      </c>
      <c r="N262" s="5" t="s">
        <v>24254</v>
      </c>
      <c r="O262" s="5" t="s">
        <v>38</v>
      </c>
      <c r="P262" s="5" t="s">
        <v>39</v>
      </c>
      <c r="Q262" s="5" t="s">
        <v>40</v>
      </c>
      <c r="R262" s="5" t="s">
        <v>24335</v>
      </c>
      <c r="S262" s="5" t="s">
        <v>40</v>
      </c>
      <c r="T262" s="5" t="s">
        <v>42</v>
      </c>
      <c r="U262" s="2">
        <v>7.9219999999999997</v>
      </c>
      <c r="V262" s="2">
        <v>6.7389999999999999</v>
      </c>
      <c r="W262" s="2">
        <v>7.8E-2</v>
      </c>
      <c r="X262" s="2">
        <v>12</v>
      </c>
      <c r="Y262" s="2">
        <v>42.5</v>
      </c>
      <c r="Z262" s="2">
        <v>152.4</v>
      </c>
      <c r="AA262" s="5">
        <v>10</v>
      </c>
      <c r="AB262" s="5" t="s">
        <v>43</v>
      </c>
      <c r="AC262" s="5" t="s">
        <v>44</v>
      </c>
      <c r="AD262" s="2" t="s">
        <v>26357</v>
      </c>
      <c r="AE262" s="1"/>
    </row>
    <row r="263" spans="1:31">
      <c r="A263" s="5" t="s">
        <v>116</v>
      </c>
      <c r="B263" s="21"/>
      <c r="C263" s="2" t="s">
        <v>26406</v>
      </c>
      <c r="D263" s="14" t="s">
        <v>26407</v>
      </c>
      <c r="E263" s="2" t="s">
        <v>26408</v>
      </c>
      <c r="F263" s="2" t="s">
        <v>26351</v>
      </c>
      <c r="G263" s="8">
        <v>155</v>
      </c>
      <c r="H263" s="5">
        <v>5</v>
      </c>
      <c r="I263" s="5" t="s">
        <v>69</v>
      </c>
      <c r="J263" s="5" t="s">
        <v>24629</v>
      </c>
      <c r="K263" s="2" t="s">
        <v>24630</v>
      </c>
      <c r="L263" s="5" t="s">
        <v>24629</v>
      </c>
      <c r="M263" s="2" t="s">
        <v>24630</v>
      </c>
      <c r="N263" s="5" t="s">
        <v>24254</v>
      </c>
      <c r="O263" s="5" t="s">
        <v>38</v>
      </c>
      <c r="P263" s="5" t="s">
        <v>39</v>
      </c>
      <c r="Q263" s="5" t="s">
        <v>40</v>
      </c>
      <c r="R263" s="5" t="s">
        <v>24335</v>
      </c>
      <c r="S263" s="5" t="s">
        <v>40</v>
      </c>
      <c r="T263" s="5" t="s">
        <v>42</v>
      </c>
      <c r="U263" s="2">
        <v>6.7750000000000004</v>
      </c>
      <c r="V263" s="2">
        <v>5.3490000000000002</v>
      </c>
      <c r="W263" s="2">
        <v>9.6000000000000002E-2</v>
      </c>
      <c r="X263" s="2">
        <v>12</v>
      </c>
      <c r="Y263" s="2">
        <v>42.5</v>
      </c>
      <c r="Z263" s="2">
        <v>188.9</v>
      </c>
      <c r="AA263" s="5">
        <v>20</v>
      </c>
      <c r="AB263" s="5" t="s">
        <v>43</v>
      </c>
      <c r="AC263" s="5" t="s">
        <v>44</v>
      </c>
      <c r="AD263" s="2" t="s">
        <v>26352</v>
      </c>
      <c r="AE263" s="1"/>
    </row>
    <row r="264" spans="1:31">
      <c r="A264" s="5" t="s">
        <v>116</v>
      </c>
      <c r="B264" s="21"/>
      <c r="C264" s="2" t="s">
        <v>26409</v>
      </c>
      <c r="D264" s="14" t="s">
        <v>26410</v>
      </c>
      <c r="E264" s="2" t="s">
        <v>26411</v>
      </c>
      <c r="F264" s="2" t="s">
        <v>26356</v>
      </c>
      <c r="G264" s="8">
        <v>211</v>
      </c>
      <c r="H264" s="5">
        <v>5</v>
      </c>
      <c r="I264" s="5" t="s">
        <v>69</v>
      </c>
      <c r="J264" s="5" t="s">
        <v>24629</v>
      </c>
      <c r="K264" s="2" t="s">
        <v>24630</v>
      </c>
      <c r="L264" s="5" t="s">
        <v>24629</v>
      </c>
      <c r="M264" s="2" t="s">
        <v>24630</v>
      </c>
      <c r="N264" s="5" t="s">
        <v>24254</v>
      </c>
      <c r="O264" s="5" t="s">
        <v>38</v>
      </c>
      <c r="P264" s="5" t="s">
        <v>39</v>
      </c>
      <c r="Q264" s="5" t="s">
        <v>40</v>
      </c>
      <c r="R264" s="5" t="s">
        <v>24335</v>
      </c>
      <c r="S264" s="5" t="s">
        <v>40</v>
      </c>
      <c r="T264" s="5" t="s">
        <v>42</v>
      </c>
      <c r="U264" s="2">
        <v>8.5350000000000001</v>
      </c>
      <c r="V264" s="2">
        <v>7.109</v>
      </c>
      <c r="W264" s="2">
        <v>9.6000000000000002E-2</v>
      </c>
      <c r="X264" s="2">
        <v>12</v>
      </c>
      <c r="Y264" s="2">
        <v>42.5</v>
      </c>
      <c r="Z264" s="2">
        <v>188.9</v>
      </c>
      <c r="AA264" s="5">
        <v>10</v>
      </c>
      <c r="AB264" s="5" t="s">
        <v>43</v>
      </c>
      <c r="AC264" s="5" t="s">
        <v>44</v>
      </c>
      <c r="AD264" s="2" t="s">
        <v>26357</v>
      </c>
      <c r="AE264" s="1"/>
    </row>
    <row r="265" spans="1:31">
      <c r="A265" s="5" t="s">
        <v>116</v>
      </c>
      <c r="B265" s="21"/>
      <c r="C265" s="2" t="s">
        <v>26412</v>
      </c>
      <c r="D265" s="14" t="s">
        <v>26413</v>
      </c>
      <c r="E265" s="2" t="s">
        <v>26414</v>
      </c>
      <c r="F265" s="2" t="s">
        <v>26351</v>
      </c>
      <c r="G265" s="8">
        <v>158</v>
      </c>
      <c r="H265" s="5">
        <v>5</v>
      </c>
      <c r="I265" s="5" t="s">
        <v>69</v>
      </c>
      <c r="J265" s="5" t="s">
        <v>24629</v>
      </c>
      <c r="K265" s="2" t="s">
        <v>24630</v>
      </c>
      <c r="L265" s="5" t="s">
        <v>24629</v>
      </c>
      <c r="M265" s="2" t="s">
        <v>24630</v>
      </c>
      <c r="N265" s="5" t="s">
        <v>24254</v>
      </c>
      <c r="O265" s="5" t="s">
        <v>38</v>
      </c>
      <c r="P265" s="5" t="s">
        <v>39</v>
      </c>
      <c r="Q265" s="5" t="s">
        <v>40</v>
      </c>
      <c r="R265" s="5" t="s">
        <v>24335</v>
      </c>
      <c r="S265" s="5" t="s">
        <v>40</v>
      </c>
      <c r="T265" s="5" t="s">
        <v>42</v>
      </c>
      <c r="U265" s="2">
        <v>6.9550000000000001</v>
      </c>
      <c r="V265" s="2">
        <v>5.5289999999999999</v>
      </c>
      <c r="W265" s="2">
        <v>9.6000000000000002E-2</v>
      </c>
      <c r="X265" s="2">
        <v>12</v>
      </c>
      <c r="Y265" s="2">
        <v>42.5</v>
      </c>
      <c r="Z265" s="2">
        <v>188.9</v>
      </c>
      <c r="AA265" s="5">
        <v>20</v>
      </c>
      <c r="AB265" s="5" t="s">
        <v>43</v>
      </c>
      <c r="AC265" s="5" t="s">
        <v>44</v>
      </c>
      <c r="AD265" s="2" t="s">
        <v>26352</v>
      </c>
      <c r="AE265" s="1"/>
    </row>
    <row r="266" spans="1:31">
      <c r="A266" s="5" t="s">
        <v>116</v>
      </c>
      <c r="B266" s="21"/>
      <c r="C266" s="2" t="s">
        <v>26415</v>
      </c>
      <c r="D266" s="14" t="s">
        <v>26416</v>
      </c>
      <c r="E266" s="2" t="s">
        <v>26417</v>
      </c>
      <c r="F266" s="2" t="s">
        <v>26356</v>
      </c>
      <c r="G266" s="8">
        <v>215</v>
      </c>
      <c r="H266" s="5">
        <v>5</v>
      </c>
      <c r="I266" s="5" t="s">
        <v>69</v>
      </c>
      <c r="J266" s="5" t="s">
        <v>24629</v>
      </c>
      <c r="K266" s="2" t="s">
        <v>24630</v>
      </c>
      <c r="L266" s="5" t="s">
        <v>24629</v>
      </c>
      <c r="M266" s="2" t="s">
        <v>24630</v>
      </c>
      <c r="N266" s="5" t="s">
        <v>24254</v>
      </c>
      <c r="O266" s="5" t="s">
        <v>38</v>
      </c>
      <c r="P266" s="5" t="s">
        <v>39</v>
      </c>
      <c r="Q266" s="5" t="s">
        <v>40</v>
      </c>
      <c r="R266" s="5" t="s">
        <v>24335</v>
      </c>
      <c r="S266" s="5" t="s">
        <v>40</v>
      </c>
      <c r="T266" s="5" t="s">
        <v>42</v>
      </c>
      <c r="U266" s="2">
        <v>10.744999999999999</v>
      </c>
      <c r="V266" s="2">
        <v>7.4630000000000001</v>
      </c>
      <c r="W266" s="2">
        <v>9.6000000000000002E-2</v>
      </c>
      <c r="X266" s="2">
        <v>12</v>
      </c>
      <c r="Y266" s="2">
        <v>42.5</v>
      </c>
      <c r="Z266" s="2">
        <v>188.9</v>
      </c>
      <c r="AA266" s="5">
        <v>10</v>
      </c>
      <c r="AB266" s="5" t="s">
        <v>43</v>
      </c>
      <c r="AC266" s="5" t="s">
        <v>44</v>
      </c>
      <c r="AD266" s="2" t="s">
        <v>26357</v>
      </c>
      <c r="AE266" s="1"/>
    </row>
    <row r="267" spans="1:31">
      <c r="A267" s="5" t="s">
        <v>116</v>
      </c>
      <c r="B267" s="21"/>
      <c r="C267" s="2" t="s">
        <v>26418</v>
      </c>
      <c r="D267" s="14" t="s">
        <v>26419</v>
      </c>
      <c r="E267" s="2" t="s">
        <v>26420</v>
      </c>
      <c r="F267" s="2" t="s">
        <v>26351</v>
      </c>
      <c r="G267" s="8">
        <v>147</v>
      </c>
      <c r="H267" s="5">
        <v>5</v>
      </c>
      <c r="I267" s="5" t="s">
        <v>69</v>
      </c>
      <c r="J267" s="5" t="s">
        <v>24629</v>
      </c>
      <c r="K267" s="2" t="s">
        <v>24630</v>
      </c>
      <c r="L267" s="5" t="s">
        <v>24629</v>
      </c>
      <c r="M267" s="2" t="s">
        <v>24630</v>
      </c>
      <c r="N267" s="5" t="s">
        <v>24254</v>
      </c>
      <c r="O267" s="5" t="s">
        <v>38</v>
      </c>
      <c r="P267" s="5" t="s">
        <v>39</v>
      </c>
      <c r="Q267" s="5" t="s">
        <v>40</v>
      </c>
      <c r="R267" s="5" t="s">
        <v>24335</v>
      </c>
      <c r="S267" s="5" t="s">
        <v>40</v>
      </c>
      <c r="T267" s="5" t="s">
        <v>42</v>
      </c>
      <c r="U267" s="2">
        <v>6.5140000000000002</v>
      </c>
      <c r="V267" s="2">
        <v>5.0880000000000001</v>
      </c>
      <c r="W267" s="2">
        <v>8.4000000000000005E-2</v>
      </c>
      <c r="X267" s="2">
        <v>12</v>
      </c>
      <c r="Y267" s="2">
        <v>42.5</v>
      </c>
      <c r="Z267" s="2">
        <v>164.4</v>
      </c>
      <c r="AA267" s="5">
        <v>20</v>
      </c>
      <c r="AB267" s="5" t="s">
        <v>43</v>
      </c>
      <c r="AC267" s="5" t="s">
        <v>44</v>
      </c>
      <c r="AD267" s="2" t="s">
        <v>26352</v>
      </c>
      <c r="AE267" s="1"/>
    </row>
    <row r="268" spans="1:31">
      <c r="A268" s="5" t="s">
        <v>116</v>
      </c>
      <c r="B268" s="21"/>
      <c r="C268" s="2" t="s">
        <v>26421</v>
      </c>
      <c r="D268" s="14" t="s">
        <v>26422</v>
      </c>
      <c r="E268" s="2" t="s">
        <v>26423</v>
      </c>
      <c r="F268" s="2" t="s">
        <v>26356</v>
      </c>
      <c r="G268" s="8">
        <v>201</v>
      </c>
      <c r="H268" s="5">
        <v>5</v>
      </c>
      <c r="I268" s="5" t="s">
        <v>69</v>
      </c>
      <c r="J268" s="5" t="s">
        <v>24629</v>
      </c>
      <c r="K268" s="2" t="s">
        <v>24630</v>
      </c>
      <c r="L268" s="5" t="s">
        <v>24629</v>
      </c>
      <c r="M268" s="2" t="s">
        <v>24630</v>
      </c>
      <c r="N268" s="5" t="s">
        <v>24254</v>
      </c>
      <c r="O268" s="5" t="s">
        <v>38</v>
      </c>
      <c r="P268" s="5" t="s">
        <v>39</v>
      </c>
      <c r="Q268" s="5" t="s">
        <v>40</v>
      </c>
      <c r="R268" s="5" t="s">
        <v>24335</v>
      </c>
      <c r="S268" s="5" t="s">
        <v>40</v>
      </c>
      <c r="T268" s="5" t="s">
        <v>42</v>
      </c>
      <c r="U268" s="2">
        <v>7.9349999999999996</v>
      </c>
      <c r="V268" s="2">
        <v>6.6719999999999997</v>
      </c>
      <c r="W268" s="2">
        <v>8.4000000000000005E-2</v>
      </c>
      <c r="X268" s="2">
        <v>12</v>
      </c>
      <c r="Y268" s="2">
        <v>42.5</v>
      </c>
      <c r="Z268" s="2">
        <v>164.4</v>
      </c>
      <c r="AA268" s="5">
        <v>10</v>
      </c>
      <c r="AB268" s="5" t="s">
        <v>43</v>
      </c>
      <c r="AC268" s="5" t="s">
        <v>44</v>
      </c>
      <c r="AD268" s="2" t="s">
        <v>26357</v>
      </c>
      <c r="AE268" s="1"/>
    </row>
    <row r="269" spans="1:31">
      <c r="A269" s="5" t="s">
        <v>116</v>
      </c>
      <c r="B269" s="21"/>
      <c r="C269" s="2" t="s">
        <v>26424</v>
      </c>
      <c r="D269" s="14" t="s">
        <v>26425</v>
      </c>
      <c r="E269" s="2" t="s">
        <v>26426</v>
      </c>
      <c r="F269" s="2" t="s">
        <v>26351</v>
      </c>
      <c r="G269" s="8">
        <v>155</v>
      </c>
      <c r="H269" s="5">
        <v>5</v>
      </c>
      <c r="I269" s="5" t="s">
        <v>69</v>
      </c>
      <c r="J269" s="5" t="s">
        <v>24629</v>
      </c>
      <c r="K269" s="2" t="s">
        <v>24630</v>
      </c>
      <c r="L269" s="5" t="s">
        <v>24629</v>
      </c>
      <c r="M269" s="2" t="s">
        <v>24630</v>
      </c>
      <c r="N269" s="5" t="s">
        <v>24254</v>
      </c>
      <c r="O269" s="5" t="s">
        <v>38</v>
      </c>
      <c r="P269" s="5" t="s">
        <v>39</v>
      </c>
      <c r="Q269" s="5" t="s">
        <v>40</v>
      </c>
      <c r="R269" s="5" t="s">
        <v>24335</v>
      </c>
      <c r="S269" s="5" t="s">
        <v>40</v>
      </c>
      <c r="T269" s="5" t="s">
        <v>42</v>
      </c>
      <c r="U269" s="2">
        <v>6.7519999999999998</v>
      </c>
      <c r="V269" s="2">
        <v>5.3259999999999996</v>
      </c>
      <c r="W269" s="2">
        <v>8.4000000000000005E-2</v>
      </c>
      <c r="X269" s="2">
        <v>12</v>
      </c>
      <c r="Y269" s="2">
        <v>42.5</v>
      </c>
      <c r="Z269" s="2">
        <v>164.4</v>
      </c>
      <c r="AA269" s="5">
        <v>20</v>
      </c>
      <c r="AB269" s="5" t="s">
        <v>43</v>
      </c>
      <c r="AC269" s="5" t="s">
        <v>44</v>
      </c>
      <c r="AD269" s="2" t="s">
        <v>26352</v>
      </c>
      <c r="AE269" s="1"/>
    </row>
    <row r="270" spans="1:31">
      <c r="A270" s="5" t="s">
        <v>116</v>
      </c>
      <c r="B270" s="21"/>
      <c r="C270" s="2" t="s">
        <v>26427</v>
      </c>
      <c r="D270" s="14" t="s">
        <v>26428</v>
      </c>
      <c r="E270" s="2" t="s">
        <v>26429</v>
      </c>
      <c r="F270" s="2" t="s">
        <v>26356</v>
      </c>
      <c r="G270" s="8">
        <v>211</v>
      </c>
      <c r="H270" s="5">
        <v>5</v>
      </c>
      <c r="I270" s="5" t="s">
        <v>69</v>
      </c>
      <c r="J270" s="5" t="s">
        <v>24629</v>
      </c>
      <c r="K270" s="2" t="s">
        <v>24630</v>
      </c>
      <c r="L270" s="5" t="s">
        <v>24629</v>
      </c>
      <c r="M270" s="2" t="s">
        <v>24630</v>
      </c>
      <c r="N270" s="5" t="s">
        <v>24254</v>
      </c>
      <c r="O270" s="5" t="s">
        <v>38</v>
      </c>
      <c r="P270" s="5" t="s">
        <v>39</v>
      </c>
      <c r="Q270" s="5" t="s">
        <v>40</v>
      </c>
      <c r="R270" s="5" t="s">
        <v>24335</v>
      </c>
      <c r="S270" s="5" t="s">
        <v>40</v>
      </c>
      <c r="T270" s="5" t="s">
        <v>42</v>
      </c>
      <c r="U270" s="2">
        <v>8.3350000000000009</v>
      </c>
      <c r="V270" s="2">
        <v>7.0720000000000001</v>
      </c>
      <c r="W270" s="2">
        <v>8.4000000000000005E-2</v>
      </c>
      <c r="X270" s="2">
        <v>12</v>
      </c>
      <c r="Y270" s="2">
        <v>42.5</v>
      </c>
      <c r="Z270" s="2">
        <v>164.4</v>
      </c>
      <c r="AA270" s="5">
        <v>10</v>
      </c>
      <c r="AB270" s="5" t="s">
        <v>43</v>
      </c>
      <c r="AC270" s="5" t="s">
        <v>44</v>
      </c>
      <c r="AD270" s="2" t="s">
        <v>26357</v>
      </c>
      <c r="AE270" s="1"/>
    </row>
    <row r="271" spans="1:31">
      <c r="A271" s="5" t="s">
        <v>116</v>
      </c>
      <c r="B271" s="21"/>
      <c r="C271" s="2" t="s">
        <v>26430</v>
      </c>
      <c r="D271" s="14" t="s">
        <v>26431</v>
      </c>
      <c r="E271" s="2" t="s">
        <v>26432</v>
      </c>
      <c r="F271" s="2" t="s">
        <v>26351</v>
      </c>
      <c r="G271" s="8">
        <v>164</v>
      </c>
      <c r="H271" s="5">
        <v>5</v>
      </c>
      <c r="I271" s="5" t="s">
        <v>69</v>
      </c>
      <c r="J271" s="5" t="s">
        <v>24629</v>
      </c>
      <c r="K271" s="2" t="s">
        <v>24630</v>
      </c>
      <c r="L271" s="5" t="s">
        <v>24629</v>
      </c>
      <c r="M271" s="2" t="s">
        <v>24630</v>
      </c>
      <c r="N271" s="5" t="s">
        <v>24254</v>
      </c>
      <c r="O271" s="5" t="s">
        <v>38</v>
      </c>
      <c r="P271" s="5" t="s">
        <v>39</v>
      </c>
      <c r="Q271" s="5" t="s">
        <v>40</v>
      </c>
      <c r="R271" s="5" t="s">
        <v>24335</v>
      </c>
      <c r="S271" s="5" t="s">
        <v>40</v>
      </c>
      <c r="T271" s="5" t="s">
        <v>42</v>
      </c>
      <c r="U271" s="2">
        <v>6.9690000000000003</v>
      </c>
      <c r="V271" s="2">
        <v>5.5430000000000001</v>
      </c>
      <c r="W271" s="2">
        <v>9.6000000000000002E-2</v>
      </c>
      <c r="X271" s="2">
        <v>12</v>
      </c>
      <c r="Y271" s="2">
        <v>42.5</v>
      </c>
      <c r="Z271" s="2">
        <v>188.9</v>
      </c>
      <c r="AA271" s="5">
        <v>20</v>
      </c>
      <c r="AB271" s="5" t="s">
        <v>43</v>
      </c>
      <c r="AC271" s="5" t="s">
        <v>44</v>
      </c>
      <c r="AD271" s="2" t="s">
        <v>26352</v>
      </c>
      <c r="AE271" s="1"/>
    </row>
    <row r="272" spans="1:31">
      <c r="A272" s="5" t="s">
        <v>116</v>
      </c>
      <c r="B272" s="21"/>
      <c r="C272" s="2" t="s">
        <v>26433</v>
      </c>
      <c r="D272" s="14" t="s">
        <v>26434</v>
      </c>
      <c r="E272" s="2" t="s">
        <v>26435</v>
      </c>
      <c r="F272" s="2" t="s">
        <v>26356</v>
      </c>
      <c r="G272" s="8">
        <v>224</v>
      </c>
      <c r="H272" s="5">
        <v>5</v>
      </c>
      <c r="I272" s="5" t="s">
        <v>69</v>
      </c>
      <c r="J272" s="5" t="s">
        <v>24629</v>
      </c>
      <c r="K272" s="2" t="s">
        <v>24630</v>
      </c>
      <c r="L272" s="5" t="s">
        <v>24629</v>
      </c>
      <c r="M272" s="2" t="s">
        <v>24630</v>
      </c>
      <c r="N272" s="5" t="s">
        <v>24254</v>
      </c>
      <c r="O272" s="5" t="s">
        <v>38</v>
      </c>
      <c r="P272" s="5" t="s">
        <v>39</v>
      </c>
      <c r="Q272" s="5" t="s">
        <v>40</v>
      </c>
      <c r="R272" s="5" t="s">
        <v>24335</v>
      </c>
      <c r="S272" s="5" t="s">
        <v>40</v>
      </c>
      <c r="T272" s="5" t="s">
        <v>42</v>
      </c>
      <c r="U272" s="2">
        <v>8.8670000000000009</v>
      </c>
      <c r="V272" s="2">
        <v>7.4409999999999998</v>
      </c>
      <c r="W272" s="2">
        <v>9.6000000000000002E-2</v>
      </c>
      <c r="X272" s="2">
        <v>12</v>
      </c>
      <c r="Y272" s="2">
        <v>42.5</v>
      </c>
      <c r="Z272" s="2">
        <v>188.9</v>
      </c>
      <c r="AA272" s="5">
        <v>10</v>
      </c>
      <c r="AB272" s="5" t="s">
        <v>43</v>
      </c>
      <c r="AC272" s="5" t="s">
        <v>44</v>
      </c>
      <c r="AD272" s="2" t="s">
        <v>26357</v>
      </c>
      <c r="AE272" s="1"/>
    </row>
    <row r="273" spans="1:31">
      <c r="A273" s="5" t="s">
        <v>116</v>
      </c>
      <c r="B273" s="21"/>
      <c r="C273" s="2" t="s">
        <v>26436</v>
      </c>
      <c r="D273" s="14" t="s">
        <v>26437</v>
      </c>
      <c r="E273" s="2" t="s">
        <v>26438</v>
      </c>
      <c r="F273" s="2" t="s">
        <v>26351</v>
      </c>
      <c r="G273" s="8">
        <v>155</v>
      </c>
      <c r="H273" s="5">
        <v>5</v>
      </c>
      <c r="I273" s="5" t="s">
        <v>69</v>
      </c>
      <c r="J273" s="5" t="s">
        <v>24629</v>
      </c>
      <c r="K273" s="2" t="s">
        <v>24630</v>
      </c>
      <c r="L273" s="5" t="s">
        <v>24629</v>
      </c>
      <c r="M273" s="2" t="s">
        <v>24630</v>
      </c>
      <c r="N273" s="5" t="s">
        <v>24254</v>
      </c>
      <c r="O273" s="5" t="s">
        <v>38</v>
      </c>
      <c r="P273" s="5" t="s">
        <v>39</v>
      </c>
      <c r="Q273" s="5" t="s">
        <v>40</v>
      </c>
      <c r="R273" s="5" t="s">
        <v>24335</v>
      </c>
      <c r="S273" s="5" t="s">
        <v>40</v>
      </c>
      <c r="T273" s="5" t="s">
        <v>42</v>
      </c>
      <c r="U273" s="2">
        <v>6.9290000000000003</v>
      </c>
      <c r="V273" s="2">
        <v>5.5030000000000001</v>
      </c>
      <c r="W273" s="2">
        <v>9.6000000000000002E-2</v>
      </c>
      <c r="X273" s="2">
        <v>12</v>
      </c>
      <c r="Y273" s="2">
        <v>42.5</v>
      </c>
      <c r="Z273" s="2">
        <v>188.9</v>
      </c>
      <c r="AA273" s="5">
        <v>20</v>
      </c>
      <c r="AB273" s="5" t="s">
        <v>43</v>
      </c>
      <c r="AC273" s="5" t="s">
        <v>44</v>
      </c>
      <c r="AD273" s="2" t="s">
        <v>26352</v>
      </c>
      <c r="AE273" s="1"/>
    </row>
    <row r="274" spans="1:31">
      <c r="A274" s="5" t="s">
        <v>116</v>
      </c>
      <c r="B274" s="21"/>
      <c r="C274" s="2" t="s">
        <v>26439</v>
      </c>
      <c r="D274" s="14" t="s">
        <v>26440</v>
      </c>
      <c r="E274" s="2" t="s">
        <v>26441</v>
      </c>
      <c r="F274" s="2" t="s">
        <v>26356</v>
      </c>
      <c r="G274" s="8">
        <v>211</v>
      </c>
      <c r="H274" s="5">
        <v>5</v>
      </c>
      <c r="I274" s="5" t="s">
        <v>69</v>
      </c>
      <c r="J274" s="5" t="s">
        <v>24629</v>
      </c>
      <c r="K274" s="2" t="s">
        <v>24630</v>
      </c>
      <c r="L274" s="5" t="s">
        <v>24629</v>
      </c>
      <c r="M274" s="2" t="s">
        <v>24630</v>
      </c>
      <c r="N274" s="5" t="s">
        <v>24254</v>
      </c>
      <c r="O274" s="5" t="s">
        <v>38</v>
      </c>
      <c r="P274" s="5" t="s">
        <v>39</v>
      </c>
      <c r="Q274" s="5" t="s">
        <v>40</v>
      </c>
      <c r="R274" s="5" t="s">
        <v>24335</v>
      </c>
      <c r="S274" s="5" t="s">
        <v>40</v>
      </c>
      <c r="T274" s="5" t="s">
        <v>42</v>
      </c>
      <c r="U274" s="2">
        <v>8.6470000000000002</v>
      </c>
      <c r="V274" s="2">
        <v>7.2210000000000001</v>
      </c>
      <c r="W274" s="2">
        <v>9.6000000000000002E-2</v>
      </c>
      <c r="X274" s="2">
        <v>12</v>
      </c>
      <c r="Y274" s="2">
        <v>42.5</v>
      </c>
      <c r="Z274" s="2">
        <v>188.9</v>
      </c>
      <c r="AA274" s="5">
        <v>10</v>
      </c>
      <c r="AB274" s="5" t="s">
        <v>43</v>
      </c>
      <c r="AC274" s="5" t="s">
        <v>44</v>
      </c>
      <c r="AD274" s="2" t="s">
        <v>26357</v>
      </c>
      <c r="AE274" s="1"/>
    </row>
    <row r="275" spans="1:31">
      <c r="A275" s="5" t="s">
        <v>116</v>
      </c>
      <c r="B275" s="21"/>
      <c r="C275" s="2" t="s">
        <v>26442</v>
      </c>
      <c r="D275" s="14" t="s">
        <v>26443</v>
      </c>
      <c r="E275" s="2" t="s">
        <v>26444</v>
      </c>
      <c r="F275" s="2" t="s">
        <v>26351</v>
      </c>
      <c r="G275" s="8">
        <v>159</v>
      </c>
      <c r="H275" s="5">
        <v>5</v>
      </c>
      <c r="I275" s="5" t="s">
        <v>69</v>
      </c>
      <c r="J275" s="5" t="s">
        <v>24629</v>
      </c>
      <c r="K275" s="2" t="s">
        <v>24630</v>
      </c>
      <c r="L275" s="5" t="s">
        <v>24629</v>
      </c>
      <c r="M275" s="2" t="s">
        <v>24630</v>
      </c>
      <c r="N275" s="5" t="s">
        <v>24254</v>
      </c>
      <c r="O275" s="5" t="s">
        <v>38</v>
      </c>
      <c r="P275" s="5" t="s">
        <v>39</v>
      </c>
      <c r="Q275" s="5" t="s">
        <v>40</v>
      </c>
      <c r="R275" s="5" t="s">
        <v>24335</v>
      </c>
      <c r="S275" s="5" t="s">
        <v>40</v>
      </c>
      <c r="T275" s="5" t="s">
        <v>42</v>
      </c>
      <c r="U275" s="2">
        <v>7.1660000000000004</v>
      </c>
      <c r="V275" s="2">
        <v>5.74</v>
      </c>
      <c r="W275" s="2">
        <v>9.6000000000000002E-2</v>
      </c>
      <c r="X275" s="2">
        <v>12</v>
      </c>
      <c r="Y275" s="2">
        <v>42.5</v>
      </c>
      <c r="Z275" s="2">
        <v>188.9</v>
      </c>
      <c r="AA275" s="5">
        <v>20</v>
      </c>
      <c r="AB275" s="5" t="s">
        <v>43</v>
      </c>
      <c r="AC275" s="5" t="s">
        <v>44</v>
      </c>
      <c r="AD275" s="2" t="s">
        <v>26352</v>
      </c>
      <c r="AE275" s="1"/>
    </row>
    <row r="276" spans="1:31">
      <c r="A276" s="5" t="s">
        <v>116</v>
      </c>
      <c r="B276" s="21"/>
      <c r="C276" s="2" t="s">
        <v>26445</v>
      </c>
      <c r="D276" s="14" t="s">
        <v>26446</v>
      </c>
      <c r="E276" s="2" t="s">
        <v>26447</v>
      </c>
      <c r="F276" s="2" t="s">
        <v>26356</v>
      </c>
      <c r="G276" s="8">
        <v>217</v>
      </c>
      <c r="H276" s="5">
        <v>5</v>
      </c>
      <c r="I276" s="5" t="s">
        <v>69</v>
      </c>
      <c r="J276" s="5" t="s">
        <v>24629</v>
      </c>
      <c r="K276" s="2" t="s">
        <v>24630</v>
      </c>
      <c r="L276" s="5" t="s">
        <v>24629</v>
      </c>
      <c r="M276" s="2" t="s">
        <v>24630</v>
      </c>
      <c r="N276" s="5" t="s">
        <v>24254</v>
      </c>
      <c r="O276" s="5" t="s">
        <v>38</v>
      </c>
      <c r="P276" s="5" t="s">
        <v>39</v>
      </c>
      <c r="Q276" s="5" t="s">
        <v>40</v>
      </c>
      <c r="R276" s="5" t="s">
        <v>24335</v>
      </c>
      <c r="S276" s="5" t="s">
        <v>40</v>
      </c>
      <c r="T276" s="5" t="s">
        <v>42</v>
      </c>
      <c r="U276" s="2">
        <v>9.0459999999999994</v>
      </c>
      <c r="V276" s="2">
        <v>7.62</v>
      </c>
      <c r="W276" s="2">
        <v>9.6000000000000002E-2</v>
      </c>
      <c r="X276" s="2">
        <v>12</v>
      </c>
      <c r="Y276" s="2">
        <v>42.5</v>
      </c>
      <c r="Z276" s="2">
        <v>188.9</v>
      </c>
      <c r="AA276" s="5">
        <v>10</v>
      </c>
      <c r="AB276" s="5" t="s">
        <v>43</v>
      </c>
      <c r="AC276" s="5" t="s">
        <v>44</v>
      </c>
      <c r="AD276" s="2" t="s">
        <v>26357</v>
      </c>
      <c r="AE276" s="1"/>
    </row>
    <row r="277" spans="1:31">
      <c r="A277" s="5" t="s">
        <v>116</v>
      </c>
      <c r="B277" s="21"/>
      <c r="C277" s="2" t="s">
        <v>26448</v>
      </c>
      <c r="D277" s="14" t="s">
        <v>26449</v>
      </c>
      <c r="E277" s="2" t="s">
        <v>26450</v>
      </c>
      <c r="F277" s="2" t="s">
        <v>26351</v>
      </c>
      <c r="G277" s="8">
        <v>176</v>
      </c>
      <c r="H277" s="5">
        <v>5</v>
      </c>
      <c r="I277" s="5" t="s">
        <v>69</v>
      </c>
      <c r="J277" s="5" t="s">
        <v>24629</v>
      </c>
      <c r="K277" s="2" t="s">
        <v>24630</v>
      </c>
      <c r="L277" s="5" t="s">
        <v>24629</v>
      </c>
      <c r="M277" s="2" t="s">
        <v>24630</v>
      </c>
      <c r="N277" s="5" t="s">
        <v>24254</v>
      </c>
      <c r="O277" s="5" t="s">
        <v>38</v>
      </c>
      <c r="P277" s="5" t="s">
        <v>39</v>
      </c>
      <c r="Q277" s="5" t="s">
        <v>40</v>
      </c>
      <c r="R277" s="5" t="s">
        <v>24335</v>
      </c>
      <c r="S277" s="5" t="s">
        <v>40</v>
      </c>
      <c r="T277" s="5" t="s">
        <v>42</v>
      </c>
      <c r="U277" s="2">
        <v>7.3840000000000003</v>
      </c>
      <c r="V277" s="2">
        <v>5.9580000000000002</v>
      </c>
      <c r="W277" s="2">
        <v>9.6000000000000002E-2</v>
      </c>
      <c r="X277" s="2">
        <v>12</v>
      </c>
      <c r="Y277" s="2">
        <v>42.5</v>
      </c>
      <c r="Z277" s="2">
        <v>188.9</v>
      </c>
      <c r="AA277" s="5">
        <v>20</v>
      </c>
      <c r="AB277" s="5" t="s">
        <v>43</v>
      </c>
      <c r="AC277" s="5" t="s">
        <v>44</v>
      </c>
      <c r="AD277" s="2" t="s">
        <v>26352</v>
      </c>
      <c r="AE277" s="1"/>
    </row>
    <row r="278" spans="1:31">
      <c r="A278" s="5" t="s">
        <v>116</v>
      </c>
      <c r="B278" s="21"/>
      <c r="C278" s="2" t="s">
        <v>26451</v>
      </c>
      <c r="D278" s="14" t="s">
        <v>26452</v>
      </c>
      <c r="E278" s="2" t="s">
        <v>26453</v>
      </c>
      <c r="F278" s="2" t="s">
        <v>26356</v>
      </c>
      <c r="G278" s="8">
        <v>240</v>
      </c>
      <c r="H278" s="5">
        <v>5</v>
      </c>
      <c r="I278" s="5" t="s">
        <v>69</v>
      </c>
      <c r="J278" s="5" t="s">
        <v>24629</v>
      </c>
      <c r="K278" s="2" t="s">
        <v>24630</v>
      </c>
      <c r="L278" s="5" t="s">
        <v>24629</v>
      </c>
      <c r="M278" s="2" t="s">
        <v>24630</v>
      </c>
      <c r="N278" s="5" t="s">
        <v>24254</v>
      </c>
      <c r="O278" s="5" t="s">
        <v>38</v>
      </c>
      <c r="P278" s="5" t="s">
        <v>39</v>
      </c>
      <c r="Q278" s="5" t="s">
        <v>40</v>
      </c>
      <c r="R278" s="5" t="s">
        <v>24335</v>
      </c>
      <c r="S278" s="5" t="s">
        <v>40</v>
      </c>
      <c r="T278" s="5" t="s">
        <v>42</v>
      </c>
      <c r="U278" s="2">
        <v>10.795999999999999</v>
      </c>
      <c r="V278" s="2">
        <v>7.99</v>
      </c>
      <c r="W278" s="2">
        <v>9.6000000000000002E-2</v>
      </c>
      <c r="X278" s="2">
        <v>12</v>
      </c>
      <c r="Y278" s="2">
        <v>42.5</v>
      </c>
      <c r="Z278" s="2">
        <v>188.9</v>
      </c>
      <c r="AA278" s="5">
        <v>10</v>
      </c>
      <c r="AB278" s="5" t="s">
        <v>43</v>
      </c>
      <c r="AC278" s="5" t="s">
        <v>44</v>
      </c>
      <c r="AD278" s="2" t="s">
        <v>26357</v>
      </c>
      <c r="AE278" s="1"/>
    </row>
    <row r="279" spans="1:31">
      <c r="A279" s="5" t="s">
        <v>116</v>
      </c>
      <c r="B279" s="21"/>
      <c r="C279" s="2" t="s">
        <v>26454</v>
      </c>
      <c r="D279" s="14" t="s">
        <v>26455</v>
      </c>
      <c r="E279" s="2" t="s">
        <v>26456</v>
      </c>
      <c r="F279" s="2" t="s">
        <v>26351</v>
      </c>
      <c r="G279" s="8">
        <v>155</v>
      </c>
      <c r="H279" s="5">
        <v>5</v>
      </c>
      <c r="I279" s="5" t="s">
        <v>69</v>
      </c>
      <c r="J279" s="5" t="s">
        <v>24629</v>
      </c>
      <c r="K279" s="2" t="s">
        <v>24630</v>
      </c>
      <c r="L279" s="5" t="s">
        <v>24629</v>
      </c>
      <c r="M279" s="2" t="s">
        <v>24630</v>
      </c>
      <c r="N279" s="5" t="s">
        <v>24254</v>
      </c>
      <c r="O279" s="5" t="s">
        <v>38</v>
      </c>
      <c r="P279" s="5" t="s">
        <v>39</v>
      </c>
      <c r="Q279" s="5" t="s">
        <v>40</v>
      </c>
      <c r="R279" s="5" t="s">
        <v>24335</v>
      </c>
      <c r="S279" s="5" t="s">
        <v>40</v>
      </c>
      <c r="T279" s="5" t="s">
        <v>42</v>
      </c>
      <c r="U279" s="2">
        <v>7.1970000000000001</v>
      </c>
      <c r="V279" s="2">
        <v>5.44</v>
      </c>
      <c r="W279" s="2">
        <v>0.13600000000000001</v>
      </c>
      <c r="X279" s="2">
        <v>12</v>
      </c>
      <c r="Y279" s="2">
        <v>50</v>
      </c>
      <c r="Z279" s="2">
        <v>227.4</v>
      </c>
      <c r="AA279" s="5">
        <v>20</v>
      </c>
      <c r="AB279" s="5" t="s">
        <v>43</v>
      </c>
      <c r="AC279" s="5" t="s">
        <v>44</v>
      </c>
      <c r="AD279" s="2" t="s">
        <v>26352</v>
      </c>
      <c r="AE279" s="1"/>
    </row>
    <row r="280" spans="1:31">
      <c r="A280" s="5" t="s">
        <v>116</v>
      </c>
      <c r="B280" s="21"/>
      <c r="C280" s="2" t="s">
        <v>26457</v>
      </c>
      <c r="D280" s="14" t="s">
        <v>26458</v>
      </c>
      <c r="E280" s="2" t="s">
        <v>26459</v>
      </c>
      <c r="F280" s="2" t="s">
        <v>26356</v>
      </c>
      <c r="G280" s="8">
        <v>211</v>
      </c>
      <c r="H280" s="5">
        <v>5</v>
      </c>
      <c r="I280" s="5" t="s">
        <v>69</v>
      </c>
      <c r="J280" s="5" t="s">
        <v>24629</v>
      </c>
      <c r="K280" s="2" t="s">
        <v>24630</v>
      </c>
      <c r="L280" s="5" t="s">
        <v>24629</v>
      </c>
      <c r="M280" s="2" t="s">
        <v>24630</v>
      </c>
      <c r="N280" s="5" t="s">
        <v>24254</v>
      </c>
      <c r="O280" s="5" t="s">
        <v>38</v>
      </c>
      <c r="P280" s="5" t="s">
        <v>39</v>
      </c>
      <c r="Q280" s="5" t="s">
        <v>40</v>
      </c>
      <c r="R280" s="5" t="s">
        <v>24335</v>
      </c>
      <c r="S280" s="5" t="s">
        <v>40</v>
      </c>
      <c r="T280" s="5" t="s">
        <v>42</v>
      </c>
      <c r="U280" s="2">
        <v>11.346</v>
      </c>
      <c r="V280" s="2">
        <v>7.2789999999999999</v>
      </c>
      <c r="W280" s="2">
        <v>0.13600000000000001</v>
      </c>
      <c r="X280" s="2">
        <v>12</v>
      </c>
      <c r="Y280" s="2">
        <v>50</v>
      </c>
      <c r="Z280" s="2">
        <v>227.4</v>
      </c>
      <c r="AA280" s="5">
        <v>10</v>
      </c>
      <c r="AB280" s="5" t="s">
        <v>43</v>
      </c>
      <c r="AC280" s="5" t="s">
        <v>44</v>
      </c>
      <c r="AD280" s="2" t="s">
        <v>26357</v>
      </c>
      <c r="AE280" s="1"/>
    </row>
    <row r="281" spans="1:31">
      <c r="A281" s="5" t="s">
        <v>116</v>
      </c>
      <c r="B281" s="21"/>
      <c r="C281" s="2" t="s">
        <v>26460</v>
      </c>
      <c r="D281" s="14" t="s">
        <v>26461</v>
      </c>
      <c r="E281" s="2" t="s">
        <v>26462</v>
      </c>
      <c r="F281" s="2" t="s">
        <v>26351</v>
      </c>
      <c r="G281" s="8">
        <v>168</v>
      </c>
      <c r="H281" s="5">
        <v>5</v>
      </c>
      <c r="I281" s="5" t="s">
        <v>69</v>
      </c>
      <c r="J281" s="5" t="s">
        <v>24629</v>
      </c>
      <c r="K281" s="2" t="s">
        <v>24630</v>
      </c>
      <c r="L281" s="5" t="s">
        <v>24629</v>
      </c>
      <c r="M281" s="2" t="s">
        <v>24630</v>
      </c>
      <c r="N281" s="5" t="s">
        <v>24254</v>
      </c>
      <c r="O281" s="5" t="s">
        <v>38</v>
      </c>
      <c r="P281" s="5" t="s">
        <v>39</v>
      </c>
      <c r="Q281" s="5" t="s">
        <v>40</v>
      </c>
      <c r="R281" s="5" t="s">
        <v>24335</v>
      </c>
      <c r="S281" s="5" t="s">
        <v>40</v>
      </c>
      <c r="T281" s="5" t="s">
        <v>42</v>
      </c>
      <c r="U281" s="2">
        <v>7.6539999999999999</v>
      </c>
      <c r="V281" s="2">
        <v>5.8970000000000002</v>
      </c>
      <c r="W281" s="2">
        <v>0.13600000000000001</v>
      </c>
      <c r="X281" s="2">
        <v>12</v>
      </c>
      <c r="Y281" s="2">
        <v>50</v>
      </c>
      <c r="Z281" s="2">
        <v>227.4</v>
      </c>
      <c r="AA281" s="5">
        <v>20</v>
      </c>
      <c r="AB281" s="5" t="s">
        <v>43</v>
      </c>
      <c r="AC281" s="5" t="s">
        <v>44</v>
      </c>
      <c r="AD281" s="2" t="s">
        <v>26352</v>
      </c>
      <c r="AE281" s="1"/>
    </row>
    <row r="282" spans="1:31">
      <c r="A282" s="5" t="s">
        <v>116</v>
      </c>
      <c r="B282" s="21"/>
      <c r="C282" s="2" t="s">
        <v>26463</v>
      </c>
      <c r="D282" s="14" t="s">
        <v>26464</v>
      </c>
      <c r="E282" s="2" t="s">
        <v>26465</v>
      </c>
      <c r="F282" s="2" t="s">
        <v>26356</v>
      </c>
      <c r="G282" s="8">
        <v>229</v>
      </c>
      <c r="H282" s="5">
        <v>5</v>
      </c>
      <c r="I282" s="5" t="s">
        <v>69</v>
      </c>
      <c r="J282" s="5" t="s">
        <v>24629</v>
      </c>
      <c r="K282" s="2" t="s">
        <v>24630</v>
      </c>
      <c r="L282" s="5" t="s">
        <v>24629</v>
      </c>
      <c r="M282" s="2" t="s">
        <v>24630</v>
      </c>
      <c r="N282" s="5" t="s">
        <v>24254</v>
      </c>
      <c r="O282" s="5" t="s">
        <v>38</v>
      </c>
      <c r="P282" s="5" t="s">
        <v>39</v>
      </c>
      <c r="Q282" s="5" t="s">
        <v>40</v>
      </c>
      <c r="R282" s="5" t="s">
        <v>24335</v>
      </c>
      <c r="S282" s="5" t="s">
        <v>40</v>
      </c>
      <c r="T282" s="5" t="s">
        <v>42</v>
      </c>
      <c r="U282" s="2">
        <v>12.113</v>
      </c>
      <c r="V282" s="2">
        <v>8.0459999999999994</v>
      </c>
      <c r="W282" s="2">
        <v>0.13600000000000001</v>
      </c>
      <c r="X282" s="2">
        <v>12</v>
      </c>
      <c r="Y282" s="2">
        <v>50</v>
      </c>
      <c r="Z282" s="2">
        <v>227.4</v>
      </c>
      <c r="AA282" s="5">
        <v>10</v>
      </c>
      <c r="AB282" s="5" t="s">
        <v>43</v>
      </c>
      <c r="AC282" s="5" t="s">
        <v>44</v>
      </c>
      <c r="AD282" s="2" t="s">
        <v>26357</v>
      </c>
      <c r="AE282" s="1"/>
    </row>
    <row r="283" spans="1:31">
      <c r="A283" s="5" t="s">
        <v>116</v>
      </c>
      <c r="B283" s="21"/>
      <c r="C283" s="2" t="s">
        <v>26466</v>
      </c>
      <c r="D283" s="14" t="s">
        <v>26467</v>
      </c>
      <c r="E283" s="2" t="s">
        <v>26468</v>
      </c>
      <c r="F283" s="2" t="s">
        <v>26351</v>
      </c>
      <c r="G283" s="8">
        <v>187</v>
      </c>
      <c r="H283" s="5">
        <v>5</v>
      </c>
      <c r="I283" s="5" t="s">
        <v>69</v>
      </c>
      <c r="J283" s="5" t="s">
        <v>24629</v>
      </c>
      <c r="K283" s="2" t="s">
        <v>24630</v>
      </c>
      <c r="L283" s="5" t="s">
        <v>24629</v>
      </c>
      <c r="M283" s="2" t="s">
        <v>24630</v>
      </c>
      <c r="N283" s="5" t="s">
        <v>24254</v>
      </c>
      <c r="O283" s="5" t="s">
        <v>38</v>
      </c>
      <c r="P283" s="5" t="s">
        <v>39</v>
      </c>
      <c r="Q283" s="5" t="s">
        <v>40</v>
      </c>
      <c r="R283" s="5" t="s">
        <v>24335</v>
      </c>
      <c r="S283" s="5" t="s">
        <v>40</v>
      </c>
      <c r="T283" s="5" t="s">
        <v>42</v>
      </c>
      <c r="U283" s="2">
        <v>7.8719999999999999</v>
      </c>
      <c r="V283" s="2">
        <v>6.1150000000000002</v>
      </c>
      <c r="W283" s="2">
        <v>0.13600000000000001</v>
      </c>
      <c r="X283" s="2">
        <v>12</v>
      </c>
      <c r="Y283" s="2">
        <v>50</v>
      </c>
      <c r="Z283" s="2">
        <v>227.4</v>
      </c>
      <c r="AA283" s="5">
        <v>20</v>
      </c>
      <c r="AB283" s="5" t="s">
        <v>43</v>
      </c>
      <c r="AC283" s="5" t="s">
        <v>44</v>
      </c>
      <c r="AD283" s="2" t="s">
        <v>26352</v>
      </c>
      <c r="AE283" s="1"/>
    </row>
    <row r="284" spans="1:31">
      <c r="A284" s="5" t="s">
        <v>116</v>
      </c>
      <c r="B284" s="21"/>
      <c r="C284" s="2" t="s">
        <v>26469</v>
      </c>
      <c r="D284" s="14" t="s">
        <v>26470</v>
      </c>
      <c r="E284" s="2" t="s">
        <v>26471</v>
      </c>
      <c r="F284" s="2" t="s">
        <v>26356</v>
      </c>
      <c r="G284" s="8">
        <v>255</v>
      </c>
      <c r="H284" s="5">
        <v>5</v>
      </c>
      <c r="I284" s="5" t="s">
        <v>69</v>
      </c>
      <c r="J284" s="5" t="s">
        <v>24629</v>
      </c>
      <c r="K284" s="2" t="s">
        <v>24630</v>
      </c>
      <c r="L284" s="5" t="s">
        <v>24629</v>
      </c>
      <c r="M284" s="2" t="s">
        <v>24630</v>
      </c>
      <c r="N284" s="5" t="s">
        <v>24254</v>
      </c>
      <c r="O284" s="5" t="s">
        <v>38</v>
      </c>
      <c r="P284" s="5" t="s">
        <v>39</v>
      </c>
      <c r="Q284" s="5" t="s">
        <v>40</v>
      </c>
      <c r="R284" s="5" t="s">
        <v>24335</v>
      </c>
      <c r="S284" s="5" t="s">
        <v>40</v>
      </c>
      <c r="T284" s="5" t="s">
        <v>42</v>
      </c>
      <c r="U284" s="2">
        <v>12.483000000000001</v>
      </c>
      <c r="V284" s="2">
        <v>8.4160000000000004</v>
      </c>
      <c r="W284" s="2">
        <v>0.13600000000000001</v>
      </c>
      <c r="X284" s="2">
        <v>12</v>
      </c>
      <c r="Y284" s="2">
        <v>50</v>
      </c>
      <c r="Z284" s="2">
        <v>227.4</v>
      </c>
      <c r="AA284" s="5">
        <v>10</v>
      </c>
      <c r="AB284" s="5" t="s">
        <v>43</v>
      </c>
      <c r="AC284" s="5" t="s">
        <v>44</v>
      </c>
      <c r="AD284" s="2" t="s">
        <v>26357</v>
      </c>
      <c r="AE284" s="1"/>
    </row>
    <row r="285" spans="1:31">
      <c r="A285" s="5" t="s">
        <v>116</v>
      </c>
      <c r="B285" s="21">
        <v>46054</v>
      </c>
      <c r="C285" s="2" t="s">
        <v>33227</v>
      </c>
      <c r="D285" s="14" t="s">
        <v>33228</v>
      </c>
      <c r="E285" s="2" t="s">
        <v>33229</v>
      </c>
      <c r="F285" s="2" t="s">
        <v>33230</v>
      </c>
      <c r="G285" s="8">
        <v>298</v>
      </c>
      <c r="H285" s="5">
        <v>5</v>
      </c>
      <c r="I285" s="5" t="s">
        <v>69</v>
      </c>
      <c r="J285" s="5" t="s">
        <v>27074</v>
      </c>
      <c r="K285" s="2" t="s">
        <v>27075</v>
      </c>
      <c r="L285" s="5" t="s">
        <v>27074</v>
      </c>
      <c r="M285" s="2" t="s">
        <v>27075</v>
      </c>
      <c r="N285" s="5" t="s">
        <v>24254</v>
      </c>
      <c r="O285" s="5" t="s">
        <v>38</v>
      </c>
      <c r="P285" s="5" t="s">
        <v>39</v>
      </c>
      <c r="Q285" s="5" t="s">
        <v>40</v>
      </c>
      <c r="R285" s="5" t="s">
        <v>1487</v>
      </c>
      <c r="S285" s="5"/>
      <c r="T285" s="5" t="s">
        <v>42</v>
      </c>
      <c r="U285" s="2">
        <v>0</v>
      </c>
      <c r="V285" s="2">
        <v>0</v>
      </c>
      <c r="W285" s="2">
        <v>0</v>
      </c>
      <c r="X285" s="2">
        <v>0</v>
      </c>
      <c r="Y285" s="2">
        <v>0</v>
      </c>
      <c r="Z285" s="2">
        <v>0</v>
      </c>
      <c r="AA285" s="5"/>
      <c r="AB285" s="5" t="s">
        <v>43</v>
      </c>
      <c r="AC285" s="5" t="s">
        <v>44</v>
      </c>
      <c r="AD285" s="2" t="s">
        <v>33231</v>
      </c>
      <c r="AE285" s="1"/>
    </row>
    <row r="286" spans="1:31">
      <c r="A286" s="5" t="s">
        <v>116</v>
      </c>
      <c r="B286" s="21">
        <v>46054</v>
      </c>
      <c r="C286" s="2" t="s">
        <v>33260</v>
      </c>
      <c r="D286" s="14" t="s">
        <v>33261</v>
      </c>
      <c r="E286" s="2" t="s">
        <v>33229</v>
      </c>
      <c r="F286" s="2" t="s">
        <v>33230</v>
      </c>
      <c r="G286" s="8">
        <v>318</v>
      </c>
      <c r="H286" s="5">
        <v>5</v>
      </c>
      <c r="I286" s="5" t="s">
        <v>69</v>
      </c>
      <c r="J286" s="5" t="s">
        <v>27074</v>
      </c>
      <c r="K286" s="2" t="s">
        <v>27075</v>
      </c>
      <c r="L286" s="5" t="s">
        <v>27074</v>
      </c>
      <c r="M286" s="2" t="s">
        <v>27075</v>
      </c>
      <c r="N286" s="5" t="s">
        <v>24254</v>
      </c>
      <c r="O286" s="5" t="s">
        <v>38</v>
      </c>
      <c r="P286" s="5" t="s">
        <v>39</v>
      </c>
      <c r="Q286" s="5" t="s">
        <v>40</v>
      </c>
      <c r="R286" s="5" t="s">
        <v>1487</v>
      </c>
      <c r="S286" s="5"/>
      <c r="T286" s="5" t="s">
        <v>42</v>
      </c>
      <c r="U286" s="2">
        <v>0</v>
      </c>
      <c r="V286" s="2">
        <v>0</v>
      </c>
      <c r="W286" s="2">
        <v>0</v>
      </c>
      <c r="X286" s="2">
        <v>0</v>
      </c>
      <c r="Y286" s="2">
        <v>0</v>
      </c>
      <c r="Z286" s="2">
        <v>0</v>
      </c>
      <c r="AA286" s="5"/>
      <c r="AB286" s="5" t="s">
        <v>43</v>
      </c>
      <c r="AC286" s="5" t="s">
        <v>44</v>
      </c>
      <c r="AD286" s="2" t="s">
        <v>33231</v>
      </c>
      <c r="AE286" s="1"/>
    </row>
    <row r="287" spans="1:31">
      <c r="A287" s="5" t="s">
        <v>116</v>
      </c>
      <c r="B287" s="21">
        <v>46054</v>
      </c>
      <c r="C287" s="2" t="s">
        <v>33283</v>
      </c>
      <c r="D287" s="14" t="s">
        <v>33284</v>
      </c>
      <c r="E287" s="2" t="s">
        <v>33229</v>
      </c>
      <c r="F287" s="2" t="s">
        <v>33230</v>
      </c>
      <c r="G287" s="8">
        <v>328</v>
      </c>
      <c r="H287" s="5">
        <v>5</v>
      </c>
      <c r="I287" s="5" t="s">
        <v>69</v>
      </c>
      <c r="J287" s="5" t="s">
        <v>27074</v>
      </c>
      <c r="K287" s="2" t="s">
        <v>27075</v>
      </c>
      <c r="L287" s="5" t="s">
        <v>27074</v>
      </c>
      <c r="M287" s="2" t="s">
        <v>27075</v>
      </c>
      <c r="N287" s="5" t="s">
        <v>24254</v>
      </c>
      <c r="O287" s="5" t="s">
        <v>38</v>
      </c>
      <c r="P287" s="5" t="s">
        <v>39</v>
      </c>
      <c r="Q287" s="5" t="s">
        <v>40</v>
      </c>
      <c r="R287" s="5" t="s">
        <v>1487</v>
      </c>
      <c r="S287" s="5"/>
      <c r="T287" s="5" t="s">
        <v>42</v>
      </c>
      <c r="U287" s="2">
        <v>0</v>
      </c>
      <c r="V287" s="2">
        <v>0</v>
      </c>
      <c r="W287" s="2">
        <v>0</v>
      </c>
      <c r="X287" s="2">
        <v>0</v>
      </c>
      <c r="Y287" s="2">
        <v>0</v>
      </c>
      <c r="Z287" s="2">
        <v>0</v>
      </c>
      <c r="AA287" s="5"/>
      <c r="AB287" s="5" t="s">
        <v>43</v>
      </c>
      <c r="AC287" s="5" t="s">
        <v>44</v>
      </c>
      <c r="AD287" s="2" t="s">
        <v>33231</v>
      </c>
      <c r="AE287" s="1"/>
    </row>
    <row r="288" spans="1:31">
      <c r="A288" s="5" t="s">
        <v>116</v>
      </c>
      <c r="B288" s="21">
        <v>46054</v>
      </c>
      <c r="C288" s="2" t="s">
        <v>33306</v>
      </c>
      <c r="D288" s="14" t="s">
        <v>33307</v>
      </c>
      <c r="E288" s="2" t="s">
        <v>33229</v>
      </c>
      <c r="F288" s="2" t="s">
        <v>33230</v>
      </c>
      <c r="G288" s="8">
        <v>328</v>
      </c>
      <c r="H288" s="5">
        <v>5</v>
      </c>
      <c r="I288" s="5" t="s">
        <v>69</v>
      </c>
      <c r="J288" s="5" t="s">
        <v>27074</v>
      </c>
      <c r="K288" s="2" t="s">
        <v>27075</v>
      </c>
      <c r="L288" s="5" t="s">
        <v>27074</v>
      </c>
      <c r="M288" s="2" t="s">
        <v>27075</v>
      </c>
      <c r="N288" s="5" t="s">
        <v>24254</v>
      </c>
      <c r="O288" s="5" t="s">
        <v>38</v>
      </c>
      <c r="P288" s="5" t="s">
        <v>39</v>
      </c>
      <c r="Q288" s="5" t="s">
        <v>40</v>
      </c>
      <c r="R288" s="5" t="s">
        <v>1487</v>
      </c>
      <c r="S288" s="5"/>
      <c r="T288" s="5" t="s">
        <v>42</v>
      </c>
      <c r="U288" s="2">
        <v>0</v>
      </c>
      <c r="V288" s="2">
        <v>0</v>
      </c>
      <c r="W288" s="2">
        <v>0</v>
      </c>
      <c r="X288" s="2">
        <v>0</v>
      </c>
      <c r="Y288" s="2">
        <v>0</v>
      </c>
      <c r="Z288" s="2">
        <v>0</v>
      </c>
      <c r="AA288" s="5"/>
      <c r="AB288" s="5" t="s">
        <v>43</v>
      </c>
      <c r="AC288" s="5" t="s">
        <v>44</v>
      </c>
      <c r="AD288" s="2" t="s">
        <v>33231</v>
      </c>
      <c r="AE288" s="1"/>
    </row>
    <row r="289" spans="1:31">
      <c r="A289" s="5" t="s">
        <v>116</v>
      </c>
      <c r="B289" s="21">
        <v>46054</v>
      </c>
      <c r="C289" s="2" t="s">
        <v>33329</v>
      </c>
      <c r="D289" s="14" t="s">
        <v>33330</v>
      </c>
      <c r="E289" s="2" t="s">
        <v>33229</v>
      </c>
      <c r="F289" s="2" t="s">
        <v>33230</v>
      </c>
      <c r="G289" s="8">
        <v>358</v>
      </c>
      <c r="H289" s="5">
        <v>5</v>
      </c>
      <c r="I289" s="5" t="s">
        <v>69</v>
      </c>
      <c r="J289" s="5" t="s">
        <v>27074</v>
      </c>
      <c r="K289" s="2" t="s">
        <v>27075</v>
      </c>
      <c r="L289" s="5" t="s">
        <v>27074</v>
      </c>
      <c r="M289" s="2" t="s">
        <v>27075</v>
      </c>
      <c r="N289" s="5" t="s">
        <v>24254</v>
      </c>
      <c r="O289" s="5" t="s">
        <v>38</v>
      </c>
      <c r="P289" s="5" t="s">
        <v>39</v>
      </c>
      <c r="Q289" s="5" t="s">
        <v>40</v>
      </c>
      <c r="R289" s="5" t="s">
        <v>1487</v>
      </c>
      <c r="S289" s="5"/>
      <c r="T289" s="5" t="s">
        <v>42</v>
      </c>
      <c r="U289" s="2">
        <v>0</v>
      </c>
      <c r="V289" s="2">
        <v>0</v>
      </c>
      <c r="W289" s="2">
        <v>0</v>
      </c>
      <c r="X289" s="2">
        <v>0</v>
      </c>
      <c r="Y289" s="2">
        <v>0</v>
      </c>
      <c r="Z289" s="2">
        <v>0</v>
      </c>
      <c r="AA289" s="5"/>
      <c r="AB289" s="5" t="s">
        <v>43</v>
      </c>
      <c r="AC289" s="5" t="s">
        <v>44</v>
      </c>
      <c r="AD289" s="2" t="s">
        <v>33231</v>
      </c>
      <c r="AE289" s="1"/>
    </row>
    <row r="290" spans="1:31">
      <c r="A290" s="5" t="s">
        <v>116</v>
      </c>
      <c r="B290" s="21">
        <v>46054</v>
      </c>
      <c r="C290" s="2" t="s">
        <v>33352</v>
      </c>
      <c r="D290" s="14" t="s">
        <v>33353</v>
      </c>
      <c r="E290" s="2" t="s">
        <v>33229</v>
      </c>
      <c r="F290" s="2" t="s">
        <v>33230</v>
      </c>
      <c r="G290" s="8">
        <v>370</v>
      </c>
      <c r="H290" s="5">
        <v>5</v>
      </c>
      <c r="I290" s="5" t="s">
        <v>69</v>
      </c>
      <c r="J290" s="5" t="s">
        <v>27074</v>
      </c>
      <c r="K290" s="2" t="s">
        <v>27075</v>
      </c>
      <c r="L290" s="5" t="s">
        <v>27074</v>
      </c>
      <c r="M290" s="2" t="s">
        <v>27075</v>
      </c>
      <c r="N290" s="5" t="s">
        <v>24254</v>
      </c>
      <c r="O290" s="5" t="s">
        <v>38</v>
      </c>
      <c r="P290" s="5" t="s">
        <v>39</v>
      </c>
      <c r="Q290" s="5" t="s">
        <v>40</v>
      </c>
      <c r="R290" s="5" t="s">
        <v>1487</v>
      </c>
      <c r="S290" s="5"/>
      <c r="T290" s="5" t="s">
        <v>42</v>
      </c>
      <c r="U290" s="2">
        <v>0</v>
      </c>
      <c r="V290" s="2">
        <v>0</v>
      </c>
      <c r="W290" s="2">
        <v>0</v>
      </c>
      <c r="X290" s="2">
        <v>0</v>
      </c>
      <c r="Y290" s="2">
        <v>0</v>
      </c>
      <c r="Z290" s="2">
        <v>0</v>
      </c>
      <c r="AA290" s="5"/>
      <c r="AB290" s="5" t="s">
        <v>43</v>
      </c>
      <c r="AC290" s="5" t="s">
        <v>44</v>
      </c>
      <c r="AD290" s="2" t="s">
        <v>33231</v>
      </c>
      <c r="AE290" s="1"/>
    </row>
    <row r="291" spans="1:31">
      <c r="A291" s="5" t="s">
        <v>116</v>
      </c>
      <c r="B291" s="21">
        <v>46054</v>
      </c>
      <c r="C291" s="2" t="s">
        <v>33375</v>
      </c>
      <c r="D291" s="14" t="s">
        <v>33376</v>
      </c>
      <c r="E291" s="2" t="s">
        <v>33229</v>
      </c>
      <c r="F291" s="2" t="s">
        <v>33230</v>
      </c>
      <c r="G291" s="8">
        <v>350</v>
      </c>
      <c r="H291" s="5">
        <v>5</v>
      </c>
      <c r="I291" s="5" t="s">
        <v>69</v>
      </c>
      <c r="J291" s="5" t="s">
        <v>27074</v>
      </c>
      <c r="K291" s="2" t="s">
        <v>27075</v>
      </c>
      <c r="L291" s="5" t="s">
        <v>27074</v>
      </c>
      <c r="M291" s="2" t="s">
        <v>27075</v>
      </c>
      <c r="N291" s="5" t="s">
        <v>24254</v>
      </c>
      <c r="O291" s="5" t="s">
        <v>38</v>
      </c>
      <c r="P291" s="5" t="s">
        <v>39</v>
      </c>
      <c r="Q291" s="5" t="s">
        <v>40</v>
      </c>
      <c r="R291" s="5" t="s">
        <v>1487</v>
      </c>
      <c r="S291" s="5"/>
      <c r="T291" s="5" t="s">
        <v>42</v>
      </c>
      <c r="U291" s="2">
        <v>0</v>
      </c>
      <c r="V291" s="2">
        <v>0</v>
      </c>
      <c r="W291" s="2">
        <v>0</v>
      </c>
      <c r="X291" s="2">
        <v>0</v>
      </c>
      <c r="Y291" s="2">
        <v>0</v>
      </c>
      <c r="Z291" s="2">
        <v>0</v>
      </c>
      <c r="AA291" s="5"/>
      <c r="AB291" s="5" t="s">
        <v>43</v>
      </c>
      <c r="AC291" s="5" t="s">
        <v>44</v>
      </c>
      <c r="AD291" s="2" t="s">
        <v>33231</v>
      </c>
      <c r="AE291" s="1"/>
    </row>
    <row r="292" spans="1:31">
      <c r="A292" s="5" t="s">
        <v>116</v>
      </c>
      <c r="B292" s="21">
        <v>46054</v>
      </c>
      <c r="C292" s="2" t="s">
        <v>33398</v>
      </c>
      <c r="D292" s="14" t="s">
        <v>33399</v>
      </c>
      <c r="E292" s="2" t="s">
        <v>33229</v>
      </c>
      <c r="F292" s="2" t="s">
        <v>33230</v>
      </c>
      <c r="G292" s="8">
        <v>370</v>
      </c>
      <c r="H292" s="5">
        <v>5</v>
      </c>
      <c r="I292" s="5" t="s">
        <v>69</v>
      </c>
      <c r="J292" s="5" t="s">
        <v>27074</v>
      </c>
      <c r="K292" s="2" t="s">
        <v>27075</v>
      </c>
      <c r="L292" s="5" t="s">
        <v>27074</v>
      </c>
      <c r="M292" s="2" t="s">
        <v>27075</v>
      </c>
      <c r="N292" s="5" t="s">
        <v>24254</v>
      </c>
      <c r="O292" s="5" t="s">
        <v>38</v>
      </c>
      <c r="P292" s="5" t="s">
        <v>39</v>
      </c>
      <c r="Q292" s="5" t="s">
        <v>40</v>
      </c>
      <c r="R292" s="5" t="s">
        <v>1487</v>
      </c>
      <c r="S292" s="5"/>
      <c r="T292" s="5" t="s">
        <v>42</v>
      </c>
      <c r="U292" s="2">
        <v>0</v>
      </c>
      <c r="V292" s="2">
        <v>0</v>
      </c>
      <c r="W292" s="2">
        <v>0</v>
      </c>
      <c r="X292" s="2">
        <v>0</v>
      </c>
      <c r="Y292" s="2">
        <v>0</v>
      </c>
      <c r="Z292" s="2">
        <v>0</v>
      </c>
      <c r="AA292" s="5"/>
      <c r="AB292" s="5" t="s">
        <v>43</v>
      </c>
      <c r="AC292" s="5" t="s">
        <v>44</v>
      </c>
      <c r="AD292" s="2" t="s">
        <v>33231</v>
      </c>
      <c r="AE292" s="1"/>
    </row>
    <row r="293" spans="1:31">
      <c r="A293" s="5" t="s">
        <v>116</v>
      </c>
      <c r="B293" s="21">
        <v>46054</v>
      </c>
      <c r="C293" s="2" t="s">
        <v>33421</v>
      </c>
      <c r="D293" s="14" t="s">
        <v>33422</v>
      </c>
      <c r="E293" s="2" t="s">
        <v>33229</v>
      </c>
      <c r="F293" s="2" t="s">
        <v>33230</v>
      </c>
      <c r="G293" s="8">
        <v>388</v>
      </c>
      <c r="H293" s="5">
        <v>5</v>
      </c>
      <c r="I293" s="5" t="s">
        <v>69</v>
      </c>
      <c r="J293" s="5" t="s">
        <v>27074</v>
      </c>
      <c r="K293" s="2" t="s">
        <v>27075</v>
      </c>
      <c r="L293" s="5" t="s">
        <v>27074</v>
      </c>
      <c r="M293" s="2" t="s">
        <v>27075</v>
      </c>
      <c r="N293" s="5" t="s">
        <v>24254</v>
      </c>
      <c r="O293" s="5" t="s">
        <v>38</v>
      </c>
      <c r="P293" s="5" t="s">
        <v>39</v>
      </c>
      <c r="Q293" s="5" t="s">
        <v>40</v>
      </c>
      <c r="R293" s="5" t="s">
        <v>1487</v>
      </c>
      <c r="S293" s="5"/>
      <c r="T293" s="5" t="s">
        <v>42</v>
      </c>
      <c r="U293" s="2">
        <v>0</v>
      </c>
      <c r="V293" s="2">
        <v>0</v>
      </c>
      <c r="W293" s="2">
        <v>0</v>
      </c>
      <c r="X293" s="2">
        <v>0</v>
      </c>
      <c r="Y293" s="2">
        <v>0</v>
      </c>
      <c r="Z293" s="2">
        <v>0</v>
      </c>
      <c r="AA293" s="5"/>
      <c r="AB293" s="5" t="s">
        <v>43</v>
      </c>
      <c r="AC293" s="5" t="s">
        <v>44</v>
      </c>
      <c r="AD293" s="2" t="s">
        <v>33231</v>
      </c>
      <c r="AE293" s="1"/>
    </row>
    <row r="294" spans="1:31">
      <c r="A294" s="5" t="s">
        <v>116</v>
      </c>
      <c r="B294" s="21">
        <v>46054</v>
      </c>
      <c r="C294" s="2" t="s">
        <v>33444</v>
      </c>
      <c r="D294" s="14" t="s">
        <v>33445</v>
      </c>
      <c r="E294" s="2" t="s">
        <v>33229</v>
      </c>
      <c r="F294" s="2" t="s">
        <v>33230</v>
      </c>
      <c r="G294" s="8">
        <v>442</v>
      </c>
      <c r="H294" s="5">
        <v>5</v>
      </c>
      <c r="I294" s="5" t="s">
        <v>69</v>
      </c>
      <c r="J294" s="5" t="s">
        <v>27074</v>
      </c>
      <c r="K294" s="2" t="s">
        <v>27075</v>
      </c>
      <c r="L294" s="5" t="s">
        <v>27074</v>
      </c>
      <c r="M294" s="2" t="s">
        <v>27075</v>
      </c>
      <c r="N294" s="5" t="s">
        <v>24254</v>
      </c>
      <c r="O294" s="5" t="s">
        <v>38</v>
      </c>
      <c r="P294" s="5" t="s">
        <v>39</v>
      </c>
      <c r="Q294" s="5" t="s">
        <v>40</v>
      </c>
      <c r="R294" s="5" t="s">
        <v>1487</v>
      </c>
      <c r="S294" s="5"/>
      <c r="T294" s="5" t="s">
        <v>42</v>
      </c>
      <c r="U294" s="2">
        <v>0</v>
      </c>
      <c r="V294" s="2">
        <v>0</v>
      </c>
      <c r="W294" s="2">
        <v>0</v>
      </c>
      <c r="X294" s="2">
        <v>0</v>
      </c>
      <c r="Y294" s="2">
        <v>0</v>
      </c>
      <c r="Z294" s="2">
        <v>0</v>
      </c>
      <c r="AA294" s="5"/>
      <c r="AB294" s="5" t="s">
        <v>43</v>
      </c>
      <c r="AC294" s="5" t="s">
        <v>44</v>
      </c>
      <c r="AD294" s="2" t="s">
        <v>33231</v>
      </c>
      <c r="AE294" s="1"/>
    </row>
    <row r="295" spans="1:31">
      <c r="A295" s="5" t="s">
        <v>116</v>
      </c>
      <c r="B295" s="21">
        <v>46054</v>
      </c>
      <c r="C295" s="2" t="s">
        <v>33476</v>
      </c>
      <c r="D295" s="14" t="s">
        <v>33477</v>
      </c>
      <c r="E295" s="2" t="s">
        <v>33229</v>
      </c>
      <c r="F295" s="2" t="s">
        <v>33230</v>
      </c>
      <c r="G295" s="8">
        <v>420</v>
      </c>
      <c r="H295" s="5">
        <v>5</v>
      </c>
      <c r="I295" s="5" t="s">
        <v>69</v>
      </c>
      <c r="J295" s="5" t="s">
        <v>27074</v>
      </c>
      <c r="K295" s="2" t="s">
        <v>27075</v>
      </c>
      <c r="L295" s="5" t="s">
        <v>27074</v>
      </c>
      <c r="M295" s="2" t="s">
        <v>27075</v>
      </c>
      <c r="N295" s="5" t="s">
        <v>24254</v>
      </c>
      <c r="O295" s="5" t="s">
        <v>38</v>
      </c>
      <c r="P295" s="5" t="s">
        <v>39</v>
      </c>
      <c r="Q295" s="5" t="s">
        <v>40</v>
      </c>
      <c r="R295" s="5" t="s">
        <v>1487</v>
      </c>
      <c r="S295" s="5"/>
      <c r="T295" s="5" t="s">
        <v>42</v>
      </c>
      <c r="U295" s="2">
        <v>0</v>
      </c>
      <c r="V295" s="2">
        <v>0</v>
      </c>
      <c r="W295" s="2">
        <v>0</v>
      </c>
      <c r="X295" s="2">
        <v>0</v>
      </c>
      <c r="Y295" s="2">
        <v>0</v>
      </c>
      <c r="Z295" s="2">
        <v>0</v>
      </c>
      <c r="AA295" s="5"/>
      <c r="AB295" s="5" t="s">
        <v>43</v>
      </c>
      <c r="AC295" s="5" t="s">
        <v>44</v>
      </c>
      <c r="AD295" s="2" t="s">
        <v>33231</v>
      </c>
      <c r="AE295" s="1"/>
    </row>
    <row r="296" spans="1:31">
      <c r="A296" s="5" t="s">
        <v>116</v>
      </c>
      <c r="B296" s="21">
        <v>46054</v>
      </c>
      <c r="C296" s="2" t="s">
        <v>33493</v>
      </c>
      <c r="D296" s="14" t="s">
        <v>33494</v>
      </c>
      <c r="E296" s="2" t="s">
        <v>33229</v>
      </c>
      <c r="F296" s="2" t="s">
        <v>33230</v>
      </c>
      <c r="G296" s="8">
        <v>442</v>
      </c>
      <c r="H296" s="5">
        <v>5</v>
      </c>
      <c r="I296" s="5" t="s">
        <v>69</v>
      </c>
      <c r="J296" s="5" t="s">
        <v>27074</v>
      </c>
      <c r="K296" s="2" t="s">
        <v>27075</v>
      </c>
      <c r="L296" s="5" t="s">
        <v>27074</v>
      </c>
      <c r="M296" s="2" t="s">
        <v>27075</v>
      </c>
      <c r="N296" s="5" t="s">
        <v>24254</v>
      </c>
      <c r="O296" s="5" t="s">
        <v>38</v>
      </c>
      <c r="P296" s="5" t="s">
        <v>39</v>
      </c>
      <c r="Q296" s="5" t="s">
        <v>40</v>
      </c>
      <c r="R296" s="5" t="s">
        <v>1487</v>
      </c>
      <c r="S296" s="5"/>
      <c r="T296" s="5" t="s">
        <v>42</v>
      </c>
      <c r="U296" s="2">
        <v>0</v>
      </c>
      <c r="V296" s="2">
        <v>0</v>
      </c>
      <c r="W296" s="2">
        <v>0</v>
      </c>
      <c r="X296" s="2">
        <v>0</v>
      </c>
      <c r="Y296" s="2">
        <v>0</v>
      </c>
      <c r="Z296" s="2">
        <v>0</v>
      </c>
      <c r="AA296" s="5"/>
      <c r="AB296" s="5" t="s">
        <v>43</v>
      </c>
      <c r="AC296" s="5" t="s">
        <v>44</v>
      </c>
      <c r="AD296" s="2" t="s">
        <v>33231</v>
      </c>
      <c r="AE296" s="1"/>
    </row>
    <row r="297" spans="1:31">
      <c r="A297" s="5" t="s">
        <v>116</v>
      </c>
      <c r="B297" s="21">
        <v>46054</v>
      </c>
      <c r="C297" s="2" t="s">
        <v>33510</v>
      </c>
      <c r="D297" s="14" t="s">
        <v>33511</v>
      </c>
      <c r="E297" s="2" t="s">
        <v>33229</v>
      </c>
      <c r="F297" s="2" t="s">
        <v>33230</v>
      </c>
      <c r="G297" s="8">
        <v>468</v>
      </c>
      <c r="H297" s="5">
        <v>5</v>
      </c>
      <c r="I297" s="5" t="s">
        <v>69</v>
      </c>
      <c r="J297" s="5" t="s">
        <v>27074</v>
      </c>
      <c r="K297" s="2" t="s">
        <v>27075</v>
      </c>
      <c r="L297" s="5" t="s">
        <v>27074</v>
      </c>
      <c r="M297" s="2" t="s">
        <v>27075</v>
      </c>
      <c r="N297" s="5" t="s">
        <v>24254</v>
      </c>
      <c r="O297" s="5" t="s">
        <v>38</v>
      </c>
      <c r="P297" s="5" t="s">
        <v>39</v>
      </c>
      <c r="Q297" s="5" t="s">
        <v>40</v>
      </c>
      <c r="R297" s="5" t="s">
        <v>1487</v>
      </c>
      <c r="S297" s="5"/>
      <c r="T297" s="5" t="s">
        <v>42</v>
      </c>
      <c r="U297" s="2">
        <v>0</v>
      </c>
      <c r="V297" s="2">
        <v>0</v>
      </c>
      <c r="W297" s="2">
        <v>0</v>
      </c>
      <c r="X297" s="2">
        <v>0</v>
      </c>
      <c r="Y297" s="2">
        <v>0</v>
      </c>
      <c r="Z297" s="2">
        <v>0</v>
      </c>
      <c r="AA297" s="5"/>
      <c r="AB297" s="5" t="s">
        <v>43</v>
      </c>
      <c r="AC297" s="5" t="s">
        <v>44</v>
      </c>
      <c r="AD297" s="2" t="s">
        <v>33231</v>
      </c>
      <c r="AE297" s="1"/>
    </row>
    <row r="298" spans="1:31">
      <c r="A298" s="5" t="s">
        <v>116</v>
      </c>
      <c r="B298" s="21">
        <v>46054</v>
      </c>
      <c r="C298" s="2" t="s">
        <v>33527</v>
      </c>
      <c r="D298" s="14" t="s">
        <v>33528</v>
      </c>
      <c r="E298" s="2" t="s">
        <v>33229</v>
      </c>
      <c r="F298" s="2" t="s">
        <v>33230</v>
      </c>
      <c r="G298" s="8">
        <v>442</v>
      </c>
      <c r="H298" s="5">
        <v>5</v>
      </c>
      <c r="I298" s="5" t="s">
        <v>69</v>
      </c>
      <c r="J298" s="5" t="s">
        <v>27074</v>
      </c>
      <c r="K298" s="2" t="s">
        <v>27075</v>
      </c>
      <c r="L298" s="5" t="s">
        <v>27074</v>
      </c>
      <c r="M298" s="2" t="s">
        <v>27075</v>
      </c>
      <c r="N298" s="5" t="s">
        <v>24254</v>
      </c>
      <c r="O298" s="5" t="s">
        <v>38</v>
      </c>
      <c r="P298" s="5" t="s">
        <v>39</v>
      </c>
      <c r="Q298" s="5" t="s">
        <v>40</v>
      </c>
      <c r="R298" s="5" t="s">
        <v>1487</v>
      </c>
      <c r="S298" s="5"/>
      <c r="T298" s="5" t="s">
        <v>42</v>
      </c>
      <c r="U298" s="2">
        <v>0</v>
      </c>
      <c r="V298" s="2">
        <v>0</v>
      </c>
      <c r="W298" s="2">
        <v>0</v>
      </c>
      <c r="X298" s="2">
        <v>0</v>
      </c>
      <c r="Y298" s="2">
        <v>0</v>
      </c>
      <c r="Z298" s="2">
        <v>0</v>
      </c>
      <c r="AA298" s="5"/>
      <c r="AB298" s="5" t="s">
        <v>43</v>
      </c>
      <c r="AC298" s="5" t="s">
        <v>44</v>
      </c>
      <c r="AD298" s="2" t="s">
        <v>33231</v>
      </c>
      <c r="AE298" s="1"/>
    </row>
    <row r="299" spans="1:31">
      <c r="A299" s="5" t="s">
        <v>116</v>
      </c>
      <c r="B299" s="21">
        <v>46054</v>
      </c>
      <c r="C299" s="2" t="s">
        <v>33544</v>
      </c>
      <c r="D299" s="14" t="s">
        <v>33545</v>
      </c>
      <c r="E299" s="2" t="s">
        <v>33229</v>
      </c>
      <c r="F299" s="2" t="s">
        <v>33230</v>
      </c>
      <c r="G299" s="8">
        <v>454</v>
      </c>
      <c r="H299" s="5">
        <v>5</v>
      </c>
      <c r="I299" s="5" t="s">
        <v>69</v>
      </c>
      <c r="J299" s="5" t="s">
        <v>27074</v>
      </c>
      <c r="K299" s="2" t="s">
        <v>27075</v>
      </c>
      <c r="L299" s="5" t="s">
        <v>27074</v>
      </c>
      <c r="M299" s="2" t="s">
        <v>27075</v>
      </c>
      <c r="N299" s="5" t="s">
        <v>24254</v>
      </c>
      <c r="O299" s="5" t="s">
        <v>38</v>
      </c>
      <c r="P299" s="5" t="s">
        <v>39</v>
      </c>
      <c r="Q299" s="5" t="s">
        <v>40</v>
      </c>
      <c r="R299" s="5" t="s">
        <v>1487</v>
      </c>
      <c r="S299" s="5"/>
      <c r="T299" s="5" t="s">
        <v>42</v>
      </c>
      <c r="U299" s="2">
        <v>0</v>
      </c>
      <c r="V299" s="2">
        <v>0</v>
      </c>
      <c r="W299" s="2">
        <v>0</v>
      </c>
      <c r="X299" s="2">
        <v>0</v>
      </c>
      <c r="Y299" s="2">
        <v>0</v>
      </c>
      <c r="Z299" s="2">
        <v>0</v>
      </c>
      <c r="AA299" s="5"/>
      <c r="AB299" s="5" t="s">
        <v>43</v>
      </c>
      <c r="AC299" s="5" t="s">
        <v>44</v>
      </c>
      <c r="AD299" s="2" t="s">
        <v>33231</v>
      </c>
      <c r="AE299" s="1"/>
    </row>
    <row r="300" spans="1:31">
      <c r="A300" s="5" t="s">
        <v>116</v>
      </c>
      <c r="B300" s="21">
        <v>46054</v>
      </c>
      <c r="C300" s="2" t="s">
        <v>33561</v>
      </c>
      <c r="D300" s="14" t="s">
        <v>33562</v>
      </c>
      <c r="E300" s="2" t="s">
        <v>33229</v>
      </c>
      <c r="F300" s="2" t="s">
        <v>33230</v>
      </c>
      <c r="G300" s="8">
        <v>502</v>
      </c>
      <c r="H300" s="5">
        <v>5</v>
      </c>
      <c r="I300" s="5" t="s">
        <v>69</v>
      </c>
      <c r="J300" s="5" t="s">
        <v>27074</v>
      </c>
      <c r="K300" s="2" t="s">
        <v>27075</v>
      </c>
      <c r="L300" s="5" t="s">
        <v>27074</v>
      </c>
      <c r="M300" s="2" t="s">
        <v>27075</v>
      </c>
      <c r="N300" s="5" t="s">
        <v>24254</v>
      </c>
      <c r="O300" s="5" t="s">
        <v>38</v>
      </c>
      <c r="P300" s="5" t="s">
        <v>39</v>
      </c>
      <c r="Q300" s="5" t="s">
        <v>40</v>
      </c>
      <c r="R300" s="5" t="s">
        <v>1487</v>
      </c>
      <c r="S300" s="5"/>
      <c r="T300" s="5" t="s">
        <v>42</v>
      </c>
      <c r="U300" s="2">
        <v>0</v>
      </c>
      <c r="V300" s="2">
        <v>0</v>
      </c>
      <c r="W300" s="2">
        <v>0</v>
      </c>
      <c r="X300" s="2">
        <v>0</v>
      </c>
      <c r="Y300" s="2">
        <v>0</v>
      </c>
      <c r="Z300" s="2">
        <v>0</v>
      </c>
      <c r="AA300" s="5"/>
      <c r="AB300" s="5" t="s">
        <v>43</v>
      </c>
      <c r="AC300" s="5" t="s">
        <v>44</v>
      </c>
      <c r="AD300" s="2" t="s">
        <v>33231</v>
      </c>
      <c r="AE300" s="1"/>
    </row>
    <row r="301" spans="1:31">
      <c r="A301" s="5" t="s">
        <v>116</v>
      </c>
      <c r="B301" s="21">
        <v>46054</v>
      </c>
      <c r="C301" s="2" t="s">
        <v>33578</v>
      </c>
      <c r="D301" s="14" t="s">
        <v>33579</v>
      </c>
      <c r="E301" s="2" t="s">
        <v>33229</v>
      </c>
      <c r="F301" s="2" t="s">
        <v>33230</v>
      </c>
      <c r="G301" s="8">
        <v>442</v>
      </c>
      <c r="H301" s="5">
        <v>5</v>
      </c>
      <c r="I301" s="5" t="s">
        <v>69</v>
      </c>
      <c r="J301" s="5" t="s">
        <v>27074</v>
      </c>
      <c r="K301" s="2" t="s">
        <v>27075</v>
      </c>
      <c r="L301" s="5" t="s">
        <v>27074</v>
      </c>
      <c r="M301" s="2" t="s">
        <v>27075</v>
      </c>
      <c r="N301" s="5" t="s">
        <v>24254</v>
      </c>
      <c r="O301" s="5" t="s">
        <v>38</v>
      </c>
      <c r="P301" s="5" t="s">
        <v>39</v>
      </c>
      <c r="Q301" s="5" t="s">
        <v>40</v>
      </c>
      <c r="R301" s="5" t="s">
        <v>1487</v>
      </c>
      <c r="S301" s="5"/>
      <c r="T301" s="5" t="s">
        <v>42</v>
      </c>
      <c r="U301" s="2">
        <v>0</v>
      </c>
      <c r="V301" s="2">
        <v>0</v>
      </c>
      <c r="W301" s="2">
        <v>0</v>
      </c>
      <c r="X301" s="2">
        <v>0</v>
      </c>
      <c r="Y301" s="2">
        <v>0</v>
      </c>
      <c r="Z301" s="2">
        <v>0</v>
      </c>
      <c r="AA301" s="5"/>
      <c r="AB301" s="5" t="s">
        <v>43</v>
      </c>
      <c r="AC301" s="5" t="s">
        <v>44</v>
      </c>
      <c r="AD301" s="2" t="s">
        <v>33231</v>
      </c>
      <c r="AE301" s="1"/>
    </row>
    <row r="302" spans="1:31">
      <c r="A302" s="5" t="s">
        <v>116</v>
      </c>
      <c r="B302" s="21">
        <v>46054</v>
      </c>
      <c r="C302" s="2" t="s">
        <v>33595</v>
      </c>
      <c r="D302" s="14" t="s">
        <v>33596</v>
      </c>
      <c r="E302" s="2" t="s">
        <v>33229</v>
      </c>
      <c r="F302" s="2" t="s">
        <v>33230</v>
      </c>
      <c r="G302" s="8">
        <v>480</v>
      </c>
      <c r="H302" s="5">
        <v>5</v>
      </c>
      <c r="I302" s="5" t="s">
        <v>69</v>
      </c>
      <c r="J302" s="5" t="s">
        <v>27074</v>
      </c>
      <c r="K302" s="2" t="s">
        <v>27075</v>
      </c>
      <c r="L302" s="5" t="s">
        <v>27074</v>
      </c>
      <c r="M302" s="2" t="s">
        <v>27075</v>
      </c>
      <c r="N302" s="5" t="s">
        <v>24254</v>
      </c>
      <c r="O302" s="5" t="s">
        <v>38</v>
      </c>
      <c r="P302" s="5" t="s">
        <v>39</v>
      </c>
      <c r="Q302" s="5" t="s">
        <v>40</v>
      </c>
      <c r="R302" s="5" t="s">
        <v>1487</v>
      </c>
      <c r="S302" s="5"/>
      <c r="T302" s="5" t="s">
        <v>42</v>
      </c>
      <c r="U302" s="2">
        <v>0</v>
      </c>
      <c r="V302" s="2">
        <v>0</v>
      </c>
      <c r="W302" s="2">
        <v>0</v>
      </c>
      <c r="X302" s="2">
        <v>0</v>
      </c>
      <c r="Y302" s="2">
        <v>0</v>
      </c>
      <c r="Z302" s="2">
        <v>0</v>
      </c>
      <c r="AA302" s="5"/>
      <c r="AB302" s="5" t="s">
        <v>43</v>
      </c>
      <c r="AC302" s="5" t="s">
        <v>44</v>
      </c>
      <c r="AD302" s="2" t="s">
        <v>33231</v>
      </c>
      <c r="AE302" s="1"/>
    </row>
    <row r="303" spans="1:31">
      <c r="A303" s="5" t="s">
        <v>116</v>
      </c>
      <c r="B303" s="21">
        <v>46054</v>
      </c>
      <c r="C303" s="2" t="s">
        <v>33611</v>
      </c>
      <c r="D303" s="14" t="s">
        <v>33612</v>
      </c>
      <c r="E303" s="2" t="s">
        <v>33229</v>
      </c>
      <c r="F303" s="2" t="s">
        <v>33230</v>
      </c>
      <c r="G303" s="8">
        <v>536</v>
      </c>
      <c r="H303" s="5">
        <v>5</v>
      </c>
      <c r="I303" s="5" t="s">
        <v>69</v>
      </c>
      <c r="J303" s="5" t="s">
        <v>27074</v>
      </c>
      <c r="K303" s="2" t="s">
        <v>27075</v>
      </c>
      <c r="L303" s="5" t="s">
        <v>27074</v>
      </c>
      <c r="M303" s="2" t="s">
        <v>27075</v>
      </c>
      <c r="N303" s="5" t="s">
        <v>24254</v>
      </c>
      <c r="O303" s="5" t="s">
        <v>38</v>
      </c>
      <c r="P303" s="5" t="s">
        <v>39</v>
      </c>
      <c r="Q303" s="5" t="s">
        <v>40</v>
      </c>
      <c r="R303" s="5" t="s">
        <v>1487</v>
      </c>
      <c r="S303" s="5"/>
      <c r="T303" s="5" t="s">
        <v>42</v>
      </c>
      <c r="U303" s="2">
        <v>0</v>
      </c>
      <c r="V303" s="2">
        <v>0</v>
      </c>
      <c r="W303" s="2">
        <v>0</v>
      </c>
      <c r="X303" s="2">
        <v>0</v>
      </c>
      <c r="Y303" s="2">
        <v>0</v>
      </c>
      <c r="Z303" s="2">
        <v>0</v>
      </c>
      <c r="AA303" s="5"/>
      <c r="AB303" s="5" t="s">
        <v>43</v>
      </c>
      <c r="AC303" s="5" t="s">
        <v>44</v>
      </c>
      <c r="AD303" s="2" t="s">
        <v>33231</v>
      </c>
      <c r="AE303" s="1"/>
    </row>
    <row r="304" spans="1:31">
      <c r="A304" s="5" t="s">
        <v>116</v>
      </c>
      <c r="B304" s="21">
        <v>46082</v>
      </c>
      <c r="C304" s="2" t="s">
        <v>56833</v>
      </c>
      <c r="D304" s="14" t="s">
        <v>56834</v>
      </c>
      <c r="E304" s="2" t="s">
        <v>83481</v>
      </c>
      <c r="F304" s="2" t="s">
        <v>130</v>
      </c>
      <c r="G304" s="8">
        <v>1165</v>
      </c>
      <c r="H304" s="5">
        <v>5</v>
      </c>
      <c r="I304" s="5" t="s">
        <v>69</v>
      </c>
      <c r="J304" s="5" t="s">
        <v>55802</v>
      </c>
      <c r="K304" s="2" t="s">
        <v>55803</v>
      </c>
      <c r="L304" s="5" t="s">
        <v>55802</v>
      </c>
      <c r="M304" s="2" t="s">
        <v>55803</v>
      </c>
      <c r="N304" s="5" t="s">
        <v>733</v>
      </c>
      <c r="O304" s="5" t="s">
        <v>38</v>
      </c>
      <c r="P304" s="5" t="s">
        <v>39</v>
      </c>
      <c r="Q304" s="5" t="s">
        <v>40</v>
      </c>
      <c r="R304" s="5" t="s">
        <v>897</v>
      </c>
      <c r="S304" s="5" t="s">
        <v>40</v>
      </c>
      <c r="T304" s="5" t="s">
        <v>42</v>
      </c>
      <c r="U304" s="2">
        <v>40.381999999999998</v>
      </c>
      <c r="V304" s="2">
        <v>37.600999999999999</v>
      </c>
      <c r="W304" s="2">
        <v>0.154</v>
      </c>
      <c r="X304" s="2">
        <v>17</v>
      </c>
      <c r="Y304" s="2">
        <v>68.7</v>
      </c>
      <c r="Z304" s="2">
        <v>131.6</v>
      </c>
      <c r="AA304" s="5">
        <v>7</v>
      </c>
      <c r="AB304" s="5" t="s">
        <v>43</v>
      </c>
      <c r="AC304" s="5" t="s">
        <v>735</v>
      </c>
      <c r="AD304" s="2" t="s">
        <v>56837</v>
      </c>
      <c r="AE304" s="1"/>
    </row>
    <row r="305" spans="1:31">
      <c r="A305" s="5" t="s">
        <v>116</v>
      </c>
      <c r="B305" s="21">
        <v>46082</v>
      </c>
      <c r="C305" s="2" t="s">
        <v>56877</v>
      </c>
      <c r="D305" s="14" t="s">
        <v>56878</v>
      </c>
      <c r="E305" s="2" t="s">
        <v>83482</v>
      </c>
      <c r="F305" s="2" t="s">
        <v>130</v>
      </c>
      <c r="G305" s="8">
        <v>923</v>
      </c>
      <c r="H305" s="5">
        <v>5</v>
      </c>
      <c r="I305" s="5" t="s">
        <v>69</v>
      </c>
      <c r="J305" s="5" t="s">
        <v>55802</v>
      </c>
      <c r="K305" s="2" t="s">
        <v>55803</v>
      </c>
      <c r="L305" s="5" t="s">
        <v>55802</v>
      </c>
      <c r="M305" s="2" t="s">
        <v>55803</v>
      </c>
      <c r="N305" s="5" t="s">
        <v>733</v>
      </c>
      <c r="O305" s="5" t="s">
        <v>38</v>
      </c>
      <c r="P305" s="5" t="s">
        <v>39</v>
      </c>
      <c r="Q305" s="5" t="s">
        <v>40</v>
      </c>
      <c r="R305" s="5" t="s">
        <v>897</v>
      </c>
      <c r="S305" s="5" t="s">
        <v>40</v>
      </c>
      <c r="T305" s="5" t="s">
        <v>42</v>
      </c>
      <c r="U305" s="2">
        <v>35.719000000000001</v>
      </c>
      <c r="V305" s="2">
        <v>32.960999999999999</v>
      </c>
      <c r="W305" s="2">
        <v>0.154</v>
      </c>
      <c r="X305" s="2">
        <v>17</v>
      </c>
      <c r="Y305" s="2">
        <v>68.7</v>
      </c>
      <c r="Z305" s="2">
        <v>131.6</v>
      </c>
      <c r="AA305" s="5">
        <v>7</v>
      </c>
      <c r="AB305" s="5" t="s">
        <v>43</v>
      </c>
      <c r="AC305" s="5" t="s">
        <v>735</v>
      </c>
      <c r="AD305" s="2" t="s">
        <v>56881</v>
      </c>
      <c r="AE305" s="1"/>
    </row>
    <row r="306" spans="1:31">
      <c r="A306" s="5" t="s">
        <v>116</v>
      </c>
      <c r="B306" s="21">
        <v>46082</v>
      </c>
      <c r="C306" s="2" t="s">
        <v>56900</v>
      </c>
      <c r="D306" s="14" t="s">
        <v>56901</v>
      </c>
      <c r="E306" s="2" t="s">
        <v>83483</v>
      </c>
      <c r="F306" s="2" t="s">
        <v>130</v>
      </c>
      <c r="G306" s="8">
        <v>1095</v>
      </c>
      <c r="H306" s="5">
        <v>5</v>
      </c>
      <c r="I306" s="5" t="s">
        <v>69</v>
      </c>
      <c r="J306" s="5" t="s">
        <v>55802</v>
      </c>
      <c r="K306" s="2" t="s">
        <v>55803</v>
      </c>
      <c r="L306" s="5" t="s">
        <v>55802</v>
      </c>
      <c r="M306" s="2" t="s">
        <v>55803</v>
      </c>
      <c r="N306" s="5" t="s">
        <v>733</v>
      </c>
      <c r="O306" s="5" t="s">
        <v>38</v>
      </c>
      <c r="P306" s="5" t="s">
        <v>39</v>
      </c>
      <c r="Q306" s="5" t="s">
        <v>40</v>
      </c>
      <c r="R306" s="5" t="s">
        <v>897</v>
      </c>
      <c r="S306" s="5" t="s">
        <v>40</v>
      </c>
      <c r="T306" s="5" t="s">
        <v>42</v>
      </c>
      <c r="U306" s="2">
        <v>40.354999999999997</v>
      </c>
      <c r="V306" s="2">
        <v>37.573999999999998</v>
      </c>
      <c r="W306" s="2">
        <v>0.154</v>
      </c>
      <c r="X306" s="2">
        <v>17</v>
      </c>
      <c r="Y306" s="2">
        <v>68.7</v>
      </c>
      <c r="Z306" s="2">
        <v>131.6</v>
      </c>
      <c r="AA306" s="5">
        <v>7</v>
      </c>
      <c r="AB306" s="5" t="s">
        <v>43</v>
      </c>
      <c r="AC306" s="5" t="s">
        <v>735</v>
      </c>
      <c r="AD306" s="2" t="s">
        <v>56904</v>
      </c>
      <c r="AE306" s="1"/>
    </row>
    <row r="307" spans="1:31">
      <c r="A307" s="5" t="s">
        <v>116</v>
      </c>
      <c r="B307" s="21">
        <v>46082</v>
      </c>
      <c r="C307" s="2" t="s">
        <v>56924</v>
      </c>
      <c r="D307" s="14" t="s">
        <v>56925</v>
      </c>
      <c r="E307" s="2" t="s">
        <v>83484</v>
      </c>
      <c r="F307" s="2" t="s">
        <v>130</v>
      </c>
      <c r="G307" s="8">
        <v>1633</v>
      </c>
      <c r="H307" s="5">
        <v>5</v>
      </c>
      <c r="I307" s="5" t="s">
        <v>69</v>
      </c>
      <c r="J307" s="5" t="s">
        <v>55802</v>
      </c>
      <c r="K307" s="2" t="s">
        <v>55803</v>
      </c>
      <c r="L307" s="5" t="s">
        <v>55802</v>
      </c>
      <c r="M307" s="2" t="s">
        <v>55803</v>
      </c>
      <c r="N307" s="5" t="s">
        <v>733</v>
      </c>
      <c r="O307" s="5" t="s">
        <v>38</v>
      </c>
      <c r="P307" s="5" t="s">
        <v>39</v>
      </c>
      <c r="Q307" s="5" t="s">
        <v>40</v>
      </c>
      <c r="R307" s="5" t="s">
        <v>897</v>
      </c>
      <c r="S307" s="5" t="s">
        <v>40</v>
      </c>
      <c r="T307" s="5" t="s">
        <v>42</v>
      </c>
      <c r="U307" s="2">
        <v>43.273000000000003</v>
      </c>
      <c r="V307" s="2">
        <v>40.491999999999997</v>
      </c>
      <c r="W307" s="2">
        <v>0.154</v>
      </c>
      <c r="X307" s="2">
        <v>17</v>
      </c>
      <c r="Y307" s="2">
        <v>68.7</v>
      </c>
      <c r="Z307" s="2">
        <v>131.6</v>
      </c>
      <c r="AA307" s="5">
        <v>7</v>
      </c>
      <c r="AB307" s="5" t="s">
        <v>43</v>
      </c>
      <c r="AC307" s="5" t="s">
        <v>735</v>
      </c>
      <c r="AD307" s="2" t="s">
        <v>56928</v>
      </c>
      <c r="AE307" s="1"/>
    </row>
    <row r="308" spans="1:31">
      <c r="A308" s="5" t="s">
        <v>116</v>
      </c>
      <c r="B308" s="21">
        <v>46082</v>
      </c>
      <c r="C308" s="2" t="s">
        <v>56943</v>
      </c>
      <c r="D308" s="14" t="s">
        <v>56944</v>
      </c>
      <c r="E308" s="2" t="s">
        <v>83485</v>
      </c>
      <c r="F308" s="2" t="s">
        <v>130</v>
      </c>
      <c r="G308" s="8">
        <v>1391</v>
      </c>
      <c r="H308" s="5">
        <v>5</v>
      </c>
      <c r="I308" s="5" t="s">
        <v>69</v>
      </c>
      <c r="J308" s="5" t="s">
        <v>55802</v>
      </c>
      <c r="K308" s="2" t="s">
        <v>55803</v>
      </c>
      <c r="L308" s="5" t="s">
        <v>55802</v>
      </c>
      <c r="M308" s="2" t="s">
        <v>55803</v>
      </c>
      <c r="N308" s="5" t="s">
        <v>733</v>
      </c>
      <c r="O308" s="5" t="s">
        <v>38</v>
      </c>
      <c r="P308" s="5" t="s">
        <v>39</v>
      </c>
      <c r="Q308" s="5" t="s">
        <v>40</v>
      </c>
      <c r="R308" s="5" t="s">
        <v>897</v>
      </c>
      <c r="S308" s="5" t="s">
        <v>40</v>
      </c>
      <c r="T308" s="5" t="s">
        <v>42</v>
      </c>
      <c r="U308" s="2">
        <v>38.683</v>
      </c>
      <c r="V308" s="2">
        <v>35.924999999999997</v>
      </c>
      <c r="W308" s="2">
        <v>0.154</v>
      </c>
      <c r="X308" s="2">
        <v>17</v>
      </c>
      <c r="Y308" s="2">
        <v>68.7</v>
      </c>
      <c r="Z308" s="2">
        <v>131.6</v>
      </c>
      <c r="AA308" s="5">
        <v>7</v>
      </c>
      <c r="AB308" s="5" t="s">
        <v>43</v>
      </c>
      <c r="AC308" s="5" t="s">
        <v>735</v>
      </c>
      <c r="AD308" s="2" t="s">
        <v>56947</v>
      </c>
      <c r="AE308" s="1"/>
    </row>
    <row r="309" spans="1:31">
      <c r="A309" s="5" t="s">
        <v>116</v>
      </c>
      <c r="B309" s="21">
        <v>46082</v>
      </c>
      <c r="C309" s="2" t="s">
        <v>56961</v>
      </c>
      <c r="D309" s="14" t="s">
        <v>56962</v>
      </c>
      <c r="E309" s="2" t="s">
        <v>83486</v>
      </c>
      <c r="F309" s="2" t="s">
        <v>130</v>
      </c>
      <c r="G309" s="8">
        <v>1563</v>
      </c>
      <c r="H309" s="5">
        <v>5</v>
      </c>
      <c r="I309" s="5" t="s">
        <v>69</v>
      </c>
      <c r="J309" s="5" t="s">
        <v>55802</v>
      </c>
      <c r="K309" s="2" t="s">
        <v>55803</v>
      </c>
      <c r="L309" s="5" t="s">
        <v>55802</v>
      </c>
      <c r="M309" s="2" t="s">
        <v>55803</v>
      </c>
      <c r="N309" s="5" t="s">
        <v>733</v>
      </c>
      <c r="O309" s="5" t="s">
        <v>38</v>
      </c>
      <c r="P309" s="5" t="s">
        <v>39</v>
      </c>
      <c r="Q309" s="5" t="s">
        <v>40</v>
      </c>
      <c r="R309" s="5" t="s">
        <v>897</v>
      </c>
      <c r="S309" s="5" t="s">
        <v>40</v>
      </c>
      <c r="T309" s="5" t="s">
        <v>42</v>
      </c>
      <c r="U309" s="2">
        <v>43.246000000000002</v>
      </c>
      <c r="V309" s="2">
        <v>40.465000000000003</v>
      </c>
      <c r="W309" s="2">
        <v>0.154</v>
      </c>
      <c r="X309" s="2">
        <v>17</v>
      </c>
      <c r="Y309" s="2">
        <v>68.7</v>
      </c>
      <c r="Z309" s="2">
        <v>131.6</v>
      </c>
      <c r="AA309" s="5">
        <v>7</v>
      </c>
      <c r="AB309" s="5" t="s">
        <v>43</v>
      </c>
      <c r="AC309" s="5" t="s">
        <v>735</v>
      </c>
      <c r="AD309" s="2" t="s">
        <v>56965</v>
      </c>
      <c r="AE309" s="1"/>
    </row>
    <row r="310" spans="1:31">
      <c r="A310" s="5" t="s">
        <v>116</v>
      </c>
      <c r="B310" s="21">
        <v>46082</v>
      </c>
      <c r="C310" s="2" t="s">
        <v>57146</v>
      </c>
      <c r="D310" s="14" t="s">
        <v>57147</v>
      </c>
      <c r="E310" s="2" t="s">
        <v>83487</v>
      </c>
      <c r="F310" s="2" t="s">
        <v>130</v>
      </c>
      <c r="G310" s="8">
        <v>1236</v>
      </c>
      <c r="H310" s="5">
        <v>5</v>
      </c>
      <c r="I310" s="5" t="s">
        <v>69</v>
      </c>
      <c r="J310" s="5" t="s">
        <v>55802</v>
      </c>
      <c r="K310" s="2" t="s">
        <v>55803</v>
      </c>
      <c r="L310" s="5" t="s">
        <v>55802</v>
      </c>
      <c r="M310" s="2" t="s">
        <v>55803</v>
      </c>
      <c r="N310" s="5" t="s">
        <v>733</v>
      </c>
      <c r="O310" s="5" t="s">
        <v>38</v>
      </c>
      <c r="P310" s="5" t="s">
        <v>39</v>
      </c>
      <c r="Q310" s="5" t="s">
        <v>40</v>
      </c>
      <c r="R310" s="5" t="s">
        <v>897</v>
      </c>
      <c r="S310" s="5" t="s">
        <v>40</v>
      </c>
      <c r="T310" s="5" t="s">
        <v>42</v>
      </c>
      <c r="U310" s="2">
        <v>46.448</v>
      </c>
      <c r="V310" s="2">
        <v>43.313000000000002</v>
      </c>
      <c r="W310" s="2">
        <v>0.17899999999999999</v>
      </c>
      <c r="X310" s="2">
        <v>17</v>
      </c>
      <c r="Y310" s="2">
        <v>68.7</v>
      </c>
      <c r="Z310" s="2">
        <v>153.6</v>
      </c>
      <c r="AA310" s="5">
        <v>7</v>
      </c>
      <c r="AB310" s="5" t="s">
        <v>43</v>
      </c>
      <c r="AC310" s="5" t="s">
        <v>735</v>
      </c>
      <c r="AD310" s="2" t="s">
        <v>57150</v>
      </c>
      <c r="AE310" s="1"/>
    </row>
    <row r="311" spans="1:31">
      <c r="A311" s="5" t="s">
        <v>116</v>
      </c>
      <c r="B311" s="21">
        <v>46082</v>
      </c>
      <c r="C311" s="2" t="s">
        <v>57182</v>
      </c>
      <c r="D311" s="14" t="s">
        <v>57183</v>
      </c>
      <c r="E311" s="2" t="s">
        <v>83488</v>
      </c>
      <c r="F311" s="2" t="s">
        <v>130</v>
      </c>
      <c r="G311" s="8">
        <v>951</v>
      </c>
      <c r="H311" s="5">
        <v>5</v>
      </c>
      <c r="I311" s="5" t="s">
        <v>69</v>
      </c>
      <c r="J311" s="5" t="s">
        <v>55802</v>
      </c>
      <c r="K311" s="2" t="s">
        <v>55803</v>
      </c>
      <c r="L311" s="5" t="s">
        <v>55802</v>
      </c>
      <c r="M311" s="2" t="s">
        <v>55803</v>
      </c>
      <c r="N311" s="5" t="s">
        <v>733</v>
      </c>
      <c r="O311" s="5" t="s">
        <v>38</v>
      </c>
      <c r="P311" s="5" t="s">
        <v>39</v>
      </c>
      <c r="Q311" s="5" t="s">
        <v>40</v>
      </c>
      <c r="R311" s="5" t="s">
        <v>897</v>
      </c>
      <c r="S311" s="5" t="s">
        <v>40</v>
      </c>
      <c r="T311" s="5" t="s">
        <v>42</v>
      </c>
      <c r="U311" s="2">
        <v>40.857999999999997</v>
      </c>
      <c r="V311" s="2">
        <v>37.746000000000002</v>
      </c>
      <c r="W311" s="2">
        <v>0.17899999999999999</v>
      </c>
      <c r="X311" s="2">
        <v>17</v>
      </c>
      <c r="Y311" s="2">
        <v>68.7</v>
      </c>
      <c r="Z311" s="2">
        <v>153.6</v>
      </c>
      <c r="AA311" s="5">
        <v>7</v>
      </c>
      <c r="AB311" s="5" t="s">
        <v>43</v>
      </c>
      <c r="AC311" s="5" t="s">
        <v>735</v>
      </c>
      <c r="AD311" s="2" t="s">
        <v>57186</v>
      </c>
      <c r="AE311" s="1"/>
    </row>
    <row r="312" spans="1:31">
      <c r="A312" s="5" t="s">
        <v>116</v>
      </c>
      <c r="B312" s="21">
        <v>46082</v>
      </c>
      <c r="C312" s="2" t="s">
        <v>57200</v>
      </c>
      <c r="D312" s="14" t="s">
        <v>57201</v>
      </c>
      <c r="E312" s="2" t="s">
        <v>83489</v>
      </c>
      <c r="F312" s="2" t="s">
        <v>130</v>
      </c>
      <c r="G312" s="8">
        <v>1153</v>
      </c>
      <c r="H312" s="5">
        <v>5</v>
      </c>
      <c r="I312" s="5" t="s">
        <v>69</v>
      </c>
      <c r="J312" s="5" t="s">
        <v>55802</v>
      </c>
      <c r="K312" s="2" t="s">
        <v>55803</v>
      </c>
      <c r="L312" s="5" t="s">
        <v>55802</v>
      </c>
      <c r="M312" s="2" t="s">
        <v>55803</v>
      </c>
      <c r="N312" s="5" t="s">
        <v>733</v>
      </c>
      <c r="O312" s="5" t="s">
        <v>38</v>
      </c>
      <c r="P312" s="5" t="s">
        <v>39</v>
      </c>
      <c r="Q312" s="5" t="s">
        <v>40</v>
      </c>
      <c r="R312" s="5" t="s">
        <v>897</v>
      </c>
      <c r="S312" s="5" t="s">
        <v>40</v>
      </c>
      <c r="T312" s="5" t="s">
        <v>42</v>
      </c>
      <c r="U312" s="2">
        <v>46.415999999999997</v>
      </c>
      <c r="V312" s="2">
        <v>43.280999999999999</v>
      </c>
      <c r="W312" s="2">
        <v>0.17899999999999999</v>
      </c>
      <c r="X312" s="2">
        <v>17</v>
      </c>
      <c r="Y312" s="2">
        <v>68.7</v>
      </c>
      <c r="Z312" s="2">
        <v>153.6</v>
      </c>
      <c r="AA312" s="5">
        <v>7</v>
      </c>
      <c r="AB312" s="5" t="s">
        <v>43</v>
      </c>
      <c r="AC312" s="5" t="s">
        <v>735</v>
      </c>
      <c r="AD312" s="2" t="s">
        <v>57204</v>
      </c>
      <c r="AE312" s="1"/>
    </row>
    <row r="313" spans="1:31">
      <c r="A313" s="5" t="s">
        <v>116</v>
      </c>
      <c r="B313" s="21">
        <v>46082</v>
      </c>
      <c r="C313" s="2" t="s">
        <v>57219</v>
      </c>
      <c r="D313" s="14" t="s">
        <v>57220</v>
      </c>
      <c r="E313" s="2" t="s">
        <v>83490</v>
      </c>
      <c r="F313" s="2" t="s">
        <v>130</v>
      </c>
      <c r="G313" s="8">
        <v>1704</v>
      </c>
      <c r="H313" s="5">
        <v>5</v>
      </c>
      <c r="I313" s="5" t="s">
        <v>69</v>
      </c>
      <c r="J313" s="5" t="s">
        <v>55802</v>
      </c>
      <c r="K313" s="2" t="s">
        <v>55803</v>
      </c>
      <c r="L313" s="5" t="s">
        <v>55802</v>
      </c>
      <c r="M313" s="2" t="s">
        <v>55803</v>
      </c>
      <c r="N313" s="5" t="s">
        <v>733</v>
      </c>
      <c r="O313" s="5" t="s">
        <v>38</v>
      </c>
      <c r="P313" s="5" t="s">
        <v>39</v>
      </c>
      <c r="Q313" s="5" t="s">
        <v>40</v>
      </c>
      <c r="R313" s="5" t="s">
        <v>897</v>
      </c>
      <c r="S313" s="5" t="s">
        <v>40</v>
      </c>
      <c r="T313" s="5" t="s">
        <v>42</v>
      </c>
      <c r="U313" s="2">
        <v>49.655999999999999</v>
      </c>
      <c r="V313" s="2">
        <v>46.521000000000001</v>
      </c>
      <c r="W313" s="2">
        <v>0.17899999999999999</v>
      </c>
      <c r="X313" s="2">
        <v>17</v>
      </c>
      <c r="Y313" s="2">
        <v>68.7</v>
      </c>
      <c r="Z313" s="2">
        <v>153.6</v>
      </c>
      <c r="AA313" s="5">
        <v>7</v>
      </c>
      <c r="AB313" s="5" t="s">
        <v>43</v>
      </c>
      <c r="AC313" s="5" t="s">
        <v>735</v>
      </c>
      <c r="AD313" s="2" t="s">
        <v>57223</v>
      </c>
      <c r="AE313" s="1"/>
    </row>
    <row r="314" spans="1:31">
      <c r="A314" s="5" t="s">
        <v>116</v>
      </c>
      <c r="B314" s="21">
        <v>46082</v>
      </c>
      <c r="C314" s="2" t="s">
        <v>57233</v>
      </c>
      <c r="D314" s="14" t="s">
        <v>57234</v>
      </c>
      <c r="E314" s="2" t="s">
        <v>83491</v>
      </c>
      <c r="F314" s="2" t="s">
        <v>130</v>
      </c>
      <c r="G314" s="8">
        <v>1419</v>
      </c>
      <c r="H314" s="5">
        <v>5</v>
      </c>
      <c r="I314" s="5" t="s">
        <v>69</v>
      </c>
      <c r="J314" s="5" t="s">
        <v>55802</v>
      </c>
      <c r="K314" s="2" t="s">
        <v>55803</v>
      </c>
      <c r="L314" s="5" t="s">
        <v>55802</v>
      </c>
      <c r="M314" s="2" t="s">
        <v>55803</v>
      </c>
      <c r="N314" s="5" t="s">
        <v>733</v>
      </c>
      <c r="O314" s="5" t="s">
        <v>38</v>
      </c>
      <c r="P314" s="5" t="s">
        <v>39</v>
      </c>
      <c r="Q314" s="5" t="s">
        <v>40</v>
      </c>
      <c r="R314" s="5" t="s">
        <v>897</v>
      </c>
      <c r="S314" s="5" t="s">
        <v>40</v>
      </c>
      <c r="T314" s="5" t="s">
        <v>42</v>
      </c>
      <c r="U314" s="2">
        <v>44.158999999999999</v>
      </c>
      <c r="V314" s="2">
        <v>41.046999999999997</v>
      </c>
      <c r="W314" s="2">
        <v>0.17899999999999999</v>
      </c>
      <c r="X314" s="2">
        <v>17</v>
      </c>
      <c r="Y314" s="2">
        <v>68.7</v>
      </c>
      <c r="Z314" s="2">
        <v>153.6</v>
      </c>
      <c r="AA314" s="5">
        <v>7</v>
      </c>
      <c r="AB314" s="5" t="s">
        <v>43</v>
      </c>
      <c r="AC314" s="5" t="s">
        <v>735</v>
      </c>
      <c r="AD314" s="2" t="s">
        <v>57237</v>
      </c>
      <c r="AE314" s="1"/>
    </row>
    <row r="315" spans="1:31">
      <c r="A315" s="5" t="s">
        <v>116</v>
      </c>
      <c r="B315" s="21">
        <v>46082</v>
      </c>
      <c r="C315" s="2" t="s">
        <v>57247</v>
      </c>
      <c r="D315" s="14" t="s">
        <v>57248</v>
      </c>
      <c r="E315" s="2" t="s">
        <v>83492</v>
      </c>
      <c r="F315" s="2" t="s">
        <v>130</v>
      </c>
      <c r="G315" s="8">
        <v>1621</v>
      </c>
      <c r="H315" s="5">
        <v>5</v>
      </c>
      <c r="I315" s="5" t="s">
        <v>69</v>
      </c>
      <c r="J315" s="5" t="s">
        <v>55802</v>
      </c>
      <c r="K315" s="2" t="s">
        <v>55803</v>
      </c>
      <c r="L315" s="5" t="s">
        <v>55802</v>
      </c>
      <c r="M315" s="2" t="s">
        <v>55803</v>
      </c>
      <c r="N315" s="5" t="s">
        <v>733</v>
      </c>
      <c r="O315" s="5" t="s">
        <v>38</v>
      </c>
      <c r="P315" s="5" t="s">
        <v>39</v>
      </c>
      <c r="Q315" s="5" t="s">
        <v>40</v>
      </c>
      <c r="R315" s="5" t="s">
        <v>897</v>
      </c>
      <c r="S315" s="5" t="s">
        <v>40</v>
      </c>
      <c r="T315" s="5" t="s">
        <v>42</v>
      </c>
      <c r="U315" s="2">
        <v>49.624000000000002</v>
      </c>
      <c r="V315" s="2">
        <v>46.488999999999997</v>
      </c>
      <c r="W315" s="2">
        <v>0.17899999999999999</v>
      </c>
      <c r="X315" s="2">
        <v>17</v>
      </c>
      <c r="Y315" s="2">
        <v>68.7</v>
      </c>
      <c r="Z315" s="2">
        <v>153.6</v>
      </c>
      <c r="AA315" s="5">
        <v>7</v>
      </c>
      <c r="AB315" s="5" t="s">
        <v>43</v>
      </c>
      <c r="AC315" s="5" t="s">
        <v>735</v>
      </c>
      <c r="AD315" s="2" t="s">
        <v>57251</v>
      </c>
      <c r="AE315" s="1"/>
    </row>
    <row r="316" spans="1:31">
      <c r="A316" s="5" t="s">
        <v>116</v>
      </c>
      <c r="B316" s="21">
        <v>46082</v>
      </c>
      <c r="C316" s="2" t="s">
        <v>57720</v>
      </c>
      <c r="D316" s="14" t="s">
        <v>57721</v>
      </c>
      <c r="E316" s="2" t="s">
        <v>83493</v>
      </c>
      <c r="F316" s="2" t="s">
        <v>130</v>
      </c>
      <c r="G316" s="8">
        <v>1236</v>
      </c>
      <c r="H316" s="5">
        <v>5</v>
      </c>
      <c r="I316" s="5" t="s">
        <v>69</v>
      </c>
      <c r="J316" s="5" t="s">
        <v>55802</v>
      </c>
      <c r="K316" s="2" t="s">
        <v>55803</v>
      </c>
      <c r="L316" s="5" t="s">
        <v>55802</v>
      </c>
      <c r="M316" s="2" t="s">
        <v>55803</v>
      </c>
      <c r="N316" s="5" t="s">
        <v>733</v>
      </c>
      <c r="O316" s="5" t="s">
        <v>38</v>
      </c>
      <c r="P316" s="5" t="s">
        <v>39</v>
      </c>
      <c r="Q316" s="5" t="s">
        <v>40</v>
      </c>
      <c r="R316" s="5" t="s">
        <v>897</v>
      </c>
      <c r="S316" s="5" t="s">
        <v>40</v>
      </c>
      <c r="T316" s="5" t="s">
        <v>42</v>
      </c>
      <c r="U316" s="2">
        <v>45.85</v>
      </c>
      <c r="V316" s="2">
        <v>42.74</v>
      </c>
      <c r="W316" s="2">
        <v>0.18099999999999999</v>
      </c>
      <c r="X316" s="2">
        <v>17</v>
      </c>
      <c r="Y316" s="2">
        <v>80.7</v>
      </c>
      <c r="Z316" s="2">
        <v>131.6</v>
      </c>
      <c r="AA316" s="5">
        <v>7</v>
      </c>
      <c r="AB316" s="5" t="s">
        <v>43</v>
      </c>
      <c r="AC316" s="5" t="s">
        <v>735</v>
      </c>
      <c r="AD316" s="2" t="s">
        <v>57724</v>
      </c>
      <c r="AE316" s="1"/>
    </row>
    <row r="317" spans="1:31">
      <c r="A317" s="5" t="s">
        <v>116</v>
      </c>
      <c r="B317" s="21">
        <v>46082</v>
      </c>
      <c r="C317" s="2" t="s">
        <v>57768</v>
      </c>
      <c r="D317" s="14" t="s">
        <v>57769</v>
      </c>
      <c r="E317" s="2" t="s">
        <v>83494</v>
      </c>
      <c r="F317" s="2" t="s">
        <v>130</v>
      </c>
      <c r="G317" s="8">
        <v>951</v>
      </c>
      <c r="H317" s="5">
        <v>5</v>
      </c>
      <c r="I317" s="5" t="s">
        <v>69</v>
      </c>
      <c r="J317" s="5" t="s">
        <v>55802</v>
      </c>
      <c r="K317" s="2" t="s">
        <v>55803</v>
      </c>
      <c r="L317" s="5" t="s">
        <v>55802</v>
      </c>
      <c r="M317" s="2" t="s">
        <v>55803</v>
      </c>
      <c r="N317" s="5" t="s">
        <v>733</v>
      </c>
      <c r="O317" s="5" t="s">
        <v>38</v>
      </c>
      <c r="P317" s="5" t="s">
        <v>39</v>
      </c>
      <c r="Q317" s="5" t="s">
        <v>40</v>
      </c>
      <c r="R317" s="5" t="s">
        <v>897</v>
      </c>
      <c r="S317" s="5" t="s">
        <v>40</v>
      </c>
      <c r="T317" s="5" t="s">
        <v>42</v>
      </c>
      <c r="U317" s="2">
        <v>40.225000000000001</v>
      </c>
      <c r="V317" s="2">
        <v>37.143000000000001</v>
      </c>
      <c r="W317" s="2">
        <v>0.18099999999999999</v>
      </c>
      <c r="X317" s="2">
        <v>17</v>
      </c>
      <c r="Y317" s="2">
        <v>80.7</v>
      </c>
      <c r="Z317" s="2">
        <v>131.6</v>
      </c>
      <c r="AA317" s="5">
        <v>7</v>
      </c>
      <c r="AB317" s="5" t="s">
        <v>43</v>
      </c>
      <c r="AC317" s="5" t="s">
        <v>735</v>
      </c>
      <c r="AD317" s="2" t="s">
        <v>57772</v>
      </c>
      <c r="AE317" s="1"/>
    </row>
    <row r="318" spans="1:31">
      <c r="A318" s="5" t="s">
        <v>116</v>
      </c>
      <c r="B318" s="21">
        <v>46082</v>
      </c>
      <c r="C318" s="2" t="s">
        <v>57795</v>
      </c>
      <c r="D318" s="14" t="s">
        <v>57796</v>
      </c>
      <c r="E318" s="2" t="s">
        <v>83495</v>
      </c>
      <c r="F318" s="2" t="s">
        <v>130</v>
      </c>
      <c r="G318" s="8">
        <v>1153</v>
      </c>
      <c r="H318" s="5">
        <v>5</v>
      </c>
      <c r="I318" s="5" t="s">
        <v>69</v>
      </c>
      <c r="J318" s="5" t="s">
        <v>55802</v>
      </c>
      <c r="K318" s="2" t="s">
        <v>55803</v>
      </c>
      <c r="L318" s="5" t="s">
        <v>55802</v>
      </c>
      <c r="M318" s="2" t="s">
        <v>55803</v>
      </c>
      <c r="N318" s="5" t="s">
        <v>733</v>
      </c>
      <c r="O318" s="5" t="s">
        <v>38</v>
      </c>
      <c r="P318" s="5" t="s">
        <v>39</v>
      </c>
      <c r="Q318" s="5" t="s">
        <v>40</v>
      </c>
      <c r="R318" s="5" t="s">
        <v>897</v>
      </c>
      <c r="S318" s="5" t="s">
        <v>40</v>
      </c>
      <c r="T318" s="5" t="s">
        <v>42</v>
      </c>
      <c r="U318" s="2">
        <v>45.817999999999998</v>
      </c>
      <c r="V318" s="2">
        <v>42.707999999999998</v>
      </c>
      <c r="W318" s="2">
        <v>0.18099999999999999</v>
      </c>
      <c r="X318" s="2">
        <v>17</v>
      </c>
      <c r="Y318" s="2">
        <v>80.7</v>
      </c>
      <c r="Z318" s="2">
        <v>131.6</v>
      </c>
      <c r="AA318" s="5">
        <v>7</v>
      </c>
      <c r="AB318" s="5" t="s">
        <v>43</v>
      </c>
      <c r="AC318" s="5" t="s">
        <v>735</v>
      </c>
      <c r="AD318" s="2" t="s">
        <v>57799</v>
      </c>
      <c r="AE318" s="1"/>
    </row>
    <row r="319" spans="1:31">
      <c r="A319" s="5" t="s">
        <v>116</v>
      </c>
      <c r="B319" s="21">
        <v>46082</v>
      </c>
      <c r="C319" s="2" t="s">
        <v>57823</v>
      </c>
      <c r="D319" s="14" t="s">
        <v>57824</v>
      </c>
      <c r="E319" s="2" t="s">
        <v>83496</v>
      </c>
      <c r="F319" s="2" t="s">
        <v>130</v>
      </c>
      <c r="G319" s="8">
        <v>1704</v>
      </c>
      <c r="H319" s="5">
        <v>5</v>
      </c>
      <c r="I319" s="5" t="s">
        <v>69</v>
      </c>
      <c r="J319" s="5" t="s">
        <v>55802</v>
      </c>
      <c r="K319" s="2" t="s">
        <v>55803</v>
      </c>
      <c r="L319" s="5" t="s">
        <v>55802</v>
      </c>
      <c r="M319" s="2" t="s">
        <v>55803</v>
      </c>
      <c r="N319" s="5" t="s">
        <v>733</v>
      </c>
      <c r="O319" s="5" t="s">
        <v>38</v>
      </c>
      <c r="P319" s="5" t="s">
        <v>39</v>
      </c>
      <c r="Q319" s="5" t="s">
        <v>40</v>
      </c>
      <c r="R319" s="5" t="s">
        <v>897</v>
      </c>
      <c r="S319" s="5" t="s">
        <v>40</v>
      </c>
      <c r="T319" s="5" t="s">
        <v>42</v>
      </c>
      <c r="U319" s="2">
        <v>48.954999999999998</v>
      </c>
      <c r="V319" s="2">
        <v>45.844999999999999</v>
      </c>
      <c r="W319" s="2">
        <v>0.18099999999999999</v>
      </c>
      <c r="X319" s="2">
        <v>17</v>
      </c>
      <c r="Y319" s="2">
        <v>80.7</v>
      </c>
      <c r="Z319" s="2">
        <v>131.6</v>
      </c>
      <c r="AA319" s="5">
        <v>7</v>
      </c>
      <c r="AB319" s="5" t="s">
        <v>43</v>
      </c>
      <c r="AC319" s="5" t="s">
        <v>735</v>
      </c>
      <c r="AD319" s="2" t="s">
        <v>57827</v>
      </c>
      <c r="AE319" s="1"/>
    </row>
    <row r="320" spans="1:31">
      <c r="A320" s="5" t="s">
        <v>116</v>
      </c>
      <c r="B320" s="21">
        <v>46082</v>
      </c>
      <c r="C320" s="2" t="s">
        <v>57842</v>
      </c>
      <c r="D320" s="14" t="s">
        <v>57843</v>
      </c>
      <c r="E320" s="2" t="s">
        <v>83497</v>
      </c>
      <c r="F320" s="2" t="s">
        <v>130</v>
      </c>
      <c r="G320" s="8">
        <v>1419</v>
      </c>
      <c r="H320" s="5">
        <v>5</v>
      </c>
      <c r="I320" s="5" t="s">
        <v>69</v>
      </c>
      <c r="J320" s="5" t="s">
        <v>55802</v>
      </c>
      <c r="K320" s="2" t="s">
        <v>55803</v>
      </c>
      <c r="L320" s="5" t="s">
        <v>55802</v>
      </c>
      <c r="M320" s="2" t="s">
        <v>55803</v>
      </c>
      <c r="N320" s="5" t="s">
        <v>733</v>
      </c>
      <c r="O320" s="5" t="s">
        <v>38</v>
      </c>
      <c r="P320" s="5" t="s">
        <v>39</v>
      </c>
      <c r="Q320" s="5" t="s">
        <v>40</v>
      </c>
      <c r="R320" s="5" t="s">
        <v>897</v>
      </c>
      <c r="S320" s="5" t="s">
        <v>40</v>
      </c>
      <c r="T320" s="5" t="s">
        <v>42</v>
      </c>
      <c r="U320" s="2">
        <v>43.402000000000001</v>
      </c>
      <c r="V320" s="2">
        <v>40.32</v>
      </c>
      <c r="W320" s="2">
        <v>0.18099999999999999</v>
      </c>
      <c r="X320" s="2">
        <v>17</v>
      </c>
      <c r="Y320" s="2">
        <v>80.7</v>
      </c>
      <c r="Z320" s="2">
        <v>131.6</v>
      </c>
      <c r="AA320" s="5">
        <v>7</v>
      </c>
      <c r="AB320" s="5" t="s">
        <v>43</v>
      </c>
      <c r="AC320" s="5" t="s">
        <v>735</v>
      </c>
      <c r="AD320" s="2" t="s">
        <v>57846</v>
      </c>
      <c r="AE320" s="1"/>
    </row>
    <row r="321" spans="1:31">
      <c r="A321" s="5" t="s">
        <v>116</v>
      </c>
      <c r="B321" s="21">
        <v>46082</v>
      </c>
      <c r="C321" s="2" t="s">
        <v>57860</v>
      </c>
      <c r="D321" s="14" t="s">
        <v>57861</v>
      </c>
      <c r="E321" s="2" t="s">
        <v>83498</v>
      </c>
      <c r="F321" s="2" t="s">
        <v>130</v>
      </c>
      <c r="G321" s="8">
        <v>1621</v>
      </c>
      <c r="H321" s="5">
        <v>5</v>
      </c>
      <c r="I321" s="5" t="s">
        <v>69</v>
      </c>
      <c r="J321" s="5" t="s">
        <v>55802</v>
      </c>
      <c r="K321" s="2" t="s">
        <v>55803</v>
      </c>
      <c r="L321" s="5" t="s">
        <v>55802</v>
      </c>
      <c r="M321" s="2" t="s">
        <v>55803</v>
      </c>
      <c r="N321" s="5" t="s">
        <v>733</v>
      </c>
      <c r="O321" s="5" t="s">
        <v>38</v>
      </c>
      <c r="P321" s="5" t="s">
        <v>39</v>
      </c>
      <c r="Q321" s="5" t="s">
        <v>40</v>
      </c>
      <c r="R321" s="5" t="s">
        <v>897</v>
      </c>
      <c r="S321" s="5" t="s">
        <v>40</v>
      </c>
      <c r="T321" s="5" t="s">
        <v>42</v>
      </c>
      <c r="U321" s="2">
        <v>48.923000000000002</v>
      </c>
      <c r="V321" s="2">
        <v>45.813000000000002</v>
      </c>
      <c r="W321" s="2">
        <v>0.18099999999999999</v>
      </c>
      <c r="X321" s="2">
        <v>17</v>
      </c>
      <c r="Y321" s="2">
        <v>80.7</v>
      </c>
      <c r="Z321" s="2">
        <v>131.6</v>
      </c>
      <c r="AA321" s="5">
        <v>7</v>
      </c>
      <c r="AB321" s="5" t="s">
        <v>43</v>
      </c>
      <c r="AC321" s="5" t="s">
        <v>735</v>
      </c>
      <c r="AD321" s="2" t="s">
        <v>57864</v>
      </c>
      <c r="AE321" s="1"/>
    </row>
    <row r="322" spans="1:31">
      <c r="A322" s="5" t="s">
        <v>116</v>
      </c>
      <c r="B322" s="21">
        <v>46082</v>
      </c>
      <c r="C322" s="2" t="s">
        <v>58060</v>
      </c>
      <c r="D322" s="14" t="s">
        <v>58061</v>
      </c>
      <c r="E322" s="2" t="s">
        <v>83499</v>
      </c>
      <c r="F322" s="2" t="s">
        <v>130</v>
      </c>
      <c r="G322" s="8">
        <v>1332</v>
      </c>
      <c r="H322" s="5">
        <v>5</v>
      </c>
      <c r="I322" s="5" t="s">
        <v>69</v>
      </c>
      <c r="J322" s="5" t="s">
        <v>55802</v>
      </c>
      <c r="K322" s="2" t="s">
        <v>55803</v>
      </c>
      <c r="L322" s="5" t="s">
        <v>55802</v>
      </c>
      <c r="M322" s="2" t="s">
        <v>55803</v>
      </c>
      <c r="N322" s="5" t="s">
        <v>733</v>
      </c>
      <c r="O322" s="5" t="s">
        <v>38</v>
      </c>
      <c r="P322" s="5" t="s">
        <v>39</v>
      </c>
      <c r="Q322" s="5" t="s">
        <v>40</v>
      </c>
      <c r="R322" s="5" t="s">
        <v>897</v>
      </c>
      <c r="S322" s="5" t="s">
        <v>40</v>
      </c>
      <c r="T322" s="5" t="s">
        <v>42</v>
      </c>
      <c r="U322" s="2">
        <v>52.783000000000001</v>
      </c>
      <c r="V322" s="2">
        <v>49.28</v>
      </c>
      <c r="W322" s="2">
        <v>0.21099999999999999</v>
      </c>
      <c r="X322" s="2">
        <v>17</v>
      </c>
      <c r="Y322" s="2">
        <v>80.7</v>
      </c>
      <c r="Z322" s="2">
        <v>153.6</v>
      </c>
      <c r="AA322" s="5">
        <v>7</v>
      </c>
      <c r="AB322" s="5" t="s">
        <v>43</v>
      </c>
      <c r="AC322" s="5" t="s">
        <v>735</v>
      </c>
      <c r="AD322" s="2" t="s">
        <v>58064</v>
      </c>
      <c r="AE322" s="1"/>
    </row>
    <row r="323" spans="1:31">
      <c r="A323" s="5" t="s">
        <v>116</v>
      </c>
      <c r="B323" s="21">
        <v>46082</v>
      </c>
      <c r="C323" s="2" t="s">
        <v>58108</v>
      </c>
      <c r="D323" s="14" t="s">
        <v>58109</v>
      </c>
      <c r="E323" s="2" t="s">
        <v>83500</v>
      </c>
      <c r="F323" s="2" t="s">
        <v>130</v>
      </c>
      <c r="G323" s="8">
        <v>995</v>
      </c>
      <c r="H323" s="5">
        <v>5</v>
      </c>
      <c r="I323" s="5" t="s">
        <v>69</v>
      </c>
      <c r="J323" s="5" t="s">
        <v>55802</v>
      </c>
      <c r="K323" s="2" t="s">
        <v>55803</v>
      </c>
      <c r="L323" s="5" t="s">
        <v>55802</v>
      </c>
      <c r="M323" s="2" t="s">
        <v>55803</v>
      </c>
      <c r="N323" s="5" t="s">
        <v>733</v>
      </c>
      <c r="O323" s="5" t="s">
        <v>38</v>
      </c>
      <c r="P323" s="5" t="s">
        <v>39</v>
      </c>
      <c r="Q323" s="5" t="s">
        <v>40</v>
      </c>
      <c r="R323" s="5" t="s">
        <v>897</v>
      </c>
      <c r="S323" s="5" t="s">
        <v>40</v>
      </c>
      <c r="T323" s="5" t="s">
        <v>42</v>
      </c>
      <c r="U323" s="2">
        <v>46.045999999999999</v>
      </c>
      <c r="V323" s="2">
        <v>42.570999999999998</v>
      </c>
      <c r="W323" s="2">
        <v>0.21099999999999999</v>
      </c>
      <c r="X323" s="2">
        <v>17</v>
      </c>
      <c r="Y323" s="2">
        <v>80.7</v>
      </c>
      <c r="Z323" s="2">
        <v>153.6</v>
      </c>
      <c r="AA323" s="5">
        <v>7</v>
      </c>
      <c r="AB323" s="5" t="s">
        <v>43</v>
      </c>
      <c r="AC323" s="5" t="s">
        <v>735</v>
      </c>
      <c r="AD323" s="2" t="s">
        <v>58112</v>
      </c>
      <c r="AE323" s="1"/>
    </row>
    <row r="324" spans="1:31">
      <c r="A324" s="5" t="s">
        <v>116</v>
      </c>
      <c r="B324" s="21">
        <v>46082</v>
      </c>
      <c r="C324" s="2" t="s">
        <v>58135</v>
      </c>
      <c r="D324" s="14" t="s">
        <v>58136</v>
      </c>
      <c r="E324" s="2" t="s">
        <v>83501</v>
      </c>
      <c r="F324" s="2" t="s">
        <v>130</v>
      </c>
      <c r="G324" s="8">
        <v>1234</v>
      </c>
      <c r="H324" s="5">
        <v>5</v>
      </c>
      <c r="I324" s="5" t="s">
        <v>69</v>
      </c>
      <c r="J324" s="5" t="s">
        <v>55802</v>
      </c>
      <c r="K324" s="2" t="s">
        <v>55803</v>
      </c>
      <c r="L324" s="5" t="s">
        <v>55802</v>
      </c>
      <c r="M324" s="2" t="s">
        <v>55803</v>
      </c>
      <c r="N324" s="5" t="s">
        <v>733</v>
      </c>
      <c r="O324" s="5" t="s">
        <v>38</v>
      </c>
      <c r="P324" s="5" t="s">
        <v>39</v>
      </c>
      <c r="Q324" s="5" t="s">
        <v>40</v>
      </c>
      <c r="R324" s="5" t="s">
        <v>897</v>
      </c>
      <c r="S324" s="5" t="s">
        <v>40</v>
      </c>
      <c r="T324" s="5" t="s">
        <v>42</v>
      </c>
      <c r="U324" s="2">
        <v>52.743000000000002</v>
      </c>
      <c r="V324" s="2">
        <v>49.24</v>
      </c>
      <c r="W324" s="2">
        <v>0.21099999999999999</v>
      </c>
      <c r="X324" s="2">
        <v>17</v>
      </c>
      <c r="Y324" s="2">
        <v>80.7</v>
      </c>
      <c r="Z324" s="2">
        <v>153.6</v>
      </c>
      <c r="AA324" s="5">
        <v>7</v>
      </c>
      <c r="AB324" s="5" t="s">
        <v>43</v>
      </c>
      <c r="AC324" s="5" t="s">
        <v>735</v>
      </c>
      <c r="AD324" s="2" t="s">
        <v>58139</v>
      </c>
      <c r="AE324" s="1"/>
    </row>
    <row r="325" spans="1:31">
      <c r="A325" s="5" t="s">
        <v>116</v>
      </c>
      <c r="B325" s="21">
        <v>46082</v>
      </c>
      <c r="C325" s="2" t="s">
        <v>58168</v>
      </c>
      <c r="D325" s="14" t="s">
        <v>58169</v>
      </c>
      <c r="E325" s="2" t="s">
        <v>83502</v>
      </c>
      <c r="F325" s="2" t="s">
        <v>130</v>
      </c>
      <c r="G325" s="8">
        <v>1800</v>
      </c>
      <c r="H325" s="5">
        <v>5</v>
      </c>
      <c r="I325" s="5" t="s">
        <v>69</v>
      </c>
      <c r="J325" s="5" t="s">
        <v>55802</v>
      </c>
      <c r="K325" s="2" t="s">
        <v>55803</v>
      </c>
      <c r="L325" s="5" t="s">
        <v>55802</v>
      </c>
      <c r="M325" s="2" t="s">
        <v>55803</v>
      </c>
      <c r="N325" s="5" t="s">
        <v>733</v>
      </c>
      <c r="O325" s="5" t="s">
        <v>38</v>
      </c>
      <c r="P325" s="5" t="s">
        <v>39</v>
      </c>
      <c r="Q325" s="5" t="s">
        <v>40</v>
      </c>
      <c r="R325" s="5" t="s">
        <v>897</v>
      </c>
      <c r="S325" s="5" t="s">
        <v>40</v>
      </c>
      <c r="T325" s="5" t="s">
        <v>42</v>
      </c>
      <c r="U325" s="2">
        <v>56.204999999999998</v>
      </c>
      <c r="V325" s="2">
        <v>52.701999999999998</v>
      </c>
      <c r="W325" s="2">
        <v>0.21099999999999999</v>
      </c>
      <c r="X325" s="2">
        <v>17</v>
      </c>
      <c r="Y325" s="2">
        <v>80.7</v>
      </c>
      <c r="Z325" s="2">
        <v>153.6</v>
      </c>
      <c r="AA325" s="5">
        <v>7</v>
      </c>
      <c r="AB325" s="5" t="s">
        <v>43</v>
      </c>
      <c r="AC325" s="5" t="s">
        <v>735</v>
      </c>
      <c r="AD325" s="2" t="s">
        <v>58172</v>
      </c>
      <c r="AE325" s="1"/>
    </row>
    <row r="326" spans="1:31">
      <c r="A326" s="5" t="s">
        <v>116</v>
      </c>
      <c r="B326" s="21">
        <v>46082</v>
      </c>
      <c r="C326" s="2" t="s">
        <v>58187</v>
      </c>
      <c r="D326" s="14" t="s">
        <v>58188</v>
      </c>
      <c r="E326" s="2" t="s">
        <v>83503</v>
      </c>
      <c r="F326" s="2" t="s">
        <v>130</v>
      </c>
      <c r="G326" s="8">
        <v>1463</v>
      </c>
      <c r="H326" s="5">
        <v>5</v>
      </c>
      <c r="I326" s="5" t="s">
        <v>69</v>
      </c>
      <c r="J326" s="5" t="s">
        <v>55802</v>
      </c>
      <c r="K326" s="2" t="s">
        <v>55803</v>
      </c>
      <c r="L326" s="5" t="s">
        <v>55802</v>
      </c>
      <c r="M326" s="2" t="s">
        <v>55803</v>
      </c>
      <c r="N326" s="5" t="s">
        <v>733</v>
      </c>
      <c r="O326" s="5" t="s">
        <v>38</v>
      </c>
      <c r="P326" s="5" t="s">
        <v>39</v>
      </c>
      <c r="Q326" s="5" t="s">
        <v>40</v>
      </c>
      <c r="R326" s="5" t="s">
        <v>897</v>
      </c>
      <c r="S326" s="5" t="s">
        <v>40</v>
      </c>
      <c r="T326" s="5" t="s">
        <v>42</v>
      </c>
      <c r="U326" s="2">
        <v>49.558</v>
      </c>
      <c r="V326" s="2">
        <v>46.082999999999998</v>
      </c>
      <c r="W326" s="2">
        <v>0.21099999999999999</v>
      </c>
      <c r="X326" s="2">
        <v>17</v>
      </c>
      <c r="Y326" s="2">
        <v>80.7</v>
      </c>
      <c r="Z326" s="2">
        <v>153.6</v>
      </c>
      <c r="AA326" s="5">
        <v>7</v>
      </c>
      <c r="AB326" s="5" t="s">
        <v>43</v>
      </c>
      <c r="AC326" s="5" t="s">
        <v>735</v>
      </c>
      <c r="AD326" s="2" t="s">
        <v>58191</v>
      </c>
      <c r="AE326" s="1"/>
    </row>
    <row r="327" spans="1:31">
      <c r="A327" s="5" t="s">
        <v>116</v>
      </c>
      <c r="B327" s="21">
        <v>46082</v>
      </c>
      <c r="C327" s="2" t="s">
        <v>58205</v>
      </c>
      <c r="D327" s="14" t="s">
        <v>58206</v>
      </c>
      <c r="E327" s="2" t="s">
        <v>83504</v>
      </c>
      <c r="F327" s="2" t="s">
        <v>130</v>
      </c>
      <c r="G327" s="8">
        <v>1702</v>
      </c>
      <c r="H327" s="5">
        <v>5</v>
      </c>
      <c r="I327" s="5" t="s">
        <v>69</v>
      </c>
      <c r="J327" s="5" t="s">
        <v>55802</v>
      </c>
      <c r="K327" s="2" t="s">
        <v>55803</v>
      </c>
      <c r="L327" s="5" t="s">
        <v>55802</v>
      </c>
      <c r="M327" s="2" t="s">
        <v>55803</v>
      </c>
      <c r="N327" s="5" t="s">
        <v>733</v>
      </c>
      <c r="O327" s="5" t="s">
        <v>38</v>
      </c>
      <c r="P327" s="5" t="s">
        <v>39</v>
      </c>
      <c r="Q327" s="5" t="s">
        <v>40</v>
      </c>
      <c r="R327" s="5" t="s">
        <v>897</v>
      </c>
      <c r="S327" s="5" t="s">
        <v>40</v>
      </c>
      <c r="T327" s="5" t="s">
        <v>42</v>
      </c>
      <c r="U327" s="2">
        <v>56.164999999999999</v>
      </c>
      <c r="V327" s="2">
        <v>52.661999999999999</v>
      </c>
      <c r="W327" s="2">
        <v>0.21099999999999999</v>
      </c>
      <c r="X327" s="2">
        <v>17</v>
      </c>
      <c r="Y327" s="2">
        <v>80.7</v>
      </c>
      <c r="Z327" s="2">
        <v>153.6</v>
      </c>
      <c r="AA327" s="5">
        <v>7</v>
      </c>
      <c r="AB327" s="5" t="s">
        <v>43</v>
      </c>
      <c r="AC327" s="5" t="s">
        <v>735</v>
      </c>
      <c r="AD327" s="2" t="s">
        <v>58209</v>
      </c>
      <c r="AE327" s="1"/>
    </row>
    <row r="328" spans="1:31">
      <c r="A328" s="5" t="s">
        <v>116</v>
      </c>
      <c r="B328" s="21">
        <v>46082</v>
      </c>
      <c r="C328" s="2" t="s">
        <v>58702</v>
      </c>
      <c r="D328" s="14" t="s">
        <v>58703</v>
      </c>
      <c r="E328" s="2" t="s">
        <v>83505</v>
      </c>
      <c r="F328" s="2" t="s">
        <v>130</v>
      </c>
      <c r="G328" s="8">
        <v>1361</v>
      </c>
      <c r="H328" s="5">
        <v>5</v>
      </c>
      <c r="I328" s="5" t="s">
        <v>69</v>
      </c>
      <c r="J328" s="5" t="s">
        <v>55802</v>
      </c>
      <c r="K328" s="2" t="s">
        <v>55803</v>
      </c>
      <c r="L328" s="5" t="s">
        <v>55802</v>
      </c>
      <c r="M328" s="2" t="s">
        <v>55803</v>
      </c>
      <c r="N328" s="5" t="s">
        <v>733</v>
      </c>
      <c r="O328" s="5" t="s">
        <v>38</v>
      </c>
      <c r="P328" s="5" t="s">
        <v>39</v>
      </c>
      <c r="Q328" s="5" t="s">
        <v>40</v>
      </c>
      <c r="R328" s="5" t="s">
        <v>897</v>
      </c>
      <c r="S328" s="5" t="s">
        <v>40</v>
      </c>
      <c r="T328" s="5" t="s">
        <v>42</v>
      </c>
      <c r="U328" s="2">
        <v>53.273000000000003</v>
      </c>
      <c r="V328" s="2">
        <v>49.720999999999997</v>
      </c>
      <c r="W328" s="2">
        <v>0.217</v>
      </c>
      <c r="X328" s="2">
        <v>17</v>
      </c>
      <c r="Y328" s="2">
        <v>96.9</v>
      </c>
      <c r="Z328" s="2">
        <v>131.6</v>
      </c>
      <c r="AA328" s="5">
        <v>7</v>
      </c>
      <c r="AB328" s="5" t="s">
        <v>43</v>
      </c>
      <c r="AC328" s="5" t="s">
        <v>735</v>
      </c>
      <c r="AD328" s="2" t="s">
        <v>58706</v>
      </c>
      <c r="AE328" s="1"/>
    </row>
    <row r="329" spans="1:31">
      <c r="A329" s="5" t="s">
        <v>116</v>
      </c>
      <c r="B329" s="21">
        <v>46082</v>
      </c>
      <c r="C329" s="2" t="s">
        <v>58746</v>
      </c>
      <c r="D329" s="14" t="s">
        <v>58747</v>
      </c>
      <c r="E329" s="2" t="s">
        <v>83506</v>
      </c>
      <c r="F329" s="2" t="s">
        <v>130</v>
      </c>
      <c r="G329" s="8">
        <v>1017</v>
      </c>
      <c r="H329" s="5">
        <v>5</v>
      </c>
      <c r="I329" s="5" t="s">
        <v>69</v>
      </c>
      <c r="J329" s="5" t="s">
        <v>55802</v>
      </c>
      <c r="K329" s="2" t="s">
        <v>55803</v>
      </c>
      <c r="L329" s="5" t="s">
        <v>55802</v>
      </c>
      <c r="M329" s="2" t="s">
        <v>55803</v>
      </c>
      <c r="N329" s="5" t="s">
        <v>733</v>
      </c>
      <c r="O329" s="5" t="s">
        <v>38</v>
      </c>
      <c r="P329" s="5" t="s">
        <v>39</v>
      </c>
      <c r="Q329" s="5" t="s">
        <v>40</v>
      </c>
      <c r="R329" s="5" t="s">
        <v>897</v>
      </c>
      <c r="S329" s="5" t="s">
        <v>40</v>
      </c>
      <c r="T329" s="5" t="s">
        <v>42</v>
      </c>
      <c r="U329" s="2">
        <v>46.348999999999997</v>
      </c>
      <c r="V329" s="2">
        <v>42.832999999999998</v>
      </c>
      <c r="W329" s="2">
        <v>0.217</v>
      </c>
      <c r="X329" s="2">
        <v>17</v>
      </c>
      <c r="Y329" s="2">
        <v>96.9</v>
      </c>
      <c r="Z329" s="2">
        <v>131.6</v>
      </c>
      <c r="AA329" s="5">
        <v>7</v>
      </c>
      <c r="AB329" s="5" t="s">
        <v>43</v>
      </c>
      <c r="AC329" s="5" t="s">
        <v>735</v>
      </c>
      <c r="AD329" s="2" t="s">
        <v>58750</v>
      </c>
      <c r="AE329" s="1"/>
    </row>
    <row r="330" spans="1:31">
      <c r="A330" s="5" t="s">
        <v>116</v>
      </c>
      <c r="B330" s="21">
        <v>46082</v>
      </c>
      <c r="C330" s="2" t="s">
        <v>58773</v>
      </c>
      <c r="D330" s="14" t="s">
        <v>58774</v>
      </c>
      <c r="E330" s="2" t="s">
        <v>83507</v>
      </c>
      <c r="F330" s="2" t="s">
        <v>130</v>
      </c>
      <c r="G330" s="8">
        <v>1261</v>
      </c>
      <c r="H330" s="5">
        <v>5</v>
      </c>
      <c r="I330" s="5" t="s">
        <v>69</v>
      </c>
      <c r="J330" s="5" t="s">
        <v>55802</v>
      </c>
      <c r="K330" s="2" t="s">
        <v>55803</v>
      </c>
      <c r="L330" s="5" t="s">
        <v>55802</v>
      </c>
      <c r="M330" s="2" t="s">
        <v>55803</v>
      </c>
      <c r="N330" s="5" t="s">
        <v>733</v>
      </c>
      <c r="O330" s="5" t="s">
        <v>38</v>
      </c>
      <c r="P330" s="5" t="s">
        <v>39</v>
      </c>
      <c r="Q330" s="5" t="s">
        <v>40</v>
      </c>
      <c r="R330" s="5" t="s">
        <v>897</v>
      </c>
      <c r="S330" s="5" t="s">
        <v>40</v>
      </c>
      <c r="T330" s="5" t="s">
        <v>42</v>
      </c>
      <c r="U330" s="2">
        <v>53.231999999999999</v>
      </c>
      <c r="V330" s="2">
        <v>49.68</v>
      </c>
      <c r="W330" s="2">
        <v>0.217</v>
      </c>
      <c r="X330" s="2">
        <v>17</v>
      </c>
      <c r="Y330" s="2">
        <v>96.9</v>
      </c>
      <c r="Z330" s="2">
        <v>131.6</v>
      </c>
      <c r="AA330" s="5">
        <v>7</v>
      </c>
      <c r="AB330" s="5" t="s">
        <v>43</v>
      </c>
      <c r="AC330" s="5" t="s">
        <v>735</v>
      </c>
      <c r="AD330" s="2" t="s">
        <v>58777</v>
      </c>
      <c r="AE330" s="1"/>
    </row>
    <row r="331" spans="1:31">
      <c r="A331" s="5" t="s">
        <v>116</v>
      </c>
      <c r="B331" s="21">
        <v>46082</v>
      </c>
      <c r="C331" s="2" t="s">
        <v>58796</v>
      </c>
      <c r="D331" s="14" t="s">
        <v>58797</v>
      </c>
      <c r="E331" s="2" t="s">
        <v>83508</v>
      </c>
      <c r="F331" s="2" t="s">
        <v>130</v>
      </c>
      <c r="G331" s="8">
        <v>1829</v>
      </c>
      <c r="H331" s="5">
        <v>5</v>
      </c>
      <c r="I331" s="5" t="s">
        <v>69</v>
      </c>
      <c r="J331" s="5" t="s">
        <v>55802</v>
      </c>
      <c r="K331" s="2" t="s">
        <v>55803</v>
      </c>
      <c r="L331" s="5" t="s">
        <v>55802</v>
      </c>
      <c r="M331" s="2" t="s">
        <v>55803</v>
      </c>
      <c r="N331" s="5" t="s">
        <v>733</v>
      </c>
      <c r="O331" s="5" t="s">
        <v>38</v>
      </c>
      <c r="P331" s="5" t="s">
        <v>39</v>
      </c>
      <c r="Q331" s="5" t="s">
        <v>40</v>
      </c>
      <c r="R331" s="5" t="s">
        <v>897</v>
      </c>
      <c r="S331" s="5" t="s">
        <v>40</v>
      </c>
      <c r="T331" s="5" t="s">
        <v>42</v>
      </c>
      <c r="U331" s="2">
        <v>56.664999999999999</v>
      </c>
      <c r="V331" s="2">
        <v>53.113</v>
      </c>
      <c r="W331" s="2">
        <v>0.217</v>
      </c>
      <c r="X331" s="2">
        <v>17</v>
      </c>
      <c r="Y331" s="2">
        <v>96.9</v>
      </c>
      <c r="Z331" s="2">
        <v>131.6</v>
      </c>
      <c r="AA331" s="5">
        <v>7</v>
      </c>
      <c r="AB331" s="5" t="s">
        <v>43</v>
      </c>
      <c r="AC331" s="5" t="s">
        <v>735</v>
      </c>
      <c r="AD331" s="2" t="s">
        <v>58800</v>
      </c>
      <c r="AE331" s="1"/>
    </row>
    <row r="332" spans="1:31">
      <c r="A332" s="5" t="s">
        <v>116</v>
      </c>
      <c r="B332" s="21">
        <v>46082</v>
      </c>
      <c r="C332" s="2" t="s">
        <v>58806</v>
      </c>
      <c r="D332" s="14" t="s">
        <v>58807</v>
      </c>
      <c r="E332" s="2" t="s">
        <v>83509</v>
      </c>
      <c r="F332" s="2" t="s">
        <v>130</v>
      </c>
      <c r="G332" s="8">
        <v>1485</v>
      </c>
      <c r="H332" s="5">
        <v>5</v>
      </c>
      <c r="I332" s="5" t="s">
        <v>69</v>
      </c>
      <c r="J332" s="5" t="s">
        <v>55802</v>
      </c>
      <c r="K332" s="2" t="s">
        <v>55803</v>
      </c>
      <c r="L332" s="5" t="s">
        <v>55802</v>
      </c>
      <c r="M332" s="2" t="s">
        <v>55803</v>
      </c>
      <c r="N332" s="5" t="s">
        <v>733</v>
      </c>
      <c r="O332" s="5" t="s">
        <v>38</v>
      </c>
      <c r="P332" s="5" t="s">
        <v>39</v>
      </c>
      <c r="Q332" s="5" t="s">
        <v>40</v>
      </c>
      <c r="R332" s="5" t="s">
        <v>897</v>
      </c>
      <c r="S332" s="5" t="s">
        <v>40</v>
      </c>
      <c r="T332" s="5" t="s">
        <v>42</v>
      </c>
      <c r="U332" s="2">
        <v>49.811999999999998</v>
      </c>
      <c r="V332" s="2">
        <v>46.295999999999999</v>
      </c>
      <c r="W332" s="2">
        <v>0.217</v>
      </c>
      <c r="X332" s="2">
        <v>17</v>
      </c>
      <c r="Y332" s="2">
        <v>96.9</v>
      </c>
      <c r="Z332" s="2">
        <v>131.6</v>
      </c>
      <c r="AA332" s="5">
        <v>7</v>
      </c>
      <c r="AB332" s="5" t="s">
        <v>43</v>
      </c>
      <c r="AC332" s="5" t="s">
        <v>735</v>
      </c>
      <c r="AD332" s="2" t="s">
        <v>58810</v>
      </c>
      <c r="AE332" s="1"/>
    </row>
    <row r="333" spans="1:31">
      <c r="A333" s="5" t="s">
        <v>116</v>
      </c>
      <c r="B333" s="21">
        <v>46082</v>
      </c>
      <c r="C333" s="2" t="s">
        <v>58820</v>
      </c>
      <c r="D333" s="14" t="s">
        <v>58821</v>
      </c>
      <c r="E333" s="2" t="s">
        <v>83510</v>
      </c>
      <c r="F333" s="2" t="s">
        <v>130</v>
      </c>
      <c r="G333" s="8">
        <v>1729</v>
      </c>
      <c r="H333" s="5">
        <v>5</v>
      </c>
      <c r="I333" s="5" t="s">
        <v>69</v>
      </c>
      <c r="J333" s="5" t="s">
        <v>55802</v>
      </c>
      <c r="K333" s="2" t="s">
        <v>55803</v>
      </c>
      <c r="L333" s="5" t="s">
        <v>55802</v>
      </c>
      <c r="M333" s="2" t="s">
        <v>55803</v>
      </c>
      <c r="N333" s="5" t="s">
        <v>733</v>
      </c>
      <c r="O333" s="5" t="s">
        <v>38</v>
      </c>
      <c r="P333" s="5" t="s">
        <v>39</v>
      </c>
      <c r="Q333" s="5" t="s">
        <v>40</v>
      </c>
      <c r="R333" s="5" t="s">
        <v>897</v>
      </c>
      <c r="S333" s="5" t="s">
        <v>40</v>
      </c>
      <c r="T333" s="5" t="s">
        <v>42</v>
      </c>
      <c r="U333" s="2">
        <v>56.624000000000002</v>
      </c>
      <c r="V333" s="2">
        <v>53.072000000000003</v>
      </c>
      <c r="W333" s="2">
        <v>0.217</v>
      </c>
      <c r="X333" s="2">
        <v>17</v>
      </c>
      <c r="Y333" s="2">
        <v>96.9</v>
      </c>
      <c r="Z333" s="2">
        <v>131.6</v>
      </c>
      <c r="AA333" s="5">
        <v>7</v>
      </c>
      <c r="AB333" s="5" t="s">
        <v>43</v>
      </c>
      <c r="AC333" s="5" t="s">
        <v>735</v>
      </c>
      <c r="AD333" s="2" t="s">
        <v>58824</v>
      </c>
      <c r="AE333" s="1"/>
    </row>
    <row r="334" spans="1:31">
      <c r="A334" s="5" t="s">
        <v>116</v>
      </c>
      <c r="B334" s="21">
        <v>46082</v>
      </c>
      <c r="C334" s="2" t="s">
        <v>58972</v>
      </c>
      <c r="D334" s="14" t="s">
        <v>58973</v>
      </c>
      <c r="E334" s="2" t="s">
        <v>83511</v>
      </c>
      <c r="F334" s="2" t="s">
        <v>130</v>
      </c>
      <c r="G334" s="8">
        <v>1481</v>
      </c>
      <c r="H334" s="5">
        <v>5</v>
      </c>
      <c r="I334" s="5" t="s">
        <v>69</v>
      </c>
      <c r="J334" s="5" t="s">
        <v>55802</v>
      </c>
      <c r="K334" s="2" t="s">
        <v>55803</v>
      </c>
      <c r="L334" s="5" t="s">
        <v>55802</v>
      </c>
      <c r="M334" s="2" t="s">
        <v>55803</v>
      </c>
      <c r="N334" s="5" t="s">
        <v>733</v>
      </c>
      <c r="O334" s="5" t="s">
        <v>38</v>
      </c>
      <c r="P334" s="5" t="s">
        <v>39</v>
      </c>
      <c r="Q334" s="5" t="s">
        <v>40</v>
      </c>
      <c r="R334" s="5" t="s">
        <v>897</v>
      </c>
      <c r="S334" s="5" t="s">
        <v>40</v>
      </c>
      <c r="T334" s="5" t="s">
        <v>42</v>
      </c>
      <c r="U334" s="2">
        <v>62.036999999999999</v>
      </c>
      <c r="V334" s="2">
        <v>57.372</v>
      </c>
      <c r="W334" s="2">
        <v>0.26300000000000001</v>
      </c>
      <c r="X334" s="2">
        <v>17</v>
      </c>
      <c r="Y334" s="2">
        <v>100.9</v>
      </c>
      <c r="Z334" s="2">
        <v>153.6</v>
      </c>
      <c r="AA334" s="5">
        <v>7</v>
      </c>
      <c r="AB334" s="5" t="s">
        <v>43</v>
      </c>
      <c r="AC334" s="5" t="s">
        <v>735</v>
      </c>
      <c r="AD334" s="2" t="s">
        <v>58976</v>
      </c>
      <c r="AE334" s="1"/>
    </row>
    <row r="335" spans="1:31">
      <c r="A335" s="5" t="s">
        <v>116</v>
      </c>
      <c r="B335" s="21">
        <v>46082</v>
      </c>
      <c r="C335" s="2" t="s">
        <v>59012</v>
      </c>
      <c r="D335" s="14" t="s">
        <v>59013</v>
      </c>
      <c r="E335" s="2" t="s">
        <v>83512</v>
      </c>
      <c r="F335" s="2" t="s">
        <v>130</v>
      </c>
      <c r="G335" s="8">
        <v>1072</v>
      </c>
      <c r="H335" s="5">
        <v>5</v>
      </c>
      <c r="I335" s="5" t="s">
        <v>69</v>
      </c>
      <c r="J335" s="5" t="s">
        <v>55802</v>
      </c>
      <c r="K335" s="2" t="s">
        <v>55803</v>
      </c>
      <c r="L335" s="5" t="s">
        <v>55802</v>
      </c>
      <c r="M335" s="2" t="s">
        <v>55803</v>
      </c>
      <c r="N335" s="5" t="s">
        <v>733</v>
      </c>
      <c r="O335" s="5" t="s">
        <v>38</v>
      </c>
      <c r="P335" s="5" t="s">
        <v>39</v>
      </c>
      <c r="Q335" s="5" t="s">
        <v>40</v>
      </c>
      <c r="R335" s="5" t="s">
        <v>897</v>
      </c>
      <c r="S335" s="5" t="s">
        <v>40</v>
      </c>
      <c r="T335" s="5" t="s">
        <v>42</v>
      </c>
      <c r="U335" s="2">
        <v>53.762999999999998</v>
      </c>
      <c r="V335" s="2">
        <v>49.134</v>
      </c>
      <c r="W335" s="2">
        <v>0.26300000000000001</v>
      </c>
      <c r="X335" s="2">
        <v>17</v>
      </c>
      <c r="Y335" s="2">
        <v>100.9</v>
      </c>
      <c r="Z335" s="2">
        <v>153.6</v>
      </c>
      <c r="AA335" s="5">
        <v>7</v>
      </c>
      <c r="AB335" s="5" t="s">
        <v>43</v>
      </c>
      <c r="AC335" s="5" t="s">
        <v>735</v>
      </c>
      <c r="AD335" s="2" t="s">
        <v>59016</v>
      </c>
      <c r="AE335" s="1"/>
    </row>
    <row r="336" spans="1:31">
      <c r="A336" s="5" t="s">
        <v>116</v>
      </c>
      <c r="B336" s="21">
        <v>46082</v>
      </c>
      <c r="C336" s="2" t="s">
        <v>59039</v>
      </c>
      <c r="D336" s="14" t="s">
        <v>59040</v>
      </c>
      <c r="E336" s="2" t="s">
        <v>83513</v>
      </c>
      <c r="F336" s="2" t="s">
        <v>130</v>
      </c>
      <c r="G336" s="8">
        <v>1362</v>
      </c>
      <c r="H336" s="5">
        <v>5</v>
      </c>
      <c r="I336" s="5" t="s">
        <v>69</v>
      </c>
      <c r="J336" s="5" t="s">
        <v>55802</v>
      </c>
      <c r="K336" s="2" t="s">
        <v>55803</v>
      </c>
      <c r="L336" s="5" t="s">
        <v>55802</v>
      </c>
      <c r="M336" s="2" t="s">
        <v>55803</v>
      </c>
      <c r="N336" s="5" t="s">
        <v>733</v>
      </c>
      <c r="O336" s="5" t="s">
        <v>38</v>
      </c>
      <c r="P336" s="5" t="s">
        <v>39</v>
      </c>
      <c r="Q336" s="5" t="s">
        <v>40</v>
      </c>
      <c r="R336" s="5" t="s">
        <v>897</v>
      </c>
      <c r="S336" s="5" t="s">
        <v>40</v>
      </c>
      <c r="T336" s="5" t="s">
        <v>42</v>
      </c>
      <c r="U336" s="2">
        <v>61.988</v>
      </c>
      <c r="V336" s="2">
        <v>57.323</v>
      </c>
      <c r="W336" s="2">
        <v>0.26300000000000001</v>
      </c>
      <c r="X336" s="2">
        <v>17</v>
      </c>
      <c r="Y336" s="2">
        <v>100.9</v>
      </c>
      <c r="Z336" s="2">
        <v>153.6</v>
      </c>
      <c r="AA336" s="5">
        <v>7</v>
      </c>
      <c r="AB336" s="5" t="s">
        <v>43</v>
      </c>
      <c r="AC336" s="5" t="s">
        <v>735</v>
      </c>
      <c r="AD336" s="2" t="s">
        <v>59043</v>
      </c>
      <c r="AE336" s="1"/>
    </row>
    <row r="337" spans="1:31">
      <c r="A337" s="5" t="s">
        <v>116</v>
      </c>
      <c r="B337" s="21">
        <v>46082</v>
      </c>
      <c r="C337" s="2" t="s">
        <v>59057</v>
      </c>
      <c r="D337" s="14" t="s">
        <v>59058</v>
      </c>
      <c r="E337" s="2" t="s">
        <v>83514</v>
      </c>
      <c r="F337" s="2" t="s">
        <v>130</v>
      </c>
      <c r="G337" s="8">
        <v>1949</v>
      </c>
      <c r="H337" s="5">
        <v>5</v>
      </c>
      <c r="I337" s="5" t="s">
        <v>69</v>
      </c>
      <c r="J337" s="5" t="s">
        <v>55802</v>
      </c>
      <c r="K337" s="2" t="s">
        <v>55803</v>
      </c>
      <c r="L337" s="5" t="s">
        <v>55802</v>
      </c>
      <c r="M337" s="2" t="s">
        <v>55803</v>
      </c>
      <c r="N337" s="5" t="s">
        <v>733</v>
      </c>
      <c r="O337" s="5" t="s">
        <v>38</v>
      </c>
      <c r="P337" s="5" t="s">
        <v>39</v>
      </c>
      <c r="Q337" s="5" t="s">
        <v>40</v>
      </c>
      <c r="R337" s="5" t="s">
        <v>897</v>
      </c>
      <c r="S337" s="5" t="s">
        <v>40</v>
      </c>
      <c r="T337" s="5" t="s">
        <v>42</v>
      </c>
      <c r="U337" s="2">
        <v>65.745999999999995</v>
      </c>
      <c r="V337" s="2">
        <v>61.081000000000003</v>
      </c>
      <c r="W337" s="2">
        <v>0.26300000000000001</v>
      </c>
      <c r="X337" s="2">
        <v>17</v>
      </c>
      <c r="Y337" s="2">
        <v>100.9</v>
      </c>
      <c r="Z337" s="2">
        <v>153.6</v>
      </c>
      <c r="AA337" s="5">
        <v>7</v>
      </c>
      <c r="AB337" s="5" t="s">
        <v>43</v>
      </c>
      <c r="AC337" s="5" t="s">
        <v>735</v>
      </c>
      <c r="AD337" s="2" t="s">
        <v>59061</v>
      </c>
      <c r="AE337" s="1"/>
    </row>
    <row r="338" spans="1:31">
      <c r="A338" s="5" t="s">
        <v>116</v>
      </c>
      <c r="B338" s="21">
        <v>46082</v>
      </c>
      <c r="C338" s="2" t="s">
        <v>59072</v>
      </c>
      <c r="D338" s="14" t="s">
        <v>59073</v>
      </c>
      <c r="E338" s="2" t="s">
        <v>83515</v>
      </c>
      <c r="F338" s="2" t="s">
        <v>130</v>
      </c>
      <c r="G338" s="8">
        <v>1540</v>
      </c>
      <c r="H338" s="5">
        <v>5</v>
      </c>
      <c r="I338" s="5" t="s">
        <v>69</v>
      </c>
      <c r="J338" s="5" t="s">
        <v>55802</v>
      </c>
      <c r="K338" s="2" t="s">
        <v>55803</v>
      </c>
      <c r="L338" s="5" t="s">
        <v>55802</v>
      </c>
      <c r="M338" s="2" t="s">
        <v>55803</v>
      </c>
      <c r="N338" s="5" t="s">
        <v>733</v>
      </c>
      <c r="O338" s="5" t="s">
        <v>38</v>
      </c>
      <c r="P338" s="5" t="s">
        <v>39</v>
      </c>
      <c r="Q338" s="5" t="s">
        <v>40</v>
      </c>
      <c r="R338" s="5" t="s">
        <v>897</v>
      </c>
      <c r="S338" s="5" t="s">
        <v>40</v>
      </c>
      <c r="T338" s="5" t="s">
        <v>42</v>
      </c>
      <c r="U338" s="2">
        <v>57.561999999999998</v>
      </c>
      <c r="V338" s="2">
        <v>52.933</v>
      </c>
      <c r="W338" s="2">
        <v>0.26300000000000001</v>
      </c>
      <c r="X338" s="2">
        <v>17</v>
      </c>
      <c r="Y338" s="2">
        <v>100.9</v>
      </c>
      <c r="Z338" s="2">
        <v>153.6</v>
      </c>
      <c r="AA338" s="5">
        <v>7</v>
      </c>
      <c r="AB338" s="5" t="s">
        <v>43</v>
      </c>
      <c r="AC338" s="5" t="s">
        <v>735</v>
      </c>
      <c r="AD338" s="2" t="s">
        <v>59076</v>
      </c>
      <c r="AE338" s="1"/>
    </row>
    <row r="339" spans="1:31">
      <c r="A339" s="5" t="s">
        <v>116</v>
      </c>
      <c r="B339" s="21">
        <v>46082</v>
      </c>
      <c r="C339" s="2" t="s">
        <v>59086</v>
      </c>
      <c r="D339" s="14" t="s">
        <v>59087</v>
      </c>
      <c r="E339" s="2" t="s">
        <v>83516</v>
      </c>
      <c r="F339" s="2" t="s">
        <v>130</v>
      </c>
      <c r="G339" s="8">
        <v>1830</v>
      </c>
      <c r="H339" s="5">
        <v>5</v>
      </c>
      <c r="I339" s="5" t="s">
        <v>69</v>
      </c>
      <c r="J339" s="5" t="s">
        <v>55802</v>
      </c>
      <c r="K339" s="2" t="s">
        <v>55803</v>
      </c>
      <c r="L339" s="5" t="s">
        <v>55802</v>
      </c>
      <c r="M339" s="2" t="s">
        <v>55803</v>
      </c>
      <c r="N339" s="5" t="s">
        <v>733</v>
      </c>
      <c r="O339" s="5" t="s">
        <v>38</v>
      </c>
      <c r="P339" s="5" t="s">
        <v>39</v>
      </c>
      <c r="Q339" s="5" t="s">
        <v>40</v>
      </c>
      <c r="R339" s="5" t="s">
        <v>897</v>
      </c>
      <c r="S339" s="5" t="s">
        <v>40</v>
      </c>
      <c r="T339" s="5" t="s">
        <v>42</v>
      </c>
      <c r="U339" s="2">
        <v>65.697000000000003</v>
      </c>
      <c r="V339" s="2">
        <v>61.031999999999996</v>
      </c>
      <c r="W339" s="2">
        <v>0.26300000000000001</v>
      </c>
      <c r="X339" s="2">
        <v>17</v>
      </c>
      <c r="Y339" s="2">
        <v>100.9</v>
      </c>
      <c r="Z339" s="2">
        <v>153.6</v>
      </c>
      <c r="AA339" s="5">
        <v>7</v>
      </c>
      <c r="AB339" s="5" t="s">
        <v>43</v>
      </c>
      <c r="AC339" s="5" t="s">
        <v>735</v>
      </c>
      <c r="AD339" s="2" t="s">
        <v>59090</v>
      </c>
      <c r="AE339" s="1"/>
    </row>
    <row r="340" spans="1:31">
      <c r="A340" s="5" t="s">
        <v>116</v>
      </c>
      <c r="B340" s="21">
        <v>46082</v>
      </c>
      <c r="C340" s="2" t="s">
        <v>59525</v>
      </c>
      <c r="D340" s="14" t="s">
        <v>59526</v>
      </c>
      <c r="E340" s="2" t="s">
        <v>83517</v>
      </c>
      <c r="F340" s="2" t="s">
        <v>130</v>
      </c>
      <c r="G340" s="8">
        <v>1504</v>
      </c>
      <c r="H340" s="5">
        <v>5</v>
      </c>
      <c r="I340" s="5" t="s">
        <v>69</v>
      </c>
      <c r="J340" s="5" t="s">
        <v>55802</v>
      </c>
      <c r="K340" s="2" t="s">
        <v>55803</v>
      </c>
      <c r="L340" s="5" t="s">
        <v>55802</v>
      </c>
      <c r="M340" s="2" t="s">
        <v>55803</v>
      </c>
      <c r="N340" s="5" t="s">
        <v>733</v>
      </c>
      <c r="O340" s="5" t="s">
        <v>38</v>
      </c>
      <c r="P340" s="5" t="s">
        <v>39</v>
      </c>
      <c r="Q340" s="5" t="s">
        <v>40</v>
      </c>
      <c r="R340" s="5" t="s">
        <v>897</v>
      </c>
      <c r="S340" s="5" t="s">
        <v>40</v>
      </c>
      <c r="T340" s="5" t="s">
        <v>42</v>
      </c>
      <c r="U340" s="2">
        <v>62.481000000000002</v>
      </c>
      <c r="V340" s="2">
        <v>58.381999999999998</v>
      </c>
      <c r="W340" s="2">
        <v>0.26100000000000001</v>
      </c>
      <c r="X340" s="2">
        <v>17</v>
      </c>
      <c r="Y340" s="2">
        <v>116.7</v>
      </c>
      <c r="Z340" s="2">
        <v>131.6</v>
      </c>
      <c r="AA340" s="5">
        <v>7</v>
      </c>
      <c r="AB340" s="5" t="s">
        <v>43</v>
      </c>
      <c r="AC340" s="5" t="s">
        <v>735</v>
      </c>
      <c r="AD340" s="2" t="s">
        <v>59529</v>
      </c>
      <c r="AE340" s="1"/>
    </row>
    <row r="341" spans="1:31">
      <c r="A341" s="5" t="s">
        <v>116</v>
      </c>
      <c r="B341" s="21">
        <v>46082</v>
      </c>
      <c r="C341" s="2" t="s">
        <v>59573</v>
      </c>
      <c r="D341" s="14" t="s">
        <v>59574</v>
      </c>
      <c r="E341" s="2" t="s">
        <v>83518</v>
      </c>
      <c r="F341" s="2" t="s">
        <v>130</v>
      </c>
      <c r="G341" s="8">
        <v>1088</v>
      </c>
      <c r="H341" s="5">
        <v>5</v>
      </c>
      <c r="I341" s="5" t="s">
        <v>69</v>
      </c>
      <c r="J341" s="5" t="s">
        <v>55802</v>
      </c>
      <c r="K341" s="2" t="s">
        <v>55803</v>
      </c>
      <c r="L341" s="5" t="s">
        <v>55802</v>
      </c>
      <c r="M341" s="2" t="s">
        <v>55803</v>
      </c>
      <c r="N341" s="5" t="s">
        <v>733</v>
      </c>
      <c r="O341" s="5" t="s">
        <v>38</v>
      </c>
      <c r="P341" s="5" t="s">
        <v>39</v>
      </c>
      <c r="Q341" s="5" t="s">
        <v>40</v>
      </c>
      <c r="R341" s="5" t="s">
        <v>897</v>
      </c>
      <c r="S341" s="5" t="s">
        <v>40</v>
      </c>
      <c r="T341" s="5" t="s">
        <v>42</v>
      </c>
      <c r="U341" s="2">
        <v>53.972000000000001</v>
      </c>
      <c r="V341" s="2">
        <v>49.918999999999997</v>
      </c>
      <c r="W341" s="2">
        <v>0.26100000000000001</v>
      </c>
      <c r="X341" s="2">
        <v>17</v>
      </c>
      <c r="Y341" s="2">
        <v>116.7</v>
      </c>
      <c r="Z341" s="2">
        <v>131.6</v>
      </c>
      <c r="AA341" s="5">
        <v>7</v>
      </c>
      <c r="AB341" s="5" t="s">
        <v>43</v>
      </c>
      <c r="AC341" s="5" t="s">
        <v>735</v>
      </c>
      <c r="AD341" s="2" t="s">
        <v>59577</v>
      </c>
      <c r="AE341" s="1"/>
    </row>
    <row r="342" spans="1:31">
      <c r="A342" s="5" t="s">
        <v>116</v>
      </c>
      <c r="B342" s="21">
        <v>46082</v>
      </c>
      <c r="C342" s="2" t="s">
        <v>59600</v>
      </c>
      <c r="D342" s="14" t="s">
        <v>59601</v>
      </c>
      <c r="E342" s="2" t="s">
        <v>83519</v>
      </c>
      <c r="F342" s="2" t="s">
        <v>130</v>
      </c>
      <c r="G342" s="8">
        <v>1383</v>
      </c>
      <c r="H342" s="5">
        <v>5</v>
      </c>
      <c r="I342" s="5" t="s">
        <v>69</v>
      </c>
      <c r="J342" s="5" t="s">
        <v>55802</v>
      </c>
      <c r="K342" s="2" t="s">
        <v>55803</v>
      </c>
      <c r="L342" s="5" t="s">
        <v>55802</v>
      </c>
      <c r="M342" s="2" t="s">
        <v>55803</v>
      </c>
      <c r="N342" s="5" t="s">
        <v>733</v>
      </c>
      <c r="O342" s="5" t="s">
        <v>38</v>
      </c>
      <c r="P342" s="5" t="s">
        <v>39</v>
      </c>
      <c r="Q342" s="5" t="s">
        <v>40</v>
      </c>
      <c r="R342" s="5" t="s">
        <v>897</v>
      </c>
      <c r="S342" s="5" t="s">
        <v>40</v>
      </c>
      <c r="T342" s="5" t="s">
        <v>42</v>
      </c>
      <c r="U342" s="2">
        <v>62.43</v>
      </c>
      <c r="V342" s="2">
        <v>58.331000000000003</v>
      </c>
      <c r="W342" s="2">
        <v>0.26100000000000001</v>
      </c>
      <c r="X342" s="2">
        <v>17</v>
      </c>
      <c r="Y342" s="2">
        <v>116.7</v>
      </c>
      <c r="Z342" s="2">
        <v>131.6</v>
      </c>
      <c r="AA342" s="5">
        <v>7</v>
      </c>
      <c r="AB342" s="5" t="s">
        <v>43</v>
      </c>
      <c r="AC342" s="5" t="s">
        <v>735</v>
      </c>
      <c r="AD342" s="2" t="s">
        <v>59604</v>
      </c>
      <c r="AE342" s="1"/>
    </row>
    <row r="343" spans="1:31">
      <c r="A343" s="5" t="s">
        <v>116</v>
      </c>
      <c r="B343" s="21">
        <v>46082</v>
      </c>
      <c r="C343" s="2" t="s">
        <v>59628</v>
      </c>
      <c r="D343" s="14" t="s">
        <v>59629</v>
      </c>
      <c r="E343" s="2" t="s">
        <v>83520</v>
      </c>
      <c r="F343" s="2" t="s">
        <v>130</v>
      </c>
      <c r="G343" s="8">
        <v>1972</v>
      </c>
      <c r="H343" s="5">
        <v>5</v>
      </c>
      <c r="I343" s="5" t="s">
        <v>69</v>
      </c>
      <c r="J343" s="5" t="s">
        <v>55802</v>
      </c>
      <c r="K343" s="2" t="s">
        <v>55803</v>
      </c>
      <c r="L343" s="5" t="s">
        <v>55802</v>
      </c>
      <c r="M343" s="2" t="s">
        <v>55803</v>
      </c>
      <c r="N343" s="5" t="s">
        <v>733</v>
      </c>
      <c r="O343" s="5" t="s">
        <v>38</v>
      </c>
      <c r="P343" s="5" t="s">
        <v>39</v>
      </c>
      <c r="Q343" s="5" t="s">
        <v>40</v>
      </c>
      <c r="R343" s="5" t="s">
        <v>897</v>
      </c>
      <c r="S343" s="5" t="s">
        <v>40</v>
      </c>
      <c r="T343" s="5" t="s">
        <v>42</v>
      </c>
      <c r="U343" s="2">
        <v>66.191000000000003</v>
      </c>
      <c r="V343" s="2">
        <v>62.091999999999999</v>
      </c>
      <c r="W343" s="2">
        <v>0.26100000000000001</v>
      </c>
      <c r="X343" s="2">
        <v>17</v>
      </c>
      <c r="Y343" s="2">
        <v>116.7</v>
      </c>
      <c r="Z343" s="2">
        <v>131.6</v>
      </c>
      <c r="AA343" s="5">
        <v>7</v>
      </c>
      <c r="AB343" s="5" t="s">
        <v>43</v>
      </c>
      <c r="AC343" s="5" t="s">
        <v>735</v>
      </c>
      <c r="AD343" s="2" t="s">
        <v>59632</v>
      </c>
      <c r="AE343" s="1"/>
    </row>
    <row r="344" spans="1:31">
      <c r="A344" s="5" t="s">
        <v>116</v>
      </c>
      <c r="B344" s="21">
        <v>46082</v>
      </c>
      <c r="C344" s="2" t="s">
        <v>59647</v>
      </c>
      <c r="D344" s="14" t="s">
        <v>59648</v>
      </c>
      <c r="E344" s="2" t="s">
        <v>83521</v>
      </c>
      <c r="F344" s="2" t="s">
        <v>130</v>
      </c>
      <c r="G344" s="8">
        <v>1556</v>
      </c>
      <c r="H344" s="5">
        <v>5</v>
      </c>
      <c r="I344" s="5" t="s">
        <v>69</v>
      </c>
      <c r="J344" s="5" t="s">
        <v>55802</v>
      </c>
      <c r="K344" s="2" t="s">
        <v>55803</v>
      </c>
      <c r="L344" s="5" t="s">
        <v>55802</v>
      </c>
      <c r="M344" s="2" t="s">
        <v>55803</v>
      </c>
      <c r="N344" s="5" t="s">
        <v>733</v>
      </c>
      <c r="O344" s="5" t="s">
        <v>38</v>
      </c>
      <c r="P344" s="5" t="s">
        <v>39</v>
      </c>
      <c r="Q344" s="5" t="s">
        <v>40</v>
      </c>
      <c r="R344" s="5" t="s">
        <v>897</v>
      </c>
      <c r="S344" s="5" t="s">
        <v>40</v>
      </c>
      <c r="T344" s="5" t="s">
        <v>42</v>
      </c>
      <c r="U344" s="2">
        <v>57.749000000000002</v>
      </c>
      <c r="V344" s="2">
        <v>53.695999999999998</v>
      </c>
      <c r="W344" s="2">
        <v>0.26100000000000001</v>
      </c>
      <c r="X344" s="2">
        <v>17</v>
      </c>
      <c r="Y344" s="2">
        <v>116.7</v>
      </c>
      <c r="Z344" s="2">
        <v>131.6</v>
      </c>
      <c r="AA344" s="5">
        <v>7</v>
      </c>
      <c r="AB344" s="5" t="s">
        <v>43</v>
      </c>
      <c r="AC344" s="5" t="s">
        <v>735</v>
      </c>
      <c r="AD344" s="2" t="s">
        <v>59651</v>
      </c>
      <c r="AE344" s="1"/>
    </row>
    <row r="345" spans="1:31">
      <c r="A345" s="5" t="s">
        <v>116</v>
      </c>
      <c r="B345" s="21">
        <v>46082</v>
      </c>
      <c r="C345" s="2" t="s">
        <v>59665</v>
      </c>
      <c r="D345" s="14" t="s">
        <v>59666</v>
      </c>
      <c r="E345" s="2" t="s">
        <v>83522</v>
      </c>
      <c r="F345" s="2" t="s">
        <v>130</v>
      </c>
      <c r="G345" s="8">
        <v>1851</v>
      </c>
      <c r="H345" s="5">
        <v>5</v>
      </c>
      <c r="I345" s="5" t="s">
        <v>69</v>
      </c>
      <c r="J345" s="5" t="s">
        <v>55802</v>
      </c>
      <c r="K345" s="2" t="s">
        <v>55803</v>
      </c>
      <c r="L345" s="5" t="s">
        <v>55802</v>
      </c>
      <c r="M345" s="2" t="s">
        <v>55803</v>
      </c>
      <c r="N345" s="5" t="s">
        <v>733</v>
      </c>
      <c r="O345" s="5" t="s">
        <v>38</v>
      </c>
      <c r="P345" s="5" t="s">
        <v>39</v>
      </c>
      <c r="Q345" s="5" t="s">
        <v>40</v>
      </c>
      <c r="R345" s="5" t="s">
        <v>897</v>
      </c>
      <c r="S345" s="5" t="s">
        <v>40</v>
      </c>
      <c r="T345" s="5" t="s">
        <v>42</v>
      </c>
      <c r="U345" s="2">
        <v>66.14</v>
      </c>
      <c r="V345" s="2">
        <v>62.040999999999997</v>
      </c>
      <c r="W345" s="2">
        <v>0.26100000000000001</v>
      </c>
      <c r="X345" s="2">
        <v>17</v>
      </c>
      <c r="Y345" s="2">
        <v>116.7</v>
      </c>
      <c r="Z345" s="2">
        <v>131.6</v>
      </c>
      <c r="AA345" s="5">
        <v>7</v>
      </c>
      <c r="AB345" s="5" t="s">
        <v>43</v>
      </c>
      <c r="AC345" s="5" t="s">
        <v>735</v>
      </c>
      <c r="AD345" s="2" t="s">
        <v>59669</v>
      </c>
      <c r="AE345" s="1"/>
    </row>
    <row r="346" spans="1:31">
      <c r="A346" s="5" t="s">
        <v>116</v>
      </c>
      <c r="B346" s="21">
        <v>46082</v>
      </c>
      <c r="C346" s="2" t="s">
        <v>59890</v>
      </c>
      <c r="D346" s="14" t="s">
        <v>59891</v>
      </c>
      <c r="E346" s="2" t="s">
        <v>83523</v>
      </c>
      <c r="F346" s="2" t="s">
        <v>130</v>
      </c>
      <c r="G346" s="8">
        <v>1636</v>
      </c>
      <c r="H346" s="5">
        <v>5</v>
      </c>
      <c r="I346" s="5" t="s">
        <v>69</v>
      </c>
      <c r="J346" s="5" t="s">
        <v>55802</v>
      </c>
      <c r="K346" s="2" t="s">
        <v>55803</v>
      </c>
      <c r="L346" s="5" t="s">
        <v>55802</v>
      </c>
      <c r="M346" s="2" t="s">
        <v>55803</v>
      </c>
      <c r="N346" s="5" t="s">
        <v>733</v>
      </c>
      <c r="O346" s="5" t="s">
        <v>38</v>
      </c>
      <c r="P346" s="5" t="s">
        <v>39</v>
      </c>
      <c r="Q346" s="5" t="s">
        <v>40</v>
      </c>
      <c r="R346" s="5" t="s">
        <v>897</v>
      </c>
      <c r="S346" s="5" t="s">
        <v>40</v>
      </c>
      <c r="T346" s="5" t="s">
        <v>42</v>
      </c>
      <c r="U346" s="2">
        <v>72.709000000000003</v>
      </c>
      <c r="V346" s="2">
        <v>67.433999999999997</v>
      </c>
      <c r="W346" s="2">
        <v>0.315</v>
      </c>
      <c r="X346" s="2">
        <v>17</v>
      </c>
      <c r="Y346" s="2">
        <v>120.7</v>
      </c>
      <c r="Z346" s="2">
        <v>153.6</v>
      </c>
      <c r="AA346" s="5">
        <v>7</v>
      </c>
      <c r="AB346" s="5" t="s">
        <v>43</v>
      </c>
      <c r="AC346" s="5" t="s">
        <v>735</v>
      </c>
      <c r="AD346" s="2" t="s">
        <v>59894</v>
      </c>
      <c r="AE346" s="1"/>
    </row>
    <row r="347" spans="1:31">
      <c r="A347" s="5" t="s">
        <v>116</v>
      </c>
      <c r="B347" s="21">
        <v>46082</v>
      </c>
      <c r="C347" s="2" t="s">
        <v>59934</v>
      </c>
      <c r="D347" s="14" t="s">
        <v>59935</v>
      </c>
      <c r="E347" s="2" t="s">
        <v>83524</v>
      </c>
      <c r="F347" s="2" t="s">
        <v>130</v>
      </c>
      <c r="G347" s="8">
        <v>1143</v>
      </c>
      <c r="H347" s="5">
        <v>5</v>
      </c>
      <c r="I347" s="5" t="s">
        <v>69</v>
      </c>
      <c r="J347" s="5" t="s">
        <v>55802</v>
      </c>
      <c r="K347" s="2" t="s">
        <v>55803</v>
      </c>
      <c r="L347" s="5" t="s">
        <v>55802</v>
      </c>
      <c r="M347" s="2" t="s">
        <v>55803</v>
      </c>
      <c r="N347" s="5" t="s">
        <v>733</v>
      </c>
      <c r="O347" s="5" t="s">
        <v>38</v>
      </c>
      <c r="P347" s="5" t="s">
        <v>39</v>
      </c>
      <c r="Q347" s="5" t="s">
        <v>40</v>
      </c>
      <c r="R347" s="5" t="s">
        <v>897</v>
      </c>
      <c r="S347" s="5" t="s">
        <v>40</v>
      </c>
      <c r="T347" s="5" t="s">
        <v>42</v>
      </c>
      <c r="U347" s="2">
        <v>62.523000000000003</v>
      </c>
      <c r="V347" s="2">
        <v>57.293999999999997</v>
      </c>
      <c r="W347" s="2">
        <v>0.315</v>
      </c>
      <c r="X347" s="2">
        <v>17</v>
      </c>
      <c r="Y347" s="2">
        <v>120.7</v>
      </c>
      <c r="Z347" s="2">
        <v>153.6</v>
      </c>
      <c r="AA347" s="5">
        <v>7</v>
      </c>
      <c r="AB347" s="5" t="s">
        <v>43</v>
      </c>
      <c r="AC347" s="5" t="s">
        <v>735</v>
      </c>
      <c r="AD347" s="2" t="s">
        <v>59938</v>
      </c>
      <c r="AE347" s="1"/>
    </row>
    <row r="348" spans="1:31">
      <c r="A348" s="5" t="s">
        <v>116</v>
      </c>
      <c r="B348" s="21">
        <v>46082</v>
      </c>
      <c r="C348" s="2" t="s">
        <v>59961</v>
      </c>
      <c r="D348" s="14" t="s">
        <v>59962</v>
      </c>
      <c r="E348" s="2" t="s">
        <v>83525</v>
      </c>
      <c r="F348" s="2" t="s">
        <v>130</v>
      </c>
      <c r="G348" s="8">
        <v>1493</v>
      </c>
      <c r="H348" s="5">
        <v>5</v>
      </c>
      <c r="I348" s="5" t="s">
        <v>69</v>
      </c>
      <c r="J348" s="5" t="s">
        <v>55802</v>
      </c>
      <c r="K348" s="2" t="s">
        <v>55803</v>
      </c>
      <c r="L348" s="5" t="s">
        <v>55802</v>
      </c>
      <c r="M348" s="2" t="s">
        <v>55803</v>
      </c>
      <c r="N348" s="5" t="s">
        <v>733</v>
      </c>
      <c r="O348" s="5" t="s">
        <v>38</v>
      </c>
      <c r="P348" s="5" t="s">
        <v>39</v>
      </c>
      <c r="Q348" s="5" t="s">
        <v>40</v>
      </c>
      <c r="R348" s="5" t="s">
        <v>897</v>
      </c>
      <c r="S348" s="5" t="s">
        <v>40</v>
      </c>
      <c r="T348" s="5" t="s">
        <v>42</v>
      </c>
      <c r="U348" s="2">
        <v>72.647000000000006</v>
      </c>
      <c r="V348" s="2">
        <v>67.372</v>
      </c>
      <c r="W348" s="2">
        <v>0.315</v>
      </c>
      <c r="X348" s="2">
        <v>17</v>
      </c>
      <c r="Y348" s="2">
        <v>120.7</v>
      </c>
      <c r="Z348" s="2">
        <v>153.6</v>
      </c>
      <c r="AA348" s="5">
        <v>7</v>
      </c>
      <c r="AB348" s="5" t="s">
        <v>43</v>
      </c>
      <c r="AC348" s="5" t="s">
        <v>735</v>
      </c>
      <c r="AD348" s="2" t="s">
        <v>59965</v>
      </c>
      <c r="AE348" s="1"/>
    </row>
    <row r="349" spans="1:31">
      <c r="A349" s="5" t="s">
        <v>116</v>
      </c>
      <c r="B349" s="21">
        <v>46082</v>
      </c>
      <c r="C349" s="2" t="s">
        <v>59984</v>
      </c>
      <c r="D349" s="14" t="s">
        <v>59985</v>
      </c>
      <c r="E349" s="2" t="s">
        <v>83526</v>
      </c>
      <c r="F349" s="2" t="s">
        <v>130</v>
      </c>
      <c r="G349" s="8">
        <v>2104</v>
      </c>
      <c r="H349" s="5">
        <v>5</v>
      </c>
      <c r="I349" s="5" t="s">
        <v>69</v>
      </c>
      <c r="J349" s="5" t="s">
        <v>55802</v>
      </c>
      <c r="K349" s="2" t="s">
        <v>55803</v>
      </c>
      <c r="L349" s="5" t="s">
        <v>55802</v>
      </c>
      <c r="M349" s="2" t="s">
        <v>55803</v>
      </c>
      <c r="N349" s="5" t="s">
        <v>733</v>
      </c>
      <c r="O349" s="5" t="s">
        <v>38</v>
      </c>
      <c r="P349" s="5" t="s">
        <v>39</v>
      </c>
      <c r="Q349" s="5" t="s">
        <v>40</v>
      </c>
      <c r="R349" s="5" t="s">
        <v>897</v>
      </c>
      <c r="S349" s="5" t="s">
        <v>40</v>
      </c>
      <c r="T349" s="5" t="s">
        <v>42</v>
      </c>
      <c r="U349" s="2">
        <v>76.733999999999995</v>
      </c>
      <c r="V349" s="2">
        <v>71.459000000000003</v>
      </c>
      <c r="W349" s="2">
        <v>0.315</v>
      </c>
      <c r="X349" s="2">
        <v>17</v>
      </c>
      <c r="Y349" s="2">
        <v>120.7</v>
      </c>
      <c r="Z349" s="2">
        <v>153.6</v>
      </c>
      <c r="AA349" s="5">
        <v>7</v>
      </c>
      <c r="AB349" s="5" t="s">
        <v>43</v>
      </c>
      <c r="AC349" s="5" t="s">
        <v>735</v>
      </c>
      <c r="AD349" s="2" t="s">
        <v>59988</v>
      </c>
      <c r="AE349" s="1"/>
    </row>
    <row r="350" spans="1:31">
      <c r="A350" s="5" t="s">
        <v>116</v>
      </c>
      <c r="B350" s="21">
        <v>46082</v>
      </c>
      <c r="C350" s="2" t="s">
        <v>59994</v>
      </c>
      <c r="D350" s="14" t="s">
        <v>59995</v>
      </c>
      <c r="E350" s="2" t="s">
        <v>83527</v>
      </c>
      <c r="F350" s="2" t="s">
        <v>130</v>
      </c>
      <c r="G350" s="8">
        <v>1611</v>
      </c>
      <c r="H350" s="5">
        <v>5</v>
      </c>
      <c r="I350" s="5" t="s">
        <v>69</v>
      </c>
      <c r="J350" s="5" t="s">
        <v>55802</v>
      </c>
      <c r="K350" s="2" t="s">
        <v>55803</v>
      </c>
      <c r="L350" s="5" t="s">
        <v>55802</v>
      </c>
      <c r="M350" s="2" t="s">
        <v>55803</v>
      </c>
      <c r="N350" s="5" t="s">
        <v>733</v>
      </c>
      <c r="O350" s="5" t="s">
        <v>38</v>
      </c>
      <c r="P350" s="5" t="s">
        <v>39</v>
      </c>
      <c r="Q350" s="5" t="s">
        <v>40</v>
      </c>
      <c r="R350" s="5" t="s">
        <v>897</v>
      </c>
      <c r="S350" s="5" t="s">
        <v>40</v>
      </c>
      <c r="T350" s="5" t="s">
        <v>42</v>
      </c>
      <c r="U350" s="2">
        <v>66.637</v>
      </c>
      <c r="V350" s="2">
        <v>61.408000000000001</v>
      </c>
      <c r="W350" s="2">
        <v>0.315</v>
      </c>
      <c r="X350" s="2">
        <v>17</v>
      </c>
      <c r="Y350" s="2">
        <v>120.7</v>
      </c>
      <c r="Z350" s="2">
        <v>153.6</v>
      </c>
      <c r="AA350" s="5">
        <v>7</v>
      </c>
      <c r="AB350" s="5" t="s">
        <v>43</v>
      </c>
      <c r="AC350" s="5" t="s">
        <v>735</v>
      </c>
      <c r="AD350" s="2" t="s">
        <v>59998</v>
      </c>
      <c r="AE350" s="1"/>
    </row>
    <row r="351" spans="1:31">
      <c r="A351" s="5" t="s">
        <v>116</v>
      </c>
      <c r="B351" s="21">
        <v>46082</v>
      </c>
      <c r="C351" s="2" t="s">
        <v>60008</v>
      </c>
      <c r="D351" s="14" t="s">
        <v>60009</v>
      </c>
      <c r="E351" s="2" t="s">
        <v>83528</v>
      </c>
      <c r="F351" s="2" t="s">
        <v>130</v>
      </c>
      <c r="G351" s="8">
        <v>1961</v>
      </c>
      <c r="H351" s="5">
        <v>5</v>
      </c>
      <c r="I351" s="5" t="s">
        <v>69</v>
      </c>
      <c r="J351" s="5" t="s">
        <v>55802</v>
      </c>
      <c r="K351" s="2" t="s">
        <v>55803</v>
      </c>
      <c r="L351" s="5" t="s">
        <v>55802</v>
      </c>
      <c r="M351" s="2" t="s">
        <v>55803</v>
      </c>
      <c r="N351" s="5" t="s">
        <v>733</v>
      </c>
      <c r="O351" s="5" t="s">
        <v>38</v>
      </c>
      <c r="P351" s="5" t="s">
        <v>39</v>
      </c>
      <c r="Q351" s="5" t="s">
        <v>40</v>
      </c>
      <c r="R351" s="5" t="s">
        <v>897</v>
      </c>
      <c r="S351" s="5" t="s">
        <v>40</v>
      </c>
      <c r="T351" s="5" t="s">
        <v>42</v>
      </c>
      <c r="U351" s="2">
        <v>76.671999999999997</v>
      </c>
      <c r="V351" s="2">
        <v>71.397000000000006</v>
      </c>
      <c r="W351" s="2">
        <v>0.315</v>
      </c>
      <c r="X351" s="2">
        <v>17</v>
      </c>
      <c r="Y351" s="2">
        <v>120.7</v>
      </c>
      <c r="Z351" s="2">
        <v>153.6</v>
      </c>
      <c r="AA351" s="5">
        <v>7</v>
      </c>
      <c r="AB351" s="5" t="s">
        <v>43</v>
      </c>
      <c r="AC351" s="5" t="s">
        <v>735</v>
      </c>
      <c r="AD351" s="2" t="s">
        <v>60012</v>
      </c>
      <c r="AE351" s="1"/>
    </row>
    <row r="352" spans="1:31">
      <c r="A352" s="5" t="s">
        <v>116</v>
      </c>
      <c r="B352" s="21">
        <v>46082</v>
      </c>
      <c r="C352" s="2" t="s">
        <v>61686</v>
      </c>
      <c r="D352" s="14" t="s">
        <v>61687</v>
      </c>
      <c r="E352" s="2" t="s">
        <v>83529</v>
      </c>
      <c r="F352" s="2" t="s">
        <v>130</v>
      </c>
      <c r="G352" s="8">
        <v>1321</v>
      </c>
      <c r="H352" s="5">
        <v>5</v>
      </c>
      <c r="I352" s="5" t="s">
        <v>69</v>
      </c>
      <c r="J352" s="5" t="s">
        <v>61065</v>
      </c>
      <c r="K352" s="2" t="s">
        <v>61066</v>
      </c>
      <c r="L352" s="5" t="s">
        <v>61065</v>
      </c>
      <c r="M352" s="2" t="s">
        <v>61066</v>
      </c>
      <c r="N352" s="5" t="s">
        <v>733</v>
      </c>
      <c r="O352" s="5" t="s">
        <v>38</v>
      </c>
      <c r="P352" s="5" t="s">
        <v>39</v>
      </c>
      <c r="Q352" s="5" t="s">
        <v>40</v>
      </c>
      <c r="R352" s="5" t="s">
        <v>897</v>
      </c>
      <c r="S352" s="5" t="s">
        <v>40</v>
      </c>
      <c r="T352" s="5" t="s">
        <v>42</v>
      </c>
      <c r="U352" s="2">
        <v>42.725999999999999</v>
      </c>
      <c r="V352" s="2">
        <v>39.341000000000001</v>
      </c>
      <c r="W352" s="2">
        <v>0.17199999999999999</v>
      </c>
      <c r="X352" s="2">
        <v>17</v>
      </c>
      <c r="Y352" s="2">
        <v>76.7</v>
      </c>
      <c r="Z352" s="2">
        <v>131.6</v>
      </c>
      <c r="AA352" s="5">
        <v>7</v>
      </c>
      <c r="AB352" s="5" t="s">
        <v>43</v>
      </c>
      <c r="AC352" s="5" t="s">
        <v>735</v>
      </c>
      <c r="AD352" s="2" t="s">
        <v>61690</v>
      </c>
      <c r="AE352" s="1"/>
    </row>
    <row r="353" spans="1:31">
      <c r="A353" s="5" t="s">
        <v>116</v>
      </c>
      <c r="B353" s="21">
        <v>46082</v>
      </c>
      <c r="C353" s="2" t="s">
        <v>61731</v>
      </c>
      <c r="D353" s="14" t="s">
        <v>61732</v>
      </c>
      <c r="E353" s="2" t="s">
        <v>83530</v>
      </c>
      <c r="F353" s="2" t="s">
        <v>130</v>
      </c>
      <c r="G353" s="8">
        <v>1079</v>
      </c>
      <c r="H353" s="5">
        <v>5</v>
      </c>
      <c r="I353" s="5" t="s">
        <v>69</v>
      </c>
      <c r="J353" s="5" t="s">
        <v>61065</v>
      </c>
      <c r="K353" s="2" t="s">
        <v>61066</v>
      </c>
      <c r="L353" s="5" t="s">
        <v>61065</v>
      </c>
      <c r="M353" s="2" t="s">
        <v>61066</v>
      </c>
      <c r="N353" s="5" t="s">
        <v>733</v>
      </c>
      <c r="O353" s="5" t="s">
        <v>38</v>
      </c>
      <c r="P353" s="5" t="s">
        <v>39</v>
      </c>
      <c r="Q353" s="5" t="s">
        <v>40</v>
      </c>
      <c r="R353" s="5" t="s">
        <v>897</v>
      </c>
      <c r="S353" s="5" t="s">
        <v>40</v>
      </c>
      <c r="T353" s="5" t="s">
        <v>42</v>
      </c>
      <c r="U353" s="2">
        <v>38.088000000000001</v>
      </c>
      <c r="V353" s="2">
        <v>34.689</v>
      </c>
      <c r="W353" s="2">
        <v>0.17199999999999999</v>
      </c>
      <c r="X353" s="2">
        <v>17</v>
      </c>
      <c r="Y353" s="2">
        <v>76.7</v>
      </c>
      <c r="Z353" s="2">
        <v>131.6</v>
      </c>
      <c r="AA353" s="5">
        <v>7</v>
      </c>
      <c r="AB353" s="5" t="s">
        <v>43</v>
      </c>
      <c r="AC353" s="5" t="s">
        <v>735</v>
      </c>
      <c r="AD353" s="2" t="s">
        <v>61735</v>
      </c>
      <c r="AE353" s="1"/>
    </row>
    <row r="354" spans="1:31">
      <c r="A354" s="5" t="s">
        <v>116</v>
      </c>
      <c r="B354" s="21">
        <v>46082</v>
      </c>
      <c r="C354" s="2" t="s">
        <v>61754</v>
      </c>
      <c r="D354" s="14" t="s">
        <v>61755</v>
      </c>
      <c r="E354" s="2" t="s">
        <v>83531</v>
      </c>
      <c r="F354" s="2" t="s">
        <v>130</v>
      </c>
      <c r="G354" s="8">
        <v>1251</v>
      </c>
      <c r="H354" s="5">
        <v>5</v>
      </c>
      <c r="I354" s="5" t="s">
        <v>69</v>
      </c>
      <c r="J354" s="5" t="s">
        <v>61065</v>
      </c>
      <c r="K354" s="2" t="s">
        <v>61066</v>
      </c>
      <c r="L354" s="5" t="s">
        <v>61065</v>
      </c>
      <c r="M354" s="2" t="s">
        <v>61066</v>
      </c>
      <c r="N354" s="5" t="s">
        <v>733</v>
      </c>
      <c r="O354" s="5" t="s">
        <v>38</v>
      </c>
      <c r="P354" s="5" t="s">
        <v>39</v>
      </c>
      <c r="Q354" s="5" t="s">
        <v>40</v>
      </c>
      <c r="R354" s="5" t="s">
        <v>897</v>
      </c>
      <c r="S354" s="5" t="s">
        <v>40</v>
      </c>
      <c r="T354" s="5" t="s">
        <v>42</v>
      </c>
      <c r="U354" s="2">
        <v>42.658999999999999</v>
      </c>
      <c r="V354" s="2">
        <v>39.274000000000001</v>
      </c>
      <c r="W354" s="2">
        <v>0.17199999999999999</v>
      </c>
      <c r="X354" s="2">
        <v>17</v>
      </c>
      <c r="Y354" s="2">
        <v>76.7</v>
      </c>
      <c r="Z354" s="2">
        <v>131.6</v>
      </c>
      <c r="AA354" s="5">
        <v>7</v>
      </c>
      <c r="AB354" s="5" t="s">
        <v>43</v>
      </c>
      <c r="AC354" s="5" t="s">
        <v>735</v>
      </c>
      <c r="AD354" s="2" t="s">
        <v>61758</v>
      </c>
      <c r="AE354" s="1"/>
    </row>
    <row r="355" spans="1:31">
      <c r="A355" s="5" t="s">
        <v>116</v>
      </c>
      <c r="B355" s="21">
        <v>46082</v>
      </c>
      <c r="C355" s="2" t="s">
        <v>61778</v>
      </c>
      <c r="D355" s="14" t="s">
        <v>61779</v>
      </c>
      <c r="E355" s="2" t="s">
        <v>83532</v>
      </c>
      <c r="F355" s="2" t="s">
        <v>130</v>
      </c>
      <c r="G355" s="8">
        <v>1789</v>
      </c>
      <c r="H355" s="5">
        <v>5</v>
      </c>
      <c r="I355" s="5" t="s">
        <v>69</v>
      </c>
      <c r="J355" s="5" t="s">
        <v>61065</v>
      </c>
      <c r="K355" s="2" t="s">
        <v>61066</v>
      </c>
      <c r="L355" s="5" t="s">
        <v>61065</v>
      </c>
      <c r="M355" s="2" t="s">
        <v>61066</v>
      </c>
      <c r="N355" s="5" t="s">
        <v>733</v>
      </c>
      <c r="O355" s="5" t="s">
        <v>38</v>
      </c>
      <c r="P355" s="5" t="s">
        <v>39</v>
      </c>
      <c r="Q355" s="5" t="s">
        <v>40</v>
      </c>
      <c r="R355" s="5" t="s">
        <v>897</v>
      </c>
      <c r="S355" s="5" t="s">
        <v>40</v>
      </c>
      <c r="T355" s="5" t="s">
        <v>42</v>
      </c>
      <c r="U355" s="2">
        <v>45.578000000000003</v>
      </c>
      <c r="V355" s="2">
        <v>42.192999999999998</v>
      </c>
      <c r="W355" s="2">
        <v>0.17199999999999999</v>
      </c>
      <c r="X355" s="2">
        <v>17</v>
      </c>
      <c r="Y355" s="2">
        <v>76.7</v>
      </c>
      <c r="Z355" s="2">
        <v>131.6</v>
      </c>
      <c r="AA355" s="5">
        <v>7</v>
      </c>
      <c r="AB355" s="5" t="s">
        <v>43</v>
      </c>
      <c r="AC355" s="5" t="s">
        <v>735</v>
      </c>
      <c r="AD355" s="2" t="s">
        <v>61782</v>
      </c>
      <c r="AE355" s="1"/>
    </row>
    <row r="356" spans="1:31">
      <c r="A356" s="5" t="s">
        <v>116</v>
      </c>
      <c r="B356" s="21">
        <v>46082</v>
      </c>
      <c r="C356" s="2" t="s">
        <v>61797</v>
      </c>
      <c r="D356" s="14" t="s">
        <v>61798</v>
      </c>
      <c r="E356" s="2" t="s">
        <v>83533</v>
      </c>
      <c r="F356" s="2" t="s">
        <v>130</v>
      </c>
      <c r="G356" s="8">
        <v>1547</v>
      </c>
      <c r="H356" s="5">
        <v>5</v>
      </c>
      <c r="I356" s="5" t="s">
        <v>69</v>
      </c>
      <c r="J356" s="5" t="s">
        <v>61065</v>
      </c>
      <c r="K356" s="2" t="s">
        <v>61066</v>
      </c>
      <c r="L356" s="5" t="s">
        <v>61065</v>
      </c>
      <c r="M356" s="2" t="s">
        <v>61066</v>
      </c>
      <c r="N356" s="5" t="s">
        <v>733</v>
      </c>
      <c r="O356" s="5" t="s">
        <v>38</v>
      </c>
      <c r="P356" s="5" t="s">
        <v>39</v>
      </c>
      <c r="Q356" s="5" t="s">
        <v>40</v>
      </c>
      <c r="R356" s="5" t="s">
        <v>897</v>
      </c>
      <c r="S356" s="5" t="s">
        <v>40</v>
      </c>
      <c r="T356" s="5" t="s">
        <v>42</v>
      </c>
      <c r="U356" s="2">
        <v>41.052</v>
      </c>
      <c r="V356" s="2">
        <v>37.652999999999999</v>
      </c>
      <c r="W356" s="2">
        <v>0.17199999999999999</v>
      </c>
      <c r="X356" s="2">
        <v>17</v>
      </c>
      <c r="Y356" s="2">
        <v>76.7</v>
      </c>
      <c r="Z356" s="2">
        <v>131.6</v>
      </c>
      <c r="AA356" s="5">
        <v>7</v>
      </c>
      <c r="AB356" s="5" t="s">
        <v>43</v>
      </c>
      <c r="AC356" s="5" t="s">
        <v>735</v>
      </c>
      <c r="AD356" s="2" t="s">
        <v>61801</v>
      </c>
      <c r="AE356" s="1"/>
    </row>
    <row r="357" spans="1:31">
      <c r="A357" s="5" t="s">
        <v>116</v>
      </c>
      <c r="B357" s="21">
        <v>46082</v>
      </c>
      <c r="C357" s="2" t="s">
        <v>61815</v>
      </c>
      <c r="D357" s="14" t="s">
        <v>61816</v>
      </c>
      <c r="E357" s="2" t="s">
        <v>83534</v>
      </c>
      <c r="F357" s="2" t="s">
        <v>130</v>
      </c>
      <c r="G357" s="8">
        <v>1719</v>
      </c>
      <c r="H357" s="5">
        <v>5</v>
      </c>
      <c r="I357" s="5" t="s">
        <v>69</v>
      </c>
      <c r="J357" s="5" t="s">
        <v>61065</v>
      </c>
      <c r="K357" s="2" t="s">
        <v>61066</v>
      </c>
      <c r="L357" s="5" t="s">
        <v>61065</v>
      </c>
      <c r="M357" s="2" t="s">
        <v>61066</v>
      </c>
      <c r="N357" s="5" t="s">
        <v>733</v>
      </c>
      <c r="O357" s="5" t="s">
        <v>38</v>
      </c>
      <c r="P357" s="5" t="s">
        <v>39</v>
      </c>
      <c r="Q357" s="5" t="s">
        <v>40</v>
      </c>
      <c r="R357" s="5" t="s">
        <v>897</v>
      </c>
      <c r="S357" s="5" t="s">
        <v>40</v>
      </c>
      <c r="T357" s="5" t="s">
        <v>42</v>
      </c>
      <c r="U357" s="2">
        <v>45.551000000000002</v>
      </c>
      <c r="V357" s="2">
        <v>42.165999999999997</v>
      </c>
      <c r="W357" s="2">
        <v>0.17199999999999999</v>
      </c>
      <c r="X357" s="2">
        <v>17</v>
      </c>
      <c r="Y357" s="2">
        <v>76.7</v>
      </c>
      <c r="Z357" s="2">
        <v>131.6</v>
      </c>
      <c r="AA357" s="5">
        <v>7</v>
      </c>
      <c r="AB357" s="5" t="s">
        <v>43</v>
      </c>
      <c r="AC357" s="5" t="s">
        <v>735</v>
      </c>
      <c r="AD357" s="2" t="s">
        <v>61819</v>
      </c>
      <c r="AE357" s="1"/>
    </row>
    <row r="358" spans="1:31">
      <c r="A358" s="5" t="s">
        <v>116</v>
      </c>
      <c r="B358" s="21">
        <v>46082</v>
      </c>
      <c r="C358" s="2" t="s">
        <v>61889</v>
      </c>
      <c r="D358" s="14" t="s">
        <v>61890</v>
      </c>
      <c r="E358" s="2" t="s">
        <v>83535</v>
      </c>
      <c r="F358" s="2" t="s">
        <v>130</v>
      </c>
      <c r="G358" s="8">
        <v>1400</v>
      </c>
      <c r="H358" s="5">
        <v>5</v>
      </c>
      <c r="I358" s="5" t="s">
        <v>69</v>
      </c>
      <c r="J358" s="5" t="s">
        <v>61065</v>
      </c>
      <c r="K358" s="2" t="s">
        <v>61066</v>
      </c>
      <c r="L358" s="5" t="s">
        <v>61065</v>
      </c>
      <c r="M358" s="2" t="s">
        <v>61066</v>
      </c>
      <c r="N358" s="5" t="s">
        <v>733</v>
      </c>
      <c r="O358" s="5" t="s">
        <v>38</v>
      </c>
      <c r="P358" s="5" t="s">
        <v>39</v>
      </c>
      <c r="Q358" s="5" t="s">
        <v>40</v>
      </c>
      <c r="R358" s="5" t="s">
        <v>897</v>
      </c>
      <c r="S358" s="5" t="s">
        <v>40</v>
      </c>
      <c r="T358" s="5" t="s">
        <v>42</v>
      </c>
      <c r="U358" s="2">
        <v>49.466000000000001</v>
      </c>
      <c r="V358" s="2">
        <v>45.634</v>
      </c>
      <c r="W358" s="2">
        <v>0.2</v>
      </c>
      <c r="X358" s="2">
        <v>17</v>
      </c>
      <c r="Y358" s="2">
        <v>76.7</v>
      </c>
      <c r="Z358" s="2">
        <v>153.6</v>
      </c>
      <c r="AA358" s="5">
        <v>7</v>
      </c>
      <c r="AB358" s="5" t="s">
        <v>43</v>
      </c>
      <c r="AC358" s="5" t="s">
        <v>735</v>
      </c>
      <c r="AD358" s="2" t="s">
        <v>61893</v>
      </c>
      <c r="AE358" s="1"/>
    </row>
    <row r="359" spans="1:31">
      <c r="A359" s="5" t="s">
        <v>116</v>
      </c>
      <c r="B359" s="21">
        <v>46082</v>
      </c>
      <c r="C359" s="2" t="s">
        <v>61934</v>
      </c>
      <c r="D359" s="14" t="s">
        <v>61935</v>
      </c>
      <c r="E359" s="2" t="s">
        <v>83536</v>
      </c>
      <c r="F359" s="2" t="s">
        <v>130</v>
      </c>
      <c r="G359" s="8">
        <v>1115</v>
      </c>
      <c r="H359" s="5">
        <v>5</v>
      </c>
      <c r="I359" s="5" t="s">
        <v>69</v>
      </c>
      <c r="J359" s="5" t="s">
        <v>61065</v>
      </c>
      <c r="K359" s="2" t="s">
        <v>61066</v>
      </c>
      <c r="L359" s="5" t="s">
        <v>61065</v>
      </c>
      <c r="M359" s="2" t="s">
        <v>61066</v>
      </c>
      <c r="N359" s="5" t="s">
        <v>733</v>
      </c>
      <c r="O359" s="5" t="s">
        <v>38</v>
      </c>
      <c r="P359" s="5" t="s">
        <v>39</v>
      </c>
      <c r="Q359" s="5" t="s">
        <v>40</v>
      </c>
      <c r="R359" s="5" t="s">
        <v>897</v>
      </c>
      <c r="S359" s="5" t="s">
        <v>40</v>
      </c>
      <c r="T359" s="5" t="s">
        <v>42</v>
      </c>
      <c r="U359" s="2">
        <v>43.942999999999998</v>
      </c>
      <c r="V359" s="2">
        <v>40.097000000000001</v>
      </c>
      <c r="W359" s="2">
        <v>0.2</v>
      </c>
      <c r="X359" s="2">
        <v>17</v>
      </c>
      <c r="Y359" s="2">
        <v>76.7</v>
      </c>
      <c r="Z359" s="2">
        <v>153.6</v>
      </c>
      <c r="AA359" s="5">
        <v>7</v>
      </c>
      <c r="AB359" s="5" t="s">
        <v>43</v>
      </c>
      <c r="AC359" s="5" t="s">
        <v>735</v>
      </c>
      <c r="AD359" s="2" t="s">
        <v>61938</v>
      </c>
      <c r="AE359" s="1"/>
    </row>
    <row r="360" spans="1:31">
      <c r="A360" s="5" t="s">
        <v>116</v>
      </c>
      <c r="B360" s="21">
        <v>46082</v>
      </c>
      <c r="C360" s="2" t="s">
        <v>61952</v>
      </c>
      <c r="D360" s="14" t="s">
        <v>61953</v>
      </c>
      <c r="E360" s="2" t="s">
        <v>83537</v>
      </c>
      <c r="F360" s="2" t="s">
        <v>130</v>
      </c>
      <c r="G360" s="8">
        <v>1317</v>
      </c>
      <c r="H360" s="5">
        <v>5</v>
      </c>
      <c r="I360" s="5" t="s">
        <v>69</v>
      </c>
      <c r="J360" s="5" t="s">
        <v>61065</v>
      </c>
      <c r="K360" s="2" t="s">
        <v>61066</v>
      </c>
      <c r="L360" s="5" t="s">
        <v>61065</v>
      </c>
      <c r="M360" s="2" t="s">
        <v>61066</v>
      </c>
      <c r="N360" s="5" t="s">
        <v>733</v>
      </c>
      <c r="O360" s="5" t="s">
        <v>38</v>
      </c>
      <c r="P360" s="5" t="s">
        <v>39</v>
      </c>
      <c r="Q360" s="5" t="s">
        <v>40</v>
      </c>
      <c r="R360" s="5" t="s">
        <v>897</v>
      </c>
      <c r="S360" s="5" t="s">
        <v>40</v>
      </c>
      <c r="T360" s="5" t="s">
        <v>42</v>
      </c>
      <c r="U360" s="2">
        <v>49.433999999999997</v>
      </c>
      <c r="V360" s="2">
        <v>45.601999999999997</v>
      </c>
      <c r="W360" s="2">
        <v>0.2</v>
      </c>
      <c r="X360" s="2">
        <v>17</v>
      </c>
      <c r="Y360" s="2">
        <v>76.7</v>
      </c>
      <c r="Z360" s="2">
        <v>153.6</v>
      </c>
      <c r="AA360" s="5">
        <v>7</v>
      </c>
      <c r="AB360" s="5" t="s">
        <v>43</v>
      </c>
      <c r="AC360" s="5" t="s">
        <v>735</v>
      </c>
      <c r="AD360" s="2" t="s">
        <v>61956</v>
      </c>
      <c r="AE360" s="1"/>
    </row>
    <row r="361" spans="1:31">
      <c r="A361" s="5" t="s">
        <v>116</v>
      </c>
      <c r="B361" s="21">
        <v>46082</v>
      </c>
      <c r="C361" s="2" t="s">
        <v>61976</v>
      </c>
      <c r="D361" s="14" t="s">
        <v>61977</v>
      </c>
      <c r="E361" s="2" t="s">
        <v>83538</v>
      </c>
      <c r="F361" s="2" t="s">
        <v>130</v>
      </c>
      <c r="G361" s="8">
        <v>1868</v>
      </c>
      <c r="H361" s="5">
        <v>5</v>
      </c>
      <c r="I361" s="5" t="s">
        <v>69</v>
      </c>
      <c r="J361" s="5" t="s">
        <v>61065</v>
      </c>
      <c r="K361" s="2" t="s">
        <v>61066</v>
      </c>
      <c r="L361" s="5" t="s">
        <v>61065</v>
      </c>
      <c r="M361" s="2" t="s">
        <v>61066</v>
      </c>
      <c r="N361" s="5" t="s">
        <v>733</v>
      </c>
      <c r="O361" s="5" t="s">
        <v>38</v>
      </c>
      <c r="P361" s="5" t="s">
        <v>39</v>
      </c>
      <c r="Q361" s="5" t="s">
        <v>40</v>
      </c>
      <c r="R361" s="5" t="s">
        <v>897</v>
      </c>
      <c r="S361" s="5" t="s">
        <v>40</v>
      </c>
      <c r="T361" s="5" t="s">
        <v>42</v>
      </c>
      <c r="U361" s="2">
        <v>52.674999999999997</v>
      </c>
      <c r="V361" s="2">
        <v>48.843000000000004</v>
      </c>
      <c r="W361" s="2">
        <v>0.2</v>
      </c>
      <c r="X361" s="2">
        <v>17</v>
      </c>
      <c r="Y361" s="2">
        <v>76.7</v>
      </c>
      <c r="Z361" s="2">
        <v>153.6</v>
      </c>
      <c r="AA361" s="5">
        <v>7</v>
      </c>
      <c r="AB361" s="5" t="s">
        <v>43</v>
      </c>
      <c r="AC361" s="5" t="s">
        <v>735</v>
      </c>
      <c r="AD361" s="2" t="s">
        <v>61980</v>
      </c>
      <c r="AE361" s="1"/>
    </row>
    <row r="362" spans="1:31">
      <c r="A362" s="5" t="s">
        <v>116</v>
      </c>
      <c r="B362" s="21">
        <v>46082</v>
      </c>
      <c r="C362" s="2" t="s">
        <v>61990</v>
      </c>
      <c r="D362" s="14" t="s">
        <v>61991</v>
      </c>
      <c r="E362" s="2" t="s">
        <v>83539</v>
      </c>
      <c r="F362" s="2" t="s">
        <v>130</v>
      </c>
      <c r="G362" s="8">
        <v>1583</v>
      </c>
      <c r="H362" s="5">
        <v>5</v>
      </c>
      <c r="I362" s="5" t="s">
        <v>69</v>
      </c>
      <c r="J362" s="5" t="s">
        <v>61065</v>
      </c>
      <c r="K362" s="2" t="s">
        <v>61066</v>
      </c>
      <c r="L362" s="5" t="s">
        <v>61065</v>
      </c>
      <c r="M362" s="2" t="s">
        <v>61066</v>
      </c>
      <c r="N362" s="5" t="s">
        <v>733</v>
      </c>
      <c r="O362" s="5" t="s">
        <v>38</v>
      </c>
      <c r="P362" s="5" t="s">
        <v>39</v>
      </c>
      <c r="Q362" s="5" t="s">
        <v>40</v>
      </c>
      <c r="R362" s="5" t="s">
        <v>897</v>
      </c>
      <c r="S362" s="5" t="s">
        <v>40</v>
      </c>
      <c r="T362" s="5" t="s">
        <v>42</v>
      </c>
      <c r="U362" s="2">
        <v>47.244</v>
      </c>
      <c r="V362" s="2">
        <v>43.398000000000003</v>
      </c>
      <c r="W362" s="2">
        <v>0.2</v>
      </c>
      <c r="X362" s="2">
        <v>17</v>
      </c>
      <c r="Y362" s="2">
        <v>76.7</v>
      </c>
      <c r="Z362" s="2">
        <v>153.6</v>
      </c>
      <c r="AA362" s="5">
        <v>7</v>
      </c>
      <c r="AB362" s="5" t="s">
        <v>43</v>
      </c>
      <c r="AC362" s="5" t="s">
        <v>735</v>
      </c>
      <c r="AD362" s="2" t="s">
        <v>61994</v>
      </c>
      <c r="AE362" s="1"/>
    </row>
    <row r="363" spans="1:31">
      <c r="A363" s="5" t="s">
        <v>116</v>
      </c>
      <c r="B363" s="21">
        <v>46082</v>
      </c>
      <c r="C363" s="2" t="s">
        <v>62008</v>
      </c>
      <c r="D363" s="14" t="s">
        <v>62009</v>
      </c>
      <c r="E363" s="2" t="s">
        <v>83540</v>
      </c>
      <c r="F363" s="2" t="s">
        <v>130</v>
      </c>
      <c r="G363" s="8">
        <v>1785</v>
      </c>
      <c r="H363" s="5">
        <v>5</v>
      </c>
      <c r="I363" s="5" t="s">
        <v>69</v>
      </c>
      <c r="J363" s="5" t="s">
        <v>61065</v>
      </c>
      <c r="K363" s="2" t="s">
        <v>61066</v>
      </c>
      <c r="L363" s="5" t="s">
        <v>61065</v>
      </c>
      <c r="M363" s="2" t="s">
        <v>61066</v>
      </c>
      <c r="N363" s="5" t="s">
        <v>733</v>
      </c>
      <c r="O363" s="5" t="s">
        <v>38</v>
      </c>
      <c r="P363" s="5" t="s">
        <v>39</v>
      </c>
      <c r="Q363" s="5" t="s">
        <v>40</v>
      </c>
      <c r="R363" s="5" t="s">
        <v>897</v>
      </c>
      <c r="S363" s="5" t="s">
        <v>40</v>
      </c>
      <c r="T363" s="5" t="s">
        <v>42</v>
      </c>
      <c r="U363" s="2">
        <v>52.643000000000001</v>
      </c>
      <c r="V363" s="2">
        <v>48.811</v>
      </c>
      <c r="W363" s="2">
        <v>0.2</v>
      </c>
      <c r="X363" s="2">
        <v>17</v>
      </c>
      <c r="Y363" s="2">
        <v>76.7</v>
      </c>
      <c r="Z363" s="2">
        <v>153.6</v>
      </c>
      <c r="AA363" s="5">
        <v>7</v>
      </c>
      <c r="AB363" s="5" t="s">
        <v>43</v>
      </c>
      <c r="AC363" s="5" t="s">
        <v>735</v>
      </c>
      <c r="AD363" s="2" t="s">
        <v>62012</v>
      </c>
      <c r="AE363" s="1"/>
    </row>
    <row r="364" spans="1:31">
      <c r="A364" s="5" t="s">
        <v>116</v>
      </c>
      <c r="B364" s="21">
        <v>46082</v>
      </c>
      <c r="C364" s="2" t="s">
        <v>62267</v>
      </c>
      <c r="D364" s="14" t="s">
        <v>62268</v>
      </c>
      <c r="E364" s="2" t="s">
        <v>83541</v>
      </c>
      <c r="F364" s="2" t="s">
        <v>130</v>
      </c>
      <c r="G364" s="8">
        <v>1400</v>
      </c>
      <c r="H364" s="5">
        <v>5</v>
      </c>
      <c r="I364" s="5" t="s">
        <v>69</v>
      </c>
      <c r="J364" s="5" t="s">
        <v>61065</v>
      </c>
      <c r="K364" s="2" t="s">
        <v>61066</v>
      </c>
      <c r="L364" s="5" t="s">
        <v>61065</v>
      </c>
      <c r="M364" s="2" t="s">
        <v>61066</v>
      </c>
      <c r="N364" s="5" t="s">
        <v>733</v>
      </c>
      <c r="O364" s="5" t="s">
        <v>38</v>
      </c>
      <c r="P364" s="5" t="s">
        <v>39</v>
      </c>
      <c r="Q364" s="5" t="s">
        <v>40</v>
      </c>
      <c r="R364" s="5" t="s">
        <v>897</v>
      </c>
      <c r="S364" s="5" t="s">
        <v>40</v>
      </c>
      <c r="T364" s="5" t="s">
        <v>42</v>
      </c>
      <c r="U364" s="2">
        <v>47.793999999999997</v>
      </c>
      <c r="V364" s="2">
        <v>44.072000000000003</v>
      </c>
      <c r="W364" s="2">
        <v>0.19800000000000001</v>
      </c>
      <c r="X364" s="2">
        <v>17</v>
      </c>
      <c r="Y364" s="2">
        <v>88.7</v>
      </c>
      <c r="Z364" s="2">
        <v>131.6</v>
      </c>
      <c r="AA364" s="5">
        <v>7</v>
      </c>
      <c r="AB364" s="5" t="s">
        <v>43</v>
      </c>
      <c r="AC364" s="5" t="s">
        <v>735</v>
      </c>
      <c r="AD364" s="2" t="s">
        <v>62271</v>
      </c>
      <c r="AE364" s="1"/>
    </row>
    <row r="365" spans="1:31">
      <c r="A365" s="5" t="s">
        <v>116</v>
      </c>
      <c r="B365" s="21">
        <v>46082</v>
      </c>
      <c r="C365" s="2" t="s">
        <v>62316</v>
      </c>
      <c r="D365" s="14" t="s">
        <v>62317</v>
      </c>
      <c r="E365" s="2" t="s">
        <v>83542</v>
      </c>
      <c r="F365" s="2" t="s">
        <v>130</v>
      </c>
      <c r="G365" s="8">
        <v>1115</v>
      </c>
      <c r="H365" s="5">
        <v>5</v>
      </c>
      <c r="I365" s="5" t="s">
        <v>69</v>
      </c>
      <c r="J365" s="5" t="s">
        <v>61065</v>
      </c>
      <c r="K365" s="2" t="s">
        <v>61066</v>
      </c>
      <c r="L365" s="5" t="s">
        <v>61065</v>
      </c>
      <c r="M365" s="2" t="s">
        <v>61066</v>
      </c>
      <c r="N365" s="5" t="s">
        <v>733</v>
      </c>
      <c r="O365" s="5" t="s">
        <v>38</v>
      </c>
      <c r="P365" s="5" t="s">
        <v>39</v>
      </c>
      <c r="Q365" s="5" t="s">
        <v>40</v>
      </c>
      <c r="R365" s="5" t="s">
        <v>897</v>
      </c>
      <c r="S365" s="5" t="s">
        <v>40</v>
      </c>
      <c r="T365" s="5" t="s">
        <v>42</v>
      </c>
      <c r="U365" s="2">
        <v>42.314999999999998</v>
      </c>
      <c r="V365" s="2">
        <v>38.576999999999998</v>
      </c>
      <c r="W365" s="2">
        <v>0.19800000000000001</v>
      </c>
      <c r="X365" s="2">
        <v>17</v>
      </c>
      <c r="Y365" s="2">
        <v>88.7</v>
      </c>
      <c r="Z365" s="2">
        <v>131.6</v>
      </c>
      <c r="AA365" s="5">
        <v>7</v>
      </c>
      <c r="AB365" s="5" t="s">
        <v>43</v>
      </c>
      <c r="AC365" s="5" t="s">
        <v>735</v>
      </c>
      <c r="AD365" s="2" t="s">
        <v>62320</v>
      </c>
      <c r="AE365" s="1"/>
    </row>
    <row r="366" spans="1:31">
      <c r="A366" s="5" t="s">
        <v>116</v>
      </c>
      <c r="B366" s="21">
        <v>46082</v>
      </c>
      <c r="C366" s="2" t="s">
        <v>62343</v>
      </c>
      <c r="D366" s="14" t="s">
        <v>62344</v>
      </c>
      <c r="E366" s="2" t="s">
        <v>83543</v>
      </c>
      <c r="F366" s="2" t="s">
        <v>130</v>
      </c>
      <c r="G366" s="8">
        <v>1317</v>
      </c>
      <c r="H366" s="5">
        <v>5</v>
      </c>
      <c r="I366" s="5" t="s">
        <v>69</v>
      </c>
      <c r="J366" s="5" t="s">
        <v>61065</v>
      </c>
      <c r="K366" s="2" t="s">
        <v>61066</v>
      </c>
      <c r="L366" s="5" t="s">
        <v>61065</v>
      </c>
      <c r="M366" s="2" t="s">
        <v>61066</v>
      </c>
      <c r="N366" s="5" t="s">
        <v>733</v>
      </c>
      <c r="O366" s="5" t="s">
        <v>38</v>
      </c>
      <c r="P366" s="5" t="s">
        <v>39</v>
      </c>
      <c r="Q366" s="5" t="s">
        <v>40</v>
      </c>
      <c r="R366" s="5" t="s">
        <v>897</v>
      </c>
      <c r="S366" s="5" t="s">
        <v>40</v>
      </c>
      <c r="T366" s="5" t="s">
        <v>42</v>
      </c>
      <c r="U366" s="2">
        <v>47.652999999999999</v>
      </c>
      <c r="V366" s="2">
        <v>43.930999999999997</v>
      </c>
      <c r="W366" s="2">
        <v>0.19800000000000001</v>
      </c>
      <c r="X366" s="2">
        <v>17</v>
      </c>
      <c r="Y366" s="2">
        <v>88.7</v>
      </c>
      <c r="Z366" s="2">
        <v>131.6</v>
      </c>
      <c r="AA366" s="5">
        <v>7</v>
      </c>
      <c r="AB366" s="5" t="s">
        <v>43</v>
      </c>
      <c r="AC366" s="5" t="s">
        <v>735</v>
      </c>
      <c r="AD366" s="2" t="s">
        <v>62347</v>
      </c>
      <c r="AE366" s="1"/>
    </row>
    <row r="367" spans="1:31">
      <c r="A367" s="5" t="s">
        <v>116</v>
      </c>
      <c r="B367" s="21">
        <v>46082</v>
      </c>
      <c r="C367" s="2" t="s">
        <v>62376</v>
      </c>
      <c r="D367" s="14" t="s">
        <v>62377</v>
      </c>
      <c r="E367" s="2" t="s">
        <v>83544</v>
      </c>
      <c r="F367" s="2" t="s">
        <v>130</v>
      </c>
      <c r="G367" s="8">
        <v>1868</v>
      </c>
      <c r="H367" s="5">
        <v>5</v>
      </c>
      <c r="I367" s="5" t="s">
        <v>69</v>
      </c>
      <c r="J367" s="5" t="s">
        <v>61065</v>
      </c>
      <c r="K367" s="2" t="s">
        <v>61066</v>
      </c>
      <c r="L367" s="5" t="s">
        <v>61065</v>
      </c>
      <c r="M367" s="2" t="s">
        <v>61066</v>
      </c>
      <c r="N367" s="5" t="s">
        <v>733</v>
      </c>
      <c r="O367" s="5" t="s">
        <v>38</v>
      </c>
      <c r="P367" s="5" t="s">
        <v>39</v>
      </c>
      <c r="Q367" s="5" t="s">
        <v>40</v>
      </c>
      <c r="R367" s="5" t="s">
        <v>897</v>
      </c>
      <c r="S367" s="5" t="s">
        <v>40</v>
      </c>
      <c r="T367" s="5" t="s">
        <v>42</v>
      </c>
      <c r="U367" s="2">
        <v>50.865000000000002</v>
      </c>
      <c r="V367" s="2">
        <v>47.143000000000001</v>
      </c>
      <c r="W367" s="2">
        <v>0.19800000000000001</v>
      </c>
      <c r="X367" s="2">
        <v>17</v>
      </c>
      <c r="Y367" s="2">
        <v>88.7</v>
      </c>
      <c r="Z367" s="2">
        <v>131.6</v>
      </c>
      <c r="AA367" s="5">
        <v>7</v>
      </c>
      <c r="AB367" s="5" t="s">
        <v>43</v>
      </c>
      <c r="AC367" s="5" t="s">
        <v>735</v>
      </c>
      <c r="AD367" s="2" t="s">
        <v>62380</v>
      </c>
      <c r="AE367" s="1"/>
    </row>
    <row r="368" spans="1:31">
      <c r="A368" s="5" t="s">
        <v>116</v>
      </c>
      <c r="B368" s="21">
        <v>46082</v>
      </c>
      <c r="C368" s="2" t="s">
        <v>62395</v>
      </c>
      <c r="D368" s="14" t="s">
        <v>62396</v>
      </c>
      <c r="E368" s="2" t="s">
        <v>83545</v>
      </c>
      <c r="F368" s="2" t="s">
        <v>130</v>
      </c>
      <c r="G368" s="8">
        <v>1583</v>
      </c>
      <c r="H368" s="5">
        <v>5</v>
      </c>
      <c r="I368" s="5" t="s">
        <v>69</v>
      </c>
      <c r="J368" s="5" t="s">
        <v>61065</v>
      </c>
      <c r="K368" s="2" t="s">
        <v>61066</v>
      </c>
      <c r="L368" s="5" t="s">
        <v>61065</v>
      </c>
      <c r="M368" s="2" t="s">
        <v>61066</v>
      </c>
      <c r="N368" s="5" t="s">
        <v>733</v>
      </c>
      <c r="O368" s="5" t="s">
        <v>38</v>
      </c>
      <c r="P368" s="5" t="s">
        <v>39</v>
      </c>
      <c r="Q368" s="5" t="s">
        <v>40</v>
      </c>
      <c r="R368" s="5" t="s">
        <v>897</v>
      </c>
      <c r="S368" s="5" t="s">
        <v>40</v>
      </c>
      <c r="T368" s="5" t="s">
        <v>42</v>
      </c>
      <c r="U368" s="2">
        <v>45.383000000000003</v>
      </c>
      <c r="V368" s="2">
        <v>41.645000000000003</v>
      </c>
      <c r="W368" s="2">
        <v>0.19800000000000001</v>
      </c>
      <c r="X368" s="2">
        <v>17</v>
      </c>
      <c r="Y368" s="2">
        <v>88.7</v>
      </c>
      <c r="Z368" s="2">
        <v>131.6</v>
      </c>
      <c r="AA368" s="5">
        <v>7</v>
      </c>
      <c r="AB368" s="5" t="s">
        <v>43</v>
      </c>
      <c r="AC368" s="5" t="s">
        <v>735</v>
      </c>
      <c r="AD368" s="2" t="s">
        <v>62399</v>
      </c>
      <c r="AE368" s="1"/>
    </row>
    <row r="369" spans="1:31">
      <c r="A369" s="5" t="s">
        <v>116</v>
      </c>
      <c r="B369" s="21">
        <v>46082</v>
      </c>
      <c r="C369" s="2" t="s">
        <v>62413</v>
      </c>
      <c r="D369" s="14" t="s">
        <v>62414</v>
      </c>
      <c r="E369" s="2" t="s">
        <v>83546</v>
      </c>
      <c r="F369" s="2" t="s">
        <v>130</v>
      </c>
      <c r="G369" s="8">
        <v>1785</v>
      </c>
      <c r="H369" s="5">
        <v>5</v>
      </c>
      <c r="I369" s="5" t="s">
        <v>69</v>
      </c>
      <c r="J369" s="5" t="s">
        <v>61065</v>
      </c>
      <c r="K369" s="2" t="s">
        <v>61066</v>
      </c>
      <c r="L369" s="5" t="s">
        <v>61065</v>
      </c>
      <c r="M369" s="2" t="s">
        <v>61066</v>
      </c>
      <c r="N369" s="5" t="s">
        <v>733</v>
      </c>
      <c r="O369" s="5" t="s">
        <v>38</v>
      </c>
      <c r="P369" s="5" t="s">
        <v>39</v>
      </c>
      <c r="Q369" s="5" t="s">
        <v>40</v>
      </c>
      <c r="R369" s="5" t="s">
        <v>897</v>
      </c>
      <c r="S369" s="5" t="s">
        <v>40</v>
      </c>
      <c r="T369" s="5" t="s">
        <v>42</v>
      </c>
      <c r="U369" s="2">
        <v>50.832999999999998</v>
      </c>
      <c r="V369" s="2">
        <v>47.110999999999997</v>
      </c>
      <c r="W369" s="2">
        <v>0.19800000000000001</v>
      </c>
      <c r="X369" s="2">
        <v>17</v>
      </c>
      <c r="Y369" s="2">
        <v>88.7</v>
      </c>
      <c r="Z369" s="2">
        <v>131.6</v>
      </c>
      <c r="AA369" s="5">
        <v>7</v>
      </c>
      <c r="AB369" s="5" t="s">
        <v>43</v>
      </c>
      <c r="AC369" s="5" t="s">
        <v>735</v>
      </c>
      <c r="AD369" s="2" t="s">
        <v>62417</v>
      </c>
      <c r="AE369" s="1"/>
    </row>
    <row r="370" spans="1:31">
      <c r="A370" s="5" t="s">
        <v>116</v>
      </c>
      <c r="B370" s="21">
        <v>46082</v>
      </c>
      <c r="C370" s="2" t="s">
        <v>62495</v>
      </c>
      <c r="D370" s="14" t="s">
        <v>62496</v>
      </c>
      <c r="E370" s="2" t="s">
        <v>83547</v>
      </c>
      <c r="F370" s="2" t="s">
        <v>130</v>
      </c>
      <c r="G370" s="8">
        <v>1510</v>
      </c>
      <c r="H370" s="5">
        <v>5</v>
      </c>
      <c r="I370" s="5" t="s">
        <v>69</v>
      </c>
      <c r="J370" s="5" t="s">
        <v>61065</v>
      </c>
      <c r="K370" s="2" t="s">
        <v>61066</v>
      </c>
      <c r="L370" s="5" t="s">
        <v>61065</v>
      </c>
      <c r="M370" s="2" t="s">
        <v>61066</v>
      </c>
      <c r="N370" s="5" t="s">
        <v>733</v>
      </c>
      <c r="O370" s="5" t="s">
        <v>38</v>
      </c>
      <c r="P370" s="5" t="s">
        <v>39</v>
      </c>
      <c r="Q370" s="5" t="s">
        <v>40</v>
      </c>
      <c r="R370" s="5" t="s">
        <v>897</v>
      </c>
      <c r="S370" s="5" t="s">
        <v>40</v>
      </c>
      <c r="T370" s="5" t="s">
        <v>42</v>
      </c>
      <c r="U370" s="2">
        <v>56.069000000000003</v>
      </c>
      <c r="V370" s="2">
        <v>51.862000000000002</v>
      </c>
      <c r="W370" s="2">
        <v>0.23200000000000001</v>
      </c>
      <c r="X370" s="2">
        <v>17</v>
      </c>
      <c r="Y370" s="2">
        <v>88.7</v>
      </c>
      <c r="Z370" s="2">
        <v>153.6</v>
      </c>
      <c r="AA370" s="5">
        <v>7</v>
      </c>
      <c r="AB370" s="5" t="s">
        <v>43</v>
      </c>
      <c r="AC370" s="5" t="s">
        <v>735</v>
      </c>
      <c r="AD370" s="2" t="s">
        <v>62499</v>
      </c>
      <c r="AE370" s="1"/>
    </row>
    <row r="371" spans="1:31">
      <c r="A371" s="5" t="s">
        <v>116</v>
      </c>
      <c r="B371" s="21">
        <v>46082</v>
      </c>
      <c r="C371" s="2" t="s">
        <v>62544</v>
      </c>
      <c r="D371" s="14" t="s">
        <v>62545</v>
      </c>
      <c r="E371" s="2" t="s">
        <v>83548</v>
      </c>
      <c r="F371" s="2" t="s">
        <v>130</v>
      </c>
      <c r="G371" s="8">
        <v>1172</v>
      </c>
      <c r="H371" s="5">
        <v>5</v>
      </c>
      <c r="I371" s="5" t="s">
        <v>69</v>
      </c>
      <c r="J371" s="5" t="s">
        <v>61065</v>
      </c>
      <c r="K371" s="2" t="s">
        <v>61066</v>
      </c>
      <c r="L371" s="5" t="s">
        <v>61065</v>
      </c>
      <c r="M371" s="2" t="s">
        <v>61066</v>
      </c>
      <c r="N371" s="5" t="s">
        <v>733</v>
      </c>
      <c r="O371" s="5" t="s">
        <v>38</v>
      </c>
      <c r="P371" s="5" t="s">
        <v>39</v>
      </c>
      <c r="Q371" s="5" t="s">
        <v>40</v>
      </c>
      <c r="R371" s="5" t="s">
        <v>897</v>
      </c>
      <c r="S371" s="5" t="s">
        <v>40</v>
      </c>
      <c r="T371" s="5" t="s">
        <v>42</v>
      </c>
      <c r="U371" s="2">
        <v>49.293999999999997</v>
      </c>
      <c r="V371" s="2">
        <v>45.070999999999998</v>
      </c>
      <c r="W371" s="2">
        <v>0.23200000000000001</v>
      </c>
      <c r="X371" s="2">
        <v>17</v>
      </c>
      <c r="Y371" s="2">
        <v>88.7</v>
      </c>
      <c r="Z371" s="2">
        <v>153.6</v>
      </c>
      <c r="AA371" s="5">
        <v>7</v>
      </c>
      <c r="AB371" s="5" t="s">
        <v>43</v>
      </c>
      <c r="AC371" s="5" t="s">
        <v>735</v>
      </c>
      <c r="AD371" s="2" t="s">
        <v>62548</v>
      </c>
      <c r="AE371" s="1"/>
    </row>
    <row r="372" spans="1:31">
      <c r="A372" s="5" t="s">
        <v>116</v>
      </c>
      <c r="B372" s="21">
        <v>46082</v>
      </c>
      <c r="C372" s="2" t="s">
        <v>62571</v>
      </c>
      <c r="D372" s="14" t="s">
        <v>62572</v>
      </c>
      <c r="E372" s="2" t="s">
        <v>83549</v>
      </c>
      <c r="F372" s="2" t="s">
        <v>130</v>
      </c>
      <c r="G372" s="8">
        <v>1412</v>
      </c>
      <c r="H372" s="5">
        <v>5</v>
      </c>
      <c r="I372" s="5" t="s">
        <v>69</v>
      </c>
      <c r="J372" s="5" t="s">
        <v>61065</v>
      </c>
      <c r="K372" s="2" t="s">
        <v>61066</v>
      </c>
      <c r="L372" s="5" t="s">
        <v>61065</v>
      </c>
      <c r="M372" s="2" t="s">
        <v>61066</v>
      </c>
      <c r="N372" s="5" t="s">
        <v>733</v>
      </c>
      <c r="O372" s="5" t="s">
        <v>38</v>
      </c>
      <c r="P372" s="5" t="s">
        <v>39</v>
      </c>
      <c r="Q372" s="5" t="s">
        <v>40</v>
      </c>
      <c r="R372" s="5" t="s">
        <v>897</v>
      </c>
      <c r="S372" s="5" t="s">
        <v>40</v>
      </c>
      <c r="T372" s="5" t="s">
        <v>42</v>
      </c>
      <c r="U372" s="2">
        <v>55.917000000000002</v>
      </c>
      <c r="V372" s="2">
        <v>51.71</v>
      </c>
      <c r="W372" s="2">
        <v>0.23200000000000001</v>
      </c>
      <c r="X372" s="2">
        <v>17</v>
      </c>
      <c r="Y372" s="2">
        <v>88.7</v>
      </c>
      <c r="Z372" s="2">
        <v>153.6</v>
      </c>
      <c r="AA372" s="5">
        <v>7</v>
      </c>
      <c r="AB372" s="5" t="s">
        <v>43</v>
      </c>
      <c r="AC372" s="5" t="s">
        <v>735</v>
      </c>
      <c r="AD372" s="2" t="s">
        <v>62575</v>
      </c>
      <c r="AE372" s="1"/>
    </row>
    <row r="373" spans="1:31">
      <c r="A373" s="5" t="s">
        <v>116</v>
      </c>
      <c r="B373" s="21">
        <v>46082</v>
      </c>
      <c r="C373" s="2" t="s">
        <v>62599</v>
      </c>
      <c r="D373" s="14" t="s">
        <v>62600</v>
      </c>
      <c r="E373" s="2" t="s">
        <v>83550</v>
      </c>
      <c r="F373" s="2" t="s">
        <v>130</v>
      </c>
      <c r="G373" s="8">
        <v>1978</v>
      </c>
      <c r="H373" s="5">
        <v>5</v>
      </c>
      <c r="I373" s="5" t="s">
        <v>69</v>
      </c>
      <c r="J373" s="5" t="s">
        <v>61065</v>
      </c>
      <c r="K373" s="2" t="s">
        <v>61066</v>
      </c>
      <c r="L373" s="5" t="s">
        <v>61065</v>
      </c>
      <c r="M373" s="2" t="s">
        <v>61066</v>
      </c>
      <c r="N373" s="5" t="s">
        <v>733</v>
      </c>
      <c r="O373" s="5" t="s">
        <v>38</v>
      </c>
      <c r="P373" s="5" t="s">
        <v>39</v>
      </c>
      <c r="Q373" s="5" t="s">
        <v>40</v>
      </c>
      <c r="R373" s="5" t="s">
        <v>897</v>
      </c>
      <c r="S373" s="5" t="s">
        <v>40</v>
      </c>
      <c r="T373" s="5" t="s">
        <v>42</v>
      </c>
      <c r="U373" s="2">
        <v>59.38</v>
      </c>
      <c r="V373" s="2">
        <v>55.173000000000002</v>
      </c>
      <c r="W373" s="2">
        <v>0.23200000000000001</v>
      </c>
      <c r="X373" s="2">
        <v>17</v>
      </c>
      <c r="Y373" s="2">
        <v>88.7</v>
      </c>
      <c r="Z373" s="2">
        <v>153.6</v>
      </c>
      <c r="AA373" s="5">
        <v>7</v>
      </c>
      <c r="AB373" s="5" t="s">
        <v>43</v>
      </c>
      <c r="AC373" s="5" t="s">
        <v>735</v>
      </c>
      <c r="AD373" s="2" t="s">
        <v>62603</v>
      </c>
      <c r="AE373" s="1"/>
    </row>
    <row r="374" spans="1:31">
      <c r="A374" s="5" t="s">
        <v>116</v>
      </c>
      <c r="B374" s="21">
        <v>46082</v>
      </c>
      <c r="C374" s="2" t="s">
        <v>62618</v>
      </c>
      <c r="D374" s="14" t="s">
        <v>62619</v>
      </c>
      <c r="E374" s="2" t="s">
        <v>83551</v>
      </c>
      <c r="F374" s="2" t="s">
        <v>130</v>
      </c>
      <c r="G374" s="8">
        <v>1640</v>
      </c>
      <c r="H374" s="5">
        <v>5</v>
      </c>
      <c r="I374" s="5" t="s">
        <v>69</v>
      </c>
      <c r="J374" s="5" t="s">
        <v>61065</v>
      </c>
      <c r="K374" s="2" t="s">
        <v>61066</v>
      </c>
      <c r="L374" s="5" t="s">
        <v>61065</v>
      </c>
      <c r="M374" s="2" t="s">
        <v>61066</v>
      </c>
      <c r="N374" s="5" t="s">
        <v>733</v>
      </c>
      <c r="O374" s="5" t="s">
        <v>38</v>
      </c>
      <c r="P374" s="5" t="s">
        <v>39</v>
      </c>
      <c r="Q374" s="5" t="s">
        <v>40</v>
      </c>
      <c r="R374" s="5" t="s">
        <v>897</v>
      </c>
      <c r="S374" s="5" t="s">
        <v>40</v>
      </c>
      <c r="T374" s="5" t="s">
        <v>42</v>
      </c>
      <c r="U374" s="2">
        <v>52.805999999999997</v>
      </c>
      <c r="V374" s="2">
        <v>48.582999999999998</v>
      </c>
      <c r="W374" s="2">
        <v>0.23200000000000001</v>
      </c>
      <c r="X374" s="2">
        <v>17</v>
      </c>
      <c r="Y374" s="2">
        <v>88.7</v>
      </c>
      <c r="Z374" s="2">
        <v>153.6</v>
      </c>
      <c r="AA374" s="5">
        <v>7</v>
      </c>
      <c r="AB374" s="5" t="s">
        <v>43</v>
      </c>
      <c r="AC374" s="5" t="s">
        <v>735</v>
      </c>
      <c r="AD374" s="2" t="s">
        <v>62622</v>
      </c>
      <c r="AE374" s="1"/>
    </row>
    <row r="375" spans="1:31">
      <c r="A375" s="5" t="s">
        <v>116</v>
      </c>
      <c r="B375" s="21">
        <v>46082</v>
      </c>
      <c r="C375" s="2" t="s">
        <v>62636</v>
      </c>
      <c r="D375" s="14" t="s">
        <v>62637</v>
      </c>
      <c r="E375" s="2" t="s">
        <v>83552</v>
      </c>
      <c r="F375" s="2" t="s">
        <v>130</v>
      </c>
      <c r="G375" s="8">
        <v>1880</v>
      </c>
      <c r="H375" s="5">
        <v>5</v>
      </c>
      <c r="I375" s="5" t="s">
        <v>69</v>
      </c>
      <c r="J375" s="5" t="s">
        <v>61065</v>
      </c>
      <c r="K375" s="2" t="s">
        <v>61066</v>
      </c>
      <c r="L375" s="5" t="s">
        <v>61065</v>
      </c>
      <c r="M375" s="2" t="s">
        <v>61066</v>
      </c>
      <c r="N375" s="5" t="s">
        <v>733</v>
      </c>
      <c r="O375" s="5" t="s">
        <v>38</v>
      </c>
      <c r="P375" s="5" t="s">
        <v>39</v>
      </c>
      <c r="Q375" s="5" t="s">
        <v>40</v>
      </c>
      <c r="R375" s="5" t="s">
        <v>897</v>
      </c>
      <c r="S375" s="5" t="s">
        <v>40</v>
      </c>
      <c r="T375" s="5" t="s">
        <v>42</v>
      </c>
      <c r="U375" s="2">
        <v>59.34</v>
      </c>
      <c r="V375" s="2">
        <v>55.133000000000003</v>
      </c>
      <c r="W375" s="2">
        <v>0.23200000000000001</v>
      </c>
      <c r="X375" s="2">
        <v>17</v>
      </c>
      <c r="Y375" s="2">
        <v>88.7</v>
      </c>
      <c r="Z375" s="2">
        <v>153.6</v>
      </c>
      <c r="AA375" s="5">
        <v>7</v>
      </c>
      <c r="AB375" s="5" t="s">
        <v>43</v>
      </c>
      <c r="AC375" s="5" t="s">
        <v>735</v>
      </c>
      <c r="AD375" s="2" t="s">
        <v>62640</v>
      </c>
      <c r="AE375" s="1"/>
    </row>
    <row r="376" spans="1:31">
      <c r="A376" s="5" t="s">
        <v>116</v>
      </c>
      <c r="B376" s="21">
        <v>46082</v>
      </c>
      <c r="C376" s="2" t="s">
        <v>62860</v>
      </c>
      <c r="D376" s="14" t="s">
        <v>62861</v>
      </c>
      <c r="E376" s="2" t="s">
        <v>83553</v>
      </c>
      <c r="F376" s="2" t="s">
        <v>130</v>
      </c>
      <c r="G376" s="8">
        <v>1545</v>
      </c>
      <c r="H376" s="5">
        <v>5</v>
      </c>
      <c r="I376" s="5" t="s">
        <v>69</v>
      </c>
      <c r="J376" s="5" t="s">
        <v>61065</v>
      </c>
      <c r="K376" s="2" t="s">
        <v>61066</v>
      </c>
      <c r="L376" s="5" t="s">
        <v>61065</v>
      </c>
      <c r="M376" s="2" t="s">
        <v>61066</v>
      </c>
      <c r="N376" s="5" t="s">
        <v>733</v>
      </c>
      <c r="O376" s="5" t="s">
        <v>38</v>
      </c>
      <c r="P376" s="5" t="s">
        <v>39</v>
      </c>
      <c r="Q376" s="5" t="s">
        <v>40</v>
      </c>
      <c r="R376" s="5" t="s">
        <v>897</v>
      </c>
      <c r="S376" s="5" t="s">
        <v>40</v>
      </c>
      <c r="T376" s="5" t="s">
        <v>42</v>
      </c>
      <c r="U376" s="2">
        <v>56.64</v>
      </c>
      <c r="V376" s="2">
        <v>52.468000000000004</v>
      </c>
      <c r="W376" s="2">
        <v>0.23499999999999999</v>
      </c>
      <c r="X376" s="2">
        <v>17</v>
      </c>
      <c r="Y376" s="2">
        <v>104.9</v>
      </c>
      <c r="Z376" s="2">
        <v>131.6</v>
      </c>
      <c r="AA376" s="5">
        <v>7</v>
      </c>
      <c r="AB376" s="5" t="s">
        <v>43</v>
      </c>
      <c r="AC376" s="5" t="s">
        <v>735</v>
      </c>
      <c r="AD376" s="2" t="s">
        <v>62864</v>
      </c>
      <c r="AE376" s="1"/>
    </row>
    <row r="377" spans="1:31">
      <c r="A377" s="5" t="s">
        <v>116</v>
      </c>
      <c r="B377" s="21">
        <v>46082</v>
      </c>
      <c r="C377" s="2" t="s">
        <v>62909</v>
      </c>
      <c r="D377" s="14" t="s">
        <v>62910</v>
      </c>
      <c r="E377" s="2" t="s">
        <v>83554</v>
      </c>
      <c r="F377" s="2" t="s">
        <v>130</v>
      </c>
      <c r="G377" s="8">
        <v>1201</v>
      </c>
      <c r="H377" s="5">
        <v>5</v>
      </c>
      <c r="I377" s="5" t="s">
        <v>69</v>
      </c>
      <c r="J377" s="5" t="s">
        <v>61065</v>
      </c>
      <c r="K377" s="2" t="s">
        <v>61066</v>
      </c>
      <c r="L377" s="5" t="s">
        <v>61065</v>
      </c>
      <c r="M377" s="2" t="s">
        <v>61066</v>
      </c>
      <c r="N377" s="5" t="s">
        <v>733</v>
      </c>
      <c r="O377" s="5" t="s">
        <v>38</v>
      </c>
      <c r="P377" s="5" t="s">
        <v>39</v>
      </c>
      <c r="Q377" s="5" t="s">
        <v>40</v>
      </c>
      <c r="R377" s="5" t="s">
        <v>897</v>
      </c>
      <c r="S377" s="5" t="s">
        <v>40</v>
      </c>
      <c r="T377" s="5" t="s">
        <v>42</v>
      </c>
      <c r="U377" s="2">
        <v>49.795999999999999</v>
      </c>
      <c r="V377" s="2">
        <v>45.6</v>
      </c>
      <c r="W377" s="2">
        <v>0.23499999999999999</v>
      </c>
      <c r="X377" s="2">
        <v>17</v>
      </c>
      <c r="Y377" s="2">
        <v>104.9</v>
      </c>
      <c r="Z377" s="2">
        <v>131.6</v>
      </c>
      <c r="AA377" s="5">
        <v>7</v>
      </c>
      <c r="AB377" s="5" t="s">
        <v>43</v>
      </c>
      <c r="AC377" s="5" t="s">
        <v>735</v>
      </c>
      <c r="AD377" s="2" t="s">
        <v>62913</v>
      </c>
      <c r="AE377" s="1"/>
    </row>
    <row r="378" spans="1:31">
      <c r="A378" s="5" t="s">
        <v>116</v>
      </c>
      <c r="B378" s="21">
        <v>46082</v>
      </c>
      <c r="C378" s="2" t="s">
        <v>62936</v>
      </c>
      <c r="D378" s="14" t="s">
        <v>62937</v>
      </c>
      <c r="E378" s="2" t="s">
        <v>83555</v>
      </c>
      <c r="F378" s="2" t="s">
        <v>130</v>
      </c>
      <c r="G378" s="8">
        <v>1445</v>
      </c>
      <c r="H378" s="5">
        <v>5</v>
      </c>
      <c r="I378" s="5" t="s">
        <v>69</v>
      </c>
      <c r="J378" s="5" t="s">
        <v>61065</v>
      </c>
      <c r="K378" s="2" t="s">
        <v>61066</v>
      </c>
      <c r="L378" s="5" t="s">
        <v>61065</v>
      </c>
      <c r="M378" s="2" t="s">
        <v>61066</v>
      </c>
      <c r="N378" s="5" t="s">
        <v>733</v>
      </c>
      <c r="O378" s="5" t="s">
        <v>38</v>
      </c>
      <c r="P378" s="5" t="s">
        <v>39</v>
      </c>
      <c r="Q378" s="5" t="s">
        <v>40</v>
      </c>
      <c r="R378" s="5" t="s">
        <v>897</v>
      </c>
      <c r="S378" s="5" t="s">
        <v>40</v>
      </c>
      <c r="T378" s="5" t="s">
        <v>42</v>
      </c>
      <c r="U378" s="2">
        <v>56.598999999999997</v>
      </c>
      <c r="V378" s="2">
        <v>52.427</v>
      </c>
      <c r="W378" s="2">
        <v>0.23499999999999999</v>
      </c>
      <c r="X378" s="2">
        <v>17</v>
      </c>
      <c r="Y378" s="2">
        <v>104.9</v>
      </c>
      <c r="Z378" s="2">
        <v>131.6</v>
      </c>
      <c r="AA378" s="5">
        <v>7</v>
      </c>
      <c r="AB378" s="5" t="s">
        <v>43</v>
      </c>
      <c r="AC378" s="5" t="s">
        <v>735</v>
      </c>
      <c r="AD378" s="2" t="s">
        <v>62940</v>
      </c>
      <c r="AE378" s="1"/>
    </row>
    <row r="379" spans="1:31">
      <c r="A379" s="5" t="s">
        <v>116</v>
      </c>
      <c r="B379" s="21">
        <v>46082</v>
      </c>
      <c r="C379" s="2" t="s">
        <v>62959</v>
      </c>
      <c r="D379" s="14" t="s">
        <v>62960</v>
      </c>
      <c r="E379" s="2" t="s">
        <v>83556</v>
      </c>
      <c r="F379" s="2" t="s">
        <v>130</v>
      </c>
      <c r="G379" s="8">
        <v>2013</v>
      </c>
      <c r="H379" s="5">
        <v>5</v>
      </c>
      <c r="I379" s="5" t="s">
        <v>69</v>
      </c>
      <c r="J379" s="5" t="s">
        <v>61065</v>
      </c>
      <c r="K379" s="2" t="s">
        <v>61066</v>
      </c>
      <c r="L379" s="5" t="s">
        <v>61065</v>
      </c>
      <c r="M379" s="2" t="s">
        <v>61066</v>
      </c>
      <c r="N379" s="5" t="s">
        <v>733</v>
      </c>
      <c r="O379" s="5" t="s">
        <v>38</v>
      </c>
      <c r="P379" s="5" t="s">
        <v>39</v>
      </c>
      <c r="Q379" s="5" t="s">
        <v>40</v>
      </c>
      <c r="R379" s="5" t="s">
        <v>897</v>
      </c>
      <c r="S379" s="5" t="s">
        <v>40</v>
      </c>
      <c r="T379" s="5" t="s">
        <v>42</v>
      </c>
      <c r="U379" s="2">
        <v>60.033000000000001</v>
      </c>
      <c r="V379" s="2">
        <v>55.860999999999997</v>
      </c>
      <c r="W379" s="2">
        <v>0.23499999999999999</v>
      </c>
      <c r="X379" s="2">
        <v>17</v>
      </c>
      <c r="Y379" s="2">
        <v>104.9</v>
      </c>
      <c r="Z379" s="2">
        <v>131.6</v>
      </c>
      <c r="AA379" s="5">
        <v>7</v>
      </c>
      <c r="AB379" s="5" t="s">
        <v>43</v>
      </c>
      <c r="AC379" s="5" t="s">
        <v>735</v>
      </c>
      <c r="AD379" s="2" t="s">
        <v>62963</v>
      </c>
      <c r="AE379" s="1"/>
    </row>
    <row r="380" spans="1:31">
      <c r="A380" s="5" t="s">
        <v>116</v>
      </c>
      <c r="B380" s="21">
        <v>46082</v>
      </c>
      <c r="C380" s="2" t="s">
        <v>62974</v>
      </c>
      <c r="D380" s="14" t="s">
        <v>62975</v>
      </c>
      <c r="E380" s="2" t="s">
        <v>83557</v>
      </c>
      <c r="F380" s="2" t="s">
        <v>130</v>
      </c>
      <c r="G380" s="8">
        <v>1669</v>
      </c>
      <c r="H380" s="5">
        <v>5</v>
      </c>
      <c r="I380" s="5" t="s">
        <v>69</v>
      </c>
      <c r="J380" s="5" t="s">
        <v>61065</v>
      </c>
      <c r="K380" s="2" t="s">
        <v>61066</v>
      </c>
      <c r="L380" s="5" t="s">
        <v>61065</v>
      </c>
      <c r="M380" s="2" t="s">
        <v>61066</v>
      </c>
      <c r="N380" s="5" t="s">
        <v>733</v>
      </c>
      <c r="O380" s="5" t="s">
        <v>38</v>
      </c>
      <c r="P380" s="5" t="s">
        <v>39</v>
      </c>
      <c r="Q380" s="5" t="s">
        <v>40</v>
      </c>
      <c r="R380" s="5" t="s">
        <v>897</v>
      </c>
      <c r="S380" s="5" t="s">
        <v>40</v>
      </c>
      <c r="T380" s="5" t="s">
        <v>42</v>
      </c>
      <c r="U380" s="2">
        <v>53.259</v>
      </c>
      <c r="V380" s="2">
        <v>49.063000000000002</v>
      </c>
      <c r="W380" s="2">
        <v>0.23499999999999999</v>
      </c>
      <c r="X380" s="2">
        <v>17</v>
      </c>
      <c r="Y380" s="2">
        <v>104.9</v>
      </c>
      <c r="Z380" s="2">
        <v>131.6</v>
      </c>
      <c r="AA380" s="5">
        <v>7</v>
      </c>
      <c r="AB380" s="5" t="s">
        <v>43</v>
      </c>
      <c r="AC380" s="5" t="s">
        <v>735</v>
      </c>
      <c r="AD380" s="2" t="s">
        <v>62978</v>
      </c>
      <c r="AE380" s="1"/>
    </row>
    <row r="381" spans="1:31">
      <c r="A381" s="5" t="s">
        <v>116</v>
      </c>
      <c r="B381" s="21">
        <v>46082</v>
      </c>
      <c r="C381" s="2" t="s">
        <v>62988</v>
      </c>
      <c r="D381" s="14" t="s">
        <v>62989</v>
      </c>
      <c r="E381" s="2" t="s">
        <v>83558</v>
      </c>
      <c r="F381" s="2" t="s">
        <v>130</v>
      </c>
      <c r="G381" s="8">
        <v>1913</v>
      </c>
      <c r="H381" s="5">
        <v>5</v>
      </c>
      <c r="I381" s="5" t="s">
        <v>69</v>
      </c>
      <c r="J381" s="5" t="s">
        <v>61065</v>
      </c>
      <c r="K381" s="2" t="s">
        <v>61066</v>
      </c>
      <c r="L381" s="5" t="s">
        <v>61065</v>
      </c>
      <c r="M381" s="2" t="s">
        <v>61066</v>
      </c>
      <c r="N381" s="5" t="s">
        <v>733</v>
      </c>
      <c r="O381" s="5" t="s">
        <v>38</v>
      </c>
      <c r="P381" s="5" t="s">
        <v>39</v>
      </c>
      <c r="Q381" s="5" t="s">
        <v>40</v>
      </c>
      <c r="R381" s="5" t="s">
        <v>897</v>
      </c>
      <c r="S381" s="5" t="s">
        <v>40</v>
      </c>
      <c r="T381" s="5" t="s">
        <v>42</v>
      </c>
      <c r="U381" s="2">
        <v>59.991999999999997</v>
      </c>
      <c r="V381" s="2">
        <v>55.82</v>
      </c>
      <c r="W381" s="2">
        <v>0.23499999999999999</v>
      </c>
      <c r="X381" s="2">
        <v>17</v>
      </c>
      <c r="Y381" s="2">
        <v>104.9</v>
      </c>
      <c r="Z381" s="2">
        <v>131.6</v>
      </c>
      <c r="AA381" s="5">
        <v>7</v>
      </c>
      <c r="AB381" s="5" t="s">
        <v>43</v>
      </c>
      <c r="AC381" s="5" t="s">
        <v>735</v>
      </c>
      <c r="AD381" s="2" t="s">
        <v>62992</v>
      </c>
      <c r="AE381" s="1"/>
    </row>
    <row r="382" spans="1:31">
      <c r="A382" s="5" t="s">
        <v>116</v>
      </c>
      <c r="B382" s="21">
        <v>46082</v>
      </c>
      <c r="C382" s="2" t="s">
        <v>63037</v>
      </c>
      <c r="D382" s="14" t="s">
        <v>63038</v>
      </c>
      <c r="E382" s="2" t="s">
        <v>83559</v>
      </c>
      <c r="F382" s="2" t="s">
        <v>130</v>
      </c>
      <c r="G382" s="8">
        <v>1682</v>
      </c>
      <c r="H382" s="5">
        <v>5</v>
      </c>
      <c r="I382" s="5" t="s">
        <v>69</v>
      </c>
      <c r="J382" s="5" t="s">
        <v>61065</v>
      </c>
      <c r="K382" s="2" t="s">
        <v>61066</v>
      </c>
      <c r="L382" s="5" t="s">
        <v>61065</v>
      </c>
      <c r="M382" s="2" t="s">
        <v>61066</v>
      </c>
      <c r="N382" s="5" t="s">
        <v>733</v>
      </c>
      <c r="O382" s="5" t="s">
        <v>38</v>
      </c>
      <c r="P382" s="5" t="s">
        <v>39</v>
      </c>
      <c r="Q382" s="5" t="s">
        <v>40</v>
      </c>
      <c r="R382" s="5" t="s">
        <v>897</v>
      </c>
      <c r="S382" s="5" t="s">
        <v>40</v>
      </c>
      <c r="T382" s="5" t="s">
        <v>42</v>
      </c>
      <c r="U382" s="2">
        <v>63.837000000000003</v>
      </c>
      <c r="V382" s="2">
        <v>59.13</v>
      </c>
      <c r="W382" s="2">
        <v>0.27400000000000002</v>
      </c>
      <c r="X382" s="2">
        <v>17</v>
      </c>
      <c r="Y382" s="2">
        <v>104.9</v>
      </c>
      <c r="Z382" s="2">
        <v>153.6</v>
      </c>
      <c r="AA382" s="5">
        <v>7</v>
      </c>
      <c r="AB382" s="5" t="s">
        <v>43</v>
      </c>
      <c r="AC382" s="5" t="s">
        <v>735</v>
      </c>
      <c r="AD382" s="2" t="s">
        <v>63041</v>
      </c>
      <c r="AE382" s="1"/>
    </row>
    <row r="383" spans="1:31">
      <c r="A383" s="5" t="s">
        <v>116</v>
      </c>
      <c r="B383" s="21">
        <v>46082</v>
      </c>
      <c r="C383" s="2" t="s">
        <v>63078</v>
      </c>
      <c r="D383" s="14" t="s">
        <v>63079</v>
      </c>
      <c r="E383" s="2" t="s">
        <v>83560</v>
      </c>
      <c r="F383" s="2" t="s">
        <v>130</v>
      </c>
      <c r="G383" s="8">
        <v>1272</v>
      </c>
      <c r="H383" s="5">
        <v>5</v>
      </c>
      <c r="I383" s="5" t="s">
        <v>69</v>
      </c>
      <c r="J383" s="5" t="s">
        <v>61065</v>
      </c>
      <c r="K383" s="2" t="s">
        <v>61066</v>
      </c>
      <c r="L383" s="5" t="s">
        <v>61065</v>
      </c>
      <c r="M383" s="2" t="s">
        <v>61066</v>
      </c>
      <c r="N383" s="5" t="s">
        <v>733</v>
      </c>
      <c r="O383" s="5" t="s">
        <v>38</v>
      </c>
      <c r="P383" s="5" t="s">
        <v>39</v>
      </c>
      <c r="Q383" s="5" t="s">
        <v>40</v>
      </c>
      <c r="R383" s="5" t="s">
        <v>897</v>
      </c>
      <c r="S383" s="5" t="s">
        <v>40</v>
      </c>
      <c r="T383" s="5" t="s">
        <v>42</v>
      </c>
      <c r="U383" s="2">
        <v>55.53</v>
      </c>
      <c r="V383" s="2">
        <v>50.798999999999999</v>
      </c>
      <c r="W383" s="2">
        <v>0.27400000000000002</v>
      </c>
      <c r="X383" s="2">
        <v>17</v>
      </c>
      <c r="Y383" s="2">
        <v>104.9</v>
      </c>
      <c r="Z383" s="2">
        <v>153.6</v>
      </c>
      <c r="AA383" s="5">
        <v>7</v>
      </c>
      <c r="AB383" s="5" t="s">
        <v>43</v>
      </c>
      <c r="AC383" s="5" t="s">
        <v>735</v>
      </c>
      <c r="AD383" s="2" t="s">
        <v>63082</v>
      </c>
      <c r="AE383" s="1"/>
    </row>
    <row r="384" spans="1:31">
      <c r="A384" s="5" t="s">
        <v>116</v>
      </c>
      <c r="B384" s="21">
        <v>46082</v>
      </c>
      <c r="C384" s="2" t="s">
        <v>63105</v>
      </c>
      <c r="D384" s="14" t="s">
        <v>63106</v>
      </c>
      <c r="E384" s="2" t="s">
        <v>83561</v>
      </c>
      <c r="F384" s="2" t="s">
        <v>130</v>
      </c>
      <c r="G384" s="8">
        <v>1563</v>
      </c>
      <c r="H384" s="5">
        <v>5</v>
      </c>
      <c r="I384" s="5" t="s">
        <v>69</v>
      </c>
      <c r="J384" s="5" t="s">
        <v>61065</v>
      </c>
      <c r="K384" s="2" t="s">
        <v>61066</v>
      </c>
      <c r="L384" s="5" t="s">
        <v>61065</v>
      </c>
      <c r="M384" s="2" t="s">
        <v>61066</v>
      </c>
      <c r="N384" s="5" t="s">
        <v>733</v>
      </c>
      <c r="O384" s="5" t="s">
        <v>38</v>
      </c>
      <c r="P384" s="5" t="s">
        <v>39</v>
      </c>
      <c r="Q384" s="5" t="s">
        <v>40</v>
      </c>
      <c r="R384" s="5" t="s">
        <v>897</v>
      </c>
      <c r="S384" s="5" t="s">
        <v>40</v>
      </c>
      <c r="T384" s="5" t="s">
        <v>42</v>
      </c>
      <c r="U384" s="2">
        <v>63.673000000000002</v>
      </c>
      <c r="V384" s="2">
        <v>58.966000000000001</v>
      </c>
      <c r="W384" s="2">
        <v>0.27400000000000002</v>
      </c>
      <c r="X384" s="2">
        <v>17</v>
      </c>
      <c r="Y384" s="2">
        <v>104.9</v>
      </c>
      <c r="Z384" s="2">
        <v>153.6</v>
      </c>
      <c r="AA384" s="5">
        <v>7</v>
      </c>
      <c r="AB384" s="5" t="s">
        <v>43</v>
      </c>
      <c r="AC384" s="5" t="s">
        <v>735</v>
      </c>
      <c r="AD384" s="2" t="s">
        <v>63109</v>
      </c>
      <c r="AE384" s="1"/>
    </row>
    <row r="385" spans="1:31">
      <c r="A385" s="5" t="s">
        <v>116</v>
      </c>
      <c r="B385" s="21">
        <v>46082</v>
      </c>
      <c r="C385" s="2" t="s">
        <v>63128</v>
      </c>
      <c r="D385" s="14" t="s">
        <v>63129</v>
      </c>
      <c r="E385" s="2" t="s">
        <v>83562</v>
      </c>
      <c r="F385" s="2" t="s">
        <v>130</v>
      </c>
      <c r="G385" s="8">
        <v>2150</v>
      </c>
      <c r="H385" s="5">
        <v>5</v>
      </c>
      <c r="I385" s="5" t="s">
        <v>69</v>
      </c>
      <c r="J385" s="5" t="s">
        <v>61065</v>
      </c>
      <c r="K385" s="2" t="s">
        <v>61066</v>
      </c>
      <c r="L385" s="5" t="s">
        <v>61065</v>
      </c>
      <c r="M385" s="2" t="s">
        <v>61066</v>
      </c>
      <c r="N385" s="5" t="s">
        <v>733</v>
      </c>
      <c r="O385" s="5" t="s">
        <v>38</v>
      </c>
      <c r="P385" s="5" t="s">
        <v>39</v>
      </c>
      <c r="Q385" s="5" t="s">
        <v>40</v>
      </c>
      <c r="R385" s="5" t="s">
        <v>897</v>
      </c>
      <c r="S385" s="5" t="s">
        <v>40</v>
      </c>
      <c r="T385" s="5" t="s">
        <v>42</v>
      </c>
      <c r="U385" s="2">
        <v>67.432000000000002</v>
      </c>
      <c r="V385" s="2">
        <v>62.725000000000001</v>
      </c>
      <c r="W385" s="2">
        <v>0.27400000000000002</v>
      </c>
      <c r="X385" s="2">
        <v>17</v>
      </c>
      <c r="Y385" s="2">
        <v>104.9</v>
      </c>
      <c r="Z385" s="2">
        <v>153.6</v>
      </c>
      <c r="AA385" s="5">
        <v>7</v>
      </c>
      <c r="AB385" s="5" t="s">
        <v>43</v>
      </c>
      <c r="AC385" s="5" t="s">
        <v>735</v>
      </c>
      <c r="AD385" s="2" t="s">
        <v>63132</v>
      </c>
      <c r="AE385" s="1"/>
    </row>
    <row r="386" spans="1:31">
      <c r="A386" s="5" t="s">
        <v>116</v>
      </c>
      <c r="B386" s="21">
        <v>46082</v>
      </c>
      <c r="C386" s="2" t="s">
        <v>63138</v>
      </c>
      <c r="D386" s="14" t="s">
        <v>63139</v>
      </c>
      <c r="E386" s="2" t="s">
        <v>83563</v>
      </c>
      <c r="F386" s="2" t="s">
        <v>130</v>
      </c>
      <c r="G386" s="8">
        <v>1740</v>
      </c>
      <c r="H386" s="5">
        <v>5</v>
      </c>
      <c r="I386" s="5" t="s">
        <v>69</v>
      </c>
      <c r="J386" s="5" t="s">
        <v>61065</v>
      </c>
      <c r="K386" s="2" t="s">
        <v>61066</v>
      </c>
      <c r="L386" s="5" t="s">
        <v>61065</v>
      </c>
      <c r="M386" s="2" t="s">
        <v>61066</v>
      </c>
      <c r="N386" s="5" t="s">
        <v>733</v>
      </c>
      <c r="O386" s="5" t="s">
        <v>38</v>
      </c>
      <c r="P386" s="5" t="s">
        <v>39</v>
      </c>
      <c r="Q386" s="5" t="s">
        <v>40</v>
      </c>
      <c r="R386" s="5" t="s">
        <v>897</v>
      </c>
      <c r="S386" s="5" t="s">
        <v>40</v>
      </c>
      <c r="T386" s="5" t="s">
        <v>42</v>
      </c>
      <c r="U386" s="2">
        <v>59.329000000000001</v>
      </c>
      <c r="V386" s="2">
        <v>54.597999999999999</v>
      </c>
      <c r="W386" s="2">
        <v>0.27400000000000002</v>
      </c>
      <c r="X386" s="2">
        <v>17</v>
      </c>
      <c r="Y386" s="2">
        <v>104.9</v>
      </c>
      <c r="Z386" s="2">
        <v>153.6</v>
      </c>
      <c r="AA386" s="5">
        <v>7</v>
      </c>
      <c r="AB386" s="5" t="s">
        <v>43</v>
      </c>
      <c r="AC386" s="5" t="s">
        <v>735</v>
      </c>
      <c r="AD386" s="2" t="s">
        <v>63142</v>
      </c>
      <c r="AE386" s="1"/>
    </row>
    <row r="387" spans="1:31">
      <c r="A387" s="5" t="s">
        <v>116</v>
      </c>
      <c r="B387" s="21">
        <v>46082</v>
      </c>
      <c r="C387" s="2" t="s">
        <v>63152</v>
      </c>
      <c r="D387" s="14" t="s">
        <v>63153</v>
      </c>
      <c r="E387" s="2" t="s">
        <v>83564</v>
      </c>
      <c r="F387" s="2" t="s">
        <v>130</v>
      </c>
      <c r="G387" s="8">
        <v>2031</v>
      </c>
      <c r="H387" s="5">
        <v>5</v>
      </c>
      <c r="I387" s="5" t="s">
        <v>69</v>
      </c>
      <c r="J387" s="5" t="s">
        <v>61065</v>
      </c>
      <c r="K387" s="2" t="s">
        <v>61066</v>
      </c>
      <c r="L387" s="5" t="s">
        <v>61065</v>
      </c>
      <c r="M387" s="2" t="s">
        <v>61066</v>
      </c>
      <c r="N387" s="5" t="s">
        <v>733</v>
      </c>
      <c r="O387" s="5" t="s">
        <v>38</v>
      </c>
      <c r="P387" s="5" t="s">
        <v>39</v>
      </c>
      <c r="Q387" s="5" t="s">
        <v>40</v>
      </c>
      <c r="R387" s="5" t="s">
        <v>897</v>
      </c>
      <c r="S387" s="5" t="s">
        <v>40</v>
      </c>
      <c r="T387" s="5" t="s">
        <v>42</v>
      </c>
      <c r="U387" s="2">
        <v>67.382999999999996</v>
      </c>
      <c r="V387" s="2">
        <v>62.676000000000002</v>
      </c>
      <c r="W387" s="2">
        <v>0.27400000000000002</v>
      </c>
      <c r="X387" s="2">
        <v>17</v>
      </c>
      <c r="Y387" s="2">
        <v>104.9</v>
      </c>
      <c r="Z387" s="2">
        <v>153.6</v>
      </c>
      <c r="AA387" s="5">
        <v>7</v>
      </c>
      <c r="AB387" s="5" t="s">
        <v>43</v>
      </c>
      <c r="AC387" s="5" t="s">
        <v>735</v>
      </c>
      <c r="AD387" s="2" t="s">
        <v>63156</v>
      </c>
      <c r="AE387" s="1"/>
    </row>
    <row r="388" spans="1:31">
      <c r="A388" s="5" t="s">
        <v>116</v>
      </c>
      <c r="B388" s="21">
        <v>46082</v>
      </c>
      <c r="C388" s="2" t="s">
        <v>63372</v>
      </c>
      <c r="D388" s="14" t="s">
        <v>63373</v>
      </c>
      <c r="E388" s="2" t="s">
        <v>83565</v>
      </c>
      <c r="F388" s="2" t="s">
        <v>130</v>
      </c>
      <c r="G388" s="8">
        <v>1709</v>
      </c>
      <c r="H388" s="5">
        <v>5</v>
      </c>
      <c r="I388" s="5" t="s">
        <v>69</v>
      </c>
      <c r="J388" s="5" t="s">
        <v>61065</v>
      </c>
      <c r="K388" s="2" t="s">
        <v>61066</v>
      </c>
      <c r="L388" s="5" t="s">
        <v>61065</v>
      </c>
      <c r="M388" s="2" t="s">
        <v>61066</v>
      </c>
      <c r="N388" s="5" t="s">
        <v>733</v>
      </c>
      <c r="O388" s="5" t="s">
        <v>38</v>
      </c>
      <c r="P388" s="5" t="s">
        <v>39</v>
      </c>
      <c r="Q388" s="5" t="s">
        <v>40</v>
      </c>
      <c r="R388" s="5" t="s">
        <v>897</v>
      </c>
      <c r="S388" s="5" t="s">
        <v>40</v>
      </c>
      <c r="T388" s="5" t="s">
        <v>42</v>
      </c>
      <c r="U388" s="2">
        <v>65.936000000000007</v>
      </c>
      <c r="V388" s="2">
        <v>61.198</v>
      </c>
      <c r="W388" s="2">
        <v>0.27900000000000003</v>
      </c>
      <c r="X388" s="2">
        <v>17</v>
      </c>
      <c r="Y388" s="2">
        <v>124.7</v>
      </c>
      <c r="Z388" s="2">
        <v>131.6</v>
      </c>
      <c r="AA388" s="5">
        <v>7</v>
      </c>
      <c r="AB388" s="5" t="s">
        <v>43</v>
      </c>
      <c r="AC388" s="5" t="s">
        <v>735</v>
      </c>
      <c r="AD388" s="2" t="s">
        <v>63376</v>
      </c>
      <c r="AE388" s="1"/>
    </row>
    <row r="389" spans="1:31">
      <c r="A389" s="5" t="s">
        <v>116</v>
      </c>
      <c r="B389" s="21">
        <v>46082</v>
      </c>
      <c r="C389" s="2" t="s">
        <v>63421</v>
      </c>
      <c r="D389" s="14" t="s">
        <v>63422</v>
      </c>
      <c r="E389" s="2" t="s">
        <v>83566</v>
      </c>
      <c r="F389" s="2" t="s">
        <v>130</v>
      </c>
      <c r="G389" s="8">
        <v>1294</v>
      </c>
      <c r="H389" s="5">
        <v>5</v>
      </c>
      <c r="I389" s="5" t="s">
        <v>69</v>
      </c>
      <c r="J389" s="5" t="s">
        <v>61065</v>
      </c>
      <c r="K389" s="2" t="s">
        <v>61066</v>
      </c>
      <c r="L389" s="5" t="s">
        <v>61065</v>
      </c>
      <c r="M389" s="2" t="s">
        <v>61066</v>
      </c>
      <c r="N389" s="5" t="s">
        <v>733</v>
      </c>
      <c r="O389" s="5" t="s">
        <v>38</v>
      </c>
      <c r="P389" s="5" t="s">
        <v>39</v>
      </c>
      <c r="Q389" s="5" t="s">
        <v>40</v>
      </c>
      <c r="R389" s="5" t="s">
        <v>897</v>
      </c>
      <c r="S389" s="5" t="s">
        <v>40</v>
      </c>
      <c r="T389" s="5" t="s">
        <v>42</v>
      </c>
      <c r="U389" s="2">
        <v>57.408999999999999</v>
      </c>
      <c r="V389" s="2">
        <v>52.639000000000003</v>
      </c>
      <c r="W389" s="2">
        <v>0.27900000000000003</v>
      </c>
      <c r="X389" s="2">
        <v>17</v>
      </c>
      <c r="Y389" s="2">
        <v>124.7</v>
      </c>
      <c r="Z389" s="2">
        <v>131.6</v>
      </c>
      <c r="AA389" s="5">
        <v>7</v>
      </c>
      <c r="AB389" s="5" t="s">
        <v>43</v>
      </c>
      <c r="AC389" s="5" t="s">
        <v>735</v>
      </c>
      <c r="AD389" s="2" t="s">
        <v>63425</v>
      </c>
      <c r="AE389" s="1"/>
    </row>
    <row r="390" spans="1:31">
      <c r="A390" s="5" t="s">
        <v>116</v>
      </c>
      <c r="B390" s="21">
        <v>46082</v>
      </c>
      <c r="C390" s="2" t="s">
        <v>63448</v>
      </c>
      <c r="D390" s="14" t="s">
        <v>63449</v>
      </c>
      <c r="E390" s="2" t="s">
        <v>83567</v>
      </c>
      <c r="F390" s="2" t="s">
        <v>130</v>
      </c>
      <c r="G390" s="8">
        <v>1589</v>
      </c>
      <c r="H390" s="5">
        <v>5</v>
      </c>
      <c r="I390" s="5" t="s">
        <v>69</v>
      </c>
      <c r="J390" s="5" t="s">
        <v>61065</v>
      </c>
      <c r="K390" s="2" t="s">
        <v>61066</v>
      </c>
      <c r="L390" s="5" t="s">
        <v>61065</v>
      </c>
      <c r="M390" s="2" t="s">
        <v>61066</v>
      </c>
      <c r="N390" s="5" t="s">
        <v>733</v>
      </c>
      <c r="O390" s="5" t="s">
        <v>38</v>
      </c>
      <c r="P390" s="5" t="s">
        <v>39</v>
      </c>
      <c r="Q390" s="5" t="s">
        <v>40</v>
      </c>
      <c r="R390" s="5" t="s">
        <v>897</v>
      </c>
      <c r="S390" s="5" t="s">
        <v>40</v>
      </c>
      <c r="T390" s="5" t="s">
        <v>42</v>
      </c>
      <c r="U390" s="2">
        <v>65.769000000000005</v>
      </c>
      <c r="V390" s="2">
        <v>61.030999999999999</v>
      </c>
      <c r="W390" s="2">
        <v>0.27900000000000003</v>
      </c>
      <c r="X390" s="2">
        <v>17</v>
      </c>
      <c r="Y390" s="2">
        <v>124.7</v>
      </c>
      <c r="Z390" s="2">
        <v>131.6</v>
      </c>
      <c r="AA390" s="5">
        <v>7</v>
      </c>
      <c r="AB390" s="5" t="s">
        <v>43</v>
      </c>
      <c r="AC390" s="5" t="s">
        <v>735</v>
      </c>
      <c r="AD390" s="2" t="s">
        <v>63452</v>
      </c>
      <c r="AE390" s="1"/>
    </row>
    <row r="391" spans="1:31">
      <c r="A391" s="5" t="s">
        <v>116</v>
      </c>
      <c r="B391" s="21">
        <v>46082</v>
      </c>
      <c r="C391" s="2" t="s">
        <v>63476</v>
      </c>
      <c r="D391" s="14" t="s">
        <v>63477</v>
      </c>
      <c r="E391" s="2" t="s">
        <v>83568</v>
      </c>
      <c r="F391" s="2" t="s">
        <v>130</v>
      </c>
      <c r="G391" s="8">
        <v>2177</v>
      </c>
      <c r="H391" s="5">
        <v>5</v>
      </c>
      <c r="I391" s="5" t="s">
        <v>69</v>
      </c>
      <c r="J391" s="5" t="s">
        <v>61065</v>
      </c>
      <c r="K391" s="2" t="s">
        <v>61066</v>
      </c>
      <c r="L391" s="5" t="s">
        <v>61065</v>
      </c>
      <c r="M391" s="2" t="s">
        <v>61066</v>
      </c>
      <c r="N391" s="5" t="s">
        <v>733</v>
      </c>
      <c r="O391" s="5" t="s">
        <v>38</v>
      </c>
      <c r="P391" s="5" t="s">
        <v>39</v>
      </c>
      <c r="Q391" s="5" t="s">
        <v>40</v>
      </c>
      <c r="R391" s="5" t="s">
        <v>897</v>
      </c>
      <c r="S391" s="5" t="s">
        <v>40</v>
      </c>
      <c r="T391" s="5" t="s">
        <v>42</v>
      </c>
      <c r="U391" s="2">
        <v>69.531000000000006</v>
      </c>
      <c r="V391" s="2">
        <v>64.793000000000006</v>
      </c>
      <c r="W391" s="2">
        <v>0.27900000000000003</v>
      </c>
      <c r="X391" s="2">
        <v>17</v>
      </c>
      <c r="Y391" s="2">
        <v>124.7</v>
      </c>
      <c r="Z391" s="2">
        <v>131.6</v>
      </c>
      <c r="AA391" s="5">
        <v>7</v>
      </c>
      <c r="AB391" s="5" t="s">
        <v>43</v>
      </c>
      <c r="AC391" s="5" t="s">
        <v>735</v>
      </c>
      <c r="AD391" s="2" t="s">
        <v>63480</v>
      </c>
      <c r="AE391" s="1"/>
    </row>
    <row r="392" spans="1:31">
      <c r="A392" s="5" t="s">
        <v>116</v>
      </c>
      <c r="B392" s="21">
        <v>46082</v>
      </c>
      <c r="C392" s="2" t="s">
        <v>63495</v>
      </c>
      <c r="D392" s="14" t="s">
        <v>63496</v>
      </c>
      <c r="E392" s="2" t="s">
        <v>83569</v>
      </c>
      <c r="F392" s="2" t="s">
        <v>130</v>
      </c>
      <c r="G392" s="8">
        <v>1762</v>
      </c>
      <c r="H392" s="5">
        <v>5</v>
      </c>
      <c r="I392" s="5" t="s">
        <v>69</v>
      </c>
      <c r="J392" s="5" t="s">
        <v>61065</v>
      </c>
      <c r="K392" s="2" t="s">
        <v>61066</v>
      </c>
      <c r="L392" s="5" t="s">
        <v>61065</v>
      </c>
      <c r="M392" s="2" t="s">
        <v>61066</v>
      </c>
      <c r="N392" s="5" t="s">
        <v>733</v>
      </c>
      <c r="O392" s="5" t="s">
        <v>38</v>
      </c>
      <c r="P392" s="5" t="s">
        <v>39</v>
      </c>
      <c r="Q392" s="5" t="s">
        <v>40</v>
      </c>
      <c r="R392" s="5" t="s">
        <v>897</v>
      </c>
      <c r="S392" s="5" t="s">
        <v>40</v>
      </c>
      <c r="T392" s="5" t="s">
        <v>42</v>
      </c>
      <c r="U392" s="2">
        <v>61.186</v>
      </c>
      <c r="V392" s="2">
        <v>56.415999999999997</v>
      </c>
      <c r="W392" s="2">
        <v>0.27900000000000003</v>
      </c>
      <c r="X392" s="2">
        <v>17</v>
      </c>
      <c r="Y392" s="2">
        <v>124.7</v>
      </c>
      <c r="Z392" s="2">
        <v>131.6</v>
      </c>
      <c r="AA392" s="5">
        <v>7</v>
      </c>
      <c r="AB392" s="5" t="s">
        <v>43</v>
      </c>
      <c r="AC392" s="5" t="s">
        <v>735</v>
      </c>
      <c r="AD392" s="2" t="s">
        <v>63499</v>
      </c>
      <c r="AE392" s="1"/>
    </row>
    <row r="393" spans="1:31">
      <c r="A393" s="5" t="s">
        <v>116</v>
      </c>
      <c r="B393" s="21">
        <v>46082</v>
      </c>
      <c r="C393" s="2" t="s">
        <v>63513</v>
      </c>
      <c r="D393" s="14" t="s">
        <v>63514</v>
      </c>
      <c r="E393" s="2" t="s">
        <v>83570</v>
      </c>
      <c r="F393" s="2" t="s">
        <v>130</v>
      </c>
      <c r="G393" s="8">
        <v>2057</v>
      </c>
      <c r="H393" s="5">
        <v>5</v>
      </c>
      <c r="I393" s="5" t="s">
        <v>69</v>
      </c>
      <c r="J393" s="5" t="s">
        <v>61065</v>
      </c>
      <c r="K393" s="2" t="s">
        <v>61066</v>
      </c>
      <c r="L393" s="5" t="s">
        <v>61065</v>
      </c>
      <c r="M393" s="2" t="s">
        <v>61066</v>
      </c>
      <c r="N393" s="5" t="s">
        <v>733</v>
      </c>
      <c r="O393" s="5" t="s">
        <v>38</v>
      </c>
      <c r="P393" s="5" t="s">
        <v>39</v>
      </c>
      <c r="Q393" s="5" t="s">
        <v>40</v>
      </c>
      <c r="R393" s="5" t="s">
        <v>897</v>
      </c>
      <c r="S393" s="5" t="s">
        <v>40</v>
      </c>
      <c r="T393" s="5" t="s">
        <v>42</v>
      </c>
      <c r="U393" s="2">
        <v>69.48</v>
      </c>
      <c r="V393" s="2">
        <v>64.742000000000004</v>
      </c>
      <c r="W393" s="2">
        <v>0.27900000000000003</v>
      </c>
      <c r="X393" s="2">
        <v>17</v>
      </c>
      <c r="Y393" s="2">
        <v>124.7</v>
      </c>
      <c r="Z393" s="2">
        <v>131.6</v>
      </c>
      <c r="AA393" s="5">
        <v>7</v>
      </c>
      <c r="AB393" s="5" t="s">
        <v>43</v>
      </c>
      <c r="AC393" s="5" t="s">
        <v>735</v>
      </c>
      <c r="AD393" s="2" t="s">
        <v>63517</v>
      </c>
      <c r="AE393" s="1"/>
    </row>
    <row r="394" spans="1:31">
      <c r="A394" s="5" t="s">
        <v>116</v>
      </c>
      <c r="B394" s="21">
        <v>46082</v>
      </c>
      <c r="C394" s="2" t="s">
        <v>63591</v>
      </c>
      <c r="D394" s="14" t="s">
        <v>63592</v>
      </c>
      <c r="E394" s="2" t="s">
        <v>83571</v>
      </c>
      <c r="F394" s="2" t="s">
        <v>130</v>
      </c>
      <c r="G394" s="8">
        <v>1858</v>
      </c>
      <c r="H394" s="5">
        <v>5</v>
      </c>
      <c r="I394" s="5" t="s">
        <v>69</v>
      </c>
      <c r="J394" s="5" t="s">
        <v>61065</v>
      </c>
      <c r="K394" s="2" t="s">
        <v>61066</v>
      </c>
      <c r="L394" s="5" t="s">
        <v>61065</v>
      </c>
      <c r="M394" s="2" t="s">
        <v>61066</v>
      </c>
      <c r="N394" s="5" t="s">
        <v>733</v>
      </c>
      <c r="O394" s="5" t="s">
        <v>38</v>
      </c>
      <c r="P394" s="5" t="s">
        <v>39</v>
      </c>
      <c r="Q394" s="5" t="s">
        <v>40</v>
      </c>
      <c r="R394" s="5" t="s">
        <v>897</v>
      </c>
      <c r="S394" s="5" t="s">
        <v>40</v>
      </c>
      <c r="T394" s="5" t="s">
        <v>42</v>
      </c>
      <c r="U394" s="2">
        <v>76.052999999999997</v>
      </c>
      <c r="V394" s="2">
        <v>70.716999999999999</v>
      </c>
      <c r="W394" s="2">
        <v>0.32600000000000001</v>
      </c>
      <c r="X394" s="2">
        <v>17</v>
      </c>
      <c r="Y394" s="2">
        <v>124.7</v>
      </c>
      <c r="Z394" s="2">
        <v>153.6</v>
      </c>
      <c r="AA394" s="5">
        <v>7</v>
      </c>
      <c r="AB394" s="5" t="s">
        <v>43</v>
      </c>
      <c r="AC394" s="5" t="s">
        <v>735</v>
      </c>
      <c r="AD394" s="2" t="s">
        <v>63595</v>
      </c>
      <c r="AE394" s="1"/>
    </row>
    <row r="395" spans="1:31">
      <c r="A395" s="5" t="s">
        <v>116</v>
      </c>
      <c r="B395" s="21">
        <v>46082</v>
      </c>
      <c r="C395" s="2" t="s">
        <v>63636</v>
      </c>
      <c r="D395" s="14" t="s">
        <v>63637</v>
      </c>
      <c r="E395" s="2" t="s">
        <v>83572</v>
      </c>
      <c r="F395" s="2" t="s">
        <v>130</v>
      </c>
      <c r="G395" s="8">
        <v>1365</v>
      </c>
      <c r="H395" s="5">
        <v>5</v>
      </c>
      <c r="I395" s="5" t="s">
        <v>69</v>
      </c>
      <c r="J395" s="5" t="s">
        <v>61065</v>
      </c>
      <c r="K395" s="2" t="s">
        <v>61066</v>
      </c>
      <c r="L395" s="5" t="s">
        <v>61065</v>
      </c>
      <c r="M395" s="2" t="s">
        <v>61066</v>
      </c>
      <c r="N395" s="5" t="s">
        <v>733</v>
      </c>
      <c r="O395" s="5" t="s">
        <v>38</v>
      </c>
      <c r="P395" s="5" t="s">
        <v>39</v>
      </c>
      <c r="Q395" s="5" t="s">
        <v>40</v>
      </c>
      <c r="R395" s="5" t="s">
        <v>897</v>
      </c>
      <c r="S395" s="5" t="s">
        <v>40</v>
      </c>
      <c r="T395" s="5" t="s">
        <v>42</v>
      </c>
      <c r="U395" s="2">
        <v>65.847999999999999</v>
      </c>
      <c r="V395" s="2">
        <v>60.48</v>
      </c>
      <c r="W395" s="2">
        <v>0.32600000000000001</v>
      </c>
      <c r="X395" s="2">
        <v>17</v>
      </c>
      <c r="Y395" s="2">
        <v>124.7</v>
      </c>
      <c r="Z395" s="2">
        <v>153.6</v>
      </c>
      <c r="AA395" s="5">
        <v>7</v>
      </c>
      <c r="AB395" s="5" t="s">
        <v>43</v>
      </c>
      <c r="AC395" s="5" t="s">
        <v>735</v>
      </c>
      <c r="AD395" s="2" t="s">
        <v>63640</v>
      </c>
      <c r="AE395" s="1"/>
    </row>
    <row r="396" spans="1:31">
      <c r="A396" s="5" t="s">
        <v>116</v>
      </c>
      <c r="B396" s="21">
        <v>46082</v>
      </c>
      <c r="C396" s="2" t="s">
        <v>63663</v>
      </c>
      <c r="D396" s="14" t="s">
        <v>63664</v>
      </c>
      <c r="E396" s="2" t="s">
        <v>83573</v>
      </c>
      <c r="F396" s="2" t="s">
        <v>130</v>
      </c>
      <c r="G396" s="8">
        <v>1715</v>
      </c>
      <c r="H396" s="5">
        <v>5</v>
      </c>
      <c r="I396" s="5" t="s">
        <v>69</v>
      </c>
      <c r="J396" s="5" t="s">
        <v>61065</v>
      </c>
      <c r="K396" s="2" t="s">
        <v>61066</v>
      </c>
      <c r="L396" s="5" t="s">
        <v>61065</v>
      </c>
      <c r="M396" s="2" t="s">
        <v>61066</v>
      </c>
      <c r="N396" s="5" t="s">
        <v>733</v>
      </c>
      <c r="O396" s="5" t="s">
        <v>38</v>
      </c>
      <c r="P396" s="5" t="s">
        <v>39</v>
      </c>
      <c r="Q396" s="5" t="s">
        <v>40</v>
      </c>
      <c r="R396" s="5" t="s">
        <v>897</v>
      </c>
      <c r="S396" s="5" t="s">
        <v>40</v>
      </c>
      <c r="T396" s="5" t="s">
        <v>42</v>
      </c>
      <c r="U396" s="2">
        <v>75.872</v>
      </c>
      <c r="V396" s="2">
        <v>70.536000000000001</v>
      </c>
      <c r="W396" s="2">
        <v>0.32600000000000001</v>
      </c>
      <c r="X396" s="2">
        <v>17</v>
      </c>
      <c r="Y396" s="2">
        <v>124.7</v>
      </c>
      <c r="Z396" s="2">
        <v>153.6</v>
      </c>
      <c r="AA396" s="5">
        <v>7</v>
      </c>
      <c r="AB396" s="5" t="s">
        <v>43</v>
      </c>
      <c r="AC396" s="5" t="s">
        <v>735</v>
      </c>
      <c r="AD396" s="2" t="s">
        <v>63667</v>
      </c>
      <c r="AE396" s="1"/>
    </row>
    <row r="397" spans="1:31">
      <c r="A397" s="5" t="s">
        <v>116</v>
      </c>
      <c r="B397" s="21">
        <v>46082</v>
      </c>
      <c r="C397" s="2" t="s">
        <v>63681</v>
      </c>
      <c r="D397" s="14" t="s">
        <v>63682</v>
      </c>
      <c r="E397" s="2" t="s">
        <v>83574</v>
      </c>
      <c r="F397" s="2" t="s">
        <v>130</v>
      </c>
      <c r="G397" s="8">
        <v>2326</v>
      </c>
      <c r="H397" s="5">
        <v>5</v>
      </c>
      <c r="I397" s="5" t="s">
        <v>69</v>
      </c>
      <c r="J397" s="5" t="s">
        <v>61065</v>
      </c>
      <c r="K397" s="2" t="s">
        <v>61066</v>
      </c>
      <c r="L397" s="5" t="s">
        <v>61065</v>
      </c>
      <c r="M397" s="2" t="s">
        <v>61066</v>
      </c>
      <c r="N397" s="5" t="s">
        <v>733</v>
      </c>
      <c r="O397" s="5" t="s">
        <v>38</v>
      </c>
      <c r="P397" s="5" t="s">
        <v>39</v>
      </c>
      <c r="Q397" s="5" t="s">
        <v>40</v>
      </c>
      <c r="R397" s="5" t="s">
        <v>897</v>
      </c>
      <c r="S397" s="5" t="s">
        <v>40</v>
      </c>
      <c r="T397" s="5" t="s">
        <v>42</v>
      </c>
      <c r="U397" s="2">
        <v>79.959999999999994</v>
      </c>
      <c r="V397" s="2">
        <v>74.623999999999995</v>
      </c>
      <c r="W397" s="2">
        <v>0.32600000000000001</v>
      </c>
      <c r="X397" s="2">
        <v>17</v>
      </c>
      <c r="Y397" s="2">
        <v>124.7</v>
      </c>
      <c r="Z397" s="2">
        <v>153.6</v>
      </c>
      <c r="AA397" s="5">
        <v>7</v>
      </c>
      <c r="AB397" s="5" t="s">
        <v>43</v>
      </c>
      <c r="AC397" s="5" t="s">
        <v>735</v>
      </c>
      <c r="AD397" s="2" t="s">
        <v>63685</v>
      </c>
      <c r="AE397" s="1"/>
    </row>
    <row r="398" spans="1:31">
      <c r="A398" s="5" t="s">
        <v>116</v>
      </c>
      <c r="B398" s="21">
        <v>46082</v>
      </c>
      <c r="C398" s="2" t="s">
        <v>63696</v>
      </c>
      <c r="D398" s="14" t="s">
        <v>63697</v>
      </c>
      <c r="E398" s="2" t="s">
        <v>83575</v>
      </c>
      <c r="F398" s="2" t="s">
        <v>130</v>
      </c>
      <c r="G398" s="8">
        <v>1833</v>
      </c>
      <c r="H398" s="5">
        <v>5</v>
      </c>
      <c r="I398" s="5" t="s">
        <v>69</v>
      </c>
      <c r="J398" s="5" t="s">
        <v>61065</v>
      </c>
      <c r="K398" s="2" t="s">
        <v>61066</v>
      </c>
      <c r="L398" s="5" t="s">
        <v>61065</v>
      </c>
      <c r="M398" s="2" t="s">
        <v>61066</v>
      </c>
      <c r="N398" s="5" t="s">
        <v>733</v>
      </c>
      <c r="O398" s="5" t="s">
        <v>38</v>
      </c>
      <c r="P398" s="5" t="s">
        <v>39</v>
      </c>
      <c r="Q398" s="5" t="s">
        <v>40</v>
      </c>
      <c r="R398" s="5" t="s">
        <v>897</v>
      </c>
      <c r="S398" s="5" t="s">
        <v>40</v>
      </c>
      <c r="T398" s="5" t="s">
        <v>42</v>
      </c>
      <c r="U398" s="2">
        <v>69.962000000000003</v>
      </c>
      <c r="V398" s="2">
        <v>64.593999999999994</v>
      </c>
      <c r="W398" s="2">
        <v>0.32600000000000001</v>
      </c>
      <c r="X398" s="2">
        <v>17</v>
      </c>
      <c r="Y398" s="2">
        <v>124.7</v>
      </c>
      <c r="Z398" s="2">
        <v>153.6</v>
      </c>
      <c r="AA398" s="5">
        <v>7</v>
      </c>
      <c r="AB398" s="5" t="s">
        <v>43</v>
      </c>
      <c r="AC398" s="5" t="s">
        <v>735</v>
      </c>
      <c r="AD398" s="2" t="s">
        <v>63700</v>
      </c>
      <c r="AE398" s="1"/>
    </row>
    <row r="399" spans="1:31">
      <c r="A399" s="5" t="s">
        <v>116</v>
      </c>
      <c r="B399" s="21">
        <v>46082</v>
      </c>
      <c r="C399" s="2" t="s">
        <v>63710</v>
      </c>
      <c r="D399" s="14" t="s">
        <v>63711</v>
      </c>
      <c r="E399" s="2" t="s">
        <v>83576</v>
      </c>
      <c r="F399" s="2" t="s">
        <v>130</v>
      </c>
      <c r="G399" s="8">
        <v>2183</v>
      </c>
      <c r="H399" s="5">
        <v>5</v>
      </c>
      <c r="I399" s="5" t="s">
        <v>69</v>
      </c>
      <c r="J399" s="5" t="s">
        <v>61065</v>
      </c>
      <c r="K399" s="2" t="s">
        <v>61066</v>
      </c>
      <c r="L399" s="5" t="s">
        <v>61065</v>
      </c>
      <c r="M399" s="2" t="s">
        <v>61066</v>
      </c>
      <c r="N399" s="5" t="s">
        <v>733</v>
      </c>
      <c r="O399" s="5" t="s">
        <v>38</v>
      </c>
      <c r="P399" s="5" t="s">
        <v>39</v>
      </c>
      <c r="Q399" s="5" t="s">
        <v>40</v>
      </c>
      <c r="R399" s="5" t="s">
        <v>897</v>
      </c>
      <c r="S399" s="5" t="s">
        <v>40</v>
      </c>
      <c r="T399" s="5" t="s">
        <v>42</v>
      </c>
      <c r="U399" s="2">
        <v>79.897999999999996</v>
      </c>
      <c r="V399" s="2">
        <v>74.561999999999998</v>
      </c>
      <c r="W399" s="2">
        <v>0.32600000000000001</v>
      </c>
      <c r="X399" s="2">
        <v>17</v>
      </c>
      <c r="Y399" s="2">
        <v>124.7</v>
      </c>
      <c r="Z399" s="2">
        <v>153.6</v>
      </c>
      <c r="AA399" s="5">
        <v>7</v>
      </c>
      <c r="AB399" s="5" t="s">
        <v>43</v>
      </c>
      <c r="AC399" s="5" t="s">
        <v>735</v>
      </c>
      <c r="AD399" s="2" t="s">
        <v>63714</v>
      </c>
      <c r="AE399" s="1"/>
    </row>
    <row r="400" spans="1:31">
      <c r="A400" s="5" t="s">
        <v>116</v>
      </c>
      <c r="B400" s="21">
        <v>46266</v>
      </c>
      <c r="C400" s="2" t="s">
        <v>67005</v>
      </c>
      <c r="D400" s="14" t="s">
        <v>67006</v>
      </c>
      <c r="E400" s="2" t="s">
        <v>67007</v>
      </c>
      <c r="F400" s="2"/>
      <c r="G400" s="8">
        <v>372</v>
      </c>
      <c r="H400" s="5">
        <v>5</v>
      </c>
      <c r="I400" s="5" t="s">
        <v>69</v>
      </c>
      <c r="J400" s="5" t="s">
        <v>731</v>
      </c>
      <c r="K400" s="2" t="s">
        <v>732</v>
      </c>
      <c r="L400" s="5" t="s">
        <v>731</v>
      </c>
      <c r="M400" s="2" t="s">
        <v>732</v>
      </c>
      <c r="N400" s="5" t="s">
        <v>733</v>
      </c>
      <c r="O400" s="5" t="s">
        <v>38</v>
      </c>
      <c r="P400" s="5" t="s">
        <v>39</v>
      </c>
      <c r="Q400" s="5" t="s">
        <v>40</v>
      </c>
      <c r="R400" s="5" t="s">
        <v>66778</v>
      </c>
      <c r="S400" s="5" t="s">
        <v>40</v>
      </c>
      <c r="T400" s="5" t="s">
        <v>42</v>
      </c>
      <c r="U400" s="2">
        <v>15.486000000000001</v>
      </c>
      <c r="V400" s="2">
        <v>11.065</v>
      </c>
      <c r="W400" s="2">
        <v>0.128</v>
      </c>
      <c r="X400" s="2">
        <v>87</v>
      </c>
      <c r="Y400" s="2">
        <v>86.3</v>
      </c>
      <c r="Z400" s="2">
        <v>17</v>
      </c>
      <c r="AA400" s="5">
        <v>7</v>
      </c>
      <c r="AB400" s="5" t="s">
        <v>43</v>
      </c>
      <c r="AC400" s="5" t="s">
        <v>44</v>
      </c>
      <c r="AD400" s="2" t="s">
        <v>67008</v>
      </c>
      <c r="AE400" s="1"/>
    </row>
    <row r="401" spans="1:31">
      <c r="A401" s="5" t="s">
        <v>116</v>
      </c>
      <c r="B401" s="21">
        <v>46266</v>
      </c>
      <c r="C401" s="2" t="s">
        <v>67009</v>
      </c>
      <c r="D401" s="14" t="s">
        <v>67010</v>
      </c>
      <c r="E401" s="2" t="s">
        <v>67011</v>
      </c>
      <c r="F401" s="2" t="s">
        <v>130</v>
      </c>
      <c r="G401" s="8">
        <v>409</v>
      </c>
      <c r="H401" s="5">
        <v>5</v>
      </c>
      <c r="I401" s="5" t="s">
        <v>69</v>
      </c>
      <c r="J401" s="5" t="s">
        <v>731</v>
      </c>
      <c r="K401" s="2" t="s">
        <v>732</v>
      </c>
      <c r="L401" s="5" t="s">
        <v>731</v>
      </c>
      <c r="M401" s="2" t="s">
        <v>732</v>
      </c>
      <c r="N401" s="5" t="s">
        <v>733</v>
      </c>
      <c r="O401" s="5" t="s">
        <v>38</v>
      </c>
      <c r="P401" s="5" t="s">
        <v>39</v>
      </c>
      <c r="Q401" s="5" t="s">
        <v>40</v>
      </c>
      <c r="R401" s="5" t="s">
        <v>66778</v>
      </c>
      <c r="S401" s="5" t="s">
        <v>40</v>
      </c>
      <c r="T401" s="5" t="s">
        <v>42</v>
      </c>
      <c r="U401" s="2">
        <v>20.596</v>
      </c>
      <c r="V401" s="2">
        <v>14.367000000000001</v>
      </c>
      <c r="W401" s="2">
        <v>0.17199999999999999</v>
      </c>
      <c r="X401" s="2">
        <v>87</v>
      </c>
      <c r="Y401" s="2">
        <v>116.3</v>
      </c>
      <c r="Z401" s="2">
        <v>17</v>
      </c>
      <c r="AA401" s="5">
        <v>7</v>
      </c>
      <c r="AB401" s="5" t="s">
        <v>43</v>
      </c>
      <c r="AC401" s="5" t="s">
        <v>44</v>
      </c>
      <c r="AD401" s="2" t="s">
        <v>67008</v>
      </c>
      <c r="AE401" s="1"/>
    </row>
    <row r="402" spans="1:31">
      <c r="A402" s="5" t="s">
        <v>116</v>
      </c>
      <c r="B402" s="21">
        <v>46266</v>
      </c>
      <c r="C402" s="2" t="s">
        <v>67012</v>
      </c>
      <c r="D402" s="14" t="s">
        <v>67013</v>
      </c>
      <c r="E402" s="2" t="s">
        <v>67014</v>
      </c>
      <c r="F402" s="2" t="s">
        <v>130</v>
      </c>
      <c r="G402" s="8">
        <v>436</v>
      </c>
      <c r="H402" s="5">
        <v>5</v>
      </c>
      <c r="I402" s="5" t="s">
        <v>69</v>
      </c>
      <c r="J402" s="5" t="s">
        <v>731</v>
      </c>
      <c r="K402" s="2" t="s">
        <v>732</v>
      </c>
      <c r="L402" s="5" t="s">
        <v>731</v>
      </c>
      <c r="M402" s="2" t="s">
        <v>732</v>
      </c>
      <c r="N402" s="5" t="s">
        <v>733</v>
      </c>
      <c r="O402" s="5" t="s">
        <v>38</v>
      </c>
      <c r="P402" s="5" t="s">
        <v>39</v>
      </c>
      <c r="Q402" s="5" t="s">
        <v>40</v>
      </c>
      <c r="R402" s="5" t="s">
        <v>66778</v>
      </c>
      <c r="S402" s="5" t="s">
        <v>40</v>
      </c>
      <c r="T402" s="5" t="s">
        <v>42</v>
      </c>
      <c r="U402" s="2">
        <v>22.988</v>
      </c>
      <c r="V402" s="2">
        <v>15.795999999999999</v>
      </c>
      <c r="W402" s="2">
        <v>0.193</v>
      </c>
      <c r="X402" s="2">
        <v>107</v>
      </c>
      <c r="Y402" s="2">
        <v>106.3</v>
      </c>
      <c r="Z402" s="2">
        <v>17</v>
      </c>
      <c r="AA402" s="5">
        <v>7</v>
      </c>
      <c r="AB402" s="5" t="s">
        <v>43</v>
      </c>
      <c r="AC402" s="5" t="s">
        <v>44</v>
      </c>
      <c r="AD402" s="2" t="s">
        <v>67008</v>
      </c>
      <c r="AE402" s="1"/>
    </row>
    <row r="403" spans="1:31">
      <c r="A403" s="5" t="s">
        <v>116</v>
      </c>
      <c r="B403" s="21">
        <v>46266</v>
      </c>
      <c r="C403" s="2" t="s">
        <v>67015</v>
      </c>
      <c r="D403" s="14" t="s">
        <v>67016</v>
      </c>
      <c r="E403" s="2" t="s">
        <v>67017</v>
      </c>
      <c r="F403" s="2" t="s">
        <v>130</v>
      </c>
      <c r="G403" s="8">
        <v>485</v>
      </c>
      <c r="H403" s="5">
        <v>5</v>
      </c>
      <c r="I403" s="5" t="s">
        <v>69</v>
      </c>
      <c r="J403" s="5" t="s">
        <v>731</v>
      </c>
      <c r="K403" s="2" t="s">
        <v>732</v>
      </c>
      <c r="L403" s="5" t="s">
        <v>731</v>
      </c>
      <c r="M403" s="2" t="s">
        <v>732</v>
      </c>
      <c r="N403" s="5" t="s">
        <v>733</v>
      </c>
      <c r="O403" s="5" t="s">
        <v>38</v>
      </c>
      <c r="P403" s="5" t="s">
        <v>39</v>
      </c>
      <c r="Q403" s="5" t="s">
        <v>40</v>
      </c>
      <c r="R403" s="5" t="s">
        <v>66778</v>
      </c>
      <c r="S403" s="5" t="s">
        <v>40</v>
      </c>
      <c r="T403" s="5" t="s">
        <v>42</v>
      </c>
      <c r="U403" s="2">
        <v>27.417999999999999</v>
      </c>
      <c r="V403" s="2">
        <v>18.57</v>
      </c>
      <c r="W403" s="2">
        <v>0.23100000000000001</v>
      </c>
      <c r="X403" s="2">
        <v>117</v>
      </c>
      <c r="Y403" s="2">
        <v>116.3</v>
      </c>
      <c r="Z403" s="2">
        <v>17</v>
      </c>
      <c r="AA403" s="5">
        <v>7</v>
      </c>
      <c r="AB403" s="5" t="s">
        <v>43</v>
      </c>
      <c r="AC403" s="5" t="s">
        <v>44</v>
      </c>
      <c r="AD403" s="2" t="s">
        <v>67008</v>
      </c>
      <c r="AE403" s="1"/>
    </row>
    <row r="404" spans="1:31">
      <c r="A404" s="5" t="s">
        <v>116</v>
      </c>
      <c r="B404" s="21">
        <v>46266</v>
      </c>
      <c r="C404" s="2" t="s">
        <v>67018</v>
      </c>
      <c r="D404" s="14" t="s">
        <v>67019</v>
      </c>
      <c r="E404" s="2" t="s">
        <v>67020</v>
      </c>
      <c r="F404" s="2" t="s">
        <v>130</v>
      </c>
      <c r="G404" s="8">
        <v>565</v>
      </c>
      <c r="H404" s="5">
        <v>5</v>
      </c>
      <c r="I404" s="5" t="s">
        <v>69</v>
      </c>
      <c r="J404" s="5" t="s">
        <v>731</v>
      </c>
      <c r="K404" s="2" t="s">
        <v>732</v>
      </c>
      <c r="L404" s="5" t="s">
        <v>731</v>
      </c>
      <c r="M404" s="2" t="s">
        <v>732</v>
      </c>
      <c r="N404" s="5" t="s">
        <v>733</v>
      </c>
      <c r="O404" s="5" t="s">
        <v>38</v>
      </c>
      <c r="P404" s="5" t="s">
        <v>39</v>
      </c>
      <c r="Q404" s="5" t="s">
        <v>40</v>
      </c>
      <c r="R404" s="5" t="s">
        <v>66778</v>
      </c>
      <c r="S404" s="5" t="s">
        <v>40</v>
      </c>
      <c r="T404" s="5" t="s">
        <v>42</v>
      </c>
      <c r="U404" s="2">
        <v>34.228000000000002</v>
      </c>
      <c r="V404" s="2">
        <v>22.771000000000001</v>
      </c>
      <c r="W404" s="2">
        <v>0.29099999999999998</v>
      </c>
      <c r="X404" s="2">
        <v>117</v>
      </c>
      <c r="Y404" s="2">
        <v>146.30000000000001</v>
      </c>
      <c r="Z404" s="2">
        <v>17</v>
      </c>
      <c r="AA404" s="5">
        <v>7</v>
      </c>
      <c r="AB404" s="5" t="s">
        <v>43</v>
      </c>
      <c r="AC404" s="5" t="s">
        <v>44</v>
      </c>
      <c r="AD404" s="2" t="s">
        <v>67008</v>
      </c>
      <c r="AE404" s="1"/>
    </row>
    <row r="405" spans="1:31">
      <c r="A405" s="5" t="s">
        <v>116</v>
      </c>
      <c r="B405" s="21">
        <v>46266</v>
      </c>
      <c r="C405" s="2" t="s">
        <v>67021</v>
      </c>
      <c r="D405" s="14" t="s">
        <v>67022</v>
      </c>
      <c r="E405" s="2" t="s">
        <v>67023</v>
      </c>
      <c r="F405" s="2" t="s">
        <v>130</v>
      </c>
      <c r="G405" s="8">
        <v>539</v>
      </c>
      <c r="H405" s="5">
        <v>5</v>
      </c>
      <c r="I405" s="5" t="s">
        <v>69</v>
      </c>
      <c r="J405" s="5" t="s">
        <v>731</v>
      </c>
      <c r="K405" s="2" t="s">
        <v>732</v>
      </c>
      <c r="L405" s="5" t="s">
        <v>731</v>
      </c>
      <c r="M405" s="2" t="s">
        <v>732</v>
      </c>
      <c r="N405" s="5" t="s">
        <v>733</v>
      </c>
      <c r="O405" s="5" t="s">
        <v>38</v>
      </c>
      <c r="P405" s="5" t="s">
        <v>39</v>
      </c>
      <c r="Q405" s="5" t="s">
        <v>40</v>
      </c>
      <c r="R405" s="5" t="s">
        <v>66778</v>
      </c>
      <c r="S405" s="5" t="s">
        <v>40</v>
      </c>
      <c r="T405" s="5" t="s">
        <v>42</v>
      </c>
      <c r="U405" s="2">
        <v>32.064</v>
      </c>
      <c r="V405" s="2">
        <v>21.385000000000002</v>
      </c>
      <c r="W405" s="2">
        <v>0.27300000000000002</v>
      </c>
      <c r="X405" s="2">
        <v>127</v>
      </c>
      <c r="Y405" s="2">
        <v>126.3</v>
      </c>
      <c r="Z405" s="2">
        <v>17</v>
      </c>
      <c r="AA405" s="5">
        <v>7</v>
      </c>
      <c r="AB405" s="5" t="s">
        <v>43</v>
      </c>
      <c r="AC405" s="5" t="s">
        <v>44</v>
      </c>
      <c r="AD405" s="2" t="s">
        <v>67008</v>
      </c>
      <c r="AE405" s="1"/>
    </row>
    <row r="406" spans="1:31">
      <c r="A406" s="5" t="s">
        <v>116</v>
      </c>
      <c r="B406" s="21">
        <v>46266</v>
      </c>
      <c r="C406" s="2" t="s">
        <v>67024</v>
      </c>
      <c r="D406" s="14" t="s">
        <v>67025</v>
      </c>
      <c r="E406" s="2" t="s">
        <v>67026</v>
      </c>
      <c r="F406" s="2" t="s">
        <v>130</v>
      </c>
      <c r="G406" s="8">
        <v>711</v>
      </c>
      <c r="H406" s="5">
        <v>5</v>
      </c>
      <c r="I406" s="5" t="s">
        <v>69</v>
      </c>
      <c r="J406" s="5" t="s">
        <v>731</v>
      </c>
      <c r="K406" s="2" t="s">
        <v>732</v>
      </c>
      <c r="L406" s="5" t="s">
        <v>731</v>
      </c>
      <c r="M406" s="2" t="s">
        <v>732</v>
      </c>
      <c r="N406" s="5" t="s">
        <v>733</v>
      </c>
      <c r="O406" s="5" t="s">
        <v>38</v>
      </c>
      <c r="P406" s="5" t="s">
        <v>39</v>
      </c>
      <c r="Q406" s="5" t="s">
        <v>40</v>
      </c>
      <c r="R406" s="5" t="s">
        <v>66778</v>
      </c>
      <c r="S406" s="5" t="s">
        <v>40</v>
      </c>
      <c r="T406" s="5" t="s">
        <v>42</v>
      </c>
      <c r="U406" s="2">
        <v>48.978000000000002</v>
      </c>
      <c r="V406" s="2">
        <v>33.503999999999998</v>
      </c>
      <c r="W406" s="2">
        <v>0.38100000000000001</v>
      </c>
      <c r="X406" s="2">
        <v>127</v>
      </c>
      <c r="Y406" s="2">
        <v>176.3</v>
      </c>
      <c r="Z406" s="2">
        <v>17</v>
      </c>
      <c r="AA406" s="5">
        <v>7</v>
      </c>
      <c r="AB406" s="5" t="s">
        <v>43</v>
      </c>
      <c r="AC406" s="5" t="s">
        <v>44</v>
      </c>
      <c r="AD406" s="2" t="s">
        <v>67008</v>
      </c>
      <c r="AE406" s="1"/>
    </row>
    <row r="407" spans="1:31">
      <c r="A407" s="5" t="s">
        <v>116</v>
      </c>
      <c r="B407" s="21">
        <v>46266</v>
      </c>
      <c r="C407" s="2" t="s">
        <v>67027</v>
      </c>
      <c r="D407" s="14" t="s">
        <v>67028</v>
      </c>
      <c r="E407" s="2" t="s">
        <v>67029</v>
      </c>
      <c r="F407" s="2" t="s">
        <v>130</v>
      </c>
      <c r="G407" s="8">
        <v>700</v>
      </c>
      <c r="H407" s="5">
        <v>5</v>
      </c>
      <c r="I407" s="5" t="s">
        <v>69</v>
      </c>
      <c r="J407" s="5" t="s">
        <v>731</v>
      </c>
      <c r="K407" s="2" t="s">
        <v>732</v>
      </c>
      <c r="L407" s="5" t="s">
        <v>731</v>
      </c>
      <c r="M407" s="2" t="s">
        <v>732</v>
      </c>
      <c r="N407" s="5" t="s">
        <v>733</v>
      </c>
      <c r="O407" s="5" t="s">
        <v>38</v>
      </c>
      <c r="P407" s="5" t="s">
        <v>39</v>
      </c>
      <c r="Q407" s="5" t="s">
        <v>40</v>
      </c>
      <c r="R407" s="5" t="s">
        <v>66778</v>
      </c>
      <c r="S407" s="5" t="s">
        <v>40</v>
      </c>
      <c r="T407" s="5" t="s">
        <v>42</v>
      </c>
      <c r="U407" s="2">
        <v>42.747999999999998</v>
      </c>
      <c r="V407" s="2">
        <v>27.872</v>
      </c>
      <c r="W407" s="2">
        <v>0.36599999999999999</v>
      </c>
      <c r="X407" s="2">
        <v>147</v>
      </c>
      <c r="Y407" s="2">
        <v>146.30000000000001</v>
      </c>
      <c r="Z407" s="2">
        <v>17</v>
      </c>
      <c r="AA407" s="5">
        <v>7</v>
      </c>
      <c r="AB407" s="5" t="s">
        <v>43</v>
      </c>
      <c r="AC407" s="5" t="s">
        <v>44</v>
      </c>
      <c r="AD407" s="2" t="s">
        <v>67008</v>
      </c>
      <c r="AE407" s="1"/>
    </row>
    <row r="408" spans="1:31">
      <c r="A408" s="5" t="s">
        <v>116</v>
      </c>
      <c r="B408" s="21">
        <v>46054</v>
      </c>
      <c r="C408" s="2" t="s">
        <v>67501</v>
      </c>
      <c r="D408" s="14" t="s">
        <v>67502</v>
      </c>
      <c r="E408" s="2" t="s">
        <v>67503</v>
      </c>
      <c r="F408" s="2" t="s">
        <v>120</v>
      </c>
      <c r="G408" s="8">
        <v>1112</v>
      </c>
      <c r="H408" s="5">
        <v>15</v>
      </c>
      <c r="I408" s="5" t="s">
        <v>69</v>
      </c>
      <c r="J408" s="5" t="s">
        <v>67349</v>
      </c>
      <c r="K408" s="2" t="s">
        <v>67350</v>
      </c>
      <c r="L408" s="5" t="s">
        <v>67349</v>
      </c>
      <c r="M408" s="2" t="s">
        <v>67350</v>
      </c>
      <c r="N408" s="5" t="s">
        <v>72</v>
      </c>
      <c r="O408" s="5" t="s">
        <v>38</v>
      </c>
      <c r="P408" s="5" t="s">
        <v>39</v>
      </c>
      <c r="Q408" s="5" t="s">
        <v>40</v>
      </c>
      <c r="R408" s="5" t="s">
        <v>73</v>
      </c>
      <c r="S408" s="5" t="s">
        <v>40</v>
      </c>
      <c r="T408" s="5" t="s">
        <v>42</v>
      </c>
      <c r="U408" s="2">
        <v>41.863999999999997</v>
      </c>
      <c r="V408" s="2">
        <v>18.782</v>
      </c>
      <c r="W408" s="2">
        <v>0.217</v>
      </c>
      <c r="X408" s="2">
        <v>169.1</v>
      </c>
      <c r="Y408" s="2">
        <v>74.5</v>
      </c>
      <c r="Z408" s="2">
        <v>17.2</v>
      </c>
      <c r="AA408" s="5">
        <v>19</v>
      </c>
      <c r="AB408" s="5" t="s">
        <v>43</v>
      </c>
      <c r="AC408" s="5" t="s">
        <v>44</v>
      </c>
      <c r="AD408" s="2" t="s">
        <v>67504</v>
      </c>
      <c r="AE408" s="1"/>
    </row>
    <row r="409" spans="1:31">
      <c r="A409" s="5" t="s">
        <v>116</v>
      </c>
      <c r="B409" s="21">
        <v>46054</v>
      </c>
      <c r="C409" s="2" t="s">
        <v>67509</v>
      </c>
      <c r="D409" s="14" t="s">
        <v>67510</v>
      </c>
      <c r="E409" s="2" t="s">
        <v>67511</v>
      </c>
      <c r="F409" s="2" t="s">
        <v>67512</v>
      </c>
      <c r="G409" s="8">
        <v>1136</v>
      </c>
      <c r="H409" s="5">
        <v>15</v>
      </c>
      <c r="I409" s="5" t="s">
        <v>69</v>
      </c>
      <c r="J409" s="5" t="s">
        <v>67349</v>
      </c>
      <c r="K409" s="2" t="s">
        <v>67350</v>
      </c>
      <c r="L409" s="5" t="s">
        <v>67349</v>
      </c>
      <c r="M409" s="2" t="s">
        <v>67350</v>
      </c>
      <c r="N409" s="5" t="s">
        <v>72</v>
      </c>
      <c r="O409" s="5" t="s">
        <v>38</v>
      </c>
      <c r="P409" s="5" t="s">
        <v>39</v>
      </c>
      <c r="Q409" s="5" t="s">
        <v>40</v>
      </c>
      <c r="R409" s="5" t="s">
        <v>73</v>
      </c>
      <c r="S409" s="5" t="s">
        <v>40</v>
      </c>
      <c r="T409" s="5" t="s">
        <v>42</v>
      </c>
      <c r="U409" s="2">
        <v>48.128999999999998</v>
      </c>
      <c r="V409" s="2">
        <v>24.152999999999999</v>
      </c>
      <c r="W409" s="2">
        <v>0.28000000000000003</v>
      </c>
      <c r="X409" s="2">
        <v>218.7</v>
      </c>
      <c r="Y409" s="2">
        <v>74.5</v>
      </c>
      <c r="Z409" s="2">
        <v>17.2</v>
      </c>
      <c r="AA409" s="5">
        <v>19</v>
      </c>
      <c r="AB409" s="5" t="s">
        <v>43</v>
      </c>
      <c r="AC409" s="5" t="s">
        <v>44</v>
      </c>
      <c r="AD409" s="2" t="s">
        <v>67513</v>
      </c>
      <c r="AE409" s="1"/>
    </row>
    <row r="410" spans="1:31">
      <c r="A410" s="5" t="s">
        <v>116</v>
      </c>
      <c r="B410" s="21">
        <v>46054</v>
      </c>
      <c r="C410" s="2" t="s">
        <v>67520</v>
      </c>
      <c r="D410" s="14" t="s">
        <v>67521</v>
      </c>
      <c r="E410" s="2" t="s">
        <v>67522</v>
      </c>
      <c r="F410" s="2" t="s">
        <v>120</v>
      </c>
      <c r="G410" s="8">
        <v>1179</v>
      </c>
      <c r="H410" s="5">
        <v>15</v>
      </c>
      <c r="I410" s="5" t="s">
        <v>69</v>
      </c>
      <c r="J410" s="5" t="s">
        <v>67349</v>
      </c>
      <c r="K410" s="2" t="s">
        <v>67350</v>
      </c>
      <c r="L410" s="5" t="s">
        <v>67349</v>
      </c>
      <c r="M410" s="2" t="s">
        <v>67350</v>
      </c>
      <c r="N410" s="5" t="s">
        <v>72</v>
      </c>
      <c r="O410" s="5" t="s">
        <v>38</v>
      </c>
      <c r="P410" s="5" t="s">
        <v>39</v>
      </c>
      <c r="Q410" s="5" t="s">
        <v>40</v>
      </c>
      <c r="R410" s="5" t="s">
        <v>73</v>
      </c>
      <c r="S410" s="5" t="s">
        <v>40</v>
      </c>
      <c r="T410" s="5" t="s">
        <v>42</v>
      </c>
      <c r="U410" s="2">
        <v>43.04</v>
      </c>
      <c r="V410" s="2">
        <v>19.869</v>
      </c>
      <c r="W410" s="2">
        <v>0.24199999999999999</v>
      </c>
      <c r="X410" s="2">
        <v>189.1</v>
      </c>
      <c r="Y410" s="2">
        <v>74.5</v>
      </c>
      <c r="Z410" s="2">
        <v>17.2</v>
      </c>
      <c r="AA410" s="5">
        <v>19</v>
      </c>
      <c r="AB410" s="5" t="s">
        <v>43</v>
      </c>
      <c r="AC410" s="5" t="s">
        <v>44</v>
      </c>
      <c r="AD410" s="2" t="s">
        <v>67504</v>
      </c>
      <c r="AE410" s="1"/>
    </row>
    <row r="411" spans="1:31">
      <c r="A411" s="5" t="s">
        <v>116</v>
      </c>
      <c r="B411" s="21">
        <v>46054</v>
      </c>
      <c r="C411" s="2" t="s">
        <v>67526</v>
      </c>
      <c r="D411" s="14" t="s">
        <v>67527</v>
      </c>
      <c r="E411" s="2" t="s">
        <v>67528</v>
      </c>
      <c r="F411" s="2" t="s">
        <v>67512</v>
      </c>
      <c r="G411" s="8">
        <v>1205</v>
      </c>
      <c r="H411" s="5">
        <v>15</v>
      </c>
      <c r="I411" s="5" t="s">
        <v>69</v>
      </c>
      <c r="J411" s="5" t="s">
        <v>67349</v>
      </c>
      <c r="K411" s="2" t="s">
        <v>67350</v>
      </c>
      <c r="L411" s="5" t="s">
        <v>67349</v>
      </c>
      <c r="M411" s="2" t="s">
        <v>67350</v>
      </c>
      <c r="N411" s="5" t="s">
        <v>72</v>
      </c>
      <c r="O411" s="5" t="s">
        <v>38</v>
      </c>
      <c r="P411" s="5" t="s">
        <v>39</v>
      </c>
      <c r="Q411" s="5" t="s">
        <v>40</v>
      </c>
      <c r="R411" s="5" t="s">
        <v>73</v>
      </c>
      <c r="S411" s="5" t="s">
        <v>40</v>
      </c>
      <c r="T411" s="5" t="s">
        <v>42</v>
      </c>
      <c r="U411" s="2">
        <v>49.345999999999997</v>
      </c>
      <c r="V411" s="2">
        <v>25.280999999999999</v>
      </c>
      <c r="W411" s="2">
        <v>0.28000000000000003</v>
      </c>
      <c r="X411" s="2">
        <v>218.7</v>
      </c>
      <c r="Y411" s="2">
        <v>74.5</v>
      </c>
      <c r="Z411" s="2">
        <v>17.2</v>
      </c>
      <c r="AA411" s="5">
        <v>19</v>
      </c>
      <c r="AB411" s="5" t="s">
        <v>43</v>
      </c>
      <c r="AC411" s="5" t="s">
        <v>44</v>
      </c>
      <c r="AD411" s="2" t="s">
        <v>67513</v>
      </c>
      <c r="AE411" s="1"/>
    </row>
    <row r="412" spans="1:31">
      <c r="A412" s="5" t="s">
        <v>116</v>
      </c>
      <c r="B412" s="21">
        <v>46054</v>
      </c>
      <c r="C412" s="2" t="s">
        <v>67535</v>
      </c>
      <c r="D412" s="14" t="s">
        <v>67536</v>
      </c>
      <c r="E412" s="2" t="s">
        <v>67537</v>
      </c>
      <c r="F412" s="2" t="s">
        <v>120</v>
      </c>
      <c r="G412" s="8">
        <v>1233</v>
      </c>
      <c r="H412" s="5">
        <v>15</v>
      </c>
      <c r="I412" s="5" t="s">
        <v>69</v>
      </c>
      <c r="J412" s="5" t="s">
        <v>67349</v>
      </c>
      <c r="K412" s="2" t="s">
        <v>67350</v>
      </c>
      <c r="L412" s="5" t="s">
        <v>67349</v>
      </c>
      <c r="M412" s="2" t="s">
        <v>67350</v>
      </c>
      <c r="N412" s="5" t="s">
        <v>72</v>
      </c>
      <c r="O412" s="5" t="s">
        <v>38</v>
      </c>
      <c r="P412" s="5" t="s">
        <v>39</v>
      </c>
      <c r="Q412" s="5" t="s">
        <v>40</v>
      </c>
      <c r="R412" s="5" t="s">
        <v>73</v>
      </c>
      <c r="S412" s="5" t="s">
        <v>40</v>
      </c>
      <c r="T412" s="5" t="s">
        <v>42</v>
      </c>
      <c r="U412" s="2">
        <v>44.359000000000002</v>
      </c>
      <c r="V412" s="2">
        <v>20.956</v>
      </c>
      <c r="W412" s="2">
        <v>0.26800000000000002</v>
      </c>
      <c r="X412" s="2">
        <v>209.1</v>
      </c>
      <c r="Y412" s="2">
        <v>74.5</v>
      </c>
      <c r="Z412" s="2">
        <v>17.2</v>
      </c>
      <c r="AA412" s="5">
        <v>19</v>
      </c>
      <c r="AB412" s="5" t="s">
        <v>43</v>
      </c>
      <c r="AC412" s="5" t="s">
        <v>44</v>
      </c>
      <c r="AD412" s="2" t="s">
        <v>67504</v>
      </c>
      <c r="AE412" s="1"/>
    </row>
    <row r="413" spans="1:31">
      <c r="A413" s="5" t="s">
        <v>116</v>
      </c>
      <c r="B413" s="21">
        <v>46054</v>
      </c>
      <c r="C413" s="2" t="s">
        <v>67541</v>
      </c>
      <c r="D413" s="14" t="s">
        <v>67542</v>
      </c>
      <c r="E413" s="2" t="s">
        <v>67543</v>
      </c>
      <c r="F413" s="2" t="s">
        <v>67512</v>
      </c>
      <c r="G413" s="8">
        <v>1259</v>
      </c>
      <c r="H413" s="5">
        <v>15</v>
      </c>
      <c r="I413" s="5" t="s">
        <v>69</v>
      </c>
      <c r="J413" s="5" t="s">
        <v>67349</v>
      </c>
      <c r="K413" s="2" t="s">
        <v>67350</v>
      </c>
      <c r="L413" s="5" t="s">
        <v>67349</v>
      </c>
      <c r="M413" s="2" t="s">
        <v>67350</v>
      </c>
      <c r="N413" s="5" t="s">
        <v>72</v>
      </c>
      <c r="O413" s="5" t="s">
        <v>38</v>
      </c>
      <c r="P413" s="5" t="s">
        <v>39</v>
      </c>
      <c r="Q413" s="5" t="s">
        <v>40</v>
      </c>
      <c r="R413" s="5" t="s">
        <v>73</v>
      </c>
      <c r="S413" s="5" t="s">
        <v>40</v>
      </c>
      <c r="T413" s="5" t="s">
        <v>42</v>
      </c>
      <c r="U413" s="2">
        <v>50.706000000000003</v>
      </c>
      <c r="V413" s="2">
        <v>26.408999999999999</v>
      </c>
      <c r="W413" s="2">
        <v>0.28000000000000003</v>
      </c>
      <c r="X413" s="2">
        <v>218.7</v>
      </c>
      <c r="Y413" s="2">
        <v>74.5</v>
      </c>
      <c r="Z413" s="2">
        <v>17.2</v>
      </c>
      <c r="AA413" s="5">
        <v>19</v>
      </c>
      <c r="AB413" s="5" t="s">
        <v>43</v>
      </c>
      <c r="AC413" s="5" t="s">
        <v>44</v>
      </c>
      <c r="AD413" s="2" t="s">
        <v>67513</v>
      </c>
      <c r="AE413" s="1"/>
    </row>
    <row r="414" spans="1:31">
      <c r="A414" s="5" t="s">
        <v>116</v>
      </c>
      <c r="B414" s="21">
        <v>46054</v>
      </c>
      <c r="C414" s="2" t="s">
        <v>67550</v>
      </c>
      <c r="D414" s="14" t="s">
        <v>67551</v>
      </c>
      <c r="E414" s="2" t="s">
        <v>67552</v>
      </c>
      <c r="F414" s="2" t="s">
        <v>120</v>
      </c>
      <c r="G414" s="8">
        <v>1233</v>
      </c>
      <c r="H414" s="5">
        <v>15</v>
      </c>
      <c r="I414" s="5" t="s">
        <v>69</v>
      </c>
      <c r="J414" s="5" t="s">
        <v>67349</v>
      </c>
      <c r="K414" s="2" t="s">
        <v>67350</v>
      </c>
      <c r="L414" s="5" t="s">
        <v>67349</v>
      </c>
      <c r="M414" s="2" t="s">
        <v>67350</v>
      </c>
      <c r="N414" s="5" t="s">
        <v>72</v>
      </c>
      <c r="O414" s="5" t="s">
        <v>38</v>
      </c>
      <c r="P414" s="5" t="s">
        <v>39</v>
      </c>
      <c r="Q414" s="5" t="s">
        <v>40</v>
      </c>
      <c r="R414" s="5" t="s">
        <v>73</v>
      </c>
      <c r="S414" s="5" t="s">
        <v>40</v>
      </c>
      <c r="T414" s="5" t="s">
        <v>42</v>
      </c>
      <c r="U414" s="2">
        <v>44.933</v>
      </c>
      <c r="V414" s="2">
        <v>21.588999999999999</v>
      </c>
      <c r="W414" s="2">
        <v>0.24199999999999999</v>
      </c>
      <c r="X414" s="2">
        <v>189.1</v>
      </c>
      <c r="Y414" s="2">
        <v>74.5</v>
      </c>
      <c r="Z414" s="2">
        <v>17.2</v>
      </c>
      <c r="AA414" s="5">
        <v>19</v>
      </c>
      <c r="AB414" s="5" t="s">
        <v>43</v>
      </c>
      <c r="AC414" s="5" t="s">
        <v>44</v>
      </c>
      <c r="AD414" s="2" t="s">
        <v>67504</v>
      </c>
      <c r="AE414" s="1"/>
    </row>
    <row r="415" spans="1:31">
      <c r="A415" s="5" t="s">
        <v>116</v>
      </c>
      <c r="B415" s="21">
        <v>46054</v>
      </c>
      <c r="C415" s="2" t="s">
        <v>67556</v>
      </c>
      <c r="D415" s="14" t="s">
        <v>67557</v>
      </c>
      <c r="E415" s="2" t="s">
        <v>67558</v>
      </c>
      <c r="F415" s="2" t="s">
        <v>67512</v>
      </c>
      <c r="G415" s="8">
        <v>1259</v>
      </c>
      <c r="H415" s="5">
        <v>15</v>
      </c>
      <c r="I415" s="5" t="s">
        <v>69</v>
      </c>
      <c r="J415" s="5" t="s">
        <v>67349</v>
      </c>
      <c r="K415" s="2" t="s">
        <v>67350</v>
      </c>
      <c r="L415" s="5" t="s">
        <v>67349</v>
      </c>
      <c r="M415" s="2" t="s">
        <v>67350</v>
      </c>
      <c r="N415" s="5" t="s">
        <v>72</v>
      </c>
      <c r="O415" s="5" t="s">
        <v>38</v>
      </c>
      <c r="P415" s="5" t="s">
        <v>39</v>
      </c>
      <c r="Q415" s="5" t="s">
        <v>40</v>
      </c>
      <c r="R415" s="5" t="s">
        <v>73</v>
      </c>
      <c r="S415" s="5" t="s">
        <v>40</v>
      </c>
      <c r="T415" s="5" t="s">
        <v>42</v>
      </c>
      <c r="U415" s="2">
        <v>54.640999999999998</v>
      </c>
      <c r="V415" s="2">
        <v>27.951000000000001</v>
      </c>
      <c r="W415" s="2">
        <v>0.32300000000000001</v>
      </c>
      <c r="X415" s="2">
        <v>251.7</v>
      </c>
      <c r="Y415" s="2">
        <v>74.5</v>
      </c>
      <c r="Z415" s="2">
        <v>17.2</v>
      </c>
      <c r="AA415" s="5">
        <v>19</v>
      </c>
      <c r="AB415" s="5" t="s">
        <v>43</v>
      </c>
      <c r="AC415" s="5" t="s">
        <v>44</v>
      </c>
      <c r="AD415" s="2" t="s">
        <v>67513</v>
      </c>
      <c r="AE415" s="1"/>
    </row>
    <row r="416" spans="1:31">
      <c r="A416" s="5" t="s">
        <v>116</v>
      </c>
      <c r="B416" s="21">
        <v>46054</v>
      </c>
      <c r="C416" s="2" t="s">
        <v>67565</v>
      </c>
      <c r="D416" s="14" t="s">
        <v>67566</v>
      </c>
      <c r="E416" s="2" t="s">
        <v>67567</v>
      </c>
      <c r="F416" s="2" t="s">
        <v>120</v>
      </c>
      <c r="G416" s="8">
        <v>1313</v>
      </c>
      <c r="H416" s="5">
        <v>15</v>
      </c>
      <c r="I416" s="5" t="s">
        <v>69</v>
      </c>
      <c r="J416" s="5" t="s">
        <v>67349</v>
      </c>
      <c r="K416" s="2" t="s">
        <v>67350</v>
      </c>
      <c r="L416" s="5" t="s">
        <v>67349</v>
      </c>
      <c r="M416" s="2" t="s">
        <v>67350</v>
      </c>
      <c r="N416" s="5" t="s">
        <v>72</v>
      </c>
      <c r="O416" s="5" t="s">
        <v>38</v>
      </c>
      <c r="P416" s="5" t="s">
        <v>39</v>
      </c>
      <c r="Q416" s="5" t="s">
        <v>40</v>
      </c>
      <c r="R416" s="5" t="s">
        <v>73</v>
      </c>
      <c r="S416" s="5" t="s">
        <v>40</v>
      </c>
      <c r="T416" s="5" t="s">
        <v>42</v>
      </c>
      <c r="U416" s="2">
        <v>46.252000000000002</v>
      </c>
      <c r="V416" s="2">
        <v>22.675999999999998</v>
      </c>
      <c r="W416" s="2">
        <v>0.26800000000000002</v>
      </c>
      <c r="X416" s="2">
        <v>209.1</v>
      </c>
      <c r="Y416" s="2">
        <v>74.5</v>
      </c>
      <c r="Z416" s="2">
        <v>17.2</v>
      </c>
      <c r="AA416" s="5">
        <v>19</v>
      </c>
      <c r="AB416" s="5" t="s">
        <v>43</v>
      </c>
      <c r="AC416" s="5" t="s">
        <v>44</v>
      </c>
      <c r="AD416" s="2" t="s">
        <v>67504</v>
      </c>
      <c r="AE416" s="1"/>
    </row>
    <row r="417" spans="1:31">
      <c r="A417" s="5" t="s">
        <v>116</v>
      </c>
      <c r="B417" s="21">
        <v>46054</v>
      </c>
      <c r="C417" s="2" t="s">
        <v>67571</v>
      </c>
      <c r="D417" s="14" t="s">
        <v>67572</v>
      </c>
      <c r="E417" s="2" t="s">
        <v>67573</v>
      </c>
      <c r="F417" s="2" t="s">
        <v>67512</v>
      </c>
      <c r="G417" s="8">
        <v>1341</v>
      </c>
      <c r="H417" s="5">
        <v>15</v>
      </c>
      <c r="I417" s="5" t="s">
        <v>69</v>
      </c>
      <c r="J417" s="5" t="s">
        <v>67349</v>
      </c>
      <c r="K417" s="2" t="s">
        <v>67350</v>
      </c>
      <c r="L417" s="5" t="s">
        <v>67349</v>
      </c>
      <c r="M417" s="2" t="s">
        <v>67350</v>
      </c>
      <c r="N417" s="5" t="s">
        <v>72</v>
      </c>
      <c r="O417" s="5" t="s">
        <v>38</v>
      </c>
      <c r="P417" s="5" t="s">
        <v>39</v>
      </c>
      <c r="Q417" s="5" t="s">
        <v>40</v>
      </c>
      <c r="R417" s="5" t="s">
        <v>73</v>
      </c>
      <c r="S417" s="5" t="s">
        <v>40</v>
      </c>
      <c r="T417" s="5" t="s">
        <v>42</v>
      </c>
      <c r="U417" s="2">
        <v>56.000999999999998</v>
      </c>
      <c r="V417" s="2">
        <v>29.079000000000001</v>
      </c>
      <c r="W417" s="2">
        <v>0.32300000000000001</v>
      </c>
      <c r="X417" s="2">
        <v>251.7</v>
      </c>
      <c r="Y417" s="2">
        <v>74.5</v>
      </c>
      <c r="Z417" s="2">
        <v>17.2</v>
      </c>
      <c r="AA417" s="5">
        <v>19</v>
      </c>
      <c r="AB417" s="5" t="s">
        <v>43</v>
      </c>
      <c r="AC417" s="5" t="s">
        <v>44</v>
      </c>
      <c r="AD417" s="2" t="s">
        <v>67513</v>
      </c>
      <c r="AE417" s="1"/>
    </row>
    <row r="418" spans="1:31">
      <c r="A418" s="5" t="s">
        <v>116</v>
      </c>
      <c r="B418" s="21">
        <v>46054</v>
      </c>
      <c r="C418" s="2" t="s">
        <v>67580</v>
      </c>
      <c r="D418" s="14" t="s">
        <v>67581</v>
      </c>
      <c r="E418" s="2" t="s">
        <v>67582</v>
      </c>
      <c r="F418" s="2" t="s">
        <v>120</v>
      </c>
      <c r="G418" s="8">
        <v>1340</v>
      </c>
      <c r="H418" s="5">
        <v>15</v>
      </c>
      <c r="I418" s="5" t="s">
        <v>69</v>
      </c>
      <c r="J418" s="5" t="s">
        <v>67349</v>
      </c>
      <c r="K418" s="2" t="s">
        <v>67350</v>
      </c>
      <c r="L418" s="5" t="s">
        <v>67349</v>
      </c>
      <c r="M418" s="2" t="s">
        <v>67350</v>
      </c>
      <c r="N418" s="5" t="s">
        <v>72</v>
      </c>
      <c r="O418" s="5" t="s">
        <v>38</v>
      </c>
      <c r="P418" s="5" t="s">
        <v>39</v>
      </c>
      <c r="Q418" s="5" t="s">
        <v>40</v>
      </c>
      <c r="R418" s="5" t="s">
        <v>73</v>
      </c>
      <c r="S418" s="5" t="s">
        <v>40</v>
      </c>
      <c r="T418" s="5" t="s">
        <v>42</v>
      </c>
      <c r="U418" s="2">
        <v>47.548000000000002</v>
      </c>
      <c r="V418" s="2">
        <v>23.873999999999999</v>
      </c>
      <c r="W418" s="2">
        <v>0.29599999999999999</v>
      </c>
      <c r="X418" s="2">
        <v>231.1</v>
      </c>
      <c r="Y418" s="2">
        <v>74.5</v>
      </c>
      <c r="Z418" s="2">
        <v>17.2</v>
      </c>
      <c r="AA418" s="5">
        <v>19</v>
      </c>
      <c r="AB418" s="5" t="s">
        <v>43</v>
      </c>
      <c r="AC418" s="5" t="s">
        <v>44</v>
      </c>
      <c r="AD418" s="2" t="s">
        <v>67504</v>
      </c>
      <c r="AE418" s="1"/>
    </row>
    <row r="419" spans="1:31">
      <c r="A419" s="5" t="s">
        <v>116</v>
      </c>
      <c r="B419" s="21">
        <v>46054</v>
      </c>
      <c r="C419" s="2" t="s">
        <v>67586</v>
      </c>
      <c r="D419" s="14" t="s">
        <v>67587</v>
      </c>
      <c r="E419" s="2" t="s">
        <v>67588</v>
      </c>
      <c r="F419" s="2" t="s">
        <v>67512</v>
      </c>
      <c r="G419" s="8">
        <v>1369</v>
      </c>
      <c r="H419" s="5">
        <v>15</v>
      </c>
      <c r="I419" s="5" t="s">
        <v>69</v>
      </c>
      <c r="J419" s="5" t="s">
        <v>67349</v>
      </c>
      <c r="K419" s="2" t="s">
        <v>67350</v>
      </c>
      <c r="L419" s="5" t="s">
        <v>67349</v>
      </c>
      <c r="M419" s="2" t="s">
        <v>67350</v>
      </c>
      <c r="N419" s="5" t="s">
        <v>72</v>
      </c>
      <c r="O419" s="5" t="s">
        <v>38</v>
      </c>
      <c r="P419" s="5" t="s">
        <v>39</v>
      </c>
      <c r="Q419" s="5" t="s">
        <v>40</v>
      </c>
      <c r="R419" s="5" t="s">
        <v>73</v>
      </c>
      <c r="S419" s="5" t="s">
        <v>40</v>
      </c>
      <c r="T419" s="5" t="s">
        <v>42</v>
      </c>
      <c r="U419" s="2">
        <v>57.343000000000004</v>
      </c>
      <c r="V419" s="2">
        <v>30.323</v>
      </c>
      <c r="W419" s="2">
        <v>0.32300000000000001</v>
      </c>
      <c r="X419" s="2">
        <v>251.7</v>
      </c>
      <c r="Y419" s="2">
        <v>74.5</v>
      </c>
      <c r="Z419" s="2">
        <v>17.2</v>
      </c>
      <c r="AA419" s="5">
        <v>19</v>
      </c>
      <c r="AB419" s="5" t="s">
        <v>43</v>
      </c>
      <c r="AC419" s="5" t="s">
        <v>44</v>
      </c>
      <c r="AD419" s="2" t="s">
        <v>67513</v>
      </c>
      <c r="AE419" s="1"/>
    </row>
    <row r="420" spans="1:31">
      <c r="A420" s="5" t="s">
        <v>116</v>
      </c>
      <c r="B420" s="21">
        <v>46054</v>
      </c>
      <c r="C420" s="2" t="s">
        <v>67595</v>
      </c>
      <c r="D420" s="14" t="s">
        <v>67596</v>
      </c>
      <c r="E420" s="2" t="s">
        <v>67597</v>
      </c>
      <c r="F420" s="2" t="s">
        <v>120</v>
      </c>
      <c r="G420" s="8">
        <v>1246</v>
      </c>
      <c r="H420" s="5">
        <v>15</v>
      </c>
      <c r="I420" s="5" t="s">
        <v>69</v>
      </c>
      <c r="J420" s="5" t="s">
        <v>67349</v>
      </c>
      <c r="K420" s="2" t="s">
        <v>67350</v>
      </c>
      <c r="L420" s="5" t="s">
        <v>67349</v>
      </c>
      <c r="M420" s="2" t="s">
        <v>67350</v>
      </c>
      <c r="N420" s="5" t="s">
        <v>72</v>
      </c>
      <c r="O420" s="5" t="s">
        <v>38</v>
      </c>
      <c r="P420" s="5" t="s">
        <v>39</v>
      </c>
      <c r="Q420" s="5" t="s">
        <v>40</v>
      </c>
      <c r="R420" s="5" t="s">
        <v>73</v>
      </c>
      <c r="S420" s="5" t="s">
        <v>40</v>
      </c>
      <c r="T420" s="5" t="s">
        <v>42</v>
      </c>
      <c r="U420" s="2">
        <v>47.47</v>
      </c>
      <c r="V420" s="2">
        <v>23.922999999999998</v>
      </c>
      <c r="W420" s="2">
        <v>0.26600000000000001</v>
      </c>
      <c r="X420" s="2">
        <v>207.9</v>
      </c>
      <c r="Y420" s="2">
        <v>74.5</v>
      </c>
      <c r="Z420" s="2">
        <v>17.2</v>
      </c>
      <c r="AA420" s="5">
        <v>19</v>
      </c>
      <c r="AB420" s="5" t="s">
        <v>43</v>
      </c>
      <c r="AC420" s="5" t="s">
        <v>44</v>
      </c>
      <c r="AD420" s="2" t="s">
        <v>67504</v>
      </c>
      <c r="AE420" s="1"/>
    </row>
    <row r="421" spans="1:31">
      <c r="A421" s="5" t="s">
        <v>116</v>
      </c>
      <c r="B421" s="21">
        <v>46054</v>
      </c>
      <c r="C421" s="2" t="s">
        <v>67601</v>
      </c>
      <c r="D421" s="14" t="s">
        <v>67602</v>
      </c>
      <c r="E421" s="2" t="s">
        <v>67603</v>
      </c>
      <c r="F421" s="2" t="s">
        <v>67512</v>
      </c>
      <c r="G421" s="8">
        <v>1273</v>
      </c>
      <c r="H421" s="5">
        <v>15</v>
      </c>
      <c r="I421" s="5" t="s">
        <v>69</v>
      </c>
      <c r="J421" s="5" t="s">
        <v>67349</v>
      </c>
      <c r="K421" s="2" t="s">
        <v>67350</v>
      </c>
      <c r="L421" s="5" t="s">
        <v>67349</v>
      </c>
      <c r="M421" s="2" t="s">
        <v>67350</v>
      </c>
      <c r="N421" s="5" t="s">
        <v>72</v>
      </c>
      <c r="O421" s="5" t="s">
        <v>38</v>
      </c>
      <c r="P421" s="5" t="s">
        <v>39</v>
      </c>
      <c r="Q421" s="5" t="s">
        <v>40</v>
      </c>
      <c r="R421" s="5" t="s">
        <v>73</v>
      </c>
      <c r="S421" s="5" t="s">
        <v>40</v>
      </c>
      <c r="T421" s="5" t="s">
        <v>42</v>
      </c>
      <c r="U421" s="2">
        <v>57.753</v>
      </c>
      <c r="V421" s="2">
        <v>30.779</v>
      </c>
      <c r="W421" s="2">
        <v>0.36899999999999999</v>
      </c>
      <c r="X421" s="2">
        <v>287.7</v>
      </c>
      <c r="Y421" s="2">
        <v>74.5</v>
      </c>
      <c r="Z421" s="2">
        <v>17.2</v>
      </c>
      <c r="AA421" s="5">
        <v>19</v>
      </c>
      <c r="AB421" s="5" t="s">
        <v>43</v>
      </c>
      <c r="AC421" s="5" t="s">
        <v>44</v>
      </c>
      <c r="AD421" s="2" t="s">
        <v>67513</v>
      </c>
      <c r="AE421" s="1"/>
    </row>
    <row r="422" spans="1:31">
      <c r="A422" s="5" t="s">
        <v>116</v>
      </c>
      <c r="B422" s="21">
        <v>46054</v>
      </c>
      <c r="C422" s="2" t="s">
        <v>67614</v>
      </c>
      <c r="D422" s="14" t="s">
        <v>67615</v>
      </c>
      <c r="E422" s="2" t="s">
        <v>67616</v>
      </c>
      <c r="F422" s="2" t="s">
        <v>120</v>
      </c>
      <c r="G422" s="8">
        <v>1340</v>
      </c>
      <c r="H422" s="5">
        <v>15</v>
      </c>
      <c r="I422" s="5" t="s">
        <v>69</v>
      </c>
      <c r="J422" s="5" t="s">
        <v>67349</v>
      </c>
      <c r="K422" s="2" t="s">
        <v>67350</v>
      </c>
      <c r="L422" s="5" t="s">
        <v>67349</v>
      </c>
      <c r="M422" s="2" t="s">
        <v>67350</v>
      </c>
      <c r="N422" s="5" t="s">
        <v>72</v>
      </c>
      <c r="O422" s="5" t="s">
        <v>38</v>
      </c>
      <c r="P422" s="5" t="s">
        <v>39</v>
      </c>
      <c r="Q422" s="5" t="s">
        <v>40</v>
      </c>
      <c r="R422" s="5" t="s">
        <v>73</v>
      </c>
      <c r="S422" s="5" t="s">
        <v>40</v>
      </c>
      <c r="T422" s="5" t="s">
        <v>42</v>
      </c>
      <c r="U422" s="2">
        <v>48.789000000000001</v>
      </c>
      <c r="V422" s="2">
        <v>25.01</v>
      </c>
      <c r="W422" s="2">
        <v>0.26800000000000002</v>
      </c>
      <c r="X422" s="2">
        <v>209.1</v>
      </c>
      <c r="Y422" s="2">
        <v>74.5</v>
      </c>
      <c r="Z422" s="2">
        <v>17.2</v>
      </c>
      <c r="AA422" s="5">
        <v>19</v>
      </c>
      <c r="AB422" s="5" t="s">
        <v>43</v>
      </c>
      <c r="AC422" s="5" t="s">
        <v>44</v>
      </c>
      <c r="AD422" s="2" t="s">
        <v>67504</v>
      </c>
      <c r="AE422" s="1"/>
    </row>
    <row r="423" spans="1:31">
      <c r="A423" s="5" t="s">
        <v>116</v>
      </c>
      <c r="B423" s="21">
        <v>46054</v>
      </c>
      <c r="C423" s="2" t="s">
        <v>67620</v>
      </c>
      <c r="D423" s="14" t="s">
        <v>67621</v>
      </c>
      <c r="E423" s="2" t="s">
        <v>67622</v>
      </c>
      <c r="F423" s="2" t="s">
        <v>67512</v>
      </c>
      <c r="G423" s="8">
        <v>1369</v>
      </c>
      <c r="H423" s="5">
        <v>15</v>
      </c>
      <c r="I423" s="5" t="s">
        <v>69</v>
      </c>
      <c r="J423" s="5" t="s">
        <v>67349</v>
      </c>
      <c r="K423" s="2" t="s">
        <v>67350</v>
      </c>
      <c r="L423" s="5" t="s">
        <v>67349</v>
      </c>
      <c r="M423" s="2" t="s">
        <v>67350</v>
      </c>
      <c r="N423" s="5" t="s">
        <v>72</v>
      </c>
      <c r="O423" s="5" t="s">
        <v>38</v>
      </c>
      <c r="P423" s="5" t="s">
        <v>39</v>
      </c>
      <c r="Q423" s="5" t="s">
        <v>40</v>
      </c>
      <c r="R423" s="5" t="s">
        <v>73</v>
      </c>
      <c r="S423" s="5" t="s">
        <v>40</v>
      </c>
      <c r="T423" s="5" t="s">
        <v>42</v>
      </c>
      <c r="U423" s="2">
        <v>59.113</v>
      </c>
      <c r="V423" s="2">
        <v>31.907</v>
      </c>
      <c r="W423" s="2">
        <v>0.36899999999999999</v>
      </c>
      <c r="X423" s="2">
        <v>287.7</v>
      </c>
      <c r="Y423" s="2">
        <v>74.5</v>
      </c>
      <c r="Z423" s="2">
        <v>17.2</v>
      </c>
      <c r="AA423" s="5">
        <v>19</v>
      </c>
      <c r="AB423" s="5" t="s">
        <v>43</v>
      </c>
      <c r="AC423" s="5" t="s">
        <v>44</v>
      </c>
      <c r="AD423" s="2" t="s">
        <v>67513</v>
      </c>
      <c r="AE423" s="1"/>
    </row>
    <row r="424" spans="1:31">
      <c r="A424" s="5" t="s">
        <v>116</v>
      </c>
      <c r="B424" s="21">
        <v>46054</v>
      </c>
      <c r="C424" s="2" t="s">
        <v>67630</v>
      </c>
      <c r="D424" s="14" t="s">
        <v>67631</v>
      </c>
      <c r="E424" s="2" t="s">
        <v>67632</v>
      </c>
      <c r="F424" s="2" t="s">
        <v>120</v>
      </c>
      <c r="G424" s="8">
        <v>1427</v>
      </c>
      <c r="H424" s="5">
        <v>15</v>
      </c>
      <c r="I424" s="5" t="s">
        <v>69</v>
      </c>
      <c r="J424" s="5" t="s">
        <v>67349</v>
      </c>
      <c r="K424" s="2" t="s">
        <v>67350</v>
      </c>
      <c r="L424" s="5" t="s">
        <v>67349</v>
      </c>
      <c r="M424" s="2" t="s">
        <v>67350</v>
      </c>
      <c r="N424" s="5" t="s">
        <v>72</v>
      </c>
      <c r="O424" s="5" t="s">
        <v>38</v>
      </c>
      <c r="P424" s="5" t="s">
        <v>39</v>
      </c>
      <c r="Q424" s="5" t="s">
        <v>40</v>
      </c>
      <c r="R424" s="5" t="s">
        <v>73</v>
      </c>
      <c r="S424" s="5" t="s">
        <v>40</v>
      </c>
      <c r="T424" s="5" t="s">
        <v>42</v>
      </c>
      <c r="U424" s="2">
        <v>50.082999999999998</v>
      </c>
      <c r="V424" s="2">
        <v>26.206</v>
      </c>
      <c r="W424" s="2">
        <v>0.29599999999999999</v>
      </c>
      <c r="X424" s="2">
        <v>231.1</v>
      </c>
      <c r="Y424" s="2">
        <v>74.5</v>
      </c>
      <c r="Z424" s="2">
        <v>17.2</v>
      </c>
      <c r="AA424" s="5">
        <v>19</v>
      </c>
      <c r="AB424" s="5" t="s">
        <v>43</v>
      </c>
      <c r="AC424" s="5" t="s">
        <v>44</v>
      </c>
      <c r="AD424" s="2" t="s">
        <v>67504</v>
      </c>
      <c r="AE424" s="1"/>
    </row>
    <row r="425" spans="1:31">
      <c r="A425" s="5" t="s">
        <v>116</v>
      </c>
      <c r="B425" s="21">
        <v>46054</v>
      </c>
      <c r="C425" s="2" t="s">
        <v>67636</v>
      </c>
      <c r="D425" s="14" t="s">
        <v>67637</v>
      </c>
      <c r="E425" s="2" t="s">
        <v>67638</v>
      </c>
      <c r="F425" s="2" t="s">
        <v>67512</v>
      </c>
      <c r="G425" s="8">
        <v>1458</v>
      </c>
      <c r="H425" s="5">
        <v>15</v>
      </c>
      <c r="I425" s="5" t="s">
        <v>69</v>
      </c>
      <c r="J425" s="5" t="s">
        <v>67349</v>
      </c>
      <c r="K425" s="2" t="s">
        <v>67350</v>
      </c>
      <c r="L425" s="5" t="s">
        <v>67349</v>
      </c>
      <c r="M425" s="2" t="s">
        <v>67350</v>
      </c>
      <c r="N425" s="5" t="s">
        <v>72</v>
      </c>
      <c r="O425" s="5" t="s">
        <v>38</v>
      </c>
      <c r="P425" s="5" t="s">
        <v>39</v>
      </c>
      <c r="Q425" s="5" t="s">
        <v>40</v>
      </c>
      <c r="R425" s="5" t="s">
        <v>73</v>
      </c>
      <c r="S425" s="5" t="s">
        <v>40</v>
      </c>
      <c r="T425" s="5" t="s">
        <v>42</v>
      </c>
      <c r="U425" s="2">
        <v>60.451999999999998</v>
      </c>
      <c r="V425" s="2">
        <v>33.148000000000003</v>
      </c>
      <c r="W425" s="2">
        <v>0.36899999999999999</v>
      </c>
      <c r="X425" s="2">
        <v>287.7</v>
      </c>
      <c r="Y425" s="2">
        <v>74.5</v>
      </c>
      <c r="Z425" s="2">
        <v>17.2</v>
      </c>
      <c r="AA425" s="5">
        <v>19</v>
      </c>
      <c r="AB425" s="5" t="s">
        <v>43</v>
      </c>
      <c r="AC425" s="5" t="s">
        <v>44</v>
      </c>
      <c r="AD425" s="2" t="s">
        <v>67513</v>
      </c>
      <c r="AE425" s="1"/>
    </row>
    <row r="426" spans="1:31">
      <c r="A426" s="5" t="s">
        <v>116</v>
      </c>
      <c r="B426" s="21">
        <v>46054</v>
      </c>
      <c r="C426" s="2" t="s">
        <v>67645</v>
      </c>
      <c r="D426" s="14" t="s">
        <v>67646</v>
      </c>
      <c r="E426" s="2" t="s">
        <v>67647</v>
      </c>
      <c r="F426" s="2" t="s">
        <v>67508</v>
      </c>
      <c r="G426" s="8">
        <v>1460</v>
      </c>
      <c r="H426" s="5">
        <v>15</v>
      </c>
      <c r="I426" s="5" t="s">
        <v>69</v>
      </c>
      <c r="J426" s="5" t="s">
        <v>67349</v>
      </c>
      <c r="K426" s="2" t="s">
        <v>67350</v>
      </c>
      <c r="L426" s="5" t="s">
        <v>67349</v>
      </c>
      <c r="M426" s="2" t="s">
        <v>67350</v>
      </c>
      <c r="N426" s="5" t="s">
        <v>72</v>
      </c>
      <c r="O426" s="5" t="s">
        <v>38</v>
      </c>
      <c r="P426" s="5" t="s">
        <v>39</v>
      </c>
      <c r="Q426" s="5" t="s">
        <v>40</v>
      </c>
      <c r="R426" s="5" t="s">
        <v>73</v>
      </c>
      <c r="S426" s="5" t="s">
        <v>40</v>
      </c>
      <c r="T426" s="5" t="s">
        <v>42</v>
      </c>
      <c r="U426" s="2">
        <v>53.634</v>
      </c>
      <c r="V426" s="2">
        <v>27.300999999999998</v>
      </c>
      <c r="W426" s="2">
        <v>0.32200000000000001</v>
      </c>
      <c r="X426" s="2">
        <v>251.3</v>
      </c>
      <c r="Y426" s="2">
        <v>74.5</v>
      </c>
      <c r="Z426" s="2">
        <v>17.2</v>
      </c>
      <c r="AA426" s="5">
        <v>19</v>
      </c>
      <c r="AB426" s="5" t="s">
        <v>43</v>
      </c>
      <c r="AC426" s="5" t="s">
        <v>44</v>
      </c>
      <c r="AD426" s="2" t="s">
        <v>67504</v>
      </c>
      <c r="AE426" s="1"/>
    </row>
    <row r="427" spans="1:31">
      <c r="A427" s="5" t="s">
        <v>116</v>
      </c>
      <c r="B427" s="21">
        <v>46054</v>
      </c>
      <c r="C427" s="2" t="s">
        <v>67651</v>
      </c>
      <c r="D427" s="14" t="s">
        <v>67652</v>
      </c>
      <c r="E427" s="2" t="s">
        <v>67653</v>
      </c>
      <c r="F427" s="2" t="s">
        <v>67512</v>
      </c>
      <c r="G427" s="8">
        <v>1492</v>
      </c>
      <c r="H427" s="5">
        <v>15</v>
      </c>
      <c r="I427" s="5" t="s">
        <v>69</v>
      </c>
      <c r="J427" s="5" t="s">
        <v>67349</v>
      </c>
      <c r="K427" s="2" t="s">
        <v>67350</v>
      </c>
      <c r="L427" s="5" t="s">
        <v>67349</v>
      </c>
      <c r="M427" s="2" t="s">
        <v>67350</v>
      </c>
      <c r="N427" s="5" t="s">
        <v>72</v>
      </c>
      <c r="O427" s="5" t="s">
        <v>38</v>
      </c>
      <c r="P427" s="5" t="s">
        <v>39</v>
      </c>
      <c r="Q427" s="5" t="s">
        <v>40</v>
      </c>
      <c r="R427" s="5" t="s">
        <v>73</v>
      </c>
      <c r="S427" s="5" t="s">
        <v>40</v>
      </c>
      <c r="T427" s="5" t="s">
        <v>42</v>
      </c>
      <c r="U427" s="2">
        <v>61.679000000000002</v>
      </c>
      <c r="V427" s="2">
        <v>34.283999999999999</v>
      </c>
      <c r="W427" s="2">
        <v>0.36899999999999999</v>
      </c>
      <c r="X427" s="2">
        <v>287.7</v>
      </c>
      <c r="Y427" s="2">
        <v>74.5</v>
      </c>
      <c r="Z427" s="2">
        <v>17.2</v>
      </c>
      <c r="AA427" s="5">
        <v>19</v>
      </c>
      <c r="AB427" s="5" t="s">
        <v>43</v>
      </c>
      <c r="AC427" s="5" t="s">
        <v>44</v>
      </c>
      <c r="AD427" s="2" t="s">
        <v>67513</v>
      </c>
      <c r="AE427" s="1"/>
    </row>
    <row r="428" spans="1:31">
      <c r="A428" s="5" t="s">
        <v>116</v>
      </c>
      <c r="B428" s="21">
        <v>46054</v>
      </c>
      <c r="C428" s="2" t="s">
        <v>67669</v>
      </c>
      <c r="D428" s="14" t="s">
        <v>67670</v>
      </c>
      <c r="E428" s="2" t="s">
        <v>67671</v>
      </c>
      <c r="F428" s="2" t="s">
        <v>120</v>
      </c>
      <c r="G428" s="8">
        <v>1427</v>
      </c>
      <c r="H428" s="5">
        <v>15</v>
      </c>
      <c r="I428" s="5" t="s">
        <v>69</v>
      </c>
      <c r="J428" s="5" t="s">
        <v>67349</v>
      </c>
      <c r="K428" s="2" t="s">
        <v>67350</v>
      </c>
      <c r="L428" s="5" t="s">
        <v>67349</v>
      </c>
      <c r="M428" s="2" t="s">
        <v>67350</v>
      </c>
      <c r="N428" s="5" t="s">
        <v>72</v>
      </c>
      <c r="O428" s="5" t="s">
        <v>38</v>
      </c>
      <c r="P428" s="5" t="s">
        <v>39</v>
      </c>
      <c r="Q428" s="5" t="s">
        <v>40</v>
      </c>
      <c r="R428" s="5" t="s">
        <v>73</v>
      </c>
      <c r="S428" s="5" t="s">
        <v>40</v>
      </c>
      <c r="T428" s="5" t="s">
        <v>42</v>
      </c>
      <c r="U428" s="2">
        <v>51.481999999999999</v>
      </c>
      <c r="V428" s="2">
        <v>27.448</v>
      </c>
      <c r="W428" s="2">
        <v>0.308</v>
      </c>
      <c r="X428" s="2">
        <v>240.3</v>
      </c>
      <c r="Y428" s="2">
        <v>74.5</v>
      </c>
      <c r="Z428" s="2">
        <v>17.2</v>
      </c>
      <c r="AA428" s="5">
        <v>19</v>
      </c>
      <c r="AB428" s="5" t="s">
        <v>43</v>
      </c>
      <c r="AC428" s="5" t="s">
        <v>44</v>
      </c>
      <c r="AD428" s="2" t="s">
        <v>67504</v>
      </c>
      <c r="AE428" s="1"/>
    </row>
    <row r="429" spans="1:31">
      <c r="A429" s="5" t="s">
        <v>116</v>
      </c>
      <c r="B429" s="21">
        <v>46054</v>
      </c>
      <c r="C429" s="2" t="s">
        <v>67681</v>
      </c>
      <c r="D429" s="14" t="s">
        <v>67682</v>
      </c>
      <c r="E429" s="2" t="s">
        <v>67683</v>
      </c>
      <c r="F429" s="2" t="s">
        <v>67508</v>
      </c>
      <c r="G429" s="8">
        <v>1460</v>
      </c>
      <c r="H429" s="5">
        <v>15</v>
      </c>
      <c r="I429" s="5" t="s">
        <v>69</v>
      </c>
      <c r="J429" s="5" t="s">
        <v>67349</v>
      </c>
      <c r="K429" s="2" t="s">
        <v>67350</v>
      </c>
      <c r="L429" s="5" t="s">
        <v>67349</v>
      </c>
      <c r="M429" s="2" t="s">
        <v>67350</v>
      </c>
      <c r="N429" s="5" t="s">
        <v>72</v>
      </c>
      <c r="O429" s="5" t="s">
        <v>38</v>
      </c>
      <c r="P429" s="5" t="s">
        <v>39</v>
      </c>
      <c r="Q429" s="5" t="s">
        <v>40</v>
      </c>
      <c r="R429" s="5" t="s">
        <v>73</v>
      </c>
      <c r="S429" s="5" t="s">
        <v>40</v>
      </c>
      <c r="T429" s="5" t="s">
        <v>42</v>
      </c>
      <c r="U429" s="2">
        <v>52.777999999999999</v>
      </c>
      <c r="V429" s="2">
        <v>28.646000000000001</v>
      </c>
      <c r="W429" s="2">
        <v>0.308</v>
      </c>
      <c r="X429" s="2">
        <v>240.3</v>
      </c>
      <c r="Y429" s="2">
        <v>74.5</v>
      </c>
      <c r="Z429" s="2">
        <v>17.2</v>
      </c>
      <c r="AA429" s="5">
        <v>19</v>
      </c>
      <c r="AB429" s="5" t="s">
        <v>43</v>
      </c>
      <c r="AC429" s="5" t="s">
        <v>44</v>
      </c>
      <c r="AD429" s="2" t="s">
        <v>67504</v>
      </c>
      <c r="AE429" s="1"/>
    </row>
    <row r="430" spans="1:31">
      <c r="A430" s="5" t="s">
        <v>116</v>
      </c>
      <c r="B430" s="21">
        <v>46054</v>
      </c>
      <c r="C430" s="2" t="s">
        <v>67690</v>
      </c>
      <c r="D430" s="14" t="s">
        <v>67691</v>
      </c>
      <c r="E430" s="2" t="s">
        <v>67692</v>
      </c>
      <c r="F430" s="2" t="s">
        <v>67508</v>
      </c>
      <c r="G430" s="8">
        <v>1527</v>
      </c>
      <c r="H430" s="5">
        <v>15</v>
      </c>
      <c r="I430" s="5" t="s">
        <v>69</v>
      </c>
      <c r="J430" s="5" t="s">
        <v>67349</v>
      </c>
      <c r="K430" s="2" t="s">
        <v>67350</v>
      </c>
      <c r="L430" s="5" t="s">
        <v>67349</v>
      </c>
      <c r="M430" s="2" t="s">
        <v>67350</v>
      </c>
      <c r="N430" s="5" t="s">
        <v>72</v>
      </c>
      <c r="O430" s="5" t="s">
        <v>38</v>
      </c>
      <c r="P430" s="5" t="s">
        <v>39</v>
      </c>
      <c r="Q430" s="5" t="s">
        <v>40</v>
      </c>
      <c r="R430" s="5" t="s">
        <v>73</v>
      </c>
      <c r="S430" s="5" t="s">
        <v>40</v>
      </c>
      <c r="T430" s="5" t="s">
        <v>42</v>
      </c>
      <c r="U430" s="2">
        <v>53.963999999999999</v>
      </c>
      <c r="V430" s="2">
        <v>29.741</v>
      </c>
      <c r="W430" s="2">
        <v>0.308</v>
      </c>
      <c r="X430" s="2">
        <v>240.3</v>
      </c>
      <c r="Y430" s="2">
        <v>74.5</v>
      </c>
      <c r="Z430" s="2">
        <v>17.2</v>
      </c>
      <c r="AA430" s="5">
        <v>19</v>
      </c>
      <c r="AB430" s="5" t="s">
        <v>43</v>
      </c>
      <c r="AC430" s="5" t="s">
        <v>44</v>
      </c>
      <c r="AD430" s="2" t="s">
        <v>67504</v>
      </c>
      <c r="AE430" s="1"/>
    </row>
    <row r="431" spans="1:31">
      <c r="A431" s="5" t="s">
        <v>116</v>
      </c>
      <c r="B431" s="21">
        <v>46054</v>
      </c>
      <c r="C431" s="2" t="s">
        <v>67699</v>
      </c>
      <c r="D431" s="14" t="s">
        <v>67700</v>
      </c>
      <c r="E431" s="2" t="s">
        <v>67701</v>
      </c>
      <c r="F431" s="2" t="s">
        <v>120</v>
      </c>
      <c r="G431" s="8">
        <v>1501</v>
      </c>
      <c r="H431" s="5">
        <v>15</v>
      </c>
      <c r="I431" s="5" t="s">
        <v>69</v>
      </c>
      <c r="J431" s="5" t="s">
        <v>67349</v>
      </c>
      <c r="K431" s="2" t="s">
        <v>67350</v>
      </c>
      <c r="L431" s="5" t="s">
        <v>67349</v>
      </c>
      <c r="M431" s="2" t="s">
        <v>67350</v>
      </c>
      <c r="N431" s="5" t="s">
        <v>72</v>
      </c>
      <c r="O431" s="5" t="s">
        <v>38</v>
      </c>
      <c r="P431" s="5" t="s">
        <v>39</v>
      </c>
      <c r="Q431" s="5" t="s">
        <v>40</v>
      </c>
      <c r="R431" s="5" t="s">
        <v>73</v>
      </c>
      <c r="S431" s="5" t="s">
        <v>40</v>
      </c>
      <c r="T431" s="5" t="s">
        <v>42</v>
      </c>
      <c r="U431" s="2">
        <v>57.341000000000001</v>
      </c>
      <c r="V431" s="2">
        <v>30.63</v>
      </c>
      <c r="W431" s="2">
        <v>0.35899999999999999</v>
      </c>
      <c r="X431" s="2">
        <v>279.89999999999998</v>
      </c>
      <c r="Y431" s="2">
        <v>74.5</v>
      </c>
      <c r="Z431" s="2">
        <v>17.2</v>
      </c>
      <c r="AA431" s="5">
        <v>19</v>
      </c>
      <c r="AB431" s="5" t="s">
        <v>43</v>
      </c>
      <c r="AC431" s="5" t="s">
        <v>44</v>
      </c>
      <c r="AD431" s="2" t="s">
        <v>67504</v>
      </c>
      <c r="AE431" s="1"/>
    </row>
    <row r="432" spans="1:31">
      <c r="A432" s="5" t="s">
        <v>116</v>
      </c>
      <c r="B432" s="21">
        <v>46054</v>
      </c>
      <c r="C432" s="2" t="s">
        <v>67708</v>
      </c>
      <c r="D432" s="14" t="s">
        <v>67709</v>
      </c>
      <c r="E432" s="2" t="s">
        <v>67710</v>
      </c>
      <c r="F432" s="2" t="s">
        <v>67508</v>
      </c>
      <c r="G432" s="8">
        <v>1541</v>
      </c>
      <c r="H432" s="5">
        <v>15</v>
      </c>
      <c r="I432" s="5" t="s">
        <v>69</v>
      </c>
      <c r="J432" s="5" t="s">
        <v>67349</v>
      </c>
      <c r="K432" s="2" t="s">
        <v>67350</v>
      </c>
      <c r="L432" s="5" t="s">
        <v>67349</v>
      </c>
      <c r="M432" s="2" t="s">
        <v>67350</v>
      </c>
      <c r="N432" s="5" t="s">
        <v>72</v>
      </c>
      <c r="O432" s="5" t="s">
        <v>38</v>
      </c>
      <c r="P432" s="5" t="s">
        <v>39</v>
      </c>
      <c r="Q432" s="5" t="s">
        <v>40</v>
      </c>
      <c r="R432" s="5" t="s">
        <v>73</v>
      </c>
      <c r="S432" s="5" t="s">
        <v>40</v>
      </c>
      <c r="T432" s="5" t="s">
        <v>42</v>
      </c>
      <c r="U432" s="2">
        <v>58.637</v>
      </c>
      <c r="V432" s="2">
        <v>31.827999999999999</v>
      </c>
      <c r="W432" s="2">
        <v>0.35899999999999999</v>
      </c>
      <c r="X432" s="2">
        <v>279.89999999999998</v>
      </c>
      <c r="Y432" s="2">
        <v>74.5</v>
      </c>
      <c r="Z432" s="2">
        <v>17.2</v>
      </c>
      <c r="AA432" s="5">
        <v>19</v>
      </c>
      <c r="AB432" s="5" t="s">
        <v>43</v>
      </c>
      <c r="AC432" s="5" t="s">
        <v>44</v>
      </c>
      <c r="AD432" s="2" t="s">
        <v>67504</v>
      </c>
      <c r="AE432" s="1"/>
    </row>
    <row r="433" spans="1:31">
      <c r="A433" s="5" t="s">
        <v>116</v>
      </c>
      <c r="B433" s="21">
        <v>46054</v>
      </c>
      <c r="C433" s="2" t="s">
        <v>67717</v>
      </c>
      <c r="D433" s="14" t="s">
        <v>67718</v>
      </c>
      <c r="E433" s="2" t="s">
        <v>67719</v>
      </c>
      <c r="F433" s="2" t="s">
        <v>67508</v>
      </c>
      <c r="G433" s="8">
        <v>1634</v>
      </c>
      <c r="H433" s="5">
        <v>15</v>
      </c>
      <c r="I433" s="5" t="s">
        <v>69</v>
      </c>
      <c r="J433" s="5" t="s">
        <v>67349</v>
      </c>
      <c r="K433" s="2" t="s">
        <v>67350</v>
      </c>
      <c r="L433" s="5" t="s">
        <v>67349</v>
      </c>
      <c r="M433" s="2" t="s">
        <v>67350</v>
      </c>
      <c r="N433" s="5" t="s">
        <v>72</v>
      </c>
      <c r="O433" s="5" t="s">
        <v>38</v>
      </c>
      <c r="P433" s="5" t="s">
        <v>39</v>
      </c>
      <c r="Q433" s="5" t="s">
        <v>40</v>
      </c>
      <c r="R433" s="5" t="s">
        <v>73</v>
      </c>
      <c r="S433" s="5" t="s">
        <v>40</v>
      </c>
      <c r="T433" s="5" t="s">
        <v>42</v>
      </c>
      <c r="U433" s="2">
        <v>59.823</v>
      </c>
      <c r="V433" s="2">
        <v>32.923000000000002</v>
      </c>
      <c r="W433" s="2">
        <v>0.35899999999999999</v>
      </c>
      <c r="X433" s="2">
        <v>279.89999999999998</v>
      </c>
      <c r="Y433" s="2">
        <v>74.5</v>
      </c>
      <c r="Z433" s="2">
        <v>17.2</v>
      </c>
      <c r="AA433" s="5">
        <v>19</v>
      </c>
      <c r="AB433" s="5" t="s">
        <v>43</v>
      </c>
      <c r="AC433" s="5" t="s">
        <v>44</v>
      </c>
      <c r="AD433" s="2" t="s">
        <v>67504</v>
      </c>
      <c r="AE433" s="1"/>
    </row>
    <row r="434" spans="1:31">
      <c r="A434" s="5" t="s">
        <v>116</v>
      </c>
      <c r="B434" s="21">
        <v>46054</v>
      </c>
      <c r="C434" s="2" t="s">
        <v>67729</v>
      </c>
      <c r="D434" s="14" t="s">
        <v>67730</v>
      </c>
      <c r="E434" s="2" t="s">
        <v>67731</v>
      </c>
      <c r="F434" s="2" t="s">
        <v>120</v>
      </c>
      <c r="G434" s="8">
        <v>1501</v>
      </c>
      <c r="H434" s="5">
        <v>15</v>
      </c>
      <c r="I434" s="5" t="s">
        <v>69</v>
      </c>
      <c r="J434" s="5" t="s">
        <v>67349</v>
      </c>
      <c r="K434" s="2" t="s">
        <v>67350</v>
      </c>
      <c r="L434" s="5" t="s">
        <v>67349</v>
      </c>
      <c r="M434" s="2" t="s">
        <v>67350</v>
      </c>
      <c r="N434" s="5" t="s">
        <v>72</v>
      </c>
      <c r="O434" s="5" t="s">
        <v>38</v>
      </c>
      <c r="P434" s="5" t="s">
        <v>39</v>
      </c>
      <c r="Q434" s="5" t="s">
        <v>40</v>
      </c>
      <c r="R434" s="5" t="s">
        <v>73</v>
      </c>
      <c r="S434" s="5" t="s">
        <v>40</v>
      </c>
      <c r="T434" s="5" t="s">
        <v>42</v>
      </c>
      <c r="U434" s="2">
        <v>59.585000000000001</v>
      </c>
      <c r="V434" s="2">
        <v>32.79</v>
      </c>
      <c r="W434" s="2">
        <v>0.41</v>
      </c>
      <c r="X434" s="2">
        <v>319.89999999999998</v>
      </c>
      <c r="Y434" s="2">
        <v>74.5</v>
      </c>
      <c r="Z434" s="2">
        <v>17.2</v>
      </c>
      <c r="AA434" s="5">
        <v>19</v>
      </c>
      <c r="AB434" s="5" t="s">
        <v>43</v>
      </c>
      <c r="AC434" s="5" t="s">
        <v>44</v>
      </c>
      <c r="AD434" s="2" t="s">
        <v>67504</v>
      </c>
      <c r="AE434" s="1"/>
    </row>
    <row r="435" spans="1:31">
      <c r="A435" s="5" t="s">
        <v>116</v>
      </c>
      <c r="B435" s="21">
        <v>46054</v>
      </c>
      <c r="C435" s="2" t="s">
        <v>67741</v>
      </c>
      <c r="D435" s="14" t="s">
        <v>67742</v>
      </c>
      <c r="E435" s="2" t="s">
        <v>67743</v>
      </c>
      <c r="F435" s="2" t="s">
        <v>67508</v>
      </c>
      <c r="G435" s="8">
        <v>1634</v>
      </c>
      <c r="H435" s="5">
        <v>15</v>
      </c>
      <c r="I435" s="5" t="s">
        <v>69</v>
      </c>
      <c r="J435" s="5" t="s">
        <v>67349</v>
      </c>
      <c r="K435" s="2" t="s">
        <v>67350</v>
      </c>
      <c r="L435" s="5" t="s">
        <v>67349</v>
      </c>
      <c r="M435" s="2" t="s">
        <v>67350</v>
      </c>
      <c r="N435" s="5" t="s">
        <v>72</v>
      </c>
      <c r="O435" s="5" t="s">
        <v>38</v>
      </c>
      <c r="P435" s="5" t="s">
        <v>39</v>
      </c>
      <c r="Q435" s="5" t="s">
        <v>40</v>
      </c>
      <c r="R435" s="5" t="s">
        <v>73</v>
      </c>
      <c r="S435" s="5" t="s">
        <v>40</v>
      </c>
      <c r="T435" s="5" t="s">
        <v>42</v>
      </c>
      <c r="U435" s="2">
        <v>62.2</v>
      </c>
      <c r="V435" s="2">
        <v>35.075000000000003</v>
      </c>
      <c r="W435" s="2">
        <v>0.41</v>
      </c>
      <c r="X435" s="2">
        <v>319.89999999999998</v>
      </c>
      <c r="Y435" s="2">
        <v>74.5</v>
      </c>
      <c r="Z435" s="2">
        <v>17.2</v>
      </c>
      <c r="AA435" s="5">
        <v>19</v>
      </c>
      <c r="AB435" s="5" t="s">
        <v>43</v>
      </c>
      <c r="AC435" s="5" t="s">
        <v>44</v>
      </c>
      <c r="AD435" s="2" t="s">
        <v>67504</v>
      </c>
      <c r="AE435" s="1"/>
    </row>
    <row r="436" spans="1:31">
      <c r="A436" s="5" t="s">
        <v>116</v>
      </c>
      <c r="B436" s="21">
        <v>46054</v>
      </c>
      <c r="C436" s="2" t="s">
        <v>67750</v>
      </c>
      <c r="D436" s="14" t="s">
        <v>67751</v>
      </c>
      <c r="E436" s="2" t="s">
        <v>67752</v>
      </c>
      <c r="F436" s="2" t="s">
        <v>120</v>
      </c>
      <c r="G436" s="8">
        <v>1688</v>
      </c>
      <c r="H436" s="5">
        <v>15</v>
      </c>
      <c r="I436" s="5" t="s">
        <v>69</v>
      </c>
      <c r="J436" s="5" t="s">
        <v>67349</v>
      </c>
      <c r="K436" s="2" t="s">
        <v>67350</v>
      </c>
      <c r="L436" s="5" t="s">
        <v>67349</v>
      </c>
      <c r="M436" s="2" t="s">
        <v>67350</v>
      </c>
      <c r="N436" s="5" t="s">
        <v>72</v>
      </c>
      <c r="O436" s="5" t="s">
        <v>38</v>
      </c>
      <c r="P436" s="5" t="s">
        <v>39</v>
      </c>
      <c r="Q436" s="5" t="s">
        <v>40</v>
      </c>
      <c r="R436" s="5" t="s">
        <v>73</v>
      </c>
      <c r="S436" s="5" t="s">
        <v>40</v>
      </c>
      <c r="T436" s="5" t="s">
        <v>42</v>
      </c>
      <c r="U436" s="2">
        <v>63.386000000000003</v>
      </c>
      <c r="V436" s="2">
        <v>36.17</v>
      </c>
      <c r="W436" s="2">
        <v>0.41</v>
      </c>
      <c r="X436" s="2">
        <v>319.89999999999998</v>
      </c>
      <c r="Y436" s="2">
        <v>74.5</v>
      </c>
      <c r="Z436" s="2">
        <v>17.2</v>
      </c>
      <c r="AA436" s="5">
        <v>19</v>
      </c>
      <c r="AB436" s="5" t="s">
        <v>43</v>
      </c>
      <c r="AC436" s="5" t="s">
        <v>44</v>
      </c>
      <c r="AD436" s="2" t="s">
        <v>67504</v>
      </c>
      <c r="AE436" s="1"/>
    </row>
    <row r="437" spans="1:31">
      <c r="A437" s="5" t="s">
        <v>116</v>
      </c>
      <c r="B437" s="20"/>
      <c r="C437" s="2" t="s">
        <v>67759</v>
      </c>
      <c r="D437" s="14" t="s">
        <v>67760</v>
      </c>
      <c r="E437" s="2" t="s">
        <v>67761</v>
      </c>
      <c r="F437" s="2" t="s">
        <v>67762</v>
      </c>
      <c r="G437" s="8">
        <v>422</v>
      </c>
      <c r="H437" s="5">
        <v>15</v>
      </c>
      <c r="I437" s="5" t="s">
        <v>69</v>
      </c>
      <c r="J437" s="5" t="s">
        <v>67349</v>
      </c>
      <c r="K437" s="2" t="s">
        <v>67350</v>
      </c>
      <c r="L437" s="5" t="s">
        <v>67349</v>
      </c>
      <c r="M437" s="2" t="s">
        <v>67350</v>
      </c>
      <c r="N437" s="5" t="s">
        <v>72</v>
      </c>
      <c r="O437" s="5" t="s">
        <v>38</v>
      </c>
      <c r="P437" s="5" t="s">
        <v>39</v>
      </c>
      <c r="Q437" s="5" t="s">
        <v>40</v>
      </c>
      <c r="R437" s="5" t="s">
        <v>73</v>
      </c>
      <c r="S437" s="5" t="s">
        <v>40</v>
      </c>
      <c r="T437" s="5" t="s">
        <v>42</v>
      </c>
      <c r="U437" s="31">
        <v>16.004999999999999</v>
      </c>
      <c r="V437" s="31">
        <v>14.095000000000001</v>
      </c>
      <c r="W437" s="32">
        <v>0.23</v>
      </c>
      <c r="X437" s="2">
        <v>179.4</v>
      </c>
      <c r="Y437" s="2">
        <v>74.5</v>
      </c>
      <c r="Z437" s="2">
        <v>17.2</v>
      </c>
      <c r="AA437" s="5">
        <v>19</v>
      </c>
      <c r="AB437" s="5" t="s">
        <v>43</v>
      </c>
      <c r="AC437" s="5" t="s">
        <v>44</v>
      </c>
      <c r="AD437" s="2"/>
      <c r="AE437" s="1"/>
    </row>
    <row r="438" spans="1:31">
      <c r="A438" s="5" t="s">
        <v>116</v>
      </c>
      <c r="B438" s="20"/>
      <c r="C438" s="2" t="s">
        <v>67763</v>
      </c>
      <c r="D438" s="14" t="s">
        <v>67764</v>
      </c>
      <c r="E438" s="2" t="s">
        <v>67765</v>
      </c>
      <c r="F438" s="2" t="s">
        <v>67762</v>
      </c>
      <c r="G438" s="8">
        <v>457</v>
      </c>
      <c r="H438" s="5">
        <v>15</v>
      </c>
      <c r="I438" s="5" t="s">
        <v>69</v>
      </c>
      <c r="J438" s="5" t="s">
        <v>67349</v>
      </c>
      <c r="K438" s="2" t="s">
        <v>67350</v>
      </c>
      <c r="L438" s="5" t="s">
        <v>67349</v>
      </c>
      <c r="M438" s="2" t="s">
        <v>67350</v>
      </c>
      <c r="N438" s="5" t="s">
        <v>72</v>
      </c>
      <c r="O438" s="5" t="s">
        <v>38</v>
      </c>
      <c r="P438" s="5" t="s">
        <v>39</v>
      </c>
      <c r="Q438" s="5" t="s">
        <v>40</v>
      </c>
      <c r="R438" s="5" t="s">
        <v>73</v>
      </c>
      <c r="S438" s="5" t="s">
        <v>40</v>
      </c>
      <c r="T438" s="5" t="s">
        <v>42</v>
      </c>
      <c r="U438" s="31">
        <v>17.213000000000001</v>
      </c>
      <c r="V438" s="31">
        <v>15.146000000000001</v>
      </c>
      <c r="W438" s="2">
        <v>0.25600000000000001</v>
      </c>
      <c r="X438" s="2">
        <v>199.4</v>
      </c>
      <c r="Y438" s="2">
        <v>74.5</v>
      </c>
      <c r="Z438" s="2">
        <v>17.2</v>
      </c>
      <c r="AA438" s="5">
        <v>19</v>
      </c>
      <c r="AB438" s="5" t="s">
        <v>43</v>
      </c>
      <c r="AC438" s="5" t="s">
        <v>44</v>
      </c>
      <c r="AD438" s="2"/>
      <c r="AE438" s="1"/>
    </row>
    <row r="439" spans="1:31">
      <c r="A439" s="5" t="s">
        <v>116</v>
      </c>
      <c r="B439" s="20"/>
      <c r="C439" s="2" t="s">
        <v>67766</v>
      </c>
      <c r="D439" s="14" t="s">
        <v>67767</v>
      </c>
      <c r="E439" s="2" t="s">
        <v>67768</v>
      </c>
      <c r="F439" s="2" t="s">
        <v>67762</v>
      </c>
      <c r="G439" s="8">
        <v>487</v>
      </c>
      <c r="H439" s="5">
        <v>15</v>
      </c>
      <c r="I439" s="5" t="s">
        <v>69</v>
      </c>
      <c r="J439" s="5" t="s">
        <v>67349</v>
      </c>
      <c r="K439" s="2" t="s">
        <v>67350</v>
      </c>
      <c r="L439" s="5" t="s">
        <v>67349</v>
      </c>
      <c r="M439" s="2" t="s">
        <v>67350</v>
      </c>
      <c r="N439" s="5" t="s">
        <v>72</v>
      </c>
      <c r="O439" s="5" t="s">
        <v>38</v>
      </c>
      <c r="P439" s="5" t="s">
        <v>39</v>
      </c>
      <c r="Q439" s="5" t="s">
        <v>40</v>
      </c>
      <c r="R439" s="5" t="s">
        <v>73</v>
      </c>
      <c r="S439" s="5" t="s">
        <v>40</v>
      </c>
      <c r="T439" s="5" t="s">
        <v>42</v>
      </c>
      <c r="U439" s="31">
        <v>18.079999999999998</v>
      </c>
      <c r="V439" s="31">
        <v>16.013000000000002</v>
      </c>
      <c r="W439" s="2">
        <v>0.25600000000000001</v>
      </c>
      <c r="X439" s="2">
        <v>199.4</v>
      </c>
      <c r="Y439" s="2">
        <v>74.5</v>
      </c>
      <c r="Z439" s="2">
        <v>17.2</v>
      </c>
      <c r="AA439" s="5">
        <v>19</v>
      </c>
      <c r="AB439" s="5" t="s">
        <v>43</v>
      </c>
      <c r="AC439" s="5" t="s">
        <v>44</v>
      </c>
      <c r="AD439" s="2"/>
      <c r="AE439" s="1"/>
    </row>
    <row r="440" spans="1:31">
      <c r="A440" s="5" t="s">
        <v>116</v>
      </c>
      <c r="B440" s="20"/>
      <c r="C440" s="2" t="s">
        <v>67769</v>
      </c>
      <c r="D440" s="14" t="s">
        <v>67770</v>
      </c>
      <c r="E440" s="2" t="s">
        <v>67771</v>
      </c>
      <c r="F440" s="2" t="s">
        <v>67762</v>
      </c>
      <c r="G440" s="8">
        <v>543</v>
      </c>
      <c r="H440" s="5">
        <v>15</v>
      </c>
      <c r="I440" s="5" t="s">
        <v>69</v>
      </c>
      <c r="J440" s="5" t="s">
        <v>67349</v>
      </c>
      <c r="K440" s="2" t="s">
        <v>67350</v>
      </c>
      <c r="L440" s="5" t="s">
        <v>67349</v>
      </c>
      <c r="M440" s="2" t="s">
        <v>67350</v>
      </c>
      <c r="N440" s="5" t="s">
        <v>72</v>
      </c>
      <c r="O440" s="5" t="s">
        <v>38</v>
      </c>
      <c r="P440" s="5" t="s">
        <v>39</v>
      </c>
      <c r="Q440" s="5" t="s">
        <v>40</v>
      </c>
      <c r="R440" s="5" t="s">
        <v>73</v>
      </c>
      <c r="S440" s="5" t="s">
        <v>40</v>
      </c>
      <c r="T440" s="5" t="s">
        <v>42</v>
      </c>
      <c r="U440" s="31">
        <v>19.303999999999998</v>
      </c>
      <c r="V440" s="31">
        <v>17.076000000000001</v>
      </c>
      <c r="W440" s="2">
        <v>0.28100000000000003</v>
      </c>
      <c r="X440" s="2">
        <v>219.4</v>
      </c>
      <c r="Y440" s="2">
        <v>74.5</v>
      </c>
      <c r="Z440" s="2">
        <v>17.2</v>
      </c>
      <c r="AA440" s="5">
        <v>19</v>
      </c>
      <c r="AB440" s="5" t="s">
        <v>43</v>
      </c>
      <c r="AC440" s="5" t="s">
        <v>44</v>
      </c>
      <c r="AD440" s="2"/>
      <c r="AE440" s="1"/>
    </row>
    <row r="441" spans="1:31">
      <c r="A441" s="5" t="s">
        <v>116</v>
      </c>
      <c r="B441" s="20"/>
      <c r="C441" s="2" t="s">
        <v>67772</v>
      </c>
      <c r="D441" s="14" t="s">
        <v>67773</v>
      </c>
      <c r="E441" s="2" t="s">
        <v>67774</v>
      </c>
      <c r="F441" s="2" t="s">
        <v>67762</v>
      </c>
      <c r="G441" s="8">
        <v>514</v>
      </c>
      <c r="H441" s="5">
        <v>15</v>
      </c>
      <c r="I441" s="5" t="s">
        <v>69</v>
      </c>
      <c r="J441" s="5" t="s">
        <v>67349</v>
      </c>
      <c r="K441" s="2" t="s">
        <v>67350</v>
      </c>
      <c r="L441" s="5" t="s">
        <v>67349</v>
      </c>
      <c r="M441" s="2" t="s">
        <v>67350</v>
      </c>
      <c r="N441" s="5" t="s">
        <v>72</v>
      </c>
      <c r="O441" s="5" t="s">
        <v>38</v>
      </c>
      <c r="P441" s="5" t="s">
        <v>39</v>
      </c>
      <c r="Q441" s="5" t="s">
        <v>40</v>
      </c>
      <c r="R441" s="5" t="s">
        <v>73</v>
      </c>
      <c r="S441" s="5" t="s">
        <v>40</v>
      </c>
      <c r="T441" s="5" t="s">
        <v>42</v>
      </c>
      <c r="U441" s="31">
        <v>18.959</v>
      </c>
      <c r="V441" s="31">
        <v>16.891999999999999</v>
      </c>
      <c r="W441" s="2">
        <v>0.25600000000000001</v>
      </c>
      <c r="X441" s="2">
        <v>199.4</v>
      </c>
      <c r="Y441" s="2">
        <v>74.5</v>
      </c>
      <c r="Z441" s="2">
        <v>17.2</v>
      </c>
      <c r="AA441" s="5">
        <v>19</v>
      </c>
      <c r="AB441" s="5" t="s">
        <v>43</v>
      </c>
      <c r="AC441" s="5" t="s">
        <v>44</v>
      </c>
      <c r="AD441" s="2"/>
      <c r="AE441" s="1"/>
    </row>
    <row r="442" spans="1:31">
      <c r="A442" s="5" t="s">
        <v>116</v>
      </c>
      <c r="B442" s="20"/>
      <c r="C442" s="2" t="s">
        <v>67775</v>
      </c>
      <c r="D442" s="14" t="s">
        <v>67776</v>
      </c>
      <c r="E442" s="2" t="s">
        <v>67777</v>
      </c>
      <c r="F442" s="2" t="s">
        <v>67762</v>
      </c>
      <c r="G442" s="8">
        <v>571</v>
      </c>
      <c r="H442" s="5">
        <v>15</v>
      </c>
      <c r="I442" s="5" t="s">
        <v>69</v>
      </c>
      <c r="J442" s="5" t="s">
        <v>67349</v>
      </c>
      <c r="K442" s="2" t="s">
        <v>67350</v>
      </c>
      <c r="L442" s="5" t="s">
        <v>67349</v>
      </c>
      <c r="M442" s="2" t="s">
        <v>67350</v>
      </c>
      <c r="N442" s="5" t="s">
        <v>72</v>
      </c>
      <c r="O442" s="5" t="s">
        <v>38</v>
      </c>
      <c r="P442" s="5" t="s">
        <v>39</v>
      </c>
      <c r="Q442" s="5" t="s">
        <v>40</v>
      </c>
      <c r="R442" s="5" t="s">
        <v>73</v>
      </c>
      <c r="S442" s="5" t="s">
        <v>40</v>
      </c>
      <c r="T442" s="5" t="s">
        <v>42</v>
      </c>
      <c r="U442" s="31">
        <v>20.181999999999999</v>
      </c>
      <c r="V442" s="31">
        <v>17.954000000000001</v>
      </c>
      <c r="W442" s="2">
        <v>0.28100000000000003</v>
      </c>
      <c r="X442" s="2">
        <v>219.4</v>
      </c>
      <c r="Y442" s="2">
        <v>74.5</v>
      </c>
      <c r="Z442" s="2">
        <v>17.2</v>
      </c>
      <c r="AA442" s="5">
        <v>19</v>
      </c>
      <c r="AB442" s="5" t="s">
        <v>43</v>
      </c>
      <c r="AC442" s="5" t="s">
        <v>44</v>
      </c>
      <c r="AD442" s="2"/>
      <c r="AE442" s="1"/>
    </row>
    <row r="443" spans="1:31">
      <c r="A443" s="5" t="s">
        <v>116</v>
      </c>
      <c r="B443" s="20"/>
      <c r="C443" s="2" t="s">
        <v>67778</v>
      </c>
      <c r="D443" s="14" t="s">
        <v>67779</v>
      </c>
      <c r="E443" s="2" t="s">
        <v>67780</v>
      </c>
      <c r="F443" s="2" t="s">
        <v>67762</v>
      </c>
      <c r="G443" s="8">
        <v>629</v>
      </c>
      <c r="H443" s="5">
        <v>15</v>
      </c>
      <c r="I443" s="5" t="s">
        <v>69</v>
      </c>
      <c r="J443" s="5" t="s">
        <v>67349</v>
      </c>
      <c r="K443" s="2" t="s">
        <v>67350</v>
      </c>
      <c r="L443" s="5" t="s">
        <v>67349</v>
      </c>
      <c r="M443" s="2" t="s">
        <v>67350</v>
      </c>
      <c r="N443" s="5" t="s">
        <v>72</v>
      </c>
      <c r="O443" s="5" t="s">
        <v>38</v>
      </c>
      <c r="P443" s="5" t="s">
        <v>39</v>
      </c>
      <c r="Q443" s="5" t="s">
        <v>40</v>
      </c>
      <c r="R443" s="5" t="s">
        <v>73</v>
      </c>
      <c r="S443" s="5" t="s">
        <v>40</v>
      </c>
      <c r="T443" s="5" t="s">
        <v>42</v>
      </c>
      <c r="U443" s="31">
        <v>21.391999999999999</v>
      </c>
      <c r="V443" s="31">
        <v>19.004999999999999</v>
      </c>
      <c r="W443" s="2">
        <v>0.307</v>
      </c>
      <c r="X443" s="2">
        <v>239.4</v>
      </c>
      <c r="Y443" s="2">
        <v>74.5</v>
      </c>
      <c r="Z443" s="2">
        <v>17.2</v>
      </c>
      <c r="AA443" s="5">
        <v>19</v>
      </c>
      <c r="AB443" s="5" t="s">
        <v>43</v>
      </c>
      <c r="AC443" s="5" t="s">
        <v>44</v>
      </c>
      <c r="AD443" s="2"/>
      <c r="AE443" s="1"/>
    </row>
    <row r="444" spans="1:31">
      <c r="A444" s="5" t="s">
        <v>116</v>
      </c>
      <c r="B444" s="20"/>
      <c r="C444" s="2" t="s">
        <v>67781</v>
      </c>
      <c r="D444" s="14" t="s">
        <v>67782</v>
      </c>
      <c r="E444" s="2" t="s">
        <v>67783</v>
      </c>
      <c r="F444" s="2" t="s">
        <v>67762</v>
      </c>
      <c r="G444" s="8">
        <v>623</v>
      </c>
      <c r="H444" s="5">
        <v>15</v>
      </c>
      <c r="I444" s="5" t="s">
        <v>69</v>
      </c>
      <c r="J444" s="5" t="s">
        <v>67349</v>
      </c>
      <c r="K444" s="2" t="s">
        <v>67350</v>
      </c>
      <c r="L444" s="5" t="s">
        <v>67349</v>
      </c>
      <c r="M444" s="2" t="s">
        <v>67350</v>
      </c>
      <c r="N444" s="5" t="s">
        <v>72</v>
      </c>
      <c r="O444" s="5" t="s">
        <v>38</v>
      </c>
      <c r="P444" s="5" t="s">
        <v>39</v>
      </c>
      <c r="Q444" s="5" t="s">
        <v>40</v>
      </c>
      <c r="R444" s="5" t="s">
        <v>73</v>
      </c>
      <c r="S444" s="5" t="s">
        <v>40</v>
      </c>
      <c r="T444" s="5" t="s">
        <v>42</v>
      </c>
      <c r="U444" s="31">
        <v>21.748000000000001</v>
      </c>
      <c r="V444" s="31">
        <v>19.52</v>
      </c>
      <c r="W444" s="2">
        <v>0.28100000000000003</v>
      </c>
      <c r="X444" s="2">
        <v>219.4</v>
      </c>
      <c r="Y444" s="2">
        <v>74.5</v>
      </c>
      <c r="Z444" s="2">
        <v>17.2</v>
      </c>
      <c r="AA444" s="5">
        <v>19</v>
      </c>
      <c r="AB444" s="5" t="s">
        <v>43</v>
      </c>
      <c r="AC444" s="5" t="s">
        <v>44</v>
      </c>
      <c r="AD444" s="2"/>
      <c r="AE444" s="1"/>
    </row>
    <row r="445" spans="1:31">
      <c r="A445" s="5" t="s">
        <v>116</v>
      </c>
      <c r="B445" s="20"/>
      <c r="C445" s="2" t="s">
        <v>67784</v>
      </c>
      <c r="D445" s="14" t="s">
        <v>67785</v>
      </c>
      <c r="E445" s="2" t="s">
        <v>67786</v>
      </c>
      <c r="F445" s="2" t="s">
        <v>67762</v>
      </c>
      <c r="G445" s="8">
        <v>683</v>
      </c>
      <c r="H445" s="5">
        <v>15</v>
      </c>
      <c r="I445" s="5" t="s">
        <v>69</v>
      </c>
      <c r="J445" s="5" t="s">
        <v>67349</v>
      </c>
      <c r="K445" s="2" t="s">
        <v>67350</v>
      </c>
      <c r="L445" s="5" t="s">
        <v>67349</v>
      </c>
      <c r="M445" s="2" t="s">
        <v>67350</v>
      </c>
      <c r="N445" s="5" t="s">
        <v>72</v>
      </c>
      <c r="O445" s="5" t="s">
        <v>38</v>
      </c>
      <c r="P445" s="5" t="s">
        <v>39</v>
      </c>
      <c r="Q445" s="5" t="s">
        <v>40</v>
      </c>
      <c r="R445" s="5" t="s">
        <v>73</v>
      </c>
      <c r="S445" s="5" t="s">
        <v>40</v>
      </c>
      <c r="T445" s="5" t="s">
        <v>42</v>
      </c>
      <c r="U445" s="31">
        <v>23.492000000000001</v>
      </c>
      <c r="V445" s="31">
        <v>21.263999999999999</v>
      </c>
      <c r="W445" s="2">
        <v>0.28100000000000003</v>
      </c>
      <c r="X445" s="2">
        <v>219.4</v>
      </c>
      <c r="Y445" s="2">
        <v>74.5</v>
      </c>
      <c r="Z445" s="2">
        <v>17.2</v>
      </c>
      <c r="AA445" s="5">
        <v>19</v>
      </c>
      <c r="AB445" s="5" t="s">
        <v>43</v>
      </c>
      <c r="AC445" s="5" t="s">
        <v>44</v>
      </c>
      <c r="AD445" s="2"/>
      <c r="AE445" s="1"/>
    </row>
    <row r="446" spans="1:31">
      <c r="A446" s="5" t="s">
        <v>116</v>
      </c>
      <c r="B446" s="20"/>
      <c r="C446" s="2" t="s">
        <v>67787</v>
      </c>
      <c r="D446" s="14" t="s">
        <v>67788</v>
      </c>
      <c r="E446" s="2" t="s">
        <v>67789</v>
      </c>
      <c r="F446" s="2" t="s">
        <v>67762</v>
      </c>
      <c r="G446" s="8">
        <v>739</v>
      </c>
      <c r="H446" s="5">
        <v>15</v>
      </c>
      <c r="I446" s="5" t="s">
        <v>69</v>
      </c>
      <c r="J446" s="5" t="s">
        <v>67349</v>
      </c>
      <c r="K446" s="2" t="s">
        <v>67350</v>
      </c>
      <c r="L446" s="5" t="s">
        <v>67349</v>
      </c>
      <c r="M446" s="2" t="s">
        <v>67350</v>
      </c>
      <c r="N446" s="5" t="s">
        <v>72</v>
      </c>
      <c r="O446" s="5" t="s">
        <v>38</v>
      </c>
      <c r="P446" s="5" t="s">
        <v>39</v>
      </c>
      <c r="Q446" s="5" t="s">
        <v>40</v>
      </c>
      <c r="R446" s="5" t="s">
        <v>73</v>
      </c>
      <c r="S446" s="5" t="s">
        <v>40</v>
      </c>
      <c r="T446" s="5" t="s">
        <v>42</v>
      </c>
      <c r="U446" s="31">
        <v>24.702000000000002</v>
      </c>
      <c r="V446" s="31">
        <v>22.315000000000001</v>
      </c>
      <c r="W446" s="2">
        <v>0.307</v>
      </c>
      <c r="X446" s="2">
        <v>239.4</v>
      </c>
      <c r="Y446" s="2">
        <v>74.5</v>
      </c>
      <c r="Z446" s="2">
        <v>17.2</v>
      </c>
      <c r="AA446" s="5">
        <v>19</v>
      </c>
      <c r="AB446" s="5" t="s">
        <v>43</v>
      </c>
      <c r="AC446" s="5" t="s">
        <v>44</v>
      </c>
      <c r="AD446" s="2"/>
      <c r="AE446" s="1"/>
    </row>
    <row r="447" spans="1:31">
      <c r="A447" s="5" t="s">
        <v>116</v>
      </c>
      <c r="B447" s="20"/>
      <c r="C447" s="2" t="s">
        <v>67790</v>
      </c>
      <c r="D447" s="14" t="s">
        <v>67791</v>
      </c>
      <c r="E447" s="2" t="s">
        <v>67792</v>
      </c>
      <c r="F447" s="2" t="s">
        <v>67762</v>
      </c>
      <c r="G447" s="8">
        <v>795</v>
      </c>
      <c r="H447" s="5">
        <v>15</v>
      </c>
      <c r="I447" s="5" t="s">
        <v>69</v>
      </c>
      <c r="J447" s="5" t="s">
        <v>67349</v>
      </c>
      <c r="K447" s="2" t="s">
        <v>67350</v>
      </c>
      <c r="L447" s="5" t="s">
        <v>67349</v>
      </c>
      <c r="M447" s="2" t="s">
        <v>67350</v>
      </c>
      <c r="N447" s="5" t="s">
        <v>72</v>
      </c>
      <c r="O447" s="5" t="s">
        <v>38</v>
      </c>
      <c r="P447" s="5" t="s">
        <v>39</v>
      </c>
      <c r="Q447" s="5" t="s">
        <v>40</v>
      </c>
      <c r="R447" s="5" t="s">
        <v>73</v>
      </c>
      <c r="S447" s="5" t="s">
        <v>40</v>
      </c>
      <c r="T447" s="5" t="s">
        <v>42</v>
      </c>
      <c r="U447" s="31">
        <v>26.446999999999999</v>
      </c>
      <c r="V447" s="31">
        <v>24.06</v>
      </c>
      <c r="W447" s="2">
        <v>0.307</v>
      </c>
      <c r="X447" s="2">
        <v>239.4</v>
      </c>
      <c r="Y447" s="2">
        <v>74.5</v>
      </c>
      <c r="Z447" s="2">
        <v>17.2</v>
      </c>
      <c r="AA447" s="5">
        <v>19</v>
      </c>
      <c r="AB447" s="5" t="s">
        <v>43</v>
      </c>
      <c r="AC447" s="5" t="s">
        <v>44</v>
      </c>
      <c r="AD447" s="2"/>
      <c r="AE447" s="1"/>
    </row>
    <row r="448" spans="1:31">
      <c r="A448" s="5" t="s">
        <v>116</v>
      </c>
      <c r="B448" s="21">
        <v>46143</v>
      </c>
      <c r="C448" s="2" t="s">
        <v>79763</v>
      </c>
      <c r="D448" s="14" t="s">
        <v>79764</v>
      </c>
      <c r="E448" s="2" t="s">
        <v>79765</v>
      </c>
      <c r="F448" s="2" t="s">
        <v>130</v>
      </c>
      <c r="G448" s="8">
        <v>429</v>
      </c>
      <c r="H448" s="5">
        <v>5</v>
      </c>
      <c r="I448" s="5" t="s">
        <v>79637</v>
      </c>
      <c r="J448" s="5" t="s">
        <v>79638</v>
      </c>
      <c r="K448" s="2" t="s">
        <v>79639</v>
      </c>
      <c r="L448" s="5" t="s">
        <v>79638</v>
      </c>
      <c r="M448" s="2" t="s">
        <v>79639</v>
      </c>
      <c r="N448" s="5" t="s">
        <v>79640</v>
      </c>
      <c r="O448" s="5" t="s">
        <v>38</v>
      </c>
      <c r="P448" s="5" t="s">
        <v>39</v>
      </c>
      <c r="Q448" s="5" t="s">
        <v>40</v>
      </c>
      <c r="R448" s="5" t="s">
        <v>24335</v>
      </c>
      <c r="S448" s="5" t="s">
        <v>40</v>
      </c>
      <c r="T448" s="5" t="s">
        <v>42</v>
      </c>
      <c r="U448" s="2">
        <v>7.7380000000000004</v>
      </c>
      <c r="V448" s="2">
        <v>5.3650000000000002</v>
      </c>
      <c r="W448" s="2">
        <v>0.09</v>
      </c>
      <c r="X448" s="2">
        <v>43</v>
      </c>
      <c r="Y448" s="2">
        <v>16.5</v>
      </c>
      <c r="Z448" s="2">
        <v>126.8</v>
      </c>
      <c r="AA448" s="5">
        <v>14</v>
      </c>
      <c r="AB448" s="5" t="s">
        <v>43</v>
      </c>
      <c r="AC448" s="5" t="s">
        <v>735</v>
      </c>
      <c r="AD448" s="2" t="s">
        <v>79766</v>
      </c>
      <c r="AE448" s="1"/>
    </row>
    <row r="449" spans="1:31">
      <c r="A449" s="5" t="s">
        <v>116</v>
      </c>
      <c r="B449" s="21">
        <v>46143</v>
      </c>
      <c r="C449" s="2" t="s">
        <v>79771</v>
      </c>
      <c r="D449" s="14" t="s">
        <v>79772</v>
      </c>
      <c r="E449" s="2" t="s">
        <v>79773</v>
      </c>
      <c r="F449" s="2" t="s">
        <v>130</v>
      </c>
      <c r="G449" s="8">
        <v>527</v>
      </c>
      <c r="H449" s="5">
        <v>5</v>
      </c>
      <c r="I449" s="5" t="s">
        <v>79637</v>
      </c>
      <c r="J449" s="5" t="s">
        <v>79638</v>
      </c>
      <c r="K449" s="2" t="s">
        <v>79639</v>
      </c>
      <c r="L449" s="5" t="s">
        <v>79638</v>
      </c>
      <c r="M449" s="2" t="s">
        <v>79639</v>
      </c>
      <c r="N449" s="5" t="s">
        <v>79640</v>
      </c>
      <c r="O449" s="5" t="s">
        <v>38</v>
      </c>
      <c r="P449" s="5" t="s">
        <v>39</v>
      </c>
      <c r="Q449" s="5" t="s">
        <v>40</v>
      </c>
      <c r="R449" s="5" t="s">
        <v>24335</v>
      </c>
      <c r="S449" s="5" t="s">
        <v>40</v>
      </c>
      <c r="T449" s="5" t="s">
        <v>42</v>
      </c>
      <c r="U449" s="2">
        <v>8.84</v>
      </c>
      <c r="V449" s="2">
        <v>6.4669999999999996</v>
      </c>
      <c r="W449" s="2">
        <v>0.09</v>
      </c>
      <c r="X449" s="2">
        <v>43</v>
      </c>
      <c r="Y449" s="2">
        <v>16.5</v>
      </c>
      <c r="Z449" s="2">
        <v>126.8</v>
      </c>
      <c r="AA449" s="5">
        <v>14</v>
      </c>
      <c r="AB449" s="5" t="s">
        <v>43</v>
      </c>
      <c r="AC449" s="5" t="s">
        <v>735</v>
      </c>
      <c r="AD449" s="2" t="s">
        <v>79774</v>
      </c>
      <c r="AE449" s="1"/>
    </row>
    <row r="450" spans="1:31">
      <c r="A450" s="5" t="s">
        <v>116</v>
      </c>
      <c r="B450" s="21">
        <v>46143</v>
      </c>
      <c r="C450" s="2" t="s">
        <v>79785</v>
      </c>
      <c r="D450" s="14" t="s">
        <v>79786</v>
      </c>
      <c r="E450" s="2" t="s">
        <v>79787</v>
      </c>
      <c r="F450" s="2" t="s">
        <v>130</v>
      </c>
      <c r="G450" s="8">
        <v>450</v>
      </c>
      <c r="H450" s="5">
        <v>5</v>
      </c>
      <c r="I450" s="5" t="s">
        <v>79637</v>
      </c>
      <c r="J450" s="5" t="s">
        <v>79638</v>
      </c>
      <c r="K450" s="2" t="s">
        <v>79639</v>
      </c>
      <c r="L450" s="5" t="s">
        <v>79638</v>
      </c>
      <c r="M450" s="2" t="s">
        <v>79639</v>
      </c>
      <c r="N450" s="5" t="s">
        <v>79640</v>
      </c>
      <c r="O450" s="5" t="s">
        <v>38</v>
      </c>
      <c r="P450" s="5" t="s">
        <v>39</v>
      </c>
      <c r="Q450" s="5" t="s">
        <v>40</v>
      </c>
      <c r="R450" s="5" t="s">
        <v>24335</v>
      </c>
      <c r="S450" s="5" t="s">
        <v>40</v>
      </c>
      <c r="T450" s="5" t="s">
        <v>42</v>
      </c>
      <c r="U450" s="2">
        <v>8.4120000000000008</v>
      </c>
      <c r="V450" s="2">
        <v>6.0389999999999997</v>
      </c>
      <c r="W450" s="2">
        <v>0.09</v>
      </c>
      <c r="X450" s="2">
        <v>43</v>
      </c>
      <c r="Y450" s="2">
        <v>16.5</v>
      </c>
      <c r="Z450" s="2">
        <v>126.8</v>
      </c>
      <c r="AA450" s="5">
        <v>14</v>
      </c>
      <c r="AB450" s="5" t="s">
        <v>43</v>
      </c>
      <c r="AC450" s="5" t="s">
        <v>735</v>
      </c>
      <c r="AD450" s="2" t="s">
        <v>79766</v>
      </c>
      <c r="AE450" s="1"/>
    </row>
    <row r="451" spans="1:31">
      <c r="A451" s="5" t="s">
        <v>116</v>
      </c>
      <c r="B451" s="21">
        <v>46143</v>
      </c>
      <c r="C451" s="2" t="s">
        <v>79791</v>
      </c>
      <c r="D451" s="14" t="s">
        <v>79792</v>
      </c>
      <c r="E451" s="2" t="s">
        <v>79793</v>
      </c>
      <c r="F451" s="2" t="s">
        <v>130</v>
      </c>
      <c r="G451" s="8">
        <v>553</v>
      </c>
      <c r="H451" s="5">
        <v>5</v>
      </c>
      <c r="I451" s="5" t="s">
        <v>79637</v>
      </c>
      <c r="J451" s="5" t="s">
        <v>79638</v>
      </c>
      <c r="K451" s="2" t="s">
        <v>79639</v>
      </c>
      <c r="L451" s="5" t="s">
        <v>79638</v>
      </c>
      <c r="M451" s="2" t="s">
        <v>79639</v>
      </c>
      <c r="N451" s="5" t="s">
        <v>79640</v>
      </c>
      <c r="O451" s="5" t="s">
        <v>38</v>
      </c>
      <c r="P451" s="5" t="s">
        <v>39</v>
      </c>
      <c r="Q451" s="5" t="s">
        <v>40</v>
      </c>
      <c r="R451" s="5" t="s">
        <v>24335</v>
      </c>
      <c r="S451" s="5" t="s">
        <v>40</v>
      </c>
      <c r="T451" s="5" t="s">
        <v>42</v>
      </c>
      <c r="U451" s="2">
        <v>9.7349999999999994</v>
      </c>
      <c r="V451" s="2">
        <v>7.3620000000000001</v>
      </c>
      <c r="W451" s="2">
        <v>0.09</v>
      </c>
      <c r="X451" s="2">
        <v>43</v>
      </c>
      <c r="Y451" s="2">
        <v>16.5</v>
      </c>
      <c r="Z451" s="2">
        <v>126.8</v>
      </c>
      <c r="AA451" s="5">
        <v>14</v>
      </c>
      <c r="AB451" s="5" t="s">
        <v>43</v>
      </c>
      <c r="AC451" s="5" t="s">
        <v>735</v>
      </c>
      <c r="AD451" s="2" t="s">
        <v>79774</v>
      </c>
      <c r="AE451" s="1"/>
    </row>
    <row r="452" spans="1:31">
      <c r="A452" s="5" t="s">
        <v>116</v>
      </c>
      <c r="B452" s="21">
        <v>46143</v>
      </c>
      <c r="C452" s="2" t="s">
        <v>79800</v>
      </c>
      <c r="D452" s="14" t="s">
        <v>79801</v>
      </c>
      <c r="E452" s="2" t="s">
        <v>79802</v>
      </c>
      <c r="F452" s="2" t="s">
        <v>130</v>
      </c>
      <c r="G452" s="8">
        <v>465</v>
      </c>
      <c r="H452" s="5">
        <v>5</v>
      </c>
      <c r="I452" s="5" t="s">
        <v>79637</v>
      </c>
      <c r="J452" s="5" t="s">
        <v>79638</v>
      </c>
      <c r="K452" s="2" t="s">
        <v>79639</v>
      </c>
      <c r="L452" s="5" t="s">
        <v>79638</v>
      </c>
      <c r="M452" s="2" t="s">
        <v>79639</v>
      </c>
      <c r="N452" s="5" t="s">
        <v>79640</v>
      </c>
      <c r="O452" s="5" t="s">
        <v>38</v>
      </c>
      <c r="P452" s="5" t="s">
        <v>39</v>
      </c>
      <c r="Q452" s="5" t="s">
        <v>40</v>
      </c>
      <c r="R452" s="5" t="s">
        <v>24335</v>
      </c>
      <c r="S452" s="5" t="s">
        <v>40</v>
      </c>
      <c r="T452" s="5" t="s">
        <v>42</v>
      </c>
      <c r="U452" s="2">
        <v>9.2949999999999999</v>
      </c>
      <c r="V452" s="2">
        <v>6.7679999999999998</v>
      </c>
      <c r="W452" s="2">
        <v>0.10100000000000001</v>
      </c>
      <c r="X452" s="2">
        <v>43</v>
      </c>
      <c r="Y452" s="2">
        <v>16.5</v>
      </c>
      <c r="Z452" s="2">
        <v>143</v>
      </c>
      <c r="AA452" s="5">
        <v>14</v>
      </c>
      <c r="AB452" s="5" t="s">
        <v>43</v>
      </c>
      <c r="AC452" s="5" t="s">
        <v>735</v>
      </c>
      <c r="AD452" s="2" t="s">
        <v>79766</v>
      </c>
      <c r="AE452" s="1"/>
    </row>
    <row r="453" spans="1:31">
      <c r="A453" s="5" t="s">
        <v>116</v>
      </c>
      <c r="B453" s="21">
        <v>46143</v>
      </c>
      <c r="C453" s="2" t="s">
        <v>79806</v>
      </c>
      <c r="D453" s="14" t="s">
        <v>79807</v>
      </c>
      <c r="E453" s="2" t="s">
        <v>79808</v>
      </c>
      <c r="F453" s="2" t="s">
        <v>130</v>
      </c>
      <c r="G453" s="8">
        <v>573</v>
      </c>
      <c r="H453" s="5">
        <v>5</v>
      </c>
      <c r="I453" s="5" t="s">
        <v>79637</v>
      </c>
      <c r="J453" s="5" t="s">
        <v>79638</v>
      </c>
      <c r="K453" s="2" t="s">
        <v>79639</v>
      </c>
      <c r="L453" s="5" t="s">
        <v>79638</v>
      </c>
      <c r="M453" s="2" t="s">
        <v>79639</v>
      </c>
      <c r="N453" s="5" t="s">
        <v>79640</v>
      </c>
      <c r="O453" s="5" t="s">
        <v>38</v>
      </c>
      <c r="P453" s="5" t="s">
        <v>39</v>
      </c>
      <c r="Q453" s="5" t="s">
        <v>40</v>
      </c>
      <c r="R453" s="5" t="s">
        <v>24335</v>
      </c>
      <c r="S453" s="5" t="s">
        <v>40</v>
      </c>
      <c r="T453" s="5" t="s">
        <v>42</v>
      </c>
      <c r="U453" s="2">
        <v>10.839</v>
      </c>
      <c r="V453" s="2">
        <v>8.3119999999999994</v>
      </c>
      <c r="W453" s="2">
        <v>0.10100000000000001</v>
      </c>
      <c r="X453" s="2">
        <v>43</v>
      </c>
      <c r="Y453" s="2">
        <v>16.5</v>
      </c>
      <c r="Z453" s="2">
        <v>143</v>
      </c>
      <c r="AA453" s="5">
        <v>14</v>
      </c>
      <c r="AB453" s="5" t="s">
        <v>43</v>
      </c>
      <c r="AC453" s="5" t="s">
        <v>735</v>
      </c>
      <c r="AD453" s="2" t="s">
        <v>79774</v>
      </c>
      <c r="AE453" s="1"/>
    </row>
    <row r="454" spans="1:31">
      <c r="A454" s="5" t="s">
        <v>116</v>
      </c>
      <c r="B454" s="21">
        <v>46143</v>
      </c>
      <c r="C454" s="2" t="s">
        <v>79815</v>
      </c>
      <c r="D454" s="14" t="s">
        <v>79816</v>
      </c>
      <c r="E454" s="2" t="s">
        <v>79817</v>
      </c>
      <c r="F454" s="2" t="s">
        <v>130</v>
      </c>
      <c r="G454" s="8">
        <v>476</v>
      </c>
      <c r="H454" s="5">
        <v>5</v>
      </c>
      <c r="I454" s="5" t="s">
        <v>79637</v>
      </c>
      <c r="J454" s="5" t="s">
        <v>79638</v>
      </c>
      <c r="K454" s="2" t="s">
        <v>79639</v>
      </c>
      <c r="L454" s="5" t="s">
        <v>79638</v>
      </c>
      <c r="M454" s="2" t="s">
        <v>79639</v>
      </c>
      <c r="N454" s="5" t="s">
        <v>79640</v>
      </c>
      <c r="O454" s="5" t="s">
        <v>38</v>
      </c>
      <c r="P454" s="5" t="s">
        <v>39</v>
      </c>
      <c r="Q454" s="5" t="s">
        <v>40</v>
      </c>
      <c r="R454" s="5" t="s">
        <v>24335</v>
      </c>
      <c r="S454" s="5" t="s">
        <v>40</v>
      </c>
      <c r="T454" s="5" t="s">
        <v>42</v>
      </c>
      <c r="U454" s="2">
        <v>8.9540000000000006</v>
      </c>
      <c r="V454" s="2">
        <v>6.5810000000000004</v>
      </c>
      <c r="W454" s="2">
        <v>0.09</v>
      </c>
      <c r="X454" s="2">
        <v>43</v>
      </c>
      <c r="Y454" s="2">
        <v>16.5</v>
      </c>
      <c r="Z454" s="2">
        <v>126.8</v>
      </c>
      <c r="AA454" s="5">
        <v>14</v>
      </c>
      <c r="AB454" s="5" t="s">
        <v>43</v>
      </c>
      <c r="AC454" s="5" t="s">
        <v>735</v>
      </c>
      <c r="AD454" s="2" t="s">
        <v>79766</v>
      </c>
      <c r="AE454" s="1"/>
    </row>
    <row r="455" spans="1:31">
      <c r="A455" s="5" t="s">
        <v>116</v>
      </c>
      <c r="B455" s="21">
        <v>46143</v>
      </c>
      <c r="C455" s="2" t="s">
        <v>79821</v>
      </c>
      <c r="D455" s="14" t="s">
        <v>79822</v>
      </c>
      <c r="E455" s="2" t="s">
        <v>79823</v>
      </c>
      <c r="F455" s="2" t="s">
        <v>130</v>
      </c>
      <c r="G455" s="8">
        <v>585</v>
      </c>
      <c r="H455" s="5">
        <v>10</v>
      </c>
      <c r="I455" s="5" t="s">
        <v>79637</v>
      </c>
      <c r="J455" s="5" t="s">
        <v>79638</v>
      </c>
      <c r="K455" s="2" t="s">
        <v>79639</v>
      </c>
      <c r="L455" s="5" t="s">
        <v>79638</v>
      </c>
      <c r="M455" s="2" t="s">
        <v>79639</v>
      </c>
      <c r="N455" s="5" t="s">
        <v>79640</v>
      </c>
      <c r="O455" s="5" t="s">
        <v>38</v>
      </c>
      <c r="P455" s="5" t="s">
        <v>39</v>
      </c>
      <c r="Q455" s="5" t="s">
        <v>40</v>
      </c>
      <c r="R455" s="5" t="s">
        <v>24335</v>
      </c>
      <c r="S455" s="5" t="s">
        <v>40</v>
      </c>
      <c r="T455" s="5" t="s">
        <v>42</v>
      </c>
      <c r="U455" s="2">
        <v>10.337999999999999</v>
      </c>
      <c r="V455" s="2">
        <v>7.9649999999999999</v>
      </c>
      <c r="W455" s="2">
        <v>0.09</v>
      </c>
      <c r="X455" s="2">
        <v>43</v>
      </c>
      <c r="Y455" s="2">
        <v>16.5</v>
      </c>
      <c r="Z455" s="2">
        <v>126.8</v>
      </c>
      <c r="AA455" s="5">
        <v>14</v>
      </c>
      <c r="AB455" s="5" t="s">
        <v>43</v>
      </c>
      <c r="AC455" s="5" t="s">
        <v>735</v>
      </c>
      <c r="AD455" s="2" t="s">
        <v>79774</v>
      </c>
      <c r="AE455" s="1"/>
    </row>
    <row r="456" spans="1:31">
      <c r="A456" s="5" t="s">
        <v>116</v>
      </c>
      <c r="B456" s="21">
        <v>46143</v>
      </c>
      <c r="C456" s="2" t="s">
        <v>79830</v>
      </c>
      <c r="D456" s="14" t="s">
        <v>79831</v>
      </c>
      <c r="E456" s="2" t="s">
        <v>79832</v>
      </c>
      <c r="F456" s="2" t="s">
        <v>79833</v>
      </c>
      <c r="G456" s="8">
        <v>638</v>
      </c>
      <c r="H456" s="5">
        <v>5</v>
      </c>
      <c r="I456" s="5" t="s">
        <v>79637</v>
      </c>
      <c r="J456" s="5" t="s">
        <v>79638</v>
      </c>
      <c r="K456" s="2" t="s">
        <v>79639</v>
      </c>
      <c r="L456" s="5" t="s">
        <v>79638</v>
      </c>
      <c r="M456" s="2" t="s">
        <v>79639</v>
      </c>
      <c r="N456" s="5" t="s">
        <v>79640</v>
      </c>
      <c r="O456" s="5" t="s">
        <v>38</v>
      </c>
      <c r="P456" s="5" t="s">
        <v>39</v>
      </c>
      <c r="Q456" s="5" t="s">
        <v>40</v>
      </c>
      <c r="R456" s="5" t="s">
        <v>1487</v>
      </c>
      <c r="S456" s="5"/>
      <c r="T456" s="5" t="s">
        <v>42</v>
      </c>
      <c r="U456" s="2">
        <v>0</v>
      </c>
      <c r="V456" s="2">
        <v>0</v>
      </c>
      <c r="W456" s="2">
        <v>0</v>
      </c>
      <c r="X456" s="2">
        <v>0</v>
      </c>
      <c r="Y456" s="2">
        <v>0</v>
      </c>
      <c r="Z456" s="2">
        <v>0</v>
      </c>
      <c r="AA456" s="5"/>
      <c r="AB456" s="5" t="s">
        <v>43</v>
      </c>
      <c r="AC456" s="5" t="s">
        <v>735</v>
      </c>
      <c r="AD456" s="2" t="s">
        <v>79834</v>
      </c>
      <c r="AE456" s="1"/>
    </row>
    <row r="457" spans="1:31">
      <c r="A457" s="5" t="s">
        <v>116</v>
      </c>
      <c r="B457" s="21">
        <v>46143</v>
      </c>
      <c r="C457" s="2" t="s">
        <v>79835</v>
      </c>
      <c r="D457" s="14" t="s">
        <v>79836</v>
      </c>
      <c r="E457" s="2" t="s">
        <v>79837</v>
      </c>
      <c r="F457" s="2" t="s">
        <v>130</v>
      </c>
      <c r="G457" s="8">
        <v>502</v>
      </c>
      <c r="H457" s="5">
        <v>5</v>
      </c>
      <c r="I457" s="5" t="s">
        <v>79637</v>
      </c>
      <c r="J457" s="5" t="s">
        <v>79638</v>
      </c>
      <c r="K457" s="2" t="s">
        <v>79639</v>
      </c>
      <c r="L457" s="5" t="s">
        <v>79638</v>
      </c>
      <c r="M457" s="2" t="s">
        <v>79639</v>
      </c>
      <c r="N457" s="5" t="s">
        <v>79640</v>
      </c>
      <c r="O457" s="5" t="s">
        <v>38</v>
      </c>
      <c r="P457" s="5" t="s">
        <v>39</v>
      </c>
      <c r="Q457" s="5" t="s">
        <v>40</v>
      </c>
      <c r="R457" s="5" t="s">
        <v>24335</v>
      </c>
      <c r="S457" s="5" t="s">
        <v>40</v>
      </c>
      <c r="T457" s="5" t="s">
        <v>42</v>
      </c>
      <c r="U457" s="2">
        <v>9.8970000000000002</v>
      </c>
      <c r="V457" s="2">
        <v>7.37</v>
      </c>
      <c r="W457" s="2">
        <v>0.10100000000000001</v>
      </c>
      <c r="X457" s="2">
        <v>43</v>
      </c>
      <c r="Y457" s="2">
        <v>16.5</v>
      </c>
      <c r="Z457" s="2">
        <v>143</v>
      </c>
      <c r="AA457" s="5">
        <v>14</v>
      </c>
      <c r="AB457" s="5" t="s">
        <v>43</v>
      </c>
      <c r="AC457" s="5" t="s">
        <v>735</v>
      </c>
      <c r="AD457" s="2" t="s">
        <v>79766</v>
      </c>
      <c r="AE457" s="1"/>
    </row>
    <row r="458" spans="1:31">
      <c r="A458" s="5" t="s">
        <v>116</v>
      </c>
      <c r="B458" s="21">
        <v>46143</v>
      </c>
      <c r="C458" s="2" t="s">
        <v>79841</v>
      </c>
      <c r="D458" s="14" t="s">
        <v>79842</v>
      </c>
      <c r="E458" s="2" t="s">
        <v>79843</v>
      </c>
      <c r="F458" s="2" t="s">
        <v>130</v>
      </c>
      <c r="G458" s="8">
        <v>618</v>
      </c>
      <c r="H458" s="5">
        <v>5</v>
      </c>
      <c r="I458" s="5" t="s">
        <v>79637</v>
      </c>
      <c r="J458" s="5" t="s">
        <v>79638</v>
      </c>
      <c r="K458" s="2" t="s">
        <v>79639</v>
      </c>
      <c r="L458" s="5" t="s">
        <v>79638</v>
      </c>
      <c r="M458" s="2" t="s">
        <v>79639</v>
      </c>
      <c r="N458" s="5" t="s">
        <v>79640</v>
      </c>
      <c r="O458" s="5" t="s">
        <v>38</v>
      </c>
      <c r="P458" s="5" t="s">
        <v>39</v>
      </c>
      <c r="Q458" s="5" t="s">
        <v>40</v>
      </c>
      <c r="R458" s="5" t="s">
        <v>24335</v>
      </c>
      <c r="S458" s="5" t="s">
        <v>40</v>
      </c>
      <c r="T458" s="5" t="s">
        <v>42</v>
      </c>
      <c r="U458" s="2">
        <v>11.502000000000001</v>
      </c>
      <c r="V458" s="2">
        <v>8.9749999999999996</v>
      </c>
      <c r="W458" s="2">
        <v>0.10100000000000001</v>
      </c>
      <c r="X458" s="2">
        <v>43</v>
      </c>
      <c r="Y458" s="2">
        <v>16.5</v>
      </c>
      <c r="Z458" s="2">
        <v>143</v>
      </c>
      <c r="AA458" s="5">
        <v>14</v>
      </c>
      <c r="AB458" s="5" t="s">
        <v>43</v>
      </c>
      <c r="AC458" s="5" t="s">
        <v>735</v>
      </c>
      <c r="AD458" s="2" t="s">
        <v>79774</v>
      </c>
      <c r="AE458" s="1"/>
    </row>
    <row r="459" spans="1:31">
      <c r="A459" s="5" t="s">
        <v>116</v>
      </c>
      <c r="B459" s="21">
        <v>46143</v>
      </c>
      <c r="C459" s="2" t="s">
        <v>79850</v>
      </c>
      <c r="D459" s="14" t="s">
        <v>79851</v>
      </c>
      <c r="E459" s="2" t="s">
        <v>79852</v>
      </c>
      <c r="F459" s="2" t="s">
        <v>79833</v>
      </c>
      <c r="G459" s="8">
        <v>664</v>
      </c>
      <c r="H459" s="5">
        <v>5</v>
      </c>
      <c r="I459" s="5" t="s">
        <v>79637</v>
      </c>
      <c r="J459" s="5" t="s">
        <v>79638</v>
      </c>
      <c r="K459" s="2" t="s">
        <v>79639</v>
      </c>
      <c r="L459" s="5" t="s">
        <v>79638</v>
      </c>
      <c r="M459" s="2" t="s">
        <v>79639</v>
      </c>
      <c r="N459" s="5" t="s">
        <v>79640</v>
      </c>
      <c r="O459" s="5" t="s">
        <v>38</v>
      </c>
      <c r="P459" s="5" t="s">
        <v>39</v>
      </c>
      <c r="Q459" s="5" t="s">
        <v>40</v>
      </c>
      <c r="R459" s="5" t="s">
        <v>1487</v>
      </c>
      <c r="S459" s="5"/>
      <c r="T459" s="5" t="s">
        <v>42</v>
      </c>
      <c r="U459" s="2">
        <v>0</v>
      </c>
      <c r="V459" s="2">
        <v>0</v>
      </c>
      <c r="W459" s="2">
        <v>0</v>
      </c>
      <c r="X459" s="2">
        <v>0</v>
      </c>
      <c r="Y459" s="2">
        <v>0</v>
      </c>
      <c r="Z459" s="2">
        <v>0</v>
      </c>
      <c r="AA459" s="5"/>
      <c r="AB459" s="5" t="s">
        <v>43</v>
      </c>
      <c r="AC459" s="5" t="s">
        <v>735</v>
      </c>
      <c r="AD459" s="2" t="s">
        <v>79834</v>
      </c>
      <c r="AE459" s="1"/>
    </row>
    <row r="460" spans="1:31">
      <c r="A460" s="5" t="s">
        <v>116</v>
      </c>
      <c r="B460" s="21">
        <v>46143</v>
      </c>
      <c r="C460" s="2" t="s">
        <v>79853</v>
      </c>
      <c r="D460" s="14" t="s">
        <v>79854</v>
      </c>
      <c r="E460" s="2" t="s">
        <v>79855</v>
      </c>
      <c r="F460" s="2" t="s">
        <v>130</v>
      </c>
      <c r="G460" s="8">
        <v>507</v>
      </c>
      <c r="H460" s="5">
        <v>5</v>
      </c>
      <c r="I460" s="5" t="s">
        <v>79637</v>
      </c>
      <c r="J460" s="5" t="s">
        <v>79638</v>
      </c>
      <c r="K460" s="2" t="s">
        <v>79639</v>
      </c>
      <c r="L460" s="5" t="s">
        <v>79638</v>
      </c>
      <c r="M460" s="2" t="s">
        <v>79639</v>
      </c>
      <c r="N460" s="5" t="s">
        <v>79640</v>
      </c>
      <c r="O460" s="5" t="s">
        <v>38</v>
      </c>
      <c r="P460" s="5" t="s">
        <v>39</v>
      </c>
      <c r="Q460" s="5" t="s">
        <v>40</v>
      </c>
      <c r="R460" s="5" t="s">
        <v>24335</v>
      </c>
      <c r="S460" s="5" t="s">
        <v>40</v>
      </c>
      <c r="T460" s="5" t="s">
        <v>42</v>
      </c>
      <c r="U460" s="2">
        <v>10.92</v>
      </c>
      <c r="V460" s="2">
        <v>8.2059999999999995</v>
      </c>
      <c r="W460" s="2">
        <v>0.11600000000000001</v>
      </c>
      <c r="X460" s="2">
        <v>43</v>
      </c>
      <c r="Y460" s="2">
        <v>16.5</v>
      </c>
      <c r="Z460" s="2">
        <v>162.80000000000001</v>
      </c>
      <c r="AA460" s="5">
        <v>14</v>
      </c>
      <c r="AB460" s="5" t="s">
        <v>43</v>
      </c>
      <c r="AC460" s="5" t="s">
        <v>735</v>
      </c>
      <c r="AD460" s="2" t="s">
        <v>79766</v>
      </c>
      <c r="AE460" s="1"/>
    </row>
    <row r="461" spans="1:31">
      <c r="A461" s="5" t="s">
        <v>116</v>
      </c>
      <c r="B461" s="21">
        <v>46143</v>
      </c>
      <c r="C461" s="2" t="s">
        <v>79859</v>
      </c>
      <c r="D461" s="14" t="s">
        <v>79860</v>
      </c>
      <c r="E461" s="2" t="s">
        <v>79861</v>
      </c>
      <c r="F461" s="2" t="s">
        <v>130</v>
      </c>
      <c r="G461" s="8">
        <v>624</v>
      </c>
      <c r="H461" s="5">
        <v>10</v>
      </c>
      <c r="I461" s="5" t="s">
        <v>79637</v>
      </c>
      <c r="J461" s="5" t="s">
        <v>79638</v>
      </c>
      <c r="K461" s="2" t="s">
        <v>79639</v>
      </c>
      <c r="L461" s="5" t="s">
        <v>79638</v>
      </c>
      <c r="M461" s="2" t="s">
        <v>79639</v>
      </c>
      <c r="N461" s="5" t="s">
        <v>79640</v>
      </c>
      <c r="O461" s="5" t="s">
        <v>38</v>
      </c>
      <c r="P461" s="5" t="s">
        <v>39</v>
      </c>
      <c r="Q461" s="5" t="s">
        <v>40</v>
      </c>
      <c r="R461" s="5" t="s">
        <v>24335</v>
      </c>
      <c r="S461" s="5" t="s">
        <v>40</v>
      </c>
      <c r="T461" s="5" t="s">
        <v>42</v>
      </c>
      <c r="U461" s="2">
        <v>12.769</v>
      </c>
      <c r="V461" s="2">
        <v>10.055</v>
      </c>
      <c r="W461" s="2">
        <v>0.11600000000000001</v>
      </c>
      <c r="X461" s="2">
        <v>43</v>
      </c>
      <c r="Y461" s="2">
        <v>16.5</v>
      </c>
      <c r="Z461" s="2">
        <v>162.80000000000001</v>
      </c>
      <c r="AA461" s="5">
        <v>14</v>
      </c>
      <c r="AB461" s="5" t="s">
        <v>43</v>
      </c>
      <c r="AC461" s="5" t="s">
        <v>735</v>
      </c>
      <c r="AD461" s="2" t="s">
        <v>79774</v>
      </c>
      <c r="AE461" s="1"/>
    </row>
    <row r="462" spans="1:31">
      <c r="A462" s="5" t="s">
        <v>116</v>
      </c>
      <c r="B462" s="21">
        <v>46143</v>
      </c>
      <c r="C462" s="2" t="s">
        <v>79868</v>
      </c>
      <c r="D462" s="14" t="s">
        <v>79869</v>
      </c>
      <c r="E462" s="2" t="s">
        <v>79870</v>
      </c>
      <c r="F462" s="2" t="s">
        <v>79833</v>
      </c>
      <c r="G462" s="8">
        <v>669</v>
      </c>
      <c r="H462" s="5">
        <v>5</v>
      </c>
      <c r="I462" s="5" t="s">
        <v>79637</v>
      </c>
      <c r="J462" s="5" t="s">
        <v>79638</v>
      </c>
      <c r="K462" s="2" t="s">
        <v>79639</v>
      </c>
      <c r="L462" s="5" t="s">
        <v>79638</v>
      </c>
      <c r="M462" s="2" t="s">
        <v>79639</v>
      </c>
      <c r="N462" s="5" t="s">
        <v>79640</v>
      </c>
      <c r="O462" s="5" t="s">
        <v>38</v>
      </c>
      <c r="P462" s="5" t="s">
        <v>39</v>
      </c>
      <c r="Q462" s="5" t="s">
        <v>40</v>
      </c>
      <c r="R462" s="5" t="s">
        <v>1487</v>
      </c>
      <c r="S462" s="5"/>
      <c r="T462" s="5" t="s">
        <v>42</v>
      </c>
      <c r="U462" s="2">
        <v>0</v>
      </c>
      <c r="V462" s="2">
        <v>0</v>
      </c>
      <c r="W462" s="2">
        <v>0</v>
      </c>
      <c r="X462" s="2">
        <v>0</v>
      </c>
      <c r="Y462" s="2">
        <v>0</v>
      </c>
      <c r="Z462" s="2">
        <v>0</v>
      </c>
      <c r="AA462" s="5"/>
      <c r="AB462" s="5" t="s">
        <v>43</v>
      </c>
      <c r="AC462" s="5" t="s">
        <v>735</v>
      </c>
      <c r="AD462" s="2" t="s">
        <v>79834</v>
      </c>
      <c r="AE462" s="1"/>
    </row>
    <row r="463" spans="1:31">
      <c r="A463" s="5" t="s">
        <v>116</v>
      </c>
      <c r="B463" s="21">
        <v>46143</v>
      </c>
      <c r="C463" s="2" t="s">
        <v>79871</v>
      </c>
      <c r="D463" s="14" t="s">
        <v>79872</v>
      </c>
      <c r="E463" s="2" t="s">
        <v>79873</v>
      </c>
      <c r="F463" s="2" t="s">
        <v>130</v>
      </c>
      <c r="G463" s="8">
        <v>497</v>
      </c>
      <c r="H463" s="5">
        <v>5</v>
      </c>
      <c r="I463" s="5" t="s">
        <v>79637</v>
      </c>
      <c r="J463" s="5" t="s">
        <v>79638</v>
      </c>
      <c r="K463" s="2" t="s">
        <v>79639</v>
      </c>
      <c r="L463" s="5" t="s">
        <v>79638</v>
      </c>
      <c r="M463" s="2" t="s">
        <v>79639</v>
      </c>
      <c r="N463" s="5" t="s">
        <v>79640</v>
      </c>
      <c r="O463" s="5" t="s">
        <v>38</v>
      </c>
      <c r="P463" s="5" t="s">
        <v>39</v>
      </c>
      <c r="Q463" s="5" t="s">
        <v>40</v>
      </c>
      <c r="R463" s="5" t="s">
        <v>24335</v>
      </c>
      <c r="S463" s="5" t="s">
        <v>40</v>
      </c>
      <c r="T463" s="5" t="s">
        <v>42</v>
      </c>
      <c r="U463" s="2">
        <v>9.5310000000000006</v>
      </c>
      <c r="V463" s="2">
        <v>7.1580000000000004</v>
      </c>
      <c r="W463" s="2">
        <v>0.09</v>
      </c>
      <c r="X463" s="2">
        <v>43</v>
      </c>
      <c r="Y463" s="2">
        <v>16.5</v>
      </c>
      <c r="Z463" s="2">
        <v>126.8</v>
      </c>
      <c r="AA463" s="5">
        <v>14</v>
      </c>
      <c r="AB463" s="5" t="s">
        <v>43</v>
      </c>
      <c r="AC463" s="5" t="s">
        <v>735</v>
      </c>
      <c r="AD463" s="2" t="s">
        <v>79766</v>
      </c>
      <c r="AE463" s="1"/>
    </row>
    <row r="464" spans="1:31">
      <c r="A464" s="5" t="s">
        <v>116</v>
      </c>
      <c r="B464" s="21">
        <v>46143</v>
      </c>
      <c r="C464" s="2" t="s">
        <v>79877</v>
      </c>
      <c r="D464" s="14" t="s">
        <v>79878</v>
      </c>
      <c r="E464" s="2" t="s">
        <v>79879</v>
      </c>
      <c r="F464" s="2" t="s">
        <v>130</v>
      </c>
      <c r="G464" s="8">
        <v>611</v>
      </c>
      <c r="H464" s="5">
        <v>5</v>
      </c>
      <c r="I464" s="5" t="s">
        <v>79637</v>
      </c>
      <c r="J464" s="5" t="s">
        <v>79638</v>
      </c>
      <c r="K464" s="2" t="s">
        <v>79639</v>
      </c>
      <c r="L464" s="5" t="s">
        <v>79638</v>
      </c>
      <c r="M464" s="2" t="s">
        <v>79639</v>
      </c>
      <c r="N464" s="5" t="s">
        <v>79640</v>
      </c>
      <c r="O464" s="5" t="s">
        <v>38</v>
      </c>
      <c r="P464" s="5" t="s">
        <v>39</v>
      </c>
      <c r="Q464" s="5" t="s">
        <v>40</v>
      </c>
      <c r="R464" s="5" t="s">
        <v>24335</v>
      </c>
      <c r="S464" s="5" t="s">
        <v>40</v>
      </c>
      <c r="T464" s="5" t="s">
        <v>42</v>
      </c>
      <c r="U464" s="2">
        <v>10.984</v>
      </c>
      <c r="V464" s="2">
        <v>8.6110000000000007</v>
      </c>
      <c r="W464" s="2">
        <v>0.09</v>
      </c>
      <c r="X464" s="2">
        <v>43</v>
      </c>
      <c r="Y464" s="2">
        <v>16.5</v>
      </c>
      <c r="Z464" s="2">
        <v>126.8</v>
      </c>
      <c r="AA464" s="5">
        <v>14</v>
      </c>
      <c r="AB464" s="5" t="s">
        <v>43</v>
      </c>
      <c r="AC464" s="5" t="s">
        <v>735</v>
      </c>
      <c r="AD464" s="2" t="s">
        <v>79774</v>
      </c>
      <c r="AE464" s="1"/>
    </row>
    <row r="465" spans="1:31">
      <c r="A465" s="5" t="s">
        <v>116</v>
      </c>
      <c r="B465" s="21">
        <v>46143</v>
      </c>
      <c r="C465" s="2" t="s">
        <v>79886</v>
      </c>
      <c r="D465" s="14" t="s">
        <v>79887</v>
      </c>
      <c r="E465" s="2" t="s">
        <v>79888</v>
      </c>
      <c r="F465" s="2" t="s">
        <v>79833</v>
      </c>
      <c r="G465" s="8">
        <v>659</v>
      </c>
      <c r="H465" s="5">
        <v>5</v>
      </c>
      <c r="I465" s="5" t="s">
        <v>79637</v>
      </c>
      <c r="J465" s="5" t="s">
        <v>79638</v>
      </c>
      <c r="K465" s="2" t="s">
        <v>79639</v>
      </c>
      <c r="L465" s="5" t="s">
        <v>79638</v>
      </c>
      <c r="M465" s="2" t="s">
        <v>79639</v>
      </c>
      <c r="N465" s="5" t="s">
        <v>79640</v>
      </c>
      <c r="O465" s="5" t="s">
        <v>38</v>
      </c>
      <c r="P465" s="5" t="s">
        <v>39</v>
      </c>
      <c r="Q465" s="5" t="s">
        <v>40</v>
      </c>
      <c r="R465" s="5" t="s">
        <v>1487</v>
      </c>
      <c r="S465" s="5"/>
      <c r="T465" s="5" t="s">
        <v>42</v>
      </c>
      <c r="U465" s="2">
        <v>0</v>
      </c>
      <c r="V465" s="2">
        <v>0</v>
      </c>
      <c r="W465" s="2">
        <v>0</v>
      </c>
      <c r="X465" s="2">
        <v>0</v>
      </c>
      <c r="Y465" s="2">
        <v>0</v>
      </c>
      <c r="Z465" s="2">
        <v>0</v>
      </c>
      <c r="AA465" s="5"/>
      <c r="AB465" s="5" t="s">
        <v>43</v>
      </c>
      <c r="AC465" s="5" t="s">
        <v>735</v>
      </c>
      <c r="AD465" s="2" t="s">
        <v>79834</v>
      </c>
      <c r="AE465" s="1"/>
    </row>
    <row r="466" spans="1:31">
      <c r="A466" s="5" t="s">
        <v>116</v>
      </c>
      <c r="B466" s="21">
        <v>46143</v>
      </c>
      <c r="C466" s="2" t="s">
        <v>79889</v>
      </c>
      <c r="D466" s="14" t="s">
        <v>79890</v>
      </c>
      <c r="E466" s="2" t="s">
        <v>79891</v>
      </c>
      <c r="F466" s="2" t="s">
        <v>130</v>
      </c>
      <c r="G466" s="8">
        <v>523</v>
      </c>
      <c r="H466" s="5">
        <v>5</v>
      </c>
      <c r="I466" s="5" t="s">
        <v>79637</v>
      </c>
      <c r="J466" s="5" t="s">
        <v>79638</v>
      </c>
      <c r="K466" s="2" t="s">
        <v>79639</v>
      </c>
      <c r="L466" s="5" t="s">
        <v>79638</v>
      </c>
      <c r="M466" s="2" t="s">
        <v>79639</v>
      </c>
      <c r="N466" s="5" t="s">
        <v>79640</v>
      </c>
      <c r="O466" s="5" t="s">
        <v>38</v>
      </c>
      <c r="P466" s="5" t="s">
        <v>39</v>
      </c>
      <c r="Q466" s="5" t="s">
        <v>40</v>
      </c>
      <c r="R466" s="5" t="s">
        <v>24335</v>
      </c>
      <c r="S466" s="5" t="s">
        <v>40</v>
      </c>
      <c r="T466" s="5" t="s">
        <v>42</v>
      </c>
      <c r="U466" s="2">
        <v>10.54</v>
      </c>
      <c r="V466" s="2">
        <v>8.0129999999999999</v>
      </c>
      <c r="W466" s="2">
        <v>0.10100000000000001</v>
      </c>
      <c r="X466" s="2">
        <v>43</v>
      </c>
      <c r="Y466" s="2">
        <v>16.5</v>
      </c>
      <c r="Z466" s="2">
        <v>143</v>
      </c>
      <c r="AA466" s="5">
        <v>14</v>
      </c>
      <c r="AB466" s="5" t="s">
        <v>43</v>
      </c>
      <c r="AC466" s="5" t="s">
        <v>735</v>
      </c>
      <c r="AD466" s="2" t="s">
        <v>79766</v>
      </c>
      <c r="AE466" s="1"/>
    </row>
    <row r="467" spans="1:31">
      <c r="A467" s="5" t="s">
        <v>116</v>
      </c>
      <c r="B467" s="21">
        <v>46143</v>
      </c>
      <c r="C467" s="2" t="s">
        <v>79895</v>
      </c>
      <c r="D467" s="14" t="s">
        <v>79896</v>
      </c>
      <c r="E467" s="2" t="s">
        <v>79897</v>
      </c>
      <c r="F467" s="2" t="s">
        <v>130</v>
      </c>
      <c r="G467" s="8">
        <v>643</v>
      </c>
      <c r="H467" s="5">
        <v>5</v>
      </c>
      <c r="I467" s="5" t="s">
        <v>79637</v>
      </c>
      <c r="J467" s="5" t="s">
        <v>79638</v>
      </c>
      <c r="K467" s="2" t="s">
        <v>79639</v>
      </c>
      <c r="L467" s="5" t="s">
        <v>79638</v>
      </c>
      <c r="M467" s="2" t="s">
        <v>79639</v>
      </c>
      <c r="N467" s="5" t="s">
        <v>79640</v>
      </c>
      <c r="O467" s="5" t="s">
        <v>38</v>
      </c>
      <c r="P467" s="5" t="s">
        <v>39</v>
      </c>
      <c r="Q467" s="5" t="s">
        <v>40</v>
      </c>
      <c r="R467" s="5" t="s">
        <v>24335</v>
      </c>
      <c r="S467" s="5" t="s">
        <v>40</v>
      </c>
      <c r="T467" s="5" t="s">
        <v>42</v>
      </c>
      <c r="U467" s="2">
        <v>12.214</v>
      </c>
      <c r="V467" s="2">
        <v>9.6869999999999994</v>
      </c>
      <c r="W467" s="2">
        <v>0.10100000000000001</v>
      </c>
      <c r="X467" s="2">
        <v>43</v>
      </c>
      <c r="Y467" s="2">
        <v>16.5</v>
      </c>
      <c r="Z467" s="2">
        <v>143</v>
      </c>
      <c r="AA467" s="5">
        <v>14</v>
      </c>
      <c r="AB467" s="5" t="s">
        <v>43</v>
      </c>
      <c r="AC467" s="5" t="s">
        <v>735</v>
      </c>
      <c r="AD467" s="2" t="s">
        <v>79774</v>
      </c>
      <c r="AE467" s="1"/>
    </row>
    <row r="468" spans="1:31">
      <c r="A468" s="5" t="s">
        <v>116</v>
      </c>
      <c r="B468" s="21">
        <v>46143</v>
      </c>
      <c r="C468" s="2" t="s">
        <v>79904</v>
      </c>
      <c r="D468" s="14" t="s">
        <v>79905</v>
      </c>
      <c r="E468" s="2" t="s">
        <v>79906</v>
      </c>
      <c r="F468" s="2" t="s">
        <v>79833</v>
      </c>
      <c r="G468" s="8">
        <v>685</v>
      </c>
      <c r="H468" s="5">
        <v>5</v>
      </c>
      <c r="I468" s="5" t="s">
        <v>79637</v>
      </c>
      <c r="J468" s="5" t="s">
        <v>79638</v>
      </c>
      <c r="K468" s="2" t="s">
        <v>79639</v>
      </c>
      <c r="L468" s="5" t="s">
        <v>79638</v>
      </c>
      <c r="M468" s="2" t="s">
        <v>79639</v>
      </c>
      <c r="N468" s="5" t="s">
        <v>79640</v>
      </c>
      <c r="O468" s="5" t="s">
        <v>38</v>
      </c>
      <c r="P468" s="5" t="s">
        <v>39</v>
      </c>
      <c r="Q468" s="5" t="s">
        <v>40</v>
      </c>
      <c r="R468" s="5" t="s">
        <v>1487</v>
      </c>
      <c r="S468" s="5"/>
      <c r="T468" s="5" t="s">
        <v>42</v>
      </c>
      <c r="U468" s="2">
        <v>0</v>
      </c>
      <c r="V468" s="2">
        <v>0</v>
      </c>
      <c r="W468" s="2">
        <v>0</v>
      </c>
      <c r="X468" s="2">
        <v>0</v>
      </c>
      <c r="Y468" s="2">
        <v>0</v>
      </c>
      <c r="Z468" s="2">
        <v>0</v>
      </c>
      <c r="AA468" s="5"/>
      <c r="AB468" s="5" t="s">
        <v>43</v>
      </c>
      <c r="AC468" s="5" t="s">
        <v>735</v>
      </c>
      <c r="AD468" s="2" t="s">
        <v>79834</v>
      </c>
      <c r="AE468" s="1"/>
    </row>
    <row r="469" spans="1:31">
      <c r="A469" s="5" t="s">
        <v>116</v>
      </c>
      <c r="B469" s="21">
        <v>46143</v>
      </c>
      <c r="C469" s="2" t="s">
        <v>79907</v>
      </c>
      <c r="D469" s="14" t="s">
        <v>79908</v>
      </c>
      <c r="E469" s="2" t="s">
        <v>79909</v>
      </c>
      <c r="F469" s="2" t="s">
        <v>130</v>
      </c>
      <c r="G469" s="8">
        <v>549</v>
      </c>
      <c r="H469" s="5">
        <v>5</v>
      </c>
      <c r="I469" s="5" t="s">
        <v>79637</v>
      </c>
      <c r="J469" s="5" t="s">
        <v>79638</v>
      </c>
      <c r="K469" s="2" t="s">
        <v>79639</v>
      </c>
      <c r="L469" s="5" t="s">
        <v>79638</v>
      </c>
      <c r="M469" s="2" t="s">
        <v>79639</v>
      </c>
      <c r="N469" s="5" t="s">
        <v>79640</v>
      </c>
      <c r="O469" s="5" t="s">
        <v>38</v>
      </c>
      <c r="P469" s="5" t="s">
        <v>39</v>
      </c>
      <c r="Q469" s="5" t="s">
        <v>40</v>
      </c>
      <c r="R469" s="5" t="s">
        <v>24335</v>
      </c>
      <c r="S469" s="5" t="s">
        <v>40</v>
      </c>
      <c r="T469" s="5" t="s">
        <v>42</v>
      </c>
      <c r="U469" s="2">
        <v>11.631</v>
      </c>
      <c r="V469" s="2">
        <v>8.9169999999999998</v>
      </c>
      <c r="W469" s="2">
        <v>0.11600000000000001</v>
      </c>
      <c r="X469" s="2">
        <v>43</v>
      </c>
      <c r="Y469" s="2">
        <v>16.5</v>
      </c>
      <c r="Z469" s="2">
        <v>162.80000000000001</v>
      </c>
      <c r="AA469" s="5">
        <v>14</v>
      </c>
      <c r="AB469" s="5" t="s">
        <v>43</v>
      </c>
      <c r="AC469" s="5" t="s">
        <v>735</v>
      </c>
      <c r="AD469" s="2" t="s">
        <v>79766</v>
      </c>
      <c r="AE469" s="1"/>
    </row>
    <row r="470" spans="1:31">
      <c r="A470" s="5" t="s">
        <v>116</v>
      </c>
      <c r="B470" s="21">
        <v>46143</v>
      </c>
      <c r="C470" s="2" t="s">
        <v>79913</v>
      </c>
      <c r="D470" s="14" t="s">
        <v>79914</v>
      </c>
      <c r="E470" s="2" t="s">
        <v>79915</v>
      </c>
      <c r="F470" s="2" t="s">
        <v>130</v>
      </c>
      <c r="G470" s="8">
        <v>675</v>
      </c>
      <c r="H470" s="5">
        <v>5</v>
      </c>
      <c r="I470" s="5" t="s">
        <v>79637</v>
      </c>
      <c r="J470" s="5" t="s">
        <v>79638</v>
      </c>
      <c r="K470" s="2" t="s">
        <v>79639</v>
      </c>
      <c r="L470" s="5" t="s">
        <v>79638</v>
      </c>
      <c r="M470" s="2" t="s">
        <v>79639</v>
      </c>
      <c r="N470" s="5" t="s">
        <v>79640</v>
      </c>
      <c r="O470" s="5" t="s">
        <v>38</v>
      </c>
      <c r="P470" s="5" t="s">
        <v>39</v>
      </c>
      <c r="Q470" s="5" t="s">
        <v>40</v>
      </c>
      <c r="R470" s="5" t="s">
        <v>24335</v>
      </c>
      <c r="S470" s="5" t="s">
        <v>40</v>
      </c>
      <c r="T470" s="5" t="s">
        <v>42</v>
      </c>
      <c r="U470" s="2">
        <v>13.548999999999999</v>
      </c>
      <c r="V470" s="2">
        <v>10.835000000000001</v>
      </c>
      <c r="W470" s="2">
        <v>0.11600000000000001</v>
      </c>
      <c r="X470" s="2">
        <v>43</v>
      </c>
      <c r="Y470" s="2">
        <v>16.5</v>
      </c>
      <c r="Z470" s="2">
        <v>162.80000000000001</v>
      </c>
      <c r="AA470" s="5">
        <v>14</v>
      </c>
      <c r="AB470" s="5" t="s">
        <v>43</v>
      </c>
      <c r="AC470" s="5" t="s">
        <v>735</v>
      </c>
      <c r="AD470" s="2" t="s">
        <v>79774</v>
      </c>
      <c r="AE470" s="1"/>
    </row>
    <row r="471" spans="1:31">
      <c r="A471" s="5" t="s">
        <v>116</v>
      </c>
      <c r="B471" s="21">
        <v>46143</v>
      </c>
      <c r="C471" s="2" t="s">
        <v>79922</v>
      </c>
      <c r="D471" s="14" t="s">
        <v>79923</v>
      </c>
      <c r="E471" s="2" t="s">
        <v>79924</v>
      </c>
      <c r="F471" s="2" t="s">
        <v>79833</v>
      </c>
      <c r="G471" s="8">
        <v>711</v>
      </c>
      <c r="H471" s="5">
        <v>5</v>
      </c>
      <c r="I471" s="5" t="s">
        <v>79637</v>
      </c>
      <c r="J471" s="5" t="s">
        <v>79638</v>
      </c>
      <c r="K471" s="2" t="s">
        <v>79639</v>
      </c>
      <c r="L471" s="5" t="s">
        <v>79638</v>
      </c>
      <c r="M471" s="2" t="s">
        <v>79639</v>
      </c>
      <c r="N471" s="5" t="s">
        <v>79640</v>
      </c>
      <c r="O471" s="5" t="s">
        <v>38</v>
      </c>
      <c r="P471" s="5" t="s">
        <v>39</v>
      </c>
      <c r="Q471" s="5" t="s">
        <v>40</v>
      </c>
      <c r="R471" s="5" t="s">
        <v>1487</v>
      </c>
      <c r="S471" s="5"/>
      <c r="T471" s="5" t="s">
        <v>42</v>
      </c>
      <c r="U471" s="2">
        <v>0</v>
      </c>
      <c r="V471" s="2">
        <v>0</v>
      </c>
      <c r="W471" s="2">
        <v>0</v>
      </c>
      <c r="X471" s="2">
        <v>0</v>
      </c>
      <c r="Y471" s="2">
        <v>0</v>
      </c>
      <c r="Z471" s="2">
        <v>0</v>
      </c>
      <c r="AA471" s="5"/>
      <c r="AB471" s="5" t="s">
        <v>43</v>
      </c>
      <c r="AC471" s="5" t="s">
        <v>735</v>
      </c>
      <c r="AD471" s="2" t="s">
        <v>79834</v>
      </c>
      <c r="AE471" s="1"/>
    </row>
    <row r="472" spans="1:31">
      <c r="A472" s="5" t="s">
        <v>116</v>
      </c>
      <c r="B472" s="21">
        <v>46143</v>
      </c>
      <c r="C472" s="2" t="s">
        <v>79925</v>
      </c>
      <c r="D472" s="14" t="s">
        <v>79926</v>
      </c>
      <c r="E472" s="2" t="s">
        <v>79927</v>
      </c>
      <c r="F472" s="2" t="s">
        <v>130</v>
      </c>
      <c r="G472" s="8">
        <v>591</v>
      </c>
      <c r="H472" s="5">
        <v>5</v>
      </c>
      <c r="I472" s="5" t="s">
        <v>79637</v>
      </c>
      <c r="J472" s="5" t="s">
        <v>79638</v>
      </c>
      <c r="K472" s="2" t="s">
        <v>79639</v>
      </c>
      <c r="L472" s="5" t="s">
        <v>79638</v>
      </c>
      <c r="M472" s="2" t="s">
        <v>79639</v>
      </c>
      <c r="N472" s="5" t="s">
        <v>79640</v>
      </c>
      <c r="O472" s="5" t="s">
        <v>38</v>
      </c>
      <c r="P472" s="5" t="s">
        <v>39</v>
      </c>
      <c r="Q472" s="5" t="s">
        <v>40</v>
      </c>
      <c r="R472" s="5" t="s">
        <v>24335</v>
      </c>
      <c r="S472" s="5" t="s">
        <v>40</v>
      </c>
      <c r="T472" s="5" t="s">
        <v>42</v>
      </c>
      <c r="U472" s="2">
        <v>12.638</v>
      </c>
      <c r="V472" s="2">
        <v>9.7729999999999997</v>
      </c>
      <c r="W472" s="2">
        <v>0.126</v>
      </c>
      <c r="X472" s="2">
        <v>43</v>
      </c>
      <c r="Y472" s="2">
        <v>16.5</v>
      </c>
      <c r="Z472" s="2">
        <v>177.8</v>
      </c>
      <c r="AA472" s="5">
        <v>14</v>
      </c>
      <c r="AB472" s="5" t="s">
        <v>43</v>
      </c>
      <c r="AC472" s="5" t="s">
        <v>735</v>
      </c>
      <c r="AD472" s="2" t="s">
        <v>79766</v>
      </c>
      <c r="AE472" s="1"/>
    </row>
    <row r="473" spans="1:31">
      <c r="A473" s="5" t="s">
        <v>116</v>
      </c>
      <c r="B473" s="21">
        <v>46143</v>
      </c>
      <c r="C473" s="2" t="s">
        <v>79931</v>
      </c>
      <c r="D473" s="14" t="s">
        <v>79932</v>
      </c>
      <c r="E473" s="2" t="s">
        <v>79933</v>
      </c>
      <c r="F473" s="2" t="s">
        <v>130</v>
      </c>
      <c r="G473" s="8">
        <v>727</v>
      </c>
      <c r="H473" s="5">
        <v>10</v>
      </c>
      <c r="I473" s="5" t="s">
        <v>79637</v>
      </c>
      <c r="J473" s="5" t="s">
        <v>79638</v>
      </c>
      <c r="K473" s="2" t="s">
        <v>79639</v>
      </c>
      <c r="L473" s="5" t="s">
        <v>79638</v>
      </c>
      <c r="M473" s="2" t="s">
        <v>79639</v>
      </c>
      <c r="N473" s="5" t="s">
        <v>79640</v>
      </c>
      <c r="O473" s="5" t="s">
        <v>38</v>
      </c>
      <c r="P473" s="5" t="s">
        <v>39</v>
      </c>
      <c r="Q473" s="5" t="s">
        <v>40</v>
      </c>
      <c r="R473" s="5" t="s">
        <v>24335</v>
      </c>
      <c r="S473" s="5" t="s">
        <v>40</v>
      </c>
      <c r="T473" s="5" t="s">
        <v>42</v>
      </c>
      <c r="U473" s="2">
        <v>14.78</v>
      </c>
      <c r="V473" s="2">
        <v>11.914999999999999</v>
      </c>
      <c r="W473" s="2">
        <v>0.126</v>
      </c>
      <c r="X473" s="2">
        <v>43</v>
      </c>
      <c r="Y473" s="2">
        <v>16.5</v>
      </c>
      <c r="Z473" s="2">
        <v>177.8</v>
      </c>
      <c r="AA473" s="5">
        <v>14</v>
      </c>
      <c r="AB473" s="5" t="s">
        <v>43</v>
      </c>
      <c r="AC473" s="5" t="s">
        <v>735</v>
      </c>
      <c r="AD473" s="2" t="s">
        <v>79774</v>
      </c>
      <c r="AE473" s="1"/>
    </row>
    <row r="474" spans="1:31">
      <c r="A474" s="5" t="s">
        <v>116</v>
      </c>
      <c r="B474" s="21">
        <v>46143</v>
      </c>
      <c r="C474" s="2" t="s">
        <v>79940</v>
      </c>
      <c r="D474" s="14" t="s">
        <v>79941</v>
      </c>
      <c r="E474" s="2" t="s">
        <v>79942</v>
      </c>
      <c r="F474" s="2" t="s">
        <v>79833</v>
      </c>
      <c r="G474" s="8">
        <v>753</v>
      </c>
      <c r="H474" s="5">
        <v>5</v>
      </c>
      <c r="I474" s="5" t="s">
        <v>79637</v>
      </c>
      <c r="J474" s="5" t="s">
        <v>79638</v>
      </c>
      <c r="K474" s="2" t="s">
        <v>79639</v>
      </c>
      <c r="L474" s="5" t="s">
        <v>79638</v>
      </c>
      <c r="M474" s="2" t="s">
        <v>79639</v>
      </c>
      <c r="N474" s="5" t="s">
        <v>79640</v>
      </c>
      <c r="O474" s="5" t="s">
        <v>38</v>
      </c>
      <c r="P474" s="5" t="s">
        <v>39</v>
      </c>
      <c r="Q474" s="5" t="s">
        <v>40</v>
      </c>
      <c r="R474" s="5" t="s">
        <v>1487</v>
      </c>
      <c r="S474" s="5"/>
      <c r="T474" s="5" t="s">
        <v>42</v>
      </c>
      <c r="U474" s="2">
        <v>0</v>
      </c>
      <c r="V474" s="2">
        <v>0</v>
      </c>
      <c r="W474" s="2">
        <v>0</v>
      </c>
      <c r="X474" s="2">
        <v>0</v>
      </c>
      <c r="Y474" s="2">
        <v>0</v>
      </c>
      <c r="Z474" s="2">
        <v>0</v>
      </c>
      <c r="AA474" s="5"/>
      <c r="AB474" s="5" t="s">
        <v>43</v>
      </c>
      <c r="AC474" s="5" t="s">
        <v>735</v>
      </c>
      <c r="AD474" s="2" t="s">
        <v>79834</v>
      </c>
      <c r="AE474" s="1"/>
    </row>
    <row r="475" spans="1:31">
      <c r="A475" s="5" t="s">
        <v>116</v>
      </c>
      <c r="B475" s="21">
        <v>46143</v>
      </c>
      <c r="C475" s="2" t="s">
        <v>79943</v>
      </c>
      <c r="D475" s="14" t="s">
        <v>79944</v>
      </c>
      <c r="E475" s="2" t="s">
        <v>79945</v>
      </c>
      <c r="F475" s="2" t="s">
        <v>130</v>
      </c>
      <c r="G475" s="8">
        <v>664</v>
      </c>
      <c r="H475" s="5">
        <v>10</v>
      </c>
      <c r="I475" s="5" t="s">
        <v>79637</v>
      </c>
      <c r="J475" s="5" t="s">
        <v>79638</v>
      </c>
      <c r="K475" s="2" t="s">
        <v>79639</v>
      </c>
      <c r="L475" s="5" t="s">
        <v>79638</v>
      </c>
      <c r="M475" s="2" t="s">
        <v>79639</v>
      </c>
      <c r="N475" s="5" t="s">
        <v>79640</v>
      </c>
      <c r="O475" s="5" t="s">
        <v>38</v>
      </c>
      <c r="P475" s="5" t="s">
        <v>39</v>
      </c>
      <c r="Q475" s="5" t="s">
        <v>40</v>
      </c>
      <c r="R475" s="5" t="s">
        <v>24335</v>
      </c>
      <c r="S475" s="5" t="s">
        <v>40</v>
      </c>
      <c r="T475" s="5" t="s">
        <v>42</v>
      </c>
      <c r="U475" s="2">
        <v>13.593999999999999</v>
      </c>
      <c r="V475" s="2">
        <v>10.535</v>
      </c>
      <c r="W475" s="2">
        <v>0.14099999999999999</v>
      </c>
      <c r="X475" s="2">
        <v>43</v>
      </c>
      <c r="Y475" s="2">
        <v>16.5</v>
      </c>
      <c r="Z475" s="2">
        <v>199.2</v>
      </c>
      <c r="AA475" s="5">
        <v>14</v>
      </c>
      <c r="AB475" s="5" t="s">
        <v>43</v>
      </c>
      <c r="AC475" s="5" t="s">
        <v>735</v>
      </c>
      <c r="AD475" s="2" t="s">
        <v>79766</v>
      </c>
      <c r="AE475" s="1"/>
    </row>
    <row r="476" spans="1:31">
      <c r="A476" s="5" t="s">
        <v>116</v>
      </c>
      <c r="B476" s="21">
        <v>46143</v>
      </c>
      <c r="C476" s="2" t="s">
        <v>79949</v>
      </c>
      <c r="D476" s="14" t="s">
        <v>79950</v>
      </c>
      <c r="E476" s="2" t="s">
        <v>79951</v>
      </c>
      <c r="F476" s="2" t="s">
        <v>130</v>
      </c>
      <c r="G476" s="8">
        <v>817</v>
      </c>
      <c r="H476" s="5">
        <v>10</v>
      </c>
      <c r="I476" s="5" t="s">
        <v>79637</v>
      </c>
      <c r="J476" s="5" t="s">
        <v>79638</v>
      </c>
      <c r="K476" s="2" t="s">
        <v>79639</v>
      </c>
      <c r="L476" s="5" t="s">
        <v>79638</v>
      </c>
      <c r="M476" s="2" t="s">
        <v>79639</v>
      </c>
      <c r="N476" s="5" t="s">
        <v>79640</v>
      </c>
      <c r="O476" s="5" t="s">
        <v>38</v>
      </c>
      <c r="P476" s="5" t="s">
        <v>39</v>
      </c>
      <c r="Q476" s="5" t="s">
        <v>40</v>
      </c>
      <c r="R476" s="5" t="s">
        <v>24335</v>
      </c>
      <c r="S476" s="5" t="s">
        <v>40</v>
      </c>
      <c r="T476" s="5" t="s">
        <v>42</v>
      </c>
      <c r="U476" s="2">
        <v>15.957000000000001</v>
      </c>
      <c r="V476" s="2">
        <v>12.898</v>
      </c>
      <c r="W476" s="2">
        <v>0.14099999999999999</v>
      </c>
      <c r="X476" s="2">
        <v>43</v>
      </c>
      <c r="Y476" s="2">
        <v>16.5</v>
      </c>
      <c r="Z476" s="2">
        <v>199.2</v>
      </c>
      <c r="AA476" s="5">
        <v>14</v>
      </c>
      <c r="AB476" s="5" t="s">
        <v>43</v>
      </c>
      <c r="AC476" s="5" t="s">
        <v>735</v>
      </c>
      <c r="AD476" s="2" t="s">
        <v>79774</v>
      </c>
      <c r="AE476" s="1"/>
    </row>
    <row r="477" spans="1:31">
      <c r="A477" s="5" t="s">
        <v>116</v>
      </c>
      <c r="B477" s="21">
        <v>46143</v>
      </c>
      <c r="C477" s="2" t="s">
        <v>79958</v>
      </c>
      <c r="D477" s="14" t="s">
        <v>79959</v>
      </c>
      <c r="E477" s="2" t="s">
        <v>79960</v>
      </c>
      <c r="F477" s="2" t="s">
        <v>79833</v>
      </c>
      <c r="G477" s="8">
        <v>826</v>
      </c>
      <c r="H477" s="5">
        <v>10</v>
      </c>
      <c r="I477" s="5" t="s">
        <v>79637</v>
      </c>
      <c r="J477" s="5" t="s">
        <v>79638</v>
      </c>
      <c r="K477" s="2" t="s">
        <v>79639</v>
      </c>
      <c r="L477" s="5" t="s">
        <v>79638</v>
      </c>
      <c r="M477" s="2" t="s">
        <v>79639</v>
      </c>
      <c r="N477" s="5" t="s">
        <v>79640</v>
      </c>
      <c r="O477" s="5" t="s">
        <v>38</v>
      </c>
      <c r="P477" s="5" t="s">
        <v>39</v>
      </c>
      <c r="Q477" s="5" t="s">
        <v>40</v>
      </c>
      <c r="R477" s="5" t="s">
        <v>1487</v>
      </c>
      <c r="S477" s="5"/>
      <c r="T477" s="5" t="s">
        <v>42</v>
      </c>
      <c r="U477" s="2">
        <v>0</v>
      </c>
      <c r="V477" s="2">
        <v>0</v>
      </c>
      <c r="W477" s="2">
        <v>0</v>
      </c>
      <c r="X477" s="2">
        <v>0</v>
      </c>
      <c r="Y477" s="2">
        <v>0</v>
      </c>
      <c r="Z477" s="2">
        <v>0</v>
      </c>
      <c r="AA477" s="5"/>
      <c r="AB477" s="5" t="s">
        <v>43</v>
      </c>
      <c r="AC477" s="5" t="s">
        <v>735</v>
      </c>
      <c r="AD477" s="2" t="s">
        <v>79834</v>
      </c>
      <c r="AE477" s="1"/>
    </row>
    <row r="478" spans="1:31">
      <c r="A478" s="5" t="s">
        <v>116</v>
      </c>
      <c r="B478" s="21">
        <v>46143</v>
      </c>
      <c r="C478" s="2" t="s">
        <v>79961</v>
      </c>
      <c r="D478" s="14" t="s">
        <v>79962</v>
      </c>
      <c r="E478" s="2" t="s">
        <v>79963</v>
      </c>
      <c r="F478" s="2" t="s">
        <v>130</v>
      </c>
      <c r="G478" s="8">
        <v>570</v>
      </c>
      <c r="H478" s="5">
        <v>5</v>
      </c>
      <c r="I478" s="5" t="s">
        <v>79637</v>
      </c>
      <c r="J478" s="5" t="s">
        <v>79638</v>
      </c>
      <c r="K478" s="2" t="s">
        <v>79639</v>
      </c>
      <c r="L478" s="5" t="s">
        <v>79638</v>
      </c>
      <c r="M478" s="2" t="s">
        <v>79639</v>
      </c>
      <c r="N478" s="5" t="s">
        <v>79640</v>
      </c>
      <c r="O478" s="5" t="s">
        <v>38</v>
      </c>
      <c r="P478" s="5" t="s">
        <v>39</v>
      </c>
      <c r="Q478" s="5" t="s">
        <v>40</v>
      </c>
      <c r="R478" s="5" t="s">
        <v>24335</v>
      </c>
      <c r="S478" s="5" t="s">
        <v>40</v>
      </c>
      <c r="T478" s="5" t="s">
        <v>42</v>
      </c>
      <c r="U478" s="2">
        <v>11.398999999999999</v>
      </c>
      <c r="V478" s="2">
        <v>8.8719999999999999</v>
      </c>
      <c r="W478" s="2">
        <v>0.10100000000000001</v>
      </c>
      <c r="X478" s="2">
        <v>43</v>
      </c>
      <c r="Y478" s="2">
        <v>16.5</v>
      </c>
      <c r="Z478" s="2">
        <v>143</v>
      </c>
      <c r="AA478" s="5">
        <v>14</v>
      </c>
      <c r="AB478" s="5" t="s">
        <v>43</v>
      </c>
      <c r="AC478" s="5" t="s">
        <v>735</v>
      </c>
      <c r="AD478" s="2" t="s">
        <v>79766</v>
      </c>
      <c r="AE478" s="1"/>
    </row>
    <row r="479" spans="1:31">
      <c r="A479" s="5" t="s">
        <v>116</v>
      </c>
      <c r="B479" s="21">
        <v>46143</v>
      </c>
      <c r="C479" s="2" t="s">
        <v>79967</v>
      </c>
      <c r="D479" s="14" t="s">
        <v>79968</v>
      </c>
      <c r="E479" s="2" t="s">
        <v>79969</v>
      </c>
      <c r="F479" s="2" t="s">
        <v>130</v>
      </c>
      <c r="G479" s="8">
        <v>701</v>
      </c>
      <c r="H479" s="5">
        <v>10</v>
      </c>
      <c r="I479" s="5" t="s">
        <v>79637</v>
      </c>
      <c r="J479" s="5" t="s">
        <v>79638</v>
      </c>
      <c r="K479" s="2" t="s">
        <v>79639</v>
      </c>
      <c r="L479" s="5" t="s">
        <v>79638</v>
      </c>
      <c r="M479" s="2" t="s">
        <v>79639</v>
      </c>
      <c r="N479" s="5" t="s">
        <v>79640</v>
      </c>
      <c r="O479" s="5" t="s">
        <v>38</v>
      </c>
      <c r="P479" s="5" t="s">
        <v>39</v>
      </c>
      <c r="Q479" s="5" t="s">
        <v>40</v>
      </c>
      <c r="R479" s="5" t="s">
        <v>24335</v>
      </c>
      <c r="S479" s="5" t="s">
        <v>40</v>
      </c>
      <c r="T479" s="5" t="s">
        <v>42</v>
      </c>
      <c r="U479" s="2">
        <v>13.164</v>
      </c>
      <c r="V479" s="2">
        <v>10.637</v>
      </c>
      <c r="W479" s="2">
        <v>0.10100000000000001</v>
      </c>
      <c r="X479" s="2">
        <v>43</v>
      </c>
      <c r="Y479" s="2">
        <v>16.5</v>
      </c>
      <c r="Z479" s="2">
        <v>143</v>
      </c>
      <c r="AA479" s="5">
        <v>14</v>
      </c>
      <c r="AB479" s="5" t="s">
        <v>43</v>
      </c>
      <c r="AC479" s="5" t="s">
        <v>735</v>
      </c>
      <c r="AD479" s="2" t="s">
        <v>79774</v>
      </c>
      <c r="AE479" s="1"/>
    </row>
    <row r="480" spans="1:31">
      <c r="A480" s="5" t="s">
        <v>116</v>
      </c>
      <c r="B480" s="21">
        <v>46143</v>
      </c>
      <c r="C480" s="2" t="s">
        <v>79976</v>
      </c>
      <c r="D480" s="14" t="s">
        <v>79977</v>
      </c>
      <c r="E480" s="2" t="s">
        <v>79978</v>
      </c>
      <c r="F480" s="2" t="s">
        <v>79833</v>
      </c>
      <c r="G480" s="8">
        <v>732</v>
      </c>
      <c r="H480" s="5">
        <v>5</v>
      </c>
      <c r="I480" s="5" t="s">
        <v>79637</v>
      </c>
      <c r="J480" s="5" t="s">
        <v>79638</v>
      </c>
      <c r="K480" s="2" t="s">
        <v>79639</v>
      </c>
      <c r="L480" s="5" t="s">
        <v>79638</v>
      </c>
      <c r="M480" s="2" t="s">
        <v>79639</v>
      </c>
      <c r="N480" s="5" t="s">
        <v>79640</v>
      </c>
      <c r="O480" s="5" t="s">
        <v>38</v>
      </c>
      <c r="P480" s="5" t="s">
        <v>39</v>
      </c>
      <c r="Q480" s="5" t="s">
        <v>40</v>
      </c>
      <c r="R480" s="5" t="s">
        <v>1487</v>
      </c>
      <c r="S480" s="5"/>
      <c r="T480" s="5" t="s">
        <v>42</v>
      </c>
      <c r="U480" s="2">
        <v>0</v>
      </c>
      <c r="V480" s="2">
        <v>0</v>
      </c>
      <c r="W480" s="2">
        <v>0</v>
      </c>
      <c r="X480" s="2">
        <v>0</v>
      </c>
      <c r="Y480" s="2">
        <v>0</v>
      </c>
      <c r="Z480" s="2">
        <v>0</v>
      </c>
      <c r="AA480" s="5"/>
      <c r="AB480" s="5" t="s">
        <v>43</v>
      </c>
      <c r="AC480" s="5" t="s">
        <v>735</v>
      </c>
      <c r="AD480" s="2" t="s">
        <v>79834</v>
      </c>
      <c r="AE480" s="1"/>
    </row>
    <row r="481" spans="1:31">
      <c r="A481" s="5" t="s">
        <v>116</v>
      </c>
      <c r="B481" s="21">
        <v>46143</v>
      </c>
      <c r="C481" s="2" t="s">
        <v>79979</v>
      </c>
      <c r="D481" s="14" t="s">
        <v>79980</v>
      </c>
      <c r="E481" s="2" t="s">
        <v>79981</v>
      </c>
      <c r="F481" s="2" t="s">
        <v>130</v>
      </c>
      <c r="G481" s="8">
        <v>601</v>
      </c>
      <c r="H481" s="5">
        <v>5</v>
      </c>
      <c r="I481" s="5" t="s">
        <v>79637</v>
      </c>
      <c r="J481" s="5" t="s">
        <v>79638</v>
      </c>
      <c r="K481" s="2" t="s">
        <v>79639</v>
      </c>
      <c r="L481" s="5" t="s">
        <v>79638</v>
      </c>
      <c r="M481" s="2" t="s">
        <v>79639</v>
      </c>
      <c r="N481" s="5" t="s">
        <v>79640</v>
      </c>
      <c r="O481" s="5" t="s">
        <v>38</v>
      </c>
      <c r="P481" s="5" t="s">
        <v>39</v>
      </c>
      <c r="Q481" s="5" t="s">
        <v>40</v>
      </c>
      <c r="R481" s="5" t="s">
        <v>24335</v>
      </c>
      <c r="S481" s="5" t="s">
        <v>40</v>
      </c>
      <c r="T481" s="5" t="s">
        <v>42</v>
      </c>
      <c r="U481" s="2">
        <v>12.58</v>
      </c>
      <c r="V481" s="2">
        <v>9.8659999999999997</v>
      </c>
      <c r="W481" s="2">
        <v>0.11600000000000001</v>
      </c>
      <c r="X481" s="2">
        <v>43</v>
      </c>
      <c r="Y481" s="2">
        <v>16.5</v>
      </c>
      <c r="Z481" s="2">
        <v>162.80000000000001</v>
      </c>
      <c r="AA481" s="5">
        <v>14</v>
      </c>
      <c r="AB481" s="5" t="s">
        <v>43</v>
      </c>
      <c r="AC481" s="5" t="s">
        <v>735</v>
      </c>
      <c r="AD481" s="2" t="s">
        <v>79766</v>
      </c>
      <c r="AE481" s="1"/>
    </row>
    <row r="482" spans="1:31">
      <c r="A482" s="5" t="s">
        <v>116</v>
      </c>
      <c r="B482" s="21">
        <v>46143</v>
      </c>
      <c r="C482" s="2" t="s">
        <v>79985</v>
      </c>
      <c r="D482" s="14" t="s">
        <v>79986</v>
      </c>
      <c r="E482" s="2" t="s">
        <v>79987</v>
      </c>
      <c r="F482" s="2" t="s">
        <v>130</v>
      </c>
      <c r="G482" s="8">
        <v>740</v>
      </c>
      <c r="H482" s="5">
        <v>10</v>
      </c>
      <c r="I482" s="5" t="s">
        <v>79637</v>
      </c>
      <c r="J482" s="5" t="s">
        <v>79638</v>
      </c>
      <c r="K482" s="2" t="s">
        <v>79639</v>
      </c>
      <c r="L482" s="5" t="s">
        <v>79638</v>
      </c>
      <c r="M482" s="2" t="s">
        <v>79639</v>
      </c>
      <c r="N482" s="5" t="s">
        <v>79640</v>
      </c>
      <c r="O482" s="5" t="s">
        <v>38</v>
      </c>
      <c r="P482" s="5" t="s">
        <v>39</v>
      </c>
      <c r="Q482" s="5" t="s">
        <v>40</v>
      </c>
      <c r="R482" s="5" t="s">
        <v>24335</v>
      </c>
      <c r="S482" s="5" t="s">
        <v>40</v>
      </c>
      <c r="T482" s="5" t="s">
        <v>42</v>
      </c>
      <c r="U482" s="2">
        <v>14.589</v>
      </c>
      <c r="V482" s="2">
        <v>11.875</v>
      </c>
      <c r="W482" s="2">
        <v>0.11600000000000001</v>
      </c>
      <c r="X482" s="2">
        <v>43</v>
      </c>
      <c r="Y482" s="2">
        <v>16.5</v>
      </c>
      <c r="Z482" s="2">
        <v>162.80000000000001</v>
      </c>
      <c r="AA482" s="5">
        <v>14</v>
      </c>
      <c r="AB482" s="5" t="s">
        <v>43</v>
      </c>
      <c r="AC482" s="5" t="s">
        <v>735</v>
      </c>
      <c r="AD482" s="2" t="s">
        <v>79774</v>
      </c>
      <c r="AE482" s="1"/>
    </row>
    <row r="483" spans="1:31">
      <c r="A483" s="5" t="s">
        <v>116</v>
      </c>
      <c r="B483" s="21">
        <v>46143</v>
      </c>
      <c r="C483" s="2" t="s">
        <v>79994</v>
      </c>
      <c r="D483" s="14" t="s">
        <v>79995</v>
      </c>
      <c r="E483" s="2" t="s">
        <v>79996</v>
      </c>
      <c r="F483" s="2" t="s">
        <v>79833</v>
      </c>
      <c r="G483" s="8">
        <v>763</v>
      </c>
      <c r="H483" s="5">
        <v>5</v>
      </c>
      <c r="I483" s="5" t="s">
        <v>79637</v>
      </c>
      <c r="J483" s="5" t="s">
        <v>79638</v>
      </c>
      <c r="K483" s="2" t="s">
        <v>79639</v>
      </c>
      <c r="L483" s="5" t="s">
        <v>79638</v>
      </c>
      <c r="M483" s="2" t="s">
        <v>79639</v>
      </c>
      <c r="N483" s="5" t="s">
        <v>79640</v>
      </c>
      <c r="O483" s="5" t="s">
        <v>38</v>
      </c>
      <c r="P483" s="5" t="s">
        <v>39</v>
      </c>
      <c r="Q483" s="5" t="s">
        <v>40</v>
      </c>
      <c r="R483" s="5" t="s">
        <v>1487</v>
      </c>
      <c r="S483" s="5"/>
      <c r="T483" s="5" t="s">
        <v>42</v>
      </c>
      <c r="U483" s="2">
        <v>0</v>
      </c>
      <c r="V483" s="2">
        <v>0</v>
      </c>
      <c r="W483" s="2">
        <v>0</v>
      </c>
      <c r="X483" s="2">
        <v>0</v>
      </c>
      <c r="Y483" s="2">
        <v>0</v>
      </c>
      <c r="Z483" s="2">
        <v>0</v>
      </c>
      <c r="AA483" s="5"/>
      <c r="AB483" s="5" t="s">
        <v>43</v>
      </c>
      <c r="AC483" s="5" t="s">
        <v>735</v>
      </c>
      <c r="AD483" s="2" t="s">
        <v>79834</v>
      </c>
      <c r="AE483" s="1"/>
    </row>
    <row r="484" spans="1:31">
      <c r="A484" s="5" t="s">
        <v>116</v>
      </c>
      <c r="B484" s="21">
        <v>46143</v>
      </c>
      <c r="C484" s="2" t="s">
        <v>79997</v>
      </c>
      <c r="D484" s="14" t="s">
        <v>79998</v>
      </c>
      <c r="E484" s="2" t="s">
        <v>79999</v>
      </c>
      <c r="F484" s="2" t="s">
        <v>130</v>
      </c>
      <c r="G484" s="8">
        <v>643</v>
      </c>
      <c r="H484" s="5">
        <v>5</v>
      </c>
      <c r="I484" s="5" t="s">
        <v>79637</v>
      </c>
      <c r="J484" s="5" t="s">
        <v>79638</v>
      </c>
      <c r="K484" s="2" t="s">
        <v>79639</v>
      </c>
      <c r="L484" s="5" t="s">
        <v>79638</v>
      </c>
      <c r="M484" s="2" t="s">
        <v>79639</v>
      </c>
      <c r="N484" s="5" t="s">
        <v>79640</v>
      </c>
      <c r="O484" s="5" t="s">
        <v>38</v>
      </c>
      <c r="P484" s="5" t="s">
        <v>39</v>
      </c>
      <c r="Q484" s="5" t="s">
        <v>40</v>
      </c>
      <c r="R484" s="5" t="s">
        <v>24335</v>
      </c>
      <c r="S484" s="5" t="s">
        <v>40</v>
      </c>
      <c r="T484" s="5" t="s">
        <v>42</v>
      </c>
      <c r="U484" s="2">
        <v>13.677</v>
      </c>
      <c r="V484" s="2">
        <v>10.811999999999999</v>
      </c>
      <c r="W484" s="2">
        <v>0.126</v>
      </c>
      <c r="X484" s="2">
        <v>43</v>
      </c>
      <c r="Y484" s="2">
        <v>16.5</v>
      </c>
      <c r="Z484" s="2">
        <v>177.8</v>
      </c>
      <c r="AA484" s="5">
        <v>14</v>
      </c>
      <c r="AB484" s="5" t="s">
        <v>43</v>
      </c>
      <c r="AC484" s="5" t="s">
        <v>735</v>
      </c>
      <c r="AD484" s="2" t="s">
        <v>79766</v>
      </c>
      <c r="AE484" s="1"/>
    </row>
    <row r="485" spans="1:31">
      <c r="A485" s="5" t="s">
        <v>116</v>
      </c>
      <c r="B485" s="21">
        <v>46143</v>
      </c>
      <c r="C485" s="2" t="s">
        <v>80003</v>
      </c>
      <c r="D485" s="14" t="s">
        <v>80004</v>
      </c>
      <c r="E485" s="2" t="s">
        <v>80005</v>
      </c>
      <c r="F485" s="2" t="s">
        <v>130</v>
      </c>
      <c r="G485" s="8">
        <v>791</v>
      </c>
      <c r="H485" s="5">
        <v>5</v>
      </c>
      <c r="I485" s="5" t="s">
        <v>79637</v>
      </c>
      <c r="J485" s="5" t="s">
        <v>79638</v>
      </c>
      <c r="K485" s="2" t="s">
        <v>79639</v>
      </c>
      <c r="L485" s="5" t="s">
        <v>79638</v>
      </c>
      <c r="M485" s="2" t="s">
        <v>79639</v>
      </c>
      <c r="N485" s="5" t="s">
        <v>79640</v>
      </c>
      <c r="O485" s="5" t="s">
        <v>38</v>
      </c>
      <c r="P485" s="5" t="s">
        <v>39</v>
      </c>
      <c r="Q485" s="5" t="s">
        <v>40</v>
      </c>
      <c r="R485" s="5" t="s">
        <v>24335</v>
      </c>
      <c r="S485" s="5" t="s">
        <v>40</v>
      </c>
      <c r="T485" s="5" t="s">
        <v>42</v>
      </c>
      <c r="U485" s="2">
        <v>15.91</v>
      </c>
      <c r="V485" s="2">
        <v>13.045</v>
      </c>
      <c r="W485" s="2">
        <v>0.126</v>
      </c>
      <c r="X485" s="2">
        <v>43</v>
      </c>
      <c r="Y485" s="2">
        <v>16.5</v>
      </c>
      <c r="Z485" s="2">
        <v>177.8</v>
      </c>
      <c r="AA485" s="5">
        <v>14</v>
      </c>
      <c r="AB485" s="5" t="s">
        <v>43</v>
      </c>
      <c r="AC485" s="5" t="s">
        <v>735</v>
      </c>
      <c r="AD485" s="2" t="s">
        <v>79774</v>
      </c>
      <c r="AE485" s="1"/>
    </row>
    <row r="486" spans="1:31">
      <c r="A486" s="5" t="s">
        <v>116</v>
      </c>
      <c r="B486" s="21">
        <v>46143</v>
      </c>
      <c r="C486" s="2" t="s">
        <v>80012</v>
      </c>
      <c r="D486" s="14" t="s">
        <v>80013</v>
      </c>
      <c r="E486" s="2" t="s">
        <v>80014</v>
      </c>
      <c r="F486" s="2" t="s">
        <v>79833</v>
      </c>
      <c r="G486" s="8">
        <v>805</v>
      </c>
      <c r="H486" s="5">
        <v>5</v>
      </c>
      <c r="I486" s="5" t="s">
        <v>79637</v>
      </c>
      <c r="J486" s="5" t="s">
        <v>79638</v>
      </c>
      <c r="K486" s="2" t="s">
        <v>79639</v>
      </c>
      <c r="L486" s="5" t="s">
        <v>79638</v>
      </c>
      <c r="M486" s="2" t="s">
        <v>79639</v>
      </c>
      <c r="N486" s="5" t="s">
        <v>79640</v>
      </c>
      <c r="O486" s="5" t="s">
        <v>38</v>
      </c>
      <c r="P486" s="5" t="s">
        <v>39</v>
      </c>
      <c r="Q486" s="5" t="s">
        <v>40</v>
      </c>
      <c r="R486" s="5" t="s">
        <v>1487</v>
      </c>
      <c r="S486" s="5"/>
      <c r="T486" s="5" t="s">
        <v>42</v>
      </c>
      <c r="U486" s="2">
        <v>0</v>
      </c>
      <c r="V486" s="2">
        <v>0</v>
      </c>
      <c r="W486" s="2">
        <v>0</v>
      </c>
      <c r="X486" s="2">
        <v>0</v>
      </c>
      <c r="Y486" s="2">
        <v>0</v>
      </c>
      <c r="Z486" s="2">
        <v>0</v>
      </c>
      <c r="AA486" s="5"/>
      <c r="AB486" s="5" t="s">
        <v>43</v>
      </c>
      <c r="AC486" s="5" t="s">
        <v>735</v>
      </c>
      <c r="AD486" s="2" t="s">
        <v>79834</v>
      </c>
      <c r="AE486" s="1"/>
    </row>
    <row r="487" spans="1:31">
      <c r="A487" s="5" t="s">
        <v>116</v>
      </c>
      <c r="B487" s="21">
        <v>46143</v>
      </c>
      <c r="C487" s="2" t="s">
        <v>80015</v>
      </c>
      <c r="D487" s="14" t="s">
        <v>80016</v>
      </c>
      <c r="E487" s="2" t="s">
        <v>80017</v>
      </c>
      <c r="F487" s="2" t="s">
        <v>130</v>
      </c>
      <c r="G487" s="8">
        <v>622</v>
      </c>
      <c r="H487" s="5">
        <v>5</v>
      </c>
      <c r="I487" s="5" t="s">
        <v>79637</v>
      </c>
      <c r="J487" s="5" t="s">
        <v>79638</v>
      </c>
      <c r="K487" s="2" t="s">
        <v>79639</v>
      </c>
      <c r="L487" s="5" t="s">
        <v>79638</v>
      </c>
      <c r="M487" s="2" t="s">
        <v>79639</v>
      </c>
      <c r="N487" s="5" t="s">
        <v>79640</v>
      </c>
      <c r="O487" s="5" t="s">
        <v>38</v>
      </c>
      <c r="P487" s="5" t="s">
        <v>39</v>
      </c>
      <c r="Q487" s="5" t="s">
        <v>40</v>
      </c>
      <c r="R487" s="5" t="s">
        <v>24335</v>
      </c>
      <c r="S487" s="5" t="s">
        <v>40</v>
      </c>
      <c r="T487" s="5" t="s">
        <v>42</v>
      </c>
      <c r="U487" s="2">
        <v>12.638</v>
      </c>
      <c r="V487" s="2">
        <v>9.9239999999999995</v>
      </c>
      <c r="W487" s="2">
        <v>0.11600000000000001</v>
      </c>
      <c r="X487" s="2">
        <v>43</v>
      </c>
      <c r="Y487" s="2">
        <v>16.5</v>
      </c>
      <c r="Z487" s="2">
        <v>162.80000000000001</v>
      </c>
      <c r="AA487" s="5">
        <v>14</v>
      </c>
      <c r="AB487" s="5" t="s">
        <v>43</v>
      </c>
      <c r="AC487" s="5" t="s">
        <v>735</v>
      </c>
      <c r="AD487" s="2" t="s">
        <v>79766</v>
      </c>
      <c r="AE487" s="1"/>
    </row>
    <row r="488" spans="1:31">
      <c r="A488" s="5" t="s">
        <v>116</v>
      </c>
      <c r="B488" s="21">
        <v>46143</v>
      </c>
      <c r="C488" s="2" t="s">
        <v>80021</v>
      </c>
      <c r="D488" s="14" t="s">
        <v>80022</v>
      </c>
      <c r="E488" s="2" t="s">
        <v>80023</v>
      </c>
      <c r="F488" s="2" t="s">
        <v>130</v>
      </c>
      <c r="G488" s="8">
        <v>766</v>
      </c>
      <c r="H488" s="5">
        <v>5</v>
      </c>
      <c r="I488" s="5" t="s">
        <v>79637</v>
      </c>
      <c r="J488" s="5" t="s">
        <v>79638</v>
      </c>
      <c r="K488" s="2" t="s">
        <v>79639</v>
      </c>
      <c r="L488" s="5" t="s">
        <v>79638</v>
      </c>
      <c r="M488" s="2" t="s">
        <v>79639</v>
      </c>
      <c r="N488" s="5" t="s">
        <v>79640</v>
      </c>
      <c r="O488" s="5" t="s">
        <v>38</v>
      </c>
      <c r="P488" s="5" t="s">
        <v>39</v>
      </c>
      <c r="Q488" s="5" t="s">
        <v>40</v>
      </c>
      <c r="R488" s="5" t="s">
        <v>24335</v>
      </c>
      <c r="S488" s="5" t="s">
        <v>40</v>
      </c>
      <c r="T488" s="5" t="s">
        <v>42</v>
      </c>
      <c r="U488" s="2">
        <v>14.515000000000001</v>
      </c>
      <c r="V488" s="2">
        <v>11.801</v>
      </c>
      <c r="W488" s="2">
        <v>0.11600000000000001</v>
      </c>
      <c r="X488" s="2">
        <v>43</v>
      </c>
      <c r="Y488" s="2">
        <v>16.5</v>
      </c>
      <c r="Z488" s="2">
        <v>162.80000000000001</v>
      </c>
      <c r="AA488" s="5">
        <v>14</v>
      </c>
      <c r="AB488" s="5" t="s">
        <v>43</v>
      </c>
      <c r="AC488" s="5" t="s">
        <v>735</v>
      </c>
      <c r="AD488" s="2" t="s">
        <v>79774</v>
      </c>
      <c r="AE488" s="1"/>
    </row>
    <row r="489" spans="1:31">
      <c r="A489" s="5" t="s">
        <v>116</v>
      </c>
      <c r="B489" s="21">
        <v>46143</v>
      </c>
      <c r="C489" s="2" t="s">
        <v>80030</v>
      </c>
      <c r="D489" s="14" t="s">
        <v>80031</v>
      </c>
      <c r="E489" s="2" t="s">
        <v>80032</v>
      </c>
      <c r="F489" s="2" t="s">
        <v>79833</v>
      </c>
      <c r="G489" s="8">
        <v>784</v>
      </c>
      <c r="H489" s="5">
        <v>5</v>
      </c>
      <c r="I489" s="5" t="s">
        <v>79637</v>
      </c>
      <c r="J489" s="5" t="s">
        <v>79638</v>
      </c>
      <c r="K489" s="2" t="s">
        <v>79639</v>
      </c>
      <c r="L489" s="5" t="s">
        <v>79638</v>
      </c>
      <c r="M489" s="2" t="s">
        <v>79639</v>
      </c>
      <c r="N489" s="5" t="s">
        <v>79640</v>
      </c>
      <c r="O489" s="5" t="s">
        <v>38</v>
      </c>
      <c r="P489" s="5" t="s">
        <v>39</v>
      </c>
      <c r="Q489" s="5" t="s">
        <v>40</v>
      </c>
      <c r="R489" s="5" t="s">
        <v>1487</v>
      </c>
      <c r="S489" s="5"/>
      <c r="T489" s="5" t="s">
        <v>42</v>
      </c>
      <c r="U489" s="2">
        <v>0</v>
      </c>
      <c r="V489" s="2">
        <v>0</v>
      </c>
      <c r="W489" s="2">
        <v>0</v>
      </c>
      <c r="X489" s="2">
        <v>0</v>
      </c>
      <c r="Y489" s="2">
        <v>0</v>
      </c>
      <c r="Z489" s="2">
        <v>0</v>
      </c>
      <c r="AA489" s="5"/>
      <c r="AB489" s="5" t="s">
        <v>43</v>
      </c>
      <c r="AC489" s="5" t="s">
        <v>735</v>
      </c>
      <c r="AD489" s="2" t="s">
        <v>79834</v>
      </c>
      <c r="AE489" s="1"/>
    </row>
    <row r="490" spans="1:31">
      <c r="A490" s="5" t="s">
        <v>116</v>
      </c>
      <c r="B490" s="21">
        <v>46143</v>
      </c>
      <c r="C490" s="2" t="s">
        <v>80033</v>
      </c>
      <c r="D490" s="14" t="s">
        <v>80034</v>
      </c>
      <c r="E490" s="2" t="s">
        <v>80035</v>
      </c>
      <c r="F490" s="2" t="s">
        <v>130</v>
      </c>
      <c r="G490" s="8">
        <v>659</v>
      </c>
      <c r="H490" s="5">
        <v>5</v>
      </c>
      <c r="I490" s="5" t="s">
        <v>79637</v>
      </c>
      <c r="J490" s="5" t="s">
        <v>79638</v>
      </c>
      <c r="K490" s="2" t="s">
        <v>79639</v>
      </c>
      <c r="L490" s="5" t="s">
        <v>79638</v>
      </c>
      <c r="M490" s="2" t="s">
        <v>79639</v>
      </c>
      <c r="N490" s="5" t="s">
        <v>79640</v>
      </c>
      <c r="O490" s="5" t="s">
        <v>38</v>
      </c>
      <c r="P490" s="5" t="s">
        <v>39</v>
      </c>
      <c r="Q490" s="5" t="s">
        <v>40</v>
      </c>
      <c r="R490" s="5" t="s">
        <v>24335</v>
      </c>
      <c r="S490" s="5" t="s">
        <v>40</v>
      </c>
      <c r="T490" s="5" t="s">
        <v>42</v>
      </c>
      <c r="U490" s="2">
        <v>13.739000000000001</v>
      </c>
      <c r="V490" s="2">
        <v>11.025</v>
      </c>
      <c r="W490" s="2">
        <v>0.11600000000000001</v>
      </c>
      <c r="X490" s="2">
        <v>43</v>
      </c>
      <c r="Y490" s="2">
        <v>16.5</v>
      </c>
      <c r="Z490" s="2">
        <v>162.80000000000001</v>
      </c>
      <c r="AA490" s="5">
        <v>14</v>
      </c>
      <c r="AB490" s="5" t="s">
        <v>43</v>
      </c>
      <c r="AC490" s="5" t="s">
        <v>735</v>
      </c>
      <c r="AD490" s="2" t="s">
        <v>79766</v>
      </c>
      <c r="AE490" s="1"/>
    </row>
    <row r="491" spans="1:31">
      <c r="A491" s="5" t="s">
        <v>116</v>
      </c>
      <c r="B491" s="21">
        <v>46143</v>
      </c>
      <c r="C491" s="2" t="s">
        <v>80039</v>
      </c>
      <c r="D491" s="14" t="s">
        <v>80040</v>
      </c>
      <c r="E491" s="2" t="s">
        <v>80041</v>
      </c>
      <c r="F491" s="2" t="s">
        <v>130</v>
      </c>
      <c r="G491" s="8">
        <v>811</v>
      </c>
      <c r="H491" s="5">
        <v>10</v>
      </c>
      <c r="I491" s="5" t="s">
        <v>79637</v>
      </c>
      <c r="J491" s="5" t="s">
        <v>79638</v>
      </c>
      <c r="K491" s="2" t="s">
        <v>79639</v>
      </c>
      <c r="L491" s="5" t="s">
        <v>79638</v>
      </c>
      <c r="M491" s="2" t="s">
        <v>79639</v>
      </c>
      <c r="N491" s="5" t="s">
        <v>79640</v>
      </c>
      <c r="O491" s="5" t="s">
        <v>38</v>
      </c>
      <c r="P491" s="5" t="s">
        <v>39</v>
      </c>
      <c r="Q491" s="5" t="s">
        <v>40</v>
      </c>
      <c r="R491" s="5" t="s">
        <v>24335</v>
      </c>
      <c r="S491" s="5" t="s">
        <v>40</v>
      </c>
      <c r="T491" s="5" t="s">
        <v>42</v>
      </c>
      <c r="U491" s="2">
        <v>15.86</v>
      </c>
      <c r="V491" s="2">
        <v>13.146000000000001</v>
      </c>
      <c r="W491" s="2">
        <v>0.11600000000000001</v>
      </c>
      <c r="X491" s="2">
        <v>43</v>
      </c>
      <c r="Y491" s="2">
        <v>16.5</v>
      </c>
      <c r="Z491" s="2">
        <v>162.80000000000001</v>
      </c>
      <c r="AA491" s="5">
        <v>14</v>
      </c>
      <c r="AB491" s="5" t="s">
        <v>43</v>
      </c>
      <c r="AC491" s="5" t="s">
        <v>735</v>
      </c>
      <c r="AD491" s="2" t="s">
        <v>79774</v>
      </c>
      <c r="AE491" s="1"/>
    </row>
    <row r="492" spans="1:31">
      <c r="A492" s="5" t="s">
        <v>116</v>
      </c>
      <c r="B492" s="21">
        <v>46143</v>
      </c>
      <c r="C492" s="2" t="s">
        <v>80048</v>
      </c>
      <c r="D492" s="14" t="s">
        <v>80049</v>
      </c>
      <c r="E492" s="2" t="s">
        <v>80050</v>
      </c>
      <c r="F492" s="2" t="s">
        <v>79833</v>
      </c>
      <c r="G492" s="8">
        <v>821</v>
      </c>
      <c r="H492" s="5">
        <v>5</v>
      </c>
      <c r="I492" s="5" t="s">
        <v>79637</v>
      </c>
      <c r="J492" s="5" t="s">
        <v>79638</v>
      </c>
      <c r="K492" s="2" t="s">
        <v>79639</v>
      </c>
      <c r="L492" s="5" t="s">
        <v>79638</v>
      </c>
      <c r="M492" s="2" t="s">
        <v>79639</v>
      </c>
      <c r="N492" s="5" t="s">
        <v>79640</v>
      </c>
      <c r="O492" s="5" t="s">
        <v>38</v>
      </c>
      <c r="P492" s="5" t="s">
        <v>39</v>
      </c>
      <c r="Q492" s="5" t="s">
        <v>40</v>
      </c>
      <c r="R492" s="5" t="s">
        <v>1487</v>
      </c>
      <c r="S492" s="5"/>
      <c r="T492" s="5" t="s">
        <v>42</v>
      </c>
      <c r="U492" s="2">
        <v>0</v>
      </c>
      <c r="V492" s="2">
        <v>0</v>
      </c>
      <c r="W492" s="2">
        <v>0</v>
      </c>
      <c r="X492" s="2">
        <v>0</v>
      </c>
      <c r="Y492" s="2">
        <v>0</v>
      </c>
      <c r="Z492" s="2">
        <v>0</v>
      </c>
      <c r="AA492" s="5"/>
      <c r="AB492" s="5" t="s">
        <v>43</v>
      </c>
      <c r="AC492" s="5" t="s">
        <v>735</v>
      </c>
      <c r="AD492" s="2" t="s">
        <v>79834</v>
      </c>
      <c r="AE492" s="1"/>
    </row>
    <row r="493" spans="1:31">
      <c r="A493" s="5" t="s">
        <v>116</v>
      </c>
      <c r="B493" s="21">
        <v>46143</v>
      </c>
      <c r="C493" s="2" t="s">
        <v>80051</v>
      </c>
      <c r="D493" s="14" t="s">
        <v>80052</v>
      </c>
      <c r="E493" s="2" t="s">
        <v>80053</v>
      </c>
      <c r="F493" s="2" t="s">
        <v>130</v>
      </c>
      <c r="G493" s="8">
        <v>696</v>
      </c>
      <c r="H493" s="5">
        <v>5</v>
      </c>
      <c r="I493" s="5" t="s">
        <v>79637</v>
      </c>
      <c r="J493" s="5" t="s">
        <v>79638</v>
      </c>
      <c r="K493" s="2" t="s">
        <v>79639</v>
      </c>
      <c r="L493" s="5" t="s">
        <v>79638</v>
      </c>
      <c r="M493" s="2" t="s">
        <v>79639</v>
      </c>
      <c r="N493" s="5" t="s">
        <v>79640</v>
      </c>
      <c r="O493" s="5" t="s">
        <v>38</v>
      </c>
      <c r="P493" s="5" t="s">
        <v>39</v>
      </c>
      <c r="Q493" s="5" t="s">
        <v>40</v>
      </c>
      <c r="R493" s="5" t="s">
        <v>24335</v>
      </c>
      <c r="S493" s="5" t="s">
        <v>40</v>
      </c>
      <c r="T493" s="5" t="s">
        <v>42</v>
      </c>
      <c r="U493" s="2">
        <v>14.946</v>
      </c>
      <c r="V493" s="2">
        <v>12.081</v>
      </c>
      <c r="W493" s="2">
        <v>0.126</v>
      </c>
      <c r="X493" s="2">
        <v>43</v>
      </c>
      <c r="Y493" s="2">
        <v>16.5</v>
      </c>
      <c r="Z493" s="2">
        <v>177.8</v>
      </c>
      <c r="AA493" s="5">
        <v>14</v>
      </c>
      <c r="AB493" s="5" t="s">
        <v>43</v>
      </c>
      <c r="AC493" s="5" t="s">
        <v>735</v>
      </c>
      <c r="AD493" s="2" t="s">
        <v>79766</v>
      </c>
      <c r="AE493" s="1"/>
    </row>
    <row r="494" spans="1:31">
      <c r="A494" s="5" t="s">
        <v>116</v>
      </c>
      <c r="B494" s="21">
        <v>46143</v>
      </c>
      <c r="C494" s="2" t="s">
        <v>80057</v>
      </c>
      <c r="D494" s="14" t="s">
        <v>80058</v>
      </c>
      <c r="E494" s="2" t="s">
        <v>80059</v>
      </c>
      <c r="F494" s="2" t="s">
        <v>130</v>
      </c>
      <c r="G494" s="8">
        <v>856</v>
      </c>
      <c r="H494" s="5">
        <v>10</v>
      </c>
      <c r="I494" s="5" t="s">
        <v>79637</v>
      </c>
      <c r="J494" s="5" t="s">
        <v>79638</v>
      </c>
      <c r="K494" s="2" t="s">
        <v>79639</v>
      </c>
      <c r="L494" s="5" t="s">
        <v>79638</v>
      </c>
      <c r="M494" s="2" t="s">
        <v>79639</v>
      </c>
      <c r="N494" s="5" t="s">
        <v>79640</v>
      </c>
      <c r="O494" s="5" t="s">
        <v>38</v>
      </c>
      <c r="P494" s="5" t="s">
        <v>39</v>
      </c>
      <c r="Q494" s="5" t="s">
        <v>40</v>
      </c>
      <c r="R494" s="5" t="s">
        <v>24335</v>
      </c>
      <c r="S494" s="5" t="s">
        <v>40</v>
      </c>
      <c r="T494" s="5" t="s">
        <v>42</v>
      </c>
      <c r="U494" s="2">
        <v>17.291</v>
      </c>
      <c r="V494" s="2">
        <v>14.426</v>
      </c>
      <c r="W494" s="2">
        <v>0.126</v>
      </c>
      <c r="X494" s="2">
        <v>43</v>
      </c>
      <c r="Y494" s="2">
        <v>16.5</v>
      </c>
      <c r="Z494" s="2">
        <v>177.8</v>
      </c>
      <c r="AA494" s="5">
        <v>14</v>
      </c>
      <c r="AB494" s="5" t="s">
        <v>43</v>
      </c>
      <c r="AC494" s="5" t="s">
        <v>735</v>
      </c>
      <c r="AD494" s="2" t="s">
        <v>79774</v>
      </c>
      <c r="AE494" s="1"/>
    </row>
    <row r="495" spans="1:31">
      <c r="A495" s="5" t="s">
        <v>116</v>
      </c>
      <c r="B495" s="21">
        <v>46143</v>
      </c>
      <c r="C495" s="2" t="s">
        <v>80066</v>
      </c>
      <c r="D495" s="14" t="s">
        <v>80067</v>
      </c>
      <c r="E495" s="2" t="s">
        <v>80068</v>
      </c>
      <c r="F495" s="2" t="s">
        <v>79833</v>
      </c>
      <c r="G495" s="8">
        <v>858</v>
      </c>
      <c r="H495" s="5">
        <v>5</v>
      </c>
      <c r="I495" s="5" t="s">
        <v>79637</v>
      </c>
      <c r="J495" s="5" t="s">
        <v>79638</v>
      </c>
      <c r="K495" s="2" t="s">
        <v>79639</v>
      </c>
      <c r="L495" s="5" t="s">
        <v>79638</v>
      </c>
      <c r="M495" s="2" t="s">
        <v>79639</v>
      </c>
      <c r="N495" s="5" t="s">
        <v>79640</v>
      </c>
      <c r="O495" s="5" t="s">
        <v>38</v>
      </c>
      <c r="P495" s="5" t="s">
        <v>39</v>
      </c>
      <c r="Q495" s="5" t="s">
        <v>40</v>
      </c>
      <c r="R495" s="5" t="s">
        <v>1487</v>
      </c>
      <c r="S495" s="5"/>
      <c r="T495" s="5" t="s">
        <v>42</v>
      </c>
      <c r="U495" s="2">
        <v>0</v>
      </c>
      <c r="V495" s="2">
        <v>0</v>
      </c>
      <c r="W495" s="2">
        <v>0</v>
      </c>
      <c r="X495" s="2">
        <v>0</v>
      </c>
      <c r="Y495" s="2">
        <v>0</v>
      </c>
      <c r="Z495" s="2">
        <v>0</v>
      </c>
      <c r="AA495" s="5"/>
      <c r="AB495" s="5" t="s">
        <v>43</v>
      </c>
      <c r="AC495" s="5" t="s">
        <v>735</v>
      </c>
      <c r="AD495" s="2" t="s">
        <v>79834</v>
      </c>
      <c r="AE495" s="1"/>
    </row>
    <row r="496" spans="1:31">
      <c r="A496" s="5" t="s">
        <v>116</v>
      </c>
      <c r="B496" s="21">
        <v>46143</v>
      </c>
      <c r="C496" s="2" t="s">
        <v>80069</v>
      </c>
      <c r="D496" s="14" t="s">
        <v>80070</v>
      </c>
      <c r="E496" s="2" t="s">
        <v>80071</v>
      </c>
      <c r="F496" s="2" t="s">
        <v>130</v>
      </c>
      <c r="G496" s="8">
        <v>669</v>
      </c>
      <c r="H496" s="5">
        <v>5</v>
      </c>
      <c r="I496" s="5" t="s">
        <v>79637</v>
      </c>
      <c r="J496" s="5" t="s">
        <v>79638</v>
      </c>
      <c r="K496" s="2" t="s">
        <v>79639</v>
      </c>
      <c r="L496" s="5" t="s">
        <v>79638</v>
      </c>
      <c r="M496" s="2" t="s">
        <v>79639</v>
      </c>
      <c r="N496" s="5" t="s">
        <v>79640</v>
      </c>
      <c r="O496" s="5" t="s">
        <v>38</v>
      </c>
      <c r="P496" s="5" t="s">
        <v>39</v>
      </c>
      <c r="Q496" s="5" t="s">
        <v>40</v>
      </c>
      <c r="R496" s="5" t="s">
        <v>24335</v>
      </c>
      <c r="S496" s="5" t="s">
        <v>40</v>
      </c>
      <c r="T496" s="5" t="s">
        <v>42</v>
      </c>
      <c r="U496" s="2">
        <v>12.691000000000001</v>
      </c>
      <c r="V496" s="2">
        <v>9.8260000000000005</v>
      </c>
      <c r="W496" s="2">
        <v>0.126</v>
      </c>
      <c r="X496" s="2">
        <v>43</v>
      </c>
      <c r="Y496" s="2">
        <v>16.5</v>
      </c>
      <c r="Z496" s="2">
        <v>177.8</v>
      </c>
      <c r="AA496" s="5">
        <v>14</v>
      </c>
      <c r="AB496" s="5" t="s">
        <v>43</v>
      </c>
      <c r="AC496" s="5" t="s">
        <v>735</v>
      </c>
      <c r="AD496" s="2" t="s">
        <v>79766</v>
      </c>
      <c r="AE496" s="1"/>
    </row>
    <row r="497" spans="1:31">
      <c r="A497" s="5" t="s">
        <v>116</v>
      </c>
      <c r="B497" s="21">
        <v>46143</v>
      </c>
      <c r="C497" s="2" t="s">
        <v>80075</v>
      </c>
      <c r="D497" s="14" t="s">
        <v>80076</v>
      </c>
      <c r="E497" s="2" t="s">
        <v>80077</v>
      </c>
      <c r="F497" s="2" t="s">
        <v>130</v>
      </c>
      <c r="G497" s="8">
        <v>823</v>
      </c>
      <c r="H497" s="5">
        <v>10</v>
      </c>
      <c r="I497" s="5" t="s">
        <v>79637</v>
      </c>
      <c r="J497" s="5" t="s">
        <v>79638</v>
      </c>
      <c r="K497" s="2" t="s">
        <v>79639</v>
      </c>
      <c r="L497" s="5" t="s">
        <v>79638</v>
      </c>
      <c r="M497" s="2" t="s">
        <v>79639</v>
      </c>
      <c r="N497" s="5" t="s">
        <v>79640</v>
      </c>
      <c r="O497" s="5" t="s">
        <v>38</v>
      </c>
      <c r="P497" s="5" t="s">
        <v>39</v>
      </c>
      <c r="Q497" s="5" t="s">
        <v>40</v>
      </c>
      <c r="R497" s="5" t="s">
        <v>24335</v>
      </c>
      <c r="S497" s="5" t="s">
        <v>40</v>
      </c>
      <c r="T497" s="5" t="s">
        <v>42</v>
      </c>
      <c r="U497" s="2">
        <v>14.461</v>
      </c>
      <c r="V497" s="2">
        <v>11.596</v>
      </c>
      <c r="W497" s="2">
        <v>0.126</v>
      </c>
      <c r="X497" s="2">
        <v>43</v>
      </c>
      <c r="Y497" s="2">
        <v>16.5</v>
      </c>
      <c r="Z497" s="2">
        <v>177.8</v>
      </c>
      <c r="AA497" s="5">
        <v>14</v>
      </c>
      <c r="AB497" s="5" t="s">
        <v>43</v>
      </c>
      <c r="AC497" s="5" t="s">
        <v>735</v>
      </c>
      <c r="AD497" s="2" t="s">
        <v>79774</v>
      </c>
      <c r="AE497" s="1"/>
    </row>
    <row r="498" spans="1:31">
      <c r="A498" s="5" t="s">
        <v>116</v>
      </c>
      <c r="B498" s="21">
        <v>46143</v>
      </c>
      <c r="C498" s="2" t="s">
        <v>80084</v>
      </c>
      <c r="D498" s="14" t="s">
        <v>80085</v>
      </c>
      <c r="E498" s="2" t="s">
        <v>80086</v>
      </c>
      <c r="F498" s="2" t="s">
        <v>79833</v>
      </c>
      <c r="G498" s="8">
        <v>831</v>
      </c>
      <c r="H498" s="5">
        <v>5</v>
      </c>
      <c r="I498" s="5" t="s">
        <v>79637</v>
      </c>
      <c r="J498" s="5" t="s">
        <v>79638</v>
      </c>
      <c r="K498" s="2" t="s">
        <v>79639</v>
      </c>
      <c r="L498" s="5" t="s">
        <v>79638</v>
      </c>
      <c r="M498" s="2" t="s">
        <v>79639</v>
      </c>
      <c r="N498" s="5" t="s">
        <v>79640</v>
      </c>
      <c r="O498" s="5" t="s">
        <v>38</v>
      </c>
      <c r="P498" s="5" t="s">
        <v>39</v>
      </c>
      <c r="Q498" s="5" t="s">
        <v>40</v>
      </c>
      <c r="R498" s="5" t="s">
        <v>1487</v>
      </c>
      <c r="S498" s="5"/>
      <c r="T498" s="5" t="s">
        <v>42</v>
      </c>
      <c r="U498" s="2">
        <v>0</v>
      </c>
      <c r="V498" s="2">
        <v>0</v>
      </c>
      <c r="W498" s="2">
        <v>0</v>
      </c>
      <c r="X498" s="2">
        <v>0</v>
      </c>
      <c r="Y498" s="2">
        <v>0</v>
      </c>
      <c r="Z498" s="2">
        <v>0</v>
      </c>
      <c r="AA498" s="5"/>
      <c r="AB498" s="5" t="s">
        <v>43</v>
      </c>
      <c r="AC498" s="5" t="s">
        <v>735</v>
      </c>
      <c r="AD498" s="2" t="s">
        <v>79834</v>
      </c>
      <c r="AE498" s="1"/>
    </row>
    <row r="499" spans="1:31">
      <c r="A499" s="5" t="s">
        <v>116</v>
      </c>
      <c r="B499" s="21">
        <v>46143</v>
      </c>
      <c r="C499" s="2" t="s">
        <v>80087</v>
      </c>
      <c r="D499" s="14" t="s">
        <v>80088</v>
      </c>
      <c r="E499" s="2" t="s">
        <v>80089</v>
      </c>
      <c r="F499" s="2" t="s">
        <v>130</v>
      </c>
      <c r="G499" s="8">
        <v>722</v>
      </c>
      <c r="H499" s="5">
        <v>5</v>
      </c>
      <c r="I499" s="5" t="s">
        <v>79637</v>
      </c>
      <c r="J499" s="5" t="s">
        <v>79638</v>
      </c>
      <c r="K499" s="2" t="s">
        <v>79639</v>
      </c>
      <c r="L499" s="5" t="s">
        <v>79638</v>
      </c>
      <c r="M499" s="2" t="s">
        <v>79639</v>
      </c>
      <c r="N499" s="5" t="s">
        <v>79640</v>
      </c>
      <c r="O499" s="5" t="s">
        <v>38</v>
      </c>
      <c r="P499" s="5" t="s">
        <v>39</v>
      </c>
      <c r="Q499" s="5" t="s">
        <v>40</v>
      </c>
      <c r="R499" s="5" t="s">
        <v>24335</v>
      </c>
      <c r="S499" s="5" t="s">
        <v>40</v>
      </c>
      <c r="T499" s="5" t="s">
        <v>42</v>
      </c>
      <c r="U499" s="2">
        <v>15.065</v>
      </c>
      <c r="V499" s="2">
        <v>12.2</v>
      </c>
      <c r="W499" s="2">
        <v>0.126</v>
      </c>
      <c r="X499" s="2">
        <v>43</v>
      </c>
      <c r="Y499" s="2">
        <v>16.5</v>
      </c>
      <c r="Z499" s="2">
        <v>177.8</v>
      </c>
      <c r="AA499" s="5">
        <v>14</v>
      </c>
      <c r="AB499" s="5" t="s">
        <v>43</v>
      </c>
      <c r="AC499" s="5" t="s">
        <v>735</v>
      </c>
      <c r="AD499" s="2" t="s">
        <v>79766</v>
      </c>
      <c r="AE499" s="1"/>
    </row>
    <row r="500" spans="1:31">
      <c r="A500" s="5" t="s">
        <v>116</v>
      </c>
      <c r="B500" s="21">
        <v>46143</v>
      </c>
      <c r="C500" s="2" t="s">
        <v>80093</v>
      </c>
      <c r="D500" s="14" t="s">
        <v>80094</v>
      </c>
      <c r="E500" s="2" t="s">
        <v>80095</v>
      </c>
      <c r="F500" s="2" t="s">
        <v>130</v>
      </c>
      <c r="G500" s="8">
        <v>888</v>
      </c>
      <c r="H500" s="5">
        <v>5</v>
      </c>
      <c r="I500" s="5" t="s">
        <v>79637</v>
      </c>
      <c r="J500" s="5" t="s">
        <v>79638</v>
      </c>
      <c r="K500" s="2" t="s">
        <v>79639</v>
      </c>
      <c r="L500" s="5" t="s">
        <v>79638</v>
      </c>
      <c r="M500" s="2" t="s">
        <v>79639</v>
      </c>
      <c r="N500" s="5" t="s">
        <v>79640</v>
      </c>
      <c r="O500" s="5" t="s">
        <v>38</v>
      </c>
      <c r="P500" s="5" t="s">
        <v>39</v>
      </c>
      <c r="Q500" s="5" t="s">
        <v>40</v>
      </c>
      <c r="R500" s="5" t="s">
        <v>24335</v>
      </c>
      <c r="S500" s="5" t="s">
        <v>40</v>
      </c>
      <c r="T500" s="5" t="s">
        <v>42</v>
      </c>
      <c r="U500" s="2">
        <v>17.3</v>
      </c>
      <c r="V500" s="2">
        <v>14.435</v>
      </c>
      <c r="W500" s="2">
        <v>0.126</v>
      </c>
      <c r="X500" s="2">
        <v>43</v>
      </c>
      <c r="Y500" s="2">
        <v>16.5</v>
      </c>
      <c r="Z500" s="2">
        <v>177.8</v>
      </c>
      <c r="AA500" s="5">
        <v>14</v>
      </c>
      <c r="AB500" s="5" t="s">
        <v>43</v>
      </c>
      <c r="AC500" s="5" t="s">
        <v>735</v>
      </c>
      <c r="AD500" s="2" t="s">
        <v>79774</v>
      </c>
      <c r="AE500" s="1"/>
    </row>
    <row r="501" spans="1:31">
      <c r="A501" s="5" t="s">
        <v>116</v>
      </c>
      <c r="B501" s="21">
        <v>46143</v>
      </c>
      <c r="C501" s="2" t="s">
        <v>80102</v>
      </c>
      <c r="D501" s="14" t="s">
        <v>80103</v>
      </c>
      <c r="E501" s="2" t="s">
        <v>80104</v>
      </c>
      <c r="F501" s="2" t="s">
        <v>79833</v>
      </c>
      <c r="G501" s="8">
        <v>884</v>
      </c>
      <c r="H501" s="5">
        <v>5</v>
      </c>
      <c r="I501" s="5" t="s">
        <v>79637</v>
      </c>
      <c r="J501" s="5" t="s">
        <v>79638</v>
      </c>
      <c r="K501" s="2" t="s">
        <v>79639</v>
      </c>
      <c r="L501" s="5" t="s">
        <v>79638</v>
      </c>
      <c r="M501" s="2" t="s">
        <v>79639</v>
      </c>
      <c r="N501" s="5" t="s">
        <v>79640</v>
      </c>
      <c r="O501" s="5" t="s">
        <v>38</v>
      </c>
      <c r="P501" s="5" t="s">
        <v>39</v>
      </c>
      <c r="Q501" s="5" t="s">
        <v>40</v>
      </c>
      <c r="R501" s="5" t="s">
        <v>1487</v>
      </c>
      <c r="S501" s="5"/>
      <c r="T501" s="5" t="s">
        <v>42</v>
      </c>
      <c r="U501" s="2">
        <v>0</v>
      </c>
      <c r="V501" s="2">
        <v>0</v>
      </c>
      <c r="W501" s="2">
        <v>0</v>
      </c>
      <c r="X501" s="2">
        <v>0</v>
      </c>
      <c r="Y501" s="2">
        <v>0</v>
      </c>
      <c r="Z501" s="2">
        <v>0</v>
      </c>
      <c r="AA501" s="5"/>
      <c r="AB501" s="5" t="s">
        <v>43</v>
      </c>
      <c r="AC501" s="5" t="s">
        <v>735</v>
      </c>
      <c r="AD501" s="2" t="s">
        <v>79834</v>
      </c>
      <c r="AE501" s="1"/>
    </row>
    <row r="502" spans="1:31">
      <c r="A502" s="5" t="s">
        <v>116</v>
      </c>
      <c r="B502" s="21">
        <v>46143</v>
      </c>
      <c r="C502" s="2" t="s">
        <v>80105</v>
      </c>
      <c r="D502" s="14" t="s">
        <v>80106</v>
      </c>
      <c r="E502" s="2" t="s">
        <v>80107</v>
      </c>
      <c r="F502" s="2" t="s">
        <v>130</v>
      </c>
      <c r="G502" s="8">
        <v>764</v>
      </c>
      <c r="H502" s="5">
        <v>5</v>
      </c>
      <c r="I502" s="5" t="s">
        <v>79637</v>
      </c>
      <c r="J502" s="5" t="s">
        <v>79638</v>
      </c>
      <c r="K502" s="2" t="s">
        <v>79639</v>
      </c>
      <c r="L502" s="5" t="s">
        <v>79638</v>
      </c>
      <c r="M502" s="2" t="s">
        <v>79639</v>
      </c>
      <c r="N502" s="5" t="s">
        <v>79640</v>
      </c>
      <c r="O502" s="5" t="s">
        <v>38</v>
      </c>
      <c r="P502" s="5" t="s">
        <v>39</v>
      </c>
      <c r="Q502" s="5" t="s">
        <v>40</v>
      </c>
      <c r="R502" s="5" t="s">
        <v>24335</v>
      </c>
      <c r="S502" s="5" t="s">
        <v>40</v>
      </c>
      <c r="T502" s="5" t="s">
        <v>42</v>
      </c>
      <c r="U502" s="2">
        <v>16.228000000000002</v>
      </c>
      <c r="V502" s="2">
        <v>13.363</v>
      </c>
      <c r="W502" s="2">
        <v>0.126</v>
      </c>
      <c r="X502" s="2">
        <v>43</v>
      </c>
      <c r="Y502" s="2">
        <v>16.5</v>
      </c>
      <c r="Z502" s="2">
        <v>177.8</v>
      </c>
      <c r="AA502" s="5">
        <v>14</v>
      </c>
      <c r="AB502" s="5" t="s">
        <v>43</v>
      </c>
      <c r="AC502" s="5" t="s">
        <v>735</v>
      </c>
      <c r="AD502" s="2" t="s">
        <v>79766</v>
      </c>
      <c r="AE502" s="1"/>
    </row>
    <row r="503" spans="1:31">
      <c r="A503" s="5" t="s">
        <v>116</v>
      </c>
      <c r="B503" s="21">
        <v>46143</v>
      </c>
      <c r="C503" s="2" t="s">
        <v>80111</v>
      </c>
      <c r="D503" s="14" t="s">
        <v>80112</v>
      </c>
      <c r="E503" s="2" t="s">
        <v>80113</v>
      </c>
      <c r="F503" s="2" t="s">
        <v>130</v>
      </c>
      <c r="G503" s="8">
        <v>939</v>
      </c>
      <c r="H503" s="5">
        <v>10</v>
      </c>
      <c r="I503" s="5" t="s">
        <v>79637</v>
      </c>
      <c r="J503" s="5" t="s">
        <v>79638</v>
      </c>
      <c r="K503" s="2" t="s">
        <v>79639</v>
      </c>
      <c r="L503" s="5" t="s">
        <v>79638</v>
      </c>
      <c r="M503" s="2" t="s">
        <v>79639</v>
      </c>
      <c r="N503" s="5" t="s">
        <v>79640</v>
      </c>
      <c r="O503" s="5" t="s">
        <v>38</v>
      </c>
      <c r="P503" s="5" t="s">
        <v>39</v>
      </c>
      <c r="Q503" s="5" t="s">
        <v>40</v>
      </c>
      <c r="R503" s="5" t="s">
        <v>24335</v>
      </c>
      <c r="S503" s="5" t="s">
        <v>40</v>
      </c>
      <c r="T503" s="5" t="s">
        <v>42</v>
      </c>
      <c r="U503" s="2">
        <v>18.687000000000001</v>
      </c>
      <c r="V503" s="2">
        <v>15.821999999999999</v>
      </c>
      <c r="W503" s="2">
        <v>0.126</v>
      </c>
      <c r="X503" s="2">
        <v>43</v>
      </c>
      <c r="Y503" s="2">
        <v>16.5</v>
      </c>
      <c r="Z503" s="2">
        <v>177.8</v>
      </c>
      <c r="AA503" s="5">
        <v>14</v>
      </c>
      <c r="AB503" s="5" t="s">
        <v>43</v>
      </c>
      <c r="AC503" s="5" t="s">
        <v>735</v>
      </c>
      <c r="AD503" s="2" t="s">
        <v>79774</v>
      </c>
      <c r="AE503" s="1"/>
    </row>
    <row r="504" spans="1:31">
      <c r="A504" s="5" t="s">
        <v>116</v>
      </c>
      <c r="B504" s="21">
        <v>46143</v>
      </c>
      <c r="C504" s="2" t="s">
        <v>80120</v>
      </c>
      <c r="D504" s="14" t="s">
        <v>80121</v>
      </c>
      <c r="E504" s="2" t="s">
        <v>80122</v>
      </c>
      <c r="F504" s="2" t="s">
        <v>79833</v>
      </c>
      <c r="G504" s="8">
        <v>926</v>
      </c>
      <c r="H504" s="5">
        <v>5</v>
      </c>
      <c r="I504" s="5" t="s">
        <v>79637</v>
      </c>
      <c r="J504" s="5" t="s">
        <v>79638</v>
      </c>
      <c r="K504" s="2" t="s">
        <v>79639</v>
      </c>
      <c r="L504" s="5" t="s">
        <v>79638</v>
      </c>
      <c r="M504" s="2" t="s">
        <v>79639</v>
      </c>
      <c r="N504" s="5" t="s">
        <v>79640</v>
      </c>
      <c r="O504" s="5" t="s">
        <v>38</v>
      </c>
      <c r="P504" s="5" t="s">
        <v>39</v>
      </c>
      <c r="Q504" s="5" t="s">
        <v>40</v>
      </c>
      <c r="R504" s="5" t="s">
        <v>1487</v>
      </c>
      <c r="S504" s="5"/>
      <c r="T504" s="5" t="s">
        <v>42</v>
      </c>
      <c r="U504" s="2">
        <v>0</v>
      </c>
      <c r="V504" s="2">
        <v>0</v>
      </c>
      <c r="W504" s="2">
        <v>0</v>
      </c>
      <c r="X504" s="2">
        <v>0</v>
      </c>
      <c r="Y504" s="2">
        <v>0</v>
      </c>
      <c r="Z504" s="2">
        <v>0</v>
      </c>
      <c r="AA504" s="5"/>
      <c r="AB504" s="5" t="s">
        <v>43</v>
      </c>
      <c r="AC504" s="5" t="s">
        <v>735</v>
      </c>
      <c r="AD504" s="2" t="s">
        <v>79834</v>
      </c>
      <c r="AE504" s="1"/>
    </row>
    <row r="505" spans="1:31">
      <c r="A505" s="5" t="s">
        <v>116</v>
      </c>
      <c r="B505" s="21">
        <v>46143</v>
      </c>
      <c r="C505" s="2" t="s">
        <v>80123</v>
      </c>
      <c r="D505" s="14" t="s">
        <v>80124</v>
      </c>
      <c r="E505" s="2" t="s">
        <v>80125</v>
      </c>
      <c r="F505" s="2" t="s">
        <v>130</v>
      </c>
      <c r="G505" s="8">
        <v>429</v>
      </c>
      <c r="H505" s="5">
        <v>10</v>
      </c>
      <c r="I505" s="5" t="s">
        <v>79637</v>
      </c>
      <c r="J505" s="5" t="s">
        <v>79638</v>
      </c>
      <c r="K505" s="2" t="s">
        <v>79639</v>
      </c>
      <c r="L505" s="5" t="s">
        <v>79638</v>
      </c>
      <c r="M505" s="2" t="s">
        <v>79639</v>
      </c>
      <c r="N505" s="5" t="s">
        <v>79640</v>
      </c>
      <c r="O505" s="5" t="s">
        <v>38</v>
      </c>
      <c r="P505" s="5" t="s">
        <v>39</v>
      </c>
      <c r="Q505" s="5" t="s">
        <v>40</v>
      </c>
      <c r="R505" s="5" t="s">
        <v>24335</v>
      </c>
      <c r="S505" s="5" t="s">
        <v>40</v>
      </c>
      <c r="T505" s="5" t="s">
        <v>42</v>
      </c>
      <c r="U505" s="2">
        <v>7.9320000000000004</v>
      </c>
      <c r="V505" s="2">
        <v>5.5590000000000002</v>
      </c>
      <c r="W505" s="2">
        <v>0.09</v>
      </c>
      <c r="X505" s="2">
        <v>43</v>
      </c>
      <c r="Y505" s="2">
        <v>16.5</v>
      </c>
      <c r="Z505" s="2">
        <v>126.8</v>
      </c>
      <c r="AA505" s="5">
        <v>14</v>
      </c>
      <c r="AB505" s="5" t="s">
        <v>43</v>
      </c>
      <c r="AC505" s="5" t="s">
        <v>735</v>
      </c>
      <c r="AD505" s="2" t="s">
        <v>79766</v>
      </c>
      <c r="AE505" s="1"/>
    </row>
    <row r="506" spans="1:31">
      <c r="A506" s="5" t="s">
        <v>116</v>
      </c>
      <c r="B506" s="21">
        <v>46143</v>
      </c>
      <c r="C506" s="2" t="s">
        <v>80132</v>
      </c>
      <c r="D506" s="14" t="s">
        <v>80133</v>
      </c>
      <c r="E506" s="2" t="s">
        <v>80134</v>
      </c>
      <c r="F506" s="2" t="s">
        <v>130</v>
      </c>
      <c r="G506" s="8">
        <v>450</v>
      </c>
      <c r="H506" s="5">
        <v>10</v>
      </c>
      <c r="I506" s="5" t="s">
        <v>79637</v>
      </c>
      <c r="J506" s="5" t="s">
        <v>79638</v>
      </c>
      <c r="K506" s="2" t="s">
        <v>79639</v>
      </c>
      <c r="L506" s="5" t="s">
        <v>79638</v>
      </c>
      <c r="M506" s="2" t="s">
        <v>79639</v>
      </c>
      <c r="N506" s="5" t="s">
        <v>79640</v>
      </c>
      <c r="O506" s="5" t="s">
        <v>38</v>
      </c>
      <c r="P506" s="5" t="s">
        <v>39</v>
      </c>
      <c r="Q506" s="5" t="s">
        <v>40</v>
      </c>
      <c r="R506" s="5" t="s">
        <v>24335</v>
      </c>
      <c r="S506" s="5" t="s">
        <v>40</v>
      </c>
      <c r="T506" s="5" t="s">
        <v>42</v>
      </c>
      <c r="U506" s="2">
        <v>8.6530000000000005</v>
      </c>
      <c r="V506" s="2">
        <v>6.28</v>
      </c>
      <c r="W506" s="2">
        <v>0.09</v>
      </c>
      <c r="X506" s="2">
        <v>43</v>
      </c>
      <c r="Y506" s="2">
        <v>16.5</v>
      </c>
      <c r="Z506" s="2">
        <v>126.8</v>
      </c>
      <c r="AA506" s="5">
        <v>14</v>
      </c>
      <c r="AB506" s="5" t="s">
        <v>43</v>
      </c>
      <c r="AC506" s="5" t="s">
        <v>735</v>
      </c>
      <c r="AD506" s="2" t="s">
        <v>79766</v>
      </c>
      <c r="AE506" s="1"/>
    </row>
    <row r="507" spans="1:31">
      <c r="A507" s="5" t="s">
        <v>116</v>
      </c>
      <c r="B507" s="21">
        <v>46143</v>
      </c>
      <c r="C507" s="2" t="s">
        <v>80141</v>
      </c>
      <c r="D507" s="14" t="s">
        <v>80142</v>
      </c>
      <c r="E507" s="2" t="s">
        <v>80143</v>
      </c>
      <c r="F507" s="2" t="s">
        <v>130</v>
      </c>
      <c r="G507" s="8">
        <v>476</v>
      </c>
      <c r="H507" s="5">
        <v>10</v>
      </c>
      <c r="I507" s="5" t="s">
        <v>79637</v>
      </c>
      <c r="J507" s="5" t="s">
        <v>79638</v>
      </c>
      <c r="K507" s="2" t="s">
        <v>79639</v>
      </c>
      <c r="L507" s="5" t="s">
        <v>79638</v>
      </c>
      <c r="M507" s="2" t="s">
        <v>79639</v>
      </c>
      <c r="N507" s="5" t="s">
        <v>79640</v>
      </c>
      <c r="O507" s="5" t="s">
        <v>38</v>
      </c>
      <c r="P507" s="5" t="s">
        <v>39</v>
      </c>
      <c r="Q507" s="5" t="s">
        <v>40</v>
      </c>
      <c r="R507" s="5" t="s">
        <v>24335</v>
      </c>
      <c r="S507" s="5" t="s">
        <v>40</v>
      </c>
      <c r="T507" s="5" t="s">
        <v>42</v>
      </c>
      <c r="U507" s="2">
        <v>9.141</v>
      </c>
      <c r="V507" s="2">
        <v>6.7679999999999998</v>
      </c>
      <c r="W507" s="2">
        <v>0.09</v>
      </c>
      <c r="X507" s="2">
        <v>43</v>
      </c>
      <c r="Y507" s="2">
        <v>16.5</v>
      </c>
      <c r="Z507" s="2">
        <v>126.8</v>
      </c>
      <c r="AA507" s="5">
        <v>14</v>
      </c>
      <c r="AB507" s="5" t="s">
        <v>43</v>
      </c>
      <c r="AC507" s="5" t="s">
        <v>735</v>
      </c>
      <c r="AD507" s="2" t="s">
        <v>79766</v>
      </c>
      <c r="AE507" s="1"/>
    </row>
    <row r="508" spans="1:31">
      <c r="A508" s="5" t="s">
        <v>116</v>
      </c>
      <c r="B508" s="21">
        <v>46143</v>
      </c>
      <c r="C508" s="2" t="s">
        <v>80150</v>
      </c>
      <c r="D508" s="14" t="s">
        <v>80151</v>
      </c>
      <c r="E508" s="2" t="s">
        <v>80152</v>
      </c>
      <c r="F508" s="2" t="s">
        <v>130</v>
      </c>
      <c r="G508" s="8">
        <v>502</v>
      </c>
      <c r="H508" s="5">
        <v>10</v>
      </c>
      <c r="I508" s="5" t="s">
        <v>79637</v>
      </c>
      <c r="J508" s="5" t="s">
        <v>79638</v>
      </c>
      <c r="K508" s="2" t="s">
        <v>79639</v>
      </c>
      <c r="L508" s="5" t="s">
        <v>79638</v>
      </c>
      <c r="M508" s="2" t="s">
        <v>79639</v>
      </c>
      <c r="N508" s="5" t="s">
        <v>79640</v>
      </c>
      <c r="O508" s="5" t="s">
        <v>38</v>
      </c>
      <c r="P508" s="5" t="s">
        <v>39</v>
      </c>
      <c r="Q508" s="5" t="s">
        <v>40</v>
      </c>
      <c r="R508" s="5" t="s">
        <v>24335</v>
      </c>
      <c r="S508" s="5" t="s">
        <v>40</v>
      </c>
      <c r="T508" s="5" t="s">
        <v>42</v>
      </c>
      <c r="U508" s="2">
        <v>10.022</v>
      </c>
      <c r="V508" s="2">
        <v>7.4950000000000001</v>
      </c>
      <c r="W508" s="2">
        <v>0.10100000000000001</v>
      </c>
      <c r="X508" s="2">
        <v>43</v>
      </c>
      <c r="Y508" s="2">
        <v>16.5</v>
      </c>
      <c r="Z508" s="2">
        <v>143</v>
      </c>
      <c r="AA508" s="5">
        <v>14</v>
      </c>
      <c r="AB508" s="5" t="s">
        <v>43</v>
      </c>
      <c r="AC508" s="5" t="s">
        <v>735</v>
      </c>
      <c r="AD508" s="2" t="s">
        <v>79766</v>
      </c>
      <c r="AE508" s="1"/>
    </row>
    <row r="509" spans="1:31">
      <c r="A509" s="5" t="s">
        <v>116</v>
      </c>
      <c r="B509" s="21">
        <v>46143</v>
      </c>
      <c r="C509" s="2" t="s">
        <v>80159</v>
      </c>
      <c r="D509" s="14" t="s">
        <v>80160</v>
      </c>
      <c r="E509" s="2" t="s">
        <v>80161</v>
      </c>
      <c r="F509" s="2" t="s">
        <v>130</v>
      </c>
      <c r="G509" s="8">
        <v>497</v>
      </c>
      <c r="H509" s="5">
        <v>10</v>
      </c>
      <c r="I509" s="5" t="s">
        <v>79637</v>
      </c>
      <c r="J509" s="5" t="s">
        <v>79638</v>
      </c>
      <c r="K509" s="2" t="s">
        <v>79639</v>
      </c>
      <c r="L509" s="5" t="s">
        <v>79638</v>
      </c>
      <c r="M509" s="2" t="s">
        <v>79639</v>
      </c>
      <c r="N509" s="5" t="s">
        <v>79640</v>
      </c>
      <c r="O509" s="5" t="s">
        <v>38</v>
      </c>
      <c r="P509" s="5" t="s">
        <v>39</v>
      </c>
      <c r="Q509" s="5" t="s">
        <v>40</v>
      </c>
      <c r="R509" s="5" t="s">
        <v>24335</v>
      </c>
      <c r="S509" s="5" t="s">
        <v>40</v>
      </c>
      <c r="T509" s="5" t="s">
        <v>42</v>
      </c>
      <c r="U509" s="2">
        <v>9.6549999999999994</v>
      </c>
      <c r="V509" s="2">
        <v>7.282</v>
      </c>
      <c r="W509" s="2">
        <v>0.09</v>
      </c>
      <c r="X509" s="2">
        <v>43</v>
      </c>
      <c r="Y509" s="2">
        <v>16.5</v>
      </c>
      <c r="Z509" s="2">
        <v>126.8</v>
      </c>
      <c r="AA509" s="5">
        <v>14</v>
      </c>
      <c r="AB509" s="5" t="s">
        <v>43</v>
      </c>
      <c r="AC509" s="5" t="s">
        <v>735</v>
      </c>
      <c r="AD509" s="2" t="s">
        <v>79766</v>
      </c>
      <c r="AE509" s="1"/>
    </row>
    <row r="510" spans="1:31">
      <c r="A510" s="5" t="s">
        <v>116</v>
      </c>
      <c r="B510" s="21">
        <v>46143</v>
      </c>
      <c r="C510" s="2" t="s">
        <v>80168</v>
      </c>
      <c r="D510" s="14" t="s">
        <v>80169</v>
      </c>
      <c r="E510" s="2" t="s">
        <v>80170</v>
      </c>
      <c r="F510" s="2" t="s">
        <v>130</v>
      </c>
      <c r="G510" s="8">
        <v>523</v>
      </c>
      <c r="H510" s="5">
        <v>5</v>
      </c>
      <c r="I510" s="5" t="s">
        <v>79637</v>
      </c>
      <c r="J510" s="5" t="s">
        <v>79638</v>
      </c>
      <c r="K510" s="2" t="s">
        <v>79639</v>
      </c>
      <c r="L510" s="5" t="s">
        <v>79638</v>
      </c>
      <c r="M510" s="2" t="s">
        <v>79639</v>
      </c>
      <c r="N510" s="5" t="s">
        <v>79640</v>
      </c>
      <c r="O510" s="5" t="s">
        <v>38</v>
      </c>
      <c r="P510" s="5" t="s">
        <v>39</v>
      </c>
      <c r="Q510" s="5" t="s">
        <v>40</v>
      </c>
      <c r="R510" s="5" t="s">
        <v>24335</v>
      </c>
      <c r="S510" s="5" t="s">
        <v>40</v>
      </c>
      <c r="T510" s="5" t="s">
        <v>42</v>
      </c>
      <c r="U510" s="2">
        <v>10.582000000000001</v>
      </c>
      <c r="V510" s="2">
        <v>8.0549999999999997</v>
      </c>
      <c r="W510" s="2">
        <v>0.10100000000000001</v>
      </c>
      <c r="X510" s="2">
        <v>43</v>
      </c>
      <c r="Y510" s="2">
        <v>16.5</v>
      </c>
      <c r="Z510" s="2">
        <v>143</v>
      </c>
      <c r="AA510" s="5">
        <v>14</v>
      </c>
      <c r="AB510" s="5" t="s">
        <v>43</v>
      </c>
      <c r="AC510" s="5" t="s">
        <v>735</v>
      </c>
      <c r="AD510" s="2" t="s">
        <v>79766</v>
      </c>
      <c r="AE510" s="1"/>
    </row>
    <row r="511" spans="1:31">
      <c r="A511" s="5" t="s">
        <v>116</v>
      </c>
      <c r="B511" s="21">
        <v>46143</v>
      </c>
      <c r="C511" s="2" t="s">
        <v>80177</v>
      </c>
      <c r="D511" s="14" t="s">
        <v>80178</v>
      </c>
      <c r="E511" s="2" t="s">
        <v>80179</v>
      </c>
      <c r="F511" s="2" t="s">
        <v>130</v>
      </c>
      <c r="G511" s="8">
        <v>549</v>
      </c>
      <c r="H511" s="5">
        <v>10</v>
      </c>
      <c r="I511" s="5" t="s">
        <v>79637</v>
      </c>
      <c r="J511" s="5" t="s">
        <v>79638</v>
      </c>
      <c r="K511" s="2" t="s">
        <v>79639</v>
      </c>
      <c r="L511" s="5" t="s">
        <v>79638</v>
      </c>
      <c r="M511" s="2" t="s">
        <v>79639</v>
      </c>
      <c r="N511" s="5" t="s">
        <v>79640</v>
      </c>
      <c r="O511" s="5" t="s">
        <v>38</v>
      </c>
      <c r="P511" s="5" t="s">
        <v>39</v>
      </c>
      <c r="Q511" s="5" t="s">
        <v>40</v>
      </c>
      <c r="R511" s="5" t="s">
        <v>24335</v>
      </c>
      <c r="S511" s="5" t="s">
        <v>40</v>
      </c>
      <c r="T511" s="5" t="s">
        <v>42</v>
      </c>
      <c r="U511" s="2">
        <v>11.603999999999999</v>
      </c>
      <c r="V511" s="2">
        <v>8.89</v>
      </c>
      <c r="W511" s="2">
        <v>0.11600000000000001</v>
      </c>
      <c r="X511" s="2">
        <v>43</v>
      </c>
      <c r="Y511" s="2">
        <v>16.5</v>
      </c>
      <c r="Z511" s="2">
        <v>162.80000000000001</v>
      </c>
      <c r="AA511" s="5">
        <v>14</v>
      </c>
      <c r="AB511" s="5" t="s">
        <v>43</v>
      </c>
      <c r="AC511" s="5" t="s">
        <v>735</v>
      </c>
      <c r="AD511" s="2" t="s">
        <v>79766</v>
      </c>
      <c r="AE511" s="1"/>
    </row>
    <row r="512" spans="1:31">
      <c r="A512" s="5" t="s">
        <v>116</v>
      </c>
      <c r="B512" s="21">
        <v>46143</v>
      </c>
      <c r="C512" s="2" t="s">
        <v>80186</v>
      </c>
      <c r="D512" s="14" t="s">
        <v>80187</v>
      </c>
      <c r="E512" s="2" t="s">
        <v>80188</v>
      </c>
      <c r="F512" s="2" t="s">
        <v>130</v>
      </c>
      <c r="G512" s="8">
        <v>570</v>
      </c>
      <c r="H512" s="5">
        <v>10</v>
      </c>
      <c r="I512" s="5" t="s">
        <v>79637</v>
      </c>
      <c r="J512" s="5" t="s">
        <v>79638</v>
      </c>
      <c r="K512" s="2" t="s">
        <v>79639</v>
      </c>
      <c r="L512" s="5" t="s">
        <v>79638</v>
      </c>
      <c r="M512" s="2" t="s">
        <v>79639</v>
      </c>
      <c r="N512" s="5" t="s">
        <v>79640</v>
      </c>
      <c r="O512" s="5" t="s">
        <v>38</v>
      </c>
      <c r="P512" s="5" t="s">
        <v>39</v>
      </c>
      <c r="Q512" s="5" t="s">
        <v>40</v>
      </c>
      <c r="R512" s="5" t="s">
        <v>24335</v>
      </c>
      <c r="S512" s="5" t="s">
        <v>40</v>
      </c>
      <c r="T512" s="5" t="s">
        <v>42</v>
      </c>
      <c r="U512" s="2">
        <v>11.566000000000001</v>
      </c>
      <c r="V512" s="2">
        <v>9.0389999999999997</v>
      </c>
      <c r="W512" s="2">
        <v>0.10100000000000001</v>
      </c>
      <c r="X512" s="2">
        <v>43</v>
      </c>
      <c r="Y512" s="2">
        <v>16.5</v>
      </c>
      <c r="Z512" s="2">
        <v>143</v>
      </c>
      <c r="AA512" s="5">
        <v>14</v>
      </c>
      <c r="AB512" s="5" t="s">
        <v>43</v>
      </c>
      <c r="AC512" s="5" t="s">
        <v>735</v>
      </c>
      <c r="AD512" s="2" t="s">
        <v>79766</v>
      </c>
      <c r="AE512" s="1"/>
    </row>
    <row r="513" spans="1:31">
      <c r="A513" s="5" t="s">
        <v>116</v>
      </c>
      <c r="B513" s="21">
        <v>46143</v>
      </c>
      <c r="C513" s="2" t="s">
        <v>80195</v>
      </c>
      <c r="D513" s="14" t="s">
        <v>80196</v>
      </c>
      <c r="E513" s="2" t="s">
        <v>80197</v>
      </c>
      <c r="F513" s="2" t="s">
        <v>130</v>
      </c>
      <c r="G513" s="8">
        <v>601</v>
      </c>
      <c r="H513" s="5">
        <v>10</v>
      </c>
      <c r="I513" s="5" t="s">
        <v>79637</v>
      </c>
      <c r="J513" s="5" t="s">
        <v>79638</v>
      </c>
      <c r="K513" s="2" t="s">
        <v>79639</v>
      </c>
      <c r="L513" s="5" t="s">
        <v>79638</v>
      </c>
      <c r="M513" s="2" t="s">
        <v>79639</v>
      </c>
      <c r="N513" s="5" t="s">
        <v>79640</v>
      </c>
      <c r="O513" s="5" t="s">
        <v>38</v>
      </c>
      <c r="P513" s="5" t="s">
        <v>39</v>
      </c>
      <c r="Q513" s="5" t="s">
        <v>40</v>
      </c>
      <c r="R513" s="5" t="s">
        <v>24335</v>
      </c>
      <c r="S513" s="5" t="s">
        <v>40</v>
      </c>
      <c r="T513" s="5" t="s">
        <v>42</v>
      </c>
      <c r="U513" s="2">
        <v>12.686999999999999</v>
      </c>
      <c r="V513" s="2">
        <v>9.9730000000000008</v>
      </c>
      <c r="W513" s="2">
        <v>0.11600000000000001</v>
      </c>
      <c r="X513" s="2">
        <v>43</v>
      </c>
      <c r="Y513" s="2">
        <v>16.5</v>
      </c>
      <c r="Z513" s="2">
        <v>162.80000000000001</v>
      </c>
      <c r="AA513" s="5">
        <v>14</v>
      </c>
      <c r="AB513" s="5" t="s">
        <v>43</v>
      </c>
      <c r="AC513" s="5" t="s">
        <v>735</v>
      </c>
      <c r="AD513" s="2" t="s">
        <v>79766</v>
      </c>
      <c r="AE513" s="1"/>
    </row>
    <row r="514" spans="1:31">
      <c r="A514" s="5" t="s">
        <v>116</v>
      </c>
      <c r="B514" s="21">
        <v>46143</v>
      </c>
      <c r="C514" s="2" t="s">
        <v>80204</v>
      </c>
      <c r="D514" s="14" t="s">
        <v>80205</v>
      </c>
      <c r="E514" s="2" t="s">
        <v>80206</v>
      </c>
      <c r="F514" s="2" t="s">
        <v>130</v>
      </c>
      <c r="G514" s="8">
        <v>622</v>
      </c>
      <c r="H514" s="5">
        <v>5</v>
      </c>
      <c r="I514" s="5" t="s">
        <v>79637</v>
      </c>
      <c r="J514" s="5" t="s">
        <v>79638</v>
      </c>
      <c r="K514" s="2" t="s">
        <v>79639</v>
      </c>
      <c r="L514" s="5" t="s">
        <v>79638</v>
      </c>
      <c r="M514" s="2" t="s">
        <v>79639</v>
      </c>
      <c r="N514" s="5" t="s">
        <v>79640</v>
      </c>
      <c r="O514" s="5" t="s">
        <v>38</v>
      </c>
      <c r="P514" s="5" t="s">
        <v>39</v>
      </c>
      <c r="Q514" s="5" t="s">
        <v>40</v>
      </c>
      <c r="R514" s="5" t="s">
        <v>24335</v>
      </c>
      <c r="S514" s="5" t="s">
        <v>40</v>
      </c>
      <c r="T514" s="5" t="s">
        <v>42</v>
      </c>
      <c r="U514" s="2">
        <v>12.840999999999999</v>
      </c>
      <c r="V514" s="2">
        <v>10.127000000000001</v>
      </c>
      <c r="W514" s="2">
        <v>0.11600000000000001</v>
      </c>
      <c r="X514" s="2">
        <v>43</v>
      </c>
      <c r="Y514" s="2">
        <v>16.5</v>
      </c>
      <c r="Z514" s="2">
        <v>162.80000000000001</v>
      </c>
      <c r="AA514" s="5">
        <v>14</v>
      </c>
      <c r="AB514" s="5" t="s">
        <v>43</v>
      </c>
      <c r="AC514" s="5" t="s">
        <v>735</v>
      </c>
      <c r="AD514" s="2" t="s">
        <v>79766</v>
      </c>
      <c r="AE514" s="1"/>
    </row>
    <row r="515" spans="1:31">
      <c r="A515" s="5" t="s">
        <v>116</v>
      </c>
      <c r="B515" s="21">
        <v>46143</v>
      </c>
      <c r="C515" s="2" t="s">
        <v>80213</v>
      </c>
      <c r="D515" s="14" t="s">
        <v>80214</v>
      </c>
      <c r="E515" s="2" t="s">
        <v>80215</v>
      </c>
      <c r="F515" s="2" t="s">
        <v>130</v>
      </c>
      <c r="G515" s="8">
        <v>659</v>
      </c>
      <c r="H515" s="5">
        <v>5</v>
      </c>
      <c r="I515" s="5" t="s">
        <v>79637</v>
      </c>
      <c r="J515" s="5" t="s">
        <v>79638</v>
      </c>
      <c r="K515" s="2" t="s">
        <v>79639</v>
      </c>
      <c r="L515" s="5" t="s">
        <v>79638</v>
      </c>
      <c r="M515" s="2" t="s">
        <v>79639</v>
      </c>
      <c r="N515" s="5" t="s">
        <v>79640</v>
      </c>
      <c r="O515" s="5" t="s">
        <v>38</v>
      </c>
      <c r="P515" s="5" t="s">
        <v>39</v>
      </c>
      <c r="Q515" s="5" t="s">
        <v>40</v>
      </c>
      <c r="R515" s="5" t="s">
        <v>24335</v>
      </c>
      <c r="S515" s="5" t="s">
        <v>40</v>
      </c>
      <c r="T515" s="5" t="s">
        <v>42</v>
      </c>
      <c r="U515" s="2">
        <v>13.882</v>
      </c>
      <c r="V515" s="2">
        <v>11.167999999999999</v>
      </c>
      <c r="W515" s="2">
        <v>0.11600000000000001</v>
      </c>
      <c r="X515" s="2">
        <v>43</v>
      </c>
      <c r="Y515" s="2">
        <v>16.5</v>
      </c>
      <c r="Z515" s="2">
        <v>162.80000000000001</v>
      </c>
      <c r="AA515" s="5">
        <v>14</v>
      </c>
      <c r="AB515" s="5" t="s">
        <v>43</v>
      </c>
      <c r="AC515" s="5" t="s">
        <v>735</v>
      </c>
      <c r="AD515" s="2" t="s">
        <v>79766</v>
      </c>
      <c r="AE515" s="1"/>
    </row>
    <row r="516" spans="1:31">
      <c r="A516" s="5" t="s">
        <v>116</v>
      </c>
      <c r="B516" s="21">
        <v>46143</v>
      </c>
      <c r="C516" s="2" t="s">
        <v>80222</v>
      </c>
      <c r="D516" s="14" t="s">
        <v>80223</v>
      </c>
      <c r="E516" s="2" t="s">
        <v>80224</v>
      </c>
      <c r="F516" s="2" t="s">
        <v>130</v>
      </c>
      <c r="G516" s="8">
        <v>696</v>
      </c>
      <c r="H516" s="5">
        <v>10</v>
      </c>
      <c r="I516" s="5" t="s">
        <v>79637</v>
      </c>
      <c r="J516" s="5" t="s">
        <v>79638</v>
      </c>
      <c r="K516" s="2" t="s">
        <v>79639</v>
      </c>
      <c r="L516" s="5" t="s">
        <v>79638</v>
      </c>
      <c r="M516" s="2" t="s">
        <v>79639</v>
      </c>
      <c r="N516" s="5" t="s">
        <v>79640</v>
      </c>
      <c r="O516" s="5" t="s">
        <v>38</v>
      </c>
      <c r="P516" s="5" t="s">
        <v>39</v>
      </c>
      <c r="Q516" s="5" t="s">
        <v>40</v>
      </c>
      <c r="R516" s="5" t="s">
        <v>24335</v>
      </c>
      <c r="S516" s="5" t="s">
        <v>40</v>
      </c>
      <c r="T516" s="5" t="s">
        <v>42</v>
      </c>
      <c r="U516" s="2">
        <v>15.243</v>
      </c>
      <c r="V516" s="2">
        <v>12.183999999999999</v>
      </c>
      <c r="W516" s="2">
        <v>0.14099999999999999</v>
      </c>
      <c r="X516" s="2">
        <v>43</v>
      </c>
      <c r="Y516" s="2">
        <v>16.5</v>
      </c>
      <c r="Z516" s="2">
        <v>199.2</v>
      </c>
      <c r="AA516" s="5">
        <v>14</v>
      </c>
      <c r="AB516" s="5" t="s">
        <v>43</v>
      </c>
      <c r="AC516" s="5" t="s">
        <v>735</v>
      </c>
      <c r="AD516" s="2" t="s">
        <v>79766</v>
      </c>
      <c r="AE516" s="1"/>
    </row>
    <row r="517" spans="1:31">
      <c r="A517" s="5" t="s">
        <v>116</v>
      </c>
      <c r="B517" s="21">
        <v>46143</v>
      </c>
      <c r="C517" s="2" t="s">
        <v>80231</v>
      </c>
      <c r="D517" s="14" t="s">
        <v>80232</v>
      </c>
      <c r="E517" s="2" t="s">
        <v>80233</v>
      </c>
      <c r="F517" s="2" t="s">
        <v>130</v>
      </c>
      <c r="G517" s="8">
        <v>722</v>
      </c>
      <c r="H517" s="5">
        <v>10</v>
      </c>
      <c r="I517" s="5" t="s">
        <v>79637</v>
      </c>
      <c r="J517" s="5" t="s">
        <v>79638</v>
      </c>
      <c r="K517" s="2" t="s">
        <v>79639</v>
      </c>
      <c r="L517" s="5" t="s">
        <v>79638</v>
      </c>
      <c r="M517" s="2" t="s">
        <v>79639</v>
      </c>
      <c r="N517" s="5" t="s">
        <v>79640</v>
      </c>
      <c r="O517" s="5" t="s">
        <v>38</v>
      </c>
      <c r="P517" s="5" t="s">
        <v>39</v>
      </c>
      <c r="Q517" s="5" t="s">
        <v>40</v>
      </c>
      <c r="R517" s="5" t="s">
        <v>24335</v>
      </c>
      <c r="S517" s="5" t="s">
        <v>40</v>
      </c>
      <c r="T517" s="5" t="s">
        <v>42</v>
      </c>
      <c r="U517" s="2">
        <v>15.228999999999999</v>
      </c>
      <c r="V517" s="2">
        <v>12.364000000000001</v>
      </c>
      <c r="W517" s="2">
        <v>0.126</v>
      </c>
      <c r="X517" s="2">
        <v>43</v>
      </c>
      <c r="Y517" s="2">
        <v>16.5</v>
      </c>
      <c r="Z517" s="2">
        <v>177.8</v>
      </c>
      <c r="AA517" s="5">
        <v>14</v>
      </c>
      <c r="AB517" s="5" t="s">
        <v>43</v>
      </c>
      <c r="AC517" s="5" t="s">
        <v>735</v>
      </c>
      <c r="AD517" s="2" t="s">
        <v>79766</v>
      </c>
      <c r="AE517" s="1"/>
    </row>
    <row r="518" spans="1:31">
      <c r="A518" s="5" t="s">
        <v>116</v>
      </c>
      <c r="B518" s="21">
        <v>46143</v>
      </c>
      <c r="C518" s="2" t="s">
        <v>80240</v>
      </c>
      <c r="D518" s="14" t="s">
        <v>80241</v>
      </c>
      <c r="E518" s="2" t="s">
        <v>80242</v>
      </c>
      <c r="F518" s="2" t="s">
        <v>130</v>
      </c>
      <c r="G518" s="8">
        <v>764</v>
      </c>
      <c r="H518" s="5">
        <v>10</v>
      </c>
      <c r="I518" s="5" t="s">
        <v>79637</v>
      </c>
      <c r="J518" s="5" t="s">
        <v>79638</v>
      </c>
      <c r="K518" s="2" t="s">
        <v>79639</v>
      </c>
      <c r="L518" s="5" t="s">
        <v>79638</v>
      </c>
      <c r="M518" s="2" t="s">
        <v>79639</v>
      </c>
      <c r="N518" s="5" t="s">
        <v>79640</v>
      </c>
      <c r="O518" s="5" t="s">
        <v>38</v>
      </c>
      <c r="P518" s="5" t="s">
        <v>39</v>
      </c>
      <c r="Q518" s="5" t="s">
        <v>40</v>
      </c>
      <c r="R518" s="5" t="s">
        <v>24335</v>
      </c>
      <c r="S518" s="5" t="s">
        <v>40</v>
      </c>
      <c r="T518" s="5" t="s">
        <v>42</v>
      </c>
      <c r="U518" s="2">
        <v>16.541</v>
      </c>
      <c r="V518" s="2">
        <v>13.481999999999999</v>
      </c>
      <c r="W518" s="2">
        <v>0.14099999999999999</v>
      </c>
      <c r="X518" s="2">
        <v>43</v>
      </c>
      <c r="Y518" s="2">
        <v>16.5</v>
      </c>
      <c r="Z518" s="2">
        <v>199.2</v>
      </c>
      <c r="AA518" s="5">
        <v>14</v>
      </c>
      <c r="AB518" s="5" t="s">
        <v>43</v>
      </c>
      <c r="AC518" s="5" t="s">
        <v>735</v>
      </c>
      <c r="AD518" s="2" t="s">
        <v>79766</v>
      </c>
      <c r="AE518" s="1"/>
    </row>
    <row r="519" spans="1:31">
      <c r="A519" s="5" t="s">
        <v>116</v>
      </c>
      <c r="B519" s="21">
        <v>46143</v>
      </c>
      <c r="C519" s="2" t="s">
        <v>80397</v>
      </c>
      <c r="D519" s="14" t="s">
        <v>80398</v>
      </c>
      <c r="E519" s="2" t="s">
        <v>80399</v>
      </c>
      <c r="F519" s="2" t="s">
        <v>130</v>
      </c>
      <c r="G519" s="8">
        <v>742</v>
      </c>
      <c r="H519" s="5">
        <v>10</v>
      </c>
      <c r="I519" s="5" t="s">
        <v>79637</v>
      </c>
      <c r="J519" s="5" t="s">
        <v>79638</v>
      </c>
      <c r="K519" s="2" t="s">
        <v>79639</v>
      </c>
      <c r="L519" s="5" t="s">
        <v>79638</v>
      </c>
      <c r="M519" s="2" t="s">
        <v>79639</v>
      </c>
      <c r="N519" s="5" t="s">
        <v>79640</v>
      </c>
      <c r="O519" s="5" t="s">
        <v>38</v>
      </c>
      <c r="P519" s="5" t="s">
        <v>39</v>
      </c>
      <c r="Q519" s="5" t="s">
        <v>40</v>
      </c>
      <c r="R519" s="5" t="s">
        <v>24335</v>
      </c>
      <c r="S519" s="5" t="s">
        <v>40</v>
      </c>
      <c r="T519" s="5" t="s">
        <v>42</v>
      </c>
      <c r="U519" s="2">
        <v>11.163</v>
      </c>
      <c r="V519" s="2">
        <v>8.6389999999999993</v>
      </c>
      <c r="W519" s="2">
        <v>0.10100000000000001</v>
      </c>
      <c r="X519" s="2">
        <v>43</v>
      </c>
      <c r="Y519" s="2">
        <v>16.5</v>
      </c>
      <c r="Z519" s="2">
        <v>143</v>
      </c>
      <c r="AA519" s="5">
        <v>12</v>
      </c>
      <c r="AB519" s="5" t="s">
        <v>43</v>
      </c>
      <c r="AC519" s="5" t="s">
        <v>735</v>
      </c>
      <c r="AD519" s="2" t="s">
        <v>80400</v>
      </c>
      <c r="AE519" s="1"/>
    </row>
    <row r="520" spans="1:31">
      <c r="A520" s="5" t="s">
        <v>116</v>
      </c>
      <c r="B520" s="21">
        <v>46143</v>
      </c>
      <c r="C520" s="2" t="s">
        <v>80401</v>
      </c>
      <c r="D520" s="14" t="s">
        <v>80402</v>
      </c>
      <c r="E520" s="2" t="s">
        <v>80403</v>
      </c>
      <c r="F520" s="2" t="s">
        <v>130</v>
      </c>
      <c r="G520" s="8">
        <v>799</v>
      </c>
      <c r="H520" s="5">
        <v>10</v>
      </c>
      <c r="I520" s="5" t="s">
        <v>79637</v>
      </c>
      <c r="J520" s="5" t="s">
        <v>79638</v>
      </c>
      <c r="K520" s="2" t="s">
        <v>79639</v>
      </c>
      <c r="L520" s="5" t="s">
        <v>79638</v>
      </c>
      <c r="M520" s="2" t="s">
        <v>79639</v>
      </c>
      <c r="N520" s="5" t="s">
        <v>79640</v>
      </c>
      <c r="O520" s="5" t="s">
        <v>38</v>
      </c>
      <c r="P520" s="5" t="s">
        <v>39</v>
      </c>
      <c r="Q520" s="5" t="s">
        <v>40</v>
      </c>
      <c r="R520" s="5" t="s">
        <v>24335</v>
      </c>
      <c r="S520" s="5" t="s">
        <v>40</v>
      </c>
      <c r="T520" s="5" t="s">
        <v>42</v>
      </c>
      <c r="U520" s="2">
        <v>12.387</v>
      </c>
      <c r="V520" s="2">
        <v>9.6760000000000002</v>
      </c>
      <c r="W520" s="2">
        <v>0.11600000000000001</v>
      </c>
      <c r="X520" s="2">
        <v>43</v>
      </c>
      <c r="Y520" s="2">
        <v>16.5</v>
      </c>
      <c r="Z520" s="2">
        <v>162.80000000000001</v>
      </c>
      <c r="AA520" s="5">
        <v>12</v>
      </c>
      <c r="AB520" s="5" t="s">
        <v>43</v>
      </c>
      <c r="AC520" s="5" t="s">
        <v>735</v>
      </c>
      <c r="AD520" s="2" t="s">
        <v>80400</v>
      </c>
      <c r="AE520" s="1"/>
    </row>
    <row r="521" spans="1:31">
      <c r="A521" s="5" t="s">
        <v>116</v>
      </c>
      <c r="B521" s="21">
        <v>46143</v>
      </c>
      <c r="C521" s="2" t="s">
        <v>80404</v>
      </c>
      <c r="D521" s="14" t="s">
        <v>80405</v>
      </c>
      <c r="E521" s="2" t="s">
        <v>80406</v>
      </c>
      <c r="F521" s="2" t="s">
        <v>130</v>
      </c>
      <c r="G521" s="8">
        <v>925</v>
      </c>
      <c r="H521" s="5">
        <v>10</v>
      </c>
      <c r="I521" s="5" t="s">
        <v>79637</v>
      </c>
      <c r="J521" s="5" t="s">
        <v>79638</v>
      </c>
      <c r="K521" s="2" t="s">
        <v>79639</v>
      </c>
      <c r="L521" s="5" t="s">
        <v>79638</v>
      </c>
      <c r="M521" s="2" t="s">
        <v>79639</v>
      </c>
      <c r="N521" s="5" t="s">
        <v>79640</v>
      </c>
      <c r="O521" s="5" t="s">
        <v>38</v>
      </c>
      <c r="P521" s="5" t="s">
        <v>39</v>
      </c>
      <c r="Q521" s="5" t="s">
        <v>40</v>
      </c>
      <c r="R521" s="5" t="s">
        <v>24335</v>
      </c>
      <c r="S521" s="5" t="s">
        <v>40</v>
      </c>
      <c r="T521" s="5" t="s">
        <v>42</v>
      </c>
      <c r="U521" s="2">
        <v>13.91</v>
      </c>
      <c r="V521" s="2">
        <v>11.199</v>
      </c>
      <c r="W521" s="2">
        <v>0.11600000000000001</v>
      </c>
      <c r="X521" s="2">
        <v>43</v>
      </c>
      <c r="Y521" s="2">
        <v>16.5</v>
      </c>
      <c r="Z521" s="2">
        <v>162.80000000000001</v>
      </c>
      <c r="AA521" s="5">
        <v>12</v>
      </c>
      <c r="AB521" s="5" t="s">
        <v>43</v>
      </c>
      <c r="AC521" s="5" t="s">
        <v>735</v>
      </c>
      <c r="AD521" s="2" t="s">
        <v>80400</v>
      </c>
      <c r="AE521" s="1"/>
    </row>
    <row r="522" spans="1:31">
      <c r="A522" s="5" t="s">
        <v>116</v>
      </c>
      <c r="B522" s="21">
        <v>46143</v>
      </c>
      <c r="C522" s="2" t="s">
        <v>80407</v>
      </c>
      <c r="D522" s="14" t="s">
        <v>80408</v>
      </c>
      <c r="E522" s="2" t="s">
        <v>80409</v>
      </c>
      <c r="F522" s="2" t="s">
        <v>130</v>
      </c>
      <c r="G522" s="8">
        <v>611</v>
      </c>
      <c r="H522" s="5">
        <v>5</v>
      </c>
      <c r="I522" s="5" t="s">
        <v>79637</v>
      </c>
      <c r="J522" s="5" t="s">
        <v>79638</v>
      </c>
      <c r="K522" s="2" t="s">
        <v>79639</v>
      </c>
      <c r="L522" s="5" t="s">
        <v>79638</v>
      </c>
      <c r="M522" s="2" t="s">
        <v>79639</v>
      </c>
      <c r="N522" s="5" t="s">
        <v>79640</v>
      </c>
      <c r="O522" s="5" t="s">
        <v>38</v>
      </c>
      <c r="P522" s="5" t="s">
        <v>39</v>
      </c>
      <c r="Q522" s="5" t="s">
        <v>40</v>
      </c>
      <c r="R522" s="5" t="s">
        <v>24335</v>
      </c>
      <c r="S522" s="5" t="s">
        <v>40</v>
      </c>
      <c r="T522" s="5" t="s">
        <v>42</v>
      </c>
      <c r="U522" s="2">
        <v>8.2219999999999995</v>
      </c>
      <c r="V522" s="2">
        <v>5.8520000000000003</v>
      </c>
      <c r="W522" s="2">
        <v>0.09</v>
      </c>
      <c r="X522" s="2">
        <v>43</v>
      </c>
      <c r="Y522" s="2">
        <v>16.5</v>
      </c>
      <c r="Z522" s="2">
        <v>126.8</v>
      </c>
      <c r="AA522" s="5">
        <v>14</v>
      </c>
      <c r="AB522" s="5" t="s">
        <v>43</v>
      </c>
      <c r="AC522" s="5" t="s">
        <v>735</v>
      </c>
      <c r="AD522" s="2" t="s">
        <v>80400</v>
      </c>
      <c r="AE522" s="1"/>
    </row>
    <row r="523" spans="1:31">
      <c r="A523" s="5" t="s">
        <v>116</v>
      </c>
      <c r="B523" s="21">
        <v>46143</v>
      </c>
      <c r="C523" s="2" t="s">
        <v>80414</v>
      </c>
      <c r="D523" s="14" t="s">
        <v>80415</v>
      </c>
      <c r="E523" s="2" t="s">
        <v>80416</v>
      </c>
      <c r="F523" s="2" t="s">
        <v>130</v>
      </c>
      <c r="G523" s="8">
        <v>709</v>
      </c>
      <c r="H523" s="5">
        <v>5</v>
      </c>
      <c r="I523" s="5" t="s">
        <v>79637</v>
      </c>
      <c r="J523" s="5" t="s">
        <v>79638</v>
      </c>
      <c r="K523" s="2" t="s">
        <v>79639</v>
      </c>
      <c r="L523" s="5" t="s">
        <v>79638</v>
      </c>
      <c r="M523" s="2" t="s">
        <v>79639</v>
      </c>
      <c r="N523" s="5" t="s">
        <v>79640</v>
      </c>
      <c r="O523" s="5" t="s">
        <v>38</v>
      </c>
      <c r="P523" s="5" t="s">
        <v>39</v>
      </c>
      <c r="Q523" s="5" t="s">
        <v>40</v>
      </c>
      <c r="R523" s="5" t="s">
        <v>24335</v>
      </c>
      <c r="S523" s="5" t="s">
        <v>40</v>
      </c>
      <c r="T523" s="5" t="s">
        <v>42</v>
      </c>
      <c r="U523" s="2">
        <v>9.3290000000000006</v>
      </c>
      <c r="V523" s="2">
        <v>6.9539999999999997</v>
      </c>
      <c r="W523" s="2">
        <v>0.09</v>
      </c>
      <c r="X523" s="2">
        <v>43</v>
      </c>
      <c r="Y523" s="2">
        <v>16.5</v>
      </c>
      <c r="Z523" s="2">
        <v>126.8</v>
      </c>
      <c r="AA523" s="5">
        <v>14</v>
      </c>
      <c r="AB523" s="5" t="s">
        <v>43</v>
      </c>
      <c r="AC523" s="5" t="s">
        <v>735</v>
      </c>
      <c r="AD523" s="2" t="s">
        <v>79774</v>
      </c>
      <c r="AE523" s="1"/>
    </row>
    <row r="524" spans="1:31">
      <c r="A524" s="5" t="s">
        <v>116</v>
      </c>
      <c r="B524" s="21">
        <v>46143</v>
      </c>
      <c r="C524" s="2" t="s">
        <v>80425</v>
      </c>
      <c r="D524" s="14" t="s">
        <v>80426</v>
      </c>
      <c r="E524" s="2" t="s">
        <v>80427</v>
      </c>
      <c r="F524" s="2" t="s">
        <v>130</v>
      </c>
      <c r="G524" s="8">
        <v>632</v>
      </c>
      <c r="H524" s="5">
        <v>5</v>
      </c>
      <c r="I524" s="5" t="s">
        <v>79637</v>
      </c>
      <c r="J524" s="5" t="s">
        <v>79638</v>
      </c>
      <c r="K524" s="2" t="s">
        <v>79639</v>
      </c>
      <c r="L524" s="5" t="s">
        <v>79638</v>
      </c>
      <c r="M524" s="2" t="s">
        <v>79639</v>
      </c>
      <c r="N524" s="5" t="s">
        <v>79640</v>
      </c>
      <c r="O524" s="5" t="s">
        <v>38</v>
      </c>
      <c r="P524" s="5" t="s">
        <v>39</v>
      </c>
      <c r="Q524" s="5" t="s">
        <v>40</v>
      </c>
      <c r="R524" s="5" t="s">
        <v>24335</v>
      </c>
      <c r="S524" s="5" t="s">
        <v>40</v>
      </c>
      <c r="T524" s="5" t="s">
        <v>42</v>
      </c>
      <c r="U524" s="2">
        <v>8.8979999999999997</v>
      </c>
      <c r="V524" s="2">
        <v>6.5279999999999996</v>
      </c>
      <c r="W524" s="2">
        <v>0.09</v>
      </c>
      <c r="X524" s="2">
        <v>43</v>
      </c>
      <c r="Y524" s="2">
        <v>16.5</v>
      </c>
      <c r="Z524" s="2">
        <v>126.8</v>
      </c>
      <c r="AA524" s="5">
        <v>14</v>
      </c>
      <c r="AB524" s="5" t="s">
        <v>43</v>
      </c>
      <c r="AC524" s="5" t="s">
        <v>735</v>
      </c>
      <c r="AD524" s="2" t="s">
        <v>80400</v>
      </c>
      <c r="AE524" s="1"/>
    </row>
    <row r="525" spans="1:31">
      <c r="A525" s="5" t="s">
        <v>116</v>
      </c>
      <c r="B525" s="21">
        <v>46143</v>
      </c>
      <c r="C525" s="2" t="s">
        <v>80431</v>
      </c>
      <c r="D525" s="14" t="s">
        <v>80432</v>
      </c>
      <c r="E525" s="2" t="s">
        <v>80433</v>
      </c>
      <c r="F525" s="2" t="s">
        <v>130</v>
      </c>
      <c r="G525" s="8">
        <v>735</v>
      </c>
      <c r="H525" s="5">
        <v>5</v>
      </c>
      <c r="I525" s="5" t="s">
        <v>79637</v>
      </c>
      <c r="J525" s="5" t="s">
        <v>79638</v>
      </c>
      <c r="K525" s="2" t="s">
        <v>79639</v>
      </c>
      <c r="L525" s="5" t="s">
        <v>79638</v>
      </c>
      <c r="M525" s="2" t="s">
        <v>79639</v>
      </c>
      <c r="N525" s="5" t="s">
        <v>79640</v>
      </c>
      <c r="O525" s="5" t="s">
        <v>38</v>
      </c>
      <c r="P525" s="5" t="s">
        <v>39</v>
      </c>
      <c r="Q525" s="5" t="s">
        <v>40</v>
      </c>
      <c r="R525" s="5" t="s">
        <v>24335</v>
      </c>
      <c r="S525" s="5" t="s">
        <v>40</v>
      </c>
      <c r="T525" s="5" t="s">
        <v>42</v>
      </c>
      <c r="U525" s="2">
        <v>10.226000000000001</v>
      </c>
      <c r="V525" s="2">
        <v>7.851</v>
      </c>
      <c r="W525" s="2">
        <v>0.09</v>
      </c>
      <c r="X525" s="2">
        <v>43</v>
      </c>
      <c r="Y525" s="2">
        <v>16.5</v>
      </c>
      <c r="Z525" s="2">
        <v>126.8</v>
      </c>
      <c r="AA525" s="5">
        <v>14</v>
      </c>
      <c r="AB525" s="5" t="s">
        <v>43</v>
      </c>
      <c r="AC525" s="5" t="s">
        <v>735</v>
      </c>
      <c r="AD525" s="2" t="s">
        <v>79774</v>
      </c>
      <c r="AE525" s="1"/>
    </row>
    <row r="526" spans="1:31">
      <c r="A526" s="5" t="s">
        <v>116</v>
      </c>
      <c r="B526" s="21">
        <v>46143</v>
      </c>
      <c r="C526" s="2" t="s">
        <v>80440</v>
      </c>
      <c r="D526" s="14" t="s">
        <v>80441</v>
      </c>
      <c r="E526" s="2" t="s">
        <v>80442</v>
      </c>
      <c r="F526" s="2" t="s">
        <v>130</v>
      </c>
      <c r="G526" s="8">
        <v>647</v>
      </c>
      <c r="H526" s="5">
        <v>5</v>
      </c>
      <c r="I526" s="5" t="s">
        <v>79637</v>
      </c>
      <c r="J526" s="5" t="s">
        <v>79638</v>
      </c>
      <c r="K526" s="2" t="s">
        <v>79639</v>
      </c>
      <c r="L526" s="5" t="s">
        <v>79638</v>
      </c>
      <c r="M526" s="2" t="s">
        <v>79639</v>
      </c>
      <c r="N526" s="5" t="s">
        <v>79640</v>
      </c>
      <c r="O526" s="5" t="s">
        <v>38</v>
      </c>
      <c r="P526" s="5" t="s">
        <v>39</v>
      </c>
      <c r="Q526" s="5" t="s">
        <v>40</v>
      </c>
      <c r="R526" s="5" t="s">
        <v>24335</v>
      </c>
      <c r="S526" s="5" t="s">
        <v>40</v>
      </c>
      <c r="T526" s="5" t="s">
        <v>42</v>
      </c>
      <c r="U526" s="2">
        <v>9.7799999999999994</v>
      </c>
      <c r="V526" s="2">
        <v>7.2560000000000002</v>
      </c>
      <c r="W526" s="2">
        <v>0.10100000000000001</v>
      </c>
      <c r="X526" s="2">
        <v>43</v>
      </c>
      <c r="Y526" s="2">
        <v>16.5</v>
      </c>
      <c r="Z526" s="2">
        <v>143</v>
      </c>
      <c r="AA526" s="5">
        <v>14</v>
      </c>
      <c r="AB526" s="5" t="s">
        <v>43</v>
      </c>
      <c r="AC526" s="5" t="s">
        <v>735</v>
      </c>
      <c r="AD526" s="2" t="s">
        <v>80400</v>
      </c>
      <c r="AE526" s="1"/>
    </row>
    <row r="527" spans="1:31">
      <c r="A527" s="5" t="s">
        <v>116</v>
      </c>
      <c r="B527" s="21">
        <v>46143</v>
      </c>
      <c r="C527" s="2" t="s">
        <v>80446</v>
      </c>
      <c r="D527" s="14" t="s">
        <v>80447</v>
      </c>
      <c r="E527" s="2" t="s">
        <v>80448</v>
      </c>
      <c r="F527" s="2" t="s">
        <v>130</v>
      </c>
      <c r="G527" s="8">
        <v>755</v>
      </c>
      <c r="H527" s="5">
        <v>5</v>
      </c>
      <c r="I527" s="5" t="s">
        <v>79637</v>
      </c>
      <c r="J527" s="5" t="s">
        <v>79638</v>
      </c>
      <c r="K527" s="2" t="s">
        <v>79639</v>
      </c>
      <c r="L527" s="5" t="s">
        <v>79638</v>
      </c>
      <c r="M527" s="2" t="s">
        <v>79639</v>
      </c>
      <c r="N527" s="5" t="s">
        <v>79640</v>
      </c>
      <c r="O527" s="5" t="s">
        <v>38</v>
      </c>
      <c r="P527" s="5" t="s">
        <v>39</v>
      </c>
      <c r="Q527" s="5" t="s">
        <v>40</v>
      </c>
      <c r="R527" s="5" t="s">
        <v>24335</v>
      </c>
      <c r="S527" s="5" t="s">
        <v>40</v>
      </c>
      <c r="T527" s="5" t="s">
        <v>42</v>
      </c>
      <c r="U527" s="2">
        <v>11.329000000000001</v>
      </c>
      <c r="V527" s="2">
        <v>8.8000000000000007</v>
      </c>
      <c r="W527" s="2">
        <v>0.10100000000000001</v>
      </c>
      <c r="X527" s="2">
        <v>43</v>
      </c>
      <c r="Y527" s="2">
        <v>16.5</v>
      </c>
      <c r="Z527" s="2">
        <v>143</v>
      </c>
      <c r="AA527" s="5">
        <v>14</v>
      </c>
      <c r="AB527" s="5" t="s">
        <v>43</v>
      </c>
      <c r="AC527" s="5" t="s">
        <v>735</v>
      </c>
      <c r="AD527" s="2" t="s">
        <v>79774</v>
      </c>
      <c r="AE527" s="1"/>
    </row>
    <row r="528" spans="1:31">
      <c r="A528" s="5" t="s">
        <v>116</v>
      </c>
      <c r="B528" s="21">
        <v>46143</v>
      </c>
      <c r="C528" s="2" t="s">
        <v>80455</v>
      </c>
      <c r="D528" s="14" t="s">
        <v>80456</v>
      </c>
      <c r="E528" s="2" t="s">
        <v>80457</v>
      </c>
      <c r="F528" s="2" t="s">
        <v>130</v>
      </c>
      <c r="G528" s="8">
        <v>658</v>
      </c>
      <c r="H528" s="5">
        <v>5</v>
      </c>
      <c r="I528" s="5" t="s">
        <v>79637</v>
      </c>
      <c r="J528" s="5" t="s">
        <v>79638</v>
      </c>
      <c r="K528" s="2" t="s">
        <v>79639</v>
      </c>
      <c r="L528" s="5" t="s">
        <v>79638</v>
      </c>
      <c r="M528" s="2" t="s">
        <v>79639</v>
      </c>
      <c r="N528" s="5" t="s">
        <v>79640</v>
      </c>
      <c r="O528" s="5" t="s">
        <v>38</v>
      </c>
      <c r="P528" s="5" t="s">
        <v>39</v>
      </c>
      <c r="Q528" s="5" t="s">
        <v>40</v>
      </c>
      <c r="R528" s="5" t="s">
        <v>24335</v>
      </c>
      <c r="S528" s="5" t="s">
        <v>40</v>
      </c>
      <c r="T528" s="5" t="s">
        <v>42</v>
      </c>
      <c r="U528" s="2">
        <v>9.4390000000000001</v>
      </c>
      <c r="V528" s="2">
        <v>7.069</v>
      </c>
      <c r="W528" s="2">
        <v>0.09</v>
      </c>
      <c r="X528" s="2">
        <v>43</v>
      </c>
      <c r="Y528" s="2">
        <v>16.5</v>
      </c>
      <c r="Z528" s="2">
        <v>126.8</v>
      </c>
      <c r="AA528" s="5">
        <v>14</v>
      </c>
      <c r="AB528" s="5" t="s">
        <v>43</v>
      </c>
      <c r="AC528" s="5" t="s">
        <v>735</v>
      </c>
      <c r="AD528" s="2" t="s">
        <v>80400</v>
      </c>
      <c r="AE528" s="1"/>
    </row>
    <row r="529" spans="1:31">
      <c r="A529" s="5" t="s">
        <v>116</v>
      </c>
      <c r="B529" s="21">
        <v>46143</v>
      </c>
      <c r="C529" s="2" t="s">
        <v>80461</v>
      </c>
      <c r="D529" s="14" t="s">
        <v>80462</v>
      </c>
      <c r="E529" s="2" t="s">
        <v>80463</v>
      </c>
      <c r="F529" s="2" t="s">
        <v>130</v>
      </c>
      <c r="G529" s="8">
        <v>767</v>
      </c>
      <c r="H529" s="5">
        <v>10</v>
      </c>
      <c r="I529" s="5" t="s">
        <v>79637</v>
      </c>
      <c r="J529" s="5" t="s">
        <v>79638</v>
      </c>
      <c r="K529" s="2" t="s">
        <v>79639</v>
      </c>
      <c r="L529" s="5" t="s">
        <v>79638</v>
      </c>
      <c r="M529" s="2" t="s">
        <v>79639</v>
      </c>
      <c r="N529" s="5" t="s">
        <v>79640</v>
      </c>
      <c r="O529" s="5" t="s">
        <v>38</v>
      </c>
      <c r="P529" s="5" t="s">
        <v>39</v>
      </c>
      <c r="Q529" s="5" t="s">
        <v>40</v>
      </c>
      <c r="R529" s="5" t="s">
        <v>24335</v>
      </c>
      <c r="S529" s="5" t="s">
        <v>40</v>
      </c>
      <c r="T529" s="5" t="s">
        <v>42</v>
      </c>
      <c r="U529" s="2">
        <v>10.827999999999999</v>
      </c>
      <c r="V529" s="2">
        <v>8.4529999999999994</v>
      </c>
      <c r="W529" s="2">
        <v>0.09</v>
      </c>
      <c r="X529" s="2">
        <v>43</v>
      </c>
      <c r="Y529" s="2">
        <v>16.5</v>
      </c>
      <c r="Z529" s="2">
        <v>126.8</v>
      </c>
      <c r="AA529" s="5">
        <v>14</v>
      </c>
      <c r="AB529" s="5" t="s">
        <v>43</v>
      </c>
      <c r="AC529" s="5" t="s">
        <v>735</v>
      </c>
      <c r="AD529" s="2" t="s">
        <v>79774</v>
      </c>
      <c r="AE529" s="1"/>
    </row>
    <row r="530" spans="1:31">
      <c r="A530" s="5" t="s">
        <v>116</v>
      </c>
      <c r="B530" s="21">
        <v>46143</v>
      </c>
      <c r="C530" s="2" t="s">
        <v>80470</v>
      </c>
      <c r="D530" s="14" t="s">
        <v>80471</v>
      </c>
      <c r="E530" s="2" t="s">
        <v>80472</v>
      </c>
      <c r="F530" s="2" t="s">
        <v>130</v>
      </c>
      <c r="G530" s="8">
        <v>684</v>
      </c>
      <c r="H530" s="5">
        <v>5</v>
      </c>
      <c r="I530" s="5" t="s">
        <v>79637</v>
      </c>
      <c r="J530" s="5" t="s">
        <v>79638</v>
      </c>
      <c r="K530" s="2" t="s">
        <v>79639</v>
      </c>
      <c r="L530" s="5" t="s">
        <v>79638</v>
      </c>
      <c r="M530" s="2" t="s">
        <v>79639</v>
      </c>
      <c r="N530" s="5" t="s">
        <v>79640</v>
      </c>
      <c r="O530" s="5" t="s">
        <v>38</v>
      </c>
      <c r="P530" s="5" t="s">
        <v>39</v>
      </c>
      <c r="Q530" s="5" t="s">
        <v>40</v>
      </c>
      <c r="R530" s="5" t="s">
        <v>24335</v>
      </c>
      <c r="S530" s="5" t="s">
        <v>40</v>
      </c>
      <c r="T530" s="5" t="s">
        <v>42</v>
      </c>
      <c r="U530" s="2">
        <v>10.381</v>
      </c>
      <c r="V530" s="2">
        <v>7.8570000000000002</v>
      </c>
      <c r="W530" s="2">
        <v>0.10100000000000001</v>
      </c>
      <c r="X530" s="2">
        <v>43</v>
      </c>
      <c r="Y530" s="2">
        <v>16.5</v>
      </c>
      <c r="Z530" s="2">
        <v>143</v>
      </c>
      <c r="AA530" s="5">
        <v>14</v>
      </c>
      <c r="AB530" s="5" t="s">
        <v>43</v>
      </c>
      <c r="AC530" s="5" t="s">
        <v>735</v>
      </c>
      <c r="AD530" s="2" t="s">
        <v>80400</v>
      </c>
      <c r="AE530" s="1"/>
    </row>
    <row r="531" spans="1:31">
      <c r="A531" s="5" t="s">
        <v>116</v>
      </c>
      <c r="B531" s="21">
        <v>46143</v>
      </c>
      <c r="C531" s="2" t="s">
        <v>80476</v>
      </c>
      <c r="D531" s="14" t="s">
        <v>80477</v>
      </c>
      <c r="E531" s="2" t="s">
        <v>80478</v>
      </c>
      <c r="F531" s="2" t="s">
        <v>130</v>
      </c>
      <c r="G531" s="8">
        <v>800</v>
      </c>
      <c r="H531" s="5">
        <v>5</v>
      </c>
      <c r="I531" s="5" t="s">
        <v>79637</v>
      </c>
      <c r="J531" s="5" t="s">
        <v>79638</v>
      </c>
      <c r="K531" s="2" t="s">
        <v>79639</v>
      </c>
      <c r="L531" s="5" t="s">
        <v>79638</v>
      </c>
      <c r="M531" s="2" t="s">
        <v>79639</v>
      </c>
      <c r="N531" s="5" t="s">
        <v>79640</v>
      </c>
      <c r="O531" s="5" t="s">
        <v>38</v>
      </c>
      <c r="P531" s="5" t="s">
        <v>39</v>
      </c>
      <c r="Q531" s="5" t="s">
        <v>40</v>
      </c>
      <c r="R531" s="5" t="s">
        <v>24335</v>
      </c>
      <c r="S531" s="5" t="s">
        <v>40</v>
      </c>
      <c r="T531" s="5" t="s">
        <v>42</v>
      </c>
      <c r="U531" s="2">
        <v>11.991</v>
      </c>
      <c r="V531" s="2">
        <v>9.4619999999999997</v>
      </c>
      <c r="W531" s="2">
        <v>0.10100000000000001</v>
      </c>
      <c r="X531" s="2">
        <v>43</v>
      </c>
      <c r="Y531" s="2">
        <v>16.5</v>
      </c>
      <c r="Z531" s="2">
        <v>143</v>
      </c>
      <c r="AA531" s="5">
        <v>14</v>
      </c>
      <c r="AB531" s="5" t="s">
        <v>43</v>
      </c>
      <c r="AC531" s="5" t="s">
        <v>735</v>
      </c>
      <c r="AD531" s="2" t="s">
        <v>79774</v>
      </c>
      <c r="AE531" s="1"/>
    </row>
    <row r="532" spans="1:31">
      <c r="A532" s="5" t="s">
        <v>116</v>
      </c>
      <c r="B532" s="21">
        <v>46143</v>
      </c>
      <c r="C532" s="2" t="s">
        <v>80485</v>
      </c>
      <c r="D532" s="14" t="s">
        <v>80486</v>
      </c>
      <c r="E532" s="2" t="s">
        <v>80487</v>
      </c>
      <c r="F532" s="2" t="s">
        <v>130</v>
      </c>
      <c r="G532" s="8">
        <v>689</v>
      </c>
      <c r="H532" s="5">
        <v>5</v>
      </c>
      <c r="I532" s="5" t="s">
        <v>79637</v>
      </c>
      <c r="J532" s="5" t="s">
        <v>79638</v>
      </c>
      <c r="K532" s="2" t="s">
        <v>79639</v>
      </c>
      <c r="L532" s="5" t="s">
        <v>79638</v>
      </c>
      <c r="M532" s="2" t="s">
        <v>79639</v>
      </c>
      <c r="N532" s="5" t="s">
        <v>79640</v>
      </c>
      <c r="O532" s="5" t="s">
        <v>38</v>
      </c>
      <c r="P532" s="5" t="s">
        <v>39</v>
      </c>
      <c r="Q532" s="5" t="s">
        <v>40</v>
      </c>
      <c r="R532" s="5" t="s">
        <v>24335</v>
      </c>
      <c r="S532" s="5" t="s">
        <v>40</v>
      </c>
      <c r="T532" s="5" t="s">
        <v>42</v>
      </c>
      <c r="U532" s="2">
        <v>11.404</v>
      </c>
      <c r="V532" s="2">
        <v>8.6929999999999996</v>
      </c>
      <c r="W532" s="2">
        <v>0.11600000000000001</v>
      </c>
      <c r="X532" s="2">
        <v>43</v>
      </c>
      <c r="Y532" s="2">
        <v>16.5</v>
      </c>
      <c r="Z532" s="2">
        <v>162.80000000000001</v>
      </c>
      <c r="AA532" s="5">
        <v>14</v>
      </c>
      <c r="AB532" s="5" t="s">
        <v>43</v>
      </c>
      <c r="AC532" s="5" t="s">
        <v>735</v>
      </c>
      <c r="AD532" s="2" t="s">
        <v>80400</v>
      </c>
      <c r="AE532" s="1"/>
    </row>
    <row r="533" spans="1:31">
      <c r="A533" s="5" t="s">
        <v>116</v>
      </c>
      <c r="B533" s="21">
        <v>46143</v>
      </c>
      <c r="C533" s="2" t="s">
        <v>80491</v>
      </c>
      <c r="D533" s="14" t="s">
        <v>80492</v>
      </c>
      <c r="E533" s="2" t="s">
        <v>80493</v>
      </c>
      <c r="F533" s="2" t="s">
        <v>130</v>
      </c>
      <c r="G533" s="8">
        <v>806</v>
      </c>
      <c r="H533" s="5">
        <v>5</v>
      </c>
      <c r="I533" s="5" t="s">
        <v>79637</v>
      </c>
      <c r="J533" s="5" t="s">
        <v>79638</v>
      </c>
      <c r="K533" s="2" t="s">
        <v>79639</v>
      </c>
      <c r="L533" s="5" t="s">
        <v>79638</v>
      </c>
      <c r="M533" s="2" t="s">
        <v>79639</v>
      </c>
      <c r="N533" s="5" t="s">
        <v>79640</v>
      </c>
      <c r="O533" s="5" t="s">
        <v>38</v>
      </c>
      <c r="P533" s="5" t="s">
        <v>39</v>
      </c>
      <c r="Q533" s="5" t="s">
        <v>40</v>
      </c>
      <c r="R533" s="5" t="s">
        <v>24335</v>
      </c>
      <c r="S533" s="5" t="s">
        <v>40</v>
      </c>
      <c r="T533" s="5" t="s">
        <v>42</v>
      </c>
      <c r="U533" s="2">
        <v>13.257999999999999</v>
      </c>
      <c r="V533" s="2">
        <v>10.542</v>
      </c>
      <c r="W533" s="2">
        <v>0.11600000000000001</v>
      </c>
      <c r="X533" s="2">
        <v>43</v>
      </c>
      <c r="Y533" s="2">
        <v>16.5</v>
      </c>
      <c r="Z533" s="2">
        <v>162.80000000000001</v>
      </c>
      <c r="AA533" s="5">
        <v>14</v>
      </c>
      <c r="AB533" s="5" t="s">
        <v>43</v>
      </c>
      <c r="AC533" s="5" t="s">
        <v>735</v>
      </c>
      <c r="AD533" s="2" t="s">
        <v>79774</v>
      </c>
      <c r="AE533" s="1"/>
    </row>
    <row r="534" spans="1:31">
      <c r="A534" s="5" t="s">
        <v>116</v>
      </c>
      <c r="B534" s="21">
        <v>46143</v>
      </c>
      <c r="C534" s="2" t="s">
        <v>80500</v>
      </c>
      <c r="D534" s="14" t="s">
        <v>80501</v>
      </c>
      <c r="E534" s="2" t="s">
        <v>80502</v>
      </c>
      <c r="F534" s="2" t="s">
        <v>130</v>
      </c>
      <c r="G534" s="8">
        <v>679</v>
      </c>
      <c r="H534" s="5">
        <v>5</v>
      </c>
      <c r="I534" s="5" t="s">
        <v>79637</v>
      </c>
      <c r="J534" s="5" t="s">
        <v>79638</v>
      </c>
      <c r="K534" s="2" t="s">
        <v>79639</v>
      </c>
      <c r="L534" s="5" t="s">
        <v>79638</v>
      </c>
      <c r="M534" s="2" t="s">
        <v>79639</v>
      </c>
      <c r="N534" s="5" t="s">
        <v>79640</v>
      </c>
      <c r="O534" s="5" t="s">
        <v>38</v>
      </c>
      <c r="P534" s="5" t="s">
        <v>39</v>
      </c>
      <c r="Q534" s="5" t="s">
        <v>40</v>
      </c>
      <c r="R534" s="5" t="s">
        <v>24335</v>
      </c>
      <c r="S534" s="5" t="s">
        <v>40</v>
      </c>
      <c r="T534" s="5" t="s">
        <v>42</v>
      </c>
      <c r="U534" s="2">
        <v>10.016</v>
      </c>
      <c r="V534" s="2">
        <v>7.6459999999999999</v>
      </c>
      <c r="W534" s="2">
        <v>0.09</v>
      </c>
      <c r="X534" s="2">
        <v>43</v>
      </c>
      <c r="Y534" s="2">
        <v>16.5</v>
      </c>
      <c r="Z534" s="2">
        <v>126.8</v>
      </c>
      <c r="AA534" s="5">
        <v>14</v>
      </c>
      <c r="AB534" s="5" t="s">
        <v>43</v>
      </c>
      <c r="AC534" s="5" t="s">
        <v>735</v>
      </c>
      <c r="AD534" s="2" t="s">
        <v>80400</v>
      </c>
      <c r="AE534" s="1"/>
    </row>
    <row r="535" spans="1:31">
      <c r="A535" s="5" t="s">
        <v>116</v>
      </c>
      <c r="B535" s="21">
        <v>46143</v>
      </c>
      <c r="C535" s="2" t="s">
        <v>80506</v>
      </c>
      <c r="D535" s="14" t="s">
        <v>80507</v>
      </c>
      <c r="E535" s="2" t="s">
        <v>80508</v>
      </c>
      <c r="F535" s="2" t="s">
        <v>130</v>
      </c>
      <c r="G535" s="8">
        <v>793</v>
      </c>
      <c r="H535" s="5">
        <v>5</v>
      </c>
      <c r="I535" s="5" t="s">
        <v>79637</v>
      </c>
      <c r="J535" s="5" t="s">
        <v>79638</v>
      </c>
      <c r="K535" s="2" t="s">
        <v>79639</v>
      </c>
      <c r="L535" s="5" t="s">
        <v>79638</v>
      </c>
      <c r="M535" s="2" t="s">
        <v>79639</v>
      </c>
      <c r="N535" s="5" t="s">
        <v>79640</v>
      </c>
      <c r="O535" s="5" t="s">
        <v>38</v>
      </c>
      <c r="P535" s="5" t="s">
        <v>39</v>
      </c>
      <c r="Q535" s="5" t="s">
        <v>40</v>
      </c>
      <c r="R535" s="5" t="s">
        <v>24335</v>
      </c>
      <c r="S535" s="5" t="s">
        <v>40</v>
      </c>
      <c r="T535" s="5" t="s">
        <v>42</v>
      </c>
      <c r="U535" s="2">
        <v>11.474</v>
      </c>
      <c r="V535" s="2">
        <v>9.0990000000000002</v>
      </c>
      <c r="W535" s="2">
        <v>0.09</v>
      </c>
      <c r="X535" s="2">
        <v>43</v>
      </c>
      <c r="Y535" s="2">
        <v>16.5</v>
      </c>
      <c r="Z535" s="2">
        <v>126.8</v>
      </c>
      <c r="AA535" s="5">
        <v>14</v>
      </c>
      <c r="AB535" s="5" t="s">
        <v>43</v>
      </c>
      <c r="AC535" s="5" t="s">
        <v>735</v>
      </c>
      <c r="AD535" s="2" t="s">
        <v>79774</v>
      </c>
      <c r="AE535" s="1"/>
    </row>
    <row r="536" spans="1:31">
      <c r="A536" s="5" t="s">
        <v>116</v>
      </c>
      <c r="B536" s="21">
        <v>46143</v>
      </c>
      <c r="C536" s="2" t="s">
        <v>80515</v>
      </c>
      <c r="D536" s="14" t="s">
        <v>80516</v>
      </c>
      <c r="E536" s="2" t="s">
        <v>80517</v>
      </c>
      <c r="F536" s="2" t="s">
        <v>130</v>
      </c>
      <c r="G536" s="8">
        <v>705</v>
      </c>
      <c r="H536" s="5">
        <v>5</v>
      </c>
      <c r="I536" s="5" t="s">
        <v>79637</v>
      </c>
      <c r="J536" s="5" t="s">
        <v>79638</v>
      </c>
      <c r="K536" s="2" t="s">
        <v>79639</v>
      </c>
      <c r="L536" s="5" t="s">
        <v>79638</v>
      </c>
      <c r="M536" s="2" t="s">
        <v>79639</v>
      </c>
      <c r="N536" s="5" t="s">
        <v>79640</v>
      </c>
      <c r="O536" s="5" t="s">
        <v>38</v>
      </c>
      <c r="P536" s="5" t="s">
        <v>39</v>
      </c>
      <c r="Q536" s="5" t="s">
        <v>40</v>
      </c>
      <c r="R536" s="5" t="s">
        <v>24335</v>
      </c>
      <c r="S536" s="5" t="s">
        <v>40</v>
      </c>
      <c r="T536" s="5" t="s">
        <v>42</v>
      </c>
      <c r="U536" s="2">
        <v>11.023999999999999</v>
      </c>
      <c r="V536" s="2">
        <v>8.5</v>
      </c>
      <c r="W536" s="2">
        <v>0.10100000000000001</v>
      </c>
      <c r="X536" s="2">
        <v>43</v>
      </c>
      <c r="Y536" s="2">
        <v>16.5</v>
      </c>
      <c r="Z536" s="2">
        <v>143</v>
      </c>
      <c r="AA536" s="5">
        <v>14</v>
      </c>
      <c r="AB536" s="5" t="s">
        <v>43</v>
      </c>
      <c r="AC536" s="5" t="s">
        <v>735</v>
      </c>
      <c r="AD536" s="2" t="s">
        <v>80400</v>
      </c>
      <c r="AE536" s="1"/>
    </row>
    <row r="537" spans="1:31">
      <c r="A537" s="5" t="s">
        <v>116</v>
      </c>
      <c r="B537" s="21">
        <v>46143</v>
      </c>
      <c r="C537" s="2" t="s">
        <v>80521</v>
      </c>
      <c r="D537" s="14" t="s">
        <v>80522</v>
      </c>
      <c r="E537" s="2" t="s">
        <v>80523</v>
      </c>
      <c r="F537" s="2" t="s">
        <v>130</v>
      </c>
      <c r="G537" s="8">
        <v>825</v>
      </c>
      <c r="H537" s="5">
        <v>5</v>
      </c>
      <c r="I537" s="5" t="s">
        <v>79637</v>
      </c>
      <c r="J537" s="5" t="s">
        <v>79638</v>
      </c>
      <c r="K537" s="2" t="s">
        <v>79639</v>
      </c>
      <c r="L537" s="5" t="s">
        <v>79638</v>
      </c>
      <c r="M537" s="2" t="s">
        <v>79639</v>
      </c>
      <c r="N537" s="5" t="s">
        <v>79640</v>
      </c>
      <c r="O537" s="5" t="s">
        <v>38</v>
      </c>
      <c r="P537" s="5" t="s">
        <v>39</v>
      </c>
      <c r="Q537" s="5" t="s">
        <v>40</v>
      </c>
      <c r="R537" s="5" t="s">
        <v>24335</v>
      </c>
      <c r="S537" s="5" t="s">
        <v>40</v>
      </c>
      <c r="T537" s="5" t="s">
        <v>42</v>
      </c>
      <c r="U537" s="2">
        <v>12.702999999999999</v>
      </c>
      <c r="V537" s="2">
        <v>10.173999999999999</v>
      </c>
      <c r="W537" s="2">
        <v>0.10100000000000001</v>
      </c>
      <c r="X537" s="2">
        <v>43</v>
      </c>
      <c r="Y537" s="2">
        <v>16.5</v>
      </c>
      <c r="Z537" s="2">
        <v>143</v>
      </c>
      <c r="AA537" s="5">
        <v>14</v>
      </c>
      <c r="AB537" s="5" t="s">
        <v>43</v>
      </c>
      <c r="AC537" s="5" t="s">
        <v>735</v>
      </c>
      <c r="AD537" s="2" t="s">
        <v>79774</v>
      </c>
      <c r="AE537" s="1"/>
    </row>
    <row r="538" spans="1:31">
      <c r="A538" s="5" t="s">
        <v>116</v>
      </c>
      <c r="B538" s="21">
        <v>46143</v>
      </c>
      <c r="C538" s="2" t="s">
        <v>80530</v>
      </c>
      <c r="D538" s="14" t="s">
        <v>80531</v>
      </c>
      <c r="E538" s="2" t="s">
        <v>80532</v>
      </c>
      <c r="F538" s="2" t="s">
        <v>130</v>
      </c>
      <c r="G538" s="8">
        <v>731</v>
      </c>
      <c r="H538" s="5">
        <v>5</v>
      </c>
      <c r="I538" s="5" t="s">
        <v>79637</v>
      </c>
      <c r="J538" s="5" t="s">
        <v>79638</v>
      </c>
      <c r="K538" s="2" t="s">
        <v>79639</v>
      </c>
      <c r="L538" s="5" t="s">
        <v>79638</v>
      </c>
      <c r="M538" s="2" t="s">
        <v>79639</v>
      </c>
      <c r="N538" s="5" t="s">
        <v>79640</v>
      </c>
      <c r="O538" s="5" t="s">
        <v>38</v>
      </c>
      <c r="P538" s="5" t="s">
        <v>39</v>
      </c>
      <c r="Q538" s="5" t="s">
        <v>40</v>
      </c>
      <c r="R538" s="5" t="s">
        <v>24335</v>
      </c>
      <c r="S538" s="5" t="s">
        <v>40</v>
      </c>
      <c r="T538" s="5" t="s">
        <v>42</v>
      </c>
      <c r="U538" s="2">
        <v>12.115</v>
      </c>
      <c r="V538" s="2">
        <v>9.4039999999999999</v>
      </c>
      <c r="W538" s="2">
        <v>0.11600000000000001</v>
      </c>
      <c r="X538" s="2">
        <v>43</v>
      </c>
      <c r="Y538" s="2">
        <v>16.5</v>
      </c>
      <c r="Z538" s="2">
        <v>162.80000000000001</v>
      </c>
      <c r="AA538" s="5">
        <v>14</v>
      </c>
      <c r="AB538" s="5" t="s">
        <v>43</v>
      </c>
      <c r="AC538" s="5" t="s">
        <v>735</v>
      </c>
      <c r="AD538" s="2" t="s">
        <v>80400</v>
      </c>
      <c r="AE538" s="1"/>
    </row>
    <row r="539" spans="1:31">
      <c r="A539" s="5" t="s">
        <v>116</v>
      </c>
      <c r="B539" s="21">
        <v>46143</v>
      </c>
      <c r="C539" s="2" t="s">
        <v>80536</v>
      </c>
      <c r="D539" s="14" t="s">
        <v>80537</v>
      </c>
      <c r="E539" s="2" t="s">
        <v>80538</v>
      </c>
      <c r="F539" s="2" t="s">
        <v>130</v>
      </c>
      <c r="G539" s="8">
        <v>857</v>
      </c>
      <c r="H539" s="5">
        <v>5</v>
      </c>
      <c r="I539" s="5" t="s">
        <v>79637</v>
      </c>
      <c r="J539" s="5" t="s">
        <v>79638</v>
      </c>
      <c r="K539" s="2" t="s">
        <v>79639</v>
      </c>
      <c r="L539" s="5" t="s">
        <v>79638</v>
      </c>
      <c r="M539" s="2" t="s">
        <v>79639</v>
      </c>
      <c r="N539" s="5" t="s">
        <v>79640</v>
      </c>
      <c r="O539" s="5" t="s">
        <v>38</v>
      </c>
      <c r="P539" s="5" t="s">
        <v>39</v>
      </c>
      <c r="Q539" s="5" t="s">
        <v>40</v>
      </c>
      <c r="R539" s="5" t="s">
        <v>24335</v>
      </c>
      <c r="S539" s="5" t="s">
        <v>40</v>
      </c>
      <c r="T539" s="5" t="s">
        <v>42</v>
      </c>
      <c r="U539" s="2">
        <v>14.038</v>
      </c>
      <c r="V539" s="2">
        <v>11.321999999999999</v>
      </c>
      <c r="W539" s="2">
        <v>0.11600000000000001</v>
      </c>
      <c r="X539" s="2">
        <v>43</v>
      </c>
      <c r="Y539" s="2">
        <v>16.5</v>
      </c>
      <c r="Z539" s="2">
        <v>162.80000000000001</v>
      </c>
      <c r="AA539" s="5">
        <v>14</v>
      </c>
      <c r="AB539" s="5" t="s">
        <v>43</v>
      </c>
      <c r="AC539" s="5" t="s">
        <v>735</v>
      </c>
      <c r="AD539" s="2" t="s">
        <v>79774</v>
      </c>
      <c r="AE539" s="1"/>
    </row>
    <row r="540" spans="1:31">
      <c r="A540" s="5" t="s">
        <v>116</v>
      </c>
      <c r="B540" s="21">
        <v>46143</v>
      </c>
      <c r="C540" s="2" t="s">
        <v>80545</v>
      </c>
      <c r="D540" s="14" t="s">
        <v>80546</v>
      </c>
      <c r="E540" s="2" t="s">
        <v>80547</v>
      </c>
      <c r="F540" s="2" t="s">
        <v>130</v>
      </c>
      <c r="G540" s="8">
        <v>773</v>
      </c>
      <c r="H540" s="5">
        <v>5</v>
      </c>
      <c r="I540" s="5" t="s">
        <v>79637</v>
      </c>
      <c r="J540" s="5" t="s">
        <v>79638</v>
      </c>
      <c r="K540" s="2" t="s">
        <v>79639</v>
      </c>
      <c r="L540" s="5" t="s">
        <v>79638</v>
      </c>
      <c r="M540" s="2" t="s">
        <v>79639</v>
      </c>
      <c r="N540" s="5" t="s">
        <v>79640</v>
      </c>
      <c r="O540" s="5" t="s">
        <v>38</v>
      </c>
      <c r="P540" s="5" t="s">
        <v>39</v>
      </c>
      <c r="Q540" s="5" t="s">
        <v>40</v>
      </c>
      <c r="R540" s="5" t="s">
        <v>24335</v>
      </c>
      <c r="S540" s="5" t="s">
        <v>40</v>
      </c>
      <c r="T540" s="5" t="s">
        <v>42</v>
      </c>
      <c r="U540" s="2">
        <v>13.122</v>
      </c>
      <c r="V540" s="2">
        <v>10.26</v>
      </c>
      <c r="W540" s="2">
        <v>0.126</v>
      </c>
      <c r="X540" s="2">
        <v>43</v>
      </c>
      <c r="Y540" s="2">
        <v>16.5</v>
      </c>
      <c r="Z540" s="2">
        <v>177.8</v>
      </c>
      <c r="AA540" s="5">
        <v>14</v>
      </c>
      <c r="AB540" s="5" t="s">
        <v>43</v>
      </c>
      <c r="AC540" s="5" t="s">
        <v>735</v>
      </c>
      <c r="AD540" s="2" t="s">
        <v>80400</v>
      </c>
      <c r="AE540" s="1"/>
    </row>
    <row r="541" spans="1:31">
      <c r="A541" s="5" t="s">
        <v>116</v>
      </c>
      <c r="B541" s="21">
        <v>46143</v>
      </c>
      <c r="C541" s="2" t="s">
        <v>80551</v>
      </c>
      <c r="D541" s="14" t="s">
        <v>80552</v>
      </c>
      <c r="E541" s="2" t="s">
        <v>80553</v>
      </c>
      <c r="F541" s="2" t="s">
        <v>130</v>
      </c>
      <c r="G541" s="8">
        <v>909</v>
      </c>
      <c r="H541" s="5">
        <v>10</v>
      </c>
      <c r="I541" s="5" t="s">
        <v>79637</v>
      </c>
      <c r="J541" s="5" t="s">
        <v>79638</v>
      </c>
      <c r="K541" s="2" t="s">
        <v>79639</v>
      </c>
      <c r="L541" s="5" t="s">
        <v>79638</v>
      </c>
      <c r="M541" s="2" t="s">
        <v>79639</v>
      </c>
      <c r="N541" s="5" t="s">
        <v>79640</v>
      </c>
      <c r="O541" s="5" t="s">
        <v>38</v>
      </c>
      <c r="P541" s="5" t="s">
        <v>39</v>
      </c>
      <c r="Q541" s="5" t="s">
        <v>40</v>
      </c>
      <c r="R541" s="5" t="s">
        <v>24335</v>
      </c>
      <c r="S541" s="5" t="s">
        <v>40</v>
      </c>
      <c r="T541" s="5" t="s">
        <v>42</v>
      </c>
      <c r="U541" s="2">
        <v>15.269</v>
      </c>
      <c r="V541" s="2">
        <v>12.401999999999999</v>
      </c>
      <c r="W541" s="2">
        <v>0.126</v>
      </c>
      <c r="X541" s="2">
        <v>43</v>
      </c>
      <c r="Y541" s="2">
        <v>16.5</v>
      </c>
      <c r="Z541" s="2">
        <v>177.8</v>
      </c>
      <c r="AA541" s="5">
        <v>14</v>
      </c>
      <c r="AB541" s="5" t="s">
        <v>43</v>
      </c>
      <c r="AC541" s="5" t="s">
        <v>735</v>
      </c>
      <c r="AD541" s="2" t="s">
        <v>79774</v>
      </c>
      <c r="AE541" s="1"/>
    </row>
    <row r="542" spans="1:31">
      <c r="A542" s="5" t="s">
        <v>116</v>
      </c>
      <c r="B542" s="21">
        <v>46143</v>
      </c>
      <c r="C542" s="2" t="s">
        <v>80560</v>
      </c>
      <c r="D542" s="14" t="s">
        <v>80561</v>
      </c>
      <c r="E542" s="2" t="s">
        <v>80562</v>
      </c>
      <c r="F542" s="2" t="s">
        <v>130</v>
      </c>
      <c r="G542" s="8">
        <v>846</v>
      </c>
      <c r="H542" s="5">
        <v>10</v>
      </c>
      <c r="I542" s="5" t="s">
        <v>79637</v>
      </c>
      <c r="J542" s="5" t="s">
        <v>79638</v>
      </c>
      <c r="K542" s="2" t="s">
        <v>79639</v>
      </c>
      <c r="L542" s="5" t="s">
        <v>79638</v>
      </c>
      <c r="M542" s="2" t="s">
        <v>79639</v>
      </c>
      <c r="N542" s="5" t="s">
        <v>79640</v>
      </c>
      <c r="O542" s="5" t="s">
        <v>38</v>
      </c>
      <c r="P542" s="5" t="s">
        <v>39</v>
      </c>
      <c r="Q542" s="5" t="s">
        <v>40</v>
      </c>
      <c r="R542" s="5" t="s">
        <v>24335</v>
      </c>
      <c r="S542" s="5" t="s">
        <v>40</v>
      </c>
      <c r="T542" s="5" t="s">
        <v>42</v>
      </c>
      <c r="U542" s="2">
        <v>14.077999999999999</v>
      </c>
      <c r="V542" s="2">
        <v>11.022</v>
      </c>
      <c r="W542" s="2">
        <v>0.14099999999999999</v>
      </c>
      <c r="X542" s="2">
        <v>43</v>
      </c>
      <c r="Y542" s="2">
        <v>16.5</v>
      </c>
      <c r="Z542" s="2">
        <v>199.2</v>
      </c>
      <c r="AA542" s="5">
        <v>14</v>
      </c>
      <c r="AB542" s="5" t="s">
        <v>43</v>
      </c>
      <c r="AC542" s="5" t="s">
        <v>735</v>
      </c>
      <c r="AD542" s="2" t="s">
        <v>80400</v>
      </c>
      <c r="AE542" s="1"/>
    </row>
    <row r="543" spans="1:31">
      <c r="A543" s="5" t="s">
        <v>116</v>
      </c>
      <c r="B543" s="21">
        <v>46143</v>
      </c>
      <c r="C543" s="2" t="s">
        <v>80566</v>
      </c>
      <c r="D543" s="14" t="s">
        <v>80567</v>
      </c>
      <c r="E543" s="2" t="s">
        <v>80568</v>
      </c>
      <c r="F543" s="2" t="s">
        <v>130</v>
      </c>
      <c r="G543" s="8">
        <v>999</v>
      </c>
      <c r="H543" s="5">
        <v>10</v>
      </c>
      <c r="I543" s="5" t="s">
        <v>79637</v>
      </c>
      <c r="J543" s="5" t="s">
        <v>79638</v>
      </c>
      <c r="K543" s="2" t="s">
        <v>79639</v>
      </c>
      <c r="L543" s="5" t="s">
        <v>79638</v>
      </c>
      <c r="M543" s="2" t="s">
        <v>79639</v>
      </c>
      <c r="N543" s="5" t="s">
        <v>79640</v>
      </c>
      <c r="O543" s="5" t="s">
        <v>38</v>
      </c>
      <c r="P543" s="5" t="s">
        <v>39</v>
      </c>
      <c r="Q543" s="5" t="s">
        <v>40</v>
      </c>
      <c r="R543" s="5" t="s">
        <v>24335</v>
      </c>
      <c r="S543" s="5" t="s">
        <v>40</v>
      </c>
      <c r="T543" s="5" t="s">
        <v>42</v>
      </c>
      <c r="U543" s="2">
        <v>16.446000000000002</v>
      </c>
      <c r="V543" s="2">
        <v>13.385</v>
      </c>
      <c r="W543" s="2">
        <v>0.14099999999999999</v>
      </c>
      <c r="X543" s="2">
        <v>43</v>
      </c>
      <c r="Y543" s="2">
        <v>16.5</v>
      </c>
      <c r="Z543" s="2">
        <v>199.2</v>
      </c>
      <c r="AA543" s="5">
        <v>14</v>
      </c>
      <c r="AB543" s="5" t="s">
        <v>43</v>
      </c>
      <c r="AC543" s="5" t="s">
        <v>735</v>
      </c>
      <c r="AD543" s="2" t="s">
        <v>79774</v>
      </c>
      <c r="AE543" s="1"/>
    </row>
    <row r="544" spans="1:31">
      <c r="A544" s="5" t="s">
        <v>116</v>
      </c>
      <c r="B544" s="21">
        <v>46143</v>
      </c>
      <c r="C544" s="2" t="s">
        <v>80575</v>
      </c>
      <c r="D544" s="14" t="s">
        <v>80576</v>
      </c>
      <c r="E544" s="2" t="s">
        <v>80577</v>
      </c>
      <c r="F544" s="2" t="s">
        <v>130</v>
      </c>
      <c r="G544" s="8">
        <v>752</v>
      </c>
      <c r="H544" s="5">
        <v>5</v>
      </c>
      <c r="I544" s="5" t="s">
        <v>79637</v>
      </c>
      <c r="J544" s="5" t="s">
        <v>79638</v>
      </c>
      <c r="K544" s="2" t="s">
        <v>79639</v>
      </c>
      <c r="L544" s="5" t="s">
        <v>79638</v>
      </c>
      <c r="M544" s="2" t="s">
        <v>79639</v>
      </c>
      <c r="N544" s="5" t="s">
        <v>79640</v>
      </c>
      <c r="O544" s="5" t="s">
        <v>38</v>
      </c>
      <c r="P544" s="5" t="s">
        <v>39</v>
      </c>
      <c r="Q544" s="5" t="s">
        <v>40</v>
      </c>
      <c r="R544" s="5" t="s">
        <v>24335</v>
      </c>
      <c r="S544" s="5" t="s">
        <v>40</v>
      </c>
      <c r="T544" s="5" t="s">
        <v>42</v>
      </c>
      <c r="U544" s="2">
        <v>11.882999999999999</v>
      </c>
      <c r="V544" s="2">
        <v>9.359</v>
      </c>
      <c r="W544" s="2">
        <v>0.10100000000000001</v>
      </c>
      <c r="X544" s="2">
        <v>43</v>
      </c>
      <c r="Y544" s="2">
        <v>16.5</v>
      </c>
      <c r="Z544" s="2">
        <v>143</v>
      </c>
      <c r="AA544" s="5">
        <v>14</v>
      </c>
      <c r="AB544" s="5" t="s">
        <v>43</v>
      </c>
      <c r="AC544" s="5" t="s">
        <v>735</v>
      </c>
      <c r="AD544" s="2" t="s">
        <v>80400</v>
      </c>
      <c r="AE544" s="1"/>
    </row>
    <row r="545" spans="1:31">
      <c r="A545" s="5" t="s">
        <v>116</v>
      </c>
      <c r="B545" s="21">
        <v>46143</v>
      </c>
      <c r="C545" s="2" t="s">
        <v>80581</v>
      </c>
      <c r="D545" s="14" t="s">
        <v>80582</v>
      </c>
      <c r="E545" s="2" t="s">
        <v>80583</v>
      </c>
      <c r="F545" s="2" t="s">
        <v>130</v>
      </c>
      <c r="G545" s="8">
        <v>883</v>
      </c>
      <c r="H545" s="5">
        <v>5</v>
      </c>
      <c r="I545" s="5" t="s">
        <v>79637</v>
      </c>
      <c r="J545" s="5" t="s">
        <v>79638</v>
      </c>
      <c r="K545" s="2" t="s">
        <v>79639</v>
      </c>
      <c r="L545" s="5" t="s">
        <v>79638</v>
      </c>
      <c r="M545" s="2" t="s">
        <v>79639</v>
      </c>
      <c r="N545" s="5" t="s">
        <v>79640</v>
      </c>
      <c r="O545" s="5" t="s">
        <v>38</v>
      </c>
      <c r="P545" s="5" t="s">
        <v>39</v>
      </c>
      <c r="Q545" s="5" t="s">
        <v>40</v>
      </c>
      <c r="R545" s="5" t="s">
        <v>24335</v>
      </c>
      <c r="S545" s="5" t="s">
        <v>40</v>
      </c>
      <c r="T545" s="5" t="s">
        <v>42</v>
      </c>
      <c r="U545" s="2">
        <v>13.653</v>
      </c>
      <c r="V545" s="2">
        <v>11.124000000000001</v>
      </c>
      <c r="W545" s="2">
        <v>0.10100000000000001</v>
      </c>
      <c r="X545" s="2">
        <v>43</v>
      </c>
      <c r="Y545" s="2">
        <v>16.5</v>
      </c>
      <c r="Z545" s="2">
        <v>143</v>
      </c>
      <c r="AA545" s="5">
        <v>14</v>
      </c>
      <c r="AB545" s="5" t="s">
        <v>43</v>
      </c>
      <c r="AC545" s="5" t="s">
        <v>735</v>
      </c>
      <c r="AD545" s="2" t="s">
        <v>79774</v>
      </c>
      <c r="AE545" s="1"/>
    </row>
    <row r="546" spans="1:31">
      <c r="A546" s="5" t="s">
        <v>116</v>
      </c>
      <c r="B546" s="21">
        <v>46143</v>
      </c>
      <c r="C546" s="2" t="s">
        <v>80590</v>
      </c>
      <c r="D546" s="14" t="s">
        <v>80591</v>
      </c>
      <c r="E546" s="2" t="s">
        <v>80592</v>
      </c>
      <c r="F546" s="2" t="s">
        <v>130</v>
      </c>
      <c r="G546" s="8">
        <v>783</v>
      </c>
      <c r="H546" s="5">
        <v>5</v>
      </c>
      <c r="I546" s="5" t="s">
        <v>79637</v>
      </c>
      <c r="J546" s="5" t="s">
        <v>79638</v>
      </c>
      <c r="K546" s="2" t="s">
        <v>79639</v>
      </c>
      <c r="L546" s="5" t="s">
        <v>79638</v>
      </c>
      <c r="M546" s="2" t="s">
        <v>79639</v>
      </c>
      <c r="N546" s="5" t="s">
        <v>79640</v>
      </c>
      <c r="O546" s="5" t="s">
        <v>38</v>
      </c>
      <c r="P546" s="5" t="s">
        <v>39</v>
      </c>
      <c r="Q546" s="5" t="s">
        <v>40</v>
      </c>
      <c r="R546" s="5" t="s">
        <v>24335</v>
      </c>
      <c r="S546" s="5" t="s">
        <v>40</v>
      </c>
      <c r="T546" s="5" t="s">
        <v>42</v>
      </c>
      <c r="U546" s="2">
        <v>13.064</v>
      </c>
      <c r="V546" s="2">
        <v>10.353</v>
      </c>
      <c r="W546" s="2">
        <v>0.11600000000000001</v>
      </c>
      <c r="X546" s="2">
        <v>43</v>
      </c>
      <c r="Y546" s="2">
        <v>16.5</v>
      </c>
      <c r="Z546" s="2">
        <v>162.80000000000001</v>
      </c>
      <c r="AA546" s="5">
        <v>14</v>
      </c>
      <c r="AB546" s="5" t="s">
        <v>43</v>
      </c>
      <c r="AC546" s="5" t="s">
        <v>735</v>
      </c>
      <c r="AD546" s="2" t="s">
        <v>80400</v>
      </c>
      <c r="AE546" s="1"/>
    </row>
    <row r="547" spans="1:31">
      <c r="A547" s="5" t="s">
        <v>116</v>
      </c>
      <c r="B547" s="21">
        <v>46143</v>
      </c>
      <c r="C547" s="2" t="s">
        <v>80596</v>
      </c>
      <c r="D547" s="14" t="s">
        <v>80597</v>
      </c>
      <c r="E547" s="2" t="s">
        <v>80598</v>
      </c>
      <c r="F547" s="2" t="s">
        <v>130</v>
      </c>
      <c r="G547" s="8">
        <v>922</v>
      </c>
      <c r="H547" s="5">
        <v>5</v>
      </c>
      <c r="I547" s="5" t="s">
        <v>79637</v>
      </c>
      <c r="J547" s="5" t="s">
        <v>79638</v>
      </c>
      <c r="K547" s="2" t="s">
        <v>79639</v>
      </c>
      <c r="L547" s="5" t="s">
        <v>79638</v>
      </c>
      <c r="M547" s="2" t="s">
        <v>79639</v>
      </c>
      <c r="N547" s="5" t="s">
        <v>79640</v>
      </c>
      <c r="O547" s="5" t="s">
        <v>38</v>
      </c>
      <c r="P547" s="5" t="s">
        <v>39</v>
      </c>
      <c r="Q547" s="5" t="s">
        <v>40</v>
      </c>
      <c r="R547" s="5" t="s">
        <v>24335</v>
      </c>
      <c r="S547" s="5" t="s">
        <v>40</v>
      </c>
      <c r="T547" s="5" t="s">
        <v>42</v>
      </c>
      <c r="U547" s="2">
        <v>15.077999999999999</v>
      </c>
      <c r="V547" s="2">
        <v>12.362</v>
      </c>
      <c r="W547" s="2">
        <v>0.11600000000000001</v>
      </c>
      <c r="X547" s="2">
        <v>43</v>
      </c>
      <c r="Y547" s="2">
        <v>16.5</v>
      </c>
      <c r="Z547" s="2">
        <v>162.80000000000001</v>
      </c>
      <c r="AA547" s="5">
        <v>14</v>
      </c>
      <c r="AB547" s="5" t="s">
        <v>43</v>
      </c>
      <c r="AC547" s="5" t="s">
        <v>735</v>
      </c>
      <c r="AD547" s="2" t="s">
        <v>79774</v>
      </c>
      <c r="AE547" s="1"/>
    </row>
    <row r="548" spans="1:31">
      <c r="A548" s="5" t="s">
        <v>116</v>
      </c>
      <c r="B548" s="21">
        <v>46143</v>
      </c>
      <c r="C548" s="2" t="s">
        <v>80605</v>
      </c>
      <c r="D548" s="14" t="s">
        <v>80606</v>
      </c>
      <c r="E548" s="2" t="s">
        <v>80607</v>
      </c>
      <c r="F548" s="2" t="s">
        <v>130</v>
      </c>
      <c r="G548" s="8">
        <v>825</v>
      </c>
      <c r="H548" s="5">
        <v>5</v>
      </c>
      <c r="I548" s="5" t="s">
        <v>79637</v>
      </c>
      <c r="J548" s="5" t="s">
        <v>79638</v>
      </c>
      <c r="K548" s="2" t="s">
        <v>79639</v>
      </c>
      <c r="L548" s="5" t="s">
        <v>79638</v>
      </c>
      <c r="M548" s="2" t="s">
        <v>79639</v>
      </c>
      <c r="N548" s="5" t="s">
        <v>79640</v>
      </c>
      <c r="O548" s="5" t="s">
        <v>38</v>
      </c>
      <c r="P548" s="5" t="s">
        <v>39</v>
      </c>
      <c r="Q548" s="5" t="s">
        <v>40</v>
      </c>
      <c r="R548" s="5" t="s">
        <v>24335</v>
      </c>
      <c r="S548" s="5" t="s">
        <v>40</v>
      </c>
      <c r="T548" s="5" t="s">
        <v>42</v>
      </c>
      <c r="U548" s="2">
        <v>14.161</v>
      </c>
      <c r="V548" s="2">
        <v>11.298999999999999</v>
      </c>
      <c r="W548" s="2">
        <v>0.126</v>
      </c>
      <c r="X548" s="2">
        <v>43</v>
      </c>
      <c r="Y548" s="2">
        <v>16.5</v>
      </c>
      <c r="Z548" s="2">
        <v>177.8</v>
      </c>
      <c r="AA548" s="5">
        <v>14</v>
      </c>
      <c r="AB548" s="5" t="s">
        <v>43</v>
      </c>
      <c r="AC548" s="5" t="s">
        <v>735</v>
      </c>
      <c r="AD548" s="2" t="s">
        <v>80400</v>
      </c>
      <c r="AE548" s="1"/>
    </row>
    <row r="549" spans="1:31">
      <c r="A549" s="5" t="s">
        <v>116</v>
      </c>
      <c r="B549" s="21">
        <v>46143</v>
      </c>
      <c r="C549" s="2" t="s">
        <v>80611</v>
      </c>
      <c r="D549" s="14" t="s">
        <v>80612</v>
      </c>
      <c r="E549" s="2" t="s">
        <v>80613</v>
      </c>
      <c r="F549" s="2" t="s">
        <v>130</v>
      </c>
      <c r="G549" s="8">
        <v>973</v>
      </c>
      <c r="H549" s="5">
        <v>5</v>
      </c>
      <c r="I549" s="5" t="s">
        <v>79637</v>
      </c>
      <c r="J549" s="5" t="s">
        <v>79638</v>
      </c>
      <c r="K549" s="2" t="s">
        <v>79639</v>
      </c>
      <c r="L549" s="5" t="s">
        <v>79638</v>
      </c>
      <c r="M549" s="2" t="s">
        <v>79639</v>
      </c>
      <c r="N549" s="5" t="s">
        <v>79640</v>
      </c>
      <c r="O549" s="5" t="s">
        <v>38</v>
      </c>
      <c r="P549" s="5" t="s">
        <v>39</v>
      </c>
      <c r="Q549" s="5" t="s">
        <v>40</v>
      </c>
      <c r="R549" s="5" t="s">
        <v>24335</v>
      </c>
      <c r="S549" s="5" t="s">
        <v>40</v>
      </c>
      <c r="T549" s="5" t="s">
        <v>42</v>
      </c>
      <c r="U549" s="2">
        <v>16.399000000000001</v>
      </c>
      <c r="V549" s="2">
        <v>13.532</v>
      </c>
      <c r="W549" s="2">
        <v>0.126</v>
      </c>
      <c r="X549" s="2">
        <v>43</v>
      </c>
      <c r="Y549" s="2">
        <v>16.5</v>
      </c>
      <c r="Z549" s="2">
        <v>177.8</v>
      </c>
      <c r="AA549" s="5">
        <v>14</v>
      </c>
      <c r="AB549" s="5" t="s">
        <v>43</v>
      </c>
      <c r="AC549" s="5" t="s">
        <v>735</v>
      </c>
      <c r="AD549" s="2" t="s">
        <v>79774</v>
      </c>
      <c r="AE549" s="1"/>
    </row>
    <row r="550" spans="1:31">
      <c r="A550" s="5" t="s">
        <v>116</v>
      </c>
      <c r="B550" s="21">
        <v>46143</v>
      </c>
      <c r="C550" s="2" t="s">
        <v>80620</v>
      </c>
      <c r="D550" s="14" t="s">
        <v>80621</v>
      </c>
      <c r="E550" s="2" t="s">
        <v>80622</v>
      </c>
      <c r="F550" s="2" t="s">
        <v>130</v>
      </c>
      <c r="G550" s="8">
        <v>804</v>
      </c>
      <c r="H550" s="5">
        <v>5</v>
      </c>
      <c r="I550" s="5" t="s">
        <v>79637</v>
      </c>
      <c r="J550" s="5" t="s">
        <v>79638</v>
      </c>
      <c r="K550" s="2" t="s">
        <v>79639</v>
      </c>
      <c r="L550" s="5" t="s">
        <v>79638</v>
      </c>
      <c r="M550" s="2" t="s">
        <v>79639</v>
      </c>
      <c r="N550" s="5" t="s">
        <v>79640</v>
      </c>
      <c r="O550" s="5" t="s">
        <v>38</v>
      </c>
      <c r="P550" s="5" t="s">
        <v>39</v>
      </c>
      <c r="Q550" s="5" t="s">
        <v>40</v>
      </c>
      <c r="R550" s="5" t="s">
        <v>24335</v>
      </c>
      <c r="S550" s="5" t="s">
        <v>40</v>
      </c>
      <c r="T550" s="5" t="s">
        <v>42</v>
      </c>
      <c r="U550" s="2">
        <v>13.122</v>
      </c>
      <c r="V550" s="2">
        <v>10.411</v>
      </c>
      <c r="W550" s="2">
        <v>0.11600000000000001</v>
      </c>
      <c r="X550" s="2">
        <v>43</v>
      </c>
      <c r="Y550" s="2">
        <v>16.5</v>
      </c>
      <c r="Z550" s="2">
        <v>162.80000000000001</v>
      </c>
      <c r="AA550" s="5">
        <v>14</v>
      </c>
      <c r="AB550" s="5" t="s">
        <v>43</v>
      </c>
      <c r="AC550" s="5" t="s">
        <v>735</v>
      </c>
      <c r="AD550" s="2" t="s">
        <v>80400</v>
      </c>
      <c r="AE550" s="1"/>
    </row>
    <row r="551" spans="1:31">
      <c r="A551" s="5" t="s">
        <v>116</v>
      </c>
      <c r="B551" s="21">
        <v>46143</v>
      </c>
      <c r="C551" s="2" t="s">
        <v>80626</v>
      </c>
      <c r="D551" s="14" t="s">
        <v>80627</v>
      </c>
      <c r="E551" s="2" t="s">
        <v>80628</v>
      </c>
      <c r="F551" s="2" t="s">
        <v>130</v>
      </c>
      <c r="G551" s="8">
        <v>948</v>
      </c>
      <c r="H551" s="5">
        <v>5</v>
      </c>
      <c r="I551" s="5" t="s">
        <v>79637</v>
      </c>
      <c r="J551" s="5" t="s">
        <v>79638</v>
      </c>
      <c r="K551" s="2" t="s">
        <v>79639</v>
      </c>
      <c r="L551" s="5" t="s">
        <v>79638</v>
      </c>
      <c r="M551" s="2" t="s">
        <v>79639</v>
      </c>
      <c r="N551" s="5" t="s">
        <v>79640</v>
      </c>
      <c r="O551" s="5" t="s">
        <v>38</v>
      </c>
      <c r="P551" s="5" t="s">
        <v>39</v>
      </c>
      <c r="Q551" s="5" t="s">
        <v>40</v>
      </c>
      <c r="R551" s="5" t="s">
        <v>24335</v>
      </c>
      <c r="S551" s="5" t="s">
        <v>40</v>
      </c>
      <c r="T551" s="5" t="s">
        <v>42</v>
      </c>
      <c r="U551" s="2">
        <v>15.004</v>
      </c>
      <c r="V551" s="2">
        <v>12.288</v>
      </c>
      <c r="W551" s="2">
        <v>0.11600000000000001</v>
      </c>
      <c r="X551" s="2">
        <v>43</v>
      </c>
      <c r="Y551" s="2">
        <v>16.5</v>
      </c>
      <c r="Z551" s="2">
        <v>162.80000000000001</v>
      </c>
      <c r="AA551" s="5">
        <v>14</v>
      </c>
      <c r="AB551" s="5" t="s">
        <v>43</v>
      </c>
      <c r="AC551" s="5" t="s">
        <v>735</v>
      </c>
      <c r="AD551" s="2" t="s">
        <v>79774</v>
      </c>
      <c r="AE551" s="1"/>
    </row>
    <row r="552" spans="1:31">
      <c r="A552" s="5" t="s">
        <v>116</v>
      </c>
      <c r="B552" s="21">
        <v>46143</v>
      </c>
      <c r="C552" s="2" t="s">
        <v>80635</v>
      </c>
      <c r="D552" s="14" t="s">
        <v>80636</v>
      </c>
      <c r="E552" s="2" t="s">
        <v>80637</v>
      </c>
      <c r="F552" s="2" t="s">
        <v>130</v>
      </c>
      <c r="G552" s="8">
        <v>841</v>
      </c>
      <c r="H552" s="5">
        <v>5</v>
      </c>
      <c r="I552" s="5" t="s">
        <v>79637</v>
      </c>
      <c r="J552" s="5" t="s">
        <v>79638</v>
      </c>
      <c r="K552" s="2" t="s">
        <v>79639</v>
      </c>
      <c r="L552" s="5" t="s">
        <v>79638</v>
      </c>
      <c r="M552" s="2" t="s">
        <v>79639</v>
      </c>
      <c r="N552" s="5" t="s">
        <v>79640</v>
      </c>
      <c r="O552" s="5" t="s">
        <v>38</v>
      </c>
      <c r="P552" s="5" t="s">
        <v>39</v>
      </c>
      <c r="Q552" s="5" t="s">
        <v>40</v>
      </c>
      <c r="R552" s="5" t="s">
        <v>24335</v>
      </c>
      <c r="S552" s="5" t="s">
        <v>40</v>
      </c>
      <c r="T552" s="5" t="s">
        <v>42</v>
      </c>
      <c r="U552" s="2">
        <v>14.223000000000001</v>
      </c>
      <c r="V552" s="2">
        <v>11.512</v>
      </c>
      <c r="W552" s="2">
        <v>0.11600000000000001</v>
      </c>
      <c r="X552" s="2">
        <v>43</v>
      </c>
      <c r="Y552" s="2">
        <v>16.5</v>
      </c>
      <c r="Z552" s="2">
        <v>162.80000000000001</v>
      </c>
      <c r="AA552" s="5">
        <v>14</v>
      </c>
      <c r="AB552" s="5" t="s">
        <v>43</v>
      </c>
      <c r="AC552" s="5" t="s">
        <v>735</v>
      </c>
      <c r="AD552" s="2" t="s">
        <v>80400</v>
      </c>
      <c r="AE552" s="1"/>
    </row>
    <row r="553" spans="1:31">
      <c r="A553" s="5" t="s">
        <v>116</v>
      </c>
      <c r="B553" s="21">
        <v>46143</v>
      </c>
      <c r="C553" s="2" t="s">
        <v>80641</v>
      </c>
      <c r="D553" s="14" t="s">
        <v>80642</v>
      </c>
      <c r="E553" s="2" t="s">
        <v>80643</v>
      </c>
      <c r="F553" s="2" t="s">
        <v>130</v>
      </c>
      <c r="G553" s="8">
        <v>993</v>
      </c>
      <c r="H553" s="5">
        <v>5</v>
      </c>
      <c r="I553" s="5" t="s">
        <v>79637</v>
      </c>
      <c r="J553" s="5" t="s">
        <v>79638</v>
      </c>
      <c r="K553" s="2" t="s">
        <v>79639</v>
      </c>
      <c r="L553" s="5" t="s">
        <v>79638</v>
      </c>
      <c r="M553" s="2" t="s">
        <v>79639</v>
      </c>
      <c r="N553" s="5" t="s">
        <v>79640</v>
      </c>
      <c r="O553" s="5" t="s">
        <v>38</v>
      </c>
      <c r="P553" s="5" t="s">
        <v>39</v>
      </c>
      <c r="Q553" s="5" t="s">
        <v>40</v>
      </c>
      <c r="R553" s="5" t="s">
        <v>24335</v>
      </c>
      <c r="S553" s="5" t="s">
        <v>40</v>
      </c>
      <c r="T553" s="5" t="s">
        <v>42</v>
      </c>
      <c r="U553" s="2">
        <v>16.349</v>
      </c>
      <c r="V553" s="2">
        <v>13.632999999999999</v>
      </c>
      <c r="W553" s="2">
        <v>0.11600000000000001</v>
      </c>
      <c r="X553" s="2">
        <v>43</v>
      </c>
      <c r="Y553" s="2">
        <v>16.5</v>
      </c>
      <c r="Z553" s="2">
        <v>162.80000000000001</v>
      </c>
      <c r="AA553" s="5">
        <v>14</v>
      </c>
      <c r="AB553" s="5" t="s">
        <v>43</v>
      </c>
      <c r="AC553" s="5" t="s">
        <v>735</v>
      </c>
      <c r="AD553" s="2" t="s">
        <v>79774</v>
      </c>
      <c r="AE553" s="1"/>
    </row>
    <row r="554" spans="1:31">
      <c r="A554" s="5" t="s">
        <v>116</v>
      </c>
      <c r="B554" s="21">
        <v>46143</v>
      </c>
      <c r="C554" s="2" t="s">
        <v>80650</v>
      </c>
      <c r="D554" s="14" t="s">
        <v>80651</v>
      </c>
      <c r="E554" s="2" t="s">
        <v>80652</v>
      </c>
      <c r="F554" s="2" t="s">
        <v>130</v>
      </c>
      <c r="G554" s="8">
        <v>878</v>
      </c>
      <c r="H554" s="5">
        <v>5</v>
      </c>
      <c r="I554" s="5" t="s">
        <v>79637</v>
      </c>
      <c r="J554" s="5" t="s">
        <v>79638</v>
      </c>
      <c r="K554" s="2" t="s">
        <v>79639</v>
      </c>
      <c r="L554" s="5" t="s">
        <v>79638</v>
      </c>
      <c r="M554" s="2" t="s">
        <v>79639</v>
      </c>
      <c r="N554" s="5" t="s">
        <v>79640</v>
      </c>
      <c r="O554" s="5" t="s">
        <v>38</v>
      </c>
      <c r="P554" s="5" t="s">
        <v>39</v>
      </c>
      <c r="Q554" s="5" t="s">
        <v>40</v>
      </c>
      <c r="R554" s="5" t="s">
        <v>24335</v>
      </c>
      <c r="S554" s="5" t="s">
        <v>40</v>
      </c>
      <c r="T554" s="5" t="s">
        <v>42</v>
      </c>
      <c r="U554" s="2">
        <v>15.43</v>
      </c>
      <c r="V554" s="2">
        <v>12.568</v>
      </c>
      <c r="W554" s="2">
        <v>0.126</v>
      </c>
      <c r="X554" s="2">
        <v>43</v>
      </c>
      <c r="Y554" s="2">
        <v>16.5</v>
      </c>
      <c r="Z554" s="2">
        <v>177.8</v>
      </c>
      <c r="AA554" s="5">
        <v>14</v>
      </c>
      <c r="AB554" s="5" t="s">
        <v>43</v>
      </c>
      <c r="AC554" s="5" t="s">
        <v>735</v>
      </c>
      <c r="AD554" s="2" t="s">
        <v>80400</v>
      </c>
      <c r="AE554" s="1"/>
    </row>
    <row r="555" spans="1:31">
      <c r="A555" s="5" t="s">
        <v>116</v>
      </c>
      <c r="B555" s="21">
        <v>46143</v>
      </c>
      <c r="C555" s="2" t="s">
        <v>80656</v>
      </c>
      <c r="D555" s="14" t="s">
        <v>80657</v>
      </c>
      <c r="E555" s="2" t="s">
        <v>80658</v>
      </c>
      <c r="F555" s="2" t="s">
        <v>130</v>
      </c>
      <c r="G555" s="8">
        <v>1038</v>
      </c>
      <c r="H555" s="5">
        <v>5</v>
      </c>
      <c r="I555" s="5" t="s">
        <v>79637</v>
      </c>
      <c r="J555" s="5" t="s">
        <v>79638</v>
      </c>
      <c r="K555" s="2" t="s">
        <v>79639</v>
      </c>
      <c r="L555" s="5" t="s">
        <v>79638</v>
      </c>
      <c r="M555" s="2" t="s">
        <v>79639</v>
      </c>
      <c r="N555" s="5" t="s">
        <v>79640</v>
      </c>
      <c r="O555" s="5" t="s">
        <v>38</v>
      </c>
      <c r="P555" s="5" t="s">
        <v>39</v>
      </c>
      <c r="Q555" s="5" t="s">
        <v>40</v>
      </c>
      <c r="R555" s="5" t="s">
        <v>24335</v>
      </c>
      <c r="S555" s="5" t="s">
        <v>40</v>
      </c>
      <c r="T555" s="5" t="s">
        <v>42</v>
      </c>
      <c r="U555" s="2">
        <v>17.78</v>
      </c>
      <c r="V555" s="2">
        <v>14.913</v>
      </c>
      <c r="W555" s="2">
        <v>0.126</v>
      </c>
      <c r="X555" s="2">
        <v>43</v>
      </c>
      <c r="Y555" s="2">
        <v>16.5</v>
      </c>
      <c r="Z555" s="2">
        <v>177.8</v>
      </c>
      <c r="AA555" s="5">
        <v>14</v>
      </c>
      <c r="AB555" s="5" t="s">
        <v>43</v>
      </c>
      <c r="AC555" s="5" t="s">
        <v>735</v>
      </c>
      <c r="AD555" s="2" t="s">
        <v>79774</v>
      </c>
      <c r="AE555" s="1"/>
    </row>
    <row r="556" spans="1:31">
      <c r="A556" s="5" t="s">
        <v>116</v>
      </c>
      <c r="B556" s="21">
        <v>46143</v>
      </c>
      <c r="C556" s="2" t="s">
        <v>80665</v>
      </c>
      <c r="D556" s="14" t="s">
        <v>80666</v>
      </c>
      <c r="E556" s="2" t="s">
        <v>80667</v>
      </c>
      <c r="F556" s="2" t="s">
        <v>130</v>
      </c>
      <c r="G556" s="8">
        <v>851</v>
      </c>
      <c r="H556" s="5">
        <v>5</v>
      </c>
      <c r="I556" s="5" t="s">
        <v>79637</v>
      </c>
      <c r="J556" s="5" t="s">
        <v>79638</v>
      </c>
      <c r="K556" s="2" t="s">
        <v>79639</v>
      </c>
      <c r="L556" s="5" t="s">
        <v>79638</v>
      </c>
      <c r="M556" s="2" t="s">
        <v>79639</v>
      </c>
      <c r="N556" s="5" t="s">
        <v>79640</v>
      </c>
      <c r="O556" s="5" t="s">
        <v>38</v>
      </c>
      <c r="P556" s="5" t="s">
        <v>39</v>
      </c>
      <c r="Q556" s="5" t="s">
        <v>40</v>
      </c>
      <c r="R556" s="5" t="s">
        <v>24335</v>
      </c>
      <c r="S556" s="5" t="s">
        <v>40</v>
      </c>
      <c r="T556" s="5" t="s">
        <v>42</v>
      </c>
      <c r="U556" s="2">
        <v>13.176</v>
      </c>
      <c r="V556" s="2">
        <v>10.314</v>
      </c>
      <c r="W556" s="2">
        <v>0.126</v>
      </c>
      <c r="X556" s="2">
        <v>43</v>
      </c>
      <c r="Y556" s="2">
        <v>16.5</v>
      </c>
      <c r="Z556" s="2">
        <v>177.8</v>
      </c>
      <c r="AA556" s="5">
        <v>14</v>
      </c>
      <c r="AB556" s="5" t="s">
        <v>43</v>
      </c>
      <c r="AC556" s="5" t="s">
        <v>735</v>
      </c>
      <c r="AD556" s="2" t="s">
        <v>80400</v>
      </c>
      <c r="AE556" s="1"/>
    </row>
    <row r="557" spans="1:31">
      <c r="A557" s="5" t="s">
        <v>116</v>
      </c>
      <c r="B557" s="21">
        <v>46143</v>
      </c>
      <c r="C557" s="2" t="s">
        <v>80671</v>
      </c>
      <c r="D557" s="14" t="s">
        <v>80672</v>
      </c>
      <c r="E557" s="2" t="s">
        <v>80673</v>
      </c>
      <c r="F557" s="2" t="s">
        <v>130</v>
      </c>
      <c r="G557" s="8">
        <v>1005</v>
      </c>
      <c r="H557" s="5">
        <v>5</v>
      </c>
      <c r="I557" s="5" t="s">
        <v>79637</v>
      </c>
      <c r="J557" s="5" t="s">
        <v>79638</v>
      </c>
      <c r="K557" s="2" t="s">
        <v>79639</v>
      </c>
      <c r="L557" s="5" t="s">
        <v>79638</v>
      </c>
      <c r="M557" s="2" t="s">
        <v>79639</v>
      </c>
      <c r="N557" s="5" t="s">
        <v>79640</v>
      </c>
      <c r="O557" s="5" t="s">
        <v>38</v>
      </c>
      <c r="P557" s="5" t="s">
        <v>39</v>
      </c>
      <c r="Q557" s="5" t="s">
        <v>40</v>
      </c>
      <c r="R557" s="5" t="s">
        <v>24335</v>
      </c>
      <c r="S557" s="5" t="s">
        <v>40</v>
      </c>
      <c r="T557" s="5" t="s">
        <v>42</v>
      </c>
      <c r="U557" s="2">
        <v>14.951000000000001</v>
      </c>
      <c r="V557" s="2">
        <v>12.084</v>
      </c>
      <c r="W557" s="2">
        <v>0.126</v>
      </c>
      <c r="X557" s="2">
        <v>43</v>
      </c>
      <c r="Y557" s="2">
        <v>16.5</v>
      </c>
      <c r="Z557" s="2">
        <v>177.8</v>
      </c>
      <c r="AA557" s="5">
        <v>14</v>
      </c>
      <c r="AB557" s="5" t="s">
        <v>43</v>
      </c>
      <c r="AC557" s="5" t="s">
        <v>735</v>
      </c>
      <c r="AD557" s="2" t="s">
        <v>79774</v>
      </c>
      <c r="AE557" s="1"/>
    </row>
    <row r="558" spans="1:31">
      <c r="A558" s="5" t="s">
        <v>116</v>
      </c>
      <c r="B558" s="21">
        <v>46143</v>
      </c>
      <c r="C558" s="2" t="s">
        <v>80680</v>
      </c>
      <c r="D558" s="14" t="s">
        <v>80681</v>
      </c>
      <c r="E558" s="2" t="s">
        <v>80682</v>
      </c>
      <c r="F558" s="2" t="s">
        <v>130</v>
      </c>
      <c r="G558" s="8">
        <v>904</v>
      </c>
      <c r="H558" s="5">
        <v>5</v>
      </c>
      <c r="I558" s="5" t="s">
        <v>79637</v>
      </c>
      <c r="J558" s="5" t="s">
        <v>79638</v>
      </c>
      <c r="K558" s="2" t="s">
        <v>79639</v>
      </c>
      <c r="L558" s="5" t="s">
        <v>79638</v>
      </c>
      <c r="M558" s="2" t="s">
        <v>79639</v>
      </c>
      <c r="N558" s="5" t="s">
        <v>79640</v>
      </c>
      <c r="O558" s="5" t="s">
        <v>38</v>
      </c>
      <c r="P558" s="5" t="s">
        <v>39</v>
      </c>
      <c r="Q558" s="5" t="s">
        <v>40</v>
      </c>
      <c r="R558" s="5" t="s">
        <v>24335</v>
      </c>
      <c r="S558" s="5" t="s">
        <v>40</v>
      </c>
      <c r="T558" s="5" t="s">
        <v>42</v>
      </c>
      <c r="U558" s="2">
        <v>15.548999999999999</v>
      </c>
      <c r="V558" s="2">
        <v>12.686999999999999</v>
      </c>
      <c r="W558" s="2">
        <v>0.126</v>
      </c>
      <c r="X558" s="2">
        <v>43</v>
      </c>
      <c r="Y558" s="2">
        <v>16.5</v>
      </c>
      <c r="Z558" s="2">
        <v>177.8</v>
      </c>
      <c r="AA558" s="5">
        <v>14</v>
      </c>
      <c r="AB558" s="5" t="s">
        <v>43</v>
      </c>
      <c r="AC558" s="5" t="s">
        <v>735</v>
      </c>
      <c r="AD558" s="2" t="s">
        <v>80400</v>
      </c>
      <c r="AE558" s="1"/>
    </row>
    <row r="559" spans="1:31">
      <c r="A559" s="5" t="s">
        <v>116</v>
      </c>
      <c r="B559" s="21">
        <v>46143</v>
      </c>
      <c r="C559" s="2" t="s">
        <v>80686</v>
      </c>
      <c r="D559" s="14" t="s">
        <v>80687</v>
      </c>
      <c r="E559" s="2" t="s">
        <v>80688</v>
      </c>
      <c r="F559" s="2" t="s">
        <v>130</v>
      </c>
      <c r="G559" s="8">
        <v>1070</v>
      </c>
      <c r="H559" s="5">
        <v>5</v>
      </c>
      <c r="I559" s="5" t="s">
        <v>79637</v>
      </c>
      <c r="J559" s="5" t="s">
        <v>79638</v>
      </c>
      <c r="K559" s="2" t="s">
        <v>79639</v>
      </c>
      <c r="L559" s="5" t="s">
        <v>79638</v>
      </c>
      <c r="M559" s="2" t="s">
        <v>79639</v>
      </c>
      <c r="N559" s="5" t="s">
        <v>79640</v>
      </c>
      <c r="O559" s="5" t="s">
        <v>38</v>
      </c>
      <c r="P559" s="5" t="s">
        <v>39</v>
      </c>
      <c r="Q559" s="5" t="s">
        <v>40</v>
      </c>
      <c r="R559" s="5" t="s">
        <v>24335</v>
      </c>
      <c r="S559" s="5" t="s">
        <v>40</v>
      </c>
      <c r="T559" s="5" t="s">
        <v>42</v>
      </c>
      <c r="U559" s="2">
        <v>17.789000000000001</v>
      </c>
      <c r="V559" s="2">
        <v>14.922000000000001</v>
      </c>
      <c r="W559" s="2">
        <v>0.126</v>
      </c>
      <c r="X559" s="2">
        <v>43</v>
      </c>
      <c r="Y559" s="2">
        <v>16.5</v>
      </c>
      <c r="Z559" s="2">
        <v>177.8</v>
      </c>
      <c r="AA559" s="5">
        <v>14</v>
      </c>
      <c r="AB559" s="5" t="s">
        <v>43</v>
      </c>
      <c r="AC559" s="5" t="s">
        <v>735</v>
      </c>
      <c r="AD559" s="2" t="s">
        <v>79774</v>
      </c>
      <c r="AE559" s="1"/>
    </row>
    <row r="560" spans="1:31">
      <c r="A560" s="5" t="s">
        <v>116</v>
      </c>
      <c r="B560" s="21">
        <v>46143</v>
      </c>
      <c r="C560" s="2" t="s">
        <v>80695</v>
      </c>
      <c r="D560" s="14" t="s">
        <v>80696</v>
      </c>
      <c r="E560" s="2" t="s">
        <v>80697</v>
      </c>
      <c r="F560" s="2" t="s">
        <v>130</v>
      </c>
      <c r="G560" s="8">
        <v>946</v>
      </c>
      <c r="H560" s="5">
        <v>5</v>
      </c>
      <c r="I560" s="5" t="s">
        <v>79637</v>
      </c>
      <c r="J560" s="5" t="s">
        <v>79638</v>
      </c>
      <c r="K560" s="2" t="s">
        <v>79639</v>
      </c>
      <c r="L560" s="5" t="s">
        <v>79638</v>
      </c>
      <c r="M560" s="2" t="s">
        <v>79639</v>
      </c>
      <c r="N560" s="5" t="s">
        <v>79640</v>
      </c>
      <c r="O560" s="5" t="s">
        <v>38</v>
      </c>
      <c r="P560" s="5" t="s">
        <v>39</v>
      </c>
      <c r="Q560" s="5" t="s">
        <v>40</v>
      </c>
      <c r="R560" s="5" t="s">
        <v>24335</v>
      </c>
      <c r="S560" s="5" t="s">
        <v>40</v>
      </c>
      <c r="T560" s="5" t="s">
        <v>42</v>
      </c>
      <c r="U560" s="2">
        <v>16.712</v>
      </c>
      <c r="V560" s="2">
        <v>13.85</v>
      </c>
      <c r="W560" s="2">
        <v>0.126</v>
      </c>
      <c r="X560" s="2">
        <v>43</v>
      </c>
      <c r="Y560" s="2">
        <v>16.5</v>
      </c>
      <c r="Z560" s="2">
        <v>177.8</v>
      </c>
      <c r="AA560" s="5">
        <v>14</v>
      </c>
      <c r="AB560" s="5" t="s">
        <v>43</v>
      </c>
      <c r="AC560" s="5" t="s">
        <v>735</v>
      </c>
      <c r="AD560" s="2" t="s">
        <v>80400</v>
      </c>
      <c r="AE560" s="1"/>
    </row>
    <row r="561" spans="1:31">
      <c r="A561" s="5" t="s">
        <v>116</v>
      </c>
      <c r="B561" s="21">
        <v>46143</v>
      </c>
      <c r="C561" s="2" t="s">
        <v>80701</v>
      </c>
      <c r="D561" s="14" t="s">
        <v>80702</v>
      </c>
      <c r="E561" s="2" t="s">
        <v>80703</v>
      </c>
      <c r="F561" s="2" t="s">
        <v>130</v>
      </c>
      <c r="G561" s="8">
        <v>1121</v>
      </c>
      <c r="H561" s="5">
        <v>10</v>
      </c>
      <c r="I561" s="5" t="s">
        <v>79637</v>
      </c>
      <c r="J561" s="5" t="s">
        <v>79638</v>
      </c>
      <c r="K561" s="2" t="s">
        <v>79639</v>
      </c>
      <c r="L561" s="5" t="s">
        <v>79638</v>
      </c>
      <c r="M561" s="2" t="s">
        <v>79639</v>
      </c>
      <c r="N561" s="5" t="s">
        <v>79640</v>
      </c>
      <c r="O561" s="5" t="s">
        <v>38</v>
      </c>
      <c r="P561" s="5" t="s">
        <v>39</v>
      </c>
      <c r="Q561" s="5" t="s">
        <v>40</v>
      </c>
      <c r="R561" s="5" t="s">
        <v>24335</v>
      </c>
      <c r="S561" s="5" t="s">
        <v>40</v>
      </c>
      <c r="T561" s="5" t="s">
        <v>42</v>
      </c>
      <c r="U561" s="2">
        <v>19.175999999999998</v>
      </c>
      <c r="V561" s="2">
        <v>16.309000000000001</v>
      </c>
      <c r="W561" s="2">
        <v>0.126</v>
      </c>
      <c r="X561" s="2">
        <v>43</v>
      </c>
      <c r="Y561" s="2">
        <v>16.5</v>
      </c>
      <c r="Z561" s="2">
        <v>177.8</v>
      </c>
      <c r="AA561" s="5">
        <v>14</v>
      </c>
      <c r="AB561" s="5" t="s">
        <v>43</v>
      </c>
      <c r="AC561" s="5" t="s">
        <v>735</v>
      </c>
      <c r="AD561" s="2" t="s">
        <v>79774</v>
      </c>
      <c r="AE561" s="1"/>
    </row>
    <row r="562" spans="1:31">
      <c r="A562" s="5" t="s">
        <v>116</v>
      </c>
      <c r="B562" s="21">
        <v>46143</v>
      </c>
      <c r="C562" s="2" t="s">
        <v>80710</v>
      </c>
      <c r="D562" s="14" t="s">
        <v>80711</v>
      </c>
      <c r="E562" s="2" t="s">
        <v>80712</v>
      </c>
      <c r="F562" s="2" t="s">
        <v>130</v>
      </c>
      <c r="G562" s="8">
        <v>611</v>
      </c>
      <c r="H562" s="5">
        <v>5</v>
      </c>
      <c r="I562" s="5" t="s">
        <v>79637</v>
      </c>
      <c r="J562" s="5" t="s">
        <v>79638</v>
      </c>
      <c r="K562" s="2" t="s">
        <v>79639</v>
      </c>
      <c r="L562" s="5" t="s">
        <v>79638</v>
      </c>
      <c r="M562" s="2" t="s">
        <v>79639</v>
      </c>
      <c r="N562" s="5" t="s">
        <v>79640</v>
      </c>
      <c r="O562" s="5" t="s">
        <v>38</v>
      </c>
      <c r="P562" s="5" t="s">
        <v>39</v>
      </c>
      <c r="Q562" s="5" t="s">
        <v>40</v>
      </c>
      <c r="R562" s="5" t="s">
        <v>24335</v>
      </c>
      <c r="S562" s="5" t="s">
        <v>40</v>
      </c>
      <c r="T562" s="5" t="s">
        <v>42</v>
      </c>
      <c r="U562" s="2">
        <v>8.4169999999999998</v>
      </c>
      <c r="V562" s="2">
        <v>6.0469999999999997</v>
      </c>
      <c r="W562" s="2">
        <v>0.09</v>
      </c>
      <c r="X562" s="2">
        <v>43</v>
      </c>
      <c r="Y562" s="2">
        <v>16.5</v>
      </c>
      <c r="Z562" s="2">
        <v>126.8</v>
      </c>
      <c r="AA562" s="5">
        <v>14</v>
      </c>
      <c r="AB562" s="5" t="s">
        <v>43</v>
      </c>
      <c r="AC562" s="5" t="s">
        <v>735</v>
      </c>
      <c r="AD562" s="2" t="s">
        <v>80400</v>
      </c>
      <c r="AE562" s="1"/>
    </row>
    <row r="563" spans="1:31">
      <c r="A563" s="5" t="s">
        <v>116</v>
      </c>
      <c r="B563" s="21">
        <v>46143</v>
      </c>
      <c r="C563" s="2" t="s">
        <v>80719</v>
      </c>
      <c r="D563" s="14" t="s">
        <v>80720</v>
      </c>
      <c r="E563" s="2" t="s">
        <v>80721</v>
      </c>
      <c r="F563" s="2" t="s">
        <v>130</v>
      </c>
      <c r="G563" s="8">
        <v>632</v>
      </c>
      <c r="H563" s="5">
        <v>5</v>
      </c>
      <c r="I563" s="5" t="s">
        <v>79637</v>
      </c>
      <c r="J563" s="5" t="s">
        <v>79638</v>
      </c>
      <c r="K563" s="2" t="s">
        <v>79639</v>
      </c>
      <c r="L563" s="5" t="s">
        <v>79638</v>
      </c>
      <c r="M563" s="2" t="s">
        <v>79639</v>
      </c>
      <c r="N563" s="5" t="s">
        <v>79640</v>
      </c>
      <c r="O563" s="5" t="s">
        <v>38</v>
      </c>
      <c r="P563" s="5" t="s">
        <v>39</v>
      </c>
      <c r="Q563" s="5" t="s">
        <v>40</v>
      </c>
      <c r="R563" s="5" t="s">
        <v>24335</v>
      </c>
      <c r="S563" s="5" t="s">
        <v>40</v>
      </c>
      <c r="T563" s="5" t="s">
        <v>42</v>
      </c>
      <c r="U563" s="2">
        <v>9.1370000000000005</v>
      </c>
      <c r="V563" s="2">
        <v>6.7670000000000003</v>
      </c>
      <c r="W563" s="2">
        <v>0.09</v>
      </c>
      <c r="X563" s="2">
        <v>43</v>
      </c>
      <c r="Y563" s="2">
        <v>16.5</v>
      </c>
      <c r="Z563" s="2">
        <v>126.8</v>
      </c>
      <c r="AA563" s="5">
        <v>14</v>
      </c>
      <c r="AB563" s="5" t="s">
        <v>43</v>
      </c>
      <c r="AC563" s="5" t="s">
        <v>735</v>
      </c>
      <c r="AD563" s="2" t="s">
        <v>80400</v>
      </c>
      <c r="AE563" s="1"/>
    </row>
    <row r="564" spans="1:31">
      <c r="A564" s="5" t="s">
        <v>116</v>
      </c>
      <c r="B564" s="21">
        <v>46143</v>
      </c>
      <c r="C564" s="2" t="s">
        <v>80728</v>
      </c>
      <c r="D564" s="14" t="s">
        <v>80729</v>
      </c>
      <c r="E564" s="2" t="s">
        <v>80730</v>
      </c>
      <c r="F564" s="2" t="s">
        <v>130</v>
      </c>
      <c r="G564" s="8">
        <v>658</v>
      </c>
      <c r="H564" s="5">
        <v>5</v>
      </c>
      <c r="I564" s="5" t="s">
        <v>79637</v>
      </c>
      <c r="J564" s="5" t="s">
        <v>79638</v>
      </c>
      <c r="K564" s="2" t="s">
        <v>79639</v>
      </c>
      <c r="L564" s="5" t="s">
        <v>79638</v>
      </c>
      <c r="M564" s="2" t="s">
        <v>79639</v>
      </c>
      <c r="N564" s="5" t="s">
        <v>79640</v>
      </c>
      <c r="O564" s="5" t="s">
        <v>38</v>
      </c>
      <c r="P564" s="5" t="s">
        <v>39</v>
      </c>
      <c r="Q564" s="5" t="s">
        <v>40</v>
      </c>
      <c r="R564" s="5" t="s">
        <v>24335</v>
      </c>
      <c r="S564" s="5" t="s">
        <v>40</v>
      </c>
      <c r="T564" s="5" t="s">
        <v>42</v>
      </c>
      <c r="U564" s="2">
        <v>9.625</v>
      </c>
      <c r="V564" s="2">
        <v>7.2549999999999999</v>
      </c>
      <c r="W564" s="2">
        <v>0.09</v>
      </c>
      <c r="X564" s="2">
        <v>43</v>
      </c>
      <c r="Y564" s="2">
        <v>16.5</v>
      </c>
      <c r="Z564" s="2">
        <v>126.8</v>
      </c>
      <c r="AA564" s="5">
        <v>14</v>
      </c>
      <c r="AB564" s="5" t="s">
        <v>43</v>
      </c>
      <c r="AC564" s="5" t="s">
        <v>735</v>
      </c>
      <c r="AD564" s="2" t="s">
        <v>80400</v>
      </c>
      <c r="AE564" s="1"/>
    </row>
    <row r="565" spans="1:31">
      <c r="A565" s="5" t="s">
        <v>116</v>
      </c>
      <c r="B565" s="21">
        <v>46143</v>
      </c>
      <c r="C565" s="2" t="s">
        <v>80737</v>
      </c>
      <c r="D565" s="14" t="s">
        <v>80738</v>
      </c>
      <c r="E565" s="2" t="s">
        <v>80739</v>
      </c>
      <c r="F565" s="2" t="s">
        <v>130</v>
      </c>
      <c r="G565" s="8">
        <v>684</v>
      </c>
      <c r="H565" s="5">
        <v>5</v>
      </c>
      <c r="I565" s="5" t="s">
        <v>79637</v>
      </c>
      <c r="J565" s="5" t="s">
        <v>79638</v>
      </c>
      <c r="K565" s="2" t="s">
        <v>79639</v>
      </c>
      <c r="L565" s="5" t="s">
        <v>79638</v>
      </c>
      <c r="M565" s="2" t="s">
        <v>79639</v>
      </c>
      <c r="N565" s="5" t="s">
        <v>79640</v>
      </c>
      <c r="O565" s="5" t="s">
        <v>38</v>
      </c>
      <c r="P565" s="5" t="s">
        <v>39</v>
      </c>
      <c r="Q565" s="5" t="s">
        <v>40</v>
      </c>
      <c r="R565" s="5" t="s">
        <v>24335</v>
      </c>
      <c r="S565" s="5" t="s">
        <v>40</v>
      </c>
      <c r="T565" s="5" t="s">
        <v>42</v>
      </c>
      <c r="U565" s="2">
        <v>10.507</v>
      </c>
      <c r="V565" s="2">
        <v>7.9829999999999997</v>
      </c>
      <c r="W565" s="2">
        <v>0.10100000000000001</v>
      </c>
      <c r="X565" s="2">
        <v>43</v>
      </c>
      <c r="Y565" s="2">
        <v>16.5</v>
      </c>
      <c r="Z565" s="2">
        <v>143</v>
      </c>
      <c r="AA565" s="5">
        <v>14</v>
      </c>
      <c r="AB565" s="5" t="s">
        <v>43</v>
      </c>
      <c r="AC565" s="5" t="s">
        <v>735</v>
      </c>
      <c r="AD565" s="2" t="s">
        <v>80400</v>
      </c>
      <c r="AE565" s="1"/>
    </row>
    <row r="566" spans="1:31">
      <c r="A566" s="5" t="s">
        <v>116</v>
      </c>
      <c r="B566" s="21">
        <v>46143</v>
      </c>
      <c r="C566" s="2" t="s">
        <v>80746</v>
      </c>
      <c r="D566" s="14" t="s">
        <v>80747</v>
      </c>
      <c r="E566" s="2" t="s">
        <v>80748</v>
      </c>
      <c r="F566" s="2" t="s">
        <v>130</v>
      </c>
      <c r="G566" s="8">
        <v>679</v>
      </c>
      <c r="H566" s="5">
        <v>5</v>
      </c>
      <c r="I566" s="5" t="s">
        <v>79637</v>
      </c>
      <c r="J566" s="5" t="s">
        <v>79638</v>
      </c>
      <c r="K566" s="2" t="s">
        <v>79639</v>
      </c>
      <c r="L566" s="5" t="s">
        <v>79638</v>
      </c>
      <c r="M566" s="2" t="s">
        <v>79639</v>
      </c>
      <c r="N566" s="5" t="s">
        <v>79640</v>
      </c>
      <c r="O566" s="5" t="s">
        <v>38</v>
      </c>
      <c r="P566" s="5" t="s">
        <v>39</v>
      </c>
      <c r="Q566" s="5" t="s">
        <v>40</v>
      </c>
      <c r="R566" s="5" t="s">
        <v>24335</v>
      </c>
      <c r="S566" s="5" t="s">
        <v>40</v>
      </c>
      <c r="T566" s="5" t="s">
        <v>42</v>
      </c>
      <c r="U566" s="2">
        <v>10.138999999999999</v>
      </c>
      <c r="V566" s="2">
        <v>7.7690000000000001</v>
      </c>
      <c r="W566" s="2">
        <v>0.09</v>
      </c>
      <c r="X566" s="2">
        <v>43</v>
      </c>
      <c r="Y566" s="2">
        <v>16.5</v>
      </c>
      <c r="Z566" s="2">
        <v>126.8</v>
      </c>
      <c r="AA566" s="5">
        <v>14</v>
      </c>
      <c r="AB566" s="5" t="s">
        <v>43</v>
      </c>
      <c r="AC566" s="5" t="s">
        <v>735</v>
      </c>
      <c r="AD566" s="2" t="s">
        <v>80400</v>
      </c>
      <c r="AE566" s="1"/>
    </row>
    <row r="567" spans="1:31">
      <c r="A567" s="5" t="s">
        <v>116</v>
      </c>
      <c r="B567" s="21">
        <v>46143</v>
      </c>
      <c r="C567" s="2" t="s">
        <v>80755</v>
      </c>
      <c r="D567" s="14" t="s">
        <v>80756</v>
      </c>
      <c r="E567" s="2" t="s">
        <v>80757</v>
      </c>
      <c r="F567" s="2" t="s">
        <v>130</v>
      </c>
      <c r="G567" s="8">
        <v>705</v>
      </c>
      <c r="H567" s="5">
        <v>5</v>
      </c>
      <c r="I567" s="5" t="s">
        <v>79637</v>
      </c>
      <c r="J567" s="5" t="s">
        <v>79638</v>
      </c>
      <c r="K567" s="2" t="s">
        <v>79639</v>
      </c>
      <c r="L567" s="5" t="s">
        <v>79638</v>
      </c>
      <c r="M567" s="2" t="s">
        <v>79639</v>
      </c>
      <c r="N567" s="5" t="s">
        <v>79640</v>
      </c>
      <c r="O567" s="5" t="s">
        <v>38</v>
      </c>
      <c r="P567" s="5" t="s">
        <v>39</v>
      </c>
      <c r="Q567" s="5" t="s">
        <v>40</v>
      </c>
      <c r="R567" s="5" t="s">
        <v>24335</v>
      </c>
      <c r="S567" s="5" t="s">
        <v>40</v>
      </c>
      <c r="T567" s="5" t="s">
        <v>42</v>
      </c>
      <c r="U567" s="2">
        <v>11.068</v>
      </c>
      <c r="V567" s="2">
        <v>8.5440000000000005</v>
      </c>
      <c r="W567" s="2">
        <v>0.10100000000000001</v>
      </c>
      <c r="X567" s="2">
        <v>43</v>
      </c>
      <c r="Y567" s="2">
        <v>16.5</v>
      </c>
      <c r="Z567" s="2">
        <v>143</v>
      </c>
      <c r="AA567" s="5">
        <v>14</v>
      </c>
      <c r="AB567" s="5" t="s">
        <v>43</v>
      </c>
      <c r="AC567" s="5" t="s">
        <v>735</v>
      </c>
      <c r="AD567" s="2" t="s">
        <v>80400</v>
      </c>
      <c r="AE567" s="1"/>
    </row>
    <row r="568" spans="1:31">
      <c r="A568" s="5" t="s">
        <v>116</v>
      </c>
      <c r="B568" s="21">
        <v>46143</v>
      </c>
      <c r="C568" s="2" t="s">
        <v>80764</v>
      </c>
      <c r="D568" s="14" t="s">
        <v>80765</v>
      </c>
      <c r="E568" s="2" t="s">
        <v>80766</v>
      </c>
      <c r="F568" s="2" t="s">
        <v>130</v>
      </c>
      <c r="G568" s="8">
        <v>731</v>
      </c>
      <c r="H568" s="5">
        <v>5</v>
      </c>
      <c r="I568" s="5" t="s">
        <v>79637</v>
      </c>
      <c r="J568" s="5" t="s">
        <v>79638</v>
      </c>
      <c r="K568" s="2" t="s">
        <v>79639</v>
      </c>
      <c r="L568" s="5" t="s">
        <v>79638</v>
      </c>
      <c r="M568" s="2" t="s">
        <v>79639</v>
      </c>
      <c r="N568" s="5" t="s">
        <v>79640</v>
      </c>
      <c r="O568" s="5" t="s">
        <v>38</v>
      </c>
      <c r="P568" s="5" t="s">
        <v>39</v>
      </c>
      <c r="Q568" s="5" t="s">
        <v>40</v>
      </c>
      <c r="R568" s="5" t="s">
        <v>24335</v>
      </c>
      <c r="S568" s="5" t="s">
        <v>40</v>
      </c>
      <c r="T568" s="5" t="s">
        <v>42</v>
      </c>
      <c r="U568" s="2">
        <v>12.089</v>
      </c>
      <c r="V568" s="2">
        <v>9.3780000000000001</v>
      </c>
      <c r="W568" s="2">
        <v>0.11600000000000001</v>
      </c>
      <c r="X568" s="2">
        <v>43</v>
      </c>
      <c r="Y568" s="2">
        <v>16.5</v>
      </c>
      <c r="Z568" s="2">
        <v>162.80000000000001</v>
      </c>
      <c r="AA568" s="5">
        <v>14</v>
      </c>
      <c r="AB568" s="5" t="s">
        <v>43</v>
      </c>
      <c r="AC568" s="5" t="s">
        <v>735</v>
      </c>
      <c r="AD568" s="2" t="s">
        <v>80400</v>
      </c>
      <c r="AE568" s="1"/>
    </row>
    <row r="569" spans="1:31">
      <c r="A569" s="5" t="s">
        <v>116</v>
      </c>
      <c r="B569" s="21">
        <v>46143</v>
      </c>
      <c r="C569" s="2" t="s">
        <v>80773</v>
      </c>
      <c r="D569" s="14" t="s">
        <v>80774</v>
      </c>
      <c r="E569" s="2" t="s">
        <v>80775</v>
      </c>
      <c r="F569" s="2" t="s">
        <v>130</v>
      </c>
      <c r="G569" s="8">
        <v>752</v>
      </c>
      <c r="H569" s="5">
        <v>5</v>
      </c>
      <c r="I569" s="5" t="s">
        <v>79637</v>
      </c>
      <c r="J569" s="5" t="s">
        <v>79638</v>
      </c>
      <c r="K569" s="2" t="s">
        <v>79639</v>
      </c>
      <c r="L569" s="5" t="s">
        <v>79638</v>
      </c>
      <c r="M569" s="2" t="s">
        <v>79639</v>
      </c>
      <c r="N569" s="5" t="s">
        <v>79640</v>
      </c>
      <c r="O569" s="5" t="s">
        <v>38</v>
      </c>
      <c r="P569" s="5" t="s">
        <v>39</v>
      </c>
      <c r="Q569" s="5" t="s">
        <v>40</v>
      </c>
      <c r="R569" s="5" t="s">
        <v>24335</v>
      </c>
      <c r="S569" s="5" t="s">
        <v>40</v>
      </c>
      <c r="T569" s="5" t="s">
        <v>42</v>
      </c>
      <c r="U569" s="2">
        <v>12.051</v>
      </c>
      <c r="V569" s="2">
        <v>9.5269999999999992</v>
      </c>
      <c r="W569" s="2">
        <v>0.10100000000000001</v>
      </c>
      <c r="X569" s="2">
        <v>43</v>
      </c>
      <c r="Y569" s="2">
        <v>16.5</v>
      </c>
      <c r="Z569" s="2">
        <v>143</v>
      </c>
      <c r="AA569" s="5">
        <v>14</v>
      </c>
      <c r="AB569" s="5" t="s">
        <v>43</v>
      </c>
      <c r="AC569" s="5" t="s">
        <v>735</v>
      </c>
      <c r="AD569" s="2" t="s">
        <v>80400</v>
      </c>
      <c r="AE569" s="1"/>
    </row>
    <row r="570" spans="1:31">
      <c r="A570" s="5" t="s">
        <v>116</v>
      </c>
      <c r="B570" s="21">
        <v>46143</v>
      </c>
      <c r="C570" s="2" t="s">
        <v>80782</v>
      </c>
      <c r="D570" s="14" t="s">
        <v>80783</v>
      </c>
      <c r="E570" s="2" t="s">
        <v>80784</v>
      </c>
      <c r="F570" s="2" t="s">
        <v>130</v>
      </c>
      <c r="G570" s="8">
        <v>783</v>
      </c>
      <c r="H570" s="5">
        <v>5</v>
      </c>
      <c r="I570" s="5" t="s">
        <v>79637</v>
      </c>
      <c r="J570" s="5" t="s">
        <v>79638</v>
      </c>
      <c r="K570" s="2" t="s">
        <v>79639</v>
      </c>
      <c r="L570" s="5" t="s">
        <v>79638</v>
      </c>
      <c r="M570" s="2" t="s">
        <v>79639</v>
      </c>
      <c r="N570" s="5" t="s">
        <v>79640</v>
      </c>
      <c r="O570" s="5" t="s">
        <v>38</v>
      </c>
      <c r="P570" s="5" t="s">
        <v>39</v>
      </c>
      <c r="Q570" s="5" t="s">
        <v>40</v>
      </c>
      <c r="R570" s="5" t="s">
        <v>24335</v>
      </c>
      <c r="S570" s="5" t="s">
        <v>40</v>
      </c>
      <c r="T570" s="5" t="s">
        <v>42</v>
      </c>
      <c r="U570" s="2">
        <v>13.170999999999999</v>
      </c>
      <c r="V570" s="2">
        <v>10.46</v>
      </c>
      <c r="W570" s="2">
        <v>0.11600000000000001</v>
      </c>
      <c r="X570" s="2">
        <v>43</v>
      </c>
      <c r="Y570" s="2">
        <v>16.5</v>
      </c>
      <c r="Z570" s="2">
        <v>162.80000000000001</v>
      </c>
      <c r="AA570" s="5">
        <v>14</v>
      </c>
      <c r="AB570" s="5" t="s">
        <v>43</v>
      </c>
      <c r="AC570" s="5" t="s">
        <v>735</v>
      </c>
      <c r="AD570" s="2" t="s">
        <v>80400</v>
      </c>
      <c r="AE570" s="1"/>
    </row>
    <row r="571" spans="1:31">
      <c r="A571" s="5" t="s">
        <v>116</v>
      </c>
      <c r="B571" s="21">
        <v>46143</v>
      </c>
      <c r="C571" s="2" t="s">
        <v>80791</v>
      </c>
      <c r="D571" s="14" t="s">
        <v>80792</v>
      </c>
      <c r="E571" s="2" t="s">
        <v>80793</v>
      </c>
      <c r="F571" s="2" t="s">
        <v>130</v>
      </c>
      <c r="G571" s="8">
        <v>804</v>
      </c>
      <c r="H571" s="5">
        <v>5</v>
      </c>
      <c r="I571" s="5" t="s">
        <v>79637</v>
      </c>
      <c r="J571" s="5" t="s">
        <v>79638</v>
      </c>
      <c r="K571" s="2" t="s">
        <v>79639</v>
      </c>
      <c r="L571" s="5" t="s">
        <v>79638</v>
      </c>
      <c r="M571" s="2" t="s">
        <v>79639</v>
      </c>
      <c r="N571" s="5" t="s">
        <v>79640</v>
      </c>
      <c r="O571" s="5" t="s">
        <v>38</v>
      </c>
      <c r="P571" s="5" t="s">
        <v>39</v>
      </c>
      <c r="Q571" s="5" t="s">
        <v>40</v>
      </c>
      <c r="R571" s="5" t="s">
        <v>24335</v>
      </c>
      <c r="S571" s="5" t="s">
        <v>40</v>
      </c>
      <c r="T571" s="5" t="s">
        <v>42</v>
      </c>
      <c r="U571" s="2">
        <v>13.326000000000001</v>
      </c>
      <c r="V571" s="2">
        <v>10.615</v>
      </c>
      <c r="W571" s="2">
        <v>0.11600000000000001</v>
      </c>
      <c r="X571" s="2">
        <v>43</v>
      </c>
      <c r="Y571" s="2">
        <v>16.5</v>
      </c>
      <c r="Z571" s="2">
        <v>162.80000000000001</v>
      </c>
      <c r="AA571" s="5">
        <v>14</v>
      </c>
      <c r="AB571" s="5" t="s">
        <v>43</v>
      </c>
      <c r="AC571" s="5" t="s">
        <v>735</v>
      </c>
      <c r="AD571" s="2" t="s">
        <v>80400</v>
      </c>
      <c r="AE571" s="1"/>
    </row>
    <row r="572" spans="1:31">
      <c r="A572" s="5" t="s">
        <v>116</v>
      </c>
      <c r="B572" s="21">
        <v>46143</v>
      </c>
      <c r="C572" s="2" t="s">
        <v>80800</v>
      </c>
      <c r="D572" s="14" t="s">
        <v>80801</v>
      </c>
      <c r="E572" s="2" t="s">
        <v>80802</v>
      </c>
      <c r="F572" s="2" t="s">
        <v>130</v>
      </c>
      <c r="G572" s="8">
        <v>841</v>
      </c>
      <c r="H572" s="5">
        <v>5</v>
      </c>
      <c r="I572" s="5" t="s">
        <v>79637</v>
      </c>
      <c r="J572" s="5" t="s">
        <v>79638</v>
      </c>
      <c r="K572" s="2" t="s">
        <v>79639</v>
      </c>
      <c r="L572" s="5" t="s">
        <v>79638</v>
      </c>
      <c r="M572" s="2" t="s">
        <v>79639</v>
      </c>
      <c r="N572" s="5" t="s">
        <v>79640</v>
      </c>
      <c r="O572" s="5" t="s">
        <v>38</v>
      </c>
      <c r="P572" s="5" t="s">
        <v>39</v>
      </c>
      <c r="Q572" s="5" t="s">
        <v>40</v>
      </c>
      <c r="R572" s="5" t="s">
        <v>24335</v>
      </c>
      <c r="S572" s="5" t="s">
        <v>40</v>
      </c>
      <c r="T572" s="5" t="s">
        <v>42</v>
      </c>
      <c r="U572" s="2">
        <v>14.366</v>
      </c>
      <c r="V572" s="2">
        <v>11.654999999999999</v>
      </c>
      <c r="W572" s="2">
        <v>0.11600000000000001</v>
      </c>
      <c r="X572" s="2">
        <v>43</v>
      </c>
      <c r="Y572" s="2">
        <v>16.5</v>
      </c>
      <c r="Z572" s="2">
        <v>162.80000000000001</v>
      </c>
      <c r="AA572" s="5">
        <v>14</v>
      </c>
      <c r="AB572" s="5" t="s">
        <v>43</v>
      </c>
      <c r="AC572" s="5" t="s">
        <v>735</v>
      </c>
      <c r="AD572" s="2" t="s">
        <v>80400</v>
      </c>
      <c r="AE572" s="1"/>
    </row>
    <row r="573" spans="1:31">
      <c r="A573" s="5" t="s">
        <v>116</v>
      </c>
      <c r="B573" s="21">
        <v>46143</v>
      </c>
      <c r="C573" s="2" t="s">
        <v>80809</v>
      </c>
      <c r="D573" s="14" t="s">
        <v>80810</v>
      </c>
      <c r="E573" s="2" t="s">
        <v>80811</v>
      </c>
      <c r="F573" s="2" t="s">
        <v>130</v>
      </c>
      <c r="G573" s="8">
        <v>878</v>
      </c>
      <c r="H573" s="5">
        <v>5</v>
      </c>
      <c r="I573" s="5" t="s">
        <v>79637</v>
      </c>
      <c r="J573" s="5" t="s">
        <v>79638</v>
      </c>
      <c r="K573" s="2" t="s">
        <v>79639</v>
      </c>
      <c r="L573" s="5" t="s">
        <v>79638</v>
      </c>
      <c r="M573" s="2" t="s">
        <v>79639</v>
      </c>
      <c r="N573" s="5" t="s">
        <v>79640</v>
      </c>
      <c r="O573" s="5" t="s">
        <v>38</v>
      </c>
      <c r="P573" s="5" t="s">
        <v>39</v>
      </c>
      <c r="Q573" s="5" t="s">
        <v>40</v>
      </c>
      <c r="R573" s="5" t="s">
        <v>24335</v>
      </c>
      <c r="S573" s="5" t="s">
        <v>40</v>
      </c>
      <c r="T573" s="5" t="s">
        <v>42</v>
      </c>
      <c r="U573" s="2">
        <v>15.728</v>
      </c>
      <c r="V573" s="2">
        <v>12.672000000000001</v>
      </c>
      <c r="W573" s="2">
        <v>0.14099999999999999</v>
      </c>
      <c r="X573" s="2">
        <v>43</v>
      </c>
      <c r="Y573" s="2">
        <v>16.5</v>
      </c>
      <c r="Z573" s="2">
        <v>199.2</v>
      </c>
      <c r="AA573" s="5">
        <v>14</v>
      </c>
      <c r="AB573" s="5" t="s">
        <v>43</v>
      </c>
      <c r="AC573" s="5" t="s">
        <v>735</v>
      </c>
      <c r="AD573" s="2" t="s">
        <v>80400</v>
      </c>
      <c r="AE573" s="1"/>
    </row>
    <row r="574" spans="1:31">
      <c r="A574" s="5" t="s">
        <v>116</v>
      </c>
      <c r="B574" s="21">
        <v>46143</v>
      </c>
      <c r="C574" s="2" t="s">
        <v>80818</v>
      </c>
      <c r="D574" s="14" t="s">
        <v>80819</v>
      </c>
      <c r="E574" s="2" t="s">
        <v>80820</v>
      </c>
      <c r="F574" s="2" t="s">
        <v>130</v>
      </c>
      <c r="G574" s="8">
        <v>904</v>
      </c>
      <c r="H574" s="5">
        <v>5</v>
      </c>
      <c r="I574" s="5" t="s">
        <v>79637</v>
      </c>
      <c r="J574" s="5" t="s">
        <v>79638</v>
      </c>
      <c r="K574" s="2" t="s">
        <v>79639</v>
      </c>
      <c r="L574" s="5" t="s">
        <v>79638</v>
      </c>
      <c r="M574" s="2" t="s">
        <v>79639</v>
      </c>
      <c r="N574" s="5" t="s">
        <v>79640</v>
      </c>
      <c r="O574" s="5" t="s">
        <v>38</v>
      </c>
      <c r="P574" s="5" t="s">
        <v>39</v>
      </c>
      <c r="Q574" s="5" t="s">
        <v>40</v>
      </c>
      <c r="R574" s="5" t="s">
        <v>24335</v>
      </c>
      <c r="S574" s="5" t="s">
        <v>40</v>
      </c>
      <c r="T574" s="5" t="s">
        <v>42</v>
      </c>
      <c r="U574" s="2">
        <v>15.712999999999999</v>
      </c>
      <c r="V574" s="2">
        <v>12.851000000000001</v>
      </c>
      <c r="W574" s="2">
        <v>0.126</v>
      </c>
      <c r="X574" s="2">
        <v>43</v>
      </c>
      <c r="Y574" s="2">
        <v>16.5</v>
      </c>
      <c r="Z574" s="2">
        <v>177.8</v>
      </c>
      <c r="AA574" s="5">
        <v>14</v>
      </c>
      <c r="AB574" s="5" t="s">
        <v>43</v>
      </c>
      <c r="AC574" s="5" t="s">
        <v>735</v>
      </c>
      <c r="AD574" s="2" t="s">
        <v>80400</v>
      </c>
      <c r="AE574" s="1"/>
    </row>
    <row r="575" spans="1:31">
      <c r="A575" s="5" t="s">
        <v>116</v>
      </c>
      <c r="B575" s="21">
        <v>46143</v>
      </c>
      <c r="C575" s="2" t="s">
        <v>80827</v>
      </c>
      <c r="D575" s="14" t="s">
        <v>80828</v>
      </c>
      <c r="E575" s="2" t="s">
        <v>80829</v>
      </c>
      <c r="F575" s="2" t="s">
        <v>130</v>
      </c>
      <c r="G575" s="8">
        <v>946</v>
      </c>
      <c r="H575" s="5">
        <v>5</v>
      </c>
      <c r="I575" s="5" t="s">
        <v>79637</v>
      </c>
      <c r="J575" s="5" t="s">
        <v>79638</v>
      </c>
      <c r="K575" s="2" t="s">
        <v>79639</v>
      </c>
      <c r="L575" s="5" t="s">
        <v>79638</v>
      </c>
      <c r="M575" s="2" t="s">
        <v>79639</v>
      </c>
      <c r="N575" s="5" t="s">
        <v>79640</v>
      </c>
      <c r="O575" s="5" t="s">
        <v>38</v>
      </c>
      <c r="P575" s="5" t="s">
        <v>39</v>
      </c>
      <c r="Q575" s="5" t="s">
        <v>40</v>
      </c>
      <c r="R575" s="5" t="s">
        <v>24335</v>
      </c>
      <c r="S575" s="5" t="s">
        <v>40</v>
      </c>
      <c r="T575" s="5" t="s">
        <v>42</v>
      </c>
      <c r="U575" s="2">
        <v>17.026</v>
      </c>
      <c r="V575" s="2">
        <v>13.97</v>
      </c>
      <c r="W575" s="2">
        <v>0.14099999999999999</v>
      </c>
      <c r="X575" s="2">
        <v>43</v>
      </c>
      <c r="Y575" s="2">
        <v>16.5</v>
      </c>
      <c r="Z575" s="2">
        <v>199.2</v>
      </c>
      <c r="AA575" s="5">
        <v>14</v>
      </c>
      <c r="AB575" s="5" t="s">
        <v>43</v>
      </c>
      <c r="AC575" s="5" t="s">
        <v>735</v>
      </c>
      <c r="AD575" s="2" t="s">
        <v>80400</v>
      </c>
      <c r="AE575" s="1"/>
    </row>
    <row r="576" spans="1:31">
      <c r="A576" s="5" t="s">
        <v>116</v>
      </c>
      <c r="B576" s="21">
        <v>46054</v>
      </c>
      <c r="C576" s="2" t="s">
        <v>82607</v>
      </c>
      <c r="D576" s="14" t="s">
        <v>82608</v>
      </c>
      <c r="E576" s="2" t="s">
        <v>82609</v>
      </c>
      <c r="F576" s="2" t="s">
        <v>130</v>
      </c>
      <c r="G576" s="8">
        <v>64</v>
      </c>
      <c r="H576" s="5">
        <v>5</v>
      </c>
      <c r="I576" s="5" t="s">
        <v>82559</v>
      </c>
      <c r="J576" s="5" t="s">
        <v>35</v>
      </c>
      <c r="K576" s="2" t="s">
        <v>36</v>
      </c>
      <c r="L576" s="5" t="s">
        <v>35</v>
      </c>
      <c r="M576" s="2" t="s">
        <v>36</v>
      </c>
      <c r="N576" s="5" t="s">
        <v>72</v>
      </c>
      <c r="O576" s="5" t="s">
        <v>38</v>
      </c>
      <c r="P576" s="5" t="s">
        <v>39</v>
      </c>
      <c r="Q576" s="5" t="s">
        <v>40</v>
      </c>
      <c r="R576" s="5" t="s">
        <v>67209</v>
      </c>
      <c r="S576" s="5" t="s">
        <v>40</v>
      </c>
      <c r="T576" s="5" t="s">
        <v>42</v>
      </c>
      <c r="U576" s="2">
        <v>0.34499999999999997</v>
      </c>
      <c r="V576" s="2">
        <v>0.21099999999999999</v>
      </c>
      <c r="W576" s="2">
        <v>2E-3</v>
      </c>
      <c r="X576" s="2">
        <v>23.5</v>
      </c>
      <c r="Y576" s="2">
        <v>15.3</v>
      </c>
      <c r="Z576" s="2">
        <v>4.8</v>
      </c>
      <c r="AA576" s="5">
        <v>282</v>
      </c>
      <c r="AB576" s="5" t="s">
        <v>43</v>
      </c>
      <c r="AC576" s="5" t="s">
        <v>44</v>
      </c>
      <c r="AD576" s="2"/>
      <c r="AE576" s="1"/>
    </row>
    <row r="577" spans="1:31">
      <c r="A577" s="5" t="s">
        <v>116</v>
      </c>
      <c r="B577" s="21">
        <v>46054</v>
      </c>
      <c r="C577" s="2" t="s">
        <v>82732</v>
      </c>
      <c r="D577" s="14" t="s">
        <v>82733</v>
      </c>
      <c r="E577" s="2" t="s">
        <v>82734</v>
      </c>
      <c r="F577" s="2" t="s">
        <v>130</v>
      </c>
      <c r="G577" s="8">
        <v>27</v>
      </c>
      <c r="H577" s="5">
        <v>5</v>
      </c>
      <c r="I577" s="5" t="s">
        <v>69</v>
      </c>
      <c r="J577" s="5" t="s">
        <v>28207</v>
      </c>
      <c r="K577" s="2" t="s">
        <v>28208</v>
      </c>
      <c r="L577" s="5" t="s">
        <v>28207</v>
      </c>
      <c r="M577" s="2" t="s">
        <v>28208</v>
      </c>
      <c r="N577" s="5" t="s">
        <v>733</v>
      </c>
      <c r="O577" s="5" t="s">
        <v>38</v>
      </c>
      <c r="P577" s="5" t="s">
        <v>39</v>
      </c>
      <c r="Q577" s="5" t="s">
        <v>40</v>
      </c>
      <c r="R577" s="5" t="s">
        <v>24335</v>
      </c>
      <c r="S577" s="5" t="s">
        <v>40</v>
      </c>
      <c r="T577" s="5" t="s">
        <v>42</v>
      </c>
      <c r="U577" s="2">
        <v>0.83</v>
      </c>
      <c r="V577" s="2">
        <v>0.58099999999999996</v>
      </c>
      <c r="W577" s="2">
        <v>0.01</v>
      </c>
      <c r="X577" s="2">
        <v>6.2</v>
      </c>
      <c r="Y577" s="2">
        <v>18.3</v>
      </c>
      <c r="Z577" s="2">
        <v>92.4</v>
      </c>
      <c r="AA577" s="5">
        <v>36</v>
      </c>
      <c r="AB577" s="5" t="s">
        <v>43</v>
      </c>
      <c r="AC577" s="5" t="s">
        <v>44</v>
      </c>
      <c r="AD577" s="2" t="s">
        <v>82735</v>
      </c>
      <c r="AE577" s="1"/>
    </row>
    <row r="578" spans="1:31">
      <c r="A578" s="5" t="s">
        <v>116</v>
      </c>
      <c r="B578" s="21">
        <v>46054</v>
      </c>
      <c r="C578" s="2" t="s">
        <v>82740</v>
      </c>
      <c r="D578" s="14" t="s">
        <v>82741</v>
      </c>
      <c r="E578" s="2" t="s">
        <v>82742</v>
      </c>
      <c r="F578" s="2" t="s">
        <v>130</v>
      </c>
      <c r="G578" s="8">
        <v>58</v>
      </c>
      <c r="H578" s="5">
        <v>5</v>
      </c>
      <c r="I578" s="5" t="s">
        <v>69</v>
      </c>
      <c r="J578" s="5" t="s">
        <v>28207</v>
      </c>
      <c r="K578" s="2" t="s">
        <v>28208</v>
      </c>
      <c r="L578" s="5" t="s">
        <v>28207</v>
      </c>
      <c r="M578" s="2" t="s">
        <v>28208</v>
      </c>
      <c r="N578" s="5" t="s">
        <v>733</v>
      </c>
      <c r="O578" s="5" t="s">
        <v>38</v>
      </c>
      <c r="P578" s="5" t="s">
        <v>39</v>
      </c>
      <c r="Q578" s="5" t="s">
        <v>40</v>
      </c>
      <c r="R578" s="5" t="s">
        <v>24340</v>
      </c>
      <c r="S578" s="5" t="s">
        <v>40</v>
      </c>
      <c r="T578" s="5" t="s">
        <v>42</v>
      </c>
      <c r="U578" s="2">
        <v>1.677</v>
      </c>
      <c r="V578" s="2">
        <v>1.4279999999999999</v>
      </c>
      <c r="W578" s="2">
        <v>0.01</v>
      </c>
      <c r="X578" s="2">
        <v>6.2</v>
      </c>
      <c r="Y578" s="2">
        <v>18.3</v>
      </c>
      <c r="Z578" s="2">
        <v>92.4</v>
      </c>
      <c r="AA578" s="5">
        <v>36</v>
      </c>
      <c r="AB578" s="5" t="s">
        <v>43</v>
      </c>
      <c r="AC578" s="5" t="s">
        <v>44</v>
      </c>
      <c r="AD578" s="2" t="s">
        <v>82735</v>
      </c>
      <c r="AE578" s="1"/>
    </row>
    <row r="579" spans="1:31">
      <c r="A579" s="5" t="s">
        <v>116</v>
      </c>
      <c r="B579" s="21">
        <v>46054</v>
      </c>
      <c r="C579" s="2" t="s">
        <v>82743</v>
      </c>
      <c r="D579" s="14" t="s">
        <v>82744</v>
      </c>
      <c r="E579" s="2" t="s">
        <v>82745</v>
      </c>
      <c r="F579" s="2" t="s">
        <v>130</v>
      </c>
      <c r="G579" s="8">
        <v>58</v>
      </c>
      <c r="H579" s="5">
        <v>15</v>
      </c>
      <c r="I579" s="5" t="s">
        <v>69</v>
      </c>
      <c r="J579" s="5" t="s">
        <v>28207</v>
      </c>
      <c r="K579" s="2" t="s">
        <v>28208</v>
      </c>
      <c r="L579" s="5" t="s">
        <v>28207</v>
      </c>
      <c r="M579" s="2" t="s">
        <v>28208</v>
      </c>
      <c r="N579" s="5" t="s">
        <v>733</v>
      </c>
      <c r="O579" s="5" t="s">
        <v>38</v>
      </c>
      <c r="P579" s="5" t="s">
        <v>39</v>
      </c>
      <c r="Q579" s="5" t="s">
        <v>40</v>
      </c>
      <c r="R579" s="5" t="s">
        <v>25301</v>
      </c>
      <c r="S579" s="5" t="s">
        <v>40</v>
      </c>
      <c r="T579" s="5" t="s">
        <v>42</v>
      </c>
      <c r="U579" s="2">
        <v>1.532</v>
      </c>
      <c r="V579" s="2">
        <v>1.2829999999999999</v>
      </c>
      <c r="W579" s="2">
        <v>0.01</v>
      </c>
      <c r="X579" s="2">
        <v>6.2</v>
      </c>
      <c r="Y579" s="2">
        <v>18.3</v>
      </c>
      <c r="Z579" s="2">
        <v>92.4</v>
      </c>
      <c r="AA579" s="5">
        <v>36</v>
      </c>
      <c r="AB579" s="5" t="s">
        <v>43</v>
      </c>
      <c r="AC579" s="5" t="s">
        <v>44</v>
      </c>
      <c r="AD579" s="2" t="s">
        <v>82735</v>
      </c>
      <c r="AE579" s="1"/>
    </row>
    <row r="580" spans="1:31">
      <c r="A580" s="5" t="s">
        <v>116</v>
      </c>
      <c r="B580" s="21">
        <v>46082</v>
      </c>
      <c r="C580" s="2" t="s">
        <v>82746</v>
      </c>
      <c r="D580" s="14" t="s">
        <v>82747</v>
      </c>
      <c r="E580" s="2" t="s">
        <v>82748</v>
      </c>
      <c r="F580" s="2" t="s">
        <v>130</v>
      </c>
      <c r="G580" s="8">
        <v>61</v>
      </c>
      <c r="H580" s="5">
        <v>5</v>
      </c>
      <c r="I580" s="5" t="s">
        <v>69</v>
      </c>
      <c r="J580" s="5" t="s">
        <v>28207</v>
      </c>
      <c r="K580" s="2" t="s">
        <v>28208</v>
      </c>
      <c r="L580" s="5" t="s">
        <v>28207</v>
      </c>
      <c r="M580" s="2" t="s">
        <v>28208</v>
      </c>
      <c r="N580" s="5" t="s">
        <v>733</v>
      </c>
      <c r="O580" s="5" t="s">
        <v>38</v>
      </c>
      <c r="P580" s="5" t="s">
        <v>39</v>
      </c>
      <c r="Q580" s="5" t="s">
        <v>40</v>
      </c>
      <c r="R580" s="5" t="s">
        <v>24335</v>
      </c>
      <c r="S580" s="5" t="s">
        <v>40</v>
      </c>
      <c r="T580" s="5" t="s">
        <v>42</v>
      </c>
      <c r="U580" s="2">
        <v>2.5920000000000001</v>
      </c>
      <c r="V580" s="2">
        <v>2.5489999999999999</v>
      </c>
      <c r="W580" s="2">
        <v>3.3000000000000002E-2</v>
      </c>
      <c r="X580" s="2">
        <v>12</v>
      </c>
      <c r="Y580" s="2">
        <v>29</v>
      </c>
      <c r="Z580" s="2">
        <v>95.4</v>
      </c>
      <c r="AA580" s="5">
        <v>36</v>
      </c>
      <c r="AB580" s="5" t="s">
        <v>43</v>
      </c>
      <c r="AC580" s="5" t="s">
        <v>44</v>
      </c>
      <c r="AD580" s="2" t="s">
        <v>82749</v>
      </c>
      <c r="AE580" s="1"/>
    </row>
    <row r="581" spans="1:31">
      <c r="A581" s="5" t="s">
        <v>116</v>
      </c>
      <c r="B581" s="21">
        <v>46082</v>
      </c>
      <c r="C581" s="2" t="s">
        <v>82750</v>
      </c>
      <c r="D581" s="14" t="s">
        <v>82751</v>
      </c>
      <c r="E581" s="2" t="s">
        <v>82752</v>
      </c>
      <c r="F581" s="2" t="s">
        <v>130</v>
      </c>
      <c r="G581" s="8">
        <v>92</v>
      </c>
      <c r="H581" s="5">
        <v>5</v>
      </c>
      <c r="I581" s="5" t="s">
        <v>69</v>
      </c>
      <c r="J581" s="5" t="s">
        <v>28207</v>
      </c>
      <c r="K581" s="2" t="s">
        <v>28208</v>
      </c>
      <c r="L581" s="5" t="s">
        <v>28207</v>
      </c>
      <c r="M581" s="2" t="s">
        <v>28208</v>
      </c>
      <c r="N581" s="5" t="s">
        <v>733</v>
      </c>
      <c r="O581" s="5" t="s">
        <v>38</v>
      </c>
      <c r="P581" s="5" t="s">
        <v>39</v>
      </c>
      <c r="Q581" s="5" t="s">
        <v>40</v>
      </c>
      <c r="R581" s="5" t="s">
        <v>24340</v>
      </c>
      <c r="S581" s="5" t="s">
        <v>40</v>
      </c>
      <c r="T581" s="5" t="s">
        <v>42</v>
      </c>
      <c r="U581" s="2">
        <v>3.4390000000000001</v>
      </c>
      <c r="V581" s="2">
        <v>3.3959999999999999</v>
      </c>
      <c r="W581" s="2">
        <v>3.3000000000000002E-2</v>
      </c>
      <c r="X581" s="2">
        <v>12</v>
      </c>
      <c r="Y581" s="2">
        <v>29</v>
      </c>
      <c r="Z581" s="2">
        <v>95.4</v>
      </c>
      <c r="AA581" s="5">
        <v>36</v>
      </c>
      <c r="AB581" s="5" t="s">
        <v>43</v>
      </c>
      <c r="AC581" s="5" t="s">
        <v>44</v>
      </c>
      <c r="AD581" s="2" t="s">
        <v>82749</v>
      </c>
      <c r="AE581" s="1"/>
    </row>
    <row r="582" spans="1:31">
      <c r="A582" s="5" t="s">
        <v>116</v>
      </c>
      <c r="B582" s="21">
        <v>46082</v>
      </c>
      <c r="C582" s="2" t="s">
        <v>82753</v>
      </c>
      <c r="D582" s="14" t="s">
        <v>82754</v>
      </c>
      <c r="E582" s="2" t="s">
        <v>82755</v>
      </c>
      <c r="F582" s="2" t="s">
        <v>130</v>
      </c>
      <c r="G582" s="8">
        <v>92</v>
      </c>
      <c r="H582" s="5">
        <v>15</v>
      </c>
      <c r="I582" s="5" t="s">
        <v>69</v>
      </c>
      <c r="J582" s="5" t="s">
        <v>28207</v>
      </c>
      <c r="K582" s="2" t="s">
        <v>28208</v>
      </c>
      <c r="L582" s="5" t="s">
        <v>28207</v>
      </c>
      <c r="M582" s="2" t="s">
        <v>28208</v>
      </c>
      <c r="N582" s="5" t="s">
        <v>733</v>
      </c>
      <c r="O582" s="5" t="s">
        <v>38</v>
      </c>
      <c r="P582" s="5" t="s">
        <v>39</v>
      </c>
      <c r="Q582" s="5" t="s">
        <v>40</v>
      </c>
      <c r="R582" s="5" t="s">
        <v>25301</v>
      </c>
      <c r="S582" s="5" t="s">
        <v>40</v>
      </c>
      <c r="T582" s="5" t="s">
        <v>42</v>
      </c>
      <c r="U582" s="2">
        <v>3.2829999999999999</v>
      </c>
      <c r="V582" s="2">
        <v>3.24</v>
      </c>
      <c r="W582" s="2">
        <v>3.3000000000000002E-2</v>
      </c>
      <c r="X582" s="2">
        <v>12</v>
      </c>
      <c r="Y582" s="2">
        <v>29</v>
      </c>
      <c r="Z582" s="2">
        <v>95.4</v>
      </c>
      <c r="AA582" s="5">
        <v>36</v>
      </c>
      <c r="AB582" s="5" t="s">
        <v>43</v>
      </c>
      <c r="AC582" s="5" t="s">
        <v>44</v>
      </c>
      <c r="AD582" s="2" t="s">
        <v>82749</v>
      </c>
      <c r="AE582" s="1"/>
    </row>
    <row r="583" spans="1:31">
      <c r="A583" s="5" t="s">
        <v>116</v>
      </c>
      <c r="B583" s="21">
        <v>46054</v>
      </c>
      <c r="C583" s="2" t="s">
        <v>82756</v>
      </c>
      <c r="D583" s="14" t="s">
        <v>82757</v>
      </c>
      <c r="E583" s="2" t="s">
        <v>82758</v>
      </c>
      <c r="F583" s="2" t="s">
        <v>130</v>
      </c>
      <c r="G583" s="8">
        <v>30</v>
      </c>
      <c r="H583" s="5">
        <v>5</v>
      </c>
      <c r="I583" s="5" t="s">
        <v>69</v>
      </c>
      <c r="J583" s="5" t="s">
        <v>28207</v>
      </c>
      <c r="K583" s="2" t="s">
        <v>28208</v>
      </c>
      <c r="L583" s="5" t="s">
        <v>28207</v>
      </c>
      <c r="M583" s="2" t="s">
        <v>28208</v>
      </c>
      <c r="N583" s="5" t="s">
        <v>733</v>
      </c>
      <c r="O583" s="5" t="s">
        <v>38</v>
      </c>
      <c r="P583" s="5" t="s">
        <v>39</v>
      </c>
      <c r="Q583" s="5" t="s">
        <v>40</v>
      </c>
      <c r="R583" s="5" t="s">
        <v>24335</v>
      </c>
      <c r="S583" s="5" t="s">
        <v>40</v>
      </c>
      <c r="T583" s="5" t="s">
        <v>42</v>
      </c>
      <c r="U583" s="2">
        <v>1.0269999999999999</v>
      </c>
      <c r="V583" s="2">
        <v>0.65700000000000003</v>
      </c>
      <c r="W583" s="2">
        <v>1.7000000000000001E-2</v>
      </c>
      <c r="X583" s="2">
        <v>6.2</v>
      </c>
      <c r="Y583" s="2">
        <v>18.3</v>
      </c>
      <c r="Z583" s="2">
        <v>148.30000000000001</v>
      </c>
      <c r="AA583" s="5">
        <v>36</v>
      </c>
      <c r="AB583" s="5" t="s">
        <v>43</v>
      </c>
      <c r="AC583" s="5" t="s">
        <v>44</v>
      </c>
      <c r="AD583" s="2" t="s">
        <v>82735</v>
      </c>
      <c r="AE583" s="1"/>
    </row>
    <row r="584" spans="1:31">
      <c r="A584" s="5" t="s">
        <v>116</v>
      </c>
      <c r="B584" s="21">
        <v>46054</v>
      </c>
      <c r="C584" s="2" t="s">
        <v>82759</v>
      </c>
      <c r="D584" s="14" t="s">
        <v>82760</v>
      </c>
      <c r="E584" s="2" t="s">
        <v>82761</v>
      </c>
      <c r="F584" s="2" t="s">
        <v>130</v>
      </c>
      <c r="G584" s="8">
        <v>61</v>
      </c>
      <c r="H584" s="5">
        <v>5</v>
      </c>
      <c r="I584" s="5" t="s">
        <v>69</v>
      </c>
      <c r="J584" s="5" t="s">
        <v>28207</v>
      </c>
      <c r="K584" s="2" t="s">
        <v>28208</v>
      </c>
      <c r="L584" s="5" t="s">
        <v>28207</v>
      </c>
      <c r="M584" s="2" t="s">
        <v>28208</v>
      </c>
      <c r="N584" s="5" t="s">
        <v>733</v>
      </c>
      <c r="O584" s="5" t="s">
        <v>38</v>
      </c>
      <c r="P584" s="5" t="s">
        <v>39</v>
      </c>
      <c r="Q584" s="5" t="s">
        <v>40</v>
      </c>
      <c r="R584" s="5" t="s">
        <v>24340</v>
      </c>
      <c r="S584" s="5" t="s">
        <v>40</v>
      </c>
      <c r="T584" s="5" t="s">
        <v>42</v>
      </c>
      <c r="U584" s="2">
        <v>2</v>
      </c>
      <c r="V584" s="2">
        <v>1.63</v>
      </c>
      <c r="W584" s="2">
        <v>1.7000000000000001E-2</v>
      </c>
      <c r="X584" s="2">
        <v>6.2</v>
      </c>
      <c r="Y584" s="2">
        <v>18.3</v>
      </c>
      <c r="Z584" s="2">
        <v>148.30000000000001</v>
      </c>
      <c r="AA584" s="5">
        <v>36</v>
      </c>
      <c r="AB584" s="5" t="s">
        <v>43</v>
      </c>
      <c r="AC584" s="5" t="s">
        <v>44</v>
      </c>
      <c r="AD584" s="2" t="s">
        <v>82735</v>
      </c>
      <c r="AE584" s="1"/>
    </row>
    <row r="585" spans="1:31">
      <c r="A585" s="5" t="s">
        <v>116</v>
      </c>
      <c r="B585" s="21">
        <v>46054</v>
      </c>
      <c r="C585" s="2" t="s">
        <v>82762</v>
      </c>
      <c r="D585" s="14" t="s">
        <v>82763</v>
      </c>
      <c r="E585" s="2" t="s">
        <v>82764</v>
      </c>
      <c r="F585" s="2" t="s">
        <v>130</v>
      </c>
      <c r="G585" s="8">
        <v>61</v>
      </c>
      <c r="H585" s="5">
        <v>15</v>
      </c>
      <c r="I585" s="5" t="s">
        <v>69</v>
      </c>
      <c r="J585" s="5" t="s">
        <v>28207</v>
      </c>
      <c r="K585" s="2" t="s">
        <v>28208</v>
      </c>
      <c r="L585" s="5" t="s">
        <v>28207</v>
      </c>
      <c r="M585" s="2" t="s">
        <v>28208</v>
      </c>
      <c r="N585" s="5" t="s">
        <v>733</v>
      </c>
      <c r="O585" s="5" t="s">
        <v>38</v>
      </c>
      <c r="P585" s="5" t="s">
        <v>39</v>
      </c>
      <c r="Q585" s="5" t="s">
        <v>40</v>
      </c>
      <c r="R585" s="5" t="s">
        <v>25301</v>
      </c>
      <c r="S585" s="5" t="s">
        <v>40</v>
      </c>
      <c r="T585" s="5" t="s">
        <v>42</v>
      </c>
      <c r="U585" s="2">
        <v>1.4690000000000001</v>
      </c>
      <c r="V585" s="2">
        <v>1.4550000000000001</v>
      </c>
      <c r="W585" s="2">
        <v>1.7000000000000001E-2</v>
      </c>
      <c r="X585" s="2">
        <v>6.2</v>
      </c>
      <c r="Y585" s="2">
        <v>18.3</v>
      </c>
      <c r="Z585" s="2">
        <v>148.30000000000001</v>
      </c>
      <c r="AA585" s="5">
        <v>36</v>
      </c>
      <c r="AB585" s="5" t="s">
        <v>43</v>
      </c>
      <c r="AC585" s="5" t="s">
        <v>44</v>
      </c>
      <c r="AD585" s="2" t="s">
        <v>82735</v>
      </c>
      <c r="AE585" s="1"/>
    </row>
    <row r="586" spans="1:31">
      <c r="A586" s="5" t="s">
        <v>116</v>
      </c>
      <c r="B586" s="21">
        <v>46082</v>
      </c>
      <c r="C586" s="2" t="s">
        <v>82765</v>
      </c>
      <c r="D586" s="14" t="s">
        <v>82766</v>
      </c>
      <c r="E586" s="2" t="s">
        <v>82767</v>
      </c>
      <c r="F586" s="2" t="s">
        <v>130</v>
      </c>
      <c r="G586" s="8">
        <v>67</v>
      </c>
      <c r="H586" s="5">
        <v>5</v>
      </c>
      <c r="I586" s="5" t="s">
        <v>69</v>
      </c>
      <c r="J586" s="5" t="s">
        <v>28207</v>
      </c>
      <c r="K586" s="2" t="s">
        <v>28208</v>
      </c>
      <c r="L586" s="5" t="s">
        <v>28207</v>
      </c>
      <c r="M586" s="2" t="s">
        <v>28208</v>
      </c>
      <c r="N586" s="5" t="s">
        <v>733</v>
      </c>
      <c r="O586" s="5" t="s">
        <v>38</v>
      </c>
      <c r="P586" s="5" t="s">
        <v>39</v>
      </c>
      <c r="Q586" s="5" t="s">
        <v>40</v>
      </c>
      <c r="R586" s="5" t="s">
        <v>24335</v>
      </c>
      <c r="S586" s="5" t="s">
        <v>40</v>
      </c>
      <c r="T586" s="5" t="s">
        <v>42</v>
      </c>
      <c r="U586" s="2">
        <v>2.762</v>
      </c>
      <c r="V586" s="2">
        <v>2.7189999999999999</v>
      </c>
      <c r="W586" s="2">
        <v>3.3000000000000002E-2</v>
      </c>
      <c r="X586" s="2">
        <v>12</v>
      </c>
      <c r="Y586" s="2">
        <v>29</v>
      </c>
      <c r="Z586" s="2">
        <v>95.4</v>
      </c>
      <c r="AA586" s="5">
        <v>36</v>
      </c>
      <c r="AB586" s="5" t="s">
        <v>43</v>
      </c>
      <c r="AC586" s="5" t="s">
        <v>44</v>
      </c>
      <c r="AD586" s="2" t="s">
        <v>82749</v>
      </c>
      <c r="AE586" s="1"/>
    </row>
    <row r="587" spans="1:31">
      <c r="A587" s="5" t="s">
        <v>116</v>
      </c>
      <c r="B587" s="21">
        <v>46082</v>
      </c>
      <c r="C587" s="2" t="s">
        <v>82768</v>
      </c>
      <c r="D587" s="14" t="s">
        <v>82769</v>
      </c>
      <c r="E587" s="2" t="s">
        <v>82770</v>
      </c>
      <c r="F587" s="2" t="s">
        <v>130</v>
      </c>
      <c r="G587" s="8">
        <v>98</v>
      </c>
      <c r="H587" s="5">
        <v>5</v>
      </c>
      <c r="I587" s="5" t="s">
        <v>69</v>
      </c>
      <c r="J587" s="5" t="s">
        <v>28207</v>
      </c>
      <c r="K587" s="2" t="s">
        <v>28208</v>
      </c>
      <c r="L587" s="5" t="s">
        <v>28207</v>
      </c>
      <c r="M587" s="2" t="s">
        <v>28208</v>
      </c>
      <c r="N587" s="5" t="s">
        <v>733</v>
      </c>
      <c r="O587" s="5" t="s">
        <v>38</v>
      </c>
      <c r="P587" s="5" t="s">
        <v>39</v>
      </c>
      <c r="Q587" s="5" t="s">
        <v>40</v>
      </c>
      <c r="R587" s="5" t="s">
        <v>24340</v>
      </c>
      <c r="S587" s="5" t="s">
        <v>40</v>
      </c>
      <c r="T587" s="5" t="s">
        <v>42</v>
      </c>
      <c r="U587" s="2">
        <v>3.7349999999999999</v>
      </c>
      <c r="V587" s="2">
        <v>3.6920000000000002</v>
      </c>
      <c r="W587" s="2">
        <v>3.3000000000000002E-2</v>
      </c>
      <c r="X587" s="2">
        <v>12</v>
      </c>
      <c r="Y587" s="2">
        <v>29</v>
      </c>
      <c r="Z587" s="2">
        <v>95.4</v>
      </c>
      <c r="AA587" s="5">
        <v>36</v>
      </c>
      <c r="AB587" s="5" t="s">
        <v>43</v>
      </c>
      <c r="AC587" s="5" t="s">
        <v>44</v>
      </c>
      <c r="AD587" s="2" t="s">
        <v>82749</v>
      </c>
      <c r="AE587" s="1"/>
    </row>
    <row r="588" spans="1:31">
      <c r="A588" s="5" t="s">
        <v>116</v>
      </c>
      <c r="B588" s="21">
        <v>46082</v>
      </c>
      <c r="C588" s="2" t="s">
        <v>82771</v>
      </c>
      <c r="D588" s="14" t="s">
        <v>82772</v>
      </c>
      <c r="E588" s="2" t="s">
        <v>82773</v>
      </c>
      <c r="F588" s="2" t="s">
        <v>130</v>
      </c>
      <c r="G588" s="8">
        <v>98</v>
      </c>
      <c r="H588" s="5">
        <v>15</v>
      </c>
      <c r="I588" s="5" t="s">
        <v>69</v>
      </c>
      <c r="J588" s="5" t="s">
        <v>28207</v>
      </c>
      <c r="K588" s="2" t="s">
        <v>28208</v>
      </c>
      <c r="L588" s="5" t="s">
        <v>28207</v>
      </c>
      <c r="M588" s="2" t="s">
        <v>28208</v>
      </c>
      <c r="N588" s="5" t="s">
        <v>733</v>
      </c>
      <c r="O588" s="5" t="s">
        <v>38</v>
      </c>
      <c r="P588" s="5" t="s">
        <v>39</v>
      </c>
      <c r="Q588" s="5" t="s">
        <v>40</v>
      </c>
      <c r="R588" s="5" t="s">
        <v>25301</v>
      </c>
      <c r="S588" s="5" t="s">
        <v>40</v>
      </c>
      <c r="T588" s="5" t="s">
        <v>42</v>
      </c>
      <c r="U588" s="2">
        <v>3.5550000000000002</v>
      </c>
      <c r="V588" s="2">
        <v>3.512</v>
      </c>
      <c r="W588" s="2">
        <v>3.3000000000000002E-2</v>
      </c>
      <c r="X588" s="2">
        <v>12</v>
      </c>
      <c r="Y588" s="2">
        <v>29</v>
      </c>
      <c r="Z588" s="2">
        <v>95.4</v>
      </c>
      <c r="AA588" s="5">
        <v>36</v>
      </c>
      <c r="AB588" s="5" t="s">
        <v>43</v>
      </c>
      <c r="AC588" s="5" t="s">
        <v>44</v>
      </c>
      <c r="AD588" s="2" t="s">
        <v>82749</v>
      </c>
      <c r="AE588" s="1"/>
    </row>
    <row r="589" spans="1:31">
      <c r="A589" s="5" t="s">
        <v>116</v>
      </c>
      <c r="B589" s="21">
        <v>46054</v>
      </c>
      <c r="C589" s="2" t="s">
        <v>82774</v>
      </c>
      <c r="D589" s="14" t="s">
        <v>82775</v>
      </c>
      <c r="E589" s="2" t="s">
        <v>82776</v>
      </c>
      <c r="F589" s="2" t="s">
        <v>130</v>
      </c>
      <c r="G589" s="8">
        <v>31</v>
      </c>
      <c r="H589" s="5">
        <v>5</v>
      </c>
      <c r="I589" s="5" t="s">
        <v>69</v>
      </c>
      <c r="J589" s="5" t="s">
        <v>28207</v>
      </c>
      <c r="K589" s="2" t="s">
        <v>28208</v>
      </c>
      <c r="L589" s="5" t="s">
        <v>28207</v>
      </c>
      <c r="M589" s="2" t="s">
        <v>28208</v>
      </c>
      <c r="N589" s="5" t="s">
        <v>733</v>
      </c>
      <c r="O589" s="5" t="s">
        <v>38</v>
      </c>
      <c r="P589" s="5" t="s">
        <v>39</v>
      </c>
      <c r="Q589" s="5" t="s">
        <v>40</v>
      </c>
      <c r="R589" s="5" t="s">
        <v>24335</v>
      </c>
      <c r="S589" s="5" t="s">
        <v>40</v>
      </c>
      <c r="T589" s="5" t="s">
        <v>42</v>
      </c>
      <c r="U589" s="2">
        <v>1.107</v>
      </c>
      <c r="V589" s="2">
        <v>0.73699999999999999</v>
      </c>
      <c r="W589" s="2">
        <v>1.7000000000000001E-2</v>
      </c>
      <c r="X589" s="2">
        <v>6.2</v>
      </c>
      <c r="Y589" s="2">
        <v>18.3</v>
      </c>
      <c r="Z589" s="2">
        <v>148.30000000000001</v>
      </c>
      <c r="AA589" s="5">
        <v>36</v>
      </c>
      <c r="AB589" s="5" t="s">
        <v>43</v>
      </c>
      <c r="AC589" s="5" t="s">
        <v>44</v>
      </c>
      <c r="AD589" s="2" t="s">
        <v>82735</v>
      </c>
      <c r="AE589" s="1"/>
    </row>
    <row r="590" spans="1:31">
      <c r="A590" s="5" t="s">
        <v>116</v>
      </c>
      <c r="B590" s="21">
        <v>46054</v>
      </c>
      <c r="C590" s="2" t="s">
        <v>82777</v>
      </c>
      <c r="D590" s="14" t="s">
        <v>82778</v>
      </c>
      <c r="E590" s="2" t="s">
        <v>82779</v>
      </c>
      <c r="F590" s="2" t="s">
        <v>130</v>
      </c>
      <c r="G590" s="8">
        <v>62</v>
      </c>
      <c r="H590" s="5">
        <v>15</v>
      </c>
      <c r="I590" s="5" t="s">
        <v>69</v>
      </c>
      <c r="J590" s="5" t="s">
        <v>28207</v>
      </c>
      <c r="K590" s="2" t="s">
        <v>28208</v>
      </c>
      <c r="L590" s="5" t="s">
        <v>28207</v>
      </c>
      <c r="M590" s="2" t="s">
        <v>28208</v>
      </c>
      <c r="N590" s="5" t="s">
        <v>733</v>
      </c>
      <c r="O590" s="5" t="s">
        <v>38</v>
      </c>
      <c r="P590" s="5" t="s">
        <v>39</v>
      </c>
      <c r="Q590" s="5" t="s">
        <v>40</v>
      </c>
      <c r="R590" s="5" t="s">
        <v>24340</v>
      </c>
      <c r="S590" s="5" t="s">
        <v>40</v>
      </c>
      <c r="T590" s="5" t="s">
        <v>42</v>
      </c>
      <c r="U590" s="2">
        <v>2.206</v>
      </c>
      <c r="V590" s="2">
        <v>1.8360000000000001</v>
      </c>
      <c r="W590" s="2">
        <v>1.7000000000000001E-2</v>
      </c>
      <c r="X590" s="2">
        <v>6.2</v>
      </c>
      <c r="Y590" s="2">
        <v>18.3</v>
      </c>
      <c r="Z590" s="2">
        <v>148.30000000000001</v>
      </c>
      <c r="AA590" s="5">
        <v>36</v>
      </c>
      <c r="AB590" s="5" t="s">
        <v>43</v>
      </c>
      <c r="AC590" s="5" t="s">
        <v>44</v>
      </c>
      <c r="AD590" s="2" t="s">
        <v>82735</v>
      </c>
      <c r="AE590" s="1"/>
    </row>
    <row r="591" spans="1:31">
      <c r="A591" s="5" t="s">
        <v>116</v>
      </c>
      <c r="B591" s="21">
        <v>46054</v>
      </c>
      <c r="C591" s="2" t="s">
        <v>82780</v>
      </c>
      <c r="D591" s="14" t="s">
        <v>82781</v>
      </c>
      <c r="E591" s="2" t="s">
        <v>82782</v>
      </c>
      <c r="F591" s="2" t="s">
        <v>130</v>
      </c>
      <c r="G591" s="8">
        <v>62</v>
      </c>
      <c r="H591" s="5">
        <v>15</v>
      </c>
      <c r="I591" s="5" t="s">
        <v>69</v>
      </c>
      <c r="J591" s="5" t="s">
        <v>28207</v>
      </c>
      <c r="K591" s="2" t="s">
        <v>28208</v>
      </c>
      <c r="L591" s="5" t="s">
        <v>28207</v>
      </c>
      <c r="M591" s="2" t="s">
        <v>28208</v>
      </c>
      <c r="N591" s="5" t="s">
        <v>733</v>
      </c>
      <c r="O591" s="5" t="s">
        <v>38</v>
      </c>
      <c r="P591" s="5" t="s">
        <v>39</v>
      </c>
      <c r="Q591" s="5" t="s">
        <v>40</v>
      </c>
      <c r="R591" s="5" t="s">
        <v>25301</v>
      </c>
      <c r="S591" s="5" t="s">
        <v>40</v>
      </c>
      <c r="T591" s="5" t="s">
        <v>42</v>
      </c>
      <c r="U591" s="2">
        <v>2.0089999999999999</v>
      </c>
      <c r="V591" s="2">
        <v>1.639</v>
      </c>
      <c r="W591" s="2">
        <v>1.7000000000000001E-2</v>
      </c>
      <c r="X591" s="2">
        <v>6.2</v>
      </c>
      <c r="Y591" s="2">
        <v>18.3</v>
      </c>
      <c r="Z591" s="2">
        <v>148.30000000000001</v>
      </c>
      <c r="AA591" s="5">
        <v>36</v>
      </c>
      <c r="AB591" s="5" t="s">
        <v>43</v>
      </c>
      <c r="AC591" s="5" t="s">
        <v>44</v>
      </c>
      <c r="AD591" s="2" t="s">
        <v>82735</v>
      </c>
      <c r="AE591" s="1"/>
    </row>
    <row r="592" spans="1:31">
      <c r="A592" s="5" t="s">
        <v>116</v>
      </c>
      <c r="B592" s="21">
        <v>46082</v>
      </c>
      <c r="C592" s="2" t="s">
        <v>82783</v>
      </c>
      <c r="D592" s="14" t="s">
        <v>82784</v>
      </c>
      <c r="E592" s="2" t="s">
        <v>82785</v>
      </c>
      <c r="F592" s="2" t="s">
        <v>130</v>
      </c>
      <c r="G592" s="8">
        <v>69</v>
      </c>
      <c r="H592" s="5">
        <v>5</v>
      </c>
      <c r="I592" s="5" t="s">
        <v>69</v>
      </c>
      <c r="J592" s="5" t="s">
        <v>28207</v>
      </c>
      <c r="K592" s="2" t="s">
        <v>28208</v>
      </c>
      <c r="L592" s="5" t="s">
        <v>28207</v>
      </c>
      <c r="M592" s="2" t="s">
        <v>28208</v>
      </c>
      <c r="N592" s="5" t="s">
        <v>733</v>
      </c>
      <c r="O592" s="5" t="s">
        <v>38</v>
      </c>
      <c r="P592" s="5" t="s">
        <v>39</v>
      </c>
      <c r="Q592" s="5" t="s">
        <v>40</v>
      </c>
      <c r="R592" s="5" t="s">
        <v>24335</v>
      </c>
      <c r="S592" s="5" t="s">
        <v>40</v>
      </c>
      <c r="T592" s="5" t="s">
        <v>42</v>
      </c>
      <c r="U592" s="2">
        <v>3.0379999999999998</v>
      </c>
      <c r="V592" s="2">
        <v>2.9950000000000001</v>
      </c>
      <c r="W592" s="2">
        <v>0.04</v>
      </c>
      <c r="X592" s="2">
        <v>12</v>
      </c>
      <c r="Y592" s="2">
        <v>29</v>
      </c>
      <c r="Z592" s="2">
        <v>115.4</v>
      </c>
      <c r="AA592" s="5">
        <v>36</v>
      </c>
      <c r="AB592" s="5" t="s">
        <v>43</v>
      </c>
      <c r="AC592" s="5" t="s">
        <v>44</v>
      </c>
      <c r="AD592" s="2" t="s">
        <v>82749</v>
      </c>
      <c r="AE592" s="1"/>
    </row>
    <row r="593" spans="1:31">
      <c r="A593" s="5" t="s">
        <v>116</v>
      </c>
      <c r="B593" s="21">
        <v>46082</v>
      </c>
      <c r="C593" s="2" t="s">
        <v>82786</v>
      </c>
      <c r="D593" s="14" t="s">
        <v>82787</v>
      </c>
      <c r="E593" s="2" t="s">
        <v>82788</v>
      </c>
      <c r="F593" s="2" t="s">
        <v>130</v>
      </c>
      <c r="G593" s="8">
        <v>100</v>
      </c>
      <c r="H593" s="5">
        <v>15</v>
      </c>
      <c r="I593" s="5" t="s">
        <v>69</v>
      </c>
      <c r="J593" s="5" t="s">
        <v>28207</v>
      </c>
      <c r="K593" s="2" t="s">
        <v>28208</v>
      </c>
      <c r="L593" s="5" t="s">
        <v>28207</v>
      </c>
      <c r="M593" s="2" t="s">
        <v>28208</v>
      </c>
      <c r="N593" s="5" t="s">
        <v>733</v>
      </c>
      <c r="O593" s="5" t="s">
        <v>38</v>
      </c>
      <c r="P593" s="5" t="s">
        <v>39</v>
      </c>
      <c r="Q593" s="5" t="s">
        <v>40</v>
      </c>
      <c r="R593" s="5" t="s">
        <v>24340</v>
      </c>
      <c r="S593" s="5" t="s">
        <v>40</v>
      </c>
      <c r="T593" s="5" t="s">
        <v>42</v>
      </c>
      <c r="U593" s="2">
        <v>4.1260000000000003</v>
      </c>
      <c r="V593" s="2">
        <v>4.0830000000000002</v>
      </c>
      <c r="W593" s="2">
        <v>0.04</v>
      </c>
      <c r="X593" s="2">
        <v>12</v>
      </c>
      <c r="Y593" s="2">
        <v>29</v>
      </c>
      <c r="Z593" s="2">
        <v>115.4</v>
      </c>
      <c r="AA593" s="5">
        <v>36</v>
      </c>
      <c r="AB593" s="5" t="s">
        <v>43</v>
      </c>
      <c r="AC593" s="5" t="s">
        <v>44</v>
      </c>
      <c r="AD593" s="2" t="s">
        <v>82749</v>
      </c>
      <c r="AE593" s="1"/>
    </row>
    <row r="594" spans="1:31">
      <c r="A594" s="5" t="s">
        <v>116</v>
      </c>
      <c r="B594" s="21">
        <v>46082</v>
      </c>
      <c r="C594" s="2" t="s">
        <v>82789</v>
      </c>
      <c r="D594" s="14" t="s">
        <v>82790</v>
      </c>
      <c r="E594" s="2" t="s">
        <v>82791</v>
      </c>
      <c r="F594" s="2" t="s">
        <v>130</v>
      </c>
      <c r="G594" s="8">
        <v>100</v>
      </c>
      <c r="H594" s="5">
        <v>15</v>
      </c>
      <c r="I594" s="5" t="s">
        <v>69</v>
      </c>
      <c r="J594" s="5" t="s">
        <v>28207</v>
      </c>
      <c r="K594" s="2" t="s">
        <v>28208</v>
      </c>
      <c r="L594" s="5" t="s">
        <v>28207</v>
      </c>
      <c r="M594" s="2" t="s">
        <v>28208</v>
      </c>
      <c r="N594" s="5" t="s">
        <v>733</v>
      </c>
      <c r="O594" s="5" t="s">
        <v>38</v>
      </c>
      <c r="P594" s="5" t="s">
        <v>39</v>
      </c>
      <c r="Q594" s="5" t="s">
        <v>40</v>
      </c>
      <c r="R594" s="5" t="s">
        <v>25301</v>
      </c>
      <c r="S594" s="5" t="s">
        <v>40</v>
      </c>
      <c r="T594" s="5" t="s">
        <v>42</v>
      </c>
      <c r="U594" s="2">
        <v>3.9289999999999998</v>
      </c>
      <c r="V594" s="2">
        <v>3.8860000000000001</v>
      </c>
      <c r="W594" s="2">
        <v>0.04</v>
      </c>
      <c r="X594" s="2">
        <v>12</v>
      </c>
      <c r="Y594" s="2">
        <v>29</v>
      </c>
      <c r="Z594" s="2">
        <v>115.4</v>
      </c>
      <c r="AA594" s="5">
        <v>36</v>
      </c>
      <c r="AB594" s="5" t="s">
        <v>43</v>
      </c>
      <c r="AC594" s="5" t="s">
        <v>44</v>
      </c>
      <c r="AD594" s="2" t="s">
        <v>82749</v>
      </c>
      <c r="AE594" s="1"/>
    </row>
    <row r="595" spans="1:31">
      <c r="A595" s="5" t="s">
        <v>116</v>
      </c>
      <c r="B595" s="21">
        <v>46054</v>
      </c>
      <c r="C595" s="2" t="s">
        <v>82806</v>
      </c>
      <c r="D595" s="14" t="s">
        <v>82807</v>
      </c>
      <c r="E595" s="2" t="s">
        <v>82808</v>
      </c>
      <c r="F595" s="2" t="s">
        <v>130</v>
      </c>
      <c r="G595" s="8">
        <v>31</v>
      </c>
      <c r="H595" s="5">
        <v>5</v>
      </c>
      <c r="I595" s="5" t="s">
        <v>69</v>
      </c>
      <c r="J595" s="5" t="s">
        <v>28207</v>
      </c>
      <c r="K595" s="2" t="s">
        <v>28208</v>
      </c>
      <c r="L595" s="5" t="s">
        <v>28207</v>
      </c>
      <c r="M595" s="2" t="s">
        <v>28208</v>
      </c>
      <c r="N595" s="5" t="s">
        <v>733</v>
      </c>
      <c r="O595" s="5" t="s">
        <v>38</v>
      </c>
      <c r="P595" s="5" t="s">
        <v>39</v>
      </c>
      <c r="Q595" s="5" t="s">
        <v>40</v>
      </c>
      <c r="R595" s="5" t="s">
        <v>24335</v>
      </c>
      <c r="S595" s="5" t="s">
        <v>40</v>
      </c>
      <c r="T595" s="5" t="s">
        <v>42</v>
      </c>
      <c r="U595" s="2">
        <v>1.0549999999999999</v>
      </c>
      <c r="V595" s="2">
        <v>0.68500000000000005</v>
      </c>
      <c r="W595" s="2">
        <v>1.7000000000000001E-2</v>
      </c>
      <c r="X595" s="2">
        <v>6.2</v>
      </c>
      <c r="Y595" s="2">
        <v>18.3</v>
      </c>
      <c r="Z595" s="2">
        <v>148.30000000000001</v>
      </c>
      <c r="AA595" s="5">
        <v>36</v>
      </c>
      <c r="AB595" s="5" t="s">
        <v>43</v>
      </c>
      <c r="AC595" s="5" t="s">
        <v>44</v>
      </c>
      <c r="AD595" s="2" t="s">
        <v>82735</v>
      </c>
      <c r="AE595" s="1"/>
    </row>
    <row r="596" spans="1:31">
      <c r="A596" s="5" t="s">
        <v>116</v>
      </c>
      <c r="B596" s="21">
        <v>46054</v>
      </c>
      <c r="C596" s="2" t="s">
        <v>82809</v>
      </c>
      <c r="D596" s="14" t="s">
        <v>82810</v>
      </c>
      <c r="E596" s="2" t="s">
        <v>82811</v>
      </c>
      <c r="F596" s="2" t="s">
        <v>130</v>
      </c>
      <c r="G596" s="8">
        <v>62</v>
      </c>
      <c r="H596" s="5">
        <v>15</v>
      </c>
      <c r="I596" s="5" t="s">
        <v>69</v>
      </c>
      <c r="J596" s="5" t="s">
        <v>28207</v>
      </c>
      <c r="K596" s="2" t="s">
        <v>28208</v>
      </c>
      <c r="L596" s="5" t="s">
        <v>28207</v>
      </c>
      <c r="M596" s="2" t="s">
        <v>28208</v>
      </c>
      <c r="N596" s="5" t="s">
        <v>733</v>
      </c>
      <c r="O596" s="5" t="s">
        <v>38</v>
      </c>
      <c r="P596" s="5" t="s">
        <v>39</v>
      </c>
      <c r="Q596" s="5" t="s">
        <v>40</v>
      </c>
      <c r="R596" s="5" t="s">
        <v>24340</v>
      </c>
      <c r="S596" s="5" t="s">
        <v>40</v>
      </c>
      <c r="T596" s="5" t="s">
        <v>42</v>
      </c>
      <c r="U596" s="2">
        <v>2.0910000000000002</v>
      </c>
      <c r="V596" s="2">
        <v>1.7210000000000001</v>
      </c>
      <c r="W596" s="2">
        <v>1.7000000000000001E-2</v>
      </c>
      <c r="X596" s="2">
        <v>6.2</v>
      </c>
      <c r="Y596" s="2">
        <v>18.3</v>
      </c>
      <c r="Z596" s="2">
        <v>148.30000000000001</v>
      </c>
      <c r="AA596" s="5">
        <v>36</v>
      </c>
      <c r="AB596" s="5" t="s">
        <v>43</v>
      </c>
      <c r="AC596" s="5" t="s">
        <v>44</v>
      </c>
      <c r="AD596" s="2" t="s">
        <v>82735</v>
      </c>
      <c r="AE596" s="1"/>
    </row>
    <row r="597" spans="1:31">
      <c r="A597" s="5" t="s">
        <v>116</v>
      </c>
      <c r="B597" s="21">
        <v>46054</v>
      </c>
      <c r="C597" s="2" t="s">
        <v>82812</v>
      </c>
      <c r="D597" s="14" t="s">
        <v>82813</v>
      </c>
      <c r="E597" s="2" t="s">
        <v>82814</v>
      </c>
      <c r="F597" s="2" t="s">
        <v>130</v>
      </c>
      <c r="G597" s="8">
        <v>62</v>
      </c>
      <c r="H597" s="5">
        <v>15</v>
      </c>
      <c r="I597" s="5" t="s">
        <v>69</v>
      </c>
      <c r="J597" s="5" t="s">
        <v>28207</v>
      </c>
      <c r="K597" s="2" t="s">
        <v>28208</v>
      </c>
      <c r="L597" s="5" t="s">
        <v>28207</v>
      </c>
      <c r="M597" s="2" t="s">
        <v>28208</v>
      </c>
      <c r="N597" s="5" t="s">
        <v>733</v>
      </c>
      <c r="O597" s="5" t="s">
        <v>38</v>
      </c>
      <c r="P597" s="5" t="s">
        <v>39</v>
      </c>
      <c r="Q597" s="5" t="s">
        <v>40</v>
      </c>
      <c r="R597" s="5" t="s">
        <v>25301</v>
      </c>
      <c r="S597" s="5" t="s">
        <v>40</v>
      </c>
      <c r="T597" s="5" t="s">
        <v>42</v>
      </c>
      <c r="U597" s="2">
        <v>1.9059999999999999</v>
      </c>
      <c r="V597" s="2">
        <v>1.536</v>
      </c>
      <c r="W597" s="2">
        <v>1.7000000000000001E-2</v>
      </c>
      <c r="X597" s="2">
        <v>6.2</v>
      </c>
      <c r="Y597" s="2">
        <v>18.3</v>
      </c>
      <c r="Z597" s="2">
        <v>148.30000000000001</v>
      </c>
      <c r="AA597" s="5">
        <v>36</v>
      </c>
      <c r="AB597" s="5" t="s">
        <v>43</v>
      </c>
      <c r="AC597" s="5" t="s">
        <v>44</v>
      </c>
      <c r="AD597" s="2" t="s">
        <v>82735</v>
      </c>
      <c r="AE597" s="1"/>
    </row>
    <row r="598" spans="1:31">
      <c r="A598" s="5" t="s">
        <v>116</v>
      </c>
      <c r="B598" s="21">
        <v>46082</v>
      </c>
      <c r="C598" s="2" t="s">
        <v>82815</v>
      </c>
      <c r="D598" s="14" t="s">
        <v>82816</v>
      </c>
      <c r="E598" s="2" t="s">
        <v>82817</v>
      </c>
      <c r="F598" s="2" t="s">
        <v>130</v>
      </c>
      <c r="G598" s="8">
        <v>69</v>
      </c>
      <c r="H598" s="5">
        <v>5</v>
      </c>
      <c r="I598" s="5" t="s">
        <v>69</v>
      </c>
      <c r="J598" s="5" t="s">
        <v>28207</v>
      </c>
      <c r="K598" s="2" t="s">
        <v>28208</v>
      </c>
      <c r="L598" s="5" t="s">
        <v>28207</v>
      </c>
      <c r="M598" s="2" t="s">
        <v>28208</v>
      </c>
      <c r="N598" s="5" t="s">
        <v>733</v>
      </c>
      <c r="O598" s="5" t="s">
        <v>38</v>
      </c>
      <c r="P598" s="5" t="s">
        <v>39</v>
      </c>
      <c r="Q598" s="5" t="s">
        <v>40</v>
      </c>
      <c r="R598" s="5" t="s">
        <v>24335</v>
      </c>
      <c r="S598" s="5" t="s">
        <v>40</v>
      </c>
      <c r="T598" s="5" t="s">
        <v>42</v>
      </c>
      <c r="U598" s="2">
        <v>2.8420000000000001</v>
      </c>
      <c r="V598" s="2">
        <v>2.7989999999999999</v>
      </c>
      <c r="W598" s="2">
        <v>3.3000000000000002E-2</v>
      </c>
      <c r="X598" s="2">
        <v>12</v>
      </c>
      <c r="Y598" s="2">
        <v>29</v>
      </c>
      <c r="Z598" s="2">
        <v>95.4</v>
      </c>
      <c r="AA598" s="5">
        <v>36</v>
      </c>
      <c r="AB598" s="5" t="s">
        <v>43</v>
      </c>
      <c r="AC598" s="5" t="s">
        <v>44</v>
      </c>
      <c r="AD598" s="2" t="s">
        <v>82749</v>
      </c>
      <c r="AE598" s="1"/>
    </row>
    <row r="599" spans="1:31">
      <c r="A599" s="5" t="s">
        <v>116</v>
      </c>
      <c r="B599" s="21">
        <v>46082</v>
      </c>
      <c r="C599" s="2" t="s">
        <v>82818</v>
      </c>
      <c r="D599" s="14" t="s">
        <v>82819</v>
      </c>
      <c r="E599" s="2" t="s">
        <v>82820</v>
      </c>
      <c r="F599" s="2" t="s">
        <v>130</v>
      </c>
      <c r="G599" s="8">
        <v>100</v>
      </c>
      <c r="H599" s="5">
        <v>15</v>
      </c>
      <c r="I599" s="5" t="s">
        <v>69</v>
      </c>
      <c r="J599" s="5" t="s">
        <v>28207</v>
      </c>
      <c r="K599" s="2" t="s">
        <v>28208</v>
      </c>
      <c r="L599" s="5" t="s">
        <v>28207</v>
      </c>
      <c r="M599" s="2" t="s">
        <v>28208</v>
      </c>
      <c r="N599" s="5" t="s">
        <v>733</v>
      </c>
      <c r="O599" s="5" t="s">
        <v>38</v>
      </c>
      <c r="P599" s="5" t="s">
        <v>39</v>
      </c>
      <c r="Q599" s="5" t="s">
        <v>40</v>
      </c>
      <c r="R599" s="5" t="s">
        <v>24340</v>
      </c>
      <c r="S599" s="5" t="s">
        <v>40</v>
      </c>
      <c r="T599" s="5" t="s">
        <v>42</v>
      </c>
      <c r="U599" s="2">
        <v>3.867</v>
      </c>
      <c r="V599" s="2">
        <v>3.8239999999999998</v>
      </c>
      <c r="W599" s="2">
        <v>3.3000000000000002E-2</v>
      </c>
      <c r="X599" s="2">
        <v>12</v>
      </c>
      <c r="Y599" s="2">
        <v>29</v>
      </c>
      <c r="Z599" s="2">
        <v>95.4</v>
      </c>
      <c r="AA599" s="5">
        <v>36</v>
      </c>
      <c r="AB599" s="5" t="s">
        <v>43</v>
      </c>
      <c r="AC599" s="5" t="s">
        <v>44</v>
      </c>
      <c r="AD599" s="2" t="s">
        <v>82749</v>
      </c>
      <c r="AE599" s="1"/>
    </row>
    <row r="600" spans="1:31">
      <c r="A600" s="5" t="s">
        <v>116</v>
      </c>
      <c r="B600" s="21">
        <v>46082</v>
      </c>
      <c r="C600" s="2" t="s">
        <v>82821</v>
      </c>
      <c r="D600" s="14" t="s">
        <v>82822</v>
      </c>
      <c r="E600" s="2" t="s">
        <v>82823</v>
      </c>
      <c r="F600" s="2" t="s">
        <v>130</v>
      </c>
      <c r="G600" s="8">
        <v>100</v>
      </c>
      <c r="H600" s="5">
        <v>15</v>
      </c>
      <c r="I600" s="5" t="s">
        <v>69</v>
      </c>
      <c r="J600" s="5" t="s">
        <v>28207</v>
      </c>
      <c r="K600" s="2" t="s">
        <v>28208</v>
      </c>
      <c r="L600" s="5" t="s">
        <v>28207</v>
      </c>
      <c r="M600" s="2" t="s">
        <v>28208</v>
      </c>
      <c r="N600" s="5" t="s">
        <v>733</v>
      </c>
      <c r="O600" s="5" t="s">
        <v>38</v>
      </c>
      <c r="P600" s="5" t="s">
        <v>39</v>
      </c>
      <c r="Q600" s="5" t="s">
        <v>40</v>
      </c>
      <c r="R600" s="5" t="s">
        <v>25301</v>
      </c>
      <c r="S600" s="5" t="s">
        <v>40</v>
      </c>
      <c r="T600" s="5" t="s">
        <v>42</v>
      </c>
      <c r="U600" s="2">
        <v>3.6819999999999999</v>
      </c>
      <c r="V600" s="2">
        <v>3.6389999999999998</v>
      </c>
      <c r="W600" s="2">
        <v>3.3000000000000002E-2</v>
      </c>
      <c r="X600" s="2">
        <v>12</v>
      </c>
      <c r="Y600" s="2">
        <v>29</v>
      </c>
      <c r="Z600" s="2">
        <v>95.4</v>
      </c>
      <c r="AA600" s="5">
        <v>36</v>
      </c>
      <c r="AB600" s="5" t="s">
        <v>43</v>
      </c>
      <c r="AC600" s="5" t="s">
        <v>44</v>
      </c>
      <c r="AD600" s="2" t="s">
        <v>82749</v>
      </c>
      <c r="AE600" s="1"/>
    </row>
    <row r="601" spans="1:31">
      <c r="A601" s="5" t="s">
        <v>116</v>
      </c>
      <c r="B601" s="21">
        <v>46054</v>
      </c>
      <c r="C601" s="2" t="s">
        <v>82824</v>
      </c>
      <c r="D601" s="14" t="s">
        <v>82825</v>
      </c>
      <c r="E601" s="2" t="s">
        <v>82826</v>
      </c>
      <c r="F601" s="2" t="s">
        <v>130</v>
      </c>
      <c r="G601" s="8">
        <v>35</v>
      </c>
      <c r="H601" s="5">
        <v>5</v>
      </c>
      <c r="I601" s="5" t="s">
        <v>69</v>
      </c>
      <c r="J601" s="5" t="s">
        <v>28207</v>
      </c>
      <c r="K601" s="2" t="s">
        <v>28208</v>
      </c>
      <c r="L601" s="5" t="s">
        <v>28207</v>
      </c>
      <c r="M601" s="2" t="s">
        <v>28208</v>
      </c>
      <c r="N601" s="5" t="s">
        <v>733</v>
      </c>
      <c r="O601" s="5" t="s">
        <v>38</v>
      </c>
      <c r="P601" s="5" t="s">
        <v>39</v>
      </c>
      <c r="Q601" s="5" t="s">
        <v>40</v>
      </c>
      <c r="R601" s="5" t="s">
        <v>24335</v>
      </c>
      <c r="S601" s="5" t="s">
        <v>40</v>
      </c>
      <c r="T601" s="5" t="s">
        <v>42</v>
      </c>
      <c r="U601" s="2">
        <v>1.135</v>
      </c>
      <c r="V601" s="2">
        <v>0.76500000000000001</v>
      </c>
      <c r="W601" s="2">
        <v>1.7000000000000001E-2</v>
      </c>
      <c r="X601" s="2">
        <v>6.2</v>
      </c>
      <c r="Y601" s="2">
        <v>18.3</v>
      </c>
      <c r="Z601" s="2">
        <v>148.30000000000001</v>
      </c>
      <c r="AA601" s="5">
        <v>36</v>
      </c>
      <c r="AB601" s="5" t="s">
        <v>43</v>
      </c>
      <c r="AC601" s="5" t="s">
        <v>44</v>
      </c>
      <c r="AD601" s="2" t="s">
        <v>82735</v>
      </c>
      <c r="AE601" s="1"/>
    </row>
    <row r="602" spans="1:31">
      <c r="A602" s="5" t="s">
        <v>116</v>
      </c>
      <c r="B602" s="21">
        <v>46054</v>
      </c>
      <c r="C602" s="2" t="s">
        <v>82827</v>
      </c>
      <c r="D602" s="14" t="s">
        <v>82828</v>
      </c>
      <c r="E602" s="2" t="s">
        <v>82829</v>
      </c>
      <c r="F602" s="2" t="s">
        <v>130</v>
      </c>
      <c r="G602" s="8">
        <v>66</v>
      </c>
      <c r="H602" s="5">
        <v>5</v>
      </c>
      <c r="I602" s="5" t="s">
        <v>69</v>
      </c>
      <c r="J602" s="5" t="s">
        <v>28207</v>
      </c>
      <c r="K602" s="2" t="s">
        <v>28208</v>
      </c>
      <c r="L602" s="5" t="s">
        <v>28207</v>
      </c>
      <c r="M602" s="2" t="s">
        <v>28208</v>
      </c>
      <c r="N602" s="5" t="s">
        <v>733</v>
      </c>
      <c r="O602" s="5" t="s">
        <v>38</v>
      </c>
      <c r="P602" s="5" t="s">
        <v>39</v>
      </c>
      <c r="Q602" s="5" t="s">
        <v>40</v>
      </c>
      <c r="R602" s="5" t="s">
        <v>24340</v>
      </c>
      <c r="S602" s="5" t="s">
        <v>40</v>
      </c>
      <c r="T602" s="5" t="s">
        <v>42</v>
      </c>
      <c r="U602" s="2">
        <v>2.2850000000000001</v>
      </c>
      <c r="V602" s="2">
        <v>1.915</v>
      </c>
      <c r="W602" s="2">
        <v>1.7000000000000001E-2</v>
      </c>
      <c r="X602" s="2">
        <v>6.2</v>
      </c>
      <c r="Y602" s="2">
        <v>18.3</v>
      </c>
      <c r="Z602" s="2">
        <v>148.30000000000001</v>
      </c>
      <c r="AA602" s="5">
        <v>36</v>
      </c>
      <c r="AB602" s="5" t="s">
        <v>43</v>
      </c>
      <c r="AC602" s="5" t="s">
        <v>44</v>
      </c>
      <c r="AD602" s="2" t="s">
        <v>82735</v>
      </c>
      <c r="AE602" s="1"/>
    </row>
    <row r="603" spans="1:31">
      <c r="A603" s="5" t="s">
        <v>116</v>
      </c>
      <c r="B603" s="21">
        <v>46054</v>
      </c>
      <c r="C603" s="2" t="s">
        <v>82830</v>
      </c>
      <c r="D603" s="14" t="s">
        <v>82831</v>
      </c>
      <c r="E603" s="2" t="s">
        <v>82832</v>
      </c>
      <c r="F603" s="2" t="s">
        <v>130</v>
      </c>
      <c r="G603" s="8">
        <v>66</v>
      </c>
      <c r="H603" s="5">
        <v>15</v>
      </c>
      <c r="I603" s="5" t="s">
        <v>69</v>
      </c>
      <c r="J603" s="5" t="s">
        <v>28207</v>
      </c>
      <c r="K603" s="2" t="s">
        <v>28208</v>
      </c>
      <c r="L603" s="5" t="s">
        <v>28207</v>
      </c>
      <c r="M603" s="2" t="s">
        <v>28208</v>
      </c>
      <c r="N603" s="5" t="s">
        <v>733</v>
      </c>
      <c r="O603" s="5" t="s">
        <v>38</v>
      </c>
      <c r="P603" s="5" t="s">
        <v>39</v>
      </c>
      <c r="Q603" s="5" t="s">
        <v>40</v>
      </c>
      <c r="R603" s="5" t="s">
        <v>25301</v>
      </c>
      <c r="S603" s="5" t="s">
        <v>40</v>
      </c>
      <c r="T603" s="5" t="s">
        <v>42</v>
      </c>
      <c r="U603" s="2">
        <v>2.0840000000000001</v>
      </c>
      <c r="V603" s="2">
        <v>1.714</v>
      </c>
      <c r="W603" s="2">
        <v>1.7000000000000001E-2</v>
      </c>
      <c r="X603" s="2">
        <v>6.2</v>
      </c>
      <c r="Y603" s="2">
        <v>18.3</v>
      </c>
      <c r="Z603" s="2">
        <v>148.30000000000001</v>
      </c>
      <c r="AA603" s="5">
        <v>36</v>
      </c>
      <c r="AB603" s="5" t="s">
        <v>43</v>
      </c>
      <c r="AC603" s="5" t="s">
        <v>44</v>
      </c>
      <c r="AD603" s="2" t="s">
        <v>82735</v>
      </c>
      <c r="AE603" s="1"/>
    </row>
    <row r="604" spans="1:31">
      <c r="A604" s="5" t="s">
        <v>116</v>
      </c>
      <c r="B604" s="21">
        <v>46082</v>
      </c>
      <c r="C604" s="2" t="s">
        <v>82833</v>
      </c>
      <c r="D604" s="14" t="s">
        <v>82834</v>
      </c>
      <c r="E604" s="2" t="s">
        <v>82835</v>
      </c>
      <c r="F604" s="2" t="s">
        <v>130</v>
      </c>
      <c r="G604" s="8">
        <v>78</v>
      </c>
      <c r="H604" s="5">
        <v>5</v>
      </c>
      <c r="I604" s="5" t="s">
        <v>69</v>
      </c>
      <c r="J604" s="5" t="s">
        <v>28207</v>
      </c>
      <c r="K604" s="2" t="s">
        <v>28208</v>
      </c>
      <c r="L604" s="5" t="s">
        <v>28207</v>
      </c>
      <c r="M604" s="2" t="s">
        <v>28208</v>
      </c>
      <c r="N604" s="5" t="s">
        <v>733</v>
      </c>
      <c r="O604" s="5" t="s">
        <v>38</v>
      </c>
      <c r="P604" s="5" t="s">
        <v>39</v>
      </c>
      <c r="Q604" s="5" t="s">
        <v>40</v>
      </c>
      <c r="R604" s="5" t="s">
        <v>24335</v>
      </c>
      <c r="S604" s="5" t="s">
        <v>40</v>
      </c>
      <c r="T604" s="5" t="s">
        <v>42</v>
      </c>
      <c r="U604" s="2">
        <v>3.1190000000000002</v>
      </c>
      <c r="V604" s="2">
        <v>3.0760000000000001</v>
      </c>
      <c r="W604" s="2">
        <v>0.04</v>
      </c>
      <c r="X604" s="2">
        <v>12</v>
      </c>
      <c r="Y604" s="2">
        <v>29</v>
      </c>
      <c r="Z604" s="2">
        <v>115.4</v>
      </c>
      <c r="AA604" s="5">
        <v>36</v>
      </c>
      <c r="AB604" s="5" t="s">
        <v>43</v>
      </c>
      <c r="AC604" s="5" t="s">
        <v>44</v>
      </c>
      <c r="AD604" s="2" t="s">
        <v>82749</v>
      </c>
      <c r="AE604" s="1"/>
    </row>
    <row r="605" spans="1:31">
      <c r="A605" s="5" t="s">
        <v>116</v>
      </c>
      <c r="B605" s="21">
        <v>46082</v>
      </c>
      <c r="C605" s="2" t="s">
        <v>82836</v>
      </c>
      <c r="D605" s="14" t="s">
        <v>82837</v>
      </c>
      <c r="E605" s="2" t="s">
        <v>82838</v>
      </c>
      <c r="F605" s="2" t="s">
        <v>130</v>
      </c>
      <c r="G605" s="8">
        <v>109</v>
      </c>
      <c r="H605" s="5">
        <v>5</v>
      </c>
      <c r="I605" s="5" t="s">
        <v>69</v>
      </c>
      <c r="J605" s="5" t="s">
        <v>28207</v>
      </c>
      <c r="K605" s="2" t="s">
        <v>28208</v>
      </c>
      <c r="L605" s="5" t="s">
        <v>28207</v>
      </c>
      <c r="M605" s="2" t="s">
        <v>28208</v>
      </c>
      <c r="N605" s="5" t="s">
        <v>733</v>
      </c>
      <c r="O605" s="5" t="s">
        <v>38</v>
      </c>
      <c r="P605" s="5" t="s">
        <v>39</v>
      </c>
      <c r="Q605" s="5" t="s">
        <v>40</v>
      </c>
      <c r="R605" s="5" t="s">
        <v>24340</v>
      </c>
      <c r="S605" s="5" t="s">
        <v>40</v>
      </c>
      <c r="T605" s="5" t="s">
        <v>42</v>
      </c>
      <c r="U605" s="2">
        <v>4.2690000000000001</v>
      </c>
      <c r="V605" s="2">
        <v>4.226</v>
      </c>
      <c r="W605" s="2">
        <v>0.04</v>
      </c>
      <c r="X605" s="2">
        <v>12</v>
      </c>
      <c r="Y605" s="2">
        <v>29</v>
      </c>
      <c r="Z605" s="2">
        <v>115.4</v>
      </c>
      <c r="AA605" s="5">
        <v>36</v>
      </c>
      <c r="AB605" s="5" t="s">
        <v>43</v>
      </c>
      <c r="AC605" s="5" t="s">
        <v>44</v>
      </c>
      <c r="AD605" s="2" t="s">
        <v>82749</v>
      </c>
      <c r="AE605" s="1"/>
    </row>
    <row r="606" spans="1:31">
      <c r="A606" s="5" t="s">
        <v>116</v>
      </c>
      <c r="B606" s="21">
        <v>46082</v>
      </c>
      <c r="C606" s="2" t="s">
        <v>82839</v>
      </c>
      <c r="D606" s="14" t="s">
        <v>82840</v>
      </c>
      <c r="E606" s="2" t="s">
        <v>82841</v>
      </c>
      <c r="F606" s="2" t="s">
        <v>130</v>
      </c>
      <c r="G606" s="8">
        <v>109</v>
      </c>
      <c r="H606" s="5">
        <v>15</v>
      </c>
      <c r="I606" s="5" t="s">
        <v>69</v>
      </c>
      <c r="J606" s="5" t="s">
        <v>28207</v>
      </c>
      <c r="K606" s="2" t="s">
        <v>28208</v>
      </c>
      <c r="L606" s="5" t="s">
        <v>28207</v>
      </c>
      <c r="M606" s="2" t="s">
        <v>28208</v>
      </c>
      <c r="N606" s="5" t="s">
        <v>733</v>
      </c>
      <c r="O606" s="5" t="s">
        <v>38</v>
      </c>
      <c r="P606" s="5" t="s">
        <v>39</v>
      </c>
      <c r="Q606" s="5" t="s">
        <v>40</v>
      </c>
      <c r="R606" s="5" t="s">
        <v>25301</v>
      </c>
      <c r="S606" s="5" t="s">
        <v>40</v>
      </c>
      <c r="T606" s="5" t="s">
        <v>42</v>
      </c>
      <c r="U606" s="2">
        <v>4.0570000000000004</v>
      </c>
      <c r="V606" s="2">
        <v>4.0140000000000002</v>
      </c>
      <c r="W606" s="2">
        <v>0.04</v>
      </c>
      <c r="X606" s="2">
        <v>12</v>
      </c>
      <c r="Y606" s="2">
        <v>29</v>
      </c>
      <c r="Z606" s="2">
        <v>115.4</v>
      </c>
      <c r="AA606" s="5">
        <v>36</v>
      </c>
      <c r="AB606" s="5" t="s">
        <v>43</v>
      </c>
      <c r="AC606" s="5" t="s">
        <v>44</v>
      </c>
      <c r="AD606" s="2" t="s">
        <v>82749</v>
      </c>
      <c r="AE606" s="1"/>
    </row>
    <row r="607" spans="1:31">
      <c r="A607" s="5" t="s">
        <v>116</v>
      </c>
      <c r="B607" s="21">
        <v>46054</v>
      </c>
      <c r="C607" s="2" t="s">
        <v>82842</v>
      </c>
      <c r="D607" s="14" t="s">
        <v>82843</v>
      </c>
      <c r="E607" s="2" t="s">
        <v>82844</v>
      </c>
      <c r="F607" s="2" t="s">
        <v>130</v>
      </c>
      <c r="G607" s="8">
        <v>37</v>
      </c>
      <c r="H607" s="5">
        <v>5</v>
      </c>
      <c r="I607" s="5" t="s">
        <v>69</v>
      </c>
      <c r="J607" s="5" t="s">
        <v>28207</v>
      </c>
      <c r="K607" s="2" t="s">
        <v>28208</v>
      </c>
      <c r="L607" s="5" t="s">
        <v>28207</v>
      </c>
      <c r="M607" s="2" t="s">
        <v>28208</v>
      </c>
      <c r="N607" s="5" t="s">
        <v>733</v>
      </c>
      <c r="O607" s="5" t="s">
        <v>38</v>
      </c>
      <c r="P607" s="5" t="s">
        <v>39</v>
      </c>
      <c r="Q607" s="5" t="s">
        <v>40</v>
      </c>
      <c r="R607" s="5" t="s">
        <v>24335</v>
      </c>
      <c r="S607" s="5" t="s">
        <v>40</v>
      </c>
      <c r="T607" s="5" t="s">
        <v>42</v>
      </c>
      <c r="U607" s="2">
        <v>1.2170000000000001</v>
      </c>
      <c r="V607" s="2">
        <v>0.84699999999999998</v>
      </c>
      <c r="W607" s="2">
        <v>1.7000000000000001E-2</v>
      </c>
      <c r="X607" s="2">
        <v>6.2</v>
      </c>
      <c r="Y607" s="2">
        <v>18.3</v>
      </c>
      <c r="Z607" s="2">
        <v>148.30000000000001</v>
      </c>
      <c r="AA607" s="5">
        <v>36</v>
      </c>
      <c r="AB607" s="5" t="s">
        <v>43</v>
      </c>
      <c r="AC607" s="5" t="s">
        <v>44</v>
      </c>
      <c r="AD607" s="2" t="s">
        <v>82735</v>
      </c>
      <c r="AE607" s="1"/>
    </row>
    <row r="608" spans="1:31">
      <c r="A608" s="5" t="s">
        <v>116</v>
      </c>
      <c r="B608" s="21">
        <v>46054</v>
      </c>
      <c r="C608" s="2" t="s">
        <v>82845</v>
      </c>
      <c r="D608" s="14" t="s">
        <v>82846</v>
      </c>
      <c r="E608" s="2" t="s">
        <v>82847</v>
      </c>
      <c r="F608" s="2" t="s">
        <v>130</v>
      </c>
      <c r="G608" s="8">
        <v>68</v>
      </c>
      <c r="H608" s="5">
        <v>15</v>
      </c>
      <c r="I608" s="5" t="s">
        <v>69</v>
      </c>
      <c r="J608" s="5" t="s">
        <v>28207</v>
      </c>
      <c r="K608" s="2" t="s">
        <v>28208</v>
      </c>
      <c r="L608" s="5" t="s">
        <v>28207</v>
      </c>
      <c r="M608" s="2" t="s">
        <v>28208</v>
      </c>
      <c r="N608" s="5" t="s">
        <v>733</v>
      </c>
      <c r="O608" s="5" t="s">
        <v>38</v>
      </c>
      <c r="P608" s="5" t="s">
        <v>39</v>
      </c>
      <c r="Q608" s="5" t="s">
        <v>40</v>
      </c>
      <c r="R608" s="5" t="s">
        <v>24340</v>
      </c>
      <c r="S608" s="5" t="s">
        <v>40</v>
      </c>
      <c r="T608" s="5" t="s">
        <v>42</v>
      </c>
      <c r="U608" s="2">
        <v>2.5129999999999999</v>
      </c>
      <c r="V608" s="2">
        <v>2.1429999999999998</v>
      </c>
      <c r="W608" s="2">
        <v>1.7000000000000001E-2</v>
      </c>
      <c r="X608" s="2">
        <v>6.2</v>
      </c>
      <c r="Y608" s="2">
        <v>18.3</v>
      </c>
      <c r="Z608" s="2">
        <v>148.30000000000001</v>
      </c>
      <c r="AA608" s="5">
        <v>36</v>
      </c>
      <c r="AB608" s="5" t="s">
        <v>43</v>
      </c>
      <c r="AC608" s="5" t="s">
        <v>44</v>
      </c>
      <c r="AD608" s="2" t="s">
        <v>82735</v>
      </c>
      <c r="AE608" s="1"/>
    </row>
    <row r="609" spans="1:31">
      <c r="A609" s="5" t="s">
        <v>116</v>
      </c>
      <c r="B609" s="21">
        <v>46054</v>
      </c>
      <c r="C609" s="2" t="s">
        <v>82848</v>
      </c>
      <c r="D609" s="14" t="s">
        <v>82849</v>
      </c>
      <c r="E609" s="2" t="s">
        <v>82850</v>
      </c>
      <c r="F609" s="2" t="s">
        <v>130</v>
      </c>
      <c r="G609" s="8">
        <v>68</v>
      </c>
      <c r="H609" s="5">
        <v>15</v>
      </c>
      <c r="I609" s="5" t="s">
        <v>69</v>
      </c>
      <c r="J609" s="5" t="s">
        <v>28207</v>
      </c>
      <c r="K609" s="2" t="s">
        <v>28208</v>
      </c>
      <c r="L609" s="5" t="s">
        <v>28207</v>
      </c>
      <c r="M609" s="2" t="s">
        <v>28208</v>
      </c>
      <c r="N609" s="5" t="s">
        <v>733</v>
      </c>
      <c r="O609" s="5" t="s">
        <v>38</v>
      </c>
      <c r="P609" s="5" t="s">
        <v>39</v>
      </c>
      <c r="Q609" s="5" t="s">
        <v>40</v>
      </c>
      <c r="R609" s="5" t="s">
        <v>25301</v>
      </c>
      <c r="S609" s="5" t="s">
        <v>40</v>
      </c>
      <c r="T609" s="5" t="s">
        <v>42</v>
      </c>
      <c r="U609" s="2">
        <v>2.282</v>
      </c>
      <c r="V609" s="2">
        <v>1.9119999999999999</v>
      </c>
      <c r="W609" s="2">
        <v>1.7000000000000001E-2</v>
      </c>
      <c r="X609" s="2">
        <v>6.2</v>
      </c>
      <c r="Y609" s="2">
        <v>18.3</v>
      </c>
      <c r="Z609" s="2">
        <v>148.30000000000001</v>
      </c>
      <c r="AA609" s="5">
        <v>36</v>
      </c>
      <c r="AB609" s="5" t="s">
        <v>43</v>
      </c>
      <c r="AC609" s="5" t="s">
        <v>44</v>
      </c>
      <c r="AD609" s="2" t="s">
        <v>82735</v>
      </c>
      <c r="AE609" s="1"/>
    </row>
    <row r="610" spans="1:31">
      <c r="A610" s="5" t="s">
        <v>116</v>
      </c>
      <c r="B610" s="21">
        <v>46082</v>
      </c>
      <c r="C610" s="2" t="s">
        <v>82851</v>
      </c>
      <c r="D610" s="14" t="s">
        <v>82852</v>
      </c>
      <c r="E610" s="2" t="s">
        <v>82853</v>
      </c>
      <c r="F610" s="2" t="s">
        <v>130</v>
      </c>
      <c r="G610" s="8">
        <v>82</v>
      </c>
      <c r="H610" s="5">
        <v>5</v>
      </c>
      <c r="I610" s="5" t="s">
        <v>69</v>
      </c>
      <c r="J610" s="5" t="s">
        <v>28207</v>
      </c>
      <c r="K610" s="2" t="s">
        <v>28208</v>
      </c>
      <c r="L610" s="5" t="s">
        <v>28207</v>
      </c>
      <c r="M610" s="2" t="s">
        <v>28208</v>
      </c>
      <c r="N610" s="5" t="s">
        <v>733</v>
      </c>
      <c r="O610" s="5" t="s">
        <v>38</v>
      </c>
      <c r="P610" s="5" t="s">
        <v>39</v>
      </c>
      <c r="Q610" s="5" t="s">
        <v>40</v>
      </c>
      <c r="R610" s="5" t="s">
        <v>24335</v>
      </c>
      <c r="S610" s="5" t="s">
        <v>40</v>
      </c>
      <c r="T610" s="5" t="s">
        <v>42</v>
      </c>
      <c r="U610" s="2">
        <v>3.45</v>
      </c>
      <c r="V610" s="2">
        <v>3.407</v>
      </c>
      <c r="W610" s="2">
        <v>5.2999999999999999E-2</v>
      </c>
      <c r="X610" s="2">
        <v>12</v>
      </c>
      <c r="Y610" s="2">
        <v>29</v>
      </c>
      <c r="Z610" s="2">
        <v>152.19999999999999</v>
      </c>
      <c r="AA610" s="5">
        <v>36</v>
      </c>
      <c r="AB610" s="5" t="s">
        <v>43</v>
      </c>
      <c r="AC610" s="5" t="s">
        <v>44</v>
      </c>
      <c r="AD610" s="2" t="s">
        <v>82749</v>
      </c>
      <c r="AE610" s="1"/>
    </row>
    <row r="611" spans="1:31">
      <c r="A611" s="5" t="s">
        <v>116</v>
      </c>
      <c r="B611" s="21">
        <v>46082</v>
      </c>
      <c r="C611" s="2" t="s">
        <v>82854</v>
      </c>
      <c r="D611" s="14" t="s">
        <v>82855</v>
      </c>
      <c r="E611" s="2" t="s">
        <v>82856</v>
      </c>
      <c r="F611" s="2" t="s">
        <v>130</v>
      </c>
      <c r="G611" s="8">
        <v>113</v>
      </c>
      <c r="H611" s="5">
        <v>15</v>
      </c>
      <c r="I611" s="5" t="s">
        <v>69</v>
      </c>
      <c r="J611" s="5" t="s">
        <v>28207</v>
      </c>
      <c r="K611" s="2" t="s">
        <v>28208</v>
      </c>
      <c r="L611" s="5" t="s">
        <v>28207</v>
      </c>
      <c r="M611" s="2" t="s">
        <v>28208</v>
      </c>
      <c r="N611" s="5" t="s">
        <v>733</v>
      </c>
      <c r="O611" s="5" t="s">
        <v>38</v>
      </c>
      <c r="P611" s="5" t="s">
        <v>39</v>
      </c>
      <c r="Q611" s="5" t="s">
        <v>40</v>
      </c>
      <c r="R611" s="5" t="s">
        <v>24340</v>
      </c>
      <c r="S611" s="5" t="s">
        <v>40</v>
      </c>
      <c r="T611" s="5" t="s">
        <v>42</v>
      </c>
      <c r="U611" s="2">
        <v>4.7350000000000003</v>
      </c>
      <c r="V611" s="2">
        <v>4.6920000000000002</v>
      </c>
      <c r="W611" s="2">
        <v>5.2999999999999999E-2</v>
      </c>
      <c r="X611" s="2">
        <v>12</v>
      </c>
      <c r="Y611" s="2">
        <v>29</v>
      </c>
      <c r="Z611" s="2">
        <v>152.19999999999999</v>
      </c>
      <c r="AA611" s="5">
        <v>36</v>
      </c>
      <c r="AB611" s="5" t="s">
        <v>43</v>
      </c>
      <c r="AC611" s="5" t="s">
        <v>44</v>
      </c>
      <c r="AD611" s="2" t="s">
        <v>82749</v>
      </c>
      <c r="AE611" s="1"/>
    </row>
    <row r="612" spans="1:31">
      <c r="A612" s="5" t="s">
        <v>116</v>
      </c>
      <c r="B612" s="21">
        <v>46082</v>
      </c>
      <c r="C612" s="2" t="s">
        <v>82857</v>
      </c>
      <c r="D612" s="14" t="s">
        <v>82858</v>
      </c>
      <c r="E612" s="2" t="s">
        <v>82859</v>
      </c>
      <c r="F612" s="2" t="s">
        <v>130</v>
      </c>
      <c r="G612" s="8">
        <v>113</v>
      </c>
      <c r="H612" s="5">
        <v>15</v>
      </c>
      <c r="I612" s="5" t="s">
        <v>69</v>
      </c>
      <c r="J612" s="5" t="s">
        <v>28207</v>
      </c>
      <c r="K612" s="2" t="s">
        <v>28208</v>
      </c>
      <c r="L612" s="5" t="s">
        <v>28207</v>
      </c>
      <c r="M612" s="2" t="s">
        <v>28208</v>
      </c>
      <c r="N612" s="5" t="s">
        <v>733</v>
      </c>
      <c r="O612" s="5" t="s">
        <v>38</v>
      </c>
      <c r="P612" s="5" t="s">
        <v>39</v>
      </c>
      <c r="Q612" s="5" t="s">
        <v>40</v>
      </c>
      <c r="R612" s="5" t="s">
        <v>25301</v>
      </c>
      <c r="S612" s="5" t="s">
        <v>40</v>
      </c>
      <c r="T612" s="5" t="s">
        <v>42</v>
      </c>
      <c r="U612" s="2">
        <v>4.5039999999999996</v>
      </c>
      <c r="V612" s="2">
        <v>4.4610000000000003</v>
      </c>
      <c r="W612" s="2">
        <v>5.2999999999999999E-2</v>
      </c>
      <c r="X612" s="2">
        <v>12</v>
      </c>
      <c r="Y612" s="2">
        <v>29</v>
      </c>
      <c r="Z612" s="2">
        <v>152.19999999999999</v>
      </c>
      <c r="AA612" s="5">
        <v>36</v>
      </c>
      <c r="AB612" s="5" t="s">
        <v>43</v>
      </c>
      <c r="AC612" s="5" t="s">
        <v>44</v>
      </c>
      <c r="AD612" s="2" t="s">
        <v>82749</v>
      </c>
      <c r="AE612" s="1"/>
    </row>
    <row r="613" spans="1:31">
      <c r="A613" s="5" t="s">
        <v>116</v>
      </c>
      <c r="B613" s="21">
        <v>46054</v>
      </c>
      <c r="C613" s="2" t="s">
        <v>82860</v>
      </c>
      <c r="D613" s="14" t="s">
        <v>82861</v>
      </c>
      <c r="E613" s="2" t="s">
        <v>82862</v>
      </c>
      <c r="F613" s="2" t="s">
        <v>130</v>
      </c>
      <c r="G613" s="8">
        <v>33</v>
      </c>
      <c r="H613" s="5">
        <v>5</v>
      </c>
      <c r="I613" s="5" t="s">
        <v>69</v>
      </c>
      <c r="J613" s="5" t="s">
        <v>28207</v>
      </c>
      <c r="K613" s="2" t="s">
        <v>28208</v>
      </c>
      <c r="L613" s="5" t="s">
        <v>28207</v>
      </c>
      <c r="M613" s="2" t="s">
        <v>28208</v>
      </c>
      <c r="N613" s="5" t="s">
        <v>733</v>
      </c>
      <c r="O613" s="5" t="s">
        <v>38</v>
      </c>
      <c r="P613" s="5" t="s">
        <v>39</v>
      </c>
      <c r="Q613" s="5" t="s">
        <v>40</v>
      </c>
      <c r="R613" s="5" t="s">
        <v>24335</v>
      </c>
      <c r="S613" s="5" t="s">
        <v>40</v>
      </c>
      <c r="T613" s="5" t="s">
        <v>42</v>
      </c>
      <c r="U613" s="2">
        <v>1.087</v>
      </c>
      <c r="V613" s="2">
        <v>0.71699999999999997</v>
      </c>
      <c r="W613" s="2">
        <v>1.7000000000000001E-2</v>
      </c>
      <c r="X613" s="2">
        <v>6.2</v>
      </c>
      <c r="Y613" s="2">
        <v>18.3</v>
      </c>
      <c r="Z613" s="2">
        <v>148.30000000000001</v>
      </c>
      <c r="AA613" s="5">
        <v>36</v>
      </c>
      <c r="AB613" s="5" t="s">
        <v>43</v>
      </c>
      <c r="AC613" s="5" t="s">
        <v>44</v>
      </c>
      <c r="AD613" s="2" t="s">
        <v>82735</v>
      </c>
      <c r="AE613" s="1"/>
    </row>
    <row r="614" spans="1:31">
      <c r="A614" s="5" t="s">
        <v>116</v>
      </c>
      <c r="B614" s="21">
        <v>46054</v>
      </c>
      <c r="C614" s="2" t="s">
        <v>82863</v>
      </c>
      <c r="D614" s="14" t="s">
        <v>82864</v>
      </c>
      <c r="E614" s="2" t="s">
        <v>82865</v>
      </c>
      <c r="F614" s="2" t="s">
        <v>130</v>
      </c>
      <c r="G614" s="8">
        <v>64</v>
      </c>
      <c r="H614" s="5">
        <v>5</v>
      </c>
      <c r="I614" s="5" t="s">
        <v>69</v>
      </c>
      <c r="J614" s="5" t="s">
        <v>28207</v>
      </c>
      <c r="K614" s="2" t="s">
        <v>28208</v>
      </c>
      <c r="L614" s="5" t="s">
        <v>28207</v>
      </c>
      <c r="M614" s="2" t="s">
        <v>28208</v>
      </c>
      <c r="N614" s="5" t="s">
        <v>733</v>
      </c>
      <c r="O614" s="5" t="s">
        <v>38</v>
      </c>
      <c r="P614" s="5" t="s">
        <v>39</v>
      </c>
      <c r="Q614" s="5" t="s">
        <v>40</v>
      </c>
      <c r="R614" s="5" t="s">
        <v>24340</v>
      </c>
      <c r="S614" s="5" t="s">
        <v>40</v>
      </c>
      <c r="T614" s="5" t="s">
        <v>42</v>
      </c>
      <c r="U614" s="2">
        <v>2.1779999999999999</v>
      </c>
      <c r="V614" s="2">
        <v>1.8080000000000001</v>
      </c>
      <c r="W614" s="2">
        <v>1.7000000000000001E-2</v>
      </c>
      <c r="X614" s="2">
        <v>6.2</v>
      </c>
      <c r="Y614" s="2">
        <v>18.3</v>
      </c>
      <c r="Z614" s="2">
        <v>148.30000000000001</v>
      </c>
      <c r="AA614" s="5">
        <v>36</v>
      </c>
      <c r="AB614" s="5" t="s">
        <v>43</v>
      </c>
      <c r="AC614" s="5" t="s">
        <v>44</v>
      </c>
      <c r="AD614" s="2" t="s">
        <v>82735</v>
      </c>
      <c r="AE614" s="1"/>
    </row>
    <row r="615" spans="1:31">
      <c r="A615" s="5" t="s">
        <v>116</v>
      </c>
      <c r="B615" s="21">
        <v>46054</v>
      </c>
      <c r="C615" s="2" t="s">
        <v>82866</v>
      </c>
      <c r="D615" s="14" t="s">
        <v>82867</v>
      </c>
      <c r="E615" s="2" t="s">
        <v>82868</v>
      </c>
      <c r="F615" s="2" t="s">
        <v>130</v>
      </c>
      <c r="G615" s="8">
        <v>64</v>
      </c>
      <c r="H615" s="5">
        <v>15</v>
      </c>
      <c r="I615" s="5" t="s">
        <v>69</v>
      </c>
      <c r="J615" s="5" t="s">
        <v>28207</v>
      </c>
      <c r="K615" s="2" t="s">
        <v>28208</v>
      </c>
      <c r="L615" s="5" t="s">
        <v>28207</v>
      </c>
      <c r="M615" s="2" t="s">
        <v>28208</v>
      </c>
      <c r="N615" s="5" t="s">
        <v>733</v>
      </c>
      <c r="O615" s="5" t="s">
        <v>38</v>
      </c>
      <c r="P615" s="5" t="s">
        <v>39</v>
      </c>
      <c r="Q615" s="5" t="s">
        <v>40</v>
      </c>
      <c r="R615" s="5" t="s">
        <v>25301</v>
      </c>
      <c r="S615" s="5" t="s">
        <v>40</v>
      </c>
      <c r="T615" s="5" t="s">
        <v>42</v>
      </c>
      <c r="U615" s="2">
        <v>1.9870000000000001</v>
      </c>
      <c r="V615" s="2">
        <v>1.617</v>
      </c>
      <c r="W615" s="2">
        <v>1.7000000000000001E-2</v>
      </c>
      <c r="X615" s="2">
        <v>6.2</v>
      </c>
      <c r="Y615" s="2">
        <v>18.3</v>
      </c>
      <c r="Z615" s="2">
        <v>148.30000000000001</v>
      </c>
      <c r="AA615" s="5">
        <v>36</v>
      </c>
      <c r="AB615" s="5" t="s">
        <v>43</v>
      </c>
      <c r="AC615" s="5" t="s">
        <v>44</v>
      </c>
      <c r="AD615" s="2" t="s">
        <v>82735</v>
      </c>
      <c r="AE615" s="1"/>
    </row>
    <row r="616" spans="1:31">
      <c r="A616" s="5" t="s">
        <v>116</v>
      </c>
      <c r="B616" s="21">
        <v>46082</v>
      </c>
      <c r="C616" s="2" t="s">
        <v>82869</v>
      </c>
      <c r="D616" s="14" t="s">
        <v>82870</v>
      </c>
      <c r="E616" s="2" t="s">
        <v>82871</v>
      </c>
      <c r="F616" s="2" t="s">
        <v>130</v>
      </c>
      <c r="G616" s="8">
        <v>74</v>
      </c>
      <c r="H616" s="5">
        <v>5</v>
      </c>
      <c r="I616" s="5" t="s">
        <v>69</v>
      </c>
      <c r="J616" s="5" t="s">
        <v>28207</v>
      </c>
      <c r="K616" s="2" t="s">
        <v>28208</v>
      </c>
      <c r="L616" s="5" t="s">
        <v>28207</v>
      </c>
      <c r="M616" s="2" t="s">
        <v>28208</v>
      </c>
      <c r="N616" s="5" t="s">
        <v>733</v>
      </c>
      <c r="O616" s="5" t="s">
        <v>38</v>
      </c>
      <c r="P616" s="5" t="s">
        <v>39</v>
      </c>
      <c r="Q616" s="5" t="s">
        <v>40</v>
      </c>
      <c r="R616" s="5" t="s">
        <v>24335</v>
      </c>
      <c r="S616" s="5" t="s">
        <v>40</v>
      </c>
      <c r="T616" s="5" t="s">
        <v>42</v>
      </c>
      <c r="U616" s="2">
        <v>3.2709999999999999</v>
      </c>
      <c r="V616" s="2">
        <v>3.2280000000000002</v>
      </c>
      <c r="W616" s="2">
        <v>0.04</v>
      </c>
      <c r="X616" s="2">
        <v>12</v>
      </c>
      <c r="Y616" s="2">
        <v>29</v>
      </c>
      <c r="Z616" s="2">
        <v>115.4</v>
      </c>
      <c r="AA616" s="5">
        <v>36</v>
      </c>
      <c r="AB616" s="5" t="s">
        <v>43</v>
      </c>
      <c r="AC616" s="5" t="s">
        <v>44</v>
      </c>
      <c r="AD616" s="2" t="s">
        <v>82749</v>
      </c>
      <c r="AE616" s="1"/>
    </row>
    <row r="617" spans="1:31">
      <c r="A617" s="5" t="s">
        <v>116</v>
      </c>
      <c r="B617" s="21">
        <v>46082</v>
      </c>
      <c r="C617" s="2" t="s">
        <v>82872</v>
      </c>
      <c r="D617" s="14" t="s">
        <v>82873</v>
      </c>
      <c r="E617" s="2" t="s">
        <v>82874</v>
      </c>
      <c r="F617" s="2" t="s">
        <v>130</v>
      </c>
      <c r="G617" s="8">
        <v>105</v>
      </c>
      <c r="H617" s="5">
        <v>5</v>
      </c>
      <c r="I617" s="5" t="s">
        <v>69</v>
      </c>
      <c r="J617" s="5" t="s">
        <v>28207</v>
      </c>
      <c r="K617" s="2" t="s">
        <v>28208</v>
      </c>
      <c r="L617" s="5" t="s">
        <v>28207</v>
      </c>
      <c r="M617" s="2" t="s">
        <v>28208</v>
      </c>
      <c r="N617" s="5" t="s">
        <v>733</v>
      </c>
      <c r="O617" s="5" t="s">
        <v>38</v>
      </c>
      <c r="P617" s="5" t="s">
        <v>39</v>
      </c>
      <c r="Q617" s="5" t="s">
        <v>40</v>
      </c>
      <c r="R617" s="5" t="s">
        <v>24340</v>
      </c>
      <c r="S617" s="5" t="s">
        <v>40</v>
      </c>
      <c r="T617" s="5" t="s">
        <v>42</v>
      </c>
      <c r="U617" s="2">
        <v>4.3620000000000001</v>
      </c>
      <c r="V617" s="2">
        <v>4.319</v>
      </c>
      <c r="W617" s="2">
        <v>0.04</v>
      </c>
      <c r="X617" s="2">
        <v>12</v>
      </c>
      <c r="Y617" s="2">
        <v>29</v>
      </c>
      <c r="Z617" s="2">
        <v>115.4</v>
      </c>
      <c r="AA617" s="5">
        <v>36</v>
      </c>
      <c r="AB617" s="5" t="s">
        <v>43</v>
      </c>
      <c r="AC617" s="5" t="s">
        <v>44</v>
      </c>
      <c r="AD617" s="2" t="s">
        <v>82749</v>
      </c>
      <c r="AE617" s="1"/>
    </row>
    <row r="618" spans="1:31">
      <c r="A618" s="5" t="s">
        <v>116</v>
      </c>
      <c r="B618" s="21">
        <v>46082</v>
      </c>
      <c r="C618" s="2" t="s">
        <v>82875</v>
      </c>
      <c r="D618" s="14" t="s">
        <v>82876</v>
      </c>
      <c r="E618" s="2" t="s">
        <v>82877</v>
      </c>
      <c r="F618" s="2" t="s">
        <v>130</v>
      </c>
      <c r="G618" s="8">
        <v>105</v>
      </c>
      <c r="H618" s="5">
        <v>15</v>
      </c>
      <c r="I618" s="5" t="s">
        <v>69</v>
      </c>
      <c r="J618" s="5" t="s">
        <v>28207</v>
      </c>
      <c r="K618" s="2" t="s">
        <v>28208</v>
      </c>
      <c r="L618" s="5" t="s">
        <v>28207</v>
      </c>
      <c r="M618" s="2" t="s">
        <v>28208</v>
      </c>
      <c r="N618" s="5" t="s">
        <v>733</v>
      </c>
      <c r="O618" s="5" t="s">
        <v>38</v>
      </c>
      <c r="P618" s="5" t="s">
        <v>39</v>
      </c>
      <c r="Q618" s="5" t="s">
        <v>40</v>
      </c>
      <c r="R618" s="5" t="s">
        <v>25301</v>
      </c>
      <c r="S618" s="5" t="s">
        <v>40</v>
      </c>
      <c r="T618" s="5" t="s">
        <v>42</v>
      </c>
      <c r="U618" s="2">
        <v>4.16</v>
      </c>
      <c r="V618" s="2">
        <v>4.117</v>
      </c>
      <c r="W618" s="2">
        <v>0.04</v>
      </c>
      <c r="X618" s="2">
        <v>12</v>
      </c>
      <c r="Y618" s="2">
        <v>29</v>
      </c>
      <c r="Z618" s="2">
        <v>115.4</v>
      </c>
      <c r="AA618" s="5">
        <v>36</v>
      </c>
      <c r="AB618" s="5" t="s">
        <v>43</v>
      </c>
      <c r="AC618" s="5" t="s">
        <v>44</v>
      </c>
      <c r="AD618" s="2" t="s">
        <v>82749</v>
      </c>
      <c r="AE618" s="1"/>
    </row>
    <row r="619" spans="1:31">
      <c r="A619" s="5" t="s">
        <v>116</v>
      </c>
      <c r="B619" s="21">
        <v>46054</v>
      </c>
      <c r="C619" s="2" t="s">
        <v>82878</v>
      </c>
      <c r="D619" s="14" t="s">
        <v>82879</v>
      </c>
      <c r="E619" s="2" t="s">
        <v>82880</v>
      </c>
      <c r="F619" s="2" t="s">
        <v>82881</v>
      </c>
      <c r="G619" s="8">
        <v>37</v>
      </c>
      <c r="H619" s="5">
        <v>5</v>
      </c>
      <c r="I619" s="5" t="s">
        <v>69</v>
      </c>
      <c r="J619" s="5" t="s">
        <v>28207</v>
      </c>
      <c r="K619" s="2" t="s">
        <v>28208</v>
      </c>
      <c r="L619" s="5" t="s">
        <v>28207</v>
      </c>
      <c r="M619" s="2" t="s">
        <v>28208</v>
      </c>
      <c r="N619" s="5" t="s">
        <v>733</v>
      </c>
      <c r="O619" s="5" t="s">
        <v>38</v>
      </c>
      <c r="P619" s="5" t="s">
        <v>39</v>
      </c>
      <c r="Q619" s="5" t="s">
        <v>40</v>
      </c>
      <c r="R619" s="5" t="s">
        <v>24335</v>
      </c>
      <c r="S619" s="5" t="s">
        <v>40</v>
      </c>
      <c r="T619" s="5" t="s">
        <v>42</v>
      </c>
      <c r="U619" s="2">
        <v>1.167</v>
      </c>
      <c r="V619" s="2">
        <v>0.79700000000000004</v>
      </c>
      <c r="W619" s="2">
        <v>1.7000000000000001E-2</v>
      </c>
      <c r="X619" s="2">
        <v>6.2</v>
      </c>
      <c r="Y619" s="2">
        <v>18.3</v>
      </c>
      <c r="Z619" s="2">
        <v>148.30000000000001</v>
      </c>
      <c r="AA619" s="5">
        <v>36</v>
      </c>
      <c r="AB619" s="5" t="s">
        <v>43</v>
      </c>
      <c r="AC619" s="5" t="s">
        <v>44</v>
      </c>
      <c r="AD619" s="2" t="s">
        <v>82735</v>
      </c>
      <c r="AE619" s="1"/>
    </row>
    <row r="620" spans="1:31">
      <c r="A620" s="5" t="s">
        <v>116</v>
      </c>
      <c r="B620" s="21">
        <v>46054</v>
      </c>
      <c r="C620" s="2" t="s">
        <v>82882</v>
      </c>
      <c r="D620" s="14" t="s">
        <v>82883</v>
      </c>
      <c r="E620" s="2" t="s">
        <v>82884</v>
      </c>
      <c r="F620" s="2" t="s">
        <v>130</v>
      </c>
      <c r="G620" s="8">
        <v>68</v>
      </c>
      <c r="H620" s="5">
        <v>5</v>
      </c>
      <c r="I620" s="5" t="s">
        <v>69</v>
      </c>
      <c r="J620" s="5" t="s">
        <v>28207</v>
      </c>
      <c r="K620" s="2" t="s">
        <v>28208</v>
      </c>
      <c r="L620" s="5" t="s">
        <v>28207</v>
      </c>
      <c r="M620" s="2" t="s">
        <v>28208</v>
      </c>
      <c r="N620" s="5" t="s">
        <v>733</v>
      </c>
      <c r="O620" s="5" t="s">
        <v>38</v>
      </c>
      <c r="P620" s="5" t="s">
        <v>39</v>
      </c>
      <c r="Q620" s="5" t="s">
        <v>40</v>
      </c>
      <c r="R620" s="5" t="s">
        <v>24340</v>
      </c>
      <c r="S620" s="5" t="s">
        <v>40</v>
      </c>
      <c r="T620" s="5" t="s">
        <v>42</v>
      </c>
      <c r="U620" s="2">
        <v>2.3780000000000001</v>
      </c>
      <c r="V620" s="2">
        <v>2.008</v>
      </c>
      <c r="W620" s="2">
        <v>1.7000000000000001E-2</v>
      </c>
      <c r="X620" s="2">
        <v>6.2</v>
      </c>
      <c r="Y620" s="2">
        <v>18.3</v>
      </c>
      <c r="Z620" s="2">
        <v>148.30000000000001</v>
      </c>
      <c r="AA620" s="5">
        <v>36</v>
      </c>
      <c r="AB620" s="5" t="s">
        <v>43</v>
      </c>
      <c r="AC620" s="5" t="s">
        <v>44</v>
      </c>
      <c r="AD620" s="2" t="s">
        <v>82735</v>
      </c>
      <c r="AE620" s="1"/>
    </row>
    <row r="621" spans="1:31">
      <c r="A621" s="5" t="s">
        <v>116</v>
      </c>
      <c r="B621" s="21">
        <v>46054</v>
      </c>
      <c r="C621" s="2" t="s">
        <v>82885</v>
      </c>
      <c r="D621" s="14" t="s">
        <v>82886</v>
      </c>
      <c r="E621" s="2" t="s">
        <v>82887</v>
      </c>
      <c r="F621" s="2" t="s">
        <v>130</v>
      </c>
      <c r="G621" s="8">
        <v>68</v>
      </c>
      <c r="H621" s="5">
        <v>15</v>
      </c>
      <c r="I621" s="5" t="s">
        <v>69</v>
      </c>
      <c r="J621" s="5" t="s">
        <v>28207</v>
      </c>
      <c r="K621" s="2" t="s">
        <v>28208</v>
      </c>
      <c r="L621" s="5" t="s">
        <v>28207</v>
      </c>
      <c r="M621" s="2" t="s">
        <v>28208</v>
      </c>
      <c r="N621" s="5" t="s">
        <v>733</v>
      </c>
      <c r="O621" s="5" t="s">
        <v>38</v>
      </c>
      <c r="P621" s="5" t="s">
        <v>39</v>
      </c>
      <c r="Q621" s="5" t="s">
        <v>40</v>
      </c>
      <c r="R621" s="5" t="s">
        <v>25301</v>
      </c>
      <c r="S621" s="5" t="s">
        <v>40</v>
      </c>
      <c r="T621" s="5" t="s">
        <v>42</v>
      </c>
      <c r="U621" s="2">
        <v>2.165</v>
      </c>
      <c r="V621" s="2">
        <v>1.7949999999999999</v>
      </c>
      <c r="W621" s="2">
        <v>1.7000000000000001E-2</v>
      </c>
      <c r="X621" s="2">
        <v>6.2</v>
      </c>
      <c r="Y621" s="2">
        <v>18.3</v>
      </c>
      <c r="Z621" s="2">
        <v>148.30000000000001</v>
      </c>
      <c r="AA621" s="5">
        <v>36</v>
      </c>
      <c r="AB621" s="5" t="s">
        <v>43</v>
      </c>
      <c r="AC621" s="5" t="s">
        <v>44</v>
      </c>
      <c r="AD621" s="2" t="s">
        <v>82735</v>
      </c>
      <c r="AE621" s="1"/>
    </row>
    <row r="622" spans="1:31">
      <c r="A622" s="5" t="s">
        <v>116</v>
      </c>
      <c r="B622" s="21">
        <v>46082</v>
      </c>
      <c r="C622" s="2" t="s">
        <v>82888</v>
      </c>
      <c r="D622" s="14" t="s">
        <v>82889</v>
      </c>
      <c r="E622" s="2" t="s">
        <v>82890</v>
      </c>
      <c r="F622" s="2" t="s">
        <v>130</v>
      </c>
      <c r="G622" s="8">
        <v>82</v>
      </c>
      <c r="H622" s="5">
        <v>5</v>
      </c>
      <c r="I622" s="5" t="s">
        <v>69</v>
      </c>
      <c r="J622" s="5" t="s">
        <v>28207</v>
      </c>
      <c r="K622" s="2" t="s">
        <v>28208</v>
      </c>
      <c r="L622" s="5" t="s">
        <v>28207</v>
      </c>
      <c r="M622" s="2" t="s">
        <v>28208</v>
      </c>
      <c r="N622" s="5" t="s">
        <v>733</v>
      </c>
      <c r="O622" s="5" t="s">
        <v>38</v>
      </c>
      <c r="P622" s="5" t="s">
        <v>39</v>
      </c>
      <c r="Q622" s="5" t="s">
        <v>40</v>
      </c>
      <c r="R622" s="5" t="s">
        <v>24335</v>
      </c>
      <c r="S622" s="5" t="s">
        <v>40</v>
      </c>
      <c r="T622" s="5" t="s">
        <v>42</v>
      </c>
      <c r="U622" s="2">
        <v>3.448</v>
      </c>
      <c r="V622" s="2">
        <v>3.4049999999999998</v>
      </c>
      <c r="W622" s="2">
        <v>0.04</v>
      </c>
      <c r="X622" s="2">
        <v>12</v>
      </c>
      <c r="Y622" s="2">
        <v>29</v>
      </c>
      <c r="Z622" s="2">
        <v>115.4</v>
      </c>
      <c r="AA622" s="5">
        <v>36</v>
      </c>
      <c r="AB622" s="5" t="s">
        <v>43</v>
      </c>
      <c r="AC622" s="5" t="s">
        <v>44</v>
      </c>
      <c r="AD622" s="2" t="s">
        <v>82749</v>
      </c>
      <c r="AE622" s="1"/>
    </row>
    <row r="623" spans="1:31">
      <c r="A623" s="5" t="s">
        <v>116</v>
      </c>
      <c r="B623" s="21">
        <v>46082</v>
      </c>
      <c r="C623" s="2" t="s">
        <v>82891</v>
      </c>
      <c r="D623" s="14" t="s">
        <v>82892</v>
      </c>
      <c r="E623" s="2" t="s">
        <v>82893</v>
      </c>
      <c r="F623" s="2" t="s">
        <v>130</v>
      </c>
      <c r="G623" s="8">
        <v>113</v>
      </c>
      <c r="H623" s="5">
        <v>5</v>
      </c>
      <c r="I623" s="5" t="s">
        <v>69</v>
      </c>
      <c r="J623" s="5" t="s">
        <v>28207</v>
      </c>
      <c r="K623" s="2" t="s">
        <v>28208</v>
      </c>
      <c r="L623" s="5" t="s">
        <v>28207</v>
      </c>
      <c r="M623" s="2" t="s">
        <v>28208</v>
      </c>
      <c r="N623" s="5" t="s">
        <v>733</v>
      </c>
      <c r="O623" s="5" t="s">
        <v>38</v>
      </c>
      <c r="P623" s="5" t="s">
        <v>39</v>
      </c>
      <c r="Q623" s="5" t="s">
        <v>40</v>
      </c>
      <c r="R623" s="5" t="s">
        <v>24340</v>
      </c>
      <c r="S623" s="5" t="s">
        <v>40</v>
      </c>
      <c r="T623" s="5" t="s">
        <v>42</v>
      </c>
      <c r="U623" s="2">
        <v>4.6589999999999998</v>
      </c>
      <c r="V623" s="2">
        <v>4.6159999999999997</v>
      </c>
      <c r="W623" s="2">
        <v>0.04</v>
      </c>
      <c r="X623" s="2">
        <v>12</v>
      </c>
      <c r="Y623" s="2">
        <v>29</v>
      </c>
      <c r="Z623" s="2">
        <v>115.4</v>
      </c>
      <c r="AA623" s="5">
        <v>36</v>
      </c>
      <c r="AB623" s="5" t="s">
        <v>43</v>
      </c>
      <c r="AC623" s="5" t="s">
        <v>44</v>
      </c>
      <c r="AD623" s="2" t="s">
        <v>82749</v>
      </c>
      <c r="AE623" s="1"/>
    </row>
    <row r="624" spans="1:31">
      <c r="A624" s="5" t="s">
        <v>116</v>
      </c>
      <c r="B624" s="21">
        <v>46082</v>
      </c>
      <c r="C624" s="2" t="s">
        <v>82894</v>
      </c>
      <c r="D624" s="14" t="s">
        <v>82895</v>
      </c>
      <c r="E624" s="2" t="s">
        <v>82896</v>
      </c>
      <c r="F624" s="2" t="s">
        <v>130</v>
      </c>
      <c r="G624" s="8">
        <v>113</v>
      </c>
      <c r="H624" s="5">
        <v>15</v>
      </c>
      <c r="I624" s="5" t="s">
        <v>69</v>
      </c>
      <c r="J624" s="5" t="s">
        <v>28207</v>
      </c>
      <c r="K624" s="2" t="s">
        <v>28208</v>
      </c>
      <c r="L624" s="5" t="s">
        <v>28207</v>
      </c>
      <c r="M624" s="2" t="s">
        <v>28208</v>
      </c>
      <c r="N624" s="5" t="s">
        <v>733</v>
      </c>
      <c r="O624" s="5" t="s">
        <v>38</v>
      </c>
      <c r="P624" s="5" t="s">
        <v>39</v>
      </c>
      <c r="Q624" s="5" t="s">
        <v>40</v>
      </c>
      <c r="R624" s="5" t="s">
        <v>25301</v>
      </c>
      <c r="S624" s="5" t="s">
        <v>40</v>
      </c>
      <c r="T624" s="5" t="s">
        <v>42</v>
      </c>
      <c r="U624" s="2">
        <v>4.4349999999999996</v>
      </c>
      <c r="V624" s="2">
        <v>4.3920000000000003</v>
      </c>
      <c r="W624" s="2">
        <v>0.04</v>
      </c>
      <c r="X624" s="2">
        <v>12</v>
      </c>
      <c r="Y624" s="2">
        <v>29</v>
      </c>
      <c r="Z624" s="2">
        <v>115.4</v>
      </c>
      <c r="AA624" s="5">
        <v>36</v>
      </c>
      <c r="AB624" s="5" t="s">
        <v>43</v>
      </c>
      <c r="AC624" s="5" t="s">
        <v>44</v>
      </c>
      <c r="AD624" s="2" t="s">
        <v>82749</v>
      </c>
      <c r="AE624" s="1"/>
    </row>
    <row r="625" spans="1:31">
      <c r="A625" s="5" t="s">
        <v>116</v>
      </c>
      <c r="B625" s="21">
        <v>46054</v>
      </c>
      <c r="C625" s="2" t="s">
        <v>82897</v>
      </c>
      <c r="D625" s="14" t="s">
        <v>82898</v>
      </c>
      <c r="E625" s="2" t="s">
        <v>82899</v>
      </c>
      <c r="F625" s="2" t="s">
        <v>130</v>
      </c>
      <c r="G625" s="8">
        <v>40</v>
      </c>
      <c r="H625" s="5">
        <v>5</v>
      </c>
      <c r="I625" s="5" t="s">
        <v>69</v>
      </c>
      <c r="J625" s="5" t="s">
        <v>28207</v>
      </c>
      <c r="K625" s="2" t="s">
        <v>28208</v>
      </c>
      <c r="L625" s="5" t="s">
        <v>28207</v>
      </c>
      <c r="M625" s="2" t="s">
        <v>28208</v>
      </c>
      <c r="N625" s="5" t="s">
        <v>733</v>
      </c>
      <c r="O625" s="5" t="s">
        <v>38</v>
      </c>
      <c r="P625" s="5" t="s">
        <v>39</v>
      </c>
      <c r="Q625" s="5" t="s">
        <v>40</v>
      </c>
      <c r="R625" s="5" t="s">
        <v>24335</v>
      </c>
      <c r="S625" s="5" t="s">
        <v>40</v>
      </c>
      <c r="T625" s="5" t="s">
        <v>42</v>
      </c>
      <c r="U625" s="2">
        <v>1.2490000000000001</v>
      </c>
      <c r="V625" s="2">
        <v>0.879</v>
      </c>
      <c r="W625" s="2">
        <v>1.7000000000000001E-2</v>
      </c>
      <c r="X625" s="2">
        <v>6.2</v>
      </c>
      <c r="Y625" s="2">
        <v>18.3</v>
      </c>
      <c r="Z625" s="2">
        <v>148.30000000000001</v>
      </c>
      <c r="AA625" s="5">
        <v>36</v>
      </c>
      <c r="AB625" s="5" t="s">
        <v>43</v>
      </c>
      <c r="AC625" s="5" t="s">
        <v>44</v>
      </c>
      <c r="AD625" s="2" t="s">
        <v>82735</v>
      </c>
      <c r="AE625" s="1"/>
    </row>
    <row r="626" spans="1:31">
      <c r="A626" s="5" t="s">
        <v>116</v>
      </c>
      <c r="B626" s="21">
        <v>46054</v>
      </c>
      <c r="C626" s="2" t="s">
        <v>82900</v>
      </c>
      <c r="D626" s="14" t="s">
        <v>82901</v>
      </c>
      <c r="E626" s="2" t="s">
        <v>82902</v>
      </c>
      <c r="F626" s="2" t="s">
        <v>130</v>
      </c>
      <c r="G626" s="8">
        <v>71</v>
      </c>
      <c r="H626" s="5">
        <v>5</v>
      </c>
      <c r="I626" s="5" t="s">
        <v>69</v>
      </c>
      <c r="J626" s="5" t="s">
        <v>28207</v>
      </c>
      <c r="K626" s="2" t="s">
        <v>28208</v>
      </c>
      <c r="L626" s="5" t="s">
        <v>28207</v>
      </c>
      <c r="M626" s="2" t="s">
        <v>28208</v>
      </c>
      <c r="N626" s="5" t="s">
        <v>733</v>
      </c>
      <c r="O626" s="5" t="s">
        <v>38</v>
      </c>
      <c r="P626" s="5" t="s">
        <v>39</v>
      </c>
      <c r="Q626" s="5" t="s">
        <v>40</v>
      </c>
      <c r="R626" s="5" t="s">
        <v>24340</v>
      </c>
      <c r="S626" s="5" t="s">
        <v>40</v>
      </c>
      <c r="T626" s="5" t="s">
        <v>42</v>
      </c>
      <c r="U626" s="2">
        <v>2.6</v>
      </c>
      <c r="V626" s="2">
        <v>2.23</v>
      </c>
      <c r="W626" s="2">
        <v>1.7000000000000001E-2</v>
      </c>
      <c r="X626" s="2">
        <v>6.2</v>
      </c>
      <c r="Y626" s="2">
        <v>18.3</v>
      </c>
      <c r="Z626" s="2">
        <v>148.30000000000001</v>
      </c>
      <c r="AA626" s="5">
        <v>36</v>
      </c>
      <c r="AB626" s="5" t="s">
        <v>43</v>
      </c>
      <c r="AC626" s="5" t="s">
        <v>44</v>
      </c>
      <c r="AD626" s="2" t="s">
        <v>82735</v>
      </c>
      <c r="AE626" s="1"/>
    </row>
    <row r="627" spans="1:31">
      <c r="A627" s="5" t="s">
        <v>116</v>
      </c>
      <c r="B627" s="21">
        <v>46054</v>
      </c>
      <c r="C627" s="2" t="s">
        <v>82903</v>
      </c>
      <c r="D627" s="14" t="s">
        <v>82904</v>
      </c>
      <c r="E627" s="2" t="s">
        <v>82905</v>
      </c>
      <c r="F627" s="2" t="s">
        <v>130</v>
      </c>
      <c r="G627" s="8">
        <v>71</v>
      </c>
      <c r="H627" s="5">
        <v>15</v>
      </c>
      <c r="I627" s="5" t="s">
        <v>69</v>
      </c>
      <c r="J627" s="5" t="s">
        <v>28207</v>
      </c>
      <c r="K627" s="2" t="s">
        <v>28208</v>
      </c>
      <c r="L627" s="5" t="s">
        <v>28207</v>
      </c>
      <c r="M627" s="2" t="s">
        <v>28208</v>
      </c>
      <c r="N627" s="5" t="s">
        <v>733</v>
      </c>
      <c r="O627" s="5" t="s">
        <v>38</v>
      </c>
      <c r="P627" s="5" t="s">
        <v>39</v>
      </c>
      <c r="Q627" s="5" t="s">
        <v>40</v>
      </c>
      <c r="R627" s="5" t="s">
        <v>25301</v>
      </c>
      <c r="S627" s="5" t="s">
        <v>40</v>
      </c>
      <c r="T627" s="5" t="s">
        <v>42</v>
      </c>
      <c r="U627" s="2">
        <v>2.363</v>
      </c>
      <c r="V627" s="2">
        <v>1.9930000000000001</v>
      </c>
      <c r="W627" s="2">
        <v>1.7000000000000001E-2</v>
      </c>
      <c r="X627" s="2">
        <v>6.2</v>
      </c>
      <c r="Y627" s="2">
        <v>18.3</v>
      </c>
      <c r="Z627" s="2">
        <v>148.30000000000001</v>
      </c>
      <c r="AA627" s="5">
        <v>36</v>
      </c>
      <c r="AB627" s="5" t="s">
        <v>43</v>
      </c>
      <c r="AC627" s="5" t="s">
        <v>44</v>
      </c>
      <c r="AD627" s="2" t="s">
        <v>82735</v>
      </c>
      <c r="AE627" s="1"/>
    </row>
    <row r="628" spans="1:31">
      <c r="A628" s="5" t="s">
        <v>116</v>
      </c>
      <c r="B628" s="21">
        <v>46082</v>
      </c>
      <c r="C628" s="2" t="s">
        <v>82906</v>
      </c>
      <c r="D628" s="14" t="s">
        <v>82907</v>
      </c>
      <c r="E628" s="2" t="s">
        <v>82908</v>
      </c>
      <c r="F628" s="2" t="s">
        <v>130</v>
      </c>
      <c r="G628" s="8">
        <v>89</v>
      </c>
      <c r="H628" s="5">
        <v>5</v>
      </c>
      <c r="I628" s="5" t="s">
        <v>69</v>
      </c>
      <c r="J628" s="5" t="s">
        <v>28207</v>
      </c>
      <c r="K628" s="2" t="s">
        <v>28208</v>
      </c>
      <c r="L628" s="5" t="s">
        <v>28207</v>
      </c>
      <c r="M628" s="2" t="s">
        <v>28208</v>
      </c>
      <c r="N628" s="5" t="s">
        <v>733</v>
      </c>
      <c r="O628" s="5" t="s">
        <v>38</v>
      </c>
      <c r="P628" s="5" t="s">
        <v>39</v>
      </c>
      <c r="Q628" s="5" t="s">
        <v>40</v>
      </c>
      <c r="R628" s="5" t="s">
        <v>24335</v>
      </c>
      <c r="S628" s="5" t="s">
        <v>40</v>
      </c>
      <c r="T628" s="5" t="s">
        <v>42</v>
      </c>
      <c r="U628" s="2">
        <v>3.7749999999999999</v>
      </c>
      <c r="V628" s="2">
        <v>3.7320000000000002</v>
      </c>
      <c r="W628" s="2">
        <v>5.2999999999999999E-2</v>
      </c>
      <c r="X628" s="2">
        <v>12</v>
      </c>
      <c r="Y628" s="2">
        <v>29</v>
      </c>
      <c r="Z628" s="2">
        <v>152.19999999999999</v>
      </c>
      <c r="AA628" s="5">
        <v>36</v>
      </c>
      <c r="AB628" s="5" t="s">
        <v>43</v>
      </c>
      <c r="AC628" s="5" t="s">
        <v>44</v>
      </c>
      <c r="AD628" s="2" t="s">
        <v>82749</v>
      </c>
      <c r="AE628" s="1"/>
    </row>
    <row r="629" spans="1:31">
      <c r="A629" s="5" t="s">
        <v>116</v>
      </c>
      <c r="B629" s="21">
        <v>46082</v>
      </c>
      <c r="C629" s="2" t="s">
        <v>82909</v>
      </c>
      <c r="D629" s="14" t="s">
        <v>82910</v>
      </c>
      <c r="E629" s="2" t="s">
        <v>82911</v>
      </c>
      <c r="F629" s="2" t="s">
        <v>130</v>
      </c>
      <c r="G629" s="8">
        <v>120</v>
      </c>
      <c r="H629" s="5">
        <v>5</v>
      </c>
      <c r="I629" s="5" t="s">
        <v>69</v>
      </c>
      <c r="J629" s="5" t="s">
        <v>28207</v>
      </c>
      <c r="K629" s="2" t="s">
        <v>28208</v>
      </c>
      <c r="L629" s="5" t="s">
        <v>28207</v>
      </c>
      <c r="M629" s="2" t="s">
        <v>28208</v>
      </c>
      <c r="N629" s="5" t="s">
        <v>733</v>
      </c>
      <c r="O629" s="5" t="s">
        <v>38</v>
      </c>
      <c r="P629" s="5" t="s">
        <v>39</v>
      </c>
      <c r="Q629" s="5" t="s">
        <v>40</v>
      </c>
      <c r="R629" s="5" t="s">
        <v>24340</v>
      </c>
      <c r="S629" s="5" t="s">
        <v>40</v>
      </c>
      <c r="T629" s="5" t="s">
        <v>42</v>
      </c>
      <c r="U629" s="2">
        <v>5.1260000000000003</v>
      </c>
      <c r="V629" s="2">
        <v>5.0830000000000002</v>
      </c>
      <c r="W629" s="2">
        <v>5.2999999999999999E-2</v>
      </c>
      <c r="X629" s="2">
        <v>12</v>
      </c>
      <c r="Y629" s="2">
        <v>29</v>
      </c>
      <c r="Z629" s="2">
        <v>152.19999999999999</v>
      </c>
      <c r="AA629" s="5">
        <v>36</v>
      </c>
      <c r="AB629" s="5" t="s">
        <v>43</v>
      </c>
      <c r="AC629" s="5" t="s">
        <v>44</v>
      </c>
      <c r="AD629" s="2" t="s">
        <v>82749</v>
      </c>
      <c r="AE629" s="1"/>
    </row>
    <row r="630" spans="1:31">
      <c r="A630" s="5" t="s">
        <v>116</v>
      </c>
      <c r="B630" s="21">
        <v>46082</v>
      </c>
      <c r="C630" s="2" t="s">
        <v>82912</v>
      </c>
      <c r="D630" s="14" t="s">
        <v>82913</v>
      </c>
      <c r="E630" s="2" t="s">
        <v>82914</v>
      </c>
      <c r="F630" s="2" t="s">
        <v>130</v>
      </c>
      <c r="G630" s="8">
        <v>120</v>
      </c>
      <c r="H630" s="5">
        <v>15</v>
      </c>
      <c r="I630" s="5" t="s">
        <v>69</v>
      </c>
      <c r="J630" s="5" t="s">
        <v>28207</v>
      </c>
      <c r="K630" s="2" t="s">
        <v>28208</v>
      </c>
      <c r="L630" s="5" t="s">
        <v>28207</v>
      </c>
      <c r="M630" s="2" t="s">
        <v>28208</v>
      </c>
      <c r="N630" s="5" t="s">
        <v>733</v>
      </c>
      <c r="O630" s="5" t="s">
        <v>38</v>
      </c>
      <c r="P630" s="5" t="s">
        <v>39</v>
      </c>
      <c r="Q630" s="5" t="s">
        <v>40</v>
      </c>
      <c r="R630" s="5" t="s">
        <v>25301</v>
      </c>
      <c r="S630" s="5" t="s">
        <v>40</v>
      </c>
      <c r="T630" s="5" t="s">
        <v>42</v>
      </c>
      <c r="U630" s="2">
        <v>4.8780000000000001</v>
      </c>
      <c r="V630" s="2">
        <v>4.835</v>
      </c>
      <c r="W630" s="2">
        <v>5.2999999999999999E-2</v>
      </c>
      <c r="X630" s="2">
        <v>12</v>
      </c>
      <c r="Y630" s="2">
        <v>29</v>
      </c>
      <c r="Z630" s="2">
        <v>152.19999999999999</v>
      </c>
      <c r="AA630" s="5">
        <v>36</v>
      </c>
      <c r="AB630" s="5" t="s">
        <v>43</v>
      </c>
      <c r="AC630" s="5" t="s">
        <v>44</v>
      </c>
      <c r="AD630" s="2" t="s">
        <v>82749</v>
      </c>
      <c r="AE630" s="1"/>
    </row>
    <row r="631" spans="1:31">
      <c r="A631" s="5" t="s">
        <v>116</v>
      </c>
      <c r="B631" s="21">
        <v>46054</v>
      </c>
      <c r="C631" s="2" t="s">
        <v>82915</v>
      </c>
      <c r="D631" s="14" t="s">
        <v>82916</v>
      </c>
      <c r="E631" s="2" t="s">
        <v>82917</v>
      </c>
      <c r="F631" s="2" t="s">
        <v>130</v>
      </c>
      <c r="G631" s="8">
        <v>45</v>
      </c>
      <c r="H631" s="5">
        <v>5</v>
      </c>
      <c r="I631" s="5" t="s">
        <v>69</v>
      </c>
      <c r="J631" s="5" t="s">
        <v>28207</v>
      </c>
      <c r="K631" s="2" t="s">
        <v>28208</v>
      </c>
      <c r="L631" s="5" t="s">
        <v>28207</v>
      </c>
      <c r="M631" s="2" t="s">
        <v>28208</v>
      </c>
      <c r="N631" s="5" t="s">
        <v>733</v>
      </c>
      <c r="O631" s="5" t="s">
        <v>38</v>
      </c>
      <c r="P631" s="5" t="s">
        <v>39</v>
      </c>
      <c r="Q631" s="5" t="s">
        <v>40</v>
      </c>
      <c r="R631" s="5" t="s">
        <v>24335</v>
      </c>
      <c r="S631" s="5" t="s">
        <v>40</v>
      </c>
      <c r="T631" s="5" t="s">
        <v>42</v>
      </c>
      <c r="U631" s="2">
        <v>1.6910000000000001</v>
      </c>
      <c r="V631" s="2">
        <v>0.95699999999999996</v>
      </c>
      <c r="W631" s="2">
        <v>3.1E-2</v>
      </c>
      <c r="X631" s="2">
        <v>10.7</v>
      </c>
      <c r="Y631" s="2">
        <v>17</v>
      </c>
      <c r="Z631" s="2">
        <v>171.6</v>
      </c>
      <c r="AA631" s="5">
        <v>36</v>
      </c>
      <c r="AB631" s="5" t="s">
        <v>43</v>
      </c>
      <c r="AC631" s="5" t="s">
        <v>44</v>
      </c>
      <c r="AD631" s="2" t="s">
        <v>82735</v>
      </c>
      <c r="AE631" s="1"/>
    </row>
    <row r="632" spans="1:31">
      <c r="A632" s="5" t="s">
        <v>116</v>
      </c>
      <c r="B632" s="21">
        <v>46054</v>
      </c>
      <c r="C632" s="2" t="s">
        <v>82918</v>
      </c>
      <c r="D632" s="14" t="s">
        <v>82919</v>
      </c>
      <c r="E632" s="2" t="s">
        <v>82920</v>
      </c>
      <c r="F632" s="2" t="s">
        <v>130</v>
      </c>
      <c r="G632" s="8">
        <v>76</v>
      </c>
      <c r="H632" s="5">
        <v>15</v>
      </c>
      <c r="I632" s="5" t="s">
        <v>69</v>
      </c>
      <c r="J632" s="5" t="s">
        <v>28207</v>
      </c>
      <c r="K632" s="2" t="s">
        <v>28208</v>
      </c>
      <c r="L632" s="5" t="s">
        <v>28207</v>
      </c>
      <c r="M632" s="2" t="s">
        <v>28208</v>
      </c>
      <c r="N632" s="5" t="s">
        <v>733</v>
      </c>
      <c r="O632" s="5" t="s">
        <v>38</v>
      </c>
      <c r="P632" s="5" t="s">
        <v>39</v>
      </c>
      <c r="Q632" s="5" t="s">
        <v>40</v>
      </c>
      <c r="R632" s="5" t="s">
        <v>24340</v>
      </c>
      <c r="S632" s="5" t="s">
        <v>40</v>
      </c>
      <c r="T632" s="5" t="s">
        <v>42</v>
      </c>
      <c r="U632" s="2">
        <v>3.1760000000000002</v>
      </c>
      <c r="V632" s="2">
        <v>2.4420000000000002</v>
      </c>
      <c r="W632" s="2">
        <v>3.1E-2</v>
      </c>
      <c r="X632" s="2">
        <v>10.7</v>
      </c>
      <c r="Y632" s="2">
        <v>17</v>
      </c>
      <c r="Z632" s="2">
        <v>171.6</v>
      </c>
      <c r="AA632" s="5">
        <v>36</v>
      </c>
      <c r="AB632" s="5" t="s">
        <v>43</v>
      </c>
      <c r="AC632" s="5" t="s">
        <v>44</v>
      </c>
      <c r="AD632" s="2" t="s">
        <v>82735</v>
      </c>
      <c r="AE632" s="1"/>
    </row>
    <row r="633" spans="1:31">
      <c r="A633" s="5" t="s">
        <v>116</v>
      </c>
      <c r="B633" s="21">
        <v>46054</v>
      </c>
      <c r="C633" s="2" t="s">
        <v>82921</v>
      </c>
      <c r="D633" s="14" t="s">
        <v>82922</v>
      </c>
      <c r="E633" s="2" t="s">
        <v>82923</v>
      </c>
      <c r="F633" s="2" t="s">
        <v>130</v>
      </c>
      <c r="G633" s="8">
        <v>76</v>
      </c>
      <c r="H633" s="5">
        <v>15</v>
      </c>
      <c r="I633" s="5" t="s">
        <v>69</v>
      </c>
      <c r="J633" s="5" t="s">
        <v>28207</v>
      </c>
      <c r="K633" s="2" t="s">
        <v>28208</v>
      </c>
      <c r="L633" s="5" t="s">
        <v>28207</v>
      </c>
      <c r="M633" s="2" t="s">
        <v>28208</v>
      </c>
      <c r="N633" s="5" t="s">
        <v>733</v>
      </c>
      <c r="O633" s="5" t="s">
        <v>38</v>
      </c>
      <c r="P633" s="5" t="s">
        <v>39</v>
      </c>
      <c r="Q633" s="5" t="s">
        <v>40</v>
      </c>
      <c r="R633" s="5" t="s">
        <v>25301</v>
      </c>
      <c r="S633" s="5" t="s">
        <v>40</v>
      </c>
      <c r="T633" s="5" t="s">
        <v>42</v>
      </c>
      <c r="U633" s="2">
        <v>2.9089999999999998</v>
      </c>
      <c r="V633" s="2">
        <v>2.1749999999999998</v>
      </c>
      <c r="W633" s="2">
        <v>3.1E-2</v>
      </c>
      <c r="X633" s="2">
        <v>10.7</v>
      </c>
      <c r="Y633" s="2">
        <v>17</v>
      </c>
      <c r="Z633" s="2">
        <v>171.6</v>
      </c>
      <c r="AA633" s="5">
        <v>36</v>
      </c>
      <c r="AB633" s="5" t="s">
        <v>43</v>
      </c>
      <c r="AC633" s="5" t="s">
        <v>44</v>
      </c>
      <c r="AD633" s="2" t="s">
        <v>82735</v>
      </c>
      <c r="AE633" s="1"/>
    </row>
    <row r="634" spans="1:31">
      <c r="A634" s="5" t="s">
        <v>116</v>
      </c>
      <c r="B634" s="21">
        <v>46082</v>
      </c>
      <c r="C634" s="2" t="s">
        <v>82924</v>
      </c>
      <c r="D634" s="14" t="s">
        <v>82925</v>
      </c>
      <c r="E634" s="2" t="s">
        <v>82926</v>
      </c>
      <c r="F634" s="2" t="s">
        <v>130</v>
      </c>
      <c r="G634" s="8">
        <v>99</v>
      </c>
      <c r="H634" s="5">
        <v>5</v>
      </c>
      <c r="I634" s="5" t="s">
        <v>69</v>
      </c>
      <c r="J634" s="5" t="s">
        <v>28207</v>
      </c>
      <c r="K634" s="2" t="s">
        <v>28208</v>
      </c>
      <c r="L634" s="5" t="s">
        <v>28207</v>
      </c>
      <c r="M634" s="2" t="s">
        <v>28208</v>
      </c>
      <c r="N634" s="5" t="s">
        <v>733</v>
      </c>
      <c r="O634" s="5" t="s">
        <v>38</v>
      </c>
      <c r="P634" s="5" t="s">
        <v>39</v>
      </c>
      <c r="Q634" s="5" t="s">
        <v>40</v>
      </c>
      <c r="R634" s="5" t="s">
        <v>24335</v>
      </c>
      <c r="S634" s="5" t="s">
        <v>40</v>
      </c>
      <c r="T634" s="5" t="s">
        <v>42</v>
      </c>
      <c r="U634" s="2">
        <v>4.101</v>
      </c>
      <c r="V634" s="2">
        <v>4.0579999999999998</v>
      </c>
      <c r="W634" s="2">
        <v>6.6000000000000003E-2</v>
      </c>
      <c r="X634" s="2">
        <v>12</v>
      </c>
      <c r="Y634" s="2">
        <v>29</v>
      </c>
      <c r="Z634" s="2">
        <v>188.7</v>
      </c>
      <c r="AA634" s="5">
        <v>36</v>
      </c>
      <c r="AB634" s="5" t="s">
        <v>43</v>
      </c>
      <c r="AC634" s="5" t="s">
        <v>44</v>
      </c>
      <c r="AD634" s="2" t="s">
        <v>82749</v>
      </c>
      <c r="AE634" s="1"/>
    </row>
    <row r="635" spans="1:31">
      <c r="A635" s="5" t="s">
        <v>116</v>
      </c>
      <c r="B635" s="21">
        <v>46082</v>
      </c>
      <c r="C635" s="2" t="s">
        <v>82927</v>
      </c>
      <c r="D635" s="14" t="s">
        <v>82928</v>
      </c>
      <c r="E635" s="2" t="s">
        <v>82929</v>
      </c>
      <c r="F635" s="2" t="s">
        <v>130</v>
      </c>
      <c r="G635" s="8">
        <v>130</v>
      </c>
      <c r="H635" s="5">
        <v>15</v>
      </c>
      <c r="I635" s="5" t="s">
        <v>69</v>
      </c>
      <c r="J635" s="5" t="s">
        <v>28207</v>
      </c>
      <c r="K635" s="2" t="s">
        <v>28208</v>
      </c>
      <c r="L635" s="5" t="s">
        <v>28207</v>
      </c>
      <c r="M635" s="2" t="s">
        <v>28208</v>
      </c>
      <c r="N635" s="5" t="s">
        <v>733</v>
      </c>
      <c r="O635" s="5" t="s">
        <v>38</v>
      </c>
      <c r="P635" s="5" t="s">
        <v>39</v>
      </c>
      <c r="Q635" s="5" t="s">
        <v>40</v>
      </c>
      <c r="R635" s="5" t="s">
        <v>24340</v>
      </c>
      <c r="S635" s="5" t="s">
        <v>40</v>
      </c>
      <c r="T635" s="5" t="s">
        <v>42</v>
      </c>
      <c r="U635" s="2">
        <v>5.5750000000000002</v>
      </c>
      <c r="V635" s="2">
        <v>5.532</v>
      </c>
      <c r="W635" s="2">
        <v>6.6000000000000003E-2</v>
      </c>
      <c r="X635" s="2">
        <v>12</v>
      </c>
      <c r="Y635" s="2">
        <v>29</v>
      </c>
      <c r="Z635" s="2">
        <v>188.7</v>
      </c>
      <c r="AA635" s="5">
        <v>36</v>
      </c>
      <c r="AB635" s="5" t="s">
        <v>43</v>
      </c>
      <c r="AC635" s="5" t="s">
        <v>44</v>
      </c>
      <c r="AD635" s="2" t="s">
        <v>82749</v>
      </c>
      <c r="AE635" s="1"/>
    </row>
    <row r="636" spans="1:31">
      <c r="A636" s="5" t="s">
        <v>116</v>
      </c>
      <c r="B636" s="21">
        <v>46082</v>
      </c>
      <c r="C636" s="2" t="s">
        <v>82930</v>
      </c>
      <c r="D636" s="14" t="s">
        <v>82931</v>
      </c>
      <c r="E636" s="2" t="s">
        <v>82932</v>
      </c>
      <c r="F636" s="2" t="s">
        <v>130</v>
      </c>
      <c r="G636" s="8">
        <v>130</v>
      </c>
      <c r="H636" s="5">
        <v>15</v>
      </c>
      <c r="I636" s="5" t="s">
        <v>69</v>
      </c>
      <c r="J636" s="5" t="s">
        <v>28207</v>
      </c>
      <c r="K636" s="2" t="s">
        <v>28208</v>
      </c>
      <c r="L636" s="5" t="s">
        <v>28207</v>
      </c>
      <c r="M636" s="2" t="s">
        <v>28208</v>
      </c>
      <c r="N636" s="5" t="s">
        <v>733</v>
      </c>
      <c r="O636" s="5" t="s">
        <v>38</v>
      </c>
      <c r="P636" s="5" t="s">
        <v>39</v>
      </c>
      <c r="Q636" s="5" t="s">
        <v>40</v>
      </c>
      <c r="R636" s="5" t="s">
        <v>25301</v>
      </c>
      <c r="S636" s="5" t="s">
        <v>40</v>
      </c>
      <c r="T636" s="5" t="s">
        <v>42</v>
      </c>
      <c r="U636" s="2">
        <v>5.3079999999999998</v>
      </c>
      <c r="V636" s="2">
        <v>5.2649999999999997</v>
      </c>
      <c r="W636" s="2">
        <v>6.6000000000000003E-2</v>
      </c>
      <c r="X636" s="2">
        <v>12</v>
      </c>
      <c r="Y636" s="2">
        <v>29</v>
      </c>
      <c r="Z636" s="2">
        <v>188.7</v>
      </c>
      <c r="AA636" s="5">
        <v>36</v>
      </c>
      <c r="AB636" s="5" t="s">
        <v>43</v>
      </c>
      <c r="AC636" s="5" t="s">
        <v>44</v>
      </c>
      <c r="AD636" s="2" t="s">
        <v>82749</v>
      </c>
      <c r="AE636" s="1"/>
    </row>
    <row r="637" spans="1:31">
      <c r="A637" s="5" t="s">
        <v>116</v>
      </c>
      <c r="B637" s="21">
        <v>46054</v>
      </c>
      <c r="C637" s="2" t="s">
        <v>82933</v>
      </c>
      <c r="D637" s="14" t="s">
        <v>82934</v>
      </c>
      <c r="E637" s="2" t="s">
        <v>82935</v>
      </c>
      <c r="F637" s="2" t="s">
        <v>130</v>
      </c>
      <c r="G637" s="8">
        <v>51</v>
      </c>
      <c r="H637" s="5">
        <v>10</v>
      </c>
      <c r="I637" s="5" t="s">
        <v>69</v>
      </c>
      <c r="J637" s="5" t="s">
        <v>28207</v>
      </c>
      <c r="K637" s="2" t="s">
        <v>28208</v>
      </c>
      <c r="L637" s="5" t="s">
        <v>28207</v>
      </c>
      <c r="M637" s="2" t="s">
        <v>28208</v>
      </c>
      <c r="N637" s="5" t="s">
        <v>733</v>
      </c>
      <c r="O637" s="5" t="s">
        <v>38</v>
      </c>
      <c r="P637" s="5" t="s">
        <v>39</v>
      </c>
      <c r="Q637" s="5" t="s">
        <v>40</v>
      </c>
      <c r="R637" s="5" t="s">
        <v>24335</v>
      </c>
      <c r="S637" s="5" t="s">
        <v>40</v>
      </c>
      <c r="T637" s="5" t="s">
        <v>42</v>
      </c>
      <c r="U637" s="2">
        <v>1.853</v>
      </c>
      <c r="V637" s="2">
        <v>1.0409999999999999</v>
      </c>
      <c r="W637" s="2">
        <v>3.5000000000000003E-2</v>
      </c>
      <c r="X637" s="2">
        <v>10.7</v>
      </c>
      <c r="Y637" s="2">
        <v>17</v>
      </c>
      <c r="Z637" s="2">
        <v>191.6</v>
      </c>
      <c r="AA637" s="5">
        <v>36</v>
      </c>
      <c r="AB637" s="5" t="s">
        <v>43</v>
      </c>
      <c r="AC637" s="5" t="s">
        <v>44</v>
      </c>
      <c r="AD637" s="2" t="s">
        <v>82735</v>
      </c>
      <c r="AE637" s="1"/>
    </row>
    <row r="638" spans="1:31">
      <c r="A638" s="5" t="s">
        <v>116</v>
      </c>
      <c r="B638" s="21">
        <v>46054</v>
      </c>
      <c r="C638" s="2" t="s">
        <v>82936</v>
      </c>
      <c r="D638" s="14" t="s">
        <v>82937</v>
      </c>
      <c r="E638" s="2" t="s">
        <v>82938</v>
      </c>
      <c r="F638" s="2" t="s">
        <v>130</v>
      </c>
      <c r="G638" s="8">
        <v>82</v>
      </c>
      <c r="H638" s="5">
        <v>15</v>
      </c>
      <c r="I638" s="5" t="s">
        <v>69</v>
      </c>
      <c r="J638" s="5" t="s">
        <v>28207</v>
      </c>
      <c r="K638" s="2" t="s">
        <v>28208</v>
      </c>
      <c r="L638" s="5" t="s">
        <v>28207</v>
      </c>
      <c r="M638" s="2" t="s">
        <v>28208</v>
      </c>
      <c r="N638" s="5" t="s">
        <v>733</v>
      </c>
      <c r="O638" s="5" t="s">
        <v>38</v>
      </c>
      <c r="P638" s="5" t="s">
        <v>39</v>
      </c>
      <c r="Q638" s="5" t="s">
        <v>40</v>
      </c>
      <c r="R638" s="5" t="s">
        <v>24340</v>
      </c>
      <c r="S638" s="5" t="s">
        <v>40</v>
      </c>
      <c r="T638" s="5" t="s">
        <v>42</v>
      </c>
      <c r="U638" s="2">
        <v>3.4540000000000002</v>
      </c>
      <c r="V638" s="2">
        <v>2.6419999999999999</v>
      </c>
      <c r="W638" s="2">
        <v>3.5000000000000003E-2</v>
      </c>
      <c r="X638" s="2">
        <v>10.7</v>
      </c>
      <c r="Y638" s="2">
        <v>17</v>
      </c>
      <c r="Z638" s="2">
        <v>191.6</v>
      </c>
      <c r="AA638" s="5">
        <v>36</v>
      </c>
      <c r="AB638" s="5" t="s">
        <v>43</v>
      </c>
      <c r="AC638" s="5" t="s">
        <v>44</v>
      </c>
      <c r="AD638" s="2" t="s">
        <v>82735</v>
      </c>
      <c r="AE638" s="1"/>
    </row>
    <row r="639" spans="1:31">
      <c r="A639" s="5" t="s">
        <v>116</v>
      </c>
      <c r="B639" s="21">
        <v>46082</v>
      </c>
      <c r="C639" s="2" t="s">
        <v>82939</v>
      </c>
      <c r="D639" s="14" t="s">
        <v>82940</v>
      </c>
      <c r="E639" s="2" t="s">
        <v>82941</v>
      </c>
      <c r="F639" s="2" t="s">
        <v>130</v>
      </c>
      <c r="G639" s="8">
        <v>113</v>
      </c>
      <c r="H639" s="5">
        <v>15</v>
      </c>
      <c r="I639" s="5" t="s">
        <v>69</v>
      </c>
      <c r="J639" s="5" t="s">
        <v>28207</v>
      </c>
      <c r="K639" s="2" t="s">
        <v>28208</v>
      </c>
      <c r="L639" s="5" t="s">
        <v>28207</v>
      </c>
      <c r="M639" s="2" t="s">
        <v>28208</v>
      </c>
      <c r="N639" s="5" t="s">
        <v>733</v>
      </c>
      <c r="O639" s="5" t="s">
        <v>38</v>
      </c>
      <c r="P639" s="5" t="s">
        <v>39</v>
      </c>
      <c r="Q639" s="5" t="s">
        <v>40</v>
      </c>
      <c r="R639" s="5" t="s">
        <v>24335</v>
      </c>
      <c r="S639" s="5" t="s">
        <v>40</v>
      </c>
      <c r="T639" s="5" t="s">
        <v>42</v>
      </c>
      <c r="U639" s="2">
        <v>4.2640000000000002</v>
      </c>
      <c r="V639" s="2">
        <v>4.2210000000000001</v>
      </c>
      <c r="W639" s="2">
        <v>6.6000000000000003E-2</v>
      </c>
      <c r="X639" s="2">
        <v>12</v>
      </c>
      <c r="Y639" s="2">
        <v>29</v>
      </c>
      <c r="Z639" s="2">
        <v>188.7</v>
      </c>
      <c r="AA639" s="5">
        <v>36</v>
      </c>
      <c r="AB639" s="5" t="s">
        <v>43</v>
      </c>
      <c r="AC639" s="5" t="s">
        <v>44</v>
      </c>
      <c r="AD639" s="2" t="s">
        <v>82749</v>
      </c>
      <c r="AE639" s="1"/>
    </row>
    <row r="640" spans="1:31">
      <c r="A640" s="5" t="s">
        <v>116</v>
      </c>
      <c r="B640" s="21">
        <v>46082</v>
      </c>
      <c r="C640" s="2" t="s">
        <v>82942</v>
      </c>
      <c r="D640" s="14" t="s">
        <v>82943</v>
      </c>
      <c r="E640" s="2" t="s">
        <v>82944</v>
      </c>
      <c r="F640" s="2" t="s">
        <v>130</v>
      </c>
      <c r="G640" s="8">
        <v>144</v>
      </c>
      <c r="H640" s="5">
        <v>15</v>
      </c>
      <c r="I640" s="5" t="s">
        <v>69</v>
      </c>
      <c r="J640" s="5" t="s">
        <v>28207</v>
      </c>
      <c r="K640" s="2" t="s">
        <v>28208</v>
      </c>
      <c r="L640" s="5" t="s">
        <v>28207</v>
      </c>
      <c r="M640" s="2" t="s">
        <v>28208</v>
      </c>
      <c r="N640" s="5" t="s">
        <v>733</v>
      </c>
      <c r="O640" s="5" t="s">
        <v>38</v>
      </c>
      <c r="P640" s="5" t="s">
        <v>39</v>
      </c>
      <c r="Q640" s="5" t="s">
        <v>40</v>
      </c>
      <c r="R640" s="5" t="s">
        <v>24340</v>
      </c>
      <c r="S640" s="5" t="s">
        <v>40</v>
      </c>
      <c r="T640" s="5" t="s">
        <v>42</v>
      </c>
      <c r="U640" s="2">
        <v>5.8650000000000002</v>
      </c>
      <c r="V640" s="2">
        <v>5.8220000000000001</v>
      </c>
      <c r="W640" s="2">
        <v>6.6000000000000003E-2</v>
      </c>
      <c r="X640" s="2">
        <v>12</v>
      </c>
      <c r="Y640" s="2">
        <v>29</v>
      </c>
      <c r="Z640" s="2">
        <v>188.7</v>
      </c>
      <c r="AA640" s="5">
        <v>36</v>
      </c>
      <c r="AB640" s="5" t="s">
        <v>43</v>
      </c>
      <c r="AC640" s="5" t="s">
        <v>44</v>
      </c>
      <c r="AD640" s="2" t="s">
        <v>82749</v>
      </c>
      <c r="AE640" s="1"/>
    </row>
    <row r="641" spans="1:31">
      <c r="A641" s="5" t="s">
        <v>116</v>
      </c>
      <c r="B641" s="21">
        <v>46054</v>
      </c>
      <c r="C641" s="2" t="s">
        <v>82945</v>
      </c>
      <c r="D641" s="14" t="s">
        <v>82946</v>
      </c>
      <c r="E641" s="2" t="s">
        <v>82947</v>
      </c>
      <c r="F641" s="2" t="s">
        <v>130</v>
      </c>
      <c r="G641" s="8">
        <v>41</v>
      </c>
      <c r="H641" s="5">
        <v>5</v>
      </c>
      <c r="I641" s="5" t="s">
        <v>69</v>
      </c>
      <c r="J641" s="5" t="s">
        <v>28207</v>
      </c>
      <c r="K641" s="2" t="s">
        <v>28208</v>
      </c>
      <c r="L641" s="5" t="s">
        <v>28207</v>
      </c>
      <c r="M641" s="2" t="s">
        <v>28208</v>
      </c>
      <c r="N641" s="5" t="s">
        <v>733</v>
      </c>
      <c r="O641" s="5" t="s">
        <v>38</v>
      </c>
      <c r="P641" s="5" t="s">
        <v>39</v>
      </c>
      <c r="Q641" s="5" t="s">
        <v>40</v>
      </c>
      <c r="R641" s="5" t="s">
        <v>24335</v>
      </c>
      <c r="S641" s="5" t="s">
        <v>40</v>
      </c>
      <c r="T641" s="5" t="s">
        <v>42</v>
      </c>
      <c r="U641" s="2">
        <v>1.21</v>
      </c>
      <c r="V641" s="2">
        <v>0.84</v>
      </c>
      <c r="W641" s="2">
        <v>1.7000000000000001E-2</v>
      </c>
      <c r="X641" s="2">
        <v>6.2</v>
      </c>
      <c r="Y641" s="2">
        <v>18.3</v>
      </c>
      <c r="Z641" s="2">
        <v>148.30000000000001</v>
      </c>
      <c r="AA641" s="5">
        <v>36</v>
      </c>
      <c r="AB641" s="5" t="s">
        <v>43</v>
      </c>
      <c r="AC641" s="5" t="s">
        <v>44</v>
      </c>
      <c r="AD641" s="2" t="s">
        <v>82735</v>
      </c>
      <c r="AE641" s="1"/>
    </row>
    <row r="642" spans="1:31">
      <c r="A642" s="5" t="s">
        <v>116</v>
      </c>
      <c r="B642" s="21">
        <v>46054</v>
      </c>
      <c r="C642" s="2" t="s">
        <v>82948</v>
      </c>
      <c r="D642" s="14" t="s">
        <v>82949</v>
      </c>
      <c r="E642" s="2" t="s">
        <v>82950</v>
      </c>
      <c r="F642" s="2" t="s">
        <v>130</v>
      </c>
      <c r="G642" s="8">
        <v>72</v>
      </c>
      <c r="H642" s="5">
        <v>15</v>
      </c>
      <c r="I642" s="5" t="s">
        <v>69</v>
      </c>
      <c r="J642" s="5" t="s">
        <v>28207</v>
      </c>
      <c r="K642" s="2" t="s">
        <v>28208</v>
      </c>
      <c r="L642" s="5" t="s">
        <v>28207</v>
      </c>
      <c r="M642" s="2" t="s">
        <v>28208</v>
      </c>
      <c r="N642" s="5" t="s">
        <v>733</v>
      </c>
      <c r="O642" s="5" t="s">
        <v>38</v>
      </c>
      <c r="P642" s="5" t="s">
        <v>39</v>
      </c>
      <c r="Q642" s="5" t="s">
        <v>40</v>
      </c>
      <c r="R642" s="5" t="s">
        <v>24340</v>
      </c>
      <c r="S642" s="5" t="s">
        <v>40</v>
      </c>
      <c r="T642" s="5" t="s">
        <v>42</v>
      </c>
      <c r="U642" s="2">
        <v>2.5089999999999999</v>
      </c>
      <c r="V642" s="2">
        <v>2.1389999999999998</v>
      </c>
      <c r="W642" s="2">
        <v>1.7000000000000001E-2</v>
      </c>
      <c r="X642" s="2">
        <v>6.2</v>
      </c>
      <c r="Y642" s="2">
        <v>18.3</v>
      </c>
      <c r="Z642" s="2">
        <v>148.30000000000001</v>
      </c>
      <c r="AA642" s="5">
        <v>36</v>
      </c>
      <c r="AB642" s="5" t="s">
        <v>43</v>
      </c>
      <c r="AC642" s="5" t="s">
        <v>44</v>
      </c>
      <c r="AD642" s="2" t="s">
        <v>82735</v>
      </c>
      <c r="AE642" s="1"/>
    </row>
    <row r="643" spans="1:31">
      <c r="A643" s="5" t="s">
        <v>116</v>
      </c>
      <c r="B643" s="21">
        <v>46054</v>
      </c>
      <c r="C643" s="2" t="s">
        <v>82951</v>
      </c>
      <c r="D643" s="14" t="s">
        <v>82952</v>
      </c>
      <c r="E643" s="2" t="s">
        <v>82953</v>
      </c>
      <c r="F643" s="2" t="s">
        <v>130</v>
      </c>
      <c r="G643" s="8">
        <v>72</v>
      </c>
      <c r="H643" s="5">
        <v>15</v>
      </c>
      <c r="I643" s="5" t="s">
        <v>69</v>
      </c>
      <c r="J643" s="5" t="s">
        <v>28207</v>
      </c>
      <c r="K643" s="2" t="s">
        <v>28208</v>
      </c>
      <c r="L643" s="5" t="s">
        <v>28207</v>
      </c>
      <c r="M643" s="2" t="s">
        <v>28208</v>
      </c>
      <c r="N643" s="5" t="s">
        <v>733</v>
      </c>
      <c r="O643" s="5" t="s">
        <v>38</v>
      </c>
      <c r="P643" s="5" t="s">
        <v>39</v>
      </c>
      <c r="Q643" s="5" t="s">
        <v>40</v>
      </c>
      <c r="R643" s="5" t="s">
        <v>25301</v>
      </c>
      <c r="S643" s="5" t="s">
        <v>40</v>
      </c>
      <c r="T643" s="5" t="s">
        <v>42</v>
      </c>
      <c r="U643" s="2">
        <v>2.2759999999999998</v>
      </c>
      <c r="V643" s="2">
        <v>1.9059999999999999</v>
      </c>
      <c r="W643" s="2">
        <v>1.7000000000000001E-2</v>
      </c>
      <c r="X643" s="2">
        <v>6.2</v>
      </c>
      <c r="Y643" s="2">
        <v>18.3</v>
      </c>
      <c r="Z643" s="2">
        <v>148.30000000000001</v>
      </c>
      <c r="AA643" s="5">
        <v>36</v>
      </c>
      <c r="AB643" s="5" t="s">
        <v>43</v>
      </c>
      <c r="AC643" s="5" t="s">
        <v>44</v>
      </c>
      <c r="AD643" s="2" t="s">
        <v>82735</v>
      </c>
      <c r="AE643" s="1"/>
    </row>
    <row r="644" spans="1:31">
      <c r="A644" s="5" t="s">
        <v>116</v>
      </c>
      <c r="B644" s="21">
        <v>46082</v>
      </c>
      <c r="C644" s="2" t="s">
        <v>82954</v>
      </c>
      <c r="D644" s="14" t="s">
        <v>82955</v>
      </c>
      <c r="E644" s="2" t="s">
        <v>82956</v>
      </c>
      <c r="F644" s="2" t="s">
        <v>130</v>
      </c>
      <c r="G644" s="8">
        <v>92</v>
      </c>
      <c r="H644" s="5">
        <v>5</v>
      </c>
      <c r="I644" s="5" t="s">
        <v>69</v>
      </c>
      <c r="J644" s="5" t="s">
        <v>28207</v>
      </c>
      <c r="K644" s="2" t="s">
        <v>28208</v>
      </c>
      <c r="L644" s="5" t="s">
        <v>28207</v>
      </c>
      <c r="M644" s="2" t="s">
        <v>28208</v>
      </c>
      <c r="N644" s="5" t="s">
        <v>733</v>
      </c>
      <c r="O644" s="5" t="s">
        <v>38</v>
      </c>
      <c r="P644" s="5" t="s">
        <v>39</v>
      </c>
      <c r="Q644" s="5" t="s">
        <v>40</v>
      </c>
      <c r="R644" s="5" t="s">
        <v>24335</v>
      </c>
      <c r="S644" s="5" t="s">
        <v>40</v>
      </c>
      <c r="T644" s="5" t="s">
        <v>42</v>
      </c>
      <c r="U644" s="2">
        <v>3.71</v>
      </c>
      <c r="V644" s="2">
        <v>3.6669999999999998</v>
      </c>
      <c r="W644" s="2">
        <v>5.2999999999999999E-2</v>
      </c>
      <c r="X644" s="2">
        <v>12</v>
      </c>
      <c r="Y644" s="2">
        <v>29</v>
      </c>
      <c r="Z644" s="2">
        <v>152.19999999999999</v>
      </c>
      <c r="AA644" s="5">
        <v>36</v>
      </c>
      <c r="AB644" s="5" t="s">
        <v>43</v>
      </c>
      <c r="AC644" s="5" t="s">
        <v>44</v>
      </c>
      <c r="AD644" s="2" t="s">
        <v>82749</v>
      </c>
      <c r="AE644" s="1"/>
    </row>
    <row r="645" spans="1:31">
      <c r="A645" s="5" t="s">
        <v>116</v>
      </c>
      <c r="B645" s="21">
        <v>46082</v>
      </c>
      <c r="C645" s="2" t="s">
        <v>82957</v>
      </c>
      <c r="D645" s="14" t="s">
        <v>82958</v>
      </c>
      <c r="E645" s="2" t="s">
        <v>82959</v>
      </c>
      <c r="F645" s="2" t="s">
        <v>130</v>
      </c>
      <c r="G645" s="8">
        <v>123</v>
      </c>
      <c r="H645" s="5">
        <v>15</v>
      </c>
      <c r="I645" s="5" t="s">
        <v>69</v>
      </c>
      <c r="J645" s="5" t="s">
        <v>28207</v>
      </c>
      <c r="K645" s="2" t="s">
        <v>28208</v>
      </c>
      <c r="L645" s="5" t="s">
        <v>28207</v>
      </c>
      <c r="M645" s="2" t="s">
        <v>28208</v>
      </c>
      <c r="N645" s="5" t="s">
        <v>733</v>
      </c>
      <c r="O645" s="5" t="s">
        <v>38</v>
      </c>
      <c r="P645" s="5" t="s">
        <v>39</v>
      </c>
      <c r="Q645" s="5" t="s">
        <v>40</v>
      </c>
      <c r="R645" s="5" t="s">
        <v>24340</v>
      </c>
      <c r="S645" s="5" t="s">
        <v>40</v>
      </c>
      <c r="T645" s="5" t="s">
        <v>42</v>
      </c>
      <c r="U645" s="2">
        <v>4.9980000000000002</v>
      </c>
      <c r="V645" s="2">
        <v>4.9550000000000001</v>
      </c>
      <c r="W645" s="2">
        <v>5.2999999999999999E-2</v>
      </c>
      <c r="X645" s="2">
        <v>12</v>
      </c>
      <c r="Y645" s="2">
        <v>29</v>
      </c>
      <c r="Z645" s="2">
        <v>152.19999999999999</v>
      </c>
      <c r="AA645" s="5">
        <v>36</v>
      </c>
      <c r="AB645" s="5" t="s">
        <v>43</v>
      </c>
      <c r="AC645" s="5" t="s">
        <v>44</v>
      </c>
      <c r="AD645" s="2" t="s">
        <v>82749</v>
      </c>
      <c r="AE645" s="1"/>
    </row>
    <row r="646" spans="1:31">
      <c r="A646" s="5" t="s">
        <v>116</v>
      </c>
      <c r="B646" s="21">
        <v>46082</v>
      </c>
      <c r="C646" s="2" t="s">
        <v>82960</v>
      </c>
      <c r="D646" s="14" t="s">
        <v>82961</v>
      </c>
      <c r="E646" s="2" t="s">
        <v>82962</v>
      </c>
      <c r="F646" s="2" t="s">
        <v>130</v>
      </c>
      <c r="G646" s="8">
        <v>123</v>
      </c>
      <c r="H646" s="5">
        <v>15</v>
      </c>
      <c r="I646" s="5" t="s">
        <v>69</v>
      </c>
      <c r="J646" s="5" t="s">
        <v>28207</v>
      </c>
      <c r="K646" s="2" t="s">
        <v>28208</v>
      </c>
      <c r="L646" s="5" t="s">
        <v>28207</v>
      </c>
      <c r="M646" s="2" t="s">
        <v>28208</v>
      </c>
      <c r="N646" s="5" t="s">
        <v>733</v>
      </c>
      <c r="O646" s="5" t="s">
        <v>38</v>
      </c>
      <c r="P646" s="5" t="s">
        <v>39</v>
      </c>
      <c r="Q646" s="5" t="s">
        <v>40</v>
      </c>
      <c r="R646" s="5" t="s">
        <v>25301</v>
      </c>
      <c r="S646" s="5" t="s">
        <v>40</v>
      </c>
      <c r="T646" s="5" t="s">
        <v>42</v>
      </c>
      <c r="U646" s="2">
        <v>4.7649999999999997</v>
      </c>
      <c r="V646" s="2">
        <v>4.7220000000000004</v>
      </c>
      <c r="W646" s="2">
        <v>5.2999999999999999E-2</v>
      </c>
      <c r="X646" s="2">
        <v>12</v>
      </c>
      <c r="Y646" s="2">
        <v>29</v>
      </c>
      <c r="Z646" s="2">
        <v>152.19999999999999</v>
      </c>
      <c r="AA646" s="5">
        <v>36</v>
      </c>
      <c r="AB646" s="5" t="s">
        <v>43</v>
      </c>
      <c r="AC646" s="5" t="s">
        <v>44</v>
      </c>
      <c r="AD646" s="2" t="s">
        <v>82749</v>
      </c>
      <c r="AE646" s="1"/>
    </row>
    <row r="647" spans="1:31">
      <c r="A647" s="5" t="s">
        <v>116</v>
      </c>
      <c r="B647" s="21">
        <v>46054</v>
      </c>
      <c r="C647" s="2" t="s">
        <v>82963</v>
      </c>
      <c r="D647" s="14" t="s">
        <v>82964</v>
      </c>
      <c r="E647" s="2" t="s">
        <v>82965</v>
      </c>
      <c r="F647" s="2" t="s">
        <v>130</v>
      </c>
      <c r="G647" s="8">
        <v>45</v>
      </c>
      <c r="H647" s="5">
        <v>5</v>
      </c>
      <c r="I647" s="5" t="s">
        <v>69</v>
      </c>
      <c r="J647" s="5" t="s">
        <v>28207</v>
      </c>
      <c r="K647" s="2" t="s">
        <v>28208</v>
      </c>
      <c r="L647" s="5" t="s">
        <v>28207</v>
      </c>
      <c r="M647" s="2" t="s">
        <v>28208</v>
      </c>
      <c r="N647" s="5" t="s">
        <v>733</v>
      </c>
      <c r="O647" s="5" t="s">
        <v>38</v>
      </c>
      <c r="P647" s="5" t="s">
        <v>39</v>
      </c>
      <c r="Q647" s="5" t="s">
        <v>40</v>
      </c>
      <c r="R647" s="5" t="s">
        <v>24335</v>
      </c>
      <c r="S647" s="5" t="s">
        <v>40</v>
      </c>
      <c r="T647" s="5" t="s">
        <v>42</v>
      </c>
      <c r="U647" s="2">
        <v>1.292</v>
      </c>
      <c r="V647" s="2">
        <v>0.92200000000000004</v>
      </c>
      <c r="W647" s="2">
        <v>1.7000000000000001E-2</v>
      </c>
      <c r="X647" s="2">
        <v>6.2</v>
      </c>
      <c r="Y647" s="2">
        <v>18.3</v>
      </c>
      <c r="Z647" s="2">
        <v>148.30000000000001</v>
      </c>
      <c r="AA647" s="5">
        <v>36</v>
      </c>
      <c r="AB647" s="5" t="s">
        <v>43</v>
      </c>
      <c r="AC647" s="5" t="s">
        <v>44</v>
      </c>
      <c r="AD647" s="2" t="s">
        <v>82735</v>
      </c>
      <c r="AE647" s="1"/>
    </row>
    <row r="648" spans="1:31">
      <c r="A648" s="5" t="s">
        <v>116</v>
      </c>
      <c r="B648" s="21">
        <v>46054</v>
      </c>
      <c r="C648" s="2" t="s">
        <v>82966</v>
      </c>
      <c r="D648" s="14" t="s">
        <v>82967</v>
      </c>
      <c r="E648" s="2" t="s">
        <v>82968</v>
      </c>
      <c r="F648" s="2" t="s">
        <v>130</v>
      </c>
      <c r="G648" s="8">
        <v>76</v>
      </c>
      <c r="H648" s="5">
        <v>15</v>
      </c>
      <c r="I648" s="5" t="s">
        <v>69</v>
      </c>
      <c r="J648" s="5" t="s">
        <v>28207</v>
      </c>
      <c r="K648" s="2" t="s">
        <v>28208</v>
      </c>
      <c r="L648" s="5" t="s">
        <v>28207</v>
      </c>
      <c r="M648" s="2" t="s">
        <v>28208</v>
      </c>
      <c r="N648" s="5" t="s">
        <v>733</v>
      </c>
      <c r="O648" s="5" t="s">
        <v>38</v>
      </c>
      <c r="P648" s="5" t="s">
        <v>39</v>
      </c>
      <c r="Q648" s="5" t="s">
        <v>40</v>
      </c>
      <c r="R648" s="5" t="s">
        <v>24340</v>
      </c>
      <c r="S648" s="5" t="s">
        <v>40</v>
      </c>
      <c r="T648" s="5" t="s">
        <v>42</v>
      </c>
      <c r="U648" s="2">
        <v>2.7309999999999999</v>
      </c>
      <c r="V648" s="2">
        <v>2.3610000000000002</v>
      </c>
      <c r="W648" s="2">
        <v>1.7000000000000001E-2</v>
      </c>
      <c r="X648" s="2">
        <v>6.2</v>
      </c>
      <c r="Y648" s="2">
        <v>18.3</v>
      </c>
      <c r="Z648" s="2">
        <v>148.30000000000001</v>
      </c>
      <c r="AA648" s="5">
        <v>36</v>
      </c>
      <c r="AB648" s="5" t="s">
        <v>43</v>
      </c>
      <c r="AC648" s="5" t="s">
        <v>44</v>
      </c>
      <c r="AD648" s="2" t="s">
        <v>82735</v>
      </c>
      <c r="AE648" s="1"/>
    </row>
    <row r="649" spans="1:31">
      <c r="A649" s="5" t="s">
        <v>116</v>
      </c>
      <c r="B649" s="21">
        <v>46054</v>
      </c>
      <c r="C649" s="2" t="s">
        <v>82969</v>
      </c>
      <c r="D649" s="14" t="s">
        <v>82970</v>
      </c>
      <c r="E649" s="2" t="s">
        <v>82971</v>
      </c>
      <c r="F649" s="2" t="s">
        <v>130</v>
      </c>
      <c r="G649" s="8">
        <v>76</v>
      </c>
      <c r="H649" s="5">
        <v>15</v>
      </c>
      <c r="I649" s="5" t="s">
        <v>69</v>
      </c>
      <c r="J649" s="5" t="s">
        <v>28207</v>
      </c>
      <c r="K649" s="2" t="s">
        <v>28208</v>
      </c>
      <c r="L649" s="5" t="s">
        <v>28207</v>
      </c>
      <c r="M649" s="2" t="s">
        <v>28208</v>
      </c>
      <c r="N649" s="5" t="s">
        <v>733</v>
      </c>
      <c r="O649" s="5" t="s">
        <v>38</v>
      </c>
      <c r="P649" s="5" t="s">
        <v>39</v>
      </c>
      <c r="Q649" s="5" t="s">
        <v>40</v>
      </c>
      <c r="R649" s="5" t="s">
        <v>25301</v>
      </c>
      <c r="S649" s="5" t="s">
        <v>40</v>
      </c>
      <c r="T649" s="5" t="s">
        <v>42</v>
      </c>
      <c r="U649" s="2">
        <v>2.4740000000000002</v>
      </c>
      <c r="V649" s="2">
        <v>2.1040000000000001</v>
      </c>
      <c r="W649" s="2">
        <v>1.7000000000000001E-2</v>
      </c>
      <c r="X649" s="2">
        <v>6.2</v>
      </c>
      <c r="Y649" s="2">
        <v>18.3</v>
      </c>
      <c r="Z649" s="2">
        <v>148.30000000000001</v>
      </c>
      <c r="AA649" s="5">
        <v>36</v>
      </c>
      <c r="AB649" s="5" t="s">
        <v>43</v>
      </c>
      <c r="AC649" s="5" t="s">
        <v>44</v>
      </c>
      <c r="AD649" s="2" t="s">
        <v>82735</v>
      </c>
      <c r="AE649" s="1"/>
    </row>
    <row r="650" spans="1:31">
      <c r="A650" s="5" t="s">
        <v>116</v>
      </c>
      <c r="B650" s="21">
        <v>46082</v>
      </c>
      <c r="C650" s="2" t="s">
        <v>82972</v>
      </c>
      <c r="D650" s="14" t="s">
        <v>82973</v>
      </c>
      <c r="E650" s="2" t="s">
        <v>82974</v>
      </c>
      <c r="F650" s="2" t="s">
        <v>130</v>
      </c>
      <c r="G650" s="8">
        <v>99</v>
      </c>
      <c r="H650" s="5">
        <v>5</v>
      </c>
      <c r="I650" s="5" t="s">
        <v>69</v>
      </c>
      <c r="J650" s="5" t="s">
        <v>28207</v>
      </c>
      <c r="K650" s="2" t="s">
        <v>28208</v>
      </c>
      <c r="L650" s="5" t="s">
        <v>28207</v>
      </c>
      <c r="M650" s="2" t="s">
        <v>28208</v>
      </c>
      <c r="N650" s="5" t="s">
        <v>733</v>
      </c>
      <c r="O650" s="5" t="s">
        <v>38</v>
      </c>
      <c r="P650" s="5" t="s">
        <v>39</v>
      </c>
      <c r="Q650" s="5" t="s">
        <v>40</v>
      </c>
      <c r="R650" s="5" t="s">
        <v>24335</v>
      </c>
      <c r="S650" s="5" t="s">
        <v>40</v>
      </c>
      <c r="T650" s="5" t="s">
        <v>42</v>
      </c>
      <c r="U650" s="2">
        <v>3.8929999999999998</v>
      </c>
      <c r="V650" s="2">
        <v>3.85</v>
      </c>
      <c r="W650" s="2">
        <v>5.2999999999999999E-2</v>
      </c>
      <c r="X650" s="2">
        <v>12</v>
      </c>
      <c r="Y650" s="2">
        <v>29</v>
      </c>
      <c r="Z650" s="2">
        <v>152.19999999999999</v>
      </c>
      <c r="AA650" s="5">
        <v>36</v>
      </c>
      <c r="AB650" s="5" t="s">
        <v>43</v>
      </c>
      <c r="AC650" s="5" t="s">
        <v>44</v>
      </c>
      <c r="AD650" s="2" t="s">
        <v>82749</v>
      </c>
      <c r="AE650" s="1"/>
    </row>
    <row r="651" spans="1:31">
      <c r="A651" s="5" t="s">
        <v>116</v>
      </c>
      <c r="B651" s="21">
        <v>46082</v>
      </c>
      <c r="C651" s="2" t="s">
        <v>82975</v>
      </c>
      <c r="D651" s="14" t="s">
        <v>82976</v>
      </c>
      <c r="E651" s="2" t="s">
        <v>82977</v>
      </c>
      <c r="F651" s="2" t="s">
        <v>130</v>
      </c>
      <c r="G651" s="8">
        <v>130</v>
      </c>
      <c r="H651" s="5">
        <v>15</v>
      </c>
      <c r="I651" s="5" t="s">
        <v>69</v>
      </c>
      <c r="J651" s="5" t="s">
        <v>28207</v>
      </c>
      <c r="K651" s="2" t="s">
        <v>28208</v>
      </c>
      <c r="L651" s="5" t="s">
        <v>28207</v>
      </c>
      <c r="M651" s="2" t="s">
        <v>28208</v>
      </c>
      <c r="N651" s="5" t="s">
        <v>733</v>
      </c>
      <c r="O651" s="5" t="s">
        <v>38</v>
      </c>
      <c r="P651" s="5" t="s">
        <v>39</v>
      </c>
      <c r="Q651" s="5" t="s">
        <v>40</v>
      </c>
      <c r="R651" s="5" t="s">
        <v>24340</v>
      </c>
      <c r="S651" s="5" t="s">
        <v>40</v>
      </c>
      <c r="T651" s="5" t="s">
        <v>42</v>
      </c>
      <c r="U651" s="2">
        <v>5.3209999999999997</v>
      </c>
      <c r="V651" s="2">
        <v>5.2779999999999996</v>
      </c>
      <c r="W651" s="2">
        <v>5.2999999999999999E-2</v>
      </c>
      <c r="X651" s="2">
        <v>12</v>
      </c>
      <c r="Y651" s="2">
        <v>29</v>
      </c>
      <c r="Z651" s="2">
        <v>152.19999999999999</v>
      </c>
      <c r="AA651" s="5">
        <v>36</v>
      </c>
      <c r="AB651" s="5" t="s">
        <v>43</v>
      </c>
      <c r="AC651" s="5" t="s">
        <v>44</v>
      </c>
      <c r="AD651" s="2" t="s">
        <v>82749</v>
      </c>
      <c r="AE651" s="1"/>
    </row>
    <row r="652" spans="1:31">
      <c r="A652" s="5" t="s">
        <v>116</v>
      </c>
      <c r="B652" s="21">
        <v>46082</v>
      </c>
      <c r="C652" s="2" t="s">
        <v>82978</v>
      </c>
      <c r="D652" s="14" t="s">
        <v>82979</v>
      </c>
      <c r="E652" s="2" t="s">
        <v>82980</v>
      </c>
      <c r="F652" s="2" t="s">
        <v>130</v>
      </c>
      <c r="G652" s="8">
        <v>130</v>
      </c>
      <c r="H652" s="5">
        <v>15</v>
      </c>
      <c r="I652" s="5" t="s">
        <v>69</v>
      </c>
      <c r="J652" s="5" t="s">
        <v>28207</v>
      </c>
      <c r="K652" s="2" t="s">
        <v>28208</v>
      </c>
      <c r="L652" s="5" t="s">
        <v>28207</v>
      </c>
      <c r="M652" s="2" t="s">
        <v>28208</v>
      </c>
      <c r="N652" s="5" t="s">
        <v>733</v>
      </c>
      <c r="O652" s="5" t="s">
        <v>38</v>
      </c>
      <c r="P652" s="5" t="s">
        <v>39</v>
      </c>
      <c r="Q652" s="5" t="s">
        <v>40</v>
      </c>
      <c r="R652" s="5" t="s">
        <v>25301</v>
      </c>
      <c r="S652" s="5" t="s">
        <v>40</v>
      </c>
      <c r="T652" s="5" t="s">
        <v>42</v>
      </c>
      <c r="U652" s="2">
        <v>5.0640000000000001</v>
      </c>
      <c r="V652" s="2">
        <v>5.0209999999999999</v>
      </c>
      <c r="W652" s="2">
        <v>5.2999999999999999E-2</v>
      </c>
      <c r="X652" s="2">
        <v>12</v>
      </c>
      <c r="Y652" s="2">
        <v>29</v>
      </c>
      <c r="Z652" s="2">
        <v>152.19999999999999</v>
      </c>
      <c r="AA652" s="5">
        <v>36</v>
      </c>
      <c r="AB652" s="5" t="s">
        <v>43</v>
      </c>
      <c r="AC652" s="5" t="s">
        <v>44</v>
      </c>
      <c r="AD652" s="2" t="s">
        <v>82749</v>
      </c>
      <c r="AE652" s="1"/>
    </row>
    <row r="653" spans="1:31">
      <c r="A653" s="5" t="s">
        <v>116</v>
      </c>
      <c r="B653" s="21">
        <v>46054</v>
      </c>
      <c r="C653" s="2" t="s">
        <v>82981</v>
      </c>
      <c r="D653" s="14" t="s">
        <v>82982</v>
      </c>
      <c r="E653" s="2" t="s">
        <v>82983</v>
      </c>
      <c r="F653" s="2" t="s">
        <v>130</v>
      </c>
      <c r="G653" s="8">
        <v>49</v>
      </c>
      <c r="H653" s="5">
        <v>5</v>
      </c>
      <c r="I653" s="5" t="s">
        <v>69</v>
      </c>
      <c r="J653" s="5" t="s">
        <v>28207</v>
      </c>
      <c r="K653" s="2" t="s">
        <v>28208</v>
      </c>
      <c r="L653" s="5" t="s">
        <v>28207</v>
      </c>
      <c r="M653" s="2" t="s">
        <v>28208</v>
      </c>
      <c r="N653" s="5" t="s">
        <v>733</v>
      </c>
      <c r="O653" s="5" t="s">
        <v>38</v>
      </c>
      <c r="P653" s="5" t="s">
        <v>39</v>
      </c>
      <c r="Q653" s="5" t="s">
        <v>40</v>
      </c>
      <c r="R653" s="5" t="s">
        <v>24335</v>
      </c>
      <c r="S653" s="5" t="s">
        <v>40</v>
      </c>
      <c r="T653" s="5" t="s">
        <v>42</v>
      </c>
      <c r="U653" s="2">
        <v>1.734</v>
      </c>
      <c r="V653" s="2">
        <v>1</v>
      </c>
      <c r="W653" s="2">
        <v>3.1E-2</v>
      </c>
      <c r="X653" s="2">
        <v>10.7</v>
      </c>
      <c r="Y653" s="2">
        <v>17</v>
      </c>
      <c r="Z653" s="2">
        <v>171.6</v>
      </c>
      <c r="AA653" s="5">
        <v>36</v>
      </c>
      <c r="AB653" s="5" t="s">
        <v>43</v>
      </c>
      <c r="AC653" s="5" t="s">
        <v>44</v>
      </c>
      <c r="AD653" s="2" t="s">
        <v>82735</v>
      </c>
      <c r="AE653" s="1"/>
    </row>
    <row r="654" spans="1:31">
      <c r="A654" s="5" t="s">
        <v>116</v>
      </c>
      <c r="B654" s="21">
        <v>46054</v>
      </c>
      <c r="C654" s="2" t="s">
        <v>82984</v>
      </c>
      <c r="D654" s="14" t="s">
        <v>82985</v>
      </c>
      <c r="E654" s="2" t="s">
        <v>82986</v>
      </c>
      <c r="F654" s="2" t="s">
        <v>130</v>
      </c>
      <c r="G654" s="8">
        <v>80</v>
      </c>
      <c r="H654" s="5">
        <v>5</v>
      </c>
      <c r="I654" s="5" t="s">
        <v>69</v>
      </c>
      <c r="J654" s="5" t="s">
        <v>28207</v>
      </c>
      <c r="K654" s="2" t="s">
        <v>28208</v>
      </c>
      <c r="L654" s="5" t="s">
        <v>28207</v>
      </c>
      <c r="M654" s="2" t="s">
        <v>28208</v>
      </c>
      <c r="N654" s="5" t="s">
        <v>733</v>
      </c>
      <c r="O654" s="5" t="s">
        <v>38</v>
      </c>
      <c r="P654" s="5" t="s">
        <v>39</v>
      </c>
      <c r="Q654" s="5" t="s">
        <v>40</v>
      </c>
      <c r="R654" s="5" t="s">
        <v>24340</v>
      </c>
      <c r="S654" s="5" t="s">
        <v>40</v>
      </c>
      <c r="T654" s="5" t="s">
        <v>42</v>
      </c>
      <c r="U654" s="2">
        <v>3.2949999999999999</v>
      </c>
      <c r="V654" s="2">
        <v>2.5609999999999999</v>
      </c>
      <c r="W654" s="2">
        <v>3.1E-2</v>
      </c>
      <c r="X654" s="2">
        <v>10.7</v>
      </c>
      <c r="Y654" s="2">
        <v>17</v>
      </c>
      <c r="Z654" s="2">
        <v>171.6</v>
      </c>
      <c r="AA654" s="5">
        <v>36</v>
      </c>
      <c r="AB654" s="5" t="s">
        <v>43</v>
      </c>
      <c r="AC654" s="5" t="s">
        <v>44</v>
      </c>
      <c r="AD654" s="2" t="s">
        <v>82735</v>
      </c>
      <c r="AE654" s="1"/>
    </row>
    <row r="655" spans="1:31">
      <c r="A655" s="5" t="s">
        <v>116</v>
      </c>
      <c r="B655" s="21">
        <v>46054</v>
      </c>
      <c r="C655" s="2" t="s">
        <v>82987</v>
      </c>
      <c r="D655" s="14" t="s">
        <v>82988</v>
      </c>
      <c r="E655" s="2" t="s">
        <v>82989</v>
      </c>
      <c r="F655" s="2" t="s">
        <v>130</v>
      </c>
      <c r="G655" s="8">
        <v>80</v>
      </c>
      <c r="H655" s="5">
        <v>15</v>
      </c>
      <c r="I655" s="5" t="s">
        <v>69</v>
      </c>
      <c r="J655" s="5" t="s">
        <v>28207</v>
      </c>
      <c r="K655" s="2" t="s">
        <v>28208</v>
      </c>
      <c r="L655" s="5" t="s">
        <v>28207</v>
      </c>
      <c r="M655" s="2" t="s">
        <v>28208</v>
      </c>
      <c r="N655" s="5" t="s">
        <v>733</v>
      </c>
      <c r="O655" s="5" t="s">
        <v>38</v>
      </c>
      <c r="P655" s="5" t="s">
        <v>39</v>
      </c>
      <c r="Q655" s="5" t="s">
        <v>40</v>
      </c>
      <c r="R655" s="5" t="s">
        <v>25301</v>
      </c>
      <c r="S655" s="5" t="s">
        <v>40</v>
      </c>
      <c r="T655" s="5" t="s">
        <v>42</v>
      </c>
      <c r="U655" s="2">
        <v>3.02</v>
      </c>
      <c r="V655" s="2">
        <v>2.286</v>
      </c>
      <c r="W655" s="2">
        <v>3.1E-2</v>
      </c>
      <c r="X655" s="2">
        <v>10.7</v>
      </c>
      <c r="Y655" s="2">
        <v>17</v>
      </c>
      <c r="Z655" s="2">
        <v>171.6</v>
      </c>
      <c r="AA655" s="5">
        <v>36</v>
      </c>
      <c r="AB655" s="5" t="s">
        <v>43</v>
      </c>
      <c r="AC655" s="5" t="s">
        <v>44</v>
      </c>
      <c r="AD655" s="2" t="s">
        <v>82735</v>
      </c>
      <c r="AE655" s="1"/>
    </row>
    <row r="656" spans="1:31">
      <c r="A656" s="5" t="s">
        <v>116</v>
      </c>
      <c r="B656" s="21">
        <v>46082</v>
      </c>
      <c r="C656" s="2" t="s">
        <v>82990</v>
      </c>
      <c r="D656" s="14" t="s">
        <v>82991</v>
      </c>
      <c r="E656" s="2" t="s">
        <v>82992</v>
      </c>
      <c r="F656" s="2" t="s">
        <v>130</v>
      </c>
      <c r="G656" s="8">
        <v>108</v>
      </c>
      <c r="H656" s="5">
        <v>5</v>
      </c>
      <c r="I656" s="5" t="s">
        <v>69</v>
      </c>
      <c r="J656" s="5" t="s">
        <v>28207</v>
      </c>
      <c r="K656" s="2" t="s">
        <v>28208</v>
      </c>
      <c r="L656" s="5" t="s">
        <v>28207</v>
      </c>
      <c r="M656" s="2" t="s">
        <v>28208</v>
      </c>
      <c r="N656" s="5" t="s">
        <v>733</v>
      </c>
      <c r="O656" s="5" t="s">
        <v>38</v>
      </c>
      <c r="P656" s="5" t="s">
        <v>39</v>
      </c>
      <c r="Q656" s="5" t="s">
        <v>40</v>
      </c>
      <c r="R656" s="5" t="s">
        <v>24335</v>
      </c>
      <c r="S656" s="5" t="s">
        <v>40</v>
      </c>
      <c r="T656" s="5" t="s">
        <v>42</v>
      </c>
      <c r="U656" s="2">
        <v>4.218</v>
      </c>
      <c r="V656" s="2">
        <v>4.1749999999999998</v>
      </c>
      <c r="W656" s="2">
        <v>6.6000000000000003E-2</v>
      </c>
      <c r="X656" s="2">
        <v>12</v>
      </c>
      <c r="Y656" s="2">
        <v>29</v>
      </c>
      <c r="Z656" s="2">
        <v>188.7</v>
      </c>
      <c r="AA656" s="5">
        <v>36</v>
      </c>
      <c r="AB656" s="5" t="s">
        <v>43</v>
      </c>
      <c r="AC656" s="5" t="s">
        <v>44</v>
      </c>
      <c r="AD656" s="2" t="s">
        <v>82749</v>
      </c>
      <c r="AE656" s="1"/>
    </row>
    <row r="657" spans="1:31">
      <c r="A657" s="5" t="s">
        <v>116</v>
      </c>
      <c r="B657" s="21">
        <v>46082</v>
      </c>
      <c r="C657" s="2" t="s">
        <v>82993</v>
      </c>
      <c r="D657" s="14" t="s">
        <v>82994</v>
      </c>
      <c r="E657" s="2" t="s">
        <v>82995</v>
      </c>
      <c r="F657" s="2" t="s">
        <v>130</v>
      </c>
      <c r="G657" s="8">
        <v>139</v>
      </c>
      <c r="H657" s="5">
        <v>5</v>
      </c>
      <c r="I657" s="5" t="s">
        <v>69</v>
      </c>
      <c r="J657" s="5" t="s">
        <v>28207</v>
      </c>
      <c r="K657" s="2" t="s">
        <v>28208</v>
      </c>
      <c r="L657" s="5" t="s">
        <v>28207</v>
      </c>
      <c r="M657" s="2" t="s">
        <v>28208</v>
      </c>
      <c r="N657" s="5" t="s">
        <v>733</v>
      </c>
      <c r="O657" s="5" t="s">
        <v>38</v>
      </c>
      <c r="P657" s="5" t="s">
        <v>39</v>
      </c>
      <c r="Q657" s="5" t="s">
        <v>40</v>
      </c>
      <c r="R657" s="5" t="s">
        <v>24340</v>
      </c>
      <c r="S657" s="5" t="s">
        <v>40</v>
      </c>
      <c r="T657" s="5" t="s">
        <v>42</v>
      </c>
      <c r="U657" s="2">
        <v>5.7789999999999999</v>
      </c>
      <c r="V657" s="2">
        <v>5.7359999999999998</v>
      </c>
      <c r="W657" s="2">
        <v>6.6000000000000003E-2</v>
      </c>
      <c r="X657" s="2">
        <v>12</v>
      </c>
      <c r="Y657" s="2">
        <v>29</v>
      </c>
      <c r="Z657" s="2">
        <v>188.7</v>
      </c>
      <c r="AA657" s="5">
        <v>36</v>
      </c>
      <c r="AB657" s="5" t="s">
        <v>43</v>
      </c>
      <c r="AC657" s="5" t="s">
        <v>44</v>
      </c>
      <c r="AD657" s="2" t="s">
        <v>82749</v>
      </c>
      <c r="AE657" s="1"/>
    </row>
    <row r="658" spans="1:31">
      <c r="A658" s="5" t="s">
        <v>116</v>
      </c>
      <c r="B658" s="21">
        <v>46082</v>
      </c>
      <c r="C658" s="2" t="s">
        <v>82996</v>
      </c>
      <c r="D658" s="14" t="s">
        <v>82997</v>
      </c>
      <c r="E658" s="2" t="s">
        <v>82998</v>
      </c>
      <c r="F658" s="2" t="s">
        <v>130</v>
      </c>
      <c r="G658" s="8">
        <v>139</v>
      </c>
      <c r="H658" s="5">
        <v>15</v>
      </c>
      <c r="I658" s="5" t="s">
        <v>69</v>
      </c>
      <c r="J658" s="5" t="s">
        <v>28207</v>
      </c>
      <c r="K658" s="2" t="s">
        <v>28208</v>
      </c>
      <c r="L658" s="5" t="s">
        <v>28207</v>
      </c>
      <c r="M658" s="2" t="s">
        <v>28208</v>
      </c>
      <c r="N658" s="5" t="s">
        <v>733</v>
      </c>
      <c r="O658" s="5" t="s">
        <v>38</v>
      </c>
      <c r="P658" s="5" t="s">
        <v>39</v>
      </c>
      <c r="Q658" s="5" t="s">
        <v>40</v>
      </c>
      <c r="R658" s="5" t="s">
        <v>25301</v>
      </c>
      <c r="S658" s="5" t="s">
        <v>40</v>
      </c>
      <c r="T658" s="5" t="s">
        <v>42</v>
      </c>
      <c r="U658" s="2">
        <v>5.4930000000000003</v>
      </c>
      <c r="V658" s="2">
        <v>5.45</v>
      </c>
      <c r="W658" s="2">
        <v>6.6000000000000003E-2</v>
      </c>
      <c r="X658" s="2">
        <v>12</v>
      </c>
      <c r="Y658" s="2">
        <v>29</v>
      </c>
      <c r="Z658" s="2">
        <v>188.7</v>
      </c>
      <c r="AA658" s="5">
        <v>36</v>
      </c>
      <c r="AB658" s="5" t="s">
        <v>43</v>
      </c>
      <c r="AC658" s="5" t="s">
        <v>44</v>
      </c>
      <c r="AD658" s="2" t="s">
        <v>82749</v>
      </c>
      <c r="AE658" s="1"/>
    </row>
    <row r="659" spans="1:31">
      <c r="A659" s="5" t="s">
        <v>116</v>
      </c>
      <c r="B659" s="21">
        <v>46054</v>
      </c>
      <c r="C659" s="2" t="s">
        <v>82999</v>
      </c>
      <c r="D659" s="14" t="s">
        <v>83000</v>
      </c>
      <c r="E659" s="2" t="s">
        <v>83001</v>
      </c>
      <c r="F659" s="2" t="s">
        <v>130</v>
      </c>
      <c r="G659" s="8">
        <v>46</v>
      </c>
      <c r="H659" s="5">
        <v>5</v>
      </c>
      <c r="I659" s="5" t="s">
        <v>69</v>
      </c>
      <c r="J659" s="5" t="s">
        <v>28207</v>
      </c>
      <c r="K659" s="2" t="s">
        <v>28208</v>
      </c>
      <c r="L659" s="5" t="s">
        <v>28207</v>
      </c>
      <c r="M659" s="2" t="s">
        <v>28208</v>
      </c>
      <c r="N659" s="5" t="s">
        <v>733</v>
      </c>
      <c r="O659" s="5" t="s">
        <v>38</v>
      </c>
      <c r="P659" s="5" t="s">
        <v>39</v>
      </c>
      <c r="Q659" s="5" t="s">
        <v>40</v>
      </c>
      <c r="R659" s="5" t="s">
        <v>24335</v>
      </c>
      <c r="S659" s="5" t="s">
        <v>40</v>
      </c>
      <c r="T659" s="5" t="s">
        <v>42</v>
      </c>
      <c r="U659" s="2">
        <v>1.2629999999999999</v>
      </c>
      <c r="V659" s="2">
        <v>0.89300000000000002</v>
      </c>
      <c r="W659" s="2">
        <v>1.7000000000000001E-2</v>
      </c>
      <c r="X659" s="2">
        <v>6.2</v>
      </c>
      <c r="Y659" s="2">
        <v>18.3</v>
      </c>
      <c r="Z659" s="2">
        <v>148.30000000000001</v>
      </c>
      <c r="AA659" s="5">
        <v>36</v>
      </c>
      <c r="AB659" s="5" t="s">
        <v>43</v>
      </c>
      <c r="AC659" s="5" t="s">
        <v>44</v>
      </c>
      <c r="AD659" s="2" t="s">
        <v>82735</v>
      </c>
      <c r="AE659" s="1"/>
    </row>
    <row r="660" spans="1:31">
      <c r="A660" s="5" t="s">
        <v>116</v>
      </c>
      <c r="B660" s="21">
        <v>46054</v>
      </c>
      <c r="C660" s="2" t="s">
        <v>83002</v>
      </c>
      <c r="D660" s="14" t="s">
        <v>83003</v>
      </c>
      <c r="E660" s="2" t="s">
        <v>83004</v>
      </c>
      <c r="F660" s="2" t="s">
        <v>130</v>
      </c>
      <c r="G660" s="8">
        <v>77</v>
      </c>
      <c r="H660" s="5">
        <v>5</v>
      </c>
      <c r="I660" s="5" t="s">
        <v>69</v>
      </c>
      <c r="J660" s="5" t="s">
        <v>28207</v>
      </c>
      <c r="K660" s="2" t="s">
        <v>28208</v>
      </c>
      <c r="L660" s="5" t="s">
        <v>28207</v>
      </c>
      <c r="M660" s="2" t="s">
        <v>28208</v>
      </c>
      <c r="N660" s="5" t="s">
        <v>733</v>
      </c>
      <c r="O660" s="5" t="s">
        <v>38</v>
      </c>
      <c r="P660" s="5" t="s">
        <v>39</v>
      </c>
      <c r="Q660" s="5" t="s">
        <v>40</v>
      </c>
      <c r="R660" s="5" t="s">
        <v>24340</v>
      </c>
      <c r="S660" s="5" t="s">
        <v>40</v>
      </c>
      <c r="T660" s="5" t="s">
        <v>42</v>
      </c>
      <c r="U660" s="2">
        <v>2.6560000000000001</v>
      </c>
      <c r="V660" s="2">
        <v>2.286</v>
      </c>
      <c r="W660" s="2">
        <v>1.7000000000000001E-2</v>
      </c>
      <c r="X660" s="2">
        <v>6.2</v>
      </c>
      <c r="Y660" s="2">
        <v>18.3</v>
      </c>
      <c r="Z660" s="2">
        <v>148.30000000000001</v>
      </c>
      <c r="AA660" s="5">
        <v>36</v>
      </c>
      <c r="AB660" s="5" t="s">
        <v>43</v>
      </c>
      <c r="AC660" s="5" t="s">
        <v>44</v>
      </c>
      <c r="AD660" s="2" t="s">
        <v>82735</v>
      </c>
      <c r="AE660" s="1"/>
    </row>
    <row r="661" spans="1:31">
      <c r="A661" s="5" t="s">
        <v>116</v>
      </c>
      <c r="B661" s="21">
        <v>46054</v>
      </c>
      <c r="C661" s="2" t="s">
        <v>83005</v>
      </c>
      <c r="D661" s="14" t="s">
        <v>83006</v>
      </c>
      <c r="E661" s="2" t="s">
        <v>83007</v>
      </c>
      <c r="F661" s="2" t="s">
        <v>130</v>
      </c>
      <c r="G661" s="8">
        <v>77</v>
      </c>
      <c r="H661" s="5">
        <v>15</v>
      </c>
      <c r="I661" s="5" t="s">
        <v>69</v>
      </c>
      <c r="J661" s="5" t="s">
        <v>28207</v>
      </c>
      <c r="K661" s="2" t="s">
        <v>28208</v>
      </c>
      <c r="L661" s="5" t="s">
        <v>28207</v>
      </c>
      <c r="M661" s="2" t="s">
        <v>28208</v>
      </c>
      <c r="N661" s="5" t="s">
        <v>733</v>
      </c>
      <c r="O661" s="5" t="s">
        <v>38</v>
      </c>
      <c r="P661" s="5" t="s">
        <v>39</v>
      </c>
      <c r="Q661" s="5" t="s">
        <v>40</v>
      </c>
      <c r="R661" s="5" t="s">
        <v>25301</v>
      </c>
      <c r="S661" s="5" t="s">
        <v>40</v>
      </c>
      <c r="T661" s="5" t="s">
        <v>42</v>
      </c>
      <c r="U661" s="2">
        <v>2.411</v>
      </c>
      <c r="V661" s="2">
        <v>2.0409999999999999</v>
      </c>
      <c r="W661" s="2">
        <v>1.7000000000000001E-2</v>
      </c>
      <c r="X661" s="2">
        <v>6.2</v>
      </c>
      <c r="Y661" s="2">
        <v>18.3</v>
      </c>
      <c r="Z661" s="2">
        <v>148.30000000000001</v>
      </c>
      <c r="AA661" s="5">
        <v>36</v>
      </c>
      <c r="AB661" s="5" t="s">
        <v>43</v>
      </c>
      <c r="AC661" s="5" t="s">
        <v>44</v>
      </c>
      <c r="AD661" s="2" t="s">
        <v>82735</v>
      </c>
      <c r="AE661" s="1"/>
    </row>
    <row r="662" spans="1:31">
      <c r="A662" s="5" t="s">
        <v>116</v>
      </c>
      <c r="B662" s="21">
        <v>46082</v>
      </c>
      <c r="C662" s="2" t="s">
        <v>83008</v>
      </c>
      <c r="D662" s="14" t="s">
        <v>83009</v>
      </c>
      <c r="E662" s="2" t="s">
        <v>83010</v>
      </c>
      <c r="F662" s="2" t="s">
        <v>130</v>
      </c>
      <c r="G662" s="8">
        <v>102</v>
      </c>
      <c r="H662" s="5">
        <v>5</v>
      </c>
      <c r="I662" s="5" t="s">
        <v>69</v>
      </c>
      <c r="J662" s="5" t="s">
        <v>28207</v>
      </c>
      <c r="K662" s="2" t="s">
        <v>28208</v>
      </c>
      <c r="L662" s="5" t="s">
        <v>28207</v>
      </c>
      <c r="M662" s="2" t="s">
        <v>28208</v>
      </c>
      <c r="N662" s="5" t="s">
        <v>733</v>
      </c>
      <c r="O662" s="5" t="s">
        <v>38</v>
      </c>
      <c r="P662" s="5" t="s">
        <v>39</v>
      </c>
      <c r="Q662" s="5" t="s">
        <v>40</v>
      </c>
      <c r="R662" s="5" t="s">
        <v>24335</v>
      </c>
      <c r="S662" s="5" t="s">
        <v>40</v>
      </c>
      <c r="T662" s="5" t="s">
        <v>42</v>
      </c>
      <c r="U662" s="2">
        <v>3.99</v>
      </c>
      <c r="V662" s="2">
        <v>3.9470000000000001</v>
      </c>
      <c r="W662" s="2">
        <v>5.2999999999999999E-2</v>
      </c>
      <c r="X662" s="2">
        <v>12</v>
      </c>
      <c r="Y662" s="2">
        <v>29</v>
      </c>
      <c r="Z662" s="2">
        <v>152.19999999999999</v>
      </c>
      <c r="AA662" s="5">
        <v>36</v>
      </c>
      <c r="AB662" s="5" t="s">
        <v>43</v>
      </c>
      <c r="AC662" s="5" t="s">
        <v>44</v>
      </c>
      <c r="AD662" s="2" t="s">
        <v>82749</v>
      </c>
      <c r="AE662" s="1"/>
    </row>
    <row r="663" spans="1:31">
      <c r="A663" s="5" t="s">
        <v>116</v>
      </c>
      <c r="B663" s="21">
        <v>46082</v>
      </c>
      <c r="C663" s="2" t="s">
        <v>83011</v>
      </c>
      <c r="D663" s="14" t="s">
        <v>83012</v>
      </c>
      <c r="E663" s="2" t="s">
        <v>83013</v>
      </c>
      <c r="F663" s="2" t="s">
        <v>130</v>
      </c>
      <c r="G663" s="8">
        <v>133</v>
      </c>
      <c r="H663" s="5">
        <v>5</v>
      </c>
      <c r="I663" s="5" t="s">
        <v>69</v>
      </c>
      <c r="J663" s="5" t="s">
        <v>28207</v>
      </c>
      <c r="K663" s="2" t="s">
        <v>28208</v>
      </c>
      <c r="L663" s="5" t="s">
        <v>28207</v>
      </c>
      <c r="M663" s="2" t="s">
        <v>28208</v>
      </c>
      <c r="N663" s="5" t="s">
        <v>733</v>
      </c>
      <c r="O663" s="5" t="s">
        <v>38</v>
      </c>
      <c r="P663" s="5" t="s">
        <v>39</v>
      </c>
      <c r="Q663" s="5" t="s">
        <v>40</v>
      </c>
      <c r="R663" s="5" t="s">
        <v>24340</v>
      </c>
      <c r="S663" s="5" t="s">
        <v>40</v>
      </c>
      <c r="T663" s="5" t="s">
        <v>42</v>
      </c>
      <c r="U663" s="2">
        <v>5.383</v>
      </c>
      <c r="V663" s="2">
        <v>5.34</v>
      </c>
      <c r="W663" s="2">
        <v>5.2999999999999999E-2</v>
      </c>
      <c r="X663" s="2">
        <v>12</v>
      </c>
      <c r="Y663" s="2">
        <v>29</v>
      </c>
      <c r="Z663" s="2">
        <v>152.19999999999999</v>
      </c>
      <c r="AA663" s="5">
        <v>36</v>
      </c>
      <c r="AB663" s="5" t="s">
        <v>43</v>
      </c>
      <c r="AC663" s="5" t="s">
        <v>44</v>
      </c>
      <c r="AD663" s="2" t="s">
        <v>82749</v>
      </c>
      <c r="AE663" s="1"/>
    </row>
    <row r="664" spans="1:31">
      <c r="A664" s="5" t="s">
        <v>116</v>
      </c>
      <c r="B664" s="21">
        <v>46082</v>
      </c>
      <c r="C664" s="2" t="s">
        <v>83014</v>
      </c>
      <c r="D664" s="14" t="s">
        <v>83015</v>
      </c>
      <c r="E664" s="2" t="s">
        <v>83016</v>
      </c>
      <c r="F664" s="2" t="s">
        <v>130</v>
      </c>
      <c r="G664" s="8">
        <v>133</v>
      </c>
      <c r="H664" s="5">
        <v>15</v>
      </c>
      <c r="I664" s="5" t="s">
        <v>69</v>
      </c>
      <c r="J664" s="5" t="s">
        <v>28207</v>
      </c>
      <c r="K664" s="2" t="s">
        <v>28208</v>
      </c>
      <c r="L664" s="5" t="s">
        <v>28207</v>
      </c>
      <c r="M664" s="2" t="s">
        <v>28208</v>
      </c>
      <c r="N664" s="5" t="s">
        <v>733</v>
      </c>
      <c r="O664" s="5" t="s">
        <v>38</v>
      </c>
      <c r="P664" s="5" t="s">
        <v>39</v>
      </c>
      <c r="Q664" s="5" t="s">
        <v>40</v>
      </c>
      <c r="R664" s="5" t="s">
        <v>25301</v>
      </c>
      <c r="S664" s="5" t="s">
        <v>40</v>
      </c>
      <c r="T664" s="5" t="s">
        <v>42</v>
      </c>
      <c r="U664" s="2">
        <v>5.1269999999999998</v>
      </c>
      <c r="V664" s="2">
        <v>5.0839999999999996</v>
      </c>
      <c r="W664" s="2">
        <v>5.2999999999999999E-2</v>
      </c>
      <c r="X664" s="2">
        <v>12</v>
      </c>
      <c r="Y664" s="2">
        <v>29</v>
      </c>
      <c r="Z664" s="2">
        <v>152.19999999999999</v>
      </c>
      <c r="AA664" s="5">
        <v>36</v>
      </c>
      <c r="AB664" s="5" t="s">
        <v>43</v>
      </c>
      <c r="AC664" s="5" t="s">
        <v>44</v>
      </c>
      <c r="AD664" s="2" t="s">
        <v>82749</v>
      </c>
      <c r="AE664" s="1"/>
    </row>
    <row r="665" spans="1:31">
      <c r="A665" s="5" t="s">
        <v>116</v>
      </c>
      <c r="B665" s="21">
        <v>46054</v>
      </c>
      <c r="C665" s="2" t="s">
        <v>83017</v>
      </c>
      <c r="D665" s="14" t="s">
        <v>83018</v>
      </c>
      <c r="E665" s="2" t="s">
        <v>83019</v>
      </c>
      <c r="F665" s="2" t="s">
        <v>130</v>
      </c>
      <c r="G665" s="8">
        <v>50</v>
      </c>
      <c r="H665" s="5">
        <v>5</v>
      </c>
      <c r="I665" s="5" t="s">
        <v>69</v>
      </c>
      <c r="J665" s="5" t="s">
        <v>28207</v>
      </c>
      <c r="K665" s="2" t="s">
        <v>28208</v>
      </c>
      <c r="L665" s="5" t="s">
        <v>28207</v>
      </c>
      <c r="M665" s="2" t="s">
        <v>28208</v>
      </c>
      <c r="N665" s="5" t="s">
        <v>733</v>
      </c>
      <c r="O665" s="5" t="s">
        <v>38</v>
      </c>
      <c r="P665" s="5" t="s">
        <v>39</v>
      </c>
      <c r="Q665" s="5" t="s">
        <v>40</v>
      </c>
      <c r="R665" s="5" t="s">
        <v>24335</v>
      </c>
      <c r="S665" s="5" t="s">
        <v>40</v>
      </c>
      <c r="T665" s="5" t="s">
        <v>42</v>
      </c>
      <c r="U665" s="2">
        <v>1.345</v>
      </c>
      <c r="V665" s="2">
        <v>0.97499999999999998</v>
      </c>
      <c r="W665" s="2">
        <v>1.7000000000000001E-2</v>
      </c>
      <c r="X665" s="2">
        <v>6.2</v>
      </c>
      <c r="Y665" s="2">
        <v>18.3</v>
      </c>
      <c r="Z665" s="2">
        <v>148.30000000000001</v>
      </c>
      <c r="AA665" s="5">
        <v>36</v>
      </c>
      <c r="AB665" s="5" t="s">
        <v>43</v>
      </c>
      <c r="AC665" s="5" t="s">
        <v>44</v>
      </c>
      <c r="AD665" s="2" t="s">
        <v>82735</v>
      </c>
      <c r="AE665" s="1"/>
    </row>
    <row r="666" spans="1:31">
      <c r="A666" s="5" t="s">
        <v>116</v>
      </c>
      <c r="B666" s="21">
        <v>46054</v>
      </c>
      <c r="C666" s="2" t="s">
        <v>83020</v>
      </c>
      <c r="D666" s="14" t="s">
        <v>83021</v>
      </c>
      <c r="E666" s="2" t="s">
        <v>83022</v>
      </c>
      <c r="F666" s="2" t="s">
        <v>130</v>
      </c>
      <c r="G666" s="8">
        <v>81</v>
      </c>
      <c r="H666" s="5">
        <v>15</v>
      </c>
      <c r="I666" s="5" t="s">
        <v>69</v>
      </c>
      <c r="J666" s="5" t="s">
        <v>28207</v>
      </c>
      <c r="K666" s="2" t="s">
        <v>28208</v>
      </c>
      <c r="L666" s="5" t="s">
        <v>28207</v>
      </c>
      <c r="M666" s="2" t="s">
        <v>28208</v>
      </c>
      <c r="N666" s="5" t="s">
        <v>733</v>
      </c>
      <c r="O666" s="5" t="s">
        <v>38</v>
      </c>
      <c r="P666" s="5" t="s">
        <v>39</v>
      </c>
      <c r="Q666" s="5" t="s">
        <v>40</v>
      </c>
      <c r="R666" s="5" t="s">
        <v>24340</v>
      </c>
      <c r="S666" s="5" t="s">
        <v>40</v>
      </c>
      <c r="T666" s="5" t="s">
        <v>42</v>
      </c>
      <c r="U666" s="2">
        <v>2.8839999999999999</v>
      </c>
      <c r="V666" s="2">
        <v>2.5139999999999998</v>
      </c>
      <c r="W666" s="2">
        <v>1.7000000000000001E-2</v>
      </c>
      <c r="X666" s="2">
        <v>6.2</v>
      </c>
      <c r="Y666" s="2">
        <v>18.3</v>
      </c>
      <c r="Z666" s="2">
        <v>148.30000000000001</v>
      </c>
      <c r="AA666" s="5">
        <v>36</v>
      </c>
      <c r="AB666" s="5" t="s">
        <v>43</v>
      </c>
      <c r="AC666" s="5" t="s">
        <v>44</v>
      </c>
      <c r="AD666" s="2" t="s">
        <v>82735</v>
      </c>
      <c r="AE666" s="1"/>
    </row>
    <row r="667" spans="1:31">
      <c r="A667" s="5" t="s">
        <v>116</v>
      </c>
      <c r="B667" s="21">
        <v>46054</v>
      </c>
      <c r="C667" s="2" t="s">
        <v>83023</v>
      </c>
      <c r="D667" s="14" t="s">
        <v>83024</v>
      </c>
      <c r="E667" s="2" t="s">
        <v>83025</v>
      </c>
      <c r="F667" s="2" t="s">
        <v>130</v>
      </c>
      <c r="G667" s="8">
        <v>81</v>
      </c>
      <c r="H667" s="5">
        <v>15</v>
      </c>
      <c r="I667" s="5" t="s">
        <v>69</v>
      </c>
      <c r="J667" s="5" t="s">
        <v>28207</v>
      </c>
      <c r="K667" s="2" t="s">
        <v>28208</v>
      </c>
      <c r="L667" s="5" t="s">
        <v>28207</v>
      </c>
      <c r="M667" s="2" t="s">
        <v>28208</v>
      </c>
      <c r="N667" s="5" t="s">
        <v>733</v>
      </c>
      <c r="O667" s="5" t="s">
        <v>38</v>
      </c>
      <c r="P667" s="5" t="s">
        <v>39</v>
      </c>
      <c r="Q667" s="5" t="s">
        <v>40</v>
      </c>
      <c r="R667" s="5" t="s">
        <v>25301</v>
      </c>
      <c r="S667" s="5" t="s">
        <v>40</v>
      </c>
      <c r="T667" s="5" t="s">
        <v>42</v>
      </c>
      <c r="U667" s="2">
        <v>2.609</v>
      </c>
      <c r="V667" s="2">
        <v>2.2389999999999999</v>
      </c>
      <c r="W667" s="2">
        <v>1.7000000000000001E-2</v>
      </c>
      <c r="X667" s="2">
        <v>6.2</v>
      </c>
      <c r="Y667" s="2">
        <v>18.3</v>
      </c>
      <c r="Z667" s="2">
        <v>148.30000000000001</v>
      </c>
      <c r="AA667" s="5">
        <v>36</v>
      </c>
      <c r="AB667" s="5" t="s">
        <v>43</v>
      </c>
      <c r="AC667" s="5" t="s">
        <v>44</v>
      </c>
      <c r="AD667" s="2" t="s">
        <v>82735</v>
      </c>
      <c r="AE667" s="1"/>
    </row>
    <row r="668" spans="1:31">
      <c r="A668" s="5" t="s">
        <v>116</v>
      </c>
      <c r="B668" s="21">
        <v>46082</v>
      </c>
      <c r="C668" s="2" t="s">
        <v>83026</v>
      </c>
      <c r="D668" s="14" t="s">
        <v>83027</v>
      </c>
      <c r="E668" s="2" t="s">
        <v>83028</v>
      </c>
      <c r="F668" s="2" t="s">
        <v>130</v>
      </c>
      <c r="G668" s="8">
        <v>111</v>
      </c>
      <c r="H668" s="5">
        <v>5</v>
      </c>
      <c r="I668" s="5" t="s">
        <v>69</v>
      </c>
      <c r="J668" s="5" t="s">
        <v>28207</v>
      </c>
      <c r="K668" s="2" t="s">
        <v>28208</v>
      </c>
      <c r="L668" s="5" t="s">
        <v>28207</v>
      </c>
      <c r="M668" s="2" t="s">
        <v>28208</v>
      </c>
      <c r="N668" s="5" t="s">
        <v>733</v>
      </c>
      <c r="O668" s="5" t="s">
        <v>38</v>
      </c>
      <c r="P668" s="5" t="s">
        <v>39</v>
      </c>
      <c r="Q668" s="5" t="s">
        <v>40</v>
      </c>
      <c r="R668" s="5" t="s">
        <v>24335</v>
      </c>
      <c r="S668" s="5" t="s">
        <v>40</v>
      </c>
      <c r="T668" s="5" t="s">
        <v>42</v>
      </c>
      <c r="U668" s="2">
        <v>4.1719999999999997</v>
      </c>
      <c r="V668" s="2">
        <v>4.1289999999999996</v>
      </c>
      <c r="W668" s="2">
        <v>5.2999999999999999E-2</v>
      </c>
      <c r="X668" s="2">
        <v>12</v>
      </c>
      <c r="Y668" s="2">
        <v>29</v>
      </c>
      <c r="Z668" s="2">
        <v>152.19999999999999</v>
      </c>
      <c r="AA668" s="5">
        <v>36</v>
      </c>
      <c r="AB668" s="5" t="s">
        <v>43</v>
      </c>
      <c r="AC668" s="5" t="s">
        <v>44</v>
      </c>
      <c r="AD668" s="2" t="s">
        <v>82749</v>
      </c>
      <c r="AE668" s="1"/>
    </row>
    <row r="669" spans="1:31">
      <c r="A669" s="5" t="s">
        <v>116</v>
      </c>
      <c r="B669" s="21">
        <v>46082</v>
      </c>
      <c r="C669" s="2" t="s">
        <v>83029</v>
      </c>
      <c r="D669" s="14" t="s">
        <v>83030</v>
      </c>
      <c r="E669" s="2" t="s">
        <v>83031</v>
      </c>
      <c r="F669" s="2" t="s">
        <v>130</v>
      </c>
      <c r="G669" s="8">
        <v>142</v>
      </c>
      <c r="H669" s="5">
        <v>15</v>
      </c>
      <c r="I669" s="5" t="s">
        <v>69</v>
      </c>
      <c r="J669" s="5" t="s">
        <v>28207</v>
      </c>
      <c r="K669" s="2" t="s">
        <v>28208</v>
      </c>
      <c r="L669" s="5" t="s">
        <v>28207</v>
      </c>
      <c r="M669" s="2" t="s">
        <v>28208</v>
      </c>
      <c r="N669" s="5" t="s">
        <v>733</v>
      </c>
      <c r="O669" s="5" t="s">
        <v>38</v>
      </c>
      <c r="P669" s="5" t="s">
        <v>39</v>
      </c>
      <c r="Q669" s="5" t="s">
        <v>40</v>
      </c>
      <c r="R669" s="5" t="s">
        <v>24340</v>
      </c>
      <c r="S669" s="5" t="s">
        <v>40</v>
      </c>
      <c r="T669" s="5" t="s">
        <v>42</v>
      </c>
      <c r="U669" s="2">
        <v>5.7</v>
      </c>
      <c r="V669" s="2">
        <v>5.657</v>
      </c>
      <c r="W669" s="2">
        <v>5.2999999999999999E-2</v>
      </c>
      <c r="X669" s="2">
        <v>12</v>
      </c>
      <c r="Y669" s="2">
        <v>29</v>
      </c>
      <c r="Z669" s="2">
        <v>152.19999999999999</v>
      </c>
      <c r="AA669" s="5">
        <v>36</v>
      </c>
      <c r="AB669" s="5" t="s">
        <v>43</v>
      </c>
      <c r="AC669" s="5" t="s">
        <v>44</v>
      </c>
      <c r="AD669" s="2" t="s">
        <v>82749</v>
      </c>
      <c r="AE669" s="1"/>
    </row>
    <row r="670" spans="1:31">
      <c r="A670" s="5" t="s">
        <v>116</v>
      </c>
      <c r="B670" s="21">
        <v>46082</v>
      </c>
      <c r="C670" s="2" t="s">
        <v>83032</v>
      </c>
      <c r="D670" s="14" t="s">
        <v>83033</v>
      </c>
      <c r="E670" s="2" t="s">
        <v>83034</v>
      </c>
      <c r="F670" s="2" t="s">
        <v>130</v>
      </c>
      <c r="G670" s="8">
        <v>142</v>
      </c>
      <c r="H670" s="5">
        <v>15</v>
      </c>
      <c r="I670" s="5" t="s">
        <v>69</v>
      </c>
      <c r="J670" s="5" t="s">
        <v>28207</v>
      </c>
      <c r="K670" s="2" t="s">
        <v>28208</v>
      </c>
      <c r="L670" s="5" t="s">
        <v>28207</v>
      </c>
      <c r="M670" s="2" t="s">
        <v>28208</v>
      </c>
      <c r="N670" s="5" t="s">
        <v>733</v>
      </c>
      <c r="O670" s="5" t="s">
        <v>38</v>
      </c>
      <c r="P670" s="5" t="s">
        <v>39</v>
      </c>
      <c r="Q670" s="5" t="s">
        <v>40</v>
      </c>
      <c r="R670" s="5" t="s">
        <v>25301</v>
      </c>
      <c r="S670" s="5" t="s">
        <v>40</v>
      </c>
      <c r="T670" s="5" t="s">
        <v>42</v>
      </c>
      <c r="U670" s="2">
        <v>5.4249999999999998</v>
      </c>
      <c r="V670" s="2">
        <v>5.3819999999999997</v>
      </c>
      <c r="W670" s="2">
        <v>5.2999999999999999E-2</v>
      </c>
      <c r="X670" s="2">
        <v>12</v>
      </c>
      <c r="Y670" s="2">
        <v>29</v>
      </c>
      <c r="Z670" s="2">
        <v>152.19999999999999</v>
      </c>
      <c r="AA670" s="5">
        <v>36</v>
      </c>
      <c r="AB670" s="5" t="s">
        <v>43</v>
      </c>
      <c r="AC670" s="5" t="s">
        <v>44</v>
      </c>
      <c r="AD670" s="2" t="s">
        <v>82749</v>
      </c>
      <c r="AE670" s="1"/>
    </row>
    <row r="671" spans="1:31">
      <c r="A671" s="5" t="s">
        <v>116</v>
      </c>
      <c r="B671" s="21">
        <v>46054</v>
      </c>
      <c r="C671" s="2" t="s">
        <v>83035</v>
      </c>
      <c r="D671" s="14" t="s">
        <v>83036</v>
      </c>
      <c r="E671" s="2" t="s">
        <v>83037</v>
      </c>
      <c r="F671" s="2" t="s">
        <v>130</v>
      </c>
      <c r="G671" s="8">
        <v>54</v>
      </c>
      <c r="H671" s="5">
        <v>5</v>
      </c>
      <c r="I671" s="5" t="s">
        <v>69</v>
      </c>
      <c r="J671" s="5" t="s">
        <v>28207</v>
      </c>
      <c r="K671" s="2" t="s">
        <v>28208</v>
      </c>
      <c r="L671" s="5" t="s">
        <v>28207</v>
      </c>
      <c r="M671" s="2" t="s">
        <v>28208</v>
      </c>
      <c r="N671" s="5" t="s">
        <v>733</v>
      </c>
      <c r="O671" s="5" t="s">
        <v>38</v>
      </c>
      <c r="P671" s="5" t="s">
        <v>39</v>
      </c>
      <c r="Q671" s="5" t="s">
        <v>40</v>
      </c>
      <c r="R671" s="5" t="s">
        <v>24335</v>
      </c>
      <c r="S671" s="5" t="s">
        <v>40</v>
      </c>
      <c r="T671" s="5" t="s">
        <v>42</v>
      </c>
      <c r="U671" s="2">
        <v>1.7869999999999999</v>
      </c>
      <c r="V671" s="2">
        <v>1.0529999999999999</v>
      </c>
      <c r="W671" s="2">
        <v>3.1E-2</v>
      </c>
      <c r="X671" s="2">
        <v>10.7</v>
      </c>
      <c r="Y671" s="2">
        <v>17</v>
      </c>
      <c r="Z671" s="2">
        <v>171.6</v>
      </c>
      <c r="AA671" s="5">
        <v>36</v>
      </c>
      <c r="AB671" s="5" t="s">
        <v>43</v>
      </c>
      <c r="AC671" s="5" t="s">
        <v>44</v>
      </c>
      <c r="AD671" s="2" t="s">
        <v>82735</v>
      </c>
      <c r="AE671" s="1"/>
    </row>
    <row r="672" spans="1:31">
      <c r="A672" s="5" t="s">
        <v>116</v>
      </c>
      <c r="B672" s="21">
        <v>46054</v>
      </c>
      <c r="C672" s="2" t="s">
        <v>83038</v>
      </c>
      <c r="D672" s="14" t="s">
        <v>83039</v>
      </c>
      <c r="E672" s="2" t="s">
        <v>83040</v>
      </c>
      <c r="F672" s="2" t="s">
        <v>130</v>
      </c>
      <c r="G672" s="8">
        <v>85</v>
      </c>
      <c r="H672" s="5">
        <v>15</v>
      </c>
      <c r="I672" s="5" t="s">
        <v>69</v>
      </c>
      <c r="J672" s="5" t="s">
        <v>28207</v>
      </c>
      <c r="K672" s="2" t="s">
        <v>28208</v>
      </c>
      <c r="L672" s="5" t="s">
        <v>28207</v>
      </c>
      <c r="M672" s="2" t="s">
        <v>28208</v>
      </c>
      <c r="N672" s="5" t="s">
        <v>733</v>
      </c>
      <c r="O672" s="5" t="s">
        <v>38</v>
      </c>
      <c r="P672" s="5" t="s">
        <v>39</v>
      </c>
      <c r="Q672" s="5" t="s">
        <v>40</v>
      </c>
      <c r="R672" s="5" t="s">
        <v>24340</v>
      </c>
      <c r="S672" s="5" t="s">
        <v>40</v>
      </c>
      <c r="T672" s="5" t="s">
        <v>42</v>
      </c>
      <c r="U672" s="2">
        <v>3.4540000000000002</v>
      </c>
      <c r="V672" s="2">
        <v>2.72</v>
      </c>
      <c r="W672" s="2">
        <v>3.1E-2</v>
      </c>
      <c r="X672" s="2">
        <v>10.7</v>
      </c>
      <c r="Y672" s="2">
        <v>17</v>
      </c>
      <c r="Z672" s="2">
        <v>171.6</v>
      </c>
      <c r="AA672" s="5">
        <v>36</v>
      </c>
      <c r="AB672" s="5" t="s">
        <v>43</v>
      </c>
      <c r="AC672" s="5" t="s">
        <v>44</v>
      </c>
      <c r="AD672" s="2" t="s">
        <v>82735</v>
      </c>
      <c r="AE672" s="1"/>
    </row>
    <row r="673" spans="1:31">
      <c r="A673" s="5" t="s">
        <v>116</v>
      </c>
      <c r="B673" s="21">
        <v>46054</v>
      </c>
      <c r="C673" s="2" t="s">
        <v>83041</v>
      </c>
      <c r="D673" s="14" t="s">
        <v>83042</v>
      </c>
      <c r="E673" s="2" t="s">
        <v>83043</v>
      </c>
      <c r="F673" s="2" t="s">
        <v>130</v>
      </c>
      <c r="G673" s="8">
        <v>85</v>
      </c>
      <c r="H673" s="5">
        <v>15</v>
      </c>
      <c r="I673" s="5" t="s">
        <v>69</v>
      </c>
      <c r="J673" s="5" t="s">
        <v>28207</v>
      </c>
      <c r="K673" s="2" t="s">
        <v>28208</v>
      </c>
      <c r="L673" s="5" t="s">
        <v>28207</v>
      </c>
      <c r="M673" s="2" t="s">
        <v>28208</v>
      </c>
      <c r="N673" s="5" t="s">
        <v>733</v>
      </c>
      <c r="O673" s="5" t="s">
        <v>38</v>
      </c>
      <c r="P673" s="5" t="s">
        <v>39</v>
      </c>
      <c r="Q673" s="5" t="s">
        <v>40</v>
      </c>
      <c r="R673" s="5" t="s">
        <v>25301</v>
      </c>
      <c r="S673" s="5" t="s">
        <v>40</v>
      </c>
      <c r="T673" s="5" t="s">
        <v>42</v>
      </c>
      <c r="U673" s="2">
        <v>3.1549999999999998</v>
      </c>
      <c r="V673" s="2">
        <v>2.4209999999999998</v>
      </c>
      <c r="W673" s="2">
        <v>3.1E-2</v>
      </c>
      <c r="X673" s="2">
        <v>10.7</v>
      </c>
      <c r="Y673" s="2">
        <v>17</v>
      </c>
      <c r="Z673" s="2">
        <v>171.6</v>
      </c>
      <c r="AA673" s="5">
        <v>36</v>
      </c>
      <c r="AB673" s="5" t="s">
        <v>43</v>
      </c>
      <c r="AC673" s="5" t="s">
        <v>44</v>
      </c>
      <c r="AD673" s="2" t="s">
        <v>82735</v>
      </c>
      <c r="AE673" s="1"/>
    </row>
    <row r="674" spans="1:31">
      <c r="A674" s="5" t="s">
        <v>116</v>
      </c>
      <c r="B674" s="21">
        <v>46082</v>
      </c>
      <c r="C674" s="2" t="s">
        <v>83044</v>
      </c>
      <c r="D674" s="14" t="s">
        <v>83045</v>
      </c>
      <c r="E674" s="2" t="s">
        <v>83046</v>
      </c>
      <c r="F674" s="2" t="s">
        <v>130</v>
      </c>
      <c r="G674" s="8">
        <v>121</v>
      </c>
      <c r="H674" s="5">
        <v>5</v>
      </c>
      <c r="I674" s="5" t="s">
        <v>69</v>
      </c>
      <c r="J674" s="5" t="s">
        <v>28207</v>
      </c>
      <c r="K674" s="2" t="s">
        <v>28208</v>
      </c>
      <c r="L674" s="5" t="s">
        <v>28207</v>
      </c>
      <c r="M674" s="2" t="s">
        <v>28208</v>
      </c>
      <c r="N674" s="5" t="s">
        <v>733</v>
      </c>
      <c r="O674" s="5" t="s">
        <v>38</v>
      </c>
      <c r="P674" s="5" t="s">
        <v>39</v>
      </c>
      <c r="Q674" s="5" t="s">
        <v>40</v>
      </c>
      <c r="R674" s="5" t="s">
        <v>24335</v>
      </c>
      <c r="S674" s="5" t="s">
        <v>40</v>
      </c>
      <c r="T674" s="5" t="s">
        <v>42</v>
      </c>
      <c r="U674" s="2">
        <v>4.4980000000000002</v>
      </c>
      <c r="V674" s="2">
        <v>4.4550000000000001</v>
      </c>
      <c r="W674" s="2">
        <v>6.6000000000000003E-2</v>
      </c>
      <c r="X674" s="2">
        <v>12</v>
      </c>
      <c r="Y674" s="2">
        <v>29</v>
      </c>
      <c r="Z674" s="2">
        <v>188.7</v>
      </c>
      <c r="AA674" s="5">
        <v>36</v>
      </c>
      <c r="AB674" s="5" t="s">
        <v>43</v>
      </c>
      <c r="AC674" s="5" t="s">
        <v>44</v>
      </c>
      <c r="AD674" s="2" t="s">
        <v>82749</v>
      </c>
      <c r="AE674" s="1"/>
    </row>
    <row r="675" spans="1:31">
      <c r="A675" s="5" t="s">
        <v>116</v>
      </c>
      <c r="B675" s="21">
        <v>46082</v>
      </c>
      <c r="C675" s="2" t="s">
        <v>83047</v>
      </c>
      <c r="D675" s="14" t="s">
        <v>83048</v>
      </c>
      <c r="E675" s="2" t="s">
        <v>83049</v>
      </c>
      <c r="F675" s="2" t="s">
        <v>130</v>
      </c>
      <c r="G675" s="8">
        <v>152</v>
      </c>
      <c r="H675" s="5">
        <v>15</v>
      </c>
      <c r="I675" s="5" t="s">
        <v>69</v>
      </c>
      <c r="J675" s="5" t="s">
        <v>28207</v>
      </c>
      <c r="K675" s="2" t="s">
        <v>28208</v>
      </c>
      <c r="L675" s="5" t="s">
        <v>28207</v>
      </c>
      <c r="M675" s="2" t="s">
        <v>28208</v>
      </c>
      <c r="N675" s="5" t="s">
        <v>733</v>
      </c>
      <c r="O675" s="5" t="s">
        <v>38</v>
      </c>
      <c r="P675" s="5" t="s">
        <v>39</v>
      </c>
      <c r="Q675" s="5" t="s">
        <v>40</v>
      </c>
      <c r="R675" s="5" t="s">
        <v>24340</v>
      </c>
      <c r="S675" s="5" t="s">
        <v>40</v>
      </c>
      <c r="T675" s="5" t="s">
        <v>42</v>
      </c>
      <c r="U675" s="2">
        <v>6.1539999999999999</v>
      </c>
      <c r="V675" s="2">
        <v>6.1109999999999998</v>
      </c>
      <c r="W675" s="2">
        <v>6.6000000000000003E-2</v>
      </c>
      <c r="X675" s="2">
        <v>12</v>
      </c>
      <c r="Y675" s="2">
        <v>29</v>
      </c>
      <c r="Z675" s="2">
        <v>188.7</v>
      </c>
      <c r="AA675" s="5">
        <v>36</v>
      </c>
      <c r="AB675" s="5" t="s">
        <v>43</v>
      </c>
      <c r="AC675" s="5" t="s">
        <v>44</v>
      </c>
      <c r="AD675" s="2" t="s">
        <v>82749</v>
      </c>
      <c r="AE675" s="1"/>
    </row>
    <row r="676" spans="1:31">
      <c r="A676" s="5" t="s">
        <v>116</v>
      </c>
      <c r="B676" s="21">
        <v>46082</v>
      </c>
      <c r="C676" s="2" t="s">
        <v>83050</v>
      </c>
      <c r="D676" s="14" t="s">
        <v>83051</v>
      </c>
      <c r="E676" s="2" t="s">
        <v>83052</v>
      </c>
      <c r="F676" s="2" t="s">
        <v>130</v>
      </c>
      <c r="G676" s="8">
        <v>152</v>
      </c>
      <c r="H676" s="5">
        <v>15</v>
      </c>
      <c r="I676" s="5" t="s">
        <v>69</v>
      </c>
      <c r="J676" s="5" t="s">
        <v>28207</v>
      </c>
      <c r="K676" s="2" t="s">
        <v>28208</v>
      </c>
      <c r="L676" s="5" t="s">
        <v>28207</v>
      </c>
      <c r="M676" s="2" t="s">
        <v>28208</v>
      </c>
      <c r="N676" s="5" t="s">
        <v>733</v>
      </c>
      <c r="O676" s="5" t="s">
        <v>38</v>
      </c>
      <c r="P676" s="5" t="s">
        <v>39</v>
      </c>
      <c r="Q676" s="5" t="s">
        <v>40</v>
      </c>
      <c r="R676" s="5" t="s">
        <v>25301</v>
      </c>
      <c r="S676" s="5" t="s">
        <v>40</v>
      </c>
      <c r="T676" s="5" t="s">
        <v>42</v>
      </c>
      <c r="U676" s="2">
        <v>5.8550000000000004</v>
      </c>
      <c r="V676" s="2">
        <v>5.8120000000000003</v>
      </c>
      <c r="W676" s="2">
        <v>6.6000000000000003E-2</v>
      </c>
      <c r="X676" s="2">
        <v>12</v>
      </c>
      <c r="Y676" s="2">
        <v>29</v>
      </c>
      <c r="Z676" s="2">
        <v>188.7</v>
      </c>
      <c r="AA676" s="5">
        <v>36</v>
      </c>
      <c r="AB676" s="5" t="s">
        <v>43</v>
      </c>
      <c r="AC676" s="5" t="s">
        <v>44</v>
      </c>
      <c r="AD676" s="2" t="s">
        <v>82749</v>
      </c>
      <c r="AE676" s="1"/>
    </row>
    <row r="677" spans="1:31">
      <c r="A677" s="5" t="s">
        <v>116</v>
      </c>
      <c r="B677" s="21">
        <v>46054</v>
      </c>
      <c r="C677" s="2" t="s">
        <v>83053</v>
      </c>
      <c r="D677" s="14" t="s">
        <v>83054</v>
      </c>
      <c r="E677" s="2" t="s">
        <v>83055</v>
      </c>
      <c r="F677" s="2" t="s">
        <v>130</v>
      </c>
      <c r="G677" s="8">
        <v>46</v>
      </c>
      <c r="H677" s="5">
        <v>5</v>
      </c>
      <c r="I677" s="5" t="s">
        <v>69</v>
      </c>
      <c r="J677" s="5" t="s">
        <v>28207</v>
      </c>
      <c r="K677" s="2" t="s">
        <v>28208</v>
      </c>
      <c r="L677" s="5" t="s">
        <v>28207</v>
      </c>
      <c r="M677" s="2" t="s">
        <v>28208</v>
      </c>
      <c r="N677" s="5" t="s">
        <v>733</v>
      </c>
      <c r="O677" s="5" t="s">
        <v>38</v>
      </c>
      <c r="P677" s="5" t="s">
        <v>39</v>
      </c>
      <c r="Q677" s="5" t="s">
        <v>40</v>
      </c>
      <c r="R677" s="5" t="s">
        <v>24335</v>
      </c>
      <c r="S677" s="5" t="s">
        <v>40</v>
      </c>
      <c r="T677" s="5" t="s">
        <v>42</v>
      </c>
      <c r="U677" s="2">
        <v>1.599</v>
      </c>
      <c r="V677" s="2">
        <v>0.86499999999999999</v>
      </c>
      <c r="W677" s="2">
        <v>3.1E-2</v>
      </c>
      <c r="X677" s="2">
        <v>10.7</v>
      </c>
      <c r="Y677" s="2">
        <v>17</v>
      </c>
      <c r="Z677" s="2">
        <v>171.6</v>
      </c>
      <c r="AA677" s="5">
        <v>36</v>
      </c>
      <c r="AB677" s="5" t="s">
        <v>43</v>
      </c>
      <c r="AC677" s="5" t="s">
        <v>44</v>
      </c>
      <c r="AD677" s="2" t="s">
        <v>82735</v>
      </c>
      <c r="AE677" s="1"/>
    </row>
    <row r="678" spans="1:31">
      <c r="A678" s="5" t="s">
        <v>116</v>
      </c>
      <c r="B678" s="21">
        <v>46054</v>
      </c>
      <c r="C678" s="2" t="s">
        <v>83056</v>
      </c>
      <c r="D678" s="14" t="s">
        <v>83057</v>
      </c>
      <c r="E678" s="2" t="s">
        <v>83058</v>
      </c>
      <c r="F678" s="2" t="s">
        <v>130</v>
      </c>
      <c r="G678" s="8">
        <v>77</v>
      </c>
      <c r="H678" s="5">
        <v>15</v>
      </c>
      <c r="I678" s="5" t="s">
        <v>69</v>
      </c>
      <c r="J678" s="5" t="s">
        <v>28207</v>
      </c>
      <c r="K678" s="2" t="s">
        <v>28208</v>
      </c>
      <c r="L678" s="5" t="s">
        <v>28207</v>
      </c>
      <c r="M678" s="2" t="s">
        <v>28208</v>
      </c>
      <c r="N678" s="5" t="s">
        <v>733</v>
      </c>
      <c r="O678" s="5" t="s">
        <v>38</v>
      </c>
      <c r="P678" s="5" t="s">
        <v>39</v>
      </c>
      <c r="Q678" s="5" t="s">
        <v>40</v>
      </c>
      <c r="R678" s="5" t="s">
        <v>24340</v>
      </c>
      <c r="S678" s="5" t="s">
        <v>40</v>
      </c>
      <c r="T678" s="5" t="s">
        <v>42</v>
      </c>
      <c r="U678" s="2">
        <v>2.98</v>
      </c>
      <c r="V678" s="2">
        <v>2.246</v>
      </c>
      <c r="W678" s="2">
        <v>3.1E-2</v>
      </c>
      <c r="X678" s="2">
        <v>10.7</v>
      </c>
      <c r="Y678" s="2">
        <v>17</v>
      </c>
      <c r="Z678" s="2">
        <v>171.6</v>
      </c>
      <c r="AA678" s="5">
        <v>36</v>
      </c>
      <c r="AB678" s="5" t="s">
        <v>43</v>
      </c>
      <c r="AC678" s="5" t="s">
        <v>44</v>
      </c>
      <c r="AD678" s="2" t="s">
        <v>82735</v>
      </c>
      <c r="AE678" s="1"/>
    </row>
    <row r="679" spans="1:31">
      <c r="A679" s="5" t="s">
        <v>116</v>
      </c>
      <c r="B679" s="21">
        <v>46054</v>
      </c>
      <c r="C679" s="2" t="s">
        <v>83059</v>
      </c>
      <c r="D679" s="14" t="s">
        <v>83060</v>
      </c>
      <c r="E679" s="2" t="s">
        <v>83061</v>
      </c>
      <c r="F679" s="2" t="s">
        <v>130</v>
      </c>
      <c r="G679" s="8">
        <v>77</v>
      </c>
      <c r="H679" s="5">
        <v>15</v>
      </c>
      <c r="I679" s="5" t="s">
        <v>69</v>
      </c>
      <c r="J679" s="5" t="s">
        <v>28207</v>
      </c>
      <c r="K679" s="2" t="s">
        <v>28208</v>
      </c>
      <c r="L679" s="5" t="s">
        <v>28207</v>
      </c>
      <c r="M679" s="2" t="s">
        <v>28208</v>
      </c>
      <c r="N679" s="5" t="s">
        <v>733</v>
      </c>
      <c r="O679" s="5" t="s">
        <v>38</v>
      </c>
      <c r="P679" s="5" t="s">
        <v>39</v>
      </c>
      <c r="Q679" s="5" t="s">
        <v>40</v>
      </c>
      <c r="R679" s="5" t="s">
        <v>25301</v>
      </c>
      <c r="S679" s="5" t="s">
        <v>40</v>
      </c>
      <c r="T679" s="5" t="s">
        <v>42</v>
      </c>
      <c r="U679" s="2">
        <v>2.7330000000000001</v>
      </c>
      <c r="V679" s="2">
        <v>1.9990000000000001</v>
      </c>
      <c r="W679" s="2">
        <v>3.1E-2</v>
      </c>
      <c r="X679" s="2">
        <v>10.7</v>
      </c>
      <c r="Y679" s="2">
        <v>17</v>
      </c>
      <c r="Z679" s="2">
        <v>171.6</v>
      </c>
      <c r="AA679" s="5">
        <v>36</v>
      </c>
      <c r="AB679" s="5" t="s">
        <v>43</v>
      </c>
      <c r="AC679" s="5" t="s">
        <v>44</v>
      </c>
      <c r="AD679" s="2" t="s">
        <v>82735</v>
      </c>
      <c r="AE679" s="1"/>
    </row>
    <row r="680" spans="1:31">
      <c r="A680" s="5" t="s">
        <v>116</v>
      </c>
      <c r="B680" s="21">
        <v>46082</v>
      </c>
      <c r="C680" s="2" t="s">
        <v>83062</v>
      </c>
      <c r="D680" s="14" t="s">
        <v>83063</v>
      </c>
      <c r="E680" s="2" t="s">
        <v>83064</v>
      </c>
      <c r="F680" s="2" t="s">
        <v>130</v>
      </c>
      <c r="G680" s="8">
        <v>102</v>
      </c>
      <c r="H680" s="5">
        <v>5</v>
      </c>
      <c r="I680" s="5" t="s">
        <v>69</v>
      </c>
      <c r="J680" s="5" t="s">
        <v>28207</v>
      </c>
      <c r="K680" s="2" t="s">
        <v>28208</v>
      </c>
      <c r="L680" s="5" t="s">
        <v>28207</v>
      </c>
      <c r="M680" s="2" t="s">
        <v>28208</v>
      </c>
      <c r="N680" s="5" t="s">
        <v>733</v>
      </c>
      <c r="O680" s="5" t="s">
        <v>38</v>
      </c>
      <c r="P680" s="5" t="s">
        <v>39</v>
      </c>
      <c r="Q680" s="5" t="s">
        <v>40</v>
      </c>
      <c r="R680" s="5" t="s">
        <v>24335</v>
      </c>
      <c r="S680" s="5" t="s">
        <v>40</v>
      </c>
      <c r="T680" s="5" t="s">
        <v>42</v>
      </c>
      <c r="U680" s="2">
        <v>4.1189999999999998</v>
      </c>
      <c r="V680" s="2">
        <v>4.0759999999999996</v>
      </c>
      <c r="W680" s="2">
        <v>6.6000000000000003E-2</v>
      </c>
      <c r="X680" s="2">
        <v>12</v>
      </c>
      <c r="Y680" s="2">
        <v>29</v>
      </c>
      <c r="Z680" s="2">
        <v>188.7</v>
      </c>
      <c r="AA680" s="5">
        <v>36</v>
      </c>
      <c r="AB680" s="5" t="s">
        <v>43</v>
      </c>
      <c r="AC680" s="5" t="s">
        <v>44</v>
      </c>
      <c r="AD680" s="2" t="s">
        <v>82749</v>
      </c>
      <c r="AE680" s="1"/>
    </row>
    <row r="681" spans="1:31">
      <c r="A681" s="5" t="s">
        <v>116</v>
      </c>
      <c r="B681" s="21">
        <v>46082</v>
      </c>
      <c r="C681" s="2" t="s">
        <v>83065</v>
      </c>
      <c r="D681" s="14" t="s">
        <v>83066</v>
      </c>
      <c r="E681" s="2" t="s">
        <v>83067</v>
      </c>
      <c r="F681" s="2" t="s">
        <v>130</v>
      </c>
      <c r="G681" s="8">
        <v>133</v>
      </c>
      <c r="H681" s="5">
        <v>15</v>
      </c>
      <c r="I681" s="5" t="s">
        <v>69</v>
      </c>
      <c r="J681" s="5" t="s">
        <v>28207</v>
      </c>
      <c r="K681" s="2" t="s">
        <v>28208</v>
      </c>
      <c r="L681" s="5" t="s">
        <v>28207</v>
      </c>
      <c r="M681" s="2" t="s">
        <v>28208</v>
      </c>
      <c r="N681" s="5" t="s">
        <v>733</v>
      </c>
      <c r="O681" s="5" t="s">
        <v>38</v>
      </c>
      <c r="P681" s="5" t="s">
        <v>39</v>
      </c>
      <c r="Q681" s="5" t="s">
        <v>40</v>
      </c>
      <c r="R681" s="5" t="s">
        <v>24340</v>
      </c>
      <c r="S681" s="5" t="s">
        <v>40</v>
      </c>
      <c r="T681" s="5" t="s">
        <v>42</v>
      </c>
      <c r="U681" s="2">
        <v>5.4889999999999999</v>
      </c>
      <c r="V681" s="2">
        <v>5.4459999999999997</v>
      </c>
      <c r="W681" s="2">
        <v>6.6000000000000003E-2</v>
      </c>
      <c r="X681" s="2">
        <v>12</v>
      </c>
      <c r="Y681" s="2">
        <v>29</v>
      </c>
      <c r="Z681" s="2">
        <v>188.7</v>
      </c>
      <c r="AA681" s="5">
        <v>36</v>
      </c>
      <c r="AB681" s="5" t="s">
        <v>43</v>
      </c>
      <c r="AC681" s="5" t="s">
        <v>44</v>
      </c>
      <c r="AD681" s="2" t="s">
        <v>82749</v>
      </c>
      <c r="AE681" s="1"/>
    </row>
    <row r="682" spans="1:31">
      <c r="A682" s="5" t="s">
        <v>116</v>
      </c>
      <c r="B682" s="21">
        <v>46082</v>
      </c>
      <c r="C682" s="2" t="s">
        <v>83068</v>
      </c>
      <c r="D682" s="14" t="s">
        <v>83069</v>
      </c>
      <c r="E682" s="2" t="s">
        <v>83070</v>
      </c>
      <c r="F682" s="2" t="s">
        <v>130</v>
      </c>
      <c r="G682" s="8">
        <v>133</v>
      </c>
      <c r="H682" s="5">
        <v>15</v>
      </c>
      <c r="I682" s="5" t="s">
        <v>69</v>
      </c>
      <c r="J682" s="5" t="s">
        <v>28207</v>
      </c>
      <c r="K682" s="2" t="s">
        <v>28208</v>
      </c>
      <c r="L682" s="5" t="s">
        <v>28207</v>
      </c>
      <c r="M682" s="2" t="s">
        <v>28208</v>
      </c>
      <c r="N682" s="5" t="s">
        <v>733</v>
      </c>
      <c r="O682" s="5" t="s">
        <v>38</v>
      </c>
      <c r="P682" s="5" t="s">
        <v>39</v>
      </c>
      <c r="Q682" s="5" t="s">
        <v>40</v>
      </c>
      <c r="R682" s="5" t="s">
        <v>25301</v>
      </c>
      <c r="S682" s="5" t="s">
        <v>40</v>
      </c>
      <c r="T682" s="5" t="s">
        <v>42</v>
      </c>
      <c r="U682" s="2">
        <v>5.242</v>
      </c>
      <c r="V682" s="2">
        <v>5.1989999999999998</v>
      </c>
      <c r="W682" s="2">
        <v>6.6000000000000003E-2</v>
      </c>
      <c r="X682" s="2">
        <v>12</v>
      </c>
      <c r="Y682" s="2">
        <v>29</v>
      </c>
      <c r="Z682" s="2">
        <v>188.7</v>
      </c>
      <c r="AA682" s="5">
        <v>36</v>
      </c>
      <c r="AB682" s="5" t="s">
        <v>43</v>
      </c>
      <c r="AC682" s="5" t="s">
        <v>44</v>
      </c>
      <c r="AD682" s="2" t="s">
        <v>82749</v>
      </c>
      <c r="AE682" s="1"/>
    </row>
    <row r="683" spans="1:31">
      <c r="A683" s="5" t="s">
        <v>116</v>
      </c>
      <c r="B683" s="21">
        <v>46054</v>
      </c>
      <c r="C683" s="2" t="s">
        <v>83071</v>
      </c>
      <c r="D683" s="14" t="s">
        <v>83072</v>
      </c>
      <c r="E683" s="2" t="s">
        <v>83073</v>
      </c>
      <c r="F683" s="2" t="s">
        <v>130</v>
      </c>
      <c r="G683" s="8">
        <v>55</v>
      </c>
      <c r="H683" s="5">
        <v>5</v>
      </c>
      <c r="I683" s="5" t="s">
        <v>69</v>
      </c>
      <c r="J683" s="5" t="s">
        <v>28207</v>
      </c>
      <c r="K683" s="2" t="s">
        <v>28208</v>
      </c>
      <c r="L683" s="5" t="s">
        <v>28207</v>
      </c>
      <c r="M683" s="2" t="s">
        <v>28208</v>
      </c>
      <c r="N683" s="5" t="s">
        <v>733</v>
      </c>
      <c r="O683" s="5" t="s">
        <v>38</v>
      </c>
      <c r="P683" s="5" t="s">
        <v>39</v>
      </c>
      <c r="Q683" s="5" t="s">
        <v>40</v>
      </c>
      <c r="R683" s="5" t="s">
        <v>24335</v>
      </c>
      <c r="S683" s="5" t="s">
        <v>40</v>
      </c>
      <c r="T683" s="5" t="s">
        <v>42</v>
      </c>
      <c r="U683" s="2">
        <v>1.7609999999999999</v>
      </c>
      <c r="V683" s="2">
        <v>1.0269999999999999</v>
      </c>
      <c r="W683" s="2">
        <v>3.1E-2</v>
      </c>
      <c r="X683" s="2">
        <v>10.7</v>
      </c>
      <c r="Y683" s="2">
        <v>17</v>
      </c>
      <c r="Z683" s="2">
        <v>171.6</v>
      </c>
      <c r="AA683" s="5">
        <v>36</v>
      </c>
      <c r="AB683" s="5" t="s">
        <v>43</v>
      </c>
      <c r="AC683" s="5" t="s">
        <v>44</v>
      </c>
      <c r="AD683" s="2" t="s">
        <v>82735</v>
      </c>
      <c r="AE683" s="1"/>
    </row>
    <row r="684" spans="1:31">
      <c r="A684" s="5" t="s">
        <v>116</v>
      </c>
      <c r="B684" s="21">
        <v>46054</v>
      </c>
      <c r="C684" s="2" t="s">
        <v>83074</v>
      </c>
      <c r="D684" s="14" t="s">
        <v>83075</v>
      </c>
      <c r="E684" s="2" t="s">
        <v>83076</v>
      </c>
      <c r="F684" s="2" t="s">
        <v>130</v>
      </c>
      <c r="G684" s="8">
        <v>86</v>
      </c>
      <c r="H684" s="5">
        <v>5</v>
      </c>
      <c r="I684" s="5" t="s">
        <v>69</v>
      </c>
      <c r="J684" s="5" t="s">
        <v>28207</v>
      </c>
      <c r="K684" s="2" t="s">
        <v>28208</v>
      </c>
      <c r="L684" s="5" t="s">
        <v>28207</v>
      </c>
      <c r="M684" s="2" t="s">
        <v>28208</v>
      </c>
      <c r="N684" s="5" t="s">
        <v>733</v>
      </c>
      <c r="O684" s="5" t="s">
        <v>38</v>
      </c>
      <c r="P684" s="5" t="s">
        <v>39</v>
      </c>
      <c r="Q684" s="5" t="s">
        <v>40</v>
      </c>
      <c r="R684" s="5" t="s">
        <v>24340</v>
      </c>
      <c r="S684" s="5" t="s">
        <v>40</v>
      </c>
      <c r="T684" s="5" t="s">
        <v>42</v>
      </c>
      <c r="U684" s="2">
        <v>3.3959999999999999</v>
      </c>
      <c r="V684" s="2">
        <v>2.6619999999999999</v>
      </c>
      <c r="W684" s="2">
        <v>3.1E-2</v>
      </c>
      <c r="X684" s="2">
        <v>10.7</v>
      </c>
      <c r="Y684" s="2">
        <v>17</v>
      </c>
      <c r="Z684" s="2">
        <v>171.6</v>
      </c>
      <c r="AA684" s="5">
        <v>36</v>
      </c>
      <c r="AB684" s="5" t="s">
        <v>43</v>
      </c>
      <c r="AC684" s="5" t="s">
        <v>44</v>
      </c>
      <c r="AD684" s="2" t="s">
        <v>82735</v>
      </c>
      <c r="AE684" s="1"/>
    </row>
    <row r="685" spans="1:31">
      <c r="A685" s="5" t="s">
        <v>116</v>
      </c>
      <c r="B685" s="21">
        <v>46054</v>
      </c>
      <c r="C685" s="2" t="s">
        <v>83077</v>
      </c>
      <c r="D685" s="14" t="s">
        <v>83078</v>
      </c>
      <c r="E685" s="2" t="s">
        <v>83079</v>
      </c>
      <c r="F685" s="2" t="s">
        <v>130</v>
      </c>
      <c r="G685" s="8">
        <v>86</v>
      </c>
      <c r="H685" s="5">
        <v>15</v>
      </c>
      <c r="I685" s="5" t="s">
        <v>69</v>
      </c>
      <c r="J685" s="5" t="s">
        <v>28207</v>
      </c>
      <c r="K685" s="2" t="s">
        <v>28208</v>
      </c>
      <c r="L685" s="5" t="s">
        <v>28207</v>
      </c>
      <c r="M685" s="2" t="s">
        <v>28208</v>
      </c>
      <c r="N685" s="5" t="s">
        <v>733</v>
      </c>
      <c r="O685" s="5" t="s">
        <v>38</v>
      </c>
      <c r="P685" s="5" t="s">
        <v>39</v>
      </c>
      <c r="Q685" s="5" t="s">
        <v>40</v>
      </c>
      <c r="R685" s="5" t="s">
        <v>25301</v>
      </c>
      <c r="S685" s="5" t="s">
        <v>40</v>
      </c>
      <c r="T685" s="5" t="s">
        <v>42</v>
      </c>
      <c r="U685" s="2">
        <v>2.3889999999999998</v>
      </c>
      <c r="V685" s="2">
        <v>2.375</v>
      </c>
      <c r="W685" s="2">
        <v>3.1E-2</v>
      </c>
      <c r="X685" s="2">
        <v>10.7</v>
      </c>
      <c r="Y685" s="2">
        <v>17</v>
      </c>
      <c r="Z685" s="2">
        <v>171.6</v>
      </c>
      <c r="AA685" s="5">
        <v>36</v>
      </c>
      <c r="AB685" s="5" t="s">
        <v>43</v>
      </c>
      <c r="AC685" s="5" t="s">
        <v>44</v>
      </c>
      <c r="AD685" s="2" t="s">
        <v>82735</v>
      </c>
      <c r="AE685" s="1"/>
    </row>
    <row r="686" spans="1:31">
      <c r="A686" s="5" t="s">
        <v>116</v>
      </c>
      <c r="B686" s="21">
        <v>46082</v>
      </c>
      <c r="C686" s="2" t="s">
        <v>83080</v>
      </c>
      <c r="D686" s="14" t="s">
        <v>83081</v>
      </c>
      <c r="E686" s="2" t="s">
        <v>83082</v>
      </c>
      <c r="F686" s="2" t="s">
        <v>130</v>
      </c>
      <c r="G686" s="8">
        <v>121</v>
      </c>
      <c r="H686" s="5">
        <v>5</v>
      </c>
      <c r="I686" s="5" t="s">
        <v>69</v>
      </c>
      <c r="J686" s="5" t="s">
        <v>28207</v>
      </c>
      <c r="K686" s="2" t="s">
        <v>28208</v>
      </c>
      <c r="L686" s="5" t="s">
        <v>28207</v>
      </c>
      <c r="M686" s="2" t="s">
        <v>28208</v>
      </c>
      <c r="N686" s="5" t="s">
        <v>733</v>
      </c>
      <c r="O686" s="5" t="s">
        <v>38</v>
      </c>
      <c r="P686" s="5" t="s">
        <v>39</v>
      </c>
      <c r="Q686" s="5" t="s">
        <v>40</v>
      </c>
      <c r="R686" s="5" t="s">
        <v>24335</v>
      </c>
      <c r="S686" s="5" t="s">
        <v>40</v>
      </c>
      <c r="T686" s="5" t="s">
        <v>42</v>
      </c>
      <c r="U686" s="2">
        <v>4.4729999999999999</v>
      </c>
      <c r="V686" s="2">
        <v>4.43</v>
      </c>
      <c r="W686" s="2">
        <v>6.6000000000000003E-2</v>
      </c>
      <c r="X686" s="2">
        <v>12</v>
      </c>
      <c r="Y686" s="2">
        <v>29</v>
      </c>
      <c r="Z686" s="2">
        <v>188.7</v>
      </c>
      <c r="AA686" s="5">
        <v>36</v>
      </c>
      <c r="AB686" s="5" t="s">
        <v>43</v>
      </c>
      <c r="AC686" s="5" t="s">
        <v>44</v>
      </c>
      <c r="AD686" s="2" t="s">
        <v>82749</v>
      </c>
      <c r="AE686" s="1"/>
    </row>
    <row r="687" spans="1:31">
      <c r="A687" s="5" t="s">
        <v>116</v>
      </c>
      <c r="B687" s="21">
        <v>46082</v>
      </c>
      <c r="C687" s="2" t="s">
        <v>83083</v>
      </c>
      <c r="D687" s="14" t="s">
        <v>83084</v>
      </c>
      <c r="E687" s="2" t="s">
        <v>83085</v>
      </c>
      <c r="F687" s="2" t="s">
        <v>130</v>
      </c>
      <c r="G687" s="8">
        <v>152</v>
      </c>
      <c r="H687" s="5">
        <v>5</v>
      </c>
      <c r="I687" s="5" t="s">
        <v>69</v>
      </c>
      <c r="J687" s="5" t="s">
        <v>28207</v>
      </c>
      <c r="K687" s="2" t="s">
        <v>28208</v>
      </c>
      <c r="L687" s="5" t="s">
        <v>28207</v>
      </c>
      <c r="M687" s="2" t="s">
        <v>28208</v>
      </c>
      <c r="N687" s="5" t="s">
        <v>733</v>
      </c>
      <c r="O687" s="5" t="s">
        <v>38</v>
      </c>
      <c r="P687" s="5" t="s">
        <v>39</v>
      </c>
      <c r="Q687" s="5" t="s">
        <v>40</v>
      </c>
      <c r="R687" s="5" t="s">
        <v>24340</v>
      </c>
      <c r="S687" s="5" t="s">
        <v>40</v>
      </c>
      <c r="T687" s="5" t="s">
        <v>42</v>
      </c>
      <c r="U687" s="2">
        <v>6.1079999999999997</v>
      </c>
      <c r="V687" s="2">
        <v>6.0650000000000004</v>
      </c>
      <c r="W687" s="2">
        <v>6.6000000000000003E-2</v>
      </c>
      <c r="X687" s="2">
        <v>12</v>
      </c>
      <c r="Y687" s="2">
        <v>29</v>
      </c>
      <c r="Z687" s="2">
        <v>188.7</v>
      </c>
      <c r="AA687" s="5">
        <v>36</v>
      </c>
      <c r="AB687" s="5" t="s">
        <v>43</v>
      </c>
      <c r="AC687" s="5" t="s">
        <v>44</v>
      </c>
      <c r="AD687" s="2" t="s">
        <v>82749</v>
      </c>
      <c r="AE687" s="1"/>
    </row>
    <row r="688" spans="1:31">
      <c r="A688" s="5" t="s">
        <v>116</v>
      </c>
      <c r="B688" s="21">
        <v>46082</v>
      </c>
      <c r="C688" s="2" t="s">
        <v>83086</v>
      </c>
      <c r="D688" s="14" t="s">
        <v>83087</v>
      </c>
      <c r="E688" s="2" t="s">
        <v>83088</v>
      </c>
      <c r="F688" s="2" t="s">
        <v>130</v>
      </c>
      <c r="G688" s="8">
        <v>152</v>
      </c>
      <c r="H688" s="5">
        <v>15</v>
      </c>
      <c r="I688" s="5" t="s">
        <v>69</v>
      </c>
      <c r="J688" s="5" t="s">
        <v>28207</v>
      </c>
      <c r="K688" s="2" t="s">
        <v>28208</v>
      </c>
      <c r="L688" s="5" t="s">
        <v>28207</v>
      </c>
      <c r="M688" s="2" t="s">
        <v>28208</v>
      </c>
      <c r="N688" s="5" t="s">
        <v>733</v>
      </c>
      <c r="O688" s="5" t="s">
        <v>38</v>
      </c>
      <c r="P688" s="5" t="s">
        <v>39</v>
      </c>
      <c r="Q688" s="5" t="s">
        <v>40</v>
      </c>
      <c r="R688" s="5" t="s">
        <v>25301</v>
      </c>
      <c r="S688" s="5" t="s">
        <v>40</v>
      </c>
      <c r="T688" s="5" t="s">
        <v>42</v>
      </c>
      <c r="U688" s="2">
        <v>5.81</v>
      </c>
      <c r="V688" s="2">
        <v>5.7670000000000003</v>
      </c>
      <c r="W688" s="2">
        <v>6.6000000000000003E-2</v>
      </c>
      <c r="X688" s="2">
        <v>12</v>
      </c>
      <c r="Y688" s="2">
        <v>29</v>
      </c>
      <c r="Z688" s="2">
        <v>188.7</v>
      </c>
      <c r="AA688" s="5">
        <v>36</v>
      </c>
      <c r="AB688" s="5" t="s">
        <v>43</v>
      </c>
      <c r="AC688" s="5" t="s">
        <v>44</v>
      </c>
      <c r="AD688" s="2" t="s">
        <v>82749</v>
      </c>
      <c r="AE688" s="1"/>
    </row>
    <row r="689" spans="1:31">
      <c r="A689" s="5" t="s">
        <v>116</v>
      </c>
      <c r="B689" s="21">
        <v>46054</v>
      </c>
      <c r="C689" s="2" t="s">
        <v>83089</v>
      </c>
      <c r="D689" s="14" t="s">
        <v>83090</v>
      </c>
      <c r="E689" s="2" t="s">
        <v>83091</v>
      </c>
      <c r="F689" s="2" t="s">
        <v>130</v>
      </c>
      <c r="G689" s="8">
        <v>63</v>
      </c>
      <c r="H689" s="5">
        <v>5</v>
      </c>
      <c r="I689" s="5" t="s">
        <v>69</v>
      </c>
      <c r="J689" s="5" t="s">
        <v>28207</v>
      </c>
      <c r="K689" s="2" t="s">
        <v>28208</v>
      </c>
      <c r="L689" s="5" t="s">
        <v>28207</v>
      </c>
      <c r="M689" s="2" t="s">
        <v>28208</v>
      </c>
      <c r="N689" s="5" t="s">
        <v>733</v>
      </c>
      <c r="O689" s="5" t="s">
        <v>38</v>
      </c>
      <c r="P689" s="5" t="s">
        <v>39</v>
      </c>
      <c r="Q689" s="5" t="s">
        <v>40</v>
      </c>
      <c r="R689" s="5" t="s">
        <v>24335</v>
      </c>
      <c r="S689" s="5" t="s">
        <v>40</v>
      </c>
      <c r="T689" s="5" t="s">
        <v>42</v>
      </c>
      <c r="U689" s="2">
        <v>1.119</v>
      </c>
      <c r="V689" s="2">
        <v>1.105</v>
      </c>
      <c r="W689" s="2">
        <v>3.1E-2</v>
      </c>
      <c r="X689" s="2">
        <v>10.7</v>
      </c>
      <c r="Y689" s="2">
        <v>17</v>
      </c>
      <c r="Z689" s="2">
        <v>171.6</v>
      </c>
      <c r="AA689" s="5">
        <v>36</v>
      </c>
      <c r="AB689" s="5" t="s">
        <v>43</v>
      </c>
      <c r="AC689" s="5" t="s">
        <v>44</v>
      </c>
      <c r="AD689" s="2" t="s">
        <v>82735</v>
      </c>
      <c r="AE689" s="1"/>
    </row>
    <row r="690" spans="1:31">
      <c r="A690" s="5" t="s">
        <v>116</v>
      </c>
      <c r="B690" s="21">
        <v>46054</v>
      </c>
      <c r="C690" s="2" t="s">
        <v>83092</v>
      </c>
      <c r="D690" s="14" t="s">
        <v>83093</v>
      </c>
      <c r="E690" s="2" t="s">
        <v>83094</v>
      </c>
      <c r="F690" s="2" t="s">
        <v>130</v>
      </c>
      <c r="G690" s="8">
        <v>94</v>
      </c>
      <c r="H690" s="5">
        <v>15</v>
      </c>
      <c r="I690" s="5" t="s">
        <v>69</v>
      </c>
      <c r="J690" s="5" t="s">
        <v>28207</v>
      </c>
      <c r="K690" s="2" t="s">
        <v>28208</v>
      </c>
      <c r="L690" s="5" t="s">
        <v>28207</v>
      </c>
      <c r="M690" s="2" t="s">
        <v>28208</v>
      </c>
      <c r="N690" s="5" t="s">
        <v>733</v>
      </c>
      <c r="O690" s="5" t="s">
        <v>38</v>
      </c>
      <c r="P690" s="5" t="s">
        <v>39</v>
      </c>
      <c r="Q690" s="5" t="s">
        <v>40</v>
      </c>
      <c r="R690" s="5" t="s">
        <v>24340</v>
      </c>
      <c r="S690" s="5" t="s">
        <v>40</v>
      </c>
      <c r="T690" s="5" t="s">
        <v>42</v>
      </c>
      <c r="U690" s="2">
        <v>2.8879999999999999</v>
      </c>
      <c r="V690" s="2">
        <v>2.8740000000000001</v>
      </c>
      <c r="W690" s="2">
        <v>3.1E-2</v>
      </c>
      <c r="X690" s="2">
        <v>10.7</v>
      </c>
      <c r="Y690" s="2">
        <v>17</v>
      </c>
      <c r="Z690" s="2">
        <v>171.6</v>
      </c>
      <c r="AA690" s="5">
        <v>36</v>
      </c>
      <c r="AB690" s="5" t="s">
        <v>43</v>
      </c>
      <c r="AC690" s="5" t="s">
        <v>44</v>
      </c>
      <c r="AD690" s="2" t="s">
        <v>82735</v>
      </c>
      <c r="AE690" s="1"/>
    </row>
    <row r="691" spans="1:31">
      <c r="A691" s="5" t="s">
        <v>116</v>
      </c>
      <c r="B691" s="21">
        <v>46054</v>
      </c>
      <c r="C691" s="2" t="s">
        <v>83095</v>
      </c>
      <c r="D691" s="14" t="s">
        <v>83096</v>
      </c>
      <c r="E691" s="2" t="s">
        <v>83097</v>
      </c>
      <c r="F691" s="2" t="s">
        <v>130</v>
      </c>
      <c r="G691" s="8">
        <v>94</v>
      </c>
      <c r="H691" s="5">
        <v>15</v>
      </c>
      <c r="I691" s="5" t="s">
        <v>69</v>
      </c>
      <c r="J691" s="5" t="s">
        <v>28207</v>
      </c>
      <c r="K691" s="2" t="s">
        <v>28208</v>
      </c>
      <c r="L691" s="5" t="s">
        <v>28207</v>
      </c>
      <c r="M691" s="2" t="s">
        <v>28208</v>
      </c>
      <c r="N691" s="5" t="s">
        <v>733</v>
      </c>
      <c r="O691" s="5" t="s">
        <v>38</v>
      </c>
      <c r="P691" s="5" t="s">
        <v>39</v>
      </c>
      <c r="Q691" s="5" t="s">
        <v>40</v>
      </c>
      <c r="R691" s="5" t="s">
        <v>25301</v>
      </c>
      <c r="S691" s="5" t="s">
        <v>40</v>
      </c>
      <c r="T691" s="5" t="s">
        <v>42</v>
      </c>
      <c r="U691" s="2">
        <v>2.5710000000000002</v>
      </c>
      <c r="V691" s="2">
        <v>2.5569999999999999</v>
      </c>
      <c r="W691" s="2">
        <v>3.1E-2</v>
      </c>
      <c r="X691" s="2">
        <v>10.7</v>
      </c>
      <c r="Y691" s="2">
        <v>17</v>
      </c>
      <c r="Z691" s="2">
        <v>171.6</v>
      </c>
      <c r="AA691" s="5">
        <v>36</v>
      </c>
      <c r="AB691" s="5" t="s">
        <v>43</v>
      </c>
      <c r="AC691" s="5" t="s">
        <v>44</v>
      </c>
      <c r="AD691" s="2" t="s">
        <v>82735</v>
      </c>
      <c r="AE691" s="1"/>
    </row>
    <row r="692" spans="1:31">
      <c r="A692" s="5" t="s">
        <v>116</v>
      </c>
      <c r="B692" s="21">
        <v>46082</v>
      </c>
      <c r="C692" s="2" t="s">
        <v>83098</v>
      </c>
      <c r="D692" s="14" t="s">
        <v>83099</v>
      </c>
      <c r="E692" s="2" t="s">
        <v>83100</v>
      </c>
      <c r="F692" s="2" t="s">
        <v>130</v>
      </c>
      <c r="G692" s="8">
        <v>140</v>
      </c>
      <c r="H692" s="5">
        <v>5</v>
      </c>
      <c r="I692" s="5" t="s">
        <v>69</v>
      </c>
      <c r="J692" s="5" t="s">
        <v>28207</v>
      </c>
      <c r="K692" s="2" t="s">
        <v>28208</v>
      </c>
      <c r="L692" s="5" t="s">
        <v>28207</v>
      </c>
      <c r="M692" s="2" t="s">
        <v>28208</v>
      </c>
      <c r="N692" s="5" t="s">
        <v>733</v>
      </c>
      <c r="O692" s="5" t="s">
        <v>38</v>
      </c>
      <c r="P692" s="5" t="s">
        <v>39</v>
      </c>
      <c r="Q692" s="5" t="s">
        <v>40</v>
      </c>
      <c r="R692" s="5" t="s">
        <v>24335</v>
      </c>
      <c r="S692" s="5" t="s">
        <v>40</v>
      </c>
      <c r="T692" s="5" t="s">
        <v>42</v>
      </c>
      <c r="U692" s="2">
        <v>4.6449999999999996</v>
      </c>
      <c r="V692" s="2">
        <v>4.6020000000000003</v>
      </c>
      <c r="W692" s="2">
        <v>6.6000000000000003E-2</v>
      </c>
      <c r="X692" s="2">
        <v>12</v>
      </c>
      <c r="Y692" s="2">
        <v>29</v>
      </c>
      <c r="Z692" s="2">
        <v>188.7</v>
      </c>
      <c r="AA692" s="5">
        <v>36</v>
      </c>
      <c r="AB692" s="5" t="s">
        <v>43</v>
      </c>
      <c r="AC692" s="5" t="s">
        <v>44</v>
      </c>
      <c r="AD692" s="2" t="s">
        <v>82749</v>
      </c>
      <c r="AE692" s="1"/>
    </row>
    <row r="693" spans="1:31">
      <c r="A693" s="5" t="s">
        <v>116</v>
      </c>
      <c r="B693" s="21">
        <v>46082</v>
      </c>
      <c r="C693" s="2" t="s">
        <v>83101</v>
      </c>
      <c r="D693" s="14" t="s">
        <v>83102</v>
      </c>
      <c r="E693" s="2" t="s">
        <v>83103</v>
      </c>
      <c r="F693" s="2" t="s">
        <v>130</v>
      </c>
      <c r="G693" s="8">
        <v>171</v>
      </c>
      <c r="H693" s="5">
        <v>15</v>
      </c>
      <c r="I693" s="5" t="s">
        <v>69</v>
      </c>
      <c r="J693" s="5" t="s">
        <v>28207</v>
      </c>
      <c r="K693" s="2" t="s">
        <v>28208</v>
      </c>
      <c r="L693" s="5" t="s">
        <v>28207</v>
      </c>
      <c r="M693" s="2" t="s">
        <v>28208</v>
      </c>
      <c r="N693" s="5" t="s">
        <v>733</v>
      </c>
      <c r="O693" s="5" t="s">
        <v>38</v>
      </c>
      <c r="P693" s="5" t="s">
        <v>39</v>
      </c>
      <c r="Q693" s="5" t="s">
        <v>40</v>
      </c>
      <c r="R693" s="5" t="s">
        <v>24340</v>
      </c>
      <c r="S693" s="5" t="s">
        <v>40</v>
      </c>
      <c r="T693" s="5" t="s">
        <v>42</v>
      </c>
      <c r="U693" s="2">
        <v>6.4029999999999996</v>
      </c>
      <c r="V693" s="2">
        <v>6.36</v>
      </c>
      <c r="W693" s="2">
        <v>6.6000000000000003E-2</v>
      </c>
      <c r="X693" s="2">
        <v>12</v>
      </c>
      <c r="Y693" s="2">
        <v>29</v>
      </c>
      <c r="Z693" s="2">
        <v>188.7</v>
      </c>
      <c r="AA693" s="5">
        <v>36</v>
      </c>
      <c r="AB693" s="5" t="s">
        <v>43</v>
      </c>
      <c r="AC693" s="5" t="s">
        <v>44</v>
      </c>
      <c r="AD693" s="2" t="s">
        <v>82749</v>
      </c>
      <c r="AE693" s="1"/>
    </row>
    <row r="694" spans="1:31">
      <c r="A694" s="5" t="s">
        <v>116</v>
      </c>
      <c r="B694" s="21">
        <v>46082</v>
      </c>
      <c r="C694" s="2" t="s">
        <v>83104</v>
      </c>
      <c r="D694" s="14" t="s">
        <v>83105</v>
      </c>
      <c r="E694" s="2" t="s">
        <v>83106</v>
      </c>
      <c r="F694" s="2" t="s">
        <v>130</v>
      </c>
      <c r="G694" s="8">
        <v>171</v>
      </c>
      <c r="H694" s="5">
        <v>15</v>
      </c>
      <c r="I694" s="5" t="s">
        <v>69</v>
      </c>
      <c r="J694" s="5" t="s">
        <v>28207</v>
      </c>
      <c r="K694" s="2" t="s">
        <v>28208</v>
      </c>
      <c r="L694" s="5" t="s">
        <v>28207</v>
      </c>
      <c r="M694" s="2" t="s">
        <v>28208</v>
      </c>
      <c r="N694" s="5" t="s">
        <v>733</v>
      </c>
      <c r="O694" s="5" t="s">
        <v>38</v>
      </c>
      <c r="P694" s="5" t="s">
        <v>39</v>
      </c>
      <c r="Q694" s="5" t="s">
        <v>40</v>
      </c>
      <c r="R694" s="5" t="s">
        <v>25301</v>
      </c>
      <c r="S694" s="5" t="s">
        <v>40</v>
      </c>
      <c r="T694" s="5" t="s">
        <v>42</v>
      </c>
      <c r="U694" s="2">
        <v>6.0860000000000003</v>
      </c>
      <c r="V694" s="2">
        <v>6.0430000000000001</v>
      </c>
      <c r="W694" s="2">
        <v>6.6000000000000003E-2</v>
      </c>
      <c r="X694" s="2">
        <v>12</v>
      </c>
      <c r="Y694" s="2">
        <v>29</v>
      </c>
      <c r="Z694" s="2">
        <v>188.7</v>
      </c>
      <c r="AA694" s="5">
        <v>36</v>
      </c>
      <c r="AB694" s="5" t="s">
        <v>43</v>
      </c>
      <c r="AC694" s="5" t="s">
        <v>44</v>
      </c>
      <c r="AD694" s="2" t="s">
        <v>82749</v>
      </c>
      <c r="AE694" s="1"/>
    </row>
  </sheetData>
  <phoneticPr fontId="5" type="noConversion"/>
  <pageMargins left="0.7" right="0.7" top="0.75" bottom="0.75" header="0.3" footer="0.3"/>
  <pageSetup orientation="portrait" horizontalDpi="1200" verticalDpi="1200" r:id="rId1"/>
  <tableParts count="1">
    <tablePart r:id="rId2"/>
  </tablePart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DB48C61-EC4D-43FA-A9C3-8E16EF908F8B}">
  <dimension ref="A1:AD8062"/>
  <sheetViews>
    <sheetView zoomScaleNormal="100" workbookViewId="0"/>
  </sheetViews>
  <sheetFormatPr defaultColWidth="9" defaultRowHeight="14.45"/>
  <cols>
    <col min="1" max="1" width="16.140625" style="6" customWidth="1"/>
    <col min="2" max="2" width="31" style="1" bestFit="1" customWidth="1"/>
    <col min="3" max="3" width="20.7109375" style="15" customWidth="1"/>
    <col min="4" max="4" width="47.140625" style="1" bestFit="1" customWidth="1"/>
    <col min="5" max="5" width="47.140625" style="1" customWidth="1"/>
    <col min="6" max="6" width="47" style="9" customWidth="1"/>
    <col min="7" max="7" width="20.7109375" style="6" customWidth="1"/>
    <col min="8" max="8" width="15.7109375" style="6" bestFit="1" customWidth="1"/>
    <col min="9" max="9" width="14.7109375" style="7" bestFit="1" customWidth="1"/>
    <col min="10" max="10" width="48.42578125" style="1" bestFit="1" customWidth="1"/>
    <col min="11" max="11" width="48.140625" style="6" bestFit="1" customWidth="1"/>
    <col min="12" max="12" width="48.42578125" style="1" bestFit="1" customWidth="1"/>
    <col min="13" max="13" width="34" style="6" customWidth="1"/>
    <col min="14" max="14" width="14.7109375" style="6" bestFit="1" customWidth="1"/>
    <col min="15" max="15" width="10.140625" style="6" bestFit="1" customWidth="1"/>
    <col min="16" max="16" width="14.140625" style="6" bestFit="1" customWidth="1"/>
    <col min="17" max="17" width="11.140625" style="6" bestFit="1" customWidth="1"/>
    <col min="18" max="18" width="18.140625" style="6" bestFit="1" customWidth="1"/>
    <col min="19" max="19" width="18.140625" style="6" customWidth="1"/>
    <col min="20" max="20" width="26.42578125" style="1" customWidth="1"/>
    <col min="21" max="25" width="15.7109375" style="1" bestFit="1" customWidth="1"/>
    <col min="26" max="26" width="12.85546875" style="6" customWidth="1"/>
    <col min="27" max="27" width="10.5703125" style="6" customWidth="1"/>
    <col min="28" max="28" width="20.42578125" style="6" bestFit="1" customWidth="1"/>
    <col min="29" max="29" width="44.7109375" style="1" customWidth="1"/>
    <col min="30" max="30" width="21.7109375" style="16" bestFit="1" customWidth="1"/>
    <col min="31" max="31" width="255.5703125" style="1" bestFit="1" customWidth="1"/>
    <col min="32" max="16384" width="9" style="1"/>
  </cols>
  <sheetData>
    <row r="1" spans="1:30" s="13" customFormat="1" ht="43.15">
      <c r="A1" s="10" t="s">
        <v>83577</v>
      </c>
      <c r="B1" s="3" t="s">
        <v>2</v>
      </c>
      <c r="C1" s="3" t="s">
        <v>3</v>
      </c>
      <c r="D1" s="3" t="s">
        <v>4</v>
      </c>
      <c r="E1" s="3" t="s">
        <v>5</v>
      </c>
      <c r="F1" s="3" t="s">
        <v>6</v>
      </c>
      <c r="G1" s="3" t="s">
        <v>7</v>
      </c>
      <c r="H1" s="3" t="s">
        <v>8</v>
      </c>
      <c r="I1" s="3" t="s">
        <v>9</v>
      </c>
      <c r="J1" s="3" t="s">
        <v>10</v>
      </c>
      <c r="K1" s="3" t="s">
        <v>11</v>
      </c>
      <c r="L1" s="3" t="s">
        <v>12</v>
      </c>
      <c r="M1" s="3" t="s">
        <v>13</v>
      </c>
      <c r="N1" s="3" t="s">
        <v>14</v>
      </c>
      <c r="O1" s="3" t="s">
        <v>15</v>
      </c>
      <c r="P1" s="3" t="s">
        <v>16</v>
      </c>
      <c r="Q1" s="3" t="s">
        <v>17</v>
      </c>
      <c r="R1" s="3" t="s">
        <v>18</v>
      </c>
      <c r="S1" s="3" t="s">
        <v>19</v>
      </c>
      <c r="T1" s="3" t="s">
        <v>20</v>
      </c>
      <c r="U1" s="3" t="s">
        <v>21</v>
      </c>
      <c r="V1" s="3" t="s">
        <v>22</v>
      </c>
      <c r="W1" s="3" t="s">
        <v>23</v>
      </c>
      <c r="X1" s="3" t="s">
        <v>24</v>
      </c>
      <c r="Y1" s="3" t="s">
        <v>25</v>
      </c>
      <c r="Z1" s="3" t="s">
        <v>26</v>
      </c>
      <c r="AA1" s="3" t="s">
        <v>27</v>
      </c>
      <c r="AB1" s="3" t="s">
        <v>28</v>
      </c>
      <c r="AC1" s="3" t="s">
        <v>29</v>
      </c>
    </row>
    <row r="2" spans="1:30">
      <c r="A2" s="5" t="s">
        <v>83578</v>
      </c>
      <c r="B2" s="2" t="s">
        <v>83579</v>
      </c>
      <c r="C2" s="14" t="s">
        <v>83580</v>
      </c>
      <c r="D2" s="2" t="s">
        <v>83581</v>
      </c>
      <c r="E2" s="2" t="s">
        <v>124</v>
      </c>
      <c r="F2" s="8">
        <v>90</v>
      </c>
      <c r="G2" s="5">
        <v>5</v>
      </c>
      <c r="H2" s="5" t="s">
        <v>69</v>
      </c>
      <c r="I2" s="5" t="s">
        <v>70</v>
      </c>
      <c r="J2" s="2" t="s">
        <v>71</v>
      </c>
      <c r="K2" s="5" t="s">
        <v>70</v>
      </c>
      <c r="L2" s="2" t="s">
        <v>71</v>
      </c>
      <c r="M2" s="5" t="s">
        <v>72</v>
      </c>
      <c r="N2" s="5" t="s">
        <v>38</v>
      </c>
      <c r="O2" s="5" t="s">
        <v>39</v>
      </c>
      <c r="P2" s="5" t="s">
        <v>40</v>
      </c>
      <c r="Q2" s="5" t="s">
        <v>73</v>
      </c>
      <c r="R2" s="5" t="s">
        <v>40</v>
      </c>
      <c r="S2" s="5" t="s">
        <v>125</v>
      </c>
      <c r="T2" s="2">
        <v>1.371</v>
      </c>
      <c r="U2" s="2">
        <v>1.115</v>
      </c>
      <c r="V2" s="2">
        <v>7.0000000000000001E-3</v>
      </c>
      <c r="W2" s="2">
        <v>80.599999999999994</v>
      </c>
      <c r="X2" s="2">
        <v>10.7</v>
      </c>
      <c r="Y2" s="2">
        <v>7.7</v>
      </c>
      <c r="Z2" s="5">
        <v>240</v>
      </c>
      <c r="AA2" s="5" t="s">
        <v>43</v>
      </c>
      <c r="AB2" s="5" t="s">
        <v>44</v>
      </c>
      <c r="AC2" s="2" t="s">
        <v>126</v>
      </c>
      <c r="AD2" s="1"/>
    </row>
    <row r="3" spans="1:30">
      <c r="A3" s="5" t="s">
        <v>83578</v>
      </c>
      <c r="B3" s="2" t="s">
        <v>83582</v>
      </c>
      <c r="C3" s="14" t="s">
        <v>83583</v>
      </c>
      <c r="D3" s="2" t="s">
        <v>83584</v>
      </c>
      <c r="E3" s="2" t="s">
        <v>124</v>
      </c>
      <c r="F3" s="8">
        <v>90</v>
      </c>
      <c r="G3" s="5">
        <v>5</v>
      </c>
      <c r="H3" s="5" t="s">
        <v>69</v>
      </c>
      <c r="I3" s="5" t="s">
        <v>70</v>
      </c>
      <c r="J3" s="2" t="s">
        <v>71</v>
      </c>
      <c r="K3" s="5" t="s">
        <v>70</v>
      </c>
      <c r="L3" s="2" t="s">
        <v>71</v>
      </c>
      <c r="M3" s="5" t="s">
        <v>72</v>
      </c>
      <c r="N3" s="5" t="s">
        <v>38</v>
      </c>
      <c r="O3" s="5" t="s">
        <v>39</v>
      </c>
      <c r="P3" s="5" t="s">
        <v>40</v>
      </c>
      <c r="Q3" s="5" t="s">
        <v>73</v>
      </c>
      <c r="R3" s="5" t="s">
        <v>40</v>
      </c>
      <c r="S3" s="5" t="s">
        <v>125</v>
      </c>
      <c r="T3" s="2">
        <v>1.4059999999999999</v>
      </c>
      <c r="U3" s="2">
        <v>1.1499999999999999</v>
      </c>
      <c r="V3" s="2">
        <v>7.0000000000000001E-3</v>
      </c>
      <c r="W3" s="2">
        <v>80.599999999999994</v>
      </c>
      <c r="X3" s="2">
        <v>10.7</v>
      </c>
      <c r="Y3" s="2">
        <v>7.7</v>
      </c>
      <c r="Z3" s="5">
        <v>240</v>
      </c>
      <c r="AA3" s="5" t="s">
        <v>43</v>
      </c>
      <c r="AB3" s="5" t="s">
        <v>44</v>
      </c>
      <c r="AC3" s="2" t="s">
        <v>126</v>
      </c>
      <c r="AD3" s="1"/>
    </row>
    <row r="4" spans="1:30">
      <c r="A4" s="5" t="s">
        <v>83578</v>
      </c>
      <c r="B4" s="2" t="s">
        <v>83585</v>
      </c>
      <c r="C4" s="14" t="s">
        <v>83586</v>
      </c>
      <c r="D4" s="2" t="s">
        <v>83587</v>
      </c>
      <c r="E4" s="2" t="s">
        <v>124</v>
      </c>
      <c r="F4" s="8">
        <v>90</v>
      </c>
      <c r="G4" s="5">
        <v>5</v>
      </c>
      <c r="H4" s="5" t="s">
        <v>69</v>
      </c>
      <c r="I4" s="5" t="s">
        <v>70</v>
      </c>
      <c r="J4" s="2" t="s">
        <v>71</v>
      </c>
      <c r="K4" s="5" t="s">
        <v>70</v>
      </c>
      <c r="L4" s="2" t="s">
        <v>71</v>
      </c>
      <c r="M4" s="5" t="s">
        <v>72</v>
      </c>
      <c r="N4" s="5" t="s">
        <v>38</v>
      </c>
      <c r="O4" s="5" t="s">
        <v>39</v>
      </c>
      <c r="P4" s="5" t="s">
        <v>40</v>
      </c>
      <c r="Q4" s="5" t="s">
        <v>73</v>
      </c>
      <c r="R4" s="5" t="s">
        <v>40</v>
      </c>
      <c r="S4" s="5" t="s">
        <v>125</v>
      </c>
      <c r="T4" s="2">
        <v>1.992</v>
      </c>
      <c r="U4" s="2">
        <v>1.7290000000000001</v>
      </c>
      <c r="V4" s="2">
        <v>7.0000000000000001E-3</v>
      </c>
      <c r="W4" s="2">
        <v>80.599999999999994</v>
      </c>
      <c r="X4" s="2">
        <v>10.7</v>
      </c>
      <c r="Y4" s="2">
        <v>7.7</v>
      </c>
      <c r="Z4" s="5">
        <v>240</v>
      </c>
      <c r="AA4" s="5" t="s">
        <v>43</v>
      </c>
      <c r="AB4" s="5" t="s">
        <v>44</v>
      </c>
      <c r="AC4" s="2" t="s">
        <v>126</v>
      </c>
      <c r="AD4" s="1"/>
    </row>
    <row r="5" spans="1:30">
      <c r="A5" s="5" t="s">
        <v>83578</v>
      </c>
      <c r="B5" s="2" t="s">
        <v>83588</v>
      </c>
      <c r="C5" s="14" t="s">
        <v>83589</v>
      </c>
      <c r="D5" s="2" t="s">
        <v>83590</v>
      </c>
      <c r="E5" s="2" t="s">
        <v>1973</v>
      </c>
      <c r="F5" s="8">
        <v>119</v>
      </c>
      <c r="G5" s="5">
        <v>13</v>
      </c>
      <c r="H5" s="5" t="s">
        <v>1518</v>
      </c>
      <c r="I5" s="5" t="s">
        <v>1519</v>
      </c>
      <c r="J5" s="2" t="s">
        <v>1520</v>
      </c>
      <c r="K5" s="5" t="s">
        <v>1519</v>
      </c>
      <c r="L5" s="2" t="s">
        <v>1520</v>
      </c>
      <c r="M5" s="5" t="s">
        <v>1521</v>
      </c>
      <c r="N5" s="5" t="s">
        <v>38</v>
      </c>
      <c r="O5" s="5" t="s">
        <v>39</v>
      </c>
      <c r="P5" s="5" t="s">
        <v>40</v>
      </c>
      <c r="Q5" s="5" t="s">
        <v>1522</v>
      </c>
      <c r="R5" s="5" t="s">
        <v>1523</v>
      </c>
      <c r="S5" s="5" t="s">
        <v>42</v>
      </c>
      <c r="T5" s="2">
        <v>1.4219999999999999</v>
      </c>
      <c r="U5" s="2">
        <v>1.008</v>
      </c>
      <c r="V5" s="2">
        <v>0.01</v>
      </c>
      <c r="W5" s="2">
        <v>76.900000000000006</v>
      </c>
      <c r="X5" s="2">
        <v>7.6</v>
      </c>
      <c r="Y5" s="2">
        <v>16.7</v>
      </c>
      <c r="Z5" s="5"/>
      <c r="AA5" s="5" t="s">
        <v>43</v>
      </c>
      <c r="AB5" s="5" t="s">
        <v>44</v>
      </c>
      <c r="AC5" s="2"/>
      <c r="AD5" s="1"/>
    </row>
    <row r="6" spans="1:30">
      <c r="A6" s="5" t="s">
        <v>83578</v>
      </c>
      <c r="B6" s="2" t="s">
        <v>83591</v>
      </c>
      <c r="C6" s="14" t="s">
        <v>83592</v>
      </c>
      <c r="D6" s="2" t="s">
        <v>83593</v>
      </c>
      <c r="E6" s="2" t="s">
        <v>2348</v>
      </c>
      <c r="F6" s="8">
        <v>119</v>
      </c>
      <c r="G6" s="5">
        <v>13</v>
      </c>
      <c r="H6" s="5" t="s">
        <v>1518</v>
      </c>
      <c r="I6" s="5" t="s">
        <v>1519</v>
      </c>
      <c r="J6" s="2" t="s">
        <v>1520</v>
      </c>
      <c r="K6" s="5" t="s">
        <v>1519</v>
      </c>
      <c r="L6" s="2" t="s">
        <v>1520</v>
      </c>
      <c r="M6" s="5" t="s">
        <v>1521</v>
      </c>
      <c r="N6" s="5" t="s">
        <v>38</v>
      </c>
      <c r="O6" s="5" t="s">
        <v>39</v>
      </c>
      <c r="P6" s="5" t="s">
        <v>40</v>
      </c>
      <c r="Q6" s="5" t="s">
        <v>1522</v>
      </c>
      <c r="R6" s="5" t="s">
        <v>1523</v>
      </c>
      <c r="S6" s="5" t="s">
        <v>42</v>
      </c>
      <c r="T6" s="2">
        <v>1.446</v>
      </c>
      <c r="U6" s="2">
        <v>1.032</v>
      </c>
      <c r="V6" s="2">
        <v>0.01</v>
      </c>
      <c r="W6" s="2">
        <v>76.900000000000006</v>
      </c>
      <c r="X6" s="2">
        <v>7.6</v>
      </c>
      <c r="Y6" s="2">
        <v>16.7</v>
      </c>
      <c r="Z6" s="5"/>
      <c r="AA6" s="5" t="s">
        <v>43</v>
      </c>
      <c r="AB6" s="5" t="s">
        <v>44</v>
      </c>
      <c r="AC6" s="2"/>
      <c r="AD6" s="1"/>
    </row>
    <row r="7" spans="1:30">
      <c r="A7" s="5" t="s">
        <v>83578</v>
      </c>
      <c r="B7" s="2" t="s">
        <v>83594</v>
      </c>
      <c r="C7" s="14" t="s">
        <v>83595</v>
      </c>
      <c r="D7" s="2" t="s">
        <v>83596</v>
      </c>
      <c r="E7" s="2" t="s">
        <v>2204</v>
      </c>
      <c r="F7" s="8">
        <v>119</v>
      </c>
      <c r="G7" s="5">
        <v>13</v>
      </c>
      <c r="H7" s="5" t="s">
        <v>1518</v>
      </c>
      <c r="I7" s="5" t="s">
        <v>1519</v>
      </c>
      <c r="J7" s="2" t="s">
        <v>1520</v>
      </c>
      <c r="K7" s="5" t="s">
        <v>1519</v>
      </c>
      <c r="L7" s="2" t="s">
        <v>1520</v>
      </c>
      <c r="M7" s="5" t="s">
        <v>1521</v>
      </c>
      <c r="N7" s="5" t="s">
        <v>38</v>
      </c>
      <c r="O7" s="5" t="s">
        <v>39</v>
      </c>
      <c r="P7" s="5" t="s">
        <v>40</v>
      </c>
      <c r="Q7" s="5" t="s">
        <v>1522</v>
      </c>
      <c r="R7" s="5" t="s">
        <v>1523</v>
      </c>
      <c r="S7" s="5" t="s">
        <v>42</v>
      </c>
      <c r="T7" s="2">
        <v>1.4219999999999999</v>
      </c>
      <c r="U7" s="2">
        <v>1.008</v>
      </c>
      <c r="V7" s="2">
        <v>0.01</v>
      </c>
      <c r="W7" s="2">
        <v>76.900000000000006</v>
      </c>
      <c r="X7" s="2">
        <v>7.6</v>
      </c>
      <c r="Y7" s="2">
        <v>16.7</v>
      </c>
      <c r="Z7" s="5"/>
      <c r="AA7" s="5" t="s">
        <v>43</v>
      </c>
      <c r="AB7" s="5" t="s">
        <v>44</v>
      </c>
      <c r="AC7" s="2"/>
      <c r="AD7" s="1"/>
    </row>
    <row r="8" spans="1:30">
      <c r="A8" s="5" t="s">
        <v>83578</v>
      </c>
      <c r="B8" s="2" t="s">
        <v>83597</v>
      </c>
      <c r="C8" s="14" t="s">
        <v>83598</v>
      </c>
      <c r="D8" s="2" t="s">
        <v>83599</v>
      </c>
      <c r="E8" s="2" t="s">
        <v>2724</v>
      </c>
      <c r="F8" s="8">
        <v>119</v>
      </c>
      <c r="G8" s="5">
        <v>13</v>
      </c>
      <c r="H8" s="5" t="s">
        <v>1518</v>
      </c>
      <c r="I8" s="5" t="s">
        <v>1519</v>
      </c>
      <c r="J8" s="2" t="s">
        <v>1520</v>
      </c>
      <c r="K8" s="5" t="s">
        <v>1519</v>
      </c>
      <c r="L8" s="2" t="s">
        <v>1520</v>
      </c>
      <c r="M8" s="5" t="s">
        <v>1521</v>
      </c>
      <c r="N8" s="5" t="s">
        <v>38</v>
      </c>
      <c r="O8" s="5" t="s">
        <v>39</v>
      </c>
      <c r="P8" s="5" t="s">
        <v>40</v>
      </c>
      <c r="Q8" s="5" t="s">
        <v>1522</v>
      </c>
      <c r="R8" s="5" t="s">
        <v>1523</v>
      </c>
      <c r="S8" s="5" t="s">
        <v>42</v>
      </c>
      <c r="T8" s="2">
        <v>1.446</v>
      </c>
      <c r="U8" s="2">
        <v>1.032</v>
      </c>
      <c r="V8" s="2">
        <v>0.01</v>
      </c>
      <c r="W8" s="2">
        <v>76.900000000000006</v>
      </c>
      <c r="X8" s="2">
        <v>7.6</v>
      </c>
      <c r="Y8" s="2">
        <v>16.7</v>
      </c>
      <c r="Z8" s="5"/>
      <c r="AA8" s="5" t="s">
        <v>43</v>
      </c>
      <c r="AB8" s="5" t="s">
        <v>44</v>
      </c>
      <c r="AC8" s="2"/>
      <c r="AD8" s="1"/>
    </row>
    <row r="9" spans="1:30">
      <c r="A9" s="5" t="s">
        <v>83578</v>
      </c>
      <c r="B9" s="2" t="s">
        <v>83600</v>
      </c>
      <c r="C9" s="14" t="s">
        <v>83601</v>
      </c>
      <c r="D9" s="2" t="s">
        <v>83602</v>
      </c>
      <c r="E9" s="2" t="s">
        <v>2208</v>
      </c>
      <c r="F9" s="8">
        <v>119</v>
      </c>
      <c r="G9" s="5">
        <v>13</v>
      </c>
      <c r="H9" s="5" t="s">
        <v>1518</v>
      </c>
      <c r="I9" s="5" t="s">
        <v>1519</v>
      </c>
      <c r="J9" s="2" t="s">
        <v>1520</v>
      </c>
      <c r="K9" s="5" t="s">
        <v>1519</v>
      </c>
      <c r="L9" s="2" t="s">
        <v>1520</v>
      </c>
      <c r="M9" s="5" t="s">
        <v>1521</v>
      </c>
      <c r="N9" s="5" t="s">
        <v>38</v>
      </c>
      <c r="O9" s="5" t="s">
        <v>39</v>
      </c>
      <c r="P9" s="5" t="s">
        <v>40</v>
      </c>
      <c r="Q9" s="5" t="s">
        <v>1522</v>
      </c>
      <c r="R9" s="5" t="s">
        <v>1523</v>
      </c>
      <c r="S9" s="5" t="s">
        <v>42</v>
      </c>
      <c r="T9" s="2">
        <v>1.4219999999999999</v>
      </c>
      <c r="U9" s="2">
        <v>1.008</v>
      </c>
      <c r="V9" s="2">
        <v>0.01</v>
      </c>
      <c r="W9" s="2">
        <v>76.900000000000006</v>
      </c>
      <c r="X9" s="2">
        <v>7.6</v>
      </c>
      <c r="Y9" s="2">
        <v>16.7</v>
      </c>
      <c r="Z9" s="5"/>
      <c r="AA9" s="5" t="s">
        <v>43</v>
      </c>
      <c r="AB9" s="5" t="s">
        <v>44</v>
      </c>
      <c r="AC9" s="2"/>
      <c r="AD9" s="1"/>
    </row>
    <row r="10" spans="1:30">
      <c r="A10" s="5" t="s">
        <v>83578</v>
      </c>
      <c r="B10" s="2" t="s">
        <v>83603</v>
      </c>
      <c r="C10" s="14" t="s">
        <v>83604</v>
      </c>
      <c r="D10" s="2" t="s">
        <v>83605</v>
      </c>
      <c r="E10" s="2" t="s">
        <v>2212</v>
      </c>
      <c r="F10" s="8">
        <v>119</v>
      </c>
      <c r="G10" s="5">
        <v>13</v>
      </c>
      <c r="H10" s="5" t="s">
        <v>1518</v>
      </c>
      <c r="I10" s="5" t="s">
        <v>1519</v>
      </c>
      <c r="J10" s="2" t="s">
        <v>1520</v>
      </c>
      <c r="K10" s="5" t="s">
        <v>1519</v>
      </c>
      <c r="L10" s="2" t="s">
        <v>1520</v>
      </c>
      <c r="M10" s="5" t="s">
        <v>1521</v>
      </c>
      <c r="N10" s="5" t="s">
        <v>38</v>
      </c>
      <c r="O10" s="5" t="s">
        <v>39</v>
      </c>
      <c r="P10" s="5" t="s">
        <v>40</v>
      </c>
      <c r="Q10" s="5" t="s">
        <v>1522</v>
      </c>
      <c r="R10" s="5" t="s">
        <v>1523</v>
      </c>
      <c r="S10" s="5" t="s">
        <v>42</v>
      </c>
      <c r="T10" s="2">
        <v>1.446</v>
      </c>
      <c r="U10" s="2">
        <v>1.032</v>
      </c>
      <c r="V10" s="2">
        <v>0.01</v>
      </c>
      <c r="W10" s="2">
        <v>76.900000000000006</v>
      </c>
      <c r="X10" s="2">
        <v>7.6</v>
      </c>
      <c r="Y10" s="2">
        <v>16.7</v>
      </c>
      <c r="Z10" s="5"/>
      <c r="AA10" s="5" t="s">
        <v>43</v>
      </c>
      <c r="AB10" s="5" t="s">
        <v>44</v>
      </c>
      <c r="AC10" s="2"/>
      <c r="AD10" s="1"/>
    </row>
    <row r="11" spans="1:30">
      <c r="A11" s="5" t="s">
        <v>83578</v>
      </c>
      <c r="B11" s="2" t="s">
        <v>83606</v>
      </c>
      <c r="C11" s="14" t="s">
        <v>83607</v>
      </c>
      <c r="D11" s="2" t="s">
        <v>83608</v>
      </c>
      <c r="E11" s="2" t="s">
        <v>1986</v>
      </c>
      <c r="F11" s="8">
        <v>119</v>
      </c>
      <c r="G11" s="5">
        <v>13</v>
      </c>
      <c r="H11" s="5" t="s">
        <v>1518</v>
      </c>
      <c r="I11" s="5" t="s">
        <v>1519</v>
      </c>
      <c r="J11" s="2" t="s">
        <v>1520</v>
      </c>
      <c r="K11" s="5" t="s">
        <v>1519</v>
      </c>
      <c r="L11" s="2" t="s">
        <v>1520</v>
      </c>
      <c r="M11" s="5" t="s">
        <v>1521</v>
      </c>
      <c r="N11" s="5" t="s">
        <v>38</v>
      </c>
      <c r="O11" s="5" t="s">
        <v>39</v>
      </c>
      <c r="P11" s="5" t="s">
        <v>40</v>
      </c>
      <c r="Q11" s="5" t="s">
        <v>1522</v>
      </c>
      <c r="R11" s="5" t="s">
        <v>1523</v>
      </c>
      <c r="S11" s="5" t="s">
        <v>42</v>
      </c>
      <c r="T11" s="2">
        <v>1.446</v>
      </c>
      <c r="U11" s="2">
        <v>1.032</v>
      </c>
      <c r="V11" s="2">
        <v>0.01</v>
      </c>
      <c r="W11" s="2">
        <v>76.900000000000006</v>
      </c>
      <c r="X11" s="2">
        <v>7.6</v>
      </c>
      <c r="Y11" s="2">
        <v>16.7</v>
      </c>
      <c r="Z11" s="5"/>
      <c r="AA11" s="5" t="s">
        <v>43</v>
      </c>
      <c r="AB11" s="5" t="s">
        <v>44</v>
      </c>
      <c r="AC11" s="2"/>
      <c r="AD11" s="1"/>
    </row>
    <row r="12" spans="1:30">
      <c r="A12" s="5" t="s">
        <v>83578</v>
      </c>
      <c r="B12" s="2" t="s">
        <v>83609</v>
      </c>
      <c r="C12" s="14" t="s">
        <v>83610</v>
      </c>
      <c r="D12" s="2" t="s">
        <v>83611</v>
      </c>
      <c r="E12" s="2" t="s">
        <v>1999</v>
      </c>
      <c r="F12" s="8">
        <v>119</v>
      </c>
      <c r="G12" s="5">
        <v>13</v>
      </c>
      <c r="H12" s="5" t="s">
        <v>1518</v>
      </c>
      <c r="I12" s="5" t="s">
        <v>1519</v>
      </c>
      <c r="J12" s="2" t="s">
        <v>1520</v>
      </c>
      <c r="K12" s="5" t="s">
        <v>1519</v>
      </c>
      <c r="L12" s="2" t="s">
        <v>1520</v>
      </c>
      <c r="M12" s="5" t="s">
        <v>1521</v>
      </c>
      <c r="N12" s="5" t="s">
        <v>38</v>
      </c>
      <c r="O12" s="5" t="s">
        <v>39</v>
      </c>
      <c r="P12" s="5" t="s">
        <v>40</v>
      </c>
      <c r="Q12" s="5" t="s">
        <v>1522</v>
      </c>
      <c r="R12" s="5" t="s">
        <v>1523</v>
      </c>
      <c r="S12" s="5" t="s">
        <v>42</v>
      </c>
      <c r="T12" s="2">
        <v>1.446</v>
      </c>
      <c r="U12" s="2">
        <v>1.032</v>
      </c>
      <c r="V12" s="2">
        <v>0.01</v>
      </c>
      <c r="W12" s="2">
        <v>76.900000000000006</v>
      </c>
      <c r="X12" s="2">
        <v>7.6</v>
      </c>
      <c r="Y12" s="2">
        <v>16.7</v>
      </c>
      <c r="Z12" s="5"/>
      <c r="AA12" s="5" t="s">
        <v>43</v>
      </c>
      <c r="AB12" s="5" t="s">
        <v>44</v>
      </c>
      <c r="AC12" s="2"/>
      <c r="AD12" s="1"/>
    </row>
    <row r="13" spans="1:30">
      <c r="A13" s="5" t="s">
        <v>83578</v>
      </c>
      <c r="B13" s="2" t="s">
        <v>83612</v>
      </c>
      <c r="C13" s="14" t="s">
        <v>83613</v>
      </c>
      <c r="D13" s="2" t="s">
        <v>83614</v>
      </c>
      <c r="E13" s="2" t="s">
        <v>2348</v>
      </c>
      <c r="F13" s="8">
        <v>136</v>
      </c>
      <c r="G13" s="5">
        <v>13</v>
      </c>
      <c r="H13" s="5" t="s">
        <v>1518</v>
      </c>
      <c r="I13" s="5" t="s">
        <v>1519</v>
      </c>
      <c r="J13" s="2" t="s">
        <v>1520</v>
      </c>
      <c r="K13" s="5" t="s">
        <v>1519</v>
      </c>
      <c r="L13" s="2" t="s">
        <v>1520</v>
      </c>
      <c r="M13" s="5" t="s">
        <v>1521</v>
      </c>
      <c r="N13" s="5" t="s">
        <v>38</v>
      </c>
      <c r="O13" s="5" t="s">
        <v>39</v>
      </c>
      <c r="P13" s="5" t="s">
        <v>40</v>
      </c>
      <c r="Q13" s="5" t="s">
        <v>1522</v>
      </c>
      <c r="R13" s="5" t="s">
        <v>1523</v>
      </c>
      <c r="S13" s="5" t="s">
        <v>42</v>
      </c>
      <c r="T13" s="2">
        <v>1.5569999999999999</v>
      </c>
      <c r="U13" s="2">
        <v>1.149</v>
      </c>
      <c r="V13" s="2">
        <v>0.01</v>
      </c>
      <c r="W13" s="2">
        <v>76.900000000000006</v>
      </c>
      <c r="X13" s="2">
        <v>7.6</v>
      </c>
      <c r="Y13" s="2">
        <v>16.7</v>
      </c>
      <c r="Z13" s="5"/>
      <c r="AA13" s="5" t="s">
        <v>43</v>
      </c>
      <c r="AB13" s="5" t="s">
        <v>44</v>
      </c>
      <c r="AC13" s="2"/>
      <c r="AD13" s="1"/>
    </row>
    <row r="14" spans="1:30">
      <c r="A14" s="5" t="s">
        <v>83578</v>
      </c>
      <c r="B14" s="2" t="s">
        <v>83615</v>
      </c>
      <c r="C14" s="14" t="s">
        <v>83616</v>
      </c>
      <c r="D14" s="2" t="s">
        <v>83617</v>
      </c>
      <c r="E14" s="2" t="s">
        <v>2204</v>
      </c>
      <c r="F14" s="8">
        <v>136</v>
      </c>
      <c r="G14" s="5">
        <v>13</v>
      </c>
      <c r="H14" s="5" t="s">
        <v>1518</v>
      </c>
      <c r="I14" s="5" t="s">
        <v>1519</v>
      </c>
      <c r="J14" s="2" t="s">
        <v>1520</v>
      </c>
      <c r="K14" s="5" t="s">
        <v>1519</v>
      </c>
      <c r="L14" s="2" t="s">
        <v>1520</v>
      </c>
      <c r="M14" s="5" t="s">
        <v>1521</v>
      </c>
      <c r="N14" s="5" t="s">
        <v>38</v>
      </c>
      <c r="O14" s="5" t="s">
        <v>39</v>
      </c>
      <c r="P14" s="5" t="s">
        <v>40</v>
      </c>
      <c r="Q14" s="5" t="s">
        <v>1522</v>
      </c>
      <c r="R14" s="5" t="s">
        <v>1523</v>
      </c>
      <c r="S14" s="5" t="s">
        <v>42</v>
      </c>
      <c r="T14" s="2">
        <v>1.5289999999999999</v>
      </c>
      <c r="U14" s="2">
        <v>1.121</v>
      </c>
      <c r="V14" s="2">
        <v>0.01</v>
      </c>
      <c r="W14" s="2">
        <v>76.900000000000006</v>
      </c>
      <c r="X14" s="2">
        <v>7.6</v>
      </c>
      <c r="Y14" s="2">
        <v>16.7</v>
      </c>
      <c r="Z14" s="5"/>
      <c r="AA14" s="5" t="s">
        <v>43</v>
      </c>
      <c r="AB14" s="5" t="s">
        <v>44</v>
      </c>
      <c r="AC14" s="2"/>
      <c r="AD14" s="1"/>
    </row>
    <row r="15" spans="1:30">
      <c r="A15" s="5" t="s">
        <v>83578</v>
      </c>
      <c r="B15" s="2" t="s">
        <v>83618</v>
      </c>
      <c r="C15" s="14" t="s">
        <v>83619</v>
      </c>
      <c r="D15" s="2" t="s">
        <v>83620</v>
      </c>
      <c r="E15" s="2" t="s">
        <v>2724</v>
      </c>
      <c r="F15" s="8">
        <v>136</v>
      </c>
      <c r="G15" s="5">
        <v>13</v>
      </c>
      <c r="H15" s="5" t="s">
        <v>1518</v>
      </c>
      <c r="I15" s="5" t="s">
        <v>1519</v>
      </c>
      <c r="J15" s="2" t="s">
        <v>1520</v>
      </c>
      <c r="K15" s="5" t="s">
        <v>1519</v>
      </c>
      <c r="L15" s="2" t="s">
        <v>1520</v>
      </c>
      <c r="M15" s="5" t="s">
        <v>1521</v>
      </c>
      <c r="N15" s="5" t="s">
        <v>38</v>
      </c>
      <c r="O15" s="5" t="s">
        <v>39</v>
      </c>
      <c r="P15" s="5" t="s">
        <v>40</v>
      </c>
      <c r="Q15" s="5" t="s">
        <v>1522</v>
      </c>
      <c r="R15" s="5" t="s">
        <v>1523</v>
      </c>
      <c r="S15" s="5" t="s">
        <v>42</v>
      </c>
      <c r="T15" s="2">
        <v>1.5569999999999999</v>
      </c>
      <c r="U15" s="2">
        <v>1.149</v>
      </c>
      <c r="V15" s="2">
        <v>0.01</v>
      </c>
      <c r="W15" s="2">
        <v>76.900000000000006</v>
      </c>
      <c r="X15" s="2">
        <v>7.6</v>
      </c>
      <c r="Y15" s="2">
        <v>16.7</v>
      </c>
      <c r="Z15" s="5"/>
      <c r="AA15" s="5" t="s">
        <v>43</v>
      </c>
      <c r="AB15" s="5" t="s">
        <v>44</v>
      </c>
      <c r="AC15" s="2"/>
      <c r="AD15" s="1"/>
    </row>
    <row r="16" spans="1:30">
      <c r="A16" s="5" t="s">
        <v>83578</v>
      </c>
      <c r="B16" s="2" t="s">
        <v>83621</v>
      </c>
      <c r="C16" s="14" t="s">
        <v>83622</v>
      </c>
      <c r="D16" s="2" t="s">
        <v>83623</v>
      </c>
      <c r="E16" s="2" t="s">
        <v>2208</v>
      </c>
      <c r="F16" s="8">
        <v>136</v>
      </c>
      <c r="G16" s="5">
        <v>13</v>
      </c>
      <c r="H16" s="5" t="s">
        <v>1518</v>
      </c>
      <c r="I16" s="5" t="s">
        <v>1519</v>
      </c>
      <c r="J16" s="2" t="s">
        <v>1520</v>
      </c>
      <c r="K16" s="5" t="s">
        <v>1519</v>
      </c>
      <c r="L16" s="2" t="s">
        <v>1520</v>
      </c>
      <c r="M16" s="5" t="s">
        <v>1521</v>
      </c>
      <c r="N16" s="5" t="s">
        <v>38</v>
      </c>
      <c r="O16" s="5" t="s">
        <v>39</v>
      </c>
      <c r="P16" s="5" t="s">
        <v>40</v>
      </c>
      <c r="Q16" s="5" t="s">
        <v>1522</v>
      </c>
      <c r="R16" s="5" t="s">
        <v>1523</v>
      </c>
      <c r="S16" s="5" t="s">
        <v>42</v>
      </c>
      <c r="T16" s="2">
        <v>1.5289999999999999</v>
      </c>
      <c r="U16" s="2">
        <v>1.121</v>
      </c>
      <c r="V16" s="2">
        <v>0.01</v>
      </c>
      <c r="W16" s="2">
        <v>76.900000000000006</v>
      </c>
      <c r="X16" s="2">
        <v>7.6</v>
      </c>
      <c r="Y16" s="2">
        <v>16.7</v>
      </c>
      <c r="Z16" s="5"/>
      <c r="AA16" s="5" t="s">
        <v>43</v>
      </c>
      <c r="AB16" s="5" t="s">
        <v>44</v>
      </c>
      <c r="AC16" s="2"/>
      <c r="AD16" s="1"/>
    </row>
    <row r="17" spans="1:30">
      <c r="A17" s="5" t="s">
        <v>83578</v>
      </c>
      <c r="B17" s="2" t="s">
        <v>83624</v>
      </c>
      <c r="C17" s="14" t="s">
        <v>83625</v>
      </c>
      <c r="D17" s="2" t="s">
        <v>83626</v>
      </c>
      <c r="E17" s="2" t="s">
        <v>2212</v>
      </c>
      <c r="F17" s="8">
        <v>136</v>
      </c>
      <c r="G17" s="5">
        <v>13</v>
      </c>
      <c r="H17" s="5" t="s">
        <v>1518</v>
      </c>
      <c r="I17" s="5" t="s">
        <v>1519</v>
      </c>
      <c r="J17" s="2" t="s">
        <v>1520</v>
      </c>
      <c r="K17" s="5" t="s">
        <v>1519</v>
      </c>
      <c r="L17" s="2" t="s">
        <v>1520</v>
      </c>
      <c r="M17" s="5" t="s">
        <v>1521</v>
      </c>
      <c r="N17" s="5" t="s">
        <v>38</v>
      </c>
      <c r="O17" s="5" t="s">
        <v>39</v>
      </c>
      <c r="P17" s="5" t="s">
        <v>40</v>
      </c>
      <c r="Q17" s="5" t="s">
        <v>1522</v>
      </c>
      <c r="R17" s="5" t="s">
        <v>1523</v>
      </c>
      <c r="S17" s="5" t="s">
        <v>42</v>
      </c>
      <c r="T17" s="2">
        <v>1.5569999999999999</v>
      </c>
      <c r="U17" s="2">
        <v>1.149</v>
      </c>
      <c r="V17" s="2">
        <v>0.01</v>
      </c>
      <c r="W17" s="2">
        <v>76.900000000000006</v>
      </c>
      <c r="X17" s="2">
        <v>7.6</v>
      </c>
      <c r="Y17" s="2">
        <v>16.7</v>
      </c>
      <c r="Z17" s="5"/>
      <c r="AA17" s="5" t="s">
        <v>43</v>
      </c>
      <c r="AB17" s="5" t="s">
        <v>44</v>
      </c>
      <c r="AC17" s="2"/>
      <c r="AD17" s="1"/>
    </row>
    <row r="18" spans="1:30">
      <c r="A18" s="5" t="s">
        <v>83578</v>
      </c>
      <c r="B18" s="2" t="s">
        <v>83627</v>
      </c>
      <c r="C18" s="14" t="s">
        <v>83628</v>
      </c>
      <c r="D18" s="2" t="s">
        <v>83629</v>
      </c>
      <c r="E18" s="2" t="s">
        <v>1743</v>
      </c>
      <c r="F18" s="8">
        <v>152</v>
      </c>
      <c r="G18" s="5">
        <v>6</v>
      </c>
      <c r="H18" s="5" t="s">
        <v>1518</v>
      </c>
      <c r="I18" s="5" t="s">
        <v>1519</v>
      </c>
      <c r="J18" s="2" t="s">
        <v>1520</v>
      </c>
      <c r="K18" s="5" t="s">
        <v>1519</v>
      </c>
      <c r="L18" s="2" t="s">
        <v>1520</v>
      </c>
      <c r="M18" s="5" t="s">
        <v>1521</v>
      </c>
      <c r="N18" s="5" t="s">
        <v>38</v>
      </c>
      <c r="O18" s="5" t="s">
        <v>39</v>
      </c>
      <c r="P18" s="5" t="s">
        <v>40</v>
      </c>
      <c r="Q18" s="5" t="s">
        <v>1522</v>
      </c>
      <c r="R18" s="5" t="s">
        <v>1523</v>
      </c>
      <c r="S18" s="5" t="s">
        <v>42</v>
      </c>
      <c r="T18" s="2">
        <v>1.704</v>
      </c>
      <c r="U18" s="2">
        <v>1.1879999999999999</v>
      </c>
      <c r="V18" s="2">
        <v>1.2999999999999999E-2</v>
      </c>
      <c r="W18" s="2">
        <v>99.1</v>
      </c>
      <c r="X18" s="2">
        <v>7.6</v>
      </c>
      <c r="Y18" s="2">
        <v>16.7</v>
      </c>
      <c r="Z18" s="5"/>
      <c r="AA18" s="5" t="s">
        <v>43</v>
      </c>
      <c r="AB18" s="5" t="s">
        <v>44</v>
      </c>
      <c r="AC18" s="2"/>
      <c r="AD18" s="1"/>
    </row>
    <row r="19" spans="1:30">
      <c r="A19" s="5" t="s">
        <v>83578</v>
      </c>
      <c r="B19" s="2" t="s">
        <v>83630</v>
      </c>
      <c r="C19" s="14" t="s">
        <v>83631</v>
      </c>
      <c r="D19" s="2" t="s">
        <v>83632</v>
      </c>
      <c r="E19" s="2" t="s">
        <v>1767</v>
      </c>
      <c r="F19" s="8">
        <v>152</v>
      </c>
      <c r="G19" s="5">
        <v>6</v>
      </c>
      <c r="H19" s="5" t="s">
        <v>1518</v>
      </c>
      <c r="I19" s="5" t="s">
        <v>1519</v>
      </c>
      <c r="J19" s="2" t="s">
        <v>1520</v>
      </c>
      <c r="K19" s="5" t="s">
        <v>1519</v>
      </c>
      <c r="L19" s="2" t="s">
        <v>1520</v>
      </c>
      <c r="M19" s="5" t="s">
        <v>1521</v>
      </c>
      <c r="N19" s="5" t="s">
        <v>38</v>
      </c>
      <c r="O19" s="5" t="s">
        <v>39</v>
      </c>
      <c r="P19" s="5" t="s">
        <v>40</v>
      </c>
      <c r="Q19" s="5" t="s">
        <v>1522</v>
      </c>
      <c r="R19" s="5" t="s">
        <v>1523</v>
      </c>
      <c r="S19" s="5" t="s">
        <v>42</v>
      </c>
      <c r="T19" s="2">
        <v>1.716</v>
      </c>
      <c r="U19" s="2">
        <v>1.2</v>
      </c>
      <c r="V19" s="2">
        <v>1.2999999999999999E-2</v>
      </c>
      <c r="W19" s="2">
        <v>99.1</v>
      </c>
      <c r="X19" s="2">
        <v>7.6</v>
      </c>
      <c r="Y19" s="2">
        <v>16.7</v>
      </c>
      <c r="Z19" s="5"/>
      <c r="AA19" s="5" t="s">
        <v>43</v>
      </c>
      <c r="AB19" s="5" t="s">
        <v>44</v>
      </c>
      <c r="AC19" s="2"/>
      <c r="AD19" s="1"/>
    </row>
    <row r="20" spans="1:30">
      <c r="A20" s="5" t="s">
        <v>83578</v>
      </c>
      <c r="B20" s="2" t="s">
        <v>83633</v>
      </c>
      <c r="C20" s="14" t="s">
        <v>83634</v>
      </c>
      <c r="D20" s="2" t="s">
        <v>83635</v>
      </c>
      <c r="E20" s="2" t="s">
        <v>1775</v>
      </c>
      <c r="F20" s="8">
        <v>152</v>
      </c>
      <c r="G20" s="5">
        <v>6</v>
      </c>
      <c r="H20" s="5" t="s">
        <v>1518</v>
      </c>
      <c r="I20" s="5" t="s">
        <v>1519</v>
      </c>
      <c r="J20" s="2" t="s">
        <v>1520</v>
      </c>
      <c r="K20" s="5" t="s">
        <v>1519</v>
      </c>
      <c r="L20" s="2" t="s">
        <v>1520</v>
      </c>
      <c r="M20" s="5" t="s">
        <v>1521</v>
      </c>
      <c r="N20" s="5" t="s">
        <v>38</v>
      </c>
      <c r="O20" s="5" t="s">
        <v>39</v>
      </c>
      <c r="P20" s="5" t="s">
        <v>40</v>
      </c>
      <c r="Q20" s="5" t="s">
        <v>1522</v>
      </c>
      <c r="R20" s="5" t="s">
        <v>1523</v>
      </c>
      <c r="S20" s="5" t="s">
        <v>42</v>
      </c>
      <c r="T20" s="2">
        <v>1.716</v>
      </c>
      <c r="U20" s="2">
        <v>1.2</v>
      </c>
      <c r="V20" s="2">
        <v>1.2999999999999999E-2</v>
      </c>
      <c r="W20" s="2">
        <v>99.1</v>
      </c>
      <c r="X20" s="2">
        <v>7.6</v>
      </c>
      <c r="Y20" s="2">
        <v>16.7</v>
      </c>
      <c r="Z20" s="5"/>
      <c r="AA20" s="5" t="s">
        <v>43</v>
      </c>
      <c r="AB20" s="5" t="s">
        <v>44</v>
      </c>
      <c r="AC20" s="2"/>
      <c r="AD20" s="1"/>
    </row>
    <row r="21" spans="1:30">
      <c r="A21" s="5" t="s">
        <v>83578</v>
      </c>
      <c r="B21" s="2" t="s">
        <v>83636</v>
      </c>
      <c r="C21" s="14" t="s">
        <v>83637</v>
      </c>
      <c r="D21" s="2" t="s">
        <v>83638</v>
      </c>
      <c r="E21" s="2" t="s">
        <v>1787</v>
      </c>
      <c r="F21" s="8">
        <v>152</v>
      </c>
      <c r="G21" s="5">
        <v>6</v>
      </c>
      <c r="H21" s="5" t="s">
        <v>1518</v>
      </c>
      <c r="I21" s="5" t="s">
        <v>1519</v>
      </c>
      <c r="J21" s="2" t="s">
        <v>1520</v>
      </c>
      <c r="K21" s="5" t="s">
        <v>1519</v>
      </c>
      <c r="L21" s="2" t="s">
        <v>1520</v>
      </c>
      <c r="M21" s="5" t="s">
        <v>1521</v>
      </c>
      <c r="N21" s="5" t="s">
        <v>38</v>
      </c>
      <c r="O21" s="5" t="s">
        <v>39</v>
      </c>
      <c r="P21" s="5" t="s">
        <v>40</v>
      </c>
      <c r="Q21" s="5" t="s">
        <v>1522</v>
      </c>
      <c r="R21" s="5" t="s">
        <v>1523</v>
      </c>
      <c r="S21" s="5" t="s">
        <v>42</v>
      </c>
      <c r="T21" s="2">
        <v>1.7370000000000001</v>
      </c>
      <c r="U21" s="2">
        <v>1.2210000000000001</v>
      </c>
      <c r="V21" s="2">
        <v>1.2999999999999999E-2</v>
      </c>
      <c r="W21" s="2">
        <v>99.1</v>
      </c>
      <c r="X21" s="2">
        <v>7.6</v>
      </c>
      <c r="Y21" s="2">
        <v>16.7</v>
      </c>
      <c r="Z21" s="5"/>
      <c r="AA21" s="5" t="s">
        <v>43</v>
      </c>
      <c r="AB21" s="5" t="s">
        <v>44</v>
      </c>
      <c r="AC21" s="2"/>
      <c r="AD21" s="1"/>
    </row>
    <row r="22" spans="1:30">
      <c r="A22" s="5" t="s">
        <v>83578</v>
      </c>
      <c r="B22" s="2" t="s">
        <v>83639</v>
      </c>
      <c r="C22" s="14" t="s">
        <v>83640</v>
      </c>
      <c r="D22" s="2" t="s">
        <v>83641</v>
      </c>
      <c r="E22" s="2" t="s">
        <v>1791</v>
      </c>
      <c r="F22" s="8">
        <v>152</v>
      </c>
      <c r="G22" s="5">
        <v>6</v>
      </c>
      <c r="H22" s="5" t="s">
        <v>1518</v>
      </c>
      <c r="I22" s="5" t="s">
        <v>1519</v>
      </c>
      <c r="J22" s="2" t="s">
        <v>1520</v>
      </c>
      <c r="K22" s="5" t="s">
        <v>1519</v>
      </c>
      <c r="L22" s="2" t="s">
        <v>1520</v>
      </c>
      <c r="M22" s="5" t="s">
        <v>1521</v>
      </c>
      <c r="N22" s="5" t="s">
        <v>38</v>
      </c>
      <c r="O22" s="5" t="s">
        <v>39</v>
      </c>
      <c r="P22" s="5" t="s">
        <v>40</v>
      </c>
      <c r="Q22" s="5" t="s">
        <v>1522</v>
      </c>
      <c r="R22" s="5" t="s">
        <v>1523</v>
      </c>
      <c r="S22" s="5" t="s">
        <v>42</v>
      </c>
      <c r="T22" s="2">
        <v>1.716</v>
      </c>
      <c r="U22" s="2">
        <v>1.2</v>
      </c>
      <c r="V22" s="2">
        <v>1.2999999999999999E-2</v>
      </c>
      <c r="W22" s="2">
        <v>99.1</v>
      </c>
      <c r="X22" s="2">
        <v>7.6</v>
      </c>
      <c r="Y22" s="2">
        <v>16.7</v>
      </c>
      <c r="Z22" s="5"/>
      <c r="AA22" s="5" t="s">
        <v>43</v>
      </c>
      <c r="AB22" s="5" t="s">
        <v>44</v>
      </c>
      <c r="AC22" s="2"/>
      <c r="AD22" s="1"/>
    </row>
    <row r="23" spans="1:30">
      <c r="A23" s="5" t="s">
        <v>83578</v>
      </c>
      <c r="B23" s="2" t="s">
        <v>83642</v>
      </c>
      <c r="C23" s="14" t="s">
        <v>83643</v>
      </c>
      <c r="D23" s="2" t="s">
        <v>83644</v>
      </c>
      <c r="E23" s="2" t="s">
        <v>1795</v>
      </c>
      <c r="F23" s="8">
        <v>152</v>
      </c>
      <c r="G23" s="5">
        <v>6</v>
      </c>
      <c r="H23" s="5" t="s">
        <v>1518</v>
      </c>
      <c r="I23" s="5" t="s">
        <v>1519</v>
      </c>
      <c r="J23" s="2" t="s">
        <v>1520</v>
      </c>
      <c r="K23" s="5" t="s">
        <v>1519</v>
      </c>
      <c r="L23" s="2" t="s">
        <v>1520</v>
      </c>
      <c r="M23" s="5" t="s">
        <v>1521</v>
      </c>
      <c r="N23" s="5" t="s">
        <v>38</v>
      </c>
      <c r="O23" s="5" t="s">
        <v>39</v>
      </c>
      <c r="P23" s="5" t="s">
        <v>40</v>
      </c>
      <c r="Q23" s="5" t="s">
        <v>1522</v>
      </c>
      <c r="R23" s="5" t="s">
        <v>1523</v>
      </c>
      <c r="S23" s="5" t="s">
        <v>42</v>
      </c>
      <c r="T23" s="2">
        <v>1.7490000000000001</v>
      </c>
      <c r="U23" s="2">
        <v>1.2330000000000001</v>
      </c>
      <c r="V23" s="2">
        <v>1.2999999999999999E-2</v>
      </c>
      <c r="W23" s="2">
        <v>99.1</v>
      </c>
      <c r="X23" s="2">
        <v>7.6</v>
      </c>
      <c r="Y23" s="2">
        <v>16.7</v>
      </c>
      <c r="Z23" s="5"/>
      <c r="AA23" s="5" t="s">
        <v>43</v>
      </c>
      <c r="AB23" s="5" t="s">
        <v>44</v>
      </c>
      <c r="AC23" s="2"/>
      <c r="AD23" s="1"/>
    </row>
    <row r="24" spans="1:30">
      <c r="A24" s="5" t="s">
        <v>83578</v>
      </c>
      <c r="B24" s="2" t="s">
        <v>83645</v>
      </c>
      <c r="C24" s="14" t="s">
        <v>83646</v>
      </c>
      <c r="D24" s="2" t="s">
        <v>83647</v>
      </c>
      <c r="E24" s="2" t="s">
        <v>1799</v>
      </c>
      <c r="F24" s="8">
        <v>152</v>
      </c>
      <c r="G24" s="5">
        <v>6</v>
      </c>
      <c r="H24" s="5" t="s">
        <v>1518</v>
      </c>
      <c r="I24" s="5" t="s">
        <v>1519</v>
      </c>
      <c r="J24" s="2" t="s">
        <v>1520</v>
      </c>
      <c r="K24" s="5" t="s">
        <v>1519</v>
      </c>
      <c r="L24" s="2" t="s">
        <v>1520</v>
      </c>
      <c r="M24" s="5" t="s">
        <v>1521</v>
      </c>
      <c r="N24" s="5" t="s">
        <v>38</v>
      </c>
      <c r="O24" s="5" t="s">
        <v>39</v>
      </c>
      <c r="P24" s="5" t="s">
        <v>40</v>
      </c>
      <c r="Q24" s="5" t="s">
        <v>1522</v>
      </c>
      <c r="R24" s="5" t="s">
        <v>1523</v>
      </c>
      <c r="S24" s="5" t="s">
        <v>42</v>
      </c>
      <c r="T24" s="2">
        <v>1.716</v>
      </c>
      <c r="U24" s="2">
        <v>1.2</v>
      </c>
      <c r="V24" s="2">
        <v>1.2999999999999999E-2</v>
      </c>
      <c r="W24" s="2">
        <v>99.1</v>
      </c>
      <c r="X24" s="2">
        <v>7.6</v>
      </c>
      <c r="Y24" s="2">
        <v>16.7</v>
      </c>
      <c r="Z24" s="5"/>
      <c r="AA24" s="5" t="s">
        <v>43</v>
      </c>
      <c r="AB24" s="5" t="s">
        <v>44</v>
      </c>
      <c r="AC24" s="2"/>
      <c r="AD24" s="1"/>
    </row>
    <row r="25" spans="1:30">
      <c r="A25" s="5" t="s">
        <v>83578</v>
      </c>
      <c r="B25" s="2" t="s">
        <v>83648</v>
      </c>
      <c r="C25" s="14" t="s">
        <v>83649</v>
      </c>
      <c r="D25" s="2" t="s">
        <v>83650</v>
      </c>
      <c r="E25" s="2" t="s">
        <v>1823</v>
      </c>
      <c r="F25" s="8">
        <v>152</v>
      </c>
      <c r="G25" s="5">
        <v>8</v>
      </c>
      <c r="H25" s="5" t="s">
        <v>1518</v>
      </c>
      <c r="I25" s="5" t="s">
        <v>1519</v>
      </c>
      <c r="J25" s="2" t="s">
        <v>1520</v>
      </c>
      <c r="K25" s="5" t="s">
        <v>1519</v>
      </c>
      <c r="L25" s="2" t="s">
        <v>1520</v>
      </c>
      <c r="M25" s="5" t="s">
        <v>1521</v>
      </c>
      <c r="N25" s="5" t="s">
        <v>38</v>
      </c>
      <c r="O25" s="5" t="s">
        <v>39</v>
      </c>
      <c r="P25" s="5" t="s">
        <v>40</v>
      </c>
      <c r="Q25" s="5" t="s">
        <v>1522</v>
      </c>
      <c r="R25" s="5" t="s">
        <v>1523</v>
      </c>
      <c r="S25" s="5" t="s">
        <v>42</v>
      </c>
      <c r="T25" s="2">
        <v>1.724</v>
      </c>
      <c r="U25" s="2">
        <v>1.208</v>
      </c>
      <c r="V25" s="2">
        <v>1.2999999999999999E-2</v>
      </c>
      <c r="W25" s="2">
        <v>99.1</v>
      </c>
      <c r="X25" s="2">
        <v>7.6</v>
      </c>
      <c r="Y25" s="2">
        <v>16.7</v>
      </c>
      <c r="Z25" s="5"/>
      <c r="AA25" s="5" t="s">
        <v>43</v>
      </c>
      <c r="AB25" s="5" t="s">
        <v>44</v>
      </c>
      <c r="AC25" s="2"/>
      <c r="AD25" s="1"/>
    </row>
    <row r="26" spans="1:30">
      <c r="A26" s="5" t="s">
        <v>83578</v>
      </c>
      <c r="B26" s="2" t="s">
        <v>83651</v>
      </c>
      <c r="C26" s="14" t="s">
        <v>83652</v>
      </c>
      <c r="D26" s="2" t="s">
        <v>83653</v>
      </c>
      <c r="E26" s="2" t="s">
        <v>1827</v>
      </c>
      <c r="F26" s="8">
        <v>152</v>
      </c>
      <c r="G26" s="5">
        <v>8</v>
      </c>
      <c r="H26" s="5" t="s">
        <v>1518</v>
      </c>
      <c r="I26" s="5" t="s">
        <v>1519</v>
      </c>
      <c r="J26" s="2" t="s">
        <v>1520</v>
      </c>
      <c r="K26" s="5" t="s">
        <v>1519</v>
      </c>
      <c r="L26" s="2" t="s">
        <v>1520</v>
      </c>
      <c r="M26" s="5" t="s">
        <v>1521</v>
      </c>
      <c r="N26" s="5" t="s">
        <v>38</v>
      </c>
      <c r="O26" s="5" t="s">
        <v>39</v>
      </c>
      <c r="P26" s="5" t="s">
        <v>40</v>
      </c>
      <c r="Q26" s="5" t="s">
        <v>1522</v>
      </c>
      <c r="R26" s="5" t="s">
        <v>1523</v>
      </c>
      <c r="S26" s="5" t="s">
        <v>42</v>
      </c>
      <c r="T26" s="2">
        <v>1.7569999999999999</v>
      </c>
      <c r="U26" s="2">
        <v>1.2410000000000001</v>
      </c>
      <c r="V26" s="2">
        <v>1.2999999999999999E-2</v>
      </c>
      <c r="W26" s="2">
        <v>99.1</v>
      </c>
      <c r="X26" s="2">
        <v>7.6</v>
      </c>
      <c r="Y26" s="2">
        <v>16.7</v>
      </c>
      <c r="Z26" s="5"/>
      <c r="AA26" s="5" t="s">
        <v>43</v>
      </c>
      <c r="AB26" s="5" t="s">
        <v>44</v>
      </c>
      <c r="AC26" s="2"/>
      <c r="AD26" s="1"/>
    </row>
    <row r="27" spans="1:30">
      <c r="A27" s="5" t="s">
        <v>83578</v>
      </c>
      <c r="B27" s="2" t="s">
        <v>83654</v>
      </c>
      <c r="C27" s="14" t="s">
        <v>83655</v>
      </c>
      <c r="D27" s="2" t="s">
        <v>83656</v>
      </c>
      <c r="E27" s="2" t="s">
        <v>1973</v>
      </c>
      <c r="F27" s="8">
        <v>152</v>
      </c>
      <c r="G27" s="5">
        <v>13</v>
      </c>
      <c r="H27" s="5" t="s">
        <v>1518</v>
      </c>
      <c r="I27" s="5" t="s">
        <v>1519</v>
      </c>
      <c r="J27" s="2" t="s">
        <v>1520</v>
      </c>
      <c r="K27" s="5" t="s">
        <v>1519</v>
      </c>
      <c r="L27" s="2" t="s">
        <v>1520</v>
      </c>
      <c r="M27" s="5" t="s">
        <v>1521</v>
      </c>
      <c r="N27" s="5" t="s">
        <v>38</v>
      </c>
      <c r="O27" s="5" t="s">
        <v>39</v>
      </c>
      <c r="P27" s="5" t="s">
        <v>40</v>
      </c>
      <c r="Q27" s="5" t="s">
        <v>1522</v>
      </c>
      <c r="R27" s="5" t="s">
        <v>1523</v>
      </c>
      <c r="S27" s="5" t="s">
        <v>42</v>
      </c>
      <c r="T27" s="2">
        <v>1.748</v>
      </c>
      <c r="U27" s="2">
        <v>1.232</v>
      </c>
      <c r="V27" s="2">
        <v>1.2999999999999999E-2</v>
      </c>
      <c r="W27" s="2">
        <v>99.1</v>
      </c>
      <c r="X27" s="2">
        <v>7.6</v>
      </c>
      <c r="Y27" s="2">
        <v>16.7</v>
      </c>
      <c r="Z27" s="5"/>
      <c r="AA27" s="5" t="s">
        <v>43</v>
      </c>
      <c r="AB27" s="5" t="s">
        <v>44</v>
      </c>
      <c r="AC27" s="2"/>
      <c r="AD27" s="1"/>
    </row>
    <row r="28" spans="1:30">
      <c r="A28" s="5" t="s">
        <v>83578</v>
      </c>
      <c r="B28" s="2" t="s">
        <v>83657</v>
      </c>
      <c r="C28" s="14" t="s">
        <v>83658</v>
      </c>
      <c r="D28" s="2" t="s">
        <v>83659</v>
      </c>
      <c r="E28" s="2" t="s">
        <v>2348</v>
      </c>
      <c r="F28" s="8">
        <v>152</v>
      </c>
      <c r="G28" s="5">
        <v>13</v>
      </c>
      <c r="H28" s="5" t="s">
        <v>1518</v>
      </c>
      <c r="I28" s="5" t="s">
        <v>1519</v>
      </c>
      <c r="J28" s="2" t="s">
        <v>1520</v>
      </c>
      <c r="K28" s="5" t="s">
        <v>1519</v>
      </c>
      <c r="L28" s="2" t="s">
        <v>1520</v>
      </c>
      <c r="M28" s="5" t="s">
        <v>1521</v>
      </c>
      <c r="N28" s="5" t="s">
        <v>38</v>
      </c>
      <c r="O28" s="5" t="s">
        <v>39</v>
      </c>
      <c r="P28" s="5" t="s">
        <v>40</v>
      </c>
      <c r="Q28" s="5" t="s">
        <v>1522</v>
      </c>
      <c r="R28" s="5" t="s">
        <v>1523</v>
      </c>
      <c r="S28" s="5" t="s">
        <v>42</v>
      </c>
      <c r="T28" s="2">
        <v>1.7809999999999999</v>
      </c>
      <c r="U28" s="2">
        <v>1.2649999999999999</v>
      </c>
      <c r="V28" s="2">
        <v>1.2999999999999999E-2</v>
      </c>
      <c r="W28" s="2">
        <v>99.1</v>
      </c>
      <c r="X28" s="2">
        <v>7.6</v>
      </c>
      <c r="Y28" s="2">
        <v>16.7</v>
      </c>
      <c r="Z28" s="5"/>
      <c r="AA28" s="5" t="s">
        <v>43</v>
      </c>
      <c r="AB28" s="5" t="s">
        <v>44</v>
      </c>
      <c r="AC28" s="2"/>
      <c r="AD28" s="1"/>
    </row>
    <row r="29" spans="1:30">
      <c r="A29" s="5" t="s">
        <v>83578</v>
      </c>
      <c r="B29" s="2" t="s">
        <v>83660</v>
      </c>
      <c r="C29" s="14" t="s">
        <v>83661</v>
      </c>
      <c r="D29" s="2" t="s">
        <v>83662</v>
      </c>
      <c r="E29" s="2" t="s">
        <v>2204</v>
      </c>
      <c r="F29" s="8">
        <v>152</v>
      </c>
      <c r="G29" s="5">
        <v>13</v>
      </c>
      <c r="H29" s="5" t="s">
        <v>1518</v>
      </c>
      <c r="I29" s="5" t="s">
        <v>1519</v>
      </c>
      <c r="J29" s="2" t="s">
        <v>1520</v>
      </c>
      <c r="K29" s="5" t="s">
        <v>1519</v>
      </c>
      <c r="L29" s="2" t="s">
        <v>1520</v>
      </c>
      <c r="M29" s="5" t="s">
        <v>1521</v>
      </c>
      <c r="N29" s="5" t="s">
        <v>38</v>
      </c>
      <c r="O29" s="5" t="s">
        <v>39</v>
      </c>
      <c r="P29" s="5" t="s">
        <v>40</v>
      </c>
      <c r="Q29" s="5" t="s">
        <v>1522</v>
      </c>
      <c r="R29" s="5" t="s">
        <v>1523</v>
      </c>
      <c r="S29" s="5" t="s">
        <v>42</v>
      </c>
      <c r="T29" s="2">
        <v>1.748</v>
      </c>
      <c r="U29" s="2">
        <v>1.232</v>
      </c>
      <c r="V29" s="2">
        <v>1.2999999999999999E-2</v>
      </c>
      <c r="W29" s="2">
        <v>99.1</v>
      </c>
      <c r="X29" s="2">
        <v>7.6</v>
      </c>
      <c r="Y29" s="2">
        <v>16.7</v>
      </c>
      <c r="Z29" s="5"/>
      <c r="AA29" s="5" t="s">
        <v>43</v>
      </c>
      <c r="AB29" s="5" t="s">
        <v>44</v>
      </c>
      <c r="AC29" s="2"/>
      <c r="AD29" s="1"/>
    </row>
    <row r="30" spans="1:30">
      <c r="A30" s="5" t="s">
        <v>83578</v>
      </c>
      <c r="B30" s="2" t="s">
        <v>83663</v>
      </c>
      <c r="C30" s="14" t="s">
        <v>83664</v>
      </c>
      <c r="D30" s="2" t="s">
        <v>83665</v>
      </c>
      <c r="E30" s="2" t="s">
        <v>2724</v>
      </c>
      <c r="F30" s="8">
        <v>152</v>
      </c>
      <c r="G30" s="5">
        <v>13</v>
      </c>
      <c r="H30" s="5" t="s">
        <v>1518</v>
      </c>
      <c r="I30" s="5" t="s">
        <v>1519</v>
      </c>
      <c r="J30" s="2" t="s">
        <v>1520</v>
      </c>
      <c r="K30" s="5" t="s">
        <v>1519</v>
      </c>
      <c r="L30" s="2" t="s">
        <v>1520</v>
      </c>
      <c r="M30" s="5" t="s">
        <v>1521</v>
      </c>
      <c r="N30" s="5" t="s">
        <v>38</v>
      </c>
      <c r="O30" s="5" t="s">
        <v>39</v>
      </c>
      <c r="P30" s="5" t="s">
        <v>40</v>
      </c>
      <c r="Q30" s="5" t="s">
        <v>1522</v>
      </c>
      <c r="R30" s="5" t="s">
        <v>1523</v>
      </c>
      <c r="S30" s="5" t="s">
        <v>42</v>
      </c>
      <c r="T30" s="2">
        <v>1.7809999999999999</v>
      </c>
      <c r="U30" s="2">
        <v>1.2649999999999999</v>
      </c>
      <c r="V30" s="2">
        <v>1.2999999999999999E-2</v>
      </c>
      <c r="W30" s="2">
        <v>99.1</v>
      </c>
      <c r="X30" s="2">
        <v>7.6</v>
      </c>
      <c r="Y30" s="2">
        <v>16.7</v>
      </c>
      <c r="Z30" s="5"/>
      <c r="AA30" s="5" t="s">
        <v>43</v>
      </c>
      <c r="AB30" s="5" t="s">
        <v>44</v>
      </c>
      <c r="AC30" s="2"/>
      <c r="AD30" s="1"/>
    </row>
    <row r="31" spans="1:30">
      <c r="A31" s="5" t="s">
        <v>83578</v>
      </c>
      <c r="B31" s="2" t="s">
        <v>83666</v>
      </c>
      <c r="C31" s="14" t="s">
        <v>83667</v>
      </c>
      <c r="D31" s="2" t="s">
        <v>83668</v>
      </c>
      <c r="E31" s="2" t="s">
        <v>2208</v>
      </c>
      <c r="F31" s="8">
        <v>152</v>
      </c>
      <c r="G31" s="5">
        <v>13</v>
      </c>
      <c r="H31" s="5" t="s">
        <v>1518</v>
      </c>
      <c r="I31" s="5" t="s">
        <v>1519</v>
      </c>
      <c r="J31" s="2" t="s">
        <v>1520</v>
      </c>
      <c r="K31" s="5" t="s">
        <v>1519</v>
      </c>
      <c r="L31" s="2" t="s">
        <v>1520</v>
      </c>
      <c r="M31" s="5" t="s">
        <v>1521</v>
      </c>
      <c r="N31" s="5" t="s">
        <v>38</v>
      </c>
      <c r="O31" s="5" t="s">
        <v>39</v>
      </c>
      <c r="P31" s="5" t="s">
        <v>40</v>
      </c>
      <c r="Q31" s="5" t="s">
        <v>1522</v>
      </c>
      <c r="R31" s="5" t="s">
        <v>1523</v>
      </c>
      <c r="S31" s="5" t="s">
        <v>42</v>
      </c>
      <c r="T31" s="2">
        <v>1.748</v>
      </c>
      <c r="U31" s="2">
        <v>1.232</v>
      </c>
      <c r="V31" s="2">
        <v>1.2999999999999999E-2</v>
      </c>
      <c r="W31" s="2">
        <v>99.1</v>
      </c>
      <c r="X31" s="2">
        <v>7.6</v>
      </c>
      <c r="Y31" s="2">
        <v>16.7</v>
      </c>
      <c r="Z31" s="5"/>
      <c r="AA31" s="5" t="s">
        <v>43</v>
      </c>
      <c r="AB31" s="5" t="s">
        <v>44</v>
      </c>
      <c r="AC31" s="2"/>
      <c r="AD31" s="1"/>
    </row>
    <row r="32" spans="1:30">
      <c r="A32" s="5" t="s">
        <v>83578</v>
      </c>
      <c r="B32" s="2" t="s">
        <v>83669</v>
      </c>
      <c r="C32" s="14" t="s">
        <v>83670</v>
      </c>
      <c r="D32" s="2" t="s">
        <v>83671</v>
      </c>
      <c r="E32" s="2" t="s">
        <v>2212</v>
      </c>
      <c r="F32" s="8">
        <v>152</v>
      </c>
      <c r="G32" s="5">
        <v>13</v>
      </c>
      <c r="H32" s="5" t="s">
        <v>1518</v>
      </c>
      <c r="I32" s="5" t="s">
        <v>1519</v>
      </c>
      <c r="J32" s="2" t="s">
        <v>1520</v>
      </c>
      <c r="K32" s="5" t="s">
        <v>1519</v>
      </c>
      <c r="L32" s="2" t="s">
        <v>1520</v>
      </c>
      <c r="M32" s="5" t="s">
        <v>1521</v>
      </c>
      <c r="N32" s="5" t="s">
        <v>38</v>
      </c>
      <c r="O32" s="5" t="s">
        <v>39</v>
      </c>
      <c r="P32" s="5" t="s">
        <v>40</v>
      </c>
      <c r="Q32" s="5" t="s">
        <v>1522</v>
      </c>
      <c r="R32" s="5" t="s">
        <v>1523</v>
      </c>
      <c r="S32" s="5" t="s">
        <v>42</v>
      </c>
      <c r="T32" s="2">
        <v>1.7809999999999999</v>
      </c>
      <c r="U32" s="2">
        <v>1.2649999999999999</v>
      </c>
      <c r="V32" s="2">
        <v>1.2999999999999999E-2</v>
      </c>
      <c r="W32" s="2">
        <v>99.1</v>
      </c>
      <c r="X32" s="2">
        <v>7.6</v>
      </c>
      <c r="Y32" s="2">
        <v>16.7</v>
      </c>
      <c r="Z32" s="5"/>
      <c r="AA32" s="5" t="s">
        <v>43</v>
      </c>
      <c r="AB32" s="5" t="s">
        <v>44</v>
      </c>
      <c r="AC32" s="2"/>
      <c r="AD32" s="1"/>
    </row>
    <row r="33" spans="1:30">
      <c r="A33" s="5" t="s">
        <v>83578</v>
      </c>
      <c r="B33" s="2" t="s">
        <v>83672</v>
      </c>
      <c r="C33" s="14" t="s">
        <v>83673</v>
      </c>
      <c r="D33" s="2" t="s">
        <v>83674</v>
      </c>
      <c r="E33" s="2" t="s">
        <v>1831</v>
      </c>
      <c r="F33" s="8">
        <v>152</v>
      </c>
      <c r="G33" s="5">
        <v>13</v>
      </c>
      <c r="H33" s="5" t="s">
        <v>1518</v>
      </c>
      <c r="I33" s="5" t="s">
        <v>1519</v>
      </c>
      <c r="J33" s="2" t="s">
        <v>1520</v>
      </c>
      <c r="K33" s="5" t="s">
        <v>1519</v>
      </c>
      <c r="L33" s="2" t="s">
        <v>1520</v>
      </c>
      <c r="M33" s="5" t="s">
        <v>1521</v>
      </c>
      <c r="N33" s="5" t="s">
        <v>38</v>
      </c>
      <c r="O33" s="5" t="s">
        <v>39</v>
      </c>
      <c r="P33" s="5" t="s">
        <v>40</v>
      </c>
      <c r="Q33" s="5" t="s">
        <v>1522</v>
      </c>
      <c r="R33" s="5" t="s">
        <v>1523</v>
      </c>
      <c r="S33" s="5" t="s">
        <v>42</v>
      </c>
      <c r="T33" s="2">
        <v>1.748</v>
      </c>
      <c r="U33" s="2">
        <v>1.232</v>
      </c>
      <c r="V33" s="2">
        <v>1.2999999999999999E-2</v>
      </c>
      <c r="W33" s="2">
        <v>99.1</v>
      </c>
      <c r="X33" s="2">
        <v>7.6</v>
      </c>
      <c r="Y33" s="2">
        <v>16.7</v>
      </c>
      <c r="Z33" s="5"/>
      <c r="AA33" s="5" t="s">
        <v>43</v>
      </c>
      <c r="AB33" s="5" t="s">
        <v>44</v>
      </c>
      <c r="AC33" s="2"/>
      <c r="AD33" s="1"/>
    </row>
    <row r="34" spans="1:30">
      <c r="A34" s="5" t="s">
        <v>83578</v>
      </c>
      <c r="B34" s="2" t="s">
        <v>83675</v>
      </c>
      <c r="C34" s="14" t="s">
        <v>83676</v>
      </c>
      <c r="D34" s="2" t="s">
        <v>83677</v>
      </c>
      <c r="E34" s="2" t="s">
        <v>1835</v>
      </c>
      <c r="F34" s="8">
        <v>152</v>
      </c>
      <c r="G34" s="5">
        <v>13</v>
      </c>
      <c r="H34" s="5" t="s">
        <v>1518</v>
      </c>
      <c r="I34" s="5" t="s">
        <v>1519</v>
      </c>
      <c r="J34" s="2" t="s">
        <v>1520</v>
      </c>
      <c r="K34" s="5" t="s">
        <v>1519</v>
      </c>
      <c r="L34" s="2" t="s">
        <v>1520</v>
      </c>
      <c r="M34" s="5" t="s">
        <v>1521</v>
      </c>
      <c r="N34" s="5" t="s">
        <v>38</v>
      </c>
      <c r="O34" s="5" t="s">
        <v>39</v>
      </c>
      <c r="P34" s="5" t="s">
        <v>40</v>
      </c>
      <c r="Q34" s="5" t="s">
        <v>1522</v>
      </c>
      <c r="R34" s="5" t="s">
        <v>1523</v>
      </c>
      <c r="S34" s="5" t="s">
        <v>42</v>
      </c>
      <c r="T34" s="2">
        <v>1.7809999999999999</v>
      </c>
      <c r="U34" s="2">
        <v>1.2649999999999999</v>
      </c>
      <c r="V34" s="2">
        <v>1.2999999999999999E-2</v>
      </c>
      <c r="W34" s="2">
        <v>99.1</v>
      </c>
      <c r="X34" s="2">
        <v>7.6</v>
      </c>
      <c r="Y34" s="2">
        <v>16.7</v>
      </c>
      <c r="Z34" s="5"/>
      <c r="AA34" s="5" t="s">
        <v>43</v>
      </c>
      <c r="AB34" s="5" t="s">
        <v>44</v>
      </c>
      <c r="AC34" s="2"/>
      <c r="AD34" s="1"/>
    </row>
    <row r="35" spans="1:30">
      <c r="A35" s="5" t="s">
        <v>83578</v>
      </c>
      <c r="B35" s="2" t="s">
        <v>83678</v>
      </c>
      <c r="C35" s="14" t="s">
        <v>83679</v>
      </c>
      <c r="D35" s="2" t="s">
        <v>83680</v>
      </c>
      <c r="E35" s="2" t="s">
        <v>1839</v>
      </c>
      <c r="F35" s="8">
        <v>152</v>
      </c>
      <c r="G35" s="5">
        <v>13</v>
      </c>
      <c r="H35" s="5" t="s">
        <v>1518</v>
      </c>
      <c r="I35" s="5" t="s">
        <v>1519</v>
      </c>
      <c r="J35" s="2" t="s">
        <v>1520</v>
      </c>
      <c r="K35" s="5" t="s">
        <v>1519</v>
      </c>
      <c r="L35" s="2" t="s">
        <v>1520</v>
      </c>
      <c r="M35" s="5" t="s">
        <v>1521</v>
      </c>
      <c r="N35" s="5" t="s">
        <v>38</v>
      </c>
      <c r="O35" s="5" t="s">
        <v>39</v>
      </c>
      <c r="P35" s="5" t="s">
        <v>40</v>
      </c>
      <c r="Q35" s="5" t="s">
        <v>1522</v>
      </c>
      <c r="R35" s="5" t="s">
        <v>1523</v>
      </c>
      <c r="S35" s="5" t="s">
        <v>42</v>
      </c>
      <c r="T35" s="2">
        <v>1.748</v>
      </c>
      <c r="U35" s="2">
        <v>1.232</v>
      </c>
      <c r="V35" s="2">
        <v>1.2999999999999999E-2</v>
      </c>
      <c r="W35" s="2">
        <v>99.1</v>
      </c>
      <c r="X35" s="2">
        <v>7.6</v>
      </c>
      <c r="Y35" s="2">
        <v>16.7</v>
      </c>
      <c r="Z35" s="5"/>
      <c r="AA35" s="5" t="s">
        <v>43</v>
      </c>
      <c r="AB35" s="5" t="s">
        <v>44</v>
      </c>
      <c r="AC35" s="2"/>
      <c r="AD35" s="1"/>
    </row>
    <row r="36" spans="1:30">
      <c r="A36" s="5" t="s">
        <v>83578</v>
      </c>
      <c r="B36" s="2" t="s">
        <v>83681</v>
      </c>
      <c r="C36" s="14" t="s">
        <v>83682</v>
      </c>
      <c r="D36" s="2" t="s">
        <v>83683</v>
      </c>
      <c r="E36" s="2" t="s">
        <v>1986</v>
      </c>
      <c r="F36" s="8">
        <v>152</v>
      </c>
      <c r="G36" s="5">
        <v>13</v>
      </c>
      <c r="H36" s="5" t="s">
        <v>1518</v>
      </c>
      <c r="I36" s="5" t="s">
        <v>1519</v>
      </c>
      <c r="J36" s="2" t="s">
        <v>1520</v>
      </c>
      <c r="K36" s="5" t="s">
        <v>1519</v>
      </c>
      <c r="L36" s="2" t="s">
        <v>1520</v>
      </c>
      <c r="M36" s="5" t="s">
        <v>1521</v>
      </c>
      <c r="N36" s="5" t="s">
        <v>38</v>
      </c>
      <c r="O36" s="5" t="s">
        <v>39</v>
      </c>
      <c r="P36" s="5" t="s">
        <v>40</v>
      </c>
      <c r="Q36" s="5" t="s">
        <v>1522</v>
      </c>
      <c r="R36" s="5" t="s">
        <v>1523</v>
      </c>
      <c r="S36" s="5" t="s">
        <v>42</v>
      </c>
      <c r="T36" s="2">
        <v>1.7809999999999999</v>
      </c>
      <c r="U36" s="2">
        <v>1.2649999999999999</v>
      </c>
      <c r="V36" s="2">
        <v>1.2999999999999999E-2</v>
      </c>
      <c r="W36" s="2">
        <v>99.1</v>
      </c>
      <c r="X36" s="2">
        <v>7.6</v>
      </c>
      <c r="Y36" s="2">
        <v>16.7</v>
      </c>
      <c r="Z36" s="5"/>
      <c r="AA36" s="5" t="s">
        <v>43</v>
      </c>
      <c r="AB36" s="5" t="s">
        <v>44</v>
      </c>
      <c r="AC36" s="2"/>
      <c r="AD36" s="1"/>
    </row>
    <row r="37" spans="1:30">
      <c r="A37" s="5" t="s">
        <v>83578</v>
      </c>
      <c r="B37" s="2" t="s">
        <v>83684</v>
      </c>
      <c r="C37" s="14" t="s">
        <v>83685</v>
      </c>
      <c r="D37" s="2" t="s">
        <v>83686</v>
      </c>
      <c r="E37" s="2" t="s">
        <v>1843</v>
      </c>
      <c r="F37" s="8">
        <v>152</v>
      </c>
      <c r="G37" s="5">
        <v>13</v>
      </c>
      <c r="H37" s="5" t="s">
        <v>1518</v>
      </c>
      <c r="I37" s="5" t="s">
        <v>1519</v>
      </c>
      <c r="J37" s="2" t="s">
        <v>1520</v>
      </c>
      <c r="K37" s="5" t="s">
        <v>1519</v>
      </c>
      <c r="L37" s="2" t="s">
        <v>1520</v>
      </c>
      <c r="M37" s="5" t="s">
        <v>1521</v>
      </c>
      <c r="N37" s="5" t="s">
        <v>38</v>
      </c>
      <c r="O37" s="5" t="s">
        <v>39</v>
      </c>
      <c r="P37" s="5" t="s">
        <v>40</v>
      </c>
      <c r="Q37" s="5" t="s">
        <v>1522</v>
      </c>
      <c r="R37" s="5" t="s">
        <v>1523</v>
      </c>
      <c r="S37" s="5" t="s">
        <v>42</v>
      </c>
      <c r="T37" s="2">
        <v>1.748</v>
      </c>
      <c r="U37" s="2">
        <v>1.232</v>
      </c>
      <c r="V37" s="2">
        <v>1.2999999999999999E-2</v>
      </c>
      <c r="W37" s="2">
        <v>99.1</v>
      </c>
      <c r="X37" s="2">
        <v>7.6</v>
      </c>
      <c r="Y37" s="2">
        <v>16.7</v>
      </c>
      <c r="Z37" s="5"/>
      <c r="AA37" s="5" t="s">
        <v>43</v>
      </c>
      <c r="AB37" s="5" t="s">
        <v>44</v>
      </c>
      <c r="AC37" s="2"/>
      <c r="AD37" s="1"/>
    </row>
    <row r="38" spans="1:30">
      <c r="A38" s="5" t="s">
        <v>83578</v>
      </c>
      <c r="B38" s="2" t="s">
        <v>83687</v>
      </c>
      <c r="C38" s="14" t="s">
        <v>83688</v>
      </c>
      <c r="D38" s="2" t="s">
        <v>83689</v>
      </c>
      <c r="E38" s="2" t="s">
        <v>1851</v>
      </c>
      <c r="F38" s="8">
        <v>152</v>
      </c>
      <c r="G38" s="5">
        <v>13</v>
      </c>
      <c r="H38" s="5" t="s">
        <v>1518</v>
      </c>
      <c r="I38" s="5" t="s">
        <v>1519</v>
      </c>
      <c r="J38" s="2" t="s">
        <v>1520</v>
      </c>
      <c r="K38" s="5" t="s">
        <v>1519</v>
      </c>
      <c r="L38" s="2" t="s">
        <v>1520</v>
      </c>
      <c r="M38" s="5" t="s">
        <v>1521</v>
      </c>
      <c r="N38" s="5" t="s">
        <v>38</v>
      </c>
      <c r="O38" s="5" t="s">
        <v>39</v>
      </c>
      <c r="P38" s="5" t="s">
        <v>40</v>
      </c>
      <c r="Q38" s="5" t="s">
        <v>1522</v>
      </c>
      <c r="R38" s="5" t="s">
        <v>1523</v>
      </c>
      <c r="S38" s="5" t="s">
        <v>42</v>
      </c>
      <c r="T38" s="2">
        <v>1.748</v>
      </c>
      <c r="U38" s="2">
        <v>1.232</v>
      </c>
      <c r="V38" s="2">
        <v>1.2999999999999999E-2</v>
      </c>
      <c r="W38" s="2">
        <v>99.1</v>
      </c>
      <c r="X38" s="2">
        <v>7.6</v>
      </c>
      <c r="Y38" s="2">
        <v>16.7</v>
      </c>
      <c r="Z38" s="5"/>
      <c r="AA38" s="5" t="s">
        <v>43</v>
      </c>
      <c r="AB38" s="5" t="s">
        <v>44</v>
      </c>
      <c r="AC38" s="2"/>
      <c r="AD38" s="1"/>
    </row>
    <row r="39" spans="1:30">
      <c r="A39" s="5" t="s">
        <v>83578</v>
      </c>
      <c r="B39" s="2" t="s">
        <v>83690</v>
      </c>
      <c r="C39" s="14" t="s">
        <v>83691</v>
      </c>
      <c r="D39" s="2" t="s">
        <v>83692</v>
      </c>
      <c r="E39" s="2" t="s">
        <v>1999</v>
      </c>
      <c r="F39" s="8">
        <v>152</v>
      </c>
      <c r="G39" s="5">
        <v>13</v>
      </c>
      <c r="H39" s="5" t="s">
        <v>1518</v>
      </c>
      <c r="I39" s="5" t="s">
        <v>1519</v>
      </c>
      <c r="J39" s="2" t="s">
        <v>1520</v>
      </c>
      <c r="K39" s="5" t="s">
        <v>1519</v>
      </c>
      <c r="L39" s="2" t="s">
        <v>1520</v>
      </c>
      <c r="M39" s="5" t="s">
        <v>1521</v>
      </c>
      <c r="N39" s="5" t="s">
        <v>38</v>
      </c>
      <c r="O39" s="5" t="s">
        <v>39</v>
      </c>
      <c r="P39" s="5" t="s">
        <v>40</v>
      </c>
      <c r="Q39" s="5" t="s">
        <v>1522</v>
      </c>
      <c r="R39" s="5" t="s">
        <v>1523</v>
      </c>
      <c r="S39" s="5" t="s">
        <v>42</v>
      </c>
      <c r="T39" s="2">
        <v>1.7809999999999999</v>
      </c>
      <c r="U39" s="2">
        <v>1.2649999999999999</v>
      </c>
      <c r="V39" s="2">
        <v>1.2999999999999999E-2</v>
      </c>
      <c r="W39" s="2">
        <v>99.1</v>
      </c>
      <c r="X39" s="2">
        <v>7.6</v>
      </c>
      <c r="Y39" s="2">
        <v>16.7</v>
      </c>
      <c r="Z39" s="5"/>
      <c r="AA39" s="5" t="s">
        <v>43</v>
      </c>
      <c r="AB39" s="5" t="s">
        <v>44</v>
      </c>
      <c r="AC39" s="2"/>
      <c r="AD39" s="1"/>
    </row>
    <row r="40" spans="1:30">
      <c r="A40" s="5" t="s">
        <v>83578</v>
      </c>
      <c r="B40" s="2" t="s">
        <v>83693</v>
      </c>
      <c r="C40" s="14" t="s">
        <v>83694</v>
      </c>
      <c r="D40" s="2" t="s">
        <v>83695</v>
      </c>
      <c r="E40" s="2" t="s">
        <v>1855</v>
      </c>
      <c r="F40" s="8">
        <v>152</v>
      </c>
      <c r="G40" s="5">
        <v>13</v>
      </c>
      <c r="H40" s="5" t="s">
        <v>1518</v>
      </c>
      <c r="I40" s="5" t="s">
        <v>1519</v>
      </c>
      <c r="J40" s="2" t="s">
        <v>1520</v>
      </c>
      <c r="K40" s="5" t="s">
        <v>1519</v>
      </c>
      <c r="L40" s="2" t="s">
        <v>1520</v>
      </c>
      <c r="M40" s="5" t="s">
        <v>1521</v>
      </c>
      <c r="N40" s="5" t="s">
        <v>38</v>
      </c>
      <c r="O40" s="5" t="s">
        <v>39</v>
      </c>
      <c r="P40" s="5" t="s">
        <v>40</v>
      </c>
      <c r="Q40" s="5" t="s">
        <v>1522</v>
      </c>
      <c r="R40" s="5" t="s">
        <v>1523</v>
      </c>
      <c r="S40" s="5" t="s">
        <v>42</v>
      </c>
      <c r="T40" s="2">
        <v>1.748</v>
      </c>
      <c r="U40" s="2">
        <v>1.232</v>
      </c>
      <c r="V40" s="2">
        <v>1.2999999999999999E-2</v>
      </c>
      <c r="W40" s="2">
        <v>99.1</v>
      </c>
      <c r="X40" s="2">
        <v>7.6</v>
      </c>
      <c r="Y40" s="2">
        <v>16.7</v>
      </c>
      <c r="Z40" s="5"/>
      <c r="AA40" s="5" t="s">
        <v>43</v>
      </c>
      <c r="AB40" s="5" t="s">
        <v>44</v>
      </c>
      <c r="AC40" s="2"/>
      <c r="AD40" s="1"/>
    </row>
    <row r="41" spans="1:30">
      <c r="A41" s="5" t="s">
        <v>83578</v>
      </c>
      <c r="B41" s="2" t="s">
        <v>83696</v>
      </c>
      <c r="C41" s="14" t="s">
        <v>83697</v>
      </c>
      <c r="D41" s="2" t="s">
        <v>83698</v>
      </c>
      <c r="E41" s="2" t="s">
        <v>1859</v>
      </c>
      <c r="F41" s="8">
        <v>152</v>
      </c>
      <c r="G41" s="5">
        <v>13</v>
      </c>
      <c r="H41" s="5" t="s">
        <v>1518</v>
      </c>
      <c r="I41" s="5" t="s">
        <v>1519</v>
      </c>
      <c r="J41" s="2" t="s">
        <v>1520</v>
      </c>
      <c r="K41" s="5" t="s">
        <v>1519</v>
      </c>
      <c r="L41" s="2" t="s">
        <v>1520</v>
      </c>
      <c r="M41" s="5" t="s">
        <v>1521</v>
      </c>
      <c r="N41" s="5" t="s">
        <v>38</v>
      </c>
      <c r="O41" s="5" t="s">
        <v>39</v>
      </c>
      <c r="P41" s="5" t="s">
        <v>40</v>
      </c>
      <c r="Q41" s="5" t="s">
        <v>1522</v>
      </c>
      <c r="R41" s="5" t="s">
        <v>1523</v>
      </c>
      <c r="S41" s="5" t="s">
        <v>42</v>
      </c>
      <c r="T41" s="2">
        <v>1.7809999999999999</v>
      </c>
      <c r="U41" s="2">
        <v>1.2649999999999999</v>
      </c>
      <c r="V41" s="2">
        <v>1.2999999999999999E-2</v>
      </c>
      <c r="W41" s="2">
        <v>99.1</v>
      </c>
      <c r="X41" s="2">
        <v>7.6</v>
      </c>
      <c r="Y41" s="2">
        <v>16.7</v>
      </c>
      <c r="Z41" s="5"/>
      <c r="AA41" s="5" t="s">
        <v>43</v>
      </c>
      <c r="AB41" s="5" t="s">
        <v>44</v>
      </c>
      <c r="AC41" s="2"/>
      <c r="AD41" s="1"/>
    </row>
    <row r="42" spans="1:30">
      <c r="A42" s="5" t="s">
        <v>83578</v>
      </c>
      <c r="B42" s="2" t="s">
        <v>83699</v>
      </c>
      <c r="C42" s="14" t="s">
        <v>83700</v>
      </c>
      <c r="D42" s="2" t="s">
        <v>83701</v>
      </c>
      <c r="E42" s="2" t="s">
        <v>2348</v>
      </c>
      <c r="F42" s="8">
        <v>119</v>
      </c>
      <c r="G42" s="5">
        <v>13</v>
      </c>
      <c r="H42" s="5" t="s">
        <v>1518</v>
      </c>
      <c r="I42" s="5" t="s">
        <v>1519</v>
      </c>
      <c r="J42" s="2" t="s">
        <v>1520</v>
      </c>
      <c r="K42" s="5" t="s">
        <v>1519</v>
      </c>
      <c r="L42" s="2" t="s">
        <v>1520</v>
      </c>
      <c r="M42" s="5" t="s">
        <v>1521</v>
      </c>
      <c r="N42" s="5" t="s">
        <v>38</v>
      </c>
      <c r="O42" s="5" t="s">
        <v>39</v>
      </c>
      <c r="P42" s="5" t="s">
        <v>40</v>
      </c>
      <c r="Q42" s="5" t="s">
        <v>1522</v>
      </c>
      <c r="R42" s="5" t="s">
        <v>1523</v>
      </c>
      <c r="S42" s="5" t="s">
        <v>42</v>
      </c>
      <c r="T42" s="2">
        <v>1.47</v>
      </c>
      <c r="U42" s="2">
        <v>1.0580000000000001</v>
      </c>
      <c r="V42" s="2">
        <v>0.01</v>
      </c>
      <c r="W42" s="2">
        <v>76.900000000000006</v>
      </c>
      <c r="X42" s="2">
        <v>7.6</v>
      </c>
      <c r="Y42" s="2">
        <v>16.7</v>
      </c>
      <c r="Z42" s="5"/>
      <c r="AA42" s="5" t="s">
        <v>43</v>
      </c>
      <c r="AB42" s="5" t="s">
        <v>44</v>
      </c>
      <c r="AC42" s="2"/>
      <c r="AD42" s="1"/>
    </row>
    <row r="43" spans="1:30">
      <c r="A43" s="5" t="s">
        <v>83578</v>
      </c>
      <c r="B43" s="2" t="s">
        <v>83702</v>
      </c>
      <c r="C43" s="14" t="s">
        <v>83703</v>
      </c>
      <c r="D43" s="2" t="s">
        <v>83704</v>
      </c>
      <c r="E43" s="2" t="s">
        <v>2724</v>
      </c>
      <c r="F43" s="8">
        <v>119</v>
      </c>
      <c r="G43" s="5">
        <v>13</v>
      </c>
      <c r="H43" s="5" t="s">
        <v>1518</v>
      </c>
      <c r="I43" s="5" t="s">
        <v>1519</v>
      </c>
      <c r="J43" s="2" t="s">
        <v>1520</v>
      </c>
      <c r="K43" s="5" t="s">
        <v>1519</v>
      </c>
      <c r="L43" s="2" t="s">
        <v>1520</v>
      </c>
      <c r="M43" s="5" t="s">
        <v>1521</v>
      </c>
      <c r="N43" s="5" t="s">
        <v>38</v>
      </c>
      <c r="O43" s="5" t="s">
        <v>39</v>
      </c>
      <c r="P43" s="5" t="s">
        <v>40</v>
      </c>
      <c r="Q43" s="5" t="s">
        <v>1522</v>
      </c>
      <c r="R43" s="5" t="s">
        <v>1523</v>
      </c>
      <c r="S43" s="5" t="s">
        <v>42</v>
      </c>
      <c r="T43" s="2">
        <v>1.47</v>
      </c>
      <c r="U43" s="2">
        <v>1.0580000000000001</v>
      </c>
      <c r="V43" s="2">
        <v>0.01</v>
      </c>
      <c r="W43" s="2">
        <v>76.900000000000006</v>
      </c>
      <c r="X43" s="2">
        <v>7.6</v>
      </c>
      <c r="Y43" s="2">
        <v>16.7</v>
      </c>
      <c r="Z43" s="5"/>
      <c r="AA43" s="5" t="s">
        <v>43</v>
      </c>
      <c r="AB43" s="5" t="s">
        <v>44</v>
      </c>
      <c r="AC43" s="2"/>
      <c r="AD43" s="1"/>
    </row>
    <row r="44" spans="1:30">
      <c r="A44" s="5" t="s">
        <v>83578</v>
      </c>
      <c r="B44" s="2" t="s">
        <v>83705</v>
      </c>
      <c r="C44" s="14" t="s">
        <v>83706</v>
      </c>
      <c r="D44" s="2" t="s">
        <v>83707</v>
      </c>
      <c r="E44" s="2" t="s">
        <v>1839</v>
      </c>
      <c r="F44" s="8">
        <v>119</v>
      </c>
      <c r="G44" s="5">
        <v>13</v>
      </c>
      <c r="H44" s="5" t="s">
        <v>1518</v>
      </c>
      <c r="I44" s="5" t="s">
        <v>1519</v>
      </c>
      <c r="J44" s="2" t="s">
        <v>1520</v>
      </c>
      <c r="K44" s="5" t="s">
        <v>1519</v>
      </c>
      <c r="L44" s="2" t="s">
        <v>1520</v>
      </c>
      <c r="M44" s="5" t="s">
        <v>1521</v>
      </c>
      <c r="N44" s="5" t="s">
        <v>38</v>
      </c>
      <c r="O44" s="5" t="s">
        <v>39</v>
      </c>
      <c r="P44" s="5" t="s">
        <v>40</v>
      </c>
      <c r="Q44" s="5" t="s">
        <v>1522</v>
      </c>
      <c r="R44" s="5" t="s">
        <v>1523</v>
      </c>
      <c r="S44" s="5" t="s">
        <v>42</v>
      </c>
      <c r="T44" s="2">
        <v>1.4450000000000001</v>
      </c>
      <c r="U44" s="2">
        <v>1.0329999999999999</v>
      </c>
      <c r="V44" s="2">
        <v>0.01</v>
      </c>
      <c r="W44" s="2">
        <v>76.900000000000006</v>
      </c>
      <c r="X44" s="2">
        <v>7.6</v>
      </c>
      <c r="Y44" s="2">
        <v>16.7</v>
      </c>
      <c r="Z44" s="5"/>
      <c r="AA44" s="5" t="s">
        <v>43</v>
      </c>
      <c r="AB44" s="5" t="s">
        <v>44</v>
      </c>
      <c r="AC44" s="2"/>
      <c r="AD44" s="1"/>
    </row>
    <row r="45" spans="1:30">
      <c r="A45" s="5" t="s">
        <v>83578</v>
      </c>
      <c r="B45" s="2" t="s">
        <v>83708</v>
      </c>
      <c r="C45" s="14" t="s">
        <v>83709</v>
      </c>
      <c r="D45" s="2" t="s">
        <v>83710</v>
      </c>
      <c r="E45" s="2" t="s">
        <v>1986</v>
      </c>
      <c r="F45" s="8">
        <v>119</v>
      </c>
      <c r="G45" s="5">
        <v>13</v>
      </c>
      <c r="H45" s="5" t="s">
        <v>1518</v>
      </c>
      <c r="I45" s="5" t="s">
        <v>1519</v>
      </c>
      <c r="J45" s="2" t="s">
        <v>1520</v>
      </c>
      <c r="K45" s="5" t="s">
        <v>1519</v>
      </c>
      <c r="L45" s="2" t="s">
        <v>1520</v>
      </c>
      <c r="M45" s="5" t="s">
        <v>1521</v>
      </c>
      <c r="N45" s="5" t="s">
        <v>38</v>
      </c>
      <c r="O45" s="5" t="s">
        <v>39</v>
      </c>
      <c r="P45" s="5" t="s">
        <v>40</v>
      </c>
      <c r="Q45" s="5" t="s">
        <v>1522</v>
      </c>
      <c r="R45" s="5" t="s">
        <v>1523</v>
      </c>
      <c r="S45" s="5" t="s">
        <v>42</v>
      </c>
      <c r="T45" s="2">
        <v>1.47</v>
      </c>
      <c r="U45" s="2">
        <v>1.0580000000000001</v>
      </c>
      <c r="V45" s="2">
        <v>0.01</v>
      </c>
      <c r="W45" s="2">
        <v>76.900000000000006</v>
      </c>
      <c r="X45" s="2">
        <v>7.6</v>
      </c>
      <c r="Y45" s="2">
        <v>16.7</v>
      </c>
      <c r="Z45" s="5"/>
      <c r="AA45" s="5" t="s">
        <v>43</v>
      </c>
      <c r="AB45" s="5" t="s">
        <v>44</v>
      </c>
      <c r="AC45" s="2"/>
      <c r="AD45" s="1"/>
    </row>
    <row r="46" spans="1:30">
      <c r="A46" s="5" t="s">
        <v>83578</v>
      </c>
      <c r="B46" s="2" t="s">
        <v>83711</v>
      </c>
      <c r="C46" s="14" t="s">
        <v>83712</v>
      </c>
      <c r="D46" s="2" t="s">
        <v>83713</v>
      </c>
      <c r="E46" s="2" t="s">
        <v>1843</v>
      </c>
      <c r="F46" s="8">
        <v>119</v>
      </c>
      <c r="G46" s="5">
        <v>13</v>
      </c>
      <c r="H46" s="5" t="s">
        <v>1518</v>
      </c>
      <c r="I46" s="5" t="s">
        <v>1519</v>
      </c>
      <c r="J46" s="2" t="s">
        <v>1520</v>
      </c>
      <c r="K46" s="5" t="s">
        <v>1519</v>
      </c>
      <c r="L46" s="2" t="s">
        <v>1520</v>
      </c>
      <c r="M46" s="5" t="s">
        <v>1521</v>
      </c>
      <c r="N46" s="5" t="s">
        <v>38</v>
      </c>
      <c r="O46" s="5" t="s">
        <v>39</v>
      </c>
      <c r="P46" s="5" t="s">
        <v>40</v>
      </c>
      <c r="Q46" s="5" t="s">
        <v>1522</v>
      </c>
      <c r="R46" s="5" t="s">
        <v>1523</v>
      </c>
      <c r="S46" s="5" t="s">
        <v>42</v>
      </c>
      <c r="T46" s="2">
        <v>1.4450000000000001</v>
      </c>
      <c r="U46" s="2">
        <v>1.0329999999999999</v>
      </c>
      <c r="V46" s="2">
        <v>0.01</v>
      </c>
      <c r="W46" s="2">
        <v>76.900000000000006</v>
      </c>
      <c r="X46" s="2">
        <v>7.6</v>
      </c>
      <c r="Y46" s="2">
        <v>16.7</v>
      </c>
      <c r="Z46" s="5"/>
      <c r="AA46" s="5" t="s">
        <v>43</v>
      </c>
      <c r="AB46" s="5" t="s">
        <v>44</v>
      </c>
      <c r="AC46" s="2"/>
      <c r="AD46" s="1"/>
    </row>
    <row r="47" spans="1:30">
      <c r="A47" s="5" t="s">
        <v>83578</v>
      </c>
      <c r="B47" s="2" t="s">
        <v>83714</v>
      </c>
      <c r="C47" s="14" t="s">
        <v>83715</v>
      </c>
      <c r="D47" s="2" t="s">
        <v>83716</v>
      </c>
      <c r="E47" s="2" t="s">
        <v>2204</v>
      </c>
      <c r="F47" s="8">
        <v>136</v>
      </c>
      <c r="G47" s="5">
        <v>13</v>
      </c>
      <c r="H47" s="5" t="s">
        <v>1518</v>
      </c>
      <c r="I47" s="5" t="s">
        <v>1519</v>
      </c>
      <c r="J47" s="2" t="s">
        <v>1520</v>
      </c>
      <c r="K47" s="5" t="s">
        <v>1519</v>
      </c>
      <c r="L47" s="2" t="s">
        <v>1520</v>
      </c>
      <c r="M47" s="5" t="s">
        <v>1521</v>
      </c>
      <c r="N47" s="5" t="s">
        <v>38</v>
      </c>
      <c r="O47" s="5" t="s">
        <v>39</v>
      </c>
      <c r="P47" s="5" t="s">
        <v>40</v>
      </c>
      <c r="Q47" s="5" t="s">
        <v>1522</v>
      </c>
      <c r="R47" s="5" t="s">
        <v>1523</v>
      </c>
      <c r="S47" s="5" t="s">
        <v>42</v>
      </c>
      <c r="T47" s="2">
        <v>1.579</v>
      </c>
      <c r="U47" s="2">
        <v>1.145</v>
      </c>
      <c r="V47" s="2">
        <v>1.0999999999999999E-2</v>
      </c>
      <c r="W47" s="2">
        <v>82.9</v>
      </c>
      <c r="X47" s="2">
        <v>7.6</v>
      </c>
      <c r="Y47" s="2">
        <v>16.7</v>
      </c>
      <c r="Z47" s="5"/>
      <c r="AA47" s="5" t="s">
        <v>43</v>
      </c>
      <c r="AB47" s="5" t="s">
        <v>44</v>
      </c>
      <c r="AC47" s="2"/>
      <c r="AD47" s="1"/>
    </row>
    <row r="48" spans="1:30">
      <c r="A48" s="5" t="s">
        <v>83578</v>
      </c>
      <c r="B48" s="2" t="s">
        <v>83717</v>
      </c>
      <c r="C48" s="14" t="s">
        <v>83718</v>
      </c>
      <c r="D48" s="2" t="s">
        <v>83719</v>
      </c>
      <c r="E48" s="2" t="s">
        <v>2724</v>
      </c>
      <c r="F48" s="8">
        <v>136</v>
      </c>
      <c r="G48" s="5">
        <v>13</v>
      </c>
      <c r="H48" s="5" t="s">
        <v>1518</v>
      </c>
      <c r="I48" s="5" t="s">
        <v>1519</v>
      </c>
      <c r="J48" s="2" t="s">
        <v>1520</v>
      </c>
      <c r="K48" s="5" t="s">
        <v>1519</v>
      </c>
      <c r="L48" s="2" t="s">
        <v>1520</v>
      </c>
      <c r="M48" s="5" t="s">
        <v>1521</v>
      </c>
      <c r="N48" s="5" t="s">
        <v>38</v>
      </c>
      <c r="O48" s="5" t="s">
        <v>39</v>
      </c>
      <c r="P48" s="5" t="s">
        <v>40</v>
      </c>
      <c r="Q48" s="5" t="s">
        <v>1522</v>
      </c>
      <c r="R48" s="5" t="s">
        <v>1523</v>
      </c>
      <c r="S48" s="5" t="s">
        <v>42</v>
      </c>
      <c r="T48" s="2">
        <v>1.609</v>
      </c>
      <c r="U48" s="2">
        <v>1.175</v>
      </c>
      <c r="V48" s="2">
        <v>1.0999999999999999E-2</v>
      </c>
      <c r="W48" s="2">
        <v>82.9</v>
      </c>
      <c r="X48" s="2">
        <v>7.6</v>
      </c>
      <c r="Y48" s="2">
        <v>16.7</v>
      </c>
      <c r="Z48" s="5"/>
      <c r="AA48" s="5" t="s">
        <v>43</v>
      </c>
      <c r="AB48" s="5" t="s">
        <v>44</v>
      </c>
      <c r="AC48" s="2"/>
      <c r="AD48" s="1"/>
    </row>
    <row r="49" spans="1:30">
      <c r="A49" s="5" t="s">
        <v>83578</v>
      </c>
      <c r="B49" s="2" t="s">
        <v>83720</v>
      </c>
      <c r="C49" s="14" t="s">
        <v>83721</v>
      </c>
      <c r="D49" s="2" t="s">
        <v>83722</v>
      </c>
      <c r="E49" s="2" t="s">
        <v>1839</v>
      </c>
      <c r="F49" s="8">
        <v>136</v>
      </c>
      <c r="G49" s="5">
        <v>13</v>
      </c>
      <c r="H49" s="5" t="s">
        <v>1518</v>
      </c>
      <c r="I49" s="5" t="s">
        <v>1519</v>
      </c>
      <c r="J49" s="2" t="s">
        <v>1520</v>
      </c>
      <c r="K49" s="5" t="s">
        <v>1519</v>
      </c>
      <c r="L49" s="2" t="s">
        <v>1520</v>
      </c>
      <c r="M49" s="5" t="s">
        <v>1521</v>
      </c>
      <c r="N49" s="5" t="s">
        <v>38</v>
      </c>
      <c r="O49" s="5" t="s">
        <v>39</v>
      </c>
      <c r="P49" s="5" t="s">
        <v>40</v>
      </c>
      <c r="Q49" s="5" t="s">
        <v>1522</v>
      </c>
      <c r="R49" s="5" t="s">
        <v>1523</v>
      </c>
      <c r="S49" s="5" t="s">
        <v>42</v>
      </c>
      <c r="T49" s="2">
        <v>1.579</v>
      </c>
      <c r="U49" s="2">
        <v>1.145</v>
      </c>
      <c r="V49" s="2">
        <v>1.0999999999999999E-2</v>
      </c>
      <c r="W49" s="2">
        <v>82.9</v>
      </c>
      <c r="X49" s="2">
        <v>7.6</v>
      </c>
      <c r="Y49" s="2">
        <v>16.7</v>
      </c>
      <c r="Z49" s="5"/>
      <c r="AA49" s="5" t="s">
        <v>43</v>
      </c>
      <c r="AB49" s="5" t="s">
        <v>44</v>
      </c>
      <c r="AC49" s="2"/>
      <c r="AD49" s="1"/>
    </row>
    <row r="50" spans="1:30">
      <c r="A50" s="5" t="s">
        <v>83578</v>
      </c>
      <c r="B50" s="2" t="s">
        <v>83723</v>
      </c>
      <c r="C50" s="14" t="s">
        <v>83724</v>
      </c>
      <c r="D50" s="2" t="s">
        <v>83725</v>
      </c>
      <c r="E50" s="2" t="s">
        <v>1973</v>
      </c>
      <c r="F50" s="8">
        <v>152</v>
      </c>
      <c r="G50" s="5">
        <v>13</v>
      </c>
      <c r="H50" s="5" t="s">
        <v>1518</v>
      </c>
      <c r="I50" s="5" t="s">
        <v>1519</v>
      </c>
      <c r="J50" s="2" t="s">
        <v>1520</v>
      </c>
      <c r="K50" s="5" t="s">
        <v>1519</v>
      </c>
      <c r="L50" s="2" t="s">
        <v>1520</v>
      </c>
      <c r="M50" s="5" t="s">
        <v>1521</v>
      </c>
      <c r="N50" s="5" t="s">
        <v>38</v>
      </c>
      <c r="O50" s="5" t="s">
        <v>39</v>
      </c>
      <c r="P50" s="5" t="s">
        <v>40</v>
      </c>
      <c r="Q50" s="5" t="s">
        <v>1522</v>
      </c>
      <c r="R50" s="5" t="s">
        <v>1523</v>
      </c>
      <c r="S50" s="5" t="s">
        <v>42</v>
      </c>
      <c r="T50" s="2">
        <v>1.7809999999999999</v>
      </c>
      <c r="U50" s="2">
        <v>1.26</v>
      </c>
      <c r="V50" s="2">
        <v>1.4999999999999999E-2</v>
      </c>
      <c r="W50" s="2">
        <v>118.9</v>
      </c>
      <c r="X50" s="2">
        <v>7.6</v>
      </c>
      <c r="Y50" s="2">
        <v>16.7</v>
      </c>
      <c r="Z50" s="5"/>
      <c r="AA50" s="5" t="s">
        <v>43</v>
      </c>
      <c r="AB50" s="5" t="s">
        <v>44</v>
      </c>
      <c r="AC50" s="2"/>
      <c r="AD50" s="1"/>
    </row>
    <row r="51" spans="1:30">
      <c r="A51" s="5" t="s">
        <v>83578</v>
      </c>
      <c r="B51" s="2" t="s">
        <v>83726</v>
      </c>
      <c r="C51" s="14" t="s">
        <v>83727</v>
      </c>
      <c r="D51" s="2" t="s">
        <v>83728</v>
      </c>
      <c r="E51" s="2" t="s">
        <v>2348</v>
      </c>
      <c r="F51" s="8">
        <v>152</v>
      </c>
      <c r="G51" s="5">
        <v>13</v>
      </c>
      <c r="H51" s="5" t="s">
        <v>1518</v>
      </c>
      <c r="I51" s="5" t="s">
        <v>1519</v>
      </c>
      <c r="J51" s="2" t="s">
        <v>1520</v>
      </c>
      <c r="K51" s="5" t="s">
        <v>1519</v>
      </c>
      <c r="L51" s="2" t="s">
        <v>1520</v>
      </c>
      <c r="M51" s="5" t="s">
        <v>1521</v>
      </c>
      <c r="N51" s="5" t="s">
        <v>38</v>
      </c>
      <c r="O51" s="5" t="s">
        <v>39</v>
      </c>
      <c r="P51" s="5" t="s">
        <v>40</v>
      </c>
      <c r="Q51" s="5" t="s">
        <v>1522</v>
      </c>
      <c r="R51" s="5" t="s">
        <v>1523</v>
      </c>
      <c r="S51" s="5" t="s">
        <v>42</v>
      </c>
      <c r="T51" s="2">
        <v>1.8149999999999999</v>
      </c>
      <c r="U51" s="2">
        <v>1.294</v>
      </c>
      <c r="V51" s="2">
        <v>1.4999999999999999E-2</v>
      </c>
      <c r="W51" s="2">
        <v>118.9</v>
      </c>
      <c r="X51" s="2">
        <v>7.6</v>
      </c>
      <c r="Y51" s="2">
        <v>16.7</v>
      </c>
      <c r="Z51" s="5"/>
      <c r="AA51" s="5" t="s">
        <v>43</v>
      </c>
      <c r="AB51" s="5" t="s">
        <v>44</v>
      </c>
      <c r="AC51" s="2"/>
      <c r="AD51" s="1"/>
    </row>
    <row r="52" spans="1:30">
      <c r="A52" s="5" t="s">
        <v>83578</v>
      </c>
      <c r="B52" s="2" t="s">
        <v>83729</v>
      </c>
      <c r="C52" s="14" t="s">
        <v>83730</v>
      </c>
      <c r="D52" s="2" t="s">
        <v>83731</v>
      </c>
      <c r="E52" s="2" t="s">
        <v>2204</v>
      </c>
      <c r="F52" s="8">
        <v>152</v>
      </c>
      <c r="G52" s="5">
        <v>13</v>
      </c>
      <c r="H52" s="5" t="s">
        <v>1518</v>
      </c>
      <c r="I52" s="5" t="s">
        <v>1519</v>
      </c>
      <c r="J52" s="2" t="s">
        <v>1520</v>
      </c>
      <c r="K52" s="5" t="s">
        <v>1519</v>
      </c>
      <c r="L52" s="2" t="s">
        <v>1520</v>
      </c>
      <c r="M52" s="5" t="s">
        <v>1521</v>
      </c>
      <c r="N52" s="5" t="s">
        <v>38</v>
      </c>
      <c r="O52" s="5" t="s">
        <v>39</v>
      </c>
      <c r="P52" s="5" t="s">
        <v>40</v>
      </c>
      <c r="Q52" s="5" t="s">
        <v>1522</v>
      </c>
      <c r="R52" s="5" t="s">
        <v>1523</v>
      </c>
      <c r="S52" s="5" t="s">
        <v>42</v>
      </c>
      <c r="T52" s="2">
        <v>1.7809999999999999</v>
      </c>
      <c r="U52" s="2">
        <v>1.26</v>
      </c>
      <c r="V52" s="2">
        <v>1.4999999999999999E-2</v>
      </c>
      <c r="W52" s="2">
        <v>118.9</v>
      </c>
      <c r="X52" s="2">
        <v>7.6</v>
      </c>
      <c r="Y52" s="2">
        <v>16.7</v>
      </c>
      <c r="Z52" s="5"/>
      <c r="AA52" s="5" t="s">
        <v>43</v>
      </c>
      <c r="AB52" s="5" t="s">
        <v>44</v>
      </c>
      <c r="AC52" s="2"/>
      <c r="AD52" s="1"/>
    </row>
    <row r="53" spans="1:30">
      <c r="A53" s="5" t="s">
        <v>83578</v>
      </c>
      <c r="B53" s="2" t="s">
        <v>83732</v>
      </c>
      <c r="C53" s="14" t="s">
        <v>83733</v>
      </c>
      <c r="D53" s="2" t="s">
        <v>83734</v>
      </c>
      <c r="E53" s="2" t="s">
        <v>2724</v>
      </c>
      <c r="F53" s="8">
        <v>152</v>
      </c>
      <c r="G53" s="5">
        <v>13</v>
      </c>
      <c r="H53" s="5" t="s">
        <v>1518</v>
      </c>
      <c r="I53" s="5" t="s">
        <v>1519</v>
      </c>
      <c r="J53" s="2" t="s">
        <v>1520</v>
      </c>
      <c r="K53" s="5" t="s">
        <v>1519</v>
      </c>
      <c r="L53" s="2" t="s">
        <v>1520</v>
      </c>
      <c r="M53" s="5" t="s">
        <v>1521</v>
      </c>
      <c r="N53" s="5" t="s">
        <v>38</v>
      </c>
      <c r="O53" s="5" t="s">
        <v>39</v>
      </c>
      <c r="P53" s="5" t="s">
        <v>40</v>
      </c>
      <c r="Q53" s="5" t="s">
        <v>1522</v>
      </c>
      <c r="R53" s="5" t="s">
        <v>1523</v>
      </c>
      <c r="S53" s="5" t="s">
        <v>42</v>
      </c>
      <c r="T53" s="2">
        <v>1.8149999999999999</v>
      </c>
      <c r="U53" s="2">
        <v>1.294</v>
      </c>
      <c r="V53" s="2">
        <v>1.4999999999999999E-2</v>
      </c>
      <c r="W53" s="2">
        <v>118.9</v>
      </c>
      <c r="X53" s="2">
        <v>7.6</v>
      </c>
      <c r="Y53" s="2">
        <v>16.7</v>
      </c>
      <c r="Z53" s="5"/>
      <c r="AA53" s="5" t="s">
        <v>43</v>
      </c>
      <c r="AB53" s="5" t="s">
        <v>44</v>
      </c>
      <c r="AC53" s="2"/>
      <c r="AD53" s="1"/>
    </row>
    <row r="54" spans="1:30">
      <c r="A54" s="5" t="s">
        <v>83578</v>
      </c>
      <c r="B54" s="2" t="s">
        <v>83735</v>
      </c>
      <c r="C54" s="14" t="s">
        <v>83736</v>
      </c>
      <c r="D54" s="2" t="s">
        <v>83737</v>
      </c>
      <c r="E54" s="2" t="s">
        <v>2212</v>
      </c>
      <c r="F54" s="8">
        <v>152</v>
      </c>
      <c r="G54" s="5">
        <v>13</v>
      </c>
      <c r="H54" s="5" t="s">
        <v>1518</v>
      </c>
      <c r="I54" s="5" t="s">
        <v>1519</v>
      </c>
      <c r="J54" s="2" t="s">
        <v>1520</v>
      </c>
      <c r="K54" s="5" t="s">
        <v>1519</v>
      </c>
      <c r="L54" s="2" t="s">
        <v>1520</v>
      </c>
      <c r="M54" s="5" t="s">
        <v>1521</v>
      </c>
      <c r="N54" s="5" t="s">
        <v>38</v>
      </c>
      <c r="O54" s="5" t="s">
        <v>39</v>
      </c>
      <c r="P54" s="5" t="s">
        <v>40</v>
      </c>
      <c r="Q54" s="5" t="s">
        <v>1522</v>
      </c>
      <c r="R54" s="5" t="s">
        <v>1523</v>
      </c>
      <c r="S54" s="5" t="s">
        <v>42</v>
      </c>
      <c r="T54" s="2">
        <v>1.8149999999999999</v>
      </c>
      <c r="U54" s="2">
        <v>1.294</v>
      </c>
      <c r="V54" s="2">
        <v>1.4999999999999999E-2</v>
      </c>
      <c r="W54" s="2">
        <v>118.9</v>
      </c>
      <c r="X54" s="2">
        <v>7.6</v>
      </c>
      <c r="Y54" s="2">
        <v>16.7</v>
      </c>
      <c r="Z54" s="5"/>
      <c r="AA54" s="5" t="s">
        <v>43</v>
      </c>
      <c r="AB54" s="5" t="s">
        <v>44</v>
      </c>
      <c r="AC54" s="2"/>
      <c r="AD54" s="1"/>
    </row>
    <row r="55" spans="1:30">
      <c r="A55" s="5" t="s">
        <v>83578</v>
      </c>
      <c r="B55" s="2" t="s">
        <v>83738</v>
      </c>
      <c r="C55" s="14" t="s">
        <v>83739</v>
      </c>
      <c r="D55" s="2" t="s">
        <v>83740</v>
      </c>
      <c r="E55" s="2" t="s">
        <v>1839</v>
      </c>
      <c r="F55" s="8">
        <v>152</v>
      </c>
      <c r="G55" s="5">
        <v>13</v>
      </c>
      <c r="H55" s="5" t="s">
        <v>1518</v>
      </c>
      <c r="I55" s="5" t="s">
        <v>1519</v>
      </c>
      <c r="J55" s="2" t="s">
        <v>1520</v>
      </c>
      <c r="K55" s="5" t="s">
        <v>1519</v>
      </c>
      <c r="L55" s="2" t="s">
        <v>1520</v>
      </c>
      <c r="M55" s="5" t="s">
        <v>1521</v>
      </c>
      <c r="N55" s="5" t="s">
        <v>38</v>
      </c>
      <c r="O55" s="5" t="s">
        <v>39</v>
      </c>
      <c r="P55" s="5" t="s">
        <v>40</v>
      </c>
      <c r="Q55" s="5" t="s">
        <v>1522</v>
      </c>
      <c r="R55" s="5" t="s">
        <v>1523</v>
      </c>
      <c r="S55" s="5" t="s">
        <v>42</v>
      </c>
      <c r="T55" s="2">
        <v>1.7809999999999999</v>
      </c>
      <c r="U55" s="2">
        <v>1.26</v>
      </c>
      <c r="V55" s="2">
        <v>1.4999999999999999E-2</v>
      </c>
      <c r="W55" s="2">
        <v>118.9</v>
      </c>
      <c r="X55" s="2">
        <v>7.6</v>
      </c>
      <c r="Y55" s="2">
        <v>16.7</v>
      </c>
      <c r="Z55" s="5"/>
      <c r="AA55" s="5" t="s">
        <v>43</v>
      </c>
      <c r="AB55" s="5" t="s">
        <v>44</v>
      </c>
      <c r="AC55" s="2"/>
      <c r="AD55" s="1"/>
    </row>
    <row r="56" spans="1:30">
      <c r="A56" s="5" t="s">
        <v>83578</v>
      </c>
      <c r="B56" s="2" t="s">
        <v>83741</v>
      </c>
      <c r="C56" s="14" t="s">
        <v>83742</v>
      </c>
      <c r="D56" s="2" t="s">
        <v>83743</v>
      </c>
      <c r="E56" s="2" t="s">
        <v>1986</v>
      </c>
      <c r="F56" s="8">
        <v>152</v>
      </c>
      <c r="G56" s="5">
        <v>13</v>
      </c>
      <c r="H56" s="5" t="s">
        <v>1518</v>
      </c>
      <c r="I56" s="5" t="s">
        <v>1519</v>
      </c>
      <c r="J56" s="2" t="s">
        <v>1520</v>
      </c>
      <c r="K56" s="5" t="s">
        <v>1519</v>
      </c>
      <c r="L56" s="2" t="s">
        <v>1520</v>
      </c>
      <c r="M56" s="5" t="s">
        <v>1521</v>
      </c>
      <c r="N56" s="5" t="s">
        <v>38</v>
      </c>
      <c r="O56" s="5" t="s">
        <v>39</v>
      </c>
      <c r="P56" s="5" t="s">
        <v>40</v>
      </c>
      <c r="Q56" s="5" t="s">
        <v>1522</v>
      </c>
      <c r="R56" s="5" t="s">
        <v>1523</v>
      </c>
      <c r="S56" s="5" t="s">
        <v>42</v>
      </c>
      <c r="T56" s="2">
        <v>1.8149999999999999</v>
      </c>
      <c r="U56" s="2">
        <v>1.294</v>
      </c>
      <c r="V56" s="2">
        <v>1.4999999999999999E-2</v>
      </c>
      <c r="W56" s="2">
        <v>118.9</v>
      </c>
      <c r="X56" s="2">
        <v>7.6</v>
      </c>
      <c r="Y56" s="2">
        <v>16.7</v>
      </c>
      <c r="Z56" s="5"/>
      <c r="AA56" s="5" t="s">
        <v>43</v>
      </c>
      <c r="AB56" s="5" t="s">
        <v>44</v>
      </c>
      <c r="AC56" s="2"/>
      <c r="AD56" s="1"/>
    </row>
    <row r="57" spans="1:30">
      <c r="A57" s="5" t="s">
        <v>83578</v>
      </c>
      <c r="B57" s="2" t="s">
        <v>83744</v>
      </c>
      <c r="C57" s="14" t="s">
        <v>83745</v>
      </c>
      <c r="D57" s="2" t="s">
        <v>83746</v>
      </c>
      <c r="E57" s="2" t="s">
        <v>1843</v>
      </c>
      <c r="F57" s="8">
        <v>152</v>
      </c>
      <c r="G57" s="5">
        <v>13</v>
      </c>
      <c r="H57" s="5" t="s">
        <v>1518</v>
      </c>
      <c r="I57" s="5" t="s">
        <v>1519</v>
      </c>
      <c r="J57" s="2" t="s">
        <v>1520</v>
      </c>
      <c r="K57" s="5" t="s">
        <v>1519</v>
      </c>
      <c r="L57" s="2" t="s">
        <v>1520</v>
      </c>
      <c r="M57" s="5" t="s">
        <v>1521</v>
      </c>
      <c r="N57" s="5" t="s">
        <v>38</v>
      </c>
      <c r="O57" s="5" t="s">
        <v>39</v>
      </c>
      <c r="P57" s="5" t="s">
        <v>40</v>
      </c>
      <c r="Q57" s="5" t="s">
        <v>1522</v>
      </c>
      <c r="R57" s="5" t="s">
        <v>1523</v>
      </c>
      <c r="S57" s="5" t="s">
        <v>42</v>
      </c>
      <c r="T57" s="2">
        <v>1.7809999999999999</v>
      </c>
      <c r="U57" s="2">
        <v>1.26</v>
      </c>
      <c r="V57" s="2">
        <v>1.4999999999999999E-2</v>
      </c>
      <c r="W57" s="2">
        <v>118.9</v>
      </c>
      <c r="X57" s="2">
        <v>7.6</v>
      </c>
      <c r="Y57" s="2">
        <v>16.7</v>
      </c>
      <c r="Z57" s="5"/>
      <c r="AA57" s="5" t="s">
        <v>43</v>
      </c>
      <c r="AB57" s="5" t="s">
        <v>44</v>
      </c>
      <c r="AC57" s="2"/>
      <c r="AD57" s="1"/>
    </row>
    <row r="58" spans="1:30">
      <c r="A58" s="5" t="s">
        <v>83578</v>
      </c>
      <c r="B58" s="2" t="s">
        <v>83747</v>
      </c>
      <c r="C58" s="14" t="s">
        <v>83748</v>
      </c>
      <c r="D58" s="2" t="s">
        <v>83749</v>
      </c>
      <c r="E58" s="2" t="s">
        <v>1851</v>
      </c>
      <c r="F58" s="8">
        <v>152</v>
      </c>
      <c r="G58" s="5">
        <v>13</v>
      </c>
      <c r="H58" s="5" t="s">
        <v>1518</v>
      </c>
      <c r="I58" s="5" t="s">
        <v>1519</v>
      </c>
      <c r="J58" s="2" t="s">
        <v>1520</v>
      </c>
      <c r="K58" s="5" t="s">
        <v>1519</v>
      </c>
      <c r="L58" s="2" t="s">
        <v>1520</v>
      </c>
      <c r="M58" s="5" t="s">
        <v>1521</v>
      </c>
      <c r="N58" s="5" t="s">
        <v>38</v>
      </c>
      <c r="O58" s="5" t="s">
        <v>39</v>
      </c>
      <c r="P58" s="5" t="s">
        <v>40</v>
      </c>
      <c r="Q58" s="5" t="s">
        <v>1522</v>
      </c>
      <c r="R58" s="5" t="s">
        <v>1523</v>
      </c>
      <c r="S58" s="5" t="s">
        <v>42</v>
      </c>
      <c r="T58" s="2">
        <v>1.7809999999999999</v>
      </c>
      <c r="U58" s="2">
        <v>1.26</v>
      </c>
      <c r="V58" s="2">
        <v>1.4999999999999999E-2</v>
      </c>
      <c r="W58" s="2">
        <v>118.9</v>
      </c>
      <c r="X58" s="2">
        <v>7.6</v>
      </c>
      <c r="Y58" s="2">
        <v>16.7</v>
      </c>
      <c r="Z58" s="5"/>
      <c r="AA58" s="5" t="s">
        <v>43</v>
      </c>
      <c r="AB58" s="5" t="s">
        <v>44</v>
      </c>
      <c r="AC58" s="2"/>
      <c r="AD58" s="1"/>
    </row>
    <row r="59" spans="1:30">
      <c r="A59" s="5" t="s">
        <v>83578</v>
      </c>
      <c r="B59" s="2" t="s">
        <v>83750</v>
      </c>
      <c r="C59" s="14" t="s">
        <v>83751</v>
      </c>
      <c r="D59" s="2" t="s">
        <v>83752</v>
      </c>
      <c r="E59" s="2" t="s">
        <v>1855</v>
      </c>
      <c r="F59" s="8">
        <v>152</v>
      </c>
      <c r="G59" s="5">
        <v>13</v>
      </c>
      <c r="H59" s="5" t="s">
        <v>1518</v>
      </c>
      <c r="I59" s="5" t="s">
        <v>1519</v>
      </c>
      <c r="J59" s="2" t="s">
        <v>1520</v>
      </c>
      <c r="K59" s="5" t="s">
        <v>1519</v>
      </c>
      <c r="L59" s="2" t="s">
        <v>1520</v>
      </c>
      <c r="M59" s="5" t="s">
        <v>1521</v>
      </c>
      <c r="N59" s="5" t="s">
        <v>38</v>
      </c>
      <c r="O59" s="5" t="s">
        <v>39</v>
      </c>
      <c r="P59" s="5" t="s">
        <v>40</v>
      </c>
      <c r="Q59" s="5" t="s">
        <v>1522</v>
      </c>
      <c r="R59" s="5" t="s">
        <v>1523</v>
      </c>
      <c r="S59" s="5" t="s">
        <v>42</v>
      </c>
      <c r="T59" s="2">
        <v>1.7809999999999999</v>
      </c>
      <c r="U59" s="2">
        <v>1.26</v>
      </c>
      <c r="V59" s="2">
        <v>1.4999999999999999E-2</v>
      </c>
      <c r="W59" s="2">
        <v>118.9</v>
      </c>
      <c r="X59" s="2">
        <v>7.6</v>
      </c>
      <c r="Y59" s="2">
        <v>16.7</v>
      </c>
      <c r="Z59" s="5"/>
      <c r="AA59" s="5" t="s">
        <v>43</v>
      </c>
      <c r="AB59" s="5" t="s">
        <v>44</v>
      </c>
      <c r="AC59" s="2"/>
      <c r="AD59" s="1"/>
    </row>
    <row r="60" spans="1:30">
      <c r="A60" s="5" t="s">
        <v>83578</v>
      </c>
      <c r="B60" s="2" t="s">
        <v>83753</v>
      </c>
      <c r="C60" s="14" t="s">
        <v>83754</v>
      </c>
      <c r="D60" s="2" t="s">
        <v>83755</v>
      </c>
      <c r="E60" s="2" t="s">
        <v>1759</v>
      </c>
      <c r="F60" s="8">
        <v>150</v>
      </c>
      <c r="G60" s="5">
        <v>6</v>
      </c>
      <c r="H60" s="5" t="s">
        <v>1518</v>
      </c>
      <c r="I60" s="5" t="s">
        <v>1519</v>
      </c>
      <c r="J60" s="2" t="s">
        <v>1520</v>
      </c>
      <c r="K60" s="5" t="s">
        <v>1519</v>
      </c>
      <c r="L60" s="2" t="s">
        <v>1520</v>
      </c>
      <c r="M60" s="5" t="s">
        <v>1521</v>
      </c>
      <c r="N60" s="5" t="s">
        <v>38</v>
      </c>
      <c r="O60" s="5" t="s">
        <v>39</v>
      </c>
      <c r="P60" s="5" t="s">
        <v>40</v>
      </c>
      <c r="Q60" s="5" t="s">
        <v>1522</v>
      </c>
      <c r="R60" s="5" t="s">
        <v>1523</v>
      </c>
      <c r="S60" s="5" t="s">
        <v>42</v>
      </c>
      <c r="T60" s="2">
        <v>1.7050000000000001</v>
      </c>
      <c r="U60" s="2">
        <v>1.31</v>
      </c>
      <c r="V60" s="2">
        <v>0.01</v>
      </c>
      <c r="W60" s="2">
        <v>76.900000000000006</v>
      </c>
      <c r="X60" s="2">
        <v>7.6</v>
      </c>
      <c r="Y60" s="2">
        <v>16.7</v>
      </c>
      <c r="Z60" s="5"/>
      <c r="AA60" s="5" t="s">
        <v>43</v>
      </c>
      <c r="AB60" s="5" t="s">
        <v>44</v>
      </c>
      <c r="AC60" s="2"/>
      <c r="AD60" s="1"/>
    </row>
    <row r="61" spans="1:30">
      <c r="A61" s="5" t="s">
        <v>83578</v>
      </c>
      <c r="B61" s="2" t="s">
        <v>83756</v>
      </c>
      <c r="C61" s="14" t="s">
        <v>83757</v>
      </c>
      <c r="D61" s="2" t="s">
        <v>83758</v>
      </c>
      <c r="E61" s="2" t="s">
        <v>1767</v>
      </c>
      <c r="F61" s="8">
        <v>150</v>
      </c>
      <c r="G61" s="5">
        <v>6</v>
      </c>
      <c r="H61" s="5" t="s">
        <v>1518</v>
      </c>
      <c r="I61" s="5" t="s">
        <v>1519</v>
      </c>
      <c r="J61" s="2" t="s">
        <v>1520</v>
      </c>
      <c r="K61" s="5" t="s">
        <v>1519</v>
      </c>
      <c r="L61" s="2" t="s">
        <v>1520</v>
      </c>
      <c r="M61" s="5" t="s">
        <v>1521</v>
      </c>
      <c r="N61" s="5" t="s">
        <v>38</v>
      </c>
      <c r="O61" s="5" t="s">
        <v>39</v>
      </c>
      <c r="P61" s="5" t="s">
        <v>40</v>
      </c>
      <c r="Q61" s="5" t="s">
        <v>1522</v>
      </c>
      <c r="R61" s="5" t="s">
        <v>1523</v>
      </c>
      <c r="S61" s="5" t="s">
        <v>42</v>
      </c>
      <c r="T61" s="2">
        <v>1.7050000000000001</v>
      </c>
      <c r="U61" s="2">
        <v>1.31</v>
      </c>
      <c r="V61" s="2">
        <v>0.01</v>
      </c>
      <c r="W61" s="2">
        <v>76.900000000000006</v>
      </c>
      <c r="X61" s="2">
        <v>7.6</v>
      </c>
      <c r="Y61" s="2">
        <v>16.7</v>
      </c>
      <c r="Z61" s="5"/>
      <c r="AA61" s="5" t="s">
        <v>43</v>
      </c>
      <c r="AB61" s="5" t="s">
        <v>44</v>
      </c>
      <c r="AC61" s="2"/>
      <c r="AD61" s="1"/>
    </row>
    <row r="62" spans="1:30">
      <c r="A62" s="5" t="s">
        <v>83578</v>
      </c>
      <c r="B62" s="2" t="s">
        <v>83759</v>
      </c>
      <c r="C62" s="14" t="s">
        <v>83760</v>
      </c>
      <c r="D62" s="2" t="s">
        <v>83761</v>
      </c>
      <c r="E62" s="2" t="s">
        <v>1779</v>
      </c>
      <c r="F62" s="8">
        <v>150</v>
      </c>
      <c r="G62" s="5">
        <v>6</v>
      </c>
      <c r="H62" s="5" t="s">
        <v>1518</v>
      </c>
      <c r="I62" s="5" t="s">
        <v>1519</v>
      </c>
      <c r="J62" s="2" t="s">
        <v>1520</v>
      </c>
      <c r="K62" s="5" t="s">
        <v>1519</v>
      </c>
      <c r="L62" s="2" t="s">
        <v>1520</v>
      </c>
      <c r="M62" s="5" t="s">
        <v>1521</v>
      </c>
      <c r="N62" s="5" t="s">
        <v>38</v>
      </c>
      <c r="O62" s="5" t="s">
        <v>39</v>
      </c>
      <c r="P62" s="5" t="s">
        <v>40</v>
      </c>
      <c r="Q62" s="5" t="s">
        <v>1522</v>
      </c>
      <c r="R62" s="5" t="s">
        <v>1523</v>
      </c>
      <c r="S62" s="5" t="s">
        <v>42</v>
      </c>
      <c r="T62" s="2">
        <v>1.738</v>
      </c>
      <c r="U62" s="2">
        <v>1.343</v>
      </c>
      <c r="V62" s="2">
        <v>0.01</v>
      </c>
      <c r="W62" s="2">
        <v>76.900000000000006</v>
      </c>
      <c r="X62" s="2">
        <v>7.6</v>
      </c>
      <c r="Y62" s="2">
        <v>16.7</v>
      </c>
      <c r="Z62" s="5"/>
      <c r="AA62" s="5" t="s">
        <v>43</v>
      </c>
      <c r="AB62" s="5" t="s">
        <v>44</v>
      </c>
      <c r="AC62" s="2"/>
      <c r="AD62" s="1"/>
    </row>
    <row r="63" spans="1:30">
      <c r="A63" s="5" t="s">
        <v>83578</v>
      </c>
      <c r="B63" s="2" t="s">
        <v>83762</v>
      </c>
      <c r="C63" s="14" t="s">
        <v>83763</v>
      </c>
      <c r="D63" s="2" t="s">
        <v>83764</v>
      </c>
      <c r="E63" s="2" t="s">
        <v>1787</v>
      </c>
      <c r="F63" s="8">
        <v>150</v>
      </c>
      <c r="G63" s="5">
        <v>6</v>
      </c>
      <c r="H63" s="5" t="s">
        <v>1518</v>
      </c>
      <c r="I63" s="5" t="s">
        <v>1519</v>
      </c>
      <c r="J63" s="2" t="s">
        <v>1520</v>
      </c>
      <c r="K63" s="5" t="s">
        <v>1519</v>
      </c>
      <c r="L63" s="2" t="s">
        <v>1520</v>
      </c>
      <c r="M63" s="5" t="s">
        <v>1521</v>
      </c>
      <c r="N63" s="5" t="s">
        <v>38</v>
      </c>
      <c r="O63" s="5" t="s">
        <v>39</v>
      </c>
      <c r="P63" s="5" t="s">
        <v>40</v>
      </c>
      <c r="Q63" s="5" t="s">
        <v>1522</v>
      </c>
      <c r="R63" s="5" t="s">
        <v>1523</v>
      </c>
      <c r="S63" s="5" t="s">
        <v>42</v>
      </c>
      <c r="T63" s="2">
        <v>1.726</v>
      </c>
      <c r="U63" s="2">
        <v>1.331</v>
      </c>
      <c r="V63" s="2">
        <v>0.01</v>
      </c>
      <c r="W63" s="2">
        <v>76.900000000000006</v>
      </c>
      <c r="X63" s="2">
        <v>7.6</v>
      </c>
      <c r="Y63" s="2">
        <v>16.7</v>
      </c>
      <c r="Z63" s="5"/>
      <c r="AA63" s="5" t="s">
        <v>43</v>
      </c>
      <c r="AB63" s="5" t="s">
        <v>44</v>
      </c>
      <c r="AC63" s="2"/>
      <c r="AD63" s="1"/>
    </row>
    <row r="64" spans="1:30">
      <c r="A64" s="5" t="s">
        <v>83578</v>
      </c>
      <c r="B64" s="2" t="s">
        <v>83765</v>
      </c>
      <c r="C64" s="14" t="s">
        <v>83766</v>
      </c>
      <c r="D64" s="2" t="s">
        <v>83767</v>
      </c>
      <c r="E64" s="2" t="s">
        <v>1791</v>
      </c>
      <c r="F64" s="8">
        <v>150</v>
      </c>
      <c r="G64" s="5">
        <v>6</v>
      </c>
      <c r="H64" s="5" t="s">
        <v>1518</v>
      </c>
      <c r="I64" s="5" t="s">
        <v>1519</v>
      </c>
      <c r="J64" s="2" t="s">
        <v>1520</v>
      </c>
      <c r="K64" s="5" t="s">
        <v>1519</v>
      </c>
      <c r="L64" s="2" t="s">
        <v>1520</v>
      </c>
      <c r="M64" s="5" t="s">
        <v>1521</v>
      </c>
      <c r="N64" s="5" t="s">
        <v>38</v>
      </c>
      <c r="O64" s="5" t="s">
        <v>39</v>
      </c>
      <c r="P64" s="5" t="s">
        <v>40</v>
      </c>
      <c r="Q64" s="5" t="s">
        <v>1522</v>
      </c>
      <c r="R64" s="5" t="s">
        <v>1523</v>
      </c>
      <c r="S64" s="5" t="s">
        <v>42</v>
      </c>
      <c r="T64" s="2">
        <v>1.7050000000000001</v>
      </c>
      <c r="U64" s="2">
        <v>1.31</v>
      </c>
      <c r="V64" s="2">
        <v>0.01</v>
      </c>
      <c r="W64" s="2">
        <v>76.900000000000006</v>
      </c>
      <c r="X64" s="2">
        <v>7.6</v>
      </c>
      <c r="Y64" s="2">
        <v>16.7</v>
      </c>
      <c r="Z64" s="5"/>
      <c r="AA64" s="5" t="s">
        <v>43</v>
      </c>
      <c r="AB64" s="5" t="s">
        <v>44</v>
      </c>
      <c r="AC64" s="2"/>
      <c r="AD64" s="1"/>
    </row>
    <row r="65" spans="1:30">
      <c r="A65" s="5" t="s">
        <v>83578</v>
      </c>
      <c r="B65" s="2" t="s">
        <v>83768</v>
      </c>
      <c r="C65" s="14" t="s">
        <v>83769</v>
      </c>
      <c r="D65" s="2" t="s">
        <v>83770</v>
      </c>
      <c r="E65" s="2" t="s">
        <v>1795</v>
      </c>
      <c r="F65" s="8">
        <v>150</v>
      </c>
      <c r="G65" s="5">
        <v>6</v>
      </c>
      <c r="H65" s="5" t="s">
        <v>1518</v>
      </c>
      <c r="I65" s="5" t="s">
        <v>1519</v>
      </c>
      <c r="J65" s="2" t="s">
        <v>1520</v>
      </c>
      <c r="K65" s="5" t="s">
        <v>1519</v>
      </c>
      <c r="L65" s="2" t="s">
        <v>1520</v>
      </c>
      <c r="M65" s="5" t="s">
        <v>1521</v>
      </c>
      <c r="N65" s="5" t="s">
        <v>38</v>
      </c>
      <c r="O65" s="5" t="s">
        <v>39</v>
      </c>
      <c r="P65" s="5" t="s">
        <v>40</v>
      </c>
      <c r="Q65" s="5" t="s">
        <v>1522</v>
      </c>
      <c r="R65" s="5" t="s">
        <v>1523</v>
      </c>
      <c r="S65" s="5" t="s">
        <v>42</v>
      </c>
      <c r="T65" s="2">
        <v>1.738</v>
      </c>
      <c r="U65" s="2">
        <v>1.343</v>
      </c>
      <c r="V65" s="2">
        <v>0.01</v>
      </c>
      <c r="W65" s="2">
        <v>76.900000000000006</v>
      </c>
      <c r="X65" s="2">
        <v>7.6</v>
      </c>
      <c r="Y65" s="2">
        <v>16.7</v>
      </c>
      <c r="Z65" s="5"/>
      <c r="AA65" s="5" t="s">
        <v>43</v>
      </c>
      <c r="AB65" s="5" t="s">
        <v>44</v>
      </c>
      <c r="AC65" s="2"/>
      <c r="AD65" s="1"/>
    </row>
    <row r="66" spans="1:30">
      <c r="A66" s="5" t="s">
        <v>83578</v>
      </c>
      <c r="B66" s="2" t="s">
        <v>83771</v>
      </c>
      <c r="C66" s="14" t="s">
        <v>83772</v>
      </c>
      <c r="D66" s="2" t="s">
        <v>83773</v>
      </c>
      <c r="E66" s="2" t="s">
        <v>1803</v>
      </c>
      <c r="F66" s="8">
        <v>150</v>
      </c>
      <c r="G66" s="5">
        <v>6</v>
      </c>
      <c r="H66" s="5" t="s">
        <v>1518</v>
      </c>
      <c r="I66" s="5" t="s">
        <v>1519</v>
      </c>
      <c r="J66" s="2" t="s">
        <v>1520</v>
      </c>
      <c r="K66" s="5" t="s">
        <v>1519</v>
      </c>
      <c r="L66" s="2" t="s">
        <v>1520</v>
      </c>
      <c r="M66" s="5" t="s">
        <v>1521</v>
      </c>
      <c r="N66" s="5" t="s">
        <v>38</v>
      </c>
      <c r="O66" s="5" t="s">
        <v>39</v>
      </c>
      <c r="P66" s="5" t="s">
        <v>40</v>
      </c>
      <c r="Q66" s="5" t="s">
        <v>1522</v>
      </c>
      <c r="R66" s="5" t="s">
        <v>1523</v>
      </c>
      <c r="S66" s="5" t="s">
        <v>42</v>
      </c>
      <c r="T66" s="2">
        <v>1.738</v>
      </c>
      <c r="U66" s="2">
        <v>1.343</v>
      </c>
      <c r="V66" s="2">
        <v>0.01</v>
      </c>
      <c r="W66" s="2">
        <v>76.900000000000006</v>
      </c>
      <c r="X66" s="2">
        <v>7.6</v>
      </c>
      <c r="Y66" s="2">
        <v>16.7</v>
      </c>
      <c r="Z66" s="5"/>
      <c r="AA66" s="5" t="s">
        <v>43</v>
      </c>
      <c r="AB66" s="5" t="s">
        <v>44</v>
      </c>
      <c r="AC66" s="2"/>
      <c r="AD66" s="1"/>
    </row>
    <row r="67" spans="1:30">
      <c r="A67" s="5" t="s">
        <v>83578</v>
      </c>
      <c r="B67" s="2" t="s">
        <v>83774</v>
      </c>
      <c r="C67" s="14" t="s">
        <v>83775</v>
      </c>
      <c r="D67" s="2" t="s">
        <v>83776</v>
      </c>
      <c r="E67" s="2" t="s">
        <v>1973</v>
      </c>
      <c r="F67" s="8">
        <v>150</v>
      </c>
      <c r="G67" s="5">
        <v>13</v>
      </c>
      <c r="H67" s="5" t="s">
        <v>1518</v>
      </c>
      <c r="I67" s="5" t="s">
        <v>1519</v>
      </c>
      <c r="J67" s="2" t="s">
        <v>1520</v>
      </c>
      <c r="K67" s="5" t="s">
        <v>1519</v>
      </c>
      <c r="L67" s="2" t="s">
        <v>1520</v>
      </c>
      <c r="M67" s="5" t="s">
        <v>1521</v>
      </c>
      <c r="N67" s="5" t="s">
        <v>38</v>
      </c>
      <c r="O67" s="5" t="s">
        <v>39</v>
      </c>
      <c r="P67" s="5" t="s">
        <v>40</v>
      </c>
      <c r="Q67" s="5" t="s">
        <v>1522</v>
      </c>
      <c r="R67" s="5" t="s">
        <v>1523</v>
      </c>
      <c r="S67" s="5" t="s">
        <v>42</v>
      </c>
      <c r="T67" s="2">
        <v>1.7390000000000001</v>
      </c>
      <c r="U67" s="2">
        <v>1.3440000000000001</v>
      </c>
      <c r="V67" s="2">
        <v>0.01</v>
      </c>
      <c r="W67" s="2">
        <v>76.900000000000006</v>
      </c>
      <c r="X67" s="2">
        <v>7.6</v>
      </c>
      <c r="Y67" s="2">
        <v>16.7</v>
      </c>
      <c r="Z67" s="5"/>
      <c r="AA67" s="5" t="s">
        <v>43</v>
      </c>
      <c r="AB67" s="5" t="s">
        <v>44</v>
      </c>
      <c r="AC67" s="2"/>
      <c r="AD67" s="1"/>
    </row>
    <row r="68" spans="1:30">
      <c r="A68" s="5" t="s">
        <v>83578</v>
      </c>
      <c r="B68" s="2" t="s">
        <v>83777</v>
      </c>
      <c r="C68" s="14" t="s">
        <v>83778</v>
      </c>
      <c r="D68" s="2" t="s">
        <v>83779</v>
      </c>
      <c r="E68" s="2" t="s">
        <v>2348</v>
      </c>
      <c r="F68" s="8">
        <v>150</v>
      </c>
      <c r="G68" s="5">
        <v>13</v>
      </c>
      <c r="H68" s="5" t="s">
        <v>1518</v>
      </c>
      <c r="I68" s="5" t="s">
        <v>1519</v>
      </c>
      <c r="J68" s="2" t="s">
        <v>1520</v>
      </c>
      <c r="K68" s="5" t="s">
        <v>1519</v>
      </c>
      <c r="L68" s="2" t="s">
        <v>1520</v>
      </c>
      <c r="M68" s="5" t="s">
        <v>1521</v>
      </c>
      <c r="N68" s="5" t="s">
        <v>38</v>
      </c>
      <c r="O68" s="5" t="s">
        <v>39</v>
      </c>
      <c r="P68" s="5" t="s">
        <v>40</v>
      </c>
      <c r="Q68" s="5" t="s">
        <v>1522</v>
      </c>
      <c r="R68" s="5" t="s">
        <v>1523</v>
      </c>
      <c r="S68" s="5" t="s">
        <v>42</v>
      </c>
      <c r="T68" s="2">
        <v>1.772</v>
      </c>
      <c r="U68" s="2">
        <v>1.377</v>
      </c>
      <c r="V68" s="2">
        <v>0.01</v>
      </c>
      <c r="W68" s="2">
        <v>76.900000000000006</v>
      </c>
      <c r="X68" s="2">
        <v>7.6</v>
      </c>
      <c r="Y68" s="2">
        <v>16.7</v>
      </c>
      <c r="Z68" s="5"/>
      <c r="AA68" s="5" t="s">
        <v>43</v>
      </c>
      <c r="AB68" s="5" t="s">
        <v>44</v>
      </c>
      <c r="AC68" s="2"/>
      <c r="AD68" s="1"/>
    </row>
    <row r="69" spans="1:30">
      <c r="A69" s="5" t="s">
        <v>83578</v>
      </c>
      <c r="B69" s="2" t="s">
        <v>83780</v>
      </c>
      <c r="C69" s="14" t="s">
        <v>83781</v>
      </c>
      <c r="D69" s="2" t="s">
        <v>83782</v>
      </c>
      <c r="E69" s="2" t="s">
        <v>2204</v>
      </c>
      <c r="F69" s="8">
        <v>150</v>
      </c>
      <c r="G69" s="5">
        <v>13</v>
      </c>
      <c r="H69" s="5" t="s">
        <v>1518</v>
      </c>
      <c r="I69" s="5" t="s">
        <v>1519</v>
      </c>
      <c r="J69" s="2" t="s">
        <v>1520</v>
      </c>
      <c r="K69" s="5" t="s">
        <v>1519</v>
      </c>
      <c r="L69" s="2" t="s">
        <v>1520</v>
      </c>
      <c r="M69" s="5" t="s">
        <v>1521</v>
      </c>
      <c r="N69" s="5" t="s">
        <v>38</v>
      </c>
      <c r="O69" s="5" t="s">
        <v>39</v>
      </c>
      <c r="P69" s="5" t="s">
        <v>40</v>
      </c>
      <c r="Q69" s="5" t="s">
        <v>1522</v>
      </c>
      <c r="R69" s="5" t="s">
        <v>1523</v>
      </c>
      <c r="S69" s="5" t="s">
        <v>42</v>
      </c>
      <c r="T69" s="2">
        <v>1.7390000000000001</v>
      </c>
      <c r="U69" s="2">
        <v>1.3440000000000001</v>
      </c>
      <c r="V69" s="2">
        <v>0.01</v>
      </c>
      <c r="W69" s="2">
        <v>76.900000000000006</v>
      </c>
      <c r="X69" s="2">
        <v>7.6</v>
      </c>
      <c r="Y69" s="2">
        <v>16.7</v>
      </c>
      <c r="Z69" s="5"/>
      <c r="AA69" s="5" t="s">
        <v>43</v>
      </c>
      <c r="AB69" s="5" t="s">
        <v>44</v>
      </c>
      <c r="AC69" s="2"/>
      <c r="AD69" s="1"/>
    </row>
    <row r="70" spans="1:30">
      <c r="A70" s="5" t="s">
        <v>83578</v>
      </c>
      <c r="B70" s="2" t="s">
        <v>83783</v>
      </c>
      <c r="C70" s="14" t="s">
        <v>83784</v>
      </c>
      <c r="D70" s="2" t="s">
        <v>83785</v>
      </c>
      <c r="E70" s="2" t="s">
        <v>2724</v>
      </c>
      <c r="F70" s="8">
        <v>150</v>
      </c>
      <c r="G70" s="5">
        <v>13</v>
      </c>
      <c r="H70" s="5" t="s">
        <v>1518</v>
      </c>
      <c r="I70" s="5" t="s">
        <v>1519</v>
      </c>
      <c r="J70" s="2" t="s">
        <v>1520</v>
      </c>
      <c r="K70" s="5" t="s">
        <v>1519</v>
      </c>
      <c r="L70" s="2" t="s">
        <v>1520</v>
      </c>
      <c r="M70" s="5" t="s">
        <v>1521</v>
      </c>
      <c r="N70" s="5" t="s">
        <v>38</v>
      </c>
      <c r="O70" s="5" t="s">
        <v>39</v>
      </c>
      <c r="P70" s="5" t="s">
        <v>40</v>
      </c>
      <c r="Q70" s="5" t="s">
        <v>1522</v>
      </c>
      <c r="R70" s="5" t="s">
        <v>1523</v>
      </c>
      <c r="S70" s="5" t="s">
        <v>42</v>
      </c>
      <c r="T70" s="2">
        <v>1.772</v>
      </c>
      <c r="U70" s="2">
        <v>1.377</v>
      </c>
      <c r="V70" s="2">
        <v>0.01</v>
      </c>
      <c r="W70" s="2">
        <v>76.900000000000006</v>
      </c>
      <c r="X70" s="2">
        <v>7.6</v>
      </c>
      <c r="Y70" s="2">
        <v>16.7</v>
      </c>
      <c r="Z70" s="5"/>
      <c r="AA70" s="5" t="s">
        <v>43</v>
      </c>
      <c r="AB70" s="5" t="s">
        <v>44</v>
      </c>
      <c r="AC70" s="2"/>
      <c r="AD70" s="1"/>
    </row>
    <row r="71" spans="1:30">
      <c r="A71" s="5" t="s">
        <v>83578</v>
      </c>
      <c r="B71" s="2" t="s">
        <v>83786</v>
      </c>
      <c r="C71" s="14" t="s">
        <v>83787</v>
      </c>
      <c r="D71" s="2" t="s">
        <v>83788</v>
      </c>
      <c r="E71" s="2" t="s">
        <v>2208</v>
      </c>
      <c r="F71" s="8">
        <v>150</v>
      </c>
      <c r="G71" s="5">
        <v>13</v>
      </c>
      <c r="H71" s="5" t="s">
        <v>1518</v>
      </c>
      <c r="I71" s="5" t="s">
        <v>1519</v>
      </c>
      <c r="J71" s="2" t="s">
        <v>1520</v>
      </c>
      <c r="K71" s="5" t="s">
        <v>1519</v>
      </c>
      <c r="L71" s="2" t="s">
        <v>1520</v>
      </c>
      <c r="M71" s="5" t="s">
        <v>1521</v>
      </c>
      <c r="N71" s="5" t="s">
        <v>38</v>
      </c>
      <c r="O71" s="5" t="s">
        <v>39</v>
      </c>
      <c r="P71" s="5" t="s">
        <v>40</v>
      </c>
      <c r="Q71" s="5" t="s">
        <v>1522</v>
      </c>
      <c r="R71" s="5" t="s">
        <v>1523</v>
      </c>
      <c r="S71" s="5" t="s">
        <v>42</v>
      </c>
      <c r="T71" s="2">
        <v>1.7390000000000001</v>
      </c>
      <c r="U71" s="2">
        <v>1.3440000000000001</v>
      </c>
      <c r="V71" s="2">
        <v>0.01</v>
      </c>
      <c r="W71" s="2">
        <v>76.900000000000006</v>
      </c>
      <c r="X71" s="2">
        <v>7.6</v>
      </c>
      <c r="Y71" s="2">
        <v>16.7</v>
      </c>
      <c r="Z71" s="5"/>
      <c r="AA71" s="5" t="s">
        <v>43</v>
      </c>
      <c r="AB71" s="5" t="s">
        <v>44</v>
      </c>
      <c r="AC71" s="2"/>
      <c r="AD71" s="1"/>
    </row>
    <row r="72" spans="1:30">
      <c r="A72" s="5" t="s">
        <v>83578</v>
      </c>
      <c r="B72" s="2" t="s">
        <v>83789</v>
      </c>
      <c r="C72" s="14" t="s">
        <v>83790</v>
      </c>
      <c r="D72" s="2" t="s">
        <v>83791</v>
      </c>
      <c r="E72" s="2" t="s">
        <v>2212</v>
      </c>
      <c r="F72" s="8">
        <v>150</v>
      </c>
      <c r="G72" s="5">
        <v>13</v>
      </c>
      <c r="H72" s="5" t="s">
        <v>1518</v>
      </c>
      <c r="I72" s="5" t="s">
        <v>1519</v>
      </c>
      <c r="J72" s="2" t="s">
        <v>1520</v>
      </c>
      <c r="K72" s="5" t="s">
        <v>1519</v>
      </c>
      <c r="L72" s="2" t="s">
        <v>1520</v>
      </c>
      <c r="M72" s="5" t="s">
        <v>1521</v>
      </c>
      <c r="N72" s="5" t="s">
        <v>38</v>
      </c>
      <c r="O72" s="5" t="s">
        <v>39</v>
      </c>
      <c r="P72" s="5" t="s">
        <v>40</v>
      </c>
      <c r="Q72" s="5" t="s">
        <v>1522</v>
      </c>
      <c r="R72" s="5" t="s">
        <v>1523</v>
      </c>
      <c r="S72" s="5" t="s">
        <v>42</v>
      </c>
      <c r="T72" s="2">
        <v>1.772</v>
      </c>
      <c r="U72" s="2">
        <v>1.377</v>
      </c>
      <c r="V72" s="2">
        <v>0.01</v>
      </c>
      <c r="W72" s="2">
        <v>76.900000000000006</v>
      </c>
      <c r="X72" s="2">
        <v>7.6</v>
      </c>
      <c r="Y72" s="2">
        <v>16.7</v>
      </c>
      <c r="Z72" s="5"/>
      <c r="AA72" s="5" t="s">
        <v>43</v>
      </c>
      <c r="AB72" s="5" t="s">
        <v>44</v>
      </c>
      <c r="AC72" s="2"/>
      <c r="AD72" s="1"/>
    </row>
    <row r="73" spans="1:30">
      <c r="A73" s="5" t="s">
        <v>83578</v>
      </c>
      <c r="B73" s="2" t="s">
        <v>83792</v>
      </c>
      <c r="C73" s="14" t="s">
        <v>83793</v>
      </c>
      <c r="D73" s="2" t="s">
        <v>83794</v>
      </c>
      <c r="E73" s="2" t="s">
        <v>1835</v>
      </c>
      <c r="F73" s="8">
        <v>150</v>
      </c>
      <c r="G73" s="5">
        <v>13</v>
      </c>
      <c r="H73" s="5" t="s">
        <v>1518</v>
      </c>
      <c r="I73" s="5" t="s">
        <v>1519</v>
      </c>
      <c r="J73" s="2" t="s">
        <v>1520</v>
      </c>
      <c r="K73" s="5" t="s">
        <v>1519</v>
      </c>
      <c r="L73" s="2" t="s">
        <v>1520</v>
      </c>
      <c r="M73" s="5" t="s">
        <v>1521</v>
      </c>
      <c r="N73" s="5" t="s">
        <v>38</v>
      </c>
      <c r="O73" s="5" t="s">
        <v>39</v>
      </c>
      <c r="P73" s="5" t="s">
        <v>40</v>
      </c>
      <c r="Q73" s="5" t="s">
        <v>1522</v>
      </c>
      <c r="R73" s="5" t="s">
        <v>1523</v>
      </c>
      <c r="S73" s="5" t="s">
        <v>42</v>
      </c>
      <c r="T73" s="2">
        <v>1.772</v>
      </c>
      <c r="U73" s="2">
        <v>1.377</v>
      </c>
      <c r="V73" s="2">
        <v>0.01</v>
      </c>
      <c r="W73" s="2">
        <v>76.900000000000006</v>
      </c>
      <c r="X73" s="2">
        <v>7.6</v>
      </c>
      <c r="Y73" s="2">
        <v>16.7</v>
      </c>
      <c r="Z73" s="5"/>
      <c r="AA73" s="5" t="s">
        <v>43</v>
      </c>
      <c r="AB73" s="5" t="s">
        <v>44</v>
      </c>
      <c r="AC73" s="2"/>
      <c r="AD73" s="1"/>
    </row>
    <row r="74" spans="1:30">
      <c r="A74" s="5" t="s">
        <v>83578</v>
      </c>
      <c r="B74" s="2" t="s">
        <v>83795</v>
      </c>
      <c r="C74" s="14" t="s">
        <v>83796</v>
      </c>
      <c r="D74" s="2" t="s">
        <v>83797</v>
      </c>
      <c r="E74" s="2" t="s">
        <v>1839</v>
      </c>
      <c r="F74" s="8">
        <v>150</v>
      </c>
      <c r="G74" s="5">
        <v>13</v>
      </c>
      <c r="H74" s="5" t="s">
        <v>1518</v>
      </c>
      <c r="I74" s="5" t="s">
        <v>1519</v>
      </c>
      <c r="J74" s="2" t="s">
        <v>1520</v>
      </c>
      <c r="K74" s="5" t="s">
        <v>1519</v>
      </c>
      <c r="L74" s="2" t="s">
        <v>1520</v>
      </c>
      <c r="M74" s="5" t="s">
        <v>1521</v>
      </c>
      <c r="N74" s="5" t="s">
        <v>38</v>
      </c>
      <c r="O74" s="5" t="s">
        <v>39</v>
      </c>
      <c r="P74" s="5" t="s">
        <v>40</v>
      </c>
      <c r="Q74" s="5" t="s">
        <v>1522</v>
      </c>
      <c r="R74" s="5" t="s">
        <v>1523</v>
      </c>
      <c r="S74" s="5" t="s">
        <v>42</v>
      </c>
      <c r="T74" s="2">
        <v>1.7390000000000001</v>
      </c>
      <c r="U74" s="2">
        <v>1.3440000000000001</v>
      </c>
      <c r="V74" s="2">
        <v>0.01</v>
      </c>
      <c r="W74" s="2">
        <v>76.900000000000006</v>
      </c>
      <c r="X74" s="2">
        <v>7.6</v>
      </c>
      <c r="Y74" s="2">
        <v>16.7</v>
      </c>
      <c r="Z74" s="5"/>
      <c r="AA74" s="5" t="s">
        <v>43</v>
      </c>
      <c r="AB74" s="5" t="s">
        <v>44</v>
      </c>
      <c r="AC74" s="2"/>
      <c r="AD74" s="1"/>
    </row>
    <row r="75" spans="1:30">
      <c r="A75" s="5" t="s">
        <v>83578</v>
      </c>
      <c r="B75" s="2" t="s">
        <v>83798</v>
      </c>
      <c r="C75" s="14" t="s">
        <v>83799</v>
      </c>
      <c r="D75" s="2" t="s">
        <v>83800</v>
      </c>
      <c r="E75" s="2" t="s">
        <v>1986</v>
      </c>
      <c r="F75" s="8">
        <v>150</v>
      </c>
      <c r="G75" s="5">
        <v>13</v>
      </c>
      <c r="H75" s="5" t="s">
        <v>1518</v>
      </c>
      <c r="I75" s="5" t="s">
        <v>1519</v>
      </c>
      <c r="J75" s="2" t="s">
        <v>1520</v>
      </c>
      <c r="K75" s="5" t="s">
        <v>1519</v>
      </c>
      <c r="L75" s="2" t="s">
        <v>1520</v>
      </c>
      <c r="M75" s="5" t="s">
        <v>1521</v>
      </c>
      <c r="N75" s="5" t="s">
        <v>38</v>
      </c>
      <c r="O75" s="5" t="s">
        <v>39</v>
      </c>
      <c r="P75" s="5" t="s">
        <v>40</v>
      </c>
      <c r="Q75" s="5" t="s">
        <v>1522</v>
      </c>
      <c r="R75" s="5" t="s">
        <v>1523</v>
      </c>
      <c r="S75" s="5" t="s">
        <v>42</v>
      </c>
      <c r="T75" s="2">
        <v>1.772</v>
      </c>
      <c r="U75" s="2">
        <v>1.377</v>
      </c>
      <c r="V75" s="2">
        <v>0.01</v>
      </c>
      <c r="W75" s="2">
        <v>76.900000000000006</v>
      </c>
      <c r="X75" s="2">
        <v>7.6</v>
      </c>
      <c r="Y75" s="2">
        <v>16.7</v>
      </c>
      <c r="Z75" s="5"/>
      <c r="AA75" s="5" t="s">
        <v>43</v>
      </c>
      <c r="AB75" s="5" t="s">
        <v>44</v>
      </c>
      <c r="AC75" s="2"/>
      <c r="AD75" s="1"/>
    </row>
    <row r="76" spans="1:30">
      <c r="A76" s="5" t="s">
        <v>83578</v>
      </c>
      <c r="B76" s="2" t="s">
        <v>83801</v>
      </c>
      <c r="C76" s="14" t="s">
        <v>83802</v>
      </c>
      <c r="D76" s="2" t="s">
        <v>83803</v>
      </c>
      <c r="E76" s="2" t="s">
        <v>1843</v>
      </c>
      <c r="F76" s="8">
        <v>150</v>
      </c>
      <c r="G76" s="5">
        <v>13</v>
      </c>
      <c r="H76" s="5" t="s">
        <v>1518</v>
      </c>
      <c r="I76" s="5" t="s">
        <v>1519</v>
      </c>
      <c r="J76" s="2" t="s">
        <v>1520</v>
      </c>
      <c r="K76" s="5" t="s">
        <v>1519</v>
      </c>
      <c r="L76" s="2" t="s">
        <v>1520</v>
      </c>
      <c r="M76" s="5" t="s">
        <v>1521</v>
      </c>
      <c r="N76" s="5" t="s">
        <v>38</v>
      </c>
      <c r="O76" s="5" t="s">
        <v>39</v>
      </c>
      <c r="P76" s="5" t="s">
        <v>40</v>
      </c>
      <c r="Q76" s="5" t="s">
        <v>1522</v>
      </c>
      <c r="R76" s="5" t="s">
        <v>1523</v>
      </c>
      <c r="S76" s="5" t="s">
        <v>42</v>
      </c>
      <c r="T76" s="2">
        <v>1.7390000000000001</v>
      </c>
      <c r="U76" s="2">
        <v>1.3440000000000001</v>
      </c>
      <c r="V76" s="2">
        <v>0.01</v>
      </c>
      <c r="W76" s="2">
        <v>76.900000000000006</v>
      </c>
      <c r="X76" s="2">
        <v>7.6</v>
      </c>
      <c r="Y76" s="2">
        <v>16.7</v>
      </c>
      <c r="Z76" s="5"/>
      <c r="AA76" s="5" t="s">
        <v>43</v>
      </c>
      <c r="AB76" s="5" t="s">
        <v>44</v>
      </c>
      <c r="AC76" s="2"/>
      <c r="AD76" s="1"/>
    </row>
    <row r="77" spans="1:30">
      <c r="A77" s="5" t="s">
        <v>83578</v>
      </c>
      <c r="B77" s="2" t="s">
        <v>83804</v>
      </c>
      <c r="C77" s="14" t="s">
        <v>83805</v>
      </c>
      <c r="D77" s="2" t="s">
        <v>83806</v>
      </c>
      <c r="E77" s="2" t="s">
        <v>1999</v>
      </c>
      <c r="F77" s="8">
        <v>150</v>
      </c>
      <c r="G77" s="5">
        <v>13</v>
      </c>
      <c r="H77" s="5" t="s">
        <v>1518</v>
      </c>
      <c r="I77" s="5" t="s">
        <v>1519</v>
      </c>
      <c r="J77" s="2" t="s">
        <v>1520</v>
      </c>
      <c r="K77" s="5" t="s">
        <v>1519</v>
      </c>
      <c r="L77" s="2" t="s">
        <v>1520</v>
      </c>
      <c r="M77" s="5" t="s">
        <v>1521</v>
      </c>
      <c r="N77" s="5" t="s">
        <v>38</v>
      </c>
      <c r="O77" s="5" t="s">
        <v>39</v>
      </c>
      <c r="P77" s="5" t="s">
        <v>40</v>
      </c>
      <c r="Q77" s="5" t="s">
        <v>1522</v>
      </c>
      <c r="R77" s="5" t="s">
        <v>1523</v>
      </c>
      <c r="S77" s="5" t="s">
        <v>42</v>
      </c>
      <c r="T77" s="2">
        <v>1.772</v>
      </c>
      <c r="U77" s="2">
        <v>1.377</v>
      </c>
      <c r="V77" s="2">
        <v>0.01</v>
      </c>
      <c r="W77" s="2">
        <v>76.900000000000006</v>
      </c>
      <c r="X77" s="2">
        <v>7.6</v>
      </c>
      <c r="Y77" s="2">
        <v>16.7</v>
      </c>
      <c r="Z77" s="5"/>
      <c r="AA77" s="5" t="s">
        <v>43</v>
      </c>
      <c r="AB77" s="5" t="s">
        <v>44</v>
      </c>
      <c r="AC77" s="2"/>
      <c r="AD77" s="1"/>
    </row>
    <row r="78" spans="1:30">
      <c r="A78" s="5" t="s">
        <v>83578</v>
      </c>
      <c r="B78" s="2" t="s">
        <v>83807</v>
      </c>
      <c r="C78" s="14" t="s">
        <v>83808</v>
      </c>
      <c r="D78" s="2" t="s">
        <v>83809</v>
      </c>
      <c r="E78" s="2" t="s">
        <v>1859</v>
      </c>
      <c r="F78" s="8">
        <v>150</v>
      </c>
      <c r="G78" s="5">
        <v>13</v>
      </c>
      <c r="H78" s="5" t="s">
        <v>1518</v>
      </c>
      <c r="I78" s="5" t="s">
        <v>1519</v>
      </c>
      <c r="J78" s="2" t="s">
        <v>1520</v>
      </c>
      <c r="K78" s="5" t="s">
        <v>1519</v>
      </c>
      <c r="L78" s="2" t="s">
        <v>1520</v>
      </c>
      <c r="M78" s="5" t="s">
        <v>1521</v>
      </c>
      <c r="N78" s="5" t="s">
        <v>38</v>
      </c>
      <c r="O78" s="5" t="s">
        <v>39</v>
      </c>
      <c r="P78" s="5" t="s">
        <v>40</v>
      </c>
      <c r="Q78" s="5" t="s">
        <v>1522</v>
      </c>
      <c r="R78" s="5" t="s">
        <v>1523</v>
      </c>
      <c r="S78" s="5" t="s">
        <v>42</v>
      </c>
      <c r="T78" s="2">
        <v>1.772</v>
      </c>
      <c r="U78" s="2">
        <v>1.377</v>
      </c>
      <c r="V78" s="2">
        <v>0.01</v>
      </c>
      <c r="W78" s="2">
        <v>76.900000000000006</v>
      </c>
      <c r="X78" s="2">
        <v>7.6</v>
      </c>
      <c r="Y78" s="2">
        <v>16.7</v>
      </c>
      <c r="Z78" s="5"/>
      <c r="AA78" s="5" t="s">
        <v>43</v>
      </c>
      <c r="AB78" s="5" t="s">
        <v>44</v>
      </c>
      <c r="AC78" s="2"/>
      <c r="AD78" s="1"/>
    </row>
    <row r="79" spans="1:30">
      <c r="A79" s="5" t="s">
        <v>83578</v>
      </c>
      <c r="B79" s="2" t="s">
        <v>83810</v>
      </c>
      <c r="C79" s="14" t="s">
        <v>83811</v>
      </c>
      <c r="D79" s="2" t="s">
        <v>83812</v>
      </c>
      <c r="E79" s="2" t="s">
        <v>2348</v>
      </c>
      <c r="F79" s="8">
        <v>165</v>
      </c>
      <c r="G79" s="5">
        <v>13</v>
      </c>
      <c r="H79" s="5" t="s">
        <v>1518</v>
      </c>
      <c r="I79" s="5" t="s">
        <v>1519</v>
      </c>
      <c r="J79" s="2" t="s">
        <v>1520</v>
      </c>
      <c r="K79" s="5" t="s">
        <v>1519</v>
      </c>
      <c r="L79" s="2" t="s">
        <v>1520</v>
      </c>
      <c r="M79" s="5" t="s">
        <v>1521</v>
      </c>
      <c r="N79" s="5" t="s">
        <v>38</v>
      </c>
      <c r="O79" s="5" t="s">
        <v>39</v>
      </c>
      <c r="P79" s="5" t="s">
        <v>40</v>
      </c>
      <c r="Q79" s="5" t="s">
        <v>1522</v>
      </c>
      <c r="R79" s="5" t="s">
        <v>1523</v>
      </c>
      <c r="S79" s="5" t="s">
        <v>42</v>
      </c>
      <c r="T79" s="2">
        <v>2.004</v>
      </c>
      <c r="U79" s="2">
        <v>1.5009999999999999</v>
      </c>
      <c r="V79" s="2">
        <v>1.2999999999999999E-2</v>
      </c>
      <c r="W79" s="2">
        <v>99.1</v>
      </c>
      <c r="X79" s="2">
        <v>7.6</v>
      </c>
      <c r="Y79" s="2">
        <v>16.7</v>
      </c>
      <c r="Z79" s="5"/>
      <c r="AA79" s="5" t="s">
        <v>43</v>
      </c>
      <c r="AB79" s="5" t="s">
        <v>44</v>
      </c>
      <c r="AC79" s="2"/>
      <c r="AD79" s="1"/>
    </row>
    <row r="80" spans="1:30">
      <c r="A80" s="5" t="s">
        <v>83578</v>
      </c>
      <c r="B80" s="2" t="s">
        <v>83813</v>
      </c>
      <c r="C80" s="14" t="s">
        <v>83814</v>
      </c>
      <c r="D80" s="2" t="s">
        <v>83815</v>
      </c>
      <c r="E80" s="2" t="s">
        <v>1839</v>
      </c>
      <c r="F80" s="8">
        <v>165</v>
      </c>
      <c r="G80" s="5">
        <v>13</v>
      </c>
      <c r="H80" s="5" t="s">
        <v>1518</v>
      </c>
      <c r="I80" s="5" t="s">
        <v>1519</v>
      </c>
      <c r="J80" s="2" t="s">
        <v>1520</v>
      </c>
      <c r="K80" s="5" t="s">
        <v>1519</v>
      </c>
      <c r="L80" s="2" t="s">
        <v>1520</v>
      </c>
      <c r="M80" s="5" t="s">
        <v>1521</v>
      </c>
      <c r="N80" s="5" t="s">
        <v>38</v>
      </c>
      <c r="O80" s="5" t="s">
        <v>39</v>
      </c>
      <c r="P80" s="5" t="s">
        <v>40</v>
      </c>
      <c r="Q80" s="5" t="s">
        <v>1522</v>
      </c>
      <c r="R80" s="5" t="s">
        <v>1523</v>
      </c>
      <c r="S80" s="5" t="s">
        <v>42</v>
      </c>
      <c r="T80" s="2">
        <v>1.966</v>
      </c>
      <c r="U80" s="2">
        <v>1.4630000000000001</v>
      </c>
      <c r="V80" s="2">
        <v>1.2999999999999999E-2</v>
      </c>
      <c r="W80" s="2">
        <v>99.1</v>
      </c>
      <c r="X80" s="2">
        <v>7.6</v>
      </c>
      <c r="Y80" s="2">
        <v>16.7</v>
      </c>
      <c r="Z80" s="5"/>
      <c r="AA80" s="5" t="s">
        <v>43</v>
      </c>
      <c r="AB80" s="5" t="s">
        <v>44</v>
      </c>
      <c r="AC80" s="2"/>
      <c r="AD80" s="1"/>
    </row>
    <row r="81" spans="1:30">
      <c r="A81" s="5" t="s">
        <v>83578</v>
      </c>
      <c r="B81" s="2" t="s">
        <v>83816</v>
      </c>
      <c r="C81" s="14" t="s">
        <v>83817</v>
      </c>
      <c r="D81" s="2" t="s">
        <v>83818</v>
      </c>
      <c r="E81" s="2" t="s">
        <v>1986</v>
      </c>
      <c r="F81" s="8">
        <v>165</v>
      </c>
      <c r="G81" s="5">
        <v>13</v>
      </c>
      <c r="H81" s="5" t="s">
        <v>1518</v>
      </c>
      <c r="I81" s="5" t="s">
        <v>1519</v>
      </c>
      <c r="J81" s="2" t="s">
        <v>1520</v>
      </c>
      <c r="K81" s="5" t="s">
        <v>1519</v>
      </c>
      <c r="L81" s="2" t="s">
        <v>1520</v>
      </c>
      <c r="M81" s="5" t="s">
        <v>1521</v>
      </c>
      <c r="N81" s="5" t="s">
        <v>38</v>
      </c>
      <c r="O81" s="5" t="s">
        <v>39</v>
      </c>
      <c r="P81" s="5" t="s">
        <v>40</v>
      </c>
      <c r="Q81" s="5" t="s">
        <v>1522</v>
      </c>
      <c r="R81" s="5" t="s">
        <v>1523</v>
      </c>
      <c r="S81" s="5" t="s">
        <v>42</v>
      </c>
      <c r="T81" s="2">
        <v>2.004</v>
      </c>
      <c r="U81" s="2">
        <v>1.5009999999999999</v>
      </c>
      <c r="V81" s="2">
        <v>1.2999999999999999E-2</v>
      </c>
      <c r="W81" s="2">
        <v>99.1</v>
      </c>
      <c r="X81" s="2">
        <v>7.6</v>
      </c>
      <c r="Y81" s="2">
        <v>16.7</v>
      </c>
      <c r="Z81" s="5"/>
      <c r="AA81" s="5" t="s">
        <v>43</v>
      </c>
      <c r="AB81" s="5" t="s">
        <v>44</v>
      </c>
      <c r="AC81" s="2"/>
      <c r="AD81" s="1"/>
    </row>
    <row r="82" spans="1:30">
      <c r="A82" s="5" t="s">
        <v>83578</v>
      </c>
      <c r="B82" s="2" t="s">
        <v>83819</v>
      </c>
      <c r="C82" s="14" t="s">
        <v>83820</v>
      </c>
      <c r="D82" s="2" t="s">
        <v>83821</v>
      </c>
      <c r="E82" s="2" t="s">
        <v>1751</v>
      </c>
      <c r="F82" s="8">
        <v>170</v>
      </c>
      <c r="G82" s="5">
        <v>6</v>
      </c>
      <c r="H82" s="5" t="s">
        <v>1518</v>
      </c>
      <c r="I82" s="5" t="s">
        <v>1519</v>
      </c>
      <c r="J82" s="2" t="s">
        <v>1520</v>
      </c>
      <c r="K82" s="5" t="s">
        <v>1519</v>
      </c>
      <c r="L82" s="2" t="s">
        <v>1520</v>
      </c>
      <c r="M82" s="5" t="s">
        <v>1521</v>
      </c>
      <c r="N82" s="5" t="s">
        <v>38</v>
      </c>
      <c r="O82" s="5" t="s">
        <v>39</v>
      </c>
      <c r="P82" s="5" t="s">
        <v>40</v>
      </c>
      <c r="Q82" s="5" t="s">
        <v>1522</v>
      </c>
      <c r="R82" s="5" t="s">
        <v>1523</v>
      </c>
      <c r="S82" s="5" t="s">
        <v>42</v>
      </c>
      <c r="T82" s="2">
        <v>2.0499999999999998</v>
      </c>
      <c r="U82" s="2">
        <v>1.548</v>
      </c>
      <c r="V82" s="2">
        <v>1.4999999999999999E-2</v>
      </c>
      <c r="W82" s="2">
        <v>118.9</v>
      </c>
      <c r="X82" s="2">
        <v>7.6</v>
      </c>
      <c r="Y82" s="2">
        <v>16.7</v>
      </c>
      <c r="Z82" s="5"/>
      <c r="AA82" s="5" t="s">
        <v>43</v>
      </c>
      <c r="AB82" s="5" t="s">
        <v>44</v>
      </c>
      <c r="AC82" s="2"/>
      <c r="AD82" s="1"/>
    </row>
    <row r="83" spans="1:30">
      <c r="A83" s="5" t="s">
        <v>83578</v>
      </c>
      <c r="B83" s="2" t="s">
        <v>83822</v>
      </c>
      <c r="C83" s="14" t="s">
        <v>83823</v>
      </c>
      <c r="D83" s="2" t="s">
        <v>83824</v>
      </c>
      <c r="E83" s="2" t="s">
        <v>1767</v>
      </c>
      <c r="F83" s="8">
        <v>170</v>
      </c>
      <c r="G83" s="5">
        <v>6</v>
      </c>
      <c r="H83" s="5" t="s">
        <v>1518</v>
      </c>
      <c r="I83" s="5" t="s">
        <v>1519</v>
      </c>
      <c r="J83" s="2" t="s">
        <v>1520</v>
      </c>
      <c r="K83" s="5" t="s">
        <v>1519</v>
      </c>
      <c r="L83" s="2" t="s">
        <v>1520</v>
      </c>
      <c r="M83" s="5" t="s">
        <v>1521</v>
      </c>
      <c r="N83" s="5" t="s">
        <v>38</v>
      </c>
      <c r="O83" s="5" t="s">
        <v>39</v>
      </c>
      <c r="P83" s="5" t="s">
        <v>40</v>
      </c>
      <c r="Q83" s="5" t="s">
        <v>1522</v>
      </c>
      <c r="R83" s="5" t="s">
        <v>1523</v>
      </c>
      <c r="S83" s="5" t="s">
        <v>42</v>
      </c>
      <c r="T83" s="2">
        <v>2.0680000000000001</v>
      </c>
      <c r="U83" s="2">
        <v>1.5660000000000001</v>
      </c>
      <c r="V83" s="2">
        <v>1.4999999999999999E-2</v>
      </c>
      <c r="W83" s="2">
        <v>118.9</v>
      </c>
      <c r="X83" s="2">
        <v>7.6</v>
      </c>
      <c r="Y83" s="2">
        <v>16.7</v>
      </c>
      <c r="Z83" s="5"/>
      <c r="AA83" s="5" t="s">
        <v>43</v>
      </c>
      <c r="AB83" s="5" t="s">
        <v>44</v>
      </c>
      <c r="AC83" s="2"/>
      <c r="AD83" s="1"/>
    </row>
    <row r="84" spans="1:30">
      <c r="A84" s="5" t="s">
        <v>83578</v>
      </c>
      <c r="B84" s="2" t="s">
        <v>83825</v>
      </c>
      <c r="C84" s="14" t="s">
        <v>83826</v>
      </c>
      <c r="D84" s="2" t="s">
        <v>83827</v>
      </c>
      <c r="E84" s="2" t="s">
        <v>1771</v>
      </c>
      <c r="F84" s="8">
        <v>170</v>
      </c>
      <c r="G84" s="5">
        <v>6</v>
      </c>
      <c r="H84" s="5" t="s">
        <v>1518</v>
      </c>
      <c r="I84" s="5" t="s">
        <v>1519</v>
      </c>
      <c r="J84" s="2" t="s">
        <v>1520</v>
      </c>
      <c r="K84" s="5" t="s">
        <v>1519</v>
      </c>
      <c r="L84" s="2" t="s">
        <v>1520</v>
      </c>
      <c r="M84" s="5" t="s">
        <v>1521</v>
      </c>
      <c r="N84" s="5" t="s">
        <v>38</v>
      </c>
      <c r="O84" s="5" t="s">
        <v>39</v>
      </c>
      <c r="P84" s="5" t="s">
        <v>40</v>
      </c>
      <c r="Q84" s="5" t="s">
        <v>1522</v>
      </c>
      <c r="R84" s="5" t="s">
        <v>1523</v>
      </c>
      <c r="S84" s="5" t="s">
        <v>42</v>
      </c>
      <c r="T84" s="2">
        <v>2.11</v>
      </c>
      <c r="U84" s="2">
        <v>1.6080000000000001</v>
      </c>
      <c r="V84" s="2">
        <v>1.4999999999999999E-2</v>
      </c>
      <c r="W84" s="2">
        <v>118.9</v>
      </c>
      <c r="X84" s="2">
        <v>7.6</v>
      </c>
      <c r="Y84" s="2">
        <v>16.7</v>
      </c>
      <c r="Z84" s="5"/>
      <c r="AA84" s="5" t="s">
        <v>43</v>
      </c>
      <c r="AB84" s="5" t="s">
        <v>44</v>
      </c>
      <c r="AC84" s="2"/>
      <c r="AD84" s="1"/>
    </row>
    <row r="85" spans="1:30">
      <c r="A85" s="5" t="s">
        <v>83578</v>
      </c>
      <c r="B85" s="2" t="s">
        <v>83828</v>
      </c>
      <c r="C85" s="14" t="s">
        <v>83829</v>
      </c>
      <c r="D85" s="2" t="s">
        <v>83830</v>
      </c>
      <c r="E85" s="2" t="s">
        <v>1775</v>
      </c>
      <c r="F85" s="8">
        <v>170</v>
      </c>
      <c r="G85" s="5">
        <v>6</v>
      </c>
      <c r="H85" s="5" t="s">
        <v>1518</v>
      </c>
      <c r="I85" s="5" t="s">
        <v>1519</v>
      </c>
      <c r="J85" s="2" t="s">
        <v>1520</v>
      </c>
      <c r="K85" s="5" t="s">
        <v>1519</v>
      </c>
      <c r="L85" s="2" t="s">
        <v>1520</v>
      </c>
      <c r="M85" s="5" t="s">
        <v>1521</v>
      </c>
      <c r="N85" s="5" t="s">
        <v>38</v>
      </c>
      <c r="O85" s="5" t="s">
        <v>39</v>
      </c>
      <c r="P85" s="5" t="s">
        <v>40</v>
      </c>
      <c r="Q85" s="5" t="s">
        <v>1522</v>
      </c>
      <c r="R85" s="5" t="s">
        <v>1523</v>
      </c>
      <c r="S85" s="5" t="s">
        <v>42</v>
      </c>
      <c r="T85" s="2">
        <v>2.0680000000000001</v>
      </c>
      <c r="U85" s="2">
        <v>1.5660000000000001</v>
      </c>
      <c r="V85" s="2">
        <v>1.4999999999999999E-2</v>
      </c>
      <c r="W85" s="2">
        <v>118.9</v>
      </c>
      <c r="X85" s="2">
        <v>7.6</v>
      </c>
      <c r="Y85" s="2">
        <v>16.7</v>
      </c>
      <c r="Z85" s="5"/>
      <c r="AA85" s="5" t="s">
        <v>43</v>
      </c>
      <c r="AB85" s="5" t="s">
        <v>44</v>
      </c>
      <c r="AC85" s="2"/>
      <c r="AD85" s="1"/>
    </row>
    <row r="86" spans="1:30">
      <c r="A86" s="5" t="s">
        <v>83578</v>
      </c>
      <c r="B86" s="2" t="s">
        <v>83831</v>
      </c>
      <c r="C86" s="14" t="s">
        <v>83832</v>
      </c>
      <c r="D86" s="2" t="s">
        <v>83833</v>
      </c>
      <c r="E86" s="2" t="s">
        <v>1779</v>
      </c>
      <c r="F86" s="8">
        <v>170</v>
      </c>
      <c r="G86" s="5">
        <v>6</v>
      </c>
      <c r="H86" s="5" t="s">
        <v>1518</v>
      </c>
      <c r="I86" s="5" t="s">
        <v>1519</v>
      </c>
      <c r="J86" s="2" t="s">
        <v>1520</v>
      </c>
      <c r="K86" s="5" t="s">
        <v>1519</v>
      </c>
      <c r="L86" s="2" t="s">
        <v>1520</v>
      </c>
      <c r="M86" s="5" t="s">
        <v>1521</v>
      </c>
      <c r="N86" s="5" t="s">
        <v>38</v>
      </c>
      <c r="O86" s="5" t="s">
        <v>39</v>
      </c>
      <c r="P86" s="5" t="s">
        <v>40</v>
      </c>
      <c r="Q86" s="5" t="s">
        <v>1522</v>
      </c>
      <c r="R86" s="5" t="s">
        <v>1523</v>
      </c>
      <c r="S86" s="5" t="s">
        <v>42</v>
      </c>
      <c r="T86" s="2">
        <v>2.11</v>
      </c>
      <c r="U86" s="2">
        <v>1.6080000000000001</v>
      </c>
      <c r="V86" s="2">
        <v>1.4999999999999999E-2</v>
      </c>
      <c r="W86" s="2">
        <v>118.9</v>
      </c>
      <c r="X86" s="2">
        <v>7.6</v>
      </c>
      <c r="Y86" s="2">
        <v>16.7</v>
      </c>
      <c r="Z86" s="5"/>
      <c r="AA86" s="5" t="s">
        <v>43</v>
      </c>
      <c r="AB86" s="5" t="s">
        <v>44</v>
      </c>
      <c r="AC86" s="2"/>
      <c r="AD86" s="1"/>
    </row>
    <row r="87" spans="1:30">
      <c r="A87" s="5" t="s">
        <v>83578</v>
      </c>
      <c r="B87" s="2" t="s">
        <v>83834</v>
      </c>
      <c r="C87" s="14" t="s">
        <v>83835</v>
      </c>
      <c r="D87" s="2" t="s">
        <v>83836</v>
      </c>
      <c r="E87" s="2" t="s">
        <v>1791</v>
      </c>
      <c r="F87" s="8">
        <v>170</v>
      </c>
      <c r="G87" s="5">
        <v>6</v>
      </c>
      <c r="H87" s="5" t="s">
        <v>1518</v>
      </c>
      <c r="I87" s="5" t="s">
        <v>1519</v>
      </c>
      <c r="J87" s="2" t="s">
        <v>1520</v>
      </c>
      <c r="K87" s="5" t="s">
        <v>1519</v>
      </c>
      <c r="L87" s="2" t="s">
        <v>1520</v>
      </c>
      <c r="M87" s="5" t="s">
        <v>1521</v>
      </c>
      <c r="N87" s="5" t="s">
        <v>38</v>
      </c>
      <c r="O87" s="5" t="s">
        <v>39</v>
      </c>
      <c r="P87" s="5" t="s">
        <v>40</v>
      </c>
      <c r="Q87" s="5" t="s">
        <v>1522</v>
      </c>
      <c r="R87" s="5" t="s">
        <v>1523</v>
      </c>
      <c r="S87" s="5" t="s">
        <v>42</v>
      </c>
      <c r="T87" s="2">
        <v>2.0680000000000001</v>
      </c>
      <c r="U87" s="2">
        <v>1.5660000000000001</v>
      </c>
      <c r="V87" s="2">
        <v>1.4999999999999999E-2</v>
      </c>
      <c r="W87" s="2">
        <v>118.9</v>
      </c>
      <c r="X87" s="2">
        <v>7.6</v>
      </c>
      <c r="Y87" s="2">
        <v>16.7</v>
      </c>
      <c r="Z87" s="5"/>
      <c r="AA87" s="5" t="s">
        <v>43</v>
      </c>
      <c r="AB87" s="5" t="s">
        <v>44</v>
      </c>
      <c r="AC87" s="2"/>
      <c r="AD87" s="1"/>
    </row>
    <row r="88" spans="1:30">
      <c r="A88" s="5" t="s">
        <v>83578</v>
      </c>
      <c r="B88" s="2" t="s">
        <v>83837</v>
      </c>
      <c r="C88" s="14" t="s">
        <v>83838</v>
      </c>
      <c r="D88" s="2" t="s">
        <v>83839</v>
      </c>
      <c r="E88" s="2" t="s">
        <v>1795</v>
      </c>
      <c r="F88" s="8">
        <v>170</v>
      </c>
      <c r="G88" s="5">
        <v>6</v>
      </c>
      <c r="H88" s="5" t="s">
        <v>1518</v>
      </c>
      <c r="I88" s="5" t="s">
        <v>1519</v>
      </c>
      <c r="J88" s="2" t="s">
        <v>1520</v>
      </c>
      <c r="K88" s="5" t="s">
        <v>1519</v>
      </c>
      <c r="L88" s="2" t="s">
        <v>1520</v>
      </c>
      <c r="M88" s="5" t="s">
        <v>1521</v>
      </c>
      <c r="N88" s="5" t="s">
        <v>38</v>
      </c>
      <c r="O88" s="5" t="s">
        <v>39</v>
      </c>
      <c r="P88" s="5" t="s">
        <v>40</v>
      </c>
      <c r="Q88" s="5" t="s">
        <v>1522</v>
      </c>
      <c r="R88" s="5" t="s">
        <v>1523</v>
      </c>
      <c r="S88" s="5" t="s">
        <v>42</v>
      </c>
      <c r="T88" s="2">
        <v>2.11</v>
      </c>
      <c r="U88" s="2">
        <v>1.6080000000000001</v>
      </c>
      <c r="V88" s="2">
        <v>1.4999999999999999E-2</v>
      </c>
      <c r="W88" s="2">
        <v>118.9</v>
      </c>
      <c r="X88" s="2">
        <v>7.6</v>
      </c>
      <c r="Y88" s="2">
        <v>16.7</v>
      </c>
      <c r="Z88" s="5"/>
      <c r="AA88" s="5" t="s">
        <v>43</v>
      </c>
      <c r="AB88" s="5" t="s">
        <v>44</v>
      </c>
      <c r="AC88" s="2"/>
      <c r="AD88" s="1"/>
    </row>
    <row r="89" spans="1:30">
      <c r="A89" s="5" t="s">
        <v>83578</v>
      </c>
      <c r="B89" s="2" t="s">
        <v>83840</v>
      </c>
      <c r="C89" s="14" t="s">
        <v>83841</v>
      </c>
      <c r="D89" s="2" t="s">
        <v>83842</v>
      </c>
      <c r="E89" s="2" t="s">
        <v>1799</v>
      </c>
      <c r="F89" s="8">
        <v>170</v>
      </c>
      <c r="G89" s="5">
        <v>6</v>
      </c>
      <c r="H89" s="5" t="s">
        <v>1518</v>
      </c>
      <c r="I89" s="5" t="s">
        <v>1519</v>
      </c>
      <c r="J89" s="2" t="s">
        <v>1520</v>
      </c>
      <c r="K89" s="5" t="s">
        <v>1519</v>
      </c>
      <c r="L89" s="2" t="s">
        <v>1520</v>
      </c>
      <c r="M89" s="5" t="s">
        <v>1521</v>
      </c>
      <c r="N89" s="5" t="s">
        <v>38</v>
      </c>
      <c r="O89" s="5" t="s">
        <v>39</v>
      </c>
      <c r="P89" s="5" t="s">
        <v>40</v>
      </c>
      <c r="Q89" s="5" t="s">
        <v>1522</v>
      </c>
      <c r="R89" s="5" t="s">
        <v>1523</v>
      </c>
      <c r="S89" s="5" t="s">
        <v>42</v>
      </c>
      <c r="T89" s="2">
        <v>2.0680000000000001</v>
      </c>
      <c r="U89" s="2">
        <v>1.5660000000000001</v>
      </c>
      <c r="V89" s="2">
        <v>1.4999999999999999E-2</v>
      </c>
      <c r="W89" s="2">
        <v>118.9</v>
      </c>
      <c r="X89" s="2">
        <v>7.6</v>
      </c>
      <c r="Y89" s="2">
        <v>16.7</v>
      </c>
      <c r="Z89" s="5"/>
      <c r="AA89" s="5" t="s">
        <v>43</v>
      </c>
      <c r="AB89" s="5" t="s">
        <v>44</v>
      </c>
      <c r="AC89" s="2"/>
      <c r="AD89" s="1"/>
    </row>
    <row r="90" spans="1:30">
      <c r="A90" s="5" t="s">
        <v>83578</v>
      </c>
      <c r="B90" s="2" t="s">
        <v>83843</v>
      </c>
      <c r="C90" s="14" t="s">
        <v>83844</v>
      </c>
      <c r="D90" s="2" t="s">
        <v>83845</v>
      </c>
      <c r="E90" s="2" t="s">
        <v>1973</v>
      </c>
      <c r="F90" s="8">
        <v>170</v>
      </c>
      <c r="G90" s="5">
        <v>13</v>
      </c>
      <c r="H90" s="5" t="s">
        <v>1518</v>
      </c>
      <c r="I90" s="5" t="s">
        <v>1519</v>
      </c>
      <c r="J90" s="2" t="s">
        <v>1520</v>
      </c>
      <c r="K90" s="5" t="s">
        <v>1519</v>
      </c>
      <c r="L90" s="2" t="s">
        <v>1520</v>
      </c>
      <c r="M90" s="5" t="s">
        <v>1521</v>
      </c>
      <c r="N90" s="5" t="s">
        <v>38</v>
      </c>
      <c r="O90" s="5" t="s">
        <v>39</v>
      </c>
      <c r="P90" s="5" t="s">
        <v>40</v>
      </c>
      <c r="Q90" s="5" t="s">
        <v>1522</v>
      </c>
      <c r="R90" s="5" t="s">
        <v>1523</v>
      </c>
      <c r="S90" s="5" t="s">
        <v>42</v>
      </c>
      <c r="T90" s="2">
        <v>2.1040000000000001</v>
      </c>
      <c r="U90" s="2">
        <v>1.6020000000000001</v>
      </c>
      <c r="V90" s="2">
        <v>1.4999999999999999E-2</v>
      </c>
      <c r="W90" s="2">
        <v>118.9</v>
      </c>
      <c r="X90" s="2">
        <v>7.6</v>
      </c>
      <c r="Y90" s="2">
        <v>16.7</v>
      </c>
      <c r="Z90" s="5"/>
      <c r="AA90" s="5" t="s">
        <v>43</v>
      </c>
      <c r="AB90" s="5" t="s">
        <v>44</v>
      </c>
      <c r="AC90" s="2"/>
      <c r="AD90" s="1"/>
    </row>
    <row r="91" spans="1:30">
      <c r="A91" s="5" t="s">
        <v>83578</v>
      </c>
      <c r="B91" s="2" t="s">
        <v>83846</v>
      </c>
      <c r="C91" s="14" t="s">
        <v>83847</v>
      </c>
      <c r="D91" s="2" t="s">
        <v>83848</v>
      </c>
      <c r="E91" s="2" t="s">
        <v>2204</v>
      </c>
      <c r="F91" s="8">
        <v>170</v>
      </c>
      <c r="G91" s="5">
        <v>13</v>
      </c>
      <c r="H91" s="5" t="s">
        <v>1518</v>
      </c>
      <c r="I91" s="5" t="s">
        <v>1519</v>
      </c>
      <c r="J91" s="2" t="s">
        <v>1520</v>
      </c>
      <c r="K91" s="5" t="s">
        <v>1519</v>
      </c>
      <c r="L91" s="2" t="s">
        <v>1520</v>
      </c>
      <c r="M91" s="5" t="s">
        <v>1521</v>
      </c>
      <c r="N91" s="5" t="s">
        <v>38</v>
      </c>
      <c r="O91" s="5" t="s">
        <v>39</v>
      </c>
      <c r="P91" s="5" t="s">
        <v>40</v>
      </c>
      <c r="Q91" s="5" t="s">
        <v>1522</v>
      </c>
      <c r="R91" s="5" t="s">
        <v>1523</v>
      </c>
      <c r="S91" s="5" t="s">
        <v>42</v>
      </c>
      <c r="T91" s="2">
        <v>2.1040000000000001</v>
      </c>
      <c r="U91" s="2">
        <v>1.6020000000000001</v>
      </c>
      <c r="V91" s="2">
        <v>1.4999999999999999E-2</v>
      </c>
      <c r="W91" s="2">
        <v>118.9</v>
      </c>
      <c r="X91" s="2">
        <v>7.6</v>
      </c>
      <c r="Y91" s="2">
        <v>16.7</v>
      </c>
      <c r="Z91" s="5"/>
      <c r="AA91" s="5" t="s">
        <v>43</v>
      </c>
      <c r="AB91" s="5" t="s">
        <v>44</v>
      </c>
      <c r="AC91" s="2"/>
      <c r="AD91" s="1"/>
    </row>
    <row r="92" spans="1:30">
      <c r="A92" s="5" t="s">
        <v>83578</v>
      </c>
      <c r="B92" s="2" t="s">
        <v>83849</v>
      </c>
      <c r="C92" s="14" t="s">
        <v>83850</v>
      </c>
      <c r="D92" s="2" t="s">
        <v>83851</v>
      </c>
      <c r="E92" s="2" t="s">
        <v>2724</v>
      </c>
      <c r="F92" s="8">
        <v>170</v>
      </c>
      <c r="G92" s="5">
        <v>13</v>
      </c>
      <c r="H92" s="5" t="s">
        <v>1518</v>
      </c>
      <c r="I92" s="5" t="s">
        <v>1519</v>
      </c>
      <c r="J92" s="2" t="s">
        <v>1520</v>
      </c>
      <c r="K92" s="5" t="s">
        <v>1519</v>
      </c>
      <c r="L92" s="2" t="s">
        <v>1520</v>
      </c>
      <c r="M92" s="5" t="s">
        <v>1521</v>
      </c>
      <c r="N92" s="5" t="s">
        <v>38</v>
      </c>
      <c r="O92" s="5" t="s">
        <v>39</v>
      </c>
      <c r="P92" s="5" t="s">
        <v>40</v>
      </c>
      <c r="Q92" s="5" t="s">
        <v>1522</v>
      </c>
      <c r="R92" s="5" t="s">
        <v>1523</v>
      </c>
      <c r="S92" s="5" t="s">
        <v>42</v>
      </c>
      <c r="T92" s="2">
        <v>2.1459999999999999</v>
      </c>
      <c r="U92" s="2">
        <v>1.6439999999999999</v>
      </c>
      <c r="V92" s="2">
        <v>1.4999999999999999E-2</v>
      </c>
      <c r="W92" s="2">
        <v>118.9</v>
      </c>
      <c r="X92" s="2">
        <v>7.6</v>
      </c>
      <c r="Y92" s="2">
        <v>16.7</v>
      </c>
      <c r="Z92" s="5"/>
      <c r="AA92" s="5" t="s">
        <v>43</v>
      </c>
      <c r="AB92" s="5" t="s">
        <v>44</v>
      </c>
      <c r="AC92" s="2"/>
      <c r="AD92" s="1"/>
    </row>
    <row r="93" spans="1:30">
      <c r="A93" s="5" t="s">
        <v>83578</v>
      </c>
      <c r="B93" s="2" t="s">
        <v>83852</v>
      </c>
      <c r="C93" s="14" t="s">
        <v>83853</v>
      </c>
      <c r="D93" s="2" t="s">
        <v>83854</v>
      </c>
      <c r="E93" s="2" t="s">
        <v>2208</v>
      </c>
      <c r="F93" s="8">
        <v>170</v>
      </c>
      <c r="G93" s="5">
        <v>13</v>
      </c>
      <c r="H93" s="5" t="s">
        <v>1518</v>
      </c>
      <c r="I93" s="5" t="s">
        <v>1519</v>
      </c>
      <c r="J93" s="2" t="s">
        <v>1520</v>
      </c>
      <c r="K93" s="5" t="s">
        <v>1519</v>
      </c>
      <c r="L93" s="2" t="s">
        <v>1520</v>
      </c>
      <c r="M93" s="5" t="s">
        <v>1521</v>
      </c>
      <c r="N93" s="5" t="s">
        <v>38</v>
      </c>
      <c r="O93" s="5" t="s">
        <v>39</v>
      </c>
      <c r="P93" s="5" t="s">
        <v>40</v>
      </c>
      <c r="Q93" s="5" t="s">
        <v>1522</v>
      </c>
      <c r="R93" s="5" t="s">
        <v>1523</v>
      </c>
      <c r="S93" s="5" t="s">
        <v>42</v>
      </c>
      <c r="T93" s="2">
        <v>2.1040000000000001</v>
      </c>
      <c r="U93" s="2">
        <v>1.6020000000000001</v>
      </c>
      <c r="V93" s="2">
        <v>1.4999999999999999E-2</v>
      </c>
      <c r="W93" s="2">
        <v>118.9</v>
      </c>
      <c r="X93" s="2">
        <v>7.6</v>
      </c>
      <c r="Y93" s="2">
        <v>16.7</v>
      </c>
      <c r="Z93" s="5"/>
      <c r="AA93" s="5" t="s">
        <v>43</v>
      </c>
      <c r="AB93" s="5" t="s">
        <v>44</v>
      </c>
      <c r="AC93" s="2"/>
      <c r="AD93" s="1"/>
    </row>
    <row r="94" spans="1:30">
      <c r="A94" s="5" t="s">
        <v>83578</v>
      </c>
      <c r="B94" s="2" t="s">
        <v>83855</v>
      </c>
      <c r="C94" s="14" t="s">
        <v>83856</v>
      </c>
      <c r="D94" s="2" t="s">
        <v>83857</v>
      </c>
      <c r="E94" s="2" t="s">
        <v>2212</v>
      </c>
      <c r="F94" s="8">
        <v>170</v>
      </c>
      <c r="G94" s="5">
        <v>13</v>
      </c>
      <c r="H94" s="5" t="s">
        <v>1518</v>
      </c>
      <c r="I94" s="5" t="s">
        <v>1519</v>
      </c>
      <c r="J94" s="2" t="s">
        <v>1520</v>
      </c>
      <c r="K94" s="5" t="s">
        <v>1519</v>
      </c>
      <c r="L94" s="2" t="s">
        <v>1520</v>
      </c>
      <c r="M94" s="5" t="s">
        <v>1521</v>
      </c>
      <c r="N94" s="5" t="s">
        <v>38</v>
      </c>
      <c r="O94" s="5" t="s">
        <v>39</v>
      </c>
      <c r="P94" s="5" t="s">
        <v>40</v>
      </c>
      <c r="Q94" s="5" t="s">
        <v>1522</v>
      </c>
      <c r="R94" s="5" t="s">
        <v>1523</v>
      </c>
      <c r="S94" s="5" t="s">
        <v>42</v>
      </c>
      <c r="T94" s="2">
        <v>2.1459999999999999</v>
      </c>
      <c r="U94" s="2">
        <v>1.6439999999999999</v>
      </c>
      <c r="V94" s="2">
        <v>1.4999999999999999E-2</v>
      </c>
      <c r="W94" s="2">
        <v>118.9</v>
      </c>
      <c r="X94" s="2">
        <v>7.6</v>
      </c>
      <c r="Y94" s="2">
        <v>16.7</v>
      </c>
      <c r="Z94" s="5"/>
      <c r="AA94" s="5" t="s">
        <v>43</v>
      </c>
      <c r="AB94" s="5" t="s">
        <v>44</v>
      </c>
      <c r="AC94" s="2"/>
      <c r="AD94" s="1"/>
    </row>
    <row r="95" spans="1:30">
      <c r="A95" s="5" t="s">
        <v>83578</v>
      </c>
      <c r="B95" s="2" t="s">
        <v>83858</v>
      </c>
      <c r="C95" s="14" t="s">
        <v>83859</v>
      </c>
      <c r="D95" s="2" t="s">
        <v>83860</v>
      </c>
      <c r="E95" s="2" t="s">
        <v>1831</v>
      </c>
      <c r="F95" s="8">
        <v>170</v>
      </c>
      <c r="G95" s="5">
        <v>13</v>
      </c>
      <c r="H95" s="5" t="s">
        <v>1518</v>
      </c>
      <c r="I95" s="5" t="s">
        <v>1519</v>
      </c>
      <c r="J95" s="2" t="s">
        <v>1520</v>
      </c>
      <c r="K95" s="5" t="s">
        <v>1519</v>
      </c>
      <c r="L95" s="2" t="s">
        <v>1520</v>
      </c>
      <c r="M95" s="5" t="s">
        <v>1521</v>
      </c>
      <c r="N95" s="5" t="s">
        <v>38</v>
      </c>
      <c r="O95" s="5" t="s">
        <v>39</v>
      </c>
      <c r="P95" s="5" t="s">
        <v>40</v>
      </c>
      <c r="Q95" s="5" t="s">
        <v>1522</v>
      </c>
      <c r="R95" s="5" t="s">
        <v>1523</v>
      </c>
      <c r="S95" s="5" t="s">
        <v>42</v>
      </c>
      <c r="T95" s="2">
        <v>2.1040000000000001</v>
      </c>
      <c r="U95" s="2">
        <v>1.6020000000000001</v>
      </c>
      <c r="V95" s="2">
        <v>1.4999999999999999E-2</v>
      </c>
      <c r="W95" s="2">
        <v>118.9</v>
      </c>
      <c r="X95" s="2">
        <v>7.6</v>
      </c>
      <c r="Y95" s="2">
        <v>16.7</v>
      </c>
      <c r="Z95" s="5"/>
      <c r="AA95" s="5" t="s">
        <v>43</v>
      </c>
      <c r="AB95" s="5" t="s">
        <v>44</v>
      </c>
      <c r="AC95" s="2"/>
      <c r="AD95" s="1"/>
    </row>
    <row r="96" spans="1:30">
      <c r="A96" s="5" t="s">
        <v>83578</v>
      </c>
      <c r="B96" s="2" t="s">
        <v>83861</v>
      </c>
      <c r="C96" s="14" t="s">
        <v>83862</v>
      </c>
      <c r="D96" s="2" t="s">
        <v>83863</v>
      </c>
      <c r="E96" s="2" t="s">
        <v>1835</v>
      </c>
      <c r="F96" s="8">
        <v>170</v>
      </c>
      <c r="G96" s="5">
        <v>13</v>
      </c>
      <c r="H96" s="5" t="s">
        <v>1518</v>
      </c>
      <c r="I96" s="5" t="s">
        <v>1519</v>
      </c>
      <c r="J96" s="2" t="s">
        <v>1520</v>
      </c>
      <c r="K96" s="5" t="s">
        <v>1519</v>
      </c>
      <c r="L96" s="2" t="s">
        <v>1520</v>
      </c>
      <c r="M96" s="5" t="s">
        <v>1521</v>
      </c>
      <c r="N96" s="5" t="s">
        <v>38</v>
      </c>
      <c r="O96" s="5" t="s">
        <v>39</v>
      </c>
      <c r="P96" s="5" t="s">
        <v>40</v>
      </c>
      <c r="Q96" s="5" t="s">
        <v>1522</v>
      </c>
      <c r="R96" s="5" t="s">
        <v>1523</v>
      </c>
      <c r="S96" s="5" t="s">
        <v>42</v>
      </c>
      <c r="T96" s="2">
        <v>2.1459999999999999</v>
      </c>
      <c r="U96" s="2">
        <v>1.6439999999999999</v>
      </c>
      <c r="V96" s="2">
        <v>1.4999999999999999E-2</v>
      </c>
      <c r="W96" s="2">
        <v>118.9</v>
      </c>
      <c r="X96" s="2">
        <v>7.6</v>
      </c>
      <c r="Y96" s="2">
        <v>16.7</v>
      </c>
      <c r="Z96" s="5"/>
      <c r="AA96" s="5" t="s">
        <v>43</v>
      </c>
      <c r="AB96" s="5" t="s">
        <v>44</v>
      </c>
      <c r="AC96" s="2"/>
      <c r="AD96" s="1"/>
    </row>
    <row r="97" spans="1:30">
      <c r="A97" s="5" t="s">
        <v>83578</v>
      </c>
      <c r="B97" s="2" t="s">
        <v>83864</v>
      </c>
      <c r="C97" s="14" t="s">
        <v>83865</v>
      </c>
      <c r="D97" s="2" t="s">
        <v>83866</v>
      </c>
      <c r="E97" s="2" t="s">
        <v>1839</v>
      </c>
      <c r="F97" s="8">
        <v>170</v>
      </c>
      <c r="G97" s="5">
        <v>13</v>
      </c>
      <c r="H97" s="5" t="s">
        <v>1518</v>
      </c>
      <c r="I97" s="5" t="s">
        <v>1519</v>
      </c>
      <c r="J97" s="2" t="s">
        <v>1520</v>
      </c>
      <c r="K97" s="5" t="s">
        <v>1519</v>
      </c>
      <c r="L97" s="2" t="s">
        <v>1520</v>
      </c>
      <c r="M97" s="5" t="s">
        <v>1521</v>
      </c>
      <c r="N97" s="5" t="s">
        <v>38</v>
      </c>
      <c r="O97" s="5" t="s">
        <v>39</v>
      </c>
      <c r="P97" s="5" t="s">
        <v>40</v>
      </c>
      <c r="Q97" s="5" t="s">
        <v>1522</v>
      </c>
      <c r="R97" s="5" t="s">
        <v>1523</v>
      </c>
      <c r="S97" s="5" t="s">
        <v>42</v>
      </c>
      <c r="T97" s="2">
        <v>2.1040000000000001</v>
      </c>
      <c r="U97" s="2">
        <v>1.6020000000000001</v>
      </c>
      <c r="V97" s="2">
        <v>1.4999999999999999E-2</v>
      </c>
      <c r="W97" s="2">
        <v>118.9</v>
      </c>
      <c r="X97" s="2">
        <v>7.6</v>
      </c>
      <c r="Y97" s="2">
        <v>16.7</v>
      </c>
      <c r="Z97" s="5"/>
      <c r="AA97" s="5" t="s">
        <v>43</v>
      </c>
      <c r="AB97" s="5" t="s">
        <v>44</v>
      </c>
      <c r="AC97" s="2"/>
      <c r="AD97" s="1"/>
    </row>
    <row r="98" spans="1:30">
      <c r="A98" s="5" t="s">
        <v>83578</v>
      </c>
      <c r="B98" s="2" t="s">
        <v>83867</v>
      </c>
      <c r="C98" s="14" t="s">
        <v>83868</v>
      </c>
      <c r="D98" s="2" t="s">
        <v>83869</v>
      </c>
      <c r="E98" s="2" t="s">
        <v>1986</v>
      </c>
      <c r="F98" s="8">
        <v>170</v>
      </c>
      <c r="G98" s="5">
        <v>13</v>
      </c>
      <c r="H98" s="5" t="s">
        <v>1518</v>
      </c>
      <c r="I98" s="5" t="s">
        <v>1519</v>
      </c>
      <c r="J98" s="2" t="s">
        <v>1520</v>
      </c>
      <c r="K98" s="5" t="s">
        <v>1519</v>
      </c>
      <c r="L98" s="2" t="s">
        <v>1520</v>
      </c>
      <c r="M98" s="5" t="s">
        <v>1521</v>
      </c>
      <c r="N98" s="5" t="s">
        <v>38</v>
      </c>
      <c r="O98" s="5" t="s">
        <v>39</v>
      </c>
      <c r="P98" s="5" t="s">
        <v>40</v>
      </c>
      <c r="Q98" s="5" t="s">
        <v>1522</v>
      </c>
      <c r="R98" s="5" t="s">
        <v>1523</v>
      </c>
      <c r="S98" s="5" t="s">
        <v>42</v>
      </c>
      <c r="T98" s="2">
        <v>2.1459999999999999</v>
      </c>
      <c r="U98" s="2">
        <v>1.6439999999999999</v>
      </c>
      <c r="V98" s="2">
        <v>1.4999999999999999E-2</v>
      </c>
      <c r="W98" s="2">
        <v>118.9</v>
      </c>
      <c r="X98" s="2">
        <v>7.6</v>
      </c>
      <c r="Y98" s="2">
        <v>16.7</v>
      </c>
      <c r="Z98" s="5"/>
      <c r="AA98" s="5" t="s">
        <v>43</v>
      </c>
      <c r="AB98" s="5" t="s">
        <v>44</v>
      </c>
      <c r="AC98" s="2"/>
      <c r="AD98" s="1"/>
    </row>
    <row r="99" spans="1:30">
      <c r="A99" s="5" t="s">
        <v>83578</v>
      </c>
      <c r="B99" s="2" t="s">
        <v>83870</v>
      </c>
      <c r="C99" s="14" t="s">
        <v>83871</v>
      </c>
      <c r="D99" s="2" t="s">
        <v>83872</v>
      </c>
      <c r="E99" s="2" t="s">
        <v>1843</v>
      </c>
      <c r="F99" s="8">
        <v>170</v>
      </c>
      <c r="G99" s="5">
        <v>13</v>
      </c>
      <c r="H99" s="5" t="s">
        <v>1518</v>
      </c>
      <c r="I99" s="5" t="s">
        <v>1519</v>
      </c>
      <c r="J99" s="2" t="s">
        <v>1520</v>
      </c>
      <c r="K99" s="5" t="s">
        <v>1519</v>
      </c>
      <c r="L99" s="2" t="s">
        <v>1520</v>
      </c>
      <c r="M99" s="5" t="s">
        <v>1521</v>
      </c>
      <c r="N99" s="5" t="s">
        <v>38</v>
      </c>
      <c r="O99" s="5" t="s">
        <v>39</v>
      </c>
      <c r="P99" s="5" t="s">
        <v>40</v>
      </c>
      <c r="Q99" s="5" t="s">
        <v>1522</v>
      </c>
      <c r="R99" s="5" t="s">
        <v>1523</v>
      </c>
      <c r="S99" s="5" t="s">
        <v>42</v>
      </c>
      <c r="T99" s="2">
        <v>2.1040000000000001</v>
      </c>
      <c r="U99" s="2">
        <v>1.6020000000000001</v>
      </c>
      <c r="V99" s="2">
        <v>1.4999999999999999E-2</v>
      </c>
      <c r="W99" s="2">
        <v>118.9</v>
      </c>
      <c r="X99" s="2">
        <v>7.6</v>
      </c>
      <c r="Y99" s="2">
        <v>16.7</v>
      </c>
      <c r="Z99" s="5"/>
      <c r="AA99" s="5" t="s">
        <v>43</v>
      </c>
      <c r="AB99" s="5" t="s">
        <v>44</v>
      </c>
      <c r="AC99" s="2"/>
      <c r="AD99" s="1"/>
    </row>
    <row r="100" spans="1:30">
      <c r="A100" s="5" t="s">
        <v>83578</v>
      </c>
      <c r="B100" s="2" t="s">
        <v>83873</v>
      </c>
      <c r="C100" s="14" t="s">
        <v>83874</v>
      </c>
      <c r="D100" s="2" t="s">
        <v>83875</v>
      </c>
      <c r="E100" s="2" t="s">
        <v>1847</v>
      </c>
      <c r="F100" s="8">
        <v>170</v>
      </c>
      <c r="G100" s="5">
        <v>13</v>
      </c>
      <c r="H100" s="5" t="s">
        <v>1518</v>
      </c>
      <c r="I100" s="5" t="s">
        <v>1519</v>
      </c>
      <c r="J100" s="2" t="s">
        <v>1520</v>
      </c>
      <c r="K100" s="5" t="s">
        <v>1519</v>
      </c>
      <c r="L100" s="2" t="s">
        <v>1520</v>
      </c>
      <c r="M100" s="5" t="s">
        <v>1521</v>
      </c>
      <c r="N100" s="5" t="s">
        <v>38</v>
      </c>
      <c r="O100" s="5" t="s">
        <v>39</v>
      </c>
      <c r="P100" s="5" t="s">
        <v>40</v>
      </c>
      <c r="Q100" s="5" t="s">
        <v>1522</v>
      </c>
      <c r="R100" s="5" t="s">
        <v>1523</v>
      </c>
      <c r="S100" s="5" t="s">
        <v>42</v>
      </c>
      <c r="T100" s="2">
        <v>2.1459999999999999</v>
      </c>
      <c r="U100" s="2">
        <v>1.6439999999999999</v>
      </c>
      <c r="V100" s="2">
        <v>1.4999999999999999E-2</v>
      </c>
      <c r="W100" s="2">
        <v>118.9</v>
      </c>
      <c r="X100" s="2">
        <v>7.6</v>
      </c>
      <c r="Y100" s="2">
        <v>16.7</v>
      </c>
      <c r="Z100" s="5"/>
      <c r="AA100" s="5" t="s">
        <v>43</v>
      </c>
      <c r="AB100" s="5" t="s">
        <v>44</v>
      </c>
      <c r="AC100" s="2"/>
      <c r="AD100" s="1"/>
    </row>
    <row r="101" spans="1:30">
      <c r="A101" s="5" t="s">
        <v>83578</v>
      </c>
      <c r="B101" s="2" t="s">
        <v>83876</v>
      </c>
      <c r="C101" s="14" t="s">
        <v>83877</v>
      </c>
      <c r="D101" s="2" t="s">
        <v>83878</v>
      </c>
      <c r="E101" s="2" t="s">
        <v>1999</v>
      </c>
      <c r="F101" s="8">
        <v>170</v>
      </c>
      <c r="G101" s="5">
        <v>13</v>
      </c>
      <c r="H101" s="5" t="s">
        <v>1518</v>
      </c>
      <c r="I101" s="5" t="s">
        <v>1519</v>
      </c>
      <c r="J101" s="2" t="s">
        <v>1520</v>
      </c>
      <c r="K101" s="5" t="s">
        <v>1519</v>
      </c>
      <c r="L101" s="2" t="s">
        <v>1520</v>
      </c>
      <c r="M101" s="5" t="s">
        <v>1521</v>
      </c>
      <c r="N101" s="5" t="s">
        <v>38</v>
      </c>
      <c r="O101" s="5" t="s">
        <v>39</v>
      </c>
      <c r="P101" s="5" t="s">
        <v>40</v>
      </c>
      <c r="Q101" s="5" t="s">
        <v>1522</v>
      </c>
      <c r="R101" s="5" t="s">
        <v>1523</v>
      </c>
      <c r="S101" s="5" t="s">
        <v>42</v>
      </c>
      <c r="T101" s="2">
        <v>2.1459999999999999</v>
      </c>
      <c r="U101" s="2">
        <v>1.6439999999999999</v>
      </c>
      <c r="V101" s="2">
        <v>1.4999999999999999E-2</v>
      </c>
      <c r="W101" s="2">
        <v>118.9</v>
      </c>
      <c r="X101" s="2">
        <v>7.6</v>
      </c>
      <c r="Y101" s="2">
        <v>16.7</v>
      </c>
      <c r="Z101" s="5"/>
      <c r="AA101" s="5" t="s">
        <v>43</v>
      </c>
      <c r="AB101" s="5" t="s">
        <v>44</v>
      </c>
      <c r="AC101" s="2"/>
      <c r="AD101" s="1"/>
    </row>
    <row r="102" spans="1:30">
      <c r="A102" s="5" t="s">
        <v>83578</v>
      </c>
      <c r="B102" s="2" t="s">
        <v>83879</v>
      </c>
      <c r="C102" s="14" t="s">
        <v>83880</v>
      </c>
      <c r="D102" s="2" t="s">
        <v>83881</v>
      </c>
      <c r="E102" s="2" t="s">
        <v>1855</v>
      </c>
      <c r="F102" s="8">
        <v>170</v>
      </c>
      <c r="G102" s="5">
        <v>13</v>
      </c>
      <c r="H102" s="5" t="s">
        <v>1518</v>
      </c>
      <c r="I102" s="5" t="s">
        <v>1519</v>
      </c>
      <c r="J102" s="2" t="s">
        <v>1520</v>
      </c>
      <c r="K102" s="5" t="s">
        <v>1519</v>
      </c>
      <c r="L102" s="2" t="s">
        <v>1520</v>
      </c>
      <c r="M102" s="5" t="s">
        <v>1521</v>
      </c>
      <c r="N102" s="5" t="s">
        <v>38</v>
      </c>
      <c r="O102" s="5" t="s">
        <v>39</v>
      </c>
      <c r="P102" s="5" t="s">
        <v>40</v>
      </c>
      <c r="Q102" s="5" t="s">
        <v>1522</v>
      </c>
      <c r="R102" s="5" t="s">
        <v>1523</v>
      </c>
      <c r="S102" s="5" t="s">
        <v>42</v>
      </c>
      <c r="T102" s="2">
        <v>2.1040000000000001</v>
      </c>
      <c r="U102" s="2">
        <v>1.6020000000000001</v>
      </c>
      <c r="V102" s="2">
        <v>1.4999999999999999E-2</v>
      </c>
      <c r="W102" s="2">
        <v>118.9</v>
      </c>
      <c r="X102" s="2">
        <v>7.6</v>
      </c>
      <c r="Y102" s="2">
        <v>16.7</v>
      </c>
      <c r="Z102" s="5"/>
      <c r="AA102" s="5" t="s">
        <v>43</v>
      </c>
      <c r="AB102" s="5" t="s">
        <v>44</v>
      </c>
      <c r="AC102" s="2"/>
      <c r="AD102" s="1"/>
    </row>
    <row r="103" spans="1:30">
      <c r="A103" s="5" t="s">
        <v>83578</v>
      </c>
      <c r="B103" s="2" t="s">
        <v>83882</v>
      </c>
      <c r="C103" s="14" t="s">
        <v>83883</v>
      </c>
      <c r="D103" s="2" t="s">
        <v>83884</v>
      </c>
      <c r="E103" s="2" t="s">
        <v>1859</v>
      </c>
      <c r="F103" s="8">
        <v>170</v>
      </c>
      <c r="G103" s="5">
        <v>13</v>
      </c>
      <c r="H103" s="5" t="s">
        <v>1518</v>
      </c>
      <c r="I103" s="5" t="s">
        <v>1519</v>
      </c>
      <c r="J103" s="2" t="s">
        <v>1520</v>
      </c>
      <c r="K103" s="5" t="s">
        <v>1519</v>
      </c>
      <c r="L103" s="2" t="s">
        <v>1520</v>
      </c>
      <c r="M103" s="5" t="s">
        <v>1521</v>
      </c>
      <c r="N103" s="5" t="s">
        <v>38</v>
      </c>
      <c r="O103" s="5" t="s">
        <v>39</v>
      </c>
      <c r="P103" s="5" t="s">
        <v>40</v>
      </c>
      <c r="Q103" s="5" t="s">
        <v>1522</v>
      </c>
      <c r="R103" s="5" t="s">
        <v>1523</v>
      </c>
      <c r="S103" s="5" t="s">
        <v>42</v>
      </c>
      <c r="T103" s="2">
        <v>2.1459999999999999</v>
      </c>
      <c r="U103" s="2">
        <v>1.6439999999999999</v>
      </c>
      <c r="V103" s="2">
        <v>1.4999999999999999E-2</v>
      </c>
      <c r="W103" s="2">
        <v>118.9</v>
      </c>
      <c r="X103" s="2">
        <v>7.6</v>
      </c>
      <c r="Y103" s="2">
        <v>16.7</v>
      </c>
      <c r="Z103" s="5"/>
      <c r="AA103" s="5" t="s">
        <v>43</v>
      </c>
      <c r="AB103" s="5" t="s">
        <v>44</v>
      </c>
      <c r="AC103" s="2"/>
      <c r="AD103" s="1"/>
    </row>
    <row r="104" spans="1:30">
      <c r="A104" s="5" t="s">
        <v>83578</v>
      </c>
      <c r="B104" s="2" t="s">
        <v>83885</v>
      </c>
      <c r="C104" s="14" t="s">
        <v>83886</v>
      </c>
      <c r="D104" s="2" t="s">
        <v>83887</v>
      </c>
      <c r="E104" s="2" t="s">
        <v>1973</v>
      </c>
      <c r="F104" s="8">
        <v>150</v>
      </c>
      <c r="G104" s="5">
        <v>13</v>
      </c>
      <c r="H104" s="5" t="s">
        <v>1518</v>
      </c>
      <c r="I104" s="5" t="s">
        <v>1519</v>
      </c>
      <c r="J104" s="2" t="s">
        <v>1520</v>
      </c>
      <c r="K104" s="5" t="s">
        <v>1519</v>
      </c>
      <c r="L104" s="2" t="s">
        <v>1520</v>
      </c>
      <c r="M104" s="5" t="s">
        <v>1521</v>
      </c>
      <c r="N104" s="5" t="s">
        <v>38</v>
      </c>
      <c r="O104" s="5" t="s">
        <v>39</v>
      </c>
      <c r="P104" s="5" t="s">
        <v>40</v>
      </c>
      <c r="Q104" s="5" t="s">
        <v>1522</v>
      </c>
      <c r="R104" s="5" t="s">
        <v>1523</v>
      </c>
      <c r="S104" s="5" t="s">
        <v>42</v>
      </c>
      <c r="T104" s="2">
        <v>1.7909999999999999</v>
      </c>
      <c r="U104" s="2">
        <v>1.37</v>
      </c>
      <c r="V104" s="2">
        <v>1.0999999999999999E-2</v>
      </c>
      <c r="W104" s="2">
        <v>82.9</v>
      </c>
      <c r="X104" s="2">
        <v>7.6</v>
      </c>
      <c r="Y104" s="2">
        <v>16.7</v>
      </c>
      <c r="Z104" s="5"/>
      <c r="AA104" s="5" t="s">
        <v>43</v>
      </c>
      <c r="AB104" s="5" t="s">
        <v>44</v>
      </c>
      <c r="AC104" s="2"/>
      <c r="AD104" s="1"/>
    </row>
    <row r="105" spans="1:30">
      <c r="A105" s="5" t="s">
        <v>83578</v>
      </c>
      <c r="B105" s="2" t="s">
        <v>83888</v>
      </c>
      <c r="C105" s="14" t="s">
        <v>83889</v>
      </c>
      <c r="D105" s="2" t="s">
        <v>83890</v>
      </c>
      <c r="E105" s="2" t="s">
        <v>2348</v>
      </c>
      <c r="F105" s="8">
        <v>150</v>
      </c>
      <c r="G105" s="5">
        <v>13</v>
      </c>
      <c r="H105" s="5" t="s">
        <v>1518</v>
      </c>
      <c r="I105" s="5" t="s">
        <v>1519</v>
      </c>
      <c r="J105" s="2" t="s">
        <v>1520</v>
      </c>
      <c r="K105" s="5" t="s">
        <v>1519</v>
      </c>
      <c r="L105" s="2" t="s">
        <v>1520</v>
      </c>
      <c r="M105" s="5" t="s">
        <v>1521</v>
      </c>
      <c r="N105" s="5" t="s">
        <v>38</v>
      </c>
      <c r="O105" s="5" t="s">
        <v>39</v>
      </c>
      <c r="P105" s="5" t="s">
        <v>40</v>
      </c>
      <c r="Q105" s="5" t="s">
        <v>1522</v>
      </c>
      <c r="R105" s="5" t="s">
        <v>1523</v>
      </c>
      <c r="S105" s="5" t="s">
        <v>42</v>
      </c>
      <c r="T105" s="2">
        <v>1.8260000000000001</v>
      </c>
      <c r="U105" s="2">
        <v>1.405</v>
      </c>
      <c r="V105" s="2">
        <v>1.0999999999999999E-2</v>
      </c>
      <c r="W105" s="2">
        <v>82.9</v>
      </c>
      <c r="X105" s="2">
        <v>7.6</v>
      </c>
      <c r="Y105" s="2">
        <v>16.7</v>
      </c>
      <c r="Z105" s="5"/>
      <c r="AA105" s="5" t="s">
        <v>43</v>
      </c>
      <c r="AB105" s="5" t="s">
        <v>44</v>
      </c>
      <c r="AC105" s="2"/>
      <c r="AD105" s="1"/>
    </row>
    <row r="106" spans="1:30">
      <c r="A106" s="5" t="s">
        <v>83578</v>
      </c>
      <c r="B106" s="2" t="s">
        <v>83891</v>
      </c>
      <c r="C106" s="14" t="s">
        <v>83892</v>
      </c>
      <c r="D106" s="2" t="s">
        <v>83893</v>
      </c>
      <c r="E106" s="2" t="s">
        <v>2204</v>
      </c>
      <c r="F106" s="8">
        <v>150</v>
      </c>
      <c r="G106" s="5">
        <v>13</v>
      </c>
      <c r="H106" s="5" t="s">
        <v>1518</v>
      </c>
      <c r="I106" s="5" t="s">
        <v>1519</v>
      </c>
      <c r="J106" s="2" t="s">
        <v>1520</v>
      </c>
      <c r="K106" s="5" t="s">
        <v>1519</v>
      </c>
      <c r="L106" s="2" t="s">
        <v>1520</v>
      </c>
      <c r="M106" s="5" t="s">
        <v>1521</v>
      </c>
      <c r="N106" s="5" t="s">
        <v>38</v>
      </c>
      <c r="O106" s="5" t="s">
        <v>39</v>
      </c>
      <c r="P106" s="5" t="s">
        <v>40</v>
      </c>
      <c r="Q106" s="5" t="s">
        <v>1522</v>
      </c>
      <c r="R106" s="5" t="s">
        <v>1523</v>
      </c>
      <c r="S106" s="5" t="s">
        <v>42</v>
      </c>
      <c r="T106" s="2">
        <v>1.7909999999999999</v>
      </c>
      <c r="U106" s="2">
        <v>1.37</v>
      </c>
      <c r="V106" s="2">
        <v>1.0999999999999999E-2</v>
      </c>
      <c r="W106" s="2">
        <v>82.9</v>
      </c>
      <c r="X106" s="2">
        <v>7.6</v>
      </c>
      <c r="Y106" s="2">
        <v>16.7</v>
      </c>
      <c r="Z106" s="5"/>
      <c r="AA106" s="5" t="s">
        <v>43</v>
      </c>
      <c r="AB106" s="5" t="s">
        <v>44</v>
      </c>
      <c r="AC106" s="2"/>
      <c r="AD106" s="1"/>
    </row>
    <row r="107" spans="1:30">
      <c r="A107" s="5" t="s">
        <v>83578</v>
      </c>
      <c r="B107" s="2" t="s">
        <v>83894</v>
      </c>
      <c r="C107" s="14" t="s">
        <v>83895</v>
      </c>
      <c r="D107" s="2" t="s">
        <v>83896</v>
      </c>
      <c r="E107" s="2" t="s">
        <v>1839</v>
      </c>
      <c r="F107" s="8">
        <v>150</v>
      </c>
      <c r="G107" s="5">
        <v>13</v>
      </c>
      <c r="H107" s="5" t="s">
        <v>1518</v>
      </c>
      <c r="I107" s="5" t="s">
        <v>1519</v>
      </c>
      <c r="J107" s="2" t="s">
        <v>1520</v>
      </c>
      <c r="K107" s="5" t="s">
        <v>1519</v>
      </c>
      <c r="L107" s="2" t="s">
        <v>1520</v>
      </c>
      <c r="M107" s="5" t="s">
        <v>1521</v>
      </c>
      <c r="N107" s="5" t="s">
        <v>38</v>
      </c>
      <c r="O107" s="5" t="s">
        <v>39</v>
      </c>
      <c r="P107" s="5" t="s">
        <v>40</v>
      </c>
      <c r="Q107" s="5" t="s">
        <v>1522</v>
      </c>
      <c r="R107" s="5" t="s">
        <v>1523</v>
      </c>
      <c r="S107" s="5" t="s">
        <v>42</v>
      </c>
      <c r="T107" s="2">
        <v>1.7909999999999999</v>
      </c>
      <c r="U107" s="2">
        <v>1.37</v>
      </c>
      <c r="V107" s="2">
        <v>1.0999999999999999E-2</v>
      </c>
      <c r="W107" s="2">
        <v>82.9</v>
      </c>
      <c r="X107" s="2">
        <v>7.6</v>
      </c>
      <c r="Y107" s="2">
        <v>16.7</v>
      </c>
      <c r="Z107" s="5"/>
      <c r="AA107" s="5" t="s">
        <v>43</v>
      </c>
      <c r="AB107" s="5" t="s">
        <v>44</v>
      </c>
      <c r="AC107" s="2"/>
      <c r="AD107" s="1"/>
    </row>
    <row r="108" spans="1:30">
      <c r="A108" s="5" t="s">
        <v>83578</v>
      </c>
      <c r="B108" s="2" t="s">
        <v>83897</v>
      </c>
      <c r="C108" s="14" t="s">
        <v>83898</v>
      </c>
      <c r="D108" s="2" t="s">
        <v>83899</v>
      </c>
      <c r="E108" s="2" t="s">
        <v>1986</v>
      </c>
      <c r="F108" s="8">
        <v>150</v>
      </c>
      <c r="G108" s="5">
        <v>13</v>
      </c>
      <c r="H108" s="5" t="s">
        <v>1518</v>
      </c>
      <c r="I108" s="5" t="s">
        <v>1519</v>
      </c>
      <c r="J108" s="2" t="s">
        <v>1520</v>
      </c>
      <c r="K108" s="5" t="s">
        <v>1519</v>
      </c>
      <c r="L108" s="2" t="s">
        <v>1520</v>
      </c>
      <c r="M108" s="5" t="s">
        <v>1521</v>
      </c>
      <c r="N108" s="5" t="s">
        <v>38</v>
      </c>
      <c r="O108" s="5" t="s">
        <v>39</v>
      </c>
      <c r="P108" s="5" t="s">
        <v>40</v>
      </c>
      <c r="Q108" s="5" t="s">
        <v>1522</v>
      </c>
      <c r="R108" s="5" t="s">
        <v>1523</v>
      </c>
      <c r="S108" s="5" t="s">
        <v>42</v>
      </c>
      <c r="T108" s="2">
        <v>1.8260000000000001</v>
      </c>
      <c r="U108" s="2">
        <v>1.405</v>
      </c>
      <c r="V108" s="2">
        <v>1.0999999999999999E-2</v>
      </c>
      <c r="W108" s="2">
        <v>82.9</v>
      </c>
      <c r="X108" s="2">
        <v>7.6</v>
      </c>
      <c r="Y108" s="2">
        <v>16.7</v>
      </c>
      <c r="Z108" s="5"/>
      <c r="AA108" s="5" t="s">
        <v>43</v>
      </c>
      <c r="AB108" s="5" t="s">
        <v>44</v>
      </c>
      <c r="AC108" s="2"/>
      <c r="AD108" s="1"/>
    </row>
    <row r="109" spans="1:30">
      <c r="A109" s="5" t="s">
        <v>83578</v>
      </c>
      <c r="B109" s="2" t="s">
        <v>83900</v>
      </c>
      <c r="C109" s="14" t="s">
        <v>83901</v>
      </c>
      <c r="D109" s="2" t="s">
        <v>83902</v>
      </c>
      <c r="E109" s="2" t="s">
        <v>1851</v>
      </c>
      <c r="F109" s="8">
        <v>150</v>
      </c>
      <c r="G109" s="5">
        <v>13</v>
      </c>
      <c r="H109" s="5" t="s">
        <v>1518</v>
      </c>
      <c r="I109" s="5" t="s">
        <v>1519</v>
      </c>
      <c r="J109" s="2" t="s">
        <v>1520</v>
      </c>
      <c r="K109" s="5" t="s">
        <v>1519</v>
      </c>
      <c r="L109" s="2" t="s">
        <v>1520</v>
      </c>
      <c r="M109" s="5" t="s">
        <v>1521</v>
      </c>
      <c r="N109" s="5" t="s">
        <v>38</v>
      </c>
      <c r="O109" s="5" t="s">
        <v>39</v>
      </c>
      <c r="P109" s="5" t="s">
        <v>40</v>
      </c>
      <c r="Q109" s="5" t="s">
        <v>1522</v>
      </c>
      <c r="R109" s="5" t="s">
        <v>1523</v>
      </c>
      <c r="S109" s="5" t="s">
        <v>42</v>
      </c>
      <c r="T109" s="2">
        <v>1.7909999999999999</v>
      </c>
      <c r="U109" s="2">
        <v>1.37</v>
      </c>
      <c r="V109" s="2">
        <v>1.0999999999999999E-2</v>
      </c>
      <c r="W109" s="2">
        <v>82.9</v>
      </c>
      <c r="X109" s="2">
        <v>7.6</v>
      </c>
      <c r="Y109" s="2">
        <v>16.7</v>
      </c>
      <c r="Z109" s="5"/>
      <c r="AA109" s="5" t="s">
        <v>43</v>
      </c>
      <c r="AB109" s="5" t="s">
        <v>44</v>
      </c>
      <c r="AC109" s="2"/>
      <c r="AD109" s="1"/>
    </row>
    <row r="110" spans="1:30">
      <c r="A110" s="5" t="s">
        <v>83578</v>
      </c>
      <c r="B110" s="2" t="s">
        <v>83903</v>
      </c>
      <c r="C110" s="14" t="s">
        <v>83904</v>
      </c>
      <c r="D110" s="2" t="s">
        <v>83905</v>
      </c>
      <c r="E110" s="2" t="s">
        <v>1855</v>
      </c>
      <c r="F110" s="8">
        <v>150</v>
      </c>
      <c r="G110" s="5">
        <v>13</v>
      </c>
      <c r="H110" s="5" t="s">
        <v>1518</v>
      </c>
      <c r="I110" s="5" t="s">
        <v>1519</v>
      </c>
      <c r="J110" s="2" t="s">
        <v>1520</v>
      </c>
      <c r="K110" s="5" t="s">
        <v>1519</v>
      </c>
      <c r="L110" s="2" t="s">
        <v>1520</v>
      </c>
      <c r="M110" s="5" t="s">
        <v>1521</v>
      </c>
      <c r="N110" s="5" t="s">
        <v>38</v>
      </c>
      <c r="O110" s="5" t="s">
        <v>39</v>
      </c>
      <c r="P110" s="5" t="s">
        <v>40</v>
      </c>
      <c r="Q110" s="5" t="s">
        <v>1522</v>
      </c>
      <c r="R110" s="5" t="s">
        <v>1523</v>
      </c>
      <c r="S110" s="5" t="s">
        <v>42</v>
      </c>
      <c r="T110" s="2">
        <v>1.7909999999999999</v>
      </c>
      <c r="U110" s="2">
        <v>1.37</v>
      </c>
      <c r="V110" s="2">
        <v>1.0999999999999999E-2</v>
      </c>
      <c r="W110" s="2">
        <v>82.9</v>
      </c>
      <c r="X110" s="2">
        <v>7.6</v>
      </c>
      <c r="Y110" s="2">
        <v>16.7</v>
      </c>
      <c r="Z110" s="5"/>
      <c r="AA110" s="5" t="s">
        <v>43</v>
      </c>
      <c r="AB110" s="5" t="s">
        <v>44</v>
      </c>
      <c r="AC110" s="2"/>
      <c r="AD110" s="1"/>
    </row>
    <row r="111" spans="1:30">
      <c r="A111" s="5" t="s">
        <v>83578</v>
      </c>
      <c r="B111" s="2" t="s">
        <v>83906</v>
      </c>
      <c r="C111" s="14" t="s">
        <v>83907</v>
      </c>
      <c r="D111" s="2" t="s">
        <v>83908</v>
      </c>
      <c r="E111" s="2" t="s">
        <v>2204</v>
      </c>
      <c r="F111" s="8">
        <v>165</v>
      </c>
      <c r="G111" s="5">
        <v>13</v>
      </c>
      <c r="H111" s="5" t="s">
        <v>1518</v>
      </c>
      <c r="I111" s="5" t="s">
        <v>1519</v>
      </c>
      <c r="J111" s="2" t="s">
        <v>1520</v>
      </c>
      <c r="K111" s="5" t="s">
        <v>1519</v>
      </c>
      <c r="L111" s="2" t="s">
        <v>1520</v>
      </c>
      <c r="M111" s="5" t="s">
        <v>1521</v>
      </c>
      <c r="N111" s="5" t="s">
        <v>38</v>
      </c>
      <c r="O111" s="5" t="s">
        <v>39</v>
      </c>
      <c r="P111" s="5" t="s">
        <v>40</v>
      </c>
      <c r="Q111" s="5" t="s">
        <v>1522</v>
      </c>
      <c r="R111" s="5" t="s">
        <v>1523</v>
      </c>
      <c r="S111" s="5" t="s">
        <v>42</v>
      </c>
      <c r="T111" s="2">
        <v>2.0019999999999998</v>
      </c>
      <c r="U111" s="2">
        <v>1.494</v>
      </c>
      <c r="V111" s="2">
        <v>1.4999999999999999E-2</v>
      </c>
      <c r="W111" s="2">
        <v>118.9</v>
      </c>
      <c r="X111" s="2">
        <v>7.6</v>
      </c>
      <c r="Y111" s="2">
        <v>16.7</v>
      </c>
      <c r="Z111" s="5"/>
      <c r="AA111" s="5" t="s">
        <v>43</v>
      </c>
      <c r="AB111" s="5" t="s">
        <v>44</v>
      </c>
      <c r="AC111" s="2"/>
      <c r="AD111" s="1"/>
    </row>
    <row r="112" spans="1:30">
      <c r="A112" s="5" t="s">
        <v>83578</v>
      </c>
      <c r="B112" s="2" t="s">
        <v>83909</v>
      </c>
      <c r="C112" s="14" t="s">
        <v>83910</v>
      </c>
      <c r="D112" s="2" t="s">
        <v>83911</v>
      </c>
      <c r="E112" s="2" t="s">
        <v>2724</v>
      </c>
      <c r="F112" s="8">
        <v>165</v>
      </c>
      <c r="G112" s="5">
        <v>13</v>
      </c>
      <c r="H112" s="5" t="s">
        <v>1518</v>
      </c>
      <c r="I112" s="5" t="s">
        <v>1519</v>
      </c>
      <c r="J112" s="2" t="s">
        <v>1520</v>
      </c>
      <c r="K112" s="5" t="s">
        <v>1519</v>
      </c>
      <c r="L112" s="2" t="s">
        <v>1520</v>
      </c>
      <c r="M112" s="5" t="s">
        <v>1521</v>
      </c>
      <c r="N112" s="5" t="s">
        <v>38</v>
      </c>
      <c r="O112" s="5" t="s">
        <v>39</v>
      </c>
      <c r="P112" s="5" t="s">
        <v>40</v>
      </c>
      <c r="Q112" s="5" t="s">
        <v>1522</v>
      </c>
      <c r="R112" s="5" t="s">
        <v>1523</v>
      </c>
      <c r="S112" s="5" t="s">
        <v>42</v>
      </c>
      <c r="T112" s="2">
        <v>2.0409999999999999</v>
      </c>
      <c r="U112" s="2">
        <v>1.5329999999999999</v>
      </c>
      <c r="V112" s="2">
        <v>1.4999999999999999E-2</v>
      </c>
      <c r="W112" s="2">
        <v>118.9</v>
      </c>
      <c r="X112" s="2">
        <v>7.6</v>
      </c>
      <c r="Y112" s="2">
        <v>16.7</v>
      </c>
      <c r="Z112" s="5"/>
      <c r="AA112" s="5" t="s">
        <v>43</v>
      </c>
      <c r="AB112" s="5" t="s">
        <v>44</v>
      </c>
      <c r="AC112" s="2"/>
      <c r="AD112" s="1"/>
    </row>
    <row r="113" spans="1:30">
      <c r="A113" s="5" t="s">
        <v>83578</v>
      </c>
      <c r="B113" s="2" t="s">
        <v>83912</v>
      </c>
      <c r="C113" s="14" t="s">
        <v>83913</v>
      </c>
      <c r="D113" s="2" t="s">
        <v>83914</v>
      </c>
      <c r="E113" s="2" t="s">
        <v>1839</v>
      </c>
      <c r="F113" s="8">
        <v>165</v>
      </c>
      <c r="G113" s="5">
        <v>13</v>
      </c>
      <c r="H113" s="5" t="s">
        <v>1518</v>
      </c>
      <c r="I113" s="5" t="s">
        <v>1519</v>
      </c>
      <c r="J113" s="2" t="s">
        <v>1520</v>
      </c>
      <c r="K113" s="5" t="s">
        <v>1519</v>
      </c>
      <c r="L113" s="2" t="s">
        <v>1520</v>
      </c>
      <c r="M113" s="5" t="s">
        <v>1521</v>
      </c>
      <c r="N113" s="5" t="s">
        <v>38</v>
      </c>
      <c r="O113" s="5" t="s">
        <v>39</v>
      </c>
      <c r="P113" s="5" t="s">
        <v>40</v>
      </c>
      <c r="Q113" s="5" t="s">
        <v>1522</v>
      </c>
      <c r="R113" s="5" t="s">
        <v>1523</v>
      </c>
      <c r="S113" s="5" t="s">
        <v>42</v>
      </c>
      <c r="T113" s="2">
        <v>2.0019999999999998</v>
      </c>
      <c r="U113" s="2">
        <v>1.494</v>
      </c>
      <c r="V113" s="2">
        <v>1.4999999999999999E-2</v>
      </c>
      <c r="W113" s="2">
        <v>118.9</v>
      </c>
      <c r="X113" s="2">
        <v>7.6</v>
      </c>
      <c r="Y113" s="2">
        <v>16.7</v>
      </c>
      <c r="Z113" s="5"/>
      <c r="AA113" s="5" t="s">
        <v>43</v>
      </c>
      <c r="AB113" s="5" t="s">
        <v>44</v>
      </c>
      <c r="AC113" s="2"/>
      <c r="AD113" s="1"/>
    </row>
    <row r="114" spans="1:30">
      <c r="A114" s="5" t="s">
        <v>83578</v>
      </c>
      <c r="B114" s="2" t="s">
        <v>83915</v>
      </c>
      <c r="C114" s="14" t="s">
        <v>83916</v>
      </c>
      <c r="D114" s="2" t="s">
        <v>83917</v>
      </c>
      <c r="E114" s="2" t="s">
        <v>2348</v>
      </c>
      <c r="F114" s="8">
        <v>170</v>
      </c>
      <c r="G114" s="5">
        <v>13</v>
      </c>
      <c r="H114" s="5" t="s">
        <v>1518</v>
      </c>
      <c r="I114" s="5" t="s">
        <v>1519</v>
      </c>
      <c r="J114" s="2" t="s">
        <v>1520</v>
      </c>
      <c r="K114" s="5" t="s">
        <v>1519</v>
      </c>
      <c r="L114" s="2" t="s">
        <v>1520</v>
      </c>
      <c r="M114" s="5" t="s">
        <v>1521</v>
      </c>
      <c r="N114" s="5" t="s">
        <v>38</v>
      </c>
      <c r="O114" s="5" t="s">
        <v>39</v>
      </c>
      <c r="P114" s="5" t="s">
        <v>40</v>
      </c>
      <c r="Q114" s="5" t="s">
        <v>1522</v>
      </c>
      <c r="R114" s="5" t="s">
        <v>1523</v>
      </c>
      <c r="S114" s="5" t="s">
        <v>42</v>
      </c>
      <c r="T114" s="2">
        <v>2.254</v>
      </c>
      <c r="U114" s="2">
        <v>1.671</v>
      </c>
      <c r="V114" s="2">
        <v>1.7999999999999999E-2</v>
      </c>
      <c r="W114" s="2">
        <v>139.1</v>
      </c>
      <c r="X114" s="2">
        <v>7.6</v>
      </c>
      <c r="Y114" s="2">
        <v>16.7</v>
      </c>
      <c r="Z114" s="5"/>
      <c r="AA114" s="5" t="s">
        <v>43</v>
      </c>
      <c r="AB114" s="5" t="s">
        <v>44</v>
      </c>
      <c r="AC114" s="2"/>
      <c r="AD114" s="1"/>
    </row>
    <row r="115" spans="1:30">
      <c r="A115" s="5" t="s">
        <v>83578</v>
      </c>
      <c r="B115" s="2" t="s">
        <v>83918</v>
      </c>
      <c r="C115" s="14" t="s">
        <v>83919</v>
      </c>
      <c r="D115" s="2" t="s">
        <v>83920</v>
      </c>
      <c r="E115" s="2" t="s">
        <v>2204</v>
      </c>
      <c r="F115" s="8">
        <v>170</v>
      </c>
      <c r="G115" s="5">
        <v>13</v>
      </c>
      <c r="H115" s="5" t="s">
        <v>1518</v>
      </c>
      <c r="I115" s="5" t="s">
        <v>1519</v>
      </c>
      <c r="J115" s="2" t="s">
        <v>1520</v>
      </c>
      <c r="K115" s="5" t="s">
        <v>1519</v>
      </c>
      <c r="L115" s="2" t="s">
        <v>1520</v>
      </c>
      <c r="M115" s="5" t="s">
        <v>1521</v>
      </c>
      <c r="N115" s="5" t="s">
        <v>38</v>
      </c>
      <c r="O115" s="5" t="s">
        <v>39</v>
      </c>
      <c r="P115" s="5" t="s">
        <v>40</v>
      </c>
      <c r="Q115" s="5" t="s">
        <v>1522</v>
      </c>
      <c r="R115" s="5" t="s">
        <v>1523</v>
      </c>
      <c r="S115" s="5" t="s">
        <v>42</v>
      </c>
      <c r="T115" s="2">
        <v>2.21</v>
      </c>
      <c r="U115" s="2">
        <v>1.627</v>
      </c>
      <c r="V115" s="2">
        <v>1.7999999999999999E-2</v>
      </c>
      <c r="W115" s="2">
        <v>139.1</v>
      </c>
      <c r="X115" s="2">
        <v>7.6</v>
      </c>
      <c r="Y115" s="2">
        <v>16.7</v>
      </c>
      <c r="Z115" s="5"/>
      <c r="AA115" s="5" t="s">
        <v>43</v>
      </c>
      <c r="AB115" s="5" t="s">
        <v>44</v>
      </c>
      <c r="AC115" s="2"/>
      <c r="AD115" s="1"/>
    </row>
    <row r="116" spans="1:30">
      <c r="A116" s="5" t="s">
        <v>83578</v>
      </c>
      <c r="B116" s="2" t="s">
        <v>83921</v>
      </c>
      <c r="C116" s="14" t="s">
        <v>83922</v>
      </c>
      <c r="D116" s="2" t="s">
        <v>83923</v>
      </c>
      <c r="E116" s="2" t="s">
        <v>1843</v>
      </c>
      <c r="F116" s="8">
        <v>170</v>
      </c>
      <c r="G116" s="5">
        <v>13</v>
      </c>
      <c r="H116" s="5" t="s">
        <v>1518</v>
      </c>
      <c r="I116" s="5" t="s">
        <v>1519</v>
      </c>
      <c r="J116" s="2" t="s">
        <v>1520</v>
      </c>
      <c r="K116" s="5" t="s">
        <v>1519</v>
      </c>
      <c r="L116" s="2" t="s">
        <v>1520</v>
      </c>
      <c r="M116" s="5" t="s">
        <v>1521</v>
      </c>
      <c r="N116" s="5" t="s">
        <v>38</v>
      </c>
      <c r="O116" s="5" t="s">
        <v>39</v>
      </c>
      <c r="P116" s="5" t="s">
        <v>40</v>
      </c>
      <c r="Q116" s="5" t="s">
        <v>1522</v>
      </c>
      <c r="R116" s="5" t="s">
        <v>1523</v>
      </c>
      <c r="S116" s="5" t="s">
        <v>42</v>
      </c>
      <c r="T116" s="2">
        <v>2.21</v>
      </c>
      <c r="U116" s="2">
        <v>1.627</v>
      </c>
      <c r="V116" s="2">
        <v>1.7999999999999999E-2</v>
      </c>
      <c r="W116" s="2">
        <v>139.1</v>
      </c>
      <c r="X116" s="2">
        <v>7.6</v>
      </c>
      <c r="Y116" s="2">
        <v>16.7</v>
      </c>
      <c r="Z116" s="5"/>
      <c r="AA116" s="5" t="s">
        <v>43</v>
      </c>
      <c r="AB116" s="5" t="s">
        <v>44</v>
      </c>
      <c r="AC116" s="2"/>
      <c r="AD116" s="1"/>
    </row>
    <row r="117" spans="1:30">
      <c r="A117" s="5" t="s">
        <v>83578</v>
      </c>
      <c r="B117" s="2" t="s">
        <v>83924</v>
      </c>
      <c r="C117" s="14" t="s">
        <v>83925</v>
      </c>
      <c r="D117" s="2" t="s">
        <v>83926</v>
      </c>
      <c r="E117" s="2" t="s">
        <v>2348</v>
      </c>
      <c r="F117" s="8">
        <v>157</v>
      </c>
      <c r="G117" s="5">
        <v>13</v>
      </c>
      <c r="H117" s="5" t="s">
        <v>1518</v>
      </c>
      <c r="I117" s="5" t="s">
        <v>1519</v>
      </c>
      <c r="J117" s="2" t="s">
        <v>1520</v>
      </c>
      <c r="K117" s="5" t="s">
        <v>1519</v>
      </c>
      <c r="L117" s="2" t="s">
        <v>1520</v>
      </c>
      <c r="M117" s="5" t="s">
        <v>1521</v>
      </c>
      <c r="N117" s="5" t="s">
        <v>38</v>
      </c>
      <c r="O117" s="5" t="s">
        <v>39</v>
      </c>
      <c r="P117" s="5" t="s">
        <v>40</v>
      </c>
      <c r="Q117" s="5" t="s">
        <v>1522</v>
      </c>
      <c r="R117" s="5" t="s">
        <v>1523</v>
      </c>
      <c r="S117" s="5" t="s">
        <v>42</v>
      </c>
      <c r="T117" s="2">
        <v>2.004</v>
      </c>
      <c r="U117" s="2">
        <v>1.595</v>
      </c>
      <c r="V117" s="2">
        <v>1.0999999999999999E-2</v>
      </c>
      <c r="W117" s="2">
        <v>82.9</v>
      </c>
      <c r="X117" s="2">
        <v>7.6</v>
      </c>
      <c r="Y117" s="2">
        <v>16.7</v>
      </c>
      <c r="Z117" s="5"/>
      <c r="AA117" s="5" t="s">
        <v>43</v>
      </c>
      <c r="AB117" s="5" t="s">
        <v>44</v>
      </c>
      <c r="AC117" s="2"/>
      <c r="AD117" s="1"/>
    </row>
    <row r="118" spans="1:30">
      <c r="A118" s="5" t="s">
        <v>83578</v>
      </c>
      <c r="B118" s="2" t="s">
        <v>83927</v>
      </c>
      <c r="C118" s="14" t="s">
        <v>83928</v>
      </c>
      <c r="D118" s="2" t="s">
        <v>83929</v>
      </c>
      <c r="E118" s="2" t="s">
        <v>2724</v>
      </c>
      <c r="F118" s="8">
        <v>157</v>
      </c>
      <c r="G118" s="5">
        <v>13</v>
      </c>
      <c r="H118" s="5" t="s">
        <v>1518</v>
      </c>
      <c r="I118" s="5" t="s">
        <v>1519</v>
      </c>
      <c r="J118" s="2" t="s">
        <v>1520</v>
      </c>
      <c r="K118" s="5" t="s">
        <v>1519</v>
      </c>
      <c r="L118" s="2" t="s">
        <v>1520</v>
      </c>
      <c r="M118" s="5" t="s">
        <v>1521</v>
      </c>
      <c r="N118" s="5" t="s">
        <v>38</v>
      </c>
      <c r="O118" s="5" t="s">
        <v>39</v>
      </c>
      <c r="P118" s="5" t="s">
        <v>40</v>
      </c>
      <c r="Q118" s="5" t="s">
        <v>1522</v>
      </c>
      <c r="R118" s="5" t="s">
        <v>1523</v>
      </c>
      <c r="S118" s="5" t="s">
        <v>42</v>
      </c>
      <c r="T118" s="2">
        <v>2.004</v>
      </c>
      <c r="U118" s="2">
        <v>1.595</v>
      </c>
      <c r="V118" s="2">
        <v>1.0999999999999999E-2</v>
      </c>
      <c r="W118" s="2">
        <v>82.9</v>
      </c>
      <c r="X118" s="2">
        <v>7.6</v>
      </c>
      <c r="Y118" s="2">
        <v>16.7</v>
      </c>
      <c r="Z118" s="5"/>
      <c r="AA118" s="5" t="s">
        <v>43</v>
      </c>
      <c r="AB118" s="5" t="s">
        <v>44</v>
      </c>
      <c r="AC118" s="2"/>
      <c r="AD118" s="1"/>
    </row>
    <row r="119" spans="1:30">
      <c r="A119" s="5" t="s">
        <v>83578</v>
      </c>
      <c r="B119" s="2" t="s">
        <v>83930</v>
      </c>
      <c r="C119" s="14" t="s">
        <v>83931</v>
      </c>
      <c r="D119" s="2" t="s">
        <v>83932</v>
      </c>
      <c r="E119" s="2" t="s">
        <v>2724</v>
      </c>
      <c r="F119" s="8">
        <v>170</v>
      </c>
      <c r="G119" s="5">
        <v>13</v>
      </c>
      <c r="H119" s="5" t="s">
        <v>1518</v>
      </c>
      <c r="I119" s="5" t="s">
        <v>1519</v>
      </c>
      <c r="J119" s="2" t="s">
        <v>1520</v>
      </c>
      <c r="K119" s="5" t="s">
        <v>1519</v>
      </c>
      <c r="L119" s="2" t="s">
        <v>1520</v>
      </c>
      <c r="M119" s="5" t="s">
        <v>1521</v>
      </c>
      <c r="N119" s="5" t="s">
        <v>38</v>
      </c>
      <c r="O119" s="5" t="s">
        <v>39</v>
      </c>
      <c r="P119" s="5" t="s">
        <v>40</v>
      </c>
      <c r="Q119" s="5" t="s">
        <v>1522</v>
      </c>
      <c r="R119" s="5" t="s">
        <v>1523</v>
      </c>
      <c r="S119" s="5" t="s">
        <v>42</v>
      </c>
      <c r="T119" s="2">
        <v>2.2189999999999999</v>
      </c>
      <c r="U119" s="2">
        <v>1.73</v>
      </c>
      <c r="V119" s="2">
        <v>1.2999999999999999E-2</v>
      </c>
      <c r="W119" s="2">
        <v>99.1</v>
      </c>
      <c r="X119" s="2">
        <v>7.6</v>
      </c>
      <c r="Y119" s="2">
        <v>16.7</v>
      </c>
      <c r="Z119" s="5"/>
      <c r="AA119" s="5" t="s">
        <v>43</v>
      </c>
      <c r="AB119" s="5" t="s">
        <v>44</v>
      </c>
      <c r="AC119" s="2"/>
      <c r="AD119" s="1"/>
    </row>
    <row r="120" spans="1:30">
      <c r="A120" s="5" t="s">
        <v>83578</v>
      </c>
      <c r="B120" s="2" t="s">
        <v>83933</v>
      </c>
      <c r="C120" s="14" t="s">
        <v>83934</v>
      </c>
      <c r="D120" s="2" t="s">
        <v>83935</v>
      </c>
      <c r="E120" s="2" t="s">
        <v>1771</v>
      </c>
      <c r="F120" s="8">
        <v>186</v>
      </c>
      <c r="G120" s="5">
        <v>6</v>
      </c>
      <c r="H120" s="5" t="s">
        <v>1518</v>
      </c>
      <c r="I120" s="5" t="s">
        <v>1519</v>
      </c>
      <c r="J120" s="2" t="s">
        <v>1520</v>
      </c>
      <c r="K120" s="5" t="s">
        <v>1519</v>
      </c>
      <c r="L120" s="2" t="s">
        <v>1520</v>
      </c>
      <c r="M120" s="5" t="s">
        <v>1521</v>
      </c>
      <c r="N120" s="5" t="s">
        <v>38</v>
      </c>
      <c r="O120" s="5" t="s">
        <v>39</v>
      </c>
      <c r="P120" s="5" t="s">
        <v>40</v>
      </c>
      <c r="Q120" s="5" t="s">
        <v>1522</v>
      </c>
      <c r="R120" s="5" t="s">
        <v>1523</v>
      </c>
      <c r="S120" s="5" t="s">
        <v>42</v>
      </c>
      <c r="T120" s="2">
        <v>2.5409999999999999</v>
      </c>
      <c r="U120" s="2">
        <v>1.976</v>
      </c>
      <c r="V120" s="2">
        <v>1.7999999999999999E-2</v>
      </c>
      <c r="W120" s="2">
        <v>139.1</v>
      </c>
      <c r="X120" s="2">
        <v>7.6</v>
      </c>
      <c r="Y120" s="2">
        <v>16.7</v>
      </c>
      <c r="Z120" s="5"/>
      <c r="AA120" s="5" t="s">
        <v>43</v>
      </c>
      <c r="AB120" s="5" t="s">
        <v>44</v>
      </c>
      <c r="AC120" s="2"/>
      <c r="AD120" s="1"/>
    </row>
    <row r="121" spans="1:30">
      <c r="A121" s="5" t="s">
        <v>83578</v>
      </c>
      <c r="B121" s="2" t="s">
        <v>83936</v>
      </c>
      <c r="C121" s="14" t="s">
        <v>83937</v>
      </c>
      <c r="D121" s="2" t="s">
        <v>83938</v>
      </c>
      <c r="E121" s="2" t="s">
        <v>2348</v>
      </c>
      <c r="F121" s="8">
        <v>186</v>
      </c>
      <c r="G121" s="5">
        <v>18</v>
      </c>
      <c r="H121" s="5" t="s">
        <v>1518</v>
      </c>
      <c r="I121" s="5" t="s">
        <v>1519</v>
      </c>
      <c r="J121" s="2" t="s">
        <v>1520</v>
      </c>
      <c r="K121" s="5" t="s">
        <v>1519</v>
      </c>
      <c r="L121" s="2" t="s">
        <v>1520</v>
      </c>
      <c r="M121" s="5" t="s">
        <v>1521</v>
      </c>
      <c r="N121" s="5" t="s">
        <v>38</v>
      </c>
      <c r="O121" s="5" t="s">
        <v>39</v>
      </c>
      <c r="P121" s="5" t="s">
        <v>40</v>
      </c>
      <c r="Q121" s="5" t="s">
        <v>1522</v>
      </c>
      <c r="R121" s="5" t="s">
        <v>1523</v>
      </c>
      <c r="S121" s="5" t="s">
        <v>42</v>
      </c>
      <c r="T121" s="2">
        <v>2.5830000000000002</v>
      </c>
      <c r="U121" s="2">
        <v>2.0179999999999998</v>
      </c>
      <c r="V121" s="2">
        <v>1.7999999999999999E-2</v>
      </c>
      <c r="W121" s="2">
        <v>139.1</v>
      </c>
      <c r="X121" s="2">
        <v>7.6</v>
      </c>
      <c r="Y121" s="2">
        <v>16.7</v>
      </c>
      <c r="Z121" s="5"/>
      <c r="AA121" s="5" t="s">
        <v>43</v>
      </c>
      <c r="AB121" s="5" t="s">
        <v>44</v>
      </c>
      <c r="AC121" s="2"/>
      <c r="AD121" s="1"/>
    </row>
    <row r="122" spans="1:30">
      <c r="A122" s="5" t="s">
        <v>83578</v>
      </c>
      <c r="B122" s="2" t="s">
        <v>83939</v>
      </c>
      <c r="C122" s="14" t="s">
        <v>83940</v>
      </c>
      <c r="D122" s="2" t="s">
        <v>83941</v>
      </c>
      <c r="E122" s="2" t="s">
        <v>2204</v>
      </c>
      <c r="F122" s="8">
        <v>186</v>
      </c>
      <c r="G122" s="5">
        <v>18</v>
      </c>
      <c r="H122" s="5" t="s">
        <v>1518</v>
      </c>
      <c r="I122" s="5" t="s">
        <v>1519</v>
      </c>
      <c r="J122" s="2" t="s">
        <v>1520</v>
      </c>
      <c r="K122" s="5" t="s">
        <v>1519</v>
      </c>
      <c r="L122" s="2" t="s">
        <v>1520</v>
      </c>
      <c r="M122" s="5" t="s">
        <v>1521</v>
      </c>
      <c r="N122" s="5" t="s">
        <v>38</v>
      </c>
      <c r="O122" s="5" t="s">
        <v>39</v>
      </c>
      <c r="P122" s="5" t="s">
        <v>40</v>
      </c>
      <c r="Q122" s="5" t="s">
        <v>1522</v>
      </c>
      <c r="R122" s="5" t="s">
        <v>1523</v>
      </c>
      <c r="S122" s="5" t="s">
        <v>42</v>
      </c>
      <c r="T122" s="2">
        <v>2.532</v>
      </c>
      <c r="U122" s="2">
        <v>1.9670000000000001</v>
      </c>
      <c r="V122" s="2">
        <v>1.7999999999999999E-2</v>
      </c>
      <c r="W122" s="2">
        <v>139.1</v>
      </c>
      <c r="X122" s="2">
        <v>7.6</v>
      </c>
      <c r="Y122" s="2">
        <v>16.7</v>
      </c>
      <c r="Z122" s="5"/>
      <c r="AA122" s="5" t="s">
        <v>43</v>
      </c>
      <c r="AB122" s="5" t="s">
        <v>44</v>
      </c>
      <c r="AC122" s="2"/>
      <c r="AD122" s="1"/>
    </row>
    <row r="123" spans="1:30">
      <c r="A123" s="5" t="s">
        <v>83578</v>
      </c>
      <c r="B123" s="2" t="s">
        <v>83942</v>
      </c>
      <c r="C123" s="14" t="s">
        <v>83943</v>
      </c>
      <c r="D123" s="2" t="s">
        <v>83944</v>
      </c>
      <c r="E123" s="2" t="s">
        <v>2724</v>
      </c>
      <c r="F123" s="8">
        <v>186</v>
      </c>
      <c r="G123" s="5">
        <v>18</v>
      </c>
      <c r="H123" s="5" t="s">
        <v>1518</v>
      </c>
      <c r="I123" s="5" t="s">
        <v>1519</v>
      </c>
      <c r="J123" s="2" t="s">
        <v>1520</v>
      </c>
      <c r="K123" s="5" t="s">
        <v>1519</v>
      </c>
      <c r="L123" s="2" t="s">
        <v>1520</v>
      </c>
      <c r="M123" s="5" t="s">
        <v>1521</v>
      </c>
      <c r="N123" s="5" t="s">
        <v>38</v>
      </c>
      <c r="O123" s="5" t="s">
        <v>39</v>
      </c>
      <c r="P123" s="5" t="s">
        <v>40</v>
      </c>
      <c r="Q123" s="5" t="s">
        <v>1522</v>
      </c>
      <c r="R123" s="5" t="s">
        <v>1523</v>
      </c>
      <c r="S123" s="5" t="s">
        <v>42</v>
      </c>
      <c r="T123" s="2">
        <v>2.5830000000000002</v>
      </c>
      <c r="U123" s="2">
        <v>2.0179999999999998</v>
      </c>
      <c r="V123" s="2">
        <v>1.7999999999999999E-2</v>
      </c>
      <c r="W123" s="2">
        <v>139.1</v>
      </c>
      <c r="X123" s="2">
        <v>7.6</v>
      </c>
      <c r="Y123" s="2">
        <v>16.7</v>
      </c>
      <c r="Z123" s="5"/>
      <c r="AA123" s="5" t="s">
        <v>43</v>
      </c>
      <c r="AB123" s="5" t="s">
        <v>44</v>
      </c>
      <c r="AC123" s="2"/>
      <c r="AD123" s="1"/>
    </row>
    <row r="124" spans="1:30">
      <c r="A124" s="5" t="s">
        <v>83578</v>
      </c>
      <c r="B124" s="2" t="s">
        <v>83945</v>
      </c>
      <c r="C124" s="14" t="s">
        <v>83946</v>
      </c>
      <c r="D124" s="2" t="s">
        <v>83947</v>
      </c>
      <c r="E124" s="2" t="s">
        <v>1835</v>
      </c>
      <c r="F124" s="8">
        <v>186</v>
      </c>
      <c r="G124" s="5">
        <v>18</v>
      </c>
      <c r="H124" s="5" t="s">
        <v>1518</v>
      </c>
      <c r="I124" s="5" t="s">
        <v>1519</v>
      </c>
      <c r="J124" s="2" t="s">
        <v>1520</v>
      </c>
      <c r="K124" s="5" t="s">
        <v>1519</v>
      </c>
      <c r="L124" s="2" t="s">
        <v>1520</v>
      </c>
      <c r="M124" s="5" t="s">
        <v>1521</v>
      </c>
      <c r="N124" s="5" t="s">
        <v>38</v>
      </c>
      <c r="O124" s="5" t="s">
        <v>39</v>
      </c>
      <c r="P124" s="5" t="s">
        <v>40</v>
      </c>
      <c r="Q124" s="5" t="s">
        <v>1522</v>
      </c>
      <c r="R124" s="5" t="s">
        <v>1523</v>
      </c>
      <c r="S124" s="5" t="s">
        <v>42</v>
      </c>
      <c r="T124" s="2">
        <v>2.5830000000000002</v>
      </c>
      <c r="U124" s="2">
        <v>2.0179999999999998</v>
      </c>
      <c r="V124" s="2">
        <v>1.7999999999999999E-2</v>
      </c>
      <c r="W124" s="2">
        <v>139.1</v>
      </c>
      <c r="X124" s="2">
        <v>7.6</v>
      </c>
      <c r="Y124" s="2">
        <v>16.7</v>
      </c>
      <c r="Z124" s="5"/>
      <c r="AA124" s="5" t="s">
        <v>43</v>
      </c>
      <c r="AB124" s="5" t="s">
        <v>44</v>
      </c>
      <c r="AC124" s="2"/>
      <c r="AD124" s="1"/>
    </row>
    <row r="125" spans="1:30">
      <c r="A125" s="5" t="s">
        <v>83578</v>
      </c>
      <c r="B125" s="2" t="s">
        <v>83948</v>
      </c>
      <c r="C125" s="14" t="s">
        <v>83949</v>
      </c>
      <c r="D125" s="2" t="s">
        <v>83950</v>
      </c>
      <c r="E125" s="2" t="s">
        <v>1839</v>
      </c>
      <c r="F125" s="8">
        <v>186</v>
      </c>
      <c r="G125" s="5">
        <v>18</v>
      </c>
      <c r="H125" s="5" t="s">
        <v>1518</v>
      </c>
      <c r="I125" s="5" t="s">
        <v>1519</v>
      </c>
      <c r="J125" s="2" t="s">
        <v>1520</v>
      </c>
      <c r="K125" s="5" t="s">
        <v>1519</v>
      </c>
      <c r="L125" s="2" t="s">
        <v>1520</v>
      </c>
      <c r="M125" s="5" t="s">
        <v>1521</v>
      </c>
      <c r="N125" s="5" t="s">
        <v>38</v>
      </c>
      <c r="O125" s="5" t="s">
        <v>39</v>
      </c>
      <c r="P125" s="5" t="s">
        <v>40</v>
      </c>
      <c r="Q125" s="5" t="s">
        <v>1522</v>
      </c>
      <c r="R125" s="5" t="s">
        <v>1523</v>
      </c>
      <c r="S125" s="5" t="s">
        <v>42</v>
      </c>
      <c r="T125" s="2">
        <v>2.532</v>
      </c>
      <c r="U125" s="2">
        <v>1.9670000000000001</v>
      </c>
      <c r="V125" s="2">
        <v>1.7999999999999999E-2</v>
      </c>
      <c r="W125" s="2">
        <v>139.1</v>
      </c>
      <c r="X125" s="2">
        <v>7.6</v>
      </c>
      <c r="Y125" s="2">
        <v>16.7</v>
      </c>
      <c r="Z125" s="5"/>
      <c r="AA125" s="5" t="s">
        <v>43</v>
      </c>
      <c r="AB125" s="5" t="s">
        <v>44</v>
      </c>
      <c r="AC125" s="2"/>
      <c r="AD125" s="1"/>
    </row>
    <row r="126" spans="1:30">
      <c r="A126" s="5" t="s">
        <v>83578</v>
      </c>
      <c r="B126" s="2" t="s">
        <v>83951</v>
      </c>
      <c r="C126" s="14" t="s">
        <v>83952</v>
      </c>
      <c r="D126" s="2" t="s">
        <v>83953</v>
      </c>
      <c r="E126" s="2" t="s">
        <v>1986</v>
      </c>
      <c r="F126" s="8">
        <v>186</v>
      </c>
      <c r="G126" s="5">
        <v>18</v>
      </c>
      <c r="H126" s="5" t="s">
        <v>1518</v>
      </c>
      <c r="I126" s="5" t="s">
        <v>1519</v>
      </c>
      <c r="J126" s="2" t="s">
        <v>1520</v>
      </c>
      <c r="K126" s="5" t="s">
        <v>1519</v>
      </c>
      <c r="L126" s="2" t="s">
        <v>1520</v>
      </c>
      <c r="M126" s="5" t="s">
        <v>1521</v>
      </c>
      <c r="N126" s="5" t="s">
        <v>38</v>
      </c>
      <c r="O126" s="5" t="s">
        <v>39</v>
      </c>
      <c r="P126" s="5" t="s">
        <v>40</v>
      </c>
      <c r="Q126" s="5" t="s">
        <v>1522</v>
      </c>
      <c r="R126" s="5" t="s">
        <v>1523</v>
      </c>
      <c r="S126" s="5" t="s">
        <v>42</v>
      </c>
      <c r="T126" s="2">
        <v>2.5830000000000002</v>
      </c>
      <c r="U126" s="2">
        <v>2.0179999999999998</v>
      </c>
      <c r="V126" s="2">
        <v>1.7999999999999999E-2</v>
      </c>
      <c r="W126" s="2">
        <v>139.1</v>
      </c>
      <c r="X126" s="2">
        <v>7.6</v>
      </c>
      <c r="Y126" s="2">
        <v>16.7</v>
      </c>
      <c r="Z126" s="5"/>
      <c r="AA126" s="5" t="s">
        <v>43</v>
      </c>
      <c r="AB126" s="5" t="s">
        <v>44</v>
      </c>
      <c r="AC126" s="2"/>
      <c r="AD126" s="1"/>
    </row>
    <row r="127" spans="1:30">
      <c r="A127" s="5" t="s">
        <v>83578</v>
      </c>
      <c r="B127" s="2" t="s">
        <v>83954</v>
      </c>
      <c r="C127" s="14" t="s">
        <v>83955</v>
      </c>
      <c r="D127" s="2" t="s">
        <v>83956</v>
      </c>
      <c r="E127" s="2" t="s">
        <v>1847</v>
      </c>
      <c r="F127" s="8">
        <v>186</v>
      </c>
      <c r="G127" s="5">
        <v>18</v>
      </c>
      <c r="H127" s="5" t="s">
        <v>1518</v>
      </c>
      <c r="I127" s="5" t="s">
        <v>1519</v>
      </c>
      <c r="J127" s="2" t="s">
        <v>1520</v>
      </c>
      <c r="K127" s="5" t="s">
        <v>1519</v>
      </c>
      <c r="L127" s="2" t="s">
        <v>1520</v>
      </c>
      <c r="M127" s="5" t="s">
        <v>1521</v>
      </c>
      <c r="N127" s="5" t="s">
        <v>38</v>
      </c>
      <c r="O127" s="5" t="s">
        <v>39</v>
      </c>
      <c r="P127" s="5" t="s">
        <v>40</v>
      </c>
      <c r="Q127" s="5" t="s">
        <v>1522</v>
      </c>
      <c r="R127" s="5" t="s">
        <v>1523</v>
      </c>
      <c r="S127" s="5" t="s">
        <v>42</v>
      </c>
      <c r="T127" s="2">
        <v>2.5830000000000002</v>
      </c>
      <c r="U127" s="2">
        <v>2.0179999999999998</v>
      </c>
      <c r="V127" s="2">
        <v>1.7999999999999999E-2</v>
      </c>
      <c r="W127" s="2">
        <v>139.1</v>
      </c>
      <c r="X127" s="2">
        <v>7.6</v>
      </c>
      <c r="Y127" s="2">
        <v>16.7</v>
      </c>
      <c r="Z127" s="5"/>
      <c r="AA127" s="5" t="s">
        <v>43</v>
      </c>
      <c r="AB127" s="5" t="s">
        <v>44</v>
      </c>
      <c r="AC127" s="2"/>
      <c r="AD127" s="1"/>
    </row>
    <row r="128" spans="1:30">
      <c r="A128" s="5" t="s">
        <v>83578</v>
      </c>
      <c r="B128" s="2" t="s">
        <v>83957</v>
      </c>
      <c r="C128" s="14" t="s">
        <v>83958</v>
      </c>
      <c r="D128" s="2" t="s">
        <v>83959</v>
      </c>
      <c r="E128" s="2" t="s">
        <v>1999</v>
      </c>
      <c r="F128" s="8">
        <v>186</v>
      </c>
      <c r="G128" s="5">
        <v>18</v>
      </c>
      <c r="H128" s="5" t="s">
        <v>1518</v>
      </c>
      <c r="I128" s="5" t="s">
        <v>1519</v>
      </c>
      <c r="J128" s="2" t="s">
        <v>1520</v>
      </c>
      <c r="K128" s="5" t="s">
        <v>1519</v>
      </c>
      <c r="L128" s="2" t="s">
        <v>1520</v>
      </c>
      <c r="M128" s="5" t="s">
        <v>1521</v>
      </c>
      <c r="N128" s="5" t="s">
        <v>38</v>
      </c>
      <c r="O128" s="5" t="s">
        <v>39</v>
      </c>
      <c r="P128" s="5" t="s">
        <v>40</v>
      </c>
      <c r="Q128" s="5" t="s">
        <v>1522</v>
      </c>
      <c r="R128" s="5" t="s">
        <v>1523</v>
      </c>
      <c r="S128" s="5" t="s">
        <v>42</v>
      </c>
      <c r="T128" s="2">
        <v>2.5830000000000002</v>
      </c>
      <c r="U128" s="2">
        <v>2.0179999999999998</v>
      </c>
      <c r="V128" s="2">
        <v>1.7999999999999999E-2</v>
      </c>
      <c r="W128" s="2">
        <v>139.1</v>
      </c>
      <c r="X128" s="2">
        <v>7.6</v>
      </c>
      <c r="Y128" s="2">
        <v>16.7</v>
      </c>
      <c r="Z128" s="5"/>
      <c r="AA128" s="5" t="s">
        <v>43</v>
      </c>
      <c r="AB128" s="5" t="s">
        <v>44</v>
      </c>
      <c r="AC128" s="2"/>
      <c r="AD128" s="1"/>
    </row>
    <row r="129" spans="1:30">
      <c r="A129" s="5" t="s">
        <v>83578</v>
      </c>
      <c r="B129" s="2" t="s">
        <v>83960</v>
      </c>
      <c r="C129" s="14" t="s">
        <v>83961</v>
      </c>
      <c r="D129" s="2" t="s">
        <v>83962</v>
      </c>
      <c r="E129" s="2" t="s">
        <v>1859</v>
      </c>
      <c r="F129" s="8">
        <v>186</v>
      </c>
      <c r="G129" s="5">
        <v>18</v>
      </c>
      <c r="H129" s="5" t="s">
        <v>1518</v>
      </c>
      <c r="I129" s="5" t="s">
        <v>1519</v>
      </c>
      <c r="J129" s="2" t="s">
        <v>1520</v>
      </c>
      <c r="K129" s="5" t="s">
        <v>1519</v>
      </c>
      <c r="L129" s="2" t="s">
        <v>1520</v>
      </c>
      <c r="M129" s="5" t="s">
        <v>1521</v>
      </c>
      <c r="N129" s="5" t="s">
        <v>38</v>
      </c>
      <c r="O129" s="5" t="s">
        <v>39</v>
      </c>
      <c r="P129" s="5" t="s">
        <v>40</v>
      </c>
      <c r="Q129" s="5" t="s">
        <v>1522</v>
      </c>
      <c r="R129" s="5" t="s">
        <v>1523</v>
      </c>
      <c r="S129" s="5" t="s">
        <v>42</v>
      </c>
      <c r="T129" s="2">
        <v>2.5830000000000002</v>
      </c>
      <c r="U129" s="2">
        <v>2.0179999999999998</v>
      </c>
      <c r="V129" s="2">
        <v>1.7999999999999999E-2</v>
      </c>
      <c r="W129" s="2">
        <v>139.1</v>
      </c>
      <c r="X129" s="2">
        <v>7.6</v>
      </c>
      <c r="Y129" s="2">
        <v>16.7</v>
      </c>
      <c r="Z129" s="5"/>
      <c r="AA129" s="5" t="s">
        <v>43</v>
      </c>
      <c r="AB129" s="5" t="s">
        <v>44</v>
      </c>
      <c r="AC129" s="2"/>
      <c r="AD129" s="1"/>
    </row>
    <row r="130" spans="1:30">
      <c r="A130" s="5" t="s">
        <v>83578</v>
      </c>
      <c r="B130" s="2" t="s">
        <v>83963</v>
      </c>
      <c r="C130" s="14" t="s">
        <v>83964</v>
      </c>
      <c r="D130" s="2" t="s">
        <v>83965</v>
      </c>
      <c r="E130" s="2" t="s">
        <v>2724</v>
      </c>
      <c r="F130" s="8">
        <v>157</v>
      </c>
      <c r="G130" s="5">
        <v>13</v>
      </c>
      <c r="H130" s="5" t="s">
        <v>1518</v>
      </c>
      <c r="I130" s="5" t="s">
        <v>1519</v>
      </c>
      <c r="J130" s="2" t="s">
        <v>1520</v>
      </c>
      <c r="K130" s="5" t="s">
        <v>1519</v>
      </c>
      <c r="L130" s="2" t="s">
        <v>1520</v>
      </c>
      <c r="M130" s="5" t="s">
        <v>1521</v>
      </c>
      <c r="N130" s="5" t="s">
        <v>38</v>
      </c>
      <c r="O130" s="5" t="s">
        <v>39</v>
      </c>
      <c r="P130" s="5" t="s">
        <v>40</v>
      </c>
      <c r="Q130" s="5" t="s">
        <v>1522</v>
      </c>
      <c r="R130" s="5" t="s">
        <v>1523</v>
      </c>
      <c r="S130" s="5" t="s">
        <v>42</v>
      </c>
      <c r="T130" s="2">
        <v>2.0299999999999998</v>
      </c>
      <c r="U130" s="2">
        <v>1.623</v>
      </c>
      <c r="V130" s="2">
        <v>1.0999999999999999E-2</v>
      </c>
      <c r="W130" s="2">
        <v>82.9</v>
      </c>
      <c r="X130" s="2">
        <v>7.6</v>
      </c>
      <c r="Y130" s="2">
        <v>16.7</v>
      </c>
      <c r="Z130" s="5"/>
      <c r="AA130" s="5" t="s">
        <v>43</v>
      </c>
      <c r="AB130" s="5" t="s">
        <v>44</v>
      </c>
      <c r="AC130" s="2"/>
      <c r="AD130" s="1"/>
    </row>
    <row r="131" spans="1:30">
      <c r="A131" s="5" t="s">
        <v>83578</v>
      </c>
      <c r="B131" s="2" t="s">
        <v>83966</v>
      </c>
      <c r="C131" s="14" t="s">
        <v>83967</v>
      </c>
      <c r="D131" s="2" t="s">
        <v>83968</v>
      </c>
      <c r="E131" s="2" t="s">
        <v>1973</v>
      </c>
      <c r="F131" s="8">
        <v>170</v>
      </c>
      <c r="G131" s="5">
        <v>13</v>
      </c>
      <c r="H131" s="5" t="s">
        <v>1518</v>
      </c>
      <c r="I131" s="5" t="s">
        <v>1519</v>
      </c>
      <c r="J131" s="2" t="s">
        <v>1520</v>
      </c>
      <c r="K131" s="5" t="s">
        <v>1519</v>
      </c>
      <c r="L131" s="2" t="s">
        <v>1520</v>
      </c>
      <c r="M131" s="5" t="s">
        <v>1521</v>
      </c>
      <c r="N131" s="5" t="s">
        <v>38</v>
      </c>
      <c r="O131" s="5" t="s">
        <v>39</v>
      </c>
      <c r="P131" s="5" t="s">
        <v>40</v>
      </c>
      <c r="Q131" s="5" t="s">
        <v>1522</v>
      </c>
      <c r="R131" s="5" t="s">
        <v>1523</v>
      </c>
      <c r="S131" s="5" t="s">
        <v>42</v>
      </c>
      <c r="T131" s="2">
        <v>2.2130000000000001</v>
      </c>
      <c r="U131" s="2">
        <v>1.718</v>
      </c>
      <c r="V131" s="2">
        <v>1.4999999999999999E-2</v>
      </c>
      <c r="W131" s="2">
        <v>118.9</v>
      </c>
      <c r="X131" s="2">
        <v>7.6</v>
      </c>
      <c r="Y131" s="2">
        <v>16.7</v>
      </c>
      <c r="Z131" s="5"/>
      <c r="AA131" s="5" t="s">
        <v>43</v>
      </c>
      <c r="AB131" s="5" t="s">
        <v>44</v>
      </c>
      <c r="AC131" s="2"/>
      <c r="AD131" s="1"/>
    </row>
    <row r="132" spans="1:30">
      <c r="A132" s="5" t="s">
        <v>83578</v>
      </c>
      <c r="B132" s="2" t="s">
        <v>83969</v>
      </c>
      <c r="C132" s="14" t="s">
        <v>83970</v>
      </c>
      <c r="D132" s="2" t="s">
        <v>83971</v>
      </c>
      <c r="E132" s="2" t="s">
        <v>2724</v>
      </c>
      <c r="F132" s="8">
        <v>176</v>
      </c>
      <c r="G132" s="5">
        <v>13</v>
      </c>
      <c r="H132" s="5" t="s">
        <v>1518</v>
      </c>
      <c r="I132" s="5" t="s">
        <v>1519</v>
      </c>
      <c r="J132" s="2" t="s">
        <v>1520</v>
      </c>
      <c r="K132" s="5" t="s">
        <v>1519</v>
      </c>
      <c r="L132" s="2" t="s">
        <v>1520</v>
      </c>
      <c r="M132" s="5" t="s">
        <v>1521</v>
      </c>
      <c r="N132" s="5" t="s">
        <v>38</v>
      </c>
      <c r="O132" s="5" t="s">
        <v>39</v>
      </c>
      <c r="P132" s="5" t="s">
        <v>40</v>
      </c>
      <c r="Q132" s="5" t="s">
        <v>1522</v>
      </c>
      <c r="R132" s="5" t="s">
        <v>1523</v>
      </c>
      <c r="S132" s="5" t="s">
        <v>42</v>
      </c>
      <c r="T132" s="2">
        <v>2.4790000000000001</v>
      </c>
      <c r="U132" s="2">
        <v>1.91</v>
      </c>
      <c r="V132" s="2">
        <v>1.7999999999999999E-2</v>
      </c>
      <c r="W132" s="2">
        <v>139.1</v>
      </c>
      <c r="X132" s="2">
        <v>7.6</v>
      </c>
      <c r="Y132" s="2">
        <v>16.7</v>
      </c>
      <c r="Z132" s="5"/>
      <c r="AA132" s="5" t="s">
        <v>43</v>
      </c>
      <c r="AB132" s="5" t="s">
        <v>44</v>
      </c>
      <c r="AC132" s="2"/>
      <c r="AD132" s="1"/>
    </row>
    <row r="133" spans="1:30">
      <c r="A133" s="5" t="s">
        <v>83578</v>
      </c>
      <c r="B133" s="2" t="s">
        <v>83972</v>
      </c>
      <c r="C133" s="14" t="s">
        <v>83973</v>
      </c>
      <c r="D133" s="2" t="s">
        <v>83974</v>
      </c>
      <c r="E133" s="2" t="s">
        <v>1973</v>
      </c>
      <c r="F133" s="8">
        <v>186</v>
      </c>
      <c r="G133" s="5">
        <v>18</v>
      </c>
      <c r="H133" s="5" t="s">
        <v>1518</v>
      </c>
      <c r="I133" s="5" t="s">
        <v>1519</v>
      </c>
      <c r="J133" s="2" t="s">
        <v>1520</v>
      </c>
      <c r="K133" s="5" t="s">
        <v>1519</v>
      </c>
      <c r="L133" s="2" t="s">
        <v>1520</v>
      </c>
      <c r="M133" s="5" t="s">
        <v>1521</v>
      </c>
      <c r="N133" s="5" t="s">
        <v>38</v>
      </c>
      <c r="O133" s="5" t="s">
        <v>39</v>
      </c>
      <c r="P133" s="5" t="s">
        <v>40</v>
      </c>
      <c r="Q133" s="5" t="s">
        <v>1522</v>
      </c>
      <c r="R133" s="5" t="s">
        <v>1523</v>
      </c>
      <c r="S133" s="5" t="s">
        <v>42</v>
      </c>
      <c r="T133" s="2">
        <v>2.6480000000000001</v>
      </c>
      <c r="U133" s="2">
        <v>1.996</v>
      </c>
      <c r="V133" s="2">
        <v>0.02</v>
      </c>
      <c r="W133" s="2">
        <v>159.1</v>
      </c>
      <c r="X133" s="2">
        <v>7.6</v>
      </c>
      <c r="Y133" s="2">
        <v>16.7</v>
      </c>
      <c r="Z133" s="5"/>
      <c r="AA133" s="5" t="s">
        <v>43</v>
      </c>
      <c r="AB133" s="5" t="s">
        <v>44</v>
      </c>
      <c r="AC133" s="2"/>
      <c r="AD133" s="1"/>
    </row>
    <row r="134" spans="1:30">
      <c r="A134" s="5" t="s">
        <v>83578</v>
      </c>
      <c r="B134" s="2" t="s">
        <v>83975</v>
      </c>
      <c r="C134" s="14" t="s">
        <v>83976</v>
      </c>
      <c r="D134" s="2" t="s">
        <v>83977</v>
      </c>
      <c r="E134" s="2" t="s">
        <v>2348</v>
      </c>
      <c r="F134" s="8">
        <v>186</v>
      </c>
      <c r="G134" s="5">
        <v>18</v>
      </c>
      <c r="H134" s="5" t="s">
        <v>1518</v>
      </c>
      <c r="I134" s="5" t="s">
        <v>1519</v>
      </c>
      <c r="J134" s="2" t="s">
        <v>1520</v>
      </c>
      <c r="K134" s="5" t="s">
        <v>1519</v>
      </c>
      <c r="L134" s="2" t="s">
        <v>1520</v>
      </c>
      <c r="M134" s="5" t="s">
        <v>1521</v>
      </c>
      <c r="N134" s="5" t="s">
        <v>38</v>
      </c>
      <c r="O134" s="5" t="s">
        <v>39</v>
      </c>
      <c r="P134" s="5" t="s">
        <v>40</v>
      </c>
      <c r="Q134" s="5" t="s">
        <v>1522</v>
      </c>
      <c r="R134" s="5" t="s">
        <v>1523</v>
      </c>
      <c r="S134" s="5" t="s">
        <v>42</v>
      </c>
      <c r="T134" s="2">
        <v>2.7</v>
      </c>
      <c r="U134" s="2">
        <v>2.048</v>
      </c>
      <c r="V134" s="2">
        <v>0.02</v>
      </c>
      <c r="W134" s="2">
        <v>159.1</v>
      </c>
      <c r="X134" s="2">
        <v>7.6</v>
      </c>
      <c r="Y134" s="2">
        <v>16.7</v>
      </c>
      <c r="Z134" s="5"/>
      <c r="AA134" s="5" t="s">
        <v>43</v>
      </c>
      <c r="AB134" s="5" t="s">
        <v>44</v>
      </c>
      <c r="AC134" s="2"/>
      <c r="AD134" s="1"/>
    </row>
    <row r="135" spans="1:30">
      <c r="A135" s="5" t="s">
        <v>83578</v>
      </c>
      <c r="B135" s="2" t="s">
        <v>83978</v>
      </c>
      <c r="C135" s="14" t="s">
        <v>83979</v>
      </c>
      <c r="D135" s="2" t="s">
        <v>83980</v>
      </c>
      <c r="E135" s="2" t="s">
        <v>2204</v>
      </c>
      <c r="F135" s="8">
        <v>186</v>
      </c>
      <c r="G135" s="5">
        <v>18</v>
      </c>
      <c r="H135" s="5" t="s">
        <v>1518</v>
      </c>
      <c r="I135" s="5" t="s">
        <v>1519</v>
      </c>
      <c r="J135" s="2" t="s">
        <v>1520</v>
      </c>
      <c r="K135" s="5" t="s">
        <v>1519</v>
      </c>
      <c r="L135" s="2" t="s">
        <v>1520</v>
      </c>
      <c r="M135" s="5" t="s">
        <v>1521</v>
      </c>
      <c r="N135" s="5" t="s">
        <v>38</v>
      </c>
      <c r="O135" s="5" t="s">
        <v>39</v>
      </c>
      <c r="P135" s="5" t="s">
        <v>40</v>
      </c>
      <c r="Q135" s="5" t="s">
        <v>1522</v>
      </c>
      <c r="R135" s="5" t="s">
        <v>1523</v>
      </c>
      <c r="S135" s="5" t="s">
        <v>42</v>
      </c>
      <c r="T135" s="2">
        <v>2.6480000000000001</v>
      </c>
      <c r="U135" s="2">
        <v>1.996</v>
      </c>
      <c r="V135" s="2">
        <v>0.02</v>
      </c>
      <c r="W135" s="2">
        <v>159.1</v>
      </c>
      <c r="X135" s="2">
        <v>7.6</v>
      </c>
      <c r="Y135" s="2">
        <v>16.7</v>
      </c>
      <c r="Z135" s="5"/>
      <c r="AA135" s="5" t="s">
        <v>43</v>
      </c>
      <c r="AB135" s="5" t="s">
        <v>44</v>
      </c>
      <c r="AC135" s="2"/>
      <c r="AD135" s="1"/>
    </row>
    <row r="136" spans="1:30">
      <c r="A136" s="5" t="s">
        <v>83578</v>
      </c>
      <c r="B136" s="2" t="s">
        <v>83981</v>
      </c>
      <c r="C136" s="14" t="s">
        <v>83982</v>
      </c>
      <c r="D136" s="2" t="s">
        <v>83983</v>
      </c>
      <c r="E136" s="2" t="s">
        <v>2724</v>
      </c>
      <c r="F136" s="8">
        <v>186</v>
      </c>
      <c r="G136" s="5">
        <v>18</v>
      </c>
      <c r="H136" s="5" t="s">
        <v>1518</v>
      </c>
      <c r="I136" s="5" t="s">
        <v>1519</v>
      </c>
      <c r="J136" s="2" t="s">
        <v>1520</v>
      </c>
      <c r="K136" s="5" t="s">
        <v>1519</v>
      </c>
      <c r="L136" s="2" t="s">
        <v>1520</v>
      </c>
      <c r="M136" s="5" t="s">
        <v>1521</v>
      </c>
      <c r="N136" s="5" t="s">
        <v>38</v>
      </c>
      <c r="O136" s="5" t="s">
        <v>39</v>
      </c>
      <c r="P136" s="5" t="s">
        <v>40</v>
      </c>
      <c r="Q136" s="5" t="s">
        <v>1522</v>
      </c>
      <c r="R136" s="5" t="s">
        <v>1523</v>
      </c>
      <c r="S136" s="5" t="s">
        <v>42</v>
      </c>
      <c r="T136" s="2">
        <v>2.7</v>
      </c>
      <c r="U136" s="2">
        <v>2.048</v>
      </c>
      <c r="V136" s="2">
        <v>0.02</v>
      </c>
      <c r="W136" s="2">
        <v>159.1</v>
      </c>
      <c r="X136" s="2">
        <v>7.6</v>
      </c>
      <c r="Y136" s="2">
        <v>16.7</v>
      </c>
      <c r="Z136" s="5"/>
      <c r="AA136" s="5" t="s">
        <v>43</v>
      </c>
      <c r="AB136" s="5" t="s">
        <v>44</v>
      </c>
      <c r="AC136" s="2"/>
      <c r="AD136" s="1"/>
    </row>
    <row r="137" spans="1:30">
      <c r="A137" s="5" t="s">
        <v>83578</v>
      </c>
      <c r="B137" s="2" t="s">
        <v>83984</v>
      </c>
      <c r="C137" s="14" t="s">
        <v>83985</v>
      </c>
      <c r="D137" s="2" t="s">
        <v>83986</v>
      </c>
      <c r="E137" s="2" t="s">
        <v>2208</v>
      </c>
      <c r="F137" s="8">
        <v>186</v>
      </c>
      <c r="G137" s="5">
        <v>18</v>
      </c>
      <c r="H137" s="5" t="s">
        <v>1518</v>
      </c>
      <c r="I137" s="5" t="s">
        <v>1519</v>
      </c>
      <c r="J137" s="2" t="s">
        <v>1520</v>
      </c>
      <c r="K137" s="5" t="s">
        <v>1519</v>
      </c>
      <c r="L137" s="2" t="s">
        <v>1520</v>
      </c>
      <c r="M137" s="5" t="s">
        <v>1521</v>
      </c>
      <c r="N137" s="5" t="s">
        <v>38</v>
      </c>
      <c r="O137" s="5" t="s">
        <v>39</v>
      </c>
      <c r="P137" s="5" t="s">
        <v>40</v>
      </c>
      <c r="Q137" s="5" t="s">
        <v>1522</v>
      </c>
      <c r="R137" s="5" t="s">
        <v>1523</v>
      </c>
      <c r="S137" s="5" t="s">
        <v>42</v>
      </c>
      <c r="T137" s="2">
        <v>2.6480000000000001</v>
      </c>
      <c r="U137" s="2">
        <v>1.996</v>
      </c>
      <c r="V137" s="2">
        <v>0.02</v>
      </c>
      <c r="W137" s="2">
        <v>159.1</v>
      </c>
      <c r="X137" s="2">
        <v>7.6</v>
      </c>
      <c r="Y137" s="2">
        <v>16.7</v>
      </c>
      <c r="Z137" s="5"/>
      <c r="AA137" s="5" t="s">
        <v>43</v>
      </c>
      <c r="AB137" s="5" t="s">
        <v>44</v>
      </c>
      <c r="AC137" s="2"/>
      <c r="AD137" s="1"/>
    </row>
    <row r="138" spans="1:30">
      <c r="A138" s="5" t="s">
        <v>83578</v>
      </c>
      <c r="B138" s="2" t="s">
        <v>83987</v>
      </c>
      <c r="C138" s="14" t="s">
        <v>83988</v>
      </c>
      <c r="D138" s="2" t="s">
        <v>83989</v>
      </c>
      <c r="E138" s="2" t="s">
        <v>1851</v>
      </c>
      <c r="F138" s="8">
        <v>186</v>
      </c>
      <c r="G138" s="5">
        <v>18</v>
      </c>
      <c r="H138" s="5" t="s">
        <v>1518</v>
      </c>
      <c r="I138" s="5" t="s">
        <v>1519</v>
      </c>
      <c r="J138" s="2" t="s">
        <v>1520</v>
      </c>
      <c r="K138" s="5" t="s">
        <v>1519</v>
      </c>
      <c r="L138" s="2" t="s">
        <v>1520</v>
      </c>
      <c r="M138" s="5" t="s">
        <v>1521</v>
      </c>
      <c r="N138" s="5" t="s">
        <v>38</v>
      </c>
      <c r="O138" s="5" t="s">
        <v>39</v>
      </c>
      <c r="P138" s="5" t="s">
        <v>40</v>
      </c>
      <c r="Q138" s="5" t="s">
        <v>1522</v>
      </c>
      <c r="R138" s="5" t="s">
        <v>1523</v>
      </c>
      <c r="S138" s="5" t="s">
        <v>42</v>
      </c>
      <c r="T138" s="2">
        <v>2.6480000000000001</v>
      </c>
      <c r="U138" s="2">
        <v>1.996</v>
      </c>
      <c r="V138" s="2">
        <v>0.02</v>
      </c>
      <c r="W138" s="2">
        <v>159.1</v>
      </c>
      <c r="X138" s="2">
        <v>7.6</v>
      </c>
      <c r="Y138" s="2">
        <v>16.7</v>
      </c>
      <c r="Z138" s="5"/>
      <c r="AA138" s="5" t="s">
        <v>43</v>
      </c>
      <c r="AB138" s="5" t="s">
        <v>44</v>
      </c>
      <c r="AC138" s="2"/>
      <c r="AD138" s="1"/>
    </row>
    <row r="139" spans="1:30">
      <c r="A139" s="5" t="s">
        <v>83578</v>
      </c>
      <c r="B139" s="2" t="s">
        <v>83990</v>
      </c>
      <c r="C139" s="14" t="s">
        <v>83991</v>
      </c>
      <c r="D139" s="2" t="s">
        <v>83992</v>
      </c>
      <c r="E139" s="2" t="s">
        <v>2348</v>
      </c>
      <c r="F139" s="8">
        <v>182</v>
      </c>
      <c r="G139" s="5">
        <v>13</v>
      </c>
      <c r="H139" s="5" t="s">
        <v>1518</v>
      </c>
      <c r="I139" s="5" t="s">
        <v>1519</v>
      </c>
      <c r="J139" s="2" t="s">
        <v>1520</v>
      </c>
      <c r="K139" s="5" t="s">
        <v>1519</v>
      </c>
      <c r="L139" s="2" t="s">
        <v>1520</v>
      </c>
      <c r="M139" s="5" t="s">
        <v>1521</v>
      </c>
      <c r="N139" s="5" t="s">
        <v>38</v>
      </c>
      <c r="O139" s="5" t="s">
        <v>39</v>
      </c>
      <c r="P139" s="5" t="s">
        <v>40</v>
      </c>
      <c r="Q139" s="5" t="s">
        <v>1522</v>
      </c>
      <c r="R139" s="5" t="s">
        <v>1523</v>
      </c>
      <c r="S139" s="5" t="s">
        <v>42</v>
      </c>
      <c r="T139" s="2">
        <v>2.3690000000000002</v>
      </c>
      <c r="U139" s="2">
        <v>1.89</v>
      </c>
      <c r="V139" s="2">
        <v>1.2999999999999999E-2</v>
      </c>
      <c r="W139" s="2">
        <v>99.1</v>
      </c>
      <c r="X139" s="2">
        <v>7.6</v>
      </c>
      <c r="Y139" s="2">
        <v>16.7</v>
      </c>
      <c r="Z139" s="5"/>
      <c r="AA139" s="5" t="s">
        <v>43</v>
      </c>
      <c r="AB139" s="5" t="s">
        <v>44</v>
      </c>
      <c r="AC139" s="2"/>
      <c r="AD139" s="1"/>
    </row>
    <row r="140" spans="1:30">
      <c r="A140" s="5" t="s">
        <v>83578</v>
      </c>
      <c r="B140" s="2" t="s">
        <v>83993</v>
      </c>
      <c r="C140" s="14" t="s">
        <v>83994</v>
      </c>
      <c r="D140" s="2" t="s">
        <v>83995</v>
      </c>
      <c r="E140" s="2" t="s">
        <v>2204</v>
      </c>
      <c r="F140" s="8">
        <v>182</v>
      </c>
      <c r="G140" s="5">
        <v>13</v>
      </c>
      <c r="H140" s="5" t="s">
        <v>1518</v>
      </c>
      <c r="I140" s="5" t="s">
        <v>1519</v>
      </c>
      <c r="J140" s="2" t="s">
        <v>1520</v>
      </c>
      <c r="K140" s="5" t="s">
        <v>1519</v>
      </c>
      <c r="L140" s="2" t="s">
        <v>1520</v>
      </c>
      <c r="M140" s="5" t="s">
        <v>1521</v>
      </c>
      <c r="N140" s="5" t="s">
        <v>38</v>
      </c>
      <c r="O140" s="5" t="s">
        <v>39</v>
      </c>
      <c r="P140" s="5" t="s">
        <v>40</v>
      </c>
      <c r="Q140" s="5" t="s">
        <v>1522</v>
      </c>
      <c r="R140" s="5" t="s">
        <v>1523</v>
      </c>
      <c r="S140" s="5" t="s">
        <v>42</v>
      </c>
      <c r="T140" s="2">
        <v>2.3260000000000001</v>
      </c>
      <c r="U140" s="2">
        <v>1.847</v>
      </c>
      <c r="V140" s="2">
        <v>1.2999999999999999E-2</v>
      </c>
      <c r="W140" s="2">
        <v>99.1</v>
      </c>
      <c r="X140" s="2">
        <v>7.6</v>
      </c>
      <c r="Y140" s="2">
        <v>16.7</v>
      </c>
      <c r="Z140" s="5"/>
      <c r="AA140" s="5" t="s">
        <v>43</v>
      </c>
      <c r="AB140" s="5" t="s">
        <v>44</v>
      </c>
      <c r="AC140" s="2"/>
      <c r="AD140" s="1"/>
    </row>
    <row r="141" spans="1:30">
      <c r="A141" s="5" t="s">
        <v>83578</v>
      </c>
      <c r="B141" s="2" t="s">
        <v>83996</v>
      </c>
      <c r="C141" s="14" t="s">
        <v>83997</v>
      </c>
      <c r="D141" s="2" t="s">
        <v>83998</v>
      </c>
      <c r="E141" s="2" t="s">
        <v>2724</v>
      </c>
      <c r="F141" s="8">
        <v>182</v>
      </c>
      <c r="G141" s="5">
        <v>13</v>
      </c>
      <c r="H141" s="5" t="s">
        <v>1518</v>
      </c>
      <c r="I141" s="5" t="s">
        <v>1519</v>
      </c>
      <c r="J141" s="2" t="s">
        <v>1520</v>
      </c>
      <c r="K141" s="5" t="s">
        <v>1519</v>
      </c>
      <c r="L141" s="2" t="s">
        <v>1520</v>
      </c>
      <c r="M141" s="5" t="s">
        <v>1521</v>
      </c>
      <c r="N141" s="5" t="s">
        <v>38</v>
      </c>
      <c r="O141" s="5" t="s">
        <v>39</v>
      </c>
      <c r="P141" s="5" t="s">
        <v>40</v>
      </c>
      <c r="Q141" s="5" t="s">
        <v>1522</v>
      </c>
      <c r="R141" s="5" t="s">
        <v>1523</v>
      </c>
      <c r="S141" s="5" t="s">
        <v>42</v>
      </c>
      <c r="T141" s="2">
        <v>2.3690000000000002</v>
      </c>
      <c r="U141" s="2">
        <v>1.89</v>
      </c>
      <c r="V141" s="2">
        <v>1.2999999999999999E-2</v>
      </c>
      <c r="W141" s="2">
        <v>99.1</v>
      </c>
      <c r="X141" s="2">
        <v>7.6</v>
      </c>
      <c r="Y141" s="2">
        <v>16.7</v>
      </c>
      <c r="Z141" s="5"/>
      <c r="AA141" s="5" t="s">
        <v>43</v>
      </c>
      <c r="AB141" s="5" t="s">
        <v>44</v>
      </c>
      <c r="AC141" s="2"/>
      <c r="AD141" s="1"/>
    </row>
    <row r="142" spans="1:30">
      <c r="A142" s="5" t="s">
        <v>83578</v>
      </c>
      <c r="B142" s="2" t="s">
        <v>83999</v>
      </c>
      <c r="C142" s="14" t="s">
        <v>84000</v>
      </c>
      <c r="D142" s="2" t="s">
        <v>84001</v>
      </c>
      <c r="E142" s="2" t="s">
        <v>1831</v>
      </c>
      <c r="F142" s="8">
        <v>182</v>
      </c>
      <c r="G142" s="5">
        <v>13</v>
      </c>
      <c r="H142" s="5" t="s">
        <v>1518</v>
      </c>
      <c r="I142" s="5" t="s">
        <v>1519</v>
      </c>
      <c r="J142" s="2" t="s">
        <v>1520</v>
      </c>
      <c r="K142" s="5" t="s">
        <v>1519</v>
      </c>
      <c r="L142" s="2" t="s">
        <v>1520</v>
      </c>
      <c r="M142" s="5" t="s">
        <v>1521</v>
      </c>
      <c r="N142" s="5" t="s">
        <v>38</v>
      </c>
      <c r="O142" s="5" t="s">
        <v>39</v>
      </c>
      <c r="P142" s="5" t="s">
        <v>40</v>
      </c>
      <c r="Q142" s="5" t="s">
        <v>1522</v>
      </c>
      <c r="R142" s="5" t="s">
        <v>1523</v>
      </c>
      <c r="S142" s="5" t="s">
        <v>42</v>
      </c>
      <c r="T142" s="2">
        <v>2.3260000000000001</v>
      </c>
      <c r="U142" s="2">
        <v>1.847</v>
      </c>
      <c r="V142" s="2">
        <v>1.2999999999999999E-2</v>
      </c>
      <c r="W142" s="2">
        <v>99.1</v>
      </c>
      <c r="X142" s="2">
        <v>7.6</v>
      </c>
      <c r="Y142" s="2">
        <v>16.7</v>
      </c>
      <c r="Z142" s="5"/>
      <c r="AA142" s="5" t="s">
        <v>43</v>
      </c>
      <c r="AB142" s="5" t="s">
        <v>44</v>
      </c>
      <c r="AC142" s="2"/>
      <c r="AD142" s="1"/>
    </row>
    <row r="143" spans="1:30">
      <c r="A143" s="5" t="s">
        <v>83578</v>
      </c>
      <c r="B143" s="2" t="s">
        <v>84002</v>
      </c>
      <c r="C143" s="14" t="s">
        <v>84003</v>
      </c>
      <c r="D143" s="2" t="s">
        <v>84004</v>
      </c>
      <c r="E143" s="2" t="s">
        <v>1843</v>
      </c>
      <c r="F143" s="8">
        <v>182</v>
      </c>
      <c r="G143" s="5">
        <v>13</v>
      </c>
      <c r="H143" s="5" t="s">
        <v>1518</v>
      </c>
      <c r="I143" s="5" t="s">
        <v>1519</v>
      </c>
      <c r="J143" s="2" t="s">
        <v>1520</v>
      </c>
      <c r="K143" s="5" t="s">
        <v>1519</v>
      </c>
      <c r="L143" s="2" t="s">
        <v>1520</v>
      </c>
      <c r="M143" s="5" t="s">
        <v>1521</v>
      </c>
      <c r="N143" s="5" t="s">
        <v>38</v>
      </c>
      <c r="O143" s="5" t="s">
        <v>39</v>
      </c>
      <c r="P143" s="5" t="s">
        <v>40</v>
      </c>
      <c r="Q143" s="5" t="s">
        <v>1522</v>
      </c>
      <c r="R143" s="5" t="s">
        <v>1523</v>
      </c>
      <c r="S143" s="5" t="s">
        <v>42</v>
      </c>
      <c r="T143" s="2">
        <v>2.3260000000000001</v>
      </c>
      <c r="U143" s="2">
        <v>1.847</v>
      </c>
      <c r="V143" s="2">
        <v>1.2999999999999999E-2</v>
      </c>
      <c r="W143" s="2">
        <v>99.1</v>
      </c>
      <c r="X143" s="2">
        <v>7.6</v>
      </c>
      <c r="Y143" s="2">
        <v>16.7</v>
      </c>
      <c r="Z143" s="5"/>
      <c r="AA143" s="5" t="s">
        <v>43</v>
      </c>
      <c r="AB143" s="5" t="s">
        <v>44</v>
      </c>
      <c r="AC143" s="2"/>
      <c r="AD143" s="1"/>
    </row>
    <row r="144" spans="1:30">
      <c r="A144" s="5" t="s">
        <v>83578</v>
      </c>
      <c r="B144" s="2" t="s">
        <v>84005</v>
      </c>
      <c r="C144" s="14" t="s">
        <v>84006</v>
      </c>
      <c r="D144" s="2" t="s">
        <v>84007</v>
      </c>
      <c r="E144" s="2" t="s">
        <v>1999</v>
      </c>
      <c r="F144" s="8">
        <v>182</v>
      </c>
      <c r="G144" s="5">
        <v>13</v>
      </c>
      <c r="H144" s="5" t="s">
        <v>1518</v>
      </c>
      <c r="I144" s="5" t="s">
        <v>1519</v>
      </c>
      <c r="J144" s="2" t="s">
        <v>1520</v>
      </c>
      <c r="K144" s="5" t="s">
        <v>1519</v>
      </c>
      <c r="L144" s="2" t="s">
        <v>1520</v>
      </c>
      <c r="M144" s="5" t="s">
        <v>1521</v>
      </c>
      <c r="N144" s="5" t="s">
        <v>38</v>
      </c>
      <c r="O144" s="5" t="s">
        <v>39</v>
      </c>
      <c r="P144" s="5" t="s">
        <v>40</v>
      </c>
      <c r="Q144" s="5" t="s">
        <v>1522</v>
      </c>
      <c r="R144" s="5" t="s">
        <v>1523</v>
      </c>
      <c r="S144" s="5" t="s">
        <v>42</v>
      </c>
      <c r="T144" s="2">
        <v>2.3690000000000002</v>
      </c>
      <c r="U144" s="2">
        <v>1.89</v>
      </c>
      <c r="V144" s="2">
        <v>1.2999999999999999E-2</v>
      </c>
      <c r="W144" s="2">
        <v>99.1</v>
      </c>
      <c r="X144" s="2">
        <v>7.6</v>
      </c>
      <c r="Y144" s="2">
        <v>16.7</v>
      </c>
      <c r="Z144" s="5"/>
      <c r="AA144" s="5" t="s">
        <v>43</v>
      </c>
      <c r="AB144" s="5" t="s">
        <v>44</v>
      </c>
      <c r="AC144" s="2"/>
      <c r="AD144" s="1"/>
    </row>
    <row r="145" spans="1:30">
      <c r="A145" s="5" t="s">
        <v>83578</v>
      </c>
      <c r="B145" s="2" t="s">
        <v>84008</v>
      </c>
      <c r="C145" s="14" t="s">
        <v>84009</v>
      </c>
      <c r="D145" s="2" t="s">
        <v>84010</v>
      </c>
      <c r="E145" s="2" t="s">
        <v>1855</v>
      </c>
      <c r="F145" s="8">
        <v>182</v>
      </c>
      <c r="G145" s="5">
        <v>13</v>
      </c>
      <c r="H145" s="5" t="s">
        <v>1518</v>
      </c>
      <c r="I145" s="5" t="s">
        <v>1519</v>
      </c>
      <c r="J145" s="2" t="s">
        <v>1520</v>
      </c>
      <c r="K145" s="5" t="s">
        <v>1519</v>
      </c>
      <c r="L145" s="2" t="s">
        <v>1520</v>
      </c>
      <c r="M145" s="5" t="s">
        <v>1521</v>
      </c>
      <c r="N145" s="5" t="s">
        <v>38</v>
      </c>
      <c r="O145" s="5" t="s">
        <v>39</v>
      </c>
      <c r="P145" s="5" t="s">
        <v>40</v>
      </c>
      <c r="Q145" s="5" t="s">
        <v>1522</v>
      </c>
      <c r="R145" s="5" t="s">
        <v>1523</v>
      </c>
      <c r="S145" s="5" t="s">
        <v>42</v>
      </c>
      <c r="T145" s="2">
        <v>2.3260000000000001</v>
      </c>
      <c r="U145" s="2">
        <v>1.847</v>
      </c>
      <c r="V145" s="2">
        <v>1.2999999999999999E-2</v>
      </c>
      <c r="W145" s="2">
        <v>99.1</v>
      </c>
      <c r="X145" s="2">
        <v>7.6</v>
      </c>
      <c r="Y145" s="2">
        <v>16.7</v>
      </c>
      <c r="Z145" s="5"/>
      <c r="AA145" s="5" t="s">
        <v>43</v>
      </c>
      <c r="AB145" s="5" t="s">
        <v>44</v>
      </c>
      <c r="AC145" s="2"/>
      <c r="AD145" s="1"/>
    </row>
    <row r="146" spans="1:30">
      <c r="A146" s="5" t="s">
        <v>83578</v>
      </c>
      <c r="B146" s="2" t="s">
        <v>84011</v>
      </c>
      <c r="C146" s="14" t="s">
        <v>84012</v>
      </c>
      <c r="D146" s="2" t="s">
        <v>84013</v>
      </c>
      <c r="E146" s="2" t="s">
        <v>2204</v>
      </c>
      <c r="F146" s="8">
        <v>182</v>
      </c>
      <c r="G146" s="5">
        <v>13</v>
      </c>
      <c r="H146" s="5" t="s">
        <v>1518</v>
      </c>
      <c r="I146" s="5" t="s">
        <v>1519</v>
      </c>
      <c r="J146" s="2" t="s">
        <v>1520</v>
      </c>
      <c r="K146" s="5" t="s">
        <v>1519</v>
      </c>
      <c r="L146" s="2" t="s">
        <v>1520</v>
      </c>
      <c r="M146" s="5" t="s">
        <v>1521</v>
      </c>
      <c r="N146" s="5" t="s">
        <v>38</v>
      </c>
      <c r="O146" s="5" t="s">
        <v>39</v>
      </c>
      <c r="P146" s="5" t="s">
        <v>40</v>
      </c>
      <c r="Q146" s="5" t="s">
        <v>1522</v>
      </c>
      <c r="R146" s="5" t="s">
        <v>1523</v>
      </c>
      <c r="S146" s="5" t="s">
        <v>42</v>
      </c>
      <c r="T146" s="2">
        <v>2.4569999999999999</v>
      </c>
      <c r="U146" s="2">
        <v>1.9870000000000001</v>
      </c>
      <c r="V146" s="2">
        <v>1.2999999999999999E-2</v>
      </c>
      <c r="W146" s="2">
        <v>99.1</v>
      </c>
      <c r="X146" s="2">
        <v>7.6</v>
      </c>
      <c r="Y146" s="2">
        <v>16.7</v>
      </c>
      <c r="Z146" s="5"/>
      <c r="AA146" s="5" t="s">
        <v>43</v>
      </c>
      <c r="AB146" s="5" t="s">
        <v>44</v>
      </c>
      <c r="AC146" s="2"/>
      <c r="AD146" s="1"/>
    </row>
    <row r="147" spans="1:30">
      <c r="A147" s="5" t="s">
        <v>83578</v>
      </c>
      <c r="B147" s="2" t="s">
        <v>84014</v>
      </c>
      <c r="C147" s="14" t="s">
        <v>84015</v>
      </c>
      <c r="D147" s="2" t="s">
        <v>84016</v>
      </c>
      <c r="E147" s="2" t="s">
        <v>2724</v>
      </c>
      <c r="F147" s="8">
        <v>182</v>
      </c>
      <c r="G147" s="5">
        <v>13</v>
      </c>
      <c r="H147" s="5" t="s">
        <v>1518</v>
      </c>
      <c r="I147" s="5" t="s">
        <v>1519</v>
      </c>
      <c r="J147" s="2" t="s">
        <v>1520</v>
      </c>
      <c r="K147" s="5" t="s">
        <v>1519</v>
      </c>
      <c r="L147" s="2" t="s">
        <v>1520</v>
      </c>
      <c r="M147" s="5" t="s">
        <v>1521</v>
      </c>
      <c r="N147" s="5" t="s">
        <v>38</v>
      </c>
      <c r="O147" s="5" t="s">
        <v>39</v>
      </c>
      <c r="P147" s="5" t="s">
        <v>40</v>
      </c>
      <c r="Q147" s="5" t="s">
        <v>1522</v>
      </c>
      <c r="R147" s="5" t="s">
        <v>1523</v>
      </c>
      <c r="S147" s="5" t="s">
        <v>42</v>
      </c>
      <c r="T147" s="2">
        <v>2.5049999999999999</v>
      </c>
      <c r="U147" s="2">
        <v>2.0350000000000001</v>
      </c>
      <c r="V147" s="2">
        <v>1.2999999999999999E-2</v>
      </c>
      <c r="W147" s="2">
        <v>99.1</v>
      </c>
      <c r="X147" s="2">
        <v>7.6</v>
      </c>
      <c r="Y147" s="2">
        <v>16.7</v>
      </c>
      <c r="Z147" s="5"/>
      <c r="AA147" s="5" t="s">
        <v>43</v>
      </c>
      <c r="AB147" s="5" t="s">
        <v>44</v>
      </c>
      <c r="AC147" s="2"/>
      <c r="AD147" s="1"/>
    </row>
    <row r="148" spans="1:30">
      <c r="A148" s="5" t="s">
        <v>83578</v>
      </c>
      <c r="B148" s="2" t="s">
        <v>84017</v>
      </c>
      <c r="C148" s="14" t="s">
        <v>84018</v>
      </c>
      <c r="D148" s="2" t="s">
        <v>84019</v>
      </c>
      <c r="E148" s="2" t="s">
        <v>2208</v>
      </c>
      <c r="F148" s="8">
        <v>182</v>
      </c>
      <c r="G148" s="5">
        <v>13</v>
      </c>
      <c r="H148" s="5" t="s">
        <v>1518</v>
      </c>
      <c r="I148" s="5" t="s">
        <v>1519</v>
      </c>
      <c r="J148" s="2" t="s">
        <v>1520</v>
      </c>
      <c r="K148" s="5" t="s">
        <v>1519</v>
      </c>
      <c r="L148" s="2" t="s">
        <v>1520</v>
      </c>
      <c r="M148" s="5" t="s">
        <v>1521</v>
      </c>
      <c r="N148" s="5" t="s">
        <v>38</v>
      </c>
      <c r="O148" s="5" t="s">
        <v>39</v>
      </c>
      <c r="P148" s="5" t="s">
        <v>40</v>
      </c>
      <c r="Q148" s="5" t="s">
        <v>1522</v>
      </c>
      <c r="R148" s="5" t="s">
        <v>1523</v>
      </c>
      <c r="S148" s="5" t="s">
        <v>42</v>
      </c>
      <c r="T148" s="2">
        <v>2.4569999999999999</v>
      </c>
      <c r="U148" s="2">
        <v>1.9870000000000001</v>
      </c>
      <c r="V148" s="2">
        <v>1.2999999999999999E-2</v>
      </c>
      <c r="W148" s="2">
        <v>99.1</v>
      </c>
      <c r="X148" s="2">
        <v>7.6</v>
      </c>
      <c r="Y148" s="2">
        <v>16.7</v>
      </c>
      <c r="Z148" s="5"/>
      <c r="AA148" s="5" t="s">
        <v>43</v>
      </c>
      <c r="AB148" s="5" t="s">
        <v>44</v>
      </c>
      <c r="AC148" s="2"/>
      <c r="AD148" s="1"/>
    </row>
    <row r="149" spans="1:30">
      <c r="A149" s="5" t="s">
        <v>83578</v>
      </c>
      <c r="B149" s="2" t="s">
        <v>84020</v>
      </c>
      <c r="C149" s="14" t="s">
        <v>84021</v>
      </c>
      <c r="D149" s="2" t="s">
        <v>84022</v>
      </c>
      <c r="E149" s="2" t="s">
        <v>1839</v>
      </c>
      <c r="F149" s="8">
        <v>182</v>
      </c>
      <c r="G149" s="5">
        <v>13</v>
      </c>
      <c r="H149" s="5" t="s">
        <v>1518</v>
      </c>
      <c r="I149" s="5" t="s">
        <v>1519</v>
      </c>
      <c r="J149" s="2" t="s">
        <v>1520</v>
      </c>
      <c r="K149" s="5" t="s">
        <v>1519</v>
      </c>
      <c r="L149" s="2" t="s">
        <v>1520</v>
      </c>
      <c r="M149" s="5" t="s">
        <v>1521</v>
      </c>
      <c r="N149" s="5" t="s">
        <v>38</v>
      </c>
      <c r="O149" s="5" t="s">
        <v>39</v>
      </c>
      <c r="P149" s="5" t="s">
        <v>40</v>
      </c>
      <c r="Q149" s="5" t="s">
        <v>1522</v>
      </c>
      <c r="R149" s="5" t="s">
        <v>1523</v>
      </c>
      <c r="S149" s="5" t="s">
        <v>42</v>
      </c>
      <c r="T149" s="2">
        <v>2.4569999999999999</v>
      </c>
      <c r="U149" s="2">
        <v>1.9870000000000001</v>
      </c>
      <c r="V149" s="2">
        <v>1.2999999999999999E-2</v>
      </c>
      <c r="W149" s="2">
        <v>99.1</v>
      </c>
      <c r="X149" s="2">
        <v>7.6</v>
      </c>
      <c r="Y149" s="2">
        <v>16.7</v>
      </c>
      <c r="Z149" s="5"/>
      <c r="AA149" s="5" t="s">
        <v>43</v>
      </c>
      <c r="AB149" s="5" t="s">
        <v>44</v>
      </c>
      <c r="AC149" s="2"/>
      <c r="AD149" s="1"/>
    </row>
    <row r="150" spans="1:30">
      <c r="A150" s="5" t="s">
        <v>83578</v>
      </c>
      <c r="B150" s="2" t="s">
        <v>84023</v>
      </c>
      <c r="C150" s="14" t="s">
        <v>84024</v>
      </c>
      <c r="D150" s="2" t="s">
        <v>84025</v>
      </c>
      <c r="E150" s="2" t="s">
        <v>2348</v>
      </c>
      <c r="F150" s="8">
        <v>196</v>
      </c>
      <c r="G150" s="5">
        <v>13</v>
      </c>
      <c r="H150" s="5" t="s">
        <v>1518</v>
      </c>
      <c r="I150" s="5" t="s">
        <v>1519</v>
      </c>
      <c r="J150" s="2" t="s">
        <v>1520</v>
      </c>
      <c r="K150" s="5" t="s">
        <v>1519</v>
      </c>
      <c r="L150" s="2" t="s">
        <v>1520</v>
      </c>
      <c r="M150" s="5" t="s">
        <v>1521</v>
      </c>
      <c r="N150" s="5" t="s">
        <v>38</v>
      </c>
      <c r="O150" s="5" t="s">
        <v>39</v>
      </c>
      <c r="P150" s="5" t="s">
        <v>40</v>
      </c>
      <c r="Q150" s="5" t="s">
        <v>1522</v>
      </c>
      <c r="R150" s="5" t="s">
        <v>1523</v>
      </c>
      <c r="S150" s="5" t="s">
        <v>42</v>
      </c>
      <c r="T150" s="2">
        <v>2.6709999999999998</v>
      </c>
      <c r="U150" s="2">
        <v>2.2010000000000001</v>
      </c>
      <c r="V150" s="2">
        <v>1.4999999999999999E-2</v>
      </c>
      <c r="W150" s="2">
        <v>118.9</v>
      </c>
      <c r="X150" s="2">
        <v>7.6</v>
      </c>
      <c r="Y150" s="2">
        <v>16.7</v>
      </c>
      <c r="Z150" s="5"/>
      <c r="AA150" s="5" t="s">
        <v>43</v>
      </c>
      <c r="AB150" s="5" t="s">
        <v>44</v>
      </c>
      <c r="AC150" s="2"/>
      <c r="AD150" s="1"/>
    </row>
    <row r="151" spans="1:30">
      <c r="A151" s="5" t="s">
        <v>83578</v>
      </c>
      <c r="B151" s="2" t="s">
        <v>84026</v>
      </c>
      <c r="C151" s="14" t="s">
        <v>84027</v>
      </c>
      <c r="D151" s="2" t="s">
        <v>84028</v>
      </c>
      <c r="E151" s="2" t="s">
        <v>2204</v>
      </c>
      <c r="F151" s="8">
        <v>196</v>
      </c>
      <c r="G151" s="5">
        <v>13</v>
      </c>
      <c r="H151" s="5" t="s">
        <v>1518</v>
      </c>
      <c r="I151" s="5" t="s">
        <v>1519</v>
      </c>
      <c r="J151" s="2" t="s">
        <v>1520</v>
      </c>
      <c r="K151" s="5" t="s">
        <v>1519</v>
      </c>
      <c r="L151" s="2" t="s">
        <v>1520</v>
      </c>
      <c r="M151" s="5" t="s">
        <v>1521</v>
      </c>
      <c r="N151" s="5" t="s">
        <v>38</v>
      </c>
      <c r="O151" s="5" t="s">
        <v>39</v>
      </c>
      <c r="P151" s="5" t="s">
        <v>40</v>
      </c>
      <c r="Q151" s="5" t="s">
        <v>1522</v>
      </c>
      <c r="R151" s="5" t="s">
        <v>1523</v>
      </c>
      <c r="S151" s="5" t="s">
        <v>42</v>
      </c>
      <c r="T151" s="2">
        <v>2.6190000000000002</v>
      </c>
      <c r="U151" s="2">
        <v>2.149</v>
      </c>
      <c r="V151" s="2">
        <v>1.4999999999999999E-2</v>
      </c>
      <c r="W151" s="2">
        <v>118.9</v>
      </c>
      <c r="X151" s="2">
        <v>7.6</v>
      </c>
      <c r="Y151" s="2">
        <v>16.7</v>
      </c>
      <c r="Z151" s="5"/>
      <c r="AA151" s="5" t="s">
        <v>43</v>
      </c>
      <c r="AB151" s="5" t="s">
        <v>44</v>
      </c>
      <c r="AC151" s="2"/>
      <c r="AD151" s="1"/>
    </row>
    <row r="152" spans="1:30">
      <c r="A152" s="5" t="s">
        <v>83578</v>
      </c>
      <c r="B152" s="2" t="s">
        <v>84029</v>
      </c>
      <c r="C152" s="14" t="s">
        <v>84030</v>
      </c>
      <c r="D152" s="2" t="s">
        <v>84031</v>
      </c>
      <c r="E152" s="2" t="s">
        <v>2724</v>
      </c>
      <c r="F152" s="8">
        <v>196</v>
      </c>
      <c r="G152" s="5">
        <v>13</v>
      </c>
      <c r="H152" s="5" t="s">
        <v>1518</v>
      </c>
      <c r="I152" s="5" t="s">
        <v>1519</v>
      </c>
      <c r="J152" s="2" t="s">
        <v>1520</v>
      </c>
      <c r="K152" s="5" t="s">
        <v>1519</v>
      </c>
      <c r="L152" s="2" t="s">
        <v>1520</v>
      </c>
      <c r="M152" s="5" t="s">
        <v>1521</v>
      </c>
      <c r="N152" s="5" t="s">
        <v>38</v>
      </c>
      <c r="O152" s="5" t="s">
        <v>39</v>
      </c>
      <c r="P152" s="5" t="s">
        <v>40</v>
      </c>
      <c r="Q152" s="5" t="s">
        <v>1522</v>
      </c>
      <c r="R152" s="5" t="s">
        <v>1523</v>
      </c>
      <c r="S152" s="5" t="s">
        <v>42</v>
      </c>
      <c r="T152" s="2">
        <v>2.6709999999999998</v>
      </c>
      <c r="U152" s="2">
        <v>2.2010000000000001</v>
      </c>
      <c r="V152" s="2">
        <v>1.4999999999999999E-2</v>
      </c>
      <c r="W152" s="2">
        <v>118.9</v>
      </c>
      <c r="X152" s="2">
        <v>7.6</v>
      </c>
      <c r="Y152" s="2">
        <v>16.7</v>
      </c>
      <c r="Z152" s="5"/>
      <c r="AA152" s="5" t="s">
        <v>43</v>
      </c>
      <c r="AB152" s="5" t="s">
        <v>44</v>
      </c>
      <c r="AC152" s="2"/>
      <c r="AD152" s="1"/>
    </row>
    <row r="153" spans="1:30">
      <c r="A153" s="5" t="s">
        <v>83578</v>
      </c>
      <c r="B153" s="2" t="s">
        <v>84032</v>
      </c>
      <c r="C153" s="14" t="s">
        <v>84033</v>
      </c>
      <c r="D153" s="2" t="s">
        <v>84034</v>
      </c>
      <c r="E153" s="2" t="s">
        <v>2208</v>
      </c>
      <c r="F153" s="8">
        <v>196</v>
      </c>
      <c r="G153" s="5">
        <v>13</v>
      </c>
      <c r="H153" s="5" t="s">
        <v>1518</v>
      </c>
      <c r="I153" s="5" t="s">
        <v>1519</v>
      </c>
      <c r="J153" s="2" t="s">
        <v>1520</v>
      </c>
      <c r="K153" s="5" t="s">
        <v>1519</v>
      </c>
      <c r="L153" s="2" t="s">
        <v>1520</v>
      </c>
      <c r="M153" s="5" t="s">
        <v>1521</v>
      </c>
      <c r="N153" s="5" t="s">
        <v>38</v>
      </c>
      <c r="O153" s="5" t="s">
        <v>39</v>
      </c>
      <c r="P153" s="5" t="s">
        <v>40</v>
      </c>
      <c r="Q153" s="5" t="s">
        <v>1522</v>
      </c>
      <c r="R153" s="5" t="s">
        <v>1523</v>
      </c>
      <c r="S153" s="5" t="s">
        <v>42</v>
      </c>
      <c r="T153" s="2">
        <v>2.6190000000000002</v>
      </c>
      <c r="U153" s="2">
        <v>2.149</v>
      </c>
      <c r="V153" s="2">
        <v>1.4999999999999999E-2</v>
      </c>
      <c r="W153" s="2">
        <v>118.9</v>
      </c>
      <c r="X153" s="2">
        <v>7.6</v>
      </c>
      <c r="Y153" s="2">
        <v>16.7</v>
      </c>
      <c r="Z153" s="5"/>
      <c r="AA153" s="5" t="s">
        <v>43</v>
      </c>
      <c r="AB153" s="5" t="s">
        <v>44</v>
      </c>
      <c r="AC153" s="2"/>
      <c r="AD153" s="1"/>
    </row>
    <row r="154" spans="1:30">
      <c r="A154" s="5" t="s">
        <v>83578</v>
      </c>
      <c r="B154" s="2" t="s">
        <v>84035</v>
      </c>
      <c r="C154" s="14" t="s">
        <v>84036</v>
      </c>
      <c r="D154" s="2" t="s">
        <v>84037</v>
      </c>
      <c r="E154" s="2" t="s">
        <v>1847</v>
      </c>
      <c r="F154" s="8">
        <v>196</v>
      </c>
      <c r="G154" s="5">
        <v>13</v>
      </c>
      <c r="H154" s="5" t="s">
        <v>1518</v>
      </c>
      <c r="I154" s="5" t="s">
        <v>1519</v>
      </c>
      <c r="J154" s="2" t="s">
        <v>1520</v>
      </c>
      <c r="K154" s="5" t="s">
        <v>1519</v>
      </c>
      <c r="L154" s="2" t="s">
        <v>1520</v>
      </c>
      <c r="M154" s="5" t="s">
        <v>1521</v>
      </c>
      <c r="N154" s="5" t="s">
        <v>38</v>
      </c>
      <c r="O154" s="5" t="s">
        <v>39</v>
      </c>
      <c r="P154" s="5" t="s">
        <v>40</v>
      </c>
      <c r="Q154" s="5" t="s">
        <v>1522</v>
      </c>
      <c r="R154" s="5" t="s">
        <v>1523</v>
      </c>
      <c r="S154" s="5" t="s">
        <v>42</v>
      </c>
      <c r="T154" s="2">
        <v>2.6709999999999998</v>
      </c>
      <c r="U154" s="2">
        <v>2.2010000000000001</v>
      </c>
      <c r="V154" s="2">
        <v>1.4999999999999999E-2</v>
      </c>
      <c r="W154" s="2">
        <v>118.9</v>
      </c>
      <c r="X154" s="2">
        <v>7.6</v>
      </c>
      <c r="Y154" s="2">
        <v>16.7</v>
      </c>
      <c r="Z154" s="5"/>
      <c r="AA154" s="5" t="s">
        <v>43</v>
      </c>
      <c r="AB154" s="5" t="s">
        <v>44</v>
      </c>
      <c r="AC154" s="2"/>
      <c r="AD154" s="1"/>
    </row>
    <row r="155" spans="1:30">
      <c r="A155" s="5" t="s">
        <v>83578</v>
      </c>
      <c r="B155" s="2" t="s">
        <v>84038</v>
      </c>
      <c r="C155" s="14" t="s">
        <v>84039</v>
      </c>
      <c r="D155" s="2" t="s">
        <v>84040</v>
      </c>
      <c r="E155" s="2" t="s">
        <v>1855</v>
      </c>
      <c r="F155" s="8">
        <v>196</v>
      </c>
      <c r="G155" s="5">
        <v>13</v>
      </c>
      <c r="H155" s="5" t="s">
        <v>1518</v>
      </c>
      <c r="I155" s="5" t="s">
        <v>1519</v>
      </c>
      <c r="J155" s="2" t="s">
        <v>1520</v>
      </c>
      <c r="K155" s="5" t="s">
        <v>1519</v>
      </c>
      <c r="L155" s="2" t="s">
        <v>1520</v>
      </c>
      <c r="M155" s="5" t="s">
        <v>1521</v>
      </c>
      <c r="N155" s="5" t="s">
        <v>38</v>
      </c>
      <c r="O155" s="5" t="s">
        <v>39</v>
      </c>
      <c r="P155" s="5" t="s">
        <v>40</v>
      </c>
      <c r="Q155" s="5" t="s">
        <v>1522</v>
      </c>
      <c r="R155" s="5" t="s">
        <v>1523</v>
      </c>
      <c r="S155" s="5" t="s">
        <v>42</v>
      </c>
      <c r="T155" s="2">
        <v>2.6190000000000002</v>
      </c>
      <c r="U155" s="2">
        <v>2.149</v>
      </c>
      <c r="V155" s="2">
        <v>1.4999999999999999E-2</v>
      </c>
      <c r="W155" s="2">
        <v>118.9</v>
      </c>
      <c r="X155" s="2">
        <v>7.6</v>
      </c>
      <c r="Y155" s="2">
        <v>16.7</v>
      </c>
      <c r="Z155" s="5"/>
      <c r="AA155" s="5" t="s">
        <v>43</v>
      </c>
      <c r="AB155" s="5" t="s">
        <v>44</v>
      </c>
      <c r="AC155" s="2"/>
      <c r="AD155" s="1"/>
    </row>
    <row r="156" spans="1:30">
      <c r="A156" s="5" t="s">
        <v>83578</v>
      </c>
      <c r="B156" s="2" t="s">
        <v>84041</v>
      </c>
      <c r="C156" s="14" t="s">
        <v>84042</v>
      </c>
      <c r="D156" s="2" t="s">
        <v>84043</v>
      </c>
      <c r="E156" s="2" t="s">
        <v>1859</v>
      </c>
      <c r="F156" s="8">
        <v>196</v>
      </c>
      <c r="G156" s="5">
        <v>13</v>
      </c>
      <c r="H156" s="5" t="s">
        <v>1518</v>
      </c>
      <c r="I156" s="5" t="s">
        <v>1519</v>
      </c>
      <c r="J156" s="2" t="s">
        <v>1520</v>
      </c>
      <c r="K156" s="5" t="s">
        <v>1519</v>
      </c>
      <c r="L156" s="2" t="s">
        <v>1520</v>
      </c>
      <c r="M156" s="5" t="s">
        <v>1521</v>
      </c>
      <c r="N156" s="5" t="s">
        <v>38</v>
      </c>
      <c r="O156" s="5" t="s">
        <v>39</v>
      </c>
      <c r="P156" s="5" t="s">
        <v>40</v>
      </c>
      <c r="Q156" s="5" t="s">
        <v>1522</v>
      </c>
      <c r="R156" s="5" t="s">
        <v>1523</v>
      </c>
      <c r="S156" s="5" t="s">
        <v>42</v>
      </c>
      <c r="T156" s="2">
        <v>2.6709999999999998</v>
      </c>
      <c r="U156" s="2">
        <v>2.2010000000000001</v>
      </c>
      <c r="V156" s="2">
        <v>1.4999999999999999E-2</v>
      </c>
      <c r="W156" s="2">
        <v>118.9</v>
      </c>
      <c r="X156" s="2">
        <v>7.6</v>
      </c>
      <c r="Y156" s="2">
        <v>16.7</v>
      </c>
      <c r="Z156" s="5"/>
      <c r="AA156" s="5" t="s">
        <v>43</v>
      </c>
      <c r="AB156" s="5" t="s">
        <v>44</v>
      </c>
      <c r="AC156" s="2"/>
      <c r="AD156" s="1"/>
    </row>
    <row r="157" spans="1:30">
      <c r="A157" s="5" t="s">
        <v>83578</v>
      </c>
      <c r="B157" s="2" t="s">
        <v>84044</v>
      </c>
      <c r="C157" s="14" t="s">
        <v>84045</v>
      </c>
      <c r="D157" s="2" t="s">
        <v>84046</v>
      </c>
      <c r="E157" s="2" t="s">
        <v>1973</v>
      </c>
      <c r="F157" s="8">
        <v>213</v>
      </c>
      <c r="G157" s="5">
        <v>18</v>
      </c>
      <c r="H157" s="5" t="s">
        <v>1518</v>
      </c>
      <c r="I157" s="5" t="s">
        <v>1519</v>
      </c>
      <c r="J157" s="2" t="s">
        <v>1520</v>
      </c>
      <c r="K157" s="5" t="s">
        <v>1519</v>
      </c>
      <c r="L157" s="2" t="s">
        <v>1520</v>
      </c>
      <c r="M157" s="5" t="s">
        <v>1521</v>
      </c>
      <c r="N157" s="5" t="s">
        <v>38</v>
      </c>
      <c r="O157" s="5" t="s">
        <v>39</v>
      </c>
      <c r="P157" s="5" t="s">
        <v>40</v>
      </c>
      <c r="Q157" s="5" t="s">
        <v>1522</v>
      </c>
      <c r="R157" s="5" t="s">
        <v>1523</v>
      </c>
      <c r="S157" s="5" t="s">
        <v>42</v>
      </c>
      <c r="T157" s="2">
        <v>2.8380000000000001</v>
      </c>
      <c r="U157" s="2">
        <v>2.2919999999999998</v>
      </c>
      <c r="V157" s="2">
        <v>1.7999999999999999E-2</v>
      </c>
      <c r="W157" s="2">
        <v>139.1</v>
      </c>
      <c r="X157" s="2">
        <v>7.6</v>
      </c>
      <c r="Y157" s="2">
        <v>16.7</v>
      </c>
      <c r="Z157" s="5"/>
      <c r="AA157" s="5" t="s">
        <v>43</v>
      </c>
      <c r="AB157" s="5" t="s">
        <v>44</v>
      </c>
      <c r="AC157" s="2"/>
      <c r="AD157" s="1"/>
    </row>
    <row r="158" spans="1:30">
      <c r="A158" s="5" t="s">
        <v>83578</v>
      </c>
      <c r="B158" s="2" t="s">
        <v>84047</v>
      </c>
      <c r="C158" s="14" t="s">
        <v>84048</v>
      </c>
      <c r="D158" s="2" t="s">
        <v>84049</v>
      </c>
      <c r="E158" s="2" t="s">
        <v>2724</v>
      </c>
      <c r="F158" s="8">
        <v>213</v>
      </c>
      <c r="G158" s="5">
        <v>18</v>
      </c>
      <c r="H158" s="5" t="s">
        <v>1518</v>
      </c>
      <c r="I158" s="5" t="s">
        <v>1519</v>
      </c>
      <c r="J158" s="2" t="s">
        <v>1520</v>
      </c>
      <c r="K158" s="5" t="s">
        <v>1519</v>
      </c>
      <c r="L158" s="2" t="s">
        <v>1520</v>
      </c>
      <c r="M158" s="5" t="s">
        <v>1521</v>
      </c>
      <c r="N158" s="5" t="s">
        <v>38</v>
      </c>
      <c r="O158" s="5" t="s">
        <v>39</v>
      </c>
      <c r="P158" s="5" t="s">
        <v>40</v>
      </c>
      <c r="Q158" s="5" t="s">
        <v>1522</v>
      </c>
      <c r="R158" s="5" t="s">
        <v>1523</v>
      </c>
      <c r="S158" s="5" t="s">
        <v>42</v>
      </c>
      <c r="T158" s="2">
        <v>2.895</v>
      </c>
      <c r="U158" s="2">
        <v>2.3490000000000002</v>
      </c>
      <c r="V158" s="2">
        <v>1.7999999999999999E-2</v>
      </c>
      <c r="W158" s="2">
        <v>139.1</v>
      </c>
      <c r="X158" s="2">
        <v>7.6</v>
      </c>
      <c r="Y158" s="2">
        <v>16.7</v>
      </c>
      <c r="Z158" s="5"/>
      <c r="AA158" s="5" t="s">
        <v>43</v>
      </c>
      <c r="AB158" s="5" t="s">
        <v>44</v>
      </c>
      <c r="AC158" s="2"/>
      <c r="AD158" s="1"/>
    </row>
    <row r="159" spans="1:30">
      <c r="A159" s="5" t="s">
        <v>83578</v>
      </c>
      <c r="B159" s="2" t="s">
        <v>84050</v>
      </c>
      <c r="C159" s="14" t="s">
        <v>84051</v>
      </c>
      <c r="D159" s="2" t="s">
        <v>84052</v>
      </c>
      <c r="E159" s="2" t="s">
        <v>1835</v>
      </c>
      <c r="F159" s="8">
        <v>213</v>
      </c>
      <c r="G159" s="5">
        <v>18</v>
      </c>
      <c r="H159" s="5" t="s">
        <v>1518</v>
      </c>
      <c r="I159" s="5" t="s">
        <v>1519</v>
      </c>
      <c r="J159" s="2" t="s">
        <v>1520</v>
      </c>
      <c r="K159" s="5" t="s">
        <v>1519</v>
      </c>
      <c r="L159" s="2" t="s">
        <v>1520</v>
      </c>
      <c r="M159" s="5" t="s">
        <v>1521</v>
      </c>
      <c r="N159" s="5" t="s">
        <v>38</v>
      </c>
      <c r="O159" s="5" t="s">
        <v>39</v>
      </c>
      <c r="P159" s="5" t="s">
        <v>40</v>
      </c>
      <c r="Q159" s="5" t="s">
        <v>1522</v>
      </c>
      <c r="R159" s="5" t="s">
        <v>1523</v>
      </c>
      <c r="S159" s="5" t="s">
        <v>42</v>
      </c>
      <c r="T159" s="2">
        <v>2.895</v>
      </c>
      <c r="U159" s="2">
        <v>2.3490000000000002</v>
      </c>
      <c r="V159" s="2">
        <v>1.7999999999999999E-2</v>
      </c>
      <c r="W159" s="2">
        <v>139.1</v>
      </c>
      <c r="X159" s="2">
        <v>7.6</v>
      </c>
      <c r="Y159" s="2">
        <v>16.7</v>
      </c>
      <c r="Z159" s="5"/>
      <c r="AA159" s="5" t="s">
        <v>43</v>
      </c>
      <c r="AB159" s="5" t="s">
        <v>44</v>
      </c>
      <c r="AC159" s="2"/>
      <c r="AD159" s="1"/>
    </row>
    <row r="160" spans="1:30">
      <c r="A160" s="5" t="s">
        <v>83578</v>
      </c>
      <c r="B160" s="2" t="s">
        <v>84053</v>
      </c>
      <c r="C160" s="14" t="s">
        <v>84054</v>
      </c>
      <c r="D160" s="2" t="s">
        <v>84055</v>
      </c>
      <c r="E160" s="2" t="s">
        <v>1986</v>
      </c>
      <c r="F160" s="8">
        <v>213</v>
      </c>
      <c r="G160" s="5">
        <v>18</v>
      </c>
      <c r="H160" s="5" t="s">
        <v>1518</v>
      </c>
      <c r="I160" s="5" t="s">
        <v>1519</v>
      </c>
      <c r="J160" s="2" t="s">
        <v>1520</v>
      </c>
      <c r="K160" s="5" t="s">
        <v>1519</v>
      </c>
      <c r="L160" s="2" t="s">
        <v>1520</v>
      </c>
      <c r="M160" s="5" t="s">
        <v>1521</v>
      </c>
      <c r="N160" s="5" t="s">
        <v>38</v>
      </c>
      <c r="O160" s="5" t="s">
        <v>39</v>
      </c>
      <c r="P160" s="5" t="s">
        <v>40</v>
      </c>
      <c r="Q160" s="5" t="s">
        <v>1522</v>
      </c>
      <c r="R160" s="5" t="s">
        <v>1523</v>
      </c>
      <c r="S160" s="5" t="s">
        <v>42</v>
      </c>
      <c r="T160" s="2">
        <v>2.895</v>
      </c>
      <c r="U160" s="2">
        <v>2.3490000000000002</v>
      </c>
      <c r="V160" s="2">
        <v>1.7999999999999999E-2</v>
      </c>
      <c r="W160" s="2">
        <v>139.1</v>
      </c>
      <c r="X160" s="2">
        <v>7.6</v>
      </c>
      <c r="Y160" s="2">
        <v>16.7</v>
      </c>
      <c r="Z160" s="5"/>
      <c r="AA160" s="5" t="s">
        <v>43</v>
      </c>
      <c r="AB160" s="5" t="s">
        <v>44</v>
      </c>
      <c r="AC160" s="2"/>
      <c r="AD160" s="1"/>
    </row>
    <row r="161" spans="1:30">
      <c r="A161" s="5" t="s">
        <v>83578</v>
      </c>
      <c r="B161" s="2" t="s">
        <v>84056</v>
      </c>
      <c r="C161" s="14" t="s">
        <v>84057</v>
      </c>
      <c r="D161" s="2" t="s">
        <v>84058</v>
      </c>
      <c r="E161" s="2" t="s">
        <v>1973</v>
      </c>
      <c r="F161" s="8">
        <v>182</v>
      </c>
      <c r="G161" s="5">
        <v>13</v>
      </c>
      <c r="H161" s="5" t="s">
        <v>1518</v>
      </c>
      <c r="I161" s="5" t="s">
        <v>1519</v>
      </c>
      <c r="J161" s="2" t="s">
        <v>1520</v>
      </c>
      <c r="K161" s="5" t="s">
        <v>1519</v>
      </c>
      <c r="L161" s="2" t="s">
        <v>1520</v>
      </c>
      <c r="M161" s="5" t="s">
        <v>1521</v>
      </c>
      <c r="N161" s="5" t="s">
        <v>38</v>
      </c>
      <c r="O161" s="5" t="s">
        <v>39</v>
      </c>
      <c r="P161" s="5" t="s">
        <v>40</v>
      </c>
      <c r="Q161" s="5" t="s">
        <v>1522</v>
      </c>
      <c r="R161" s="5" t="s">
        <v>1523</v>
      </c>
      <c r="S161" s="5" t="s">
        <v>42</v>
      </c>
      <c r="T161" s="2">
        <v>2.4950000000000001</v>
      </c>
      <c r="U161" s="2">
        <v>2.0190000000000001</v>
      </c>
      <c r="V161" s="2">
        <v>1.4999999999999999E-2</v>
      </c>
      <c r="W161" s="2">
        <v>118.9</v>
      </c>
      <c r="X161" s="2">
        <v>7.6</v>
      </c>
      <c r="Y161" s="2">
        <v>16.7</v>
      </c>
      <c r="Z161" s="5"/>
      <c r="AA161" s="5" t="s">
        <v>43</v>
      </c>
      <c r="AB161" s="5" t="s">
        <v>44</v>
      </c>
      <c r="AC161" s="2"/>
      <c r="AD161" s="1"/>
    </row>
    <row r="162" spans="1:30">
      <c r="A162" s="5" t="s">
        <v>83578</v>
      </c>
      <c r="B162" s="2" t="s">
        <v>84059</v>
      </c>
      <c r="C162" s="14" t="s">
        <v>84060</v>
      </c>
      <c r="D162" s="2" t="s">
        <v>84061</v>
      </c>
      <c r="E162" s="2" t="s">
        <v>2724</v>
      </c>
      <c r="F162" s="8">
        <v>182</v>
      </c>
      <c r="G162" s="5">
        <v>13</v>
      </c>
      <c r="H162" s="5" t="s">
        <v>1518</v>
      </c>
      <c r="I162" s="5" t="s">
        <v>1519</v>
      </c>
      <c r="J162" s="2" t="s">
        <v>1520</v>
      </c>
      <c r="K162" s="5" t="s">
        <v>1519</v>
      </c>
      <c r="L162" s="2" t="s">
        <v>1520</v>
      </c>
      <c r="M162" s="5" t="s">
        <v>1521</v>
      </c>
      <c r="N162" s="5" t="s">
        <v>38</v>
      </c>
      <c r="O162" s="5" t="s">
        <v>39</v>
      </c>
      <c r="P162" s="5" t="s">
        <v>40</v>
      </c>
      <c r="Q162" s="5" t="s">
        <v>1522</v>
      </c>
      <c r="R162" s="5" t="s">
        <v>1523</v>
      </c>
      <c r="S162" s="5" t="s">
        <v>42</v>
      </c>
      <c r="T162" s="2">
        <v>2.544</v>
      </c>
      <c r="U162" s="2">
        <v>2.0680000000000001</v>
      </c>
      <c r="V162" s="2">
        <v>1.4999999999999999E-2</v>
      </c>
      <c r="W162" s="2">
        <v>118.9</v>
      </c>
      <c r="X162" s="2">
        <v>7.6</v>
      </c>
      <c r="Y162" s="2">
        <v>16.7</v>
      </c>
      <c r="Z162" s="5"/>
      <c r="AA162" s="5" t="s">
        <v>43</v>
      </c>
      <c r="AB162" s="5" t="s">
        <v>44</v>
      </c>
      <c r="AC162" s="2"/>
      <c r="AD162" s="1"/>
    </row>
    <row r="163" spans="1:30">
      <c r="A163" s="5" t="s">
        <v>83578</v>
      </c>
      <c r="B163" s="2" t="s">
        <v>84062</v>
      </c>
      <c r="C163" s="14" t="s">
        <v>84063</v>
      </c>
      <c r="D163" s="2" t="s">
        <v>84064</v>
      </c>
      <c r="E163" s="2" t="s">
        <v>1855</v>
      </c>
      <c r="F163" s="8">
        <v>182</v>
      </c>
      <c r="G163" s="5">
        <v>13</v>
      </c>
      <c r="H163" s="5" t="s">
        <v>1518</v>
      </c>
      <c r="I163" s="5" t="s">
        <v>1519</v>
      </c>
      <c r="J163" s="2" t="s">
        <v>1520</v>
      </c>
      <c r="K163" s="5" t="s">
        <v>1519</v>
      </c>
      <c r="L163" s="2" t="s">
        <v>1520</v>
      </c>
      <c r="M163" s="5" t="s">
        <v>1521</v>
      </c>
      <c r="N163" s="5" t="s">
        <v>38</v>
      </c>
      <c r="O163" s="5" t="s">
        <v>39</v>
      </c>
      <c r="P163" s="5" t="s">
        <v>40</v>
      </c>
      <c r="Q163" s="5" t="s">
        <v>1522</v>
      </c>
      <c r="R163" s="5" t="s">
        <v>1523</v>
      </c>
      <c r="S163" s="5" t="s">
        <v>42</v>
      </c>
      <c r="T163" s="2">
        <v>2.4950000000000001</v>
      </c>
      <c r="U163" s="2">
        <v>2.0190000000000001</v>
      </c>
      <c r="V163" s="2">
        <v>1.4999999999999999E-2</v>
      </c>
      <c r="W163" s="2">
        <v>118.9</v>
      </c>
      <c r="X163" s="2">
        <v>7.6</v>
      </c>
      <c r="Y163" s="2">
        <v>16.7</v>
      </c>
      <c r="Z163" s="5"/>
      <c r="AA163" s="5" t="s">
        <v>43</v>
      </c>
      <c r="AB163" s="5" t="s">
        <v>44</v>
      </c>
      <c r="AC163" s="2"/>
      <c r="AD163" s="1"/>
    </row>
    <row r="164" spans="1:30">
      <c r="A164" s="5" t="s">
        <v>83578</v>
      </c>
      <c r="B164" s="2" t="s">
        <v>84065</v>
      </c>
      <c r="C164" s="14" t="s">
        <v>84066</v>
      </c>
      <c r="D164" s="2" t="s">
        <v>84067</v>
      </c>
      <c r="E164" s="2" t="s">
        <v>2204</v>
      </c>
      <c r="F164" s="8">
        <v>213</v>
      </c>
      <c r="G164" s="5">
        <v>18</v>
      </c>
      <c r="H164" s="5" t="s">
        <v>1518</v>
      </c>
      <c r="I164" s="5" t="s">
        <v>1519</v>
      </c>
      <c r="J164" s="2" t="s">
        <v>1520</v>
      </c>
      <c r="K164" s="5" t="s">
        <v>1519</v>
      </c>
      <c r="L164" s="2" t="s">
        <v>1520</v>
      </c>
      <c r="M164" s="5" t="s">
        <v>1521</v>
      </c>
      <c r="N164" s="5" t="s">
        <v>38</v>
      </c>
      <c r="O164" s="5" t="s">
        <v>39</v>
      </c>
      <c r="P164" s="5" t="s">
        <v>40</v>
      </c>
      <c r="Q164" s="5" t="s">
        <v>1522</v>
      </c>
      <c r="R164" s="5" t="s">
        <v>1523</v>
      </c>
      <c r="S164" s="5" t="s">
        <v>42</v>
      </c>
      <c r="T164" s="2">
        <v>2.956</v>
      </c>
      <c r="U164" s="2">
        <v>2.323</v>
      </c>
      <c r="V164" s="2">
        <v>0.02</v>
      </c>
      <c r="W164" s="2">
        <v>159.1</v>
      </c>
      <c r="X164" s="2">
        <v>7.6</v>
      </c>
      <c r="Y164" s="2">
        <v>16.7</v>
      </c>
      <c r="Z164" s="5"/>
      <c r="AA164" s="5" t="s">
        <v>43</v>
      </c>
      <c r="AB164" s="5" t="s">
        <v>44</v>
      </c>
      <c r="AC164" s="2"/>
      <c r="AD164" s="1"/>
    </row>
    <row r="165" spans="1:30">
      <c r="A165" s="5" t="s">
        <v>83578</v>
      </c>
      <c r="B165" s="2" t="s">
        <v>84068</v>
      </c>
      <c r="C165" s="14" t="s">
        <v>84069</v>
      </c>
      <c r="D165" s="2" t="s">
        <v>84070</v>
      </c>
      <c r="E165" s="2" t="s">
        <v>2724</v>
      </c>
      <c r="F165" s="8">
        <v>213</v>
      </c>
      <c r="G165" s="5">
        <v>18</v>
      </c>
      <c r="H165" s="5" t="s">
        <v>1518</v>
      </c>
      <c r="I165" s="5" t="s">
        <v>1519</v>
      </c>
      <c r="J165" s="2" t="s">
        <v>1520</v>
      </c>
      <c r="K165" s="5" t="s">
        <v>1519</v>
      </c>
      <c r="L165" s="2" t="s">
        <v>1520</v>
      </c>
      <c r="M165" s="5" t="s">
        <v>1521</v>
      </c>
      <c r="N165" s="5" t="s">
        <v>38</v>
      </c>
      <c r="O165" s="5" t="s">
        <v>39</v>
      </c>
      <c r="P165" s="5" t="s">
        <v>40</v>
      </c>
      <c r="Q165" s="5" t="s">
        <v>1522</v>
      </c>
      <c r="R165" s="5" t="s">
        <v>1523</v>
      </c>
      <c r="S165" s="5" t="s">
        <v>42</v>
      </c>
      <c r="T165" s="2">
        <v>3.0139999999999998</v>
      </c>
      <c r="U165" s="2">
        <v>2.3809999999999998</v>
      </c>
      <c r="V165" s="2">
        <v>0.02</v>
      </c>
      <c r="W165" s="2">
        <v>159.1</v>
      </c>
      <c r="X165" s="2">
        <v>7.6</v>
      </c>
      <c r="Y165" s="2">
        <v>16.7</v>
      </c>
      <c r="Z165" s="5"/>
      <c r="AA165" s="5" t="s">
        <v>43</v>
      </c>
      <c r="AB165" s="5" t="s">
        <v>44</v>
      </c>
      <c r="AC165" s="2"/>
      <c r="AD165" s="1"/>
    </row>
    <row r="166" spans="1:30">
      <c r="A166" s="5" t="s">
        <v>83578</v>
      </c>
      <c r="B166" s="2" t="s">
        <v>84071</v>
      </c>
      <c r="C166" s="14" t="s">
        <v>84072</v>
      </c>
      <c r="D166" s="2" t="s">
        <v>84073</v>
      </c>
      <c r="E166" s="2" t="s">
        <v>1839</v>
      </c>
      <c r="F166" s="8">
        <v>213</v>
      </c>
      <c r="G166" s="5">
        <v>18</v>
      </c>
      <c r="H166" s="5" t="s">
        <v>1518</v>
      </c>
      <c r="I166" s="5" t="s">
        <v>1519</v>
      </c>
      <c r="J166" s="2" t="s">
        <v>1520</v>
      </c>
      <c r="K166" s="5" t="s">
        <v>1519</v>
      </c>
      <c r="L166" s="2" t="s">
        <v>1520</v>
      </c>
      <c r="M166" s="5" t="s">
        <v>1521</v>
      </c>
      <c r="N166" s="5" t="s">
        <v>38</v>
      </c>
      <c r="O166" s="5" t="s">
        <v>39</v>
      </c>
      <c r="P166" s="5" t="s">
        <v>40</v>
      </c>
      <c r="Q166" s="5" t="s">
        <v>1522</v>
      </c>
      <c r="R166" s="5" t="s">
        <v>1523</v>
      </c>
      <c r="S166" s="5" t="s">
        <v>42</v>
      </c>
      <c r="T166" s="2">
        <v>2.956</v>
      </c>
      <c r="U166" s="2">
        <v>2.323</v>
      </c>
      <c r="V166" s="2">
        <v>0.02</v>
      </c>
      <c r="W166" s="2">
        <v>159.1</v>
      </c>
      <c r="X166" s="2">
        <v>7.6</v>
      </c>
      <c r="Y166" s="2">
        <v>16.7</v>
      </c>
      <c r="Z166" s="5"/>
      <c r="AA166" s="5" t="s">
        <v>43</v>
      </c>
      <c r="AB166" s="5" t="s">
        <v>44</v>
      </c>
      <c r="AC166" s="2"/>
      <c r="AD166" s="1"/>
    </row>
    <row r="167" spans="1:30">
      <c r="A167" s="5" t="s">
        <v>83578</v>
      </c>
      <c r="B167" s="2" t="s">
        <v>84074</v>
      </c>
      <c r="C167" s="14" t="s">
        <v>84075</v>
      </c>
      <c r="D167" s="2" t="s">
        <v>84076</v>
      </c>
      <c r="E167" s="2" t="s">
        <v>1999</v>
      </c>
      <c r="F167" s="8">
        <v>213</v>
      </c>
      <c r="G167" s="5">
        <v>18</v>
      </c>
      <c r="H167" s="5" t="s">
        <v>1518</v>
      </c>
      <c r="I167" s="5" t="s">
        <v>1519</v>
      </c>
      <c r="J167" s="2" t="s">
        <v>1520</v>
      </c>
      <c r="K167" s="5" t="s">
        <v>1519</v>
      </c>
      <c r="L167" s="2" t="s">
        <v>1520</v>
      </c>
      <c r="M167" s="5" t="s">
        <v>1521</v>
      </c>
      <c r="N167" s="5" t="s">
        <v>38</v>
      </c>
      <c r="O167" s="5" t="s">
        <v>39</v>
      </c>
      <c r="P167" s="5" t="s">
        <v>40</v>
      </c>
      <c r="Q167" s="5" t="s">
        <v>1522</v>
      </c>
      <c r="R167" s="5" t="s">
        <v>1523</v>
      </c>
      <c r="S167" s="5" t="s">
        <v>42</v>
      </c>
      <c r="T167" s="2">
        <v>3.0139999999999998</v>
      </c>
      <c r="U167" s="2">
        <v>2.3809999999999998</v>
      </c>
      <c r="V167" s="2">
        <v>0.02</v>
      </c>
      <c r="W167" s="2">
        <v>159.1</v>
      </c>
      <c r="X167" s="2">
        <v>7.6</v>
      </c>
      <c r="Y167" s="2">
        <v>16.7</v>
      </c>
      <c r="Z167" s="5"/>
      <c r="AA167" s="5" t="s">
        <v>43</v>
      </c>
      <c r="AB167" s="5" t="s">
        <v>44</v>
      </c>
      <c r="AC167" s="2"/>
      <c r="AD167" s="1"/>
    </row>
    <row r="168" spans="1:30">
      <c r="A168" s="5" t="s">
        <v>83578</v>
      </c>
      <c r="B168" s="2" t="s">
        <v>84077</v>
      </c>
      <c r="C168" s="14" t="s">
        <v>84078</v>
      </c>
      <c r="D168" s="2" t="s">
        <v>84079</v>
      </c>
      <c r="E168" s="2" t="s">
        <v>1791</v>
      </c>
      <c r="F168" s="8">
        <v>206</v>
      </c>
      <c r="G168" s="5">
        <v>6</v>
      </c>
      <c r="H168" s="5" t="s">
        <v>1518</v>
      </c>
      <c r="I168" s="5" t="s">
        <v>1519</v>
      </c>
      <c r="J168" s="2" t="s">
        <v>1520</v>
      </c>
      <c r="K168" s="5" t="s">
        <v>1519</v>
      </c>
      <c r="L168" s="2" t="s">
        <v>1520</v>
      </c>
      <c r="M168" s="5" t="s">
        <v>1521</v>
      </c>
      <c r="N168" s="5" t="s">
        <v>38</v>
      </c>
      <c r="O168" s="5" t="s">
        <v>39</v>
      </c>
      <c r="P168" s="5" t="s">
        <v>40</v>
      </c>
      <c r="Q168" s="5" t="s">
        <v>1522</v>
      </c>
      <c r="R168" s="5" t="s">
        <v>1523</v>
      </c>
      <c r="S168" s="5" t="s">
        <v>42</v>
      </c>
      <c r="T168" s="2">
        <v>2.6190000000000002</v>
      </c>
      <c r="U168" s="2">
        <v>2.1549999999999998</v>
      </c>
      <c r="V168" s="2">
        <v>1.4999999999999999E-2</v>
      </c>
      <c r="W168" s="2">
        <v>118.9</v>
      </c>
      <c r="X168" s="2">
        <v>7.6</v>
      </c>
      <c r="Y168" s="2">
        <v>16.7</v>
      </c>
      <c r="Z168" s="5"/>
      <c r="AA168" s="5" t="s">
        <v>43</v>
      </c>
      <c r="AB168" s="5" t="s">
        <v>44</v>
      </c>
      <c r="AC168" s="2"/>
      <c r="AD168" s="1"/>
    </row>
    <row r="169" spans="1:30">
      <c r="A169" s="5" t="s">
        <v>83578</v>
      </c>
      <c r="B169" s="2" t="s">
        <v>84080</v>
      </c>
      <c r="C169" s="14" t="s">
        <v>84081</v>
      </c>
      <c r="D169" s="2" t="s">
        <v>84082</v>
      </c>
      <c r="E169" s="2" t="s">
        <v>2348</v>
      </c>
      <c r="F169" s="8">
        <v>206</v>
      </c>
      <c r="G169" s="5">
        <v>13</v>
      </c>
      <c r="H169" s="5" t="s">
        <v>1518</v>
      </c>
      <c r="I169" s="5" t="s">
        <v>1519</v>
      </c>
      <c r="J169" s="2" t="s">
        <v>1520</v>
      </c>
      <c r="K169" s="5" t="s">
        <v>1519</v>
      </c>
      <c r="L169" s="2" t="s">
        <v>1520</v>
      </c>
      <c r="M169" s="5" t="s">
        <v>1521</v>
      </c>
      <c r="N169" s="5" t="s">
        <v>38</v>
      </c>
      <c r="O169" s="5" t="s">
        <v>39</v>
      </c>
      <c r="P169" s="5" t="s">
        <v>40</v>
      </c>
      <c r="Q169" s="5" t="s">
        <v>1522</v>
      </c>
      <c r="R169" s="5" t="s">
        <v>1523</v>
      </c>
      <c r="S169" s="5" t="s">
        <v>42</v>
      </c>
      <c r="T169" s="2">
        <v>2.702</v>
      </c>
      <c r="U169" s="2">
        <v>2.238</v>
      </c>
      <c r="V169" s="2">
        <v>1.4999999999999999E-2</v>
      </c>
      <c r="W169" s="2">
        <v>118.9</v>
      </c>
      <c r="X169" s="2">
        <v>7.6</v>
      </c>
      <c r="Y169" s="2">
        <v>16.7</v>
      </c>
      <c r="Z169" s="5"/>
      <c r="AA169" s="5" t="s">
        <v>43</v>
      </c>
      <c r="AB169" s="5" t="s">
        <v>44</v>
      </c>
      <c r="AC169" s="2"/>
      <c r="AD169" s="1"/>
    </row>
    <row r="170" spans="1:30">
      <c r="A170" s="5" t="s">
        <v>83578</v>
      </c>
      <c r="B170" s="2" t="s">
        <v>84083</v>
      </c>
      <c r="C170" s="14" t="s">
        <v>84084</v>
      </c>
      <c r="D170" s="2" t="s">
        <v>84085</v>
      </c>
      <c r="E170" s="2" t="s">
        <v>2204</v>
      </c>
      <c r="F170" s="8">
        <v>206</v>
      </c>
      <c r="G170" s="5">
        <v>13</v>
      </c>
      <c r="H170" s="5" t="s">
        <v>1518</v>
      </c>
      <c r="I170" s="5" t="s">
        <v>1519</v>
      </c>
      <c r="J170" s="2" t="s">
        <v>1520</v>
      </c>
      <c r="K170" s="5" t="s">
        <v>1519</v>
      </c>
      <c r="L170" s="2" t="s">
        <v>1520</v>
      </c>
      <c r="M170" s="5" t="s">
        <v>1521</v>
      </c>
      <c r="N170" s="5" t="s">
        <v>38</v>
      </c>
      <c r="O170" s="5" t="s">
        <v>39</v>
      </c>
      <c r="P170" s="5" t="s">
        <v>40</v>
      </c>
      <c r="Q170" s="5" t="s">
        <v>1522</v>
      </c>
      <c r="R170" s="5" t="s">
        <v>1523</v>
      </c>
      <c r="S170" s="5" t="s">
        <v>42</v>
      </c>
      <c r="T170" s="2">
        <v>2.6520000000000001</v>
      </c>
      <c r="U170" s="2">
        <v>2.1880000000000002</v>
      </c>
      <c r="V170" s="2">
        <v>1.4999999999999999E-2</v>
      </c>
      <c r="W170" s="2">
        <v>118.9</v>
      </c>
      <c r="X170" s="2">
        <v>7.6</v>
      </c>
      <c r="Y170" s="2">
        <v>16.7</v>
      </c>
      <c r="Z170" s="5"/>
      <c r="AA170" s="5" t="s">
        <v>43</v>
      </c>
      <c r="AB170" s="5" t="s">
        <v>44</v>
      </c>
      <c r="AC170" s="2"/>
      <c r="AD170" s="1"/>
    </row>
    <row r="171" spans="1:30">
      <c r="A171" s="5" t="s">
        <v>83578</v>
      </c>
      <c r="B171" s="2" t="s">
        <v>84086</v>
      </c>
      <c r="C171" s="14" t="s">
        <v>84087</v>
      </c>
      <c r="D171" s="2" t="s">
        <v>84088</v>
      </c>
      <c r="E171" s="2" t="s">
        <v>2724</v>
      </c>
      <c r="F171" s="8">
        <v>206</v>
      </c>
      <c r="G171" s="5">
        <v>13</v>
      </c>
      <c r="H171" s="5" t="s">
        <v>1518</v>
      </c>
      <c r="I171" s="5" t="s">
        <v>1519</v>
      </c>
      <c r="J171" s="2" t="s">
        <v>1520</v>
      </c>
      <c r="K171" s="5" t="s">
        <v>1519</v>
      </c>
      <c r="L171" s="2" t="s">
        <v>1520</v>
      </c>
      <c r="M171" s="5" t="s">
        <v>1521</v>
      </c>
      <c r="N171" s="5" t="s">
        <v>38</v>
      </c>
      <c r="O171" s="5" t="s">
        <v>39</v>
      </c>
      <c r="P171" s="5" t="s">
        <v>40</v>
      </c>
      <c r="Q171" s="5" t="s">
        <v>1522</v>
      </c>
      <c r="R171" s="5" t="s">
        <v>1523</v>
      </c>
      <c r="S171" s="5" t="s">
        <v>42</v>
      </c>
      <c r="T171" s="2">
        <v>2.702</v>
      </c>
      <c r="U171" s="2">
        <v>2.238</v>
      </c>
      <c r="V171" s="2">
        <v>1.4999999999999999E-2</v>
      </c>
      <c r="W171" s="2">
        <v>118.9</v>
      </c>
      <c r="X171" s="2">
        <v>7.6</v>
      </c>
      <c r="Y171" s="2">
        <v>16.7</v>
      </c>
      <c r="Z171" s="5"/>
      <c r="AA171" s="5" t="s">
        <v>43</v>
      </c>
      <c r="AB171" s="5" t="s">
        <v>44</v>
      </c>
      <c r="AC171" s="2"/>
      <c r="AD171" s="1"/>
    </row>
    <row r="172" spans="1:30">
      <c r="A172" s="5" t="s">
        <v>83578</v>
      </c>
      <c r="B172" s="2" t="s">
        <v>84089</v>
      </c>
      <c r="C172" s="14" t="s">
        <v>84090</v>
      </c>
      <c r="D172" s="2" t="s">
        <v>84091</v>
      </c>
      <c r="E172" s="2" t="s">
        <v>1835</v>
      </c>
      <c r="F172" s="8">
        <v>206</v>
      </c>
      <c r="G172" s="5">
        <v>13</v>
      </c>
      <c r="H172" s="5" t="s">
        <v>1518</v>
      </c>
      <c r="I172" s="5" t="s">
        <v>1519</v>
      </c>
      <c r="J172" s="2" t="s">
        <v>1520</v>
      </c>
      <c r="K172" s="5" t="s">
        <v>1519</v>
      </c>
      <c r="L172" s="2" t="s">
        <v>1520</v>
      </c>
      <c r="M172" s="5" t="s">
        <v>1521</v>
      </c>
      <c r="N172" s="5" t="s">
        <v>38</v>
      </c>
      <c r="O172" s="5" t="s">
        <v>39</v>
      </c>
      <c r="P172" s="5" t="s">
        <v>40</v>
      </c>
      <c r="Q172" s="5" t="s">
        <v>1522</v>
      </c>
      <c r="R172" s="5" t="s">
        <v>1523</v>
      </c>
      <c r="S172" s="5" t="s">
        <v>42</v>
      </c>
      <c r="T172" s="2">
        <v>2.702</v>
      </c>
      <c r="U172" s="2">
        <v>2.238</v>
      </c>
      <c r="V172" s="2">
        <v>1.4999999999999999E-2</v>
      </c>
      <c r="W172" s="2">
        <v>118.9</v>
      </c>
      <c r="X172" s="2">
        <v>7.6</v>
      </c>
      <c r="Y172" s="2">
        <v>16.7</v>
      </c>
      <c r="Z172" s="5"/>
      <c r="AA172" s="5" t="s">
        <v>43</v>
      </c>
      <c r="AB172" s="5" t="s">
        <v>44</v>
      </c>
      <c r="AC172" s="2"/>
      <c r="AD172" s="1"/>
    </row>
    <row r="173" spans="1:30">
      <c r="A173" s="5" t="s">
        <v>83578</v>
      </c>
      <c r="B173" s="2" t="s">
        <v>84092</v>
      </c>
      <c r="C173" s="14" t="s">
        <v>84093</v>
      </c>
      <c r="D173" s="2" t="s">
        <v>84094</v>
      </c>
      <c r="E173" s="2" t="s">
        <v>1847</v>
      </c>
      <c r="F173" s="8">
        <v>206</v>
      </c>
      <c r="G173" s="5">
        <v>13</v>
      </c>
      <c r="H173" s="5" t="s">
        <v>1518</v>
      </c>
      <c r="I173" s="5" t="s">
        <v>1519</v>
      </c>
      <c r="J173" s="2" t="s">
        <v>1520</v>
      </c>
      <c r="K173" s="5" t="s">
        <v>1519</v>
      </c>
      <c r="L173" s="2" t="s">
        <v>1520</v>
      </c>
      <c r="M173" s="5" t="s">
        <v>1521</v>
      </c>
      <c r="N173" s="5" t="s">
        <v>38</v>
      </c>
      <c r="O173" s="5" t="s">
        <v>39</v>
      </c>
      <c r="P173" s="5" t="s">
        <v>40</v>
      </c>
      <c r="Q173" s="5" t="s">
        <v>1522</v>
      </c>
      <c r="R173" s="5" t="s">
        <v>1523</v>
      </c>
      <c r="S173" s="5" t="s">
        <v>42</v>
      </c>
      <c r="T173" s="2">
        <v>2.702</v>
      </c>
      <c r="U173" s="2">
        <v>2.238</v>
      </c>
      <c r="V173" s="2">
        <v>1.4999999999999999E-2</v>
      </c>
      <c r="W173" s="2">
        <v>118.9</v>
      </c>
      <c r="X173" s="2">
        <v>7.6</v>
      </c>
      <c r="Y173" s="2">
        <v>16.7</v>
      </c>
      <c r="Z173" s="5"/>
      <c r="AA173" s="5" t="s">
        <v>43</v>
      </c>
      <c r="AB173" s="5" t="s">
        <v>44</v>
      </c>
      <c r="AC173" s="2"/>
      <c r="AD173" s="1"/>
    </row>
    <row r="174" spans="1:30">
      <c r="A174" s="5" t="s">
        <v>83578</v>
      </c>
      <c r="B174" s="2" t="s">
        <v>84095</v>
      </c>
      <c r="C174" s="14" t="s">
        <v>84096</v>
      </c>
      <c r="D174" s="2" t="s">
        <v>84097</v>
      </c>
      <c r="E174" s="2" t="s">
        <v>1859</v>
      </c>
      <c r="F174" s="8">
        <v>206</v>
      </c>
      <c r="G174" s="5">
        <v>13</v>
      </c>
      <c r="H174" s="5" t="s">
        <v>1518</v>
      </c>
      <c r="I174" s="5" t="s">
        <v>1519</v>
      </c>
      <c r="J174" s="2" t="s">
        <v>1520</v>
      </c>
      <c r="K174" s="5" t="s">
        <v>1519</v>
      </c>
      <c r="L174" s="2" t="s">
        <v>1520</v>
      </c>
      <c r="M174" s="5" t="s">
        <v>1521</v>
      </c>
      <c r="N174" s="5" t="s">
        <v>38</v>
      </c>
      <c r="O174" s="5" t="s">
        <v>39</v>
      </c>
      <c r="P174" s="5" t="s">
        <v>40</v>
      </c>
      <c r="Q174" s="5" t="s">
        <v>1522</v>
      </c>
      <c r="R174" s="5" t="s">
        <v>1523</v>
      </c>
      <c r="S174" s="5" t="s">
        <v>42</v>
      </c>
      <c r="T174" s="2">
        <v>2.702</v>
      </c>
      <c r="U174" s="2">
        <v>2.238</v>
      </c>
      <c r="V174" s="2">
        <v>1.4999999999999999E-2</v>
      </c>
      <c r="W174" s="2">
        <v>118.9</v>
      </c>
      <c r="X174" s="2">
        <v>7.6</v>
      </c>
      <c r="Y174" s="2">
        <v>16.7</v>
      </c>
      <c r="Z174" s="5"/>
      <c r="AA174" s="5" t="s">
        <v>43</v>
      </c>
      <c r="AB174" s="5" t="s">
        <v>44</v>
      </c>
      <c r="AC174" s="2"/>
      <c r="AD174" s="1"/>
    </row>
    <row r="175" spans="1:30">
      <c r="A175" s="5" t="s">
        <v>83578</v>
      </c>
      <c r="B175" s="2" t="s">
        <v>84098</v>
      </c>
      <c r="C175" s="14" t="s">
        <v>84099</v>
      </c>
      <c r="D175" s="2" t="s">
        <v>84100</v>
      </c>
      <c r="E175" s="2" t="s">
        <v>2204</v>
      </c>
      <c r="F175" s="8">
        <v>218</v>
      </c>
      <c r="G175" s="5">
        <v>13</v>
      </c>
      <c r="H175" s="5" t="s">
        <v>1518</v>
      </c>
      <c r="I175" s="5" t="s">
        <v>1519</v>
      </c>
      <c r="J175" s="2" t="s">
        <v>1520</v>
      </c>
      <c r="K175" s="5" t="s">
        <v>1519</v>
      </c>
      <c r="L175" s="2" t="s">
        <v>1520</v>
      </c>
      <c r="M175" s="5" t="s">
        <v>1521</v>
      </c>
      <c r="N175" s="5" t="s">
        <v>38</v>
      </c>
      <c r="O175" s="5" t="s">
        <v>39</v>
      </c>
      <c r="P175" s="5" t="s">
        <v>40</v>
      </c>
      <c r="Q175" s="5" t="s">
        <v>1522</v>
      </c>
      <c r="R175" s="5" t="s">
        <v>1523</v>
      </c>
      <c r="S175" s="5" t="s">
        <v>42</v>
      </c>
      <c r="T175" s="2">
        <v>2.9809999999999999</v>
      </c>
      <c r="U175" s="2">
        <v>2.5339999999999998</v>
      </c>
      <c r="V175" s="2">
        <v>1.4999999999999999E-2</v>
      </c>
      <c r="W175" s="2">
        <v>118.9</v>
      </c>
      <c r="X175" s="2">
        <v>7.6</v>
      </c>
      <c r="Y175" s="2">
        <v>16.7</v>
      </c>
      <c r="Z175" s="5"/>
      <c r="AA175" s="5" t="s">
        <v>43</v>
      </c>
      <c r="AB175" s="5" t="s">
        <v>44</v>
      </c>
      <c r="AC175" s="2"/>
      <c r="AD175" s="1"/>
    </row>
    <row r="176" spans="1:30">
      <c r="A176" s="5" t="s">
        <v>83578</v>
      </c>
      <c r="B176" s="2" t="s">
        <v>84101</v>
      </c>
      <c r="C176" s="14" t="s">
        <v>84102</v>
      </c>
      <c r="D176" s="2" t="s">
        <v>84103</v>
      </c>
      <c r="E176" s="2" t="s">
        <v>2724</v>
      </c>
      <c r="F176" s="8">
        <v>218</v>
      </c>
      <c r="G176" s="5">
        <v>13</v>
      </c>
      <c r="H176" s="5" t="s">
        <v>1518</v>
      </c>
      <c r="I176" s="5" t="s">
        <v>1519</v>
      </c>
      <c r="J176" s="2" t="s">
        <v>1520</v>
      </c>
      <c r="K176" s="5" t="s">
        <v>1519</v>
      </c>
      <c r="L176" s="2" t="s">
        <v>1520</v>
      </c>
      <c r="M176" s="5" t="s">
        <v>1521</v>
      </c>
      <c r="N176" s="5" t="s">
        <v>38</v>
      </c>
      <c r="O176" s="5" t="s">
        <v>39</v>
      </c>
      <c r="P176" s="5" t="s">
        <v>40</v>
      </c>
      <c r="Q176" s="5" t="s">
        <v>1522</v>
      </c>
      <c r="R176" s="5" t="s">
        <v>1523</v>
      </c>
      <c r="S176" s="5" t="s">
        <v>42</v>
      </c>
      <c r="T176" s="2">
        <v>3.04</v>
      </c>
      <c r="U176" s="2">
        <v>2.593</v>
      </c>
      <c r="V176" s="2">
        <v>1.4999999999999999E-2</v>
      </c>
      <c r="W176" s="2">
        <v>118.9</v>
      </c>
      <c r="X176" s="2">
        <v>7.6</v>
      </c>
      <c r="Y176" s="2">
        <v>16.7</v>
      </c>
      <c r="Z176" s="5"/>
      <c r="AA176" s="5" t="s">
        <v>43</v>
      </c>
      <c r="AB176" s="5" t="s">
        <v>44</v>
      </c>
      <c r="AC176" s="2"/>
      <c r="AD176" s="1"/>
    </row>
    <row r="177" spans="1:30">
      <c r="A177" s="5" t="s">
        <v>83578</v>
      </c>
      <c r="B177" s="2" t="s">
        <v>84104</v>
      </c>
      <c r="C177" s="14" t="s">
        <v>84105</v>
      </c>
      <c r="D177" s="2" t="s">
        <v>84106</v>
      </c>
      <c r="E177" s="2" t="s">
        <v>1755</v>
      </c>
      <c r="F177" s="8">
        <v>245</v>
      </c>
      <c r="G177" s="5">
        <v>6</v>
      </c>
      <c r="H177" s="5" t="s">
        <v>1518</v>
      </c>
      <c r="I177" s="5" t="s">
        <v>1519</v>
      </c>
      <c r="J177" s="2" t="s">
        <v>1520</v>
      </c>
      <c r="K177" s="5" t="s">
        <v>1519</v>
      </c>
      <c r="L177" s="2" t="s">
        <v>1520</v>
      </c>
      <c r="M177" s="5" t="s">
        <v>1521</v>
      </c>
      <c r="N177" s="5" t="s">
        <v>38</v>
      </c>
      <c r="O177" s="5" t="s">
        <v>39</v>
      </c>
      <c r="P177" s="5" t="s">
        <v>40</v>
      </c>
      <c r="Q177" s="5" t="s">
        <v>1522</v>
      </c>
      <c r="R177" s="5" t="s">
        <v>1523</v>
      </c>
      <c r="S177" s="5" t="s">
        <v>42</v>
      </c>
      <c r="T177" s="2">
        <v>3.1859999999999999</v>
      </c>
      <c r="U177" s="2">
        <v>2.6619999999999999</v>
      </c>
      <c r="V177" s="2">
        <v>1.7999999999999999E-2</v>
      </c>
      <c r="W177" s="2">
        <v>139.1</v>
      </c>
      <c r="X177" s="2">
        <v>7.6</v>
      </c>
      <c r="Y177" s="2">
        <v>16.7</v>
      </c>
      <c r="Z177" s="5"/>
      <c r="AA177" s="5" t="s">
        <v>43</v>
      </c>
      <c r="AB177" s="5" t="s">
        <v>44</v>
      </c>
      <c r="AC177" s="2"/>
      <c r="AD177" s="1"/>
    </row>
    <row r="178" spans="1:30">
      <c r="A178" s="5" t="s">
        <v>83578</v>
      </c>
      <c r="B178" s="2" t="s">
        <v>84107</v>
      </c>
      <c r="C178" s="14" t="s">
        <v>84108</v>
      </c>
      <c r="D178" s="2" t="s">
        <v>84109</v>
      </c>
      <c r="E178" s="2" t="s">
        <v>1771</v>
      </c>
      <c r="F178" s="8">
        <v>245</v>
      </c>
      <c r="G178" s="5">
        <v>6</v>
      </c>
      <c r="H178" s="5" t="s">
        <v>1518</v>
      </c>
      <c r="I178" s="5" t="s">
        <v>1519</v>
      </c>
      <c r="J178" s="2" t="s">
        <v>1520</v>
      </c>
      <c r="K178" s="5" t="s">
        <v>1519</v>
      </c>
      <c r="L178" s="2" t="s">
        <v>1520</v>
      </c>
      <c r="M178" s="5" t="s">
        <v>1521</v>
      </c>
      <c r="N178" s="5" t="s">
        <v>38</v>
      </c>
      <c r="O178" s="5" t="s">
        <v>39</v>
      </c>
      <c r="P178" s="5" t="s">
        <v>40</v>
      </c>
      <c r="Q178" s="5" t="s">
        <v>1522</v>
      </c>
      <c r="R178" s="5" t="s">
        <v>1523</v>
      </c>
      <c r="S178" s="5" t="s">
        <v>42</v>
      </c>
      <c r="T178" s="2">
        <v>3.2280000000000002</v>
      </c>
      <c r="U178" s="2">
        <v>2.7040000000000002</v>
      </c>
      <c r="V178" s="2">
        <v>1.7999999999999999E-2</v>
      </c>
      <c r="W178" s="2">
        <v>139.1</v>
      </c>
      <c r="X178" s="2">
        <v>7.6</v>
      </c>
      <c r="Y178" s="2">
        <v>16.7</v>
      </c>
      <c r="Z178" s="5"/>
      <c r="AA178" s="5" t="s">
        <v>43</v>
      </c>
      <c r="AB178" s="5" t="s">
        <v>44</v>
      </c>
      <c r="AC178" s="2"/>
      <c r="AD178" s="1"/>
    </row>
    <row r="179" spans="1:30">
      <c r="A179" s="5" t="s">
        <v>83578</v>
      </c>
      <c r="B179" s="2" t="s">
        <v>84110</v>
      </c>
      <c r="C179" s="14" t="s">
        <v>84111</v>
      </c>
      <c r="D179" s="2" t="s">
        <v>84112</v>
      </c>
      <c r="E179" s="2" t="s">
        <v>1787</v>
      </c>
      <c r="F179" s="8">
        <v>245</v>
      </c>
      <c r="G179" s="5">
        <v>6</v>
      </c>
      <c r="H179" s="5" t="s">
        <v>1518</v>
      </c>
      <c r="I179" s="5" t="s">
        <v>1519</v>
      </c>
      <c r="J179" s="2" t="s">
        <v>1520</v>
      </c>
      <c r="K179" s="5" t="s">
        <v>1519</v>
      </c>
      <c r="L179" s="2" t="s">
        <v>1520</v>
      </c>
      <c r="M179" s="5" t="s">
        <v>1521</v>
      </c>
      <c r="N179" s="5" t="s">
        <v>38</v>
      </c>
      <c r="O179" s="5" t="s">
        <v>39</v>
      </c>
      <c r="P179" s="5" t="s">
        <v>40</v>
      </c>
      <c r="Q179" s="5" t="s">
        <v>1522</v>
      </c>
      <c r="R179" s="5" t="s">
        <v>1523</v>
      </c>
      <c r="S179" s="5" t="s">
        <v>42</v>
      </c>
      <c r="T179" s="2">
        <v>3.1859999999999999</v>
      </c>
      <c r="U179" s="2">
        <v>2.6619999999999999</v>
      </c>
      <c r="V179" s="2">
        <v>1.7999999999999999E-2</v>
      </c>
      <c r="W179" s="2">
        <v>139.1</v>
      </c>
      <c r="X179" s="2">
        <v>7.6</v>
      </c>
      <c r="Y179" s="2">
        <v>16.7</v>
      </c>
      <c r="Z179" s="5"/>
      <c r="AA179" s="5" t="s">
        <v>43</v>
      </c>
      <c r="AB179" s="5" t="s">
        <v>44</v>
      </c>
      <c r="AC179" s="2"/>
      <c r="AD179" s="1"/>
    </row>
    <row r="180" spans="1:30">
      <c r="A180" s="5" t="s">
        <v>83578</v>
      </c>
      <c r="B180" s="2" t="s">
        <v>84113</v>
      </c>
      <c r="C180" s="14" t="s">
        <v>84114</v>
      </c>
      <c r="D180" s="2" t="s">
        <v>84115</v>
      </c>
      <c r="E180" s="2" t="s">
        <v>1973</v>
      </c>
      <c r="F180" s="8">
        <v>245</v>
      </c>
      <c r="G180" s="5">
        <v>18</v>
      </c>
      <c r="H180" s="5" t="s">
        <v>1518</v>
      </c>
      <c r="I180" s="5" t="s">
        <v>1519</v>
      </c>
      <c r="J180" s="2" t="s">
        <v>1520</v>
      </c>
      <c r="K180" s="5" t="s">
        <v>1519</v>
      </c>
      <c r="L180" s="2" t="s">
        <v>1520</v>
      </c>
      <c r="M180" s="5" t="s">
        <v>1521</v>
      </c>
      <c r="N180" s="5" t="s">
        <v>38</v>
      </c>
      <c r="O180" s="5" t="s">
        <v>39</v>
      </c>
      <c r="P180" s="5" t="s">
        <v>40</v>
      </c>
      <c r="Q180" s="5" t="s">
        <v>1522</v>
      </c>
      <c r="R180" s="5" t="s">
        <v>1523</v>
      </c>
      <c r="S180" s="5" t="s">
        <v>42</v>
      </c>
      <c r="T180" s="2">
        <v>3.218</v>
      </c>
      <c r="U180" s="2">
        <v>2.694</v>
      </c>
      <c r="V180" s="2">
        <v>1.7999999999999999E-2</v>
      </c>
      <c r="W180" s="2">
        <v>139.1</v>
      </c>
      <c r="X180" s="2">
        <v>7.6</v>
      </c>
      <c r="Y180" s="2">
        <v>16.7</v>
      </c>
      <c r="Z180" s="5"/>
      <c r="AA180" s="5" t="s">
        <v>43</v>
      </c>
      <c r="AB180" s="5" t="s">
        <v>44</v>
      </c>
      <c r="AC180" s="2"/>
      <c r="AD180" s="1"/>
    </row>
    <row r="181" spans="1:30">
      <c r="A181" s="5" t="s">
        <v>83578</v>
      </c>
      <c r="B181" s="2" t="s">
        <v>84116</v>
      </c>
      <c r="C181" s="14" t="s">
        <v>84117</v>
      </c>
      <c r="D181" s="2" t="s">
        <v>84118</v>
      </c>
      <c r="E181" s="2" t="s">
        <v>2348</v>
      </c>
      <c r="F181" s="8">
        <v>245</v>
      </c>
      <c r="G181" s="5">
        <v>18</v>
      </c>
      <c r="H181" s="5" t="s">
        <v>1518</v>
      </c>
      <c r="I181" s="5" t="s">
        <v>1519</v>
      </c>
      <c r="J181" s="2" t="s">
        <v>1520</v>
      </c>
      <c r="K181" s="5" t="s">
        <v>1519</v>
      </c>
      <c r="L181" s="2" t="s">
        <v>1520</v>
      </c>
      <c r="M181" s="5" t="s">
        <v>1521</v>
      </c>
      <c r="N181" s="5" t="s">
        <v>38</v>
      </c>
      <c r="O181" s="5" t="s">
        <v>39</v>
      </c>
      <c r="P181" s="5" t="s">
        <v>40</v>
      </c>
      <c r="Q181" s="5" t="s">
        <v>1522</v>
      </c>
      <c r="R181" s="5" t="s">
        <v>1523</v>
      </c>
      <c r="S181" s="5" t="s">
        <v>42</v>
      </c>
      <c r="T181" s="2">
        <v>3.282</v>
      </c>
      <c r="U181" s="2">
        <v>2.758</v>
      </c>
      <c r="V181" s="2">
        <v>1.7999999999999999E-2</v>
      </c>
      <c r="W181" s="2">
        <v>139.1</v>
      </c>
      <c r="X181" s="2">
        <v>7.6</v>
      </c>
      <c r="Y181" s="2">
        <v>16.7</v>
      </c>
      <c r="Z181" s="5"/>
      <c r="AA181" s="5" t="s">
        <v>43</v>
      </c>
      <c r="AB181" s="5" t="s">
        <v>44</v>
      </c>
      <c r="AC181" s="2"/>
      <c r="AD181" s="1"/>
    </row>
    <row r="182" spans="1:30">
      <c r="A182" s="5" t="s">
        <v>83578</v>
      </c>
      <c r="B182" s="2" t="s">
        <v>84119</v>
      </c>
      <c r="C182" s="14" t="s">
        <v>84120</v>
      </c>
      <c r="D182" s="2" t="s">
        <v>84121</v>
      </c>
      <c r="E182" s="2" t="s">
        <v>2204</v>
      </c>
      <c r="F182" s="8">
        <v>245</v>
      </c>
      <c r="G182" s="5">
        <v>18</v>
      </c>
      <c r="H182" s="5" t="s">
        <v>1518</v>
      </c>
      <c r="I182" s="5" t="s">
        <v>1519</v>
      </c>
      <c r="J182" s="2" t="s">
        <v>1520</v>
      </c>
      <c r="K182" s="5" t="s">
        <v>1519</v>
      </c>
      <c r="L182" s="2" t="s">
        <v>1520</v>
      </c>
      <c r="M182" s="5" t="s">
        <v>1521</v>
      </c>
      <c r="N182" s="5" t="s">
        <v>38</v>
      </c>
      <c r="O182" s="5" t="s">
        <v>39</v>
      </c>
      <c r="P182" s="5" t="s">
        <v>40</v>
      </c>
      <c r="Q182" s="5" t="s">
        <v>1522</v>
      </c>
      <c r="R182" s="5" t="s">
        <v>1523</v>
      </c>
      <c r="S182" s="5" t="s">
        <v>42</v>
      </c>
      <c r="T182" s="2">
        <v>3.218</v>
      </c>
      <c r="U182" s="2">
        <v>2.694</v>
      </c>
      <c r="V182" s="2">
        <v>1.7999999999999999E-2</v>
      </c>
      <c r="W182" s="2">
        <v>139.1</v>
      </c>
      <c r="X182" s="2">
        <v>7.6</v>
      </c>
      <c r="Y182" s="2">
        <v>16.7</v>
      </c>
      <c r="Z182" s="5"/>
      <c r="AA182" s="5" t="s">
        <v>43</v>
      </c>
      <c r="AB182" s="5" t="s">
        <v>44</v>
      </c>
      <c r="AC182" s="2"/>
      <c r="AD182" s="1"/>
    </row>
    <row r="183" spans="1:30">
      <c r="A183" s="5" t="s">
        <v>83578</v>
      </c>
      <c r="B183" s="2" t="s">
        <v>84122</v>
      </c>
      <c r="C183" s="14" t="s">
        <v>84123</v>
      </c>
      <c r="D183" s="2" t="s">
        <v>84124</v>
      </c>
      <c r="E183" s="2" t="s">
        <v>2724</v>
      </c>
      <c r="F183" s="8">
        <v>245</v>
      </c>
      <c r="G183" s="5">
        <v>18</v>
      </c>
      <c r="H183" s="5" t="s">
        <v>1518</v>
      </c>
      <c r="I183" s="5" t="s">
        <v>1519</v>
      </c>
      <c r="J183" s="2" t="s">
        <v>1520</v>
      </c>
      <c r="K183" s="5" t="s">
        <v>1519</v>
      </c>
      <c r="L183" s="2" t="s">
        <v>1520</v>
      </c>
      <c r="M183" s="5" t="s">
        <v>1521</v>
      </c>
      <c r="N183" s="5" t="s">
        <v>38</v>
      </c>
      <c r="O183" s="5" t="s">
        <v>39</v>
      </c>
      <c r="P183" s="5" t="s">
        <v>40</v>
      </c>
      <c r="Q183" s="5" t="s">
        <v>1522</v>
      </c>
      <c r="R183" s="5" t="s">
        <v>1523</v>
      </c>
      <c r="S183" s="5" t="s">
        <v>42</v>
      </c>
      <c r="T183" s="2">
        <v>3.282</v>
      </c>
      <c r="U183" s="2">
        <v>2.758</v>
      </c>
      <c r="V183" s="2">
        <v>1.7999999999999999E-2</v>
      </c>
      <c r="W183" s="2">
        <v>139.1</v>
      </c>
      <c r="X183" s="2">
        <v>7.6</v>
      </c>
      <c r="Y183" s="2">
        <v>16.7</v>
      </c>
      <c r="Z183" s="5"/>
      <c r="AA183" s="5" t="s">
        <v>43</v>
      </c>
      <c r="AB183" s="5" t="s">
        <v>44</v>
      </c>
      <c r="AC183" s="2"/>
      <c r="AD183" s="1"/>
    </row>
    <row r="184" spans="1:30">
      <c r="A184" s="5" t="s">
        <v>83578</v>
      </c>
      <c r="B184" s="2" t="s">
        <v>84125</v>
      </c>
      <c r="C184" s="14" t="s">
        <v>84126</v>
      </c>
      <c r="D184" s="2" t="s">
        <v>84127</v>
      </c>
      <c r="E184" s="2" t="s">
        <v>2212</v>
      </c>
      <c r="F184" s="8">
        <v>245</v>
      </c>
      <c r="G184" s="5">
        <v>18</v>
      </c>
      <c r="H184" s="5" t="s">
        <v>1518</v>
      </c>
      <c r="I184" s="5" t="s">
        <v>1519</v>
      </c>
      <c r="J184" s="2" t="s">
        <v>1520</v>
      </c>
      <c r="K184" s="5" t="s">
        <v>1519</v>
      </c>
      <c r="L184" s="2" t="s">
        <v>1520</v>
      </c>
      <c r="M184" s="5" t="s">
        <v>1521</v>
      </c>
      <c r="N184" s="5" t="s">
        <v>38</v>
      </c>
      <c r="O184" s="5" t="s">
        <v>39</v>
      </c>
      <c r="P184" s="5" t="s">
        <v>40</v>
      </c>
      <c r="Q184" s="5" t="s">
        <v>1522</v>
      </c>
      <c r="R184" s="5" t="s">
        <v>1523</v>
      </c>
      <c r="S184" s="5" t="s">
        <v>42</v>
      </c>
      <c r="T184" s="2">
        <v>3.282</v>
      </c>
      <c r="U184" s="2">
        <v>2.758</v>
      </c>
      <c r="V184" s="2">
        <v>1.7999999999999999E-2</v>
      </c>
      <c r="W184" s="2">
        <v>139.1</v>
      </c>
      <c r="X184" s="2">
        <v>7.6</v>
      </c>
      <c r="Y184" s="2">
        <v>16.7</v>
      </c>
      <c r="Z184" s="5"/>
      <c r="AA184" s="5" t="s">
        <v>43</v>
      </c>
      <c r="AB184" s="5" t="s">
        <v>44</v>
      </c>
      <c r="AC184" s="2"/>
      <c r="AD184" s="1"/>
    </row>
    <row r="185" spans="1:30">
      <c r="A185" s="5" t="s">
        <v>83578</v>
      </c>
      <c r="B185" s="2" t="s">
        <v>84128</v>
      </c>
      <c r="C185" s="14" t="s">
        <v>84129</v>
      </c>
      <c r="D185" s="2" t="s">
        <v>84130</v>
      </c>
      <c r="E185" s="2" t="s">
        <v>1831</v>
      </c>
      <c r="F185" s="8">
        <v>245</v>
      </c>
      <c r="G185" s="5">
        <v>18</v>
      </c>
      <c r="H185" s="5" t="s">
        <v>1518</v>
      </c>
      <c r="I185" s="5" t="s">
        <v>1519</v>
      </c>
      <c r="J185" s="2" t="s">
        <v>1520</v>
      </c>
      <c r="K185" s="5" t="s">
        <v>1519</v>
      </c>
      <c r="L185" s="2" t="s">
        <v>1520</v>
      </c>
      <c r="M185" s="5" t="s">
        <v>1521</v>
      </c>
      <c r="N185" s="5" t="s">
        <v>38</v>
      </c>
      <c r="O185" s="5" t="s">
        <v>39</v>
      </c>
      <c r="P185" s="5" t="s">
        <v>40</v>
      </c>
      <c r="Q185" s="5" t="s">
        <v>1522</v>
      </c>
      <c r="R185" s="5" t="s">
        <v>1523</v>
      </c>
      <c r="S185" s="5" t="s">
        <v>42</v>
      </c>
      <c r="T185" s="2">
        <v>3.218</v>
      </c>
      <c r="U185" s="2">
        <v>2.694</v>
      </c>
      <c r="V185" s="2">
        <v>1.7999999999999999E-2</v>
      </c>
      <c r="W185" s="2">
        <v>139.1</v>
      </c>
      <c r="X185" s="2">
        <v>7.6</v>
      </c>
      <c r="Y185" s="2">
        <v>16.7</v>
      </c>
      <c r="Z185" s="5"/>
      <c r="AA185" s="5" t="s">
        <v>43</v>
      </c>
      <c r="AB185" s="5" t="s">
        <v>44</v>
      </c>
      <c r="AC185" s="2"/>
      <c r="AD185" s="1"/>
    </row>
    <row r="186" spans="1:30">
      <c r="A186" s="5" t="s">
        <v>83578</v>
      </c>
      <c r="B186" s="2" t="s">
        <v>84131</v>
      </c>
      <c r="C186" s="14" t="s">
        <v>84132</v>
      </c>
      <c r="D186" s="2" t="s">
        <v>84133</v>
      </c>
      <c r="E186" s="2" t="s">
        <v>1835</v>
      </c>
      <c r="F186" s="8">
        <v>245</v>
      </c>
      <c r="G186" s="5">
        <v>18</v>
      </c>
      <c r="H186" s="5" t="s">
        <v>1518</v>
      </c>
      <c r="I186" s="5" t="s">
        <v>1519</v>
      </c>
      <c r="J186" s="2" t="s">
        <v>1520</v>
      </c>
      <c r="K186" s="5" t="s">
        <v>1519</v>
      </c>
      <c r="L186" s="2" t="s">
        <v>1520</v>
      </c>
      <c r="M186" s="5" t="s">
        <v>1521</v>
      </c>
      <c r="N186" s="5" t="s">
        <v>38</v>
      </c>
      <c r="O186" s="5" t="s">
        <v>39</v>
      </c>
      <c r="P186" s="5" t="s">
        <v>40</v>
      </c>
      <c r="Q186" s="5" t="s">
        <v>1522</v>
      </c>
      <c r="R186" s="5" t="s">
        <v>1523</v>
      </c>
      <c r="S186" s="5" t="s">
        <v>42</v>
      </c>
      <c r="T186" s="2">
        <v>3.282</v>
      </c>
      <c r="U186" s="2">
        <v>2.758</v>
      </c>
      <c r="V186" s="2">
        <v>1.7999999999999999E-2</v>
      </c>
      <c r="W186" s="2">
        <v>139.1</v>
      </c>
      <c r="X186" s="2">
        <v>7.6</v>
      </c>
      <c r="Y186" s="2">
        <v>16.7</v>
      </c>
      <c r="Z186" s="5"/>
      <c r="AA186" s="5" t="s">
        <v>43</v>
      </c>
      <c r="AB186" s="5" t="s">
        <v>44</v>
      </c>
      <c r="AC186" s="2"/>
      <c r="AD186" s="1"/>
    </row>
    <row r="187" spans="1:30">
      <c r="A187" s="5" t="s">
        <v>83578</v>
      </c>
      <c r="B187" s="2" t="s">
        <v>84134</v>
      </c>
      <c r="C187" s="14" t="s">
        <v>84135</v>
      </c>
      <c r="D187" s="2" t="s">
        <v>84136</v>
      </c>
      <c r="E187" s="2" t="s">
        <v>1839</v>
      </c>
      <c r="F187" s="8">
        <v>245</v>
      </c>
      <c r="G187" s="5">
        <v>18</v>
      </c>
      <c r="H187" s="5" t="s">
        <v>1518</v>
      </c>
      <c r="I187" s="5" t="s">
        <v>1519</v>
      </c>
      <c r="J187" s="2" t="s">
        <v>1520</v>
      </c>
      <c r="K187" s="5" t="s">
        <v>1519</v>
      </c>
      <c r="L187" s="2" t="s">
        <v>1520</v>
      </c>
      <c r="M187" s="5" t="s">
        <v>1521</v>
      </c>
      <c r="N187" s="5" t="s">
        <v>38</v>
      </c>
      <c r="O187" s="5" t="s">
        <v>39</v>
      </c>
      <c r="P187" s="5" t="s">
        <v>40</v>
      </c>
      <c r="Q187" s="5" t="s">
        <v>1522</v>
      </c>
      <c r="R187" s="5" t="s">
        <v>1523</v>
      </c>
      <c r="S187" s="5" t="s">
        <v>42</v>
      </c>
      <c r="T187" s="2">
        <v>3.218</v>
      </c>
      <c r="U187" s="2">
        <v>2.694</v>
      </c>
      <c r="V187" s="2">
        <v>1.7999999999999999E-2</v>
      </c>
      <c r="W187" s="2">
        <v>139.1</v>
      </c>
      <c r="X187" s="2">
        <v>7.6</v>
      </c>
      <c r="Y187" s="2">
        <v>16.7</v>
      </c>
      <c r="Z187" s="5"/>
      <c r="AA187" s="5" t="s">
        <v>43</v>
      </c>
      <c r="AB187" s="5" t="s">
        <v>44</v>
      </c>
      <c r="AC187" s="2"/>
      <c r="AD187" s="1"/>
    </row>
    <row r="188" spans="1:30">
      <c r="A188" s="5" t="s">
        <v>83578</v>
      </c>
      <c r="B188" s="2" t="s">
        <v>84137</v>
      </c>
      <c r="C188" s="14" t="s">
        <v>84138</v>
      </c>
      <c r="D188" s="2" t="s">
        <v>84139</v>
      </c>
      <c r="E188" s="2" t="s">
        <v>1986</v>
      </c>
      <c r="F188" s="8">
        <v>245</v>
      </c>
      <c r="G188" s="5">
        <v>18</v>
      </c>
      <c r="H188" s="5" t="s">
        <v>1518</v>
      </c>
      <c r="I188" s="5" t="s">
        <v>1519</v>
      </c>
      <c r="J188" s="2" t="s">
        <v>1520</v>
      </c>
      <c r="K188" s="5" t="s">
        <v>1519</v>
      </c>
      <c r="L188" s="2" t="s">
        <v>1520</v>
      </c>
      <c r="M188" s="5" t="s">
        <v>1521</v>
      </c>
      <c r="N188" s="5" t="s">
        <v>38</v>
      </c>
      <c r="O188" s="5" t="s">
        <v>39</v>
      </c>
      <c r="P188" s="5" t="s">
        <v>40</v>
      </c>
      <c r="Q188" s="5" t="s">
        <v>1522</v>
      </c>
      <c r="R188" s="5" t="s">
        <v>1523</v>
      </c>
      <c r="S188" s="5" t="s">
        <v>42</v>
      </c>
      <c r="T188" s="2">
        <v>3.282</v>
      </c>
      <c r="U188" s="2">
        <v>2.758</v>
      </c>
      <c r="V188" s="2">
        <v>1.7999999999999999E-2</v>
      </c>
      <c r="W188" s="2">
        <v>139.1</v>
      </c>
      <c r="X188" s="2">
        <v>7.6</v>
      </c>
      <c r="Y188" s="2">
        <v>16.7</v>
      </c>
      <c r="Z188" s="5"/>
      <c r="AA188" s="5" t="s">
        <v>43</v>
      </c>
      <c r="AB188" s="5" t="s">
        <v>44</v>
      </c>
      <c r="AC188" s="2"/>
      <c r="AD188" s="1"/>
    </row>
    <row r="189" spans="1:30">
      <c r="A189" s="5" t="s">
        <v>83578</v>
      </c>
      <c r="B189" s="2" t="s">
        <v>84140</v>
      </c>
      <c r="C189" s="14" t="s">
        <v>84141</v>
      </c>
      <c r="D189" s="2" t="s">
        <v>84142</v>
      </c>
      <c r="E189" s="2" t="s">
        <v>1847</v>
      </c>
      <c r="F189" s="8">
        <v>245</v>
      </c>
      <c r="G189" s="5">
        <v>18</v>
      </c>
      <c r="H189" s="5" t="s">
        <v>1518</v>
      </c>
      <c r="I189" s="5" t="s">
        <v>1519</v>
      </c>
      <c r="J189" s="2" t="s">
        <v>1520</v>
      </c>
      <c r="K189" s="5" t="s">
        <v>1519</v>
      </c>
      <c r="L189" s="2" t="s">
        <v>1520</v>
      </c>
      <c r="M189" s="5" t="s">
        <v>1521</v>
      </c>
      <c r="N189" s="5" t="s">
        <v>38</v>
      </c>
      <c r="O189" s="5" t="s">
        <v>39</v>
      </c>
      <c r="P189" s="5" t="s">
        <v>40</v>
      </c>
      <c r="Q189" s="5" t="s">
        <v>1522</v>
      </c>
      <c r="R189" s="5" t="s">
        <v>1523</v>
      </c>
      <c r="S189" s="5" t="s">
        <v>42</v>
      </c>
      <c r="T189" s="2">
        <v>3.282</v>
      </c>
      <c r="U189" s="2">
        <v>2.758</v>
      </c>
      <c r="V189" s="2">
        <v>1.7999999999999999E-2</v>
      </c>
      <c r="W189" s="2">
        <v>139.1</v>
      </c>
      <c r="X189" s="2">
        <v>7.6</v>
      </c>
      <c r="Y189" s="2">
        <v>16.7</v>
      </c>
      <c r="Z189" s="5"/>
      <c r="AA189" s="5" t="s">
        <v>43</v>
      </c>
      <c r="AB189" s="5" t="s">
        <v>44</v>
      </c>
      <c r="AC189" s="2"/>
      <c r="AD189" s="1"/>
    </row>
    <row r="190" spans="1:30">
      <c r="A190" s="5" t="s">
        <v>83578</v>
      </c>
      <c r="B190" s="2" t="s">
        <v>84143</v>
      </c>
      <c r="C190" s="14" t="s">
        <v>84144</v>
      </c>
      <c r="D190" s="2" t="s">
        <v>84145</v>
      </c>
      <c r="E190" s="2" t="s">
        <v>1851</v>
      </c>
      <c r="F190" s="8">
        <v>245</v>
      </c>
      <c r="G190" s="5">
        <v>18</v>
      </c>
      <c r="H190" s="5" t="s">
        <v>1518</v>
      </c>
      <c r="I190" s="5" t="s">
        <v>1519</v>
      </c>
      <c r="J190" s="2" t="s">
        <v>1520</v>
      </c>
      <c r="K190" s="5" t="s">
        <v>1519</v>
      </c>
      <c r="L190" s="2" t="s">
        <v>1520</v>
      </c>
      <c r="M190" s="5" t="s">
        <v>1521</v>
      </c>
      <c r="N190" s="5" t="s">
        <v>38</v>
      </c>
      <c r="O190" s="5" t="s">
        <v>39</v>
      </c>
      <c r="P190" s="5" t="s">
        <v>40</v>
      </c>
      <c r="Q190" s="5" t="s">
        <v>1522</v>
      </c>
      <c r="R190" s="5" t="s">
        <v>1523</v>
      </c>
      <c r="S190" s="5" t="s">
        <v>42</v>
      </c>
      <c r="T190" s="2">
        <v>3.218</v>
      </c>
      <c r="U190" s="2">
        <v>2.694</v>
      </c>
      <c r="V190" s="2">
        <v>1.7999999999999999E-2</v>
      </c>
      <c r="W190" s="2">
        <v>139.1</v>
      </c>
      <c r="X190" s="2">
        <v>7.6</v>
      </c>
      <c r="Y190" s="2">
        <v>16.7</v>
      </c>
      <c r="Z190" s="5"/>
      <c r="AA190" s="5" t="s">
        <v>43</v>
      </c>
      <c r="AB190" s="5" t="s">
        <v>44</v>
      </c>
      <c r="AC190" s="2"/>
      <c r="AD190" s="1"/>
    </row>
    <row r="191" spans="1:30">
      <c r="A191" s="5" t="s">
        <v>83578</v>
      </c>
      <c r="B191" s="2" t="s">
        <v>84146</v>
      </c>
      <c r="C191" s="14" t="s">
        <v>84147</v>
      </c>
      <c r="D191" s="2" t="s">
        <v>84148</v>
      </c>
      <c r="E191" s="2" t="s">
        <v>1999</v>
      </c>
      <c r="F191" s="8">
        <v>245</v>
      </c>
      <c r="G191" s="5">
        <v>18</v>
      </c>
      <c r="H191" s="5" t="s">
        <v>1518</v>
      </c>
      <c r="I191" s="5" t="s">
        <v>1519</v>
      </c>
      <c r="J191" s="2" t="s">
        <v>1520</v>
      </c>
      <c r="K191" s="5" t="s">
        <v>1519</v>
      </c>
      <c r="L191" s="2" t="s">
        <v>1520</v>
      </c>
      <c r="M191" s="5" t="s">
        <v>1521</v>
      </c>
      <c r="N191" s="5" t="s">
        <v>38</v>
      </c>
      <c r="O191" s="5" t="s">
        <v>39</v>
      </c>
      <c r="P191" s="5" t="s">
        <v>40</v>
      </c>
      <c r="Q191" s="5" t="s">
        <v>1522</v>
      </c>
      <c r="R191" s="5" t="s">
        <v>1523</v>
      </c>
      <c r="S191" s="5" t="s">
        <v>42</v>
      </c>
      <c r="T191" s="2">
        <v>3.282</v>
      </c>
      <c r="U191" s="2">
        <v>2.758</v>
      </c>
      <c r="V191" s="2">
        <v>1.7999999999999999E-2</v>
      </c>
      <c r="W191" s="2">
        <v>139.1</v>
      </c>
      <c r="X191" s="2">
        <v>7.6</v>
      </c>
      <c r="Y191" s="2">
        <v>16.7</v>
      </c>
      <c r="Z191" s="5"/>
      <c r="AA191" s="5" t="s">
        <v>43</v>
      </c>
      <c r="AB191" s="5" t="s">
        <v>44</v>
      </c>
      <c r="AC191" s="2"/>
      <c r="AD191" s="1"/>
    </row>
    <row r="192" spans="1:30">
      <c r="A192" s="5" t="s">
        <v>83578</v>
      </c>
      <c r="B192" s="2" t="s">
        <v>84149</v>
      </c>
      <c r="C192" s="14" t="s">
        <v>84150</v>
      </c>
      <c r="D192" s="2" t="s">
        <v>84151</v>
      </c>
      <c r="E192" s="2" t="s">
        <v>1855</v>
      </c>
      <c r="F192" s="8">
        <v>245</v>
      </c>
      <c r="G192" s="5">
        <v>18</v>
      </c>
      <c r="H192" s="5" t="s">
        <v>1518</v>
      </c>
      <c r="I192" s="5" t="s">
        <v>1519</v>
      </c>
      <c r="J192" s="2" t="s">
        <v>1520</v>
      </c>
      <c r="K192" s="5" t="s">
        <v>1519</v>
      </c>
      <c r="L192" s="2" t="s">
        <v>1520</v>
      </c>
      <c r="M192" s="5" t="s">
        <v>1521</v>
      </c>
      <c r="N192" s="5" t="s">
        <v>38</v>
      </c>
      <c r="O192" s="5" t="s">
        <v>39</v>
      </c>
      <c r="P192" s="5" t="s">
        <v>40</v>
      </c>
      <c r="Q192" s="5" t="s">
        <v>1522</v>
      </c>
      <c r="R192" s="5" t="s">
        <v>1523</v>
      </c>
      <c r="S192" s="5" t="s">
        <v>42</v>
      </c>
      <c r="T192" s="2">
        <v>3.218</v>
      </c>
      <c r="U192" s="2">
        <v>2.694</v>
      </c>
      <c r="V192" s="2">
        <v>1.7999999999999999E-2</v>
      </c>
      <c r="W192" s="2">
        <v>139.1</v>
      </c>
      <c r="X192" s="2">
        <v>7.6</v>
      </c>
      <c r="Y192" s="2">
        <v>16.7</v>
      </c>
      <c r="Z192" s="5"/>
      <c r="AA192" s="5" t="s">
        <v>43</v>
      </c>
      <c r="AB192" s="5" t="s">
        <v>44</v>
      </c>
      <c r="AC192" s="2"/>
      <c r="AD192" s="1"/>
    </row>
    <row r="193" spans="1:30">
      <c r="A193" s="5" t="s">
        <v>83578</v>
      </c>
      <c r="B193" s="2" t="s">
        <v>84152</v>
      </c>
      <c r="C193" s="14" t="s">
        <v>84153</v>
      </c>
      <c r="D193" s="2" t="s">
        <v>84154</v>
      </c>
      <c r="E193" s="2" t="s">
        <v>1859</v>
      </c>
      <c r="F193" s="8">
        <v>245</v>
      </c>
      <c r="G193" s="5">
        <v>18</v>
      </c>
      <c r="H193" s="5" t="s">
        <v>1518</v>
      </c>
      <c r="I193" s="5" t="s">
        <v>1519</v>
      </c>
      <c r="J193" s="2" t="s">
        <v>1520</v>
      </c>
      <c r="K193" s="5" t="s">
        <v>1519</v>
      </c>
      <c r="L193" s="2" t="s">
        <v>1520</v>
      </c>
      <c r="M193" s="5" t="s">
        <v>1521</v>
      </c>
      <c r="N193" s="5" t="s">
        <v>38</v>
      </c>
      <c r="O193" s="5" t="s">
        <v>39</v>
      </c>
      <c r="P193" s="5" t="s">
        <v>40</v>
      </c>
      <c r="Q193" s="5" t="s">
        <v>1522</v>
      </c>
      <c r="R193" s="5" t="s">
        <v>1523</v>
      </c>
      <c r="S193" s="5" t="s">
        <v>42</v>
      </c>
      <c r="T193" s="2">
        <v>3.282</v>
      </c>
      <c r="U193" s="2">
        <v>2.758</v>
      </c>
      <c r="V193" s="2">
        <v>1.7999999999999999E-2</v>
      </c>
      <c r="W193" s="2">
        <v>139.1</v>
      </c>
      <c r="X193" s="2">
        <v>7.6</v>
      </c>
      <c r="Y193" s="2">
        <v>16.7</v>
      </c>
      <c r="Z193" s="5"/>
      <c r="AA193" s="5" t="s">
        <v>43</v>
      </c>
      <c r="AB193" s="5" t="s">
        <v>44</v>
      </c>
      <c r="AC193" s="2"/>
      <c r="AD193" s="1"/>
    </row>
    <row r="194" spans="1:30">
      <c r="A194" s="5" t="s">
        <v>83578</v>
      </c>
      <c r="B194" s="2" t="s">
        <v>84155</v>
      </c>
      <c r="C194" s="14" t="s">
        <v>84156</v>
      </c>
      <c r="D194" s="2" t="s">
        <v>84157</v>
      </c>
      <c r="E194" s="2" t="s">
        <v>2204</v>
      </c>
      <c r="F194" s="8">
        <v>206</v>
      </c>
      <c r="G194" s="5">
        <v>13</v>
      </c>
      <c r="H194" s="5" t="s">
        <v>1518</v>
      </c>
      <c r="I194" s="5" t="s">
        <v>1519</v>
      </c>
      <c r="J194" s="2" t="s">
        <v>1520</v>
      </c>
      <c r="K194" s="5" t="s">
        <v>1519</v>
      </c>
      <c r="L194" s="2" t="s">
        <v>1520</v>
      </c>
      <c r="M194" s="5" t="s">
        <v>1521</v>
      </c>
      <c r="N194" s="5" t="s">
        <v>38</v>
      </c>
      <c r="O194" s="5" t="s">
        <v>39</v>
      </c>
      <c r="P194" s="5" t="s">
        <v>40</v>
      </c>
      <c r="Q194" s="5" t="s">
        <v>1522</v>
      </c>
      <c r="R194" s="5" t="s">
        <v>1523</v>
      </c>
      <c r="S194" s="5" t="s">
        <v>42</v>
      </c>
      <c r="T194" s="2">
        <v>2.8420000000000001</v>
      </c>
      <c r="U194" s="2">
        <v>2.3889999999999998</v>
      </c>
      <c r="V194" s="2">
        <v>1.4999999999999999E-2</v>
      </c>
      <c r="W194" s="2">
        <v>118.9</v>
      </c>
      <c r="X194" s="2">
        <v>7.6</v>
      </c>
      <c r="Y194" s="2">
        <v>16.7</v>
      </c>
      <c r="Z194" s="5"/>
      <c r="AA194" s="5" t="s">
        <v>43</v>
      </c>
      <c r="AB194" s="5" t="s">
        <v>44</v>
      </c>
      <c r="AC194" s="2"/>
      <c r="AD194" s="1"/>
    </row>
    <row r="195" spans="1:30">
      <c r="A195" s="5" t="s">
        <v>83578</v>
      </c>
      <c r="B195" s="2" t="s">
        <v>84158</v>
      </c>
      <c r="C195" s="14" t="s">
        <v>84159</v>
      </c>
      <c r="D195" s="2" t="s">
        <v>84160</v>
      </c>
      <c r="E195" s="2" t="s">
        <v>2724</v>
      </c>
      <c r="F195" s="8">
        <v>206</v>
      </c>
      <c r="G195" s="5">
        <v>13</v>
      </c>
      <c r="H195" s="5" t="s">
        <v>1518</v>
      </c>
      <c r="I195" s="5" t="s">
        <v>1519</v>
      </c>
      <c r="J195" s="2" t="s">
        <v>1520</v>
      </c>
      <c r="K195" s="5" t="s">
        <v>1519</v>
      </c>
      <c r="L195" s="2" t="s">
        <v>1520</v>
      </c>
      <c r="M195" s="5" t="s">
        <v>1521</v>
      </c>
      <c r="N195" s="5" t="s">
        <v>38</v>
      </c>
      <c r="O195" s="5" t="s">
        <v>39</v>
      </c>
      <c r="P195" s="5" t="s">
        <v>40</v>
      </c>
      <c r="Q195" s="5" t="s">
        <v>1522</v>
      </c>
      <c r="R195" s="5" t="s">
        <v>1523</v>
      </c>
      <c r="S195" s="5" t="s">
        <v>42</v>
      </c>
      <c r="T195" s="2">
        <v>2.8980000000000001</v>
      </c>
      <c r="U195" s="2">
        <v>2.4449999999999998</v>
      </c>
      <c r="V195" s="2">
        <v>1.4999999999999999E-2</v>
      </c>
      <c r="W195" s="2">
        <v>118.9</v>
      </c>
      <c r="X195" s="2">
        <v>7.6</v>
      </c>
      <c r="Y195" s="2">
        <v>16.7</v>
      </c>
      <c r="Z195" s="5"/>
      <c r="AA195" s="5" t="s">
        <v>43</v>
      </c>
      <c r="AB195" s="5" t="s">
        <v>44</v>
      </c>
      <c r="AC195" s="2"/>
      <c r="AD195" s="1"/>
    </row>
    <row r="196" spans="1:30">
      <c r="A196" s="5" t="s">
        <v>83578</v>
      </c>
      <c r="B196" s="2" t="s">
        <v>84161</v>
      </c>
      <c r="C196" s="14" t="s">
        <v>84162</v>
      </c>
      <c r="D196" s="2" t="s">
        <v>84163</v>
      </c>
      <c r="E196" s="2" t="s">
        <v>1855</v>
      </c>
      <c r="F196" s="8">
        <v>218</v>
      </c>
      <c r="G196" s="5">
        <v>13</v>
      </c>
      <c r="H196" s="5" t="s">
        <v>1518</v>
      </c>
      <c r="I196" s="5" t="s">
        <v>1519</v>
      </c>
      <c r="J196" s="2" t="s">
        <v>1520</v>
      </c>
      <c r="K196" s="5" t="s">
        <v>1519</v>
      </c>
      <c r="L196" s="2" t="s">
        <v>1520</v>
      </c>
      <c r="M196" s="5" t="s">
        <v>1521</v>
      </c>
      <c r="N196" s="5" t="s">
        <v>38</v>
      </c>
      <c r="O196" s="5" t="s">
        <v>39</v>
      </c>
      <c r="P196" s="5" t="s">
        <v>40</v>
      </c>
      <c r="Q196" s="5" t="s">
        <v>1522</v>
      </c>
      <c r="R196" s="5" t="s">
        <v>1523</v>
      </c>
      <c r="S196" s="5" t="s">
        <v>42</v>
      </c>
      <c r="T196" s="2">
        <v>3.09</v>
      </c>
      <c r="U196" s="2">
        <v>2.5619999999999998</v>
      </c>
      <c r="V196" s="2">
        <v>1.7999999999999999E-2</v>
      </c>
      <c r="W196" s="2">
        <v>139.1</v>
      </c>
      <c r="X196" s="2">
        <v>7.6</v>
      </c>
      <c r="Y196" s="2">
        <v>16.7</v>
      </c>
      <c r="Z196" s="5"/>
      <c r="AA196" s="5" t="s">
        <v>43</v>
      </c>
      <c r="AB196" s="5" t="s">
        <v>44</v>
      </c>
      <c r="AC196" s="2"/>
      <c r="AD196" s="1"/>
    </row>
    <row r="197" spans="1:30">
      <c r="A197" s="5" t="s">
        <v>83578</v>
      </c>
      <c r="B197" s="2" t="s">
        <v>84164</v>
      </c>
      <c r="C197" s="14" t="s">
        <v>84165</v>
      </c>
      <c r="D197" s="2" t="s">
        <v>84166</v>
      </c>
      <c r="E197" s="2" t="s">
        <v>1973</v>
      </c>
      <c r="F197" s="8">
        <v>245</v>
      </c>
      <c r="G197" s="5">
        <v>18</v>
      </c>
      <c r="H197" s="5" t="s">
        <v>1518</v>
      </c>
      <c r="I197" s="5" t="s">
        <v>1519</v>
      </c>
      <c r="J197" s="2" t="s">
        <v>1520</v>
      </c>
      <c r="K197" s="5" t="s">
        <v>1519</v>
      </c>
      <c r="L197" s="2" t="s">
        <v>1520</v>
      </c>
      <c r="M197" s="5" t="s">
        <v>1521</v>
      </c>
      <c r="N197" s="5" t="s">
        <v>38</v>
      </c>
      <c r="O197" s="5" t="s">
        <v>39</v>
      </c>
      <c r="P197" s="5" t="s">
        <v>40</v>
      </c>
      <c r="Q197" s="5" t="s">
        <v>1522</v>
      </c>
      <c r="R197" s="5" t="s">
        <v>1523</v>
      </c>
      <c r="S197" s="5" t="s">
        <v>42</v>
      </c>
      <c r="T197" s="2">
        <v>3.3370000000000002</v>
      </c>
      <c r="U197" s="2">
        <v>2.726</v>
      </c>
      <c r="V197" s="2">
        <v>0.02</v>
      </c>
      <c r="W197" s="2">
        <v>159.1</v>
      </c>
      <c r="X197" s="2">
        <v>7.6</v>
      </c>
      <c r="Y197" s="2">
        <v>16.7</v>
      </c>
      <c r="Z197" s="5"/>
      <c r="AA197" s="5" t="s">
        <v>43</v>
      </c>
      <c r="AB197" s="5" t="s">
        <v>44</v>
      </c>
      <c r="AC197" s="2"/>
      <c r="AD197" s="1"/>
    </row>
    <row r="198" spans="1:30">
      <c r="A198" s="5" t="s">
        <v>83578</v>
      </c>
      <c r="B198" s="2" t="s">
        <v>84167</v>
      </c>
      <c r="C198" s="14" t="s">
        <v>84168</v>
      </c>
      <c r="D198" s="2" t="s">
        <v>84169</v>
      </c>
      <c r="E198" s="2" t="s">
        <v>2204</v>
      </c>
      <c r="F198" s="8">
        <v>245</v>
      </c>
      <c r="G198" s="5">
        <v>18</v>
      </c>
      <c r="H198" s="5" t="s">
        <v>1518</v>
      </c>
      <c r="I198" s="5" t="s">
        <v>1519</v>
      </c>
      <c r="J198" s="2" t="s">
        <v>1520</v>
      </c>
      <c r="K198" s="5" t="s">
        <v>1519</v>
      </c>
      <c r="L198" s="2" t="s">
        <v>1520</v>
      </c>
      <c r="M198" s="5" t="s">
        <v>1521</v>
      </c>
      <c r="N198" s="5" t="s">
        <v>38</v>
      </c>
      <c r="O198" s="5" t="s">
        <v>39</v>
      </c>
      <c r="P198" s="5" t="s">
        <v>40</v>
      </c>
      <c r="Q198" s="5" t="s">
        <v>1522</v>
      </c>
      <c r="R198" s="5" t="s">
        <v>1523</v>
      </c>
      <c r="S198" s="5" t="s">
        <v>42</v>
      </c>
      <c r="T198" s="2">
        <v>3.3370000000000002</v>
      </c>
      <c r="U198" s="2">
        <v>2.726</v>
      </c>
      <c r="V198" s="2">
        <v>0.02</v>
      </c>
      <c r="W198" s="2">
        <v>159.1</v>
      </c>
      <c r="X198" s="2">
        <v>7.6</v>
      </c>
      <c r="Y198" s="2">
        <v>16.7</v>
      </c>
      <c r="Z198" s="5"/>
      <c r="AA198" s="5" t="s">
        <v>43</v>
      </c>
      <c r="AB198" s="5" t="s">
        <v>44</v>
      </c>
      <c r="AC198" s="2"/>
      <c r="AD198" s="1"/>
    </row>
    <row r="199" spans="1:30">
      <c r="A199" s="5" t="s">
        <v>83578</v>
      </c>
      <c r="B199" s="2" t="s">
        <v>84170</v>
      </c>
      <c r="C199" s="14" t="s">
        <v>84171</v>
      </c>
      <c r="D199" s="2" t="s">
        <v>84172</v>
      </c>
      <c r="E199" s="2" t="s">
        <v>2724</v>
      </c>
      <c r="F199" s="8">
        <v>245</v>
      </c>
      <c r="G199" s="5">
        <v>18</v>
      </c>
      <c r="H199" s="5" t="s">
        <v>1518</v>
      </c>
      <c r="I199" s="5" t="s">
        <v>1519</v>
      </c>
      <c r="J199" s="2" t="s">
        <v>1520</v>
      </c>
      <c r="K199" s="5" t="s">
        <v>1519</v>
      </c>
      <c r="L199" s="2" t="s">
        <v>1520</v>
      </c>
      <c r="M199" s="5" t="s">
        <v>1521</v>
      </c>
      <c r="N199" s="5" t="s">
        <v>38</v>
      </c>
      <c r="O199" s="5" t="s">
        <v>39</v>
      </c>
      <c r="P199" s="5" t="s">
        <v>40</v>
      </c>
      <c r="Q199" s="5" t="s">
        <v>1522</v>
      </c>
      <c r="R199" s="5" t="s">
        <v>1523</v>
      </c>
      <c r="S199" s="5" t="s">
        <v>42</v>
      </c>
      <c r="T199" s="2">
        <v>3.4020000000000001</v>
      </c>
      <c r="U199" s="2">
        <v>2.7909999999999999</v>
      </c>
      <c r="V199" s="2">
        <v>0.02</v>
      </c>
      <c r="W199" s="2">
        <v>159.1</v>
      </c>
      <c r="X199" s="2">
        <v>7.6</v>
      </c>
      <c r="Y199" s="2">
        <v>16.7</v>
      </c>
      <c r="Z199" s="5"/>
      <c r="AA199" s="5" t="s">
        <v>43</v>
      </c>
      <c r="AB199" s="5" t="s">
        <v>44</v>
      </c>
      <c r="AC199" s="2"/>
      <c r="AD199" s="1"/>
    </row>
    <row r="200" spans="1:30">
      <c r="A200" s="5" t="s">
        <v>83578</v>
      </c>
      <c r="B200" s="2" t="s">
        <v>84173</v>
      </c>
      <c r="C200" s="14" t="s">
        <v>84174</v>
      </c>
      <c r="D200" s="2" t="s">
        <v>84175</v>
      </c>
      <c r="E200" s="2" t="s">
        <v>2208</v>
      </c>
      <c r="F200" s="8">
        <v>245</v>
      </c>
      <c r="G200" s="5">
        <v>18</v>
      </c>
      <c r="H200" s="5" t="s">
        <v>1518</v>
      </c>
      <c r="I200" s="5" t="s">
        <v>1519</v>
      </c>
      <c r="J200" s="2" t="s">
        <v>1520</v>
      </c>
      <c r="K200" s="5" t="s">
        <v>1519</v>
      </c>
      <c r="L200" s="2" t="s">
        <v>1520</v>
      </c>
      <c r="M200" s="5" t="s">
        <v>1521</v>
      </c>
      <c r="N200" s="5" t="s">
        <v>38</v>
      </c>
      <c r="O200" s="5" t="s">
        <v>39</v>
      </c>
      <c r="P200" s="5" t="s">
        <v>40</v>
      </c>
      <c r="Q200" s="5" t="s">
        <v>1522</v>
      </c>
      <c r="R200" s="5" t="s">
        <v>1523</v>
      </c>
      <c r="S200" s="5" t="s">
        <v>42</v>
      </c>
      <c r="T200" s="2">
        <v>3.3370000000000002</v>
      </c>
      <c r="U200" s="2">
        <v>2.726</v>
      </c>
      <c r="V200" s="2">
        <v>0.02</v>
      </c>
      <c r="W200" s="2">
        <v>159.1</v>
      </c>
      <c r="X200" s="2">
        <v>7.6</v>
      </c>
      <c r="Y200" s="2">
        <v>16.7</v>
      </c>
      <c r="Z200" s="5"/>
      <c r="AA200" s="5" t="s">
        <v>43</v>
      </c>
      <c r="AB200" s="5" t="s">
        <v>44</v>
      </c>
      <c r="AC200" s="2"/>
      <c r="AD200" s="1"/>
    </row>
    <row r="201" spans="1:30">
      <c r="A201" s="5" t="s">
        <v>83578</v>
      </c>
      <c r="B201" s="2" t="s">
        <v>84176</v>
      </c>
      <c r="C201" s="14" t="s">
        <v>84177</v>
      </c>
      <c r="D201" s="2" t="s">
        <v>84178</v>
      </c>
      <c r="E201" s="2" t="s">
        <v>1839</v>
      </c>
      <c r="F201" s="8">
        <v>245</v>
      </c>
      <c r="G201" s="5">
        <v>18</v>
      </c>
      <c r="H201" s="5" t="s">
        <v>1518</v>
      </c>
      <c r="I201" s="5" t="s">
        <v>1519</v>
      </c>
      <c r="J201" s="2" t="s">
        <v>1520</v>
      </c>
      <c r="K201" s="5" t="s">
        <v>1519</v>
      </c>
      <c r="L201" s="2" t="s">
        <v>1520</v>
      </c>
      <c r="M201" s="5" t="s">
        <v>1521</v>
      </c>
      <c r="N201" s="5" t="s">
        <v>38</v>
      </c>
      <c r="O201" s="5" t="s">
        <v>39</v>
      </c>
      <c r="P201" s="5" t="s">
        <v>40</v>
      </c>
      <c r="Q201" s="5" t="s">
        <v>1522</v>
      </c>
      <c r="R201" s="5" t="s">
        <v>1523</v>
      </c>
      <c r="S201" s="5" t="s">
        <v>42</v>
      </c>
      <c r="T201" s="2">
        <v>3.3370000000000002</v>
      </c>
      <c r="U201" s="2">
        <v>2.726</v>
      </c>
      <c r="V201" s="2">
        <v>0.02</v>
      </c>
      <c r="W201" s="2">
        <v>159.1</v>
      </c>
      <c r="X201" s="2">
        <v>7.6</v>
      </c>
      <c r="Y201" s="2">
        <v>16.7</v>
      </c>
      <c r="Z201" s="5"/>
      <c r="AA201" s="5" t="s">
        <v>43</v>
      </c>
      <c r="AB201" s="5" t="s">
        <v>44</v>
      </c>
      <c r="AC201" s="2"/>
      <c r="AD201" s="1"/>
    </row>
    <row r="202" spans="1:30">
      <c r="A202" s="5" t="s">
        <v>83578</v>
      </c>
      <c r="B202" s="2" t="s">
        <v>84179</v>
      </c>
      <c r="C202" s="14" t="s">
        <v>84180</v>
      </c>
      <c r="D202" s="2" t="s">
        <v>84181</v>
      </c>
      <c r="E202" s="2" t="s">
        <v>1859</v>
      </c>
      <c r="F202" s="8">
        <v>245</v>
      </c>
      <c r="G202" s="5">
        <v>18</v>
      </c>
      <c r="H202" s="5" t="s">
        <v>1518</v>
      </c>
      <c r="I202" s="5" t="s">
        <v>1519</v>
      </c>
      <c r="J202" s="2" t="s">
        <v>1520</v>
      </c>
      <c r="K202" s="5" t="s">
        <v>1519</v>
      </c>
      <c r="L202" s="2" t="s">
        <v>1520</v>
      </c>
      <c r="M202" s="5" t="s">
        <v>1521</v>
      </c>
      <c r="N202" s="5" t="s">
        <v>38</v>
      </c>
      <c r="O202" s="5" t="s">
        <v>39</v>
      </c>
      <c r="P202" s="5" t="s">
        <v>40</v>
      </c>
      <c r="Q202" s="5" t="s">
        <v>1522</v>
      </c>
      <c r="R202" s="5" t="s">
        <v>1523</v>
      </c>
      <c r="S202" s="5" t="s">
        <v>42</v>
      </c>
      <c r="T202" s="2">
        <v>3.4020000000000001</v>
      </c>
      <c r="U202" s="2">
        <v>2.7909999999999999</v>
      </c>
      <c r="V202" s="2">
        <v>0.02</v>
      </c>
      <c r="W202" s="2">
        <v>159.1</v>
      </c>
      <c r="X202" s="2">
        <v>7.6</v>
      </c>
      <c r="Y202" s="2">
        <v>16.7</v>
      </c>
      <c r="Z202" s="5"/>
      <c r="AA202" s="5" t="s">
        <v>43</v>
      </c>
      <c r="AB202" s="5" t="s">
        <v>44</v>
      </c>
      <c r="AC202" s="2"/>
      <c r="AD202" s="1"/>
    </row>
    <row r="203" spans="1:30">
      <c r="A203" s="5" t="s">
        <v>83578</v>
      </c>
      <c r="B203" s="2" t="s">
        <v>84182</v>
      </c>
      <c r="C203" s="14" t="s">
        <v>84183</v>
      </c>
      <c r="D203" s="2" t="s">
        <v>84184</v>
      </c>
      <c r="E203" s="2" t="s">
        <v>1973</v>
      </c>
      <c r="F203" s="8">
        <v>218</v>
      </c>
      <c r="G203" s="5">
        <v>13</v>
      </c>
      <c r="H203" s="5" t="s">
        <v>1518</v>
      </c>
      <c r="I203" s="5" t="s">
        <v>1519</v>
      </c>
      <c r="J203" s="2" t="s">
        <v>1520</v>
      </c>
      <c r="K203" s="5" t="s">
        <v>1519</v>
      </c>
      <c r="L203" s="2" t="s">
        <v>1520</v>
      </c>
      <c r="M203" s="5" t="s">
        <v>1521</v>
      </c>
      <c r="N203" s="5" t="s">
        <v>38</v>
      </c>
      <c r="O203" s="5" t="s">
        <v>39</v>
      </c>
      <c r="P203" s="5" t="s">
        <v>40</v>
      </c>
      <c r="Q203" s="5" t="s">
        <v>1522</v>
      </c>
      <c r="R203" s="5" t="s">
        <v>1523</v>
      </c>
      <c r="S203" s="5" t="s">
        <v>42</v>
      </c>
      <c r="T203" s="2">
        <v>3.0830000000000002</v>
      </c>
      <c r="U203" s="2">
        <v>2.556</v>
      </c>
      <c r="V203" s="2">
        <v>1.7999999999999999E-2</v>
      </c>
      <c r="W203" s="2">
        <v>139.1</v>
      </c>
      <c r="X203" s="2">
        <v>7.6</v>
      </c>
      <c r="Y203" s="2">
        <v>16.7</v>
      </c>
      <c r="Z203" s="5"/>
      <c r="AA203" s="5" t="s">
        <v>43</v>
      </c>
      <c r="AB203" s="5" t="s">
        <v>44</v>
      </c>
      <c r="AC203" s="2"/>
      <c r="AD203" s="1"/>
    </row>
    <row r="204" spans="1:30">
      <c r="A204" s="5" t="s">
        <v>83578</v>
      </c>
      <c r="B204" s="2" t="s">
        <v>84185</v>
      </c>
      <c r="C204" s="14" t="s">
        <v>84186</v>
      </c>
      <c r="D204" s="2" t="s">
        <v>84187</v>
      </c>
      <c r="E204" s="2" t="s">
        <v>2348</v>
      </c>
      <c r="F204" s="8">
        <v>218</v>
      </c>
      <c r="G204" s="5">
        <v>13</v>
      </c>
      <c r="H204" s="5" t="s">
        <v>1518</v>
      </c>
      <c r="I204" s="5" t="s">
        <v>1519</v>
      </c>
      <c r="J204" s="2" t="s">
        <v>1520</v>
      </c>
      <c r="K204" s="5" t="s">
        <v>1519</v>
      </c>
      <c r="L204" s="2" t="s">
        <v>1520</v>
      </c>
      <c r="M204" s="5" t="s">
        <v>1521</v>
      </c>
      <c r="N204" s="5" t="s">
        <v>38</v>
      </c>
      <c r="O204" s="5" t="s">
        <v>39</v>
      </c>
      <c r="P204" s="5" t="s">
        <v>40</v>
      </c>
      <c r="Q204" s="5" t="s">
        <v>1522</v>
      </c>
      <c r="R204" s="5" t="s">
        <v>1523</v>
      </c>
      <c r="S204" s="5" t="s">
        <v>42</v>
      </c>
      <c r="T204" s="2">
        <v>3.14</v>
      </c>
      <c r="U204" s="2">
        <v>2.613</v>
      </c>
      <c r="V204" s="2">
        <v>1.7999999999999999E-2</v>
      </c>
      <c r="W204" s="2">
        <v>139.1</v>
      </c>
      <c r="X204" s="2">
        <v>7.6</v>
      </c>
      <c r="Y204" s="2">
        <v>16.7</v>
      </c>
      <c r="Z204" s="5"/>
      <c r="AA204" s="5" t="s">
        <v>43</v>
      </c>
      <c r="AB204" s="5" t="s">
        <v>44</v>
      </c>
      <c r="AC204" s="2"/>
      <c r="AD204" s="1"/>
    </row>
    <row r="205" spans="1:30">
      <c r="A205" s="5" t="s">
        <v>83578</v>
      </c>
      <c r="B205" s="2" t="s">
        <v>84188</v>
      </c>
      <c r="C205" s="14" t="s">
        <v>84189</v>
      </c>
      <c r="D205" s="2" t="s">
        <v>84190</v>
      </c>
      <c r="E205" s="2" t="s">
        <v>2724</v>
      </c>
      <c r="F205" s="8">
        <v>218</v>
      </c>
      <c r="G205" s="5">
        <v>13</v>
      </c>
      <c r="H205" s="5" t="s">
        <v>1518</v>
      </c>
      <c r="I205" s="5" t="s">
        <v>1519</v>
      </c>
      <c r="J205" s="2" t="s">
        <v>1520</v>
      </c>
      <c r="K205" s="5" t="s">
        <v>1519</v>
      </c>
      <c r="L205" s="2" t="s">
        <v>1520</v>
      </c>
      <c r="M205" s="5" t="s">
        <v>1521</v>
      </c>
      <c r="N205" s="5" t="s">
        <v>38</v>
      </c>
      <c r="O205" s="5" t="s">
        <v>39</v>
      </c>
      <c r="P205" s="5" t="s">
        <v>40</v>
      </c>
      <c r="Q205" s="5" t="s">
        <v>1522</v>
      </c>
      <c r="R205" s="5" t="s">
        <v>1523</v>
      </c>
      <c r="S205" s="5" t="s">
        <v>42</v>
      </c>
      <c r="T205" s="2">
        <v>3.14</v>
      </c>
      <c r="U205" s="2">
        <v>2.613</v>
      </c>
      <c r="V205" s="2">
        <v>1.7999999999999999E-2</v>
      </c>
      <c r="W205" s="2">
        <v>139.1</v>
      </c>
      <c r="X205" s="2">
        <v>7.6</v>
      </c>
      <c r="Y205" s="2">
        <v>16.7</v>
      </c>
      <c r="Z205" s="5"/>
      <c r="AA205" s="5" t="s">
        <v>43</v>
      </c>
      <c r="AB205" s="5" t="s">
        <v>44</v>
      </c>
      <c r="AC205" s="2"/>
      <c r="AD205" s="1"/>
    </row>
    <row r="206" spans="1:30">
      <c r="A206" s="5" t="s">
        <v>83578</v>
      </c>
      <c r="B206" s="2" t="s">
        <v>84191</v>
      </c>
      <c r="C206" s="14" t="s">
        <v>84192</v>
      </c>
      <c r="D206" s="2" t="s">
        <v>84193</v>
      </c>
      <c r="E206" s="2" t="s">
        <v>1839</v>
      </c>
      <c r="F206" s="8">
        <v>218</v>
      </c>
      <c r="G206" s="5">
        <v>13</v>
      </c>
      <c r="H206" s="5" t="s">
        <v>1518</v>
      </c>
      <c r="I206" s="5" t="s">
        <v>1519</v>
      </c>
      <c r="J206" s="2" t="s">
        <v>1520</v>
      </c>
      <c r="K206" s="5" t="s">
        <v>1519</v>
      </c>
      <c r="L206" s="2" t="s">
        <v>1520</v>
      </c>
      <c r="M206" s="5" t="s">
        <v>1521</v>
      </c>
      <c r="N206" s="5" t="s">
        <v>38</v>
      </c>
      <c r="O206" s="5" t="s">
        <v>39</v>
      </c>
      <c r="P206" s="5" t="s">
        <v>40</v>
      </c>
      <c r="Q206" s="5" t="s">
        <v>1522</v>
      </c>
      <c r="R206" s="5" t="s">
        <v>1523</v>
      </c>
      <c r="S206" s="5" t="s">
        <v>42</v>
      </c>
      <c r="T206" s="2">
        <v>3.0830000000000002</v>
      </c>
      <c r="U206" s="2">
        <v>2.556</v>
      </c>
      <c r="V206" s="2">
        <v>1.7999999999999999E-2</v>
      </c>
      <c r="W206" s="2">
        <v>139.1</v>
      </c>
      <c r="X206" s="2">
        <v>7.6</v>
      </c>
      <c r="Y206" s="2">
        <v>16.7</v>
      </c>
      <c r="Z206" s="5"/>
      <c r="AA206" s="5" t="s">
        <v>43</v>
      </c>
      <c r="AB206" s="5" t="s">
        <v>44</v>
      </c>
      <c r="AC206" s="2"/>
      <c r="AD206" s="1"/>
    </row>
    <row r="207" spans="1:30">
      <c r="A207" s="5" t="s">
        <v>83578</v>
      </c>
      <c r="B207" s="2" t="s">
        <v>84194</v>
      </c>
      <c r="C207" s="14" t="s">
        <v>84195</v>
      </c>
      <c r="D207" s="2" t="s">
        <v>84196</v>
      </c>
      <c r="E207" s="2" t="s">
        <v>1986</v>
      </c>
      <c r="F207" s="8">
        <v>218</v>
      </c>
      <c r="G207" s="5">
        <v>13</v>
      </c>
      <c r="H207" s="5" t="s">
        <v>1518</v>
      </c>
      <c r="I207" s="5" t="s">
        <v>1519</v>
      </c>
      <c r="J207" s="2" t="s">
        <v>1520</v>
      </c>
      <c r="K207" s="5" t="s">
        <v>1519</v>
      </c>
      <c r="L207" s="2" t="s">
        <v>1520</v>
      </c>
      <c r="M207" s="5" t="s">
        <v>1521</v>
      </c>
      <c r="N207" s="5" t="s">
        <v>38</v>
      </c>
      <c r="O207" s="5" t="s">
        <v>39</v>
      </c>
      <c r="P207" s="5" t="s">
        <v>40</v>
      </c>
      <c r="Q207" s="5" t="s">
        <v>1522</v>
      </c>
      <c r="R207" s="5" t="s">
        <v>1523</v>
      </c>
      <c r="S207" s="5" t="s">
        <v>42</v>
      </c>
      <c r="T207" s="2">
        <v>3.14</v>
      </c>
      <c r="U207" s="2">
        <v>2.613</v>
      </c>
      <c r="V207" s="2">
        <v>1.7999999999999999E-2</v>
      </c>
      <c r="W207" s="2">
        <v>139.1</v>
      </c>
      <c r="X207" s="2">
        <v>7.6</v>
      </c>
      <c r="Y207" s="2">
        <v>16.7</v>
      </c>
      <c r="Z207" s="5"/>
      <c r="AA207" s="5" t="s">
        <v>43</v>
      </c>
      <c r="AB207" s="5" t="s">
        <v>44</v>
      </c>
      <c r="AC207" s="2"/>
      <c r="AD207" s="1"/>
    </row>
    <row r="208" spans="1:30">
      <c r="A208" s="5" t="s">
        <v>83578</v>
      </c>
      <c r="B208" s="2" t="s">
        <v>84197</v>
      </c>
      <c r="C208" s="14" t="s">
        <v>84198</v>
      </c>
      <c r="D208" s="2" t="s">
        <v>84199</v>
      </c>
      <c r="E208" s="2" t="s">
        <v>1973</v>
      </c>
      <c r="F208" s="8">
        <v>237</v>
      </c>
      <c r="G208" s="5">
        <v>13</v>
      </c>
      <c r="H208" s="5" t="s">
        <v>1518</v>
      </c>
      <c r="I208" s="5" t="s">
        <v>1519</v>
      </c>
      <c r="J208" s="2" t="s">
        <v>1520</v>
      </c>
      <c r="K208" s="5" t="s">
        <v>1519</v>
      </c>
      <c r="L208" s="2" t="s">
        <v>1520</v>
      </c>
      <c r="M208" s="5" t="s">
        <v>1521</v>
      </c>
      <c r="N208" s="5" t="s">
        <v>38</v>
      </c>
      <c r="O208" s="5" t="s">
        <v>39</v>
      </c>
      <c r="P208" s="5" t="s">
        <v>40</v>
      </c>
      <c r="Q208" s="5" t="s">
        <v>1522</v>
      </c>
      <c r="R208" s="5" t="s">
        <v>1523</v>
      </c>
      <c r="S208" s="5" t="s">
        <v>42</v>
      </c>
      <c r="T208" s="2">
        <v>3.4289999999999998</v>
      </c>
      <c r="U208" s="2">
        <v>2.9220000000000002</v>
      </c>
      <c r="V208" s="2">
        <v>1.7999999999999999E-2</v>
      </c>
      <c r="W208" s="2">
        <v>139.1</v>
      </c>
      <c r="X208" s="2">
        <v>7.6</v>
      </c>
      <c r="Y208" s="2">
        <v>16.7</v>
      </c>
      <c r="Z208" s="5"/>
      <c r="AA208" s="5" t="s">
        <v>43</v>
      </c>
      <c r="AB208" s="5" t="s">
        <v>44</v>
      </c>
      <c r="AC208" s="2"/>
      <c r="AD208" s="1"/>
    </row>
    <row r="209" spans="1:30">
      <c r="A209" s="5" t="s">
        <v>83578</v>
      </c>
      <c r="B209" s="2" t="s">
        <v>84200</v>
      </c>
      <c r="C209" s="14" t="s">
        <v>84201</v>
      </c>
      <c r="D209" s="2" t="s">
        <v>84202</v>
      </c>
      <c r="E209" s="2" t="s">
        <v>2724</v>
      </c>
      <c r="F209" s="8">
        <v>237</v>
      </c>
      <c r="G209" s="5">
        <v>13</v>
      </c>
      <c r="H209" s="5" t="s">
        <v>1518</v>
      </c>
      <c r="I209" s="5" t="s">
        <v>1519</v>
      </c>
      <c r="J209" s="2" t="s">
        <v>1520</v>
      </c>
      <c r="K209" s="5" t="s">
        <v>1519</v>
      </c>
      <c r="L209" s="2" t="s">
        <v>1520</v>
      </c>
      <c r="M209" s="5" t="s">
        <v>1521</v>
      </c>
      <c r="N209" s="5" t="s">
        <v>38</v>
      </c>
      <c r="O209" s="5" t="s">
        <v>39</v>
      </c>
      <c r="P209" s="5" t="s">
        <v>40</v>
      </c>
      <c r="Q209" s="5" t="s">
        <v>1522</v>
      </c>
      <c r="R209" s="5" t="s">
        <v>1523</v>
      </c>
      <c r="S209" s="5" t="s">
        <v>42</v>
      </c>
      <c r="T209" s="2">
        <v>3.4950000000000001</v>
      </c>
      <c r="U209" s="2">
        <v>2.988</v>
      </c>
      <c r="V209" s="2">
        <v>1.7999999999999999E-2</v>
      </c>
      <c r="W209" s="2">
        <v>139.1</v>
      </c>
      <c r="X209" s="2">
        <v>7.6</v>
      </c>
      <c r="Y209" s="2">
        <v>16.7</v>
      </c>
      <c r="Z209" s="5"/>
      <c r="AA209" s="5" t="s">
        <v>43</v>
      </c>
      <c r="AB209" s="5" t="s">
        <v>44</v>
      </c>
      <c r="AC209" s="2"/>
      <c r="AD209" s="1"/>
    </row>
    <row r="210" spans="1:30">
      <c r="A210" s="5" t="s">
        <v>83578</v>
      </c>
      <c r="B210" s="2" t="s">
        <v>84203</v>
      </c>
      <c r="C210" s="14" t="s">
        <v>84204</v>
      </c>
      <c r="D210" s="2" t="s">
        <v>84205</v>
      </c>
      <c r="E210" s="2" t="s">
        <v>1839</v>
      </c>
      <c r="F210" s="8">
        <v>237</v>
      </c>
      <c r="G210" s="5">
        <v>13</v>
      </c>
      <c r="H210" s="5" t="s">
        <v>1518</v>
      </c>
      <c r="I210" s="5" t="s">
        <v>1519</v>
      </c>
      <c r="J210" s="2" t="s">
        <v>1520</v>
      </c>
      <c r="K210" s="5" t="s">
        <v>1519</v>
      </c>
      <c r="L210" s="2" t="s">
        <v>1520</v>
      </c>
      <c r="M210" s="5" t="s">
        <v>1521</v>
      </c>
      <c r="N210" s="5" t="s">
        <v>38</v>
      </c>
      <c r="O210" s="5" t="s">
        <v>39</v>
      </c>
      <c r="P210" s="5" t="s">
        <v>40</v>
      </c>
      <c r="Q210" s="5" t="s">
        <v>1522</v>
      </c>
      <c r="R210" s="5" t="s">
        <v>1523</v>
      </c>
      <c r="S210" s="5" t="s">
        <v>42</v>
      </c>
      <c r="T210" s="2">
        <v>3.4289999999999998</v>
      </c>
      <c r="U210" s="2">
        <v>2.9220000000000002</v>
      </c>
      <c r="V210" s="2">
        <v>1.7999999999999999E-2</v>
      </c>
      <c r="W210" s="2">
        <v>139.1</v>
      </c>
      <c r="X210" s="2">
        <v>7.6</v>
      </c>
      <c r="Y210" s="2">
        <v>16.7</v>
      </c>
      <c r="Z210" s="5"/>
      <c r="AA210" s="5" t="s">
        <v>43</v>
      </c>
      <c r="AB210" s="5" t="s">
        <v>44</v>
      </c>
      <c r="AC210" s="2"/>
      <c r="AD210" s="1"/>
    </row>
    <row r="211" spans="1:30">
      <c r="A211" s="5" t="s">
        <v>83578</v>
      </c>
      <c r="B211" s="2" t="s">
        <v>84206</v>
      </c>
      <c r="C211" s="14" t="s">
        <v>84207</v>
      </c>
      <c r="D211" s="2" t="s">
        <v>84208</v>
      </c>
      <c r="E211" s="2" t="s">
        <v>1986</v>
      </c>
      <c r="F211" s="8">
        <v>237</v>
      </c>
      <c r="G211" s="5">
        <v>13</v>
      </c>
      <c r="H211" s="5" t="s">
        <v>1518</v>
      </c>
      <c r="I211" s="5" t="s">
        <v>1519</v>
      </c>
      <c r="J211" s="2" t="s">
        <v>1520</v>
      </c>
      <c r="K211" s="5" t="s">
        <v>1519</v>
      </c>
      <c r="L211" s="2" t="s">
        <v>1520</v>
      </c>
      <c r="M211" s="5" t="s">
        <v>1521</v>
      </c>
      <c r="N211" s="5" t="s">
        <v>38</v>
      </c>
      <c r="O211" s="5" t="s">
        <v>39</v>
      </c>
      <c r="P211" s="5" t="s">
        <v>40</v>
      </c>
      <c r="Q211" s="5" t="s">
        <v>1522</v>
      </c>
      <c r="R211" s="5" t="s">
        <v>1523</v>
      </c>
      <c r="S211" s="5" t="s">
        <v>42</v>
      </c>
      <c r="T211" s="2">
        <v>3.4950000000000001</v>
      </c>
      <c r="U211" s="2">
        <v>2.988</v>
      </c>
      <c r="V211" s="2">
        <v>1.7999999999999999E-2</v>
      </c>
      <c r="W211" s="2">
        <v>139.1</v>
      </c>
      <c r="X211" s="2">
        <v>7.6</v>
      </c>
      <c r="Y211" s="2">
        <v>16.7</v>
      </c>
      <c r="Z211" s="5"/>
      <c r="AA211" s="5" t="s">
        <v>43</v>
      </c>
      <c r="AB211" s="5" t="s">
        <v>44</v>
      </c>
      <c r="AC211" s="2"/>
      <c r="AD211" s="1"/>
    </row>
    <row r="212" spans="1:30">
      <c r="A212" s="5" t="s">
        <v>83578</v>
      </c>
      <c r="B212" s="2" t="s">
        <v>84209</v>
      </c>
      <c r="C212" s="14" t="s">
        <v>84210</v>
      </c>
      <c r="D212" s="2" t="s">
        <v>84211</v>
      </c>
      <c r="E212" s="2" t="s">
        <v>1739</v>
      </c>
      <c r="F212" s="8">
        <v>262</v>
      </c>
      <c r="G212" s="5">
        <v>6</v>
      </c>
      <c r="H212" s="5" t="s">
        <v>1518</v>
      </c>
      <c r="I212" s="5" t="s">
        <v>1519</v>
      </c>
      <c r="J212" s="2" t="s">
        <v>1520</v>
      </c>
      <c r="K212" s="5" t="s">
        <v>1519</v>
      </c>
      <c r="L212" s="2" t="s">
        <v>1520</v>
      </c>
      <c r="M212" s="5" t="s">
        <v>1521</v>
      </c>
      <c r="N212" s="5" t="s">
        <v>38</v>
      </c>
      <c r="O212" s="5" t="s">
        <v>39</v>
      </c>
      <c r="P212" s="5" t="s">
        <v>40</v>
      </c>
      <c r="Q212" s="5" t="s">
        <v>1522</v>
      </c>
      <c r="R212" s="5" t="s">
        <v>1523</v>
      </c>
      <c r="S212" s="5" t="s">
        <v>42</v>
      </c>
      <c r="T212" s="2">
        <v>3.609</v>
      </c>
      <c r="U212" s="2">
        <v>3.1080000000000001</v>
      </c>
      <c r="V212" s="2">
        <v>1.7999999999999999E-2</v>
      </c>
      <c r="W212" s="2">
        <v>139.1</v>
      </c>
      <c r="X212" s="2">
        <v>7.6</v>
      </c>
      <c r="Y212" s="2">
        <v>16.7</v>
      </c>
      <c r="Z212" s="5"/>
      <c r="AA212" s="5" t="s">
        <v>43</v>
      </c>
      <c r="AB212" s="5" t="s">
        <v>44</v>
      </c>
      <c r="AC212" s="2"/>
      <c r="AD212" s="1"/>
    </row>
    <row r="213" spans="1:30">
      <c r="A213" s="5" t="s">
        <v>83578</v>
      </c>
      <c r="B213" s="2" t="s">
        <v>84212</v>
      </c>
      <c r="C213" s="14" t="s">
        <v>84213</v>
      </c>
      <c r="D213" s="2" t="s">
        <v>84214</v>
      </c>
      <c r="E213" s="2" t="s">
        <v>1747</v>
      </c>
      <c r="F213" s="8">
        <v>262</v>
      </c>
      <c r="G213" s="5">
        <v>6</v>
      </c>
      <c r="H213" s="5" t="s">
        <v>1518</v>
      </c>
      <c r="I213" s="5" t="s">
        <v>1519</v>
      </c>
      <c r="J213" s="2" t="s">
        <v>1520</v>
      </c>
      <c r="K213" s="5" t="s">
        <v>1519</v>
      </c>
      <c r="L213" s="2" t="s">
        <v>1520</v>
      </c>
      <c r="M213" s="5" t="s">
        <v>1521</v>
      </c>
      <c r="N213" s="5" t="s">
        <v>38</v>
      </c>
      <c r="O213" s="5" t="s">
        <v>39</v>
      </c>
      <c r="P213" s="5" t="s">
        <v>40</v>
      </c>
      <c r="Q213" s="5" t="s">
        <v>1522</v>
      </c>
      <c r="R213" s="5" t="s">
        <v>1523</v>
      </c>
      <c r="S213" s="5" t="s">
        <v>42</v>
      </c>
      <c r="T213" s="2">
        <v>3.5590000000000002</v>
      </c>
      <c r="U213" s="2">
        <v>3.0579999999999998</v>
      </c>
      <c r="V213" s="2">
        <v>1.7999999999999999E-2</v>
      </c>
      <c r="W213" s="2">
        <v>139.1</v>
      </c>
      <c r="X213" s="2">
        <v>7.6</v>
      </c>
      <c r="Y213" s="2">
        <v>16.7</v>
      </c>
      <c r="Z213" s="5"/>
      <c r="AA213" s="5" t="s">
        <v>43</v>
      </c>
      <c r="AB213" s="5" t="s">
        <v>44</v>
      </c>
      <c r="AC213" s="2"/>
      <c r="AD213" s="1"/>
    </row>
    <row r="214" spans="1:30">
      <c r="A214" s="5" t="s">
        <v>83578</v>
      </c>
      <c r="B214" s="2" t="s">
        <v>84215</v>
      </c>
      <c r="C214" s="14" t="s">
        <v>84216</v>
      </c>
      <c r="D214" s="2" t="s">
        <v>84217</v>
      </c>
      <c r="E214" s="2" t="s">
        <v>1751</v>
      </c>
      <c r="F214" s="8">
        <v>262</v>
      </c>
      <c r="G214" s="5">
        <v>6</v>
      </c>
      <c r="H214" s="5" t="s">
        <v>1518</v>
      </c>
      <c r="I214" s="5" t="s">
        <v>1519</v>
      </c>
      <c r="J214" s="2" t="s">
        <v>1520</v>
      </c>
      <c r="K214" s="5" t="s">
        <v>1519</v>
      </c>
      <c r="L214" s="2" t="s">
        <v>1520</v>
      </c>
      <c r="M214" s="5" t="s">
        <v>1521</v>
      </c>
      <c r="N214" s="5" t="s">
        <v>38</v>
      </c>
      <c r="O214" s="5" t="s">
        <v>39</v>
      </c>
      <c r="P214" s="5" t="s">
        <v>40</v>
      </c>
      <c r="Q214" s="5" t="s">
        <v>1522</v>
      </c>
      <c r="R214" s="5" t="s">
        <v>1523</v>
      </c>
      <c r="S214" s="5" t="s">
        <v>42</v>
      </c>
      <c r="T214" s="2">
        <v>3.488</v>
      </c>
      <c r="U214" s="2">
        <v>2.9870000000000001</v>
      </c>
      <c r="V214" s="2">
        <v>1.7999999999999999E-2</v>
      </c>
      <c r="W214" s="2">
        <v>139.1</v>
      </c>
      <c r="X214" s="2">
        <v>7.6</v>
      </c>
      <c r="Y214" s="2">
        <v>16.7</v>
      </c>
      <c r="Z214" s="5"/>
      <c r="AA214" s="5" t="s">
        <v>43</v>
      </c>
      <c r="AB214" s="5" t="s">
        <v>44</v>
      </c>
      <c r="AC214" s="2"/>
      <c r="AD214" s="1"/>
    </row>
    <row r="215" spans="1:30">
      <c r="A215" s="5" t="s">
        <v>83578</v>
      </c>
      <c r="B215" s="2" t="s">
        <v>84218</v>
      </c>
      <c r="C215" s="14" t="s">
        <v>84219</v>
      </c>
      <c r="D215" s="2" t="s">
        <v>84220</v>
      </c>
      <c r="E215" s="2" t="s">
        <v>1755</v>
      </c>
      <c r="F215" s="8">
        <v>262</v>
      </c>
      <c r="G215" s="5">
        <v>6</v>
      </c>
      <c r="H215" s="5" t="s">
        <v>1518</v>
      </c>
      <c r="I215" s="5" t="s">
        <v>1519</v>
      </c>
      <c r="J215" s="2" t="s">
        <v>1520</v>
      </c>
      <c r="K215" s="5" t="s">
        <v>1519</v>
      </c>
      <c r="L215" s="2" t="s">
        <v>1520</v>
      </c>
      <c r="M215" s="5" t="s">
        <v>1521</v>
      </c>
      <c r="N215" s="5" t="s">
        <v>38</v>
      </c>
      <c r="O215" s="5" t="s">
        <v>39</v>
      </c>
      <c r="P215" s="5" t="s">
        <v>40</v>
      </c>
      <c r="Q215" s="5" t="s">
        <v>1522</v>
      </c>
      <c r="R215" s="5" t="s">
        <v>1523</v>
      </c>
      <c r="S215" s="5" t="s">
        <v>42</v>
      </c>
      <c r="T215" s="2">
        <v>3.5590000000000002</v>
      </c>
      <c r="U215" s="2">
        <v>3.0579999999999998</v>
      </c>
      <c r="V215" s="2">
        <v>1.7999999999999999E-2</v>
      </c>
      <c r="W215" s="2">
        <v>139.1</v>
      </c>
      <c r="X215" s="2">
        <v>7.6</v>
      </c>
      <c r="Y215" s="2">
        <v>16.7</v>
      </c>
      <c r="Z215" s="5"/>
      <c r="AA215" s="5" t="s">
        <v>43</v>
      </c>
      <c r="AB215" s="5" t="s">
        <v>44</v>
      </c>
      <c r="AC215" s="2"/>
      <c r="AD215" s="1"/>
    </row>
    <row r="216" spans="1:30">
      <c r="A216" s="5" t="s">
        <v>83578</v>
      </c>
      <c r="B216" s="2" t="s">
        <v>84221</v>
      </c>
      <c r="C216" s="14" t="s">
        <v>84222</v>
      </c>
      <c r="D216" s="2" t="s">
        <v>84223</v>
      </c>
      <c r="E216" s="2" t="s">
        <v>1759</v>
      </c>
      <c r="F216" s="8">
        <v>262</v>
      </c>
      <c r="G216" s="5">
        <v>6</v>
      </c>
      <c r="H216" s="5" t="s">
        <v>1518</v>
      </c>
      <c r="I216" s="5" t="s">
        <v>1519</v>
      </c>
      <c r="J216" s="2" t="s">
        <v>1520</v>
      </c>
      <c r="K216" s="5" t="s">
        <v>1519</v>
      </c>
      <c r="L216" s="2" t="s">
        <v>1520</v>
      </c>
      <c r="M216" s="5" t="s">
        <v>1521</v>
      </c>
      <c r="N216" s="5" t="s">
        <v>38</v>
      </c>
      <c r="O216" s="5" t="s">
        <v>39</v>
      </c>
      <c r="P216" s="5" t="s">
        <v>40</v>
      </c>
      <c r="Q216" s="5" t="s">
        <v>1522</v>
      </c>
      <c r="R216" s="5" t="s">
        <v>1523</v>
      </c>
      <c r="S216" s="5" t="s">
        <v>42</v>
      </c>
      <c r="T216" s="2">
        <v>3.5379999999999998</v>
      </c>
      <c r="U216" s="2">
        <v>3.0369999999999999</v>
      </c>
      <c r="V216" s="2">
        <v>1.7999999999999999E-2</v>
      </c>
      <c r="W216" s="2">
        <v>139.1</v>
      </c>
      <c r="X216" s="2">
        <v>7.6</v>
      </c>
      <c r="Y216" s="2">
        <v>16.7</v>
      </c>
      <c r="Z216" s="5"/>
      <c r="AA216" s="5" t="s">
        <v>43</v>
      </c>
      <c r="AB216" s="5" t="s">
        <v>44</v>
      </c>
      <c r="AC216" s="2"/>
      <c r="AD216" s="1"/>
    </row>
    <row r="217" spans="1:30">
      <c r="A217" s="5" t="s">
        <v>83578</v>
      </c>
      <c r="B217" s="2" t="s">
        <v>84224</v>
      </c>
      <c r="C217" s="14" t="s">
        <v>84225</v>
      </c>
      <c r="D217" s="2" t="s">
        <v>84226</v>
      </c>
      <c r="E217" s="2" t="s">
        <v>1763</v>
      </c>
      <c r="F217" s="8">
        <v>262</v>
      </c>
      <c r="G217" s="5">
        <v>6</v>
      </c>
      <c r="H217" s="5" t="s">
        <v>1518</v>
      </c>
      <c r="I217" s="5" t="s">
        <v>1519</v>
      </c>
      <c r="J217" s="2" t="s">
        <v>1520</v>
      </c>
      <c r="K217" s="5" t="s">
        <v>1519</v>
      </c>
      <c r="L217" s="2" t="s">
        <v>1520</v>
      </c>
      <c r="M217" s="5" t="s">
        <v>1521</v>
      </c>
      <c r="N217" s="5" t="s">
        <v>38</v>
      </c>
      <c r="O217" s="5" t="s">
        <v>39</v>
      </c>
      <c r="P217" s="5" t="s">
        <v>40</v>
      </c>
      <c r="Q217" s="5" t="s">
        <v>1522</v>
      </c>
      <c r="R217" s="5" t="s">
        <v>1523</v>
      </c>
      <c r="S217" s="5" t="s">
        <v>42</v>
      </c>
      <c r="T217" s="2">
        <v>3.609</v>
      </c>
      <c r="U217" s="2">
        <v>3.1080000000000001</v>
      </c>
      <c r="V217" s="2">
        <v>1.7999999999999999E-2</v>
      </c>
      <c r="W217" s="2">
        <v>139.1</v>
      </c>
      <c r="X217" s="2">
        <v>7.6</v>
      </c>
      <c r="Y217" s="2">
        <v>16.7</v>
      </c>
      <c r="Z217" s="5"/>
      <c r="AA217" s="5" t="s">
        <v>43</v>
      </c>
      <c r="AB217" s="5" t="s">
        <v>44</v>
      </c>
      <c r="AC217" s="2"/>
      <c r="AD217" s="1"/>
    </row>
    <row r="218" spans="1:30">
      <c r="A218" s="5" t="s">
        <v>83578</v>
      </c>
      <c r="B218" s="2" t="s">
        <v>84227</v>
      </c>
      <c r="C218" s="14" t="s">
        <v>84228</v>
      </c>
      <c r="D218" s="2" t="s">
        <v>84229</v>
      </c>
      <c r="E218" s="2" t="s">
        <v>1771</v>
      </c>
      <c r="F218" s="8">
        <v>262</v>
      </c>
      <c r="G218" s="5">
        <v>6</v>
      </c>
      <c r="H218" s="5" t="s">
        <v>1518</v>
      </c>
      <c r="I218" s="5" t="s">
        <v>1519</v>
      </c>
      <c r="J218" s="2" t="s">
        <v>1520</v>
      </c>
      <c r="K218" s="5" t="s">
        <v>1519</v>
      </c>
      <c r="L218" s="2" t="s">
        <v>1520</v>
      </c>
      <c r="M218" s="5" t="s">
        <v>1521</v>
      </c>
      <c r="N218" s="5" t="s">
        <v>38</v>
      </c>
      <c r="O218" s="5" t="s">
        <v>39</v>
      </c>
      <c r="P218" s="5" t="s">
        <v>40</v>
      </c>
      <c r="Q218" s="5" t="s">
        <v>1522</v>
      </c>
      <c r="R218" s="5" t="s">
        <v>1523</v>
      </c>
      <c r="S218" s="5" t="s">
        <v>42</v>
      </c>
      <c r="T218" s="2">
        <v>3.609</v>
      </c>
      <c r="U218" s="2">
        <v>3.1080000000000001</v>
      </c>
      <c r="V218" s="2">
        <v>1.7999999999999999E-2</v>
      </c>
      <c r="W218" s="2">
        <v>139.1</v>
      </c>
      <c r="X218" s="2">
        <v>7.6</v>
      </c>
      <c r="Y218" s="2">
        <v>16.7</v>
      </c>
      <c r="Z218" s="5"/>
      <c r="AA218" s="5" t="s">
        <v>43</v>
      </c>
      <c r="AB218" s="5" t="s">
        <v>44</v>
      </c>
      <c r="AC218" s="2"/>
      <c r="AD218" s="1"/>
    </row>
    <row r="219" spans="1:30">
      <c r="A219" s="5" t="s">
        <v>83578</v>
      </c>
      <c r="B219" s="2" t="s">
        <v>84230</v>
      </c>
      <c r="C219" s="14" t="s">
        <v>84231</v>
      </c>
      <c r="D219" s="2" t="s">
        <v>84232</v>
      </c>
      <c r="E219" s="2" t="s">
        <v>1779</v>
      </c>
      <c r="F219" s="8">
        <v>262</v>
      </c>
      <c r="G219" s="5">
        <v>6</v>
      </c>
      <c r="H219" s="5" t="s">
        <v>1518</v>
      </c>
      <c r="I219" s="5" t="s">
        <v>1519</v>
      </c>
      <c r="J219" s="2" t="s">
        <v>1520</v>
      </c>
      <c r="K219" s="5" t="s">
        <v>1519</v>
      </c>
      <c r="L219" s="2" t="s">
        <v>1520</v>
      </c>
      <c r="M219" s="5" t="s">
        <v>1521</v>
      </c>
      <c r="N219" s="5" t="s">
        <v>38</v>
      </c>
      <c r="O219" s="5" t="s">
        <v>39</v>
      </c>
      <c r="P219" s="5" t="s">
        <v>40</v>
      </c>
      <c r="Q219" s="5" t="s">
        <v>1522</v>
      </c>
      <c r="R219" s="5" t="s">
        <v>1523</v>
      </c>
      <c r="S219" s="5" t="s">
        <v>42</v>
      </c>
      <c r="T219" s="2">
        <v>3.609</v>
      </c>
      <c r="U219" s="2">
        <v>3.1080000000000001</v>
      </c>
      <c r="V219" s="2">
        <v>1.7999999999999999E-2</v>
      </c>
      <c r="W219" s="2">
        <v>139.1</v>
      </c>
      <c r="X219" s="2">
        <v>7.6</v>
      </c>
      <c r="Y219" s="2">
        <v>16.7</v>
      </c>
      <c r="Z219" s="5"/>
      <c r="AA219" s="5" t="s">
        <v>43</v>
      </c>
      <c r="AB219" s="5" t="s">
        <v>44</v>
      </c>
      <c r="AC219" s="2"/>
      <c r="AD219" s="1"/>
    </row>
    <row r="220" spans="1:30">
      <c r="A220" s="5" t="s">
        <v>83578</v>
      </c>
      <c r="B220" s="2" t="s">
        <v>84233</v>
      </c>
      <c r="C220" s="14" t="s">
        <v>84234</v>
      </c>
      <c r="D220" s="2" t="s">
        <v>84235</v>
      </c>
      <c r="E220" s="2" t="s">
        <v>1787</v>
      </c>
      <c r="F220" s="8">
        <v>262</v>
      </c>
      <c r="G220" s="5">
        <v>6</v>
      </c>
      <c r="H220" s="5" t="s">
        <v>1518</v>
      </c>
      <c r="I220" s="5" t="s">
        <v>1519</v>
      </c>
      <c r="J220" s="2" t="s">
        <v>1520</v>
      </c>
      <c r="K220" s="5" t="s">
        <v>1519</v>
      </c>
      <c r="L220" s="2" t="s">
        <v>1520</v>
      </c>
      <c r="M220" s="5" t="s">
        <v>1521</v>
      </c>
      <c r="N220" s="5" t="s">
        <v>38</v>
      </c>
      <c r="O220" s="5" t="s">
        <v>39</v>
      </c>
      <c r="P220" s="5" t="s">
        <v>40</v>
      </c>
      <c r="Q220" s="5" t="s">
        <v>1522</v>
      </c>
      <c r="R220" s="5" t="s">
        <v>1523</v>
      </c>
      <c r="S220" s="5" t="s">
        <v>42</v>
      </c>
      <c r="T220" s="2">
        <v>3.5590000000000002</v>
      </c>
      <c r="U220" s="2">
        <v>3.0579999999999998</v>
      </c>
      <c r="V220" s="2">
        <v>1.7999999999999999E-2</v>
      </c>
      <c r="W220" s="2">
        <v>139.1</v>
      </c>
      <c r="X220" s="2">
        <v>7.6</v>
      </c>
      <c r="Y220" s="2">
        <v>16.7</v>
      </c>
      <c r="Z220" s="5"/>
      <c r="AA220" s="5" t="s">
        <v>43</v>
      </c>
      <c r="AB220" s="5" t="s">
        <v>44</v>
      </c>
      <c r="AC220" s="2"/>
      <c r="AD220" s="1"/>
    </row>
    <row r="221" spans="1:30">
      <c r="A221" s="5" t="s">
        <v>83578</v>
      </c>
      <c r="B221" s="2" t="s">
        <v>84236</v>
      </c>
      <c r="C221" s="14" t="s">
        <v>84237</v>
      </c>
      <c r="D221" s="2" t="s">
        <v>84238</v>
      </c>
      <c r="E221" s="2" t="s">
        <v>1791</v>
      </c>
      <c r="F221" s="8">
        <v>262</v>
      </c>
      <c r="G221" s="5">
        <v>6</v>
      </c>
      <c r="H221" s="5" t="s">
        <v>1518</v>
      </c>
      <c r="I221" s="5" t="s">
        <v>1519</v>
      </c>
      <c r="J221" s="2" t="s">
        <v>1520</v>
      </c>
      <c r="K221" s="5" t="s">
        <v>1519</v>
      </c>
      <c r="L221" s="2" t="s">
        <v>1520</v>
      </c>
      <c r="M221" s="5" t="s">
        <v>1521</v>
      </c>
      <c r="N221" s="5" t="s">
        <v>38</v>
      </c>
      <c r="O221" s="5" t="s">
        <v>39</v>
      </c>
      <c r="P221" s="5" t="s">
        <v>40</v>
      </c>
      <c r="Q221" s="5" t="s">
        <v>1522</v>
      </c>
      <c r="R221" s="5" t="s">
        <v>1523</v>
      </c>
      <c r="S221" s="5" t="s">
        <v>42</v>
      </c>
      <c r="T221" s="2">
        <v>3.5379999999999998</v>
      </c>
      <c r="U221" s="2">
        <v>3.0369999999999999</v>
      </c>
      <c r="V221" s="2">
        <v>1.7999999999999999E-2</v>
      </c>
      <c r="W221" s="2">
        <v>139.1</v>
      </c>
      <c r="X221" s="2">
        <v>7.6</v>
      </c>
      <c r="Y221" s="2">
        <v>16.7</v>
      </c>
      <c r="Z221" s="5"/>
      <c r="AA221" s="5" t="s">
        <v>43</v>
      </c>
      <c r="AB221" s="5" t="s">
        <v>44</v>
      </c>
      <c r="AC221" s="2"/>
      <c r="AD221" s="1"/>
    </row>
    <row r="222" spans="1:30">
      <c r="A222" s="5" t="s">
        <v>83578</v>
      </c>
      <c r="B222" s="2" t="s">
        <v>84239</v>
      </c>
      <c r="C222" s="14" t="s">
        <v>84240</v>
      </c>
      <c r="D222" s="2" t="s">
        <v>84241</v>
      </c>
      <c r="E222" s="2" t="s">
        <v>1795</v>
      </c>
      <c r="F222" s="8">
        <v>262</v>
      </c>
      <c r="G222" s="5">
        <v>6</v>
      </c>
      <c r="H222" s="5" t="s">
        <v>1518</v>
      </c>
      <c r="I222" s="5" t="s">
        <v>1519</v>
      </c>
      <c r="J222" s="2" t="s">
        <v>1520</v>
      </c>
      <c r="K222" s="5" t="s">
        <v>1519</v>
      </c>
      <c r="L222" s="2" t="s">
        <v>1520</v>
      </c>
      <c r="M222" s="5" t="s">
        <v>1521</v>
      </c>
      <c r="N222" s="5" t="s">
        <v>38</v>
      </c>
      <c r="O222" s="5" t="s">
        <v>39</v>
      </c>
      <c r="P222" s="5" t="s">
        <v>40</v>
      </c>
      <c r="Q222" s="5" t="s">
        <v>1522</v>
      </c>
      <c r="R222" s="5" t="s">
        <v>1523</v>
      </c>
      <c r="S222" s="5" t="s">
        <v>42</v>
      </c>
      <c r="T222" s="2">
        <v>3.609</v>
      </c>
      <c r="U222" s="2">
        <v>3.1080000000000001</v>
      </c>
      <c r="V222" s="2">
        <v>1.7999999999999999E-2</v>
      </c>
      <c r="W222" s="2">
        <v>139.1</v>
      </c>
      <c r="X222" s="2">
        <v>7.6</v>
      </c>
      <c r="Y222" s="2">
        <v>16.7</v>
      </c>
      <c r="Z222" s="5"/>
      <c r="AA222" s="5" t="s">
        <v>43</v>
      </c>
      <c r="AB222" s="5" t="s">
        <v>44</v>
      </c>
      <c r="AC222" s="2"/>
      <c r="AD222" s="1"/>
    </row>
    <row r="223" spans="1:30">
      <c r="A223" s="5" t="s">
        <v>83578</v>
      </c>
      <c r="B223" s="2" t="s">
        <v>84242</v>
      </c>
      <c r="C223" s="14" t="s">
        <v>84243</v>
      </c>
      <c r="D223" s="2" t="s">
        <v>84244</v>
      </c>
      <c r="E223" s="2" t="s">
        <v>1811</v>
      </c>
      <c r="F223" s="8">
        <v>262</v>
      </c>
      <c r="G223" s="5">
        <v>6</v>
      </c>
      <c r="H223" s="5" t="s">
        <v>1518</v>
      </c>
      <c r="I223" s="5" t="s">
        <v>1519</v>
      </c>
      <c r="J223" s="2" t="s">
        <v>1520</v>
      </c>
      <c r="K223" s="5" t="s">
        <v>1519</v>
      </c>
      <c r="L223" s="2" t="s">
        <v>1520</v>
      </c>
      <c r="M223" s="5" t="s">
        <v>1521</v>
      </c>
      <c r="N223" s="5" t="s">
        <v>38</v>
      </c>
      <c r="O223" s="5" t="s">
        <v>39</v>
      </c>
      <c r="P223" s="5" t="s">
        <v>40</v>
      </c>
      <c r="Q223" s="5" t="s">
        <v>1522</v>
      </c>
      <c r="R223" s="5" t="s">
        <v>1523</v>
      </c>
      <c r="S223" s="5" t="s">
        <v>42</v>
      </c>
      <c r="T223" s="2">
        <v>3.609</v>
      </c>
      <c r="U223" s="2">
        <v>3.1080000000000001</v>
      </c>
      <c r="V223" s="2">
        <v>1.7999999999999999E-2</v>
      </c>
      <c r="W223" s="2">
        <v>139.1</v>
      </c>
      <c r="X223" s="2">
        <v>7.6</v>
      </c>
      <c r="Y223" s="2">
        <v>16.7</v>
      </c>
      <c r="Z223" s="5"/>
      <c r="AA223" s="5" t="s">
        <v>43</v>
      </c>
      <c r="AB223" s="5" t="s">
        <v>44</v>
      </c>
      <c r="AC223" s="2"/>
      <c r="AD223" s="1"/>
    </row>
    <row r="224" spans="1:30">
      <c r="A224" s="5" t="s">
        <v>83578</v>
      </c>
      <c r="B224" s="2" t="s">
        <v>84245</v>
      </c>
      <c r="C224" s="14" t="s">
        <v>84246</v>
      </c>
      <c r="D224" s="2" t="s">
        <v>84247</v>
      </c>
      <c r="E224" s="2" t="s">
        <v>1819</v>
      </c>
      <c r="F224" s="8">
        <v>262</v>
      </c>
      <c r="G224" s="5">
        <v>6</v>
      </c>
      <c r="H224" s="5" t="s">
        <v>1518</v>
      </c>
      <c r="I224" s="5" t="s">
        <v>1519</v>
      </c>
      <c r="J224" s="2" t="s">
        <v>1520</v>
      </c>
      <c r="K224" s="5" t="s">
        <v>1519</v>
      </c>
      <c r="L224" s="2" t="s">
        <v>1520</v>
      </c>
      <c r="M224" s="5" t="s">
        <v>1521</v>
      </c>
      <c r="N224" s="5" t="s">
        <v>38</v>
      </c>
      <c r="O224" s="5" t="s">
        <v>39</v>
      </c>
      <c r="P224" s="5" t="s">
        <v>40</v>
      </c>
      <c r="Q224" s="5" t="s">
        <v>1522</v>
      </c>
      <c r="R224" s="5" t="s">
        <v>1523</v>
      </c>
      <c r="S224" s="5" t="s">
        <v>42</v>
      </c>
      <c r="T224" s="2">
        <v>3.5590000000000002</v>
      </c>
      <c r="U224" s="2">
        <v>3.0579999999999998</v>
      </c>
      <c r="V224" s="2">
        <v>1.7999999999999999E-2</v>
      </c>
      <c r="W224" s="2">
        <v>139.1</v>
      </c>
      <c r="X224" s="2">
        <v>7.6</v>
      </c>
      <c r="Y224" s="2">
        <v>16.7</v>
      </c>
      <c r="Z224" s="5"/>
      <c r="AA224" s="5" t="s">
        <v>43</v>
      </c>
      <c r="AB224" s="5" t="s">
        <v>44</v>
      </c>
      <c r="AC224" s="2"/>
      <c r="AD224" s="1"/>
    </row>
    <row r="225" spans="1:30">
      <c r="A225" s="5" t="s">
        <v>83578</v>
      </c>
      <c r="B225" s="2" t="s">
        <v>84248</v>
      </c>
      <c r="C225" s="14" t="s">
        <v>84249</v>
      </c>
      <c r="D225" s="2" t="s">
        <v>84250</v>
      </c>
      <c r="E225" s="2" t="s">
        <v>1827</v>
      </c>
      <c r="F225" s="8">
        <v>262</v>
      </c>
      <c r="G225" s="5">
        <v>18</v>
      </c>
      <c r="H225" s="5" t="s">
        <v>1518</v>
      </c>
      <c r="I225" s="5" t="s">
        <v>1519</v>
      </c>
      <c r="J225" s="2" t="s">
        <v>1520</v>
      </c>
      <c r="K225" s="5" t="s">
        <v>1519</v>
      </c>
      <c r="L225" s="2" t="s">
        <v>1520</v>
      </c>
      <c r="M225" s="5" t="s">
        <v>1521</v>
      </c>
      <c r="N225" s="5" t="s">
        <v>38</v>
      </c>
      <c r="O225" s="5" t="s">
        <v>39</v>
      </c>
      <c r="P225" s="5" t="s">
        <v>40</v>
      </c>
      <c r="Q225" s="5" t="s">
        <v>1522</v>
      </c>
      <c r="R225" s="5" t="s">
        <v>1523</v>
      </c>
      <c r="S225" s="5" t="s">
        <v>42</v>
      </c>
      <c r="T225" s="2">
        <v>3.6469999999999998</v>
      </c>
      <c r="U225" s="2">
        <v>3.1459999999999999</v>
      </c>
      <c r="V225" s="2">
        <v>1.7999999999999999E-2</v>
      </c>
      <c r="W225" s="2">
        <v>139.1</v>
      </c>
      <c r="X225" s="2">
        <v>7.6</v>
      </c>
      <c r="Y225" s="2">
        <v>16.7</v>
      </c>
      <c r="Z225" s="5"/>
      <c r="AA225" s="5" t="s">
        <v>43</v>
      </c>
      <c r="AB225" s="5" t="s">
        <v>44</v>
      </c>
      <c r="AC225" s="2"/>
      <c r="AD225" s="1"/>
    </row>
    <row r="226" spans="1:30">
      <c r="A226" s="5" t="s">
        <v>83578</v>
      </c>
      <c r="B226" s="2" t="s">
        <v>84251</v>
      </c>
      <c r="C226" s="14" t="s">
        <v>84252</v>
      </c>
      <c r="D226" s="2" t="s">
        <v>84253</v>
      </c>
      <c r="E226" s="2" t="s">
        <v>1973</v>
      </c>
      <c r="F226" s="8">
        <v>262</v>
      </c>
      <c r="G226" s="5">
        <v>18</v>
      </c>
      <c r="H226" s="5" t="s">
        <v>1518</v>
      </c>
      <c r="I226" s="5" t="s">
        <v>1519</v>
      </c>
      <c r="J226" s="2" t="s">
        <v>1520</v>
      </c>
      <c r="K226" s="5" t="s">
        <v>1519</v>
      </c>
      <c r="L226" s="2" t="s">
        <v>1520</v>
      </c>
      <c r="M226" s="5" t="s">
        <v>1521</v>
      </c>
      <c r="N226" s="5" t="s">
        <v>38</v>
      </c>
      <c r="O226" s="5" t="s">
        <v>39</v>
      </c>
      <c r="P226" s="5" t="s">
        <v>40</v>
      </c>
      <c r="Q226" s="5" t="s">
        <v>1522</v>
      </c>
      <c r="R226" s="5" t="s">
        <v>1523</v>
      </c>
      <c r="S226" s="5" t="s">
        <v>42</v>
      </c>
      <c r="T226" s="2">
        <v>3.5979999999999999</v>
      </c>
      <c r="U226" s="2">
        <v>3.097</v>
      </c>
      <c r="V226" s="2">
        <v>1.7999999999999999E-2</v>
      </c>
      <c r="W226" s="2">
        <v>139.1</v>
      </c>
      <c r="X226" s="2">
        <v>7.6</v>
      </c>
      <c r="Y226" s="2">
        <v>16.7</v>
      </c>
      <c r="Z226" s="5"/>
      <c r="AA226" s="5" t="s">
        <v>43</v>
      </c>
      <c r="AB226" s="5" t="s">
        <v>44</v>
      </c>
      <c r="AC226" s="2"/>
      <c r="AD226" s="1"/>
    </row>
    <row r="227" spans="1:30">
      <c r="A227" s="5" t="s">
        <v>83578</v>
      </c>
      <c r="B227" s="2" t="s">
        <v>84254</v>
      </c>
      <c r="C227" s="14" t="s">
        <v>84255</v>
      </c>
      <c r="D227" s="2" t="s">
        <v>84256</v>
      </c>
      <c r="E227" s="2" t="s">
        <v>2348</v>
      </c>
      <c r="F227" s="8">
        <v>262</v>
      </c>
      <c r="G227" s="5">
        <v>18</v>
      </c>
      <c r="H227" s="5" t="s">
        <v>1518</v>
      </c>
      <c r="I227" s="5" t="s">
        <v>1519</v>
      </c>
      <c r="J227" s="2" t="s">
        <v>1520</v>
      </c>
      <c r="K227" s="5" t="s">
        <v>1519</v>
      </c>
      <c r="L227" s="2" t="s">
        <v>1520</v>
      </c>
      <c r="M227" s="5" t="s">
        <v>1521</v>
      </c>
      <c r="N227" s="5" t="s">
        <v>38</v>
      </c>
      <c r="O227" s="5" t="s">
        <v>39</v>
      </c>
      <c r="P227" s="5" t="s">
        <v>40</v>
      </c>
      <c r="Q227" s="5" t="s">
        <v>1522</v>
      </c>
      <c r="R227" s="5" t="s">
        <v>1523</v>
      </c>
      <c r="S227" s="5" t="s">
        <v>42</v>
      </c>
      <c r="T227" s="2">
        <v>3.669</v>
      </c>
      <c r="U227" s="2">
        <v>3.1680000000000001</v>
      </c>
      <c r="V227" s="2">
        <v>1.7999999999999999E-2</v>
      </c>
      <c r="W227" s="2">
        <v>139.1</v>
      </c>
      <c r="X227" s="2">
        <v>7.6</v>
      </c>
      <c r="Y227" s="2">
        <v>16.7</v>
      </c>
      <c r="Z227" s="5"/>
      <c r="AA227" s="5" t="s">
        <v>43</v>
      </c>
      <c r="AB227" s="5" t="s">
        <v>44</v>
      </c>
      <c r="AC227" s="2"/>
      <c r="AD227" s="1"/>
    </row>
    <row r="228" spans="1:30">
      <c r="A228" s="5" t="s">
        <v>83578</v>
      </c>
      <c r="B228" s="2" t="s">
        <v>84257</v>
      </c>
      <c r="C228" s="14" t="s">
        <v>84258</v>
      </c>
      <c r="D228" s="2" t="s">
        <v>84259</v>
      </c>
      <c r="E228" s="2" t="s">
        <v>2204</v>
      </c>
      <c r="F228" s="8">
        <v>262</v>
      </c>
      <c r="G228" s="5">
        <v>18</v>
      </c>
      <c r="H228" s="5" t="s">
        <v>1518</v>
      </c>
      <c r="I228" s="5" t="s">
        <v>1519</v>
      </c>
      <c r="J228" s="2" t="s">
        <v>1520</v>
      </c>
      <c r="K228" s="5" t="s">
        <v>1519</v>
      </c>
      <c r="L228" s="2" t="s">
        <v>1520</v>
      </c>
      <c r="M228" s="5" t="s">
        <v>1521</v>
      </c>
      <c r="N228" s="5" t="s">
        <v>38</v>
      </c>
      <c r="O228" s="5" t="s">
        <v>39</v>
      </c>
      <c r="P228" s="5" t="s">
        <v>40</v>
      </c>
      <c r="Q228" s="5" t="s">
        <v>1522</v>
      </c>
      <c r="R228" s="5" t="s">
        <v>1523</v>
      </c>
      <c r="S228" s="5" t="s">
        <v>42</v>
      </c>
      <c r="T228" s="2">
        <v>3.5979999999999999</v>
      </c>
      <c r="U228" s="2">
        <v>3.097</v>
      </c>
      <c r="V228" s="2">
        <v>1.7999999999999999E-2</v>
      </c>
      <c r="W228" s="2">
        <v>139.1</v>
      </c>
      <c r="X228" s="2">
        <v>7.6</v>
      </c>
      <c r="Y228" s="2">
        <v>16.7</v>
      </c>
      <c r="Z228" s="5"/>
      <c r="AA228" s="5" t="s">
        <v>43</v>
      </c>
      <c r="AB228" s="5" t="s">
        <v>44</v>
      </c>
      <c r="AC228" s="2"/>
      <c r="AD228" s="1"/>
    </row>
    <row r="229" spans="1:30">
      <c r="A229" s="5" t="s">
        <v>83578</v>
      </c>
      <c r="B229" s="2" t="s">
        <v>84260</v>
      </c>
      <c r="C229" s="14" t="s">
        <v>84261</v>
      </c>
      <c r="D229" s="2" t="s">
        <v>84262</v>
      </c>
      <c r="E229" s="2" t="s">
        <v>2724</v>
      </c>
      <c r="F229" s="8">
        <v>262</v>
      </c>
      <c r="G229" s="5">
        <v>18</v>
      </c>
      <c r="H229" s="5" t="s">
        <v>1518</v>
      </c>
      <c r="I229" s="5" t="s">
        <v>1519</v>
      </c>
      <c r="J229" s="2" t="s">
        <v>1520</v>
      </c>
      <c r="K229" s="5" t="s">
        <v>1519</v>
      </c>
      <c r="L229" s="2" t="s">
        <v>1520</v>
      </c>
      <c r="M229" s="5" t="s">
        <v>1521</v>
      </c>
      <c r="N229" s="5" t="s">
        <v>38</v>
      </c>
      <c r="O229" s="5" t="s">
        <v>39</v>
      </c>
      <c r="P229" s="5" t="s">
        <v>40</v>
      </c>
      <c r="Q229" s="5" t="s">
        <v>1522</v>
      </c>
      <c r="R229" s="5" t="s">
        <v>1523</v>
      </c>
      <c r="S229" s="5" t="s">
        <v>42</v>
      </c>
      <c r="T229" s="2">
        <v>3.669</v>
      </c>
      <c r="U229" s="2">
        <v>3.1680000000000001</v>
      </c>
      <c r="V229" s="2">
        <v>1.7999999999999999E-2</v>
      </c>
      <c r="W229" s="2">
        <v>139.1</v>
      </c>
      <c r="X229" s="2">
        <v>7.6</v>
      </c>
      <c r="Y229" s="2">
        <v>16.7</v>
      </c>
      <c r="Z229" s="5"/>
      <c r="AA229" s="5" t="s">
        <v>43</v>
      </c>
      <c r="AB229" s="5" t="s">
        <v>44</v>
      </c>
      <c r="AC229" s="2"/>
      <c r="AD229" s="1"/>
    </row>
    <row r="230" spans="1:30">
      <c r="A230" s="5" t="s">
        <v>83578</v>
      </c>
      <c r="B230" s="2" t="s">
        <v>84263</v>
      </c>
      <c r="C230" s="14" t="s">
        <v>84264</v>
      </c>
      <c r="D230" s="2" t="s">
        <v>84265</v>
      </c>
      <c r="E230" s="2" t="s">
        <v>2212</v>
      </c>
      <c r="F230" s="8">
        <v>262</v>
      </c>
      <c r="G230" s="5">
        <v>18</v>
      </c>
      <c r="H230" s="5" t="s">
        <v>1518</v>
      </c>
      <c r="I230" s="5" t="s">
        <v>1519</v>
      </c>
      <c r="J230" s="2" t="s">
        <v>1520</v>
      </c>
      <c r="K230" s="5" t="s">
        <v>1519</v>
      </c>
      <c r="L230" s="2" t="s">
        <v>1520</v>
      </c>
      <c r="M230" s="5" t="s">
        <v>1521</v>
      </c>
      <c r="N230" s="5" t="s">
        <v>38</v>
      </c>
      <c r="O230" s="5" t="s">
        <v>39</v>
      </c>
      <c r="P230" s="5" t="s">
        <v>40</v>
      </c>
      <c r="Q230" s="5" t="s">
        <v>1522</v>
      </c>
      <c r="R230" s="5" t="s">
        <v>1523</v>
      </c>
      <c r="S230" s="5" t="s">
        <v>42</v>
      </c>
      <c r="T230" s="2">
        <v>3.669</v>
      </c>
      <c r="U230" s="2">
        <v>3.1680000000000001</v>
      </c>
      <c r="V230" s="2">
        <v>1.7999999999999999E-2</v>
      </c>
      <c r="W230" s="2">
        <v>139.1</v>
      </c>
      <c r="X230" s="2">
        <v>7.6</v>
      </c>
      <c r="Y230" s="2">
        <v>16.7</v>
      </c>
      <c r="Z230" s="5"/>
      <c r="AA230" s="5" t="s">
        <v>43</v>
      </c>
      <c r="AB230" s="5" t="s">
        <v>44</v>
      </c>
      <c r="AC230" s="2"/>
      <c r="AD230" s="1"/>
    </row>
    <row r="231" spans="1:30">
      <c r="A231" s="5" t="s">
        <v>83578</v>
      </c>
      <c r="B231" s="2" t="s">
        <v>84266</v>
      </c>
      <c r="C231" s="14" t="s">
        <v>84267</v>
      </c>
      <c r="D231" s="2" t="s">
        <v>84268</v>
      </c>
      <c r="E231" s="2" t="s">
        <v>1835</v>
      </c>
      <c r="F231" s="8">
        <v>262</v>
      </c>
      <c r="G231" s="5">
        <v>18</v>
      </c>
      <c r="H231" s="5" t="s">
        <v>1518</v>
      </c>
      <c r="I231" s="5" t="s">
        <v>1519</v>
      </c>
      <c r="J231" s="2" t="s">
        <v>1520</v>
      </c>
      <c r="K231" s="5" t="s">
        <v>1519</v>
      </c>
      <c r="L231" s="2" t="s">
        <v>1520</v>
      </c>
      <c r="M231" s="5" t="s">
        <v>1521</v>
      </c>
      <c r="N231" s="5" t="s">
        <v>38</v>
      </c>
      <c r="O231" s="5" t="s">
        <v>39</v>
      </c>
      <c r="P231" s="5" t="s">
        <v>40</v>
      </c>
      <c r="Q231" s="5" t="s">
        <v>1522</v>
      </c>
      <c r="R231" s="5" t="s">
        <v>1523</v>
      </c>
      <c r="S231" s="5" t="s">
        <v>42</v>
      </c>
      <c r="T231" s="2">
        <v>3.669</v>
      </c>
      <c r="U231" s="2">
        <v>3.1680000000000001</v>
      </c>
      <c r="V231" s="2">
        <v>1.7999999999999999E-2</v>
      </c>
      <c r="W231" s="2">
        <v>139.1</v>
      </c>
      <c r="X231" s="2">
        <v>7.6</v>
      </c>
      <c r="Y231" s="2">
        <v>16.7</v>
      </c>
      <c r="Z231" s="5"/>
      <c r="AA231" s="5" t="s">
        <v>43</v>
      </c>
      <c r="AB231" s="5" t="s">
        <v>44</v>
      </c>
      <c r="AC231" s="2"/>
      <c r="AD231" s="1"/>
    </row>
    <row r="232" spans="1:30">
      <c r="A232" s="5" t="s">
        <v>83578</v>
      </c>
      <c r="B232" s="2" t="s">
        <v>84269</v>
      </c>
      <c r="C232" s="14" t="s">
        <v>84270</v>
      </c>
      <c r="D232" s="2" t="s">
        <v>84271</v>
      </c>
      <c r="E232" s="2" t="s">
        <v>1839</v>
      </c>
      <c r="F232" s="8">
        <v>262</v>
      </c>
      <c r="G232" s="5">
        <v>18</v>
      </c>
      <c r="H232" s="5" t="s">
        <v>1518</v>
      </c>
      <c r="I232" s="5" t="s">
        <v>1519</v>
      </c>
      <c r="J232" s="2" t="s">
        <v>1520</v>
      </c>
      <c r="K232" s="5" t="s">
        <v>1519</v>
      </c>
      <c r="L232" s="2" t="s">
        <v>1520</v>
      </c>
      <c r="M232" s="5" t="s">
        <v>1521</v>
      </c>
      <c r="N232" s="5" t="s">
        <v>38</v>
      </c>
      <c r="O232" s="5" t="s">
        <v>39</v>
      </c>
      <c r="P232" s="5" t="s">
        <v>40</v>
      </c>
      <c r="Q232" s="5" t="s">
        <v>1522</v>
      </c>
      <c r="R232" s="5" t="s">
        <v>1523</v>
      </c>
      <c r="S232" s="5" t="s">
        <v>42</v>
      </c>
      <c r="T232" s="2">
        <v>3.5979999999999999</v>
      </c>
      <c r="U232" s="2">
        <v>3.097</v>
      </c>
      <c r="V232" s="2">
        <v>1.7999999999999999E-2</v>
      </c>
      <c r="W232" s="2">
        <v>139.1</v>
      </c>
      <c r="X232" s="2">
        <v>7.6</v>
      </c>
      <c r="Y232" s="2">
        <v>16.7</v>
      </c>
      <c r="Z232" s="5"/>
      <c r="AA232" s="5" t="s">
        <v>43</v>
      </c>
      <c r="AB232" s="5" t="s">
        <v>44</v>
      </c>
      <c r="AC232" s="2"/>
      <c r="AD232" s="1"/>
    </row>
    <row r="233" spans="1:30">
      <c r="A233" s="5" t="s">
        <v>83578</v>
      </c>
      <c r="B233" s="2" t="s">
        <v>84272</v>
      </c>
      <c r="C233" s="14" t="s">
        <v>84273</v>
      </c>
      <c r="D233" s="2" t="s">
        <v>84274</v>
      </c>
      <c r="E233" s="2" t="s">
        <v>1986</v>
      </c>
      <c r="F233" s="8">
        <v>262</v>
      </c>
      <c r="G233" s="5">
        <v>18</v>
      </c>
      <c r="H233" s="5" t="s">
        <v>1518</v>
      </c>
      <c r="I233" s="5" t="s">
        <v>1519</v>
      </c>
      <c r="J233" s="2" t="s">
        <v>1520</v>
      </c>
      <c r="K233" s="5" t="s">
        <v>1519</v>
      </c>
      <c r="L233" s="2" t="s">
        <v>1520</v>
      </c>
      <c r="M233" s="5" t="s">
        <v>1521</v>
      </c>
      <c r="N233" s="5" t="s">
        <v>38</v>
      </c>
      <c r="O233" s="5" t="s">
        <v>39</v>
      </c>
      <c r="P233" s="5" t="s">
        <v>40</v>
      </c>
      <c r="Q233" s="5" t="s">
        <v>1522</v>
      </c>
      <c r="R233" s="5" t="s">
        <v>1523</v>
      </c>
      <c r="S233" s="5" t="s">
        <v>42</v>
      </c>
      <c r="T233" s="2">
        <v>3.669</v>
      </c>
      <c r="U233" s="2">
        <v>3.1680000000000001</v>
      </c>
      <c r="V233" s="2">
        <v>1.7999999999999999E-2</v>
      </c>
      <c r="W233" s="2">
        <v>139.1</v>
      </c>
      <c r="X233" s="2">
        <v>7.6</v>
      </c>
      <c r="Y233" s="2">
        <v>16.7</v>
      </c>
      <c r="Z233" s="5"/>
      <c r="AA233" s="5" t="s">
        <v>43</v>
      </c>
      <c r="AB233" s="5" t="s">
        <v>44</v>
      </c>
      <c r="AC233" s="2"/>
      <c r="AD233" s="1"/>
    </row>
    <row r="234" spans="1:30">
      <c r="A234" s="5" t="s">
        <v>83578</v>
      </c>
      <c r="B234" s="2" t="s">
        <v>84275</v>
      </c>
      <c r="C234" s="14" t="s">
        <v>84276</v>
      </c>
      <c r="D234" s="2" t="s">
        <v>84277</v>
      </c>
      <c r="E234" s="2" t="s">
        <v>1843</v>
      </c>
      <c r="F234" s="8">
        <v>262</v>
      </c>
      <c r="G234" s="5">
        <v>18</v>
      </c>
      <c r="H234" s="5" t="s">
        <v>1518</v>
      </c>
      <c r="I234" s="5" t="s">
        <v>1519</v>
      </c>
      <c r="J234" s="2" t="s">
        <v>1520</v>
      </c>
      <c r="K234" s="5" t="s">
        <v>1519</v>
      </c>
      <c r="L234" s="2" t="s">
        <v>1520</v>
      </c>
      <c r="M234" s="5" t="s">
        <v>1521</v>
      </c>
      <c r="N234" s="5" t="s">
        <v>38</v>
      </c>
      <c r="O234" s="5" t="s">
        <v>39</v>
      </c>
      <c r="P234" s="5" t="s">
        <v>40</v>
      </c>
      <c r="Q234" s="5" t="s">
        <v>1522</v>
      </c>
      <c r="R234" s="5" t="s">
        <v>1523</v>
      </c>
      <c r="S234" s="5" t="s">
        <v>42</v>
      </c>
      <c r="T234" s="2">
        <v>3.5979999999999999</v>
      </c>
      <c r="U234" s="2">
        <v>3.097</v>
      </c>
      <c r="V234" s="2">
        <v>1.7999999999999999E-2</v>
      </c>
      <c r="W234" s="2">
        <v>139.1</v>
      </c>
      <c r="X234" s="2">
        <v>7.6</v>
      </c>
      <c r="Y234" s="2">
        <v>16.7</v>
      </c>
      <c r="Z234" s="5"/>
      <c r="AA234" s="5" t="s">
        <v>43</v>
      </c>
      <c r="AB234" s="5" t="s">
        <v>44</v>
      </c>
      <c r="AC234" s="2"/>
      <c r="AD234" s="1"/>
    </row>
    <row r="235" spans="1:30">
      <c r="A235" s="5" t="s">
        <v>83578</v>
      </c>
      <c r="B235" s="2" t="s">
        <v>84278</v>
      </c>
      <c r="C235" s="14" t="s">
        <v>84279</v>
      </c>
      <c r="D235" s="2" t="s">
        <v>84280</v>
      </c>
      <c r="E235" s="2" t="s">
        <v>1847</v>
      </c>
      <c r="F235" s="8">
        <v>262</v>
      </c>
      <c r="G235" s="5">
        <v>18</v>
      </c>
      <c r="H235" s="5" t="s">
        <v>1518</v>
      </c>
      <c r="I235" s="5" t="s">
        <v>1519</v>
      </c>
      <c r="J235" s="2" t="s">
        <v>1520</v>
      </c>
      <c r="K235" s="5" t="s">
        <v>1519</v>
      </c>
      <c r="L235" s="2" t="s">
        <v>1520</v>
      </c>
      <c r="M235" s="5" t="s">
        <v>1521</v>
      </c>
      <c r="N235" s="5" t="s">
        <v>38</v>
      </c>
      <c r="O235" s="5" t="s">
        <v>39</v>
      </c>
      <c r="P235" s="5" t="s">
        <v>40</v>
      </c>
      <c r="Q235" s="5" t="s">
        <v>1522</v>
      </c>
      <c r="R235" s="5" t="s">
        <v>1523</v>
      </c>
      <c r="S235" s="5" t="s">
        <v>42</v>
      </c>
      <c r="T235" s="2">
        <v>3.669</v>
      </c>
      <c r="U235" s="2">
        <v>3.1680000000000001</v>
      </c>
      <c r="V235" s="2">
        <v>1.7999999999999999E-2</v>
      </c>
      <c r="W235" s="2">
        <v>139.1</v>
      </c>
      <c r="X235" s="2">
        <v>7.6</v>
      </c>
      <c r="Y235" s="2">
        <v>16.7</v>
      </c>
      <c r="Z235" s="5"/>
      <c r="AA235" s="5" t="s">
        <v>43</v>
      </c>
      <c r="AB235" s="5" t="s">
        <v>44</v>
      </c>
      <c r="AC235" s="2"/>
      <c r="AD235" s="1"/>
    </row>
    <row r="236" spans="1:30">
      <c r="A236" s="5" t="s">
        <v>83578</v>
      </c>
      <c r="B236" s="2" t="s">
        <v>84281</v>
      </c>
      <c r="C236" s="14" t="s">
        <v>84282</v>
      </c>
      <c r="D236" s="2" t="s">
        <v>84283</v>
      </c>
      <c r="E236" s="2" t="s">
        <v>1851</v>
      </c>
      <c r="F236" s="8">
        <v>262</v>
      </c>
      <c r="G236" s="5">
        <v>18</v>
      </c>
      <c r="H236" s="5" t="s">
        <v>1518</v>
      </c>
      <c r="I236" s="5" t="s">
        <v>1519</v>
      </c>
      <c r="J236" s="2" t="s">
        <v>1520</v>
      </c>
      <c r="K236" s="5" t="s">
        <v>1519</v>
      </c>
      <c r="L236" s="2" t="s">
        <v>1520</v>
      </c>
      <c r="M236" s="5" t="s">
        <v>1521</v>
      </c>
      <c r="N236" s="5" t="s">
        <v>38</v>
      </c>
      <c r="O236" s="5" t="s">
        <v>39</v>
      </c>
      <c r="P236" s="5" t="s">
        <v>40</v>
      </c>
      <c r="Q236" s="5" t="s">
        <v>1522</v>
      </c>
      <c r="R236" s="5" t="s">
        <v>1523</v>
      </c>
      <c r="S236" s="5" t="s">
        <v>42</v>
      </c>
      <c r="T236" s="2">
        <v>3.5979999999999999</v>
      </c>
      <c r="U236" s="2">
        <v>3.097</v>
      </c>
      <c r="V236" s="2">
        <v>1.7999999999999999E-2</v>
      </c>
      <c r="W236" s="2">
        <v>139.1</v>
      </c>
      <c r="X236" s="2">
        <v>7.6</v>
      </c>
      <c r="Y236" s="2">
        <v>16.7</v>
      </c>
      <c r="Z236" s="5"/>
      <c r="AA236" s="5" t="s">
        <v>43</v>
      </c>
      <c r="AB236" s="5" t="s">
        <v>44</v>
      </c>
      <c r="AC236" s="2"/>
      <c r="AD236" s="1"/>
    </row>
    <row r="237" spans="1:30">
      <c r="A237" s="5" t="s">
        <v>83578</v>
      </c>
      <c r="B237" s="2" t="s">
        <v>84284</v>
      </c>
      <c r="C237" s="14" t="s">
        <v>84285</v>
      </c>
      <c r="D237" s="2" t="s">
        <v>84286</v>
      </c>
      <c r="E237" s="2" t="s">
        <v>1999</v>
      </c>
      <c r="F237" s="8">
        <v>262</v>
      </c>
      <c r="G237" s="5">
        <v>18</v>
      </c>
      <c r="H237" s="5" t="s">
        <v>1518</v>
      </c>
      <c r="I237" s="5" t="s">
        <v>1519</v>
      </c>
      <c r="J237" s="2" t="s">
        <v>1520</v>
      </c>
      <c r="K237" s="5" t="s">
        <v>1519</v>
      </c>
      <c r="L237" s="2" t="s">
        <v>1520</v>
      </c>
      <c r="M237" s="5" t="s">
        <v>1521</v>
      </c>
      <c r="N237" s="5" t="s">
        <v>38</v>
      </c>
      <c r="O237" s="5" t="s">
        <v>39</v>
      </c>
      <c r="P237" s="5" t="s">
        <v>40</v>
      </c>
      <c r="Q237" s="5" t="s">
        <v>1522</v>
      </c>
      <c r="R237" s="5" t="s">
        <v>1523</v>
      </c>
      <c r="S237" s="5" t="s">
        <v>42</v>
      </c>
      <c r="T237" s="2">
        <v>3.669</v>
      </c>
      <c r="U237" s="2">
        <v>3.1680000000000001</v>
      </c>
      <c r="V237" s="2">
        <v>1.7999999999999999E-2</v>
      </c>
      <c r="W237" s="2">
        <v>139.1</v>
      </c>
      <c r="X237" s="2">
        <v>7.6</v>
      </c>
      <c r="Y237" s="2">
        <v>16.7</v>
      </c>
      <c r="Z237" s="5"/>
      <c r="AA237" s="5" t="s">
        <v>43</v>
      </c>
      <c r="AB237" s="5" t="s">
        <v>44</v>
      </c>
      <c r="AC237" s="2"/>
      <c r="AD237" s="1"/>
    </row>
    <row r="238" spans="1:30">
      <c r="A238" s="5" t="s">
        <v>83578</v>
      </c>
      <c r="B238" s="2" t="s">
        <v>84287</v>
      </c>
      <c r="C238" s="14" t="s">
        <v>84288</v>
      </c>
      <c r="D238" s="2" t="s">
        <v>84289</v>
      </c>
      <c r="E238" s="2" t="s">
        <v>1855</v>
      </c>
      <c r="F238" s="8">
        <v>262</v>
      </c>
      <c r="G238" s="5">
        <v>18</v>
      </c>
      <c r="H238" s="5" t="s">
        <v>1518</v>
      </c>
      <c r="I238" s="5" t="s">
        <v>1519</v>
      </c>
      <c r="J238" s="2" t="s">
        <v>1520</v>
      </c>
      <c r="K238" s="5" t="s">
        <v>1519</v>
      </c>
      <c r="L238" s="2" t="s">
        <v>1520</v>
      </c>
      <c r="M238" s="5" t="s">
        <v>1521</v>
      </c>
      <c r="N238" s="5" t="s">
        <v>38</v>
      </c>
      <c r="O238" s="5" t="s">
        <v>39</v>
      </c>
      <c r="P238" s="5" t="s">
        <v>40</v>
      </c>
      <c r="Q238" s="5" t="s">
        <v>1522</v>
      </c>
      <c r="R238" s="5" t="s">
        <v>1523</v>
      </c>
      <c r="S238" s="5" t="s">
        <v>42</v>
      </c>
      <c r="T238" s="2">
        <v>3.5979999999999999</v>
      </c>
      <c r="U238" s="2">
        <v>3.097</v>
      </c>
      <c r="V238" s="2">
        <v>1.7999999999999999E-2</v>
      </c>
      <c r="W238" s="2">
        <v>139.1</v>
      </c>
      <c r="X238" s="2">
        <v>7.6</v>
      </c>
      <c r="Y238" s="2">
        <v>16.7</v>
      </c>
      <c r="Z238" s="5"/>
      <c r="AA238" s="5" t="s">
        <v>43</v>
      </c>
      <c r="AB238" s="5" t="s">
        <v>44</v>
      </c>
      <c r="AC238" s="2"/>
      <c r="AD238" s="1"/>
    </row>
    <row r="239" spans="1:30">
      <c r="A239" s="5" t="s">
        <v>83578</v>
      </c>
      <c r="B239" s="2" t="s">
        <v>84290</v>
      </c>
      <c r="C239" s="14" t="s">
        <v>84291</v>
      </c>
      <c r="D239" s="2" t="s">
        <v>84292</v>
      </c>
      <c r="E239" s="2" t="s">
        <v>1859</v>
      </c>
      <c r="F239" s="8">
        <v>262</v>
      </c>
      <c r="G239" s="5">
        <v>18</v>
      </c>
      <c r="H239" s="5" t="s">
        <v>1518</v>
      </c>
      <c r="I239" s="5" t="s">
        <v>1519</v>
      </c>
      <c r="J239" s="2" t="s">
        <v>1520</v>
      </c>
      <c r="K239" s="5" t="s">
        <v>1519</v>
      </c>
      <c r="L239" s="2" t="s">
        <v>1520</v>
      </c>
      <c r="M239" s="5" t="s">
        <v>1521</v>
      </c>
      <c r="N239" s="5" t="s">
        <v>38</v>
      </c>
      <c r="O239" s="5" t="s">
        <v>39</v>
      </c>
      <c r="P239" s="5" t="s">
        <v>40</v>
      </c>
      <c r="Q239" s="5" t="s">
        <v>1522</v>
      </c>
      <c r="R239" s="5" t="s">
        <v>1523</v>
      </c>
      <c r="S239" s="5" t="s">
        <v>42</v>
      </c>
      <c r="T239" s="2">
        <v>3.669</v>
      </c>
      <c r="U239" s="2">
        <v>3.1680000000000001</v>
      </c>
      <c r="V239" s="2">
        <v>1.7999999999999999E-2</v>
      </c>
      <c r="W239" s="2">
        <v>139.1</v>
      </c>
      <c r="X239" s="2">
        <v>7.6</v>
      </c>
      <c r="Y239" s="2">
        <v>16.7</v>
      </c>
      <c r="Z239" s="5"/>
      <c r="AA239" s="5" t="s">
        <v>43</v>
      </c>
      <c r="AB239" s="5" t="s">
        <v>44</v>
      </c>
      <c r="AC239" s="2"/>
      <c r="AD239" s="1"/>
    </row>
    <row r="240" spans="1:30">
      <c r="A240" s="5" t="s">
        <v>83578</v>
      </c>
      <c r="B240" s="2" t="s">
        <v>84293</v>
      </c>
      <c r="C240" s="14" t="s">
        <v>84294</v>
      </c>
      <c r="D240" s="2" t="s">
        <v>84295</v>
      </c>
      <c r="E240" s="2" t="s">
        <v>1973</v>
      </c>
      <c r="F240" s="8">
        <v>218</v>
      </c>
      <c r="G240" s="5">
        <v>13</v>
      </c>
      <c r="H240" s="5" t="s">
        <v>1518</v>
      </c>
      <c r="I240" s="5" t="s">
        <v>1519</v>
      </c>
      <c r="J240" s="2" t="s">
        <v>1520</v>
      </c>
      <c r="K240" s="5" t="s">
        <v>1519</v>
      </c>
      <c r="L240" s="2" t="s">
        <v>1520</v>
      </c>
      <c r="M240" s="5" t="s">
        <v>1521</v>
      </c>
      <c r="N240" s="5" t="s">
        <v>38</v>
      </c>
      <c r="O240" s="5" t="s">
        <v>39</v>
      </c>
      <c r="P240" s="5" t="s">
        <v>40</v>
      </c>
      <c r="Q240" s="5" t="s">
        <v>1522</v>
      </c>
      <c r="R240" s="5" t="s">
        <v>1523</v>
      </c>
      <c r="S240" s="5" t="s">
        <v>42</v>
      </c>
      <c r="T240" s="2">
        <v>3.1080000000000001</v>
      </c>
      <c r="U240" s="2">
        <v>2.5840000000000001</v>
      </c>
      <c r="V240" s="2">
        <v>1.7999999999999999E-2</v>
      </c>
      <c r="W240" s="2">
        <v>139.1</v>
      </c>
      <c r="X240" s="2">
        <v>7.6</v>
      </c>
      <c r="Y240" s="2">
        <v>16.7</v>
      </c>
      <c r="Z240" s="5"/>
      <c r="AA240" s="5" t="s">
        <v>43</v>
      </c>
      <c r="AB240" s="5" t="s">
        <v>44</v>
      </c>
      <c r="AC240" s="2"/>
      <c r="AD240" s="1"/>
    </row>
    <row r="241" spans="1:30">
      <c r="A241" s="5" t="s">
        <v>83578</v>
      </c>
      <c r="B241" s="2" t="s">
        <v>84296</v>
      </c>
      <c r="C241" s="14" t="s">
        <v>84297</v>
      </c>
      <c r="D241" s="2" t="s">
        <v>84298</v>
      </c>
      <c r="E241" s="2" t="s">
        <v>2348</v>
      </c>
      <c r="F241" s="8">
        <v>218</v>
      </c>
      <c r="G241" s="5">
        <v>13</v>
      </c>
      <c r="H241" s="5" t="s">
        <v>1518</v>
      </c>
      <c r="I241" s="5" t="s">
        <v>1519</v>
      </c>
      <c r="J241" s="2" t="s">
        <v>1520</v>
      </c>
      <c r="K241" s="5" t="s">
        <v>1519</v>
      </c>
      <c r="L241" s="2" t="s">
        <v>1520</v>
      </c>
      <c r="M241" s="5" t="s">
        <v>1521</v>
      </c>
      <c r="N241" s="5" t="s">
        <v>38</v>
      </c>
      <c r="O241" s="5" t="s">
        <v>39</v>
      </c>
      <c r="P241" s="5" t="s">
        <v>40</v>
      </c>
      <c r="Q241" s="5" t="s">
        <v>1522</v>
      </c>
      <c r="R241" s="5" t="s">
        <v>1523</v>
      </c>
      <c r="S241" s="5" t="s">
        <v>42</v>
      </c>
      <c r="T241" s="2">
        <v>3.1669999999999998</v>
      </c>
      <c r="U241" s="2">
        <v>2.6429999999999998</v>
      </c>
      <c r="V241" s="2">
        <v>1.7999999999999999E-2</v>
      </c>
      <c r="W241" s="2">
        <v>139.1</v>
      </c>
      <c r="X241" s="2">
        <v>7.6</v>
      </c>
      <c r="Y241" s="2">
        <v>16.7</v>
      </c>
      <c r="Z241" s="5"/>
      <c r="AA241" s="5" t="s">
        <v>43</v>
      </c>
      <c r="AB241" s="5" t="s">
        <v>44</v>
      </c>
      <c r="AC241" s="2"/>
      <c r="AD241" s="1"/>
    </row>
    <row r="242" spans="1:30">
      <c r="A242" s="5" t="s">
        <v>83578</v>
      </c>
      <c r="B242" s="2" t="s">
        <v>84299</v>
      </c>
      <c r="C242" s="14" t="s">
        <v>84300</v>
      </c>
      <c r="D242" s="2" t="s">
        <v>84301</v>
      </c>
      <c r="E242" s="2" t="s">
        <v>2204</v>
      </c>
      <c r="F242" s="8">
        <v>218</v>
      </c>
      <c r="G242" s="5">
        <v>13</v>
      </c>
      <c r="H242" s="5" t="s">
        <v>1518</v>
      </c>
      <c r="I242" s="5" t="s">
        <v>1519</v>
      </c>
      <c r="J242" s="2" t="s">
        <v>1520</v>
      </c>
      <c r="K242" s="5" t="s">
        <v>1519</v>
      </c>
      <c r="L242" s="2" t="s">
        <v>1520</v>
      </c>
      <c r="M242" s="5" t="s">
        <v>1521</v>
      </c>
      <c r="N242" s="5" t="s">
        <v>38</v>
      </c>
      <c r="O242" s="5" t="s">
        <v>39</v>
      </c>
      <c r="P242" s="5" t="s">
        <v>40</v>
      </c>
      <c r="Q242" s="5" t="s">
        <v>1522</v>
      </c>
      <c r="R242" s="5" t="s">
        <v>1523</v>
      </c>
      <c r="S242" s="5" t="s">
        <v>42</v>
      </c>
      <c r="T242" s="2">
        <v>3.1080000000000001</v>
      </c>
      <c r="U242" s="2">
        <v>2.5840000000000001</v>
      </c>
      <c r="V242" s="2">
        <v>1.7999999999999999E-2</v>
      </c>
      <c r="W242" s="2">
        <v>139.1</v>
      </c>
      <c r="X242" s="2">
        <v>7.6</v>
      </c>
      <c r="Y242" s="2">
        <v>16.7</v>
      </c>
      <c r="Z242" s="5"/>
      <c r="AA242" s="5" t="s">
        <v>43</v>
      </c>
      <c r="AB242" s="5" t="s">
        <v>44</v>
      </c>
      <c r="AC242" s="2"/>
      <c r="AD242" s="1"/>
    </row>
    <row r="243" spans="1:30">
      <c r="A243" s="5" t="s">
        <v>83578</v>
      </c>
      <c r="B243" s="2" t="s">
        <v>84302</v>
      </c>
      <c r="C243" s="14" t="s">
        <v>84303</v>
      </c>
      <c r="D243" s="2" t="s">
        <v>84304</v>
      </c>
      <c r="E243" s="2" t="s">
        <v>2724</v>
      </c>
      <c r="F243" s="8">
        <v>218</v>
      </c>
      <c r="G243" s="5">
        <v>13</v>
      </c>
      <c r="H243" s="5" t="s">
        <v>1518</v>
      </c>
      <c r="I243" s="5" t="s">
        <v>1519</v>
      </c>
      <c r="J243" s="2" t="s">
        <v>1520</v>
      </c>
      <c r="K243" s="5" t="s">
        <v>1519</v>
      </c>
      <c r="L243" s="2" t="s">
        <v>1520</v>
      </c>
      <c r="M243" s="5" t="s">
        <v>1521</v>
      </c>
      <c r="N243" s="5" t="s">
        <v>38</v>
      </c>
      <c r="O243" s="5" t="s">
        <v>39</v>
      </c>
      <c r="P243" s="5" t="s">
        <v>40</v>
      </c>
      <c r="Q243" s="5" t="s">
        <v>1522</v>
      </c>
      <c r="R243" s="5" t="s">
        <v>1523</v>
      </c>
      <c r="S243" s="5" t="s">
        <v>42</v>
      </c>
      <c r="T243" s="2">
        <v>3.1669999999999998</v>
      </c>
      <c r="U243" s="2">
        <v>2.6429999999999998</v>
      </c>
      <c r="V243" s="2">
        <v>1.7999999999999999E-2</v>
      </c>
      <c r="W243" s="2">
        <v>139.1</v>
      </c>
      <c r="X243" s="2">
        <v>7.6</v>
      </c>
      <c r="Y243" s="2">
        <v>16.7</v>
      </c>
      <c r="Z243" s="5"/>
      <c r="AA243" s="5" t="s">
        <v>43</v>
      </c>
      <c r="AB243" s="5" t="s">
        <v>44</v>
      </c>
      <c r="AC243" s="2"/>
      <c r="AD243" s="1"/>
    </row>
    <row r="244" spans="1:30">
      <c r="A244" s="5" t="s">
        <v>83578</v>
      </c>
      <c r="B244" s="2" t="s">
        <v>84305</v>
      </c>
      <c r="C244" s="14" t="s">
        <v>84306</v>
      </c>
      <c r="D244" s="2" t="s">
        <v>84307</v>
      </c>
      <c r="E244" s="2" t="s">
        <v>2208</v>
      </c>
      <c r="F244" s="8">
        <v>218</v>
      </c>
      <c r="G244" s="5">
        <v>13</v>
      </c>
      <c r="H244" s="5" t="s">
        <v>1518</v>
      </c>
      <c r="I244" s="5" t="s">
        <v>1519</v>
      </c>
      <c r="J244" s="2" t="s">
        <v>1520</v>
      </c>
      <c r="K244" s="5" t="s">
        <v>1519</v>
      </c>
      <c r="L244" s="2" t="s">
        <v>1520</v>
      </c>
      <c r="M244" s="5" t="s">
        <v>1521</v>
      </c>
      <c r="N244" s="5" t="s">
        <v>38</v>
      </c>
      <c r="O244" s="5" t="s">
        <v>39</v>
      </c>
      <c r="P244" s="5" t="s">
        <v>40</v>
      </c>
      <c r="Q244" s="5" t="s">
        <v>1522</v>
      </c>
      <c r="R244" s="5" t="s">
        <v>1523</v>
      </c>
      <c r="S244" s="5" t="s">
        <v>42</v>
      </c>
      <c r="T244" s="2">
        <v>3.1080000000000001</v>
      </c>
      <c r="U244" s="2">
        <v>2.5840000000000001</v>
      </c>
      <c r="V244" s="2">
        <v>1.7999999999999999E-2</v>
      </c>
      <c r="W244" s="2">
        <v>139.1</v>
      </c>
      <c r="X244" s="2">
        <v>7.6</v>
      </c>
      <c r="Y244" s="2">
        <v>16.7</v>
      </c>
      <c r="Z244" s="5"/>
      <c r="AA244" s="5" t="s">
        <v>43</v>
      </c>
      <c r="AB244" s="5" t="s">
        <v>44</v>
      </c>
      <c r="AC244" s="2"/>
      <c r="AD244" s="1"/>
    </row>
    <row r="245" spans="1:30">
      <c r="A245" s="5" t="s">
        <v>83578</v>
      </c>
      <c r="B245" s="2" t="s">
        <v>84308</v>
      </c>
      <c r="C245" s="14" t="s">
        <v>84309</v>
      </c>
      <c r="D245" s="2" t="s">
        <v>84310</v>
      </c>
      <c r="E245" s="2" t="s">
        <v>1855</v>
      </c>
      <c r="F245" s="8">
        <v>218</v>
      </c>
      <c r="G245" s="5">
        <v>13</v>
      </c>
      <c r="H245" s="5" t="s">
        <v>1518</v>
      </c>
      <c r="I245" s="5" t="s">
        <v>1519</v>
      </c>
      <c r="J245" s="2" t="s">
        <v>1520</v>
      </c>
      <c r="K245" s="5" t="s">
        <v>1519</v>
      </c>
      <c r="L245" s="2" t="s">
        <v>1520</v>
      </c>
      <c r="M245" s="5" t="s">
        <v>1521</v>
      </c>
      <c r="N245" s="5" t="s">
        <v>38</v>
      </c>
      <c r="O245" s="5" t="s">
        <v>39</v>
      </c>
      <c r="P245" s="5" t="s">
        <v>40</v>
      </c>
      <c r="Q245" s="5" t="s">
        <v>1522</v>
      </c>
      <c r="R245" s="5" t="s">
        <v>1523</v>
      </c>
      <c r="S245" s="5" t="s">
        <v>42</v>
      </c>
      <c r="T245" s="2">
        <v>3.1080000000000001</v>
      </c>
      <c r="U245" s="2">
        <v>2.5840000000000001</v>
      </c>
      <c r="V245" s="2">
        <v>1.7999999999999999E-2</v>
      </c>
      <c r="W245" s="2">
        <v>139.1</v>
      </c>
      <c r="X245" s="2">
        <v>7.6</v>
      </c>
      <c r="Y245" s="2">
        <v>16.7</v>
      </c>
      <c r="Z245" s="5"/>
      <c r="AA245" s="5" t="s">
        <v>43</v>
      </c>
      <c r="AB245" s="5" t="s">
        <v>44</v>
      </c>
      <c r="AC245" s="2"/>
      <c r="AD245" s="1"/>
    </row>
    <row r="246" spans="1:30">
      <c r="A246" s="5" t="s">
        <v>83578</v>
      </c>
      <c r="B246" s="2" t="s">
        <v>84311</v>
      </c>
      <c r="C246" s="14" t="s">
        <v>84312</v>
      </c>
      <c r="D246" s="2" t="s">
        <v>84313</v>
      </c>
      <c r="E246" s="2" t="s">
        <v>1973</v>
      </c>
      <c r="F246" s="8">
        <v>237</v>
      </c>
      <c r="G246" s="5">
        <v>13</v>
      </c>
      <c r="H246" s="5" t="s">
        <v>1518</v>
      </c>
      <c r="I246" s="5" t="s">
        <v>1519</v>
      </c>
      <c r="J246" s="2" t="s">
        <v>1520</v>
      </c>
      <c r="K246" s="5" t="s">
        <v>1519</v>
      </c>
      <c r="L246" s="2" t="s">
        <v>1520</v>
      </c>
      <c r="M246" s="5" t="s">
        <v>1521</v>
      </c>
      <c r="N246" s="5" t="s">
        <v>38</v>
      </c>
      <c r="O246" s="5" t="s">
        <v>39</v>
      </c>
      <c r="P246" s="5" t="s">
        <v>40</v>
      </c>
      <c r="Q246" s="5" t="s">
        <v>1522</v>
      </c>
      <c r="R246" s="5" t="s">
        <v>1523</v>
      </c>
      <c r="S246" s="5" t="s">
        <v>42</v>
      </c>
      <c r="T246" s="2">
        <v>3.4550000000000001</v>
      </c>
      <c r="U246" s="2">
        <v>2.95</v>
      </c>
      <c r="V246" s="2">
        <v>1.7999999999999999E-2</v>
      </c>
      <c r="W246" s="2">
        <v>139.1</v>
      </c>
      <c r="X246" s="2">
        <v>7.6</v>
      </c>
      <c r="Y246" s="2">
        <v>16.7</v>
      </c>
      <c r="Z246" s="5"/>
      <c r="AA246" s="5" t="s">
        <v>43</v>
      </c>
      <c r="AB246" s="5" t="s">
        <v>44</v>
      </c>
      <c r="AC246" s="2"/>
      <c r="AD246" s="1"/>
    </row>
    <row r="247" spans="1:30">
      <c r="A247" s="5" t="s">
        <v>83578</v>
      </c>
      <c r="B247" s="2" t="s">
        <v>84314</v>
      </c>
      <c r="C247" s="14" t="s">
        <v>84315</v>
      </c>
      <c r="D247" s="2" t="s">
        <v>84316</v>
      </c>
      <c r="E247" s="2" t="s">
        <v>2204</v>
      </c>
      <c r="F247" s="8">
        <v>237</v>
      </c>
      <c r="G247" s="5">
        <v>13</v>
      </c>
      <c r="H247" s="5" t="s">
        <v>1518</v>
      </c>
      <c r="I247" s="5" t="s">
        <v>1519</v>
      </c>
      <c r="J247" s="2" t="s">
        <v>1520</v>
      </c>
      <c r="K247" s="5" t="s">
        <v>1519</v>
      </c>
      <c r="L247" s="2" t="s">
        <v>1520</v>
      </c>
      <c r="M247" s="5" t="s">
        <v>1521</v>
      </c>
      <c r="N247" s="5" t="s">
        <v>38</v>
      </c>
      <c r="O247" s="5" t="s">
        <v>39</v>
      </c>
      <c r="P247" s="5" t="s">
        <v>40</v>
      </c>
      <c r="Q247" s="5" t="s">
        <v>1522</v>
      </c>
      <c r="R247" s="5" t="s">
        <v>1523</v>
      </c>
      <c r="S247" s="5" t="s">
        <v>42</v>
      </c>
      <c r="T247" s="2">
        <v>3.4550000000000001</v>
      </c>
      <c r="U247" s="2">
        <v>2.95</v>
      </c>
      <c r="V247" s="2">
        <v>1.7999999999999999E-2</v>
      </c>
      <c r="W247" s="2">
        <v>139.1</v>
      </c>
      <c r="X247" s="2">
        <v>7.6</v>
      </c>
      <c r="Y247" s="2">
        <v>16.7</v>
      </c>
      <c r="Z247" s="5"/>
      <c r="AA247" s="5" t="s">
        <v>43</v>
      </c>
      <c r="AB247" s="5" t="s">
        <v>44</v>
      </c>
      <c r="AC247" s="2"/>
      <c r="AD247" s="1"/>
    </row>
    <row r="248" spans="1:30">
      <c r="A248" s="5" t="s">
        <v>83578</v>
      </c>
      <c r="B248" s="2" t="s">
        <v>84317</v>
      </c>
      <c r="C248" s="14" t="s">
        <v>84318</v>
      </c>
      <c r="D248" s="2" t="s">
        <v>84319</v>
      </c>
      <c r="E248" s="2" t="s">
        <v>2724</v>
      </c>
      <c r="F248" s="8">
        <v>237</v>
      </c>
      <c r="G248" s="5">
        <v>13</v>
      </c>
      <c r="H248" s="5" t="s">
        <v>1518</v>
      </c>
      <c r="I248" s="5" t="s">
        <v>1519</v>
      </c>
      <c r="J248" s="2" t="s">
        <v>1520</v>
      </c>
      <c r="K248" s="5" t="s">
        <v>1519</v>
      </c>
      <c r="L248" s="2" t="s">
        <v>1520</v>
      </c>
      <c r="M248" s="5" t="s">
        <v>1521</v>
      </c>
      <c r="N248" s="5" t="s">
        <v>38</v>
      </c>
      <c r="O248" s="5" t="s">
        <v>39</v>
      </c>
      <c r="P248" s="5" t="s">
        <v>40</v>
      </c>
      <c r="Q248" s="5" t="s">
        <v>1522</v>
      </c>
      <c r="R248" s="5" t="s">
        <v>1523</v>
      </c>
      <c r="S248" s="5" t="s">
        <v>42</v>
      </c>
      <c r="T248" s="2">
        <v>3.5230000000000001</v>
      </c>
      <c r="U248" s="2">
        <v>3.0179999999999998</v>
      </c>
      <c r="V248" s="2">
        <v>1.7999999999999999E-2</v>
      </c>
      <c r="W248" s="2">
        <v>139.1</v>
      </c>
      <c r="X248" s="2">
        <v>7.6</v>
      </c>
      <c r="Y248" s="2">
        <v>16.7</v>
      </c>
      <c r="Z248" s="5"/>
      <c r="AA248" s="5" t="s">
        <v>43</v>
      </c>
      <c r="AB248" s="5" t="s">
        <v>44</v>
      </c>
      <c r="AC248" s="2"/>
      <c r="AD248" s="1"/>
    </row>
    <row r="249" spans="1:30">
      <c r="A249" s="5" t="s">
        <v>83578</v>
      </c>
      <c r="B249" s="2" t="s">
        <v>84320</v>
      </c>
      <c r="C249" s="14" t="s">
        <v>84321</v>
      </c>
      <c r="D249" s="2" t="s">
        <v>84322</v>
      </c>
      <c r="E249" s="2" t="s">
        <v>1747</v>
      </c>
      <c r="F249" s="8">
        <v>262</v>
      </c>
      <c r="G249" s="5">
        <v>6</v>
      </c>
      <c r="H249" s="5" t="s">
        <v>1518</v>
      </c>
      <c r="I249" s="5" t="s">
        <v>1519</v>
      </c>
      <c r="J249" s="2" t="s">
        <v>1520</v>
      </c>
      <c r="K249" s="5" t="s">
        <v>1519</v>
      </c>
      <c r="L249" s="2" t="s">
        <v>1520</v>
      </c>
      <c r="M249" s="5" t="s">
        <v>1521</v>
      </c>
      <c r="N249" s="5" t="s">
        <v>38</v>
      </c>
      <c r="O249" s="5" t="s">
        <v>39</v>
      </c>
      <c r="P249" s="5" t="s">
        <v>40</v>
      </c>
      <c r="Q249" s="5" t="s">
        <v>1522</v>
      </c>
      <c r="R249" s="5" t="s">
        <v>1523</v>
      </c>
      <c r="S249" s="5" t="s">
        <v>42</v>
      </c>
      <c r="T249" s="2">
        <v>3.6970000000000001</v>
      </c>
      <c r="U249" s="2">
        <v>3.109</v>
      </c>
      <c r="V249" s="2">
        <v>0.02</v>
      </c>
      <c r="W249" s="2">
        <v>159.1</v>
      </c>
      <c r="X249" s="2">
        <v>7.6</v>
      </c>
      <c r="Y249" s="2">
        <v>16.7</v>
      </c>
      <c r="Z249" s="5"/>
      <c r="AA249" s="5" t="s">
        <v>43</v>
      </c>
      <c r="AB249" s="5" t="s">
        <v>44</v>
      </c>
      <c r="AC249" s="2"/>
      <c r="AD249" s="1"/>
    </row>
    <row r="250" spans="1:30">
      <c r="A250" s="5" t="s">
        <v>83578</v>
      </c>
      <c r="B250" s="2" t="s">
        <v>84323</v>
      </c>
      <c r="C250" s="14" t="s">
        <v>84324</v>
      </c>
      <c r="D250" s="2" t="s">
        <v>84325</v>
      </c>
      <c r="E250" s="2" t="s">
        <v>1755</v>
      </c>
      <c r="F250" s="8">
        <v>262</v>
      </c>
      <c r="G250" s="5">
        <v>6</v>
      </c>
      <c r="H250" s="5" t="s">
        <v>1518</v>
      </c>
      <c r="I250" s="5" t="s">
        <v>1519</v>
      </c>
      <c r="J250" s="2" t="s">
        <v>1520</v>
      </c>
      <c r="K250" s="5" t="s">
        <v>1519</v>
      </c>
      <c r="L250" s="2" t="s">
        <v>1520</v>
      </c>
      <c r="M250" s="5" t="s">
        <v>1521</v>
      </c>
      <c r="N250" s="5" t="s">
        <v>38</v>
      </c>
      <c r="O250" s="5" t="s">
        <v>39</v>
      </c>
      <c r="P250" s="5" t="s">
        <v>40</v>
      </c>
      <c r="Q250" s="5" t="s">
        <v>1522</v>
      </c>
      <c r="R250" s="5" t="s">
        <v>1523</v>
      </c>
      <c r="S250" s="5" t="s">
        <v>42</v>
      </c>
      <c r="T250" s="2">
        <v>3.6970000000000001</v>
      </c>
      <c r="U250" s="2">
        <v>3.109</v>
      </c>
      <c r="V250" s="2">
        <v>0.02</v>
      </c>
      <c r="W250" s="2">
        <v>159.1</v>
      </c>
      <c r="X250" s="2">
        <v>7.6</v>
      </c>
      <c r="Y250" s="2">
        <v>16.7</v>
      </c>
      <c r="Z250" s="5"/>
      <c r="AA250" s="5" t="s">
        <v>43</v>
      </c>
      <c r="AB250" s="5" t="s">
        <v>44</v>
      </c>
      <c r="AC250" s="2"/>
      <c r="AD250" s="1"/>
    </row>
    <row r="251" spans="1:30">
      <c r="A251" s="5" t="s">
        <v>83578</v>
      </c>
      <c r="B251" s="2" t="s">
        <v>84326</v>
      </c>
      <c r="C251" s="14" t="s">
        <v>84327</v>
      </c>
      <c r="D251" s="2" t="s">
        <v>84328</v>
      </c>
      <c r="E251" s="2" t="s">
        <v>1759</v>
      </c>
      <c r="F251" s="8">
        <v>262</v>
      </c>
      <c r="G251" s="5">
        <v>6</v>
      </c>
      <c r="H251" s="5" t="s">
        <v>1518</v>
      </c>
      <c r="I251" s="5" t="s">
        <v>1519</v>
      </c>
      <c r="J251" s="2" t="s">
        <v>1520</v>
      </c>
      <c r="K251" s="5" t="s">
        <v>1519</v>
      </c>
      <c r="L251" s="2" t="s">
        <v>1520</v>
      </c>
      <c r="M251" s="5" t="s">
        <v>1521</v>
      </c>
      <c r="N251" s="5" t="s">
        <v>38</v>
      </c>
      <c r="O251" s="5" t="s">
        <v>39</v>
      </c>
      <c r="P251" s="5" t="s">
        <v>40</v>
      </c>
      <c r="Q251" s="5" t="s">
        <v>1522</v>
      </c>
      <c r="R251" s="5" t="s">
        <v>1523</v>
      </c>
      <c r="S251" s="5" t="s">
        <v>42</v>
      </c>
      <c r="T251" s="2">
        <v>3.677</v>
      </c>
      <c r="U251" s="2">
        <v>3.089</v>
      </c>
      <c r="V251" s="2">
        <v>0.02</v>
      </c>
      <c r="W251" s="2">
        <v>159.1</v>
      </c>
      <c r="X251" s="2">
        <v>7.6</v>
      </c>
      <c r="Y251" s="2">
        <v>16.7</v>
      </c>
      <c r="Z251" s="5"/>
      <c r="AA251" s="5" t="s">
        <v>43</v>
      </c>
      <c r="AB251" s="5" t="s">
        <v>44</v>
      </c>
      <c r="AC251" s="2"/>
      <c r="AD251" s="1"/>
    </row>
    <row r="252" spans="1:30">
      <c r="A252" s="5" t="s">
        <v>83578</v>
      </c>
      <c r="B252" s="2" t="s">
        <v>84329</v>
      </c>
      <c r="C252" s="14" t="s">
        <v>84330</v>
      </c>
      <c r="D252" s="2" t="s">
        <v>84331</v>
      </c>
      <c r="E252" s="2" t="s">
        <v>1767</v>
      </c>
      <c r="F252" s="8">
        <v>262</v>
      </c>
      <c r="G252" s="5">
        <v>6</v>
      </c>
      <c r="H252" s="5" t="s">
        <v>1518</v>
      </c>
      <c r="I252" s="5" t="s">
        <v>1519</v>
      </c>
      <c r="J252" s="2" t="s">
        <v>1520</v>
      </c>
      <c r="K252" s="5" t="s">
        <v>1519</v>
      </c>
      <c r="L252" s="2" t="s">
        <v>1520</v>
      </c>
      <c r="M252" s="5" t="s">
        <v>1521</v>
      </c>
      <c r="N252" s="5" t="s">
        <v>38</v>
      </c>
      <c r="O252" s="5" t="s">
        <v>39</v>
      </c>
      <c r="P252" s="5" t="s">
        <v>40</v>
      </c>
      <c r="Q252" s="5" t="s">
        <v>1522</v>
      </c>
      <c r="R252" s="5" t="s">
        <v>1523</v>
      </c>
      <c r="S252" s="5" t="s">
        <v>42</v>
      </c>
      <c r="T252" s="2">
        <v>3.677</v>
      </c>
      <c r="U252" s="2">
        <v>3.089</v>
      </c>
      <c r="V252" s="2">
        <v>0.02</v>
      </c>
      <c r="W252" s="2">
        <v>159.1</v>
      </c>
      <c r="X252" s="2">
        <v>7.6</v>
      </c>
      <c r="Y252" s="2">
        <v>16.7</v>
      </c>
      <c r="Z252" s="5"/>
      <c r="AA252" s="5" t="s">
        <v>43</v>
      </c>
      <c r="AB252" s="5" t="s">
        <v>44</v>
      </c>
      <c r="AC252" s="2"/>
      <c r="AD252" s="1"/>
    </row>
    <row r="253" spans="1:30">
      <c r="A253" s="5" t="s">
        <v>83578</v>
      </c>
      <c r="B253" s="2" t="s">
        <v>84332</v>
      </c>
      <c r="C253" s="14" t="s">
        <v>84333</v>
      </c>
      <c r="D253" s="2" t="s">
        <v>84334</v>
      </c>
      <c r="E253" s="2" t="s">
        <v>1783</v>
      </c>
      <c r="F253" s="8">
        <v>262</v>
      </c>
      <c r="G253" s="5">
        <v>6</v>
      </c>
      <c r="H253" s="5" t="s">
        <v>1518</v>
      </c>
      <c r="I253" s="5" t="s">
        <v>1519</v>
      </c>
      <c r="J253" s="2" t="s">
        <v>1520</v>
      </c>
      <c r="K253" s="5" t="s">
        <v>1519</v>
      </c>
      <c r="L253" s="2" t="s">
        <v>1520</v>
      </c>
      <c r="M253" s="5" t="s">
        <v>1521</v>
      </c>
      <c r="N253" s="5" t="s">
        <v>38</v>
      </c>
      <c r="O253" s="5" t="s">
        <v>39</v>
      </c>
      <c r="P253" s="5" t="s">
        <v>40</v>
      </c>
      <c r="Q253" s="5" t="s">
        <v>1522</v>
      </c>
      <c r="R253" s="5" t="s">
        <v>1523</v>
      </c>
      <c r="S253" s="5" t="s">
        <v>42</v>
      </c>
      <c r="T253" s="2">
        <v>3.625</v>
      </c>
      <c r="U253" s="2">
        <v>3.0369999999999999</v>
      </c>
      <c r="V253" s="2">
        <v>0.02</v>
      </c>
      <c r="W253" s="2">
        <v>159.1</v>
      </c>
      <c r="X253" s="2">
        <v>7.6</v>
      </c>
      <c r="Y253" s="2">
        <v>16.7</v>
      </c>
      <c r="Z253" s="5"/>
      <c r="AA253" s="5" t="s">
        <v>43</v>
      </c>
      <c r="AB253" s="5" t="s">
        <v>44</v>
      </c>
      <c r="AC253" s="2"/>
      <c r="AD253" s="1"/>
    </row>
    <row r="254" spans="1:30">
      <c r="A254" s="5" t="s">
        <v>83578</v>
      </c>
      <c r="B254" s="2" t="s">
        <v>84335</v>
      </c>
      <c r="C254" s="14" t="s">
        <v>84336</v>
      </c>
      <c r="D254" s="2" t="s">
        <v>84337</v>
      </c>
      <c r="E254" s="2" t="s">
        <v>1803</v>
      </c>
      <c r="F254" s="8">
        <v>262</v>
      </c>
      <c r="G254" s="5">
        <v>6</v>
      </c>
      <c r="H254" s="5" t="s">
        <v>1518</v>
      </c>
      <c r="I254" s="5" t="s">
        <v>1519</v>
      </c>
      <c r="J254" s="2" t="s">
        <v>1520</v>
      </c>
      <c r="K254" s="5" t="s">
        <v>1519</v>
      </c>
      <c r="L254" s="2" t="s">
        <v>1520</v>
      </c>
      <c r="M254" s="5" t="s">
        <v>1521</v>
      </c>
      <c r="N254" s="5" t="s">
        <v>38</v>
      </c>
      <c r="O254" s="5" t="s">
        <v>39</v>
      </c>
      <c r="P254" s="5" t="s">
        <v>40</v>
      </c>
      <c r="Q254" s="5" t="s">
        <v>1522</v>
      </c>
      <c r="R254" s="5" t="s">
        <v>1523</v>
      </c>
      <c r="S254" s="5" t="s">
        <v>42</v>
      </c>
      <c r="T254" s="2">
        <v>3.7490000000000001</v>
      </c>
      <c r="U254" s="2">
        <v>3.161</v>
      </c>
      <c r="V254" s="2">
        <v>0.02</v>
      </c>
      <c r="W254" s="2">
        <v>159.1</v>
      </c>
      <c r="X254" s="2">
        <v>7.6</v>
      </c>
      <c r="Y254" s="2">
        <v>16.7</v>
      </c>
      <c r="Z254" s="5"/>
      <c r="AA254" s="5" t="s">
        <v>43</v>
      </c>
      <c r="AB254" s="5" t="s">
        <v>44</v>
      </c>
      <c r="AC254" s="2"/>
      <c r="AD254" s="1"/>
    </row>
    <row r="255" spans="1:30">
      <c r="A255" s="5" t="s">
        <v>83578</v>
      </c>
      <c r="B255" s="2" t="s">
        <v>84338</v>
      </c>
      <c r="C255" s="14" t="s">
        <v>84339</v>
      </c>
      <c r="D255" s="2" t="s">
        <v>84340</v>
      </c>
      <c r="E255" s="2" t="s">
        <v>1973</v>
      </c>
      <c r="F255" s="8">
        <v>262</v>
      </c>
      <c r="G255" s="5">
        <v>18</v>
      </c>
      <c r="H255" s="5" t="s">
        <v>1518</v>
      </c>
      <c r="I255" s="5" t="s">
        <v>1519</v>
      </c>
      <c r="J255" s="2" t="s">
        <v>1520</v>
      </c>
      <c r="K255" s="5" t="s">
        <v>1519</v>
      </c>
      <c r="L255" s="2" t="s">
        <v>1520</v>
      </c>
      <c r="M255" s="5" t="s">
        <v>1521</v>
      </c>
      <c r="N255" s="5" t="s">
        <v>38</v>
      </c>
      <c r="O255" s="5" t="s">
        <v>39</v>
      </c>
      <c r="P255" s="5" t="s">
        <v>40</v>
      </c>
      <c r="Q255" s="5" t="s">
        <v>1522</v>
      </c>
      <c r="R255" s="5" t="s">
        <v>1523</v>
      </c>
      <c r="S255" s="5" t="s">
        <v>42</v>
      </c>
      <c r="T255" s="2">
        <v>3.7189999999999999</v>
      </c>
      <c r="U255" s="2">
        <v>3.1309999999999998</v>
      </c>
      <c r="V255" s="2">
        <v>0.02</v>
      </c>
      <c r="W255" s="2">
        <v>159.1</v>
      </c>
      <c r="X255" s="2">
        <v>7.6</v>
      </c>
      <c r="Y255" s="2">
        <v>16.7</v>
      </c>
      <c r="Z255" s="5"/>
      <c r="AA255" s="5" t="s">
        <v>43</v>
      </c>
      <c r="AB255" s="5" t="s">
        <v>44</v>
      </c>
      <c r="AC255" s="2"/>
      <c r="AD255" s="1"/>
    </row>
    <row r="256" spans="1:30">
      <c r="A256" s="5" t="s">
        <v>83578</v>
      </c>
      <c r="B256" s="2" t="s">
        <v>84341</v>
      </c>
      <c r="C256" s="14" t="s">
        <v>84342</v>
      </c>
      <c r="D256" s="2" t="s">
        <v>84343</v>
      </c>
      <c r="E256" s="2" t="s">
        <v>2348</v>
      </c>
      <c r="F256" s="8">
        <v>262</v>
      </c>
      <c r="G256" s="5">
        <v>18</v>
      </c>
      <c r="H256" s="5" t="s">
        <v>1518</v>
      </c>
      <c r="I256" s="5" t="s">
        <v>1519</v>
      </c>
      <c r="J256" s="2" t="s">
        <v>1520</v>
      </c>
      <c r="K256" s="5" t="s">
        <v>1519</v>
      </c>
      <c r="L256" s="2" t="s">
        <v>1520</v>
      </c>
      <c r="M256" s="5" t="s">
        <v>1521</v>
      </c>
      <c r="N256" s="5" t="s">
        <v>38</v>
      </c>
      <c r="O256" s="5" t="s">
        <v>39</v>
      </c>
      <c r="P256" s="5" t="s">
        <v>40</v>
      </c>
      <c r="Q256" s="5" t="s">
        <v>1522</v>
      </c>
      <c r="R256" s="5" t="s">
        <v>1523</v>
      </c>
      <c r="S256" s="5" t="s">
        <v>42</v>
      </c>
      <c r="T256" s="2">
        <v>3.7909999999999999</v>
      </c>
      <c r="U256" s="2">
        <v>3.2029999999999998</v>
      </c>
      <c r="V256" s="2">
        <v>0.02</v>
      </c>
      <c r="W256" s="2">
        <v>159.1</v>
      </c>
      <c r="X256" s="2">
        <v>7.6</v>
      </c>
      <c r="Y256" s="2">
        <v>16.7</v>
      </c>
      <c r="Z256" s="5"/>
      <c r="AA256" s="5" t="s">
        <v>43</v>
      </c>
      <c r="AB256" s="5" t="s">
        <v>44</v>
      </c>
      <c r="AC256" s="2"/>
      <c r="AD256" s="1"/>
    </row>
    <row r="257" spans="1:30">
      <c r="A257" s="5" t="s">
        <v>83578</v>
      </c>
      <c r="B257" s="2" t="s">
        <v>84344</v>
      </c>
      <c r="C257" s="14" t="s">
        <v>84345</v>
      </c>
      <c r="D257" s="2" t="s">
        <v>84346</v>
      </c>
      <c r="E257" s="2" t="s">
        <v>2204</v>
      </c>
      <c r="F257" s="8">
        <v>262</v>
      </c>
      <c r="G257" s="5">
        <v>18</v>
      </c>
      <c r="H257" s="5" t="s">
        <v>1518</v>
      </c>
      <c r="I257" s="5" t="s">
        <v>1519</v>
      </c>
      <c r="J257" s="2" t="s">
        <v>1520</v>
      </c>
      <c r="K257" s="5" t="s">
        <v>1519</v>
      </c>
      <c r="L257" s="2" t="s">
        <v>1520</v>
      </c>
      <c r="M257" s="5" t="s">
        <v>1521</v>
      </c>
      <c r="N257" s="5" t="s">
        <v>38</v>
      </c>
      <c r="O257" s="5" t="s">
        <v>39</v>
      </c>
      <c r="P257" s="5" t="s">
        <v>40</v>
      </c>
      <c r="Q257" s="5" t="s">
        <v>1522</v>
      </c>
      <c r="R257" s="5" t="s">
        <v>1523</v>
      </c>
      <c r="S257" s="5" t="s">
        <v>42</v>
      </c>
      <c r="T257" s="2">
        <v>3.7189999999999999</v>
      </c>
      <c r="U257" s="2">
        <v>3.1309999999999998</v>
      </c>
      <c r="V257" s="2">
        <v>0.02</v>
      </c>
      <c r="W257" s="2">
        <v>159.1</v>
      </c>
      <c r="X257" s="2">
        <v>7.6</v>
      </c>
      <c r="Y257" s="2">
        <v>16.7</v>
      </c>
      <c r="Z257" s="5"/>
      <c r="AA257" s="5" t="s">
        <v>43</v>
      </c>
      <c r="AB257" s="5" t="s">
        <v>44</v>
      </c>
      <c r="AC257" s="2"/>
      <c r="AD257" s="1"/>
    </row>
    <row r="258" spans="1:30">
      <c r="A258" s="5" t="s">
        <v>83578</v>
      </c>
      <c r="B258" s="2" t="s">
        <v>84347</v>
      </c>
      <c r="C258" s="14" t="s">
        <v>84348</v>
      </c>
      <c r="D258" s="2" t="s">
        <v>84349</v>
      </c>
      <c r="E258" s="2" t="s">
        <v>2724</v>
      </c>
      <c r="F258" s="8">
        <v>262</v>
      </c>
      <c r="G258" s="5">
        <v>18</v>
      </c>
      <c r="H258" s="5" t="s">
        <v>1518</v>
      </c>
      <c r="I258" s="5" t="s">
        <v>1519</v>
      </c>
      <c r="J258" s="2" t="s">
        <v>1520</v>
      </c>
      <c r="K258" s="5" t="s">
        <v>1519</v>
      </c>
      <c r="L258" s="2" t="s">
        <v>1520</v>
      </c>
      <c r="M258" s="5" t="s">
        <v>1521</v>
      </c>
      <c r="N258" s="5" t="s">
        <v>38</v>
      </c>
      <c r="O258" s="5" t="s">
        <v>39</v>
      </c>
      <c r="P258" s="5" t="s">
        <v>40</v>
      </c>
      <c r="Q258" s="5" t="s">
        <v>1522</v>
      </c>
      <c r="R258" s="5" t="s">
        <v>1523</v>
      </c>
      <c r="S258" s="5" t="s">
        <v>42</v>
      </c>
      <c r="T258" s="2">
        <v>3.7909999999999999</v>
      </c>
      <c r="U258" s="2">
        <v>3.2029999999999998</v>
      </c>
      <c r="V258" s="2">
        <v>0.02</v>
      </c>
      <c r="W258" s="2">
        <v>159.1</v>
      </c>
      <c r="X258" s="2">
        <v>7.6</v>
      </c>
      <c r="Y258" s="2">
        <v>16.7</v>
      </c>
      <c r="Z258" s="5"/>
      <c r="AA258" s="5" t="s">
        <v>43</v>
      </c>
      <c r="AB258" s="5" t="s">
        <v>44</v>
      </c>
      <c r="AC258" s="2"/>
      <c r="AD258" s="1"/>
    </row>
    <row r="259" spans="1:30">
      <c r="A259" s="5" t="s">
        <v>83578</v>
      </c>
      <c r="B259" s="2" t="s">
        <v>84350</v>
      </c>
      <c r="C259" s="14" t="s">
        <v>84351</v>
      </c>
      <c r="D259" s="2" t="s">
        <v>84352</v>
      </c>
      <c r="E259" s="2" t="s">
        <v>1831</v>
      </c>
      <c r="F259" s="8">
        <v>262</v>
      </c>
      <c r="G259" s="5">
        <v>18</v>
      </c>
      <c r="H259" s="5" t="s">
        <v>1518</v>
      </c>
      <c r="I259" s="5" t="s">
        <v>1519</v>
      </c>
      <c r="J259" s="2" t="s">
        <v>1520</v>
      </c>
      <c r="K259" s="5" t="s">
        <v>1519</v>
      </c>
      <c r="L259" s="2" t="s">
        <v>1520</v>
      </c>
      <c r="M259" s="5" t="s">
        <v>1521</v>
      </c>
      <c r="N259" s="5" t="s">
        <v>38</v>
      </c>
      <c r="O259" s="5" t="s">
        <v>39</v>
      </c>
      <c r="P259" s="5" t="s">
        <v>40</v>
      </c>
      <c r="Q259" s="5" t="s">
        <v>1522</v>
      </c>
      <c r="R259" s="5" t="s">
        <v>1523</v>
      </c>
      <c r="S259" s="5" t="s">
        <v>42</v>
      </c>
      <c r="T259" s="2">
        <v>3.7189999999999999</v>
      </c>
      <c r="U259" s="2">
        <v>3.1309999999999998</v>
      </c>
      <c r="V259" s="2">
        <v>0.02</v>
      </c>
      <c r="W259" s="2">
        <v>159.1</v>
      </c>
      <c r="X259" s="2">
        <v>7.6</v>
      </c>
      <c r="Y259" s="2">
        <v>16.7</v>
      </c>
      <c r="Z259" s="5"/>
      <c r="AA259" s="5" t="s">
        <v>43</v>
      </c>
      <c r="AB259" s="5" t="s">
        <v>44</v>
      </c>
      <c r="AC259" s="2"/>
      <c r="AD259" s="1"/>
    </row>
    <row r="260" spans="1:30">
      <c r="A260" s="5" t="s">
        <v>83578</v>
      </c>
      <c r="B260" s="2" t="s">
        <v>84353</v>
      </c>
      <c r="C260" s="14" t="s">
        <v>84354</v>
      </c>
      <c r="D260" s="2" t="s">
        <v>84355</v>
      </c>
      <c r="E260" s="2" t="s">
        <v>1839</v>
      </c>
      <c r="F260" s="8">
        <v>262</v>
      </c>
      <c r="G260" s="5">
        <v>18</v>
      </c>
      <c r="H260" s="5" t="s">
        <v>1518</v>
      </c>
      <c r="I260" s="5" t="s">
        <v>1519</v>
      </c>
      <c r="J260" s="2" t="s">
        <v>1520</v>
      </c>
      <c r="K260" s="5" t="s">
        <v>1519</v>
      </c>
      <c r="L260" s="2" t="s">
        <v>1520</v>
      </c>
      <c r="M260" s="5" t="s">
        <v>1521</v>
      </c>
      <c r="N260" s="5" t="s">
        <v>38</v>
      </c>
      <c r="O260" s="5" t="s">
        <v>39</v>
      </c>
      <c r="P260" s="5" t="s">
        <v>40</v>
      </c>
      <c r="Q260" s="5" t="s">
        <v>1522</v>
      </c>
      <c r="R260" s="5" t="s">
        <v>1523</v>
      </c>
      <c r="S260" s="5" t="s">
        <v>42</v>
      </c>
      <c r="T260" s="2">
        <v>3.7189999999999999</v>
      </c>
      <c r="U260" s="2">
        <v>3.1309999999999998</v>
      </c>
      <c r="V260" s="2">
        <v>0.02</v>
      </c>
      <c r="W260" s="2">
        <v>159.1</v>
      </c>
      <c r="X260" s="2">
        <v>7.6</v>
      </c>
      <c r="Y260" s="2">
        <v>16.7</v>
      </c>
      <c r="Z260" s="5"/>
      <c r="AA260" s="5" t="s">
        <v>43</v>
      </c>
      <c r="AB260" s="5" t="s">
        <v>44</v>
      </c>
      <c r="AC260" s="2"/>
      <c r="AD260" s="1"/>
    </row>
    <row r="261" spans="1:30">
      <c r="A261" s="5" t="s">
        <v>83578</v>
      </c>
      <c r="B261" s="2" t="s">
        <v>84356</v>
      </c>
      <c r="C261" s="14" t="s">
        <v>84357</v>
      </c>
      <c r="D261" s="2" t="s">
        <v>84358</v>
      </c>
      <c r="E261" s="2" t="s">
        <v>1986</v>
      </c>
      <c r="F261" s="8">
        <v>262</v>
      </c>
      <c r="G261" s="5">
        <v>18</v>
      </c>
      <c r="H261" s="5" t="s">
        <v>1518</v>
      </c>
      <c r="I261" s="5" t="s">
        <v>1519</v>
      </c>
      <c r="J261" s="2" t="s">
        <v>1520</v>
      </c>
      <c r="K261" s="5" t="s">
        <v>1519</v>
      </c>
      <c r="L261" s="2" t="s">
        <v>1520</v>
      </c>
      <c r="M261" s="5" t="s">
        <v>1521</v>
      </c>
      <c r="N261" s="5" t="s">
        <v>38</v>
      </c>
      <c r="O261" s="5" t="s">
        <v>39</v>
      </c>
      <c r="P261" s="5" t="s">
        <v>40</v>
      </c>
      <c r="Q261" s="5" t="s">
        <v>1522</v>
      </c>
      <c r="R261" s="5" t="s">
        <v>1523</v>
      </c>
      <c r="S261" s="5" t="s">
        <v>42</v>
      </c>
      <c r="T261" s="2">
        <v>3.7909999999999999</v>
      </c>
      <c r="U261" s="2">
        <v>3.2029999999999998</v>
      </c>
      <c r="V261" s="2">
        <v>0.02</v>
      </c>
      <c r="W261" s="2">
        <v>159.1</v>
      </c>
      <c r="X261" s="2">
        <v>7.6</v>
      </c>
      <c r="Y261" s="2">
        <v>16.7</v>
      </c>
      <c r="Z261" s="5"/>
      <c r="AA261" s="5" t="s">
        <v>43</v>
      </c>
      <c r="AB261" s="5" t="s">
        <v>44</v>
      </c>
      <c r="AC261" s="2"/>
      <c r="AD261" s="1"/>
    </row>
    <row r="262" spans="1:30">
      <c r="A262" s="5" t="s">
        <v>83578</v>
      </c>
      <c r="B262" s="2" t="s">
        <v>84359</v>
      </c>
      <c r="C262" s="14" t="s">
        <v>84360</v>
      </c>
      <c r="D262" s="2" t="s">
        <v>84361</v>
      </c>
      <c r="E262" s="2" t="s">
        <v>1843</v>
      </c>
      <c r="F262" s="8">
        <v>262</v>
      </c>
      <c r="G262" s="5">
        <v>18</v>
      </c>
      <c r="H262" s="5" t="s">
        <v>1518</v>
      </c>
      <c r="I262" s="5" t="s">
        <v>1519</v>
      </c>
      <c r="J262" s="2" t="s">
        <v>1520</v>
      </c>
      <c r="K262" s="5" t="s">
        <v>1519</v>
      </c>
      <c r="L262" s="2" t="s">
        <v>1520</v>
      </c>
      <c r="M262" s="5" t="s">
        <v>1521</v>
      </c>
      <c r="N262" s="5" t="s">
        <v>38</v>
      </c>
      <c r="O262" s="5" t="s">
        <v>39</v>
      </c>
      <c r="P262" s="5" t="s">
        <v>40</v>
      </c>
      <c r="Q262" s="5" t="s">
        <v>1522</v>
      </c>
      <c r="R262" s="5" t="s">
        <v>1523</v>
      </c>
      <c r="S262" s="5" t="s">
        <v>42</v>
      </c>
      <c r="T262" s="2">
        <v>3.7189999999999999</v>
      </c>
      <c r="U262" s="2">
        <v>3.1309999999999998</v>
      </c>
      <c r="V262" s="2">
        <v>0.02</v>
      </c>
      <c r="W262" s="2">
        <v>159.1</v>
      </c>
      <c r="X262" s="2">
        <v>7.6</v>
      </c>
      <c r="Y262" s="2">
        <v>16.7</v>
      </c>
      <c r="Z262" s="5"/>
      <c r="AA262" s="5" t="s">
        <v>43</v>
      </c>
      <c r="AB262" s="5" t="s">
        <v>44</v>
      </c>
      <c r="AC262" s="2"/>
      <c r="AD262" s="1"/>
    </row>
    <row r="263" spans="1:30">
      <c r="A263" s="5" t="s">
        <v>83578</v>
      </c>
      <c r="B263" s="2" t="s">
        <v>84362</v>
      </c>
      <c r="C263" s="14" t="s">
        <v>84363</v>
      </c>
      <c r="D263" s="2" t="s">
        <v>84364</v>
      </c>
      <c r="E263" s="2" t="s">
        <v>1851</v>
      </c>
      <c r="F263" s="8">
        <v>262</v>
      </c>
      <c r="G263" s="5">
        <v>18</v>
      </c>
      <c r="H263" s="5" t="s">
        <v>1518</v>
      </c>
      <c r="I263" s="5" t="s">
        <v>1519</v>
      </c>
      <c r="J263" s="2" t="s">
        <v>1520</v>
      </c>
      <c r="K263" s="5" t="s">
        <v>1519</v>
      </c>
      <c r="L263" s="2" t="s">
        <v>1520</v>
      </c>
      <c r="M263" s="5" t="s">
        <v>1521</v>
      </c>
      <c r="N263" s="5" t="s">
        <v>38</v>
      </c>
      <c r="O263" s="5" t="s">
        <v>39</v>
      </c>
      <c r="P263" s="5" t="s">
        <v>40</v>
      </c>
      <c r="Q263" s="5" t="s">
        <v>1522</v>
      </c>
      <c r="R263" s="5" t="s">
        <v>1523</v>
      </c>
      <c r="S263" s="5" t="s">
        <v>42</v>
      </c>
      <c r="T263" s="2">
        <v>3.7189999999999999</v>
      </c>
      <c r="U263" s="2">
        <v>3.1309999999999998</v>
      </c>
      <c r="V263" s="2">
        <v>0.02</v>
      </c>
      <c r="W263" s="2">
        <v>159.1</v>
      </c>
      <c r="X263" s="2">
        <v>7.6</v>
      </c>
      <c r="Y263" s="2">
        <v>16.7</v>
      </c>
      <c r="Z263" s="5"/>
      <c r="AA263" s="5" t="s">
        <v>43</v>
      </c>
      <c r="AB263" s="5" t="s">
        <v>44</v>
      </c>
      <c r="AC263" s="2"/>
      <c r="AD263" s="1"/>
    </row>
    <row r="264" spans="1:30">
      <c r="A264" s="5" t="s">
        <v>83578</v>
      </c>
      <c r="B264" s="2" t="s">
        <v>84365</v>
      </c>
      <c r="C264" s="14" t="s">
        <v>84366</v>
      </c>
      <c r="D264" s="2" t="s">
        <v>84367</v>
      </c>
      <c r="E264" s="2" t="s">
        <v>1855</v>
      </c>
      <c r="F264" s="8">
        <v>262</v>
      </c>
      <c r="G264" s="5">
        <v>18</v>
      </c>
      <c r="H264" s="5" t="s">
        <v>1518</v>
      </c>
      <c r="I264" s="5" t="s">
        <v>1519</v>
      </c>
      <c r="J264" s="2" t="s">
        <v>1520</v>
      </c>
      <c r="K264" s="5" t="s">
        <v>1519</v>
      </c>
      <c r="L264" s="2" t="s">
        <v>1520</v>
      </c>
      <c r="M264" s="5" t="s">
        <v>1521</v>
      </c>
      <c r="N264" s="5" t="s">
        <v>38</v>
      </c>
      <c r="O264" s="5" t="s">
        <v>39</v>
      </c>
      <c r="P264" s="5" t="s">
        <v>40</v>
      </c>
      <c r="Q264" s="5" t="s">
        <v>1522</v>
      </c>
      <c r="R264" s="5" t="s">
        <v>1523</v>
      </c>
      <c r="S264" s="5" t="s">
        <v>42</v>
      </c>
      <c r="T264" s="2">
        <v>3.7189999999999999</v>
      </c>
      <c r="U264" s="2">
        <v>3.1309999999999998</v>
      </c>
      <c r="V264" s="2">
        <v>0.02</v>
      </c>
      <c r="W264" s="2">
        <v>159.1</v>
      </c>
      <c r="X264" s="2">
        <v>7.6</v>
      </c>
      <c r="Y264" s="2">
        <v>16.7</v>
      </c>
      <c r="Z264" s="5"/>
      <c r="AA264" s="5" t="s">
        <v>43</v>
      </c>
      <c r="AB264" s="5" t="s">
        <v>44</v>
      </c>
      <c r="AC264" s="2"/>
      <c r="AD264" s="1"/>
    </row>
    <row r="265" spans="1:30">
      <c r="A265" s="5" t="s">
        <v>83578</v>
      </c>
      <c r="B265" s="2" t="s">
        <v>84368</v>
      </c>
      <c r="C265" s="14" t="s">
        <v>84369</v>
      </c>
      <c r="D265" s="2" t="s">
        <v>84370</v>
      </c>
      <c r="E265" s="2" t="s">
        <v>7204</v>
      </c>
      <c r="F265" s="8">
        <v>80</v>
      </c>
      <c r="G265" s="5">
        <v>6</v>
      </c>
      <c r="H265" s="5" t="s">
        <v>1518</v>
      </c>
      <c r="I265" s="5" t="s">
        <v>1519</v>
      </c>
      <c r="J265" s="2" t="s">
        <v>1520</v>
      </c>
      <c r="K265" s="5" t="s">
        <v>1519</v>
      </c>
      <c r="L265" s="2" t="s">
        <v>1520</v>
      </c>
      <c r="M265" s="5" t="s">
        <v>1521</v>
      </c>
      <c r="N265" s="5" t="s">
        <v>38</v>
      </c>
      <c r="O265" s="5" t="s">
        <v>39</v>
      </c>
      <c r="P265" s="5" t="s">
        <v>40</v>
      </c>
      <c r="Q265" s="5" t="s">
        <v>1522</v>
      </c>
      <c r="R265" s="5" t="s">
        <v>1523</v>
      </c>
      <c r="S265" s="5" t="s">
        <v>42</v>
      </c>
      <c r="T265" s="2">
        <v>1.0229999999999999</v>
      </c>
      <c r="U265" s="2">
        <v>0.76500000000000001</v>
      </c>
      <c r="V265" s="2">
        <v>6.0000000000000001E-3</v>
      </c>
      <c r="W265" s="2">
        <v>76.900000000000006</v>
      </c>
      <c r="X265" s="2">
        <v>7.6</v>
      </c>
      <c r="Y265" s="2">
        <v>10.6</v>
      </c>
      <c r="Z265" s="5"/>
      <c r="AA265" s="5" t="s">
        <v>43</v>
      </c>
      <c r="AB265" s="5" t="s">
        <v>44</v>
      </c>
      <c r="AC265" s="2"/>
      <c r="AD265" s="1"/>
    </row>
    <row r="266" spans="1:30">
      <c r="A266" s="5" t="s">
        <v>83578</v>
      </c>
      <c r="B266" s="2" t="s">
        <v>84371</v>
      </c>
      <c r="C266" s="14" t="s">
        <v>84372</v>
      </c>
      <c r="D266" s="2" t="s">
        <v>84373</v>
      </c>
      <c r="E266" s="2" t="s">
        <v>7208</v>
      </c>
      <c r="F266" s="8">
        <v>80</v>
      </c>
      <c r="G266" s="5">
        <v>6</v>
      </c>
      <c r="H266" s="5" t="s">
        <v>1518</v>
      </c>
      <c r="I266" s="5" t="s">
        <v>1519</v>
      </c>
      <c r="J266" s="2" t="s">
        <v>1520</v>
      </c>
      <c r="K266" s="5" t="s">
        <v>1519</v>
      </c>
      <c r="L266" s="2" t="s">
        <v>1520</v>
      </c>
      <c r="M266" s="5" t="s">
        <v>1521</v>
      </c>
      <c r="N266" s="5" t="s">
        <v>38</v>
      </c>
      <c r="O266" s="5" t="s">
        <v>39</v>
      </c>
      <c r="P266" s="5" t="s">
        <v>40</v>
      </c>
      <c r="Q266" s="5" t="s">
        <v>1522</v>
      </c>
      <c r="R266" s="5" t="s">
        <v>1523</v>
      </c>
      <c r="S266" s="5" t="s">
        <v>42</v>
      </c>
      <c r="T266" s="2">
        <v>1.0229999999999999</v>
      </c>
      <c r="U266" s="2">
        <v>0.76500000000000001</v>
      </c>
      <c r="V266" s="2">
        <v>6.0000000000000001E-3</v>
      </c>
      <c r="W266" s="2">
        <v>76.900000000000006</v>
      </c>
      <c r="X266" s="2">
        <v>7.6</v>
      </c>
      <c r="Y266" s="2">
        <v>10.6</v>
      </c>
      <c r="Z266" s="5"/>
      <c r="AA266" s="5" t="s">
        <v>43</v>
      </c>
      <c r="AB266" s="5" t="s">
        <v>44</v>
      </c>
      <c r="AC266" s="2"/>
      <c r="AD266" s="1"/>
    </row>
    <row r="267" spans="1:30">
      <c r="A267" s="5" t="s">
        <v>83578</v>
      </c>
      <c r="B267" s="2" t="s">
        <v>84374</v>
      </c>
      <c r="C267" s="14" t="s">
        <v>84375</v>
      </c>
      <c r="D267" s="2" t="s">
        <v>84376</v>
      </c>
      <c r="E267" s="2" t="s">
        <v>7212</v>
      </c>
      <c r="F267" s="8">
        <v>80</v>
      </c>
      <c r="G267" s="5">
        <v>6</v>
      </c>
      <c r="H267" s="5" t="s">
        <v>1518</v>
      </c>
      <c r="I267" s="5" t="s">
        <v>1519</v>
      </c>
      <c r="J267" s="2" t="s">
        <v>1520</v>
      </c>
      <c r="K267" s="5" t="s">
        <v>1519</v>
      </c>
      <c r="L267" s="2" t="s">
        <v>1520</v>
      </c>
      <c r="M267" s="5" t="s">
        <v>1521</v>
      </c>
      <c r="N267" s="5" t="s">
        <v>38</v>
      </c>
      <c r="O267" s="5" t="s">
        <v>39</v>
      </c>
      <c r="P267" s="5" t="s">
        <v>40</v>
      </c>
      <c r="Q267" s="5" t="s">
        <v>1522</v>
      </c>
      <c r="R267" s="5" t="s">
        <v>1523</v>
      </c>
      <c r="S267" s="5" t="s">
        <v>42</v>
      </c>
      <c r="T267" s="2">
        <v>1.0229999999999999</v>
      </c>
      <c r="U267" s="2">
        <v>0.76500000000000001</v>
      </c>
      <c r="V267" s="2">
        <v>6.0000000000000001E-3</v>
      </c>
      <c r="W267" s="2">
        <v>76.900000000000006</v>
      </c>
      <c r="X267" s="2">
        <v>7.6</v>
      </c>
      <c r="Y267" s="2">
        <v>10.6</v>
      </c>
      <c r="Z267" s="5"/>
      <c r="AA267" s="5" t="s">
        <v>43</v>
      </c>
      <c r="AB267" s="5" t="s">
        <v>44</v>
      </c>
      <c r="AC267" s="2"/>
      <c r="AD267" s="1"/>
    </row>
    <row r="268" spans="1:30">
      <c r="A268" s="5" t="s">
        <v>83578</v>
      </c>
      <c r="B268" s="2" t="s">
        <v>84377</v>
      </c>
      <c r="C268" s="14" t="s">
        <v>84378</v>
      </c>
      <c r="D268" s="2" t="s">
        <v>84379</v>
      </c>
      <c r="E268" s="2" t="s">
        <v>7208</v>
      </c>
      <c r="F268" s="8">
        <v>91</v>
      </c>
      <c r="G268" s="5">
        <v>6</v>
      </c>
      <c r="H268" s="5" t="s">
        <v>1518</v>
      </c>
      <c r="I268" s="5" t="s">
        <v>1519</v>
      </c>
      <c r="J268" s="2" t="s">
        <v>1520</v>
      </c>
      <c r="K268" s="5" t="s">
        <v>1519</v>
      </c>
      <c r="L268" s="2" t="s">
        <v>1520</v>
      </c>
      <c r="M268" s="5" t="s">
        <v>1521</v>
      </c>
      <c r="N268" s="5" t="s">
        <v>38</v>
      </c>
      <c r="O268" s="5" t="s">
        <v>39</v>
      </c>
      <c r="P268" s="5" t="s">
        <v>40</v>
      </c>
      <c r="Q268" s="5" t="s">
        <v>1522</v>
      </c>
      <c r="R268" s="5" t="s">
        <v>1523</v>
      </c>
      <c r="S268" s="5" t="s">
        <v>42</v>
      </c>
      <c r="T268" s="2">
        <v>1.327</v>
      </c>
      <c r="U268" s="2">
        <v>0.96499999999999997</v>
      </c>
      <c r="V268" s="2">
        <v>8.0000000000000002E-3</v>
      </c>
      <c r="W268" s="2">
        <v>99.1</v>
      </c>
      <c r="X268" s="2">
        <v>7.6</v>
      </c>
      <c r="Y268" s="2">
        <v>10.6</v>
      </c>
      <c r="Z268" s="5"/>
      <c r="AA268" s="5" t="s">
        <v>43</v>
      </c>
      <c r="AB268" s="5" t="s">
        <v>44</v>
      </c>
      <c r="AC268" s="2"/>
      <c r="AD268" s="1"/>
    </row>
    <row r="269" spans="1:30">
      <c r="A269" s="5" t="s">
        <v>83578</v>
      </c>
      <c r="B269" s="2" t="s">
        <v>84380</v>
      </c>
      <c r="C269" s="14" t="s">
        <v>84381</v>
      </c>
      <c r="D269" s="2" t="s">
        <v>84382</v>
      </c>
      <c r="E269" s="2" t="s">
        <v>7212</v>
      </c>
      <c r="F269" s="8">
        <v>91</v>
      </c>
      <c r="G269" s="5">
        <v>6</v>
      </c>
      <c r="H269" s="5" t="s">
        <v>1518</v>
      </c>
      <c r="I269" s="5" t="s">
        <v>1519</v>
      </c>
      <c r="J269" s="2" t="s">
        <v>1520</v>
      </c>
      <c r="K269" s="5" t="s">
        <v>1519</v>
      </c>
      <c r="L269" s="2" t="s">
        <v>1520</v>
      </c>
      <c r="M269" s="5" t="s">
        <v>1521</v>
      </c>
      <c r="N269" s="5" t="s">
        <v>38</v>
      </c>
      <c r="O269" s="5" t="s">
        <v>39</v>
      </c>
      <c r="P269" s="5" t="s">
        <v>40</v>
      </c>
      <c r="Q269" s="5" t="s">
        <v>1522</v>
      </c>
      <c r="R269" s="5" t="s">
        <v>1523</v>
      </c>
      <c r="S269" s="5" t="s">
        <v>42</v>
      </c>
      <c r="T269" s="2">
        <v>1.3140000000000001</v>
      </c>
      <c r="U269" s="2">
        <v>0.95199999999999996</v>
      </c>
      <c r="V269" s="2">
        <v>8.0000000000000002E-3</v>
      </c>
      <c r="W269" s="2">
        <v>99.1</v>
      </c>
      <c r="X269" s="2">
        <v>7.6</v>
      </c>
      <c r="Y269" s="2">
        <v>10.6</v>
      </c>
      <c r="Z269" s="5"/>
      <c r="AA269" s="5" t="s">
        <v>43</v>
      </c>
      <c r="AB269" s="5" t="s">
        <v>44</v>
      </c>
      <c r="AC269" s="2"/>
      <c r="AD269" s="1"/>
    </row>
    <row r="270" spans="1:30">
      <c r="A270" s="5" t="s">
        <v>83578</v>
      </c>
      <c r="B270" s="2" t="s">
        <v>84383</v>
      </c>
      <c r="C270" s="14" t="s">
        <v>84384</v>
      </c>
      <c r="D270" s="2" t="s">
        <v>84385</v>
      </c>
      <c r="E270" s="2" t="s">
        <v>7208</v>
      </c>
      <c r="F270" s="8">
        <v>100</v>
      </c>
      <c r="G270" s="5">
        <v>6</v>
      </c>
      <c r="H270" s="5" t="s">
        <v>1518</v>
      </c>
      <c r="I270" s="5" t="s">
        <v>1519</v>
      </c>
      <c r="J270" s="2" t="s">
        <v>1520</v>
      </c>
      <c r="K270" s="5" t="s">
        <v>1519</v>
      </c>
      <c r="L270" s="2" t="s">
        <v>1520</v>
      </c>
      <c r="M270" s="5" t="s">
        <v>1521</v>
      </c>
      <c r="N270" s="5" t="s">
        <v>38</v>
      </c>
      <c r="O270" s="5" t="s">
        <v>39</v>
      </c>
      <c r="P270" s="5" t="s">
        <v>40</v>
      </c>
      <c r="Q270" s="5" t="s">
        <v>1522</v>
      </c>
      <c r="R270" s="5" t="s">
        <v>1523</v>
      </c>
      <c r="S270" s="5" t="s">
        <v>42</v>
      </c>
      <c r="T270" s="2">
        <v>1.4179999999999999</v>
      </c>
      <c r="U270" s="2">
        <v>1.0629999999999999</v>
      </c>
      <c r="V270" s="2">
        <v>8.0000000000000002E-3</v>
      </c>
      <c r="W270" s="2">
        <v>99.1</v>
      </c>
      <c r="X270" s="2">
        <v>7.6</v>
      </c>
      <c r="Y270" s="2">
        <v>10.6</v>
      </c>
      <c r="Z270" s="5"/>
      <c r="AA270" s="5" t="s">
        <v>43</v>
      </c>
      <c r="AB270" s="5" t="s">
        <v>44</v>
      </c>
      <c r="AC270" s="2"/>
      <c r="AD270" s="1"/>
    </row>
    <row r="271" spans="1:30">
      <c r="A271" s="5" t="s">
        <v>83578</v>
      </c>
      <c r="B271" s="2" t="s">
        <v>84386</v>
      </c>
      <c r="C271" s="14" t="s">
        <v>84387</v>
      </c>
      <c r="D271" s="2" t="s">
        <v>84388</v>
      </c>
      <c r="E271" s="2" t="s">
        <v>7212</v>
      </c>
      <c r="F271" s="8">
        <v>100</v>
      </c>
      <c r="G271" s="5">
        <v>6</v>
      </c>
      <c r="H271" s="5" t="s">
        <v>1518</v>
      </c>
      <c r="I271" s="5" t="s">
        <v>1519</v>
      </c>
      <c r="J271" s="2" t="s">
        <v>1520</v>
      </c>
      <c r="K271" s="5" t="s">
        <v>1519</v>
      </c>
      <c r="L271" s="2" t="s">
        <v>1520</v>
      </c>
      <c r="M271" s="5" t="s">
        <v>1521</v>
      </c>
      <c r="N271" s="5" t="s">
        <v>38</v>
      </c>
      <c r="O271" s="5" t="s">
        <v>39</v>
      </c>
      <c r="P271" s="5" t="s">
        <v>40</v>
      </c>
      <c r="Q271" s="5" t="s">
        <v>1522</v>
      </c>
      <c r="R271" s="5" t="s">
        <v>1523</v>
      </c>
      <c r="S271" s="5" t="s">
        <v>42</v>
      </c>
      <c r="T271" s="2">
        <v>1.405</v>
      </c>
      <c r="U271" s="2">
        <v>1.05</v>
      </c>
      <c r="V271" s="2">
        <v>8.0000000000000002E-3</v>
      </c>
      <c r="W271" s="2">
        <v>99.1</v>
      </c>
      <c r="X271" s="2">
        <v>7.6</v>
      </c>
      <c r="Y271" s="2">
        <v>10.6</v>
      </c>
      <c r="Z271" s="5"/>
      <c r="AA271" s="5" t="s">
        <v>43</v>
      </c>
      <c r="AB271" s="5" t="s">
        <v>44</v>
      </c>
      <c r="AC271" s="2"/>
      <c r="AD271" s="1"/>
    </row>
    <row r="272" spans="1:30">
      <c r="A272" s="5" t="s">
        <v>83578</v>
      </c>
      <c r="B272" s="2" t="s">
        <v>84389</v>
      </c>
      <c r="C272" s="14" t="s">
        <v>84390</v>
      </c>
      <c r="D272" s="2" t="s">
        <v>84391</v>
      </c>
      <c r="E272" s="2" t="s">
        <v>7212</v>
      </c>
      <c r="F272" s="8">
        <v>105</v>
      </c>
      <c r="G272" s="5">
        <v>6</v>
      </c>
      <c r="H272" s="5" t="s">
        <v>1518</v>
      </c>
      <c r="I272" s="5" t="s">
        <v>1519</v>
      </c>
      <c r="J272" s="2" t="s">
        <v>1520</v>
      </c>
      <c r="K272" s="5" t="s">
        <v>1519</v>
      </c>
      <c r="L272" s="2" t="s">
        <v>1520</v>
      </c>
      <c r="M272" s="5" t="s">
        <v>1521</v>
      </c>
      <c r="N272" s="5" t="s">
        <v>38</v>
      </c>
      <c r="O272" s="5" t="s">
        <v>39</v>
      </c>
      <c r="P272" s="5" t="s">
        <v>40</v>
      </c>
      <c r="Q272" s="5" t="s">
        <v>1522</v>
      </c>
      <c r="R272" s="5" t="s">
        <v>1523</v>
      </c>
      <c r="S272" s="5" t="s">
        <v>42</v>
      </c>
      <c r="T272" s="2">
        <v>1.546</v>
      </c>
      <c r="U272" s="2">
        <v>1.198</v>
      </c>
      <c r="V272" s="2">
        <v>8.0000000000000002E-3</v>
      </c>
      <c r="W272" s="2">
        <v>99.1</v>
      </c>
      <c r="X272" s="2">
        <v>7.6</v>
      </c>
      <c r="Y272" s="2">
        <v>10.6</v>
      </c>
      <c r="Z272" s="5"/>
      <c r="AA272" s="5" t="s">
        <v>43</v>
      </c>
      <c r="AB272" s="5" t="s">
        <v>44</v>
      </c>
      <c r="AC272" s="2"/>
      <c r="AD272" s="1"/>
    </row>
    <row r="273" spans="1:30">
      <c r="A273" s="5" t="s">
        <v>83578</v>
      </c>
      <c r="B273" s="2" t="s">
        <v>84392</v>
      </c>
      <c r="C273" s="14" t="s">
        <v>84393</v>
      </c>
      <c r="D273" s="2" t="s">
        <v>84394</v>
      </c>
      <c r="E273" s="2" t="s">
        <v>7204</v>
      </c>
      <c r="F273" s="8">
        <v>117</v>
      </c>
      <c r="G273" s="5">
        <v>6</v>
      </c>
      <c r="H273" s="5" t="s">
        <v>1518</v>
      </c>
      <c r="I273" s="5" t="s">
        <v>1519</v>
      </c>
      <c r="J273" s="2" t="s">
        <v>1520</v>
      </c>
      <c r="K273" s="5" t="s">
        <v>1519</v>
      </c>
      <c r="L273" s="2" t="s">
        <v>1520</v>
      </c>
      <c r="M273" s="5" t="s">
        <v>1521</v>
      </c>
      <c r="N273" s="5" t="s">
        <v>38</v>
      </c>
      <c r="O273" s="5" t="s">
        <v>39</v>
      </c>
      <c r="P273" s="5" t="s">
        <v>40</v>
      </c>
      <c r="Q273" s="5" t="s">
        <v>1522</v>
      </c>
      <c r="R273" s="5" t="s">
        <v>1523</v>
      </c>
      <c r="S273" s="5" t="s">
        <v>42</v>
      </c>
      <c r="T273" s="2">
        <v>1.849</v>
      </c>
      <c r="U273" s="2">
        <v>1.4430000000000001</v>
      </c>
      <c r="V273" s="2">
        <v>1.0999999999999999E-2</v>
      </c>
      <c r="W273" s="2">
        <v>139.1</v>
      </c>
      <c r="X273" s="2">
        <v>7.6</v>
      </c>
      <c r="Y273" s="2">
        <v>10.6</v>
      </c>
      <c r="Z273" s="5"/>
      <c r="AA273" s="5" t="s">
        <v>43</v>
      </c>
      <c r="AB273" s="5" t="s">
        <v>44</v>
      </c>
      <c r="AC273" s="2"/>
      <c r="AD273" s="1"/>
    </row>
    <row r="274" spans="1:30">
      <c r="A274" s="5" t="s">
        <v>83578</v>
      </c>
      <c r="B274" s="2" t="s">
        <v>84395</v>
      </c>
      <c r="C274" s="14" t="s">
        <v>84396</v>
      </c>
      <c r="D274" s="2" t="s">
        <v>84397</v>
      </c>
      <c r="E274" s="2" t="s">
        <v>7208</v>
      </c>
      <c r="F274" s="8">
        <v>117</v>
      </c>
      <c r="G274" s="5">
        <v>6</v>
      </c>
      <c r="H274" s="5" t="s">
        <v>1518</v>
      </c>
      <c r="I274" s="5" t="s">
        <v>1519</v>
      </c>
      <c r="J274" s="2" t="s">
        <v>1520</v>
      </c>
      <c r="K274" s="5" t="s">
        <v>1519</v>
      </c>
      <c r="L274" s="2" t="s">
        <v>1520</v>
      </c>
      <c r="M274" s="5" t="s">
        <v>1521</v>
      </c>
      <c r="N274" s="5" t="s">
        <v>38</v>
      </c>
      <c r="O274" s="5" t="s">
        <v>39</v>
      </c>
      <c r="P274" s="5" t="s">
        <v>40</v>
      </c>
      <c r="Q274" s="5" t="s">
        <v>1522</v>
      </c>
      <c r="R274" s="5" t="s">
        <v>1523</v>
      </c>
      <c r="S274" s="5" t="s">
        <v>42</v>
      </c>
      <c r="T274" s="2">
        <v>1.849</v>
      </c>
      <c r="U274" s="2">
        <v>1.4430000000000001</v>
      </c>
      <c r="V274" s="2">
        <v>1.0999999999999999E-2</v>
      </c>
      <c r="W274" s="2">
        <v>139.1</v>
      </c>
      <c r="X274" s="2">
        <v>7.6</v>
      </c>
      <c r="Y274" s="2">
        <v>10.6</v>
      </c>
      <c r="Z274" s="5"/>
      <c r="AA274" s="5" t="s">
        <v>43</v>
      </c>
      <c r="AB274" s="5" t="s">
        <v>44</v>
      </c>
      <c r="AC274" s="2"/>
      <c r="AD274" s="1"/>
    </row>
    <row r="275" spans="1:30">
      <c r="A275" s="5" t="s">
        <v>83578</v>
      </c>
      <c r="B275" s="2" t="s">
        <v>84398</v>
      </c>
      <c r="C275" s="14" t="s">
        <v>84399</v>
      </c>
      <c r="D275" s="2" t="s">
        <v>84400</v>
      </c>
      <c r="E275" s="2" t="s">
        <v>7212</v>
      </c>
      <c r="F275" s="8">
        <v>117</v>
      </c>
      <c r="G275" s="5">
        <v>6</v>
      </c>
      <c r="H275" s="5" t="s">
        <v>1518</v>
      </c>
      <c r="I275" s="5" t="s">
        <v>1519</v>
      </c>
      <c r="J275" s="2" t="s">
        <v>1520</v>
      </c>
      <c r="K275" s="5" t="s">
        <v>1519</v>
      </c>
      <c r="L275" s="2" t="s">
        <v>1520</v>
      </c>
      <c r="M275" s="5" t="s">
        <v>1521</v>
      </c>
      <c r="N275" s="5" t="s">
        <v>38</v>
      </c>
      <c r="O275" s="5" t="s">
        <v>39</v>
      </c>
      <c r="P275" s="5" t="s">
        <v>40</v>
      </c>
      <c r="Q275" s="5" t="s">
        <v>1522</v>
      </c>
      <c r="R275" s="5" t="s">
        <v>1523</v>
      </c>
      <c r="S275" s="5" t="s">
        <v>42</v>
      </c>
      <c r="T275" s="2">
        <v>1.8260000000000001</v>
      </c>
      <c r="U275" s="2">
        <v>1.42</v>
      </c>
      <c r="V275" s="2">
        <v>1.0999999999999999E-2</v>
      </c>
      <c r="W275" s="2">
        <v>139.1</v>
      </c>
      <c r="X275" s="2">
        <v>7.6</v>
      </c>
      <c r="Y275" s="2">
        <v>10.6</v>
      </c>
      <c r="Z275" s="5"/>
      <c r="AA275" s="5" t="s">
        <v>43</v>
      </c>
      <c r="AB275" s="5" t="s">
        <v>44</v>
      </c>
      <c r="AC275" s="2"/>
      <c r="AD275" s="1"/>
    </row>
    <row r="276" spans="1:30">
      <c r="A276" s="5" t="s">
        <v>83578</v>
      </c>
      <c r="B276" s="2" t="s">
        <v>84401</v>
      </c>
      <c r="C276" s="14" t="s">
        <v>84402</v>
      </c>
      <c r="D276" s="2" t="s">
        <v>84403</v>
      </c>
      <c r="E276" s="2" t="s">
        <v>7212</v>
      </c>
      <c r="F276" s="8">
        <v>250</v>
      </c>
      <c r="G276" s="5">
        <v>8</v>
      </c>
      <c r="H276" s="5" t="s">
        <v>1518</v>
      </c>
      <c r="I276" s="5" t="s">
        <v>1519</v>
      </c>
      <c r="J276" s="2" t="s">
        <v>1520</v>
      </c>
      <c r="K276" s="5" t="s">
        <v>1519</v>
      </c>
      <c r="L276" s="2" t="s">
        <v>1520</v>
      </c>
      <c r="M276" s="5" t="s">
        <v>1521</v>
      </c>
      <c r="N276" s="5" t="s">
        <v>38</v>
      </c>
      <c r="O276" s="5" t="s">
        <v>39</v>
      </c>
      <c r="P276" s="5" t="s">
        <v>40</v>
      </c>
      <c r="Q276" s="5" t="s">
        <v>1522</v>
      </c>
      <c r="R276" s="5" t="s">
        <v>1523</v>
      </c>
      <c r="S276" s="5" t="s">
        <v>42</v>
      </c>
      <c r="T276" s="2">
        <v>1.7150000000000001</v>
      </c>
      <c r="U276" s="2">
        <v>1.375</v>
      </c>
      <c r="V276" s="2">
        <v>8.0000000000000002E-3</v>
      </c>
      <c r="W276" s="2">
        <v>99.1</v>
      </c>
      <c r="X276" s="2">
        <v>7.6</v>
      </c>
      <c r="Y276" s="2">
        <v>10.6</v>
      </c>
      <c r="Z276" s="5"/>
      <c r="AA276" s="5" t="s">
        <v>43</v>
      </c>
      <c r="AB276" s="5" t="s">
        <v>44</v>
      </c>
      <c r="AC276" s="2"/>
      <c r="AD276" s="1"/>
    </row>
    <row r="277" spans="1:30">
      <c r="A277" s="5" t="s">
        <v>83578</v>
      </c>
      <c r="B277" s="2" t="s">
        <v>84404</v>
      </c>
      <c r="C277" s="14" t="s">
        <v>84405</v>
      </c>
      <c r="D277" s="2" t="s">
        <v>84406</v>
      </c>
      <c r="E277" s="2" t="s">
        <v>7539</v>
      </c>
      <c r="F277" s="8">
        <v>250</v>
      </c>
      <c r="G277" s="5">
        <v>8</v>
      </c>
      <c r="H277" s="5" t="s">
        <v>1518</v>
      </c>
      <c r="I277" s="5" t="s">
        <v>1519</v>
      </c>
      <c r="J277" s="2" t="s">
        <v>1520</v>
      </c>
      <c r="K277" s="5" t="s">
        <v>1519</v>
      </c>
      <c r="L277" s="2" t="s">
        <v>1520</v>
      </c>
      <c r="M277" s="5" t="s">
        <v>1521</v>
      </c>
      <c r="N277" s="5" t="s">
        <v>38</v>
      </c>
      <c r="O277" s="5" t="s">
        <v>39</v>
      </c>
      <c r="P277" s="5" t="s">
        <v>40</v>
      </c>
      <c r="Q277" s="5" t="s">
        <v>1522</v>
      </c>
      <c r="R277" s="5" t="s">
        <v>1523</v>
      </c>
      <c r="S277" s="5" t="s">
        <v>42</v>
      </c>
      <c r="T277" s="2">
        <v>1.7370000000000001</v>
      </c>
      <c r="U277" s="2">
        <v>1.397</v>
      </c>
      <c r="V277" s="2">
        <v>8.0000000000000002E-3</v>
      </c>
      <c r="W277" s="2">
        <v>99.1</v>
      </c>
      <c r="X277" s="2">
        <v>7.6</v>
      </c>
      <c r="Y277" s="2">
        <v>10.6</v>
      </c>
      <c r="Z277" s="5"/>
      <c r="AA277" s="5" t="s">
        <v>43</v>
      </c>
      <c r="AB277" s="5" t="s">
        <v>44</v>
      </c>
      <c r="AC277" s="2"/>
      <c r="AD277" s="1"/>
    </row>
    <row r="278" spans="1:30">
      <c r="A278" s="5" t="s">
        <v>83578</v>
      </c>
      <c r="B278" s="2" t="s">
        <v>84407</v>
      </c>
      <c r="C278" s="14" t="s">
        <v>84408</v>
      </c>
      <c r="D278" s="2" t="s">
        <v>84409</v>
      </c>
      <c r="E278" s="2" t="s">
        <v>7547</v>
      </c>
      <c r="F278" s="8">
        <v>250</v>
      </c>
      <c r="G278" s="5">
        <v>8</v>
      </c>
      <c r="H278" s="5" t="s">
        <v>1518</v>
      </c>
      <c r="I278" s="5" t="s">
        <v>1519</v>
      </c>
      <c r="J278" s="2" t="s">
        <v>1520</v>
      </c>
      <c r="K278" s="5" t="s">
        <v>1519</v>
      </c>
      <c r="L278" s="2" t="s">
        <v>1520</v>
      </c>
      <c r="M278" s="5" t="s">
        <v>1521</v>
      </c>
      <c r="N278" s="5" t="s">
        <v>38</v>
      </c>
      <c r="O278" s="5" t="s">
        <v>39</v>
      </c>
      <c r="P278" s="5" t="s">
        <v>40</v>
      </c>
      <c r="Q278" s="5" t="s">
        <v>1522</v>
      </c>
      <c r="R278" s="5" t="s">
        <v>1523</v>
      </c>
      <c r="S278" s="5" t="s">
        <v>42</v>
      </c>
      <c r="T278" s="2">
        <v>1.7150000000000001</v>
      </c>
      <c r="U278" s="2">
        <v>1.375</v>
      </c>
      <c r="V278" s="2">
        <v>8.0000000000000002E-3</v>
      </c>
      <c r="W278" s="2">
        <v>99.1</v>
      </c>
      <c r="X278" s="2">
        <v>7.6</v>
      </c>
      <c r="Y278" s="2">
        <v>10.6</v>
      </c>
      <c r="Z278" s="5"/>
      <c r="AA278" s="5" t="s">
        <v>43</v>
      </c>
      <c r="AB278" s="5" t="s">
        <v>44</v>
      </c>
      <c r="AC278" s="2"/>
      <c r="AD278" s="1"/>
    </row>
    <row r="279" spans="1:30">
      <c r="A279" s="5" t="s">
        <v>83578</v>
      </c>
      <c r="B279" s="2" t="s">
        <v>84410</v>
      </c>
      <c r="C279" s="14" t="s">
        <v>84411</v>
      </c>
      <c r="D279" s="2" t="s">
        <v>84412</v>
      </c>
      <c r="E279" s="2" t="s">
        <v>7555</v>
      </c>
      <c r="F279" s="8">
        <v>250</v>
      </c>
      <c r="G279" s="5">
        <v>8</v>
      </c>
      <c r="H279" s="5" t="s">
        <v>1518</v>
      </c>
      <c r="I279" s="5" t="s">
        <v>1519</v>
      </c>
      <c r="J279" s="2" t="s">
        <v>1520</v>
      </c>
      <c r="K279" s="5" t="s">
        <v>1519</v>
      </c>
      <c r="L279" s="2" t="s">
        <v>1520</v>
      </c>
      <c r="M279" s="5" t="s">
        <v>1521</v>
      </c>
      <c r="N279" s="5" t="s">
        <v>38</v>
      </c>
      <c r="O279" s="5" t="s">
        <v>39</v>
      </c>
      <c r="P279" s="5" t="s">
        <v>40</v>
      </c>
      <c r="Q279" s="5" t="s">
        <v>1522</v>
      </c>
      <c r="R279" s="5" t="s">
        <v>1523</v>
      </c>
      <c r="S279" s="5" t="s">
        <v>42</v>
      </c>
      <c r="T279" s="2">
        <v>1.7150000000000001</v>
      </c>
      <c r="U279" s="2">
        <v>1.375</v>
      </c>
      <c r="V279" s="2">
        <v>8.0000000000000002E-3</v>
      </c>
      <c r="W279" s="2">
        <v>99.1</v>
      </c>
      <c r="X279" s="2">
        <v>7.6</v>
      </c>
      <c r="Y279" s="2">
        <v>10.6</v>
      </c>
      <c r="Z279" s="5"/>
      <c r="AA279" s="5" t="s">
        <v>43</v>
      </c>
      <c r="AB279" s="5" t="s">
        <v>44</v>
      </c>
      <c r="AC279" s="2"/>
      <c r="AD279" s="1"/>
    </row>
    <row r="280" spans="1:30">
      <c r="A280" s="5" t="s">
        <v>83578</v>
      </c>
      <c r="B280" s="2" t="s">
        <v>84413</v>
      </c>
      <c r="C280" s="14" t="s">
        <v>84414</v>
      </c>
      <c r="D280" s="2" t="s">
        <v>84415</v>
      </c>
      <c r="E280" s="2" t="s">
        <v>7563</v>
      </c>
      <c r="F280" s="8">
        <v>250</v>
      </c>
      <c r="G280" s="5">
        <v>8</v>
      </c>
      <c r="H280" s="5" t="s">
        <v>1518</v>
      </c>
      <c r="I280" s="5" t="s">
        <v>1519</v>
      </c>
      <c r="J280" s="2" t="s">
        <v>1520</v>
      </c>
      <c r="K280" s="5" t="s">
        <v>1519</v>
      </c>
      <c r="L280" s="2" t="s">
        <v>1520</v>
      </c>
      <c r="M280" s="5" t="s">
        <v>1521</v>
      </c>
      <c r="N280" s="5" t="s">
        <v>38</v>
      </c>
      <c r="O280" s="5" t="s">
        <v>39</v>
      </c>
      <c r="P280" s="5" t="s">
        <v>40</v>
      </c>
      <c r="Q280" s="5" t="s">
        <v>1522</v>
      </c>
      <c r="R280" s="5" t="s">
        <v>1523</v>
      </c>
      <c r="S280" s="5" t="s">
        <v>42</v>
      </c>
      <c r="T280" s="2">
        <v>1.7370000000000001</v>
      </c>
      <c r="U280" s="2">
        <v>1.397</v>
      </c>
      <c r="V280" s="2">
        <v>8.0000000000000002E-3</v>
      </c>
      <c r="W280" s="2">
        <v>99.1</v>
      </c>
      <c r="X280" s="2">
        <v>7.6</v>
      </c>
      <c r="Y280" s="2">
        <v>10.6</v>
      </c>
      <c r="Z280" s="5"/>
      <c r="AA280" s="5" t="s">
        <v>43</v>
      </c>
      <c r="AB280" s="5" t="s">
        <v>44</v>
      </c>
      <c r="AC280" s="2"/>
      <c r="AD280" s="1"/>
    </row>
    <row r="281" spans="1:30">
      <c r="A281" s="5" t="s">
        <v>83578</v>
      </c>
      <c r="B281" s="2" t="s">
        <v>84416</v>
      </c>
      <c r="C281" s="14" t="s">
        <v>84417</v>
      </c>
      <c r="D281" s="2" t="s">
        <v>84418</v>
      </c>
      <c r="E281" s="2" t="s">
        <v>7429</v>
      </c>
      <c r="F281" s="8">
        <v>250</v>
      </c>
      <c r="G281" s="5">
        <v>8</v>
      </c>
      <c r="H281" s="5" t="s">
        <v>1518</v>
      </c>
      <c r="I281" s="5" t="s">
        <v>1519</v>
      </c>
      <c r="J281" s="2" t="s">
        <v>1520</v>
      </c>
      <c r="K281" s="5" t="s">
        <v>1519</v>
      </c>
      <c r="L281" s="2" t="s">
        <v>1520</v>
      </c>
      <c r="M281" s="5" t="s">
        <v>1521</v>
      </c>
      <c r="N281" s="5" t="s">
        <v>38</v>
      </c>
      <c r="O281" s="5" t="s">
        <v>39</v>
      </c>
      <c r="P281" s="5" t="s">
        <v>40</v>
      </c>
      <c r="Q281" s="5" t="s">
        <v>1522</v>
      </c>
      <c r="R281" s="5" t="s">
        <v>1523</v>
      </c>
      <c r="S281" s="5" t="s">
        <v>42</v>
      </c>
      <c r="T281" s="2">
        <v>1.7370000000000001</v>
      </c>
      <c r="U281" s="2">
        <v>1.397</v>
      </c>
      <c r="V281" s="2">
        <v>8.0000000000000002E-3</v>
      </c>
      <c r="W281" s="2">
        <v>99.1</v>
      </c>
      <c r="X281" s="2">
        <v>7.6</v>
      </c>
      <c r="Y281" s="2">
        <v>10.6</v>
      </c>
      <c r="Z281" s="5"/>
      <c r="AA281" s="5" t="s">
        <v>43</v>
      </c>
      <c r="AB281" s="5" t="s">
        <v>44</v>
      </c>
      <c r="AC281" s="2"/>
      <c r="AD281" s="1"/>
    </row>
    <row r="282" spans="1:30">
      <c r="A282" s="5" t="s">
        <v>83578</v>
      </c>
      <c r="B282" s="2" t="s">
        <v>84419</v>
      </c>
      <c r="C282" s="14" t="s">
        <v>84420</v>
      </c>
      <c r="D282" s="2" t="s">
        <v>84421</v>
      </c>
      <c r="E282" s="2" t="s">
        <v>7449</v>
      </c>
      <c r="F282" s="8">
        <v>250</v>
      </c>
      <c r="G282" s="5">
        <v>8</v>
      </c>
      <c r="H282" s="5" t="s">
        <v>1518</v>
      </c>
      <c r="I282" s="5" t="s">
        <v>1519</v>
      </c>
      <c r="J282" s="2" t="s">
        <v>1520</v>
      </c>
      <c r="K282" s="5" t="s">
        <v>1519</v>
      </c>
      <c r="L282" s="2" t="s">
        <v>1520</v>
      </c>
      <c r="M282" s="5" t="s">
        <v>1521</v>
      </c>
      <c r="N282" s="5" t="s">
        <v>38</v>
      </c>
      <c r="O282" s="5" t="s">
        <v>39</v>
      </c>
      <c r="P282" s="5" t="s">
        <v>40</v>
      </c>
      <c r="Q282" s="5" t="s">
        <v>1522</v>
      </c>
      <c r="R282" s="5" t="s">
        <v>1523</v>
      </c>
      <c r="S282" s="5" t="s">
        <v>42</v>
      </c>
      <c r="T282" s="2">
        <v>1.7370000000000001</v>
      </c>
      <c r="U282" s="2">
        <v>1.397</v>
      </c>
      <c r="V282" s="2">
        <v>8.0000000000000002E-3</v>
      </c>
      <c r="W282" s="2">
        <v>99.1</v>
      </c>
      <c r="X282" s="2">
        <v>7.6</v>
      </c>
      <c r="Y282" s="2">
        <v>10.6</v>
      </c>
      <c r="Z282" s="5"/>
      <c r="AA282" s="5" t="s">
        <v>43</v>
      </c>
      <c r="AB282" s="5" t="s">
        <v>44</v>
      </c>
      <c r="AC282" s="2"/>
      <c r="AD282" s="1"/>
    </row>
    <row r="283" spans="1:30">
      <c r="A283" s="5" t="s">
        <v>83578</v>
      </c>
      <c r="B283" s="2" t="s">
        <v>84422</v>
      </c>
      <c r="C283" s="14" t="s">
        <v>84423</v>
      </c>
      <c r="D283" s="2" t="s">
        <v>84424</v>
      </c>
      <c r="E283" s="2" t="s">
        <v>7585</v>
      </c>
      <c r="F283" s="8">
        <v>250</v>
      </c>
      <c r="G283" s="5">
        <v>8</v>
      </c>
      <c r="H283" s="5" t="s">
        <v>1518</v>
      </c>
      <c r="I283" s="5" t="s">
        <v>1519</v>
      </c>
      <c r="J283" s="2" t="s">
        <v>1520</v>
      </c>
      <c r="K283" s="5" t="s">
        <v>1519</v>
      </c>
      <c r="L283" s="2" t="s">
        <v>1520</v>
      </c>
      <c r="M283" s="5" t="s">
        <v>1521</v>
      </c>
      <c r="N283" s="5" t="s">
        <v>38</v>
      </c>
      <c r="O283" s="5" t="s">
        <v>39</v>
      </c>
      <c r="P283" s="5" t="s">
        <v>40</v>
      </c>
      <c r="Q283" s="5" t="s">
        <v>1522</v>
      </c>
      <c r="R283" s="5" t="s">
        <v>1523</v>
      </c>
      <c r="S283" s="5" t="s">
        <v>42</v>
      </c>
      <c r="T283" s="2">
        <v>1.7150000000000001</v>
      </c>
      <c r="U283" s="2">
        <v>1.375</v>
      </c>
      <c r="V283" s="2">
        <v>8.0000000000000002E-3</v>
      </c>
      <c r="W283" s="2">
        <v>99.1</v>
      </c>
      <c r="X283" s="2">
        <v>7.6</v>
      </c>
      <c r="Y283" s="2">
        <v>10.6</v>
      </c>
      <c r="Z283" s="5"/>
      <c r="AA283" s="5" t="s">
        <v>43</v>
      </c>
      <c r="AB283" s="5" t="s">
        <v>44</v>
      </c>
      <c r="AC283" s="2"/>
      <c r="AD283" s="1"/>
    </row>
    <row r="284" spans="1:30">
      <c r="A284" s="5" t="s">
        <v>83578</v>
      </c>
      <c r="B284" s="2" t="s">
        <v>84425</v>
      </c>
      <c r="C284" s="14" t="s">
        <v>84426</v>
      </c>
      <c r="D284" s="2" t="s">
        <v>84427</v>
      </c>
      <c r="E284" s="2" t="s">
        <v>7593</v>
      </c>
      <c r="F284" s="8">
        <v>250</v>
      </c>
      <c r="G284" s="5">
        <v>8</v>
      </c>
      <c r="H284" s="5" t="s">
        <v>1518</v>
      </c>
      <c r="I284" s="5" t="s">
        <v>1519</v>
      </c>
      <c r="J284" s="2" t="s">
        <v>1520</v>
      </c>
      <c r="K284" s="5" t="s">
        <v>1519</v>
      </c>
      <c r="L284" s="2" t="s">
        <v>1520</v>
      </c>
      <c r="M284" s="5" t="s">
        <v>1521</v>
      </c>
      <c r="N284" s="5" t="s">
        <v>38</v>
      </c>
      <c r="O284" s="5" t="s">
        <v>39</v>
      </c>
      <c r="P284" s="5" t="s">
        <v>40</v>
      </c>
      <c r="Q284" s="5" t="s">
        <v>1522</v>
      </c>
      <c r="R284" s="5" t="s">
        <v>1523</v>
      </c>
      <c r="S284" s="5" t="s">
        <v>42</v>
      </c>
      <c r="T284" s="2">
        <v>1.7370000000000001</v>
      </c>
      <c r="U284" s="2">
        <v>1.397</v>
      </c>
      <c r="V284" s="2">
        <v>8.0000000000000002E-3</v>
      </c>
      <c r="W284" s="2">
        <v>99.1</v>
      </c>
      <c r="X284" s="2">
        <v>7.6</v>
      </c>
      <c r="Y284" s="2">
        <v>10.6</v>
      </c>
      <c r="Z284" s="5"/>
      <c r="AA284" s="5" t="s">
        <v>43</v>
      </c>
      <c r="AB284" s="5" t="s">
        <v>44</v>
      </c>
      <c r="AC284" s="2"/>
      <c r="AD284" s="1"/>
    </row>
    <row r="285" spans="1:30">
      <c r="A285" s="5" t="s">
        <v>83578</v>
      </c>
      <c r="B285" s="2" t="s">
        <v>84428</v>
      </c>
      <c r="C285" s="14" t="s">
        <v>84429</v>
      </c>
      <c r="D285" s="2" t="s">
        <v>84430</v>
      </c>
      <c r="E285" s="2" t="s">
        <v>7433</v>
      </c>
      <c r="F285" s="8">
        <v>250</v>
      </c>
      <c r="G285" s="5">
        <v>8</v>
      </c>
      <c r="H285" s="5" t="s">
        <v>1518</v>
      </c>
      <c r="I285" s="5" t="s">
        <v>1519</v>
      </c>
      <c r="J285" s="2" t="s">
        <v>1520</v>
      </c>
      <c r="K285" s="5" t="s">
        <v>1519</v>
      </c>
      <c r="L285" s="2" t="s">
        <v>1520</v>
      </c>
      <c r="M285" s="5" t="s">
        <v>1521</v>
      </c>
      <c r="N285" s="5" t="s">
        <v>38</v>
      </c>
      <c r="O285" s="5" t="s">
        <v>39</v>
      </c>
      <c r="P285" s="5" t="s">
        <v>40</v>
      </c>
      <c r="Q285" s="5" t="s">
        <v>1522</v>
      </c>
      <c r="R285" s="5" t="s">
        <v>1523</v>
      </c>
      <c r="S285" s="5" t="s">
        <v>42</v>
      </c>
      <c r="T285" s="2">
        <v>1.7370000000000001</v>
      </c>
      <c r="U285" s="2">
        <v>1.397</v>
      </c>
      <c r="V285" s="2">
        <v>8.0000000000000002E-3</v>
      </c>
      <c r="W285" s="2">
        <v>99.1</v>
      </c>
      <c r="X285" s="2">
        <v>7.6</v>
      </c>
      <c r="Y285" s="2">
        <v>10.6</v>
      </c>
      <c r="Z285" s="5"/>
      <c r="AA285" s="5" t="s">
        <v>43</v>
      </c>
      <c r="AB285" s="5" t="s">
        <v>44</v>
      </c>
      <c r="AC285" s="2"/>
      <c r="AD285" s="1"/>
    </row>
    <row r="286" spans="1:30">
      <c r="A286" s="5" t="s">
        <v>83578</v>
      </c>
      <c r="B286" s="2" t="s">
        <v>84431</v>
      </c>
      <c r="C286" s="14" t="s">
        <v>84432</v>
      </c>
      <c r="D286" s="2" t="s">
        <v>84433</v>
      </c>
      <c r="E286" s="2" t="s">
        <v>7615</v>
      </c>
      <c r="F286" s="8">
        <v>250</v>
      </c>
      <c r="G286" s="5">
        <v>8</v>
      </c>
      <c r="H286" s="5" t="s">
        <v>1518</v>
      </c>
      <c r="I286" s="5" t="s">
        <v>1519</v>
      </c>
      <c r="J286" s="2" t="s">
        <v>1520</v>
      </c>
      <c r="K286" s="5" t="s">
        <v>1519</v>
      </c>
      <c r="L286" s="2" t="s">
        <v>1520</v>
      </c>
      <c r="M286" s="5" t="s">
        <v>1521</v>
      </c>
      <c r="N286" s="5" t="s">
        <v>38</v>
      </c>
      <c r="O286" s="5" t="s">
        <v>39</v>
      </c>
      <c r="P286" s="5" t="s">
        <v>40</v>
      </c>
      <c r="Q286" s="5" t="s">
        <v>1522</v>
      </c>
      <c r="R286" s="5" t="s">
        <v>1523</v>
      </c>
      <c r="S286" s="5" t="s">
        <v>42</v>
      </c>
      <c r="T286" s="2">
        <v>1.7150000000000001</v>
      </c>
      <c r="U286" s="2">
        <v>1.375</v>
      </c>
      <c r="V286" s="2">
        <v>8.0000000000000002E-3</v>
      </c>
      <c r="W286" s="2">
        <v>99.1</v>
      </c>
      <c r="X286" s="2">
        <v>7.6</v>
      </c>
      <c r="Y286" s="2">
        <v>10.6</v>
      </c>
      <c r="Z286" s="5"/>
      <c r="AA286" s="5" t="s">
        <v>43</v>
      </c>
      <c r="AB286" s="5" t="s">
        <v>44</v>
      </c>
      <c r="AC286" s="2"/>
      <c r="AD286" s="1"/>
    </row>
    <row r="287" spans="1:30">
      <c r="A287" s="5" t="s">
        <v>83578</v>
      </c>
      <c r="B287" s="2" t="s">
        <v>84434</v>
      </c>
      <c r="C287" s="14" t="s">
        <v>84435</v>
      </c>
      <c r="D287" s="2" t="s">
        <v>84436</v>
      </c>
      <c r="E287" s="2" t="s">
        <v>7539</v>
      </c>
      <c r="F287" s="8">
        <v>272</v>
      </c>
      <c r="G287" s="5">
        <v>8</v>
      </c>
      <c r="H287" s="5" t="s">
        <v>1518</v>
      </c>
      <c r="I287" s="5" t="s">
        <v>1519</v>
      </c>
      <c r="J287" s="2" t="s">
        <v>1520</v>
      </c>
      <c r="K287" s="5" t="s">
        <v>1519</v>
      </c>
      <c r="L287" s="2" t="s">
        <v>1520</v>
      </c>
      <c r="M287" s="5" t="s">
        <v>1521</v>
      </c>
      <c r="N287" s="5" t="s">
        <v>38</v>
      </c>
      <c r="O287" s="5" t="s">
        <v>39</v>
      </c>
      <c r="P287" s="5" t="s">
        <v>40</v>
      </c>
      <c r="Q287" s="5" t="s">
        <v>1522</v>
      </c>
      <c r="R287" s="5" t="s">
        <v>1523</v>
      </c>
      <c r="S287" s="5" t="s">
        <v>42</v>
      </c>
      <c r="T287" s="2">
        <v>1.984</v>
      </c>
      <c r="U287" s="2">
        <v>1.6519999999999999</v>
      </c>
      <c r="V287" s="2">
        <v>0.01</v>
      </c>
      <c r="W287" s="2">
        <v>118.6</v>
      </c>
      <c r="X287" s="2">
        <v>7.6</v>
      </c>
      <c r="Y287" s="2">
        <v>10.6</v>
      </c>
      <c r="Z287" s="5"/>
      <c r="AA287" s="5" t="s">
        <v>43</v>
      </c>
      <c r="AB287" s="5" t="s">
        <v>44</v>
      </c>
      <c r="AC287" s="2"/>
      <c r="AD287" s="1"/>
    </row>
    <row r="288" spans="1:30">
      <c r="A288" s="5" t="s">
        <v>83578</v>
      </c>
      <c r="B288" s="2" t="s">
        <v>84437</v>
      </c>
      <c r="C288" s="14" t="s">
        <v>84438</v>
      </c>
      <c r="D288" s="2" t="s">
        <v>84439</v>
      </c>
      <c r="E288" s="2" t="s">
        <v>7547</v>
      </c>
      <c r="F288" s="8">
        <v>272</v>
      </c>
      <c r="G288" s="5">
        <v>8</v>
      </c>
      <c r="H288" s="5" t="s">
        <v>1518</v>
      </c>
      <c r="I288" s="5" t="s">
        <v>1519</v>
      </c>
      <c r="J288" s="2" t="s">
        <v>1520</v>
      </c>
      <c r="K288" s="5" t="s">
        <v>1519</v>
      </c>
      <c r="L288" s="2" t="s">
        <v>1520</v>
      </c>
      <c r="M288" s="5" t="s">
        <v>1521</v>
      </c>
      <c r="N288" s="5" t="s">
        <v>38</v>
      </c>
      <c r="O288" s="5" t="s">
        <v>39</v>
      </c>
      <c r="P288" s="5" t="s">
        <v>40</v>
      </c>
      <c r="Q288" s="5" t="s">
        <v>1522</v>
      </c>
      <c r="R288" s="5" t="s">
        <v>1523</v>
      </c>
      <c r="S288" s="5" t="s">
        <v>42</v>
      </c>
      <c r="T288" s="2">
        <v>1.956</v>
      </c>
      <c r="U288" s="2">
        <v>1.6240000000000001</v>
      </c>
      <c r="V288" s="2">
        <v>0.01</v>
      </c>
      <c r="W288" s="2">
        <v>118.6</v>
      </c>
      <c r="X288" s="2">
        <v>7.6</v>
      </c>
      <c r="Y288" s="2">
        <v>10.6</v>
      </c>
      <c r="Z288" s="5"/>
      <c r="AA288" s="5" t="s">
        <v>43</v>
      </c>
      <c r="AB288" s="5" t="s">
        <v>44</v>
      </c>
      <c r="AC288" s="2"/>
      <c r="AD288" s="1"/>
    </row>
    <row r="289" spans="1:30">
      <c r="A289" s="5" t="s">
        <v>83578</v>
      </c>
      <c r="B289" s="2" t="s">
        <v>84440</v>
      </c>
      <c r="C289" s="14" t="s">
        <v>84441</v>
      </c>
      <c r="D289" s="2" t="s">
        <v>84442</v>
      </c>
      <c r="E289" s="2" t="s">
        <v>7555</v>
      </c>
      <c r="F289" s="8">
        <v>272</v>
      </c>
      <c r="G289" s="5">
        <v>8</v>
      </c>
      <c r="H289" s="5" t="s">
        <v>1518</v>
      </c>
      <c r="I289" s="5" t="s">
        <v>1519</v>
      </c>
      <c r="J289" s="2" t="s">
        <v>1520</v>
      </c>
      <c r="K289" s="5" t="s">
        <v>1519</v>
      </c>
      <c r="L289" s="2" t="s">
        <v>1520</v>
      </c>
      <c r="M289" s="5" t="s">
        <v>1521</v>
      </c>
      <c r="N289" s="5" t="s">
        <v>38</v>
      </c>
      <c r="O289" s="5" t="s">
        <v>39</v>
      </c>
      <c r="P289" s="5" t="s">
        <v>40</v>
      </c>
      <c r="Q289" s="5" t="s">
        <v>1522</v>
      </c>
      <c r="R289" s="5" t="s">
        <v>1523</v>
      </c>
      <c r="S289" s="5" t="s">
        <v>42</v>
      </c>
      <c r="T289" s="2">
        <v>1.956</v>
      </c>
      <c r="U289" s="2">
        <v>1.6240000000000001</v>
      </c>
      <c r="V289" s="2">
        <v>0.01</v>
      </c>
      <c r="W289" s="2">
        <v>118.6</v>
      </c>
      <c r="X289" s="2">
        <v>7.6</v>
      </c>
      <c r="Y289" s="2">
        <v>10.6</v>
      </c>
      <c r="Z289" s="5"/>
      <c r="AA289" s="5" t="s">
        <v>43</v>
      </c>
      <c r="AB289" s="5" t="s">
        <v>44</v>
      </c>
      <c r="AC289" s="2"/>
      <c r="AD289" s="1"/>
    </row>
    <row r="290" spans="1:30">
      <c r="A290" s="5" t="s">
        <v>83578</v>
      </c>
      <c r="B290" s="2" t="s">
        <v>84443</v>
      </c>
      <c r="C290" s="14" t="s">
        <v>84444</v>
      </c>
      <c r="D290" s="2" t="s">
        <v>84445</v>
      </c>
      <c r="E290" s="2" t="s">
        <v>7563</v>
      </c>
      <c r="F290" s="8">
        <v>272</v>
      </c>
      <c r="G290" s="5">
        <v>8</v>
      </c>
      <c r="H290" s="5" t="s">
        <v>1518</v>
      </c>
      <c r="I290" s="5" t="s">
        <v>1519</v>
      </c>
      <c r="J290" s="2" t="s">
        <v>1520</v>
      </c>
      <c r="K290" s="5" t="s">
        <v>1519</v>
      </c>
      <c r="L290" s="2" t="s">
        <v>1520</v>
      </c>
      <c r="M290" s="5" t="s">
        <v>1521</v>
      </c>
      <c r="N290" s="5" t="s">
        <v>38</v>
      </c>
      <c r="O290" s="5" t="s">
        <v>39</v>
      </c>
      <c r="P290" s="5" t="s">
        <v>40</v>
      </c>
      <c r="Q290" s="5" t="s">
        <v>1522</v>
      </c>
      <c r="R290" s="5" t="s">
        <v>1523</v>
      </c>
      <c r="S290" s="5" t="s">
        <v>42</v>
      </c>
      <c r="T290" s="2">
        <v>1.984</v>
      </c>
      <c r="U290" s="2">
        <v>1.6519999999999999</v>
      </c>
      <c r="V290" s="2">
        <v>0.01</v>
      </c>
      <c r="W290" s="2">
        <v>118.6</v>
      </c>
      <c r="X290" s="2">
        <v>7.6</v>
      </c>
      <c r="Y290" s="2">
        <v>10.6</v>
      </c>
      <c r="Z290" s="5"/>
      <c r="AA290" s="5" t="s">
        <v>43</v>
      </c>
      <c r="AB290" s="5" t="s">
        <v>44</v>
      </c>
      <c r="AC290" s="2"/>
      <c r="AD290" s="1"/>
    </row>
    <row r="291" spans="1:30">
      <c r="A291" s="5" t="s">
        <v>83578</v>
      </c>
      <c r="B291" s="2" t="s">
        <v>84446</v>
      </c>
      <c r="C291" s="14" t="s">
        <v>84447</v>
      </c>
      <c r="D291" s="2" t="s">
        <v>84448</v>
      </c>
      <c r="E291" s="2" t="s">
        <v>7449</v>
      </c>
      <c r="F291" s="8">
        <v>272</v>
      </c>
      <c r="G291" s="5">
        <v>8</v>
      </c>
      <c r="H291" s="5" t="s">
        <v>1518</v>
      </c>
      <c r="I291" s="5" t="s">
        <v>1519</v>
      </c>
      <c r="J291" s="2" t="s">
        <v>1520</v>
      </c>
      <c r="K291" s="5" t="s">
        <v>1519</v>
      </c>
      <c r="L291" s="2" t="s">
        <v>1520</v>
      </c>
      <c r="M291" s="5" t="s">
        <v>1521</v>
      </c>
      <c r="N291" s="5" t="s">
        <v>38</v>
      </c>
      <c r="O291" s="5" t="s">
        <v>39</v>
      </c>
      <c r="P291" s="5" t="s">
        <v>40</v>
      </c>
      <c r="Q291" s="5" t="s">
        <v>1522</v>
      </c>
      <c r="R291" s="5" t="s">
        <v>1523</v>
      </c>
      <c r="S291" s="5" t="s">
        <v>42</v>
      </c>
      <c r="T291" s="2">
        <v>1.984</v>
      </c>
      <c r="U291" s="2">
        <v>1.6519999999999999</v>
      </c>
      <c r="V291" s="2">
        <v>0.01</v>
      </c>
      <c r="W291" s="2">
        <v>118.6</v>
      </c>
      <c r="X291" s="2">
        <v>7.6</v>
      </c>
      <c r="Y291" s="2">
        <v>10.6</v>
      </c>
      <c r="Z291" s="5"/>
      <c r="AA291" s="5" t="s">
        <v>43</v>
      </c>
      <c r="AB291" s="5" t="s">
        <v>44</v>
      </c>
      <c r="AC291" s="2"/>
      <c r="AD291" s="1"/>
    </row>
    <row r="292" spans="1:30">
      <c r="A292" s="5" t="s">
        <v>83578</v>
      </c>
      <c r="B292" s="2" t="s">
        <v>84449</v>
      </c>
      <c r="C292" s="14" t="s">
        <v>84450</v>
      </c>
      <c r="D292" s="2" t="s">
        <v>84451</v>
      </c>
      <c r="E292" s="2" t="s">
        <v>7585</v>
      </c>
      <c r="F292" s="8">
        <v>272</v>
      </c>
      <c r="G292" s="5">
        <v>8</v>
      </c>
      <c r="H292" s="5" t="s">
        <v>1518</v>
      </c>
      <c r="I292" s="5" t="s">
        <v>1519</v>
      </c>
      <c r="J292" s="2" t="s">
        <v>1520</v>
      </c>
      <c r="K292" s="5" t="s">
        <v>1519</v>
      </c>
      <c r="L292" s="2" t="s">
        <v>1520</v>
      </c>
      <c r="M292" s="5" t="s">
        <v>1521</v>
      </c>
      <c r="N292" s="5" t="s">
        <v>38</v>
      </c>
      <c r="O292" s="5" t="s">
        <v>39</v>
      </c>
      <c r="P292" s="5" t="s">
        <v>40</v>
      </c>
      <c r="Q292" s="5" t="s">
        <v>1522</v>
      </c>
      <c r="R292" s="5" t="s">
        <v>1523</v>
      </c>
      <c r="S292" s="5" t="s">
        <v>42</v>
      </c>
      <c r="T292" s="2">
        <v>1.956</v>
      </c>
      <c r="U292" s="2">
        <v>1.6240000000000001</v>
      </c>
      <c r="V292" s="2">
        <v>0.01</v>
      </c>
      <c r="W292" s="2">
        <v>118.6</v>
      </c>
      <c r="X292" s="2">
        <v>7.6</v>
      </c>
      <c r="Y292" s="2">
        <v>10.6</v>
      </c>
      <c r="Z292" s="5"/>
      <c r="AA292" s="5" t="s">
        <v>43</v>
      </c>
      <c r="AB292" s="5" t="s">
        <v>44</v>
      </c>
      <c r="AC292" s="2"/>
      <c r="AD292" s="1"/>
    </row>
    <row r="293" spans="1:30">
      <c r="A293" s="5" t="s">
        <v>83578</v>
      </c>
      <c r="B293" s="2" t="s">
        <v>84452</v>
      </c>
      <c r="C293" s="14" t="s">
        <v>84453</v>
      </c>
      <c r="D293" s="2" t="s">
        <v>84454</v>
      </c>
      <c r="E293" s="2" t="s">
        <v>7593</v>
      </c>
      <c r="F293" s="8">
        <v>272</v>
      </c>
      <c r="G293" s="5">
        <v>8</v>
      </c>
      <c r="H293" s="5" t="s">
        <v>1518</v>
      </c>
      <c r="I293" s="5" t="s">
        <v>1519</v>
      </c>
      <c r="J293" s="2" t="s">
        <v>1520</v>
      </c>
      <c r="K293" s="5" t="s">
        <v>1519</v>
      </c>
      <c r="L293" s="2" t="s">
        <v>1520</v>
      </c>
      <c r="M293" s="5" t="s">
        <v>1521</v>
      </c>
      <c r="N293" s="5" t="s">
        <v>38</v>
      </c>
      <c r="O293" s="5" t="s">
        <v>39</v>
      </c>
      <c r="P293" s="5" t="s">
        <v>40</v>
      </c>
      <c r="Q293" s="5" t="s">
        <v>1522</v>
      </c>
      <c r="R293" s="5" t="s">
        <v>1523</v>
      </c>
      <c r="S293" s="5" t="s">
        <v>42</v>
      </c>
      <c r="T293" s="2">
        <v>1.984</v>
      </c>
      <c r="U293" s="2">
        <v>1.6519999999999999</v>
      </c>
      <c r="V293" s="2">
        <v>0.01</v>
      </c>
      <c r="W293" s="2">
        <v>118.6</v>
      </c>
      <c r="X293" s="2">
        <v>7.6</v>
      </c>
      <c r="Y293" s="2">
        <v>10.6</v>
      </c>
      <c r="Z293" s="5"/>
      <c r="AA293" s="5" t="s">
        <v>43</v>
      </c>
      <c r="AB293" s="5" t="s">
        <v>44</v>
      </c>
      <c r="AC293" s="2"/>
      <c r="AD293" s="1"/>
    </row>
    <row r="294" spans="1:30">
      <c r="A294" s="5" t="s">
        <v>83578</v>
      </c>
      <c r="B294" s="2" t="s">
        <v>84455</v>
      </c>
      <c r="C294" s="14" t="s">
        <v>84456</v>
      </c>
      <c r="D294" s="2" t="s">
        <v>84457</v>
      </c>
      <c r="E294" s="2" t="s">
        <v>7410</v>
      </c>
      <c r="F294" s="8">
        <v>272</v>
      </c>
      <c r="G294" s="5">
        <v>8</v>
      </c>
      <c r="H294" s="5" t="s">
        <v>1518</v>
      </c>
      <c r="I294" s="5" t="s">
        <v>1519</v>
      </c>
      <c r="J294" s="2" t="s">
        <v>1520</v>
      </c>
      <c r="K294" s="5" t="s">
        <v>1519</v>
      </c>
      <c r="L294" s="2" t="s">
        <v>1520</v>
      </c>
      <c r="M294" s="5" t="s">
        <v>1521</v>
      </c>
      <c r="N294" s="5" t="s">
        <v>38</v>
      </c>
      <c r="O294" s="5" t="s">
        <v>39</v>
      </c>
      <c r="P294" s="5" t="s">
        <v>40</v>
      </c>
      <c r="Q294" s="5" t="s">
        <v>1522</v>
      </c>
      <c r="R294" s="5" t="s">
        <v>1523</v>
      </c>
      <c r="S294" s="5" t="s">
        <v>42</v>
      </c>
      <c r="T294" s="2">
        <v>1.984</v>
      </c>
      <c r="U294" s="2">
        <v>1.6519999999999999</v>
      </c>
      <c r="V294" s="2">
        <v>0.01</v>
      </c>
      <c r="W294" s="2">
        <v>118.6</v>
      </c>
      <c r="X294" s="2">
        <v>7.6</v>
      </c>
      <c r="Y294" s="2">
        <v>10.6</v>
      </c>
      <c r="Z294" s="5"/>
      <c r="AA294" s="5" t="s">
        <v>43</v>
      </c>
      <c r="AB294" s="5" t="s">
        <v>44</v>
      </c>
      <c r="AC294" s="2"/>
      <c r="AD294" s="1"/>
    </row>
    <row r="295" spans="1:30">
      <c r="A295" s="5" t="s">
        <v>83578</v>
      </c>
      <c r="B295" s="2" t="s">
        <v>84458</v>
      </c>
      <c r="C295" s="14" t="s">
        <v>84459</v>
      </c>
      <c r="D295" s="2" t="s">
        <v>84460</v>
      </c>
      <c r="E295" s="2" t="s">
        <v>7615</v>
      </c>
      <c r="F295" s="8">
        <v>272</v>
      </c>
      <c r="G295" s="5">
        <v>8</v>
      </c>
      <c r="H295" s="5" t="s">
        <v>1518</v>
      </c>
      <c r="I295" s="5" t="s">
        <v>1519</v>
      </c>
      <c r="J295" s="2" t="s">
        <v>1520</v>
      </c>
      <c r="K295" s="5" t="s">
        <v>1519</v>
      </c>
      <c r="L295" s="2" t="s">
        <v>1520</v>
      </c>
      <c r="M295" s="5" t="s">
        <v>1521</v>
      </c>
      <c r="N295" s="5" t="s">
        <v>38</v>
      </c>
      <c r="O295" s="5" t="s">
        <v>39</v>
      </c>
      <c r="P295" s="5" t="s">
        <v>40</v>
      </c>
      <c r="Q295" s="5" t="s">
        <v>1522</v>
      </c>
      <c r="R295" s="5" t="s">
        <v>1523</v>
      </c>
      <c r="S295" s="5" t="s">
        <v>42</v>
      </c>
      <c r="T295" s="2">
        <v>1.956</v>
      </c>
      <c r="U295" s="2">
        <v>1.6240000000000001</v>
      </c>
      <c r="V295" s="2">
        <v>0.01</v>
      </c>
      <c r="W295" s="2">
        <v>118.6</v>
      </c>
      <c r="X295" s="2">
        <v>7.6</v>
      </c>
      <c r="Y295" s="2">
        <v>10.6</v>
      </c>
      <c r="Z295" s="5"/>
      <c r="AA295" s="5" t="s">
        <v>43</v>
      </c>
      <c r="AB295" s="5" t="s">
        <v>44</v>
      </c>
      <c r="AC295" s="2"/>
      <c r="AD295" s="1"/>
    </row>
    <row r="296" spans="1:30">
      <c r="A296" s="5" t="s">
        <v>83578</v>
      </c>
      <c r="B296" s="2" t="s">
        <v>84461</v>
      </c>
      <c r="C296" s="14" t="s">
        <v>84462</v>
      </c>
      <c r="D296" s="2" t="s">
        <v>84463</v>
      </c>
      <c r="E296" s="2" t="s">
        <v>7406</v>
      </c>
      <c r="F296" s="8">
        <v>272</v>
      </c>
      <c r="G296" s="5">
        <v>8</v>
      </c>
      <c r="H296" s="5" t="s">
        <v>1518</v>
      </c>
      <c r="I296" s="5" t="s">
        <v>1519</v>
      </c>
      <c r="J296" s="2" t="s">
        <v>1520</v>
      </c>
      <c r="K296" s="5" t="s">
        <v>1519</v>
      </c>
      <c r="L296" s="2" t="s">
        <v>1520</v>
      </c>
      <c r="M296" s="5" t="s">
        <v>1521</v>
      </c>
      <c r="N296" s="5" t="s">
        <v>38</v>
      </c>
      <c r="O296" s="5" t="s">
        <v>39</v>
      </c>
      <c r="P296" s="5" t="s">
        <v>40</v>
      </c>
      <c r="Q296" s="5" t="s">
        <v>1522</v>
      </c>
      <c r="R296" s="5" t="s">
        <v>1523</v>
      </c>
      <c r="S296" s="5" t="s">
        <v>42</v>
      </c>
      <c r="T296" s="2">
        <v>2.222</v>
      </c>
      <c r="U296" s="2">
        <v>1.8380000000000001</v>
      </c>
      <c r="V296" s="2">
        <v>1.0999999999999999E-2</v>
      </c>
      <c r="W296" s="2">
        <v>139.1</v>
      </c>
      <c r="X296" s="2">
        <v>7.6</v>
      </c>
      <c r="Y296" s="2">
        <v>10.6</v>
      </c>
      <c r="Z296" s="5"/>
      <c r="AA296" s="5" t="s">
        <v>43</v>
      </c>
      <c r="AB296" s="5" t="s">
        <v>44</v>
      </c>
      <c r="AC296" s="2"/>
      <c r="AD296" s="1"/>
    </row>
    <row r="297" spans="1:30">
      <c r="A297" s="5" t="s">
        <v>83578</v>
      </c>
      <c r="B297" s="2" t="s">
        <v>84464</v>
      </c>
      <c r="C297" s="14" t="s">
        <v>84465</v>
      </c>
      <c r="D297" s="2" t="s">
        <v>84466</v>
      </c>
      <c r="E297" s="2" t="s">
        <v>7539</v>
      </c>
      <c r="F297" s="8">
        <v>272</v>
      </c>
      <c r="G297" s="5">
        <v>8</v>
      </c>
      <c r="H297" s="5" t="s">
        <v>1518</v>
      </c>
      <c r="I297" s="5" t="s">
        <v>1519</v>
      </c>
      <c r="J297" s="2" t="s">
        <v>1520</v>
      </c>
      <c r="K297" s="5" t="s">
        <v>1519</v>
      </c>
      <c r="L297" s="2" t="s">
        <v>1520</v>
      </c>
      <c r="M297" s="5" t="s">
        <v>1521</v>
      </c>
      <c r="N297" s="5" t="s">
        <v>38</v>
      </c>
      <c r="O297" s="5" t="s">
        <v>39</v>
      </c>
      <c r="P297" s="5" t="s">
        <v>40</v>
      </c>
      <c r="Q297" s="5" t="s">
        <v>1522</v>
      </c>
      <c r="R297" s="5" t="s">
        <v>1523</v>
      </c>
      <c r="S297" s="5" t="s">
        <v>42</v>
      </c>
      <c r="T297" s="2">
        <v>2.2589999999999999</v>
      </c>
      <c r="U297" s="2">
        <v>1.875</v>
      </c>
      <c r="V297" s="2">
        <v>1.0999999999999999E-2</v>
      </c>
      <c r="W297" s="2">
        <v>139.1</v>
      </c>
      <c r="X297" s="2">
        <v>7.6</v>
      </c>
      <c r="Y297" s="2">
        <v>10.6</v>
      </c>
      <c r="Z297" s="5"/>
      <c r="AA297" s="5" t="s">
        <v>43</v>
      </c>
      <c r="AB297" s="5" t="s">
        <v>44</v>
      </c>
      <c r="AC297" s="2"/>
      <c r="AD297" s="1"/>
    </row>
    <row r="298" spans="1:30">
      <c r="A298" s="5" t="s">
        <v>83578</v>
      </c>
      <c r="B298" s="2" t="s">
        <v>84467</v>
      </c>
      <c r="C298" s="14" t="s">
        <v>84468</v>
      </c>
      <c r="D298" s="2" t="s">
        <v>84469</v>
      </c>
      <c r="E298" s="2" t="s">
        <v>7547</v>
      </c>
      <c r="F298" s="8">
        <v>272</v>
      </c>
      <c r="G298" s="5">
        <v>8</v>
      </c>
      <c r="H298" s="5" t="s">
        <v>1518</v>
      </c>
      <c r="I298" s="5" t="s">
        <v>1519</v>
      </c>
      <c r="J298" s="2" t="s">
        <v>1520</v>
      </c>
      <c r="K298" s="5" t="s">
        <v>1519</v>
      </c>
      <c r="L298" s="2" t="s">
        <v>1520</v>
      </c>
      <c r="M298" s="5" t="s">
        <v>1521</v>
      </c>
      <c r="N298" s="5" t="s">
        <v>38</v>
      </c>
      <c r="O298" s="5" t="s">
        <v>39</v>
      </c>
      <c r="P298" s="5" t="s">
        <v>40</v>
      </c>
      <c r="Q298" s="5" t="s">
        <v>1522</v>
      </c>
      <c r="R298" s="5" t="s">
        <v>1523</v>
      </c>
      <c r="S298" s="5" t="s">
        <v>42</v>
      </c>
      <c r="T298" s="2">
        <v>2.222</v>
      </c>
      <c r="U298" s="2">
        <v>1.8380000000000001</v>
      </c>
      <c r="V298" s="2">
        <v>1.0999999999999999E-2</v>
      </c>
      <c r="W298" s="2">
        <v>139.1</v>
      </c>
      <c r="X298" s="2">
        <v>7.6</v>
      </c>
      <c r="Y298" s="2">
        <v>10.6</v>
      </c>
      <c r="Z298" s="5"/>
      <c r="AA298" s="5" t="s">
        <v>43</v>
      </c>
      <c r="AB298" s="5" t="s">
        <v>44</v>
      </c>
      <c r="AC298" s="2"/>
      <c r="AD298" s="1"/>
    </row>
    <row r="299" spans="1:30">
      <c r="A299" s="5" t="s">
        <v>83578</v>
      </c>
      <c r="B299" s="2" t="s">
        <v>84470</v>
      </c>
      <c r="C299" s="14" t="s">
        <v>84471</v>
      </c>
      <c r="D299" s="2" t="s">
        <v>84472</v>
      </c>
      <c r="E299" s="2" t="s">
        <v>7555</v>
      </c>
      <c r="F299" s="8">
        <v>272</v>
      </c>
      <c r="G299" s="5">
        <v>8</v>
      </c>
      <c r="H299" s="5" t="s">
        <v>1518</v>
      </c>
      <c r="I299" s="5" t="s">
        <v>1519</v>
      </c>
      <c r="J299" s="2" t="s">
        <v>1520</v>
      </c>
      <c r="K299" s="5" t="s">
        <v>1519</v>
      </c>
      <c r="L299" s="2" t="s">
        <v>1520</v>
      </c>
      <c r="M299" s="5" t="s">
        <v>1521</v>
      </c>
      <c r="N299" s="5" t="s">
        <v>38</v>
      </c>
      <c r="O299" s="5" t="s">
        <v>39</v>
      </c>
      <c r="P299" s="5" t="s">
        <v>40</v>
      </c>
      <c r="Q299" s="5" t="s">
        <v>1522</v>
      </c>
      <c r="R299" s="5" t="s">
        <v>1523</v>
      </c>
      <c r="S299" s="5" t="s">
        <v>42</v>
      </c>
      <c r="T299" s="2">
        <v>2.222</v>
      </c>
      <c r="U299" s="2">
        <v>1.8380000000000001</v>
      </c>
      <c r="V299" s="2">
        <v>1.0999999999999999E-2</v>
      </c>
      <c r="W299" s="2">
        <v>139.1</v>
      </c>
      <c r="X299" s="2">
        <v>7.6</v>
      </c>
      <c r="Y299" s="2">
        <v>10.6</v>
      </c>
      <c r="Z299" s="5"/>
      <c r="AA299" s="5" t="s">
        <v>43</v>
      </c>
      <c r="AB299" s="5" t="s">
        <v>44</v>
      </c>
      <c r="AC299" s="2"/>
      <c r="AD299" s="1"/>
    </row>
    <row r="300" spans="1:30">
      <c r="A300" s="5" t="s">
        <v>83578</v>
      </c>
      <c r="B300" s="2" t="s">
        <v>84473</v>
      </c>
      <c r="C300" s="14" t="s">
        <v>84474</v>
      </c>
      <c r="D300" s="2" t="s">
        <v>84475</v>
      </c>
      <c r="E300" s="2" t="s">
        <v>7563</v>
      </c>
      <c r="F300" s="8">
        <v>272</v>
      </c>
      <c r="G300" s="5">
        <v>8</v>
      </c>
      <c r="H300" s="5" t="s">
        <v>1518</v>
      </c>
      <c r="I300" s="5" t="s">
        <v>1519</v>
      </c>
      <c r="J300" s="2" t="s">
        <v>1520</v>
      </c>
      <c r="K300" s="5" t="s">
        <v>1519</v>
      </c>
      <c r="L300" s="2" t="s">
        <v>1520</v>
      </c>
      <c r="M300" s="5" t="s">
        <v>1521</v>
      </c>
      <c r="N300" s="5" t="s">
        <v>38</v>
      </c>
      <c r="O300" s="5" t="s">
        <v>39</v>
      </c>
      <c r="P300" s="5" t="s">
        <v>40</v>
      </c>
      <c r="Q300" s="5" t="s">
        <v>1522</v>
      </c>
      <c r="R300" s="5" t="s">
        <v>1523</v>
      </c>
      <c r="S300" s="5" t="s">
        <v>42</v>
      </c>
      <c r="T300" s="2">
        <v>2.2589999999999999</v>
      </c>
      <c r="U300" s="2">
        <v>1.875</v>
      </c>
      <c r="V300" s="2">
        <v>1.0999999999999999E-2</v>
      </c>
      <c r="W300" s="2">
        <v>139.1</v>
      </c>
      <c r="X300" s="2">
        <v>7.6</v>
      </c>
      <c r="Y300" s="2">
        <v>10.6</v>
      </c>
      <c r="Z300" s="5"/>
      <c r="AA300" s="5" t="s">
        <v>43</v>
      </c>
      <c r="AB300" s="5" t="s">
        <v>44</v>
      </c>
      <c r="AC300" s="2"/>
      <c r="AD300" s="1"/>
    </row>
    <row r="301" spans="1:30">
      <c r="A301" s="5" t="s">
        <v>83578</v>
      </c>
      <c r="B301" s="2" t="s">
        <v>84476</v>
      </c>
      <c r="C301" s="14" t="s">
        <v>84477</v>
      </c>
      <c r="D301" s="2" t="s">
        <v>84478</v>
      </c>
      <c r="E301" s="2" t="s">
        <v>7429</v>
      </c>
      <c r="F301" s="8">
        <v>272</v>
      </c>
      <c r="G301" s="5">
        <v>8</v>
      </c>
      <c r="H301" s="5" t="s">
        <v>1518</v>
      </c>
      <c r="I301" s="5" t="s">
        <v>1519</v>
      </c>
      <c r="J301" s="2" t="s">
        <v>1520</v>
      </c>
      <c r="K301" s="5" t="s">
        <v>1519</v>
      </c>
      <c r="L301" s="2" t="s">
        <v>1520</v>
      </c>
      <c r="M301" s="5" t="s">
        <v>1521</v>
      </c>
      <c r="N301" s="5" t="s">
        <v>38</v>
      </c>
      <c r="O301" s="5" t="s">
        <v>39</v>
      </c>
      <c r="P301" s="5" t="s">
        <v>40</v>
      </c>
      <c r="Q301" s="5" t="s">
        <v>1522</v>
      </c>
      <c r="R301" s="5" t="s">
        <v>1523</v>
      </c>
      <c r="S301" s="5" t="s">
        <v>42</v>
      </c>
      <c r="T301" s="2">
        <v>2.2589999999999999</v>
      </c>
      <c r="U301" s="2">
        <v>1.875</v>
      </c>
      <c r="V301" s="2">
        <v>1.0999999999999999E-2</v>
      </c>
      <c r="W301" s="2">
        <v>139.1</v>
      </c>
      <c r="X301" s="2">
        <v>7.6</v>
      </c>
      <c r="Y301" s="2">
        <v>10.6</v>
      </c>
      <c r="Z301" s="5"/>
      <c r="AA301" s="5" t="s">
        <v>43</v>
      </c>
      <c r="AB301" s="5" t="s">
        <v>44</v>
      </c>
      <c r="AC301" s="2"/>
      <c r="AD301" s="1"/>
    </row>
    <row r="302" spans="1:30">
      <c r="A302" s="5" t="s">
        <v>83578</v>
      </c>
      <c r="B302" s="2" t="s">
        <v>84479</v>
      </c>
      <c r="C302" s="14" t="s">
        <v>84480</v>
      </c>
      <c r="D302" s="2" t="s">
        <v>84481</v>
      </c>
      <c r="E302" s="2" t="s">
        <v>7585</v>
      </c>
      <c r="F302" s="8">
        <v>272</v>
      </c>
      <c r="G302" s="5">
        <v>8</v>
      </c>
      <c r="H302" s="5" t="s">
        <v>1518</v>
      </c>
      <c r="I302" s="5" t="s">
        <v>1519</v>
      </c>
      <c r="J302" s="2" t="s">
        <v>1520</v>
      </c>
      <c r="K302" s="5" t="s">
        <v>1519</v>
      </c>
      <c r="L302" s="2" t="s">
        <v>1520</v>
      </c>
      <c r="M302" s="5" t="s">
        <v>1521</v>
      </c>
      <c r="N302" s="5" t="s">
        <v>38</v>
      </c>
      <c r="O302" s="5" t="s">
        <v>39</v>
      </c>
      <c r="P302" s="5" t="s">
        <v>40</v>
      </c>
      <c r="Q302" s="5" t="s">
        <v>1522</v>
      </c>
      <c r="R302" s="5" t="s">
        <v>1523</v>
      </c>
      <c r="S302" s="5" t="s">
        <v>42</v>
      </c>
      <c r="T302" s="2">
        <v>2.222</v>
      </c>
      <c r="U302" s="2">
        <v>1.8380000000000001</v>
      </c>
      <c r="V302" s="2">
        <v>1.0999999999999999E-2</v>
      </c>
      <c r="W302" s="2">
        <v>139.1</v>
      </c>
      <c r="X302" s="2">
        <v>7.6</v>
      </c>
      <c r="Y302" s="2">
        <v>10.6</v>
      </c>
      <c r="Z302" s="5"/>
      <c r="AA302" s="5" t="s">
        <v>43</v>
      </c>
      <c r="AB302" s="5" t="s">
        <v>44</v>
      </c>
      <c r="AC302" s="2"/>
      <c r="AD302" s="1"/>
    </row>
    <row r="303" spans="1:30">
      <c r="A303" s="5" t="s">
        <v>83578</v>
      </c>
      <c r="B303" s="2" t="s">
        <v>84482</v>
      </c>
      <c r="C303" s="14" t="s">
        <v>84483</v>
      </c>
      <c r="D303" s="2" t="s">
        <v>84484</v>
      </c>
      <c r="E303" s="2" t="s">
        <v>7593</v>
      </c>
      <c r="F303" s="8">
        <v>272</v>
      </c>
      <c r="G303" s="5">
        <v>8</v>
      </c>
      <c r="H303" s="5" t="s">
        <v>1518</v>
      </c>
      <c r="I303" s="5" t="s">
        <v>1519</v>
      </c>
      <c r="J303" s="2" t="s">
        <v>1520</v>
      </c>
      <c r="K303" s="5" t="s">
        <v>1519</v>
      </c>
      <c r="L303" s="2" t="s">
        <v>1520</v>
      </c>
      <c r="M303" s="5" t="s">
        <v>1521</v>
      </c>
      <c r="N303" s="5" t="s">
        <v>38</v>
      </c>
      <c r="O303" s="5" t="s">
        <v>39</v>
      </c>
      <c r="P303" s="5" t="s">
        <v>40</v>
      </c>
      <c r="Q303" s="5" t="s">
        <v>1522</v>
      </c>
      <c r="R303" s="5" t="s">
        <v>1523</v>
      </c>
      <c r="S303" s="5" t="s">
        <v>42</v>
      </c>
      <c r="T303" s="2">
        <v>2.2589999999999999</v>
      </c>
      <c r="U303" s="2">
        <v>1.875</v>
      </c>
      <c r="V303" s="2">
        <v>1.0999999999999999E-2</v>
      </c>
      <c r="W303" s="2">
        <v>139.1</v>
      </c>
      <c r="X303" s="2">
        <v>7.6</v>
      </c>
      <c r="Y303" s="2">
        <v>10.6</v>
      </c>
      <c r="Z303" s="5"/>
      <c r="AA303" s="5" t="s">
        <v>43</v>
      </c>
      <c r="AB303" s="5" t="s">
        <v>44</v>
      </c>
      <c r="AC303" s="2"/>
      <c r="AD303" s="1"/>
    </row>
    <row r="304" spans="1:30">
      <c r="A304" s="5" t="s">
        <v>83578</v>
      </c>
      <c r="B304" s="2" t="s">
        <v>84485</v>
      </c>
      <c r="C304" s="14" t="s">
        <v>84486</v>
      </c>
      <c r="D304" s="2" t="s">
        <v>84487</v>
      </c>
      <c r="E304" s="2" t="s">
        <v>7410</v>
      </c>
      <c r="F304" s="8">
        <v>272</v>
      </c>
      <c r="G304" s="5">
        <v>8</v>
      </c>
      <c r="H304" s="5" t="s">
        <v>1518</v>
      </c>
      <c r="I304" s="5" t="s">
        <v>1519</v>
      </c>
      <c r="J304" s="2" t="s">
        <v>1520</v>
      </c>
      <c r="K304" s="5" t="s">
        <v>1519</v>
      </c>
      <c r="L304" s="2" t="s">
        <v>1520</v>
      </c>
      <c r="M304" s="5" t="s">
        <v>1521</v>
      </c>
      <c r="N304" s="5" t="s">
        <v>38</v>
      </c>
      <c r="O304" s="5" t="s">
        <v>39</v>
      </c>
      <c r="P304" s="5" t="s">
        <v>40</v>
      </c>
      <c r="Q304" s="5" t="s">
        <v>1522</v>
      </c>
      <c r="R304" s="5" t="s">
        <v>1523</v>
      </c>
      <c r="S304" s="5" t="s">
        <v>42</v>
      </c>
      <c r="T304" s="2">
        <v>2.2589999999999999</v>
      </c>
      <c r="U304" s="2">
        <v>1.875</v>
      </c>
      <c r="V304" s="2">
        <v>1.0999999999999999E-2</v>
      </c>
      <c r="W304" s="2">
        <v>139.1</v>
      </c>
      <c r="X304" s="2">
        <v>7.6</v>
      </c>
      <c r="Y304" s="2">
        <v>10.6</v>
      </c>
      <c r="Z304" s="5"/>
      <c r="AA304" s="5" t="s">
        <v>43</v>
      </c>
      <c r="AB304" s="5" t="s">
        <v>44</v>
      </c>
      <c r="AC304" s="2"/>
      <c r="AD304" s="1"/>
    </row>
    <row r="305" spans="1:30">
      <c r="A305" s="5" t="s">
        <v>83578</v>
      </c>
      <c r="B305" s="2" t="s">
        <v>84488</v>
      </c>
      <c r="C305" s="14" t="s">
        <v>84489</v>
      </c>
      <c r="D305" s="2" t="s">
        <v>84490</v>
      </c>
      <c r="E305" s="2" t="s">
        <v>7615</v>
      </c>
      <c r="F305" s="8">
        <v>272</v>
      </c>
      <c r="G305" s="5">
        <v>8</v>
      </c>
      <c r="H305" s="5" t="s">
        <v>1518</v>
      </c>
      <c r="I305" s="5" t="s">
        <v>1519</v>
      </c>
      <c r="J305" s="2" t="s">
        <v>1520</v>
      </c>
      <c r="K305" s="5" t="s">
        <v>1519</v>
      </c>
      <c r="L305" s="2" t="s">
        <v>1520</v>
      </c>
      <c r="M305" s="5" t="s">
        <v>1521</v>
      </c>
      <c r="N305" s="5" t="s">
        <v>38</v>
      </c>
      <c r="O305" s="5" t="s">
        <v>39</v>
      </c>
      <c r="P305" s="5" t="s">
        <v>40</v>
      </c>
      <c r="Q305" s="5" t="s">
        <v>1522</v>
      </c>
      <c r="R305" s="5" t="s">
        <v>1523</v>
      </c>
      <c r="S305" s="5" t="s">
        <v>42</v>
      </c>
      <c r="T305" s="2">
        <v>2.222</v>
      </c>
      <c r="U305" s="2">
        <v>1.8380000000000001</v>
      </c>
      <c r="V305" s="2">
        <v>1.0999999999999999E-2</v>
      </c>
      <c r="W305" s="2">
        <v>139.1</v>
      </c>
      <c r="X305" s="2">
        <v>7.6</v>
      </c>
      <c r="Y305" s="2">
        <v>10.6</v>
      </c>
      <c r="Z305" s="5"/>
      <c r="AA305" s="5" t="s">
        <v>43</v>
      </c>
      <c r="AB305" s="5" t="s">
        <v>44</v>
      </c>
      <c r="AC305" s="2"/>
      <c r="AD305" s="1"/>
    </row>
    <row r="306" spans="1:30">
      <c r="A306" s="5" t="s">
        <v>83578</v>
      </c>
      <c r="B306" s="2" t="s">
        <v>84491</v>
      </c>
      <c r="C306" s="14" t="s">
        <v>84492</v>
      </c>
      <c r="D306" s="2" t="s">
        <v>84493</v>
      </c>
      <c r="E306" s="2" t="s">
        <v>2724</v>
      </c>
      <c r="F306" s="8">
        <v>83</v>
      </c>
      <c r="G306" s="5">
        <v>13</v>
      </c>
      <c r="H306" s="5" t="s">
        <v>1518</v>
      </c>
      <c r="I306" s="5" t="s">
        <v>1519</v>
      </c>
      <c r="J306" s="2" t="s">
        <v>1520</v>
      </c>
      <c r="K306" s="5" t="s">
        <v>1519</v>
      </c>
      <c r="L306" s="2" t="s">
        <v>1520</v>
      </c>
      <c r="M306" s="5" t="s">
        <v>1521</v>
      </c>
      <c r="N306" s="5" t="s">
        <v>38</v>
      </c>
      <c r="O306" s="5" t="s">
        <v>39</v>
      </c>
      <c r="P306" s="5" t="s">
        <v>40</v>
      </c>
      <c r="Q306" s="5" t="s">
        <v>1522</v>
      </c>
      <c r="R306" s="5" t="s">
        <v>1523</v>
      </c>
      <c r="S306" s="5" t="s">
        <v>42</v>
      </c>
      <c r="T306" s="2">
        <v>1.0760000000000001</v>
      </c>
      <c r="U306" s="2">
        <v>0.84199999999999997</v>
      </c>
      <c r="V306" s="2">
        <v>5.0000000000000001E-3</v>
      </c>
      <c r="W306" s="2">
        <v>59.9</v>
      </c>
      <c r="X306" s="2">
        <v>7.6</v>
      </c>
      <c r="Y306" s="2">
        <v>10.6</v>
      </c>
      <c r="Z306" s="5"/>
      <c r="AA306" s="5" t="s">
        <v>43</v>
      </c>
      <c r="AB306" s="5" t="s">
        <v>44</v>
      </c>
      <c r="AC306" s="2"/>
      <c r="AD306" s="1"/>
    </row>
    <row r="307" spans="1:30">
      <c r="A307" s="5" t="s">
        <v>83578</v>
      </c>
      <c r="B307" s="2" t="s">
        <v>84494</v>
      </c>
      <c r="C307" s="14" t="s">
        <v>84495</v>
      </c>
      <c r="D307" s="2" t="s">
        <v>84496</v>
      </c>
      <c r="E307" s="2" t="s">
        <v>2204</v>
      </c>
      <c r="F307" s="8">
        <v>94</v>
      </c>
      <c r="G307" s="5">
        <v>13</v>
      </c>
      <c r="H307" s="5" t="s">
        <v>1518</v>
      </c>
      <c r="I307" s="5" t="s">
        <v>1519</v>
      </c>
      <c r="J307" s="2" t="s">
        <v>1520</v>
      </c>
      <c r="K307" s="5" t="s">
        <v>1519</v>
      </c>
      <c r="L307" s="2" t="s">
        <v>1520</v>
      </c>
      <c r="M307" s="5" t="s">
        <v>1521</v>
      </c>
      <c r="N307" s="5" t="s">
        <v>38</v>
      </c>
      <c r="O307" s="5" t="s">
        <v>39</v>
      </c>
      <c r="P307" s="5" t="s">
        <v>40</v>
      </c>
      <c r="Q307" s="5" t="s">
        <v>1522</v>
      </c>
      <c r="R307" s="5" t="s">
        <v>1523</v>
      </c>
      <c r="S307" s="5" t="s">
        <v>42</v>
      </c>
      <c r="T307" s="2">
        <v>1.18</v>
      </c>
      <c r="U307" s="2">
        <v>0.92200000000000004</v>
      </c>
      <c r="V307" s="2">
        <v>6.0000000000000001E-3</v>
      </c>
      <c r="W307" s="2">
        <v>76.900000000000006</v>
      </c>
      <c r="X307" s="2">
        <v>7.6</v>
      </c>
      <c r="Y307" s="2">
        <v>10.6</v>
      </c>
      <c r="Z307" s="5"/>
      <c r="AA307" s="5" t="s">
        <v>43</v>
      </c>
      <c r="AB307" s="5" t="s">
        <v>44</v>
      </c>
      <c r="AC307" s="2"/>
      <c r="AD307" s="1"/>
    </row>
    <row r="308" spans="1:30">
      <c r="A308" s="5" t="s">
        <v>83578</v>
      </c>
      <c r="B308" s="2" t="s">
        <v>84497</v>
      </c>
      <c r="C308" s="14" t="s">
        <v>84498</v>
      </c>
      <c r="D308" s="2" t="s">
        <v>84499</v>
      </c>
      <c r="E308" s="2" t="s">
        <v>7597</v>
      </c>
      <c r="F308" s="8">
        <v>105</v>
      </c>
      <c r="G308" s="5">
        <v>6</v>
      </c>
      <c r="H308" s="5" t="s">
        <v>1518</v>
      </c>
      <c r="I308" s="5" t="s">
        <v>1519</v>
      </c>
      <c r="J308" s="2" t="s">
        <v>1520</v>
      </c>
      <c r="K308" s="5" t="s">
        <v>1519</v>
      </c>
      <c r="L308" s="2" t="s">
        <v>1520</v>
      </c>
      <c r="M308" s="5" t="s">
        <v>1521</v>
      </c>
      <c r="N308" s="5" t="s">
        <v>38</v>
      </c>
      <c r="O308" s="5" t="s">
        <v>39</v>
      </c>
      <c r="P308" s="5" t="s">
        <v>40</v>
      </c>
      <c r="Q308" s="5" t="s">
        <v>1522</v>
      </c>
      <c r="R308" s="5" t="s">
        <v>1523</v>
      </c>
      <c r="S308" s="5" t="s">
        <v>42</v>
      </c>
      <c r="T308" s="2">
        <v>1.389</v>
      </c>
      <c r="U308" s="2">
        <v>1.0269999999999999</v>
      </c>
      <c r="V308" s="2">
        <v>8.0000000000000002E-3</v>
      </c>
      <c r="W308" s="2">
        <v>99.1</v>
      </c>
      <c r="X308" s="2">
        <v>7.6</v>
      </c>
      <c r="Y308" s="2">
        <v>10.6</v>
      </c>
      <c r="Z308" s="5"/>
      <c r="AA308" s="5" t="s">
        <v>43</v>
      </c>
      <c r="AB308" s="5" t="s">
        <v>44</v>
      </c>
      <c r="AC308" s="2"/>
      <c r="AD308" s="1"/>
    </row>
    <row r="309" spans="1:30">
      <c r="A309" s="5" t="s">
        <v>83578</v>
      </c>
      <c r="B309" s="2" t="s">
        <v>84500</v>
      </c>
      <c r="C309" s="14" t="s">
        <v>84501</v>
      </c>
      <c r="D309" s="2" t="s">
        <v>84502</v>
      </c>
      <c r="E309" s="2" t="s">
        <v>1973</v>
      </c>
      <c r="F309" s="8">
        <v>105</v>
      </c>
      <c r="G309" s="5">
        <v>13</v>
      </c>
      <c r="H309" s="5" t="s">
        <v>1518</v>
      </c>
      <c r="I309" s="5" t="s">
        <v>1519</v>
      </c>
      <c r="J309" s="2" t="s">
        <v>1520</v>
      </c>
      <c r="K309" s="5" t="s">
        <v>1519</v>
      </c>
      <c r="L309" s="2" t="s">
        <v>1520</v>
      </c>
      <c r="M309" s="5" t="s">
        <v>1521</v>
      </c>
      <c r="N309" s="5" t="s">
        <v>38</v>
      </c>
      <c r="O309" s="5" t="s">
        <v>39</v>
      </c>
      <c r="P309" s="5" t="s">
        <v>40</v>
      </c>
      <c r="Q309" s="5" t="s">
        <v>1522</v>
      </c>
      <c r="R309" s="5" t="s">
        <v>1523</v>
      </c>
      <c r="S309" s="5" t="s">
        <v>42</v>
      </c>
      <c r="T309" s="2">
        <v>1.389</v>
      </c>
      <c r="U309" s="2">
        <v>1.0269999999999999</v>
      </c>
      <c r="V309" s="2">
        <v>8.0000000000000002E-3</v>
      </c>
      <c r="W309" s="2">
        <v>99.1</v>
      </c>
      <c r="X309" s="2">
        <v>7.6</v>
      </c>
      <c r="Y309" s="2">
        <v>10.6</v>
      </c>
      <c r="Z309" s="5"/>
      <c r="AA309" s="5" t="s">
        <v>43</v>
      </c>
      <c r="AB309" s="5" t="s">
        <v>44</v>
      </c>
      <c r="AC309" s="2"/>
      <c r="AD309" s="1"/>
    </row>
    <row r="310" spans="1:30">
      <c r="A310" s="5" t="s">
        <v>83578</v>
      </c>
      <c r="B310" s="2" t="s">
        <v>84503</v>
      </c>
      <c r="C310" s="14" t="s">
        <v>84504</v>
      </c>
      <c r="D310" s="2" t="s">
        <v>84505</v>
      </c>
      <c r="E310" s="2" t="s">
        <v>2348</v>
      </c>
      <c r="F310" s="8">
        <v>105</v>
      </c>
      <c r="G310" s="5">
        <v>13</v>
      </c>
      <c r="H310" s="5" t="s">
        <v>1518</v>
      </c>
      <c r="I310" s="5" t="s">
        <v>1519</v>
      </c>
      <c r="J310" s="2" t="s">
        <v>1520</v>
      </c>
      <c r="K310" s="5" t="s">
        <v>1519</v>
      </c>
      <c r="L310" s="2" t="s">
        <v>1520</v>
      </c>
      <c r="M310" s="5" t="s">
        <v>1521</v>
      </c>
      <c r="N310" s="5" t="s">
        <v>38</v>
      </c>
      <c r="O310" s="5" t="s">
        <v>39</v>
      </c>
      <c r="P310" s="5" t="s">
        <v>40</v>
      </c>
      <c r="Q310" s="5" t="s">
        <v>1522</v>
      </c>
      <c r="R310" s="5" t="s">
        <v>1523</v>
      </c>
      <c r="S310" s="5" t="s">
        <v>42</v>
      </c>
      <c r="T310" s="2">
        <v>1.421</v>
      </c>
      <c r="U310" s="2">
        <v>1.0589999999999999</v>
      </c>
      <c r="V310" s="2">
        <v>8.0000000000000002E-3</v>
      </c>
      <c r="W310" s="2">
        <v>99.1</v>
      </c>
      <c r="X310" s="2">
        <v>7.6</v>
      </c>
      <c r="Y310" s="2">
        <v>10.6</v>
      </c>
      <c r="Z310" s="5"/>
      <c r="AA310" s="5" t="s">
        <v>43</v>
      </c>
      <c r="AB310" s="5" t="s">
        <v>44</v>
      </c>
      <c r="AC310" s="2"/>
      <c r="AD310" s="1"/>
    </row>
    <row r="311" spans="1:30">
      <c r="A311" s="5" t="s">
        <v>83578</v>
      </c>
      <c r="B311" s="2" t="s">
        <v>84506</v>
      </c>
      <c r="C311" s="14" t="s">
        <v>84507</v>
      </c>
      <c r="D311" s="2" t="s">
        <v>84508</v>
      </c>
      <c r="E311" s="2" t="s">
        <v>2204</v>
      </c>
      <c r="F311" s="8">
        <v>105</v>
      </c>
      <c r="G311" s="5">
        <v>13</v>
      </c>
      <c r="H311" s="5" t="s">
        <v>1518</v>
      </c>
      <c r="I311" s="5" t="s">
        <v>1519</v>
      </c>
      <c r="J311" s="2" t="s">
        <v>1520</v>
      </c>
      <c r="K311" s="5" t="s">
        <v>1519</v>
      </c>
      <c r="L311" s="2" t="s">
        <v>1520</v>
      </c>
      <c r="M311" s="5" t="s">
        <v>1521</v>
      </c>
      <c r="N311" s="5" t="s">
        <v>38</v>
      </c>
      <c r="O311" s="5" t="s">
        <v>39</v>
      </c>
      <c r="P311" s="5" t="s">
        <v>40</v>
      </c>
      <c r="Q311" s="5" t="s">
        <v>1522</v>
      </c>
      <c r="R311" s="5" t="s">
        <v>1523</v>
      </c>
      <c r="S311" s="5" t="s">
        <v>42</v>
      </c>
      <c r="T311" s="2">
        <v>1.389</v>
      </c>
      <c r="U311" s="2">
        <v>1.0269999999999999</v>
      </c>
      <c r="V311" s="2">
        <v>8.0000000000000002E-3</v>
      </c>
      <c r="W311" s="2">
        <v>99.1</v>
      </c>
      <c r="X311" s="2">
        <v>7.6</v>
      </c>
      <c r="Y311" s="2">
        <v>10.6</v>
      </c>
      <c r="Z311" s="5"/>
      <c r="AA311" s="5" t="s">
        <v>43</v>
      </c>
      <c r="AB311" s="5" t="s">
        <v>44</v>
      </c>
      <c r="AC311" s="2"/>
      <c r="AD311" s="1"/>
    </row>
    <row r="312" spans="1:30">
      <c r="A312" s="5" t="s">
        <v>83578</v>
      </c>
      <c r="B312" s="2" t="s">
        <v>84509</v>
      </c>
      <c r="C312" s="14" t="s">
        <v>84510</v>
      </c>
      <c r="D312" s="2" t="s">
        <v>84511</v>
      </c>
      <c r="E312" s="2" t="s">
        <v>2724</v>
      </c>
      <c r="F312" s="8">
        <v>105</v>
      </c>
      <c r="G312" s="5">
        <v>13</v>
      </c>
      <c r="H312" s="5" t="s">
        <v>1518</v>
      </c>
      <c r="I312" s="5" t="s">
        <v>1519</v>
      </c>
      <c r="J312" s="2" t="s">
        <v>1520</v>
      </c>
      <c r="K312" s="5" t="s">
        <v>1519</v>
      </c>
      <c r="L312" s="2" t="s">
        <v>1520</v>
      </c>
      <c r="M312" s="5" t="s">
        <v>1521</v>
      </c>
      <c r="N312" s="5" t="s">
        <v>38</v>
      </c>
      <c r="O312" s="5" t="s">
        <v>39</v>
      </c>
      <c r="P312" s="5" t="s">
        <v>40</v>
      </c>
      <c r="Q312" s="5" t="s">
        <v>1522</v>
      </c>
      <c r="R312" s="5" t="s">
        <v>1523</v>
      </c>
      <c r="S312" s="5" t="s">
        <v>42</v>
      </c>
      <c r="T312" s="2">
        <v>1.421</v>
      </c>
      <c r="U312" s="2">
        <v>1.0589999999999999</v>
      </c>
      <c r="V312" s="2">
        <v>8.0000000000000002E-3</v>
      </c>
      <c r="W312" s="2">
        <v>99.1</v>
      </c>
      <c r="X312" s="2">
        <v>7.6</v>
      </c>
      <c r="Y312" s="2">
        <v>10.6</v>
      </c>
      <c r="Z312" s="5"/>
      <c r="AA312" s="5" t="s">
        <v>43</v>
      </c>
      <c r="AB312" s="5" t="s">
        <v>44</v>
      </c>
      <c r="AC312" s="2"/>
      <c r="AD312" s="1"/>
    </row>
    <row r="313" spans="1:30">
      <c r="A313" s="5" t="s">
        <v>83578</v>
      </c>
      <c r="B313" s="2" t="s">
        <v>84512</v>
      </c>
      <c r="C313" s="14" t="s">
        <v>84513</v>
      </c>
      <c r="D313" s="2" t="s">
        <v>84514</v>
      </c>
      <c r="E313" s="2" t="s">
        <v>1839</v>
      </c>
      <c r="F313" s="8">
        <v>105</v>
      </c>
      <c r="G313" s="5">
        <v>13</v>
      </c>
      <c r="H313" s="5" t="s">
        <v>1518</v>
      </c>
      <c r="I313" s="5" t="s">
        <v>1519</v>
      </c>
      <c r="J313" s="2" t="s">
        <v>1520</v>
      </c>
      <c r="K313" s="5" t="s">
        <v>1519</v>
      </c>
      <c r="L313" s="2" t="s">
        <v>1520</v>
      </c>
      <c r="M313" s="5" t="s">
        <v>1521</v>
      </c>
      <c r="N313" s="5" t="s">
        <v>38</v>
      </c>
      <c r="O313" s="5" t="s">
        <v>39</v>
      </c>
      <c r="P313" s="5" t="s">
        <v>40</v>
      </c>
      <c r="Q313" s="5" t="s">
        <v>1522</v>
      </c>
      <c r="R313" s="5" t="s">
        <v>1523</v>
      </c>
      <c r="S313" s="5" t="s">
        <v>42</v>
      </c>
      <c r="T313" s="2">
        <v>1.389</v>
      </c>
      <c r="U313" s="2">
        <v>1.0269999999999999</v>
      </c>
      <c r="V313" s="2">
        <v>8.0000000000000002E-3</v>
      </c>
      <c r="W313" s="2">
        <v>99.1</v>
      </c>
      <c r="X313" s="2">
        <v>7.6</v>
      </c>
      <c r="Y313" s="2">
        <v>10.6</v>
      </c>
      <c r="Z313" s="5"/>
      <c r="AA313" s="5" t="s">
        <v>43</v>
      </c>
      <c r="AB313" s="5" t="s">
        <v>44</v>
      </c>
      <c r="AC313" s="2"/>
      <c r="AD313" s="1"/>
    </row>
    <row r="314" spans="1:30">
      <c r="A314" s="5" t="s">
        <v>83578</v>
      </c>
      <c r="B314" s="2" t="s">
        <v>84515</v>
      </c>
      <c r="C314" s="14" t="s">
        <v>84516</v>
      </c>
      <c r="D314" s="2" t="s">
        <v>84517</v>
      </c>
      <c r="E314" s="2" t="s">
        <v>1986</v>
      </c>
      <c r="F314" s="8">
        <v>105</v>
      </c>
      <c r="G314" s="5">
        <v>13</v>
      </c>
      <c r="H314" s="5" t="s">
        <v>1518</v>
      </c>
      <c r="I314" s="5" t="s">
        <v>1519</v>
      </c>
      <c r="J314" s="2" t="s">
        <v>1520</v>
      </c>
      <c r="K314" s="5" t="s">
        <v>1519</v>
      </c>
      <c r="L314" s="2" t="s">
        <v>1520</v>
      </c>
      <c r="M314" s="5" t="s">
        <v>1521</v>
      </c>
      <c r="N314" s="5" t="s">
        <v>38</v>
      </c>
      <c r="O314" s="5" t="s">
        <v>39</v>
      </c>
      <c r="P314" s="5" t="s">
        <v>40</v>
      </c>
      <c r="Q314" s="5" t="s">
        <v>1522</v>
      </c>
      <c r="R314" s="5" t="s">
        <v>1523</v>
      </c>
      <c r="S314" s="5" t="s">
        <v>42</v>
      </c>
      <c r="T314" s="2">
        <v>1.421</v>
      </c>
      <c r="U314" s="2">
        <v>1.0589999999999999</v>
      </c>
      <c r="V314" s="2">
        <v>8.0000000000000002E-3</v>
      </c>
      <c r="W314" s="2">
        <v>99.1</v>
      </c>
      <c r="X314" s="2">
        <v>7.6</v>
      </c>
      <c r="Y314" s="2">
        <v>10.6</v>
      </c>
      <c r="Z314" s="5"/>
      <c r="AA314" s="5" t="s">
        <v>43</v>
      </c>
      <c r="AB314" s="5" t="s">
        <v>44</v>
      </c>
      <c r="AC314" s="2"/>
      <c r="AD314" s="1"/>
    </row>
    <row r="315" spans="1:30">
      <c r="A315" s="5" t="s">
        <v>83578</v>
      </c>
      <c r="B315" s="2" t="s">
        <v>84518</v>
      </c>
      <c r="C315" s="14" t="s">
        <v>84519</v>
      </c>
      <c r="D315" s="2" t="s">
        <v>84520</v>
      </c>
      <c r="E315" s="2" t="s">
        <v>1855</v>
      </c>
      <c r="F315" s="8">
        <v>105</v>
      </c>
      <c r="G315" s="5">
        <v>13</v>
      </c>
      <c r="H315" s="5" t="s">
        <v>1518</v>
      </c>
      <c r="I315" s="5" t="s">
        <v>1519</v>
      </c>
      <c r="J315" s="2" t="s">
        <v>1520</v>
      </c>
      <c r="K315" s="5" t="s">
        <v>1519</v>
      </c>
      <c r="L315" s="2" t="s">
        <v>1520</v>
      </c>
      <c r="M315" s="5" t="s">
        <v>1521</v>
      </c>
      <c r="N315" s="5" t="s">
        <v>38</v>
      </c>
      <c r="O315" s="5" t="s">
        <v>39</v>
      </c>
      <c r="P315" s="5" t="s">
        <v>40</v>
      </c>
      <c r="Q315" s="5" t="s">
        <v>1522</v>
      </c>
      <c r="R315" s="5" t="s">
        <v>1523</v>
      </c>
      <c r="S315" s="5" t="s">
        <v>42</v>
      </c>
      <c r="T315" s="2">
        <v>1.389</v>
      </c>
      <c r="U315" s="2">
        <v>1.0269999999999999</v>
      </c>
      <c r="V315" s="2">
        <v>8.0000000000000002E-3</v>
      </c>
      <c r="W315" s="2">
        <v>99.1</v>
      </c>
      <c r="X315" s="2">
        <v>7.6</v>
      </c>
      <c r="Y315" s="2">
        <v>10.6</v>
      </c>
      <c r="Z315" s="5"/>
      <c r="AA315" s="5" t="s">
        <v>43</v>
      </c>
      <c r="AB315" s="5" t="s">
        <v>44</v>
      </c>
      <c r="AC315" s="2"/>
      <c r="AD315" s="1"/>
    </row>
    <row r="316" spans="1:30">
      <c r="A316" s="5" t="s">
        <v>83578</v>
      </c>
      <c r="B316" s="2" t="s">
        <v>84521</v>
      </c>
      <c r="C316" s="14" t="s">
        <v>84522</v>
      </c>
      <c r="D316" s="2" t="s">
        <v>84523</v>
      </c>
      <c r="E316" s="2" t="s">
        <v>1859</v>
      </c>
      <c r="F316" s="8">
        <v>105</v>
      </c>
      <c r="G316" s="5">
        <v>13</v>
      </c>
      <c r="H316" s="5" t="s">
        <v>1518</v>
      </c>
      <c r="I316" s="5" t="s">
        <v>1519</v>
      </c>
      <c r="J316" s="2" t="s">
        <v>1520</v>
      </c>
      <c r="K316" s="5" t="s">
        <v>1519</v>
      </c>
      <c r="L316" s="2" t="s">
        <v>1520</v>
      </c>
      <c r="M316" s="5" t="s">
        <v>1521</v>
      </c>
      <c r="N316" s="5" t="s">
        <v>38</v>
      </c>
      <c r="O316" s="5" t="s">
        <v>39</v>
      </c>
      <c r="P316" s="5" t="s">
        <v>40</v>
      </c>
      <c r="Q316" s="5" t="s">
        <v>1522</v>
      </c>
      <c r="R316" s="5" t="s">
        <v>1523</v>
      </c>
      <c r="S316" s="5" t="s">
        <v>42</v>
      </c>
      <c r="T316" s="2">
        <v>1.421</v>
      </c>
      <c r="U316" s="2">
        <v>1.0589999999999999</v>
      </c>
      <c r="V316" s="2">
        <v>8.0000000000000002E-3</v>
      </c>
      <c r="W316" s="2">
        <v>99.1</v>
      </c>
      <c r="X316" s="2">
        <v>7.6</v>
      </c>
      <c r="Y316" s="2">
        <v>10.6</v>
      </c>
      <c r="Z316" s="5"/>
      <c r="AA316" s="5" t="s">
        <v>43</v>
      </c>
      <c r="AB316" s="5" t="s">
        <v>44</v>
      </c>
      <c r="AC316" s="2"/>
      <c r="AD316" s="1"/>
    </row>
    <row r="317" spans="1:30">
      <c r="A317" s="5" t="s">
        <v>83578</v>
      </c>
      <c r="B317" s="2" t="s">
        <v>84524</v>
      </c>
      <c r="C317" s="14" t="s">
        <v>84525</v>
      </c>
      <c r="D317" s="2" t="s">
        <v>84526</v>
      </c>
      <c r="E317" s="2" t="s">
        <v>2724</v>
      </c>
      <c r="F317" s="8">
        <v>92</v>
      </c>
      <c r="G317" s="5">
        <v>13</v>
      </c>
      <c r="H317" s="5" t="s">
        <v>1518</v>
      </c>
      <c r="I317" s="5" t="s">
        <v>1519</v>
      </c>
      <c r="J317" s="2" t="s">
        <v>1520</v>
      </c>
      <c r="K317" s="5" t="s">
        <v>1519</v>
      </c>
      <c r="L317" s="2" t="s">
        <v>1520</v>
      </c>
      <c r="M317" s="5" t="s">
        <v>1521</v>
      </c>
      <c r="N317" s="5" t="s">
        <v>38</v>
      </c>
      <c r="O317" s="5" t="s">
        <v>39</v>
      </c>
      <c r="P317" s="5" t="s">
        <v>40</v>
      </c>
      <c r="Q317" s="5" t="s">
        <v>1522</v>
      </c>
      <c r="R317" s="5" t="s">
        <v>1523</v>
      </c>
      <c r="S317" s="5" t="s">
        <v>42</v>
      </c>
      <c r="T317" s="2">
        <v>1.123</v>
      </c>
      <c r="U317" s="2">
        <v>0.86499999999999999</v>
      </c>
      <c r="V317" s="2">
        <v>6.0000000000000001E-3</v>
      </c>
      <c r="W317" s="2">
        <v>76.900000000000006</v>
      </c>
      <c r="X317" s="2">
        <v>7.6</v>
      </c>
      <c r="Y317" s="2">
        <v>10.6</v>
      </c>
      <c r="Z317" s="5"/>
      <c r="AA317" s="5" t="s">
        <v>43</v>
      </c>
      <c r="AB317" s="5" t="s">
        <v>44</v>
      </c>
      <c r="AC317" s="2"/>
      <c r="AD317" s="1"/>
    </row>
    <row r="318" spans="1:30">
      <c r="A318" s="5" t="s">
        <v>83578</v>
      </c>
      <c r="B318" s="2" t="s">
        <v>84527</v>
      </c>
      <c r="C318" s="14" t="s">
        <v>84528</v>
      </c>
      <c r="D318" s="2" t="s">
        <v>84529</v>
      </c>
      <c r="E318" s="2" t="s">
        <v>1839</v>
      </c>
      <c r="F318" s="8">
        <v>117</v>
      </c>
      <c r="G318" s="5">
        <v>13</v>
      </c>
      <c r="H318" s="5" t="s">
        <v>1518</v>
      </c>
      <c r="I318" s="5" t="s">
        <v>1519</v>
      </c>
      <c r="J318" s="2" t="s">
        <v>1520</v>
      </c>
      <c r="K318" s="5" t="s">
        <v>1519</v>
      </c>
      <c r="L318" s="2" t="s">
        <v>1520</v>
      </c>
      <c r="M318" s="5" t="s">
        <v>1521</v>
      </c>
      <c r="N318" s="5" t="s">
        <v>38</v>
      </c>
      <c r="O318" s="5" t="s">
        <v>39</v>
      </c>
      <c r="P318" s="5" t="s">
        <v>40</v>
      </c>
      <c r="Q318" s="5" t="s">
        <v>1522</v>
      </c>
      <c r="R318" s="5" t="s">
        <v>1523</v>
      </c>
      <c r="S318" s="5" t="s">
        <v>42</v>
      </c>
      <c r="T318" s="2">
        <v>1.419</v>
      </c>
      <c r="U318" s="2">
        <v>1.0509999999999999</v>
      </c>
      <c r="V318" s="2">
        <v>0.01</v>
      </c>
      <c r="W318" s="2">
        <v>118.9</v>
      </c>
      <c r="X318" s="2">
        <v>7.6</v>
      </c>
      <c r="Y318" s="2">
        <v>10.6</v>
      </c>
      <c r="Z318" s="5"/>
      <c r="AA318" s="5" t="s">
        <v>43</v>
      </c>
      <c r="AB318" s="5" t="s">
        <v>44</v>
      </c>
      <c r="AC318" s="2"/>
      <c r="AD318" s="1"/>
    </row>
    <row r="319" spans="1:30">
      <c r="A319" s="5" t="s">
        <v>83578</v>
      </c>
      <c r="B319" s="2" t="s">
        <v>84530</v>
      </c>
      <c r="C319" s="14" t="s">
        <v>84531</v>
      </c>
      <c r="D319" s="2" t="s">
        <v>84532</v>
      </c>
      <c r="E319" s="2" t="s">
        <v>1973</v>
      </c>
      <c r="F319" s="8">
        <v>104</v>
      </c>
      <c r="G319" s="5">
        <v>13</v>
      </c>
      <c r="H319" s="5" t="s">
        <v>1518</v>
      </c>
      <c r="I319" s="5" t="s">
        <v>1519</v>
      </c>
      <c r="J319" s="2" t="s">
        <v>1520</v>
      </c>
      <c r="K319" s="5" t="s">
        <v>1519</v>
      </c>
      <c r="L319" s="2" t="s">
        <v>1520</v>
      </c>
      <c r="M319" s="5" t="s">
        <v>1521</v>
      </c>
      <c r="N319" s="5" t="s">
        <v>38</v>
      </c>
      <c r="O319" s="5" t="s">
        <v>39</v>
      </c>
      <c r="P319" s="5" t="s">
        <v>40</v>
      </c>
      <c r="Q319" s="5" t="s">
        <v>1522</v>
      </c>
      <c r="R319" s="5" t="s">
        <v>1523</v>
      </c>
      <c r="S319" s="5" t="s">
        <v>42</v>
      </c>
      <c r="T319" s="2">
        <v>1.3380000000000001</v>
      </c>
      <c r="U319" s="2">
        <v>1.0880000000000001</v>
      </c>
      <c r="V319" s="2">
        <v>6.0000000000000001E-3</v>
      </c>
      <c r="W319" s="2">
        <v>76.900000000000006</v>
      </c>
      <c r="X319" s="2">
        <v>7.6</v>
      </c>
      <c r="Y319" s="2">
        <v>10.6</v>
      </c>
      <c r="Z319" s="5"/>
      <c r="AA319" s="5" t="s">
        <v>43</v>
      </c>
      <c r="AB319" s="5" t="s">
        <v>44</v>
      </c>
      <c r="AC319" s="2"/>
      <c r="AD319" s="1"/>
    </row>
    <row r="320" spans="1:30">
      <c r="A320" s="5" t="s">
        <v>83578</v>
      </c>
      <c r="B320" s="2" t="s">
        <v>84533</v>
      </c>
      <c r="C320" s="14" t="s">
        <v>84534</v>
      </c>
      <c r="D320" s="2" t="s">
        <v>84535</v>
      </c>
      <c r="E320" s="2" t="s">
        <v>2348</v>
      </c>
      <c r="F320" s="8">
        <v>104</v>
      </c>
      <c r="G320" s="5">
        <v>13</v>
      </c>
      <c r="H320" s="5" t="s">
        <v>1518</v>
      </c>
      <c r="I320" s="5" t="s">
        <v>1519</v>
      </c>
      <c r="J320" s="2" t="s">
        <v>1520</v>
      </c>
      <c r="K320" s="5" t="s">
        <v>1519</v>
      </c>
      <c r="L320" s="2" t="s">
        <v>1520</v>
      </c>
      <c r="M320" s="5" t="s">
        <v>1521</v>
      </c>
      <c r="N320" s="5" t="s">
        <v>38</v>
      </c>
      <c r="O320" s="5" t="s">
        <v>39</v>
      </c>
      <c r="P320" s="5" t="s">
        <v>40</v>
      </c>
      <c r="Q320" s="5" t="s">
        <v>1522</v>
      </c>
      <c r="R320" s="5" t="s">
        <v>1523</v>
      </c>
      <c r="S320" s="5" t="s">
        <v>42</v>
      </c>
      <c r="T320" s="2">
        <v>1.369</v>
      </c>
      <c r="U320" s="2">
        <v>1.119</v>
      </c>
      <c r="V320" s="2">
        <v>6.0000000000000001E-3</v>
      </c>
      <c r="W320" s="2">
        <v>76.900000000000006</v>
      </c>
      <c r="X320" s="2">
        <v>7.6</v>
      </c>
      <c r="Y320" s="2">
        <v>10.6</v>
      </c>
      <c r="Z320" s="5"/>
      <c r="AA320" s="5" t="s">
        <v>43</v>
      </c>
      <c r="AB320" s="5" t="s">
        <v>44</v>
      </c>
      <c r="AC320" s="2"/>
      <c r="AD320" s="1"/>
    </row>
    <row r="321" spans="1:30">
      <c r="A321" s="5" t="s">
        <v>83578</v>
      </c>
      <c r="B321" s="2" t="s">
        <v>84536</v>
      </c>
      <c r="C321" s="14" t="s">
        <v>84537</v>
      </c>
      <c r="D321" s="2" t="s">
        <v>84538</v>
      </c>
      <c r="E321" s="2" t="s">
        <v>2204</v>
      </c>
      <c r="F321" s="8">
        <v>104</v>
      </c>
      <c r="G321" s="5">
        <v>13</v>
      </c>
      <c r="H321" s="5" t="s">
        <v>1518</v>
      </c>
      <c r="I321" s="5" t="s">
        <v>1519</v>
      </c>
      <c r="J321" s="2" t="s">
        <v>1520</v>
      </c>
      <c r="K321" s="5" t="s">
        <v>1519</v>
      </c>
      <c r="L321" s="2" t="s">
        <v>1520</v>
      </c>
      <c r="M321" s="5" t="s">
        <v>1521</v>
      </c>
      <c r="N321" s="5" t="s">
        <v>38</v>
      </c>
      <c r="O321" s="5" t="s">
        <v>39</v>
      </c>
      <c r="P321" s="5" t="s">
        <v>40</v>
      </c>
      <c r="Q321" s="5" t="s">
        <v>1522</v>
      </c>
      <c r="R321" s="5" t="s">
        <v>1523</v>
      </c>
      <c r="S321" s="5" t="s">
        <v>42</v>
      </c>
      <c r="T321" s="2">
        <v>1.3380000000000001</v>
      </c>
      <c r="U321" s="2">
        <v>1.0880000000000001</v>
      </c>
      <c r="V321" s="2">
        <v>6.0000000000000001E-3</v>
      </c>
      <c r="W321" s="2">
        <v>76.900000000000006</v>
      </c>
      <c r="X321" s="2">
        <v>7.6</v>
      </c>
      <c r="Y321" s="2">
        <v>10.6</v>
      </c>
      <c r="Z321" s="5"/>
      <c r="AA321" s="5" t="s">
        <v>43</v>
      </c>
      <c r="AB321" s="5" t="s">
        <v>44</v>
      </c>
      <c r="AC321" s="2"/>
      <c r="AD321" s="1"/>
    </row>
    <row r="322" spans="1:30">
      <c r="A322" s="5" t="s">
        <v>83578</v>
      </c>
      <c r="B322" s="2" t="s">
        <v>84539</v>
      </c>
      <c r="C322" s="14" t="s">
        <v>84540</v>
      </c>
      <c r="D322" s="2" t="s">
        <v>84541</v>
      </c>
      <c r="E322" s="2" t="s">
        <v>2724</v>
      </c>
      <c r="F322" s="8">
        <v>104</v>
      </c>
      <c r="G322" s="5">
        <v>13</v>
      </c>
      <c r="H322" s="5" t="s">
        <v>1518</v>
      </c>
      <c r="I322" s="5" t="s">
        <v>1519</v>
      </c>
      <c r="J322" s="2" t="s">
        <v>1520</v>
      </c>
      <c r="K322" s="5" t="s">
        <v>1519</v>
      </c>
      <c r="L322" s="2" t="s">
        <v>1520</v>
      </c>
      <c r="M322" s="5" t="s">
        <v>1521</v>
      </c>
      <c r="N322" s="5" t="s">
        <v>38</v>
      </c>
      <c r="O322" s="5" t="s">
        <v>39</v>
      </c>
      <c r="P322" s="5" t="s">
        <v>40</v>
      </c>
      <c r="Q322" s="5" t="s">
        <v>1522</v>
      </c>
      <c r="R322" s="5" t="s">
        <v>1523</v>
      </c>
      <c r="S322" s="5" t="s">
        <v>42</v>
      </c>
      <c r="T322" s="2">
        <v>1.369</v>
      </c>
      <c r="U322" s="2">
        <v>1.119</v>
      </c>
      <c r="V322" s="2">
        <v>6.0000000000000001E-3</v>
      </c>
      <c r="W322" s="2">
        <v>76.900000000000006</v>
      </c>
      <c r="X322" s="2">
        <v>7.6</v>
      </c>
      <c r="Y322" s="2">
        <v>10.6</v>
      </c>
      <c r="Z322" s="5"/>
      <c r="AA322" s="5" t="s">
        <v>43</v>
      </c>
      <c r="AB322" s="5" t="s">
        <v>44</v>
      </c>
      <c r="AC322" s="2"/>
      <c r="AD322" s="1"/>
    </row>
    <row r="323" spans="1:30">
      <c r="A323" s="5" t="s">
        <v>83578</v>
      </c>
      <c r="B323" s="2" t="s">
        <v>84542</v>
      </c>
      <c r="C323" s="14" t="s">
        <v>84543</v>
      </c>
      <c r="D323" s="2" t="s">
        <v>84544</v>
      </c>
      <c r="E323" s="2" t="s">
        <v>1986</v>
      </c>
      <c r="F323" s="8">
        <v>104</v>
      </c>
      <c r="G323" s="5">
        <v>13</v>
      </c>
      <c r="H323" s="5" t="s">
        <v>1518</v>
      </c>
      <c r="I323" s="5" t="s">
        <v>1519</v>
      </c>
      <c r="J323" s="2" t="s">
        <v>1520</v>
      </c>
      <c r="K323" s="5" t="s">
        <v>1519</v>
      </c>
      <c r="L323" s="2" t="s">
        <v>1520</v>
      </c>
      <c r="M323" s="5" t="s">
        <v>1521</v>
      </c>
      <c r="N323" s="5" t="s">
        <v>38</v>
      </c>
      <c r="O323" s="5" t="s">
        <v>39</v>
      </c>
      <c r="P323" s="5" t="s">
        <v>40</v>
      </c>
      <c r="Q323" s="5" t="s">
        <v>1522</v>
      </c>
      <c r="R323" s="5" t="s">
        <v>1523</v>
      </c>
      <c r="S323" s="5" t="s">
        <v>42</v>
      </c>
      <c r="T323" s="2">
        <v>1.369</v>
      </c>
      <c r="U323" s="2">
        <v>1.119</v>
      </c>
      <c r="V323" s="2">
        <v>6.0000000000000001E-3</v>
      </c>
      <c r="W323" s="2">
        <v>76.900000000000006</v>
      </c>
      <c r="X323" s="2">
        <v>7.6</v>
      </c>
      <c r="Y323" s="2">
        <v>10.6</v>
      </c>
      <c r="Z323" s="5"/>
      <c r="AA323" s="5" t="s">
        <v>43</v>
      </c>
      <c r="AB323" s="5" t="s">
        <v>44</v>
      </c>
      <c r="AC323" s="2"/>
      <c r="AD323" s="1"/>
    </row>
    <row r="324" spans="1:30">
      <c r="A324" s="5" t="s">
        <v>83578</v>
      </c>
      <c r="B324" s="2" t="s">
        <v>84545</v>
      </c>
      <c r="C324" s="14" t="s">
        <v>84546</v>
      </c>
      <c r="D324" s="2" t="s">
        <v>84547</v>
      </c>
      <c r="E324" s="2" t="s">
        <v>1973</v>
      </c>
      <c r="F324" s="8">
        <v>118</v>
      </c>
      <c r="G324" s="5">
        <v>13</v>
      </c>
      <c r="H324" s="5" t="s">
        <v>1518</v>
      </c>
      <c r="I324" s="5" t="s">
        <v>1519</v>
      </c>
      <c r="J324" s="2" t="s">
        <v>1520</v>
      </c>
      <c r="K324" s="5" t="s">
        <v>1519</v>
      </c>
      <c r="L324" s="2" t="s">
        <v>1520</v>
      </c>
      <c r="M324" s="5" t="s">
        <v>1521</v>
      </c>
      <c r="N324" s="5" t="s">
        <v>38</v>
      </c>
      <c r="O324" s="5" t="s">
        <v>39</v>
      </c>
      <c r="P324" s="5" t="s">
        <v>40</v>
      </c>
      <c r="Q324" s="5" t="s">
        <v>1522</v>
      </c>
      <c r="R324" s="5" t="s">
        <v>1523</v>
      </c>
      <c r="S324" s="5" t="s">
        <v>42</v>
      </c>
      <c r="T324" s="2">
        <v>1.6830000000000001</v>
      </c>
      <c r="U324" s="2">
        <v>1.323</v>
      </c>
      <c r="V324" s="2">
        <v>0.01</v>
      </c>
      <c r="W324" s="2">
        <v>118.9</v>
      </c>
      <c r="X324" s="2">
        <v>7.6</v>
      </c>
      <c r="Y324" s="2">
        <v>10.6</v>
      </c>
      <c r="Z324" s="5"/>
      <c r="AA324" s="5" t="s">
        <v>43</v>
      </c>
      <c r="AB324" s="5" t="s">
        <v>44</v>
      </c>
      <c r="AC324" s="2"/>
      <c r="AD324" s="1"/>
    </row>
    <row r="325" spans="1:30">
      <c r="A325" s="5" t="s">
        <v>83578</v>
      </c>
      <c r="B325" s="2" t="s">
        <v>84548</v>
      </c>
      <c r="C325" s="14" t="s">
        <v>84549</v>
      </c>
      <c r="D325" s="2" t="s">
        <v>84550</v>
      </c>
      <c r="E325" s="2" t="s">
        <v>2204</v>
      </c>
      <c r="F325" s="8">
        <v>118</v>
      </c>
      <c r="G325" s="5">
        <v>13</v>
      </c>
      <c r="H325" s="5" t="s">
        <v>1518</v>
      </c>
      <c r="I325" s="5" t="s">
        <v>1519</v>
      </c>
      <c r="J325" s="2" t="s">
        <v>1520</v>
      </c>
      <c r="K325" s="5" t="s">
        <v>1519</v>
      </c>
      <c r="L325" s="2" t="s">
        <v>1520</v>
      </c>
      <c r="M325" s="5" t="s">
        <v>1521</v>
      </c>
      <c r="N325" s="5" t="s">
        <v>38</v>
      </c>
      <c r="O325" s="5" t="s">
        <v>39</v>
      </c>
      <c r="P325" s="5" t="s">
        <v>40</v>
      </c>
      <c r="Q325" s="5" t="s">
        <v>1522</v>
      </c>
      <c r="R325" s="5" t="s">
        <v>1523</v>
      </c>
      <c r="S325" s="5" t="s">
        <v>42</v>
      </c>
      <c r="T325" s="2">
        <v>1.6830000000000001</v>
      </c>
      <c r="U325" s="2">
        <v>1.323</v>
      </c>
      <c r="V325" s="2">
        <v>0.01</v>
      </c>
      <c r="W325" s="2">
        <v>118.9</v>
      </c>
      <c r="X325" s="2">
        <v>7.6</v>
      </c>
      <c r="Y325" s="2">
        <v>10.6</v>
      </c>
      <c r="Z325" s="5"/>
      <c r="AA325" s="5" t="s">
        <v>43</v>
      </c>
      <c r="AB325" s="5" t="s">
        <v>44</v>
      </c>
      <c r="AC325" s="2"/>
      <c r="AD325" s="1"/>
    </row>
    <row r="326" spans="1:30">
      <c r="A326" s="5" t="s">
        <v>83578</v>
      </c>
      <c r="B326" s="2" t="s">
        <v>84551</v>
      </c>
      <c r="C326" s="14" t="s">
        <v>84552</v>
      </c>
      <c r="D326" s="2" t="s">
        <v>84553</v>
      </c>
      <c r="E326" s="2" t="s">
        <v>2724</v>
      </c>
      <c r="F326" s="8">
        <v>118</v>
      </c>
      <c r="G326" s="5">
        <v>13</v>
      </c>
      <c r="H326" s="5" t="s">
        <v>1518</v>
      </c>
      <c r="I326" s="5" t="s">
        <v>1519</v>
      </c>
      <c r="J326" s="2" t="s">
        <v>1520</v>
      </c>
      <c r="K326" s="5" t="s">
        <v>1519</v>
      </c>
      <c r="L326" s="2" t="s">
        <v>1520</v>
      </c>
      <c r="M326" s="5" t="s">
        <v>1521</v>
      </c>
      <c r="N326" s="5" t="s">
        <v>38</v>
      </c>
      <c r="O326" s="5" t="s">
        <v>39</v>
      </c>
      <c r="P326" s="5" t="s">
        <v>40</v>
      </c>
      <c r="Q326" s="5" t="s">
        <v>1522</v>
      </c>
      <c r="R326" s="5" t="s">
        <v>1523</v>
      </c>
      <c r="S326" s="5" t="s">
        <v>42</v>
      </c>
      <c r="T326" s="2">
        <v>1.7230000000000001</v>
      </c>
      <c r="U326" s="2">
        <v>1.363</v>
      </c>
      <c r="V326" s="2">
        <v>0.01</v>
      </c>
      <c r="W326" s="2">
        <v>118.9</v>
      </c>
      <c r="X326" s="2">
        <v>7.6</v>
      </c>
      <c r="Y326" s="2">
        <v>10.6</v>
      </c>
      <c r="Z326" s="5"/>
      <c r="AA326" s="5" t="s">
        <v>43</v>
      </c>
      <c r="AB326" s="5" t="s">
        <v>44</v>
      </c>
      <c r="AC326" s="2"/>
      <c r="AD326" s="1"/>
    </row>
    <row r="327" spans="1:30">
      <c r="A327" s="5" t="s">
        <v>83578</v>
      </c>
      <c r="B327" s="2" t="s">
        <v>84554</v>
      </c>
      <c r="C327" s="14" t="s">
        <v>84555</v>
      </c>
      <c r="D327" s="2" t="s">
        <v>84556</v>
      </c>
      <c r="E327" s="2" t="s">
        <v>1855</v>
      </c>
      <c r="F327" s="8">
        <v>118</v>
      </c>
      <c r="G327" s="5">
        <v>13</v>
      </c>
      <c r="H327" s="5" t="s">
        <v>1518</v>
      </c>
      <c r="I327" s="5" t="s">
        <v>1519</v>
      </c>
      <c r="J327" s="2" t="s">
        <v>1520</v>
      </c>
      <c r="K327" s="5" t="s">
        <v>1519</v>
      </c>
      <c r="L327" s="2" t="s">
        <v>1520</v>
      </c>
      <c r="M327" s="5" t="s">
        <v>1521</v>
      </c>
      <c r="N327" s="5" t="s">
        <v>38</v>
      </c>
      <c r="O327" s="5" t="s">
        <v>39</v>
      </c>
      <c r="P327" s="5" t="s">
        <v>40</v>
      </c>
      <c r="Q327" s="5" t="s">
        <v>1522</v>
      </c>
      <c r="R327" s="5" t="s">
        <v>1523</v>
      </c>
      <c r="S327" s="5" t="s">
        <v>42</v>
      </c>
      <c r="T327" s="2">
        <v>1.6830000000000001</v>
      </c>
      <c r="U327" s="2">
        <v>1.323</v>
      </c>
      <c r="V327" s="2">
        <v>0.01</v>
      </c>
      <c r="W327" s="2">
        <v>118.9</v>
      </c>
      <c r="X327" s="2">
        <v>7.6</v>
      </c>
      <c r="Y327" s="2">
        <v>10.6</v>
      </c>
      <c r="Z327" s="5"/>
      <c r="AA327" s="5" t="s">
        <v>43</v>
      </c>
      <c r="AB327" s="5" t="s">
        <v>44</v>
      </c>
      <c r="AC327" s="2"/>
      <c r="AD327" s="1"/>
    </row>
    <row r="328" spans="1:30">
      <c r="A328" s="5" t="s">
        <v>83578</v>
      </c>
      <c r="B328" s="2" t="s">
        <v>84557</v>
      </c>
      <c r="C328" s="14" t="s">
        <v>84558</v>
      </c>
      <c r="D328" s="2" t="s">
        <v>84559</v>
      </c>
      <c r="E328" s="2" t="s">
        <v>2204</v>
      </c>
      <c r="F328" s="8">
        <v>115</v>
      </c>
      <c r="G328" s="5">
        <v>13</v>
      </c>
      <c r="H328" s="5" t="s">
        <v>1518</v>
      </c>
      <c r="I328" s="5" t="s">
        <v>1519</v>
      </c>
      <c r="J328" s="2" t="s">
        <v>1520</v>
      </c>
      <c r="K328" s="5" t="s">
        <v>1519</v>
      </c>
      <c r="L328" s="2" t="s">
        <v>1520</v>
      </c>
      <c r="M328" s="5" t="s">
        <v>1521</v>
      </c>
      <c r="N328" s="5" t="s">
        <v>38</v>
      </c>
      <c r="O328" s="5" t="s">
        <v>39</v>
      </c>
      <c r="P328" s="5" t="s">
        <v>40</v>
      </c>
      <c r="Q328" s="5" t="s">
        <v>1522</v>
      </c>
      <c r="R328" s="5" t="s">
        <v>1523</v>
      </c>
      <c r="S328" s="5" t="s">
        <v>42</v>
      </c>
      <c r="T328" s="2">
        <v>1.413</v>
      </c>
      <c r="U328" s="2">
        <v>1.111</v>
      </c>
      <c r="V328" s="2">
        <v>7.0000000000000001E-3</v>
      </c>
      <c r="W328" s="2">
        <v>82.9</v>
      </c>
      <c r="X328" s="2">
        <v>7.6</v>
      </c>
      <c r="Y328" s="2">
        <v>10.6</v>
      </c>
      <c r="Z328" s="5"/>
      <c r="AA328" s="5" t="s">
        <v>43</v>
      </c>
      <c r="AB328" s="5" t="s">
        <v>44</v>
      </c>
      <c r="AC328" s="2"/>
      <c r="AD328" s="1"/>
    </row>
    <row r="329" spans="1:30">
      <c r="A329" s="5" t="s">
        <v>83578</v>
      </c>
      <c r="B329" s="2" t="s">
        <v>84560</v>
      </c>
      <c r="C329" s="14" t="s">
        <v>84561</v>
      </c>
      <c r="D329" s="2" t="s">
        <v>84562</v>
      </c>
      <c r="E329" s="2" t="s">
        <v>1839</v>
      </c>
      <c r="F329" s="8">
        <v>115</v>
      </c>
      <c r="G329" s="5">
        <v>13</v>
      </c>
      <c r="H329" s="5" t="s">
        <v>1518</v>
      </c>
      <c r="I329" s="5" t="s">
        <v>1519</v>
      </c>
      <c r="J329" s="2" t="s">
        <v>1520</v>
      </c>
      <c r="K329" s="5" t="s">
        <v>1519</v>
      </c>
      <c r="L329" s="2" t="s">
        <v>1520</v>
      </c>
      <c r="M329" s="5" t="s">
        <v>1521</v>
      </c>
      <c r="N329" s="5" t="s">
        <v>38</v>
      </c>
      <c r="O329" s="5" t="s">
        <v>39</v>
      </c>
      <c r="P329" s="5" t="s">
        <v>40</v>
      </c>
      <c r="Q329" s="5" t="s">
        <v>1522</v>
      </c>
      <c r="R329" s="5" t="s">
        <v>1523</v>
      </c>
      <c r="S329" s="5" t="s">
        <v>42</v>
      </c>
      <c r="T329" s="2">
        <v>1.413</v>
      </c>
      <c r="U329" s="2">
        <v>1.111</v>
      </c>
      <c r="V329" s="2">
        <v>7.0000000000000001E-3</v>
      </c>
      <c r="W329" s="2">
        <v>82.9</v>
      </c>
      <c r="X329" s="2">
        <v>7.6</v>
      </c>
      <c r="Y329" s="2">
        <v>10.6</v>
      </c>
      <c r="Z329" s="5"/>
      <c r="AA329" s="5" t="s">
        <v>43</v>
      </c>
      <c r="AB329" s="5" t="s">
        <v>44</v>
      </c>
      <c r="AC329" s="2"/>
      <c r="AD329" s="1"/>
    </row>
    <row r="330" spans="1:30">
      <c r="A330" s="5" t="s">
        <v>83578</v>
      </c>
      <c r="B330" s="2" t="s">
        <v>84563</v>
      </c>
      <c r="C330" s="14" t="s">
        <v>84564</v>
      </c>
      <c r="D330" s="2" t="s">
        <v>84565</v>
      </c>
      <c r="E330" s="2" t="s">
        <v>2204</v>
      </c>
      <c r="F330" s="8">
        <v>131</v>
      </c>
      <c r="G330" s="5">
        <v>13</v>
      </c>
      <c r="H330" s="5" t="s">
        <v>1518</v>
      </c>
      <c r="I330" s="5" t="s">
        <v>1519</v>
      </c>
      <c r="J330" s="2" t="s">
        <v>1520</v>
      </c>
      <c r="K330" s="5" t="s">
        <v>1519</v>
      </c>
      <c r="L330" s="2" t="s">
        <v>1520</v>
      </c>
      <c r="M330" s="5" t="s">
        <v>1521</v>
      </c>
      <c r="N330" s="5" t="s">
        <v>38</v>
      </c>
      <c r="O330" s="5" t="s">
        <v>39</v>
      </c>
      <c r="P330" s="5" t="s">
        <v>40</v>
      </c>
      <c r="Q330" s="5" t="s">
        <v>1522</v>
      </c>
      <c r="R330" s="5" t="s">
        <v>1523</v>
      </c>
      <c r="S330" s="5" t="s">
        <v>42</v>
      </c>
      <c r="T330" s="2">
        <v>1.758</v>
      </c>
      <c r="U330" s="2">
        <v>1.3460000000000001</v>
      </c>
      <c r="V330" s="2">
        <v>1.0999999999999999E-2</v>
      </c>
      <c r="W330" s="2">
        <v>139.1</v>
      </c>
      <c r="X330" s="2">
        <v>7.6</v>
      </c>
      <c r="Y330" s="2">
        <v>10.6</v>
      </c>
      <c r="Z330" s="5"/>
      <c r="AA330" s="5" t="s">
        <v>43</v>
      </c>
      <c r="AB330" s="5" t="s">
        <v>44</v>
      </c>
      <c r="AC330" s="2"/>
      <c r="AD330" s="1"/>
    </row>
    <row r="331" spans="1:30">
      <c r="A331" s="5" t="s">
        <v>83578</v>
      </c>
      <c r="B331" s="2" t="s">
        <v>84566</v>
      </c>
      <c r="C331" s="14" t="s">
        <v>84567</v>
      </c>
      <c r="D331" s="2" t="s">
        <v>84568</v>
      </c>
      <c r="E331" s="2" t="s">
        <v>2724</v>
      </c>
      <c r="F331" s="8">
        <v>131</v>
      </c>
      <c r="G331" s="5">
        <v>13</v>
      </c>
      <c r="H331" s="5" t="s">
        <v>1518</v>
      </c>
      <c r="I331" s="5" t="s">
        <v>1519</v>
      </c>
      <c r="J331" s="2" t="s">
        <v>1520</v>
      </c>
      <c r="K331" s="5" t="s">
        <v>1519</v>
      </c>
      <c r="L331" s="2" t="s">
        <v>1520</v>
      </c>
      <c r="M331" s="5" t="s">
        <v>1521</v>
      </c>
      <c r="N331" s="5" t="s">
        <v>38</v>
      </c>
      <c r="O331" s="5" t="s">
        <v>39</v>
      </c>
      <c r="P331" s="5" t="s">
        <v>40</v>
      </c>
      <c r="Q331" s="5" t="s">
        <v>1522</v>
      </c>
      <c r="R331" s="5" t="s">
        <v>1523</v>
      </c>
      <c r="S331" s="5" t="s">
        <v>42</v>
      </c>
      <c r="T331" s="2">
        <v>1.8</v>
      </c>
      <c r="U331" s="2">
        <v>1.3879999999999999</v>
      </c>
      <c r="V331" s="2">
        <v>1.0999999999999999E-2</v>
      </c>
      <c r="W331" s="2">
        <v>139.1</v>
      </c>
      <c r="X331" s="2">
        <v>7.6</v>
      </c>
      <c r="Y331" s="2">
        <v>10.6</v>
      </c>
      <c r="Z331" s="5"/>
      <c r="AA331" s="5" t="s">
        <v>43</v>
      </c>
      <c r="AB331" s="5" t="s">
        <v>44</v>
      </c>
      <c r="AC331" s="2"/>
      <c r="AD331" s="1"/>
    </row>
    <row r="332" spans="1:30">
      <c r="A332" s="5" t="s">
        <v>83578</v>
      </c>
      <c r="B332" s="2" t="s">
        <v>84569</v>
      </c>
      <c r="C332" s="14" t="s">
        <v>84570</v>
      </c>
      <c r="D332" s="2" t="s">
        <v>84571</v>
      </c>
      <c r="E332" s="2" t="s">
        <v>2348</v>
      </c>
      <c r="F332" s="8">
        <v>129</v>
      </c>
      <c r="G332" s="5">
        <v>18</v>
      </c>
      <c r="H332" s="5" t="s">
        <v>1518</v>
      </c>
      <c r="I332" s="5" t="s">
        <v>1519</v>
      </c>
      <c r="J332" s="2" t="s">
        <v>1520</v>
      </c>
      <c r="K332" s="5" t="s">
        <v>1519</v>
      </c>
      <c r="L332" s="2" t="s">
        <v>1520</v>
      </c>
      <c r="M332" s="5" t="s">
        <v>1521</v>
      </c>
      <c r="N332" s="5" t="s">
        <v>38</v>
      </c>
      <c r="O332" s="5" t="s">
        <v>39</v>
      </c>
      <c r="P332" s="5" t="s">
        <v>40</v>
      </c>
      <c r="Q332" s="5" t="s">
        <v>1522</v>
      </c>
      <c r="R332" s="5" t="s">
        <v>1523</v>
      </c>
      <c r="S332" s="5" t="s">
        <v>42</v>
      </c>
      <c r="T332" s="2">
        <v>2.0590000000000002</v>
      </c>
      <c r="U332" s="2">
        <v>1.655</v>
      </c>
      <c r="V332" s="2">
        <v>1.0999999999999999E-2</v>
      </c>
      <c r="W332" s="2">
        <v>139.1</v>
      </c>
      <c r="X332" s="2">
        <v>7.6</v>
      </c>
      <c r="Y332" s="2">
        <v>10.6</v>
      </c>
      <c r="Z332" s="5"/>
      <c r="AA332" s="5" t="s">
        <v>43</v>
      </c>
      <c r="AB332" s="5" t="s">
        <v>44</v>
      </c>
      <c r="AC332" s="2"/>
      <c r="AD332" s="1"/>
    </row>
    <row r="333" spans="1:30">
      <c r="A333" s="5" t="s">
        <v>83578</v>
      </c>
      <c r="B333" s="2" t="s">
        <v>84572</v>
      </c>
      <c r="C333" s="14" t="s">
        <v>84573</v>
      </c>
      <c r="D333" s="2" t="s">
        <v>84574</v>
      </c>
      <c r="E333" s="2" t="s">
        <v>1986</v>
      </c>
      <c r="F333" s="8">
        <v>129</v>
      </c>
      <c r="G333" s="5">
        <v>18</v>
      </c>
      <c r="H333" s="5" t="s">
        <v>1518</v>
      </c>
      <c r="I333" s="5" t="s">
        <v>1519</v>
      </c>
      <c r="J333" s="2" t="s">
        <v>1520</v>
      </c>
      <c r="K333" s="5" t="s">
        <v>1519</v>
      </c>
      <c r="L333" s="2" t="s">
        <v>1520</v>
      </c>
      <c r="M333" s="5" t="s">
        <v>1521</v>
      </c>
      <c r="N333" s="5" t="s">
        <v>38</v>
      </c>
      <c r="O333" s="5" t="s">
        <v>39</v>
      </c>
      <c r="P333" s="5" t="s">
        <v>40</v>
      </c>
      <c r="Q333" s="5" t="s">
        <v>1522</v>
      </c>
      <c r="R333" s="5" t="s">
        <v>1523</v>
      </c>
      <c r="S333" s="5" t="s">
        <v>42</v>
      </c>
      <c r="T333" s="2">
        <v>2.0590000000000002</v>
      </c>
      <c r="U333" s="2">
        <v>1.655</v>
      </c>
      <c r="V333" s="2">
        <v>1.0999999999999999E-2</v>
      </c>
      <c r="W333" s="2">
        <v>139.1</v>
      </c>
      <c r="X333" s="2">
        <v>7.6</v>
      </c>
      <c r="Y333" s="2">
        <v>10.6</v>
      </c>
      <c r="Z333" s="5"/>
      <c r="AA333" s="5" t="s">
        <v>43</v>
      </c>
      <c r="AB333" s="5" t="s">
        <v>44</v>
      </c>
      <c r="AC333" s="2"/>
      <c r="AD333" s="1"/>
    </row>
    <row r="334" spans="1:30">
      <c r="A334" s="5" t="s">
        <v>83578</v>
      </c>
      <c r="B334" s="2" t="s">
        <v>84575</v>
      </c>
      <c r="C334" s="14" t="s">
        <v>84576</v>
      </c>
      <c r="D334" s="2" t="s">
        <v>84577</v>
      </c>
      <c r="E334" s="2" t="s">
        <v>1855</v>
      </c>
      <c r="F334" s="8">
        <v>129</v>
      </c>
      <c r="G334" s="5">
        <v>18</v>
      </c>
      <c r="H334" s="5" t="s">
        <v>1518</v>
      </c>
      <c r="I334" s="5" t="s">
        <v>1519</v>
      </c>
      <c r="J334" s="2" t="s">
        <v>1520</v>
      </c>
      <c r="K334" s="5" t="s">
        <v>1519</v>
      </c>
      <c r="L334" s="2" t="s">
        <v>1520</v>
      </c>
      <c r="M334" s="5" t="s">
        <v>1521</v>
      </c>
      <c r="N334" s="5" t="s">
        <v>38</v>
      </c>
      <c r="O334" s="5" t="s">
        <v>39</v>
      </c>
      <c r="P334" s="5" t="s">
        <v>40</v>
      </c>
      <c r="Q334" s="5" t="s">
        <v>1522</v>
      </c>
      <c r="R334" s="5" t="s">
        <v>1523</v>
      </c>
      <c r="S334" s="5" t="s">
        <v>42</v>
      </c>
      <c r="T334" s="2">
        <v>2.0110000000000001</v>
      </c>
      <c r="U334" s="2">
        <v>1.607</v>
      </c>
      <c r="V334" s="2">
        <v>1.0999999999999999E-2</v>
      </c>
      <c r="W334" s="2">
        <v>139.1</v>
      </c>
      <c r="X334" s="2">
        <v>7.6</v>
      </c>
      <c r="Y334" s="2">
        <v>10.6</v>
      </c>
      <c r="Z334" s="5"/>
      <c r="AA334" s="5" t="s">
        <v>43</v>
      </c>
      <c r="AB334" s="5" t="s">
        <v>44</v>
      </c>
      <c r="AC334" s="2"/>
      <c r="AD334" s="1"/>
    </row>
    <row r="335" spans="1:30">
      <c r="A335" s="5" t="s">
        <v>83578</v>
      </c>
      <c r="B335" s="2" t="s">
        <v>84578</v>
      </c>
      <c r="C335" s="14" t="s">
        <v>84579</v>
      </c>
      <c r="D335" s="2" t="s">
        <v>84580</v>
      </c>
      <c r="E335" s="2" t="s">
        <v>7597</v>
      </c>
      <c r="F335" s="8">
        <v>139</v>
      </c>
      <c r="G335" s="5">
        <v>6</v>
      </c>
      <c r="H335" s="5" t="s">
        <v>1518</v>
      </c>
      <c r="I335" s="5" t="s">
        <v>1519</v>
      </c>
      <c r="J335" s="2" t="s">
        <v>1520</v>
      </c>
      <c r="K335" s="5" t="s">
        <v>1519</v>
      </c>
      <c r="L335" s="2" t="s">
        <v>1520</v>
      </c>
      <c r="M335" s="5" t="s">
        <v>1521</v>
      </c>
      <c r="N335" s="5" t="s">
        <v>38</v>
      </c>
      <c r="O335" s="5" t="s">
        <v>39</v>
      </c>
      <c r="P335" s="5" t="s">
        <v>40</v>
      </c>
      <c r="Q335" s="5" t="s">
        <v>1522</v>
      </c>
      <c r="R335" s="5" t="s">
        <v>1523</v>
      </c>
      <c r="S335" s="5" t="s">
        <v>42</v>
      </c>
      <c r="T335" s="2">
        <v>2.1819999999999999</v>
      </c>
      <c r="U335" s="2">
        <v>1.734</v>
      </c>
      <c r="V335" s="2">
        <v>1.2999999999999999E-2</v>
      </c>
      <c r="W335" s="2">
        <v>159.1</v>
      </c>
      <c r="X335" s="2">
        <v>7.6</v>
      </c>
      <c r="Y335" s="2">
        <v>10.6</v>
      </c>
      <c r="Z335" s="5"/>
      <c r="AA335" s="5" t="s">
        <v>43</v>
      </c>
      <c r="AB335" s="5" t="s">
        <v>44</v>
      </c>
      <c r="AC335" s="2"/>
      <c r="AD335" s="1"/>
    </row>
    <row r="336" spans="1:30">
      <c r="A336" s="5" t="s">
        <v>83578</v>
      </c>
      <c r="B336" s="2" t="s">
        <v>84581</v>
      </c>
      <c r="C336" s="14" t="s">
        <v>84582</v>
      </c>
      <c r="D336" s="2" t="s">
        <v>84583</v>
      </c>
      <c r="E336" s="2" t="s">
        <v>1973</v>
      </c>
      <c r="F336" s="8">
        <v>109</v>
      </c>
      <c r="G336" s="5">
        <v>13</v>
      </c>
      <c r="H336" s="5" t="s">
        <v>1518</v>
      </c>
      <c r="I336" s="5" t="s">
        <v>1519</v>
      </c>
      <c r="J336" s="2" t="s">
        <v>1520</v>
      </c>
      <c r="K336" s="5" t="s">
        <v>1519</v>
      </c>
      <c r="L336" s="2" t="s">
        <v>1520</v>
      </c>
      <c r="M336" s="5" t="s">
        <v>1521</v>
      </c>
      <c r="N336" s="5" t="s">
        <v>38</v>
      </c>
      <c r="O336" s="5" t="s">
        <v>39</v>
      </c>
      <c r="P336" s="5" t="s">
        <v>40</v>
      </c>
      <c r="Q336" s="5" t="s">
        <v>1522</v>
      </c>
      <c r="R336" s="5" t="s">
        <v>1523</v>
      </c>
      <c r="S336" s="5" t="s">
        <v>42</v>
      </c>
      <c r="T336" s="2">
        <v>1.3160000000000001</v>
      </c>
      <c r="U336" s="2">
        <v>1.0229999999999999</v>
      </c>
      <c r="V336" s="2">
        <v>7.0000000000000001E-3</v>
      </c>
      <c r="W336" s="2">
        <v>82.9</v>
      </c>
      <c r="X336" s="2">
        <v>7.6</v>
      </c>
      <c r="Y336" s="2">
        <v>10.6</v>
      </c>
      <c r="Z336" s="5"/>
      <c r="AA336" s="5" t="s">
        <v>43</v>
      </c>
      <c r="AB336" s="5" t="s">
        <v>44</v>
      </c>
      <c r="AC336" s="2"/>
      <c r="AD336" s="1"/>
    </row>
    <row r="337" spans="1:30">
      <c r="A337" s="5" t="s">
        <v>83578</v>
      </c>
      <c r="B337" s="2" t="s">
        <v>84584</v>
      </c>
      <c r="C337" s="14" t="s">
        <v>84585</v>
      </c>
      <c r="D337" s="2" t="s">
        <v>84586</v>
      </c>
      <c r="E337" s="2" t="s">
        <v>2348</v>
      </c>
      <c r="F337" s="8">
        <v>109</v>
      </c>
      <c r="G337" s="5">
        <v>13</v>
      </c>
      <c r="H337" s="5" t="s">
        <v>1518</v>
      </c>
      <c r="I337" s="5" t="s">
        <v>1519</v>
      </c>
      <c r="J337" s="2" t="s">
        <v>1520</v>
      </c>
      <c r="K337" s="5" t="s">
        <v>1519</v>
      </c>
      <c r="L337" s="2" t="s">
        <v>1520</v>
      </c>
      <c r="M337" s="5" t="s">
        <v>1521</v>
      </c>
      <c r="N337" s="5" t="s">
        <v>38</v>
      </c>
      <c r="O337" s="5" t="s">
        <v>39</v>
      </c>
      <c r="P337" s="5" t="s">
        <v>40</v>
      </c>
      <c r="Q337" s="5" t="s">
        <v>1522</v>
      </c>
      <c r="R337" s="5" t="s">
        <v>1523</v>
      </c>
      <c r="S337" s="5" t="s">
        <v>42</v>
      </c>
      <c r="T337" s="2">
        <v>1.343</v>
      </c>
      <c r="U337" s="2">
        <v>1.05</v>
      </c>
      <c r="V337" s="2">
        <v>7.0000000000000001E-3</v>
      </c>
      <c r="W337" s="2">
        <v>82.9</v>
      </c>
      <c r="X337" s="2">
        <v>7.6</v>
      </c>
      <c r="Y337" s="2">
        <v>10.6</v>
      </c>
      <c r="Z337" s="5"/>
      <c r="AA337" s="5" t="s">
        <v>43</v>
      </c>
      <c r="AB337" s="5" t="s">
        <v>44</v>
      </c>
      <c r="AC337" s="2"/>
      <c r="AD337" s="1"/>
    </row>
    <row r="338" spans="1:30">
      <c r="A338" s="5" t="s">
        <v>83578</v>
      </c>
      <c r="B338" s="2" t="s">
        <v>84587</v>
      </c>
      <c r="C338" s="14" t="s">
        <v>84588</v>
      </c>
      <c r="D338" s="2" t="s">
        <v>84589</v>
      </c>
      <c r="E338" s="2" t="s">
        <v>2204</v>
      </c>
      <c r="F338" s="8">
        <v>109</v>
      </c>
      <c r="G338" s="5">
        <v>13</v>
      </c>
      <c r="H338" s="5" t="s">
        <v>1518</v>
      </c>
      <c r="I338" s="5" t="s">
        <v>1519</v>
      </c>
      <c r="J338" s="2" t="s">
        <v>1520</v>
      </c>
      <c r="K338" s="5" t="s">
        <v>1519</v>
      </c>
      <c r="L338" s="2" t="s">
        <v>1520</v>
      </c>
      <c r="M338" s="5" t="s">
        <v>1521</v>
      </c>
      <c r="N338" s="5" t="s">
        <v>38</v>
      </c>
      <c r="O338" s="5" t="s">
        <v>39</v>
      </c>
      <c r="P338" s="5" t="s">
        <v>40</v>
      </c>
      <c r="Q338" s="5" t="s">
        <v>1522</v>
      </c>
      <c r="R338" s="5" t="s">
        <v>1523</v>
      </c>
      <c r="S338" s="5" t="s">
        <v>42</v>
      </c>
      <c r="T338" s="2">
        <v>1.3160000000000001</v>
      </c>
      <c r="U338" s="2">
        <v>1.0229999999999999</v>
      </c>
      <c r="V338" s="2">
        <v>7.0000000000000001E-3</v>
      </c>
      <c r="W338" s="2">
        <v>82.9</v>
      </c>
      <c r="X338" s="2">
        <v>7.6</v>
      </c>
      <c r="Y338" s="2">
        <v>10.6</v>
      </c>
      <c r="Z338" s="5"/>
      <c r="AA338" s="5" t="s">
        <v>43</v>
      </c>
      <c r="AB338" s="5" t="s">
        <v>44</v>
      </c>
      <c r="AC338" s="2"/>
      <c r="AD338" s="1"/>
    </row>
    <row r="339" spans="1:30">
      <c r="A339" s="5" t="s">
        <v>83578</v>
      </c>
      <c r="B339" s="2" t="s">
        <v>84590</v>
      </c>
      <c r="C339" s="14" t="s">
        <v>84591</v>
      </c>
      <c r="D339" s="2" t="s">
        <v>84592</v>
      </c>
      <c r="E339" s="2" t="s">
        <v>2724</v>
      </c>
      <c r="F339" s="8">
        <v>109</v>
      </c>
      <c r="G339" s="5">
        <v>13</v>
      </c>
      <c r="H339" s="5" t="s">
        <v>1518</v>
      </c>
      <c r="I339" s="5" t="s">
        <v>1519</v>
      </c>
      <c r="J339" s="2" t="s">
        <v>1520</v>
      </c>
      <c r="K339" s="5" t="s">
        <v>1519</v>
      </c>
      <c r="L339" s="2" t="s">
        <v>1520</v>
      </c>
      <c r="M339" s="5" t="s">
        <v>1521</v>
      </c>
      <c r="N339" s="5" t="s">
        <v>38</v>
      </c>
      <c r="O339" s="5" t="s">
        <v>39</v>
      </c>
      <c r="P339" s="5" t="s">
        <v>40</v>
      </c>
      <c r="Q339" s="5" t="s">
        <v>1522</v>
      </c>
      <c r="R339" s="5" t="s">
        <v>1523</v>
      </c>
      <c r="S339" s="5" t="s">
        <v>42</v>
      </c>
      <c r="T339" s="2">
        <v>1.343</v>
      </c>
      <c r="U339" s="2">
        <v>1.05</v>
      </c>
      <c r="V339" s="2">
        <v>7.0000000000000001E-3</v>
      </c>
      <c r="W339" s="2">
        <v>82.9</v>
      </c>
      <c r="X339" s="2">
        <v>7.6</v>
      </c>
      <c r="Y339" s="2">
        <v>10.6</v>
      </c>
      <c r="Z339" s="5"/>
      <c r="AA339" s="5" t="s">
        <v>43</v>
      </c>
      <c r="AB339" s="5" t="s">
        <v>44</v>
      </c>
      <c r="AC339" s="2"/>
      <c r="AD339" s="1"/>
    </row>
    <row r="340" spans="1:30">
      <c r="A340" s="5" t="s">
        <v>83578</v>
      </c>
      <c r="B340" s="2" t="s">
        <v>84593</v>
      </c>
      <c r="C340" s="14" t="s">
        <v>84594</v>
      </c>
      <c r="D340" s="2" t="s">
        <v>84595</v>
      </c>
      <c r="E340" s="2" t="s">
        <v>2212</v>
      </c>
      <c r="F340" s="8">
        <v>109</v>
      </c>
      <c r="G340" s="5">
        <v>13</v>
      </c>
      <c r="H340" s="5" t="s">
        <v>1518</v>
      </c>
      <c r="I340" s="5" t="s">
        <v>1519</v>
      </c>
      <c r="J340" s="2" t="s">
        <v>1520</v>
      </c>
      <c r="K340" s="5" t="s">
        <v>1519</v>
      </c>
      <c r="L340" s="2" t="s">
        <v>1520</v>
      </c>
      <c r="M340" s="5" t="s">
        <v>1521</v>
      </c>
      <c r="N340" s="5" t="s">
        <v>38</v>
      </c>
      <c r="O340" s="5" t="s">
        <v>39</v>
      </c>
      <c r="P340" s="5" t="s">
        <v>40</v>
      </c>
      <c r="Q340" s="5" t="s">
        <v>1522</v>
      </c>
      <c r="R340" s="5" t="s">
        <v>1523</v>
      </c>
      <c r="S340" s="5" t="s">
        <v>42</v>
      </c>
      <c r="T340" s="2">
        <v>1.343</v>
      </c>
      <c r="U340" s="2">
        <v>1.05</v>
      </c>
      <c r="V340" s="2">
        <v>7.0000000000000001E-3</v>
      </c>
      <c r="W340" s="2">
        <v>82.9</v>
      </c>
      <c r="X340" s="2">
        <v>7.6</v>
      </c>
      <c r="Y340" s="2">
        <v>10.6</v>
      </c>
      <c r="Z340" s="5"/>
      <c r="AA340" s="5" t="s">
        <v>43</v>
      </c>
      <c r="AB340" s="5" t="s">
        <v>44</v>
      </c>
      <c r="AC340" s="2"/>
      <c r="AD340" s="1"/>
    </row>
    <row r="341" spans="1:30">
      <c r="A341" s="5" t="s">
        <v>83578</v>
      </c>
      <c r="B341" s="2" t="s">
        <v>84596</v>
      </c>
      <c r="C341" s="14" t="s">
        <v>84597</v>
      </c>
      <c r="D341" s="2" t="s">
        <v>84598</v>
      </c>
      <c r="E341" s="2" t="s">
        <v>1835</v>
      </c>
      <c r="F341" s="8">
        <v>109</v>
      </c>
      <c r="G341" s="5">
        <v>13</v>
      </c>
      <c r="H341" s="5" t="s">
        <v>1518</v>
      </c>
      <c r="I341" s="5" t="s">
        <v>1519</v>
      </c>
      <c r="J341" s="2" t="s">
        <v>1520</v>
      </c>
      <c r="K341" s="5" t="s">
        <v>1519</v>
      </c>
      <c r="L341" s="2" t="s">
        <v>1520</v>
      </c>
      <c r="M341" s="5" t="s">
        <v>1521</v>
      </c>
      <c r="N341" s="5" t="s">
        <v>38</v>
      </c>
      <c r="O341" s="5" t="s">
        <v>39</v>
      </c>
      <c r="P341" s="5" t="s">
        <v>40</v>
      </c>
      <c r="Q341" s="5" t="s">
        <v>1522</v>
      </c>
      <c r="R341" s="5" t="s">
        <v>1523</v>
      </c>
      <c r="S341" s="5" t="s">
        <v>42</v>
      </c>
      <c r="T341" s="2">
        <v>1.343</v>
      </c>
      <c r="U341" s="2">
        <v>1.05</v>
      </c>
      <c r="V341" s="2">
        <v>7.0000000000000001E-3</v>
      </c>
      <c r="W341" s="2">
        <v>82.9</v>
      </c>
      <c r="X341" s="2">
        <v>7.6</v>
      </c>
      <c r="Y341" s="2">
        <v>10.6</v>
      </c>
      <c r="Z341" s="5"/>
      <c r="AA341" s="5" t="s">
        <v>43</v>
      </c>
      <c r="AB341" s="5" t="s">
        <v>44</v>
      </c>
      <c r="AC341" s="2"/>
      <c r="AD341" s="1"/>
    </row>
    <row r="342" spans="1:30">
      <c r="A342" s="5" t="s">
        <v>83578</v>
      </c>
      <c r="B342" s="2" t="s">
        <v>84599</v>
      </c>
      <c r="C342" s="14" t="s">
        <v>84600</v>
      </c>
      <c r="D342" s="2" t="s">
        <v>84601</v>
      </c>
      <c r="E342" s="2" t="s">
        <v>1839</v>
      </c>
      <c r="F342" s="8">
        <v>109</v>
      </c>
      <c r="G342" s="5">
        <v>13</v>
      </c>
      <c r="H342" s="5" t="s">
        <v>1518</v>
      </c>
      <c r="I342" s="5" t="s">
        <v>1519</v>
      </c>
      <c r="J342" s="2" t="s">
        <v>1520</v>
      </c>
      <c r="K342" s="5" t="s">
        <v>1519</v>
      </c>
      <c r="L342" s="2" t="s">
        <v>1520</v>
      </c>
      <c r="M342" s="5" t="s">
        <v>1521</v>
      </c>
      <c r="N342" s="5" t="s">
        <v>38</v>
      </c>
      <c r="O342" s="5" t="s">
        <v>39</v>
      </c>
      <c r="P342" s="5" t="s">
        <v>40</v>
      </c>
      <c r="Q342" s="5" t="s">
        <v>1522</v>
      </c>
      <c r="R342" s="5" t="s">
        <v>1523</v>
      </c>
      <c r="S342" s="5" t="s">
        <v>42</v>
      </c>
      <c r="T342" s="2">
        <v>1.3160000000000001</v>
      </c>
      <c r="U342" s="2">
        <v>1.0229999999999999</v>
      </c>
      <c r="V342" s="2">
        <v>7.0000000000000001E-3</v>
      </c>
      <c r="W342" s="2">
        <v>82.9</v>
      </c>
      <c r="X342" s="2">
        <v>7.6</v>
      </c>
      <c r="Y342" s="2">
        <v>10.6</v>
      </c>
      <c r="Z342" s="5"/>
      <c r="AA342" s="5" t="s">
        <v>43</v>
      </c>
      <c r="AB342" s="5" t="s">
        <v>44</v>
      </c>
      <c r="AC342" s="2"/>
      <c r="AD342" s="1"/>
    </row>
    <row r="343" spans="1:30">
      <c r="A343" s="5" t="s">
        <v>83578</v>
      </c>
      <c r="B343" s="2" t="s">
        <v>84602</v>
      </c>
      <c r="C343" s="14" t="s">
        <v>84603</v>
      </c>
      <c r="D343" s="2" t="s">
        <v>84604</v>
      </c>
      <c r="E343" s="2" t="s">
        <v>1986</v>
      </c>
      <c r="F343" s="8">
        <v>109</v>
      </c>
      <c r="G343" s="5">
        <v>13</v>
      </c>
      <c r="H343" s="5" t="s">
        <v>1518</v>
      </c>
      <c r="I343" s="5" t="s">
        <v>1519</v>
      </c>
      <c r="J343" s="2" t="s">
        <v>1520</v>
      </c>
      <c r="K343" s="5" t="s">
        <v>1519</v>
      </c>
      <c r="L343" s="2" t="s">
        <v>1520</v>
      </c>
      <c r="M343" s="5" t="s">
        <v>1521</v>
      </c>
      <c r="N343" s="5" t="s">
        <v>38</v>
      </c>
      <c r="O343" s="5" t="s">
        <v>39</v>
      </c>
      <c r="P343" s="5" t="s">
        <v>40</v>
      </c>
      <c r="Q343" s="5" t="s">
        <v>1522</v>
      </c>
      <c r="R343" s="5" t="s">
        <v>1523</v>
      </c>
      <c r="S343" s="5" t="s">
        <v>42</v>
      </c>
      <c r="T343" s="2">
        <v>1.343</v>
      </c>
      <c r="U343" s="2">
        <v>1.05</v>
      </c>
      <c r="V343" s="2">
        <v>7.0000000000000001E-3</v>
      </c>
      <c r="W343" s="2">
        <v>82.9</v>
      </c>
      <c r="X343" s="2">
        <v>7.6</v>
      </c>
      <c r="Y343" s="2">
        <v>10.6</v>
      </c>
      <c r="Z343" s="5"/>
      <c r="AA343" s="5" t="s">
        <v>43</v>
      </c>
      <c r="AB343" s="5" t="s">
        <v>44</v>
      </c>
      <c r="AC343" s="2"/>
      <c r="AD343" s="1"/>
    </row>
    <row r="344" spans="1:30">
      <c r="A344" s="5" t="s">
        <v>83578</v>
      </c>
      <c r="B344" s="2" t="s">
        <v>84605</v>
      </c>
      <c r="C344" s="14" t="s">
        <v>84606</v>
      </c>
      <c r="D344" s="2" t="s">
        <v>84607</v>
      </c>
      <c r="E344" s="2" t="s">
        <v>1843</v>
      </c>
      <c r="F344" s="8">
        <v>109</v>
      </c>
      <c r="G344" s="5">
        <v>13</v>
      </c>
      <c r="H344" s="5" t="s">
        <v>1518</v>
      </c>
      <c r="I344" s="5" t="s">
        <v>1519</v>
      </c>
      <c r="J344" s="2" t="s">
        <v>1520</v>
      </c>
      <c r="K344" s="5" t="s">
        <v>1519</v>
      </c>
      <c r="L344" s="2" t="s">
        <v>1520</v>
      </c>
      <c r="M344" s="5" t="s">
        <v>1521</v>
      </c>
      <c r="N344" s="5" t="s">
        <v>38</v>
      </c>
      <c r="O344" s="5" t="s">
        <v>39</v>
      </c>
      <c r="P344" s="5" t="s">
        <v>40</v>
      </c>
      <c r="Q344" s="5" t="s">
        <v>1522</v>
      </c>
      <c r="R344" s="5" t="s">
        <v>1523</v>
      </c>
      <c r="S344" s="5" t="s">
        <v>42</v>
      </c>
      <c r="T344" s="2">
        <v>1.3160000000000001</v>
      </c>
      <c r="U344" s="2">
        <v>1.0229999999999999</v>
      </c>
      <c r="V344" s="2">
        <v>7.0000000000000001E-3</v>
      </c>
      <c r="W344" s="2">
        <v>82.9</v>
      </c>
      <c r="X344" s="2">
        <v>7.6</v>
      </c>
      <c r="Y344" s="2">
        <v>10.6</v>
      </c>
      <c r="Z344" s="5"/>
      <c r="AA344" s="5" t="s">
        <v>43</v>
      </c>
      <c r="AB344" s="5" t="s">
        <v>44</v>
      </c>
      <c r="AC344" s="2"/>
      <c r="AD344" s="1"/>
    </row>
    <row r="345" spans="1:30">
      <c r="A345" s="5" t="s">
        <v>83578</v>
      </c>
      <c r="B345" s="2" t="s">
        <v>84608</v>
      </c>
      <c r="C345" s="14" t="s">
        <v>84609</v>
      </c>
      <c r="D345" s="2" t="s">
        <v>84610</v>
      </c>
      <c r="E345" s="2" t="s">
        <v>1855</v>
      </c>
      <c r="F345" s="8">
        <v>109</v>
      </c>
      <c r="G345" s="5">
        <v>13</v>
      </c>
      <c r="H345" s="5" t="s">
        <v>1518</v>
      </c>
      <c r="I345" s="5" t="s">
        <v>1519</v>
      </c>
      <c r="J345" s="2" t="s">
        <v>1520</v>
      </c>
      <c r="K345" s="5" t="s">
        <v>1519</v>
      </c>
      <c r="L345" s="2" t="s">
        <v>1520</v>
      </c>
      <c r="M345" s="5" t="s">
        <v>1521</v>
      </c>
      <c r="N345" s="5" t="s">
        <v>38</v>
      </c>
      <c r="O345" s="5" t="s">
        <v>39</v>
      </c>
      <c r="P345" s="5" t="s">
        <v>40</v>
      </c>
      <c r="Q345" s="5" t="s">
        <v>1522</v>
      </c>
      <c r="R345" s="5" t="s">
        <v>1523</v>
      </c>
      <c r="S345" s="5" t="s">
        <v>42</v>
      </c>
      <c r="T345" s="2">
        <v>1.3160000000000001</v>
      </c>
      <c r="U345" s="2">
        <v>1.0229999999999999</v>
      </c>
      <c r="V345" s="2">
        <v>7.0000000000000001E-3</v>
      </c>
      <c r="W345" s="2">
        <v>82.9</v>
      </c>
      <c r="X345" s="2">
        <v>7.6</v>
      </c>
      <c r="Y345" s="2">
        <v>10.6</v>
      </c>
      <c r="Z345" s="5"/>
      <c r="AA345" s="5" t="s">
        <v>43</v>
      </c>
      <c r="AB345" s="5" t="s">
        <v>44</v>
      </c>
      <c r="AC345" s="2"/>
      <c r="AD345" s="1"/>
    </row>
    <row r="346" spans="1:30">
      <c r="A346" s="5" t="s">
        <v>83578</v>
      </c>
      <c r="B346" s="2" t="s">
        <v>84611</v>
      </c>
      <c r="C346" s="14" t="s">
        <v>84612</v>
      </c>
      <c r="D346" s="2" t="s">
        <v>84613</v>
      </c>
      <c r="E346" s="2" t="s">
        <v>1859</v>
      </c>
      <c r="F346" s="8">
        <v>109</v>
      </c>
      <c r="G346" s="5">
        <v>13</v>
      </c>
      <c r="H346" s="5" t="s">
        <v>1518</v>
      </c>
      <c r="I346" s="5" t="s">
        <v>1519</v>
      </c>
      <c r="J346" s="2" t="s">
        <v>1520</v>
      </c>
      <c r="K346" s="5" t="s">
        <v>1519</v>
      </c>
      <c r="L346" s="2" t="s">
        <v>1520</v>
      </c>
      <c r="M346" s="5" t="s">
        <v>1521</v>
      </c>
      <c r="N346" s="5" t="s">
        <v>38</v>
      </c>
      <c r="O346" s="5" t="s">
        <v>39</v>
      </c>
      <c r="P346" s="5" t="s">
        <v>40</v>
      </c>
      <c r="Q346" s="5" t="s">
        <v>1522</v>
      </c>
      <c r="R346" s="5" t="s">
        <v>1523</v>
      </c>
      <c r="S346" s="5" t="s">
        <v>42</v>
      </c>
      <c r="T346" s="2">
        <v>1.343</v>
      </c>
      <c r="U346" s="2">
        <v>1.05</v>
      </c>
      <c r="V346" s="2">
        <v>7.0000000000000001E-3</v>
      </c>
      <c r="W346" s="2">
        <v>82.9</v>
      </c>
      <c r="X346" s="2">
        <v>7.6</v>
      </c>
      <c r="Y346" s="2">
        <v>10.6</v>
      </c>
      <c r="Z346" s="5"/>
      <c r="AA346" s="5" t="s">
        <v>43</v>
      </c>
      <c r="AB346" s="5" t="s">
        <v>44</v>
      </c>
      <c r="AC346" s="2"/>
      <c r="AD346" s="1"/>
    </row>
    <row r="347" spans="1:30">
      <c r="A347" s="5" t="s">
        <v>83578</v>
      </c>
      <c r="B347" s="2" t="s">
        <v>84614</v>
      </c>
      <c r="C347" s="14" t="s">
        <v>84615</v>
      </c>
      <c r="D347" s="2" t="s">
        <v>84616</v>
      </c>
      <c r="E347" s="2" t="s">
        <v>7547</v>
      </c>
      <c r="F347" s="8">
        <v>155</v>
      </c>
      <c r="G347" s="5">
        <v>6</v>
      </c>
      <c r="H347" s="5" t="s">
        <v>1518</v>
      </c>
      <c r="I347" s="5" t="s">
        <v>1519</v>
      </c>
      <c r="J347" s="2" t="s">
        <v>1520</v>
      </c>
      <c r="K347" s="5" t="s">
        <v>1519</v>
      </c>
      <c r="L347" s="2" t="s">
        <v>1520</v>
      </c>
      <c r="M347" s="5" t="s">
        <v>1521</v>
      </c>
      <c r="N347" s="5" t="s">
        <v>38</v>
      </c>
      <c r="O347" s="5" t="s">
        <v>39</v>
      </c>
      <c r="P347" s="5" t="s">
        <v>40</v>
      </c>
      <c r="Q347" s="5" t="s">
        <v>1522</v>
      </c>
      <c r="R347" s="5" t="s">
        <v>1523</v>
      </c>
      <c r="S347" s="5" t="s">
        <v>42</v>
      </c>
      <c r="T347" s="2">
        <v>2.1989999999999998</v>
      </c>
      <c r="U347" s="2">
        <v>1.681</v>
      </c>
      <c r="V347" s="2">
        <v>1.2999999999999999E-2</v>
      </c>
      <c r="W347" s="2">
        <v>165.1</v>
      </c>
      <c r="X347" s="2">
        <v>7.6</v>
      </c>
      <c r="Y347" s="2">
        <v>10.6</v>
      </c>
      <c r="Z347" s="5"/>
      <c r="AA347" s="5" t="s">
        <v>43</v>
      </c>
      <c r="AB347" s="5" t="s">
        <v>44</v>
      </c>
      <c r="AC347" s="2"/>
      <c r="AD347" s="1"/>
    </row>
    <row r="348" spans="1:30">
      <c r="A348" s="5" t="s">
        <v>83578</v>
      </c>
      <c r="B348" s="2" t="s">
        <v>84617</v>
      </c>
      <c r="C348" s="14" t="s">
        <v>84618</v>
      </c>
      <c r="D348" s="2" t="s">
        <v>84619</v>
      </c>
      <c r="E348" s="2" t="s">
        <v>7429</v>
      </c>
      <c r="F348" s="8">
        <v>155</v>
      </c>
      <c r="G348" s="5">
        <v>6</v>
      </c>
      <c r="H348" s="5" t="s">
        <v>1518</v>
      </c>
      <c r="I348" s="5" t="s">
        <v>1519</v>
      </c>
      <c r="J348" s="2" t="s">
        <v>1520</v>
      </c>
      <c r="K348" s="5" t="s">
        <v>1519</v>
      </c>
      <c r="L348" s="2" t="s">
        <v>1520</v>
      </c>
      <c r="M348" s="5" t="s">
        <v>1521</v>
      </c>
      <c r="N348" s="5" t="s">
        <v>38</v>
      </c>
      <c r="O348" s="5" t="s">
        <v>39</v>
      </c>
      <c r="P348" s="5" t="s">
        <v>40</v>
      </c>
      <c r="Q348" s="5" t="s">
        <v>1522</v>
      </c>
      <c r="R348" s="5" t="s">
        <v>1523</v>
      </c>
      <c r="S348" s="5" t="s">
        <v>42</v>
      </c>
      <c r="T348" s="2">
        <v>2.23</v>
      </c>
      <c r="U348" s="2">
        <v>1.712</v>
      </c>
      <c r="V348" s="2">
        <v>1.2999999999999999E-2</v>
      </c>
      <c r="W348" s="2">
        <v>165.1</v>
      </c>
      <c r="X348" s="2">
        <v>7.6</v>
      </c>
      <c r="Y348" s="2">
        <v>10.6</v>
      </c>
      <c r="Z348" s="5"/>
      <c r="AA348" s="5" t="s">
        <v>43</v>
      </c>
      <c r="AB348" s="5" t="s">
        <v>44</v>
      </c>
      <c r="AC348" s="2"/>
      <c r="AD348" s="1"/>
    </row>
    <row r="349" spans="1:30">
      <c r="A349" s="5" t="s">
        <v>83578</v>
      </c>
      <c r="B349" s="2" t="s">
        <v>84620</v>
      </c>
      <c r="C349" s="14" t="s">
        <v>84621</v>
      </c>
      <c r="D349" s="2" t="s">
        <v>84622</v>
      </c>
      <c r="E349" s="2" t="s">
        <v>1973</v>
      </c>
      <c r="F349" s="8">
        <v>155</v>
      </c>
      <c r="G349" s="5">
        <v>18</v>
      </c>
      <c r="H349" s="5" t="s">
        <v>1518</v>
      </c>
      <c r="I349" s="5" t="s">
        <v>1519</v>
      </c>
      <c r="J349" s="2" t="s">
        <v>1520</v>
      </c>
      <c r="K349" s="5" t="s">
        <v>1519</v>
      </c>
      <c r="L349" s="2" t="s">
        <v>1520</v>
      </c>
      <c r="M349" s="5" t="s">
        <v>1521</v>
      </c>
      <c r="N349" s="5" t="s">
        <v>38</v>
      </c>
      <c r="O349" s="5" t="s">
        <v>39</v>
      </c>
      <c r="P349" s="5" t="s">
        <v>40</v>
      </c>
      <c r="Q349" s="5" t="s">
        <v>1522</v>
      </c>
      <c r="R349" s="5" t="s">
        <v>1523</v>
      </c>
      <c r="S349" s="5" t="s">
        <v>42</v>
      </c>
      <c r="T349" s="2">
        <v>2.2639999999999998</v>
      </c>
      <c r="U349" s="2">
        <v>1.746</v>
      </c>
      <c r="V349" s="2">
        <v>1.2999999999999999E-2</v>
      </c>
      <c r="W349" s="2">
        <v>165.1</v>
      </c>
      <c r="X349" s="2">
        <v>7.6</v>
      </c>
      <c r="Y349" s="2">
        <v>10.6</v>
      </c>
      <c r="Z349" s="5"/>
      <c r="AA349" s="5" t="s">
        <v>43</v>
      </c>
      <c r="AB349" s="5" t="s">
        <v>44</v>
      </c>
      <c r="AC349" s="2"/>
      <c r="AD349" s="1"/>
    </row>
    <row r="350" spans="1:30">
      <c r="A350" s="5" t="s">
        <v>83578</v>
      </c>
      <c r="B350" s="2" t="s">
        <v>84623</v>
      </c>
      <c r="C350" s="14" t="s">
        <v>84624</v>
      </c>
      <c r="D350" s="2" t="s">
        <v>84625</v>
      </c>
      <c r="E350" s="2" t="s">
        <v>2204</v>
      </c>
      <c r="F350" s="8">
        <v>155</v>
      </c>
      <c r="G350" s="5">
        <v>18</v>
      </c>
      <c r="H350" s="5" t="s">
        <v>1518</v>
      </c>
      <c r="I350" s="5" t="s">
        <v>1519</v>
      </c>
      <c r="J350" s="2" t="s">
        <v>1520</v>
      </c>
      <c r="K350" s="5" t="s">
        <v>1519</v>
      </c>
      <c r="L350" s="2" t="s">
        <v>1520</v>
      </c>
      <c r="M350" s="5" t="s">
        <v>1521</v>
      </c>
      <c r="N350" s="5" t="s">
        <v>38</v>
      </c>
      <c r="O350" s="5" t="s">
        <v>39</v>
      </c>
      <c r="P350" s="5" t="s">
        <v>40</v>
      </c>
      <c r="Q350" s="5" t="s">
        <v>1522</v>
      </c>
      <c r="R350" s="5" t="s">
        <v>1523</v>
      </c>
      <c r="S350" s="5" t="s">
        <v>42</v>
      </c>
      <c r="T350" s="2">
        <v>2.2639999999999998</v>
      </c>
      <c r="U350" s="2">
        <v>1.746</v>
      </c>
      <c r="V350" s="2">
        <v>1.2999999999999999E-2</v>
      </c>
      <c r="W350" s="2">
        <v>165.1</v>
      </c>
      <c r="X350" s="2">
        <v>7.6</v>
      </c>
      <c r="Y350" s="2">
        <v>10.6</v>
      </c>
      <c r="Z350" s="5"/>
      <c r="AA350" s="5" t="s">
        <v>43</v>
      </c>
      <c r="AB350" s="5" t="s">
        <v>44</v>
      </c>
      <c r="AC350" s="2"/>
      <c r="AD350" s="1"/>
    </row>
    <row r="351" spans="1:30">
      <c r="A351" s="5" t="s">
        <v>83578</v>
      </c>
      <c r="B351" s="2" t="s">
        <v>84626</v>
      </c>
      <c r="C351" s="14" t="s">
        <v>84627</v>
      </c>
      <c r="D351" s="2" t="s">
        <v>84628</v>
      </c>
      <c r="E351" s="2" t="s">
        <v>2208</v>
      </c>
      <c r="F351" s="8">
        <v>155</v>
      </c>
      <c r="G351" s="5">
        <v>18</v>
      </c>
      <c r="H351" s="5" t="s">
        <v>1518</v>
      </c>
      <c r="I351" s="5" t="s">
        <v>1519</v>
      </c>
      <c r="J351" s="2" t="s">
        <v>1520</v>
      </c>
      <c r="K351" s="5" t="s">
        <v>1519</v>
      </c>
      <c r="L351" s="2" t="s">
        <v>1520</v>
      </c>
      <c r="M351" s="5" t="s">
        <v>1521</v>
      </c>
      <c r="N351" s="5" t="s">
        <v>38</v>
      </c>
      <c r="O351" s="5" t="s">
        <v>39</v>
      </c>
      <c r="P351" s="5" t="s">
        <v>40</v>
      </c>
      <c r="Q351" s="5" t="s">
        <v>1522</v>
      </c>
      <c r="R351" s="5" t="s">
        <v>1523</v>
      </c>
      <c r="S351" s="5" t="s">
        <v>42</v>
      </c>
      <c r="T351" s="2">
        <v>2.2639999999999998</v>
      </c>
      <c r="U351" s="2">
        <v>1.746</v>
      </c>
      <c r="V351" s="2">
        <v>1.2999999999999999E-2</v>
      </c>
      <c r="W351" s="2">
        <v>165.1</v>
      </c>
      <c r="X351" s="2">
        <v>7.6</v>
      </c>
      <c r="Y351" s="2">
        <v>10.6</v>
      </c>
      <c r="Z351" s="5"/>
      <c r="AA351" s="5" t="s">
        <v>43</v>
      </c>
      <c r="AB351" s="5" t="s">
        <v>44</v>
      </c>
      <c r="AC351" s="2"/>
      <c r="AD351" s="1"/>
    </row>
    <row r="352" spans="1:30">
      <c r="A352" s="5" t="s">
        <v>83578</v>
      </c>
      <c r="B352" s="2" t="s">
        <v>84629</v>
      </c>
      <c r="C352" s="14" t="s">
        <v>84630</v>
      </c>
      <c r="D352" s="2" t="s">
        <v>84631</v>
      </c>
      <c r="E352" s="2" t="s">
        <v>1831</v>
      </c>
      <c r="F352" s="8">
        <v>155</v>
      </c>
      <c r="G352" s="5">
        <v>18</v>
      </c>
      <c r="H352" s="5" t="s">
        <v>1518</v>
      </c>
      <c r="I352" s="5" t="s">
        <v>1519</v>
      </c>
      <c r="J352" s="2" t="s">
        <v>1520</v>
      </c>
      <c r="K352" s="5" t="s">
        <v>1519</v>
      </c>
      <c r="L352" s="2" t="s">
        <v>1520</v>
      </c>
      <c r="M352" s="5" t="s">
        <v>1521</v>
      </c>
      <c r="N352" s="5" t="s">
        <v>38</v>
      </c>
      <c r="O352" s="5" t="s">
        <v>39</v>
      </c>
      <c r="P352" s="5" t="s">
        <v>40</v>
      </c>
      <c r="Q352" s="5" t="s">
        <v>1522</v>
      </c>
      <c r="R352" s="5" t="s">
        <v>1523</v>
      </c>
      <c r="S352" s="5" t="s">
        <v>42</v>
      </c>
      <c r="T352" s="2">
        <v>2.2639999999999998</v>
      </c>
      <c r="U352" s="2">
        <v>1.746</v>
      </c>
      <c r="V352" s="2">
        <v>1.2999999999999999E-2</v>
      </c>
      <c r="W352" s="2">
        <v>165.1</v>
      </c>
      <c r="X352" s="2">
        <v>7.6</v>
      </c>
      <c r="Y352" s="2">
        <v>10.6</v>
      </c>
      <c r="Z352" s="5"/>
      <c r="AA352" s="5" t="s">
        <v>43</v>
      </c>
      <c r="AB352" s="5" t="s">
        <v>44</v>
      </c>
      <c r="AC352" s="2"/>
      <c r="AD352" s="1"/>
    </row>
    <row r="353" spans="1:30">
      <c r="A353" s="5" t="s">
        <v>83578</v>
      </c>
      <c r="B353" s="2" t="s">
        <v>84632</v>
      </c>
      <c r="C353" s="14" t="s">
        <v>84633</v>
      </c>
      <c r="D353" s="2" t="s">
        <v>84634</v>
      </c>
      <c r="E353" s="2" t="s">
        <v>1839</v>
      </c>
      <c r="F353" s="8">
        <v>155</v>
      </c>
      <c r="G353" s="5">
        <v>18</v>
      </c>
      <c r="H353" s="5" t="s">
        <v>1518</v>
      </c>
      <c r="I353" s="5" t="s">
        <v>1519</v>
      </c>
      <c r="J353" s="2" t="s">
        <v>1520</v>
      </c>
      <c r="K353" s="5" t="s">
        <v>1519</v>
      </c>
      <c r="L353" s="2" t="s">
        <v>1520</v>
      </c>
      <c r="M353" s="5" t="s">
        <v>1521</v>
      </c>
      <c r="N353" s="5" t="s">
        <v>38</v>
      </c>
      <c r="O353" s="5" t="s">
        <v>39</v>
      </c>
      <c r="P353" s="5" t="s">
        <v>40</v>
      </c>
      <c r="Q353" s="5" t="s">
        <v>1522</v>
      </c>
      <c r="R353" s="5" t="s">
        <v>1523</v>
      </c>
      <c r="S353" s="5" t="s">
        <v>42</v>
      </c>
      <c r="T353" s="2">
        <v>2.2639999999999998</v>
      </c>
      <c r="U353" s="2">
        <v>1.746</v>
      </c>
      <c r="V353" s="2">
        <v>1.2999999999999999E-2</v>
      </c>
      <c r="W353" s="2">
        <v>165.1</v>
      </c>
      <c r="X353" s="2">
        <v>7.6</v>
      </c>
      <c r="Y353" s="2">
        <v>10.6</v>
      </c>
      <c r="Z353" s="5"/>
      <c r="AA353" s="5" t="s">
        <v>43</v>
      </c>
      <c r="AB353" s="5" t="s">
        <v>44</v>
      </c>
      <c r="AC353" s="2"/>
      <c r="AD353" s="1"/>
    </row>
    <row r="354" spans="1:30">
      <c r="A354" s="5" t="s">
        <v>83578</v>
      </c>
      <c r="B354" s="2" t="s">
        <v>84635</v>
      </c>
      <c r="C354" s="14" t="s">
        <v>84636</v>
      </c>
      <c r="D354" s="2" t="s">
        <v>84637</v>
      </c>
      <c r="E354" s="2" t="s">
        <v>1843</v>
      </c>
      <c r="F354" s="8">
        <v>155</v>
      </c>
      <c r="G354" s="5">
        <v>18</v>
      </c>
      <c r="H354" s="5" t="s">
        <v>1518</v>
      </c>
      <c r="I354" s="5" t="s">
        <v>1519</v>
      </c>
      <c r="J354" s="2" t="s">
        <v>1520</v>
      </c>
      <c r="K354" s="5" t="s">
        <v>1519</v>
      </c>
      <c r="L354" s="2" t="s">
        <v>1520</v>
      </c>
      <c r="M354" s="5" t="s">
        <v>1521</v>
      </c>
      <c r="N354" s="5" t="s">
        <v>38</v>
      </c>
      <c r="O354" s="5" t="s">
        <v>39</v>
      </c>
      <c r="P354" s="5" t="s">
        <v>40</v>
      </c>
      <c r="Q354" s="5" t="s">
        <v>1522</v>
      </c>
      <c r="R354" s="5" t="s">
        <v>1523</v>
      </c>
      <c r="S354" s="5" t="s">
        <v>42</v>
      </c>
      <c r="T354" s="2">
        <v>2.2639999999999998</v>
      </c>
      <c r="U354" s="2">
        <v>1.746</v>
      </c>
      <c r="V354" s="2">
        <v>1.2999999999999999E-2</v>
      </c>
      <c r="W354" s="2">
        <v>165.1</v>
      </c>
      <c r="X354" s="2">
        <v>7.6</v>
      </c>
      <c r="Y354" s="2">
        <v>10.6</v>
      </c>
      <c r="Z354" s="5"/>
      <c r="AA354" s="5" t="s">
        <v>43</v>
      </c>
      <c r="AB354" s="5" t="s">
        <v>44</v>
      </c>
      <c r="AC354" s="2"/>
      <c r="AD354" s="1"/>
    </row>
    <row r="355" spans="1:30">
      <c r="A355" s="5" t="s">
        <v>83578</v>
      </c>
      <c r="B355" s="2" t="s">
        <v>84638</v>
      </c>
      <c r="C355" s="14" t="s">
        <v>84639</v>
      </c>
      <c r="D355" s="2" t="s">
        <v>84640</v>
      </c>
      <c r="E355" s="2" t="s">
        <v>1847</v>
      </c>
      <c r="F355" s="8">
        <v>155</v>
      </c>
      <c r="G355" s="5">
        <v>18</v>
      </c>
      <c r="H355" s="5" t="s">
        <v>1518</v>
      </c>
      <c r="I355" s="5" t="s">
        <v>1519</v>
      </c>
      <c r="J355" s="2" t="s">
        <v>1520</v>
      </c>
      <c r="K355" s="5" t="s">
        <v>1519</v>
      </c>
      <c r="L355" s="2" t="s">
        <v>1520</v>
      </c>
      <c r="M355" s="5" t="s">
        <v>1521</v>
      </c>
      <c r="N355" s="5" t="s">
        <v>38</v>
      </c>
      <c r="O355" s="5" t="s">
        <v>39</v>
      </c>
      <c r="P355" s="5" t="s">
        <v>40</v>
      </c>
      <c r="Q355" s="5" t="s">
        <v>1522</v>
      </c>
      <c r="R355" s="5" t="s">
        <v>1523</v>
      </c>
      <c r="S355" s="5" t="s">
        <v>42</v>
      </c>
      <c r="T355" s="2">
        <v>2.3180000000000001</v>
      </c>
      <c r="U355" s="2">
        <v>1.8</v>
      </c>
      <c r="V355" s="2">
        <v>1.2999999999999999E-2</v>
      </c>
      <c r="W355" s="2">
        <v>165.1</v>
      </c>
      <c r="X355" s="2">
        <v>7.6</v>
      </c>
      <c r="Y355" s="2">
        <v>10.6</v>
      </c>
      <c r="Z355" s="5"/>
      <c r="AA355" s="5" t="s">
        <v>43</v>
      </c>
      <c r="AB355" s="5" t="s">
        <v>44</v>
      </c>
      <c r="AC355" s="2"/>
      <c r="AD355" s="1"/>
    </row>
    <row r="356" spans="1:30">
      <c r="A356" s="5" t="s">
        <v>83578</v>
      </c>
      <c r="B356" s="2" t="s">
        <v>84641</v>
      </c>
      <c r="C356" s="14" t="s">
        <v>84642</v>
      </c>
      <c r="D356" s="2" t="s">
        <v>84643</v>
      </c>
      <c r="E356" s="2" t="s">
        <v>1851</v>
      </c>
      <c r="F356" s="8">
        <v>155</v>
      </c>
      <c r="G356" s="5">
        <v>18</v>
      </c>
      <c r="H356" s="5" t="s">
        <v>1518</v>
      </c>
      <c r="I356" s="5" t="s">
        <v>1519</v>
      </c>
      <c r="J356" s="2" t="s">
        <v>1520</v>
      </c>
      <c r="K356" s="5" t="s">
        <v>1519</v>
      </c>
      <c r="L356" s="2" t="s">
        <v>1520</v>
      </c>
      <c r="M356" s="5" t="s">
        <v>1521</v>
      </c>
      <c r="N356" s="5" t="s">
        <v>38</v>
      </c>
      <c r="O356" s="5" t="s">
        <v>39</v>
      </c>
      <c r="P356" s="5" t="s">
        <v>40</v>
      </c>
      <c r="Q356" s="5" t="s">
        <v>1522</v>
      </c>
      <c r="R356" s="5" t="s">
        <v>1523</v>
      </c>
      <c r="S356" s="5" t="s">
        <v>42</v>
      </c>
      <c r="T356" s="2">
        <v>2.2639999999999998</v>
      </c>
      <c r="U356" s="2">
        <v>1.746</v>
      </c>
      <c r="V356" s="2">
        <v>1.2999999999999999E-2</v>
      </c>
      <c r="W356" s="2">
        <v>165.1</v>
      </c>
      <c r="X356" s="2">
        <v>7.6</v>
      </c>
      <c r="Y356" s="2">
        <v>10.6</v>
      </c>
      <c r="Z356" s="5"/>
      <c r="AA356" s="5" t="s">
        <v>43</v>
      </c>
      <c r="AB356" s="5" t="s">
        <v>44</v>
      </c>
      <c r="AC356" s="2"/>
      <c r="AD356" s="1"/>
    </row>
    <row r="357" spans="1:30">
      <c r="A357" s="5" t="s">
        <v>83578</v>
      </c>
      <c r="B357" s="2" t="s">
        <v>84644</v>
      </c>
      <c r="C357" s="14" t="s">
        <v>84645</v>
      </c>
      <c r="D357" s="2" t="s">
        <v>84646</v>
      </c>
      <c r="E357" s="2" t="s">
        <v>1855</v>
      </c>
      <c r="F357" s="8">
        <v>155</v>
      </c>
      <c r="G357" s="5">
        <v>18</v>
      </c>
      <c r="H357" s="5" t="s">
        <v>1518</v>
      </c>
      <c r="I357" s="5" t="s">
        <v>1519</v>
      </c>
      <c r="J357" s="2" t="s">
        <v>1520</v>
      </c>
      <c r="K357" s="5" t="s">
        <v>1519</v>
      </c>
      <c r="L357" s="2" t="s">
        <v>1520</v>
      </c>
      <c r="M357" s="5" t="s">
        <v>1521</v>
      </c>
      <c r="N357" s="5" t="s">
        <v>38</v>
      </c>
      <c r="O357" s="5" t="s">
        <v>39</v>
      </c>
      <c r="P357" s="5" t="s">
        <v>40</v>
      </c>
      <c r="Q357" s="5" t="s">
        <v>1522</v>
      </c>
      <c r="R357" s="5" t="s">
        <v>1523</v>
      </c>
      <c r="S357" s="5" t="s">
        <v>42</v>
      </c>
      <c r="T357" s="2">
        <v>2.2639999999999998</v>
      </c>
      <c r="U357" s="2">
        <v>1.746</v>
      </c>
      <c r="V357" s="2">
        <v>1.2999999999999999E-2</v>
      </c>
      <c r="W357" s="2">
        <v>165.1</v>
      </c>
      <c r="X357" s="2">
        <v>7.6</v>
      </c>
      <c r="Y357" s="2">
        <v>10.6</v>
      </c>
      <c r="Z357" s="5"/>
      <c r="AA357" s="5" t="s">
        <v>43</v>
      </c>
      <c r="AB357" s="5" t="s">
        <v>44</v>
      </c>
      <c r="AC357" s="2"/>
      <c r="AD357" s="1"/>
    </row>
    <row r="358" spans="1:30">
      <c r="A358" s="5" t="s">
        <v>83578</v>
      </c>
      <c r="B358" s="2" t="s">
        <v>84647</v>
      </c>
      <c r="C358" s="14" t="s">
        <v>84648</v>
      </c>
      <c r="D358" s="2" t="s">
        <v>84649</v>
      </c>
      <c r="E358" s="2" t="s">
        <v>2204</v>
      </c>
      <c r="F358" s="8">
        <v>126</v>
      </c>
      <c r="G358" s="5">
        <v>13</v>
      </c>
      <c r="H358" s="5" t="s">
        <v>1518</v>
      </c>
      <c r="I358" s="5" t="s">
        <v>1519</v>
      </c>
      <c r="J358" s="2" t="s">
        <v>1520</v>
      </c>
      <c r="K358" s="5" t="s">
        <v>1519</v>
      </c>
      <c r="L358" s="2" t="s">
        <v>1520</v>
      </c>
      <c r="M358" s="5" t="s">
        <v>1521</v>
      </c>
      <c r="N358" s="5" t="s">
        <v>38</v>
      </c>
      <c r="O358" s="5" t="s">
        <v>39</v>
      </c>
      <c r="P358" s="5" t="s">
        <v>40</v>
      </c>
      <c r="Q358" s="5" t="s">
        <v>1522</v>
      </c>
      <c r="R358" s="5" t="s">
        <v>1523</v>
      </c>
      <c r="S358" s="5" t="s">
        <v>42</v>
      </c>
      <c r="T358" s="2">
        <v>1.7769999999999999</v>
      </c>
      <c r="U358" s="2">
        <v>1.444</v>
      </c>
      <c r="V358" s="2">
        <v>8.0000000000000002E-3</v>
      </c>
      <c r="W358" s="2">
        <v>99.1</v>
      </c>
      <c r="X358" s="2">
        <v>7.6</v>
      </c>
      <c r="Y358" s="2">
        <v>10.6</v>
      </c>
      <c r="Z358" s="5"/>
      <c r="AA358" s="5" t="s">
        <v>43</v>
      </c>
      <c r="AB358" s="5" t="s">
        <v>44</v>
      </c>
      <c r="AC358" s="2"/>
      <c r="AD358" s="1"/>
    </row>
    <row r="359" spans="1:30">
      <c r="A359" s="5" t="s">
        <v>83578</v>
      </c>
      <c r="B359" s="2" t="s">
        <v>84650</v>
      </c>
      <c r="C359" s="14" t="s">
        <v>84651</v>
      </c>
      <c r="D359" s="2" t="s">
        <v>84652</v>
      </c>
      <c r="E359" s="2" t="s">
        <v>2724</v>
      </c>
      <c r="F359" s="8">
        <v>126</v>
      </c>
      <c r="G359" s="5">
        <v>13</v>
      </c>
      <c r="H359" s="5" t="s">
        <v>1518</v>
      </c>
      <c r="I359" s="5" t="s">
        <v>1519</v>
      </c>
      <c r="J359" s="2" t="s">
        <v>1520</v>
      </c>
      <c r="K359" s="5" t="s">
        <v>1519</v>
      </c>
      <c r="L359" s="2" t="s">
        <v>1520</v>
      </c>
      <c r="M359" s="5" t="s">
        <v>1521</v>
      </c>
      <c r="N359" s="5" t="s">
        <v>38</v>
      </c>
      <c r="O359" s="5" t="s">
        <v>39</v>
      </c>
      <c r="P359" s="5" t="s">
        <v>40</v>
      </c>
      <c r="Q359" s="5" t="s">
        <v>1522</v>
      </c>
      <c r="R359" s="5" t="s">
        <v>1523</v>
      </c>
      <c r="S359" s="5" t="s">
        <v>42</v>
      </c>
      <c r="T359" s="2">
        <v>1.8160000000000001</v>
      </c>
      <c r="U359" s="2">
        <v>1.4830000000000001</v>
      </c>
      <c r="V359" s="2">
        <v>8.0000000000000002E-3</v>
      </c>
      <c r="W359" s="2">
        <v>99.1</v>
      </c>
      <c r="X359" s="2">
        <v>7.6</v>
      </c>
      <c r="Y359" s="2">
        <v>10.6</v>
      </c>
      <c r="Z359" s="5"/>
      <c r="AA359" s="5" t="s">
        <v>43</v>
      </c>
      <c r="AB359" s="5" t="s">
        <v>44</v>
      </c>
      <c r="AC359" s="2"/>
      <c r="AD359" s="1"/>
    </row>
    <row r="360" spans="1:30">
      <c r="A360" s="5" t="s">
        <v>83578</v>
      </c>
      <c r="B360" s="2" t="s">
        <v>84653</v>
      </c>
      <c r="C360" s="14" t="s">
        <v>84654</v>
      </c>
      <c r="D360" s="2" t="s">
        <v>84655</v>
      </c>
      <c r="E360" s="2" t="s">
        <v>1839</v>
      </c>
      <c r="F360" s="8">
        <v>126</v>
      </c>
      <c r="G360" s="5">
        <v>13</v>
      </c>
      <c r="H360" s="5" t="s">
        <v>1518</v>
      </c>
      <c r="I360" s="5" t="s">
        <v>1519</v>
      </c>
      <c r="J360" s="2" t="s">
        <v>1520</v>
      </c>
      <c r="K360" s="5" t="s">
        <v>1519</v>
      </c>
      <c r="L360" s="2" t="s">
        <v>1520</v>
      </c>
      <c r="M360" s="5" t="s">
        <v>1521</v>
      </c>
      <c r="N360" s="5" t="s">
        <v>38</v>
      </c>
      <c r="O360" s="5" t="s">
        <v>39</v>
      </c>
      <c r="P360" s="5" t="s">
        <v>40</v>
      </c>
      <c r="Q360" s="5" t="s">
        <v>1522</v>
      </c>
      <c r="R360" s="5" t="s">
        <v>1523</v>
      </c>
      <c r="S360" s="5" t="s">
        <v>42</v>
      </c>
      <c r="T360" s="2">
        <v>1.7769999999999999</v>
      </c>
      <c r="U360" s="2">
        <v>1.444</v>
      </c>
      <c r="V360" s="2">
        <v>8.0000000000000002E-3</v>
      </c>
      <c r="W360" s="2">
        <v>99.1</v>
      </c>
      <c r="X360" s="2">
        <v>7.6</v>
      </c>
      <c r="Y360" s="2">
        <v>10.6</v>
      </c>
      <c r="Z360" s="5"/>
      <c r="AA360" s="5" t="s">
        <v>43</v>
      </c>
      <c r="AB360" s="5" t="s">
        <v>44</v>
      </c>
      <c r="AC360" s="2"/>
      <c r="AD360" s="1"/>
    </row>
    <row r="361" spans="1:30">
      <c r="A361" s="5" t="s">
        <v>83578</v>
      </c>
      <c r="B361" s="2" t="s">
        <v>84656</v>
      </c>
      <c r="C361" s="14" t="s">
        <v>84657</v>
      </c>
      <c r="D361" s="2" t="s">
        <v>84658</v>
      </c>
      <c r="E361" s="2" t="s">
        <v>1859</v>
      </c>
      <c r="F361" s="8">
        <v>126</v>
      </c>
      <c r="G361" s="5">
        <v>13</v>
      </c>
      <c r="H361" s="5" t="s">
        <v>1518</v>
      </c>
      <c r="I361" s="5" t="s">
        <v>1519</v>
      </c>
      <c r="J361" s="2" t="s">
        <v>1520</v>
      </c>
      <c r="K361" s="5" t="s">
        <v>1519</v>
      </c>
      <c r="L361" s="2" t="s">
        <v>1520</v>
      </c>
      <c r="M361" s="5" t="s">
        <v>1521</v>
      </c>
      <c r="N361" s="5" t="s">
        <v>38</v>
      </c>
      <c r="O361" s="5" t="s">
        <v>39</v>
      </c>
      <c r="P361" s="5" t="s">
        <v>40</v>
      </c>
      <c r="Q361" s="5" t="s">
        <v>1522</v>
      </c>
      <c r="R361" s="5" t="s">
        <v>1523</v>
      </c>
      <c r="S361" s="5" t="s">
        <v>42</v>
      </c>
      <c r="T361" s="2">
        <v>1.8160000000000001</v>
      </c>
      <c r="U361" s="2">
        <v>1.4830000000000001</v>
      </c>
      <c r="V361" s="2">
        <v>8.0000000000000002E-3</v>
      </c>
      <c r="W361" s="2">
        <v>99.1</v>
      </c>
      <c r="X361" s="2">
        <v>7.6</v>
      </c>
      <c r="Y361" s="2">
        <v>10.6</v>
      </c>
      <c r="Z361" s="5"/>
      <c r="AA361" s="5" t="s">
        <v>43</v>
      </c>
      <c r="AB361" s="5" t="s">
        <v>44</v>
      </c>
      <c r="AC361" s="2"/>
      <c r="AD361" s="1"/>
    </row>
    <row r="362" spans="1:30">
      <c r="A362" s="5" t="s">
        <v>83578</v>
      </c>
      <c r="B362" s="2" t="s">
        <v>84659</v>
      </c>
      <c r="C362" s="14" t="s">
        <v>84660</v>
      </c>
      <c r="D362" s="2" t="s">
        <v>84661</v>
      </c>
      <c r="E362" s="2" t="s">
        <v>2724</v>
      </c>
      <c r="F362" s="8">
        <v>126</v>
      </c>
      <c r="G362" s="5">
        <v>13</v>
      </c>
      <c r="H362" s="5" t="s">
        <v>1518</v>
      </c>
      <c r="I362" s="5" t="s">
        <v>1519</v>
      </c>
      <c r="J362" s="2" t="s">
        <v>1520</v>
      </c>
      <c r="K362" s="5" t="s">
        <v>1519</v>
      </c>
      <c r="L362" s="2" t="s">
        <v>1520</v>
      </c>
      <c r="M362" s="5" t="s">
        <v>1521</v>
      </c>
      <c r="N362" s="5" t="s">
        <v>38</v>
      </c>
      <c r="O362" s="5" t="s">
        <v>39</v>
      </c>
      <c r="P362" s="5" t="s">
        <v>40</v>
      </c>
      <c r="Q362" s="5" t="s">
        <v>1522</v>
      </c>
      <c r="R362" s="5" t="s">
        <v>1523</v>
      </c>
      <c r="S362" s="5" t="s">
        <v>42</v>
      </c>
      <c r="T362" s="2">
        <v>1.9470000000000001</v>
      </c>
      <c r="U362" s="2">
        <v>1.6140000000000001</v>
      </c>
      <c r="V362" s="2">
        <v>8.0000000000000002E-3</v>
      </c>
      <c r="W362" s="2">
        <v>99.1</v>
      </c>
      <c r="X362" s="2">
        <v>7.6</v>
      </c>
      <c r="Y362" s="2">
        <v>10.6</v>
      </c>
      <c r="Z362" s="5"/>
      <c r="AA362" s="5" t="s">
        <v>43</v>
      </c>
      <c r="AB362" s="5" t="s">
        <v>44</v>
      </c>
      <c r="AC362" s="2"/>
      <c r="AD362" s="1"/>
    </row>
    <row r="363" spans="1:30">
      <c r="A363" s="5" t="s">
        <v>83578</v>
      </c>
      <c r="B363" s="2" t="s">
        <v>84662</v>
      </c>
      <c r="C363" s="14" t="s">
        <v>84663</v>
      </c>
      <c r="D363" s="2" t="s">
        <v>84664</v>
      </c>
      <c r="E363" s="2" t="s">
        <v>1839</v>
      </c>
      <c r="F363" s="8">
        <v>126</v>
      </c>
      <c r="G363" s="5">
        <v>13</v>
      </c>
      <c r="H363" s="5" t="s">
        <v>1518</v>
      </c>
      <c r="I363" s="5" t="s">
        <v>1519</v>
      </c>
      <c r="J363" s="2" t="s">
        <v>1520</v>
      </c>
      <c r="K363" s="5" t="s">
        <v>1519</v>
      </c>
      <c r="L363" s="2" t="s">
        <v>1520</v>
      </c>
      <c r="M363" s="5" t="s">
        <v>1521</v>
      </c>
      <c r="N363" s="5" t="s">
        <v>38</v>
      </c>
      <c r="O363" s="5" t="s">
        <v>39</v>
      </c>
      <c r="P363" s="5" t="s">
        <v>40</v>
      </c>
      <c r="Q363" s="5" t="s">
        <v>1522</v>
      </c>
      <c r="R363" s="5" t="s">
        <v>1523</v>
      </c>
      <c r="S363" s="5" t="s">
        <v>42</v>
      </c>
      <c r="T363" s="2">
        <v>1.903</v>
      </c>
      <c r="U363" s="2">
        <v>1.57</v>
      </c>
      <c r="V363" s="2">
        <v>8.0000000000000002E-3</v>
      </c>
      <c r="W363" s="2">
        <v>99.1</v>
      </c>
      <c r="X363" s="2">
        <v>7.6</v>
      </c>
      <c r="Y363" s="2">
        <v>10.6</v>
      </c>
      <c r="Z363" s="5"/>
      <c r="AA363" s="5" t="s">
        <v>43</v>
      </c>
      <c r="AB363" s="5" t="s">
        <v>44</v>
      </c>
      <c r="AC363" s="2"/>
      <c r="AD363" s="1"/>
    </row>
    <row r="364" spans="1:30">
      <c r="A364" s="5" t="s">
        <v>83578</v>
      </c>
      <c r="B364" s="2" t="s">
        <v>84665</v>
      </c>
      <c r="C364" s="14" t="s">
        <v>84666</v>
      </c>
      <c r="D364" s="2" t="s">
        <v>84667</v>
      </c>
      <c r="E364" s="2" t="s">
        <v>2348</v>
      </c>
      <c r="F364" s="8">
        <v>136</v>
      </c>
      <c r="G364" s="5">
        <v>13</v>
      </c>
      <c r="H364" s="5" t="s">
        <v>1518</v>
      </c>
      <c r="I364" s="5" t="s">
        <v>1519</v>
      </c>
      <c r="J364" s="2" t="s">
        <v>1520</v>
      </c>
      <c r="K364" s="5" t="s">
        <v>1519</v>
      </c>
      <c r="L364" s="2" t="s">
        <v>1520</v>
      </c>
      <c r="M364" s="5" t="s">
        <v>1521</v>
      </c>
      <c r="N364" s="5" t="s">
        <v>38</v>
      </c>
      <c r="O364" s="5" t="s">
        <v>39</v>
      </c>
      <c r="P364" s="5" t="s">
        <v>40</v>
      </c>
      <c r="Q364" s="5" t="s">
        <v>1522</v>
      </c>
      <c r="R364" s="5" t="s">
        <v>1523</v>
      </c>
      <c r="S364" s="5" t="s">
        <v>42</v>
      </c>
      <c r="T364" s="2">
        <v>2.097</v>
      </c>
      <c r="U364" s="2">
        <v>1.7569999999999999</v>
      </c>
      <c r="V364" s="2">
        <v>0.01</v>
      </c>
      <c r="W364" s="2">
        <v>118.9</v>
      </c>
      <c r="X364" s="2">
        <v>7.6</v>
      </c>
      <c r="Y364" s="2">
        <v>10.6</v>
      </c>
      <c r="Z364" s="5"/>
      <c r="AA364" s="5" t="s">
        <v>43</v>
      </c>
      <c r="AB364" s="5" t="s">
        <v>44</v>
      </c>
      <c r="AC364" s="2"/>
      <c r="AD364" s="1"/>
    </row>
    <row r="365" spans="1:30">
      <c r="A365" s="5" t="s">
        <v>83578</v>
      </c>
      <c r="B365" s="2" t="s">
        <v>84668</v>
      </c>
      <c r="C365" s="14" t="s">
        <v>84669</v>
      </c>
      <c r="D365" s="2" t="s">
        <v>84670</v>
      </c>
      <c r="E365" s="2" t="s">
        <v>2204</v>
      </c>
      <c r="F365" s="8">
        <v>136</v>
      </c>
      <c r="G365" s="5">
        <v>13</v>
      </c>
      <c r="H365" s="5" t="s">
        <v>1518</v>
      </c>
      <c r="I365" s="5" t="s">
        <v>1519</v>
      </c>
      <c r="J365" s="2" t="s">
        <v>1520</v>
      </c>
      <c r="K365" s="5" t="s">
        <v>1519</v>
      </c>
      <c r="L365" s="2" t="s">
        <v>1520</v>
      </c>
      <c r="M365" s="5" t="s">
        <v>1521</v>
      </c>
      <c r="N365" s="5" t="s">
        <v>38</v>
      </c>
      <c r="O365" s="5" t="s">
        <v>39</v>
      </c>
      <c r="P365" s="5" t="s">
        <v>40</v>
      </c>
      <c r="Q365" s="5" t="s">
        <v>1522</v>
      </c>
      <c r="R365" s="5" t="s">
        <v>1523</v>
      </c>
      <c r="S365" s="5" t="s">
        <v>42</v>
      </c>
      <c r="T365" s="2">
        <v>2.0489999999999999</v>
      </c>
      <c r="U365" s="2">
        <v>1.7090000000000001</v>
      </c>
      <c r="V365" s="2">
        <v>0.01</v>
      </c>
      <c r="W365" s="2">
        <v>118.9</v>
      </c>
      <c r="X365" s="2">
        <v>7.6</v>
      </c>
      <c r="Y365" s="2">
        <v>10.6</v>
      </c>
      <c r="Z365" s="5"/>
      <c r="AA365" s="5" t="s">
        <v>43</v>
      </c>
      <c r="AB365" s="5" t="s">
        <v>44</v>
      </c>
      <c r="AC365" s="2"/>
      <c r="AD365" s="1"/>
    </row>
    <row r="366" spans="1:30">
      <c r="A366" s="5" t="s">
        <v>83578</v>
      </c>
      <c r="B366" s="2" t="s">
        <v>84671</v>
      </c>
      <c r="C366" s="14" t="s">
        <v>84672</v>
      </c>
      <c r="D366" s="2" t="s">
        <v>84673</v>
      </c>
      <c r="E366" s="2" t="s">
        <v>2724</v>
      </c>
      <c r="F366" s="8">
        <v>147</v>
      </c>
      <c r="G366" s="5">
        <v>18</v>
      </c>
      <c r="H366" s="5" t="s">
        <v>1518</v>
      </c>
      <c r="I366" s="5" t="s">
        <v>1519</v>
      </c>
      <c r="J366" s="2" t="s">
        <v>1520</v>
      </c>
      <c r="K366" s="5" t="s">
        <v>1519</v>
      </c>
      <c r="L366" s="2" t="s">
        <v>1520</v>
      </c>
      <c r="M366" s="5" t="s">
        <v>1521</v>
      </c>
      <c r="N366" s="5" t="s">
        <v>38</v>
      </c>
      <c r="O366" s="5" t="s">
        <v>39</v>
      </c>
      <c r="P366" s="5" t="s">
        <v>40</v>
      </c>
      <c r="Q366" s="5" t="s">
        <v>1522</v>
      </c>
      <c r="R366" s="5" t="s">
        <v>1523</v>
      </c>
      <c r="S366" s="5" t="s">
        <v>42</v>
      </c>
      <c r="T366" s="2">
        <v>2.2829999999999999</v>
      </c>
      <c r="U366" s="2">
        <v>1.891</v>
      </c>
      <c r="V366" s="2">
        <v>1.0999999999999999E-2</v>
      </c>
      <c r="W366" s="2">
        <v>139.1</v>
      </c>
      <c r="X366" s="2">
        <v>7.6</v>
      </c>
      <c r="Y366" s="2">
        <v>10.6</v>
      </c>
      <c r="Z366" s="5"/>
      <c r="AA366" s="5" t="s">
        <v>43</v>
      </c>
      <c r="AB366" s="5" t="s">
        <v>44</v>
      </c>
      <c r="AC366" s="2"/>
      <c r="AD366" s="1"/>
    </row>
    <row r="367" spans="1:30">
      <c r="A367" s="5" t="s">
        <v>83578</v>
      </c>
      <c r="B367" s="2" t="s">
        <v>84674</v>
      </c>
      <c r="C367" s="14" t="s">
        <v>84675</v>
      </c>
      <c r="D367" s="2" t="s">
        <v>84676</v>
      </c>
      <c r="E367" s="2" t="s">
        <v>7559</v>
      </c>
      <c r="F367" s="8">
        <v>126</v>
      </c>
      <c r="G367" s="5">
        <v>6</v>
      </c>
      <c r="H367" s="5" t="s">
        <v>1518</v>
      </c>
      <c r="I367" s="5" t="s">
        <v>1519</v>
      </c>
      <c r="J367" s="2" t="s">
        <v>1520</v>
      </c>
      <c r="K367" s="5" t="s">
        <v>1519</v>
      </c>
      <c r="L367" s="2" t="s">
        <v>1520</v>
      </c>
      <c r="M367" s="5" t="s">
        <v>1521</v>
      </c>
      <c r="N367" s="5" t="s">
        <v>38</v>
      </c>
      <c r="O367" s="5" t="s">
        <v>39</v>
      </c>
      <c r="P367" s="5" t="s">
        <v>40</v>
      </c>
      <c r="Q367" s="5" t="s">
        <v>1522</v>
      </c>
      <c r="R367" s="5" t="s">
        <v>1523</v>
      </c>
      <c r="S367" s="5" t="s">
        <v>42</v>
      </c>
      <c r="T367" s="2">
        <v>1.536</v>
      </c>
      <c r="U367" s="2">
        <v>1.2030000000000001</v>
      </c>
      <c r="V367" s="2">
        <v>8.0000000000000002E-3</v>
      </c>
      <c r="W367" s="2">
        <v>99.1</v>
      </c>
      <c r="X367" s="2">
        <v>7.6</v>
      </c>
      <c r="Y367" s="2">
        <v>10.6</v>
      </c>
      <c r="Z367" s="5"/>
      <c r="AA367" s="5" t="s">
        <v>43</v>
      </c>
      <c r="AB367" s="5" t="s">
        <v>44</v>
      </c>
      <c r="AC367" s="2"/>
      <c r="AD367" s="1"/>
    </row>
    <row r="368" spans="1:30">
      <c r="A368" s="5" t="s">
        <v>83578</v>
      </c>
      <c r="B368" s="2" t="s">
        <v>84677</v>
      </c>
      <c r="C368" s="14" t="s">
        <v>84678</v>
      </c>
      <c r="D368" s="2" t="s">
        <v>84679</v>
      </c>
      <c r="E368" s="2" t="s">
        <v>7429</v>
      </c>
      <c r="F368" s="8">
        <v>126</v>
      </c>
      <c r="G368" s="5">
        <v>6</v>
      </c>
      <c r="H368" s="5" t="s">
        <v>1518</v>
      </c>
      <c r="I368" s="5" t="s">
        <v>1519</v>
      </c>
      <c r="J368" s="2" t="s">
        <v>1520</v>
      </c>
      <c r="K368" s="5" t="s">
        <v>1519</v>
      </c>
      <c r="L368" s="2" t="s">
        <v>1520</v>
      </c>
      <c r="M368" s="5" t="s">
        <v>1521</v>
      </c>
      <c r="N368" s="5" t="s">
        <v>38</v>
      </c>
      <c r="O368" s="5" t="s">
        <v>39</v>
      </c>
      <c r="P368" s="5" t="s">
        <v>40</v>
      </c>
      <c r="Q368" s="5" t="s">
        <v>1522</v>
      </c>
      <c r="R368" s="5" t="s">
        <v>1523</v>
      </c>
      <c r="S368" s="5" t="s">
        <v>42</v>
      </c>
      <c r="T368" s="2">
        <v>1.5149999999999999</v>
      </c>
      <c r="U368" s="2">
        <v>1.1819999999999999</v>
      </c>
      <c r="V368" s="2">
        <v>8.0000000000000002E-3</v>
      </c>
      <c r="W368" s="2">
        <v>99.1</v>
      </c>
      <c r="X368" s="2">
        <v>7.6</v>
      </c>
      <c r="Y368" s="2">
        <v>10.6</v>
      </c>
      <c r="Z368" s="5"/>
      <c r="AA368" s="5" t="s">
        <v>43</v>
      </c>
      <c r="AB368" s="5" t="s">
        <v>44</v>
      </c>
      <c r="AC368" s="2"/>
      <c r="AD368" s="1"/>
    </row>
    <row r="369" spans="1:30">
      <c r="A369" s="5" t="s">
        <v>83578</v>
      </c>
      <c r="B369" s="2" t="s">
        <v>84680</v>
      </c>
      <c r="C369" s="14" t="s">
        <v>84681</v>
      </c>
      <c r="D369" s="2" t="s">
        <v>84682</v>
      </c>
      <c r="E369" s="2" t="s">
        <v>7574</v>
      </c>
      <c r="F369" s="8">
        <v>126</v>
      </c>
      <c r="G369" s="5">
        <v>6</v>
      </c>
      <c r="H369" s="5" t="s">
        <v>1518</v>
      </c>
      <c r="I369" s="5" t="s">
        <v>1519</v>
      </c>
      <c r="J369" s="2" t="s">
        <v>1520</v>
      </c>
      <c r="K369" s="5" t="s">
        <v>1519</v>
      </c>
      <c r="L369" s="2" t="s">
        <v>1520</v>
      </c>
      <c r="M369" s="5" t="s">
        <v>1521</v>
      </c>
      <c r="N369" s="5" t="s">
        <v>38</v>
      </c>
      <c r="O369" s="5" t="s">
        <v>39</v>
      </c>
      <c r="P369" s="5" t="s">
        <v>40</v>
      </c>
      <c r="Q369" s="5" t="s">
        <v>1522</v>
      </c>
      <c r="R369" s="5" t="s">
        <v>1523</v>
      </c>
      <c r="S369" s="5" t="s">
        <v>42</v>
      </c>
      <c r="T369" s="2">
        <v>1.5469999999999999</v>
      </c>
      <c r="U369" s="2">
        <v>1.214</v>
      </c>
      <c r="V369" s="2">
        <v>8.0000000000000002E-3</v>
      </c>
      <c r="W369" s="2">
        <v>99.1</v>
      </c>
      <c r="X369" s="2">
        <v>7.6</v>
      </c>
      <c r="Y369" s="2">
        <v>10.6</v>
      </c>
      <c r="Z369" s="5"/>
      <c r="AA369" s="5" t="s">
        <v>43</v>
      </c>
      <c r="AB369" s="5" t="s">
        <v>44</v>
      </c>
      <c r="AC369" s="2"/>
      <c r="AD369" s="1"/>
    </row>
    <row r="370" spans="1:30">
      <c r="A370" s="5" t="s">
        <v>83578</v>
      </c>
      <c r="B370" s="2" t="s">
        <v>84683</v>
      </c>
      <c r="C370" s="14" t="s">
        <v>84684</v>
      </c>
      <c r="D370" s="2" t="s">
        <v>84685</v>
      </c>
      <c r="E370" s="2" t="s">
        <v>7585</v>
      </c>
      <c r="F370" s="8">
        <v>126</v>
      </c>
      <c r="G370" s="5">
        <v>6</v>
      </c>
      <c r="H370" s="5" t="s">
        <v>1518</v>
      </c>
      <c r="I370" s="5" t="s">
        <v>1519</v>
      </c>
      <c r="J370" s="2" t="s">
        <v>1520</v>
      </c>
      <c r="K370" s="5" t="s">
        <v>1519</v>
      </c>
      <c r="L370" s="2" t="s">
        <v>1520</v>
      </c>
      <c r="M370" s="5" t="s">
        <v>1521</v>
      </c>
      <c r="N370" s="5" t="s">
        <v>38</v>
      </c>
      <c r="O370" s="5" t="s">
        <v>39</v>
      </c>
      <c r="P370" s="5" t="s">
        <v>40</v>
      </c>
      <c r="Q370" s="5" t="s">
        <v>1522</v>
      </c>
      <c r="R370" s="5" t="s">
        <v>1523</v>
      </c>
      <c r="S370" s="5" t="s">
        <v>42</v>
      </c>
      <c r="T370" s="2">
        <v>1.504</v>
      </c>
      <c r="U370" s="2">
        <v>1.171</v>
      </c>
      <c r="V370" s="2">
        <v>8.0000000000000002E-3</v>
      </c>
      <c r="W370" s="2">
        <v>99.1</v>
      </c>
      <c r="X370" s="2">
        <v>7.6</v>
      </c>
      <c r="Y370" s="2">
        <v>10.6</v>
      </c>
      <c r="Z370" s="5"/>
      <c r="AA370" s="5" t="s">
        <v>43</v>
      </c>
      <c r="AB370" s="5" t="s">
        <v>44</v>
      </c>
      <c r="AC370" s="2"/>
      <c r="AD370" s="1"/>
    </row>
    <row r="371" spans="1:30">
      <c r="A371" s="5" t="s">
        <v>83578</v>
      </c>
      <c r="B371" s="2" t="s">
        <v>84686</v>
      </c>
      <c r="C371" s="14" t="s">
        <v>84687</v>
      </c>
      <c r="D371" s="2" t="s">
        <v>84688</v>
      </c>
      <c r="E371" s="2" t="s">
        <v>7593</v>
      </c>
      <c r="F371" s="8">
        <v>126</v>
      </c>
      <c r="G371" s="5">
        <v>6</v>
      </c>
      <c r="H371" s="5" t="s">
        <v>1518</v>
      </c>
      <c r="I371" s="5" t="s">
        <v>1519</v>
      </c>
      <c r="J371" s="2" t="s">
        <v>1520</v>
      </c>
      <c r="K371" s="5" t="s">
        <v>1519</v>
      </c>
      <c r="L371" s="2" t="s">
        <v>1520</v>
      </c>
      <c r="M371" s="5" t="s">
        <v>1521</v>
      </c>
      <c r="N371" s="5" t="s">
        <v>38</v>
      </c>
      <c r="O371" s="5" t="s">
        <v>39</v>
      </c>
      <c r="P371" s="5" t="s">
        <v>40</v>
      </c>
      <c r="Q371" s="5" t="s">
        <v>1522</v>
      </c>
      <c r="R371" s="5" t="s">
        <v>1523</v>
      </c>
      <c r="S371" s="5" t="s">
        <v>42</v>
      </c>
      <c r="T371" s="2">
        <v>1.5149999999999999</v>
      </c>
      <c r="U371" s="2">
        <v>1.1819999999999999</v>
      </c>
      <c r="V371" s="2">
        <v>8.0000000000000002E-3</v>
      </c>
      <c r="W371" s="2">
        <v>99.1</v>
      </c>
      <c r="X371" s="2">
        <v>7.6</v>
      </c>
      <c r="Y371" s="2">
        <v>10.6</v>
      </c>
      <c r="Z371" s="5"/>
      <c r="AA371" s="5" t="s">
        <v>43</v>
      </c>
      <c r="AB371" s="5" t="s">
        <v>44</v>
      </c>
      <c r="AC371" s="2"/>
      <c r="AD371" s="1"/>
    </row>
    <row r="372" spans="1:30">
      <c r="A372" s="5" t="s">
        <v>83578</v>
      </c>
      <c r="B372" s="2" t="s">
        <v>84689</v>
      </c>
      <c r="C372" s="14" t="s">
        <v>84690</v>
      </c>
      <c r="D372" s="2" t="s">
        <v>84691</v>
      </c>
      <c r="E372" s="2" t="s">
        <v>7597</v>
      </c>
      <c r="F372" s="8">
        <v>126</v>
      </c>
      <c r="G372" s="5">
        <v>6</v>
      </c>
      <c r="H372" s="5" t="s">
        <v>1518</v>
      </c>
      <c r="I372" s="5" t="s">
        <v>1519</v>
      </c>
      <c r="J372" s="2" t="s">
        <v>1520</v>
      </c>
      <c r="K372" s="5" t="s">
        <v>1519</v>
      </c>
      <c r="L372" s="2" t="s">
        <v>1520</v>
      </c>
      <c r="M372" s="5" t="s">
        <v>1521</v>
      </c>
      <c r="N372" s="5" t="s">
        <v>38</v>
      </c>
      <c r="O372" s="5" t="s">
        <v>39</v>
      </c>
      <c r="P372" s="5" t="s">
        <v>40</v>
      </c>
      <c r="Q372" s="5" t="s">
        <v>1522</v>
      </c>
      <c r="R372" s="5" t="s">
        <v>1523</v>
      </c>
      <c r="S372" s="5" t="s">
        <v>42</v>
      </c>
      <c r="T372" s="2">
        <v>1.5469999999999999</v>
      </c>
      <c r="U372" s="2">
        <v>1.214</v>
      </c>
      <c r="V372" s="2">
        <v>8.0000000000000002E-3</v>
      </c>
      <c r="W372" s="2">
        <v>99.1</v>
      </c>
      <c r="X372" s="2">
        <v>7.6</v>
      </c>
      <c r="Y372" s="2">
        <v>10.6</v>
      </c>
      <c r="Z372" s="5"/>
      <c r="AA372" s="5" t="s">
        <v>43</v>
      </c>
      <c r="AB372" s="5" t="s">
        <v>44</v>
      </c>
      <c r="AC372" s="2"/>
      <c r="AD372" s="1"/>
    </row>
    <row r="373" spans="1:30">
      <c r="A373" s="5" t="s">
        <v>83578</v>
      </c>
      <c r="B373" s="2" t="s">
        <v>84692</v>
      </c>
      <c r="C373" s="14" t="s">
        <v>84693</v>
      </c>
      <c r="D373" s="2" t="s">
        <v>84694</v>
      </c>
      <c r="E373" s="2" t="s">
        <v>7410</v>
      </c>
      <c r="F373" s="8">
        <v>126</v>
      </c>
      <c r="G373" s="5">
        <v>6</v>
      </c>
      <c r="H373" s="5" t="s">
        <v>1518</v>
      </c>
      <c r="I373" s="5" t="s">
        <v>1519</v>
      </c>
      <c r="J373" s="2" t="s">
        <v>1520</v>
      </c>
      <c r="K373" s="5" t="s">
        <v>1519</v>
      </c>
      <c r="L373" s="2" t="s">
        <v>1520</v>
      </c>
      <c r="M373" s="5" t="s">
        <v>1521</v>
      </c>
      <c r="N373" s="5" t="s">
        <v>38</v>
      </c>
      <c r="O373" s="5" t="s">
        <v>39</v>
      </c>
      <c r="P373" s="5" t="s">
        <v>40</v>
      </c>
      <c r="Q373" s="5" t="s">
        <v>1522</v>
      </c>
      <c r="R373" s="5" t="s">
        <v>1523</v>
      </c>
      <c r="S373" s="5" t="s">
        <v>42</v>
      </c>
      <c r="T373" s="2">
        <v>1.5149999999999999</v>
      </c>
      <c r="U373" s="2">
        <v>1.1819999999999999</v>
      </c>
      <c r="V373" s="2">
        <v>8.0000000000000002E-3</v>
      </c>
      <c r="W373" s="2">
        <v>99.1</v>
      </c>
      <c r="X373" s="2">
        <v>7.6</v>
      </c>
      <c r="Y373" s="2">
        <v>10.6</v>
      </c>
      <c r="Z373" s="5"/>
      <c r="AA373" s="5" t="s">
        <v>43</v>
      </c>
      <c r="AB373" s="5" t="s">
        <v>44</v>
      </c>
      <c r="AC373" s="2"/>
      <c r="AD373" s="1"/>
    </row>
    <row r="374" spans="1:30">
      <c r="A374" s="5" t="s">
        <v>83578</v>
      </c>
      <c r="B374" s="2" t="s">
        <v>84695</v>
      </c>
      <c r="C374" s="14" t="s">
        <v>84696</v>
      </c>
      <c r="D374" s="2" t="s">
        <v>84697</v>
      </c>
      <c r="E374" s="2" t="s">
        <v>7604</v>
      </c>
      <c r="F374" s="8">
        <v>126</v>
      </c>
      <c r="G374" s="5">
        <v>6</v>
      </c>
      <c r="H374" s="5" t="s">
        <v>1518</v>
      </c>
      <c r="I374" s="5" t="s">
        <v>1519</v>
      </c>
      <c r="J374" s="2" t="s">
        <v>1520</v>
      </c>
      <c r="K374" s="5" t="s">
        <v>1519</v>
      </c>
      <c r="L374" s="2" t="s">
        <v>1520</v>
      </c>
      <c r="M374" s="5" t="s">
        <v>1521</v>
      </c>
      <c r="N374" s="5" t="s">
        <v>38</v>
      </c>
      <c r="O374" s="5" t="s">
        <v>39</v>
      </c>
      <c r="P374" s="5" t="s">
        <v>40</v>
      </c>
      <c r="Q374" s="5" t="s">
        <v>1522</v>
      </c>
      <c r="R374" s="5" t="s">
        <v>1523</v>
      </c>
      <c r="S374" s="5" t="s">
        <v>42</v>
      </c>
      <c r="T374" s="2">
        <v>1.5469999999999999</v>
      </c>
      <c r="U374" s="2">
        <v>1.214</v>
      </c>
      <c r="V374" s="2">
        <v>8.0000000000000002E-3</v>
      </c>
      <c r="W374" s="2">
        <v>99.1</v>
      </c>
      <c r="X374" s="2">
        <v>7.6</v>
      </c>
      <c r="Y374" s="2">
        <v>10.6</v>
      </c>
      <c r="Z374" s="5"/>
      <c r="AA374" s="5" t="s">
        <v>43</v>
      </c>
      <c r="AB374" s="5" t="s">
        <v>44</v>
      </c>
      <c r="AC374" s="2"/>
      <c r="AD374" s="1"/>
    </row>
    <row r="375" spans="1:30">
      <c r="A375" s="5" t="s">
        <v>83578</v>
      </c>
      <c r="B375" s="2" t="s">
        <v>84698</v>
      </c>
      <c r="C375" s="14" t="s">
        <v>84699</v>
      </c>
      <c r="D375" s="2" t="s">
        <v>84700</v>
      </c>
      <c r="E375" s="2" t="s">
        <v>1823</v>
      </c>
      <c r="F375" s="8">
        <v>126</v>
      </c>
      <c r="G375" s="5">
        <v>8</v>
      </c>
      <c r="H375" s="5" t="s">
        <v>1518</v>
      </c>
      <c r="I375" s="5" t="s">
        <v>1519</v>
      </c>
      <c r="J375" s="2" t="s">
        <v>1520</v>
      </c>
      <c r="K375" s="5" t="s">
        <v>1519</v>
      </c>
      <c r="L375" s="2" t="s">
        <v>1520</v>
      </c>
      <c r="M375" s="5" t="s">
        <v>1521</v>
      </c>
      <c r="N375" s="5" t="s">
        <v>38</v>
      </c>
      <c r="O375" s="5" t="s">
        <v>39</v>
      </c>
      <c r="P375" s="5" t="s">
        <v>40</v>
      </c>
      <c r="Q375" s="5" t="s">
        <v>1522</v>
      </c>
      <c r="R375" s="5" t="s">
        <v>1523</v>
      </c>
      <c r="S375" s="5" t="s">
        <v>42</v>
      </c>
      <c r="T375" s="2">
        <v>1.5229999999999999</v>
      </c>
      <c r="U375" s="2">
        <v>1.19</v>
      </c>
      <c r="V375" s="2">
        <v>8.0000000000000002E-3</v>
      </c>
      <c r="W375" s="2">
        <v>99.1</v>
      </c>
      <c r="X375" s="2">
        <v>7.6</v>
      </c>
      <c r="Y375" s="2">
        <v>10.6</v>
      </c>
      <c r="Z375" s="5"/>
      <c r="AA375" s="5" t="s">
        <v>43</v>
      </c>
      <c r="AB375" s="5" t="s">
        <v>44</v>
      </c>
      <c r="AC375" s="2"/>
      <c r="AD375" s="1"/>
    </row>
    <row r="376" spans="1:30">
      <c r="A376" s="5" t="s">
        <v>83578</v>
      </c>
      <c r="B376" s="2" t="s">
        <v>84701</v>
      </c>
      <c r="C376" s="14" t="s">
        <v>84702</v>
      </c>
      <c r="D376" s="2" t="s">
        <v>84703</v>
      </c>
      <c r="E376" s="2" t="s">
        <v>1973</v>
      </c>
      <c r="F376" s="8">
        <v>126</v>
      </c>
      <c r="G376" s="5">
        <v>13</v>
      </c>
      <c r="H376" s="5" t="s">
        <v>1518</v>
      </c>
      <c r="I376" s="5" t="s">
        <v>1519</v>
      </c>
      <c r="J376" s="2" t="s">
        <v>1520</v>
      </c>
      <c r="K376" s="5" t="s">
        <v>1519</v>
      </c>
      <c r="L376" s="2" t="s">
        <v>1520</v>
      </c>
      <c r="M376" s="5" t="s">
        <v>1521</v>
      </c>
      <c r="N376" s="5" t="s">
        <v>38</v>
      </c>
      <c r="O376" s="5" t="s">
        <v>39</v>
      </c>
      <c r="P376" s="5" t="s">
        <v>40</v>
      </c>
      <c r="Q376" s="5" t="s">
        <v>1522</v>
      </c>
      <c r="R376" s="5" t="s">
        <v>1523</v>
      </c>
      <c r="S376" s="5" t="s">
        <v>42</v>
      </c>
      <c r="T376" s="2">
        <v>1.542</v>
      </c>
      <c r="U376" s="2">
        <v>1.2090000000000001</v>
      </c>
      <c r="V376" s="2">
        <v>8.0000000000000002E-3</v>
      </c>
      <c r="W376" s="2">
        <v>99.1</v>
      </c>
      <c r="X376" s="2">
        <v>7.6</v>
      </c>
      <c r="Y376" s="2">
        <v>10.6</v>
      </c>
      <c r="Z376" s="5"/>
      <c r="AA376" s="5" t="s">
        <v>43</v>
      </c>
      <c r="AB376" s="5" t="s">
        <v>44</v>
      </c>
      <c r="AC376" s="2"/>
      <c r="AD376" s="1"/>
    </row>
    <row r="377" spans="1:30">
      <c r="A377" s="5" t="s">
        <v>83578</v>
      </c>
      <c r="B377" s="2" t="s">
        <v>84704</v>
      </c>
      <c r="C377" s="14" t="s">
        <v>84705</v>
      </c>
      <c r="D377" s="2" t="s">
        <v>84706</v>
      </c>
      <c r="E377" s="2" t="s">
        <v>2348</v>
      </c>
      <c r="F377" s="8">
        <v>126</v>
      </c>
      <c r="G377" s="5">
        <v>13</v>
      </c>
      <c r="H377" s="5" t="s">
        <v>1518</v>
      </c>
      <c r="I377" s="5" t="s">
        <v>1519</v>
      </c>
      <c r="J377" s="2" t="s">
        <v>1520</v>
      </c>
      <c r="K377" s="5" t="s">
        <v>1519</v>
      </c>
      <c r="L377" s="2" t="s">
        <v>1520</v>
      </c>
      <c r="M377" s="5" t="s">
        <v>1521</v>
      </c>
      <c r="N377" s="5" t="s">
        <v>38</v>
      </c>
      <c r="O377" s="5" t="s">
        <v>39</v>
      </c>
      <c r="P377" s="5" t="s">
        <v>40</v>
      </c>
      <c r="Q377" s="5" t="s">
        <v>1522</v>
      </c>
      <c r="R377" s="5" t="s">
        <v>1523</v>
      </c>
      <c r="S377" s="5" t="s">
        <v>42</v>
      </c>
      <c r="T377" s="2">
        <v>1.5740000000000001</v>
      </c>
      <c r="U377" s="2">
        <v>1.2410000000000001</v>
      </c>
      <c r="V377" s="2">
        <v>8.0000000000000002E-3</v>
      </c>
      <c r="W377" s="2">
        <v>99.1</v>
      </c>
      <c r="X377" s="2">
        <v>7.6</v>
      </c>
      <c r="Y377" s="2">
        <v>10.6</v>
      </c>
      <c r="Z377" s="5"/>
      <c r="AA377" s="5" t="s">
        <v>43</v>
      </c>
      <c r="AB377" s="5" t="s">
        <v>44</v>
      </c>
      <c r="AC377" s="2"/>
      <c r="AD377" s="1"/>
    </row>
    <row r="378" spans="1:30">
      <c r="A378" s="5" t="s">
        <v>83578</v>
      </c>
      <c r="B378" s="2" t="s">
        <v>84707</v>
      </c>
      <c r="C378" s="14" t="s">
        <v>84708</v>
      </c>
      <c r="D378" s="2" t="s">
        <v>84709</v>
      </c>
      <c r="E378" s="2" t="s">
        <v>2204</v>
      </c>
      <c r="F378" s="8">
        <v>126</v>
      </c>
      <c r="G378" s="5">
        <v>13</v>
      </c>
      <c r="H378" s="5" t="s">
        <v>1518</v>
      </c>
      <c r="I378" s="5" t="s">
        <v>1519</v>
      </c>
      <c r="J378" s="2" t="s">
        <v>1520</v>
      </c>
      <c r="K378" s="5" t="s">
        <v>1519</v>
      </c>
      <c r="L378" s="2" t="s">
        <v>1520</v>
      </c>
      <c r="M378" s="5" t="s">
        <v>1521</v>
      </c>
      <c r="N378" s="5" t="s">
        <v>38</v>
      </c>
      <c r="O378" s="5" t="s">
        <v>39</v>
      </c>
      <c r="P378" s="5" t="s">
        <v>40</v>
      </c>
      <c r="Q378" s="5" t="s">
        <v>1522</v>
      </c>
      <c r="R378" s="5" t="s">
        <v>1523</v>
      </c>
      <c r="S378" s="5" t="s">
        <v>42</v>
      </c>
      <c r="T378" s="2">
        <v>1.542</v>
      </c>
      <c r="U378" s="2">
        <v>1.2090000000000001</v>
      </c>
      <c r="V378" s="2">
        <v>8.0000000000000002E-3</v>
      </c>
      <c r="W378" s="2">
        <v>99.1</v>
      </c>
      <c r="X378" s="2">
        <v>7.6</v>
      </c>
      <c r="Y378" s="2">
        <v>10.6</v>
      </c>
      <c r="Z378" s="5"/>
      <c r="AA378" s="5" t="s">
        <v>43</v>
      </c>
      <c r="AB378" s="5" t="s">
        <v>44</v>
      </c>
      <c r="AC378" s="2"/>
      <c r="AD378" s="1"/>
    </row>
    <row r="379" spans="1:30">
      <c r="A379" s="5" t="s">
        <v>83578</v>
      </c>
      <c r="B379" s="2" t="s">
        <v>84710</v>
      </c>
      <c r="C379" s="14" t="s">
        <v>84711</v>
      </c>
      <c r="D379" s="2" t="s">
        <v>84712</v>
      </c>
      <c r="E379" s="2" t="s">
        <v>2724</v>
      </c>
      <c r="F379" s="8">
        <v>126</v>
      </c>
      <c r="G379" s="5">
        <v>13</v>
      </c>
      <c r="H379" s="5" t="s">
        <v>1518</v>
      </c>
      <c r="I379" s="5" t="s">
        <v>1519</v>
      </c>
      <c r="J379" s="2" t="s">
        <v>1520</v>
      </c>
      <c r="K379" s="5" t="s">
        <v>1519</v>
      </c>
      <c r="L379" s="2" t="s">
        <v>1520</v>
      </c>
      <c r="M379" s="5" t="s">
        <v>1521</v>
      </c>
      <c r="N379" s="5" t="s">
        <v>38</v>
      </c>
      <c r="O379" s="5" t="s">
        <v>39</v>
      </c>
      <c r="P379" s="5" t="s">
        <v>40</v>
      </c>
      <c r="Q379" s="5" t="s">
        <v>1522</v>
      </c>
      <c r="R379" s="5" t="s">
        <v>1523</v>
      </c>
      <c r="S379" s="5" t="s">
        <v>42</v>
      </c>
      <c r="T379" s="2">
        <v>1.5740000000000001</v>
      </c>
      <c r="U379" s="2">
        <v>1.2410000000000001</v>
      </c>
      <c r="V379" s="2">
        <v>8.0000000000000002E-3</v>
      </c>
      <c r="W379" s="2">
        <v>99.1</v>
      </c>
      <c r="X379" s="2">
        <v>7.6</v>
      </c>
      <c r="Y379" s="2">
        <v>10.6</v>
      </c>
      <c r="Z379" s="5"/>
      <c r="AA379" s="5" t="s">
        <v>43</v>
      </c>
      <c r="AB379" s="5" t="s">
        <v>44</v>
      </c>
      <c r="AC379" s="2"/>
      <c r="AD379" s="1"/>
    </row>
    <row r="380" spans="1:30">
      <c r="A380" s="5" t="s">
        <v>83578</v>
      </c>
      <c r="B380" s="2" t="s">
        <v>84713</v>
      </c>
      <c r="C380" s="14" t="s">
        <v>84714</v>
      </c>
      <c r="D380" s="2" t="s">
        <v>84715</v>
      </c>
      <c r="E380" s="2" t="s">
        <v>2208</v>
      </c>
      <c r="F380" s="8">
        <v>126</v>
      </c>
      <c r="G380" s="5">
        <v>13</v>
      </c>
      <c r="H380" s="5" t="s">
        <v>1518</v>
      </c>
      <c r="I380" s="5" t="s">
        <v>1519</v>
      </c>
      <c r="J380" s="2" t="s">
        <v>1520</v>
      </c>
      <c r="K380" s="5" t="s">
        <v>1519</v>
      </c>
      <c r="L380" s="2" t="s">
        <v>1520</v>
      </c>
      <c r="M380" s="5" t="s">
        <v>1521</v>
      </c>
      <c r="N380" s="5" t="s">
        <v>38</v>
      </c>
      <c r="O380" s="5" t="s">
        <v>39</v>
      </c>
      <c r="P380" s="5" t="s">
        <v>40</v>
      </c>
      <c r="Q380" s="5" t="s">
        <v>1522</v>
      </c>
      <c r="R380" s="5" t="s">
        <v>1523</v>
      </c>
      <c r="S380" s="5" t="s">
        <v>42</v>
      </c>
      <c r="T380" s="2">
        <v>1.542</v>
      </c>
      <c r="U380" s="2">
        <v>1.2090000000000001</v>
      </c>
      <c r="V380" s="2">
        <v>8.0000000000000002E-3</v>
      </c>
      <c r="W380" s="2">
        <v>99.1</v>
      </c>
      <c r="X380" s="2">
        <v>7.6</v>
      </c>
      <c r="Y380" s="2">
        <v>10.6</v>
      </c>
      <c r="Z380" s="5"/>
      <c r="AA380" s="5" t="s">
        <v>43</v>
      </c>
      <c r="AB380" s="5" t="s">
        <v>44</v>
      </c>
      <c r="AC380" s="2"/>
      <c r="AD380" s="1"/>
    </row>
    <row r="381" spans="1:30">
      <c r="A381" s="5" t="s">
        <v>83578</v>
      </c>
      <c r="B381" s="2" t="s">
        <v>84716</v>
      </c>
      <c r="C381" s="14" t="s">
        <v>84717</v>
      </c>
      <c r="D381" s="2" t="s">
        <v>84718</v>
      </c>
      <c r="E381" s="2" t="s">
        <v>2212</v>
      </c>
      <c r="F381" s="8">
        <v>126</v>
      </c>
      <c r="G381" s="5">
        <v>13</v>
      </c>
      <c r="H381" s="5" t="s">
        <v>1518</v>
      </c>
      <c r="I381" s="5" t="s">
        <v>1519</v>
      </c>
      <c r="J381" s="2" t="s">
        <v>1520</v>
      </c>
      <c r="K381" s="5" t="s">
        <v>1519</v>
      </c>
      <c r="L381" s="2" t="s">
        <v>1520</v>
      </c>
      <c r="M381" s="5" t="s">
        <v>1521</v>
      </c>
      <c r="N381" s="5" t="s">
        <v>38</v>
      </c>
      <c r="O381" s="5" t="s">
        <v>39</v>
      </c>
      <c r="P381" s="5" t="s">
        <v>40</v>
      </c>
      <c r="Q381" s="5" t="s">
        <v>1522</v>
      </c>
      <c r="R381" s="5" t="s">
        <v>1523</v>
      </c>
      <c r="S381" s="5" t="s">
        <v>42</v>
      </c>
      <c r="T381" s="2">
        <v>1.5740000000000001</v>
      </c>
      <c r="U381" s="2">
        <v>1.2410000000000001</v>
      </c>
      <c r="V381" s="2">
        <v>8.0000000000000002E-3</v>
      </c>
      <c r="W381" s="2">
        <v>99.1</v>
      </c>
      <c r="X381" s="2">
        <v>7.6</v>
      </c>
      <c r="Y381" s="2">
        <v>10.6</v>
      </c>
      <c r="Z381" s="5"/>
      <c r="AA381" s="5" t="s">
        <v>43</v>
      </c>
      <c r="AB381" s="5" t="s">
        <v>44</v>
      </c>
      <c r="AC381" s="2"/>
      <c r="AD381" s="1"/>
    </row>
    <row r="382" spans="1:30">
      <c r="A382" s="5" t="s">
        <v>83578</v>
      </c>
      <c r="B382" s="2" t="s">
        <v>84719</v>
      </c>
      <c r="C382" s="14" t="s">
        <v>84720</v>
      </c>
      <c r="D382" s="2" t="s">
        <v>84721</v>
      </c>
      <c r="E382" s="2" t="s">
        <v>1831</v>
      </c>
      <c r="F382" s="8">
        <v>126</v>
      </c>
      <c r="G382" s="5">
        <v>13</v>
      </c>
      <c r="H382" s="5" t="s">
        <v>1518</v>
      </c>
      <c r="I382" s="5" t="s">
        <v>1519</v>
      </c>
      <c r="J382" s="2" t="s">
        <v>1520</v>
      </c>
      <c r="K382" s="5" t="s">
        <v>1519</v>
      </c>
      <c r="L382" s="2" t="s">
        <v>1520</v>
      </c>
      <c r="M382" s="5" t="s">
        <v>1521</v>
      </c>
      <c r="N382" s="5" t="s">
        <v>38</v>
      </c>
      <c r="O382" s="5" t="s">
        <v>39</v>
      </c>
      <c r="P382" s="5" t="s">
        <v>40</v>
      </c>
      <c r="Q382" s="5" t="s">
        <v>1522</v>
      </c>
      <c r="R382" s="5" t="s">
        <v>1523</v>
      </c>
      <c r="S382" s="5" t="s">
        <v>42</v>
      </c>
      <c r="T382" s="2">
        <v>1.542</v>
      </c>
      <c r="U382" s="2">
        <v>1.2090000000000001</v>
      </c>
      <c r="V382" s="2">
        <v>8.0000000000000002E-3</v>
      </c>
      <c r="W382" s="2">
        <v>99.1</v>
      </c>
      <c r="X382" s="2">
        <v>7.6</v>
      </c>
      <c r="Y382" s="2">
        <v>10.6</v>
      </c>
      <c r="Z382" s="5"/>
      <c r="AA382" s="5" t="s">
        <v>43</v>
      </c>
      <c r="AB382" s="5" t="s">
        <v>44</v>
      </c>
      <c r="AC382" s="2"/>
      <c r="AD382" s="1"/>
    </row>
    <row r="383" spans="1:30">
      <c r="A383" s="5" t="s">
        <v>83578</v>
      </c>
      <c r="B383" s="2" t="s">
        <v>84722</v>
      </c>
      <c r="C383" s="14" t="s">
        <v>84723</v>
      </c>
      <c r="D383" s="2" t="s">
        <v>84724</v>
      </c>
      <c r="E383" s="2" t="s">
        <v>1835</v>
      </c>
      <c r="F383" s="8">
        <v>126</v>
      </c>
      <c r="G383" s="5">
        <v>13</v>
      </c>
      <c r="H383" s="5" t="s">
        <v>1518</v>
      </c>
      <c r="I383" s="5" t="s">
        <v>1519</v>
      </c>
      <c r="J383" s="2" t="s">
        <v>1520</v>
      </c>
      <c r="K383" s="5" t="s">
        <v>1519</v>
      </c>
      <c r="L383" s="2" t="s">
        <v>1520</v>
      </c>
      <c r="M383" s="5" t="s">
        <v>1521</v>
      </c>
      <c r="N383" s="5" t="s">
        <v>38</v>
      </c>
      <c r="O383" s="5" t="s">
        <v>39</v>
      </c>
      <c r="P383" s="5" t="s">
        <v>40</v>
      </c>
      <c r="Q383" s="5" t="s">
        <v>1522</v>
      </c>
      <c r="R383" s="5" t="s">
        <v>1523</v>
      </c>
      <c r="S383" s="5" t="s">
        <v>42</v>
      </c>
      <c r="T383" s="2">
        <v>1.5740000000000001</v>
      </c>
      <c r="U383" s="2">
        <v>1.2410000000000001</v>
      </c>
      <c r="V383" s="2">
        <v>8.0000000000000002E-3</v>
      </c>
      <c r="W383" s="2">
        <v>99.1</v>
      </c>
      <c r="X383" s="2">
        <v>7.6</v>
      </c>
      <c r="Y383" s="2">
        <v>10.6</v>
      </c>
      <c r="Z383" s="5"/>
      <c r="AA383" s="5" t="s">
        <v>43</v>
      </c>
      <c r="AB383" s="5" t="s">
        <v>44</v>
      </c>
      <c r="AC383" s="2"/>
      <c r="AD383" s="1"/>
    </row>
    <row r="384" spans="1:30">
      <c r="A384" s="5" t="s">
        <v>83578</v>
      </c>
      <c r="B384" s="2" t="s">
        <v>84725</v>
      </c>
      <c r="C384" s="14" t="s">
        <v>84726</v>
      </c>
      <c r="D384" s="2" t="s">
        <v>84727</v>
      </c>
      <c r="E384" s="2" t="s">
        <v>1839</v>
      </c>
      <c r="F384" s="8">
        <v>126</v>
      </c>
      <c r="G384" s="5">
        <v>13</v>
      </c>
      <c r="H384" s="5" t="s">
        <v>1518</v>
      </c>
      <c r="I384" s="5" t="s">
        <v>1519</v>
      </c>
      <c r="J384" s="2" t="s">
        <v>1520</v>
      </c>
      <c r="K384" s="5" t="s">
        <v>1519</v>
      </c>
      <c r="L384" s="2" t="s">
        <v>1520</v>
      </c>
      <c r="M384" s="5" t="s">
        <v>1521</v>
      </c>
      <c r="N384" s="5" t="s">
        <v>38</v>
      </c>
      <c r="O384" s="5" t="s">
        <v>39</v>
      </c>
      <c r="P384" s="5" t="s">
        <v>40</v>
      </c>
      <c r="Q384" s="5" t="s">
        <v>1522</v>
      </c>
      <c r="R384" s="5" t="s">
        <v>1523</v>
      </c>
      <c r="S384" s="5" t="s">
        <v>42</v>
      </c>
      <c r="T384" s="2">
        <v>1.542</v>
      </c>
      <c r="U384" s="2">
        <v>1.2090000000000001</v>
      </c>
      <c r="V384" s="2">
        <v>8.0000000000000002E-3</v>
      </c>
      <c r="W384" s="2">
        <v>99.1</v>
      </c>
      <c r="X384" s="2">
        <v>7.6</v>
      </c>
      <c r="Y384" s="2">
        <v>10.6</v>
      </c>
      <c r="Z384" s="5"/>
      <c r="AA384" s="5" t="s">
        <v>43</v>
      </c>
      <c r="AB384" s="5" t="s">
        <v>44</v>
      </c>
      <c r="AC384" s="2"/>
      <c r="AD384" s="1"/>
    </row>
    <row r="385" spans="1:30">
      <c r="A385" s="5" t="s">
        <v>83578</v>
      </c>
      <c r="B385" s="2" t="s">
        <v>84728</v>
      </c>
      <c r="C385" s="14" t="s">
        <v>84729</v>
      </c>
      <c r="D385" s="2" t="s">
        <v>84730</v>
      </c>
      <c r="E385" s="2" t="s">
        <v>1986</v>
      </c>
      <c r="F385" s="8">
        <v>126</v>
      </c>
      <c r="G385" s="5">
        <v>13</v>
      </c>
      <c r="H385" s="5" t="s">
        <v>1518</v>
      </c>
      <c r="I385" s="5" t="s">
        <v>1519</v>
      </c>
      <c r="J385" s="2" t="s">
        <v>1520</v>
      </c>
      <c r="K385" s="5" t="s">
        <v>1519</v>
      </c>
      <c r="L385" s="2" t="s">
        <v>1520</v>
      </c>
      <c r="M385" s="5" t="s">
        <v>1521</v>
      </c>
      <c r="N385" s="5" t="s">
        <v>38</v>
      </c>
      <c r="O385" s="5" t="s">
        <v>39</v>
      </c>
      <c r="P385" s="5" t="s">
        <v>40</v>
      </c>
      <c r="Q385" s="5" t="s">
        <v>1522</v>
      </c>
      <c r="R385" s="5" t="s">
        <v>1523</v>
      </c>
      <c r="S385" s="5" t="s">
        <v>42</v>
      </c>
      <c r="T385" s="2">
        <v>1.5740000000000001</v>
      </c>
      <c r="U385" s="2">
        <v>1.2410000000000001</v>
      </c>
      <c r="V385" s="2">
        <v>8.0000000000000002E-3</v>
      </c>
      <c r="W385" s="2">
        <v>99.1</v>
      </c>
      <c r="X385" s="2">
        <v>7.6</v>
      </c>
      <c r="Y385" s="2">
        <v>10.6</v>
      </c>
      <c r="Z385" s="5"/>
      <c r="AA385" s="5" t="s">
        <v>43</v>
      </c>
      <c r="AB385" s="5" t="s">
        <v>44</v>
      </c>
      <c r="AC385" s="2"/>
      <c r="AD385" s="1"/>
    </row>
    <row r="386" spans="1:30">
      <c r="A386" s="5" t="s">
        <v>83578</v>
      </c>
      <c r="B386" s="2" t="s">
        <v>84731</v>
      </c>
      <c r="C386" s="14" t="s">
        <v>84732</v>
      </c>
      <c r="D386" s="2" t="s">
        <v>84733</v>
      </c>
      <c r="E386" s="2" t="s">
        <v>1843</v>
      </c>
      <c r="F386" s="8">
        <v>126</v>
      </c>
      <c r="G386" s="5">
        <v>13</v>
      </c>
      <c r="H386" s="5" t="s">
        <v>1518</v>
      </c>
      <c r="I386" s="5" t="s">
        <v>1519</v>
      </c>
      <c r="J386" s="2" t="s">
        <v>1520</v>
      </c>
      <c r="K386" s="5" t="s">
        <v>1519</v>
      </c>
      <c r="L386" s="2" t="s">
        <v>1520</v>
      </c>
      <c r="M386" s="5" t="s">
        <v>1521</v>
      </c>
      <c r="N386" s="5" t="s">
        <v>38</v>
      </c>
      <c r="O386" s="5" t="s">
        <v>39</v>
      </c>
      <c r="P386" s="5" t="s">
        <v>40</v>
      </c>
      <c r="Q386" s="5" t="s">
        <v>1522</v>
      </c>
      <c r="R386" s="5" t="s">
        <v>1523</v>
      </c>
      <c r="S386" s="5" t="s">
        <v>42</v>
      </c>
      <c r="T386" s="2">
        <v>1.542</v>
      </c>
      <c r="U386" s="2">
        <v>1.2090000000000001</v>
      </c>
      <c r="V386" s="2">
        <v>8.0000000000000002E-3</v>
      </c>
      <c r="W386" s="2">
        <v>99.1</v>
      </c>
      <c r="X386" s="2">
        <v>7.6</v>
      </c>
      <c r="Y386" s="2">
        <v>10.6</v>
      </c>
      <c r="Z386" s="5"/>
      <c r="AA386" s="5" t="s">
        <v>43</v>
      </c>
      <c r="AB386" s="5" t="s">
        <v>44</v>
      </c>
      <c r="AC386" s="2"/>
      <c r="AD386" s="1"/>
    </row>
    <row r="387" spans="1:30">
      <c r="A387" s="5" t="s">
        <v>83578</v>
      </c>
      <c r="B387" s="2" t="s">
        <v>84734</v>
      </c>
      <c r="C387" s="14" t="s">
        <v>84735</v>
      </c>
      <c r="D387" s="2" t="s">
        <v>84736</v>
      </c>
      <c r="E387" s="2" t="s">
        <v>1847</v>
      </c>
      <c r="F387" s="8">
        <v>126</v>
      </c>
      <c r="G387" s="5">
        <v>13</v>
      </c>
      <c r="H387" s="5" t="s">
        <v>1518</v>
      </c>
      <c r="I387" s="5" t="s">
        <v>1519</v>
      </c>
      <c r="J387" s="2" t="s">
        <v>1520</v>
      </c>
      <c r="K387" s="5" t="s">
        <v>1519</v>
      </c>
      <c r="L387" s="2" t="s">
        <v>1520</v>
      </c>
      <c r="M387" s="5" t="s">
        <v>1521</v>
      </c>
      <c r="N387" s="5" t="s">
        <v>38</v>
      </c>
      <c r="O387" s="5" t="s">
        <v>39</v>
      </c>
      <c r="P387" s="5" t="s">
        <v>40</v>
      </c>
      <c r="Q387" s="5" t="s">
        <v>1522</v>
      </c>
      <c r="R387" s="5" t="s">
        <v>1523</v>
      </c>
      <c r="S387" s="5" t="s">
        <v>42</v>
      </c>
      <c r="T387" s="2">
        <v>1.5740000000000001</v>
      </c>
      <c r="U387" s="2">
        <v>1.2410000000000001</v>
      </c>
      <c r="V387" s="2">
        <v>8.0000000000000002E-3</v>
      </c>
      <c r="W387" s="2">
        <v>99.1</v>
      </c>
      <c r="X387" s="2">
        <v>7.6</v>
      </c>
      <c r="Y387" s="2">
        <v>10.6</v>
      </c>
      <c r="Z387" s="5"/>
      <c r="AA387" s="5" t="s">
        <v>43</v>
      </c>
      <c r="AB387" s="5" t="s">
        <v>44</v>
      </c>
      <c r="AC387" s="2"/>
      <c r="AD387" s="1"/>
    </row>
    <row r="388" spans="1:30">
      <c r="A388" s="5" t="s">
        <v>83578</v>
      </c>
      <c r="B388" s="2" t="s">
        <v>84737</v>
      </c>
      <c r="C388" s="14" t="s">
        <v>84738</v>
      </c>
      <c r="D388" s="2" t="s">
        <v>84739</v>
      </c>
      <c r="E388" s="2" t="s">
        <v>1851</v>
      </c>
      <c r="F388" s="8">
        <v>126</v>
      </c>
      <c r="G388" s="5">
        <v>13</v>
      </c>
      <c r="H388" s="5" t="s">
        <v>1518</v>
      </c>
      <c r="I388" s="5" t="s">
        <v>1519</v>
      </c>
      <c r="J388" s="2" t="s">
        <v>1520</v>
      </c>
      <c r="K388" s="5" t="s">
        <v>1519</v>
      </c>
      <c r="L388" s="2" t="s">
        <v>1520</v>
      </c>
      <c r="M388" s="5" t="s">
        <v>1521</v>
      </c>
      <c r="N388" s="5" t="s">
        <v>38</v>
      </c>
      <c r="O388" s="5" t="s">
        <v>39</v>
      </c>
      <c r="P388" s="5" t="s">
        <v>40</v>
      </c>
      <c r="Q388" s="5" t="s">
        <v>1522</v>
      </c>
      <c r="R388" s="5" t="s">
        <v>1523</v>
      </c>
      <c r="S388" s="5" t="s">
        <v>42</v>
      </c>
      <c r="T388" s="2">
        <v>1.542</v>
      </c>
      <c r="U388" s="2">
        <v>1.2090000000000001</v>
      </c>
      <c r="V388" s="2">
        <v>8.0000000000000002E-3</v>
      </c>
      <c r="W388" s="2">
        <v>99.1</v>
      </c>
      <c r="X388" s="2">
        <v>7.6</v>
      </c>
      <c r="Y388" s="2">
        <v>10.6</v>
      </c>
      <c r="Z388" s="5"/>
      <c r="AA388" s="5" t="s">
        <v>43</v>
      </c>
      <c r="AB388" s="5" t="s">
        <v>44</v>
      </c>
      <c r="AC388" s="2"/>
      <c r="AD388" s="1"/>
    </row>
    <row r="389" spans="1:30">
      <c r="A389" s="5" t="s">
        <v>83578</v>
      </c>
      <c r="B389" s="2" t="s">
        <v>84740</v>
      </c>
      <c r="C389" s="14" t="s">
        <v>84741</v>
      </c>
      <c r="D389" s="2" t="s">
        <v>84742</v>
      </c>
      <c r="E389" s="2" t="s">
        <v>1999</v>
      </c>
      <c r="F389" s="8">
        <v>126</v>
      </c>
      <c r="G389" s="5">
        <v>13</v>
      </c>
      <c r="H389" s="5" t="s">
        <v>1518</v>
      </c>
      <c r="I389" s="5" t="s">
        <v>1519</v>
      </c>
      <c r="J389" s="2" t="s">
        <v>1520</v>
      </c>
      <c r="K389" s="5" t="s">
        <v>1519</v>
      </c>
      <c r="L389" s="2" t="s">
        <v>1520</v>
      </c>
      <c r="M389" s="5" t="s">
        <v>1521</v>
      </c>
      <c r="N389" s="5" t="s">
        <v>38</v>
      </c>
      <c r="O389" s="5" t="s">
        <v>39</v>
      </c>
      <c r="P389" s="5" t="s">
        <v>40</v>
      </c>
      <c r="Q389" s="5" t="s">
        <v>1522</v>
      </c>
      <c r="R389" s="5" t="s">
        <v>1523</v>
      </c>
      <c r="S389" s="5" t="s">
        <v>42</v>
      </c>
      <c r="T389" s="2">
        <v>1.5740000000000001</v>
      </c>
      <c r="U389" s="2">
        <v>1.2410000000000001</v>
      </c>
      <c r="V389" s="2">
        <v>8.0000000000000002E-3</v>
      </c>
      <c r="W389" s="2">
        <v>99.1</v>
      </c>
      <c r="X389" s="2">
        <v>7.6</v>
      </c>
      <c r="Y389" s="2">
        <v>10.6</v>
      </c>
      <c r="Z389" s="5"/>
      <c r="AA389" s="5" t="s">
        <v>43</v>
      </c>
      <c r="AB389" s="5" t="s">
        <v>44</v>
      </c>
      <c r="AC389" s="2"/>
      <c r="AD389" s="1"/>
    </row>
    <row r="390" spans="1:30">
      <c r="A390" s="5" t="s">
        <v>83578</v>
      </c>
      <c r="B390" s="2" t="s">
        <v>84743</v>
      </c>
      <c r="C390" s="14" t="s">
        <v>84744</v>
      </c>
      <c r="D390" s="2" t="s">
        <v>84745</v>
      </c>
      <c r="E390" s="2" t="s">
        <v>1859</v>
      </c>
      <c r="F390" s="8">
        <v>126</v>
      </c>
      <c r="G390" s="5">
        <v>13</v>
      </c>
      <c r="H390" s="5" t="s">
        <v>1518</v>
      </c>
      <c r="I390" s="5" t="s">
        <v>1519</v>
      </c>
      <c r="J390" s="2" t="s">
        <v>1520</v>
      </c>
      <c r="K390" s="5" t="s">
        <v>1519</v>
      </c>
      <c r="L390" s="2" t="s">
        <v>1520</v>
      </c>
      <c r="M390" s="5" t="s">
        <v>1521</v>
      </c>
      <c r="N390" s="5" t="s">
        <v>38</v>
      </c>
      <c r="O390" s="5" t="s">
        <v>39</v>
      </c>
      <c r="P390" s="5" t="s">
        <v>40</v>
      </c>
      <c r="Q390" s="5" t="s">
        <v>1522</v>
      </c>
      <c r="R390" s="5" t="s">
        <v>1523</v>
      </c>
      <c r="S390" s="5" t="s">
        <v>42</v>
      </c>
      <c r="T390" s="2">
        <v>1.5740000000000001</v>
      </c>
      <c r="U390" s="2">
        <v>1.2410000000000001</v>
      </c>
      <c r="V390" s="2">
        <v>8.0000000000000002E-3</v>
      </c>
      <c r="W390" s="2">
        <v>99.1</v>
      </c>
      <c r="X390" s="2">
        <v>7.6</v>
      </c>
      <c r="Y390" s="2">
        <v>10.6</v>
      </c>
      <c r="Z390" s="5"/>
      <c r="AA390" s="5" t="s">
        <v>43</v>
      </c>
      <c r="AB390" s="5" t="s">
        <v>44</v>
      </c>
      <c r="AC390" s="2"/>
      <c r="AD390" s="1"/>
    </row>
    <row r="391" spans="1:30">
      <c r="A391" s="5" t="s">
        <v>83578</v>
      </c>
      <c r="B391" s="2" t="s">
        <v>84746</v>
      </c>
      <c r="C391" s="14" t="s">
        <v>84747</v>
      </c>
      <c r="D391" s="2" t="s">
        <v>84748</v>
      </c>
      <c r="E391" s="2" t="s">
        <v>1973</v>
      </c>
      <c r="F391" s="8">
        <v>143</v>
      </c>
      <c r="G391" s="5">
        <v>13</v>
      </c>
      <c r="H391" s="5" t="s">
        <v>1518</v>
      </c>
      <c r="I391" s="5" t="s">
        <v>1519</v>
      </c>
      <c r="J391" s="2" t="s">
        <v>1520</v>
      </c>
      <c r="K391" s="5" t="s">
        <v>1519</v>
      </c>
      <c r="L391" s="2" t="s">
        <v>1520</v>
      </c>
      <c r="M391" s="5" t="s">
        <v>1521</v>
      </c>
      <c r="N391" s="5" t="s">
        <v>38</v>
      </c>
      <c r="O391" s="5" t="s">
        <v>39</v>
      </c>
      <c r="P391" s="5" t="s">
        <v>40</v>
      </c>
      <c r="Q391" s="5" t="s">
        <v>1522</v>
      </c>
      <c r="R391" s="5" t="s">
        <v>1523</v>
      </c>
      <c r="S391" s="5" t="s">
        <v>42</v>
      </c>
      <c r="T391" s="2">
        <v>2.0070000000000001</v>
      </c>
      <c r="U391" s="2">
        <v>1.6819999999999999</v>
      </c>
      <c r="V391" s="2">
        <v>0.01</v>
      </c>
      <c r="W391" s="2">
        <v>118.9</v>
      </c>
      <c r="X391" s="2">
        <v>7.6</v>
      </c>
      <c r="Y391" s="2">
        <v>10.6</v>
      </c>
      <c r="Z391" s="5"/>
      <c r="AA391" s="5" t="s">
        <v>43</v>
      </c>
      <c r="AB391" s="5" t="s">
        <v>44</v>
      </c>
      <c r="AC391" s="2"/>
      <c r="AD391" s="1"/>
    </row>
    <row r="392" spans="1:30">
      <c r="A392" s="5" t="s">
        <v>83578</v>
      </c>
      <c r="B392" s="2" t="s">
        <v>84749</v>
      </c>
      <c r="C392" s="14" t="s">
        <v>84750</v>
      </c>
      <c r="D392" s="2" t="s">
        <v>84751</v>
      </c>
      <c r="E392" s="2" t="s">
        <v>2348</v>
      </c>
      <c r="F392" s="8">
        <v>143</v>
      </c>
      <c r="G392" s="5">
        <v>13</v>
      </c>
      <c r="H392" s="5" t="s">
        <v>1518</v>
      </c>
      <c r="I392" s="5" t="s">
        <v>1519</v>
      </c>
      <c r="J392" s="2" t="s">
        <v>1520</v>
      </c>
      <c r="K392" s="5" t="s">
        <v>1519</v>
      </c>
      <c r="L392" s="2" t="s">
        <v>1520</v>
      </c>
      <c r="M392" s="5" t="s">
        <v>1521</v>
      </c>
      <c r="N392" s="5" t="s">
        <v>38</v>
      </c>
      <c r="O392" s="5" t="s">
        <v>39</v>
      </c>
      <c r="P392" s="5" t="s">
        <v>40</v>
      </c>
      <c r="Q392" s="5" t="s">
        <v>1522</v>
      </c>
      <c r="R392" s="5" t="s">
        <v>1523</v>
      </c>
      <c r="S392" s="5" t="s">
        <v>42</v>
      </c>
      <c r="T392" s="2">
        <v>2.052</v>
      </c>
      <c r="U392" s="2">
        <v>1.7270000000000001</v>
      </c>
      <c r="V392" s="2">
        <v>0.01</v>
      </c>
      <c r="W392" s="2">
        <v>118.9</v>
      </c>
      <c r="X392" s="2">
        <v>7.6</v>
      </c>
      <c r="Y392" s="2">
        <v>10.6</v>
      </c>
      <c r="Z392" s="5"/>
      <c r="AA392" s="5" t="s">
        <v>43</v>
      </c>
      <c r="AB392" s="5" t="s">
        <v>44</v>
      </c>
      <c r="AC392" s="2"/>
      <c r="AD392" s="1"/>
    </row>
    <row r="393" spans="1:30">
      <c r="A393" s="5" t="s">
        <v>83578</v>
      </c>
      <c r="B393" s="2" t="s">
        <v>84752</v>
      </c>
      <c r="C393" s="14" t="s">
        <v>84753</v>
      </c>
      <c r="D393" s="2" t="s">
        <v>84754</v>
      </c>
      <c r="E393" s="2" t="s">
        <v>2204</v>
      </c>
      <c r="F393" s="8">
        <v>143</v>
      </c>
      <c r="G393" s="5">
        <v>13</v>
      </c>
      <c r="H393" s="5" t="s">
        <v>1518</v>
      </c>
      <c r="I393" s="5" t="s">
        <v>1519</v>
      </c>
      <c r="J393" s="2" t="s">
        <v>1520</v>
      </c>
      <c r="K393" s="5" t="s">
        <v>1519</v>
      </c>
      <c r="L393" s="2" t="s">
        <v>1520</v>
      </c>
      <c r="M393" s="5" t="s">
        <v>1521</v>
      </c>
      <c r="N393" s="5" t="s">
        <v>38</v>
      </c>
      <c r="O393" s="5" t="s">
        <v>39</v>
      </c>
      <c r="P393" s="5" t="s">
        <v>40</v>
      </c>
      <c r="Q393" s="5" t="s">
        <v>1522</v>
      </c>
      <c r="R393" s="5" t="s">
        <v>1523</v>
      </c>
      <c r="S393" s="5" t="s">
        <v>42</v>
      </c>
      <c r="T393" s="2">
        <v>2.0070000000000001</v>
      </c>
      <c r="U393" s="2">
        <v>1.6819999999999999</v>
      </c>
      <c r="V393" s="2">
        <v>0.01</v>
      </c>
      <c r="W393" s="2">
        <v>118.9</v>
      </c>
      <c r="X393" s="2">
        <v>7.6</v>
      </c>
      <c r="Y393" s="2">
        <v>10.6</v>
      </c>
      <c r="Z393" s="5"/>
      <c r="AA393" s="5" t="s">
        <v>43</v>
      </c>
      <c r="AB393" s="5" t="s">
        <v>44</v>
      </c>
      <c r="AC393" s="2"/>
      <c r="AD393" s="1"/>
    </row>
    <row r="394" spans="1:30">
      <c r="A394" s="5" t="s">
        <v>83578</v>
      </c>
      <c r="B394" s="2" t="s">
        <v>84755</v>
      </c>
      <c r="C394" s="14" t="s">
        <v>84756</v>
      </c>
      <c r="D394" s="2" t="s">
        <v>84757</v>
      </c>
      <c r="E394" s="2" t="s">
        <v>2208</v>
      </c>
      <c r="F394" s="8">
        <v>143</v>
      </c>
      <c r="G394" s="5">
        <v>13</v>
      </c>
      <c r="H394" s="5" t="s">
        <v>1518</v>
      </c>
      <c r="I394" s="5" t="s">
        <v>1519</v>
      </c>
      <c r="J394" s="2" t="s">
        <v>1520</v>
      </c>
      <c r="K394" s="5" t="s">
        <v>1519</v>
      </c>
      <c r="L394" s="2" t="s">
        <v>1520</v>
      </c>
      <c r="M394" s="5" t="s">
        <v>1521</v>
      </c>
      <c r="N394" s="5" t="s">
        <v>38</v>
      </c>
      <c r="O394" s="5" t="s">
        <v>39</v>
      </c>
      <c r="P394" s="5" t="s">
        <v>40</v>
      </c>
      <c r="Q394" s="5" t="s">
        <v>1522</v>
      </c>
      <c r="R394" s="5" t="s">
        <v>1523</v>
      </c>
      <c r="S394" s="5" t="s">
        <v>42</v>
      </c>
      <c r="T394" s="2">
        <v>2.0070000000000001</v>
      </c>
      <c r="U394" s="2">
        <v>1.6819999999999999</v>
      </c>
      <c r="V394" s="2">
        <v>0.01</v>
      </c>
      <c r="W394" s="2">
        <v>118.9</v>
      </c>
      <c r="X394" s="2">
        <v>7.6</v>
      </c>
      <c r="Y394" s="2">
        <v>10.6</v>
      </c>
      <c r="Z394" s="5"/>
      <c r="AA394" s="5" t="s">
        <v>43</v>
      </c>
      <c r="AB394" s="5" t="s">
        <v>44</v>
      </c>
      <c r="AC394" s="2"/>
      <c r="AD394" s="1"/>
    </row>
    <row r="395" spans="1:30">
      <c r="A395" s="5" t="s">
        <v>83578</v>
      </c>
      <c r="B395" s="2" t="s">
        <v>84758</v>
      </c>
      <c r="C395" s="14" t="s">
        <v>84759</v>
      </c>
      <c r="D395" s="2" t="s">
        <v>84760</v>
      </c>
      <c r="E395" s="2" t="s">
        <v>1855</v>
      </c>
      <c r="F395" s="8">
        <v>143</v>
      </c>
      <c r="G395" s="5">
        <v>13</v>
      </c>
      <c r="H395" s="5" t="s">
        <v>1518</v>
      </c>
      <c r="I395" s="5" t="s">
        <v>1519</v>
      </c>
      <c r="J395" s="2" t="s">
        <v>1520</v>
      </c>
      <c r="K395" s="5" t="s">
        <v>1519</v>
      </c>
      <c r="L395" s="2" t="s">
        <v>1520</v>
      </c>
      <c r="M395" s="5" t="s">
        <v>1521</v>
      </c>
      <c r="N395" s="5" t="s">
        <v>38</v>
      </c>
      <c r="O395" s="5" t="s">
        <v>39</v>
      </c>
      <c r="P395" s="5" t="s">
        <v>40</v>
      </c>
      <c r="Q395" s="5" t="s">
        <v>1522</v>
      </c>
      <c r="R395" s="5" t="s">
        <v>1523</v>
      </c>
      <c r="S395" s="5" t="s">
        <v>42</v>
      </c>
      <c r="T395" s="2">
        <v>2.0070000000000001</v>
      </c>
      <c r="U395" s="2">
        <v>1.6819999999999999</v>
      </c>
      <c r="V395" s="2">
        <v>0.01</v>
      </c>
      <c r="W395" s="2">
        <v>118.9</v>
      </c>
      <c r="X395" s="2">
        <v>7.6</v>
      </c>
      <c r="Y395" s="2">
        <v>10.6</v>
      </c>
      <c r="Z395" s="5"/>
      <c r="AA395" s="5" t="s">
        <v>43</v>
      </c>
      <c r="AB395" s="5" t="s">
        <v>44</v>
      </c>
      <c r="AC395" s="2"/>
      <c r="AD395" s="1"/>
    </row>
    <row r="396" spans="1:30">
      <c r="A396" s="5" t="s">
        <v>83578</v>
      </c>
      <c r="B396" s="2" t="s">
        <v>84761</v>
      </c>
      <c r="C396" s="14" t="s">
        <v>84762</v>
      </c>
      <c r="D396" s="2" t="s">
        <v>84763</v>
      </c>
      <c r="E396" s="2" t="s">
        <v>1973</v>
      </c>
      <c r="F396" s="8">
        <v>170</v>
      </c>
      <c r="G396" s="5">
        <v>18</v>
      </c>
      <c r="H396" s="5" t="s">
        <v>1518</v>
      </c>
      <c r="I396" s="5" t="s">
        <v>1519</v>
      </c>
      <c r="J396" s="2" t="s">
        <v>1520</v>
      </c>
      <c r="K396" s="5" t="s">
        <v>1519</v>
      </c>
      <c r="L396" s="2" t="s">
        <v>1520</v>
      </c>
      <c r="M396" s="5" t="s">
        <v>1521</v>
      </c>
      <c r="N396" s="5" t="s">
        <v>38</v>
      </c>
      <c r="O396" s="5" t="s">
        <v>39</v>
      </c>
      <c r="P396" s="5" t="s">
        <v>40</v>
      </c>
      <c r="Q396" s="5" t="s">
        <v>1522</v>
      </c>
      <c r="R396" s="5" t="s">
        <v>1523</v>
      </c>
      <c r="S396" s="5" t="s">
        <v>42</v>
      </c>
      <c r="T396" s="2">
        <v>2.5</v>
      </c>
      <c r="U396" s="2">
        <v>2.1219999999999999</v>
      </c>
      <c r="V396" s="2">
        <v>1.0999999999999999E-2</v>
      </c>
      <c r="W396" s="2">
        <v>139.1</v>
      </c>
      <c r="X396" s="2">
        <v>7.6</v>
      </c>
      <c r="Y396" s="2">
        <v>10.6</v>
      </c>
      <c r="Z396" s="5"/>
      <c r="AA396" s="5" t="s">
        <v>43</v>
      </c>
      <c r="AB396" s="5" t="s">
        <v>44</v>
      </c>
      <c r="AC396" s="2"/>
      <c r="AD396" s="1"/>
    </row>
    <row r="397" spans="1:30">
      <c r="A397" s="5" t="s">
        <v>83578</v>
      </c>
      <c r="B397" s="2" t="s">
        <v>84764</v>
      </c>
      <c r="C397" s="14" t="s">
        <v>84765</v>
      </c>
      <c r="D397" s="2" t="s">
        <v>84766</v>
      </c>
      <c r="E397" s="2" t="s">
        <v>2348</v>
      </c>
      <c r="F397" s="8">
        <v>170</v>
      </c>
      <c r="G397" s="5">
        <v>18</v>
      </c>
      <c r="H397" s="5" t="s">
        <v>1518</v>
      </c>
      <c r="I397" s="5" t="s">
        <v>1519</v>
      </c>
      <c r="J397" s="2" t="s">
        <v>1520</v>
      </c>
      <c r="K397" s="5" t="s">
        <v>1519</v>
      </c>
      <c r="L397" s="2" t="s">
        <v>1520</v>
      </c>
      <c r="M397" s="5" t="s">
        <v>1521</v>
      </c>
      <c r="N397" s="5" t="s">
        <v>38</v>
      </c>
      <c r="O397" s="5" t="s">
        <v>39</v>
      </c>
      <c r="P397" s="5" t="s">
        <v>40</v>
      </c>
      <c r="Q397" s="5" t="s">
        <v>1522</v>
      </c>
      <c r="R397" s="5" t="s">
        <v>1523</v>
      </c>
      <c r="S397" s="5" t="s">
        <v>42</v>
      </c>
      <c r="T397" s="2">
        <v>2.5590000000000002</v>
      </c>
      <c r="U397" s="2">
        <v>2.181</v>
      </c>
      <c r="V397" s="2">
        <v>1.0999999999999999E-2</v>
      </c>
      <c r="W397" s="2">
        <v>139.1</v>
      </c>
      <c r="X397" s="2">
        <v>7.6</v>
      </c>
      <c r="Y397" s="2">
        <v>10.6</v>
      </c>
      <c r="Z397" s="5"/>
      <c r="AA397" s="5" t="s">
        <v>43</v>
      </c>
      <c r="AB397" s="5" t="s">
        <v>44</v>
      </c>
      <c r="AC397" s="2"/>
      <c r="AD397" s="1"/>
    </row>
    <row r="398" spans="1:30">
      <c r="A398" s="5" t="s">
        <v>83578</v>
      </c>
      <c r="B398" s="2" t="s">
        <v>84767</v>
      </c>
      <c r="C398" s="14" t="s">
        <v>84768</v>
      </c>
      <c r="D398" s="2" t="s">
        <v>84769</v>
      </c>
      <c r="E398" s="2" t="s">
        <v>2724</v>
      </c>
      <c r="F398" s="8">
        <v>170</v>
      </c>
      <c r="G398" s="5">
        <v>18</v>
      </c>
      <c r="H398" s="5" t="s">
        <v>1518</v>
      </c>
      <c r="I398" s="5" t="s">
        <v>1519</v>
      </c>
      <c r="J398" s="2" t="s">
        <v>1520</v>
      </c>
      <c r="K398" s="5" t="s">
        <v>1519</v>
      </c>
      <c r="L398" s="2" t="s">
        <v>1520</v>
      </c>
      <c r="M398" s="5" t="s">
        <v>1521</v>
      </c>
      <c r="N398" s="5" t="s">
        <v>38</v>
      </c>
      <c r="O398" s="5" t="s">
        <v>39</v>
      </c>
      <c r="P398" s="5" t="s">
        <v>40</v>
      </c>
      <c r="Q398" s="5" t="s">
        <v>1522</v>
      </c>
      <c r="R398" s="5" t="s">
        <v>1523</v>
      </c>
      <c r="S398" s="5" t="s">
        <v>42</v>
      </c>
      <c r="T398" s="2">
        <v>2.5590000000000002</v>
      </c>
      <c r="U398" s="2">
        <v>2.181</v>
      </c>
      <c r="V398" s="2">
        <v>1.0999999999999999E-2</v>
      </c>
      <c r="W398" s="2">
        <v>139.1</v>
      </c>
      <c r="X398" s="2">
        <v>7.6</v>
      </c>
      <c r="Y398" s="2">
        <v>10.6</v>
      </c>
      <c r="Z398" s="5"/>
      <c r="AA398" s="5" t="s">
        <v>43</v>
      </c>
      <c r="AB398" s="5" t="s">
        <v>44</v>
      </c>
      <c r="AC398" s="2"/>
      <c r="AD398" s="1"/>
    </row>
    <row r="399" spans="1:30">
      <c r="A399" s="5" t="s">
        <v>83578</v>
      </c>
      <c r="B399" s="2" t="s">
        <v>84770</v>
      </c>
      <c r="C399" s="14" t="s">
        <v>84771</v>
      </c>
      <c r="D399" s="2" t="s">
        <v>84772</v>
      </c>
      <c r="E399" s="2" t="s">
        <v>2212</v>
      </c>
      <c r="F399" s="8">
        <v>170</v>
      </c>
      <c r="G399" s="5">
        <v>18</v>
      </c>
      <c r="H399" s="5" t="s">
        <v>1518</v>
      </c>
      <c r="I399" s="5" t="s">
        <v>1519</v>
      </c>
      <c r="J399" s="2" t="s">
        <v>1520</v>
      </c>
      <c r="K399" s="5" t="s">
        <v>1519</v>
      </c>
      <c r="L399" s="2" t="s">
        <v>1520</v>
      </c>
      <c r="M399" s="5" t="s">
        <v>1521</v>
      </c>
      <c r="N399" s="5" t="s">
        <v>38</v>
      </c>
      <c r="O399" s="5" t="s">
        <v>39</v>
      </c>
      <c r="P399" s="5" t="s">
        <v>40</v>
      </c>
      <c r="Q399" s="5" t="s">
        <v>1522</v>
      </c>
      <c r="R399" s="5" t="s">
        <v>1523</v>
      </c>
      <c r="S399" s="5" t="s">
        <v>42</v>
      </c>
      <c r="T399" s="2">
        <v>2.5590000000000002</v>
      </c>
      <c r="U399" s="2">
        <v>2.181</v>
      </c>
      <c r="V399" s="2">
        <v>1.0999999999999999E-2</v>
      </c>
      <c r="W399" s="2">
        <v>139.1</v>
      </c>
      <c r="X399" s="2">
        <v>7.6</v>
      </c>
      <c r="Y399" s="2">
        <v>10.6</v>
      </c>
      <c r="Z399" s="5"/>
      <c r="AA399" s="5" t="s">
        <v>43</v>
      </c>
      <c r="AB399" s="5" t="s">
        <v>44</v>
      </c>
      <c r="AC399" s="2"/>
      <c r="AD399" s="1"/>
    </row>
    <row r="400" spans="1:30">
      <c r="A400" s="5" t="s">
        <v>83578</v>
      </c>
      <c r="B400" s="2" t="s">
        <v>84773</v>
      </c>
      <c r="C400" s="14" t="s">
        <v>84774</v>
      </c>
      <c r="D400" s="2" t="s">
        <v>84775</v>
      </c>
      <c r="E400" s="2" t="s">
        <v>1835</v>
      </c>
      <c r="F400" s="8">
        <v>170</v>
      </c>
      <c r="G400" s="5">
        <v>18</v>
      </c>
      <c r="H400" s="5" t="s">
        <v>1518</v>
      </c>
      <c r="I400" s="5" t="s">
        <v>1519</v>
      </c>
      <c r="J400" s="2" t="s">
        <v>1520</v>
      </c>
      <c r="K400" s="5" t="s">
        <v>1519</v>
      </c>
      <c r="L400" s="2" t="s">
        <v>1520</v>
      </c>
      <c r="M400" s="5" t="s">
        <v>1521</v>
      </c>
      <c r="N400" s="5" t="s">
        <v>38</v>
      </c>
      <c r="O400" s="5" t="s">
        <v>39</v>
      </c>
      <c r="P400" s="5" t="s">
        <v>40</v>
      </c>
      <c r="Q400" s="5" t="s">
        <v>1522</v>
      </c>
      <c r="R400" s="5" t="s">
        <v>1523</v>
      </c>
      <c r="S400" s="5" t="s">
        <v>42</v>
      </c>
      <c r="T400" s="2">
        <v>2.5590000000000002</v>
      </c>
      <c r="U400" s="2">
        <v>2.181</v>
      </c>
      <c r="V400" s="2">
        <v>1.0999999999999999E-2</v>
      </c>
      <c r="W400" s="2">
        <v>139.1</v>
      </c>
      <c r="X400" s="2">
        <v>7.6</v>
      </c>
      <c r="Y400" s="2">
        <v>10.6</v>
      </c>
      <c r="Z400" s="5"/>
      <c r="AA400" s="5" t="s">
        <v>43</v>
      </c>
      <c r="AB400" s="5" t="s">
        <v>44</v>
      </c>
      <c r="AC400" s="2"/>
      <c r="AD400" s="1"/>
    </row>
    <row r="401" spans="1:30">
      <c r="A401" s="5" t="s">
        <v>83578</v>
      </c>
      <c r="B401" s="2" t="s">
        <v>84776</v>
      </c>
      <c r="C401" s="14" t="s">
        <v>84777</v>
      </c>
      <c r="D401" s="2" t="s">
        <v>84778</v>
      </c>
      <c r="E401" s="2" t="s">
        <v>1986</v>
      </c>
      <c r="F401" s="8">
        <v>170</v>
      </c>
      <c r="G401" s="5">
        <v>18</v>
      </c>
      <c r="H401" s="5" t="s">
        <v>1518</v>
      </c>
      <c r="I401" s="5" t="s">
        <v>1519</v>
      </c>
      <c r="J401" s="2" t="s">
        <v>1520</v>
      </c>
      <c r="K401" s="5" t="s">
        <v>1519</v>
      </c>
      <c r="L401" s="2" t="s">
        <v>1520</v>
      </c>
      <c r="M401" s="5" t="s">
        <v>1521</v>
      </c>
      <c r="N401" s="5" t="s">
        <v>38</v>
      </c>
      <c r="O401" s="5" t="s">
        <v>39</v>
      </c>
      <c r="P401" s="5" t="s">
        <v>40</v>
      </c>
      <c r="Q401" s="5" t="s">
        <v>1522</v>
      </c>
      <c r="R401" s="5" t="s">
        <v>1523</v>
      </c>
      <c r="S401" s="5" t="s">
        <v>42</v>
      </c>
      <c r="T401" s="2">
        <v>2.5590000000000002</v>
      </c>
      <c r="U401" s="2">
        <v>2.181</v>
      </c>
      <c r="V401" s="2">
        <v>1.0999999999999999E-2</v>
      </c>
      <c r="W401" s="2">
        <v>139.1</v>
      </c>
      <c r="X401" s="2">
        <v>7.6</v>
      </c>
      <c r="Y401" s="2">
        <v>10.6</v>
      </c>
      <c r="Z401" s="5"/>
      <c r="AA401" s="5" t="s">
        <v>43</v>
      </c>
      <c r="AB401" s="5" t="s">
        <v>44</v>
      </c>
      <c r="AC401" s="2"/>
      <c r="AD401" s="1"/>
    </row>
    <row r="402" spans="1:30">
      <c r="A402" s="5" t="s">
        <v>83578</v>
      </c>
      <c r="B402" s="2" t="s">
        <v>84779</v>
      </c>
      <c r="C402" s="14" t="s">
        <v>84780</v>
      </c>
      <c r="D402" s="2" t="s">
        <v>84781</v>
      </c>
      <c r="E402" s="2" t="s">
        <v>1999</v>
      </c>
      <c r="F402" s="8">
        <v>170</v>
      </c>
      <c r="G402" s="5">
        <v>18</v>
      </c>
      <c r="H402" s="5" t="s">
        <v>1518</v>
      </c>
      <c r="I402" s="5" t="s">
        <v>1519</v>
      </c>
      <c r="J402" s="2" t="s">
        <v>1520</v>
      </c>
      <c r="K402" s="5" t="s">
        <v>1519</v>
      </c>
      <c r="L402" s="2" t="s">
        <v>1520</v>
      </c>
      <c r="M402" s="5" t="s">
        <v>1521</v>
      </c>
      <c r="N402" s="5" t="s">
        <v>38</v>
      </c>
      <c r="O402" s="5" t="s">
        <v>39</v>
      </c>
      <c r="P402" s="5" t="s">
        <v>40</v>
      </c>
      <c r="Q402" s="5" t="s">
        <v>1522</v>
      </c>
      <c r="R402" s="5" t="s">
        <v>1523</v>
      </c>
      <c r="S402" s="5" t="s">
        <v>42</v>
      </c>
      <c r="T402" s="2">
        <v>2.5590000000000002</v>
      </c>
      <c r="U402" s="2">
        <v>2.181</v>
      </c>
      <c r="V402" s="2">
        <v>1.0999999999999999E-2</v>
      </c>
      <c r="W402" s="2">
        <v>139.1</v>
      </c>
      <c r="X402" s="2">
        <v>7.6</v>
      </c>
      <c r="Y402" s="2">
        <v>10.6</v>
      </c>
      <c r="Z402" s="5"/>
      <c r="AA402" s="5" t="s">
        <v>43</v>
      </c>
      <c r="AB402" s="5" t="s">
        <v>44</v>
      </c>
      <c r="AC402" s="2"/>
      <c r="AD402" s="1"/>
    </row>
    <row r="403" spans="1:30">
      <c r="A403" s="5" t="s">
        <v>83578</v>
      </c>
      <c r="B403" s="2" t="s">
        <v>84782</v>
      </c>
      <c r="C403" s="14" t="s">
        <v>84783</v>
      </c>
      <c r="D403" s="2" t="s">
        <v>84784</v>
      </c>
      <c r="E403" s="2" t="s">
        <v>1859</v>
      </c>
      <c r="F403" s="8">
        <v>170</v>
      </c>
      <c r="G403" s="5">
        <v>18</v>
      </c>
      <c r="H403" s="5" t="s">
        <v>1518</v>
      </c>
      <c r="I403" s="5" t="s">
        <v>1519</v>
      </c>
      <c r="J403" s="2" t="s">
        <v>1520</v>
      </c>
      <c r="K403" s="5" t="s">
        <v>1519</v>
      </c>
      <c r="L403" s="2" t="s">
        <v>1520</v>
      </c>
      <c r="M403" s="5" t="s">
        <v>1521</v>
      </c>
      <c r="N403" s="5" t="s">
        <v>38</v>
      </c>
      <c r="O403" s="5" t="s">
        <v>39</v>
      </c>
      <c r="P403" s="5" t="s">
        <v>40</v>
      </c>
      <c r="Q403" s="5" t="s">
        <v>1522</v>
      </c>
      <c r="R403" s="5" t="s">
        <v>1523</v>
      </c>
      <c r="S403" s="5" t="s">
        <v>42</v>
      </c>
      <c r="T403" s="2">
        <v>2.5590000000000002</v>
      </c>
      <c r="U403" s="2">
        <v>2.181</v>
      </c>
      <c r="V403" s="2">
        <v>1.0999999999999999E-2</v>
      </c>
      <c r="W403" s="2">
        <v>139.1</v>
      </c>
      <c r="X403" s="2">
        <v>7.6</v>
      </c>
      <c r="Y403" s="2">
        <v>10.6</v>
      </c>
      <c r="Z403" s="5"/>
      <c r="AA403" s="5" t="s">
        <v>43</v>
      </c>
      <c r="AB403" s="5" t="s">
        <v>44</v>
      </c>
      <c r="AC403" s="2"/>
      <c r="AD403" s="1"/>
    </row>
    <row r="404" spans="1:30">
      <c r="A404" s="5" t="s">
        <v>83578</v>
      </c>
      <c r="B404" s="2" t="s">
        <v>84785</v>
      </c>
      <c r="C404" s="14" t="s">
        <v>84786</v>
      </c>
      <c r="D404" s="2" t="s">
        <v>84787</v>
      </c>
      <c r="E404" s="2" t="s">
        <v>7563</v>
      </c>
      <c r="F404" s="8">
        <v>143</v>
      </c>
      <c r="G404" s="5">
        <v>6</v>
      </c>
      <c r="H404" s="5" t="s">
        <v>1518</v>
      </c>
      <c r="I404" s="5" t="s">
        <v>1519</v>
      </c>
      <c r="J404" s="2" t="s">
        <v>1520</v>
      </c>
      <c r="K404" s="5" t="s">
        <v>1519</v>
      </c>
      <c r="L404" s="2" t="s">
        <v>1520</v>
      </c>
      <c r="M404" s="5" t="s">
        <v>1521</v>
      </c>
      <c r="N404" s="5" t="s">
        <v>38</v>
      </c>
      <c r="O404" s="5" t="s">
        <v>39</v>
      </c>
      <c r="P404" s="5" t="s">
        <v>40</v>
      </c>
      <c r="Q404" s="5" t="s">
        <v>1522</v>
      </c>
      <c r="R404" s="5" t="s">
        <v>1523</v>
      </c>
      <c r="S404" s="5" t="s">
        <v>42</v>
      </c>
      <c r="T404" s="2">
        <v>1.734</v>
      </c>
      <c r="U404" s="2">
        <v>1.409</v>
      </c>
      <c r="V404" s="2">
        <v>0.01</v>
      </c>
      <c r="W404" s="2">
        <v>118.9</v>
      </c>
      <c r="X404" s="2">
        <v>7.6</v>
      </c>
      <c r="Y404" s="2">
        <v>10.6</v>
      </c>
      <c r="Z404" s="5"/>
      <c r="AA404" s="5" t="s">
        <v>43</v>
      </c>
      <c r="AB404" s="5" t="s">
        <v>44</v>
      </c>
      <c r="AC404" s="2"/>
      <c r="AD404" s="1"/>
    </row>
    <row r="405" spans="1:30">
      <c r="A405" s="5" t="s">
        <v>83578</v>
      </c>
      <c r="B405" s="2" t="s">
        <v>84788</v>
      </c>
      <c r="C405" s="14" t="s">
        <v>84789</v>
      </c>
      <c r="D405" s="2" t="s">
        <v>84790</v>
      </c>
      <c r="E405" s="2" t="s">
        <v>1827</v>
      </c>
      <c r="F405" s="8">
        <v>143</v>
      </c>
      <c r="G405" s="5">
        <v>8</v>
      </c>
      <c r="H405" s="5" t="s">
        <v>1518</v>
      </c>
      <c r="I405" s="5" t="s">
        <v>1519</v>
      </c>
      <c r="J405" s="2" t="s">
        <v>1520</v>
      </c>
      <c r="K405" s="5" t="s">
        <v>1519</v>
      </c>
      <c r="L405" s="2" t="s">
        <v>1520</v>
      </c>
      <c r="M405" s="5" t="s">
        <v>1521</v>
      </c>
      <c r="N405" s="5" t="s">
        <v>38</v>
      </c>
      <c r="O405" s="5" t="s">
        <v>39</v>
      </c>
      <c r="P405" s="5" t="s">
        <v>40</v>
      </c>
      <c r="Q405" s="5" t="s">
        <v>1522</v>
      </c>
      <c r="R405" s="5" t="s">
        <v>1523</v>
      </c>
      <c r="S405" s="5" t="s">
        <v>42</v>
      </c>
      <c r="T405" s="2">
        <v>1.7829999999999999</v>
      </c>
      <c r="U405" s="2">
        <v>1.458</v>
      </c>
      <c r="V405" s="2">
        <v>0.01</v>
      </c>
      <c r="W405" s="2">
        <v>118.9</v>
      </c>
      <c r="X405" s="2">
        <v>7.6</v>
      </c>
      <c r="Y405" s="2">
        <v>10.6</v>
      </c>
      <c r="Z405" s="5"/>
      <c r="AA405" s="5" t="s">
        <v>43</v>
      </c>
      <c r="AB405" s="5" t="s">
        <v>44</v>
      </c>
      <c r="AC405" s="2"/>
      <c r="AD405" s="1"/>
    </row>
    <row r="406" spans="1:30">
      <c r="A406" s="5" t="s">
        <v>83578</v>
      </c>
      <c r="B406" s="2" t="s">
        <v>84791</v>
      </c>
      <c r="C406" s="14" t="s">
        <v>84792</v>
      </c>
      <c r="D406" s="2" t="s">
        <v>84793</v>
      </c>
      <c r="E406" s="2" t="s">
        <v>1973</v>
      </c>
      <c r="F406" s="8">
        <v>143</v>
      </c>
      <c r="G406" s="5">
        <v>13</v>
      </c>
      <c r="H406" s="5" t="s">
        <v>1518</v>
      </c>
      <c r="I406" s="5" t="s">
        <v>1519</v>
      </c>
      <c r="J406" s="2" t="s">
        <v>1520</v>
      </c>
      <c r="K406" s="5" t="s">
        <v>1519</v>
      </c>
      <c r="L406" s="2" t="s">
        <v>1520</v>
      </c>
      <c r="M406" s="5" t="s">
        <v>1521</v>
      </c>
      <c r="N406" s="5" t="s">
        <v>38</v>
      </c>
      <c r="O406" s="5" t="s">
        <v>39</v>
      </c>
      <c r="P406" s="5" t="s">
        <v>40</v>
      </c>
      <c r="Q406" s="5" t="s">
        <v>1522</v>
      </c>
      <c r="R406" s="5" t="s">
        <v>1523</v>
      </c>
      <c r="S406" s="5" t="s">
        <v>42</v>
      </c>
      <c r="T406" s="2">
        <v>1.7629999999999999</v>
      </c>
      <c r="U406" s="2">
        <v>1.4379999999999999</v>
      </c>
      <c r="V406" s="2">
        <v>0.01</v>
      </c>
      <c r="W406" s="2">
        <v>118.9</v>
      </c>
      <c r="X406" s="2">
        <v>7.6</v>
      </c>
      <c r="Y406" s="2">
        <v>10.6</v>
      </c>
      <c r="Z406" s="5"/>
      <c r="AA406" s="5" t="s">
        <v>43</v>
      </c>
      <c r="AB406" s="5" t="s">
        <v>44</v>
      </c>
      <c r="AC406" s="2"/>
      <c r="AD406" s="1"/>
    </row>
    <row r="407" spans="1:30">
      <c r="A407" s="5" t="s">
        <v>83578</v>
      </c>
      <c r="B407" s="2" t="s">
        <v>84794</v>
      </c>
      <c r="C407" s="14" t="s">
        <v>84795</v>
      </c>
      <c r="D407" s="2" t="s">
        <v>84796</v>
      </c>
      <c r="E407" s="2" t="s">
        <v>2204</v>
      </c>
      <c r="F407" s="8">
        <v>143</v>
      </c>
      <c r="G407" s="5">
        <v>13</v>
      </c>
      <c r="H407" s="5" t="s">
        <v>1518</v>
      </c>
      <c r="I407" s="5" t="s">
        <v>1519</v>
      </c>
      <c r="J407" s="2" t="s">
        <v>1520</v>
      </c>
      <c r="K407" s="5" t="s">
        <v>1519</v>
      </c>
      <c r="L407" s="2" t="s">
        <v>1520</v>
      </c>
      <c r="M407" s="5" t="s">
        <v>1521</v>
      </c>
      <c r="N407" s="5" t="s">
        <v>38</v>
      </c>
      <c r="O407" s="5" t="s">
        <v>39</v>
      </c>
      <c r="P407" s="5" t="s">
        <v>40</v>
      </c>
      <c r="Q407" s="5" t="s">
        <v>1522</v>
      </c>
      <c r="R407" s="5" t="s">
        <v>1523</v>
      </c>
      <c r="S407" s="5" t="s">
        <v>42</v>
      </c>
      <c r="T407" s="2">
        <v>1.7629999999999999</v>
      </c>
      <c r="U407" s="2">
        <v>1.4379999999999999</v>
      </c>
      <c r="V407" s="2">
        <v>0.01</v>
      </c>
      <c r="W407" s="2">
        <v>118.9</v>
      </c>
      <c r="X407" s="2">
        <v>7.6</v>
      </c>
      <c r="Y407" s="2">
        <v>10.6</v>
      </c>
      <c r="Z407" s="5"/>
      <c r="AA407" s="5" t="s">
        <v>43</v>
      </c>
      <c r="AB407" s="5" t="s">
        <v>44</v>
      </c>
      <c r="AC407" s="2"/>
      <c r="AD407" s="1"/>
    </row>
    <row r="408" spans="1:30">
      <c r="A408" s="5" t="s">
        <v>83578</v>
      </c>
      <c r="B408" s="2" t="s">
        <v>84797</v>
      </c>
      <c r="C408" s="14" t="s">
        <v>84798</v>
      </c>
      <c r="D408" s="2" t="s">
        <v>84799</v>
      </c>
      <c r="E408" s="2" t="s">
        <v>2724</v>
      </c>
      <c r="F408" s="8">
        <v>143</v>
      </c>
      <c r="G408" s="5">
        <v>13</v>
      </c>
      <c r="H408" s="5" t="s">
        <v>1518</v>
      </c>
      <c r="I408" s="5" t="s">
        <v>1519</v>
      </c>
      <c r="J408" s="2" t="s">
        <v>1520</v>
      </c>
      <c r="K408" s="5" t="s">
        <v>1519</v>
      </c>
      <c r="L408" s="2" t="s">
        <v>1520</v>
      </c>
      <c r="M408" s="5" t="s">
        <v>1521</v>
      </c>
      <c r="N408" s="5" t="s">
        <v>38</v>
      </c>
      <c r="O408" s="5" t="s">
        <v>39</v>
      </c>
      <c r="P408" s="5" t="s">
        <v>40</v>
      </c>
      <c r="Q408" s="5" t="s">
        <v>1522</v>
      </c>
      <c r="R408" s="5" t="s">
        <v>1523</v>
      </c>
      <c r="S408" s="5" t="s">
        <v>42</v>
      </c>
      <c r="T408" s="2">
        <v>1.8009999999999999</v>
      </c>
      <c r="U408" s="2">
        <v>1.476</v>
      </c>
      <c r="V408" s="2">
        <v>0.01</v>
      </c>
      <c r="W408" s="2">
        <v>118.9</v>
      </c>
      <c r="X408" s="2">
        <v>7.6</v>
      </c>
      <c r="Y408" s="2">
        <v>10.6</v>
      </c>
      <c r="Z408" s="5"/>
      <c r="AA408" s="5" t="s">
        <v>43</v>
      </c>
      <c r="AB408" s="5" t="s">
        <v>44</v>
      </c>
      <c r="AC408" s="2"/>
      <c r="AD408" s="1"/>
    </row>
    <row r="409" spans="1:30">
      <c r="A409" s="5" t="s">
        <v>83578</v>
      </c>
      <c r="B409" s="2" t="s">
        <v>84800</v>
      </c>
      <c r="C409" s="14" t="s">
        <v>84801</v>
      </c>
      <c r="D409" s="2" t="s">
        <v>84802</v>
      </c>
      <c r="E409" s="2" t="s">
        <v>2208</v>
      </c>
      <c r="F409" s="8">
        <v>143</v>
      </c>
      <c r="G409" s="5">
        <v>13</v>
      </c>
      <c r="H409" s="5" t="s">
        <v>1518</v>
      </c>
      <c r="I409" s="5" t="s">
        <v>1519</v>
      </c>
      <c r="J409" s="2" t="s">
        <v>1520</v>
      </c>
      <c r="K409" s="5" t="s">
        <v>1519</v>
      </c>
      <c r="L409" s="2" t="s">
        <v>1520</v>
      </c>
      <c r="M409" s="5" t="s">
        <v>1521</v>
      </c>
      <c r="N409" s="5" t="s">
        <v>38</v>
      </c>
      <c r="O409" s="5" t="s">
        <v>39</v>
      </c>
      <c r="P409" s="5" t="s">
        <v>40</v>
      </c>
      <c r="Q409" s="5" t="s">
        <v>1522</v>
      </c>
      <c r="R409" s="5" t="s">
        <v>1523</v>
      </c>
      <c r="S409" s="5" t="s">
        <v>42</v>
      </c>
      <c r="T409" s="2">
        <v>1.7629999999999999</v>
      </c>
      <c r="U409" s="2">
        <v>1.4379999999999999</v>
      </c>
      <c r="V409" s="2">
        <v>0.01</v>
      </c>
      <c r="W409" s="2">
        <v>118.9</v>
      </c>
      <c r="X409" s="2">
        <v>7.6</v>
      </c>
      <c r="Y409" s="2">
        <v>10.6</v>
      </c>
      <c r="Z409" s="5"/>
      <c r="AA409" s="5" t="s">
        <v>43</v>
      </c>
      <c r="AB409" s="5" t="s">
        <v>44</v>
      </c>
      <c r="AC409" s="2"/>
      <c r="AD409" s="1"/>
    </row>
    <row r="410" spans="1:30">
      <c r="A410" s="5" t="s">
        <v>83578</v>
      </c>
      <c r="B410" s="2" t="s">
        <v>84803</v>
      </c>
      <c r="C410" s="14" t="s">
        <v>84804</v>
      </c>
      <c r="D410" s="2" t="s">
        <v>84805</v>
      </c>
      <c r="E410" s="2" t="s">
        <v>2212</v>
      </c>
      <c r="F410" s="8">
        <v>143</v>
      </c>
      <c r="G410" s="5">
        <v>13</v>
      </c>
      <c r="H410" s="5" t="s">
        <v>1518</v>
      </c>
      <c r="I410" s="5" t="s">
        <v>1519</v>
      </c>
      <c r="J410" s="2" t="s">
        <v>1520</v>
      </c>
      <c r="K410" s="5" t="s">
        <v>1519</v>
      </c>
      <c r="L410" s="2" t="s">
        <v>1520</v>
      </c>
      <c r="M410" s="5" t="s">
        <v>1521</v>
      </c>
      <c r="N410" s="5" t="s">
        <v>38</v>
      </c>
      <c r="O410" s="5" t="s">
        <v>39</v>
      </c>
      <c r="P410" s="5" t="s">
        <v>40</v>
      </c>
      <c r="Q410" s="5" t="s">
        <v>1522</v>
      </c>
      <c r="R410" s="5" t="s">
        <v>1523</v>
      </c>
      <c r="S410" s="5" t="s">
        <v>42</v>
      </c>
      <c r="T410" s="2">
        <v>1.8009999999999999</v>
      </c>
      <c r="U410" s="2">
        <v>1.476</v>
      </c>
      <c r="V410" s="2">
        <v>0.01</v>
      </c>
      <c r="W410" s="2">
        <v>118.9</v>
      </c>
      <c r="X410" s="2">
        <v>7.6</v>
      </c>
      <c r="Y410" s="2">
        <v>10.6</v>
      </c>
      <c r="Z410" s="5"/>
      <c r="AA410" s="5" t="s">
        <v>43</v>
      </c>
      <c r="AB410" s="5" t="s">
        <v>44</v>
      </c>
      <c r="AC410" s="2"/>
      <c r="AD410" s="1"/>
    </row>
    <row r="411" spans="1:30">
      <c r="A411" s="5" t="s">
        <v>83578</v>
      </c>
      <c r="B411" s="2" t="s">
        <v>84806</v>
      </c>
      <c r="C411" s="14" t="s">
        <v>84807</v>
      </c>
      <c r="D411" s="2" t="s">
        <v>84808</v>
      </c>
      <c r="E411" s="2" t="s">
        <v>1831</v>
      </c>
      <c r="F411" s="8">
        <v>143</v>
      </c>
      <c r="G411" s="5">
        <v>13</v>
      </c>
      <c r="H411" s="5" t="s">
        <v>1518</v>
      </c>
      <c r="I411" s="5" t="s">
        <v>1519</v>
      </c>
      <c r="J411" s="2" t="s">
        <v>1520</v>
      </c>
      <c r="K411" s="5" t="s">
        <v>1519</v>
      </c>
      <c r="L411" s="2" t="s">
        <v>1520</v>
      </c>
      <c r="M411" s="5" t="s">
        <v>1521</v>
      </c>
      <c r="N411" s="5" t="s">
        <v>38</v>
      </c>
      <c r="O411" s="5" t="s">
        <v>39</v>
      </c>
      <c r="P411" s="5" t="s">
        <v>40</v>
      </c>
      <c r="Q411" s="5" t="s">
        <v>1522</v>
      </c>
      <c r="R411" s="5" t="s">
        <v>1523</v>
      </c>
      <c r="S411" s="5" t="s">
        <v>42</v>
      </c>
      <c r="T411" s="2">
        <v>1.7629999999999999</v>
      </c>
      <c r="U411" s="2">
        <v>1.4379999999999999</v>
      </c>
      <c r="V411" s="2">
        <v>0.01</v>
      </c>
      <c r="W411" s="2">
        <v>118.9</v>
      </c>
      <c r="X411" s="2">
        <v>7.6</v>
      </c>
      <c r="Y411" s="2">
        <v>10.6</v>
      </c>
      <c r="Z411" s="5"/>
      <c r="AA411" s="5" t="s">
        <v>43</v>
      </c>
      <c r="AB411" s="5" t="s">
        <v>44</v>
      </c>
      <c r="AC411" s="2"/>
      <c r="AD411" s="1"/>
    </row>
    <row r="412" spans="1:30">
      <c r="A412" s="5" t="s">
        <v>83578</v>
      </c>
      <c r="B412" s="2" t="s">
        <v>84809</v>
      </c>
      <c r="C412" s="14" t="s">
        <v>84810</v>
      </c>
      <c r="D412" s="2" t="s">
        <v>84811</v>
      </c>
      <c r="E412" s="2" t="s">
        <v>1839</v>
      </c>
      <c r="F412" s="8">
        <v>143</v>
      </c>
      <c r="G412" s="5">
        <v>13</v>
      </c>
      <c r="H412" s="5" t="s">
        <v>1518</v>
      </c>
      <c r="I412" s="5" t="s">
        <v>1519</v>
      </c>
      <c r="J412" s="2" t="s">
        <v>1520</v>
      </c>
      <c r="K412" s="5" t="s">
        <v>1519</v>
      </c>
      <c r="L412" s="2" t="s">
        <v>1520</v>
      </c>
      <c r="M412" s="5" t="s">
        <v>1521</v>
      </c>
      <c r="N412" s="5" t="s">
        <v>38</v>
      </c>
      <c r="O412" s="5" t="s">
        <v>39</v>
      </c>
      <c r="P412" s="5" t="s">
        <v>40</v>
      </c>
      <c r="Q412" s="5" t="s">
        <v>1522</v>
      </c>
      <c r="R412" s="5" t="s">
        <v>1523</v>
      </c>
      <c r="S412" s="5" t="s">
        <v>42</v>
      </c>
      <c r="T412" s="2">
        <v>1.7629999999999999</v>
      </c>
      <c r="U412" s="2">
        <v>1.4379999999999999</v>
      </c>
      <c r="V412" s="2">
        <v>0.01</v>
      </c>
      <c r="W412" s="2">
        <v>118.9</v>
      </c>
      <c r="X412" s="2">
        <v>7.6</v>
      </c>
      <c r="Y412" s="2">
        <v>10.6</v>
      </c>
      <c r="Z412" s="5"/>
      <c r="AA412" s="5" t="s">
        <v>43</v>
      </c>
      <c r="AB412" s="5" t="s">
        <v>44</v>
      </c>
      <c r="AC412" s="2"/>
      <c r="AD412" s="1"/>
    </row>
    <row r="413" spans="1:30">
      <c r="A413" s="5" t="s">
        <v>83578</v>
      </c>
      <c r="B413" s="2" t="s">
        <v>84812</v>
      </c>
      <c r="C413" s="14" t="s">
        <v>84813</v>
      </c>
      <c r="D413" s="2" t="s">
        <v>84814</v>
      </c>
      <c r="E413" s="2" t="s">
        <v>1986</v>
      </c>
      <c r="F413" s="8">
        <v>143</v>
      </c>
      <c r="G413" s="5">
        <v>13</v>
      </c>
      <c r="H413" s="5" t="s">
        <v>1518</v>
      </c>
      <c r="I413" s="5" t="s">
        <v>1519</v>
      </c>
      <c r="J413" s="2" t="s">
        <v>1520</v>
      </c>
      <c r="K413" s="5" t="s">
        <v>1519</v>
      </c>
      <c r="L413" s="2" t="s">
        <v>1520</v>
      </c>
      <c r="M413" s="5" t="s">
        <v>1521</v>
      </c>
      <c r="N413" s="5" t="s">
        <v>38</v>
      </c>
      <c r="O413" s="5" t="s">
        <v>39</v>
      </c>
      <c r="P413" s="5" t="s">
        <v>40</v>
      </c>
      <c r="Q413" s="5" t="s">
        <v>1522</v>
      </c>
      <c r="R413" s="5" t="s">
        <v>1523</v>
      </c>
      <c r="S413" s="5" t="s">
        <v>42</v>
      </c>
      <c r="T413" s="2">
        <v>1.8009999999999999</v>
      </c>
      <c r="U413" s="2">
        <v>1.476</v>
      </c>
      <c r="V413" s="2">
        <v>0.01</v>
      </c>
      <c r="W413" s="2">
        <v>118.9</v>
      </c>
      <c r="X413" s="2">
        <v>7.6</v>
      </c>
      <c r="Y413" s="2">
        <v>10.6</v>
      </c>
      <c r="Z413" s="5"/>
      <c r="AA413" s="5" t="s">
        <v>43</v>
      </c>
      <c r="AB413" s="5" t="s">
        <v>44</v>
      </c>
      <c r="AC413" s="2"/>
      <c r="AD413" s="1"/>
    </row>
    <row r="414" spans="1:30">
      <c r="A414" s="5" t="s">
        <v>83578</v>
      </c>
      <c r="B414" s="2" t="s">
        <v>84815</v>
      </c>
      <c r="C414" s="14" t="s">
        <v>84816</v>
      </c>
      <c r="D414" s="2" t="s">
        <v>84817</v>
      </c>
      <c r="E414" s="2" t="s">
        <v>1847</v>
      </c>
      <c r="F414" s="8">
        <v>143</v>
      </c>
      <c r="G414" s="5">
        <v>13</v>
      </c>
      <c r="H414" s="5" t="s">
        <v>1518</v>
      </c>
      <c r="I414" s="5" t="s">
        <v>1519</v>
      </c>
      <c r="J414" s="2" t="s">
        <v>1520</v>
      </c>
      <c r="K414" s="5" t="s">
        <v>1519</v>
      </c>
      <c r="L414" s="2" t="s">
        <v>1520</v>
      </c>
      <c r="M414" s="5" t="s">
        <v>1521</v>
      </c>
      <c r="N414" s="5" t="s">
        <v>38</v>
      </c>
      <c r="O414" s="5" t="s">
        <v>39</v>
      </c>
      <c r="P414" s="5" t="s">
        <v>40</v>
      </c>
      <c r="Q414" s="5" t="s">
        <v>1522</v>
      </c>
      <c r="R414" s="5" t="s">
        <v>1523</v>
      </c>
      <c r="S414" s="5" t="s">
        <v>42</v>
      </c>
      <c r="T414" s="2">
        <v>1.8009999999999999</v>
      </c>
      <c r="U414" s="2">
        <v>1.476</v>
      </c>
      <c r="V414" s="2">
        <v>0.01</v>
      </c>
      <c r="W414" s="2">
        <v>118.9</v>
      </c>
      <c r="X414" s="2">
        <v>7.6</v>
      </c>
      <c r="Y414" s="2">
        <v>10.6</v>
      </c>
      <c r="Z414" s="5"/>
      <c r="AA414" s="5" t="s">
        <v>43</v>
      </c>
      <c r="AB414" s="5" t="s">
        <v>44</v>
      </c>
      <c r="AC414" s="2"/>
      <c r="AD414" s="1"/>
    </row>
    <row r="415" spans="1:30">
      <c r="A415" s="5" t="s">
        <v>83578</v>
      </c>
      <c r="B415" s="2" t="s">
        <v>84818</v>
      </c>
      <c r="C415" s="14" t="s">
        <v>84819</v>
      </c>
      <c r="D415" s="2" t="s">
        <v>84820</v>
      </c>
      <c r="E415" s="2" t="s">
        <v>1999</v>
      </c>
      <c r="F415" s="8">
        <v>143</v>
      </c>
      <c r="G415" s="5">
        <v>13</v>
      </c>
      <c r="H415" s="5" t="s">
        <v>1518</v>
      </c>
      <c r="I415" s="5" t="s">
        <v>1519</v>
      </c>
      <c r="J415" s="2" t="s">
        <v>1520</v>
      </c>
      <c r="K415" s="5" t="s">
        <v>1519</v>
      </c>
      <c r="L415" s="2" t="s">
        <v>1520</v>
      </c>
      <c r="M415" s="5" t="s">
        <v>1521</v>
      </c>
      <c r="N415" s="5" t="s">
        <v>38</v>
      </c>
      <c r="O415" s="5" t="s">
        <v>39</v>
      </c>
      <c r="P415" s="5" t="s">
        <v>40</v>
      </c>
      <c r="Q415" s="5" t="s">
        <v>1522</v>
      </c>
      <c r="R415" s="5" t="s">
        <v>1523</v>
      </c>
      <c r="S415" s="5" t="s">
        <v>42</v>
      </c>
      <c r="T415" s="2">
        <v>1.8009999999999999</v>
      </c>
      <c r="U415" s="2">
        <v>1.476</v>
      </c>
      <c r="V415" s="2">
        <v>0.01</v>
      </c>
      <c r="W415" s="2">
        <v>118.9</v>
      </c>
      <c r="X415" s="2">
        <v>7.6</v>
      </c>
      <c r="Y415" s="2">
        <v>10.6</v>
      </c>
      <c r="Z415" s="5"/>
      <c r="AA415" s="5" t="s">
        <v>43</v>
      </c>
      <c r="AB415" s="5" t="s">
        <v>44</v>
      </c>
      <c r="AC415" s="2"/>
      <c r="AD415" s="1"/>
    </row>
    <row r="416" spans="1:30">
      <c r="A416" s="5" t="s">
        <v>83578</v>
      </c>
      <c r="B416" s="2" t="s">
        <v>84821</v>
      </c>
      <c r="C416" s="14" t="s">
        <v>84822</v>
      </c>
      <c r="D416" s="2" t="s">
        <v>84823</v>
      </c>
      <c r="E416" s="2" t="s">
        <v>1855</v>
      </c>
      <c r="F416" s="8">
        <v>143</v>
      </c>
      <c r="G416" s="5">
        <v>13</v>
      </c>
      <c r="H416" s="5" t="s">
        <v>1518</v>
      </c>
      <c r="I416" s="5" t="s">
        <v>1519</v>
      </c>
      <c r="J416" s="2" t="s">
        <v>1520</v>
      </c>
      <c r="K416" s="5" t="s">
        <v>1519</v>
      </c>
      <c r="L416" s="2" t="s">
        <v>1520</v>
      </c>
      <c r="M416" s="5" t="s">
        <v>1521</v>
      </c>
      <c r="N416" s="5" t="s">
        <v>38</v>
      </c>
      <c r="O416" s="5" t="s">
        <v>39</v>
      </c>
      <c r="P416" s="5" t="s">
        <v>40</v>
      </c>
      <c r="Q416" s="5" t="s">
        <v>1522</v>
      </c>
      <c r="R416" s="5" t="s">
        <v>1523</v>
      </c>
      <c r="S416" s="5" t="s">
        <v>42</v>
      </c>
      <c r="T416" s="2">
        <v>1.7629999999999999</v>
      </c>
      <c r="U416" s="2">
        <v>1.4379999999999999</v>
      </c>
      <c r="V416" s="2">
        <v>0.01</v>
      </c>
      <c r="W416" s="2">
        <v>118.9</v>
      </c>
      <c r="X416" s="2">
        <v>7.6</v>
      </c>
      <c r="Y416" s="2">
        <v>10.6</v>
      </c>
      <c r="Z416" s="5"/>
      <c r="AA416" s="5" t="s">
        <v>43</v>
      </c>
      <c r="AB416" s="5" t="s">
        <v>44</v>
      </c>
      <c r="AC416" s="2"/>
      <c r="AD416" s="1"/>
    </row>
    <row r="417" spans="1:30">
      <c r="A417" s="5" t="s">
        <v>83578</v>
      </c>
      <c r="B417" s="2" t="s">
        <v>84824</v>
      </c>
      <c r="C417" s="14" t="s">
        <v>84825</v>
      </c>
      <c r="D417" s="2" t="s">
        <v>84826</v>
      </c>
      <c r="E417" s="2" t="s">
        <v>2204</v>
      </c>
      <c r="F417" s="8">
        <v>168</v>
      </c>
      <c r="G417" s="5">
        <v>13</v>
      </c>
      <c r="H417" s="5" t="s">
        <v>1518</v>
      </c>
      <c r="I417" s="5" t="s">
        <v>1519</v>
      </c>
      <c r="J417" s="2" t="s">
        <v>1520</v>
      </c>
      <c r="K417" s="5" t="s">
        <v>1519</v>
      </c>
      <c r="L417" s="2" t="s">
        <v>1520</v>
      </c>
      <c r="M417" s="5" t="s">
        <v>1521</v>
      </c>
      <c r="N417" s="5" t="s">
        <v>38</v>
      </c>
      <c r="O417" s="5" t="s">
        <v>39</v>
      </c>
      <c r="P417" s="5" t="s">
        <v>40</v>
      </c>
      <c r="Q417" s="5" t="s">
        <v>1522</v>
      </c>
      <c r="R417" s="5" t="s">
        <v>1523</v>
      </c>
      <c r="S417" s="5" t="s">
        <v>42</v>
      </c>
      <c r="T417" s="2">
        <v>2.383</v>
      </c>
      <c r="U417" s="2">
        <v>2.0049999999999999</v>
      </c>
      <c r="V417" s="2">
        <v>1.0999999999999999E-2</v>
      </c>
      <c r="W417" s="2">
        <v>139.1</v>
      </c>
      <c r="X417" s="2">
        <v>7.6</v>
      </c>
      <c r="Y417" s="2">
        <v>10.6</v>
      </c>
      <c r="Z417" s="5"/>
      <c r="AA417" s="5" t="s">
        <v>43</v>
      </c>
      <c r="AB417" s="5" t="s">
        <v>44</v>
      </c>
      <c r="AC417" s="2"/>
      <c r="AD417" s="1"/>
    </row>
    <row r="418" spans="1:30">
      <c r="A418" s="5" t="s">
        <v>83578</v>
      </c>
      <c r="B418" s="2" t="s">
        <v>84827</v>
      </c>
      <c r="C418" s="14" t="s">
        <v>84828</v>
      </c>
      <c r="D418" s="2" t="s">
        <v>84829</v>
      </c>
      <c r="E418" s="2" t="s">
        <v>1973</v>
      </c>
      <c r="F418" s="8">
        <v>189</v>
      </c>
      <c r="G418" s="5">
        <v>18</v>
      </c>
      <c r="H418" s="5" t="s">
        <v>1518</v>
      </c>
      <c r="I418" s="5" t="s">
        <v>1519</v>
      </c>
      <c r="J418" s="2" t="s">
        <v>1520</v>
      </c>
      <c r="K418" s="5" t="s">
        <v>1519</v>
      </c>
      <c r="L418" s="2" t="s">
        <v>1520</v>
      </c>
      <c r="M418" s="5" t="s">
        <v>1521</v>
      </c>
      <c r="N418" s="5" t="s">
        <v>38</v>
      </c>
      <c r="O418" s="5" t="s">
        <v>39</v>
      </c>
      <c r="P418" s="5" t="s">
        <v>40</v>
      </c>
      <c r="Q418" s="5" t="s">
        <v>1522</v>
      </c>
      <c r="R418" s="5" t="s">
        <v>1523</v>
      </c>
      <c r="S418" s="5" t="s">
        <v>42</v>
      </c>
      <c r="T418" s="2">
        <v>2.5670000000000002</v>
      </c>
      <c r="U418" s="2">
        <v>2.145</v>
      </c>
      <c r="V418" s="2">
        <v>1.2999999999999999E-2</v>
      </c>
      <c r="W418" s="2">
        <v>159.1</v>
      </c>
      <c r="X418" s="2">
        <v>7.6</v>
      </c>
      <c r="Y418" s="2">
        <v>10.6</v>
      </c>
      <c r="Z418" s="5"/>
      <c r="AA418" s="5" t="s">
        <v>43</v>
      </c>
      <c r="AB418" s="5" t="s">
        <v>44</v>
      </c>
      <c r="AC418" s="2"/>
      <c r="AD418" s="1"/>
    </row>
    <row r="419" spans="1:30">
      <c r="A419" s="5" t="s">
        <v>83578</v>
      </c>
      <c r="B419" s="2" t="s">
        <v>84830</v>
      </c>
      <c r="C419" s="14" t="s">
        <v>84831</v>
      </c>
      <c r="D419" s="2" t="s">
        <v>84832</v>
      </c>
      <c r="E419" s="2" t="s">
        <v>1839</v>
      </c>
      <c r="F419" s="8">
        <v>189</v>
      </c>
      <c r="G419" s="5">
        <v>18</v>
      </c>
      <c r="H419" s="5" t="s">
        <v>1518</v>
      </c>
      <c r="I419" s="5" t="s">
        <v>1519</v>
      </c>
      <c r="J419" s="2" t="s">
        <v>1520</v>
      </c>
      <c r="K419" s="5" t="s">
        <v>1519</v>
      </c>
      <c r="L419" s="2" t="s">
        <v>1520</v>
      </c>
      <c r="M419" s="5" t="s">
        <v>1521</v>
      </c>
      <c r="N419" s="5" t="s">
        <v>38</v>
      </c>
      <c r="O419" s="5" t="s">
        <v>39</v>
      </c>
      <c r="P419" s="5" t="s">
        <v>40</v>
      </c>
      <c r="Q419" s="5" t="s">
        <v>1522</v>
      </c>
      <c r="R419" s="5" t="s">
        <v>1523</v>
      </c>
      <c r="S419" s="5" t="s">
        <v>42</v>
      </c>
      <c r="T419" s="2">
        <v>2.5670000000000002</v>
      </c>
      <c r="U419" s="2">
        <v>2.145</v>
      </c>
      <c r="V419" s="2">
        <v>1.2999999999999999E-2</v>
      </c>
      <c r="W419" s="2">
        <v>159.1</v>
      </c>
      <c r="X419" s="2">
        <v>7.6</v>
      </c>
      <c r="Y419" s="2">
        <v>10.6</v>
      </c>
      <c r="Z419" s="5"/>
      <c r="AA419" s="5" t="s">
        <v>43</v>
      </c>
      <c r="AB419" s="5" t="s">
        <v>44</v>
      </c>
      <c r="AC419" s="2"/>
      <c r="AD419" s="1"/>
    </row>
    <row r="420" spans="1:30">
      <c r="A420" s="5" t="s">
        <v>83578</v>
      </c>
      <c r="B420" s="2" t="s">
        <v>84833</v>
      </c>
      <c r="C420" s="14" t="s">
        <v>84834</v>
      </c>
      <c r="D420" s="2" t="s">
        <v>84835</v>
      </c>
      <c r="E420" s="2" t="s">
        <v>2724</v>
      </c>
      <c r="F420" s="8">
        <v>164</v>
      </c>
      <c r="G420" s="5">
        <v>13</v>
      </c>
      <c r="H420" s="5" t="s">
        <v>1518</v>
      </c>
      <c r="I420" s="5" t="s">
        <v>1519</v>
      </c>
      <c r="J420" s="2" t="s">
        <v>1520</v>
      </c>
      <c r="K420" s="5" t="s">
        <v>1519</v>
      </c>
      <c r="L420" s="2" t="s">
        <v>1520</v>
      </c>
      <c r="M420" s="5" t="s">
        <v>1521</v>
      </c>
      <c r="N420" s="5" t="s">
        <v>38</v>
      </c>
      <c r="O420" s="5" t="s">
        <v>39</v>
      </c>
      <c r="P420" s="5" t="s">
        <v>40</v>
      </c>
      <c r="Q420" s="5" t="s">
        <v>1522</v>
      </c>
      <c r="R420" s="5" t="s">
        <v>1523</v>
      </c>
      <c r="S420" s="5" t="s">
        <v>42</v>
      </c>
      <c r="T420" s="2">
        <v>2.68</v>
      </c>
      <c r="U420" s="2">
        <v>2.3159999999999998</v>
      </c>
      <c r="V420" s="2">
        <v>1.0999999999999999E-2</v>
      </c>
      <c r="W420" s="2">
        <v>139.1</v>
      </c>
      <c r="X420" s="2">
        <v>7.6</v>
      </c>
      <c r="Y420" s="2">
        <v>10.6</v>
      </c>
      <c r="Z420" s="5"/>
      <c r="AA420" s="5" t="s">
        <v>43</v>
      </c>
      <c r="AB420" s="5" t="s">
        <v>44</v>
      </c>
      <c r="AC420" s="2"/>
      <c r="AD420" s="1"/>
    </row>
    <row r="421" spans="1:30">
      <c r="A421" s="5" t="s">
        <v>83578</v>
      </c>
      <c r="B421" s="2" t="s">
        <v>84836</v>
      </c>
      <c r="C421" s="14" t="s">
        <v>84837</v>
      </c>
      <c r="D421" s="2" t="s">
        <v>84838</v>
      </c>
      <c r="E421" s="2" t="s">
        <v>7551</v>
      </c>
      <c r="F421" s="8">
        <v>182</v>
      </c>
      <c r="G421" s="5">
        <v>6</v>
      </c>
      <c r="H421" s="5" t="s">
        <v>1518</v>
      </c>
      <c r="I421" s="5" t="s">
        <v>1519</v>
      </c>
      <c r="J421" s="2" t="s">
        <v>1520</v>
      </c>
      <c r="K421" s="5" t="s">
        <v>1519</v>
      </c>
      <c r="L421" s="2" t="s">
        <v>1520</v>
      </c>
      <c r="M421" s="5" t="s">
        <v>1521</v>
      </c>
      <c r="N421" s="5" t="s">
        <v>38</v>
      </c>
      <c r="O421" s="5" t="s">
        <v>39</v>
      </c>
      <c r="P421" s="5" t="s">
        <v>40</v>
      </c>
      <c r="Q421" s="5" t="s">
        <v>1522</v>
      </c>
      <c r="R421" s="5" t="s">
        <v>1523</v>
      </c>
      <c r="S421" s="5" t="s">
        <v>42</v>
      </c>
      <c r="T421" s="2">
        <v>2.7280000000000002</v>
      </c>
      <c r="U421" s="2">
        <v>2.3639999999999999</v>
      </c>
      <c r="V421" s="2">
        <v>1.0999999999999999E-2</v>
      </c>
      <c r="W421" s="2">
        <v>139.1</v>
      </c>
      <c r="X421" s="2">
        <v>7.6</v>
      </c>
      <c r="Y421" s="2">
        <v>10.6</v>
      </c>
      <c r="Z421" s="5"/>
      <c r="AA421" s="5" t="s">
        <v>43</v>
      </c>
      <c r="AB421" s="5" t="s">
        <v>44</v>
      </c>
      <c r="AC421" s="2"/>
      <c r="AD421" s="1"/>
    </row>
    <row r="422" spans="1:30">
      <c r="A422" s="5" t="s">
        <v>83578</v>
      </c>
      <c r="B422" s="2" t="s">
        <v>84839</v>
      </c>
      <c r="C422" s="14" t="s">
        <v>84840</v>
      </c>
      <c r="D422" s="2" t="s">
        <v>84841</v>
      </c>
      <c r="E422" s="2" t="s">
        <v>1973</v>
      </c>
      <c r="F422" s="8">
        <v>182</v>
      </c>
      <c r="G422" s="5">
        <v>18</v>
      </c>
      <c r="H422" s="5" t="s">
        <v>1518</v>
      </c>
      <c r="I422" s="5" t="s">
        <v>1519</v>
      </c>
      <c r="J422" s="2" t="s">
        <v>1520</v>
      </c>
      <c r="K422" s="5" t="s">
        <v>1519</v>
      </c>
      <c r="L422" s="2" t="s">
        <v>1520</v>
      </c>
      <c r="M422" s="5" t="s">
        <v>1521</v>
      </c>
      <c r="N422" s="5" t="s">
        <v>38</v>
      </c>
      <c r="O422" s="5" t="s">
        <v>39</v>
      </c>
      <c r="P422" s="5" t="s">
        <v>40</v>
      </c>
      <c r="Q422" s="5" t="s">
        <v>1522</v>
      </c>
      <c r="R422" s="5" t="s">
        <v>1523</v>
      </c>
      <c r="S422" s="5" t="s">
        <v>42</v>
      </c>
      <c r="T422" s="2">
        <v>2.7719999999999998</v>
      </c>
      <c r="U422" s="2">
        <v>2.4079999999999999</v>
      </c>
      <c r="V422" s="2">
        <v>1.0999999999999999E-2</v>
      </c>
      <c r="W422" s="2">
        <v>139.1</v>
      </c>
      <c r="X422" s="2">
        <v>7.6</v>
      </c>
      <c r="Y422" s="2">
        <v>10.6</v>
      </c>
      <c r="Z422" s="5"/>
      <c r="AA422" s="5" t="s">
        <v>43</v>
      </c>
      <c r="AB422" s="5" t="s">
        <v>44</v>
      </c>
      <c r="AC422" s="2"/>
      <c r="AD422" s="1"/>
    </row>
    <row r="423" spans="1:30">
      <c r="A423" s="5" t="s">
        <v>83578</v>
      </c>
      <c r="B423" s="2" t="s">
        <v>84842</v>
      </c>
      <c r="C423" s="14" t="s">
        <v>84843</v>
      </c>
      <c r="D423" s="2" t="s">
        <v>84844</v>
      </c>
      <c r="E423" s="2" t="s">
        <v>2348</v>
      </c>
      <c r="F423" s="8">
        <v>182</v>
      </c>
      <c r="G423" s="5">
        <v>18</v>
      </c>
      <c r="H423" s="5" t="s">
        <v>1518</v>
      </c>
      <c r="I423" s="5" t="s">
        <v>1519</v>
      </c>
      <c r="J423" s="2" t="s">
        <v>1520</v>
      </c>
      <c r="K423" s="5" t="s">
        <v>1519</v>
      </c>
      <c r="L423" s="2" t="s">
        <v>1520</v>
      </c>
      <c r="M423" s="5" t="s">
        <v>1521</v>
      </c>
      <c r="N423" s="5" t="s">
        <v>38</v>
      </c>
      <c r="O423" s="5" t="s">
        <v>39</v>
      </c>
      <c r="P423" s="5" t="s">
        <v>40</v>
      </c>
      <c r="Q423" s="5" t="s">
        <v>1522</v>
      </c>
      <c r="R423" s="5" t="s">
        <v>1523</v>
      </c>
      <c r="S423" s="5" t="s">
        <v>42</v>
      </c>
      <c r="T423" s="2">
        <v>2.8380000000000001</v>
      </c>
      <c r="U423" s="2">
        <v>2.4740000000000002</v>
      </c>
      <c r="V423" s="2">
        <v>1.0999999999999999E-2</v>
      </c>
      <c r="W423" s="2">
        <v>139.1</v>
      </c>
      <c r="X423" s="2">
        <v>7.6</v>
      </c>
      <c r="Y423" s="2">
        <v>10.6</v>
      </c>
      <c r="Z423" s="5"/>
      <c r="AA423" s="5" t="s">
        <v>43</v>
      </c>
      <c r="AB423" s="5" t="s">
        <v>44</v>
      </c>
      <c r="AC423" s="2"/>
      <c r="AD423" s="1"/>
    </row>
    <row r="424" spans="1:30">
      <c r="A424" s="5" t="s">
        <v>83578</v>
      </c>
      <c r="B424" s="2" t="s">
        <v>84845</v>
      </c>
      <c r="C424" s="14" t="s">
        <v>84846</v>
      </c>
      <c r="D424" s="2" t="s">
        <v>84847</v>
      </c>
      <c r="E424" s="2" t="s">
        <v>2204</v>
      </c>
      <c r="F424" s="8">
        <v>182</v>
      </c>
      <c r="G424" s="5">
        <v>18</v>
      </c>
      <c r="H424" s="5" t="s">
        <v>1518</v>
      </c>
      <c r="I424" s="5" t="s">
        <v>1519</v>
      </c>
      <c r="J424" s="2" t="s">
        <v>1520</v>
      </c>
      <c r="K424" s="5" t="s">
        <v>1519</v>
      </c>
      <c r="L424" s="2" t="s">
        <v>1520</v>
      </c>
      <c r="M424" s="5" t="s">
        <v>1521</v>
      </c>
      <c r="N424" s="5" t="s">
        <v>38</v>
      </c>
      <c r="O424" s="5" t="s">
        <v>39</v>
      </c>
      <c r="P424" s="5" t="s">
        <v>40</v>
      </c>
      <c r="Q424" s="5" t="s">
        <v>1522</v>
      </c>
      <c r="R424" s="5" t="s">
        <v>1523</v>
      </c>
      <c r="S424" s="5" t="s">
        <v>42</v>
      </c>
      <c r="T424" s="2">
        <v>2.7719999999999998</v>
      </c>
      <c r="U424" s="2">
        <v>2.4079999999999999</v>
      </c>
      <c r="V424" s="2">
        <v>1.0999999999999999E-2</v>
      </c>
      <c r="W424" s="2">
        <v>139.1</v>
      </c>
      <c r="X424" s="2">
        <v>7.6</v>
      </c>
      <c r="Y424" s="2">
        <v>10.6</v>
      </c>
      <c r="Z424" s="5"/>
      <c r="AA424" s="5" t="s">
        <v>43</v>
      </c>
      <c r="AB424" s="5" t="s">
        <v>44</v>
      </c>
      <c r="AC424" s="2"/>
      <c r="AD424" s="1"/>
    </row>
    <row r="425" spans="1:30">
      <c r="A425" s="5" t="s">
        <v>83578</v>
      </c>
      <c r="B425" s="2" t="s">
        <v>84848</v>
      </c>
      <c r="C425" s="14" t="s">
        <v>84849</v>
      </c>
      <c r="D425" s="2" t="s">
        <v>84850</v>
      </c>
      <c r="E425" s="2" t="s">
        <v>2724</v>
      </c>
      <c r="F425" s="8">
        <v>182</v>
      </c>
      <c r="G425" s="5">
        <v>18</v>
      </c>
      <c r="H425" s="5" t="s">
        <v>1518</v>
      </c>
      <c r="I425" s="5" t="s">
        <v>1519</v>
      </c>
      <c r="J425" s="2" t="s">
        <v>1520</v>
      </c>
      <c r="K425" s="5" t="s">
        <v>1519</v>
      </c>
      <c r="L425" s="2" t="s">
        <v>1520</v>
      </c>
      <c r="M425" s="5" t="s">
        <v>1521</v>
      </c>
      <c r="N425" s="5" t="s">
        <v>38</v>
      </c>
      <c r="O425" s="5" t="s">
        <v>39</v>
      </c>
      <c r="P425" s="5" t="s">
        <v>40</v>
      </c>
      <c r="Q425" s="5" t="s">
        <v>1522</v>
      </c>
      <c r="R425" s="5" t="s">
        <v>1523</v>
      </c>
      <c r="S425" s="5" t="s">
        <v>42</v>
      </c>
      <c r="T425" s="2">
        <v>2.8380000000000001</v>
      </c>
      <c r="U425" s="2">
        <v>2.4740000000000002</v>
      </c>
      <c r="V425" s="2">
        <v>1.0999999999999999E-2</v>
      </c>
      <c r="W425" s="2">
        <v>139.1</v>
      </c>
      <c r="X425" s="2">
        <v>7.6</v>
      </c>
      <c r="Y425" s="2">
        <v>10.6</v>
      </c>
      <c r="Z425" s="5"/>
      <c r="AA425" s="5" t="s">
        <v>43</v>
      </c>
      <c r="AB425" s="5" t="s">
        <v>44</v>
      </c>
      <c r="AC425" s="2"/>
      <c r="AD425" s="1"/>
    </row>
    <row r="426" spans="1:30">
      <c r="A426" s="5" t="s">
        <v>83578</v>
      </c>
      <c r="B426" s="2" t="s">
        <v>84851</v>
      </c>
      <c r="C426" s="14" t="s">
        <v>84852</v>
      </c>
      <c r="D426" s="2" t="s">
        <v>84853</v>
      </c>
      <c r="E426" s="2" t="s">
        <v>1835</v>
      </c>
      <c r="F426" s="8">
        <v>182</v>
      </c>
      <c r="G426" s="5">
        <v>18</v>
      </c>
      <c r="H426" s="5" t="s">
        <v>1518</v>
      </c>
      <c r="I426" s="5" t="s">
        <v>1519</v>
      </c>
      <c r="J426" s="2" t="s">
        <v>1520</v>
      </c>
      <c r="K426" s="5" t="s">
        <v>1519</v>
      </c>
      <c r="L426" s="2" t="s">
        <v>1520</v>
      </c>
      <c r="M426" s="5" t="s">
        <v>1521</v>
      </c>
      <c r="N426" s="5" t="s">
        <v>38</v>
      </c>
      <c r="O426" s="5" t="s">
        <v>39</v>
      </c>
      <c r="P426" s="5" t="s">
        <v>40</v>
      </c>
      <c r="Q426" s="5" t="s">
        <v>1522</v>
      </c>
      <c r="R426" s="5" t="s">
        <v>1523</v>
      </c>
      <c r="S426" s="5" t="s">
        <v>42</v>
      </c>
      <c r="T426" s="2">
        <v>2.8380000000000001</v>
      </c>
      <c r="U426" s="2">
        <v>2.4740000000000002</v>
      </c>
      <c r="V426" s="2">
        <v>1.0999999999999999E-2</v>
      </c>
      <c r="W426" s="2">
        <v>139.1</v>
      </c>
      <c r="X426" s="2">
        <v>7.6</v>
      </c>
      <c r="Y426" s="2">
        <v>10.6</v>
      </c>
      <c r="Z426" s="5"/>
      <c r="AA426" s="5" t="s">
        <v>43</v>
      </c>
      <c r="AB426" s="5" t="s">
        <v>44</v>
      </c>
      <c r="AC426" s="2"/>
      <c r="AD426" s="1"/>
    </row>
    <row r="427" spans="1:30">
      <c r="A427" s="5" t="s">
        <v>83578</v>
      </c>
      <c r="B427" s="2" t="s">
        <v>84854</v>
      </c>
      <c r="C427" s="14" t="s">
        <v>84855</v>
      </c>
      <c r="D427" s="2" t="s">
        <v>84856</v>
      </c>
      <c r="E427" s="2" t="s">
        <v>1839</v>
      </c>
      <c r="F427" s="8">
        <v>182</v>
      </c>
      <c r="G427" s="5">
        <v>18</v>
      </c>
      <c r="H427" s="5" t="s">
        <v>1518</v>
      </c>
      <c r="I427" s="5" t="s">
        <v>1519</v>
      </c>
      <c r="J427" s="2" t="s">
        <v>1520</v>
      </c>
      <c r="K427" s="5" t="s">
        <v>1519</v>
      </c>
      <c r="L427" s="2" t="s">
        <v>1520</v>
      </c>
      <c r="M427" s="5" t="s">
        <v>1521</v>
      </c>
      <c r="N427" s="5" t="s">
        <v>38</v>
      </c>
      <c r="O427" s="5" t="s">
        <v>39</v>
      </c>
      <c r="P427" s="5" t="s">
        <v>40</v>
      </c>
      <c r="Q427" s="5" t="s">
        <v>1522</v>
      </c>
      <c r="R427" s="5" t="s">
        <v>1523</v>
      </c>
      <c r="S427" s="5" t="s">
        <v>42</v>
      </c>
      <c r="T427" s="2">
        <v>2.7719999999999998</v>
      </c>
      <c r="U427" s="2">
        <v>2.4079999999999999</v>
      </c>
      <c r="V427" s="2">
        <v>1.0999999999999999E-2</v>
      </c>
      <c r="W427" s="2">
        <v>139.1</v>
      </c>
      <c r="X427" s="2">
        <v>7.6</v>
      </c>
      <c r="Y427" s="2">
        <v>10.6</v>
      </c>
      <c r="Z427" s="5"/>
      <c r="AA427" s="5" t="s">
        <v>43</v>
      </c>
      <c r="AB427" s="5" t="s">
        <v>44</v>
      </c>
      <c r="AC427" s="2"/>
      <c r="AD427" s="1"/>
    </row>
    <row r="428" spans="1:30">
      <c r="A428" s="5" t="s">
        <v>83578</v>
      </c>
      <c r="B428" s="2" t="s">
        <v>84857</v>
      </c>
      <c r="C428" s="14" t="s">
        <v>84858</v>
      </c>
      <c r="D428" s="2" t="s">
        <v>84859</v>
      </c>
      <c r="E428" s="2" t="s">
        <v>1986</v>
      </c>
      <c r="F428" s="8">
        <v>182</v>
      </c>
      <c r="G428" s="5">
        <v>18</v>
      </c>
      <c r="H428" s="5" t="s">
        <v>1518</v>
      </c>
      <c r="I428" s="5" t="s">
        <v>1519</v>
      </c>
      <c r="J428" s="2" t="s">
        <v>1520</v>
      </c>
      <c r="K428" s="5" t="s">
        <v>1519</v>
      </c>
      <c r="L428" s="2" t="s">
        <v>1520</v>
      </c>
      <c r="M428" s="5" t="s">
        <v>1521</v>
      </c>
      <c r="N428" s="5" t="s">
        <v>38</v>
      </c>
      <c r="O428" s="5" t="s">
        <v>39</v>
      </c>
      <c r="P428" s="5" t="s">
        <v>40</v>
      </c>
      <c r="Q428" s="5" t="s">
        <v>1522</v>
      </c>
      <c r="R428" s="5" t="s">
        <v>1523</v>
      </c>
      <c r="S428" s="5" t="s">
        <v>42</v>
      </c>
      <c r="T428" s="2">
        <v>2.8380000000000001</v>
      </c>
      <c r="U428" s="2">
        <v>2.4740000000000002</v>
      </c>
      <c r="V428" s="2">
        <v>1.0999999999999999E-2</v>
      </c>
      <c r="W428" s="2">
        <v>139.1</v>
      </c>
      <c r="X428" s="2">
        <v>7.6</v>
      </c>
      <c r="Y428" s="2">
        <v>10.6</v>
      </c>
      <c r="Z428" s="5"/>
      <c r="AA428" s="5" t="s">
        <v>43</v>
      </c>
      <c r="AB428" s="5" t="s">
        <v>44</v>
      </c>
      <c r="AC428" s="2"/>
      <c r="AD428" s="1"/>
    </row>
    <row r="429" spans="1:30">
      <c r="A429" s="5" t="s">
        <v>83578</v>
      </c>
      <c r="B429" s="2" t="s">
        <v>84860</v>
      </c>
      <c r="C429" s="14" t="s">
        <v>84861</v>
      </c>
      <c r="D429" s="2" t="s">
        <v>84862</v>
      </c>
      <c r="E429" s="2" t="s">
        <v>1843</v>
      </c>
      <c r="F429" s="8">
        <v>182</v>
      </c>
      <c r="G429" s="5">
        <v>18</v>
      </c>
      <c r="H429" s="5" t="s">
        <v>1518</v>
      </c>
      <c r="I429" s="5" t="s">
        <v>1519</v>
      </c>
      <c r="J429" s="2" t="s">
        <v>1520</v>
      </c>
      <c r="K429" s="5" t="s">
        <v>1519</v>
      </c>
      <c r="L429" s="2" t="s">
        <v>1520</v>
      </c>
      <c r="M429" s="5" t="s">
        <v>1521</v>
      </c>
      <c r="N429" s="5" t="s">
        <v>38</v>
      </c>
      <c r="O429" s="5" t="s">
        <v>39</v>
      </c>
      <c r="P429" s="5" t="s">
        <v>40</v>
      </c>
      <c r="Q429" s="5" t="s">
        <v>1522</v>
      </c>
      <c r="R429" s="5" t="s">
        <v>1523</v>
      </c>
      <c r="S429" s="5" t="s">
        <v>42</v>
      </c>
      <c r="T429" s="2">
        <v>2.7719999999999998</v>
      </c>
      <c r="U429" s="2">
        <v>2.4079999999999999</v>
      </c>
      <c r="V429" s="2">
        <v>1.0999999999999999E-2</v>
      </c>
      <c r="W429" s="2">
        <v>139.1</v>
      </c>
      <c r="X429" s="2">
        <v>7.6</v>
      </c>
      <c r="Y429" s="2">
        <v>10.6</v>
      </c>
      <c r="Z429" s="5"/>
      <c r="AA429" s="5" t="s">
        <v>43</v>
      </c>
      <c r="AB429" s="5" t="s">
        <v>44</v>
      </c>
      <c r="AC429" s="2"/>
      <c r="AD429" s="1"/>
    </row>
    <row r="430" spans="1:30">
      <c r="A430" s="5" t="s">
        <v>83578</v>
      </c>
      <c r="B430" s="2" t="s">
        <v>84863</v>
      </c>
      <c r="C430" s="14" t="s">
        <v>84864</v>
      </c>
      <c r="D430" s="2" t="s">
        <v>84865</v>
      </c>
      <c r="E430" s="2" t="s">
        <v>1847</v>
      </c>
      <c r="F430" s="8">
        <v>182</v>
      </c>
      <c r="G430" s="5">
        <v>18</v>
      </c>
      <c r="H430" s="5" t="s">
        <v>1518</v>
      </c>
      <c r="I430" s="5" t="s">
        <v>1519</v>
      </c>
      <c r="J430" s="2" t="s">
        <v>1520</v>
      </c>
      <c r="K430" s="5" t="s">
        <v>1519</v>
      </c>
      <c r="L430" s="2" t="s">
        <v>1520</v>
      </c>
      <c r="M430" s="5" t="s">
        <v>1521</v>
      </c>
      <c r="N430" s="5" t="s">
        <v>38</v>
      </c>
      <c r="O430" s="5" t="s">
        <v>39</v>
      </c>
      <c r="P430" s="5" t="s">
        <v>40</v>
      </c>
      <c r="Q430" s="5" t="s">
        <v>1522</v>
      </c>
      <c r="R430" s="5" t="s">
        <v>1523</v>
      </c>
      <c r="S430" s="5" t="s">
        <v>42</v>
      </c>
      <c r="T430" s="2">
        <v>2.8380000000000001</v>
      </c>
      <c r="U430" s="2">
        <v>2.4740000000000002</v>
      </c>
      <c r="V430" s="2">
        <v>1.0999999999999999E-2</v>
      </c>
      <c r="W430" s="2">
        <v>139.1</v>
      </c>
      <c r="X430" s="2">
        <v>7.6</v>
      </c>
      <c r="Y430" s="2">
        <v>10.6</v>
      </c>
      <c r="Z430" s="5"/>
      <c r="AA430" s="5" t="s">
        <v>43</v>
      </c>
      <c r="AB430" s="5" t="s">
        <v>44</v>
      </c>
      <c r="AC430" s="2"/>
      <c r="AD430" s="1"/>
    </row>
    <row r="431" spans="1:30">
      <c r="A431" s="5" t="s">
        <v>83578</v>
      </c>
      <c r="B431" s="2" t="s">
        <v>84866</v>
      </c>
      <c r="C431" s="14" t="s">
        <v>84867</v>
      </c>
      <c r="D431" s="2" t="s">
        <v>84868</v>
      </c>
      <c r="E431" s="2" t="s">
        <v>1851</v>
      </c>
      <c r="F431" s="8">
        <v>182</v>
      </c>
      <c r="G431" s="5">
        <v>18</v>
      </c>
      <c r="H431" s="5" t="s">
        <v>1518</v>
      </c>
      <c r="I431" s="5" t="s">
        <v>1519</v>
      </c>
      <c r="J431" s="2" t="s">
        <v>1520</v>
      </c>
      <c r="K431" s="5" t="s">
        <v>1519</v>
      </c>
      <c r="L431" s="2" t="s">
        <v>1520</v>
      </c>
      <c r="M431" s="5" t="s">
        <v>1521</v>
      </c>
      <c r="N431" s="5" t="s">
        <v>38</v>
      </c>
      <c r="O431" s="5" t="s">
        <v>39</v>
      </c>
      <c r="P431" s="5" t="s">
        <v>40</v>
      </c>
      <c r="Q431" s="5" t="s">
        <v>1522</v>
      </c>
      <c r="R431" s="5" t="s">
        <v>1523</v>
      </c>
      <c r="S431" s="5" t="s">
        <v>42</v>
      </c>
      <c r="T431" s="2">
        <v>2.7719999999999998</v>
      </c>
      <c r="U431" s="2">
        <v>2.4079999999999999</v>
      </c>
      <c r="V431" s="2">
        <v>1.0999999999999999E-2</v>
      </c>
      <c r="W431" s="2">
        <v>139.1</v>
      </c>
      <c r="X431" s="2">
        <v>7.6</v>
      </c>
      <c r="Y431" s="2">
        <v>10.6</v>
      </c>
      <c r="Z431" s="5"/>
      <c r="AA431" s="5" t="s">
        <v>43</v>
      </c>
      <c r="AB431" s="5" t="s">
        <v>44</v>
      </c>
      <c r="AC431" s="2"/>
      <c r="AD431" s="1"/>
    </row>
    <row r="432" spans="1:30">
      <c r="A432" s="5" t="s">
        <v>83578</v>
      </c>
      <c r="B432" s="2" t="s">
        <v>84869</v>
      </c>
      <c r="C432" s="14" t="s">
        <v>84870</v>
      </c>
      <c r="D432" s="2" t="s">
        <v>84871</v>
      </c>
      <c r="E432" s="2" t="s">
        <v>1999</v>
      </c>
      <c r="F432" s="8">
        <v>182</v>
      </c>
      <c r="G432" s="5">
        <v>18</v>
      </c>
      <c r="H432" s="5" t="s">
        <v>1518</v>
      </c>
      <c r="I432" s="5" t="s">
        <v>1519</v>
      </c>
      <c r="J432" s="2" t="s">
        <v>1520</v>
      </c>
      <c r="K432" s="5" t="s">
        <v>1519</v>
      </c>
      <c r="L432" s="2" t="s">
        <v>1520</v>
      </c>
      <c r="M432" s="5" t="s">
        <v>1521</v>
      </c>
      <c r="N432" s="5" t="s">
        <v>38</v>
      </c>
      <c r="O432" s="5" t="s">
        <v>39</v>
      </c>
      <c r="P432" s="5" t="s">
        <v>40</v>
      </c>
      <c r="Q432" s="5" t="s">
        <v>1522</v>
      </c>
      <c r="R432" s="5" t="s">
        <v>1523</v>
      </c>
      <c r="S432" s="5" t="s">
        <v>42</v>
      </c>
      <c r="T432" s="2">
        <v>2.8380000000000001</v>
      </c>
      <c r="U432" s="2">
        <v>2.4740000000000002</v>
      </c>
      <c r="V432" s="2">
        <v>1.0999999999999999E-2</v>
      </c>
      <c r="W432" s="2">
        <v>139.1</v>
      </c>
      <c r="X432" s="2">
        <v>7.6</v>
      </c>
      <c r="Y432" s="2">
        <v>10.6</v>
      </c>
      <c r="Z432" s="5"/>
      <c r="AA432" s="5" t="s">
        <v>43</v>
      </c>
      <c r="AB432" s="5" t="s">
        <v>44</v>
      </c>
      <c r="AC432" s="2"/>
      <c r="AD432" s="1"/>
    </row>
    <row r="433" spans="1:30">
      <c r="A433" s="5" t="s">
        <v>83578</v>
      </c>
      <c r="B433" s="2" t="s">
        <v>84872</v>
      </c>
      <c r="C433" s="14" t="s">
        <v>84873</v>
      </c>
      <c r="D433" s="2" t="s">
        <v>84874</v>
      </c>
      <c r="E433" s="2" t="s">
        <v>1855</v>
      </c>
      <c r="F433" s="8">
        <v>182</v>
      </c>
      <c r="G433" s="5">
        <v>18</v>
      </c>
      <c r="H433" s="5" t="s">
        <v>1518</v>
      </c>
      <c r="I433" s="5" t="s">
        <v>1519</v>
      </c>
      <c r="J433" s="2" t="s">
        <v>1520</v>
      </c>
      <c r="K433" s="5" t="s">
        <v>1519</v>
      </c>
      <c r="L433" s="2" t="s">
        <v>1520</v>
      </c>
      <c r="M433" s="5" t="s">
        <v>1521</v>
      </c>
      <c r="N433" s="5" t="s">
        <v>38</v>
      </c>
      <c r="O433" s="5" t="s">
        <v>39</v>
      </c>
      <c r="P433" s="5" t="s">
        <v>40</v>
      </c>
      <c r="Q433" s="5" t="s">
        <v>1522</v>
      </c>
      <c r="R433" s="5" t="s">
        <v>1523</v>
      </c>
      <c r="S433" s="5" t="s">
        <v>42</v>
      </c>
      <c r="T433" s="2">
        <v>2.7719999999999998</v>
      </c>
      <c r="U433" s="2">
        <v>2.4079999999999999</v>
      </c>
      <c r="V433" s="2">
        <v>1.0999999999999999E-2</v>
      </c>
      <c r="W433" s="2">
        <v>139.1</v>
      </c>
      <c r="X433" s="2">
        <v>7.6</v>
      </c>
      <c r="Y433" s="2">
        <v>10.6</v>
      </c>
      <c r="Z433" s="5"/>
      <c r="AA433" s="5" t="s">
        <v>43</v>
      </c>
      <c r="AB433" s="5" t="s">
        <v>44</v>
      </c>
      <c r="AC433" s="2"/>
      <c r="AD433" s="1"/>
    </row>
    <row r="434" spans="1:30">
      <c r="A434" s="5" t="s">
        <v>83578</v>
      </c>
      <c r="B434" s="2" t="s">
        <v>84875</v>
      </c>
      <c r="C434" s="14" t="s">
        <v>84876</v>
      </c>
      <c r="D434" s="2" t="s">
        <v>84877</v>
      </c>
      <c r="E434" s="2" t="s">
        <v>1859</v>
      </c>
      <c r="F434" s="8">
        <v>182</v>
      </c>
      <c r="G434" s="5">
        <v>18</v>
      </c>
      <c r="H434" s="5" t="s">
        <v>1518</v>
      </c>
      <c r="I434" s="5" t="s">
        <v>1519</v>
      </c>
      <c r="J434" s="2" t="s">
        <v>1520</v>
      </c>
      <c r="K434" s="5" t="s">
        <v>1519</v>
      </c>
      <c r="L434" s="2" t="s">
        <v>1520</v>
      </c>
      <c r="M434" s="5" t="s">
        <v>1521</v>
      </c>
      <c r="N434" s="5" t="s">
        <v>38</v>
      </c>
      <c r="O434" s="5" t="s">
        <v>39</v>
      </c>
      <c r="P434" s="5" t="s">
        <v>40</v>
      </c>
      <c r="Q434" s="5" t="s">
        <v>1522</v>
      </c>
      <c r="R434" s="5" t="s">
        <v>1523</v>
      </c>
      <c r="S434" s="5" t="s">
        <v>42</v>
      </c>
      <c r="T434" s="2">
        <v>2.8380000000000001</v>
      </c>
      <c r="U434" s="2">
        <v>2.4740000000000002</v>
      </c>
      <c r="V434" s="2">
        <v>1.0999999999999999E-2</v>
      </c>
      <c r="W434" s="2">
        <v>139.1</v>
      </c>
      <c r="X434" s="2">
        <v>7.6</v>
      </c>
      <c r="Y434" s="2">
        <v>10.6</v>
      </c>
      <c r="Z434" s="5"/>
      <c r="AA434" s="5" t="s">
        <v>43</v>
      </c>
      <c r="AB434" s="5" t="s">
        <v>44</v>
      </c>
      <c r="AC434" s="2"/>
      <c r="AD434" s="1"/>
    </row>
    <row r="435" spans="1:30">
      <c r="A435" s="5" t="s">
        <v>83578</v>
      </c>
      <c r="B435" s="2" t="s">
        <v>84878</v>
      </c>
      <c r="C435" s="14" t="s">
        <v>84879</v>
      </c>
      <c r="D435" s="2" t="s">
        <v>84880</v>
      </c>
      <c r="E435" s="2" t="s">
        <v>7563</v>
      </c>
      <c r="F435" s="8">
        <v>151</v>
      </c>
      <c r="G435" s="5">
        <v>6</v>
      </c>
      <c r="H435" s="5" t="s">
        <v>1518</v>
      </c>
      <c r="I435" s="5" t="s">
        <v>1519</v>
      </c>
      <c r="J435" s="2" t="s">
        <v>1520</v>
      </c>
      <c r="K435" s="5" t="s">
        <v>1519</v>
      </c>
      <c r="L435" s="2" t="s">
        <v>1520</v>
      </c>
      <c r="M435" s="5" t="s">
        <v>1521</v>
      </c>
      <c r="N435" s="5" t="s">
        <v>38</v>
      </c>
      <c r="O435" s="5" t="s">
        <v>39</v>
      </c>
      <c r="P435" s="5" t="s">
        <v>40</v>
      </c>
      <c r="Q435" s="5" t="s">
        <v>1522</v>
      </c>
      <c r="R435" s="5" t="s">
        <v>1523</v>
      </c>
      <c r="S435" s="5" t="s">
        <v>42</v>
      </c>
      <c r="T435" s="2">
        <v>2.0030000000000001</v>
      </c>
      <c r="U435" s="2">
        <v>1.639</v>
      </c>
      <c r="V435" s="2">
        <v>1.0999999999999999E-2</v>
      </c>
      <c r="W435" s="2">
        <v>139.1</v>
      </c>
      <c r="X435" s="2">
        <v>7.6</v>
      </c>
      <c r="Y435" s="2">
        <v>10.6</v>
      </c>
      <c r="Z435" s="5"/>
      <c r="AA435" s="5" t="s">
        <v>43</v>
      </c>
      <c r="AB435" s="5" t="s">
        <v>44</v>
      </c>
      <c r="AC435" s="2"/>
      <c r="AD435" s="1"/>
    </row>
    <row r="436" spans="1:30">
      <c r="A436" s="5" t="s">
        <v>83578</v>
      </c>
      <c r="B436" s="2" t="s">
        <v>84881</v>
      </c>
      <c r="C436" s="14" t="s">
        <v>84882</v>
      </c>
      <c r="D436" s="2" t="s">
        <v>84883</v>
      </c>
      <c r="E436" s="2" t="s">
        <v>7574</v>
      </c>
      <c r="F436" s="8">
        <v>151</v>
      </c>
      <c r="G436" s="5">
        <v>6</v>
      </c>
      <c r="H436" s="5" t="s">
        <v>1518</v>
      </c>
      <c r="I436" s="5" t="s">
        <v>1519</v>
      </c>
      <c r="J436" s="2" t="s">
        <v>1520</v>
      </c>
      <c r="K436" s="5" t="s">
        <v>1519</v>
      </c>
      <c r="L436" s="2" t="s">
        <v>1520</v>
      </c>
      <c r="M436" s="5" t="s">
        <v>1521</v>
      </c>
      <c r="N436" s="5" t="s">
        <v>38</v>
      </c>
      <c r="O436" s="5" t="s">
        <v>39</v>
      </c>
      <c r="P436" s="5" t="s">
        <v>40</v>
      </c>
      <c r="Q436" s="5" t="s">
        <v>1522</v>
      </c>
      <c r="R436" s="5" t="s">
        <v>1523</v>
      </c>
      <c r="S436" s="5" t="s">
        <v>42</v>
      </c>
      <c r="T436" s="2">
        <v>2.048</v>
      </c>
      <c r="U436" s="2">
        <v>1.6839999999999999</v>
      </c>
      <c r="V436" s="2">
        <v>1.0999999999999999E-2</v>
      </c>
      <c r="W436" s="2">
        <v>139.1</v>
      </c>
      <c r="X436" s="2">
        <v>7.6</v>
      </c>
      <c r="Y436" s="2">
        <v>10.6</v>
      </c>
      <c r="Z436" s="5"/>
      <c r="AA436" s="5" t="s">
        <v>43</v>
      </c>
      <c r="AB436" s="5" t="s">
        <v>44</v>
      </c>
      <c r="AC436" s="2"/>
      <c r="AD436" s="1"/>
    </row>
    <row r="437" spans="1:30">
      <c r="A437" s="5" t="s">
        <v>83578</v>
      </c>
      <c r="B437" s="2" t="s">
        <v>84884</v>
      </c>
      <c r="C437" s="14" t="s">
        <v>84885</v>
      </c>
      <c r="D437" s="2" t="s">
        <v>84886</v>
      </c>
      <c r="E437" s="2" t="s">
        <v>7581</v>
      </c>
      <c r="F437" s="8">
        <v>151</v>
      </c>
      <c r="G437" s="5">
        <v>6</v>
      </c>
      <c r="H437" s="5" t="s">
        <v>1518</v>
      </c>
      <c r="I437" s="5" t="s">
        <v>1519</v>
      </c>
      <c r="J437" s="2" t="s">
        <v>1520</v>
      </c>
      <c r="K437" s="5" t="s">
        <v>1519</v>
      </c>
      <c r="L437" s="2" t="s">
        <v>1520</v>
      </c>
      <c r="M437" s="5" t="s">
        <v>1521</v>
      </c>
      <c r="N437" s="5" t="s">
        <v>38</v>
      </c>
      <c r="O437" s="5" t="s">
        <v>39</v>
      </c>
      <c r="P437" s="5" t="s">
        <v>40</v>
      </c>
      <c r="Q437" s="5" t="s">
        <v>1522</v>
      </c>
      <c r="R437" s="5" t="s">
        <v>1523</v>
      </c>
      <c r="S437" s="5" t="s">
        <v>42</v>
      </c>
      <c r="T437" s="2">
        <v>2.048</v>
      </c>
      <c r="U437" s="2">
        <v>1.6839999999999999</v>
      </c>
      <c r="V437" s="2">
        <v>1.0999999999999999E-2</v>
      </c>
      <c r="W437" s="2">
        <v>139.1</v>
      </c>
      <c r="X437" s="2">
        <v>7.6</v>
      </c>
      <c r="Y437" s="2">
        <v>10.6</v>
      </c>
      <c r="Z437" s="5"/>
      <c r="AA437" s="5" t="s">
        <v>43</v>
      </c>
      <c r="AB437" s="5" t="s">
        <v>44</v>
      </c>
      <c r="AC437" s="2"/>
      <c r="AD437" s="1"/>
    </row>
    <row r="438" spans="1:30">
      <c r="A438" s="5" t="s">
        <v>83578</v>
      </c>
      <c r="B438" s="2" t="s">
        <v>84887</v>
      </c>
      <c r="C438" s="14" t="s">
        <v>84888</v>
      </c>
      <c r="D438" s="2" t="s">
        <v>84889</v>
      </c>
      <c r="E438" s="2" t="s">
        <v>7589</v>
      </c>
      <c r="F438" s="8">
        <v>151</v>
      </c>
      <c r="G438" s="5">
        <v>6</v>
      </c>
      <c r="H438" s="5" t="s">
        <v>1518</v>
      </c>
      <c r="I438" s="5" t="s">
        <v>1519</v>
      </c>
      <c r="J438" s="2" t="s">
        <v>1520</v>
      </c>
      <c r="K438" s="5" t="s">
        <v>1519</v>
      </c>
      <c r="L438" s="2" t="s">
        <v>1520</v>
      </c>
      <c r="M438" s="5" t="s">
        <v>1521</v>
      </c>
      <c r="N438" s="5" t="s">
        <v>38</v>
      </c>
      <c r="O438" s="5" t="s">
        <v>39</v>
      </c>
      <c r="P438" s="5" t="s">
        <v>40</v>
      </c>
      <c r="Q438" s="5" t="s">
        <v>1522</v>
      </c>
      <c r="R438" s="5" t="s">
        <v>1523</v>
      </c>
      <c r="S438" s="5" t="s">
        <v>42</v>
      </c>
      <c r="T438" s="2">
        <v>2.0310000000000001</v>
      </c>
      <c r="U438" s="2">
        <v>1.667</v>
      </c>
      <c r="V438" s="2">
        <v>1.0999999999999999E-2</v>
      </c>
      <c r="W438" s="2">
        <v>139.1</v>
      </c>
      <c r="X438" s="2">
        <v>7.6</v>
      </c>
      <c r="Y438" s="2">
        <v>10.6</v>
      </c>
      <c r="Z438" s="5"/>
      <c r="AA438" s="5" t="s">
        <v>43</v>
      </c>
      <c r="AB438" s="5" t="s">
        <v>44</v>
      </c>
      <c r="AC438" s="2"/>
      <c r="AD438" s="1"/>
    </row>
    <row r="439" spans="1:30">
      <c r="A439" s="5" t="s">
        <v>83578</v>
      </c>
      <c r="B439" s="2" t="s">
        <v>84890</v>
      </c>
      <c r="C439" s="14" t="s">
        <v>84891</v>
      </c>
      <c r="D439" s="2" t="s">
        <v>84892</v>
      </c>
      <c r="E439" s="2" t="s">
        <v>7410</v>
      </c>
      <c r="F439" s="8">
        <v>151</v>
      </c>
      <c r="G439" s="5">
        <v>6</v>
      </c>
      <c r="H439" s="5" t="s">
        <v>1518</v>
      </c>
      <c r="I439" s="5" t="s">
        <v>1519</v>
      </c>
      <c r="J439" s="2" t="s">
        <v>1520</v>
      </c>
      <c r="K439" s="5" t="s">
        <v>1519</v>
      </c>
      <c r="L439" s="2" t="s">
        <v>1520</v>
      </c>
      <c r="M439" s="5" t="s">
        <v>1521</v>
      </c>
      <c r="N439" s="5" t="s">
        <v>38</v>
      </c>
      <c r="O439" s="5" t="s">
        <v>39</v>
      </c>
      <c r="P439" s="5" t="s">
        <v>40</v>
      </c>
      <c r="Q439" s="5" t="s">
        <v>1522</v>
      </c>
      <c r="R439" s="5" t="s">
        <v>1523</v>
      </c>
      <c r="S439" s="5" t="s">
        <v>42</v>
      </c>
      <c r="T439" s="2">
        <v>2.0030000000000001</v>
      </c>
      <c r="U439" s="2">
        <v>1.639</v>
      </c>
      <c r="V439" s="2">
        <v>1.0999999999999999E-2</v>
      </c>
      <c r="W439" s="2">
        <v>139.1</v>
      </c>
      <c r="X439" s="2">
        <v>7.6</v>
      </c>
      <c r="Y439" s="2">
        <v>10.6</v>
      </c>
      <c r="Z439" s="5"/>
      <c r="AA439" s="5" t="s">
        <v>43</v>
      </c>
      <c r="AB439" s="5" t="s">
        <v>44</v>
      </c>
      <c r="AC439" s="2"/>
      <c r="AD439" s="1"/>
    </row>
    <row r="440" spans="1:30">
      <c r="A440" s="5" t="s">
        <v>83578</v>
      </c>
      <c r="B440" s="2" t="s">
        <v>84893</v>
      </c>
      <c r="C440" s="14" t="s">
        <v>84894</v>
      </c>
      <c r="D440" s="2" t="s">
        <v>84895</v>
      </c>
      <c r="E440" s="2" t="s">
        <v>7619</v>
      </c>
      <c r="F440" s="8">
        <v>151</v>
      </c>
      <c r="G440" s="5">
        <v>6</v>
      </c>
      <c r="H440" s="5" t="s">
        <v>1518</v>
      </c>
      <c r="I440" s="5" t="s">
        <v>1519</v>
      </c>
      <c r="J440" s="2" t="s">
        <v>1520</v>
      </c>
      <c r="K440" s="5" t="s">
        <v>1519</v>
      </c>
      <c r="L440" s="2" t="s">
        <v>1520</v>
      </c>
      <c r="M440" s="5" t="s">
        <v>1521</v>
      </c>
      <c r="N440" s="5" t="s">
        <v>38</v>
      </c>
      <c r="O440" s="5" t="s">
        <v>39</v>
      </c>
      <c r="P440" s="5" t="s">
        <v>40</v>
      </c>
      <c r="Q440" s="5" t="s">
        <v>1522</v>
      </c>
      <c r="R440" s="5" t="s">
        <v>1523</v>
      </c>
      <c r="S440" s="5" t="s">
        <v>42</v>
      </c>
      <c r="T440" s="2">
        <v>2.0310000000000001</v>
      </c>
      <c r="U440" s="2">
        <v>1.667</v>
      </c>
      <c r="V440" s="2">
        <v>1.0999999999999999E-2</v>
      </c>
      <c r="W440" s="2">
        <v>139.1</v>
      </c>
      <c r="X440" s="2">
        <v>7.6</v>
      </c>
      <c r="Y440" s="2">
        <v>10.6</v>
      </c>
      <c r="Z440" s="5"/>
      <c r="AA440" s="5" t="s">
        <v>43</v>
      </c>
      <c r="AB440" s="5" t="s">
        <v>44</v>
      </c>
      <c r="AC440" s="2"/>
      <c r="AD440" s="1"/>
    </row>
    <row r="441" spans="1:30">
      <c r="A441" s="5" t="s">
        <v>83578</v>
      </c>
      <c r="B441" s="2" t="s">
        <v>84896</v>
      </c>
      <c r="C441" s="14" t="s">
        <v>84897</v>
      </c>
      <c r="D441" s="2" t="s">
        <v>84898</v>
      </c>
      <c r="E441" s="2" t="s">
        <v>1823</v>
      </c>
      <c r="F441" s="8">
        <v>151</v>
      </c>
      <c r="G441" s="5">
        <v>8</v>
      </c>
      <c r="H441" s="5" t="s">
        <v>1518</v>
      </c>
      <c r="I441" s="5" t="s">
        <v>1519</v>
      </c>
      <c r="J441" s="2" t="s">
        <v>1520</v>
      </c>
      <c r="K441" s="5" t="s">
        <v>1519</v>
      </c>
      <c r="L441" s="2" t="s">
        <v>1520</v>
      </c>
      <c r="M441" s="5" t="s">
        <v>1521</v>
      </c>
      <c r="N441" s="5" t="s">
        <v>38</v>
      </c>
      <c r="O441" s="5" t="s">
        <v>39</v>
      </c>
      <c r="P441" s="5" t="s">
        <v>40</v>
      </c>
      <c r="Q441" s="5" t="s">
        <v>1522</v>
      </c>
      <c r="R441" s="5" t="s">
        <v>1523</v>
      </c>
      <c r="S441" s="5" t="s">
        <v>42</v>
      </c>
      <c r="T441" s="2">
        <v>2.016</v>
      </c>
      <c r="U441" s="2">
        <v>1.6519999999999999</v>
      </c>
      <c r="V441" s="2">
        <v>1.0999999999999999E-2</v>
      </c>
      <c r="W441" s="2">
        <v>139.1</v>
      </c>
      <c r="X441" s="2">
        <v>7.6</v>
      </c>
      <c r="Y441" s="2">
        <v>10.6</v>
      </c>
      <c r="Z441" s="5"/>
      <c r="AA441" s="5" t="s">
        <v>43</v>
      </c>
      <c r="AB441" s="5" t="s">
        <v>44</v>
      </c>
      <c r="AC441" s="2"/>
      <c r="AD441" s="1"/>
    </row>
    <row r="442" spans="1:30">
      <c r="A442" s="5" t="s">
        <v>83578</v>
      </c>
      <c r="B442" s="2" t="s">
        <v>84899</v>
      </c>
      <c r="C442" s="14" t="s">
        <v>84900</v>
      </c>
      <c r="D442" s="2" t="s">
        <v>84901</v>
      </c>
      <c r="E442" s="2" t="s">
        <v>1827</v>
      </c>
      <c r="F442" s="8">
        <v>151</v>
      </c>
      <c r="G442" s="5">
        <v>8</v>
      </c>
      <c r="H442" s="5" t="s">
        <v>1518</v>
      </c>
      <c r="I442" s="5" t="s">
        <v>1519</v>
      </c>
      <c r="J442" s="2" t="s">
        <v>1520</v>
      </c>
      <c r="K442" s="5" t="s">
        <v>1519</v>
      </c>
      <c r="L442" s="2" t="s">
        <v>1520</v>
      </c>
      <c r="M442" s="5" t="s">
        <v>1521</v>
      </c>
      <c r="N442" s="5" t="s">
        <v>38</v>
      </c>
      <c r="O442" s="5" t="s">
        <v>39</v>
      </c>
      <c r="P442" s="5" t="s">
        <v>40</v>
      </c>
      <c r="Q442" s="5" t="s">
        <v>1522</v>
      </c>
      <c r="R442" s="5" t="s">
        <v>1523</v>
      </c>
      <c r="S442" s="5" t="s">
        <v>42</v>
      </c>
      <c r="T442" s="2">
        <v>2.0609999999999999</v>
      </c>
      <c r="U442" s="2">
        <v>1.6970000000000001</v>
      </c>
      <c r="V442" s="2">
        <v>1.0999999999999999E-2</v>
      </c>
      <c r="W442" s="2">
        <v>139.1</v>
      </c>
      <c r="X442" s="2">
        <v>7.6</v>
      </c>
      <c r="Y442" s="2">
        <v>10.6</v>
      </c>
      <c r="Z442" s="5"/>
      <c r="AA442" s="5" t="s">
        <v>43</v>
      </c>
      <c r="AB442" s="5" t="s">
        <v>44</v>
      </c>
      <c r="AC442" s="2"/>
      <c r="AD442" s="1"/>
    </row>
    <row r="443" spans="1:30">
      <c r="A443" s="5" t="s">
        <v>83578</v>
      </c>
      <c r="B443" s="2" t="s">
        <v>84902</v>
      </c>
      <c r="C443" s="14" t="s">
        <v>84903</v>
      </c>
      <c r="D443" s="2" t="s">
        <v>84904</v>
      </c>
      <c r="E443" s="2" t="s">
        <v>1973</v>
      </c>
      <c r="F443" s="8">
        <v>151</v>
      </c>
      <c r="G443" s="5">
        <v>13</v>
      </c>
      <c r="H443" s="5" t="s">
        <v>1518</v>
      </c>
      <c r="I443" s="5" t="s">
        <v>1519</v>
      </c>
      <c r="J443" s="2" t="s">
        <v>1520</v>
      </c>
      <c r="K443" s="5" t="s">
        <v>1519</v>
      </c>
      <c r="L443" s="2" t="s">
        <v>1520</v>
      </c>
      <c r="M443" s="5" t="s">
        <v>1521</v>
      </c>
      <c r="N443" s="5" t="s">
        <v>38</v>
      </c>
      <c r="O443" s="5" t="s">
        <v>39</v>
      </c>
      <c r="P443" s="5" t="s">
        <v>40</v>
      </c>
      <c r="Q443" s="5" t="s">
        <v>1522</v>
      </c>
      <c r="R443" s="5" t="s">
        <v>1523</v>
      </c>
      <c r="S443" s="5" t="s">
        <v>42</v>
      </c>
      <c r="T443" s="2">
        <v>2.0329999999999999</v>
      </c>
      <c r="U443" s="2">
        <v>1.669</v>
      </c>
      <c r="V443" s="2">
        <v>1.0999999999999999E-2</v>
      </c>
      <c r="W443" s="2">
        <v>139.1</v>
      </c>
      <c r="X443" s="2">
        <v>7.6</v>
      </c>
      <c r="Y443" s="2">
        <v>10.6</v>
      </c>
      <c r="Z443" s="5"/>
      <c r="AA443" s="5" t="s">
        <v>43</v>
      </c>
      <c r="AB443" s="5" t="s">
        <v>44</v>
      </c>
      <c r="AC443" s="2"/>
      <c r="AD443" s="1"/>
    </row>
    <row r="444" spans="1:30">
      <c r="A444" s="5" t="s">
        <v>83578</v>
      </c>
      <c r="B444" s="2" t="s">
        <v>84905</v>
      </c>
      <c r="C444" s="14" t="s">
        <v>84906</v>
      </c>
      <c r="D444" s="2" t="s">
        <v>84907</v>
      </c>
      <c r="E444" s="2" t="s">
        <v>2348</v>
      </c>
      <c r="F444" s="8">
        <v>151</v>
      </c>
      <c r="G444" s="5">
        <v>13</v>
      </c>
      <c r="H444" s="5" t="s">
        <v>1518</v>
      </c>
      <c r="I444" s="5" t="s">
        <v>1519</v>
      </c>
      <c r="J444" s="2" t="s">
        <v>1520</v>
      </c>
      <c r="K444" s="5" t="s">
        <v>1519</v>
      </c>
      <c r="L444" s="2" t="s">
        <v>1520</v>
      </c>
      <c r="M444" s="5" t="s">
        <v>1521</v>
      </c>
      <c r="N444" s="5" t="s">
        <v>38</v>
      </c>
      <c r="O444" s="5" t="s">
        <v>39</v>
      </c>
      <c r="P444" s="5" t="s">
        <v>40</v>
      </c>
      <c r="Q444" s="5" t="s">
        <v>1522</v>
      </c>
      <c r="R444" s="5" t="s">
        <v>1523</v>
      </c>
      <c r="S444" s="5" t="s">
        <v>42</v>
      </c>
      <c r="T444" s="2">
        <v>2.0779999999999998</v>
      </c>
      <c r="U444" s="2">
        <v>1.714</v>
      </c>
      <c r="V444" s="2">
        <v>1.0999999999999999E-2</v>
      </c>
      <c r="W444" s="2">
        <v>139.1</v>
      </c>
      <c r="X444" s="2">
        <v>7.6</v>
      </c>
      <c r="Y444" s="2">
        <v>10.6</v>
      </c>
      <c r="Z444" s="5"/>
      <c r="AA444" s="5" t="s">
        <v>43</v>
      </c>
      <c r="AB444" s="5" t="s">
        <v>44</v>
      </c>
      <c r="AC444" s="2"/>
      <c r="AD444" s="1"/>
    </row>
    <row r="445" spans="1:30">
      <c r="A445" s="5" t="s">
        <v>83578</v>
      </c>
      <c r="B445" s="2" t="s">
        <v>84908</v>
      </c>
      <c r="C445" s="14" t="s">
        <v>84909</v>
      </c>
      <c r="D445" s="2" t="s">
        <v>84910</v>
      </c>
      <c r="E445" s="2" t="s">
        <v>2204</v>
      </c>
      <c r="F445" s="8">
        <v>151</v>
      </c>
      <c r="G445" s="5">
        <v>13</v>
      </c>
      <c r="H445" s="5" t="s">
        <v>1518</v>
      </c>
      <c r="I445" s="5" t="s">
        <v>1519</v>
      </c>
      <c r="J445" s="2" t="s">
        <v>1520</v>
      </c>
      <c r="K445" s="5" t="s">
        <v>1519</v>
      </c>
      <c r="L445" s="2" t="s">
        <v>1520</v>
      </c>
      <c r="M445" s="5" t="s">
        <v>1521</v>
      </c>
      <c r="N445" s="5" t="s">
        <v>38</v>
      </c>
      <c r="O445" s="5" t="s">
        <v>39</v>
      </c>
      <c r="P445" s="5" t="s">
        <v>40</v>
      </c>
      <c r="Q445" s="5" t="s">
        <v>1522</v>
      </c>
      <c r="R445" s="5" t="s">
        <v>1523</v>
      </c>
      <c r="S445" s="5" t="s">
        <v>42</v>
      </c>
      <c r="T445" s="2">
        <v>2.0329999999999999</v>
      </c>
      <c r="U445" s="2">
        <v>1.669</v>
      </c>
      <c r="V445" s="2">
        <v>1.0999999999999999E-2</v>
      </c>
      <c r="W445" s="2">
        <v>139.1</v>
      </c>
      <c r="X445" s="2">
        <v>7.6</v>
      </c>
      <c r="Y445" s="2">
        <v>10.6</v>
      </c>
      <c r="Z445" s="5"/>
      <c r="AA445" s="5" t="s">
        <v>43</v>
      </c>
      <c r="AB445" s="5" t="s">
        <v>44</v>
      </c>
      <c r="AC445" s="2"/>
      <c r="AD445" s="1"/>
    </row>
    <row r="446" spans="1:30">
      <c r="A446" s="5" t="s">
        <v>83578</v>
      </c>
      <c r="B446" s="2" t="s">
        <v>84911</v>
      </c>
      <c r="C446" s="14" t="s">
        <v>84912</v>
      </c>
      <c r="D446" s="2" t="s">
        <v>84913</v>
      </c>
      <c r="E446" s="2" t="s">
        <v>2724</v>
      </c>
      <c r="F446" s="8">
        <v>151</v>
      </c>
      <c r="G446" s="5">
        <v>13</v>
      </c>
      <c r="H446" s="5" t="s">
        <v>1518</v>
      </c>
      <c r="I446" s="5" t="s">
        <v>1519</v>
      </c>
      <c r="J446" s="2" t="s">
        <v>1520</v>
      </c>
      <c r="K446" s="5" t="s">
        <v>1519</v>
      </c>
      <c r="L446" s="2" t="s">
        <v>1520</v>
      </c>
      <c r="M446" s="5" t="s">
        <v>1521</v>
      </c>
      <c r="N446" s="5" t="s">
        <v>38</v>
      </c>
      <c r="O446" s="5" t="s">
        <v>39</v>
      </c>
      <c r="P446" s="5" t="s">
        <v>40</v>
      </c>
      <c r="Q446" s="5" t="s">
        <v>1522</v>
      </c>
      <c r="R446" s="5" t="s">
        <v>1523</v>
      </c>
      <c r="S446" s="5" t="s">
        <v>42</v>
      </c>
      <c r="T446" s="2">
        <v>2.0779999999999998</v>
      </c>
      <c r="U446" s="2">
        <v>1.714</v>
      </c>
      <c r="V446" s="2">
        <v>1.0999999999999999E-2</v>
      </c>
      <c r="W446" s="2">
        <v>139.1</v>
      </c>
      <c r="X446" s="2">
        <v>7.6</v>
      </c>
      <c r="Y446" s="2">
        <v>10.6</v>
      </c>
      <c r="Z446" s="5"/>
      <c r="AA446" s="5" t="s">
        <v>43</v>
      </c>
      <c r="AB446" s="5" t="s">
        <v>44</v>
      </c>
      <c r="AC446" s="2"/>
      <c r="AD446" s="1"/>
    </row>
    <row r="447" spans="1:30">
      <c r="A447" s="5" t="s">
        <v>83578</v>
      </c>
      <c r="B447" s="2" t="s">
        <v>84914</v>
      </c>
      <c r="C447" s="14" t="s">
        <v>84915</v>
      </c>
      <c r="D447" s="2" t="s">
        <v>84916</v>
      </c>
      <c r="E447" s="2" t="s">
        <v>2208</v>
      </c>
      <c r="F447" s="8">
        <v>151</v>
      </c>
      <c r="G447" s="5">
        <v>13</v>
      </c>
      <c r="H447" s="5" t="s">
        <v>1518</v>
      </c>
      <c r="I447" s="5" t="s">
        <v>1519</v>
      </c>
      <c r="J447" s="2" t="s">
        <v>1520</v>
      </c>
      <c r="K447" s="5" t="s">
        <v>1519</v>
      </c>
      <c r="L447" s="2" t="s">
        <v>1520</v>
      </c>
      <c r="M447" s="5" t="s">
        <v>1521</v>
      </c>
      <c r="N447" s="5" t="s">
        <v>38</v>
      </c>
      <c r="O447" s="5" t="s">
        <v>39</v>
      </c>
      <c r="P447" s="5" t="s">
        <v>40</v>
      </c>
      <c r="Q447" s="5" t="s">
        <v>1522</v>
      </c>
      <c r="R447" s="5" t="s">
        <v>1523</v>
      </c>
      <c r="S447" s="5" t="s">
        <v>42</v>
      </c>
      <c r="T447" s="2">
        <v>2.0329999999999999</v>
      </c>
      <c r="U447" s="2">
        <v>1.669</v>
      </c>
      <c r="V447" s="2">
        <v>1.0999999999999999E-2</v>
      </c>
      <c r="W447" s="2">
        <v>139.1</v>
      </c>
      <c r="X447" s="2">
        <v>7.6</v>
      </c>
      <c r="Y447" s="2">
        <v>10.6</v>
      </c>
      <c r="Z447" s="5"/>
      <c r="AA447" s="5" t="s">
        <v>43</v>
      </c>
      <c r="AB447" s="5" t="s">
        <v>44</v>
      </c>
      <c r="AC447" s="2"/>
      <c r="AD447" s="1"/>
    </row>
    <row r="448" spans="1:30">
      <c r="A448" s="5" t="s">
        <v>83578</v>
      </c>
      <c r="B448" s="2" t="s">
        <v>84917</v>
      </c>
      <c r="C448" s="14" t="s">
        <v>84918</v>
      </c>
      <c r="D448" s="2" t="s">
        <v>84919</v>
      </c>
      <c r="E448" s="2" t="s">
        <v>2212</v>
      </c>
      <c r="F448" s="8">
        <v>151</v>
      </c>
      <c r="G448" s="5">
        <v>13</v>
      </c>
      <c r="H448" s="5" t="s">
        <v>1518</v>
      </c>
      <c r="I448" s="5" t="s">
        <v>1519</v>
      </c>
      <c r="J448" s="2" t="s">
        <v>1520</v>
      </c>
      <c r="K448" s="5" t="s">
        <v>1519</v>
      </c>
      <c r="L448" s="2" t="s">
        <v>1520</v>
      </c>
      <c r="M448" s="5" t="s">
        <v>1521</v>
      </c>
      <c r="N448" s="5" t="s">
        <v>38</v>
      </c>
      <c r="O448" s="5" t="s">
        <v>39</v>
      </c>
      <c r="P448" s="5" t="s">
        <v>40</v>
      </c>
      <c r="Q448" s="5" t="s">
        <v>1522</v>
      </c>
      <c r="R448" s="5" t="s">
        <v>1523</v>
      </c>
      <c r="S448" s="5" t="s">
        <v>42</v>
      </c>
      <c r="T448" s="2">
        <v>2.0779999999999998</v>
      </c>
      <c r="U448" s="2">
        <v>1.714</v>
      </c>
      <c r="V448" s="2">
        <v>1.0999999999999999E-2</v>
      </c>
      <c r="W448" s="2">
        <v>139.1</v>
      </c>
      <c r="X448" s="2">
        <v>7.6</v>
      </c>
      <c r="Y448" s="2">
        <v>10.6</v>
      </c>
      <c r="Z448" s="5"/>
      <c r="AA448" s="5" t="s">
        <v>43</v>
      </c>
      <c r="AB448" s="5" t="s">
        <v>44</v>
      </c>
      <c r="AC448" s="2"/>
      <c r="AD448" s="1"/>
    </row>
    <row r="449" spans="1:30">
      <c r="A449" s="5" t="s">
        <v>83578</v>
      </c>
      <c r="B449" s="2" t="s">
        <v>84920</v>
      </c>
      <c r="C449" s="14" t="s">
        <v>84921</v>
      </c>
      <c r="D449" s="2" t="s">
        <v>84922</v>
      </c>
      <c r="E449" s="2" t="s">
        <v>1831</v>
      </c>
      <c r="F449" s="8">
        <v>151</v>
      </c>
      <c r="G449" s="5">
        <v>13</v>
      </c>
      <c r="H449" s="5" t="s">
        <v>1518</v>
      </c>
      <c r="I449" s="5" t="s">
        <v>1519</v>
      </c>
      <c r="J449" s="2" t="s">
        <v>1520</v>
      </c>
      <c r="K449" s="5" t="s">
        <v>1519</v>
      </c>
      <c r="L449" s="2" t="s">
        <v>1520</v>
      </c>
      <c r="M449" s="5" t="s">
        <v>1521</v>
      </c>
      <c r="N449" s="5" t="s">
        <v>38</v>
      </c>
      <c r="O449" s="5" t="s">
        <v>39</v>
      </c>
      <c r="P449" s="5" t="s">
        <v>40</v>
      </c>
      <c r="Q449" s="5" t="s">
        <v>1522</v>
      </c>
      <c r="R449" s="5" t="s">
        <v>1523</v>
      </c>
      <c r="S449" s="5" t="s">
        <v>42</v>
      </c>
      <c r="T449" s="2">
        <v>2.0329999999999999</v>
      </c>
      <c r="U449" s="2">
        <v>1.669</v>
      </c>
      <c r="V449" s="2">
        <v>1.0999999999999999E-2</v>
      </c>
      <c r="W449" s="2">
        <v>139.1</v>
      </c>
      <c r="X449" s="2">
        <v>7.6</v>
      </c>
      <c r="Y449" s="2">
        <v>10.6</v>
      </c>
      <c r="Z449" s="5"/>
      <c r="AA449" s="5" t="s">
        <v>43</v>
      </c>
      <c r="AB449" s="5" t="s">
        <v>44</v>
      </c>
      <c r="AC449" s="2"/>
      <c r="AD449" s="1"/>
    </row>
    <row r="450" spans="1:30">
      <c r="A450" s="5" t="s">
        <v>83578</v>
      </c>
      <c r="B450" s="2" t="s">
        <v>84923</v>
      </c>
      <c r="C450" s="14" t="s">
        <v>84924</v>
      </c>
      <c r="D450" s="2" t="s">
        <v>84925</v>
      </c>
      <c r="E450" s="2" t="s">
        <v>1835</v>
      </c>
      <c r="F450" s="8">
        <v>151</v>
      </c>
      <c r="G450" s="5">
        <v>13</v>
      </c>
      <c r="H450" s="5" t="s">
        <v>1518</v>
      </c>
      <c r="I450" s="5" t="s">
        <v>1519</v>
      </c>
      <c r="J450" s="2" t="s">
        <v>1520</v>
      </c>
      <c r="K450" s="5" t="s">
        <v>1519</v>
      </c>
      <c r="L450" s="2" t="s">
        <v>1520</v>
      </c>
      <c r="M450" s="5" t="s">
        <v>1521</v>
      </c>
      <c r="N450" s="5" t="s">
        <v>38</v>
      </c>
      <c r="O450" s="5" t="s">
        <v>39</v>
      </c>
      <c r="P450" s="5" t="s">
        <v>40</v>
      </c>
      <c r="Q450" s="5" t="s">
        <v>1522</v>
      </c>
      <c r="R450" s="5" t="s">
        <v>1523</v>
      </c>
      <c r="S450" s="5" t="s">
        <v>42</v>
      </c>
      <c r="T450" s="2">
        <v>2.0779999999999998</v>
      </c>
      <c r="U450" s="2">
        <v>1.714</v>
      </c>
      <c r="V450" s="2">
        <v>1.0999999999999999E-2</v>
      </c>
      <c r="W450" s="2">
        <v>139.1</v>
      </c>
      <c r="X450" s="2">
        <v>7.6</v>
      </c>
      <c r="Y450" s="2">
        <v>10.6</v>
      </c>
      <c r="Z450" s="5"/>
      <c r="AA450" s="5" t="s">
        <v>43</v>
      </c>
      <c r="AB450" s="5" t="s">
        <v>44</v>
      </c>
      <c r="AC450" s="2"/>
      <c r="AD450" s="1"/>
    </row>
    <row r="451" spans="1:30">
      <c r="A451" s="5" t="s">
        <v>83578</v>
      </c>
      <c r="B451" s="2" t="s">
        <v>84926</v>
      </c>
      <c r="C451" s="14" t="s">
        <v>84927</v>
      </c>
      <c r="D451" s="2" t="s">
        <v>84928</v>
      </c>
      <c r="E451" s="2" t="s">
        <v>1839</v>
      </c>
      <c r="F451" s="8">
        <v>151</v>
      </c>
      <c r="G451" s="5">
        <v>13</v>
      </c>
      <c r="H451" s="5" t="s">
        <v>1518</v>
      </c>
      <c r="I451" s="5" t="s">
        <v>1519</v>
      </c>
      <c r="J451" s="2" t="s">
        <v>1520</v>
      </c>
      <c r="K451" s="5" t="s">
        <v>1519</v>
      </c>
      <c r="L451" s="2" t="s">
        <v>1520</v>
      </c>
      <c r="M451" s="5" t="s">
        <v>1521</v>
      </c>
      <c r="N451" s="5" t="s">
        <v>38</v>
      </c>
      <c r="O451" s="5" t="s">
        <v>39</v>
      </c>
      <c r="P451" s="5" t="s">
        <v>40</v>
      </c>
      <c r="Q451" s="5" t="s">
        <v>1522</v>
      </c>
      <c r="R451" s="5" t="s">
        <v>1523</v>
      </c>
      <c r="S451" s="5" t="s">
        <v>42</v>
      </c>
      <c r="T451" s="2">
        <v>2.0329999999999999</v>
      </c>
      <c r="U451" s="2">
        <v>1.669</v>
      </c>
      <c r="V451" s="2">
        <v>1.0999999999999999E-2</v>
      </c>
      <c r="W451" s="2">
        <v>139.1</v>
      </c>
      <c r="X451" s="2">
        <v>7.6</v>
      </c>
      <c r="Y451" s="2">
        <v>10.6</v>
      </c>
      <c r="Z451" s="5"/>
      <c r="AA451" s="5" t="s">
        <v>43</v>
      </c>
      <c r="AB451" s="5" t="s">
        <v>44</v>
      </c>
      <c r="AC451" s="2"/>
      <c r="AD451" s="1"/>
    </row>
    <row r="452" spans="1:30">
      <c r="A452" s="5" t="s">
        <v>83578</v>
      </c>
      <c r="B452" s="2" t="s">
        <v>84929</v>
      </c>
      <c r="C452" s="14" t="s">
        <v>84930</v>
      </c>
      <c r="D452" s="2" t="s">
        <v>84931</v>
      </c>
      <c r="E452" s="2" t="s">
        <v>1986</v>
      </c>
      <c r="F452" s="8">
        <v>151</v>
      </c>
      <c r="G452" s="5">
        <v>13</v>
      </c>
      <c r="H452" s="5" t="s">
        <v>1518</v>
      </c>
      <c r="I452" s="5" t="s">
        <v>1519</v>
      </c>
      <c r="J452" s="2" t="s">
        <v>1520</v>
      </c>
      <c r="K452" s="5" t="s">
        <v>1519</v>
      </c>
      <c r="L452" s="2" t="s">
        <v>1520</v>
      </c>
      <c r="M452" s="5" t="s">
        <v>1521</v>
      </c>
      <c r="N452" s="5" t="s">
        <v>38</v>
      </c>
      <c r="O452" s="5" t="s">
        <v>39</v>
      </c>
      <c r="P452" s="5" t="s">
        <v>40</v>
      </c>
      <c r="Q452" s="5" t="s">
        <v>1522</v>
      </c>
      <c r="R452" s="5" t="s">
        <v>1523</v>
      </c>
      <c r="S452" s="5" t="s">
        <v>42</v>
      </c>
      <c r="T452" s="2">
        <v>2.0779999999999998</v>
      </c>
      <c r="U452" s="2">
        <v>1.714</v>
      </c>
      <c r="V452" s="2">
        <v>1.0999999999999999E-2</v>
      </c>
      <c r="W452" s="2">
        <v>139.1</v>
      </c>
      <c r="X452" s="2">
        <v>7.6</v>
      </c>
      <c r="Y452" s="2">
        <v>10.6</v>
      </c>
      <c r="Z452" s="5"/>
      <c r="AA452" s="5" t="s">
        <v>43</v>
      </c>
      <c r="AB452" s="5" t="s">
        <v>44</v>
      </c>
      <c r="AC452" s="2"/>
      <c r="AD452" s="1"/>
    </row>
    <row r="453" spans="1:30">
      <c r="A453" s="5" t="s">
        <v>83578</v>
      </c>
      <c r="B453" s="2" t="s">
        <v>84932</v>
      </c>
      <c r="C453" s="14" t="s">
        <v>84933</v>
      </c>
      <c r="D453" s="2" t="s">
        <v>84934</v>
      </c>
      <c r="E453" s="2" t="s">
        <v>1843</v>
      </c>
      <c r="F453" s="8">
        <v>151</v>
      </c>
      <c r="G453" s="5">
        <v>13</v>
      </c>
      <c r="H453" s="5" t="s">
        <v>1518</v>
      </c>
      <c r="I453" s="5" t="s">
        <v>1519</v>
      </c>
      <c r="J453" s="2" t="s">
        <v>1520</v>
      </c>
      <c r="K453" s="5" t="s">
        <v>1519</v>
      </c>
      <c r="L453" s="2" t="s">
        <v>1520</v>
      </c>
      <c r="M453" s="5" t="s">
        <v>1521</v>
      </c>
      <c r="N453" s="5" t="s">
        <v>38</v>
      </c>
      <c r="O453" s="5" t="s">
        <v>39</v>
      </c>
      <c r="P453" s="5" t="s">
        <v>40</v>
      </c>
      <c r="Q453" s="5" t="s">
        <v>1522</v>
      </c>
      <c r="R453" s="5" t="s">
        <v>1523</v>
      </c>
      <c r="S453" s="5" t="s">
        <v>42</v>
      </c>
      <c r="T453" s="2">
        <v>2.0329999999999999</v>
      </c>
      <c r="U453" s="2">
        <v>1.669</v>
      </c>
      <c r="V453" s="2">
        <v>1.0999999999999999E-2</v>
      </c>
      <c r="W453" s="2">
        <v>139.1</v>
      </c>
      <c r="X453" s="2">
        <v>7.6</v>
      </c>
      <c r="Y453" s="2">
        <v>10.6</v>
      </c>
      <c r="Z453" s="5"/>
      <c r="AA453" s="5" t="s">
        <v>43</v>
      </c>
      <c r="AB453" s="5" t="s">
        <v>44</v>
      </c>
      <c r="AC453" s="2"/>
      <c r="AD453" s="1"/>
    </row>
    <row r="454" spans="1:30">
      <c r="A454" s="5" t="s">
        <v>83578</v>
      </c>
      <c r="B454" s="2" t="s">
        <v>84935</v>
      </c>
      <c r="C454" s="14" t="s">
        <v>84936</v>
      </c>
      <c r="D454" s="2" t="s">
        <v>84937</v>
      </c>
      <c r="E454" s="2" t="s">
        <v>1847</v>
      </c>
      <c r="F454" s="8">
        <v>151</v>
      </c>
      <c r="G454" s="5">
        <v>13</v>
      </c>
      <c r="H454" s="5" t="s">
        <v>1518</v>
      </c>
      <c r="I454" s="5" t="s">
        <v>1519</v>
      </c>
      <c r="J454" s="2" t="s">
        <v>1520</v>
      </c>
      <c r="K454" s="5" t="s">
        <v>1519</v>
      </c>
      <c r="L454" s="2" t="s">
        <v>1520</v>
      </c>
      <c r="M454" s="5" t="s">
        <v>1521</v>
      </c>
      <c r="N454" s="5" t="s">
        <v>38</v>
      </c>
      <c r="O454" s="5" t="s">
        <v>39</v>
      </c>
      <c r="P454" s="5" t="s">
        <v>40</v>
      </c>
      <c r="Q454" s="5" t="s">
        <v>1522</v>
      </c>
      <c r="R454" s="5" t="s">
        <v>1523</v>
      </c>
      <c r="S454" s="5" t="s">
        <v>42</v>
      </c>
      <c r="T454" s="2">
        <v>2.0779999999999998</v>
      </c>
      <c r="U454" s="2">
        <v>1.714</v>
      </c>
      <c r="V454" s="2">
        <v>1.0999999999999999E-2</v>
      </c>
      <c r="W454" s="2">
        <v>139.1</v>
      </c>
      <c r="X454" s="2">
        <v>7.6</v>
      </c>
      <c r="Y454" s="2">
        <v>10.6</v>
      </c>
      <c r="Z454" s="5"/>
      <c r="AA454" s="5" t="s">
        <v>43</v>
      </c>
      <c r="AB454" s="5" t="s">
        <v>44</v>
      </c>
      <c r="AC454" s="2"/>
      <c r="AD454" s="1"/>
    </row>
    <row r="455" spans="1:30">
      <c r="A455" s="5" t="s">
        <v>83578</v>
      </c>
      <c r="B455" s="2" t="s">
        <v>84938</v>
      </c>
      <c r="C455" s="14" t="s">
        <v>84939</v>
      </c>
      <c r="D455" s="2" t="s">
        <v>84940</v>
      </c>
      <c r="E455" s="2" t="s">
        <v>1851</v>
      </c>
      <c r="F455" s="8">
        <v>151</v>
      </c>
      <c r="G455" s="5">
        <v>13</v>
      </c>
      <c r="H455" s="5" t="s">
        <v>1518</v>
      </c>
      <c r="I455" s="5" t="s">
        <v>1519</v>
      </c>
      <c r="J455" s="2" t="s">
        <v>1520</v>
      </c>
      <c r="K455" s="5" t="s">
        <v>1519</v>
      </c>
      <c r="L455" s="2" t="s">
        <v>1520</v>
      </c>
      <c r="M455" s="5" t="s">
        <v>1521</v>
      </c>
      <c r="N455" s="5" t="s">
        <v>38</v>
      </c>
      <c r="O455" s="5" t="s">
        <v>39</v>
      </c>
      <c r="P455" s="5" t="s">
        <v>40</v>
      </c>
      <c r="Q455" s="5" t="s">
        <v>1522</v>
      </c>
      <c r="R455" s="5" t="s">
        <v>1523</v>
      </c>
      <c r="S455" s="5" t="s">
        <v>42</v>
      </c>
      <c r="T455" s="2">
        <v>2.0329999999999999</v>
      </c>
      <c r="U455" s="2">
        <v>1.669</v>
      </c>
      <c r="V455" s="2">
        <v>1.0999999999999999E-2</v>
      </c>
      <c r="W455" s="2">
        <v>139.1</v>
      </c>
      <c r="X455" s="2">
        <v>7.6</v>
      </c>
      <c r="Y455" s="2">
        <v>10.6</v>
      </c>
      <c r="Z455" s="5"/>
      <c r="AA455" s="5" t="s">
        <v>43</v>
      </c>
      <c r="AB455" s="5" t="s">
        <v>44</v>
      </c>
      <c r="AC455" s="2"/>
      <c r="AD455" s="1"/>
    </row>
    <row r="456" spans="1:30">
      <c r="A456" s="5" t="s">
        <v>83578</v>
      </c>
      <c r="B456" s="2" t="s">
        <v>84941</v>
      </c>
      <c r="C456" s="14" t="s">
        <v>84942</v>
      </c>
      <c r="D456" s="2" t="s">
        <v>84943</v>
      </c>
      <c r="E456" s="2" t="s">
        <v>1999</v>
      </c>
      <c r="F456" s="8">
        <v>151</v>
      </c>
      <c r="G456" s="5">
        <v>13</v>
      </c>
      <c r="H456" s="5" t="s">
        <v>1518</v>
      </c>
      <c r="I456" s="5" t="s">
        <v>1519</v>
      </c>
      <c r="J456" s="2" t="s">
        <v>1520</v>
      </c>
      <c r="K456" s="5" t="s">
        <v>1519</v>
      </c>
      <c r="L456" s="2" t="s">
        <v>1520</v>
      </c>
      <c r="M456" s="5" t="s">
        <v>1521</v>
      </c>
      <c r="N456" s="5" t="s">
        <v>38</v>
      </c>
      <c r="O456" s="5" t="s">
        <v>39</v>
      </c>
      <c r="P456" s="5" t="s">
        <v>40</v>
      </c>
      <c r="Q456" s="5" t="s">
        <v>1522</v>
      </c>
      <c r="R456" s="5" t="s">
        <v>1523</v>
      </c>
      <c r="S456" s="5" t="s">
        <v>42</v>
      </c>
      <c r="T456" s="2">
        <v>2.0779999999999998</v>
      </c>
      <c r="U456" s="2">
        <v>1.714</v>
      </c>
      <c r="V456" s="2">
        <v>1.0999999999999999E-2</v>
      </c>
      <c r="W456" s="2">
        <v>139.1</v>
      </c>
      <c r="X456" s="2">
        <v>7.6</v>
      </c>
      <c r="Y456" s="2">
        <v>10.6</v>
      </c>
      <c r="Z456" s="5"/>
      <c r="AA456" s="5" t="s">
        <v>43</v>
      </c>
      <c r="AB456" s="5" t="s">
        <v>44</v>
      </c>
      <c r="AC456" s="2"/>
      <c r="AD456" s="1"/>
    </row>
    <row r="457" spans="1:30">
      <c r="A457" s="5" t="s">
        <v>83578</v>
      </c>
      <c r="B457" s="2" t="s">
        <v>84944</v>
      </c>
      <c r="C457" s="14" t="s">
        <v>84945</v>
      </c>
      <c r="D457" s="2" t="s">
        <v>84946</v>
      </c>
      <c r="E457" s="2" t="s">
        <v>1855</v>
      </c>
      <c r="F457" s="8">
        <v>151</v>
      </c>
      <c r="G457" s="5">
        <v>13</v>
      </c>
      <c r="H457" s="5" t="s">
        <v>1518</v>
      </c>
      <c r="I457" s="5" t="s">
        <v>1519</v>
      </c>
      <c r="J457" s="2" t="s">
        <v>1520</v>
      </c>
      <c r="K457" s="5" t="s">
        <v>1519</v>
      </c>
      <c r="L457" s="2" t="s">
        <v>1520</v>
      </c>
      <c r="M457" s="5" t="s">
        <v>1521</v>
      </c>
      <c r="N457" s="5" t="s">
        <v>38</v>
      </c>
      <c r="O457" s="5" t="s">
        <v>39</v>
      </c>
      <c r="P457" s="5" t="s">
        <v>40</v>
      </c>
      <c r="Q457" s="5" t="s">
        <v>1522</v>
      </c>
      <c r="R457" s="5" t="s">
        <v>1523</v>
      </c>
      <c r="S457" s="5" t="s">
        <v>42</v>
      </c>
      <c r="T457" s="2">
        <v>2.0329999999999999</v>
      </c>
      <c r="U457" s="2">
        <v>1.669</v>
      </c>
      <c r="V457" s="2">
        <v>1.0999999999999999E-2</v>
      </c>
      <c r="W457" s="2">
        <v>139.1</v>
      </c>
      <c r="X457" s="2">
        <v>7.6</v>
      </c>
      <c r="Y457" s="2">
        <v>10.6</v>
      </c>
      <c r="Z457" s="5"/>
      <c r="AA457" s="5" t="s">
        <v>43</v>
      </c>
      <c r="AB457" s="5" t="s">
        <v>44</v>
      </c>
      <c r="AC457" s="2"/>
      <c r="AD457" s="1"/>
    </row>
    <row r="458" spans="1:30">
      <c r="A458" s="5" t="s">
        <v>83578</v>
      </c>
      <c r="B458" s="2" t="s">
        <v>84947</v>
      </c>
      <c r="C458" s="14" t="s">
        <v>84948</v>
      </c>
      <c r="D458" s="2" t="s">
        <v>84949</v>
      </c>
      <c r="E458" s="2" t="s">
        <v>1859</v>
      </c>
      <c r="F458" s="8">
        <v>151</v>
      </c>
      <c r="G458" s="5">
        <v>13</v>
      </c>
      <c r="H458" s="5" t="s">
        <v>1518</v>
      </c>
      <c r="I458" s="5" t="s">
        <v>1519</v>
      </c>
      <c r="J458" s="2" t="s">
        <v>1520</v>
      </c>
      <c r="K458" s="5" t="s">
        <v>1519</v>
      </c>
      <c r="L458" s="2" t="s">
        <v>1520</v>
      </c>
      <c r="M458" s="5" t="s">
        <v>1521</v>
      </c>
      <c r="N458" s="5" t="s">
        <v>38</v>
      </c>
      <c r="O458" s="5" t="s">
        <v>39</v>
      </c>
      <c r="P458" s="5" t="s">
        <v>40</v>
      </c>
      <c r="Q458" s="5" t="s">
        <v>1522</v>
      </c>
      <c r="R458" s="5" t="s">
        <v>1523</v>
      </c>
      <c r="S458" s="5" t="s">
        <v>42</v>
      </c>
      <c r="T458" s="2">
        <v>2.0779999999999998</v>
      </c>
      <c r="U458" s="2">
        <v>1.714</v>
      </c>
      <c r="V458" s="2">
        <v>1.0999999999999999E-2</v>
      </c>
      <c r="W458" s="2">
        <v>139.1</v>
      </c>
      <c r="X458" s="2">
        <v>7.6</v>
      </c>
      <c r="Y458" s="2">
        <v>10.6</v>
      </c>
      <c r="Z458" s="5"/>
      <c r="AA458" s="5" t="s">
        <v>43</v>
      </c>
      <c r="AB458" s="5" t="s">
        <v>44</v>
      </c>
      <c r="AC458" s="2"/>
      <c r="AD458" s="1"/>
    </row>
    <row r="459" spans="1:30">
      <c r="A459" s="5" t="s">
        <v>83578</v>
      </c>
      <c r="B459" s="2" t="s">
        <v>84950</v>
      </c>
      <c r="C459" s="14" t="s">
        <v>84951</v>
      </c>
      <c r="D459" s="2" t="s">
        <v>84952</v>
      </c>
      <c r="E459" s="2" t="s">
        <v>2724</v>
      </c>
      <c r="F459" s="8">
        <v>168</v>
      </c>
      <c r="G459" s="5">
        <v>13</v>
      </c>
      <c r="H459" s="5" t="s">
        <v>1518</v>
      </c>
      <c r="I459" s="5" t="s">
        <v>1519</v>
      </c>
      <c r="J459" s="2" t="s">
        <v>1520</v>
      </c>
      <c r="K459" s="5" t="s">
        <v>1519</v>
      </c>
      <c r="L459" s="2" t="s">
        <v>1520</v>
      </c>
      <c r="M459" s="5" t="s">
        <v>1521</v>
      </c>
      <c r="N459" s="5" t="s">
        <v>38</v>
      </c>
      <c r="O459" s="5" t="s">
        <v>39</v>
      </c>
      <c r="P459" s="5" t="s">
        <v>40</v>
      </c>
      <c r="Q459" s="5" t="s">
        <v>1522</v>
      </c>
      <c r="R459" s="5" t="s">
        <v>1523</v>
      </c>
      <c r="S459" s="5" t="s">
        <v>42</v>
      </c>
      <c r="T459" s="2">
        <v>2.3860000000000001</v>
      </c>
      <c r="U459" s="2">
        <v>2.0219999999999998</v>
      </c>
      <c r="V459" s="2">
        <v>1.0999999999999999E-2</v>
      </c>
      <c r="W459" s="2">
        <v>139.1</v>
      </c>
      <c r="X459" s="2">
        <v>7.6</v>
      </c>
      <c r="Y459" s="2">
        <v>10.6</v>
      </c>
      <c r="Z459" s="5"/>
      <c r="AA459" s="5" t="s">
        <v>43</v>
      </c>
      <c r="AB459" s="5" t="s">
        <v>44</v>
      </c>
      <c r="AC459" s="2"/>
      <c r="AD459" s="1"/>
    </row>
    <row r="460" spans="1:30">
      <c r="A460" s="5" t="s">
        <v>83578</v>
      </c>
      <c r="B460" s="2" t="s">
        <v>84953</v>
      </c>
      <c r="C460" s="14" t="s">
        <v>84954</v>
      </c>
      <c r="D460" s="2" t="s">
        <v>84955</v>
      </c>
      <c r="E460" s="2" t="s">
        <v>2204</v>
      </c>
      <c r="F460" s="8">
        <v>182</v>
      </c>
      <c r="G460" s="5">
        <v>13</v>
      </c>
      <c r="H460" s="5" t="s">
        <v>1518</v>
      </c>
      <c r="I460" s="5" t="s">
        <v>1519</v>
      </c>
      <c r="J460" s="2" t="s">
        <v>1520</v>
      </c>
      <c r="K460" s="5" t="s">
        <v>1519</v>
      </c>
      <c r="L460" s="2" t="s">
        <v>1520</v>
      </c>
      <c r="M460" s="5" t="s">
        <v>1521</v>
      </c>
      <c r="N460" s="5" t="s">
        <v>38</v>
      </c>
      <c r="O460" s="5" t="s">
        <v>39</v>
      </c>
      <c r="P460" s="5" t="s">
        <v>40</v>
      </c>
      <c r="Q460" s="5" t="s">
        <v>1522</v>
      </c>
      <c r="R460" s="5" t="s">
        <v>1523</v>
      </c>
      <c r="S460" s="5" t="s">
        <v>42</v>
      </c>
      <c r="T460" s="2">
        <v>2.6419999999999999</v>
      </c>
      <c r="U460" s="2">
        <v>2.278</v>
      </c>
      <c r="V460" s="2">
        <v>1.0999999999999999E-2</v>
      </c>
      <c r="W460" s="2">
        <v>139.1</v>
      </c>
      <c r="X460" s="2">
        <v>7.6</v>
      </c>
      <c r="Y460" s="2">
        <v>10.6</v>
      </c>
      <c r="Z460" s="5"/>
      <c r="AA460" s="5" t="s">
        <v>43</v>
      </c>
      <c r="AB460" s="5" t="s">
        <v>44</v>
      </c>
      <c r="AC460" s="2"/>
      <c r="AD460" s="1"/>
    </row>
    <row r="461" spans="1:30">
      <c r="A461" s="5" t="s">
        <v>83578</v>
      </c>
      <c r="B461" s="2" t="s">
        <v>84956</v>
      </c>
      <c r="C461" s="14" t="s">
        <v>84957</v>
      </c>
      <c r="D461" s="2" t="s">
        <v>84958</v>
      </c>
      <c r="E461" s="2" t="s">
        <v>2348</v>
      </c>
      <c r="F461" s="8">
        <v>202</v>
      </c>
      <c r="G461" s="5">
        <v>18</v>
      </c>
      <c r="H461" s="5" t="s">
        <v>1518</v>
      </c>
      <c r="I461" s="5" t="s">
        <v>1519</v>
      </c>
      <c r="J461" s="2" t="s">
        <v>1520</v>
      </c>
      <c r="K461" s="5" t="s">
        <v>1519</v>
      </c>
      <c r="L461" s="2" t="s">
        <v>1520</v>
      </c>
      <c r="M461" s="5" t="s">
        <v>1521</v>
      </c>
      <c r="N461" s="5" t="s">
        <v>38</v>
      </c>
      <c r="O461" s="5" t="s">
        <v>39</v>
      </c>
      <c r="P461" s="5" t="s">
        <v>40</v>
      </c>
      <c r="Q461" s="5" t="s">
        <v>1522</v>
      </c>
      <c r="R461" s="5" t="s">
        <v>1523</v>
      </c>
      <c r="S461" s="5" t="s">
        <v>42</v>
      </c>
      <c r="T461" s="2">
        <v>2.9060000000000001</v>
      </c>
      <c r="U461" s="2">
        <v>2.4980000000000002</v>
      </c>
      <c r="V461" s="2">
        <v>1.2999999999999999E-2</v>
      </c>
      <c r="W461" s="2">
        <v>159.1</v>
      </c>
      <c r="X461" s="2">
        <v>7.6</v>
      </c>
      <c r="Y461" s="2">
        <v>10.6</v>
      </c>
      <c r="Z461" s="5"/>
      <c r="AA461" s="5" t="s">
        <v>43</v>
      </c>
      <c r="AB461" s="5" t="s">
        <v>44</v>
      </c>
      <c r="AC461" s="2"/>
      <c r="AD461" s="1"/>
    </row>
    <row r="462" spans="1:30">
      <c r="A462" s="5" t="s">
        <v>83578</v>
      </c>
      <c r="B462" s="2" t="s">
        <v>84959</v>
      </c>
      <c r="C462" s="14" t="s">
        <v>84960</v>
      </c>
      <c r="D462" s="2" t="s">
        <v>84961</v>
      </c>
      <c r="E462" s="2" t="s">
        <v>2204</v>
      </c>
      <c r="F462" s="8">
        <v>202</v>
      </c>
      <c r="G462" s="5">
        <v>18</v>
      </c>
      <c r="H462" s="5" t="s">
        <v>1518</v>
      </c>
      <c r="I462" s="5" t="s">
        <v>1519</v>
      </c>
      <c r="J462" s="2" t="s">
        <v>1520</v>
      </c>
      <c r="K462" s="5" t="s">
        <v>1519</v>
      </c>
      <c r="L462" s="2" t="s">
        <v>1520</v>
      </c>
      <c r="M462" s="5" t="s">
        <v>1521</v>
      </c>
      <c r="N462" s="5" t="s">
        <v>38</v>
      </c>
      <c r="O462" s="5" t="s">
        <v>39</v>
      </c>
      <c r="P462" s="5" t="s">
        <v>40</v>
      </c>
      <c r="Q462" s="5" t="s">
        <v>1522</v>
      </c>
      <c r="R462" s="5" t="s">
        <v>1523</v>
      </c>
      <c r="S462" s="5" t="s">
        <v>42</v>
      </c>
      <c r="T462" s="2">
        <v>2.839</v>
      </c>
      <c r="U462" s="2">
        <v>2.431</v>
      </c>
      <c r="V462" s="2">
        <v>1.2999999999999999E-2</v>
      </c>
      <c r="W462" s="2">
        <v>159.1</v>
      </c>
      <c r="X462" s="2">
        <v>7.6</v>
      </c>
      <c r="Y462" s="2">
        <v>10.6</v>
      </c>
      <c r="Z462" s="5"/>
      <c r="AA462" s="5" t="s">
        <v>43</v>
      </c>
      <c r="AB462" s="5" t="s">
        <v>44</v>
      </c>
      <c r="AC462" s="2"/>
      <c r="AD462" s="1"/>
    </row>
    <row r="463" spans="1:30">
      <c r="A463" s="5" t="s">
        <v>83578</v>
      </c>
      <c r="B463" s="2" t="s">
        <v>84962</v>
      </c>
      <c r="C463" s="14" t="s">
        <v>84963</v>
      </c>
      <c r="D463" s="2" t="s">
        <v>84964</v>
      </c>
      <c r="E463" s="2" t="s">
        <v>2724</v>
      </c>
      <c r="F463" s="8">
        <v>202</v>
      </c>
      <c r="G463" s="5">
        <v>18</v>
      </c>
      <c r="H463" s="5" t="s">
        <v>1518</v>
      </c>
      <c r="I463" s="5" t="s">
        <v>1519</v>
      </c>
      <c r="J463" s="2" t="s">
        <v>1520</v>
      </c>
      <c r="K463" s="5" t="s">
        <v>1519</v>
      </c>
      <c r="L463" s="2" t="s">
        <v>1520</v>
      </c>
      <c r="M463" s="5" t="s">
        <v>1521</v>
      </c>
      <c r="N463" s="5" t="s">
        <v>38</v>
      </c>
      <c r="O463" s="5" t="s">
        <v>39</v>
      </c>
      <c r="P463" s="5" t="s">
        <v>40</v>
      </c>
      <c r="Q463" s="5" t="s">
        <v>1522</v>
      </c>
      <c r="R463" s="5" t="s">
        <v>1523</v>
      </c>
      <c r="S463" s="5" t="s">
        <v>42</v>
      </c>
      <c r="T463" s="2">
        <v>2.9060000000000001</v>
      </c>
      <c r="U463" s="2">
        <v>2.4980000000000002</v>
      </c>
      <c r="V463" s="2">
        <v>1.2999999999999999E-2</v>
      </c>
      <c r="W463" s="2">
        <v>159.1</v>
      </c>
      <c r="X463" s="2">
        <v>7.6</v>
      </c>
      <c r="Y463" s="2">
        <v>10.6</v>
      </c>
      <c r="Z463" s="5"/>
      <c r="AA463" s="5" t="s">
        <v>43</v>
      </c>
      <c r="AB463" s="5" t="s">
        <v>44</v>
      </c>
      <c r="AC463" s="2"/>
      <c r="AD463" s="1"/>
    </row>
    <row r="464" spans="1:30">
      <c r="A464" s="5" t="s">
        <v>83578</v>
      </c>
      <c r="B464" s="2" t="s">
        <v>84965</v>
      </c>
      <c r="C464" s="14" t="s">
        <v>84966</v>
      </c>
      <c r="D464" s="2" t="s">
        <v>84967</v>
      </c>
      <c r="E464" s="2" t="s">
        <v>2212</v>
      </c>
      <c r="F464" s="8">
        <v>202</v>
      </c>
      <c r="G464" s="5">
        <v>18</v>
      </c>
      <c r="H464" s="5" t="s">
        <v>1518</v>
      </c>
      <c r="I464" s="5" t="s">
        <v>1519</v>
      </c>
      <c r="J464" s="2" t="s">
        <v>1520</v>
      </c>
      <c r="K464" s="5" t="s">
        <v>1519</v>
      </c>
      <c r="L464" s="2" t="s">
        <v>1520</v>
      </c>
      <c r="M464" s="5" t="s">
        <v>1521</v>
      </c>
      <c r="N464" s="5" t="s">
        <v>38</v>
      </c>
      <c r="O464" s="5" t="s">
        <v>39</v>
      </c>
      <c r="P464" s="5" t="s">
        <v>40</v>
      </c>
      <c r="Q464" s="5" t="s">
        <v>1522</v>
      </c>
      <c r="R464" s="5" t="s">
        <v>1523</v>
      </c>
      <c r="S464" s="5" t="s">
        <v>42</v>
      </c>
      <c r="T464" s="2">
        <v>2.9060000000000001</v>
      </c>
      <c r="U464" s="2">
        <v>2.4980000000000002</v>
      </c>
      <c r="V464" s="2">
        <v>1.2999999999999999E-2</v>
      </c>
      <c r="W464" s="2">
        <v>159.1</v>
      </c>
      <c r="X464" s="2">
        <v>7.6</v>
      </c>
      <c r="Y464" s="2">
        <v>10.6</v>
      </c>
      <c r="Z464" s="5"/>
      <c r="AA464" s="5" t="s">
        <v>43</v>
      </c>
      <c r="AB464" s="5" t="s">
        <v>44</v>
      </c>
      <c r="AC464" s="2"/>
      <c r="AD464" s="1"/>
    </row>
    <row r="465" spans="1:30">
      <c r="A465" s="5" t="s">
        <v>83578</v>
      </c>
      <c r="B465" s="2" t="s">
        <v>84968</v>
      </c>
      <c r="C465" s="14" t="s">
        <v>84969</v>
      </c>
      <c r="D465" s="2" t="s">
        <v>84970</v>
      </c>
      <c r="E465" s="2" t="s">
        <v>1839</v>
      </c>
      <c r="F465" s="8">
        <v>202</v>
      </c>
      <c r="G465" s="5">
        <v>18</v>
      </c>
      <c r="H465" s="5" t="s">
        <v>1518</v>
      </c>
      <c r="I465" s="5" t="s">
        <v>1519</v>
      </c>
      <c r="J465" s="2" t="s">
        <v>1520</v>
      </c>
      <c r="K465" s="5" t="s">
        <v>1519</v>
      </c>
      <c r="L465" s="2" t="s">
        <v>1520</v>
      </c>
      <c r="M465" s="5" t="s">
        <v>1521</v>
      </c>
      <c r="N465" s="5" t="s">
        <v>38</v>
      </c>
      <c r="O465" s="5" t="s">
        <v>39</v>
      </c>
      <c r="P465" s="5" t="s">
        <v>40</v>
      </c>
      <c r="Q465" s="5" t="s">
        <v>1522</v>
      </c>
      <c r="R465" s="5" t="s">
        <v>1523</v>
      </c>
      <c r="S465" s="5" t="s">
        <v>42</v>
      </c>
      <c r="T465" s="2">
        <v>2.839</v>
      </c>
      <c r="U465" s="2">
        <v>2.431</v>
      </c>
      <c r="V465" s="2">
        <v>1.2999999999999999E-2</v>
      </c>
      <c r="W465" s="2">
        <v>159.1</v>
      </c>
      <c r="X465" s="2">
        <v>7.6</v>
      </c>
      <c r="Y465" s="2">
        <v>10.6</v>
      </c>
      <c r="Z465" s="5"/>
      <c r="AA465" s="5" t="s">
        <v>43</v>
      </c>
      <c r="AB465" s="5" t="s">
        <v>44</v>
      </c>
      <c r="AC465" s="2"/>
      <c r="AD465" s="1"/>
    </row>
    <row r="466" spans="1:30">
      <c r="A466" s="5" t="s">
        <v>83578</v>
      </c>
      <c r="B466" s="2" t="s">
        <v>84971</v>
      </c>
      <c r="C466" s="14" t="s">
        <v>84972</v>
      </c>
      <c r="D466" s="2" t="s">
        <v>84973</v>
      </c>
      <c r="E466" s="2" t="s">
        <v>1851</v>
      </c>
      <c r="F466" s="8">
        <v>202</v>
      </c>
      <c r="G466" s="5">
        <v>18</v>
      </c>
      <c r="H466" s="5" t="s">
        <v>1518</v>
      </c>
      <c r="I466" s="5" t="s">
        <v>1519</v>
      </c>
      <c r="J466" s="2" t="s">
        <v>1520</v>
      </c>
      <c r="K466" s="5" t="s">
        <v>1519</v>
      </c>
      <c r="L466" s="2" t="s">
        <v>1520</v>
      </c>
      <c r="M466" s="5" t="s">
        <v>1521</v>
      </c>
      <c r="N466" s="5" t="s">
        <v>38</v>
      </c>
      <c r="O466" s="5" t="s">
        <v>39</v>
      </c>
      <c r="P466" s="5" t="s">
        <v>40</v>
      </c>
      <c r="Q466" s="5" t="s">
        <v>1522</v>
      </c>
      <c r="R466" s="5" t="s">
        <v>1523</v>
      </c>
      <c r="S466" s="5" t="s">
        <v>42</v>
      </c>
      <c r="T466" s="2">
        <v>2.839</v>
      </c>
      <c r="U466" s="2">
        <v>2.431</v>
      </c>
      <c r="V466" s="2">
        <v>1.2999999999999999E-2</v>
      </c>
      <c r="W466" s="2">
        <v>159.1</v>
      </c>
      <c r="X466" s="2">
        <v>7.6</v>
      </c>
      <c r="Y466" s="2">
        <v>10.6</v>
      </c>
      <c r="Z466" s="5"/>
      <c r="AA466" s="5" t="s">
        <v>43</v>
      </c>
      <c r="AB466" s="5" t="s">
        <v>44</v>
      </c>
      <c r="AC466" s="2"/>
      <c r="AD466" s="1"/>
    </row>
    <row r="467" spans="1:30">
      <c r="A467" s="5" t="s">
        <v>83578</v>
      </c>
      <c r="B467" s="2" t="s">
        <v>84974</v>
      </c>
      <c r="C467" s="14" t="s">
        <v>84975</v>
      </c>
      <c r="D467" s="2" t="s">
        <v>84976</v>
      </c>
      <c r="E467" s="2" t="s">
        <v>1999</v>
      </c>
      <c r="F467" s="8">
        <v>202</v>
      </c>
      <c r="G467" s="5">
        <v>18</v>
      </c>
      <c r="H467" s="5" t="s">
        <v>1518</v>
      </c>
      <c r="I467" s="5" t="s">
        <v>1519</v>
      </c>
      <c r="J467" s="2" t="s">
        <v>1520</v>
      </c>
      <c r="K467" s="5" t="s">
        <v>1519</v>
      </c>
      <c r="L467" s="2" t="s">
        <v>1520</v>
      </c>
      <c r="M467" s="5" t="s">
        <v>1521</v>
      </c>
      <c r="N467" s="5" t="s">
        <v>38</v>
      </c>
      <c r="O467" s="5" t="s">
        <v>39</v>
      </c>
      <c r="P467" s="5" t="s">
        <v>40</v>
      </c>
      <c r="Q467" s="5" t="s">
        <v>1522</v>
      </c>
      <c r="R467" s="5" t="s">
        <v>1523</v>
      </c>
      <c r="S467" s="5" t="s">
        <v>42</v>
      </c>
      <c r="T467" s="2">
        <v>2.9060000000000001</v>
      </c>
      <c r="U467" s="2">
        <v>2.4980000000000002</v>
      </c>
      <c r="V467" s="2">
        <v>1.2999999999999999E-2</v>
      </c>
      <c r="W467" s="2">
        <v>159.1</v>
      </c>
      <c r="X467" s="2">
        <v>7.6</v>
      </c>
      <c r="Y467" s="2">
        <v>10.6</v>
      </c>
      <c r="Z467" s="5"/>
      <c r="AA467" s="5" t="s">
        <v>43</v>
      </c>
      <c r="AB467" s="5" t="s">
        <v>44</v>
      </c>
      <c r="AC467" s="2"/>
      <c r="AD467" s="1"/>
    </row>
    <row r="468" spans="1:30">
      <c r="A468" s="5" t="s">
        <v>83578</v>
      </c>
      <c r="B468" s="2" t="s">
        <v>84977</v>
      </c>
      <c r="C468" s="14" t="s">
        <v>84978</v>
      </c>
      <c r="D468" s="2" t="s">
        <v>84979</v>
      </c>
      <c r="E468" s="2" t="s">
        <v>1855</v>
      </c>
      <c r="F468" s="8">
        <v>202</v>
      </c>
      <c r="G468" s="5">
        <v>18</v>
      </c>
      <c r="H468" s="5" t="s">
        <v>1518</v>
      </c>
      <c r="I468" s="5" t="s">
        <v>1519</v>
      </c>
      <c r="J468" s="2" t="s">
        <v>1520</v>
      </c>
      <c r="K468" s="5" t="s">
        <v>1519</v>
      </c>
      <c r="L468" s="2" t="s">
        <v>1520</v>
      </c>
      <c r="M468" s="5" t="s">
        <v>1521</v>
      </c>
      <c r="N468" s="5" t="s">
        <v>38</v>
      </c>
      <c r="O468" s="5" t="s">
        <v>39</v>
      </c>
      <c r="P468" s="5" t="s">
        <v>40</v>
      </c>
      <c r="Q468" s="5" t="s">
        <v>1522</v>
      </c>
      <c r="R468" s="5" t="s">
        <v>1523</v>
      </c>
      <c r="S468" s="5" t="s">
        <v>42</v>
      </c>
      <c r="T468" s="2">
        <v>2.839</v>
      </c>
      <c r="U468" s="2">
        <v>2.431</v>
      </c>
      <c r="V468" s="2">
        <v>1.2999999999999999E-2</v>
      </c>
      <c r="W468" s="2">
        <v>159.1</v>
      </c>
      <c r="X468" s="2">
        <v>7.6</v>
      </c>
      <c r="Y468" s="2">
        <v>10.6</v>
      </c>
      <c r="Z468" s="5"/>
      <c r="AA468" s="5" t="s">
        <v>43</v>
      </c>
      <c r="AB468" s="5" t="s">
        <v>44</v>
      </c>
      <c r="AC468" s="2"/>
      <c r="AD468" s="1"/>
    </row>
    <row r="469" spans="1:30">
      <c r="A469" s="5" t="s">
        <v>83578</v>
      </c>
      <c r="B469" s="2" t="s">
        <v>84980</v>
      </c>
      <c r="C469" s="14" t="s">
        <v>84981</v>
      </c>
      <c r="D469" s="2" t="s">
        <v>84982</v>
      </c>
      <c r="E469" s="2" t="s">
        <v>1859</v>
      </c>
      <c r="F469" s="8">
        <v>202</v>
      </c>
      <c r="G469" s="5">
        <v>18</v>
      </c>
      <c r="H469" s="5" t="s">
        <v>1518</v>
      </c>
      <c r="I469" s="5" t="s">
        <v>1519</v>
      </c>
      <c r="J469" s="2" t="s">
        <v>1520</v>
      </c>
      <c r="K469" s="5" t="s">
        <v>1519</v>
      </c>
      <c r="L469" s="2" t="s">
        <v>1520</v>
      </c>
      <c r="M469" s="5" t="s">
        <v>1521</v>
      </c>
      <c r="N469" s="5" t="s">
        <v>38</v>
      </c>
      <c r="O469" s="5" t="s">
        <v>39</v>
      </c>
      <c r="P469" s="5" t="s">
        <v>40</v>
      </c>
      <c r="Q469" s="5" t="s">
        <v>1522</v>
      </c>
      <c r="R469" s="5" t="s">
        <v>1523</v>
      </c>
      <c r="S469" s="5" t="s">
        <v>42</v>
      </c>
      <c r="T469" s="2">
        <v>2.9060000000000001</v>
      </c>
      <c r="U469" s="2">
        <v>2.4980000000000002</v>
      </c>
      <c r="V469" s="2">
        <v>1.2999999999999999E-2</v>
      </c>
      <c r="W469" s="2">
        <v>159.1</v>
      </c>
      <c r="X469" s="2">
        <v>7.6</v>
      </c>
      <c r="Y469" s="2">
        <v>10.6</v>
      </c>
      <c r="Z469" s="5"/>
      <c r="AA469" s="5" t="s">
        <v>43</v>
      </c>
      <c r="AB469" s="5" t="s">
        <v>44</v>
      </c>
      <c r="AC469" s="2"/>
      <c r="AD469" s="1"/>
    </row>
    <row r="470" spans="1:30">
      <c r="A470" s="5" t="s">
        <v>83578</v>
      </c>
      <c r="B470" s="2" t="s">
        <v>84983</v>
      </c>
      <c r="C470" s="14" t="s">
        <v>84984</v>
      </c>
      <c r="D470" s="2" t="s">
        <v>84985</v>
      </c>
      <c r="E470" s="2" t="s">
        <v>7429</v>
      </c>
      <c r="F470" s="8">
        <v>189</v>
      </c>
      <c r="G470" s="5">
        <v>6</v>
      </c>
      <c r="H470" s="5" t="s">
        <v>1518</v>
      </c>
      <c r="I470" s="5" t="s">
        <v>1519</v>
      </c>
      <c r="J470" s="2" t="s">
        <v>1520</v>
      </c>
      <c r="K470" s="5" t="s">
        <v>1519</v>
      </c>
      <c r="L470" s="2" t="s">
        <v>1520</v>
      </c>
      <c r="M470" s="5" t="s">
        <v>1521</v>
      </c>
      <c r="N470" s="5" t="s">
        <v>38</v>
      </c>
      <c r="O470" s="5" t="s">
        <v>39</v>
      </c>
      <c r="P470" s="5" t="s">
        <v>40</v>
      </c>
      <c r="Q470" s="5" t="s">
        <v>1522</v>
      </c>
      <c r="R470" s="5" t="s">
        <v>1523</v>
      </c>
      <c r="S470" s="5" t="s">
        <v>42</v>
      </c>
      <c r="T470" s="2">
        <v>2.5049999999999999</v>
      </c>
      <c r="U470" s="2">
        <v>2.0819999999999999</v>
      </c>
      <c r="V470" s="2">
        <v>1.2999999999999999E-2</v>
      </c>
      <c r="W470" s="2">
        <v>159.1</v>
      </c>
      <c r="X470" s="2">
        <v>7.6</v>
      </c>
      <c r="Y470" s="2">
        <v>10.6</v>
      </c>
      <c r="Z470" s="5"/>
      <c r="AA470" s="5" t="s">
        <v>43</v>
      </c>
      <c r="AB470" s="5" t="s">
        <v>44</v>
      </c>
      <c r="AC470" s="2"/>
      <c r="AD470" s="1"/>
    </row>
    <row r="471" spans="1:30">
      <c r="A471" s="5" t="s">
        <v>83578</v>
      </c>
      <c r="B471" s="2" t="s">
        <v>84986</v>
      </c>
      <c r="C471" s="14" t="s">
        <v>84987</v>
      </c>
      <c r="D471" s="2" t="s">
        <v>84988</v>
      </c>
      <c r="E471" s="2" t="s">
        <v>7208</v>
      </c>
      <c r="F471" s="8">
        <v>80</v>
      </c>
      <c r="G471" s="5">
        <v>6</v>
      </c>
      <c r="H471" s="5" t="s">
        <v>1518</v>
      </c>
      <c r="I471" s="5" t="s">
        <v>1519</v>
      </c>
      <c r="J471" s="2" t="s">
        <v>1520</v>
      </c>
      <c r="K471" s="5" t="s">
        <v>1519</v>
      </c>
      <c r="L471" s="2" t="s">
        <v>1520</v>
      </c>
      <c r="M471" s="5" t="s">
        <v>1521</v>
      </c>
      <c r="N471" s="5" t="s">
        <v>38</v>
      </c>
      <c r="O471" s="5" t="s">
        <v>39</v>
      </c>
      <c r="P471" s="5" t="s">
        <v>40</v>
      </c>
      <c r="Q471" s="5" t="s">
        <v>1522</v>
      </c>
      <c r="R471" s="5" t="s">
        <v>1523</v>
      </c>
      <c r="S471" s="5" t="s">
        <v>42</v>
      </c>
      <c r="T471" s="2">
        <v>1.407</v>
      </c>
      <c r="U471" s="2">
        <v>1.0269999999999999</v>
      </c>
      <c r="V471" s="2">
        <v>8.0000000000000002E-3</v>
      </c>
      <c r="W471" s="2">
        <v>92.3</v>
      </c>
      <c r="X471" s="2">
        <v>7.1</v>
      </c>
      <c r="Y471" s="2">
        <v>11.9</v>
      </c>
      <c r="Z471" s="5"/>
      <c r="AA471" s="5" t="s">
        <v>43</v>
      </c>
      <c r="AB471" s="5" t="s">
        <v>44</v>
      </c>
      <c r="AC471" s="2"/>
      <c r="AD471" s="1"/>
    </row>
    <row r="472" spans="1:30">
      <c r="A472" s="5" t="s">
        <v>83578</v>
      </c>
      <c r="B472" s="2" t="s">
        <v>84989</v>
      </c>
      <c r="C472" s="14" t="s">
        <v>84990</v>
      </c>
      <c r="D472" s="2" t="s">
        <v>84991</v>
      </c>
      <c r="E472" s="2" t="s">
        <v>7208</v>
      </c>
      <c r="F472" s="8">
        <v>122</v>
      </c>
      <c r="G472" s="5">
        <v>6</v>
      </c>
      <c r="H472" s="5" t="s">
        <v>1518</v>
      </c>
      <c r="I472" s="5" t="s">
        <v>1519</v>
      </c>
      <c r="J472" s="2" t="s">
        <v>1520</v>
      </c>
      <c r="K472" s="5" t="s">
        <v>1519</v>
      </c>
      <c r="L472" s="2" t="s">
        <v>1520</v>
      </c>
      <c r="M472" s="5" t="s">
        <v>1521</v>
      </c>
      <c r="N472" s="5" t="s">
        <v>38</v>
      </c>
      <c r="O472" s="5" t="s">
        <v>39</v>
      </c>
      <c r="P472" s="5" t="s">
        <v>40</v>
      </c>
      <c r="Q472" s="5" t="s">
        <v>1522</v>
      </c>
      <c r="R472" s="5" t="s">
        <v>1523</v>
      </c>
      <c r="S472" s="5" t="s">
        <v>42</v>
      </c>
      <c r="T472" s="2">
        <v>1.968</v>
      </c>
      <c r="U472" s="2">
        <v>1.621</v>
      </c>
      <c r="V472" s="2">
        <v>8.0000000000000002E-3</v>
      </c>
      <c r="W472" s="2">
        <v>92.3</v>
      </c>
      <c r="X472" s="2">
        <v>7.1</v>
      </c>
      <c r="Y472" s="2">
        <v>11.9</v>
      </c>
      <c r="Z472" s="5"/>
      <c r="AA472" s="5" t="s">
        <v>43</v>
      </c>
      <c r="AB472" s="5" t="s">
        <v>44</v>
      </c>
      <c r="AC472" s="2"/>
      <c r="AD472" s="1"/>
    </row>
    <row r="473" spans="1:30">
      <c r="A473" s="5" t="s">
        <v>83578</v>
      </c>
      <c r="B473" s="2" t="s">
        <v>84992</v>
      </c>
      <c r="C473" s="14" t="s">
        <v>84993</v>
      </c>
      <c r="D473" s="2" t="s">
        <v>84994</v>
      </c>
      <c r="E473" s="2" t="s">
        <v>7208</v>
      </c>
      <c r="F473" s="8">
        <v>138</v>
      </c>
      <c r="G473" s="5">
        <v>6</v>
      </c>
      <c r="H473" s="5" t="s">
        <v>1518</v>
      </c>
      <c r="I473" s="5" t="s">
        <v>1519</v>
      </c>
      <c r="J473" s="2" t="s">
        <v>1520</v>
      </c>
      <c r="K473" s="5" t="s">
        <v>1519</v>
      </c>
      <c r="L473" s="2" t="s">
        <v>1520</v>
      </c>
      <c r="M473" s="5" t="s">
        <v>1521</v>
      </c>
      <c r="N473" s="5" t="s">
        <v>38</v>
      </c>
      <c r="O473" s="5" t="s">
        <v>39</v>
      </c>
      <c r="P473" s="5" t="s">
        <v>40</v>
      </c>
      <c r="Q473" s="5" t="s">
        <v>1522</v>
      </c>
      <c r="R473" s="5" t="s">
        <v>1523</v>
      </c>
      <c r="S473" s="5" t="s">
        <v>42</v>
      </c>
      <c r="T473" s="2">
        <v>2.2450000000000001</v>
      </c>
      <c r="U473" s="2">
        <v>1.885</v>
      </c>
      <c r="V473" s="2">
        <v>0.01</v>
      </c>
      <c r="W473" s="2">
        <v>114.3</v>
      </c>
      <c r="X473" s="2">
        <v>7.1</v>
      </c>
      <c r="Y473" s="2">
        <v>11.9</v>
      </c>
      <c r="Z473" s="5"/>
      <c r="AA473" s="5" t="s">
        <v>43</v>
      </c>
      <c r="AB473" s="5" t="s">
        <v>44</v>
      </c>
      <c r="AC473" s="2"/>
      <c r="AD473" s="1"/>
    </row>
    <row r="474" spans="1:30">
      <c r="A474" s="5" t="s">
        <v>83578</v>
      </c>
      <c r="B474" s="2" t="s">
        <v>84995</v>
      </c>
      <c r="C474" s="14" t="s">
        <v>84996</v>
      </c>
      <c r="D474" s="2" t="s">
        <v>84997</v>
      </c>
      <c r="E474" s="2" t="s">
        <v>7555</v>
      </c>
      <c r="F474" s="8">
        <v>224</v>
      </c>
      <c r="G474" s="5">
        <v>6</v>
      </c>
      <c r="H474" s="5" t="s">
        <v>1518</v>
      </c>
      <c r="I474" s="5" t="s">
        <v>1519</v>
      </c>
      <c r="J474" s="2" t="s">
        <v>1520</v>
      </c>
      <c r="K474" s="5" t="s">
        <v>1519</v>
      </c>
      <c r="L474" s="2" t="s">
        <v>1520</v>
      </c>
      <c r="M474" s="5" t="s">
        <v>1521</v>
      </c>
      <c r="N474" s="5" t="s">
        <v>38</v>
      </c>
      <c r="O474" s="5" t="s">
        <v>39</v>
      </c>
      <c r="P474" s="5" t="s">
        <v>40</v>
      </c>
      <c r="Q474" s="5" t="s">
        <v>1522</v>
      </c>
      <c r="R474" s="5" t="s">
        <v>1523</v>
      </c>
      <c r="S474" s="5" t="s">
        <v>42</v>
      </c>
      <c r="T474" s="2">
        <v>1.925</v>
      </c>
      <c r="U474" s="2">
        <v>1.4630000000000001</v>
      </c>
      <c r="V474" s="2">
        <v>0.01</v>
      </c>
      <c r="W474" s="2">
        <v>76.900000000000006</v>
      </c>
      <c r="X474" s="2">
        <v>7.6</v>
      </c>
      <c r="Y474" s="2">
        <v>16.7</v>
      </c>
      <c r="Z474" s="5"/>
      <c r="AA474" s="5" t="s">
        <v>43</v>
      </c>
      <c r="AB474" s="5" t="s">
        <v>44</v>
      </c>
      <c r="AC474" s="2"/>
      <c r="AD474" s="1"/>
    </row>
    <row r="475" spans="1:30">
      <c r="A475" s="5" t="s">
        <v>83578</v>
      </c>
      <c r="B475" s="2" t="s">
        <v>84998</v>
      </c>
      <c r="C475" s="14" t="s">
        <v>84999</v>
      </c>
      <c r="D475" s="2" t="s">
        <v>85000</v>
      </c>
      <c r="E475" s="2" t="s">
        <v>7559</v>
      </c>
      <c r="F475" s="8">
        <v>224</v>
      </c>
      <c r="G475" s="5">
        <v>6</v>
      </c>
      <c r="H475" s="5" t="s">
        <v>1518</v>
      </c>
      <c r="I475" s="5" t="s">
        <v>1519</v>
      </c>
      <c r="J475" s="2" t="s">
        <v>1520</v>
      </c>
      <c r="K475" s="5" t="s">
        <v>1519</v>
      </c>
      <c r="L475" s="2" t="s">
        <v>1520</v>
      </c>
      <c r="M475" s="5" t="s">
        <v>1521</v>
      </c>
      <c r="N475" s="5" t="s">
        <v>38</v>
      </c>
      <c r="O475" s="5" t="s">
        <v>39</v>
      </c>
      <c r="P475" s="5" t="s">
        <v>40</v>
      </c>
      <c r="Q475" s="5" t="s">
        <v>1522</v>
      </c>
      <c r="R475" s="5" t="s">
        <v>1523</v>
      </c>
      <c r="S475" s="5" t="s">
        <v>42</v>
      </c>
      <c r="T475" s="2">
        <v>1.972</v>
      </c>
      <c r="U475" s="2">
        <v>1.51</v>
      </c>
      <c r="V475" s="2">
        <v>0.01</v>
      </c>
      <c r="W475" s="2">
        <v>76.900000000000006</v>
      </c>
      <c r="X475" s="2">
        <v>7.6</v>
      </c>
      <c r="Y475" s="2">
        <v>16.7</v>
      </c>
      <c r="Z475" s="5"/>
      <c r="AA475" s="5" t="s">
        <v>43</v>
      </c>
      <c r="AB475" s="5" t="s">
        <v>44</v>
      </c>
      <c r="AC475" s="2"/>
      <c r="AD475" s="1"/>
    </row>
    <row r="476" spans="1:30">
      <c r="A476" s="5" t="s">
        <v>83578</v>
      </c>
      <c r="B476" s="2" t="s">
        <v>85001</v>
      </c>
      <c r="C476" s="14" t="s">
        <v>85002</v>
      </c>
      <c r="D476" s="2" t="s">
        <v>85003</v>
      </c>
      <c r="E476" s="2" t="s">
        <v>7567</v>
      </c>
      <c r="F476" s="8">
        <v>224</v>
      </c>
      <c r="G476" s="5">
        <v>6</v>
      </c>
      <c r="H476" s="5" t="s">
        <v>1518</v>
      </c>
      <c r="I476" s="5" t="s">
        <v>1519</v>
      </c>
      <c r="J476" s="2" t="s">
        <v>1520</v>
      </c>
      <c r="K476" s="5" t="s">
        <v>1519</v>
      </c>
      <c r="L476" s="2" t="s">
        <v>1520</v>
      </c>
      <c r="M476" s="5" t="s">
        <v>1521</v>
      </c>
      <c r="N476" s="5" t="s">
        <v>38</v>
      </c>
      <c r="O476" s="5" t="s">
        <v>39</v>
      </c>
      <c r="P476" s="5" t="s">
        <v>40</v>
      </c>
      <c r="Q476" s="5" t="s">
        <v>1522</v>
      </c>
      <c r="R476" s="5" t="s">
        <v>1523</v>
      </c>
      <c r="S476" s="5" t="s">
        <v>42</v>
      </c>
      <c r="T476" s="2">
        <v>1.9790000000000001</v>
      </c>
      <c r="U476" s="2">
        <v>1.5169999999999999</v>
      </c>
      <c r="V476" s="2">
        <v>0.01</v>
      </c>
      <c r="W476" s="2">
        <v>76.900000000000006</v>
      </c>
      <c r="X476" s="2">
        <v>7.6</v>
      </c>
      <c r="Y476" s="2">
        <v>16.7</v>
      </c>
      <c r="Z476" s="5"/>
      <c r="AA476" s="5" t="s">
        <v>43</v>
      </c>
      <c r="AB476" s="5" t="s">
        <v>44</v>
      </c>
      <c r="AC476" s="2"/>
      <c r="AD476" s="1"/>
    </row>
    <row r="477" spans="1:30">
      <c r="A477" s="5" t="s">
        <v>83578</v>
      </c>
      <c r="B477" s="2" t="s">
        <v>85004</v>
      </c>
      <c r="C477" s="14" t="s">
        <v>85005</v>
      </c>
      <c r="D477" s="2" t="s">
        <v>85006</v>
      </c>
      <c r="E477" s="2" t="s">
        <v>16079</v>
      </c>
      <c r="F477" s="8">
        <v>224</v>
      </c>
      <c r="G477" s="5">
        <v>6</v>
      </c>
      <c r="H477" s="5" t="s">
        <v>1518</v>
      </c>
      <c r="I477" s="5" t="s">
        <v>1519</v>
      </c>
      <c r="J477" s="2" t="s">
        <v>1520</v>
      </c>
      <c r="K477" s="5" t="s">
        <v>1519</v>
      </c>
      <c r="L477" s="2" t="s">
        <v>1520</v>
      </c>
      <c r="M477" s="5" t="s">
        <v>1521</v>
      </c>
      <c r="N477" s="5" t="s">
        <v>38</v>
      </c>
      <c r="O477" s="5" t="s">
        <v>39</v>
      </c>
      <c r="P477" s="5" t="s">
        <v>40</v>
      </c>
      <c r="Q477" s="5" t="s">
        <v>1522</v>
      </c>
      <c r="R477" s="5" t="s">
        <v>1523</v>
      </c>
      <c r="S477" s="5" t="s">
        <v>42</v>
      </c>
      <c r="T477" s="2">
        <v>1.9319999999999999</v>
      </c>
      <c r="U477" s="2">
        <v>1.47</v>
      </c>
      <c r="V477" s="2">
        <v>0.01</v>
      </c>
      <c r="W477" s="2">
        <v>76.900000000000006</v>
      </c>
      <c r="X477" s="2">
        <v>7.6</v>
      </c>
      <c r="Y477" s="2">
        <v>16.7</v>
      </c>
      <c r="Z477" s="5"/>
      <c r="AA477" s="5" t="s">
        <v>43</v>
      </c>
      <c r="AB477" s="5" t="s">
        <v>44</v>
      </c>
      <c r="AC477" s="2"/>
      <c r="AD477" s="1"/>
    </row>
    <row r="478" spans="1:30">
      <c r="A478" s="5" t="s">
        <v>83578</v>
      </c>
      <c r="B478" s="2" t="s">
        <v>85007</v>
      </c>
      <c r="C478" s="14" t="s">
        <v>85008</v>
      </c>
      <c r="D478" s="2" t="s">
        <v>85009</v>
      </c>
      <c r="E478" s="2" t="s">
        <v>16194</v>
      </c>
      <c r="F478" s="8">
        <v>224</v>
      </c>
      <c r="G478" s="5">
        <v>6</v>
      </c>
      <c r="H478" s="5" t="s">
        <v>1518</v>
      </c>
      <c r="I478" s="5" t="s">
        <v>1519</v>
      </c>
      <c r="J478" s="2" t="s">
        <v>1520</v>
      </c>
      <c r="K478" s="5" t="s">
        <v>1519</v>
      </c>
      <c r="L478" s="2" t="s">
        <v>1520</v>
      </c>
      <c r="M478" s="5" t="s">
        <v>1521</v>
      </c>
      <c r="N478" s="5" t="s">
        <v>38</v>
      </c>
      <c r="O478" s="5" t="s">
        <v>39</v>
      </c>
      <c r="P478" s="5" t="s">
        <v>40</v>
      </c>
      <c r="Q478" s="5" t="s">
        <v>1522</v>
      </c>
      <c r="R478" s="5" t="s">
        <v>1523</v>
      </c>
      <c r="S478" s="5" t="s">
        <v>42</v>
      </c>
      <c r="T478" s="2">
        <v>1.9790000000000001</v>
      </c>
      <c r="U478" s="2">
        <v>1.5169999999999999</v>
      </c>
      <c r="V478" s="2">
        <v>0.01</v>
      </c>
      <c r="W478" s="2">
        <v>76.900000000000006</v>
      </c>
      <c r="X478" s="2">
        <v>7.6</v>
      </c>
      <c r="Y478" s="2">
        <v>16.7</v>
      </c>
      <c r="Z478" s="5"/>
      <c r="AA478" s="5" t="s">
        <v>43</v>
      </c>
      <c r="AB478" s="5" t="s">
        <v>44</v>
      </c>
      <c r="AC478" s="2"/>
      <c r="AD478" s="1"/>
    </row>
    <row r="479" spans="1:30">
      <c r="A479" s="5" t="s">
        <v>83578</v>
      </c>
      <c r="B479" s="2" t="s">
        <v>85010</v>
      </c>
      <c r="C479" s="14" t="s">
        <v>85011</v>
      </c>
      <c r="D479" s="2" t="s">
        <v>85012</v>
      </c>
      <c r="E479" s="2" t="s">
        <v>7581</v>
      </c>
      <c r="F479" s="8">
        <v>224</v>
      </c>
      <c r="G479" s="5">
        <v>6</v>
      </c>
      <c r="H479" s="5" t="s">
        <v>1518</v>
      </c>
      <c r="I479" s="5" t="s">
        <v>1519</v>
      </c>
      <c r="J479" s="2" t="s">
        <v>1520</v>
      </c>
      <c r="K479" s="5" t="s">
        <v>1519</v>
      </c>
      <c r="L479" s="2" t="s">
        <v>1520</v>
      </c>
      <c r="M479" s="5" t="s">
        <v>1521</v>
      </c>
      <c r="N479" s="5" t="s">
        <v>38</v>
      </c>
      <c r="O479" s="5" t="s">
        <v>39</v>
      </c>
      <c r="P479" s="5" t="s">
        <v>40</v>
      </c>
      <c r="Q479" s="5" t="s">
        <v>1522</v>
      </c>
      <c r="R479" s="5" t="s">
        <v>1523</v>
      </c>
      <c r="S479" s="5" t="s">
        <v>42</v>
      </c>
      <c r="T479" s="2">
        <v>1.9790000000000001</v>
      </c>
      <c r="U479" s="2">
        <v>1.5169999999999999</v>
      </c>
      <c r="V479" s="2">
        <v>0.01</v>
      </c>
      <c r="W479" s="2">
        <v>76.900000000000006</v>
      </c>
      <c r="X479" s="2">
        <v>7.6</v>
      </c>
      <c r="Y479" s="2">
        <v>16.7</v>
      </c>
      <c r="Z479" s="5"/>
      <c r="AA479" s="5" t="s">
        <v>43</v>
      </c>
      <c r="AB479" s="5" t="s">
        <v>44</v>
      </c>
      <c r="AC479" s="2"/>
      <c r="AD479" s="1"/>
    </row>
    <row r="480" spans="1:30">
      <c r="A480" s="5" t="s">
        <v>83578</v>
      </c>
      <c r="B480" s="2" t="s">
        <v>85013</v>
      </c>
      <c r="C480" s="14" t="s">
        <v>85014</v>
      </c>
      <c r="D480" s="2" t="s">
        <v>85015</v>
      </c>
      <c r="E480" s="2" t="s">
        <v>7597</v>
      </c>
      <c r="F480" s="8">
        <v>224</v>
      </c>
      <c r="G480" s="5">
        <v>6</v>
      </c>
      <c r="H480" s="5" t="s">
        <v>1518</v>
      </c>
      <c r="I480" s="5" t="s">
        <v>1519</v>
      </c>
      <c r="J480" s="2" t="s">
        <v>1520</v>
      </c>
      <c r="K480" s="5" t="s">
        <v>1519</v>
      </c>
      <c r="L480" s="2" t="s">
        <v>1520</v>
      </c>
      <c r="M480" s="5" t="s">
        <v>1521</v>
      </c>
      <c r="N480" s="5" t="s">
        <v>38</v>
      </c>
      <c r="O480" s="5" t="s">
        <v>39</v>
      </c>
      <c r="P480" s="5" t="s">
        <v>40</v>
      </c>
      <c r="Q480" s="5" t="s">
        <v>1522</v>
      </c>
      <c r="R480" s="5" t="s">
        <v>1523</v>
      </c>
      <c r="S480" s="5" t="s">
        <v>42</v>
      </c>
      <c r="T480" s="2">
        <v>1.9790000000000001</v>
      </c>
      <c r="U480" s="2">
        <v>1.5169999999999999</v>
      </c>
      <c r="V480" s="2">
        <v>0.01</v>
      </c>
      <c r="W480" s="2">
        <v>76.900000000000006</v>
      </c>
      <c r="X480" s="2">
        <v>7.6</v>
      </c>
      <c r="Y480" s="2">
        <v>16.7</v>
      </c>
      <c r="Z480" s="5"/>
      <c r="AA480" s="5" t="s">
        <v>43</v>
      </c>
      <c r="AB480" s="5" t="s">
        <v>44</v>
      </c>
      <c r="AC480" s="2"/>
      <c r="AD480" s="1"/>
    </row>
    <row r="481" spans="1:30">
      <c r="A481" s="5" t="s">
        <v>83578</v>
      </c>
      <c r="B481" s="2" t="s">
        <v>85016</v>
      </c>
      <c r="C481" s="14" t="s">
        <v>85017</v>
      </c>
      <c r="D481" s="2" t="s">
        <v>85018</v>
      </c>
      <c r="E481" s="2" t="s">
        <v>16219</v>
      </c>
      <c r="F481" s="8">
        <v>224</v>
      </c>
      <c r="G481" s="5">
        <v>6</v>
      </c>
      <c r="H481" s="5" t="s">
        <v>1518</v>
      </c>
      <c r="I481" s="5" t="s">
        <v>1519</v>
      </c>
      <c r="J481" s="2" t="s">
        <v>1520</v>
      </c>
      <c r="K481" s="5" t="s">
        <v>1519</v>
      </c>
      <c r="L481" s="2" t="s">
        <v>1520</v>
      </c>
      <c r="M481" s="5" t="s">
        <v>1521</v>
      </c>
      <c r="N481" s="5" t="s">
        <v>38</v>
      </c>
      <c r="O481" s="5" t="s">
        <v>39</v>
      </c>
      <c r="P481" s="5" t="s">
        <v>40</v>
      </c>
      <c r="Q481" s="5" t="s">
        <v>1522</v>
      </c>
      <c r="R481" s="5" t="s">
        <v>1523</v>
      </c>
      <c r="S481" s="5" t="s">
        <v>42</v>
      </c>
      <c r="T481" s="2">
        <v>1.9790000000000001</v>
      </c>
      <c r="U481" s="2">
        <v>1.5169999999999999</v>
      </c>
      <c r="V481" s="2">
        <v>0.01</v>
      </c>
      <c r="W481" s="2">
        <v>76.900000000000006</v>
      </c>
      <c r="X481" s="2">
        <v>7.6</v>
      </c>
      <c r="Y481" s="2">
        <v>16.7</v>
      </c>
      <c r="Z481" s="5"/>
      <c r="AA481" s="5" t="s">
        <v>43</v>
      </c>
      <c r="AB481" s="5" t="s">
        <v>44</v>
      </c>
      <c r="AC481" s="2"/>
      <c r="AD481" s="1"/>
    </row>
    <row r="482" spans="1:30">
      <c r="A482" s="5" t="s">
        <v>83578</v>
      </c>
      <c r="B482" s="2" t="s">
        <v>85019</v>
      </c>
      <c r="C482" s="14" t="s">
        <v>85020</v>
      </c>
      <c r="D482" s="2" t="s">
        <v>85021</v>
      </c>
      <c r="E482" s="2" t="s">
        <v>7615</v>
      </c>
      <c r="F482" s="8">
        <v>224</v>
      </c>
      <c r="G482" s="5">
        <v>6</v>
      </c>
      <c r="H482" s="5" t="s">
        <v>1518</v>
      </c>
      <c r="I482" s="5" t="s">
        <v>1519</v>
      </c>
      <c r="J482" s="2" t="s">
        <v>1520</v>
      </c>
      <c r="K482" s="5" t="s">
        <v>1519</v>
      </c>
      <c r="L482" s="2" t="s">
        <v>1520</v>
      </c>
      <c r="M482" s="5" t="s">
        <v>1521</v>
      </c>
      <c r="N482" s="5" t="s">
        <v>38</v>
      </c>
      <c r="O482" s="5" t="s">
        <v>39</v>
      </c>
      <c r="P482" s="5" t="s">
        <v>40</v>
      </c>
      <c r="Q482" s="5" t="s">
        <v>1522</v>
      </c>
      <c r="R482" s="5" t="s">
        <v>1523</v>
      </c>
      <c r="S482" s="5" t="s">
        <v>42</v>
      </c>
      <c r="T482" s="2">
        <v>1.925</v>
      </c>
      <c r="U482" s="2">
        <v>1.4630000000000001</v>
      </c>
      <c r="V482" s="2">
        <v>0.01</v>
      </c>
      <c r="W482" s="2">
        <v>76.900000000000006</v>
      </c>
      <c r="X482" s="2">
        <v>7.6</v>
      </c>
      <c r="Y482" s="2">
        <v>16.7</v>
      </c>
      <c r="Z482" s="5"/>
      <c r="AA482" s="5" t="s">
        <v>43</v>
      </c>
      <c r="AB482" s="5" t="s">
        <v>44</v>
      </c>
      <c r="AC482" s="2"/>
      <c r="AD482" s="1"/>
    </row>
    <row r="483" spans="1:30">
      <c r="A483" s="5" t="s">
        <v>83578</v>
      </c>
      <c r="B483" s="2" t="s">
        <v>85022</v>
      </c>
      <c r="C483" s="14" t="s">
        <v>85023</v>
      </c>
      <c r="D483" s="2" t="s">
        <v>85024</v>
      </c>
      <c r="E483" s="2" t="s">
        <v>16235</v>
      </c>
      <c r="F483" s="8">
        <v>224</v>
      </c>
      <c r="G483" s="5">
        <v>6</v>
      </c>
      <c r="H483" s="5" t="s">
        <v>1518</v>
      </c>
      <c r="I483" s="5" t="s">
        <v>1519</v>
      </c>
      <c r="J483" s="2" t="s">
        <v>1520</v>
      </c>
      <c r="K483" s="5" t="s">
        <v>1519</v>
      </c>
      <c r="L483" s="2" t="s">
        <v>1520</v>
      </c>
      <c r="M483" s="5" t="s">
        <v>1521</v>
      </c>
      <c r="N483" s="5" t="s">
        <v>38</v>
      </c>
      <c r="O483" s="5" t="s">
        <v>39</v>
      </c>
      <c r="P483" s="5" t="s">
        <v>40</v>
      </c>
      <c r="Q483" s="5" t="s">
        <v>1522</v>
      </c>
      <c r="R483" s="5" t="s">
        <v>1523</v>
      </c>
      <c r="S483" s="5" t="s">
        <v>42</v>
      </c>
      <c r="T483" s="2">
        <v>1.9430000000000001</v>
      </c>
      <c r="U483" s="2">
        <v>1.4810000000000001</v>
      </c>
      <c r="V483" s="2">
        <v>0.01</v>
      </c>
      <c r="W483" s="2">
        <v>76.900000000000006</v>
      </c>
      <c r="X483" s="2">
        <v>7.6</v>
      </c>
      <c r="Y483" s="2">
        <v>16.7</v>
      </c>
      <c r="Z483" s="5"/>
      <c r="AA483" s="5" t="s">
        <v>43</v>
      </c>
      <c r="AB483" s="5" t="s">
        <v>44</v>
      </c>
      <c r="AC483" s="2"/>
      <c r="AD483" s="1"/>
    </row>
    <row r="484" spans="1:30">
      <c r="A484" s="5" t="s">
        <v>83578</v>
      </c>
      <c r="B484" s="2" t="s">
        <v>85025</v>
      </c>
      <c r="C484" s="14" t="s">
        <v>85026</v>
      </c>
      <c r="D484" s="2" t="s">
        <v>85027</v>
      </c>
      <c r="E484" s="2" t="s">
        <v>7551</v>
      </c>
      <c r="F484" s="8">
        <v>237</v>
      </c>
      <c r="G484" s="5">
        <v>6</v>
      </c>
      <c r="H484" s="5" t="s">
        <v>1518</v>
      </c>
      <c r="I484" s="5" t="s">
        <v>1519</v>
      </c>
      <c r="J484" s="2" t="s">
        <v>1520</v>
      </c>
      <c r="K484" s="5" t="s">
        <v>1519</v>
      </c>
      <c r="L484" s="2" t="s">
        <v>1520</v>
      </c>
      <c r="M484" s="5" t="s">
        <v>1521</v>
      </c>
      <c r="N484" s="5" t="s">
        <v>38</v>
      </c>
      <c r="O484" s="5" t="s">
        <v>39</v>
      </c>
      <c r="P484" s="5" t="s">
        <v>40</v>
      </c>
      <c r="Q484" s="5" t="s">
        <v>1522</v>
      </c>
      <c r="R484" s="5" t="s">
        <v>1523</v>
      </c>
      <c r="S484" s="5" t="s">
        <v>42</v>
      </c>
      <c r="T484" s="2">
        <v>2.1320000000000001</v>
      </c>
      <c r="U484" s="2">
        <v>1.6759999999999999</v>
      </c>
      <c r="V484" s="2">
        <v>0.01</v>
      </c>
      <c r="W484" s="2">
        <v>76.900000000000006</v>
      </c>
      <c r="X484" s="2">
        <v>7.6</v>
      </c>
      <c r="Y484" s="2">
        <v>16.7</v>
      </c>
      <c r="Z484" s="5"/>
      <c r="AA484" s="5" t="s">
        <v>43</v>
      </c>
      <c r="AB484" s="5" t="s">
        <v>44</v>
      </c>
      <c r="AC484" s="2"/>
      <c r="AD484" s="1"/>
    </row>
    <row r="485" spans="1:30">
      <c r="A485" s="5" t="s">
        <v>83578</v>
      </c>
      <c r="B485" s="2" t="s">
        <v>85028</v>
      </c>
      <c r="C485" s="14" t="s">
        <v>85029</v>
      </c>
      <c r="D485" s="2" t="s">
        <v>85030</v>
      </c>
      <c r="E485" s="2" t="s">
        <v>7555</v>
      </c>
      <c r="F485" s="8">
        <v>237</v>
      </c>
      <c r="G485" s="5">
        <v>6</v>
      </c>
      <c r="H485" s="5" t="s">
        <v>1518</v>
      </c>
      <c r="I485" s="5" t="s">
        <v>1519</v>
      </c>
      <c r="J485" s="2" t="s">
        <v>1520</v>
      </c>
      <c r="K485" s="5" t="s">
        <v>1519</v>
      </c>
      <c r="L485" s="2" t="s">
        <v>1520</v>
      </c>
      <c r="M485" s="5" t="s">
        <v>1521</v>
      </c>
      <c r="N485" s="5" t="s">
        <v>38</v>
      </c>
      <c r="O485" s="5" t="s">
        <v>39</v>
      </c>
      <c r="P485" s="5" t="s">
        <v>40</v>
      </c>
      <c r="Q485" s="5" t="s">
        <v>1522</v>
      </c>
      <c r="R485" s="5" t="s">
        <v>1523</v>
      </c>
      <c r="S485" s="5" t="s">
        <v>42</v>
      </c>
      <c r="T485" s="2">
        <v>2.0739999999999998</v>
      </c>
      <c r="U485" s="2">
        <v>1.6180000000000001</v>
      </c>
      <c r="V485" s="2">
        <v>0.01</v>
      </c>
      <c r="W485" s="2">
        <v>76.900000000000006</v>
      </c>
      <c r="X485" s="2">
        <v>7.6</v>
      </c>
      <c r="Y485" s="2">
        <v>16.7</v>
      </c>
      <c r="Z485" s="5"/>
      <c r="AA485" s="5" t="s">
        <v>43</v>
      </c>
      <c r="AB485" s="5" t="s">
        <v>44</v>
      </c>
      <c r="AC485" s="2"/>
      <c r="AD485" s="1"/>
    </row>
    <row r="486" spans="1:30">
      <c r="A486" s="5" t="s">
        <v>83578</v>
      </c>
      <c r="B486" s="2" t="s">
        <v>85031</v>
      </c>
      <c r="C486" s="14" t="s">
        <v>85032</v>
      </c>
      <c r="D486" s="2" t="s">
        <v>85033</v>
      </c>
      <c r="E486" s="2" t="s">
        <v>7559</v>
      </c>
      <c r="F486" s="8">
        <v>237</v>
      </c>
      <c r="G486" s="5">
        <v>6</v>
      </c>
      <c r="H486" s="5" t="s">
        <v>1518</v>
      </c>
      <c r="I486" s="5" t="s">
        <v>1519</v>
      </c>
      <c r="J486" s="2" t="s">
        <v>1520</v>
      </c>
      <c r="K486" s="5" t="s">
        <v>1519</v>
      </c>
      <c r="L486" s="2" t="s">
        <v>1520</v>
      </c>
      <c r="M486" s="5" t="s">
        <v>1521</v>
      </c>
      <c r="N486" s="5" t="s">
        <v>38</v>
      </c>
      <c r="O486" s="5" t="s">
        <v>39</v>
      </c>
      <c r="P486" s="5" t="s">
        <v>40</v>
      </c>
      <c r="Q486" s="5" t="s">
        <v>1522</v>
      </c>
      <c r="R486" s="5" t="s">
        <v>1523</v>
      </c>
      <c r="S486" s="5" t="s">
        <v>42</v>
      </c>
      <c r="T486" s="2">
        <v>2.1320000000000001</v>
      </c>
      <c r="U486" s="2">
        <v>1.6759999999999999</v>
      </c>
      <c r="V486" s="2">
        <v>0.01</v>
      </c>
      <c r="W486" s="2">
        <v>76.900000000000006</v>
      </c>
      <c r="X486" s="2">
        <v>7.6</v>
      </c>
      <c r="Y486" s="2">
        <v>16.7</v>
      </c>
      <c r="Z486" s="5"/>
      <c r="AA486" s="5" t="s">
        <v>43</v>
      </c>
      <c r="AB486" s="5" t="s">
        <v>44</v>
      </c>
      <c r="AC486" s="2"/>
      <c r="AD486" s="1"/>
    </row>
    <row r="487" spans="1:30">
      <c r="A487" s="5" t="s">
        <v>83578</v>
      </c>
      <c r="B487" s="2" t="s">
        <v>85034</v>
      </c>
      <c r="C487" s="14" t="s">
        <v>85035</v>
      </c>
      <c r="D487" s="2" t="s">
        <v>85036</v>
      </c>
      <c r="E487" s="2" t="s">
        <v>7567</v>
      </c>
      <c r="F487" s="8">
        <v>237</v>
      </c>
      <c r="G487" s="5">
        <v>6</v>
      </c>
      <c r="H487" s="5" t="s">
        <v>1518</v>
      </c>
      <c r="I487" s="5" t="s">
        <v>1519</v>
      </c>
      <c r="J487" s="2" t="s">
        <v>1520</v>
      </c>
      <c r="K487" s="5" t="s">
        <v>1519</v>
      </c>
      <c r="L487" s="2" t="s">
        <v>1520</v>
      </c>
      <c r="M487" s="5" t="s">
        <v>1521</v>
      </c>
      <c r="N487" s="5" t="s">
        <v>38</v>
      </c>
      <c r="O487" s="5" t="s">
        <v>39</v>
      </c>
      <c r="P487" s="5" t="s">
        <v>40</v>
      </c>
      <c r="Q487" s="5" t="s">
        <v>1522</v>
      </c>
      <c r="R487" s="5" t="s">
        <v>1523</v>
      </c>
      <c r="S487" s="5" t="s">
        <v>42</v>
      </c>
      <c r="T487" s="2">
        <v>2.141</v>
      </c>
      <c r="U487" s="2">
        <v>1.6850000000000001</v>
      </c>
      <c r="V487" s="2">
        <v>0.01</v>
      </c>
      <c r="W487" s="2">
        <v>76.900000000000006</v>
      </c>
      <c r="X487" s="2">
        <v>7.6</v>
      </c>
      <c r="Y487" s="2">
        <v>16.7</v>
      </c>
      <c r="Z487" s="5"/>
      <c r="AA487" s="5" t="s">
        <v>43</v>
      </c>
      <c r="AB487" s="5" t="s">
        <v>44</v>
      </c>
      <c r="AC487" s="2"/>
      <c r="AD487" s="1"/>
    </row>
    <row r="488" spans="1:30">
      <c r="A488" s="5" t="s">
        <v>83578</v>
      </c>
      <c r="B488" s="2" t="s">
        <v>85037</v>
      </c>
      <c r="C488" s="14" t="s">
        <v>85038</v>
      </c>
      <c r="D488" s="2" t="s">
        <v>85039</v>
      </c>
      <c r="E488" s="2" t="s">
        <v>16194</v>
      </c>
      <c r="F488" s="8">
        <v>237</v>
      </c>
      <c r="G488" s="5">
        <v>6</v>
      </c>
      <c r="H488" s="5" t="s">
        <v>1518</v>
      </c>
      <c r="I488" s="5" t="s">
        <v>1519</v>
      </c>
      <c r="J488" s="2" t="s">
        <v>1520</v>
      </c>
      <c r="K488" s="5" t="s">
        <v>1519</v>
      </c>
      <c r="L488" s="2" t="s">
        <v>1520</v>
      </c>
      <c r="M488" s="5" t="s">
        <v>1521</v>
      </c>
      <c r="N488" s="5" t="s">
        <v>38</v>
      </c>
      <c r="O488" s="5" t="s">
        <v>39</v>
      </c>
      <c r="P488" s="5" t="s">
        <v>40</v>
      </c>
      <c r="Q488" s="5" t="s">
        <v>1522</v>
      </c>
      <c r="R488" s="5" t="s">
        <v>1523</v>
      </c>
      <c r="S488" s="5" t="s">
        <v>42</v>
      </c>
      <c r="T488" s="2">
        <v>2.141</v>
      </c>
      <c r="U488" s="2">
        <v>1.6850000000000001</v>
      </c>
      <c r="V488" s="2">
        <v>0.01</v>
      </c>
      <c r="W488" s="2">
        <v>76.900000000000006</v>
      </c>
      <c r="X488" s="2">
        <v>7.6</v>
      </c>
      <c r="Y488" s="2">
        <v>16.7</v>
      </c>
      <c r="Z488" s="5"/>
      <c r="AA488" s="5" t="s">
        <v>43</v>
      </c>
      <c r="AB488" s="5" t="s">
        <v>44</v>
      </c>
      <c r="AC488" s="2"/>
      <c r="AD488" s="1"/>
    </row>
    <row r="489" spans="1:30">
      <c r="A489" s="5" t="s">
        <v>83578</v>
      </c>
      <c r="B489" s="2" t="s">
        <v>85040</v>
      </c>
      <c r="C489" s="14" t="s">
        <v>85041</v>
      </c>
      <c r="D489" s="2" t="s">
        <v>85042</v>
      </c>
      <c r="E489" s="2" t="s">
        <v>7597</v>
      </c>
      <c r="F489" s="8">
        <v>237</v>
      </c>
      <c r="G489" s="5">
        <v>6</v>
      </c>
      <c r="H489" s="5" t="s">
        <v>1518</v>
      </c>
      <c r="I489" s="5" t="s">
        <v>1519</v>
      </c>
      <c r="J489" s="2" t="s">
        <v>1520</v>
      </c>
      <c r="K489" s="5" t="s">
        <v>1519</v>
      </c>
      <c r="L489" s="2" t="s">
        <v>1520</v>
      </c>
      <c r="M489" s="5" t="s">
        <v>1521</v>
      </c>
      <c r="N489" s="5" t="s">
        <v>38</v>
      </c>
      <c r="O489" s="5" t="s">
        <v>39</v>
      </c>
      <c r="P489" s="5" t="s">
        <v>40</v>
      </c>
      <c r="Q489" s="5" t="s">
        <v>1522</v>
      </c>
      <c r="R489" s="5" t="s">
        <v>1523</v>
      </c>
      <c r="S489" s="5" t="s">
        <v>42</v>
      </c>
      <c r="T489" s="2">
        <v>2.141</v>
      </c>
      <c r="U489" s="2">
        <v>1.6850000000000001</v>
      </c>
      <c r="V489" s="2">
        <v>0.01</v>
      </c>
      <c r="W489" s="2">
        <v>76.900000000000006</v>
      </c>
      <c r="X489" s="2">
        <v>7.6</v>
      </c>
      <c r="Y489" s="2">
        <v>16.7</v>
      </c>
      <c r="Z489" s="5"/>
      <c r="AA489" s="5" t="s">
        <v>43</v>
      </c>
      <c r="AB489" s="5" t="s">
        <v>44</v>
      </c>
      <c r="AC489" s="2"/>
      <c r="AD489" s="1"/>
    </row>
    <row r="490" spans="1:30">
      <c r="A490" s="5" t="s">
        <v>83578</v>
      </c>
      <c r="B490" s="2" t="s">
        <v>85043</v>
      </c>
      <c r="C490" s="14" t="s">
        <v>85044</v>
      </c>
      <c r="D490" s="2" t="s">
        <v>85045</v>
      </c>
      <c r="E490" s="2" t="s">
        <v>16014</v>
      </c>
      <c r="F490" s="8">
        <v>237</v>
      </c>
      <c r="G490" s="5">
        <v>6</v>
      </c>
      <c r="H490" s="5" t="s">
        <v>1518</v>
      </c>
      <c r="I490" s="5" t="s">
        <v>1519</v>
      </c>
      <c r="J490" s="2" t="s">
        <v>1520</v>
      </c>
      <c r="K490" s="5" t="s">
        <v>1519</v>
      </c>
      <c r="L490" s="2" t="s">
        <v>1520</v>
      </c>
      <c r="M490" s="5" t="s">
        <v>1521</v>
      </c>
      <c r="N490" s="5" t="s">
        <v>38</v>
      </c>
      <c r="O490" s="5" t="s">
        <v>39</v>
      </c>
      <c r="P490" s="5" t="s">
        <v>40</v>
      </c>
      <c r="Q490" s="5" t="s">
        <v>1522</v>
      </c>
      <c r="R490" s="5" t="s">
        <v>1523</v>
      </c>
      <c r="S490" s="5" t="s">
        <v>42</v>
      </c>
      <c r="T490" s="2">
        <v>2.0830000000000002</v>
      </c>
      <c r="U490" s="2">
        <v>1.627</v>
      </c>
      <c r="V490" s="2">
        <v>0.01</v>
      </c>
      <c r="W490" s="2">
        <v>76.900000000000006</v>
      </c>
      <c r="X490" s="2">
        <v>7.6</v>
      </c>
      <c r="Y490" s="2">
        <v>16.7</v>
      </c>
      <c r="Z490" s="5"/>
      <c r="AA490" s="5" t="s">
        <v>43</v>
      </c>
      <c r="AB490" s="5" t="s">
        <v>44</v>
      </c>
      <c r="AC490" s="2"/>
      <c r="AD490" s="1"/>
    </row>
    <row r="491" spans="1:30">
      <c r="A491" s="5" t="s">
        <v>83578</v>
      </c>
      <c r="B491" s="2" t="s">
        <v>85046</v>
      </c>
      <c r="C491" s="14" t="s">
        <v>85047</v>
      </c>
      <c r="D491" s="2" t="s">
        <v>85048</v>
      </c>
      <c r="E491" s="2" t="s">
        <v>16219</v>
      </c>
      <c r="F491" s="8">
        <v>237</v>
      </c>
      <c r="G491" s="5">
        <v>6</v>
      </c>
      <c r="H491" s="5" t="s">
        <v>1518</v>
      </c>
      <c r="I491" s="5" t="s">
        <v>1519</v>
      </c>
      <c r="J491" s="2" t="s">
        <v>1520</v>
      </c>
      <c r="K491" s="5" t="s">
        <v>1519</v>
      </c>
      <c r="L491" s="2" t="s">
        <v>1520</v>
      </c>
      <c r="M491" s="5" t="s">
        <v>1521</v>
      </c>
      <c r="N491" s="5" t="s">
        <v>38</v>
      </c>
      <c r="O491" s="5" t="s">
        <v>39</v>
      </c>
      <c r="P491" s="5" t="s">
        <v>40</v>
      </c>
      <c r="Q491" s="5" t="s">
        <v>1522</v>
      </c>
      <c r="R491" s="5" t="s">
        <v>1523</v>
      </c>
      <c r="S491" s="5" t="s">
        <v>42</v>
      </c>
      <c r="T491" s="2">
        <v>2.141</v>
      </c>
      <c r="U491" s="2">
        <v>1.6850000000000001</v>
      </c>
      <c r="V491" s="2">
        <v>0.01</v>
      </c>
      <c r="W491" s="2">
        <v>76.900000000000006</v>
      </c>
      <c r="X491" s="2">
        <v>7.6</v>
      </c>
      <c r="Y491" s="2">
        <v>16.7</v>
      </c>
      <c r="Z491" s="5"/>
      <c r="AA491" s="5" t="s">
        <v>43</v>
      </c>
      <c r="AB491" s="5" t="s">
        <v>44</v>
      </c>
      <c r="AC491" s="2"/>
      <c r="AD491" s="1"/>
    </row>
    <row r="492" spans="1:30">
      <c r="A492" s="5" t="s">
        <v>83578</v>
      </c>
      <c r="B492" s="2" t="s">
        <v>85049</v>
      </c>
      <c r="C492" s="14" t="s">
        <v>85050</v>
      </c>
      <c r="D492" s="2" t="s">
        <v>85051</v>
      </c>
      <c r="E492" s="2" t="s">
        <v>16022</v>
      </c>
      <c r="F492" s="8">
        <v>237</v>
      </c>
      <c r="G492" s="5">
        <v>6</v>
      </c>
      <c r="H492" s="5" t="s">
        <v>1518</v>
      </c>
      <c r="I492" s="5" t="s">
        <v>1519</v>
      </c>
      <c r="J492" s="2" t="s">
        <v>1520</v>
      </c>
      <c r="K492" s="5" t="s">
        <v>1519</v>
      </c>
      <c r="L492" s="2" t="s">
        <v>1520</v>
      </c>
      <c r="M492" s="5" t="s">
        <v>1521</v>
      </c>
      <c r="N492" s="5" t="s">
        <v>38</v>
      </c>
      <c r="O492" s="5" t="s">
        <v>39</v>
      </c>
      <c r="P492" s="5" t="s">
        <v>40</v>
      </c>
      <c r="Q492" s="5" t="s">
        <v>1522</v>
      </c>
      <c r="R492" s="5" t="s">
        <v>1523</v>
      </c>
      <c r="S492" s="5" t="s">
        <v>42</v>
      </c>
      <c r="T492" s="2">
        <v>2.141</v>
      </c>
      <c r="U492" s="2">
        <v>1.6850000000000001</v>
      </c>
      <c r="V492" s="2">
        <v>0.01</v>
      </c>
      <c r="W492" s="2">
        <v>76.900000000000006</v>
      </c>
      <c r="X492" s="2">
        <v>7.6</v>
      </c>
      <c r="Y492" s="2">
        <v>16.7</v>
      </c>
      <c r="Z492" s="5"/>
      <c r="AA492" s="5" t="s">
        <v>43</v>
      </c>
      <c r="AB492" s="5" t="s">
        <v>44</v>
      </c>
      <c r="AC492" s="2"/>
      <c r="AD492" s="1"/>
    </row>
    <row r="493" spans="1:30">
      <c r="A493" s="5" t="s">
        <v>83578</v>
      </c>
      <c r="B493" s="2" t="s">
        <v>85052</v>
      </c>
      <c r="C493" s="14" t="s">
        <v>85053</v>
      </c>
      <c r="D493" s="2" t="s">
        <v>85054</v>
      </c>
      <c r="E493" s="2" t="s">
        <v>16235</v>
      </c>
      <c r="F493" s="8">
        <v>237</v>
      </c>
      <c r="G493" s="5">
        <v>6</v>
      </c>
      <c r="H493" s="5" t="s">
        <v>1518</v>
      </c>
      <c r="I493" s="5" t="s">
        <v>1519</v>
      </c>
      <c r="J493" s="2" t="s">
        <v>1520</v>
      </c>
      <c r="K493" s="5" t="s">
        <v>1519</v>
      </c>
      <c r="L493" s="2" t="s">
        <v>1520</v>
      </c>
      <c r="M493" s="5" t="s">
        <v>1521</v>
      </c>
      <c r="N493" s="5" t="s">
        <v>38</v>
      </c>
      <c r="O493" s="5" t="s">
        <v>39</v>
      </c>
      <c r="P493" s="5" t="s">
        <v>40</v>
      </c>
      <c r="Q493" s="5" t="s">
        <v>1522</v>
      </c>
      <c r="R493" s="5" t="s">
        <v>1523</v>
      </c>
      <c r="S493" s="5" t="s">
        <v>42</v>
      </c>
      <c r="T493" s="2">
        <v>2.0979999999999999</v>
      </c>
      <c r="U493" s="2">
        <v>1.6419999999999999</v>
      </c>
      <c r="V493" s="2">
        <v>0.01</v>
      </c>
      <c r="W493" s="2">
        <v>76.900000000000006</v>
      </c>
      <c r="X493" s="2">
        <v>7.6</v>
      </c>
      <c r="Y493" s="2">
        <v>16.7</v>
      </c>
      <c r="Z493" s="5"/>
      <c r="AA493" s="5" t="s">
        <v>43</v>
      </c>
      <c r="AB493" s="5" t="s">
        <v>44</v>
      </c>
      <c r="AC493" s="2"/>
      <c r="AD493" s="1"/>
    </row>
    <row r="494" spans="1:30">
      <c r="A494" s="5" t="s">
        <v>83578</v>
      </c>
      <c r="B494" s="2" t="s">
        <v>85055</v>
      </c>
      <c r="C494" s="14" t="s">
        <v>85056</v>
      </c>
      <c r="D494" s="2" t="s">
        <v>85057</v>
      </c>
      <c r="E494" s="2" t="s">
        <v>7396</v>
      </c>
      <c r="F494" s="8">
        <v>233</v>
      </c>
      <c r="G494" s="5">
        <v>6</v>
      </c>
      <c r="H494" s="5" t="s">
        <v>1518</v>
      </c>
      <c r="I494" s="5" t="s">
        <v>1519</v>
      </c>
      <c r="J494" s="2" t="s">
        <v>1520</v>
      </c>
      <c r="K494" s="5" t="s">
        <v>1519</v>
      </c>
      <c r="L494" s="2" t="s">
        <v>1520</v>
      </c>
      <c r="M494" s="5" t="s">
        <v>1521</v>
      </c>
      <c r="N494" s="5" t="s">
        <v>38</v>
      </c>
      <c r="O494" s="5" t="s">
        <v>39</v>
      </c>
      <c r="P494" s="5" t="s">
        <v>40</v>
      </c>
      <c r="Q494" s="5" t="s">
        <v>1522</v>
      </c>
      <c r="R494" s="5" t="s">
        <v>1523</v>
      </c>
      <c r="S494" s="5" t="s">
        <v>42</v>
      </c>
      <c r="T494" s="2">
        <v>2.3439999999999999</v>
      </c>
      <c r="U494" s="2">
        <v>1.78</v>
      </c>
      <c r="V494" s="2">
        <v>1.2999999999999999E-2</v>
      </c>
      <c r="W494" s="2">
        <v>99.1</v>
      </c>
      <c r="X494" s="2">
        <v>7.6</v>
      </c>
      <c r="Y494" s="2">
        <v>16.7</v>
      </c>
      <c r="Z494" s="5"/>
      <c r="AA494" s="5" t="s">
        <v>43</v>
      </c>
      <c r="AB494" s="5" t="s">
        <v>44</v>
      </c>
      <c r="AC494" s="2"/>
      <c r="AD494" s="1"/>
    </row>
    <row r="495" spans="1:30">
      <c r="A495" s="5" t="s">
        <v>83578</v>
      </c>
      <c r="B495" s="2" t="s">
        <v>85058</v>
      </c>
      <c r="C495" s="14" t="s">
        <v>85059</v>
      </c>
      <c r="D495" s="2" t="s">
        <v>85060</v>
      </c>
      <c r="E495" s="2" t="s">
        <v>7507</v>
      </c>
      <c r="F495" s="8">
        <v>233</v>
      </c>
      <c r="G495" s="5">
        <v>6</v>
      </c>
      <c r="H495" s="5" t="s">
        <v>1518</v>
      </c>
      <c r="I495" s="5" t="s">
        <v>1519</v>
      </c>
      <c r="J495" s="2" t="s">
        <v>1520</v>
      </c>
      <c r="K495" s="5" t="s">
        <v>1519</v>
      </c>
      <c r="L495" s="2" t="s">
        <v>1520</v>
      </c>
      <c r="M495" s="5" t="s">
        <v>1521</v>
      </c>
      <c r="N495" s="5" t="s">
        <v>38</v>
      </c>
      <c r="O495" s="5" t="s">
        <v>39</v>
      </c>
      <c r="P495" s="5" t="s">
        <v>40</v>
      </c>
      <c r="Q495" s="5" t="s">
        <v>1522</v>
      </c>
      <c r="R495" s="5" t="s">
        <v>1523</v>
      </c>
      <c r="S495" s="5" t="s">
        <v>42</v>
      </c>
      <c r="T495" s="2">
        <v>2.4129999999999998</v>
      </c>
      <c r="U495" s="2">
        <v>1.849</v>
      </c>
      <c r="V495" s="2">
        <v>1.2999999999999999E-2</v>
      </c>
      <c r="W495" s="2">
        <v>99.1</v>
      </c>
      <c r="X495" s="2">
        <v>7.6</v>
      </c>
      <c r="Y495" s="2">
        <v>16.7</v>
      </c>
      <c r="Z495" s="5"/>
      <c r="AA495" s="5" t="s">
        <v>43</v>
      </c>
      <c r="AB495" s="5" t="s">
        <v>44</v>
      </c>
      <c r="AC495" s="2"/>
      <c r="AD495" s="1"/>
    </row>
    <row r="496" spans="1:30">
      <c r="A496" s="5" t="s">
        <v>83578</v>
      </c>
      <c r="B496" s="2" t="s">
        <v>85061</v>
      </c>
      <c r="C496" s="14" t="s">
        <v>85062</v>
      </c>
      <c r="D496" s="2" t="s">
        <v>85063</v>
      </c>
      <c r="E496" s="2" t="s">
        <v>7514</v>
      </c>
      <c r="F496" s="8">
        <v>233</v>
      </c>
      <c r="G496" s="5">
        <v>6</v>
      </c>
      <c r="H496" s="5" t="s">
        <v>1518</v>
      </c>
      <c r="I496" s="5" t="s">
        <v>1519</v>
      </c>
      <c r="J496" s="2" t="s">
        <v>1520</v>
      </c>
      <c r="K496" s="5" t="s">
        <v>1519</v>
      </c>
      <c r="L496" s="2" t="s">
        <v>1520</v>
      </c>
      <c r="M496" s="5" t="s">
        <v>1521</v>
      </c>
      <c r="N496" s="5" t="s">
        <v>38</v>
      </c>
      <c r="O496" s="5" t="s">
        <v>39</v>
      </c>
      <c r="P496" s="5" t="s">
        <v>40</v>
      </c>
      <c r="Q496" s="5" t="s">
        <v>1522</v>
      </c>
      <c r="R496" s="5" t="s">
        <v>1523</v>
      </c>
      <c r="S496" s="5" t="s">
        <v>42</v>
      </c>
      <c r="T496" s="2">
        <v>2.4159999999999999</v>
      </c>
      <c r="U496" s="2">
        <v>1.8520000000000001</v>
      </c>
      <c r="V496" s="2">
        <v>1.2999999999999999E-2</v>
      </c>
      <c r="W496" s="2">
        <v>99.1</v>
      </c>
      <c r="X496" s="2">
        <v>7.6</v>
      </c>
      <c r="Y496" s="2">
        <v>16.7</v>
      </c>
      <c r="Z496" s="5"/>
      <c r="AA496" s="5" t="s">
        <v>43</v>
      </c>
      <c r="AB496" s="5" t="s">
        <v>44</v>
      </c>
      <c r="AC496" s="2"/>
      <c r="AD496" s="1"/>
    </row>
    <row r="497" spans="1:30">
      <c r="A497" s="5" t="s">
        <v>83578</v>
      </c>
      <c r="B497" s="2" t="s">
        <v>85064</v>
      </c>
      <c r="C497" s="14" t="s">
        <v>85065</v>
      </c>
      <c r="D497" s="2" t="s">
        <v>85066</v>
      </c>
      <c r="E497" s="2" t="s">
        <v>7521</v>
      </c>
      <c r="F497" s="8">
        <v>233</v>
      </c>
      <c r="G497" s="5">
        <v>6</v>
      </c>
      <c r="H497" s="5" t="s">
        <v>1518</v>
      </c>
      <c r="I497" s="5" t="s">
        <v>1519</v>
      </c>
      <c r="J497" s="2" t="s">
        <v>1520</v>
      </c>
      <c r="K497" s="5" t="s">
        <v>1519</v>
      </c>
      <c r="L497" s="2" t="s">
        <v>1520</v>
      </c>
      <c r="M497" s="5" t="s">
        <v>1521</v>
      </c>
      <c r="N497" s="5" t="s">
        <v>38</v>
      </c>
      <c r="O497" s="5" t="s">
        <v>39</v>
      </c>
      <c r="P497" s="5" t="s">
        <v>40</v>
      </c>
      <c r="Q497" s="5" t="s">
        <v>1522</v>
      </c>
      <c r="R497" s="5" t="s">
        <v>1523</v>
      </c>
      <c r="S497" s="5" t="s">
        <v>42</v>
      </c>
      <c r="T497" s="2">
        <v>2.4159999999999999</v>
      </c>
      <c r="U497" s="2">
        <v>1.8520000000000001</v>
      </c>
      <c r="V497" s="2">
        <v>1.2999999999999999E-2</v>
      </c>
      <c r="W497" s="2">
        <v>99.1</v>
      </c>
      <c r="X497" s="2">
        <v>7.6</v>
      </c>
      <c r="Y497" s="2">
        <v>16.7</v>
      </c>
      <c r="Z497" s="5"/>
      <c r="AA497" s="5" t="s">
        <v>43</v>
      </c>
      <c r="AB497" s="5" t="s">
        <v>44</v>
      </c>
      <c r="AC497" s="2"/>
      <c r="AD497" s="1"/>
    </row>
    <row r="498" spans="1:30">
      <c r="A498" s="5" t="s">
        <v>83578</v>
      </c>
      <c r="B498" s="2" t="s">
        <v>85067</v>
      </c>
      <c r="C498" s="14" t="s">
        <v>85068</v>
      </c>
      <c r="D498" s="2" t="s">
        <v>85069</v>
      </c>
      <c r="E498" s="2" t="s">
        <v>7212</v>
      </c>
      <c r="F498" s="8">
        <v>233</v>
      </c>
      <c r="G498" s="5">
        <v>6</v>
      </c>
      <c r="H498" s="5" t="s">
        <v>1518</v>
      </c>
      <c r="I498" s="5" t="s">
        <v>1519</v>
      </c>
      <c r="J498" s="2" t="s">
        <v>1520</v>
      </c>
      <c r="K498" s="5" t="s">
        <v>1519</v>
      </c>
      <c r="L498" s="2" t="s">
        <v>1520</v>
      </c>
      <c r="M498" s="5" t="s">
        <v>1521</v>
      </c>
      <c r="N498" s="5" t="s">
        <v>38</v>
      </c>
      <c r="O498" s="5" t="s">
        <v>39</v>
      </c>
      <c r="P498" s="5" t="s">
        <v>40</v>
      </c>
      <c r="Q498" s="5" t="s">
        <v>1522</v>
      </c>
      <c r="R498" s="5" t="s">
        <v>1523</v>
      </c>
      <c r="S498" s="5" t="s">
        <v>42</v>
      </c>
      <c r="T498" s="2">
        <v>2.3359999999999999</v>
      </c>
      <c r="U498" s="2">
        <v>1.772</v>
      </c>
      <c r="V498" s="2">
        <v>1.2999999999999999E-2</v>
      </c>
      <c r="W498" s="2">
        <v>99.1</v>
      </c>
      <c r="X498" s="2">
        <v>7.6</v>
      </c>
      <c r="Y498" s="2">
        <v>16.7</v>
      </c>
      <c r="Z498" s="5"/>
      <c r="AA498" s="5" t="s">
        <v>43</v>
      </c>
      <c r="AB498" s="5" t="s">
        <v>44</v>
      </c>
      <c r="AC498" s="2"/>
      <c r="AD498" s="1"/>
    </row>
    <row r="499" spans="1:30">
      <c r="A499" s="5" t="s">
        <v>83578</v>
      </c>
      <c r="B499" s="2" t="s">
        <v>85070</v>
      </c>
      <c r="C499" s="14" t="s">
        <v>85071</v>
      </c>
      <c r="D499" s="2" t="s">
        <v>85072</v>
      </c>
      <c r="E499" s="2" t="s">
        <v>7406</v>
      </c>
      <c r="F499" s="8">
        <v>249</v>
      </c>
      <c r="G499" s="5">
        <v>6</v>
      </c>
      <c r="H499" s="5" t="s">
        <v>1518</v>
      </c>
      <c r="I499" s="5" t="s">
        <v>1519</v>
      </c>
      <c r="J499" s="2" t="s">
        <v>1520</v>
      </c>
      <c r="K499" s="5" t="s">
        <v>1519</v>
      </c>
      <c r="L499" s="2" t="s">
        <v>1520</v>
      </c>
      <c r="M499" s="5" t="s">
        <v>1521</v>
      </c>
      <c r="N499" s="5" t="s">
        <v>38</v>
      </c>
      <c r="O499" s="5" t="s">
        <v>39</v>
      </c>
      <c r="P499" s="5" t="s">
        <v>40</v>
      </c>
      <c r="Q499" s="5" t="s">
        <v>1522</v>
      </c>
      <c r="R499" s="5" t="s">
        <v>1523</v>
      </c>
      <c r="S499" s="5" t="s">
        <v>42</v>
      </c>
      <c r="T499" s="2">
        <v>2.3359999999999999</v>
      </c>
      <c r="U499" s="2">
        <v>1.772</v>
      </c>
      <c r="V499" s="2">
        <v>1.2999999999999999E-2</v>
      </c>
      <c r="W499" s="2">
        <v>99.1</v>
      </c>
      <c r="X499" s="2">
        <v>7.6</v>
      </c>
      <c r="Y499" s="2">
        <v>16.7</v>
      </c>
      <c r="Z499" s="5"/>
      <c r="AA499" s="5" t="s">
        <v>43</v>
      </c>
      <c r="AB499" s="5" t="s">
        <v>44</v>
      </c>
      <c r="AC499" s="2"/>
      <c r="AD499" s="1"/>
    </row>
    <row r="500" spans="1:30">
      <c r="A500" s="5" t="s">
        <v>83578</v>
      </c>
      <c r="B500" s="2" t="s">
        <v>85073</v>
      </c>
      <c r="C500" s="14" t="s">
        <v>85074</v>
      </c>
      <c r="D500" s="2" t="s">
        <v>85075</v>
      </c>
      <c r="E500" s="2" t="s">
        <v>7535</v>
      </c>
      <c r="F500" s="8">
        <v>249</v>
      </c>
      <c r="G500" s="5">
        <v>6</v>
      </c>
      <c r="H500" s="5" t="s">
        <v>1518</v>
      </c>
      <c r="I500" s="5" t="s">
        <v>1519</v>
      </c>
      <c r="J500" s="2" t="s">
        <v>1520</v>
      </c>
      <c r="K500" s="5" t="s">
        <v>1519</v>
      </c>
      <c r="L500" s="2" t="s">
        <v>1520</v>
      </c>
      <c r="M500" s="5" t="s">
        <v>1521</v>
      </c>
      <c r="N500" s="5" t="s">
        <v>38</v>
      </c>
      <c r="O500" s="5" t="s">
        <v>39</v>
      </c>
      <c r="P500" s="5" t="s">
        <v>40</v>
      </c>
      <c r="Q500" s="5" t="s">
        <v>1522</v>
      </c>
      <c r="R500" s="5" t="s">
        <v>1523</v>
      </c>
      <c r="S500" s="5" t="s">
        <v>42</v>
      </c>
      <c r="T500" s="2">
        <v>2.4049999999999998</v>
      </c>
      <c r="U500" s="2">
        <v>1.841</v>
      </c>
      <c r="V500" s="2">
        <v>1.2999999999999999E-2</v>
      </c>
      <c r="W500" s="2">
        <v>99.1</v>
      </c>
      <c r="X500" s="2">
        <v>7.6</v>
      </c>
      <c r="Y500" s="2">
        <v>16.7</v>
      </c>
      <c r="Z500" s="5"/>
      <c r="AA500" s="5" t="s">
        <v>43</v>
      </c>
      <c r="AB500" s="5" t="s">
        <v>44</v>
      </c>
      <c r="AC500" s="2"/>
      <c r="AD500" s="1"/>
    </row>
    <row r="501" spans="1:30">
      <c r="A501" s="5" t="s">
        <v>83578</v>
      </c>
      <c r="B501" s="2" t="s">
        <v>85076</v>
      </c>
      <c r="C501" s="14" t="s">
        <v>85077</v>
      </c>
      <c r="D501" s="2" t="s">
        <v>85078</v>
      </c>
      <c r="E501" s="2" t="s">
        <v>7539</v>
      </c>
      <c r="F501" s="8">
        <v>249</v>
      </c>
      <c r="G501" s="5">
        <v>6</v>
      </c>
      <c r="H501" s="5" t="s">
        <v>1518</v>
      </c>
      <c r="I501" s="5" t="s">
        <v>1519</v>
      </c>
      <c r="J501" s="2" t="s">
        <v>1520</v>
      </c>
      <c r="K501" s="5" t="s">
        <v>1519</v>
      </c>
      <c r="L501" s="2" t="s">
        <v>1520</v>
      </c>
      <c r="M501" s="5" t="s">
        <v>1521</v>
      </c>
      <c r="N501" s="5" t="s">
        <v>38</v>
      </c>
      <c r="O501" s="5" t="s">
        <v>39</v>
      </c>
      <c r="P501" s="5" t="s">
        <v>40</v>
      </c>
      <c r="Q501" s="5" t="s">
        <v>1522</v>
      </c>
      <c r="R501" s="5" t="s">
        <v>1523</v>
      </c>
      <c r="S501" s="5" t="s">
        <v>42</v>
      </c>
      <c r="T501" s="2">
        <v>2.347</v>
      </c>
      <c r="U501" s="2">
        <v>1.7829999999999999</v>
      </c>
      <c r="V501" s="2">
        <v>1.2999999999999999E-2</v>
      </c>
      <c r="W501" s="2">
        <v>99.1</v>
      </c>
      <c r="X501" s="2">
        <v>7.6</v>
      </c>
      <c r="Y501" s="2">
        <v>16.7</v>
      </c>
      <c r="Z501" s="5"/>
      <c r="AA501" s="5" t="s">
        <v>43</v>
      </c>
      <c r="AB501" s="5" t="s">
        <v>44</v>
      </c>
      <c r="AC501" s="2"/>
      <c r="AD501" s="1"/>
    </row>
    <row r="502" spans="1:30">
      <c r="A502" s="5" t="s">
        <v>83578</v>
      </c>
      <c r="B502" s="2" t="s">
        <v>85079</v>
      </c>
      <c r="C502" s="14" t="s">
        <v>85080</v>
      </c>
      <c r="D502" s="2" t="s">
        <v>85081</v>
      </c>
      <c r="E502" s="2" t="s">
        <v>7543</v>
      </c>
      <c r="F502" s="8">
        <v>249</v>
      </c>
      <c r="G502" s="5">
        <v>6</v>
      </c>
      <c r="H502" s="5" t="s">
        <v>1518</v>
      </c>
      <c r="I502" s="5" t="s">
        <v>1519</v>
      </c>
      <c r="J502" s="2" t="s">
        <v>1520</v>
      </c>
      <c r="K502" s="5" t="s">
        <v>1519</v>
      </c>
      <c r="L502" s="2" t="s">
        <v>1520</v>
      </c>
      <c r="M502" s="5" t="s">
        <v>1521</v>
      </c>
      <c r="N502" s="5" t="s">
        <v>38</v>
      </c>
      <c r="O502" s="5" t="s">
        <v>39</v>
      </c>
      <c r="P502" s="5" t="s">
        <v>40</v>
      </c>
      <c r="Q502" s="5" t="s">
        <v>1522</v>
      </c>
      <c r="R502" s="5" t="s">
        <v>1523</v>
      </c>
      <c r="S502" s="5" t="s">
        <v>42</v>
      </c>
      <c r="T502" s="2">
        <v>2.4159999999999999</v>
      </c>
      <c r="U502" s="2">
        <v>1.8520000000000001</v>
      </c>
      <c r="V502" s="2">
        <v>1.2999999999999999E-2</v>
      </c>
      <c r="W502" s="2">
        <v>99.1</v>
      </c>
      <c r="X502" s="2">
        <v>7.6</v>
      </c>
      <c r="Y502" s="2">
        <v>16.7</v>
      </c>
      <c r="Z502" s="5"/>
      <c r="AA502" s="5" t="s">
        <v>43</v>
      </c>
      <c r="AB502" s="5" t="s">
        <v>44</v>
      </c>
      <c r="AC502" s="2"/>
      <c r="AD502" s="1"/>
    </row>
    <row r="503" spans="1:30">
      <c r="A503" s="5" t="s">
        <v>83578</v>
      </c>
      <c r="B503" s="2" t="s">
        <v>85082</v>
      </c>
      <c r="C503" s="14" t="s">
        <v>85083</v>
      </c>
      <c r="D503" s="2" t="s">
        <v>85084</v>
      </c>
      <c r="E503" s="2" t="s">
        <v>7547</v>
      </c>
      <c r="F503" s="8">
        <v>249</v>
      </c>
      <c r="G503" s="5">
        <v>6</v>
      </c>
      <c r="H503" s="5" t="s">
        <v>1518</v>
      </c>
      <c r="I503" s="5" t="s">
        <v>1519</v>
      </c>
      <c r="J503" s="2" t="s">
        <v>1520</v>
      </c>
      <c r="K503" s="5" t="s">
        <v>1519</v>
      </c>
      <c r="L503" s="2" t="s">
        <v>1520</v>
      </c>
      <c r="M503" s="5" t="s">
        <v>1521</v>
      </c>
      <c r="N503" s="5" t="s">
        <v>38</v>
      </c>
      <c r="O503" s="5" t="s">
        <v>39</v>
      </c>
      <c r="P503" s="5" t="s">
        <v>40</v>
      </c>
      <c r="Q503" s="5" t="s">
        <v>1522</v>
      </c>
      <c r="R503" s="5" t="s">
        <v>1523</v>
      </c>
      <c r="S503" s="5" t="s">
        <v>42</v>
      </c>
      <c r="T503" s="2">
        <v>2.3359999999999999</v>
      </c>
      <c r="U503" s="2">
        <v>1.772</v>
      </c>
      <c r="V503" s="2">
        <v>1.2999999999999999E-2</v>
      </c>
      <c r="W503" s="2">
        <v>99.1</v>
      </c>
      <c r="X503" s="2">
        <v>7.6</v>
      </c>
      <c r="Y503" s="2">
        <v>16.7</v>
      </c>
      <c r="Z503" s="5"/>
      <c r="AA503" s="5" t="s">
        <v>43</v>
      </c>
      <c r="AB503" s="5" t="s">
        <v>44</v>
      </c>
      <c r="AC503" s="2"/>
      <c r="AD503" s="1"/>
    </row>
    <row r="504" spans="1:30">
      <c r="A504" s="5" t="s">
        <v>83578</v>
      </c>
      <c r="B504" s="2" t="s">
        <v>85085</v>
      </c>
      <c r="C504" s="14" t="s">
        <v>85086</v>
      </c>
      <c r="D504" s="2" t="s">
        <v>85087</v>
      </c>
      <c r="E504" s="2" t="s">
        <v>7551</v>
      </c>
      <c r="F504" s="8">
        <v>249</v>
      </c>
      <c r="G504" s="5">
        <v>6</v>
      </c>
      <c r="H504" s="5" t="s">
        <v>1518</v>
      </c>
      <c r="I504" s="5" t="s">
        <v>1519</v>
      </c>
      <c r="J504" s="2" t="s">
        <v>1520</v>
      </c>
      <c r="K504" s="5" t="s">
        <v>1519</v>
      </c>
      <c r="L504" s="2" t="s">
        <v>1520</v>
      </c>
      <c r="M504" s="5" t="s">
        <v>1521</v>
      </c>
      <c r="N504" s="5" t="s">
        <v>38</v>
      </c>
      <c r="O504" s="5" t="s">
        <v>39</v>
      </c>
      <c r="P504" s="5" t="s">
        <v>40</v>
      </c>
      <c r="Q504" s="5" t="s">
        <v>1522</v>
      </c>
      <c r="R504" s="5" t="s">
        <v>1523</v>
      </c>
      <c r="S504" s="5" t="s">
        <v>42</v>
      </c>
      <c r="T504" s="2">
        <v>2.4049999999999998</v>
      </c>
      <c r="U504" s="2">
        <v>1.841</v>
      </c>
      <c r="V504" s="2">
        <v>1.2999999999999999E-2</v>
      </c>
      <c r="W504" s="2">
        <v>99.1</v>
      </c>
      <c r="X504" s="2">
        <v>7.6</v>
      </c>
      <c r="Y504" s="2">
        <v>16.7</v>
      </c>
      <c r="Z504" s="5"/>
      <c r="AA504" s="5" t="s">
        <v>43</v>
      </c>
      <c r="AB504" s="5" t="s">
        <v>44</v>
      </c>
      <c r="AC504" s="2"/>
      <c r="AD504" s="1"/>
    </row>
    <row r="505" spans="1:30">
      <c r="A505" s="5" t="s">
        <v>83578</v>
      </c>
      <c r="B505" s="2" t="s">
        <v>85088</v>
      </c>
      <c r="C505" s="14" t="s">
        <v>85089</v>
      </c>
      <c r="D505" s="2" t="s">
        <v>85090</v>
      </c>
      <c r="E505" s="2" t="s">
        <v>7555</v>
      </c>
      <c r="F505" s="8">
        <v>249</v>
      </c>
      <c r="G505" s="5">
        <v>6</v>
      </c>
      <c r="H505" s="5" t="s">
        <v>1518</v>
      </c>
      <c r="I505" s="5" t="s">
        <v>1519</v>
      </c>
      <c r="J505" s="2" t="s">
        <v>1520</v>
      </c>
      <c r="K505" s="5" t="s">
        <v>1519</v>
      </c>
      <c r="L505" s="2" t="s">
        <v>1520</v>
      </c>
      <c r="M505" s="5" t="s">
        <v>1521</v>
      </c>
      <c r="N505" s="5" t="s">
        <v>38</v>
      </c>
      <c r="O505" s="5" t="s">
        <v>39</v>
      </c>
      <c r="P505" s="5" t="s">
        <v>40</v>
      </c>
      <c r="Q505" s="5" t="s">
        <v>1522</v>
      </c>
      <c r="R505" s="5" t="s">
        <v>1523</v>
      </c>
      <c r="S505" s="5" t="s">
        <v>42</v>
      </c>
      <c r="T505" s="2">
        <v>2.3359999999999999</v>
      </c>
      <c r="U505" s="2">
        <v>1.772</v>
      </c>
      <c r="V505" s="2">
        <v>1.2999999999999999E-2</v>
      </c>
      <c r="W505" s="2">
        <v>99.1</v>
      </c>
      <c r="X505" s="2">
        <v>7.6</v>
      </c>
      <c r="Y505" s="2">
        <v>16.7</v>
      </c>
      <c r="Z505" s="5"/>
      <c r="AA505" s="5" t="s">
        <v>43</v>
      </c>
      <c r="AB505" s="5" t="s">
        <v>44</v>
      </c>
      <c r="AC505" s="2"/>
      <c r="AD505" s="1"/>
    </row>
    <row r="506" spans="1:30">
      <c r="A506" s="5" t="s">
        <v>83578</v>
      </c>
      <c r="B506" s="2" t="s">
        <v>85091</v>
      </c>
      <c r="C506" s="14" t="s">
        <v>85092</v>
      </c>
      <c r="D506" s="2" t="s">
        <v>85093</v>
      </c>
      <c r="E506" s="2" t="s">
        <v>7563</v>
      </c>
      <c r="F506" s="8">
        <v>249</v>
      </c>
      <c r="G506" s="5">
        <v>6</v>
      </c>
      <c r="H506" s="5" t="s">
        <v>1518</v>
      </c>
      <c r="I506" s="5" t="s">
        <v>1519</v>
      </c>
      <c r="J506" s="2" t="s">
        <v>1520</v>
      </c>
      <c r="K506" s="5" t="s">
        <v>1519</v>
      </c>
      <c r="L506" s="2" t="s">
        <v>1520</v>
      </c>
      <c r="M506" s="5" t="s">
        <v>1521</v>
      </c>
      <c r="N506" s="5" t="s">
        <v>38</v>
      </c>
      <c r="O506" s="5" t="s">
        <v>39</v>
      </c>
      <c r="P506" s="5" t="s">
        <v>40</v>
      </c>
      <c r="Q506" s="5" t="s">
        <v>1522</v>
      </c>
      <c r="R506" s="5" t="s">
        <v>1523</v>
      </c>
      <c r="S506" s="5" t="s">
        <v>42</v>
      </c>
      <c r="T506" s="2">
        <v>2.347</v>
      </c>
      <c r="U506" s="2">
        <v>1.7829999999999999</v>
      </c>
      <c r="V506" s="2">
        <v>1.2999999999999999E-2</v>
      </c>
      <c r="W506" s="2">
        <v>99.1</v>
      </c>
      <c r="X506" s="2">
        <v>7.6</v>
      </c>
      <c r="Y506" s="2">
        <v>16.7</v>
      </c>
      <c r="Z506" s="5"/>
      <c r="AA506" s="5" t="s">
        <v>43</v>
      </c>
      <c r="AB506" s="5" t="s">
        <v>44</v>
      </c>
      <c r="AC506" s="2"/>
      <c r="AD506" s="1"/>
    </row>
    <row r="507" spans="1:30">
      <c r="A507" s="5" t="s">
        <v>83578</v>
      </c>
      <c r="B507" s="2" t="s">
        <v>85094</v>
      </c>
      <c r="C507" s="14" t="s">
        <v>85095</v>
      </c>
      <c r="D507" s="2" t="s">
        <v>85096</v>
      </c>
      <c r="E507" s="2" t="s">
        <v>16079</v>
      </c>
      <c r="F507" s="8">
        <v>249</v>
      </c>
      <c r="G507" s="5">
        <v>6</v>
      </c>
      <c r="H507" s="5" t="s">
        <v>1518</v>
      </c>
      <c r="I507" s="5" t="s">
        <v>1519</v>
      </c>
      <c r="J507" s="2" t="s">
        <v>1520</v>
      </c>
      <c r="K507" s="5" t="s">
        <v>1519</v>
      </c>
      <c r="L507" s="2" t="s">
        <v>1520</v>
      </c>
      <c r="M507" s="5" t="s">
        <v>1521</v>
      </c>
      <c r="N507" s="5" t="s">
        <v>38</v>
      </c>
      <c r="O507" s="5" t="s">
        <v>39</v>
      </c>
      <c r="P507" s="5" t="s">
        <v>40</v>
      </c>
      <c r="Q507" s="5" t="s">
        <v>1522</v>
      </c>
      <c r="R507" s="5" t="s">
        <v>1523</v>
      </c>
      <c r="S507" s="5" t="s">
        <v>42</v>
      </c>
      <c r="T507" s="2">
        <v>2.347</v>
      </c>
      <c r="U507" s="2">
        <v>1.7829999999999999</v>
      </c>
      <c r="V507" s="2">
        <v>1.2999999999999999E-2</v>
      </c>
      <c r="W507" s="2">
        <v>99.1</v>
      </c>
      <c r="X507" s="2">
        <v>7.6</v>
      </c>
      <c r="Y507" s="2">
        <v>16.7</v>
      </c>
      <c r="Z507" s="5"/>
      <c r="AA507" s="5" t="s">
        <v>43</v>
      </c>
      <c r="AB507" s="5" t="s">
        <v>44</v>
      </c>
      <c r="AC507" s="2"/>
      <c r="AD507" s="1"/>
    </row>
    <row r="508" spans="1:30">
      <c r="A508" s="5" t="s">
        <v>83578</v>
      </c>
      <c r="B508" s="2" t="s">
        <v>85097</v>
      </c>
      <c r="C508" s="14" t="s">
        <v>85098</v>
      </c>
      <c r="D508" s="2" t="s">
        <v>85099</v>
      </c>
      <c r="E508" s="2" t="s">
        <v>16194</v>
      </c>
      <c r="F508" s="8">
        <v>249</v>
      </c>
      <c r="G508" s="5">
        <v>6</v>
      </c>
      <c r="H508" s="5" t="s">
        <v>1518</v>
      </c>
      <c r="I508" s="5" t="s">
        <v>1519</v>
      </c>
      <c r="J508" s="2" t="s">
        <v>1520</v>
      </c>
      <c r="K508" s="5" t="s">
        <v>1519</v>
      </c>
      <c r="L508" s="2" t="s">
        <v>1520</v>
      </c>
      <c r="M508" s="5" t="s">
        <v>1521</v>
      </c>
      <c r="N508" s="5" t="s">
        <v>38</v>
      </c>
      <c r="O508" s="5" t="s">
        <v>39</v>
      </c>
      <c r="P508" s="5" t="s">
        <v>40</v>
      </c>
      <c r="Q508" s="5" t="s">
        <v>1522</v>
      </c>
      <c r="R508" s="5" t="s">
        <v>1523</v>
      </c>
      <c r="S508" s="5" t="s">
        <v>42</v>
      </c>
      <c r="T508" s="2">
        <v>2.4159999999999999</v>
      </c>
      <c r="U508" s="2">
        <v>1.8520000000000001</v>
      </c>
      <c r="V508" s="2">
        <v>1.2999999999999999E-2</v>
      </c>
      <c r="W508" s="2">
        <v>99.1</v>
      </c>
      <c r="X508" s="2">
        <v>7.6</v>
      </c>
      <c r="Y508" s="2">
        <v>16.7</v>
      </c>
      <c r="Z508" s="5"/>
      <c r="AA508" s="5" t="s">
        <v>43</v>
      </c>
      <c r="AB508" s="5" t="s">
        <v>44</v>
      </c>
      <c r="AC508" s="2"/>
      <c r="AD508" s="1"/>
    </row>
    <row r="509" spans="1:30">
      <c r="A509" s="5" t="s">
        <v>83578</v>
      </c>
      <c r="B509" s="2" t="s">
        <v>85100</v>
      </c>
      <c r="C509" s="14" t="s">
        <v>85101</v>
      </c>
      <c r="D509" s="2" t="s">
        <v>85102</v>
      </c>
      <c r="E509" s="2" t="s">
        <v>7449</v>
      </c>
      <c r="F509" s="8">
        <v>249</v>
      </c>
      <c r="G509" s="5">
        <v>6</v>
      </c>
      <c r="H509" s="5" t="s">
        <v>1518</v>
      </c>
      <c r="I509" s="5" t="s">
        <v>1519</v>
      </c>
      <c r="J509" s="2" t="s">
        <v>1520</v>
      </c>
      <c r="K509" s="5" t="s">
        <v>1519</v>
      </c>
      <c r="L509" s="2" t="s">
        <v>1520</v>
      </c>
      <c r="M509" s="5" t="s">
        <v>1521</v>
      </c>
      <c r="N509" s="5" t="s">
        <v>38</v>
      </c>
      <c r="O509" s="5" t="s">
        <v>39</v>
      </c>
      <c r="P509" s="5" t="s">
        <v>40</v>
      </c>
      <c r="Q509" s="5" t="s">
        <v>1522</v>
      </c>
      <c r="R509" s="5" t="s">
        <v>1523</v>
      </c>
      <c r="S509" s="5" t="s">
        <v>42</v>
      </c>
      <c r="T509" s="2">
        <v>2.347</v>
      </c>
      <c r="U509" s="2">
        <v>1.7829999999999999</v>
      </c>
      <c r="V509" s="2">
        <v>1.2999999999999999E-2</v>
      </c>
      <c r="W509" s="2">
        <v>99.1</v>
      </c>
      <c r="X509" s="2">
        <v>7.6</v>
      </c>
      <c r="Y509" s="2">
        <v>16.7</v>
      </c>
      <c r="Z509" s="5"/>
      <c r="AA509" s="5" t="s">
        <v>43</v>
      </c>
      <c r="AB509" s="5" t="s">
        <v>44</v>
      </c>
      <c r="AC509" s="2"/>
      <c r="AD509" s="1"/>
    </row>
    <row r="510" spans="1:30">
      <c r="A510" s="5" t="s">
        <v>83578</v>
      </c>
      <c r="B510" s="2" t="s">
        <v>85103</v>
      </c>
      <c r="C510" s="14" t="s">
        <v>85104</v>
      </c>
      <c r="D510" s="2" t="s">
        <v>85105</v>
      </c>
      <c r="E510" s="2" t="s">
        <v>7585</v>
      </c>
      <c r="F510" s="8">
        <v>249</v>
      </c>
      <c r="G510" s="5">
        <v>6</v>
      </c>
      <c r="H510" s="5" t="s">
        <v>1518</v>
      </c>
      <c r="I510" s="5" t="s">
        <v>1519</v>
      </c>
      <c r="J510" s="2" t="s">
        <v>1520</v>
      </c>
      <c r="K510" s="5" t="s">
        <v>1519</v>
      </c>
      <c r="L510" s="2" t="s">
        <v>1520</v>
      </c>
      <c r="M510" s="5" t="s">
        <v>1521</v>
      </c>
      <c r="N510" s="5" t="s">
        <v>38</v>
      </c>
      <c r="O510" s="5" t="s">
        <v>39</v>
      </c>
      <c r="P510" s="5" t="s">
        <v>40</v>
      </c>
      <c r="Q510" s="5" t="s">
        <v>1522</v>
      </c>
      <c r="R510" s="5" t="s">
        <v>1523</v>
      </c>
      <c r="S510" s="5" t="s">
        <v>42</v>
      </c>
      <c r="T510" s="2">
        <v>2.3359999999999999</v>
      </c>
      <c r="U510" s="2">
        <v>1.772</v>
      </c>
      <c r="V510" s="2">
        <v>1.2999999999999999E-2</v>
      </c>
      <c r="W510" s="2">
        <v>99.1</v>
      </c>
      <c r="X510" s="2">
        <v>7.6</v>
      </c>
      <c r="Y510" s="2">
        <v>16.7</v>
      </c>
      <c r="Z510" s="5"/>
      <c r="AA510" s="5" t="s">
        <v>43</v>
      </c>
      <c r="AB510" s="5" t="s">
        <v>44</v>
      </c>
      <c r="AC510" s="2"/>
      <c r="AD510" s="1"/>
    </row>
    <row r="511" spans="1:30">
      <c r="A511" s="5" t="s">
        <v>83578</v>
      </c>
      <c r="B511" s="2" t="s">
        <v>85106</v>
      </c>
      <c r="C511" s="14" t="s">
        <v>85107</v>
      </c>
      <c r="D511" s="2" t="s">
        <v>85108</v>
      </c>
      <c r="E511" s="2" t="s">
        <v>7589</v>
      </c>
      <c r="F511" s="8">
        <v>249</v>
      </c>
      <c r="G511" s="5">
        <v>6</v>
      </c>
      <c r="H511" s="5" t="s">
        <v>1518</v>
      </c>
      <c r="I511" s="5" t="s">
        <v>1519</v>
      </c>
      <c r="J511" s="2" t="s">
        <v>1520</v>
      </c>
      <c r="K511" s="5" t="s">
        <v>1519</v>
      </c>
      <c r="L511" s="2" t="s">
        <v>1520</v>
      </c>
      <c r="M511" s="5" t="s">
        <v>1521</v>
      </c>
      <c r="N511" s="5" t="s">
        <v>38</v>
      </c>
      <c r="O511" s="5" t="s">
        <v>39</v>
      </c>
      <c r="P511" s="5" t="s">
        <v>40</v>
      </c>
      <c r="Q511" s="5" t="s">
        <v>1522</v>
      </c>
      <c r="R511" s="5" t="s">
        <v>1523</v>
      </c>
      <c r="S511" s="5" t="s">
        <v>42</v>
      </c>
      <c r="T511" s="2">
        <v>2.4049999999999998</v>
      </c>
      <c r="U511" s="2">
        <v>1.841</v>
      </c>
      <c r="V511" s="2">
        <v>1.2999999999999999E-2</v>
      </c>
      <c r="W511" s="2">
        <v>99.1</v>
      </c>
      <c r="X511" s="2">
        <v>7.6</v>
      </c>
      <c r="Y511" s="2">
        <v>16.7</v>
      </c>
      <c r="Z511" s="5"/>
      <c r="AA511" s="5" t="s">
        <v>43</v>
      </c>
      <c r="AB511" s="5" t="s">
        <v>44</v>
      </c>
      <c r="AC511" s="2"/>
      <c r="AD511" s="1"/>
    </row>
    <row r="512" spans="1:30">
      <c r="A512" s="5" t="s">
        <v>83578</v>
      </c>
      <c r="B512" s="2" t="s">
        <v>85109</v>
      </c>
      <c r="C512" s="14" t="s">
        <v>85110</v>
      </c>
      <c r="D512" s="2" t="s">
        <v>85111</v>
      </c>
      <c r="E512" s="2" t="s">
        <v>7593</v>
      </c>
      <c r="F512" s="8">
        <v>249</v>
      </c>
      <c r="G512" s="5">
        <v>6</v>
      </c>
      <c r="H512" s="5" t="s">
        <v>1518</v>
      </c>
      <c r="I512" s="5" t="s">
        <v>1519</v>
      </c>
      <c r="J512" s="2" t="s">
        <v>1520</v>
      </c>
      <c r="K512" s="5" t="s">
        <v>1519</v>
      </c>
      <c r="L512" s="2" t="s">
        <v>1520</v>
      </c>
      <c r="M512" s="5" t="s">
        <v>1521</v>
      </c>
      <c r="N512" s="5" t="s">
        <v>38</v>
      </c>
      <c r="O512" s="5" t="s">
        <v>39</v>
      </c>
      <c r="P512" s="5" t="s">
        <v>40</v>
      </c>
      <c r="Q512" s="5" t="s">
        <v>1522</v>
      </c>
      <c r="R512" s="5" t="s">
        <v>1523</v>
      </c>
      <c r="S512" s="5" t="s">
        <v>42</v>
      </c>
      <c r="T512" s="2">
        <v>2.347</v>
      </c>
      <c r="U512" s="2">
        <v>1.7829999999999999</v>
      </c>
      <c r="V512" s="2">
        <v>1.2999999999999999E-2</v>
      </c>
      <c r="W512" s="2">
        <v>99.1</v>
      </c>
      <c r="X512" s="2">
        <v>7.6</v>
      </c>
      <c r="Y512" s="2">
        <v>16.7</v>
      </c>
      <c r="Z512" s="5"/>
      <c r="AA512" s="5" t="s">
        <v>43</v>
      </c>
      <c r="AB512" s="5" t="s">
        <v>44</v>
      </c>
      <c r="AC512" s="2"/>
      <c r="AD512" s="1"/>
    </row>
    <row r="513" spans="1:30">
      <c r="A513" s="5" t="s">
        <v>83578</v>
      </c>
      <c r="B513" s="2" t="s">
        <v>85112</v>
      </c>
      <c r="C513" s="14" t="s">
        <v>85113</v>
      </c>
      <c r="D513" s="2" t="s">
        <v>85114</v>
      </c>
      <c r="E513" s="2" t="s">
        <v>7597</v>
      </c>
      <c r="F513" s="8">
        <v>249</v>
      </c>
      <c r="G513" s="5">
        <v>6</v>
      </c>
      <c r="H513" s="5" t="s">
        <v>1518</v>
      </c>
      <c r="I513" s="5" t="s">
        <v>1519</v>
      </c>
      <c r="J513" s="2" t="s">
        <v>1520</v>
      </c>
      <c r="K513" s="5" t="s">
        <v>1519</v>
      </c>
      <c r="L513" s="2" t="s">
        <v>1520</v>
      </c>
      <c r="M513" s="5" t="s">
        <v>1521</v>
      </c>
      <c r="N513" s="5" t="s">
        <v>38</v>
      </c>
      <c r="O513" s="5" t="s">
        <v>39</v>
      </c>
      <c r="P513" s="5" t="s">
        <v>40</v>
      </c>
      <c r="Q513" s="5" t="s">
        <v>1522</v>
      </c>
      <c r="R513" s="5" t="s">
        <v>1523</v>
      </c>
      <c r="S513" s="5" t="s">
        <v>42</v>
      </c>
      <c r="T513" s="2">
        <v>2.4159999999999999</v>
      </c>
      <c r="U513" s="2">
        <v>1.8520000000000001</v>
      </c>
      <c r="V513" s="2">
        <v>1.2999999999999999E-2</v>
      </c>
      <c r="W513" s="2">
        <v>99.1</v>
      </c>
      <c r="X513" s="2">
        <v>7.6</v>
      </c>
      <c r="Y513" s="2">
        <v>16.7</v>
      </c>
      <c r="Z513" s="5"/>
      <c r="AA513" s="5" t="s">
        <v>43</v>
      </c>
      <c r="AB513" s="5" t="s">
        <v>44</v>
      </c>
      <c r="AC513" s="2"/>
      <c r="AD513" s="1"/>
    </row>
    <row r="514" spans="1:30">
      <c r="A514" s="5" t="s">
        <v>83578</v>
      </c>
      <c r="B514" s="2" t="s">
        <v>85115</v>
      </c>
      <c r="C514" s="14" t="s">
        <v>85116</v>
      </c>
      <c r="D514" s="2" t="s">
        <v>85117</v>
      </c>
      <c r="E514" s="2" t="s">
        <v>16014</v>
      </c>
      <c r="F514" s="8">
        <v>249</v>
      </c>
      <c r="G514" s="5">
        <v>6</v>
      </c>
      <c r="H514" s="5" t="s">
        <v>1518</v>
      </c>
      <c r="I514" s="5" t="s">
        <v>1519</v>
      </c>
      <c r="J514" s="2" t="s">
        <v>1520</v>
      </c>
      <c r="K514" s="5" t="s">
        <v>1519</v>
      </c>
      <c r="L514" s="2" t="s">
        <v>1520</v>
      </c>
      <c r="M514" s="5" t="s">
        <v>1521</v>
      </c>
      <c r="N514" s="5" t="s">
        <v>38</v>
      </c>
      <c r="O514" s="5" t="s">
        <v>39</v>
      </c>
      <c r="P514" s="5" t="s">
        <v>40</v>
      </c>
      <c r="Q514" s="5" t="s">
        <v>1522</v>
      </c>
      <c r="R514" s="5" t="s">
        <v>1523</v>
      </c>
      <c r="S514" s="5" t="s">
        <v>42</v>
      </c>
      <c r="T514" s="2">
        <v>2.347</v>
      </c>
      <c r="U514" s="2">
        <v>1.7829999999999999</v>
      </c>
      <c r="V514" s="2">
        <v>1.2999999999999999E-2</v>
      </c>
      <c r="W514" s="2">
        <v>99.1</v>
      </c>
      <c r="X514" s="2">
        <v>7.6</v>
      </c>
      <c r="Y514" s="2">
        <v>16.7</v>
      </c>
      <c r="Z514" s="5"/>
      <c r="AA514" s="5" t="s">
        <v>43</v>
      </c>
      <c r="AB514" s="5" t="s">
        <v>44</v>
      </c>
      <c r="AC514" s="2"/>
      <c r="AD514" s="1"/>
    </row>
    <row r="515" spans="1:30">
      <c r="A515" s="5" t="s">
        <v>83578</v>
      </c>
      <c r="B515" s="2" t="s">
        <v>85118</v>
      </c>
      <c r="C515" s="14" t="s">
        <v>85119</v>
      </c>
      <c r="D515" s="2" t="s">
        <v>85120</v>
      </c>
      <c r="E515" s="2" t="s">
        <v>16219</v>
      </c>
      <c r="F515" s="8">
        <v>249</v>
      </c>
      <c r="G515" s="5">
        <v>6</v>
      </c>
      <c r="H515" s="5" t="s">
        <v>1518</v>
      </c>
      <c r="I515" s="5" t="s">
        <v>1519</v>
      </c>
      <c r="J515" s="2" t="s">
        <v>1520</v>
      </c>
      <c r="K515" s="5" t="s">
        <v>1519</v>
      </c>
      <c r="L515" s="2" t="s">
        <v>1520</v>
      </c>
      <c r="M515" s="5" t="s">
        <v>1521</v>
      </c>
      <c r="N515" s="5" t="s">
        <v>38</v>
      </c>
      <c r="O515" s="5" t="s">
        <v>39</v>
      </c>
      <c r="P515" s="5" t="s">
        <v>40</v>
      </c>
      <c r="Q515" s="5" t="s">
        <v>1522</v>
      </c>
      <c r="R515" s="5" t="s">
        <v>1523</v>
      </c>
      <c r="S515" s="5" t="s">
        <v>42</v>
      </c>
      <c r="T515" s="2">
        <v>2.4159999999999999</v>
      </c>
      <c r="U515" s="2">
        <v>1.8520000000000001</v>
      </c>
      <c r="V515" s="2">
        <v>1.2999999999999999E-2</v>
      </c>
      <c r="W515" s="2">
        <v>99.1</v>
      </c>
      <c r="X515" s="2">
        <v>7.6</v>
      </c>
      <c r="Y515" s="2">
        <v>16.7</v>
      </c>
      <c r="Z515" s="5"/>
      <c r="AA515" s="5" t="s">
        <v>43</v>
      </c>
      <c r="AB515" s="5" t="s">
        <v>44</v>
      </c>
      <c r="AC515" s="2"/>
      <c r="AD515" s="1"/>
    </row>
    <row r="516" spans="1:30">
      <c r="A516" s="5" t="s">
        <v>83578</v>
      </c>
      <c r="B516" s="2" t="s">
        <v>85121</v>
      </c>
      <c r="C516" s="14" t="s">
        <v>85122</v>
      </c>
      <c r="D516" s="2" t="s">
        <v>85123</v>
      </c>
      <c r="E516" s="2" t="s">
        <v>16018</v>
      </c>
      <c r="F516" s="8">
        <v>249</v>
      </c>
      <c r="G516" s="5">
        <v>6</v>
      </c>
      <c r="H516" s="5" t="s">
        <v>1518</v>
      </c>
      <c r="I516" s="5" t="s">
        <v>1519</v>
      </c>
      <c r="J516" s="2" t="s">
        <v>1520</v>
      </c>
      <c r="K516" s="5" t="s">
        <v>1519</v>
      </c>
      <c r="L516" s="2" t="s">
        <v>1520</v>
      </c>
      <c r="M516" s="5" t="s">
        <v>1521</v>
      </c>
      <c r="N516" s="5" t="s">
        <v>38</v>
      </c>
      <c r="O516" s="5" t="s">
        <v>39</v>
      </c>
      <c r="P516" s="5" t="s">
        <v>40</v>
      </c>
      <c r="Q516" s="5" t="s">
        <v>1522</v>
      </c>
      <c r="R516" s="5" t="s">
        <v>1523</v>
      </c>
      <c r="S516" s="5" t="s">
        <v>42</v>
      </c>
      <c r="T516" s="2">
        <v>2.347</v>
      </c>
      <c r="U516" s="2">
        <v>1.7829999999999999</v>
      </c>
      <c r="V516" s="2">
        <v>1.2999999999999999E-2</v>
      </c>
      <c r="W516" s="2">
        <v>99.1</v>
      </c>
      <c r="X516" s="2">
        <v>7.6</v>
      </c>
      <c r="Y516" s="2">
        <v>16.7</v>
      </c>
      <c r="Z516" s="5"/>
      <c r="AA516" s="5" t="s">
        <v>43</v>
      </c>
      <c r="AB516" s="5" t="s">
        <v>44</v>
      </c>
      <c r="AC516" s="2"/>
      <c r="AD516" s="1"/>
    </row>
    <row r="517" spans="1:30">
      <c r="A517" s="5" t="s">
        <v>83578</v>
      </c>
      <c r="B517" s="2" t="s">
        <v>85124</v>
      </c>
      <c r="C517" s="14" t="s">
        <v>85125</v>
      </c>
      <c r="D517" s="2" t="s">
        <v>85126</v>
      </c>
      <c r="E517" s="2" t="s">
        <v>16022</v>
      </c>
      <c r="F517" s="8">
        <v>249</v>
      </c>
      <c r="G517" s="5">
        <v>6</v>
      </c>
      <c r="H517" s="5" t="s">
        <v>1518</v>
      </c>
      <c r="I517" s="5" t="s">
        <v>1519</v>
      </c>
      <c r="J517" s="2" t="s">
        <v>1520</v>
      </c>
      <c r="K517" s="5" t="s">
        <v>1519</v>
      </c>
      <c r="L517" s="2" t="s">
        <v>1520</v>
      </c>
      <c r="M517" s="5" t="s">
        <v>1521</v>
      </c>
      <c r="N517" s="5" t="s">
        <v>38</v>
      </c>
      <c r="O517" s="5" t="s">
        <v>39</v>
      </c>
      <c r="P517" s="5" t="s">
        <v>40</v>
      </c>
      <c r="Q517" s="5" t="s">
        <v>1522</v>
      </c>
      <c r="R517" s="5" t="s">
        <v>1523</v>
      </c>
      <c r="S517" s="5" t="s">
        <v>42</v>
      </c>
      <c r="T517" s="2">
        <v>2.4159999999999999</v>
      </c>
      <c r="U517" s="2">
        <v>1.8520000000000001</v>
      </c>
      <c r="V517" s="2">
        <v>1.2999999999999999E-2</v>
      </c>
      <c r="W517" s="2">
        <v>99.1</v>
      </c>
      <c r="X517" s="2">
        <v>7.6</v>
      </c>
      <c r="Y517" s="2">
        <v>16.7</v>
      </c>
      <c r="Z517" s="5"/>
      <c r="AA517" s="5" t="s">
        <v>43</v>
      </c>
      <c r="AB517" s="5" t="s">
        <v>44</v>
      </c>
      <c r="AC517" s="2"/>
      <c r="AD517" s="1"/>
    </row>
    <row r="518" spans="1:30">
      <c r="A518" s="5" t="s">
        <v>83578</v>
      </c>
      <c r="B518" s="2" t="s">
        <v>85127</v>
      </c>
      <c r="C518" s="14" t="s">
        <v>85128</v>
      </c>
      <c r="D518" s="2" t="s">
        <v>85129</v>
      </c>
      <c r="E518" s="2" t="s">
        <v>7615</v>
      </c>
      <c r="F518" s="8">
        <v>249</v>
      </c>
      <c r="G518" s="5">
        <v>6</v>
      </c>
      <c r="H518" s="5" t="s">
        <v>1518</v>
      </c>
      <c r="I518" s="5" t="s">
        <v>1519</v>
      </c>
      <c r="J518" s="2" t="s">
        <v>1520</v>
      </c>
      <c r="K518" s="5" t="s">
        <v>1519</v>
      </c>
      <c r="L518" s="2" t="s">
        <v>1520</v>
      </c>
      <c r="M518" s="5" t="s">
        <v>1521</v>
      </c>
      <c r="N518" s="5" t="s">
        <v>38</v>
      </c>
      <c r="O518" s="5" t="s">
        <v>39</v>
      </c>
      <c r="P518" s="5" t="s">
        <v>40</v>
      </c>
      <c r="Q518" s="5" t="s">
        <v>1522</v>
      </c>
      <c r="R518" s="5" t="s">
        <v>1523</v>
      </c>
      <c r="S518" s="5" t="s">
        <v>42</v>
      </c>
      <c r="T518" s="2">
        <v>2.3359999999999999</v>
      </c>
      <c r="U518" s="2">
        <v>1.772</v>
      </c>
      <c r="V518" s="2">
        <v>1.2999999999999999E-2</v>
      </c>
      <c r="W518" s="2">
        <v>99.1</v>
      </c>
      <c r="X518" s="2">
        <v>7.6</v>
      </c>
      <c r="Y518" s="2">
        <v>16.7</v>
      </c>
      <c r="Z518" s="5"/>
      <c r="AA518" s="5" t="s">
        <v>43</v>
      </c>
      <c r="AB518" s="5" t="s">
        <v>44</v>
      </c>
      <c r="AC518" s="2"/>
      <c r="AD518" s="1"/>
    </row>
    <row r="519" spans="1:30">
      <c r="A519" s="5" t="s">
        <v>83578</v>
      </c>
      <c r="B519" s="2" t="s">
        <v>85130</v>
      </c>
      <c r="C519" s="14" t="s">
        <v>85131</v>
      </c>
      <c r="D519" s="2" t="s">
        <v>85132</v>
      </c>
      <c r="E519" s="2" t="s">
        <v>16235</v>
      </c>
      <c r="F519" s="8">
        <v>249</v>
      </c>
      <c r="G519" s="5">
        <v>6</v>
      </c>
      <c r="H519" s="5" t="s">
        <v>1518</v>
      </c>
      <c r="I519" s="5" t="s">
        <v>1519</v>
      </c>
      <c r="J519" s="2" t="s">
        <v>1520</v>
      </c>
      <c r="K519" s="5" t="s">
        <v>1519</v>
      </c>
      <c r="L519" s="2" t="s">
        <v>1520</v>
      </c>
      <c r="M519" s="5" t="s">
        <v>1521</v>
      </c>
      <c r="N519" s="5" t="s">
        <v>38</v>
      </c>
      <c r="O519" s="5" t="s">
        <v>39</v>
      </c>
      <c r="P519" s="5" t="s">
        <v>40</v>
      </c>
      <c r="Q519" s="5" t="s">
        <v>1522</v>
      </c>
      <c r="R519" s="5" t="s">
        <v>1523</v>
      </c>
      <c r="S519" s="5" t="s">
        <v>42</v>
      </c>
      <c r="T519" s="2">
        <v>2.3650000000000002</v>
      </c>
      <c r="U519" s="2">
        <v>1.8009999999999999</v>
      </c>
      <c r="V519" s="2">
        <v>1.2999999999999999E-2</v>
      </c>
      <c r="W519" s="2">
        <v>99.1</v>
      </c>
      <c r="X519" s="2">
        <v>7.6</v>
      </c>
      <c r="Y519" s="2">
        <v>16.7</v>
      </c>
      <c r="Z519" s="5"/>
      <c r="AA519" s="5" t="s">
        <v>43</v>
      </c>
      <c r="AB519" s="5" t="s">
        <v>44</v>
      </c>
      <c r="AC519" s="2"/>
      <c r="AD519" s="1"/>
    </row>
    <row r="520" spans="1:30">
      <c r="A520" s="5" t="s">
        <v>83578</v>
      </c>
      <c r="B520" s="2" t="s">
        <v>85133</v>
      </c>
      <c r="C520" s="14" t="s">
        <v>85134</v>
      </c>
      <c r="D520" s="2" t="s">
        <v>85135</v>
      </c>
      <c r="E520" s="2" t="s">
        <v>7551</v>
      </c>
      <c r="F520" s="8">
        <v>224</v>
      </c>
      <c r="G520" s="5">
        <v>6</v>
      </c>
      <c r="H520" s="5" t="s">
        <v>1518</v>
      </c>
      <c r="I520" s="5" t="s">
        <v>1519</v>
      </c>
      <c r="J520" s="2" t="s">
        <v>1520</v>
      </c>
      <c r="K520" s="5" t="s">
        <v>1519</v>
      </c>
      <c r="L520" s="2" t="s">
        <v>1520</v>
      </c>
      <c r="M520" s="5" t="s">
        <v>1521</v>
      </c>
      <c r="N520" s="5" t="s">
        <v>38</v>
      </c>
      <c r="O520" s="5" t="s">
        <v>39</v>
      </c>
      <c r="P520" s="5" t="s">
        <v>40</v>
      </c>
      <c r="Q520" s="5" t="s">
        <v>1522</v>
      </c>
      <c r="R520" s="5" t="s">
        <v>1523</v>
      </c>
      <c r="S520" s="5" t="s">
        <v>42</v>
      </c>
      <c r="T520" s="2">
        <v>2.0110000000000001</v>
      </c>
      <c r="U520" s="2">
        <v>1.5509999999999999</v>
      </c>
      <c r="V520" s="2">
        <v>0.01</v>
      </c>
      <c r="W520" s="2">
        <v>76.900000000000006</v>
      </c>
      <c r="X520" s="2">
        <v>7.6</v>
      </c>
      <c r="Y520" s="2">
        <v>16.7</v>
      </c>
      <c r="Z520" s="5"/>
      <c r="AA520" s="5" t="s">
        <v>43</v>
      </c>
      <c r="AB520" s="5" t="s">
        <v>44</v>
      </c>
      <c r="AC520" s="2"/>
      <c r="AD520" s="1"/>
    </row>
    <row r="521" spans="1:30">
      <c r="A521" s="5" t="s">
        <v>83578</v>
      </c>
      <c r="B521" s="2" t="s">
        <v>85136</v>
      </c>
      <c r="C521" s="14" t="s">
        <v>85137</v>
      </c>
      <c r="D521" s="2" t="s">
        <v>85138</v>
      </c>
      <c r="E521" s="2" t="s">
        <v>16194</v>
      </c>
      <c r="F521" s="8">
        <v>249</v>
      </c>
      <c r="G521" s="5">
        <v>6</v>
      </c>
      <c r="H521" s="5" t="s">
        <v>1518</v>
      </c>
      <c r="I521" s="5" t="s">
        <v>1519</v>
      </c>
      <c r="J521" s="2" t="s">
        <v>1520</v>
      </c>
      <c r="K521" s="5" t="s">
        <v>1519</v>
      </c>
      <c r="L521" s="2" t="s">
        <v>1520</v>
      </c>
      <c r="M521" s="5" t="s">
        <v>1521</v>
      </c>
      <c r="N521" s="5" t="s">
        <v>38</v>
      </c>
      <c r="O521" s="5" t="s">
        <v>39</v>
      </c>
      <c r="P521" s="5" t="s">
        <v>40</v>
      </c>
      <c r="Q521" s="5" t="s">
        <v>1522</v>
      </c>
      <c r="R521" s="5" t="s">
        <v>1523</v>
      </c>
      <c r="S521" s="5" t="s">
        <v>42</v>
      </c>
      <c r="T521" s="2">
        <v>2.4540000000000002</v>
      </c>
      <c r="U521" s="2">
        <v>1.8839999999999999</v>
      </c>
      <c r="V521" s="2">
        <v>1.4999999999999999E-2</v>
      </c>
      <c r="W521" s="2">
        <v>118.9</v>
      </c>
      <c r="X521" s="2">
        <v>7.6</v>
      </c>
      <c r="Y521" s="2">
        <v>16.7</v>
      </c>
      <c r="Z521" s="5"/>
      <c r="AA521" s="5" t="s">
        <v>43</v>
      </c>
      <c r="AB521" s="5" t="s">
        <v>44</v>
      </c>
      <c r="AC521" s="2"/>
      <c r="AD521" s="1"/>
    </row>
    <row r="522" spans="1:30">
      <c r="A522" s="5" t="s">
        <v>83578</v>
      </c>
      <c r="B522" s="2" t="s">
        <v>85139</v>
      </c>
      <c r="C522" s="14" t="s">
        <v>85140</v>
      </c>
      <c r="D522" s="2" t="s">
        <v>85141</v>
      </c>
      <c r="E522" s="2" t="s">
        <v>7593</v>
      </c>
      <c r="F522" s="8">
        <v>249</v>
      </c>
      <c r="G522" s="5">
        <v>6</v>
      </c>
      <c r="H522" s="5" t="s">
        <v>1518</v>
      </c>
      <c r="I522" s="5" t="s">
        <v>1519</v>
      </c>
      <c r="J522" s="2" t="s">
        <v>1520</v>
      </c>
      <c r="K522" s="5" t="s">
        <v>1519</v>
      </c>
      <c r="L522" s="2" t="s">
        <v>1520</v>
      </c>
      <c r="M522" s="5" t="s">
        <v>1521</v>
      </c>
      <c r="N522" s="5" t="s">
        <v>38</v>
      </c>
      <c r="O522" s="5" t="s">
        <v>39</v>
      </c>
      <c r="P522" s="5" t="s">
        <v>40</v>
      </c>
      <c r="Q522" s="5" t="s">
        <v>1522</v>
      </c>
      <c r="R522" s="5" t="s">
        <v>1523</v>
      </c>
      <c r="S522" s="5" t="s">
        <v>42</v>
      </c>
      <c r="T522" s="2">
        <v>2.3809999999999998</v>
      </c>
      <c r="U522" s="2">
        <v>1.8109999999999999</v>
      </c>
      <c r="V522" s="2">
        <v>1.4999999999999999E-2</v>
      </c>
      <c r="W522" s="2">
        <v>118.9</v>
      </c>
      <c r="X522" s="2">
        <v>7.6</v>
      </c>
      <c r="Y522" s="2">
        <v>16.7</v>
      </c>
      <c r="Z522" s="5"/>
      <c r="AA522" s="5" t="s">
        <v>43</v>
      </c>
      <c r="AB522" s="5" t="s">
        <v>44</v>
      </c>
      <c r="AC522" s="2"/>
      <c r="AD522" s="1"/>
    </row>
    <row r="523" spans="1:30">
      <c r="A523" s="5" t="s">
        <v>83578</v>
      </c>
      <c r="B523" s="2" t="s">
        <v>85142</v>
      </c>
      <c r="C523" s="14" t="s">
        <v>85143</v>
      </c>
      <c r="D523" s="2" t="s">
        <v>85144</v>
      </c>
      <c r="E523" s="2" t="s">
        <v>7204</v>
      </c>
      <c r="F523" s="8">
        <v>232</v>
      </c>
      <c r="G523" s="5">
        <v>6</v>
      </c>
      <c r="H523" s="5" t="s">
        <v>1518</v>
      </c>
      <c r="I523" s="5" t="s">
        <v>1519</v>
      </c>
      <c r="J523" s="2" t="s">
        <v>1520</v>
      </c>
      <c r="K523" s="5" t="s">
        <v>1519</v>
      </c>
      <c r="L523" s="2" t="s">
        <v>1520</v>
      </c>
      <c r="M523" s="5" t="s">
        <v>1521</v>
      </c>
      <c r="N523" s="5" t="s">
        <v>38</v>
      </c>
      <c r="O523" s="5" t="s">
        <v>39</v>
      </c>
      <c r="P523" s="5" t="s">
        <v>40</v>
      </c>
      <c r="Q523" s="5" t="s">
        <v>1522</v>
      </c>
      <c r="R523" s="5" t="s">
        <v>1523</v>
      </c>
      <c r="S523" s="5" t="s">
        <v>42</v>
      </c>
      <c r="T523" s="2">
        <v>2.29</v>
      </c>
      <c r="U523" s="2">
        <v>1.8180000000000001</v>
      </c>
      <c r="V523" s="2">
        <v>1.0999999999999999E-2</v>
      </c>
      <c r="W523" s="2">
        <v>82.9</v>
      </c>
      <c r="X523" s="2">
        <v>7.6</v>
      </c>
      <c r="Y523" s="2">
        <v>16.7</v>
      </c>
      <c r="Z523" s="5"/>
      <c r="AA523" s="5" t="s">
        <v>43</v>
      </c>
      <c r="AB523" s="5" t="s">
        <v>44</v>
      </c>
      <c r="AC523" s="2"/>
      <c r="AD523" s="1"/>
    </row>
    <row r="524" spans="1:30">
      <c r="A524" s="5" t="s">
        <v>83578</v>
      </c>
      <c r="B524" s="2" t="s">
        <v>85145</v>
      </c>
      <c r="C524" s="14" t="s">
        <v>85146</v>
      </c>
      <c r="D524" s="2" t="s">
        <v>85147</v>
      </c>
      <c r="E524" s="2" t="s">
        <v>7543</v>
      </c>
      <c r="F524" s="8">
        <v>247</v>
      </c>
      <c r="G524" s="5">
        <v>6</v>
      </c>
      <c r="H524" s="5" t="s">
        <v>1518</v>
      </c>
      <c r="I524" s="5" t="s">
        <v>1519</v>
      </c>
      <c r="J524" s="2" t="s">
        <v>1520</v>
      </c>
      <c r="K524" s="5" t="s">
        <v>1519</v>
      </c>
      <c r="L524" s="2" t="s">
        <v>1520</v>
      </c>
      <c r="M524" s="5" t="s">
        <v>1521</v>
      </c>
      <c r="N524" s="5" t="s">
        <v>38</v>
      </c>
      <c r="O524" s="5" t="s">
        <v>39</v>
      </c>
      <c r="P524" s="5" t="s">
        <v>40</v>
      </c>
      <c r="Q524" s="5" t="s">
        <v>1522</v>
      </c>
      <c r="R524" s="5" t="s">
        <v>1523</v>
      </c>
      <c r="S524" s="5" t="s">
        <v>42</v>
      </c>
      <c r="T524" s="2">
        <v>2.3519999999999999</v>
      </c>
      <c r="U524" s="2">
        <v>1.88</v>
      </c>
      <c r="V524" s="2">
        <v>1.0999999999999999E-2</v>
      </c>
      <c r="W524" s="2">
        <v>82.9</v>
      </c>
      <c r="X524" s="2">
        <v>7.6</v>
      </c>
      <c r="Y524" s="2">
        <v>16.7</v>
      </c>
      <c r="Z524" s="5"/>
      <c r="AA524" s="5" t="s">
        <v>43</v>
      </c>
      <c r="AB524" s="5" t="s">
        <v>44</v>
      </c>
      <c r="AC524" s="2"/>
      <c r="AD524" s="1"/>
    </row>
    <row r="525" spans="1:30">
      <c r="A525" s="5" t="s">
        <v>83578</v>
      </c>
      <c r="B525" s="2" t="s">
        <v>85148</v>
      </c>
      <c r="C525" s="14" t="s">
        <v>85149</v>
      </c>
      <c r="D525" s="2" t="s">
        <v>85150</v>
      </c>
      <c r="E525" s="2" t="s">
        <v>7547</v>
      </c>
      <c r="F525" s="8">
        <v>247</v>
      </c>
      <c r="G525" s="5">
        <v>6</v>
      </c>
      <c r="H525" s="5" t="s">
        <v>1518</v>
      </c>
      <c r="I525" s="5" t="s">
        <v>1519</v>
      </c>
      <c r="J525" s="2" t="s">
        <v>1520</v>
      </c>
      <c r="K525" s="5" t="s">
        <v>1519</v>
      </c>
      <c r="L525" s="2" t="s">
        <v>1520</v>
      </c>
      <c r="M525" s="5" t="s">
        <v>1521</v>
      </c>
      <c r="N525" s="5" t="s">
        <v>38</v>
      </c>
      <c r="O525" s="5" t="s">
        <v>39</v>
      </c>
      <c r="P525" s="5" t="s">
        <v>40</v>
      </c>
      <c r="Q525" s="5" t="s">
        <v>1522</v>
      </c>
      <c r="R525" s="5" t="s">
        <v>1523</v>
      </c>
      <c r="S525" s="5" t="s">
        <v>42</v>
      </c>
      <c r="T525" s="2">
        <v>2.278</v>
      </c>
      <c r="U525" s="2">
        <v>1.806</v>
      </c>
      <c r="V525" s="2">
        <v>1.0999999999999999E-2</v>
      </c>
      <c r="W525" s="2">
        <v>82.9</v>
      </c>
      <c r="X525" s="2">
        <v>7.6</v>
      </c>
      <c r="Y525" s="2">
        <v>16.7</v>
      </c>
      <c r="Z525" s="5"/>
      <c r="AA525" s="5" t="s">
        <v>43</v>
      </c>
      <c r="AB525" s="5" t="s">
        <v>44</v>
      </c>
      <c r="AC525" s="2"/>
      <c r="AD525" s="1"/>
    </row>
    <row r="526" spans="1:30">
      <c r="A526" s="5" t="s">
        <v>83578</v>
      </c>
      <c r="B526" s="2" t="s">
        <v>85151</v>
      </c>
      <c r="C526" s="14" t="s">
        <v>85152</v>
      </c>
      <c r="D526" s="2" t="s">
        <v>85153</v>
      </c>
      <c r="E526" s="2" t="s">
        <v>7551</v>
      </c>
      <c r="F526" s="8">
        <v>247</v>
      </c>
      <c r="G526" s="5">
        <v>6</v>
      </c>
      <c r="H526" s="5" t="s">
        <v>1518</v>
      </c>
      <c r="I526" s="5" t="s">
        <v>1519</v>
      </c>
      <c r="J526" s="2" t="s">
        <v>1520</v>
      </c>
      <c r="K526" s="5" t="s">
        <v>1519</v>
      </c>
      <c r="L526" s="2" t="s">
        <v>1520</v>
      </c>
      <c r="M526" s="5" t="s">
        <v>1521</v>
      </c>
      <c r="N526" s="5" t="s">
        <v>38</v>
      </c>
      <c r="O526" s="5" t="s">
        <v>39</v>
      </c>
      <c r="P526" s="5" t="s">
        <v>40</v>
      </c>
      <c r="Q526" s="5" t="s">
        <v>1522</v>
      </c>
      <c r="R526" s="5" t="s">
        <v>1523</v>
      </c>
      <c r="S526" s="5" t="s">
        <v>42</v>
      </c>
      <c r="T526" s="2">
        <v>2.34</v>
      </c>
      <c r="U526" s="2">
        <v>1.8680000000000001</v>
      </c>
      <c r="V526" s="2">
        <v>1.0999999999999999E-2</v>
      </c>
      <c r="W526" s="2">
        <v>82.9</v>
      </c>
      <c r="X526" s="2">
        <v>7.6</v>
      </c>
      <c r="Y526" s="2">
        <v>16.7</v>
      </c>
      <c r="Z526" s="5"/>
      <c r="AA526" s="5" t="s">
        <v>43</v>
      </c>
      <c r="AB526" s="5" t="s">
        <v>44</v>
      </c>
      <c r="AC526" s="2"/>
      <c r="AD526" s="1"/>
    </row>
    <row r="527" spans="1:30">
      <c r="A527" s="5" t="s">
        <v>83578</v>
      </c>
      <c r="B527" s="2" t="s">
        <v>85154</v>
      </c>
      <c r="C527" s="14" t="s">
        <v>85155</v>
      </c>
      <c r="D527" s="2" t="s">
        <v>85156</v>
      </c>
      <c r="E527" s="2" t="s">
        <v>7555</v>
      </c>
      <c r="F527" s="8">
        <v>247</v>
      </c>
      <c r="G527" s="5">
        <v>6</v>
      </c>
      <c r="H527" s="5" t="s">
        <v>1518</v>
      </c>
      <c r="I527" s="5" t="s">
        <v>1519</v>
      </c>
      <c r="J527" s="2" t="s">
        <v>1520</v>
      </c>
      <c r="K527" s="5" t="s">
        <v>1519</v>
      </c>
      <c r="L527" s="2" t="s">
        <v>1520</v>
      </c>
      <c r="M527" s="5" t="s">
        <v>1521</v>
      </c>
      <c r="N527" s="5" t="s">
        <v>38</v>
      </c>
      <c r="O527" s="5" t="s">
        <v>39</v>
      </c>
      <c r="P527" s="5" t="s">
        <v>40</v>
      </c>
      <c r="Q527" s="5" t="s">
        <v>1522</v>
      </c>
      <c r="R527" s="5" t="s">
        <v>1523</v>
      </c>
      <c r="S527" s="5" t="s">
        <v>42</v>
      </c>
      <c r="T527" s="2">
        <v>2.278</v>
      </c>
      <c r="U527" s="2">
        <v>1.806</v>
      </c>
      <c r="V527" s="2">
        <v>1.0999999999999999E-2</v>
      </c>
      <c r="W527" s="2">
        <v>82.9</v>
      </c>
      <c r="X527" s="2">
        <v>7.6</v>
      </c>
      <c r="Y527" s="2">
        <v>16.7</v>
      </c>
      <c r="Z527" s="5"/>
      <c r="AA527" s="5" t="s">
        <v>43</v>
      </c>
      <c r="AB527" s="5" t="s">
        <v>44</v>
      </c>
      <c r="AC527" s="2"/>
      <c r="AD527" s="1"/>
    </row>
    <row r="528" spans="1:30">
      <c r="A528" s="5" t="s">
        <v>83578</v>
      </c>
      <c r="B528" s="2" t="s">
        <v>85157</v>
      </c>
      <c r="C528" s="14" t="s">
        <v>85158</v>
      </c>
      <c r="D528" s="2" t="s">
        <v>85159</v>
      </c>
      <c r="E528" s="2" t="s">
        <v>7559</v>
      </c>
      <c r="F528" s="8">
        <v>247</v>
      </c>
      <c r="G528" s="5">
        <v>6</v>
      </c>
      <c r="H528" s="5" t="s">
        <v>1518</v>
      </c>
      <c r="I528" s="5" t="s">
        <v>1519</v>
      </c>
      <c r="J528" s="2" t="s">
        <v>1520</v>
      </c>
      <c r="K528" s="5" t="s">
        <v>1519</v>
      </c>
      <c r="L528" s="2" t="s">
        <v>1520</v>
      </c>
      <c r="M528" s="5" t="s">
        <v>1521</v>
      </c>
      <c r="N528" s="5" t="s">
        <v>38</v>
      </c>
      <c r="O528" s="5" t="s">
        <v>39</v>
      </c>
      <c r="P528" s="5" t="s">
        <v>40</v>
      </c>
      <c r="Q528" s="5" t="s">
        <v>1522</v>
      </c>
      <c r="R528" s="5" t="s">
        <v>1523</v>
      </c>
      <c r="S528" s="5" t="s">
        <v>42</v>
      </c>
      <c r="T528" s="2">
        <v>2.34</v>
      </c>
      <c r="U528" s="2">
        <v>1.8680000000000001</v>
      </c>
      <c r="V528" s="2">
        <v>1.0999999999999999E-2</v>
      </c>
      <c r="W528" s="2">
        <v>82.9</v>
      </c>
      <c r="X528" s="2">
        <v>7.6</v>
      </c>
      <c r="Y528" s="2">
        <v>16.7</v>
      </c>
      <c r="Z528" s="5"/>
      <c r="AA528" s="5" t="s">
        <v>43</v>
      </c>
      <c r="AB528" s="5" t="s">
        <v>44</v>
      </c>
      <c r="AC528" s="2"/>
      <c r="AD528" s="1"/>
    </row>
    <row r="529" spans="1:30">
      <c r="A529" s="5" t="s">
        <v>83578</v>
      </c>
      <c r="B529" s="2" t="s">
        <v>85160</v>
      </c>
      <c r="C529" s="14" t="s">
        <v>85161</v>
      </c>
      <c r="D529" s="2" t="s">
        <v>85162</v>
      </c>
      <c r="E529" s="2" t="s">
        <v>7563</v>
      </c>
      <c r="F529" s="8">
        <v>247</v>
      </c>
      <c r="G529" s="5">
        <v>6</v>
      </c>
      <c r="H529" s="5" t="s">
        <v>1518</v>
      </c>
      <c r="I529" s="5" t="s">
        <v>1519</v>
      </c>
      <c r="J529" s="2" t="s">
        <v>1520</v>
      </c>
      <c r="K529" s="5" t="s">
        <v>1519</v>
      </c>
      <c r="L529" s="2" t="s">
        <v>1520</v>
      </c>
      <c r="M529" s="5" t="s">
        <v>1521</v>
      </c>
      <c r="N529" s="5" t="s">
        <v>38</v>
      </c>
      <c r="O529" s="5" t="s">
        <v>39</v>
      </c>
      <c r="P529" s="5" t="s">
        <v>40</v>
      </c>
      <c r="Q529" s="5" t="s">
        <v>1522</v>
      </c>
      <c r="R529" s="5" t="s">
        <v>1523</v>
      </c>
      <c r="S529" s="5" t="s">
        <v>42</v>
      </c>
      <c r="T529" s="2">
        <v>2.29</v>
      </c>
      <c r="U529" s="2">
        <v>1.8180000000000001</v>
      </c>
      <c r="V529" s="2">
        <v>1.0999999999999999E-2</v>
      </c>
      <c r="W529" s="2">
        <v>82.9</v>
      </c>
      <c r="X529" s="2">
        <v>7.6</v>
      </c>
      <c r="Y529" s="2">
        <v>16.7</v>
      </c>
      <c r="Z529" s="5"/>
      <c r="AA529" s="5" t="s">
        <v>43</v>
      </c>
      <c r="AB529" s="5" t="s">
        <v>44</v>
      </c>
      <c r="AC529" s="2"/>
      <c r="AD529" s="1"/>
    </row>
    <row r="530" spans="1:30">
      <c r="A530" s="5" t="s">
        <v>83578</v>
      </c>
      <c r="B530" s="2" t="s">
        <v>85163</v>
      </c>
      <c r="C530" s="14" t="s">
        <v>85164</v>
      </c>
      <c r="D530" s="2" t="s">
        <v>85165</v>
      </c>
      <c r="E530" s="2" t="s">
        <v>7567</v>
      </c>
      <c r="F530" s="8">
        <v>247</v>
      </c>
      <c r="G530" s="5">
        <v>6</v>
      </c>
      <c r="H530" s="5" t="s">
        <v>1518</v>
      </c>
      <c r="I530" s="5" t="s">
        <v>1519</v>
      </c>
      <c r="J530" s="2" t="s">
        <v>1520</v>
      </c>
      <c r="K530" s="5" t="s">
        <v>1519</v>
      </c>
      <c r="L530" s="2" t="s">
        <v>1520</v>
      </c>
      <c r="M530" s="5" t="s">
        <v>1521</v>
      </c>
      <c r="N530" s="5" t="s">
        <v>38</v>
      </c>
      <c r="O530" s="5" t="s">
        <v>39</v>
      </c>
      <c r="P530" s="5" t="s">
        <v>40</v>
      </c>
      <c r="Q530" s="5" t="s">
        <v>1522</v>
      </c>
      <c r="R530" s="5" t="s">
        <v>1523</v>
      </c>
      <c r="S530" s="5" t="s">
        <v>42</v>
      </c>
      <c r="T530" s="2">
        <v>2.3519999999999999</v>
      </c>
      <c r="U530" s="2">
        <v>1.88</v>
      </c>
      <c r="V530" s="2">
        <v>1.0999999999999999E-2</v>
      </c>
      <c r="W530" s="2">
        <v>82.9</v>
      </c>
      <c r="X530" s="2">
        <v>7.6</v>
      </c>
      <c r="Y530" s="2">
        <v>16.7</v>
      </c>
      <c r="Z530" s="5"/>
      <c r="AA530" s="5" t="s">
        <v>43</v>
      </c>
      <c r="AB530" s="5" t="s">
        <v>44</v>
      </c>
      <c r="AC530" s="2"/>
      <c r="AD530" s="1"/>
    </row>
    <row r="531" spans="1:30">
      <c r="A531" s="5" t="s">
        <v>83578</v>
      </c>
      <c r="B531" s="2" t="s">
        <v>85166</v>
      </c>
      <c r="C531" s="14" t="s">
        <v>85167</v>
      </c>
      <c r="D531" s="2" t="s">
        <v>85168</v>
      </c>
      <c r="E531" s="2" t="s">
        <v>16079</v>
      </c>
      <c r="F531" s="8">
        <v>247</v>
      </c>
      <c r="G531" s="5">
        <v>6</v>
      </c>
      <c r="H531" s="5" t="s">
        <v>1518</v>
      </c>
      <c r="I531" s="5" t="s">
        <v>1519</v>
      </c>
      <c r="J531" s="2" t="s">
        <v>1520</v>
      </c>
      <c r="K531" s="5" t="s">
        <v>1519</v>
      </c>
      <c r="L531" s="2" t="s">
        <v>1520</v>
      </c>
      <c r="M531" s="5" t="s">
        <v>1521</v>
      </c>
      <c r="N531" s="5" t="s">
        <v>38</v>
      </c>
      <c r="O531" s="5" t="s">
        <v>39</v>
      </c>
      <c r="P531" s="5" t="s">
        <v>40</v>
      </c>
      <c r="Q531" s="5" t="s">
        <v>1522</v>
      </c>
      <c r="R531" s="5" t="s">
        <v>1523</v>
      </c>
      <c r="S531" s="5" t="s">
        <v>42</v>
      </c>
      <c r="T531" s="2">
        <v>2.29</v>
      </c>
      <c r="U531" s="2">
        <v>1.8180000000000001</v>
      </c>
      <c r="V531" s="2">
        <v>1.0999999999999999E-2</v>
      </c>
      <c r="W531" s="2">
        <v>82.9</v>
      </c>
      <c r="X531" s="2">
        <v>7.6</v>
      </c>
      <c r="Y531" s="2">
        <v>16.7</v>
      </c>
      <c r="Z531" s="5"/>
      <c r="AA531" s="5" t="s">
        <v>43</v>
      </c>
      <c r="AB531" s="5" t="s">
        <v>44</v>
      </c>
      <c r="AC531" s="2"/>
      <c r="AD531" s="1"/>
    </row>
    <row r="532" spans="1:30">
      <c r="A532" s="5" t="s">
        <v>83578</v>
      </c>
      <c r="B532" s="2" t="s">
        <v>85169</v>
      </c>
      <c r="C532" s="14" t="s">
        <v>85170</v>
      </c>
      <c r="D532" s="2" t="s">
        <v>85171</v>
      </c>
      <c r="E532" s="2" t="s">
        <v>16194</v>
      </c>
      <c r="F532" s="8">
        <v>247</v>
      </c>
      <c r="G532" s="5">
        <v>6</v>
      </c>
      <c r="H532" s="5" t="s">
        <v>1518</v>
      </c>
      <c r="I532" s="5" t="s">
        <v>1519</v>
      </c>
      <c r="J532" s="2" t="s">
        <v>1520</v>
      </c>
      <c r="K532" s="5" t="s">
        <v>1519</v>
      </c>
      <c r="L532" s="2" t="s">
        <v>1520</v>
      </c>
      <c r="M532" s="5" t="s">
        <v>1521</v>
      </c>
      <c r="N532" s="5" t="s">
        <v>38</v>
      </c>
      <c r="O532" s="5" t="s">
        <v>39</v>
      </c>
      <c r="P532" s="5" t="s">
        <v>40</v>
      </c>
      <c r="Q532" s="5" t="s">
        <v>1522</v>
      </c>
      <c r="R532" s="5" t="s">
        <v>1523</v>
      </c>
      <c r="S532" s="5" t="s">
        <v>42</v>
      </c>
      <c r="T532" s="2">
        <v>2.3519999999999999</v>
      </c>
      <c r="U532" s="2">
        <v>1.88</v>
      </c>
      <c r="V532" s="2">
        <v>1.0999999999999999E-2</v>
      </c>
      <c r="W532" s="2">
        <v>82.9</v>
      </c>
      <c r="X532" s="2">
        <v>7.6</v>
      </c>
      <c r="Y532" s="2">
        <v>16.7</v>
      </c>
      <c r="Z532" s="5"/>
      <c r="AA532" s="5" t="s">
        <v>43</v>
      </c>
      <c r="AB532" s="5" t="s">
        <v>44</v>
      </c>
      <c r="AC532" s="2"/>
      <c r="AD532" s="1"/>
    </row>
    <row r="533" spans="1:30">
      <c r="A533" s="5" t="s">
        <v>83578</v>
      </c>
      <c r="B533" s="2" t="s">
        <v>85172</v>
      </c>
      <c r="C533" s="14" t="s">
        <v>85173</v>
      </c>
      <c r="D533" s="2" t="s">
        <v>85174</v>
      </c>
      <c r="E533" s="2" t="s">
        <v>7449</v>
      </c>
      <c r="F533" s="8">
        <v>247</v>
      </c>
      <c r="G533" s="5">
        <v>6</v>
      </c>
      <c r="H533" s="5" t="s">
        <v>1518</v>
      </c>
      <c r="I533" s="5" t="s">
        <v>1519</v>
      </c>
      <c r="J533" s="2" t="s">
        <v>1520</v>
      </c>
      <c r="K533" s="5" t="s">
        <v>1519</v>
      </c>
      <c r="L533" s="2" t="s">
        <v>1520</v>
      </c>
      <c r="M533" s="5" t="s">
        <v>1521</v>
      </c>
      <c r="N533" s="5" t="s">
        <v>38</v>
      </c>
      <c r="O533" s="5" t="s">
        <v>39</v>
      </c>
      <c r="P533" s="5" t="s">
        <v>40</v>
      </c>
      <c r="Q533" s="5" t="s">
        <v>1522</v>
      </c>
      <c r="R533" s="5" t="s">
        <v>1523</v>
      </c>
      <c r="S533" s="5" t="s">
        <v>42</v>
      </c>
      <c r="T533" s="2">
        <v>2.29</v>
      </c>
      <c r="U533" s="2">
        <v>1.8180000000000001</v>
      </c>
      <c r="V533" s="2">
        <v>1.0999999999999999E-2</v>
      </c>
      <c r="W533" s="2">
        <v>82.9</v>
      </c>
      <c r="X533" s="2">
        <v>7.6</v>
      </c>
      <c r="Y533" s="2">
        <v>16.7</v>
      </c>
      <c r="Z533" s="5"/>
      <c r="AA533" s="5" t="s">
        <v>43</v>
      </c>
      <c r="AB533" s="5" t="s">
        <v>44</v>
      </c>
      <c r="AC533" s="2"/>
      <c r="AD533" s="1"/>
    </row>
    <row r="534" spans="1:30">
      <c r="A534" s="5" t="s">
        <v>83578</v>
      </c>
      <c r="B534" s="2" t="s">
        <v>85175</v>
      </c>
      <c r="C534" s="14" t="s">
        <v>85176</v>
      </c>
      <c r="D534" s="2" t="s">
        <v>85177</v>
      </c>
      <c r="E534" s="2" t="s">
        <v>7581</v>
      </c>
      <c r="F534" s="8">
        <v>247</v>
      </c>
      <c r="G534" s="5">
        <v>6</v>
      </c>
      <c r="H534" s="5" t="s">
        <v>1518</v>
      </c>
      <c r="I534" s="5" t="s">
        <v>1519</v>
      </c>
      <c r="J534" s="2" t="s">
        <v>1520</v>
      </c>
      <c r="K534" s="5" t="s">
        <v>1519</v>
      </c>
      <c r="L534" s="2" t="s">
        <v>1520</v>
      </c>
      <c r="M534" s="5" t="s">
        <v>1521</v>
      </c>
      <c r="N534" s="5" t="s">
        <v>38</v>
      </c>
      <c r="O534" s="5" t="s">
        <v>39</v>
      </c>
      <c r="P534" s="5" t="s">
        <v>40</v>
      </c>
      <c r="Q534" s="5" t="s">
        <v>1522</v>
      </c>
      <c r="R534" s="5" t="s">
        <v>1523</v>
      </c>
      <c r="S534" s="5" t="s">
        <v>42</v>
      </c>
      <c r="T534" s="2">
        <v>2.3519999999999999</v>
      </c>
      <c r="U534" s="2">
        <v>1.88</v>
      </c>
      <c r="V534" s="2">
        <v>1.0999999999999999E-2</v>
      </c>
      <c r="W534" s="2">
        <v>82.9</v>
      </c>
      <c r="X534" s="2">
        <v>7.6</v>
      </c>
      <c r="Y534" s="2">
        <v>16.7</v>
      </c>
      <c r="Z534" s="5"/>
      <c r="AA534" s="5" t="s">
        <v>43</v>
      </c>
      <c r="AB534" s="5" t="s">
        <v>44</v>
      </c>
      <c r="AC534" s="2"/>
      <c r="AD534" s="1"/>
    </row>
    <row r="535" spans="1:30">
      <c r="A535" s="5" t="s">
        <v>83578</v>
      </c>
      <c r="B535" s="2" t="s">
        <v>85178</v>
      </c>
      <c r="C535" s="14" t="s">
        <v>85179</v>
      </c>
      <c r="D535" s="2" t="s">
        <v>85180</v>
      </c>
      <c r="E535" s="2" t="s">
        <v>7585</v>
      </c>
      <c r="F535" s="8">
        <v>247</v>
      </c>
      <c r="G535" s="5">
        <v>6</v>
      </c>
      <c r="H535" s="5" t="s">
        <v>1518</v>
      </c>
      <c r="I535" s="5" t="s">
        <v>1519</v>
      </c>
      <c r="J535" s="2" t="s">
        <v>1520</v>
      </c>
      <c r="K535" s="5" t="s">
        <v>1519</v>
      </c>
      <c r="L535" s="2" t="s">
        <v>1520</v>
      </c>
      <c r="M535" s="5" t="s">
        <v>1521</v>
      </c>
      <c r="N535" s="5" t="s">
        <v>38</v>
      </c>
      <c r="O535" s="5" t="s">
        <v>39</v>
      </c>
      <c r="P535" s="5" t="s">
        <v>40</v>
      </c>
      <c r="Q535" s="5" t="s">
        <v>1522</v>
      </c>
      <c r="R535" s="5" t="s">
        <v>1523</v>
      </c>
      <c r="S535" s="5" t="s">
        <v>42</v>
      </c>
      <c r="T535" s="2">
        <v>2.278</v>
      </c>
      <c r="U535" s="2">
        <v>1.806</v>
      </c>
      <c r="V535" s="2">
        <v>1.0999999999999999E-2</v>
      </c>
      <c r="W535" s="2">
        <v>82.9</v>
      </c>
      <c r="X535" s="2">
        <v>7.6</v>
      </c>
      <c r="Y535" s="2">
        <v>16.7</v>
      </c>
      <c r="Z535" s="5"/>
      <c r="AA535" s="5" t="s">
        <v>43</v>
      </c>
      <c r="AB535" s="5" t="s">
        <v>44</v>
      </c>
      <c r="AC535" s="2"/>
      <c r="AD535" s="1"/>
    </row>
    <row r="536" spans="1:30">
      <c r="A536" s="5" t="s">
        <v>83578</v>
      </c>
      <c r="B536" s="2" t="s">
        <v>85181</v>
      </c>
      <c r="C536" s="14" t="s">
        <v>85182</v>
      </c>
      <c r="D536" s="2" t="s">
        <v>85183</v>
      </c>
      <c r="E536" s="2" t="s">
        <v>7589</v>
      </c>
      <c r="F536" s="8">
        <v>247</v>
      </c>
      <c r="G536" s="5">
        <v>6</v>
      </c>
      <c r="H536" s="5" t="s">
        <v>1518</v>
      </c>
      <c r="I536" s="5" t="s">
        <v>1519</v>
      </c>
      <c r="J536" s="2" t="s">
        <v>1520</v>
      </c>
      <c r="K536" s="5" t="s">
        <v>1519</v>
      </c>
      <c r="L536" s="2" t="s">
        <v>1520</v>
      </c>
      <c r="M536" s="5" t="s">
        <v>1521</v>
      </c>
      <c r="N536" s="5" t="s">
        <v>38</v>
      </c>
      <c r="O536" s="5" t="s">
        <v>39</v>
      </c>
      <c r="P536" s="5" t="s">
        <v>40</v>
      </c>
      <c r="Q536" s="5" t="s">
        <v>1522</v>
      </c>
      <c r="R536" s="5" t="s">
        <v>1523</v>
      </c>
      <c r="S536" s="5" t="s">
        <v>42</v>
      </c>
      <c r="T536" s="2">
        <v>2.34</v>
      </c>
      <c r="U536" s="2">
        <v>1.8680000000000001</v>
      </c>
      <c r="V536" s="2">
        <v>1.0999999999999999E-2</v>
      </c>
      <c r="W536" s="2">
        <v>82.9</v>
      </c>
      <c r="X536" s="2">
        <v>7.6</v>
      </c>
      <c r="Y536" s="2">
        <v>16.7</v>
      </c>
      <c r="Z536" s="5"/>
      <c r="AA536" s="5" t="s">
        <v>43</v>
      </c>
      <c r="AB536" s="5" t="s">
        <v>44</v>
      </c>
      <c r="AC536" s="2"/>
      <c r="AD536" s="1"/>
    </row>
    <row r="537" spans="1:30">
      <c r="A537" s="5" t="s">
        <v>83578</v>
      </c>
      <c r="B537" s="2" t="s">
        <v>85184</v>
      </c>
      <c r="C537" s="14" t="s">
        <v>85185</v>
      </c>
      <c r="D537" s="2" t="s">
        <v>85186</v>
      </c>
      <c r="E537" s="2" t="s">
        <v>7593</v>
      </c>
      <c r="F537" s="8">
        <v>247</v>
      </c>
      <c r="G537" s="5">
        <v>6</v>
      </c>
      <c r="H537" s="5" t="s">
        <v>1518</v>
      </c>
      <c r="I537" s="5" t="s">
        <v>1519</v>
      </c>
      <c r="J537" s="2" t="s">
        <v>1520</v>
      </c>
      <c r="K537" s="5" t="s">
        <v>1519</v>
      </c>
      <c r="L537" s="2" t="s">
        <v>1520</v>
      </c>
      <c r="M537" s="5" t="s">
        <v>1521</v>
      </c>
      <c r="N537" s="5" t="s">
        <v>38</v>
      </c>
      <c r="O537" s="5" t="s">
        <v>39</v>
      </c>
      <c r="P537" s="5" t="s">
        <v>40</v>
      </c>
      <c r="Q537" s="5" t="s">
        <v>1522</v>
      </c>
      <c r="R537" s="5" t="s">
        <v>1523</v>
      </c>
      <c r="S537" s="5" t="s">
        <v>42</v>
      </c>
      <c r="T537" s="2">
        <v>2.29</v>
      </c>
      <c r="U537" s="2">
        <v>1.8180000000000001</v>
      </c>
      <c r="V537" s="2">
        <v>1.0999999999999999E-2</v>
      </c>
      <c r="W537" s="2">
        <v>82.9</v>
      </c>
      <c r="X537" s="2">
        <v>7.6</v>
      </c>
      <c r="Y537" s="2">
        <v>16.7</v>
      </c>
      <c r="Z537" s="5"/>
      <c r="AA537" s="5" t="s">
        <v>43</v>
      </c>
      <c r="AB537" s="5" t="s">
        <v>44</v>
      </c>
      <c r="AC537" s="2"/>
      <c r="AD537" s="1"/>
    </row>
    <row r="538" spans="1:30">
      <c r="A538" s="5" t="s">
        <v>83578</v>
      </c>
      <c r="B538" s="2" t="s">
        <v>85187</v>
      </c>
      <c r="C538" s="14" t="s">
        <v>85188</v>
      </c>
      <c r="D538" s="2" t="s">
        <v>85189</v>
      </c>
      <c r="E538" s="2" t="s">
        <v>7597</v>
      </c>
      <c r="F538" s="8">
        <v>247</v>
      </c>
      <c r="G538" s="5">
        <v>6</v>
      </c>
      <c r="H538" s="5" t="s">
        <v>1518</v>
      </c>
      <c r="I538" s="5" t="s">
        <v>1519</v>
      </c>
      <c r="J538" s="2" t="s">
        <v>1520</v>
      </c>
      <c r="K538" s="5" t="s">
        <v>1519</v>
      </c>
      <c r="L538" s="2" t="s">
        <v>1520</v>
      </c>
      <c r="M538" s="5" t="s">
        <v>1521</v>
      </c>
      <c r="N538" s="5" t="s">
        <v>38</v>
      </c>
      <c r="O538" s="5" t="s">
        <v>39</v>
      </c>
      <c r="P538" s="5" t="s">
        <v>40</v>
      </c>
      <c r="Q538" s="5" t="s">
        <v>1522</v>
      </c>
      <c r="R538" s="5" t="s">
        <v>1523</v>
      </c>
      <c r="S538" s="5" t="s">
        <v>42</v>
      </c>
      <c r="T538" s="2">
        <v>2.3519999999999999</v>
      </c>
      <c r="U538" s="2">
        <v>1.88</v>
      </c>
      <c r="V538" s="2">
        <v>1.0999999999999999E-2</v>
      </c>
      <c r="W538" s="2">
        <v>82.9</v>
      </c>
      <c r="X538" s="2">
        <v>7.6</v>
      </c>
      <c r="Y538" s="2">
        <v>16.7</v>
      </c>
      <c r="Z538" s="5"/>
      <c r="AA538" s="5" t="s">
        <v>43</v>
      </c>
      <c r="AB538" s="5" t="s">
        <v>44</v>
      </c>
      <c r="AC538" s="2"/>
      <c r="AD538" s="1"/>
    </row>
    <row r="539" spans="1:30">
      <c r="A539" s="5" t="s">
        <v>83578</v>
      </c>
      <c r="B539" s="2" t="s">
        <v>85190</v>
      </c>
      <c r="C539" s="14" t="s">
        <v>85191</v>
      </c>
      <c r="D539" s="2" t="s">
        <v>85192</v>
      </c>
      <c r="E539" s="2" t="s">
        <v>16014</v>
      </c>
      <c r="F539" s="8">
        <v>247</v>
      </c>
      <c r="G539" s="5">
        <v>6</v>
      </c>
      <c r="H539" s="5" t="s">
        <v>1518</v>
      </c>
      <c r="I539" s="5" t="s">
        <v>1519</v>
      </c>
      <c r="J539" s="2" t="s">
        <v>1520</v>
      </c>
      <c r="K539" s="5" t="s">
        <v>1519</v>
      </c>
      <c r="L539" s="2" t="s">
        <v>1520</v>
      </c>
      <c r="M539" s="5" t="s">
        <v>1521</v>
      </c>
      <c r="N539" s="5" t="s">
        <v>38</v>
      </c>
      <c r="O539" s="5" t="s">
        <v>39</v>
      </c>
      <c r="P539" s="5" t="s">
        <v>40</v>
      </c>
      <c r="Q539" s="5" t="s">
        <v>1522</v>
      </c>
      <c r="R539" s="5" t="s">
        <v>1523</v>
      </c>
      <c r="S539" s="5" t="s">
        <v>42</v>
      </c>
      <c r="T539" s="2">
        <v>2.29</v>
      </c>
      <c r="U539" s="2">
        <v>1.8180000000000001</v>
      </c>
      <c r="V539" s="2">
        <v>1.0999999999999999E-2</v>
      </c>
      <c r="W539" s="2">
        <v>82.9</v>
      </c>
      <c r="X539" s="2">
        <v>7.6</v>
      </c>
      <c r="Y539" s="2">
        <v>16.7</v>
      </c>
      <c r="Z539" s="5"/>
      <c r="AA539" s="5" t="s">
        <v>43</v>
      </c>
      <c r="AB539" s="5" t="s">
        <v>44</v>
      </c>
      <c r="AC539" s="2"/>
      <c r="AD539" s="1"/>
    </row>
    <row r="540" spans="1:30">
      <c r="A540" s="5" t="s">
        <v>83578</v>
      </c>
      <c r="B540" s="2" t="s">
        <v>85193</v>
      </c>
      <c r="C540" s="14" t="s">
        <v>85194</v>
      </c>
      <c r="D540" s="2" t="s">
        <v>85195</v>
      </c>
      <c r="E540" s="2" t="s">
        <v>16219</v>
      </c>
      <c r="F540" s="8">
        <v>247</v>
      </c>
      <c r="G540" s="5">
        <v>6</v>
      </c>
      <c r="H540" s="5" t="s">
        <v>1518</v>
      </c>
      <c r="I540" s="5" t="s">
        <v>1519</v>
      </c>
      <c r="J540" s="2" t="s">
        <v>1520</v>
      </c>
      <c r="K540" s="5" t="s">
        <v>1519</v>
      </c>
      <c r="L540" s="2" t="s">
        <v>1520</v>
      </c>
      <c r="M540" s="5" t="s">
        <v>1521</v>
      </c>
      <c r="N540" s="5" t="s">
        <v>38</v>
      </c>
      <c r="O540" s="5" t="s">
        <v>39</v>
      </c>
      <c r="P540" s="5" t="s">
        <v>40</v>
      </c>
      <c r="Q540" s="5" t="s">
        <v>1522</v>
      </c>
      <c r="R540" s="5" t="s">
        <v>1523</v>
      </c>
      <c r="S540" s="5" t="s">
        <v>42</v>
      </c>
      <c r="T540" s="2">
        <v>2.3519999999999999</v>
      </c>
      <c r="U540" s="2">
        <v>1.88</v>
      </c>
      <c r="V540" s="2">
        <v>1.0999999999999999E-2</v>
      </c>
      <c r="W540" s="2">
        <v>82.9</v>
      </c>
      <c r="X540" s="2">
        <v>7.6</v>
      </c>
      <c r="Y540" s="2">
        <v>16.7</v>
      </c>
      <c r="Z540" s="5"/>
      <c r="AA540" s="5" t="s">
        <v>43</v>
      </c>
      <c r="AB540" s="5" t="s">
        <v>44</v>
      </c>
      <c r="AC540" s="2"/>
      <c r="AD540" s="1"/>
    </row>
    <row r="541" spans="1:30">
      <c r="A541" s="5" t="s">
        <v>83578</v>
      </c>
      <c r="B541" s="2" t="s">
        <v>85196</v>
      </c>
      <c r="C541" s="14" t="s">
        <v>85197</v>
      </c>
      <c r="D541" s="2" t="s">
        <v>85198</v>
      </c>
      <c r="E541" s="2" t="s">
        <v>16022</v>
      </c>
      <c r="F541" s="8">
        <v>247</v>
      </c>
      <c r="G541" s="5">
        <v>6</v>
      </c>
      <c r="H541" s="5" t="s">
        <v>1518</v>
      </c>
      <c r="I541" s="5" t="s">
        <v>1519</v>
      </c>
      <c r="J541" s="2" t="s">
        <v>1520</v>
      </c>
      <c r="K541" s="5" t="s">
        <v>1519</v>
      </c>
      <c r="L541" s="2" t="s">
        <v>1520</v>
      </c>
      <c r="M541" s="5" t="s">
        <v>1521</v>
      </c>
      <c r="N541" s="5" t="s">
        <v>38</v>
      </c>
      <c r="O541" s="5" t="s">
        <v>39</v>
      </c>
      <c r="P541" s="5" t="s">
        <v>40</v>
      </c>
      <c r="Q541" s="5" t="s">
        <v>1522</v>
      </c>
      <c r="R541" s="5" t="s">
        <v>1523</v>
      </c>
      <c r="S541" s="5" t="s">
        <v>42</v>
      </c>
      <c r="T541" s="2">
        <v>2.3519999999999999</v>
      </c>
      <c r="U541" s="2">
        <v>1.88</v>
      </c>
      <c r="V541" s="2">
        <v>1.0999999999999999E-2</v>
      </c>
      <c r="W541" s="2">
        <v>82.9</v>
      </c>
      <c r="X541" s="2">
        <v>7.6</v>
      </c>
      <c r="Y541" s="2">
        <v>16.7</v>
      </c>
      <c r="Z541" s="5"/>
      <c r="AA541" s="5" t="s">
        <v>43</v>
      </c>
      <c r="AB541" s="5" t="s">
        <v>44</v>
      </c>
      <c r="AC541" s="2"/>
      <c r="AD541" s="1"/>
    </row>
    <row r="542" spans="1:30">
      <c r="A542" s="5" t="s">
        <v>83578</v>
      </c>
      <c r="B542" s="2" t="s">
        <v>85199</v>
      </c>
      <c r="C542" s="14" t="s">
        <v>85200</v>
      </c>
      <c r="D542" s="2" t="s">
        <v>85201</v>
      </c>
      <c r="E542" s="2" t="s">
        <v>7615</v>
      </c>
      <c r="F542" s="8">
        <v>247</v>
      </c>
      <c r="G542" s="5">
        <v>6</v>
      </c>
      <c r="H542" s="5" t="s">
        <v>1518</v>
      </c>
      <c r="I542" s="5" t="s">
        <v>1519</v>
      </c>
      <c r="J542" s="2" t="s">
        <v>1520</v>
      </c>
      <c r="K542" s="5" t="s">
        <v>1519</v>
      </c>
      <c r="L542" s="2" t="s">
        <v>1520</v>
      </c>
      <c r="M542" s="5" t="s">
        <v>1521</v>
      </c>
      <c r="N542" s="5" t="s">
        <v>38</v>
      </c>
      <c r="O542" s="5" t="s">
        <v>39</v>
      </c>
      <c r="P542" s="5" t="s">
        <v>40</v>
      </c>
      <c r="Q542" s="5" t="s">
        <v>1522</v>
      </c>
      <c r="R542" s="5" t="s">
        <v>1523</v>
      </c>
      <c r="S542" s="5" t="s">
        <v>42</v>
      </c>
      <c r="T542" s="2">
        <v>2.278</v>
      </c>
      <c r="U542" s="2">
        <v>1.806</v>
      </c>
      <c r="V542" s="2">
        <v>1.0999999999999999E-2</v>
      </c>
      <c r="W542" s="2">
        <v>82.9</v>
      </c>
      <c r="X542" s="2">
        <v>7.6</v>
      </c>
      <c r="Y542" s="2">
        <v>16.7</v>
      </c>
      <c r="Z542" s="5"/>
      <c r="AA542" s="5" t="s">
        <v>43</v>
      </c>
      <c r="AB542" s="5" t="s">
        <v>44</v>
      </c>
      <c r="AC542" s="2"/>
      <c r="AD542" s="1"/>
    </row>
    <row r="543" spans="1:30">
      <c r="A543" s="5" t="s">
        <v>83578</v>
      </c>
      <c r="B543" s="2" t="s">
        <v>85202</v>
      </c>
      <c r="C543" s="14" t="s">
        <v>85203</v>
      </c>
      <c r="D543" s="2" t="s">
        <v>85204</v>
      </c>
      <c r="E543" s="2" t="s">
        <v>7619</v>
      </c>
      <c r="F543" s="8">
        <v>247</v>
      </c>
      <c r="G543" s="5">
        <v>6</v>
      </c>
      <c r="H543" s="5" t="s">
        <v>1518</v>
      </c>
      <c r="I543" s="5" t="s">
        <v>1519</v>
      </c>
      <c r="J543" s="2" t="s">
        <v>1520</v>
      </c>
      <c r="K543" s="5" t="s">
        <v>1519</v>
      </c>
      <c r="L543" s="2" t="s">
        <v>1520</v>
      </c>
      <c r="M543" s="5" t="s">
        <v>1521</v>
      </c>
      <c r="N543" s="5" t="s">
        <v>38</v>
      </c>
      <c r="O543" s="5" t="s">
        <v>39</v>
      </c>
      <c r="P543" s="5" t="s">
        <v>40</v>
      </c>
      <c r="Q543" s="5" t="s">
        <v>1522</v>
      </c>
      <c r="R543" s="5" t="s">
        <v>1523</v>
      </c>
      <c r="S543" s="5" t="s">
        <v>42</v>
      </c>
      <c r="T543" s="2">
        <v>2.34</v>
      </c>
      <c r="U543" s="2">
        <v>1.8680000000000001</v>
      </c>
      <c r="V543" s="2">
        <v>1.0999999999999999E-2</v>
      </c>
      <c r="W543" s="2">
        <v>82.9</v>
      </c>
      <c r="X543" s="2">
        <v>7.6</v>
      </c>
      <c r="Y543" s="2">
        <v>16.7</v>
      </c>
      <c r="Z543" s="5"/>
      <c r="AA543" s="5" t="s">
        <v>43</v>
      </c>
      <c r="AB543" s="5" t="s">
        <v>44</v>
      </c>
      <c r="AC543" s="2"/>
      <c r="AD543" s="1"/>
    </row>
    <row r="544" spans="1:30">
      <c r="A544" s="5" t="s">
        <v>83578</v>
      </c>
      <c r="B544" s="2" t="s">
        <v>85205</v>
      </c>
      <c r="C544" s="14" t="s">
        <v>85206</v>
      </c>
      <c r="D544" s="2" t="s">
        <v>85207</v>
      </c>
      <c r="E544" s="2" t="s">
        <v>16235</v>
      </c>
      <c r="F544" s="8">
        <v>247</v>
      </c>
      <c r="G544" s="5">
        <v>6</v>
      </c>
      <c r="H544" s="5" t="s">
        <v>1518</v>
      </c>
      <c r="I544" s="5" t="s">
        <v>1519</v>
      </c>
      <c r="J544" s="2" t="s">
        <v>1520</v>
      </c>
      <c r="K544" s="5" t="s">
        <v>1519</v>
      </c>
      <c r="L544" s="2" t="s">
        <v>1520</v>
      </c>
      <c r="M544" s="5" t="s">
        <v>1521</v>
      </c>
      <c r="N544" s="5" t="s">
        <v>38</v>
      </c>
      <c r="O544" s="5" t="s">
        <v>39</v>
      </c>
      <c r="P544" s="5" t="s">
        <v>40</v>
      </c>
      <c r="Q544" s="5" t="s">
        <v>1522</v>
      </c>
      <c r="R544" s="5" t="s">
        <v>1523</v>
      </c>
      <c r="S544" s="5" t="s">
        <v>42</v>
      </c>
      <c r="T544" s="2">
        <v>2.3079999999999998</v>
      </c>
      <c r="U544" s="2">
        <v>1.8360000000000001</v>
      </c>
      <c r="V544" s="2">
        <v>1.0999999999999999E-2</v>
      </c>
      <c r="W544" s="2">
        <v>82.9</v>
      </c>
      <c r="X544" s="2">
        <v>7.6</v>
      </c>
      <c r="Y544" s="2">
        <v>16.7</v>
      </c>
      <c r="Z544" s="5"/>
      <c r="AA544" s="5" t="s">
        <v>43</v>
      </c>
      <c r="AB544" s="5" t="s">
        <v>44</v>
      </c>
      <c r="AC544" s="2"/>
      <c r="AD544" s="1"/>
    </row>
    <row r="545" spans="1:30">
      <c r="A545" s="5" t="s">
        <v>83578</v>
      </c>
      <c r="B545" s="2" t="s">
        <v>85208</v>
      </c>
      <c r="C545" s="14" t="s">
        <v>85209</v>
      </c>
      <c r="D545" s="2" t="s">
        <v>85210</v>
      </c>
      <c r="E545" s="2" t="s">
        <v>7551</v>
      </c>
      <c r="F545" s="8">
        <v>259</v>
      </c>
      <c r="G545" s="5">
        <v>6</v>
      </c>
      <c r="H545" s="5" t="s">
        <v>1518</v>
      </c>
      <c r="I545" s="5" t="s">
        <v>1519</v>
      </c>
      <c r="J545" s="2" t="s">
        <v>1520</v>
      </c>
      <c r="K545" s="5" t="s">
        <v>1519</v>
      </c>
      <c r="L545" s="2" t="s">
        <v>1520</v>
      </c>
      <c r="M545" s="5" t="s">
        <v>1521</v>
      </c>
      <c r="N545" s="5" t="s">
        <v>38</v>
      </c>
      <c r="O545" s="5" t="s">
        <v>39</v>
      </c>
      <c r="P545" s="5" t="s">
        <v>40</v>
      </c>
      <c r="Q545" s="5" t="s">
        <v>1522</v>
      </c>
      <c r="R545" s="5" t="s">
        <v>1523</v>
      </c>
      <c r="S545" s="5" t="s">
        <v>42</v>
      </c>
      <c r="T545" s="2">
        <v>2.59</v>
      </c>
      <c r="U545" s="2">
        <v>2.0390000000000001</v>
      </c>
      <c r="V545" s="2">
        <v>1.2999999999999999E-2</v>
      </c>
      <c r="W545" s="2">
        <v>99.1</v>
      </c>
      <c r="X545" s="2">
        <v>7.6</v>
      </c>
      <c r="Y545" s="2">
        <v>16.7</v>
      </c>
      <c r="Z545" s="5"/>
      <c r="AA545" s="5" t="s">
        <v>43</v>
      </c>
      <c r="AB545" s="5" t="s">
        <v>44</v>
      </c>
      <c r="AC545" s="2"/>
      <c r="AD545" s="1"/>
    </row>
    <row r="546" spans="1:30">
      <c r="A546" s="5" t="s">
        <v>83578</v>
      </c>
      <c r="B546" s="2" t="s">
        <v>85211</v>
      </c>
      <c r="C546" s="14" t="s">
        <v>85212</v>
      </c>
      <c r="D546" s="2" t="s">
        <v>85213</v>
      </c>
      <c r="E546" s="2" t="s">
        <v>7559</v>
      </c>
      <c r="F546" s="8">
        <v>259</v>
      </c>
      <c r="G546" s="5">
        <v>6</v>
      </c>
      <c r="H546" s="5" t="s">
        <v>1518</v>
      </c>
      <c r="I546" s="5" t="s">
        <v>1519</v>
      </c>
      <c r="J546" s="2" t="s">
        <v>1520</v>
      </c>
      <c r="K546" s="5" t="s">
        <v>1519</v>
      </c>
      <c r="L546" s="2" t="s">
        <v>1520</v>
      </c>
      <c r="M546" s="5" t="s">
        <v>1521</v>
      </c>
      <c r="N546" s="5" t="s">
        <v>38</v>
      </c>
      <c r="O546" s="5" t="s">
        <v>39</v>
      </c>
      <c r="P546" s="5" t="s">
        <v>40</v>
      </c>
      <c r="Q546" s="5" t="s">
        <v>1522</v>
      </c>
      <c r="R546" s="5" t="s">
        <v>1523</v>
      </c>
      <c r="S546" s="5" t="s">
        <v>42</v>
      </c>
      <c r="T546" s="2">
        <v>2.59</v>
      </c>
      <c r="U546" s="2">
        <v>2.0390000000000001</v>
      </c>
      <c r="V546" s="2">
        <v>1.2999999999999999E-2</v>
      </c>
      <c r="W546" s="2">
        <v>99.1</v>
      </c>
      <c r="X546" s="2">
        <v>7.6</v>
      </c>
      <c r="Y546" s="2">
        <v>16.7</v>
      </c>
      <c r="Z546" s="5"/>
      <c r="AA546" s="5" t="s">
        <v>43</v>
      </c>
      <c r="AB546" s="5" t="s">
        <v>44</v>
      </c>
      <c r="AC546" s="2"/>
      <c r="AD546" s="1"/>
    </row>
    <row r="547" spans="1:30">
      <c r="A547" s="5" t="s">
        <v>83578</v>
      </c>
      <c r="B547" s="2" t="s">
        <v>85214</v>
      </c>
      <c r="C547" s="14" t="s">
        <v>85215</v>
      </c>
      <c r="D547" s="2" t="s">
        <v>85216</v>
      </c>
      <c r="E547" s="2" t="s">
        <v>7597</v>
      </c>
      <c r="F547" s="8">
        <v>259</v>
      </c>
      <c r="G547" s="5">
        <v>6</v>
      </c>
      <c r="H547" s="5" t="s">
        <v>1518</v>
      </c>
      <c r="I547" s="5" t="s">
        <v>1519</v>
      </c>
      <c r="J547" s="2" t="s">
        <v>1520</v>
      </c>
      <c r="K547" s="5" t="s">
        <v>1519</v>
      </c>
      <c r="L547" s="2" t="s">
        <v>1520</v>
      </c>
      <c r="M547" s="5" t="s">
        <v>1521</v>
      </c>
      <c r="N547" s="5" t="s">
        <v>38</v>
      </c>
      <c r="O547" s="5" t="s">
        <v>39</v>
      </c>
      <c r="P547" s="5" t="s">
        <v>40</v>
      </c>
      <c r="Q547" s="5" t="s">
        <v>1522</v>
      </c>
      <c r="R547" s="5" t="s">
        <v>1523</v>
      </c>
      <c r="S547" s="5" t="s">
        <v>42</v>
      </c>
      <c r="T547" s="2">
        <v>2.6040000000000001</v>
      </c>
      <c r="U547" s="2">
        <v>2.0529999999999999</v>
      </c>
      <c r="V547" s="2">
        <v>1.2999999999999999E-2</v>
      </c>
      <c r="W547" s="2">
        <v>99.1</v>
      </c>
      <c r="X547" s="2">
        <v>7.6</v>
      </c>
      <c r="Y547" s="2">
        <v>16.7</v>
      </c>
      <c r="Z547" s="5"/>
      <c r="AA547" s="5" t="s">
        <v>43</v>
      </c>
      <c r="AB547" s="5" t="s">
        <v>44</v>
      </c>
      <c r="AC547" s="2"/>
      <c r="AD547" s="1"/>
    </row>
    <row r="548" spans="1:30">
      <c r="A548" s="5" t="s">
        <v>83578</v>
      </c>
      <c r="B548" s="2" t="s">
        <v>85217</v>
      </c>
      <c r="C548" s="14" t="s">
        <v>85218</v>
      </c>
      <c r="D548" s="2" t="s">
        <v>85219</v>
      </c>
      <c r="E548" s="2" t="s">
        <v>16219</v>
      </c>
      <c r="F548" s="8">
        <v>259</v>
      </c>
      <c r="G548" s="5">
        <v>6</v>
      </c>
      <c r="H548" s="5" t="s">
        <v>1518</v>
      </c>
      <c r="I548" s="5" t="s">
        <v>1519</v>
      </c>
      <c r="J548" s="2" t="s">
        <v>1520</v>
      </c>
      <c r="K548" s="5" t="s">
        <v>1519</v>
      </c>
      <c r="L548" s="2" t="s">
        <v>1520</v>
      </c>
      <c r="M548" s="5" t="s">
        <v>1521</v>
      </c>
      <c r="N548" s="5" t="s">
        <v>38</v>
      </c>
      <c r="O548" s="5" t="s">
        <v>39</v>
      </c>
      <c r="P548" s="5" t="s">
        <v>40</v>
      </c>
      <c r="Q548" s="5" t="s">
        <v>1522</v>
      </c>
      <c r="R548" s="5" t="s">
        <v>1523</v>
      </c>
      <c r="S548" s="5" t="s">
        <v>42</v>
      </c>
      <c r="T548" s="2">
        <v>2.6040000000000001</v>
      </c>
      <c r="U548" s="2">
        <v>2.0529999999999999</v>
      </c>
      <c r="V548" s="2">
        <v>1.2999999999999999E-2</v>
      </c>
      <c r="W548" s="2">
        <v>99.1</v>
      </c>
      <c r="X548" s="2">
        <v>7.6</v>
      </c>
      <c r="Y548" s="2">
        <v>16.7</v>
      </c>
      <c r="Z548" s="5"/>
      <c r="AA548" s="5" t="s">
        <v>43</v>
      </c>
      <c r="AB548" s="5" t="s">
        <v>44</v>
      </c>
      <c r="AC548" s="2"/>
      <c r="AD548" s="1"/>
    </row>
    <row r="549" spans="1:30">
      <c r="A549" s="5" t="s">
        <v>83578</v>
      </c>
      <c r="B549" s="2" t="s">
        <v>85220</v>
      </c>
      <c r="C549" s="14" t="s">
        <v>85221</v>
      </c>
      <c r="D549" s="2" t="s">
        <v>85222</v>
      </c>
      <c r="E549" s="2" t="s">
        <v>7619</v>
      </c>
      <c r="F549" s="8">
        <v>259</v>
      </c>
      <c r="G549" s="5">
        <v>6</v>
      </c>
      <c r="H549" s="5" t="s">
        <v>1518</v>
      </c>
      <c r="I549" s="5" t="s">
        <v>1519</v>
      </c>
      <c r="J549" s="2" t="s">
        <v>1520</v>
      </c>
      <c r="K549" s="5" t="s">
        <v>1519</v>
      </c>
      <c r="L549" s="2" t="s">
        <v>1520</v>
      </c>
      <c r="M549" s="5" t="s">
        <v>1521</v>
      </c>
      <c r="N549" s="5" t="s">
        <v>38</v>
      </c>
      <c r="O549" s="5" t="s">
        <v>39</v>
      </c>
      <c r="P549" s="5" t="s">
        <v>40</v>
      </c>
      <c r="Q549" s="5" t="s">
        <v>1522</v>
      </c>
      <c r="R549" s="5" t="s">
        <v>1523</v>
      </c>
      <c r="S549" s="5" t="s">
        <v>42</v>
      </c>
      <c r="T549" s="2">
        <v>2.59</v>
      </c>
      <c r="U549" s="2">
        <v>2.0390000000000001</v>
      </c>
      <c r="V549" s="2">
        <v>1.2999999999999999E-2</v>
      </c>
      <c r="W549" s="2">
        <v>99.1</v>
      </c>
      <c r="X549" s="2">
        <v>7.6</v>
      </c>
      <c r="Y549" s="2">
        <v>16.7</v>
      </c>
      <c r="Z549" s="5"/>
      <c r="AA549" s="5" t="s">
        <v>43</v>
      </c>
      <c r="AB549" s="5" t="s">
        <v>44</v>
      </c>
      <c r="AC549" s="2"/>
      <c r="AD549" s="1"/>
    </row>
    <row r="550" spans="1:30">
      <c r="A550" s="5" t="s">
        <v>83578</v>
      </c>
      <c r="B550" s="2" t="s">
        <v>85223</v>
      </c>
      <c r="C550" s="14" t="s">
        <v>85224</v>
      </c>
      <c r="D550" s="2" t="s">
        <v>85225</v>
      </c>
      <c r="E550" s="2" t="s">
        <v>16235</v>
      </c>
      <c r="F550" s="8">
        <v>259</v>
      </c>
      <c r="G550" s="5">
        <v>6</v>
      </c>
      <c r="H550" s="5" t="s">
        <v>1518</v>
      </c>
      <c r="I550" s="5" t="s">
        <v>1519</v>
      </c>
      <c r="J550" s="2" t="s">
        <v>1520</v>
      </c>
      <c r="K550" s="5" t="s">
        <v>1519</v>
      </c>
      <c r="L550" s="2" t="s">
        <v>1520</v>
      </c>
      <c r="M550" s="5" t="s">
        <v>1521</v>
      </c>
      <c r="N550" s="5" t="s">
        <v>38</v>
      </c>
      <c r="O550" s="5" t="s">
        <v>39</v>
      </c>
      <c r="P550" s="5" t="s">
        <v>40</v>
      </c>
      <c r="Q550" s="5" t="s">
        <v>1522</v>
      </c>
      <c r="R550" s="5" t="s">
        <v>1523</v>
      </c>
      <c r="S550" s="5" t="s">
        <v>42</v>
      </c>
      <c r="T550" s="2">
        <v>2.5550000000000002</v>
      </c>
      <c r="U550" s="2">
        <v>2.004</v>
      </c>
      <c r="V550" s="2">
        <v>1.2999999999999999E-2</v>
      </c>
      <c r="W550" s="2">
        <v>99.1</v>
      </c>
      <c r="X550" s="2">
        <v>7.6</v>
      </c>
      <c r="Y550" s="2">
        <v>16.7</v>
      </c>
      <c r="Z550" s="5"/>
      <c r="AA550" s="5" t="s">
        <v>43</v>
      </c>
      <c r="AB550" s="5" t="s">
        <v>44</v>
      </c>
      <c r="AC550" s="2"/>
      <c r="AD550" s="1"/>
    </row>
    <row r="551" spans="1:30">
      <c r="A551" s="5" t="s">
        <v>83578</v>
      </c>
      <c r="B551" s="2" t="s">
        <v>85226</v>
      </c>
      <c r="C551" s="14" t="s">
        <v>85227</v>
      </c>
      <c r="D551" s="2" t="s">
        <v>85228</v>
      </c>
      <c r="E551" s="2" t="s">
        <v>7406</v>
      </c>
      <c r="F551" s="8">
        <v>263</v>
      </c>
      <c r="G551" s="5">
        <v>6</v>
      </c>
      <c r="H551" s="5" t="s">
        <v>1518</v>
      </c>
      <c r="I551" s="5" t="s">
        <v>1519</v>
      </c>
      <c r="J551" s="2" t="s">
        <v>1520</v>
      </c>
      <c r="K551" s="5" t="s">
        <v>1519</v>
      </c>
      <c r="L551" s="2" t="s">
        <v>1520</v>
      </c>
      <c r="M551" s="5" t="s">
        <v>1521</v>
      </c>
      <c r="N551" s="5" t="s">
        <v>38</v>
      </c>
      <c r="O551" s="5" t="s">
        <v>39</v>
      </c>
      <c r="P551" s="5" t="s">
        <v>40</v>
      </c>
      <c r="Q551" s="5" t="s">
        <v>1522</v>
      </c>
      <c r="R551" s="5" t="s">
        <v>1523</v>
      </c>
      <c r="S551" s="5" t="s">
        <v>42</v>
      </c>
      <c r="T551" s="2">
        <v>2.6779999999999999</v>
      </c>
      <c r="U551" s="2">
        <v>2.1269999999999998</v>
      </c>
      <c r="V551" s="2">
        <v>1.4999999999999999E-2</v>
      </c>
      <c r="W551" s="2">
        <v>118.9</v>
      </c>
      <c r="X551" s="2">
        <v>7.6</v>
      </c>
      <c r="Y551" s="2">
        <v>16.7</v>
      </c>
      <c r="Z551" s="5"/>
      <c r="AA551" s="5" t="s">
        <v>43</v>
      </c>
      <c r="AB551" s="5" t="s">
        <v>44</v>
      </c>
      <c r="AC551" s="2"/>
      <c r="AD551" s="1"/>
    </row>
    <row r="552" spans="1:30">
      <c r="A552" s="5" t="s">
        <v>83578</v>
      </c>
      <c r="B552" s="2" t="s">
        <v>85229</v>
      </c>
      <c r="C552" s="14" t="s">
        <v>85230</v>
      </c>
      <c r="D552" s="2" t="s">
        <v>85231</v>
      </c>
      <c r="E552" s="2" t="s">
        <v>7539</v>
      </c>
      <c r="F552" s="8">
        <v>263</v>
      </c>
      <c r="G552" s="5">
        <v>6</v>
      </c>
      <c r="H552" s="5" t="s">
        <v>1518</v>
      </c>
      <c r="I552" s="5" t="s">
        <v>1519</v>
      </c>
      <c r="J552" s="2" t="s">
        <v>1520</v>
      </c>
      <c r="K552" s="5" t="s">
        <v>1519</v>
      </c>
      <c r="L552" s="2" t="s">
        <v>1520</v>
      </c>
      <c r="M552" s="5" t="s">
        <v>1521</v>
      </c>
      <c r="N552" s="5" t="s">
        <v>38</v>
      </c>
      <c r="O552" s="5" t="s">
        <v>39</v>
      </c>
      <c r="P552" s="5" t="s">
        <v>40</v>
      </c>
      <c r="Q552" s="5" t="s">
        <v>1522</v>
      </c>
      <c r="R552" s="5" t="s">
        <v>1523</v>
      </c>
      <c r="S552" s="5" t="s">
        <v>42</v>
      </c>
      <c r="T552" s="2">
        <v>2.6949999999999998</v>
      </c>
      <c r="U552" s="2">
        <v>2.1440000000000001</v>
      </c>
      <c r="V552" s="2">
        <v>1.4999999999999999E-2</v>
      </c>
      <c r="W552" s="2">
        <v>118.9</v>
      </c>
      <c r="X552" s="2">
        <v>7.6</v>
      </c>
      <c r="Y552" s="2">
        <v>16.7</v>
      </c>
      <c r="Z552" s="5"/>
      <c r="AA552" s="5" t="s">
        <v>43</v>
      </c>
      <c r="AB552" s="5" t="s">
        <v>44</v>
      </c>
      <c r="AC552" s="2"/>
      <c r="AD552" s="1"/>
    </row>
    <row r="553" spans="1:30">
      <c r="A553" s="5" t="s">
        <v>83578</v>
      </c>
      <c r="B553" s="2" t="s">
        <v>85232</v>
      </c>
      <c r="C553" s="14" t="s">
        <v>85233</v>
      </c>
      <c r="D553" s="2" t="s">
        <v>85234</v>
      </c>
      <c r="E553" s="2" t="s">
        <v>7543</v>
      </c>
      <c r="F553" s="8">
        <v>263</v>
      </c>
      <c r="G553" s="5">
        <v>6</v>
      </c>
      <c r="H553" s="5" t="s">
        <v>1518</v>
      </c>
      <c r="I553" s="5" t="s">
        <v>1519</v>
      </c>
      <c r="J553" s="2" t="s">
        <v>1520</v>
      </c>
      <c r="K553" s="5" t="s">
        <v>1519</v>
      </c>
      <c r="L553" s="2" t="s">
        <v>1520</v>
      </c>
      <c r="M553" s="5" t="s">
        <v>1521</v>
      </c>
      <c r="N553" s="5" t="s">
        <v>38</v>
      </c>
      <c r="O553" s="5" t="s">
        <v>39</v>
      </c>
      <c r="P553" s="5" t="s">
        <v>40</v>
      </c>
      <c r="Q553" s="5" t="s">
        <v>1522</v>
      </c>
      <c r="R553" s="5" t="s">
        <v>1523</v>
      </c>
      <c r="S553" s="5" t="s">
        <v>42</v>
      </c>
      <c r="T553" s="2">
        <v>2.782</v>
      </c>
      <c r="U553" s="2">
        <v>2.2309999999999999</v>
      </c>
      <c r="V553" s="2">
        <v>1.4999999999999999E-2</v>
      </c>
      <c r="W553" s="2">
        <v>118.9</v>
      </c>
      <c r="X553" s="2">
        <v>7.6</v>
      </c>
      <c r="Y553" s="2">
        <v>16.7</v>
      </c>
      <c r="Z553" s="5"/>
      <c r="AA553" s="5" t="s">
        <v>43</v>
      </c>
      <c r="AB553" s="5" t="s">
        <v>44</v>
      </c>
      <c r="AC553" s="2"/>
      <c r="AD553" s="1"/>
    </row>
    <row r="554" spans="1:30">
      <c r="A554" s="5" t="s">
        <v>83578</v>
      </c>
      <c r="B554" s="2" t="s">
        <v>85235</v>
      </c>
      <c r="C554" s="14" t="s">
        <v>85236</v>
      </c>
      <c r="D554" s="2" t="s">
        <v>85237</v>
      </c>
      <c r="E554" s="2" t="s">
        <v>7547</v>
      </c>
      <c r="F554" s="8">
        <v>263</v>
      </c>
      <c r="G554" s="5">
        <v>6</v>
      </c>
      <c r="H554" s="5" t="s">
        <v>1518</v>
      </c>
      <c r="I554" s="5" t="s">
        <v>1519</v>
      </c>
      <c r="J554" s="2" t="s">
        <v>1520</v>
      </c>
      <c r="K554" s="5" t="s">
        <v>1519</v>
      </c>
      <c r="L554" s="2" t="s">
        <v>1520</v>
      </c>
      <c r="M554" s="5" t="s">
        <v>1521</v>
      </c>
      <c r="N554" s="5" t="s">
        <v>38</v>
      </c>
      <c r="O554" s="5" t="s">
        <v>39</v>
      </c>
      <c r="P554" s="5" t="s">
        <v>40</v>
      </c>
      <c r="Q554" s="5" t="s">
        <v>1522</v>
      </c>
      <c r="R554" s="5" t="s">
        <v>1523</v>
      </c>
      <c r="S554" s="5" t="s">
        <v>42</v>
      </c>
      <c r="T554" s="2">
        <v>2.6779999999999999</v>
      </c>
      <c r="U554" s="2">
        <v>2.1269999999999998</v>
      </c>
      <c r="V554" s="2">
        <v>1.4999999999999999E-2</v>
      </c>
      <c r="W554" s="2">
        <v>118.9</v>
      </c>
      <c r="X554" s="2">
        <v>7.6</v>
      </c>
      <c r="Y554" s="2">
        <v>16.7</v>
      </c>
      <c r="Z554" s="5"/>
      <c r="AA554" s="5" t="s">
        <v>43</v>
      </c>
      <c r="AB554" s="5" t="s">
        <v>44</v>
      </c>
      <c r="AC554" s="2"/>
      <c r="AD554" s="1"/>
    </row>
    <row r="555" spans="1:30">
      <c r="A555" s="5" t="s">
        <v>83578</v>
      </c>
      <c r="B555" s="2" t="s">
        <v>85238</v>
      </c>
      <c r="C555" s="14" t="s">
        <v>85239</v>
      </c>
      <c r="D555" s="2" t="s">
        <v>85240</v>
      </c>
      <c r="E555" s="2" t="s">
        <v>7551</v>
      </c>
      <c r="F555" s="8">
        <v>263</v>
      </c>
      <c r="G555" s="5">
        <v>6</v>
      </c>
      <c r="H555" s="5" t="s">
        <v>1518</v>
      </c>
      <c r="I555" s="5" t="s">
        <v>1519</v>
      </c>
      <c r="J555" s="2" t="s">
        <v>1520</v>
      </c>
      <c r="K555" s="5" t="s">
        <v>1519</v>
      </c>
      <c r="L555" s="2" t="s">
        <v>1520</v>
      </c>
      <c r="M555" s="5" t="s">
        <v>1521</v>
      </c>
      <c r="N555" s="5" t="s">
        <v>38</v>
      </c>
      <c r="O555" s="5" t="s">
        <v>39</v>
      </c>
      <c r="P555" s="5" t="s">
        <v>40</v>
      </c>
      <c r="Q555" s="5" t="s">
        <v>1522</v>
      </c>
      <c r="R555" s="5" t="s">
        <v>1523</v>
      </c>
      <c r="S555" s="5" t="s">
        <v>42</v>
      </c>
      <c r="T555" s="2">
        <v>2.7650000000000001</v>
      </c>
      <c r="U555" s="2">
        <v>2.214</v>
      </c>
      <c r="V555" s="2">
        <v>1.4999999999999999E-2</v>
      </c>
      <c r="W555" s="2">
        <v>118.9</v>
      </c>
      <c r="X555" s="2">
        <v>7.6</v>
      </c>
      <c r="Y555" s="2">
        <v>16.7</v>
      </c>
      <c r="Z555" s="5"/>
      <c r="AA555" s="5" t="s">
        <v>43</v>
      </c>
      <c r="AB555" s="5" t="s">
        <v>44</v>
      </c>
      <c r="AC555" s="2"/>
      <c r="AD555" s="1"/>
    </row>
    <row r="556" spans="1:30">
      <c r="A556" s="5" t="s">
        <v>83578</v>
      </c>
      <c r="B556" s="2" t="s">
        <v>85241</v>
      </c>
      <c r="C556" s="14" t="s">
        <v>85242</v>
      </c>
      <c r="D556" s="2" t="s">
        <v>85243</v>
      </c>
      <c r="E556" s="2" t="s">
        <v>7555</v>
      </c>
      <c r="F556" s="8">
        <v>263</v>
      </c>
      <c r="G556" s="5">
        <v>6</v>
      </c>
      <c r="H556" s="5" t="s">
        <v>1518</v>
      </c>
      <c r="I556" s="5" t="s">
        <v>1519</v>
      </c>
      <c r="J556" s="2" t="s">
        <v>1520</v>
      </c>
      <c r="K556" s="5" t="s">
        <v>1519</v>
      </c>
      <c r="L556" s="2" t="s">
        <v>1520</v>
      </c>
      <c r="M556" s="5" t="s">
        <v>1521</v>
      </c>
      <c r="N556" s="5" t="s">
        <v>38</v>
      </c>
      <c r="O556" s="5" t="s">
        <v>39</v>
      </c>
      <c r="P556" s="5" t="s">
        <v>40</v>
      </c>
      <c r="Q556" s="5" t="s">
        <v>1522</v>
      </c>
      <c r="R556" s="5" t="s">
        <v>1523</v>
      </c>
      <c r="S556" s="5" t="s">
        <v>42</v>
      </c>
      <c r="T556" s="2">
        <v>2.6779999999999999</v>
      </c>
      <c r="U556" s="2">
        <v>2.1269999999999998</v>
      </c>
      <c r="V556" s="2">
        <v>1.4999999999999999E-2</v>
      </c>
      <c r="W556" s="2">
        <v>118.9</v>
      </c>
      <c r="X556" s="2">
        <v>7.6</v>
      </c>
      <c r="Y556" s="2">
        <v>16.7</v>
      </c>
      <c r="Z556" s="5"/>
      <c r="AA556" s="5" t="s">
        <v>43</v>
      </c>
      <c r="AB556" s="5" t="s">
        <v>44</v>
      </c>
      <c r="AC556" s="2"/>
      <c r="AD556" s="1"/>
    </row>
    <row r="557" spans="1:30">
      <c r="A557" s="5" t="s">
        <v>83578</v>
      </c>
      <c r="B557" s="2" t="s">
        <v>85244</v>
      </c>
      <c r="C557" s="14" t="s">
        <v>85245</v>
      </c>
      <c r="D557" s="2" t="s">
        <v>85246</v>
      </c>
      <c r="E557" s="2" t="s">
        <v>7559</v>
      </c>
      <c r="F557" s="8">
        <v>263</v>
      </c>
      <c r="G557" s="5">
        <v>6</v>
      </c>
      <c r="H557" s="5" t="s">
        <v>1518</v>
      </c>
      <c r="I557" s="5" t="s">
        <v>1519</v>
      </c>
      <c r="J557" s="2" t="s">
        <v>1520</v>
      </c>
      <c r="K557" s="5" t="s">
        <v>1519</v>
      </c>
      <c r="L557" s="2" t="s">
        <v>1520</v>
      </c>
      <c r="M557" s="5" t="s">
        <v>1521</v>
      </c>
      <c r="N557" s="5" t="s">
        <v>38</v>
      </c>
      <c r="O557" s="5" t="s">
        <v>39</v>
      </c>
      <c r="P557" s="5" t="s">
        <v>40</v>
      </c>
      <c r="Q557" s="5" t="s">
        <v>1522</v>
      </c>
      <c r="R557" s="5" t="s">
        <v>1523</v>
      </c>
      <c r="S557" s="5" t="s">
        <v>42</v>
      </c>
      <c r="T557" s="2">
        <v>2.7650000000000001</v>
      </c>
      <c r="U557" s="2">
        <v>2.214</v>
      </c>
      <c r="V557" s="2">
        <v>1.4999999999999999E-2</v>
      </c>
      <c r="W557" s="2">
        <v>118.9</v>
      </c>
      <c r="X557" s="2">
        <v>7.6</v>
      </c>
      <c r="Y557" s="2">
        <v>16.7</v>
      </c>
      <c r="Z557" s="5"/>
      <c r="AA557" s="5" t="s">
        <v>43</v>
      </c>
      <c r="AB557" s="5" t="s">
        <v>44</v>
      </c>
      <c r="AC557" s="2"/>
      <c r="AD557" s="1"/>
    </row>
    <row r="558" spans="1:30">
      <c r="A558" s="5" t="s">
        <v>83578</v>
      </c>
      <c r="B558" s="2" t="s">
        <v>85247</v>
      </c>
      <c r="C558" s="14" t="s">
        <v>85248</v>
      </c>
      <c r="D558" s="2" t="s">
        <v>85249</v>
      </c>
      <c r="E558" s="2" t="s">
        <v>7563</v>
      </c>
      <c r="F558" s="8">
        <v>263</v>
      </c>
      <c r="G558" s="5">
        <v>6</v>
      </c>
      <c r="H558" s="5" t="s">
        <v>1518</v>
      </c>
      <c r="I558" s="5" t="s">
        <v>1519</v>
      </c>
      <c r="J558" s="2" t="s">
        <v>1520</v>
      </c>
      <c r="K558" s="5" t="s">
        <v>1519</v>
      </c>
      <c r="L558" s="2" t="s">
        <v>1520</v>
      </c>
      <c r="M558" s="5" t="s">
        <v>1521</v>
      </c>
      <c r="N558" s="5" t="s">
        <v>38</v>
      </c>
      <c r="O558" s="5" t="s">
        <v>39</v>
      </c>
      <c r="P558" s="5" t="s">
        <v>40</v>
      </c>
      <c r="Q558" s="5" t="s">
        <v>1522</v>
      </c>
      <c r="R558" s="5" t="s">
        <v>1523</v>
      </c>
      <c r="S558" s="5" t="s">
        <v>42</v>
      </c>
      <c r="T558" s="2">
        <v>2.6949999999999998</v>
      </c>
      <c r="U558" s="2">
        <v>2.1440000000000001</v>
      </c>
      <c r="V558" s="2">
        <v>1.4999999999999999E-2</v>
      </c>
      <c r="W558" s="2">
        <v>118.9</v>
      </c>
      <c r="X558" s="2">
        <v>7.6</v>
      </c>
      <c r="Y558" s="2">
        <v>16.7</v>
      </c>
      <c r="Z558" s="5"/>
      <c r="AA558" s="5" t="s">
        <v>43</v>
      </c>
      <c r="AB558" s="5" t="s">
        <v>44</v>
      </c>
      <c r="AC558" s="2"/>
      <c r="AD558" s="1"/>
    </row>
    <row r="559" spans="1:30">
      <c r="A559" s="5" t="s">
        <v>83578</v>
      </c>
      <c r="B559" s="2" t="s">
        <v>85250</v>
      </c>
      <c r="C559" s="14" t="s">
        <v>85251</v>
      </c>
      <c r="D559" s="2" t="s">
        <v>85252</v>
      </c>
      <c r="E559" s="2" t="s">
        <v>16079</v>
      </c>
      <c r="F559" s="8">
        <v>263</v>
      </c>
      <c r="G559" s="5">
        <v>6</v>
      </c>
      <c r="H559" s="5" t="s">
        <v>1518</v>
      </c>
      <c r="I559" s="5" t="s">
        <v>1519</v>
      </c>
      <c r="J559" s="2" t="s">
        <v>1520</v>
      </c>
      <c r="K559" s="5" t="s">
        <v>1519</v>
      </c>
      <c r="L559" s="2" t="s">
        <v>1520</v>
      </c>
      <c r="M559" s="5" t="s">
        <v>1521</v>
      </c>
      <c r="N559" s="5" t="s">
        <v>38</v>
      </c>
      <c r="O559" s="5" t="s">
        <v>39</v>
      </c>
      <c r="P559" s="5" t="s">
        <v>40</v>
      </c>
      <c r="Q559" s="5" t="s">
        <v>1522</v>
      </c>
      <c r="R559" s="5" t="s">
        <v>1523</v>
      </c>
      <c r="S559" s="5" t="s">
        <v>42</v>
      </c>
      <c r="T559" s="2">
        <v>2.6949999999999998</v>
      </c>
      <c r="U559" s="2">
        <v>2.1440000000000001</v>
      </c>
      <c r="V559" s="2">
        <v>1.4999999999999999E-2</v>
      </c>
      <c r="W559" s="2">
        <v>118.9</v>
      </c>
      <c r="X559" s="2">
        <v>7.6</v>
      </c>
      <c r="Y559" s="2">
        <v>16.7</v>
      </c>
      <c r="Z559" s="5"/>
      <c r="AA559" s="5" t="s">
        <v>43</v>
      </c>
      <c r="AB559" s="5" t="s">
        <v>44</v>
      </c>
      <c r="AC559" s="2"/>
      <c r="AD559" s="1"/>
    </row>
    <row r="560" spans="1:30">
      <c r="A560" s="5" t="s">
        <v>83578</v>
      </c>
      <c r="B560" s="2" t="s">
        <v>85253</v>
      </c>
      <c r="C560" s="14" t="s">
        <v>85254</v>
      </c>
      <c r="D560" s="2" t="s">
        <v>85255</v>
      </c>
      <c r="E560" s="2" t="s">
        <v>16194</v>
      </c>
      <c r="F560" s="8">
        <v>263</v>
      </c>
      <c r="G560" s="5">
        <v>6</v>
      </c>
      <c r="H560" s="5" t="s">
        <v>1518</v>
      </c>
      <c r="I560" s="5" t="s">
        <v>1519</v>
      </c>
      <c r="J560" s="2" t="s">
        <v>1520</v>
      </c>
      <c r="K560" s="5" t="s">
        <v>1519</v>
      </c>
      <c r="L560" s="2" t="s">
        <v>1520</v>
      </c>
      <c r="M560" s="5" t="s">
        <v>1521</v>
      </c>
      <c r="N560" s="5" t="s">
        <v>38</v>
      </c>
      <c r="O560" s="5" t="s">
        <v>39</v>
      </c>
      <c r="P560" s="5" t="s">
        <v>40</v>
      </c>
      <c r="Q560" s="5" t="s">
        <v>1522</v>
      </c>
      <c r="R560" s="5" t="s">
        <v>1523</v>
      </c>
      <c r="S560" s="5" t="s">
        <v>42</v>
      </c>
      <c r="T560" s="2">
        <v>2.782</v>
      </c>
      <c r="U560" s="2">
        <v>2.2309999999999999</v>
      </c>
      <c r="V560" s="2">
        <v>1.4999999999999999E-2</v>
      </c>
      <c r="W560" s="2">
        <v>118.9</v>
      </c>
      <c r="X560" s="2">
        <v>7.6</v>
      </c>
      <c r="Y560" s="2">
        <v>16.7</v>
      </c>
      <c r="Z560" s="5"/>
      <c r="AA560" s="5" t="s">
        <v>43</v>
      </c>
      <c r="AB560" s="5" t="s">
        <v>44</v>
      </c>
      <c r="AC560" s="2"/>
      <c r="AD560" s="1"/>
    </row>
    <row r="561" spans="1:30">
      <c r="A561" s="5" t="s">
        <v>83578</v>
      </c>
      <c r="B561" s="2" t="s">
        <v>85256</v>
      </c>
      <c r="C561" s="14" t="s">
        <v>85257</v>
      </c>
      <c r="D561" s="2" t="s">
        <v>85258</v>
      </c>
      <c r="E561" s="2" t="s">
        <v>7449</v>
      </c>
      <c r="F561" s="8">
        <v>263</v>
      </c>
      <c r="G561" s="5">
        <v>6</v>
      </c>
      <c r="H561" s="5" t="s">
        <v>1518</v>
      </c>
      <c r="I561" s="5" t="s">
        <v>1519</v>
      </c>
      <c r="J561" s="2" t="s">
        <v>1520</v>
      </c>
      <c r="K561" s="5" t="s">
        <v>1519</v>
      </c>
      <c r="L561" s="2" t="s">
        <v>1520</v>
      </c>
      <c r="M561" s="5" t="s">
        <v>1521</v>
      </c>
      <c r="N561" s="5" t="s">
        <v>38</v>
      </c>
      <c r="O561" s="5" t="s">
        <v>39</v>
      </c>
      <c r="P561" s="5" t="s">
        <v>40</v>
      </c>
      <c r="Q561" s="5" t="s">
        <v>1522</v>
      </c>
      <c r="R561" s="5" t="s">
        <v>1523</v>
      </c>
      <c r="S561" s="5" t="s">
        <v>42</v>
      </c>
      <c r="T561" s="2">
        <v>2.6949999999999998</v>
      </c>
      <c r="U561" s="2">
        <v>2.1440000000000001</v>
      </c>
      <c r="V561" s="2">
        <v>1.4999999999999999E-2</v>
      </c>
      <c r="W561" s="2">
        <v>118.9</v>
      </c>
      <c r="X561" s="2">
        <v>7.6</v>
      </c>
      <c r="Y561" s="2">
        <v>16.7</v>
      </c>
      <c r="Z561" s="5"/>
      <c r="AA561" s="5" t="s">
        <v>43</v>
      </c>
      <c r="AB561" s="5" t="s">
        <v>44</v>
      </c>
      <c r="AC561" s="2"/>
      <c r="AD561" s="1"/>
    </row>
    <row r="562" spans="1:30">
      <c r="A562" s="5" t="s">
        <v>83578</v>
      </c>
      <c r="B562" s="2" t="s">
        <v>85259</v>
      </c>
      <c r="C562" s="14" t="s">
        <v>85260</v>
      </c>
      <c r="D562" s="2" t="s">
        <v>85261</v>
      </c>
      <c r="E562" s="2" t="s">
        <v>7581</v>
      </c>
      <c r="F562" s="8">
        <v>263</v>
      </c>
      <c r="G562" s="5">
        <v>6</v>
      </c>
      <c r="H562" s="5" t="s">
        <v>1518</v>
      </c>
      <c r="I562" s="5" t="s">
        <v>1519</v>
      </c>
      <c r="J562" s="2" t="s">
        <v>1520</v>
      </c>
      <c r="K562" s="5" t="s">
        <v>1519</v>
      </c>
      <c r="L562" s="2" t="s">
        <v>1520</v>
      </c>
      <c r="M562" s="5" t="s">
        <v>1521</v>
      </c>
      <c r="N562" s="5" t="s">
        <v>38</v>
      </c>
      <c r="O562" s="5" t="s">
        <v>39</v>
      </c>
      <c r="P562" s="5" t="s">
        <v>40</v>
      </c>
      <c r="Q562" s="5" t="s">
        <v>1522</v>
      </c>
      <c r="R562" s="5" t="s">
        <v>1523</v>
      </c>
      <c r="S562" s="5" t="s">
        <v>42</v>
      </c>
      <c r="T562" s="2">
        <v>2.782</v>
      </c>
      <c r="U562" s="2">
        <v>2.2309999999999999</v>
      </c>
      <c r="V562" s="2">
        <v>1.4999999999999999E-2</v>
      </c>
      <c r="W562" s="2">
        <v>118.9</v>
      </c>
      <c r="X562" s="2">
        <v>7.6</v>
      </c>
      <c r="Y562" s="2">
        <v>16.7</v>
      </c>
      <c r="Z562" s="5"/>
      <c r="AA562" s="5" t="s">
        <v>43</v>
      </c>
      <c r="AB562" s="5" t="s">
        <v>44</v>
      </c>
      <c r="AC562" s="2"/>
      <c r="AD562" s="1"/>
    </row>
    <row r="563" spans="1:30">
      <c r="A563" s="5" t="s">
        <v>83578</v>
      </c>
      <c r="B563" s="2" t="s">
        <v>85262</v>
      </c>
      <c r="C563" s="14" t="s">
        <v>85263</v>
      </c>
      <c r="D563" s="2" t="s">
        <v>85264</v>
      </c>
      <c r="E563" s="2" t="s">
        <v>7585</v>
      </c>
      <c r="F563" s="8">
        <v>263</v>
      </c>
      <c r="G563" s="5">
        <v>6</v>
      </c>
      <c r="H563" s="5" t="s">
        <v>1518</v>
      </c>
      <c r="I563" s="5" t="s">
        <v>1519</v>
      </c>
      <c r="J563" s="2" t="s">
        <v>1520</v>
      </c>
      <c r="K563" s="5" t="s">
        <v>1519</v>
      </c>
      <c r="L563" s="2" t="s">
        <v>1520</v>
      </c>
      <c r="M563" s="5" t="s">
        <v>1521</v>
      </c>
      <c r="N563" s="5" t="s">
        <v>38</v>
      </c>
      <c r="O563" s="5" t="s">
        <v>39</v>
      </c>
      <c r="P563" s="5" t="s">
        <v>40</v>
      </c>
      <c r="Q563" s="5" t="s">
        <v>1522</v>
      </c>
      <c r="R563" s="5" t="s">
        <v>1523</v>
      </c>
      <c r="S563" s="5" t="s">
        <v>42</v>
      </c>
      <c r="T563" s="2">
        <v>2.6779999999999999</v>
      </c>
      <c r="U563" s="2">
        <v>2.1269999999999998</v>
      </c>
      <c r="V563" s="2">
        <v>1.4999999999999999E-2</v>
      </c>
      <c r="W563" s="2">
        <v>118.9</v>
      </c>
      <c r="X563" s="2">
        <v>7.6</v>
      </c>
      <c r="Y563" s="2">
        <v>16.7</v>
      </c>
      <c r="Z563" s="5"/>
      <c r="AA563" s="5" t="s">
        <v>43</v>
      </c>
      <c r="AB563" s="5" t="s">
        <v>44</v>
      </c>
      <c r="AC563" s="2"/>
      <c r="AD563" s="1"/>
    </row>
    <row r="564" spans="1:30">
      <c r="A564" s="5" t="s">
        <v>83578</v>
      </c>
      <c r="B564" s="2" t="s">
        <v>85265</v>
      </c>
      <c r="C564" s="14" t="s">
        <v>85266</v>
      </c>
      <c r="D564" s="2" t="s">
        <v>85267</v>
      </c>
      <c r="E564" s="2" t="s">
        <v>7589</v>
      </c>
      <c r="F564" s="8">
        <v>263</v>
      </c>
      <c r="G564" s="5">
        <v>6</v>
      </c>
      <c r="H564" s="5" t="s">
        <v>1518</v>
      </c>
      <c r="I564" s="5" t="s">
        <v>1519</v>
      </c>
      <c r="J564" s="2" t="s">
        <v>1520</v>
      </c>
      <c r="K564" s="5" t="s">
        <v>1519</v>
      </c>
      <c r="L564" s="2" t="s">
        <v>1520</v>
      </c>
      <c r="M564" s="5" t="s">
        <v>1521</v>
      </c>
      <c r="N564" s="5" t="s">
        <v>38</v>
      </c>
      <c r="O564" s="5" t="s">
        <v>39</v>
      </c>
      <c r="P564" s="5" t="s">
        <v>40</v>
      </c>
      <c r="Q564" s="5" t="s">
        <v>1522</v>
      </c>
      <c r="R564" s="5" t="s">
        <v>1523</v>
      </c>
      <c r="S564" s="5" t="s">
        <v>42</v>
      </c>
      <c r="T564" s="2">
        <v>2.7650000000000001</v>
      </c>
      <c r="U564" s="2">
        <v>2.214</v>
      </c>
      <c r="V564" s="2">
        <v>1.4999999999999999E-2</v>
      </c>
      <c r="W564" s="2">
        <v>118.9</v>
      </c>
      <c r="X564" s="2">
        <v>7.6</v>
      </c>
      <c r="Y564" s="2">
        <v>16.7</v>
      </c>
      <c r="Z564" s="5"/>
      <c r="AA564" s="5" t="s">
        <v>43</v>
      </c>
      <c r="AB564" s="5" t="s">
        <v>44</v>
      </c>
      <c r="AC564" s="2"/>
      <c r="AD564" s="1"/>
    </row>
    <row r="565" spans="1:30">
      <c r="A565" s="5" t="s">
        <v>83578</v>
      </c>
      <c r="B565" s="2" t="s">
        <v>85268</v>
      </c>
      <c r="C565" s="14" t="s">
        <v>85269</v>
      </c>
      <c r="D565" s="2" t="s">
        <v>85270</v>
      </c>
      <c r="E565" s="2" t="s">
        <v>7593</v>
      </c>
      <c r="F565" s="8">
        <v>263</v>
      </c>
      <c r="G565" s="5">
        <v>6</v>
      </c>
      <c r="H565" s="5" t="s">
        <v>1518</v>
      </c>
      <c r="I565" s="5" t="s">
        <v>1519</v>
      </c>
      <c r="J565" s="2" t="s">
        <v>1520</v>
      </c>
      <c r="K565" s="5" t="s">
        <v>1519</v>
      </c>
      <c r="L565" s="2" t="s">
        <v>1520</v>
      </c>
      <c r="M565" s="5" t="s">
        <v>1521</v>
      </c>
      <c r="N565" s="5" t="s">
        <v>38</v>
      </c>
      <c r="O565" s="5" t="s">
        <v>39</v>
      </c>
      <c r="P565" s="5" t="s">
        <v>40</v>
      </c>
      <c r="Q565" s="5" t="s">
        <v>1522</v>
      </c>
      <c r="R565" s="5" t="s">
        <v>1523</v>
      </c>
      <c r="S565" s="5" t="s">
        <v>42</v>
      </c>
      <c r="T565" s="2">
        <v>2.6949999999999998</v>
      </c>
      <c r="U565" s="2">
        <v>2.1440000000000001</v>
      </c>
      <c r="V565" s="2">
        <v>1.4999999999999999E-2</v>
      </c>
      <c r="W565" s="2">
        <v>118.9</v>
      </c>
      <c r="X565" s="2">
        <v>7.6</v>
      </c>
      <c r="Y565" s="2">
        <v>16.7</v>
      </c>
      <c r="Z565" s="5"/>
      <c r="AA565" s="5" t="s">
        <v>43</v>
      </c>
      <c r="AB565" s="5" t="s">
        <v>44</v>
      </c>
      <c r="AC565" s="2"/>
      <c r="AD565" s="1"/>
    </row>
    <row r="566" spans="1:30">
      <c r="A566" s="5" t="s">
        <v>83578</v>
      </c>
      <c r="B566" s="2" t="s">
        <v>85271</v>
      </c>
      <c r="C566" s="14" t="s">
        <v>85272</v>
      </c>
      <c r="D566" s="2" t="s">
        <v>85273</v>
      </c>
      <c r="E566" s="2" t="s">
        <v>7597</v>
      </c>
      <c r="F566" s="8">
        <v>263</v>
      </c>
      <c r="G566" s="5">
        <v>6</v>
      </c>
      <c r="H566" s="5" t="s">
        <v>1518</v>
      </c>
      <c r="I566" s="5" t="s">
        <v>1519</v>
      </c>
      <c r="J566" s="2" t="s">
        <v>1520</v>
      </c>
      <c r="K566" s="5" t="s">
        <v>1519</v>
      </c>
      <c r="L566" s="2" t="s">
        <v>1520</v>
      </c>
      <c r="M566" s="5" t="s">
        <v>1521</v>
      </c>
      <c r="N566" s="5" t="s">
        <v>38</v>
      </c>
      <c r="O566" s="5" t="s">
        <v>39</v>
      </c>
      <c r="P566" s="5" t="s">
        <v>40</v>
      </c>
      <c r="Q566" s="5" t="s">
        <v>1522</v>
      </c>
      <c r="R566" s="5" t="s">
        <v>1523</v>
      </c>
      <c r="S566" s="5" t="s">
        <v>42</v>
      </c>
      <c r="T566" s="2">
        <v>2.782</v>
      </c>
      <c r="U566" s="2">
        <v>2.2309999999999999</v>
      </c>
      <c r="V566" s="2">
        <v>1.4999999999999999E-2</v>
      </c>
      <c r="W566" s="2">
        <v>118.9</v>
      </c>
      <c r="X566" s="2">
        <v>7.6</v>
      </c>
      <c r="Y566" s="2">
        <v>16.7</v>
      </c>
      <c r="Z566" s="5"/>
      <c r="AA566" s="5" t="s">
        <v>43</v>
      </c>
      <c r="AB566" s="5" t="s">
        <v>44</v>
      </c>
      <c r="AC566" s="2"/>
      <c r="AD566" s="1"/>
    </row>
    <row r="567" spans="1:30">
      <c r="A567" s="5" t="s">
        <v>83578</v>
      </c>
      <c r="B567" s="2" t="s">
        <v>85274</v>
      </c>
      <c r="C567" s="14" t="s">
        <v>85275</v>
      </c>
      <c r="D567" s="2" t="s">
        <v>85276</v>
      </c>
      <c r="E567" s="2" t="s">
        <v>16014</v>
      </c>
      <c r="F567" s="8">
        <v>263</v>
      </c>
      <c r="G567" s="5">
        <v>6</v>
      </c>
      <c r="H567" s="5" t="s">
        <v>1518</v>
      </c>
      <c r="I567" s="5" t="s">
        <v>1519</v>
      </c>
      <c r="J567" s="2" t="s">
        <v>1520</v>
      </c>
      <c r="K567" s="5" t="s">
        <v>1519</v>
      </c>
      <c r="L567" s="2" t="s">
        <v>1520</v>
      </c>
      <c r="M567" s="5" t="s">
        <v>1521</v>
      </c>
      <c r="N567" s="5" t="s">
        <v>38</v>
      </c>
      <c r="O567" s="5" t="s">
        <v>39</v>
      </c>
      <c r="P567" s="5" t="s">
        <v>40</v>
      </c>
      <c r="Q567" s="5" t="s">
        <v>1522</v>
      </c>
      <c r="R567" s="5" t="s">
        <v>1523</v>
      </c>
      <c r="S567" s="5" t="s">
        <v>42</v>
      </c>
      <c r="T567" s="2">
        <v>2.6949999999999998</v>
      </c>
      <c r="U567" s="2">
        <v>2.1440000000000001</v>
      </c>
      <c r="V567" s="2">
        <v>1.4999999999999999E-2</v>
      </c>
      <c r="W567" s="2">
        <v>118.9</v>
      </c>
      <c r="X567" s="2">
        <v>7.6</v>
      </c>
      <c r="Y567" s="2">
        <v>16.7</v>
      </c>
      <c r="Z567" s="5"/>
      <c r="AA567" s="5" t="s">
        <v>43</v>
      </c>
      <c r="AB567" s="5" t="s">
        <v>44</v>
      </c>
      <c r="AC567" s="2"/>
      <c r="AD567" s="1"/>
    </row>
    <row r="568" spans="1:30">
      <c r="A568" s="5" t="s">
        <v>83578</v>
      </c>
      <c r="B568" s="2" t="s">
        <v>85277</v>
      </c>
      <c r="C568" s="14" t="s">
        <v>85278</v>
      </c>
      <c r="D568" s="2" t="s">
        <v>85279</v>
      </c>
      <c r="E568" s="2" t="s">
        <v>16219</v>
      </c>
      <c r="F568" s="8">
        <v>263</v>
      </c>
      <c r="G568" s="5">
        <v>6</v>
      </c>
      <c r="H568" s="5" t="s">
        <v>1518</v>
      </c>
      <c r="I568" s="5" t="s">
        <v>1519</v>
      </c>
      <c r="J568" s="2" t="s">
        <v>1520</v>
      </c>
      <c r="K568" s="5" t="s">
        <v>1519</v>
      </c>
      <c r="L568" s="2" t="s">
        <v>1520</v>
      </c>
      <c r="M568" s="5" t="s">
        <v>1521</v>
      </c>
      <c r="N568" s="5" t="s">
        <v>38</v>
      </c>
      <c r="O568" s="5" t="s">
        <v>39</v>
      </c>
      <c r="P568" s="5" t="s">
        <v>40</v>
      </c>
      <c r="Q568" s="5" t="s">
        <v>1522</v>
      </c>
      <c r="R568" s="5" t="s">
        <v>1523</v>
      </c>
      <c r="S568" s="5" t="s">
        <v>42</v>
      </c>
      <c r="T568" s="2">
        <v>2.782</v>
      </c>
      <c r="U568" s="2">
        <v>2.2309999999999999</v>
      </c>
      <c r="V568" s="2">
        <v>1.4999999999999999E-2</v>
      </c>
      <c r="W568" s="2">
        <v>118.9</v>
      </c>
      <c r="X568" s="2">
        <v>7.6</v>
      </c>
      <c r="Y568" s="2">
        <v>16.7</v>
      </c>
      <c r="Z568" s="5"/>
      <c r="AA568" s="5" t="s">
        <v>43</v>
      </c>
      <c r="AB568" s="5" t="s">
        <v>44</v>
      </c>
      <c r="AC568" s="2"/>
      <c r="AD568" s="1"/>
    </row>
    <row r="569" spans="1:30">
      <c r="A569" s="5" t="s">
        <v>83578</v>
      </c>
      <c r="B569" s="2" t="s">
        <v>85280</v>
      </c>
      <c r="C569" s="14" t="s">
        <v>85281</v>
      </c>
      <c r="D569" s="2" t="s">
        <v>85282</v>
      </c>
      <c r="E569" s="2" t="s">
        <v>16018</v>
      </c>
      <c r="F569" s="8">
        <v>263</v>
      </c>
      <c r="G569" s="5">
        <v>6</v>
      </c>
      <c r="H569" s="5" t="s">
        <v>1518</v>
      </c>
      <c r="I569" s="5" t="s">
        <v>1519</v>
      </c>
      <c r="J569" s="2" t="s">
        <v>1520</v>
      </c>
      <c r="K569" s="5" t="s">
        <v>1519</v>
      </c>
      <c r="L569" s="2" t="s">
        <v>1520</v>
      </c>
      <c r="M569" s="5" t="s">
        <v>1521</v>
      </c>
      <c r="N569" s="5" t="s">
        <v>38</v>
      </c>
      <c r="O569" s="5" t="s">
        <v>39</v>
      </c>
      <c r="P569" s="5" t="s">
        <v>40</v>
      </c>
      <c r="Q569" s="5" t="s">
        <v>1522</v>
      </c>
      <c r="R569" s="5" t="s">
        <v>1523</v>
      </c>
      <c r="S569" s="5" t="s">
        <v>42</v>
      </c>
      <c r="T569" s="2">
        <v>2.6949999999999998</v>
      </c>
      <c r="U569" s="2">
        <v>2.1440000000000001</v>
      </c>
      <c r="V569" s="2">
        <v>1.4999999999999999E-2</v>
      </c>
      <c r="W569" s="2">
        <v>118.9</v>
      </c>
      <c r="X569" s="2">
        <v>7.6</v>
      </c>
      <c r="Y569" s="2">
        <v>16.7</v>
      </c>
      <c r="Z569" s="5"/>
      <c r="AA569" s="5" t="s">
        <v>43</v>
      </c>
      <c r="AB569" s="5" t="s">
        <v>44</v>
      </c>
      <c r="AC569" s="2"/>
      <c r="AD569" s="1"/>
    </row>
    <row r="570" spans="1:30">
      <c r="A570" s="5" t="s">
        <v>83578</v>
      </c>
      <c r="B570" s="2" t="s">
        <v>85283</v>
      </c>
      <c r="C570" s="14" t="s">
        <v>85284</v>
      </c>
      <c r="D570" s="2" t="s">
        <v>85285</v>
      </c>
      <c r="E570" s="2" t="s">
        <v>16022</v>
      </c>
      <c r="F570" s="8">
        <v>263</v>
      </c>
      <c r="G570" s="5">
        <v>6</v>
      </c>
      <c r="H570" s="5" t="s">
        <v>1518</v>
      </c>
      <c r="I570" s="5" t="s">
        <v>1519</v>
      </c>
      <c r="J570" s="2" t="s">
        <v>1520</v>
      </c>
      <c r="K570" s="5" t="s">
        <v>1519</v>
      </c>
      <c r="L570" s="2" t="s">
        <v>1520</v>
      </c>
      <c r="M570" s="5" t="s">
        <v>1521</v>
      </c>
      <c r="N570" s="5" t="s">
        <v>38</v>
      </c>
      <c r="O570" s="5" t="s">
        <v>39</v>
      </c>
      <c r="P570" s="5" t="s">
        <v>40</v>
      </c>
      <c r="Q570" s="5" t="s">
        <v>1522</v>
      </c>
      <c r="R570" s="5" t="s">
        <v>1523</v>
      </c>
      <c r="S570" s="5" t="s">
        <v>42</v>
      </c>
      <c r="T570" s="2">
        <v>2.782</v>
      </c>
      <c r="U570" s="2">
        <v>2.2309999999999999</v>
      </c>
      <c r="V570" s="2">
        <v>1.4999999999999999E-2</v>
      </c>
      <c r="W570" s="2">
        <v>118.9</v>
      </c>
      <c r="X570" s="2">
        <v>7.6</v>
      </c>
      <c r="Y570" s="2">
        <v>16.7</v>
      </c>
      <c r="Z570" s="5"/>
      <c r="AA570" s="5" t="s">
        <v>43</v>
      </c>
      <c r="AB570" s="5" t="s">
        <v>44</v>
      </c>
      <c r="AC570" s="2"/>
      <c r="AD570" s="1"/>
    </row>
    <row r="571" spans="1:30">
      <c r="A571" s="5" t="s">
        <v>83578</v>
      </c>
      <c r="B571" s="2" t="s">
        <v>85286</v>
      </c>
      <c r="C571" s="14" t="s">
        <v>85287</v>
      </c>
      <c r="D571" s="2" t="s">
        <v>85288</v>
      </c>
      <c r="E571" s="2" t="s">
        <v>7615</v>
      </c>
      <c r="F571" s="8">
        <v>263</v>
      </c>
      <c r="G571" s="5">
        <v>6</v>
      </c>
      <c r="H571" s="5" t="s">
        <v>1518</v>
      </c>
      <c r="I571" s="5" t="s">
        <v>1519</v>
      </c>
      <c r="J571" s="2" t="s">
        <v>1520</v>
      </c>
      <c r="K571" s="5" t="s">
        <v>1519</v>
      </c>
      <c r="L571" s="2" t="s">
        <v>1520</v>
      </c>
      <c r="M571" s="5" t="s">
        <v>1521</v>
      </c>
      <c r="N571" s="5" t="s">
        <v>38</v>
      </c>
      <c r="O571" s="5" t="s">
        <v>39</v>
      </c>
      <c r="P571" s="5" t="s">
        <v>40</v>
      </c>
      <c r="Q571" s="5" t="s">
        <v>1522</v>
      </c>
      <c r="R571" s="5" t="s">
        <v>1523</v>
      </c>
      <c r="S571" s="5" t="s">
        <v>42</v>
      </c>
      <c r="T571" s="2">
        <v>2.6779999999999999</v>
      </c>
      <c r="U571" s="2">
        <v>2.1269999999999998</v>
      </c>
      <c r="V571" s="2">
        <v>1.4999999999999999E-2</v>
      </c>
      <c r="W571" s="2">
        <v>118.9</v>
      </c>
      <c r="X571" s="2">
        <v>7.6</v>
      </c>
      <c r="Y571" s="2">
        <v>16.7</v>
      </c>
      <c r="Z571" s="5"/>
      <c r="AA571" s="5" t="s">
        <v>43</v>
      </c>
      <c r="AB571" s="5" t="s">
        <v>44</v>
      </c>
      <c r="AC571" s="2"/>
      <c r="AD571" s="1"/>
    </row>
    <row r="572" spans="1:30">
      <c r="A572" s="5" t="s">
        <v>83578</v>
      </c>
      <c r="B572" s="2" t="s">
        <v>85289</v>
      </c>
      <c r="C572" s="14" t="s">
        <v>85290</v>
      </c>
      <c r="D572" s="2" t="s">
        <v>85291</v>
      </c>
      <c r="E572" s="2" t="s">
        <v>7619</v>
      </c>
      <c r="F572" s="8">
        <v>263</v>
      </c>
      <c r="G572" s="5">
        <v>6</v>
      </c>
      <c r="H572" s="5" t="s">
        <v>1518</v>
      </c>
      <c r="I572" s="5" t="s">
        <v>1519</v>
      </c>
      <c r="J572" s="2" t="s">
        <v>1520</v>
      </c>
      <c r="K572" s="5" t="s">
        <v>1519</v>
      </c>
      <c r="L572" s="2" t="s">
        <v>1520</v>
      </c>
      <c r="M572" s="5" t="s">
        <v>1521</v>
      </c>
      <c r="N572" s="5" t="s">
        <v>38</v>
      </c>
      <c r="O572" s="5" t="s">
        <v>39</v>
      </c>
      <c r="P572" s="5" t="s">
        <v>40</v>
      </c>
      <c r="Q572" s="5" t="s">
        <v>1522</v>
      </c>
      <c r="R572" s="5" t="s">
        <v>1523</v>
      </c>
      <c r="S572" s="5" t="s">
        <v>42</v>
      </c>
      <c r="T572" s="2">
        <v>2.7650000000000001</v>
      </c>
      <c r="U572" s="2">
        <v>2.214</v>
      </c>
      <c r="V572" s="2">
        <v>1.4999999999999999E-2</v>
      </c>
      <c r="W572" s="2">
        <v>118.9</v>
      </c>
      <c r="X572" s="2">
        <v>7.6</v>
      </c>
      <c r="Y572" s="2">
        <v>16.7</v>
      </c>
      <c r="Z572" s="5"/>
      <c r="AA572" s="5" t="s">
        <v>43</v>
      </c>
      <c r="AB572" s="5" t="s">
        <v>44</v>
      </c>
      <c r="AC572" s="2"/>
      <c r="AD572" s="1"/>
    </row>
    <row r="573" spans="1:30">
      <c r="A573" s="5" t="s">
        <v>83578</v>
      </c>
      <c r="B573" s="2" t="s">
        <v>85292</v>
      </c>
      <c r="C573" s="14" t="s">
        <v>85293</v>
      </c>
      <c r="D573" s="2" t="s">
        <v>85294</v>
      </c>
      <c r="E573" s="2" t="s">
        <v>16235</v>
      </c>
      <c r="F573" s="8">
        <v>263</v>
      </c>
      <c r="G573" s="5">
        <v>6</v>
      </c>
      <c r="H573" s="5" t="s">
        <v>1518</v>
      </c>
      <c r="I573" s="5" t="s">
        <v>1519</v>
      </c>
      <c r="J573" s="2" t="s">
        <v>1520</v>
      </c>
      <c r="K573" s="5" t="s">
        <v>1519</v>
      </c>
      <c r="L573" s="2" t="s">
        <v>1520</v>
      </c>
      <c r="M573" s="5" t="s">
        <v>1521</v>
      </c>
      <c r="N573" s="5" t="s">
        <v>38</v>
      </c>
      <c r="O573" s="5" t="s">
        <v>39</v>
      </c>
      <c r="P573" s="5" t="s">
        <v>40</v>
      </c>
      <c r="Q573" s="5" t="s">
        <v>1522</v>
      </c>
      <c r="R573" s="5" t="s">
        <v>1523</v>
      </c>
      <c r="S573" s="5" t="s">
        <v>42</v>
      </c>
      <c r="T573" s="2">
        <v>2.7240000000000002</v>
      </c>
      <c r="U573" s="2">
        <v>2.173</v>
      </c>
      <c r="V573" s="2">
        <v>1.4999999999999999E-2</v>
      </c>
      <c r="W573" s="2">
        <v>118.9</v>
      </c>
      <c r="X573" s="2">
        <v>7.6</v>
      </c>
      <c r="Y573" s="2">
        <v>16.7</v>
      </c>
      <c r="Z573" s="5"/>
      <c r="AA573" s="5" t="s">
        <v>43</v>
      </c>
      <c r="AB573" s="5" t="s">
        <v>44</v>
      </c>
      <c r="AC573" s="2"/>
      <c r="AD573" s="1"/>
    </row>
    <row r="574" spans="1:30">
      <c r="A574" s="5" t="s">
        <v>83578</v>
      </c>
      <c r="B574" s="2" t="s">
        <v>85295</v>
      </c>
      <c r="C574" s="14" t="s">
        <v>85296</v>
      </c>
      <c r="D574" s="2" t="s">
        <v>85297</v>
      </c>
      <c r="E574" s="2" t="s">
        <v>7555</v>
      </c>
      <c r="F574" s="8">
        <v>247</v>
      </c>
      <c r="G574" s="5">
        <v>6</v>
      </c>
      <c r="H574" s="5" t="s">
        <v>1518</v>
      </c>
      <c r="I574" s="5" t="s">
        <v>1519</v>
      </c>
      <c r="J574" s="2" t="s">
        <v>1520</v>
      </c>
      <c r="K574" s="5" t="s">
        <v>1519</v>
      </c>
      <c r="L574" s="2" t="s">
        <v>1520</v>
      </c>
      <c r="M574" s="5" t="s">
        <v>1521</v>
      </c>
      <c r="N574" s="5" t="s">
        <v>38</v>
      </c>
      <c r="O574" s="5" t="s">
        <v>39</v>
      </c>
      <c r="P574" s="5" t="s">
        <v>40</v>
      </c>
      <c r="Q574" s="5" t="s">
        <v>1522</v>
      </c>
      <c r="R574" s="5" t="s">
        <v>1523</v>
      </c>
      <c r="S574" s="5" t="s">
        <v>42</v>
      </c>
      <c r="T574" s="2">
        <v>2.3050000000000002</v>
      </c>
      <c r="U574" s="2">
        <v>1.835</v>
      </c>
      <c r="V574" s="2">
        <v>1.0999999999999999E-2</v>
      </c>
      <c r="W574" s="2">
        <v>82.9</v>
      </c>
      <c r="X574" s="2">
        <v>7.6</v>
      </c>
      <c r="Y574" s="2">
        <v>16.7</v>
      </c>
      <c r="Z574" s="5"/>
      <c r="AA574" s="5" t="s">
        <v>43</v>
      </c>
      <c r="AB574" s="5" t="s">
        <v>44</v>
      </c>
      <c r="AC574" s="2"/>
      <c r="AD574" s="1"/>
    </row>
    <row r="575" spans="1:30">
      <c r="A575" s="5" t="s">
        <v>83578</v>
      </c>
      <c r="B575" s="2" t="s">
        <v>85298</v>
      </c>
      <c r="C575" s="14" t="s">
        <v>85299</v>
      </c>
      <c r="D575" s="2" t="s">
        <v>85300</v>
      </c>
      <c r="E575" s="2" t="s">
        <v>7593</v>
      </c>
      <c r="F575" s="8">
        <v>247</v>
      </c>
      <c r="G575" s="5">
        <v>6</v>
      </c>
      <c r="H575" s="5" t="s">
        <v>1518</v>
      </c>
      <c r="I575" s="5" t="s">
        <v>1519</v>
      </c>
      <c r="J575" s="2" t="s">
        <v>1520</v>
      </c>
      <c r="K575" s="5" t="s">
        <v>1519</v>
      </c>
      <c r="L575" s="2" t="s">
        <v>1520</v>
      </c>
      <c r="M575" s="5" t="s">
        <v>1521</v>
      </c>
      <c r="N575" s="5" t="s">
        <v>38</v>
      </c>
      <c r="O575" s="5" t="s">
        <v>39</v>
      </c>
      <c r="P575" s="5" t="s">
        <v>40</v>
      </c>
      <c r="Q575" s="5" t="s">
        <v>1522</v>
      </c>
      <c r="R575" s="5" t="s">
        <v>1523</v>
      </c>
      <c r="S575" s="5" t="s">
        <v>42</v>
      </c>
      <c r="T575" s="2">
        <v>2.3170000000000002</v>
      </c>
      <c r="U575" s="2">
        <v>1.847</v>
      </c>
      <c r="V575" s="2">
        <v>1.0999999999999999E-2</v>
      </c>
      <c r="W575" s="2">
        <v>82.9</v>
      </c>
      <c r="X575" s="2">
        <v>7.6</v>
      </c>
      <c r="Y575" s="2">
        <v>16.7</v>
      </c>
      <c r="Z575" s="5"/>
      <c r="AA575" s="5" t="s">
        <v>43</v>
      </c>
      <c r="AB575" s="5" t="s">
        <v>44</v>
      </c>
      <c r="AC575" s="2"/>
      <c r="AD575" s="1"/>
    </row>
    <row r="576" spans="1:30">
      <c r="A576" s="5" t="s">
        <v>83578</v>
      </c>
      <c r="B576" s="2" t="s">
        <v>85301</v>
      </c>
      <c r="C576" s="14" t="s">
        <v>85302</v>
      </c>
      <c r="D576" s="2" t="s">
        <v>85303</v>
      </c>
      <c r="E576" s="2" t="s">
        <v>16235</v>
      </c>
      <c r="F576" s="8">
        <v>247</v>
      </c>
      <c r="G576" s="5">
        <v>6</v>
      </c>
      <c r="H576" s="5" t="s">
        <v>1518</v>
      </c>
      <c r="I576" s="5" t="s">
        <v>1519</v>
      </c>
      <c r="J576" s="2" t="s">
        <v>1520</v>
      </c>
      <c r="K576" s="5" t="s">
        <v>1519</v>
      </c>
      <c r="L576" s="2" t="s">
        <v>1520</v>
      </c>
      <c r="M576" s="5" t="s">
        <v>1521</v>
      </c>
      <c r="N576" s="5" t="s">
        <v>38</v>
      </c>
      <c r="O576" s="5" t="s">
        <v>39</v>
      </c>
      <c r="P576" s="5" t="s">
        <v>40</v>
      </c>
      <c r="Q576" s="5" t="s">
        <v>1522</v>
      </c>
      <c r="R576" s="5" t="s">
        <v>1523</v>
      </c>
      <c r="S576" s="5" t="s">
        <v>42</v>
      </c>
      <c r="T576" s="2">
        <v>2.3370000000000002</v>
      </c>
      <c r="U576" s="2">
        <v>1.867</v>
      </c>
      <c r="V576" s="2">
        <v>1.0999999999999999E-2</v>
      </c>
      <c r="W576" s="2">
        <v>82.9</v>
      </c>
      <c r="X576" s="2">
        <v>7.6</v>
      </c>
      <c r="Y576" s="2">
        <v>16.7</v>
      </c>
      <c r="Z576" s="5"/>
      <c r="AA576" s="5" t="s">
        <v>43</v>
      </c>
      <c r="AB576" s="5" t="s">
        <v>44</v>
      </c>
      <c r="AC576" s="2"/>
      <c r="AD576" s="1"/>
    </row>
    <row r="577" spans="1:30">
      <c r="A577" s="5" t="s">
        <v>83578</v>
      </c>
      <c r="B577" s="2" t="s">
        <v>85304</v>
      </c>
      <c r="C577" s="14" t="s">
        <v>85305</v>
      </c>
      <c r="D577" s="2" t="s">
        <v>85306</v>
      </c>
      <c r="E577" s="2" t="s">
        <v>7559</v>
      </c>
      <c r="F577" s="8">
        <v>259</v>
      </c>
      <c r="G577" s="5">
        <v>6</v>
      </c>
      <c r="H577" s="5" t="s">
        <v>1518</v>
      </c>
      <c r="I577" s="5" t="s">
        <v>1519</v>
      </c>
      <c r="J577" s="2" t="s">
        <v>1520</v>
      </c>
      <c r="K577" s="5" t="s">
        <v>1519</v>
      </c>
      <c r="L577" s="2" t="s">
        <v>1520</v>
      </c>
      <c r="M577" s="5" t="s">
        <v>1521</v>
      </c>
      <c r="N577" s="5" t="s">
        <v>38</v>
      </c>
      <c r="O577" s="5" t="s">
        <v>39</v>
      </c>
      <c r="P577" s="5" t="s">
        <v>40</v>
      </c>
      <c r="Q577" s="5" t="s">
        <v>1522</v>
      </c>
      <c r="R577" s="5" t="s">
        <v>1523</v>
      </c>
      <c r="S577" s="5" t="s">
        <v>42</v>
      </c>
      <c r="T577" s="2">
        <v>2.6280000000000001</v>
      </c>
      <c r="U577" s="2">
        <v>2.0710000000000002</v>
      </c>
      <c r="V577" s="2">
        <v>1.4999999999999999E-2</v>
      </c>
      <c r="W577" s="2">
        <v>118.9</v>
      </c>
      <c r="X577" s="2">
        <v>7.6</v>
      </c>
      <c r="Y577" s="2">
        <v>16.7</v>
      </c>
      <c r="Z577" s="5"/>
      <c r="AA577" s="5" t="s">
        <v>43</v>
      </c>
      <c r="AB577" s="5" t="s">
        <v>44</v>
      </c>
      <c r="AC577" s="2"/>
      <c r="AD577" s="1"/>
    </row>
    <row r="578" spans="1:30">
      <c r="A578" s="5" t="s">
        <v>83578</v>
      </c>
      <c r="B578" s="2" t="s">
        <v>85307</v>
      </c>
      <c r="C578" s="14" t="s">
        <v>85308</v>
      </c>
      <c r="D578" s="2" t="s">
        <v>85309</v>
      </c>
      <c r="E578" s="2" t="s">
        <v>16079</v>
      </c>
      <c r="F578" s="8">
        <v>259</v>
      </c>
      <c r="G578" s="5">
        <v>6</v>
      </c>
      <c r="H578" s="5" t="s">
        <v>1518</v>
      </c>
      <c r="I578" s="5" t="s">
        <v>1519</v>
      </c>
      <c r="J578" s="2" t="s">
        <v>1520</v>
      </c>
      <c r="K578" s="5" t="s">
        <v>1519</v>
      </c>
      <c r="L578" s="2" t="s">
        <v>1520</v>
      </c>
      <c r="M578" s="5" t="s">
        <v>1521</v>
      </c>
      <c r="N578" s="5" t="s">
        <v>38</v>
      </c>
      <c r="O578" s="5" t="s">
        <v>39</v>
      </c>
      <c r="P578" s="5" t="s">
        <v>40</v>
      </c>
      <c r="Q578" s="5" t="s">
        <v>1522</v>
      </c>
      <c r="R578" s="5" t="s">
        <v>1523</v>
      </c>
      <c r="S578" s="5" t="s">
        <v>42</v>
      </c>
      <c r="T578" s="2">
        <v>2.5659999999999998</v>
      </c>
      <c r="U578" s="2">
        <v>2.0089999999999999</v>
      </c>
      <c r="V578" s="2">
        <v>1.4999999999999999E-2</v>
      </c>
      <c r="W578" s="2">
        <v>118.9</v>
      </c>
      <c r="X578" s="2">
        <v>7.6</v>
      </c>
      <c r="Y578" s="2">
        <v>16.7</v>
      </c>
      <c r="Z578" s="5"/>
      <c r="AA578" s="5" t="s">
        <v>43</v>
      </c>
      <c r="AB578" s="5" t="s">
        <v>44</v>
      </c>
      <c r="AC578" s="2"/>
      <c r="AD578" s="1"/>
    </row>
    <row r="579" spans="1:30">
      <c r="A579" s="5" t="s">
        <v>83578</v>
      </c>
      <c r="B579" s="2" t="s">
        <v>85310</v>
      </c>
      <c r="C579" s="14" t="s">
        <v>85311</v>
      </c>
      <c r="D579" s="2" t="s">
        <v>85312</v>
      </c>
      <c r="E579" s="2" t="s">
        <v>16194</v>
      </c>
      <c r="F579" s="8">
        <v>259</v>
      </c>
      <c r="G579" s="5">
        <v>6</v>
      </c>
      <c r="H579" s="5" t="s">
        <v>1518</v>
      </c>
      <c r="I579" s="5" t="s">
        <v>1519</v>
      </c>
      <c r="J579" s="2" t="s">
        <v>1520</v>
      </c>
      <c r="K579" s="5" t="s">
        <v>1519</v>
      </c>
      <c r="L579" s="2" t="s">
        <v>1520</v>
      </c>
      <c r="M579" s="5" t="s">
        <v>1521</v>
      </c>
      <c r="N579" s="5" t="s">
        <v>38</v>
      </c>
      <c r="O579" s="5" t="s">
        <v>39</v>
      </c>
      <c r="P579" s="5" t="s">
        <v>40</v>
      </c>
      <c r="Q579" s="5" t="s">
        <v>1522</v>
      </c>
      <c r="R579" s="5" t="s">
        <v>1523</v>
      </c>
      <c r="S579" s="5" t="s">
        <v>42</v>
      </c>
      <c r="T579" s="2">
        <v>2.6429999999999998</v>
      </c>
      <c r="U579" s="2">
        <v>2.0859999999999999</v>
      </c>
      <c r="V579" s="2">
        <v>1.4999999999999999E-2</v>
      </c>
      <c r="W579" s="2">
        <v>118.9</v>
      </c>
      <c r="X579" s="2">
        <v>7.6</v>
      </c>
      <c r="Y579" s="2">
        <v>16.7</v>
      </c>
      <c r="Z579" s="5"/>
      <c r="AA579" s="5" t="s">
        <v>43</v>
      </c>
      <c r="AB579" s="5" t="s">
        <v>44</v>
      </c>
      <c r="AC579" s="2"/>
      <c r="AD579" s="1"/>
    </row>
    <row r="580" spans="1:30">
      <c r="A580" s="5" t="s">
        <v>83578</v>
      </c>
      <c r="B580" s="2" t="s">
        <v>85313</v>
      </c>
      <c r="C580" s="14" t="s">
        <v>85314</v>
      </c>
      <c r="D580" s="2" t="s">
        <v>85315</v>
      </c>
      <c r="E580" s="2" t="s">
        <v>7559</v>
      </c>
      <c r="F580" s="8">
        <v>263</v>
      </c>
      <c r="G580" s="5">
        <v>6</v>
      </c>
      <c r="H580" s="5" t="s">
        <v>1518</v>
      </c>
      <c r="I580" s="5" t="s">
        <v>1519</v>
      </c>
      <c r="J580" s="2" t="s">
        <v>1520</v>
      </c>
      <c r="K580" s="5" t="s">
        <v>1519</v>
      </c>
      <c r="L580" s="2" t="s">
        <v>1520</v>
      </c>
      <c r="M580" s="5" t="s">
        <v>1521</v>
      </c>
      <c r="N580" s="5" t="s">
        <v>38</v>
      </c>
      <c r="O580" s="5" t="s">
        <v>39</v>
      </c>
      <c r="P580" s="5" t="s">
        <v>40</v>
      </c>
      <c r="Q580" s="5" t="s">
        <v>1522</v>
      </c>
      <c r="R580" s="5" t="s">
        <v>1523</v>
      </c>
      <c r="S580" s="5" t="s">
        <v>42</v>
      </c>
      <c r="T580" s="2">
        <v>2.8879999999999999</v>
      </c>
      <c r="U580" s="2">
        <v>2.2570000000000001</v>
      </c>
      <c r="V580" s="2">
        <v>1.7999999999999999E-2</v>
      </c>
      <c r="W580" s="2">
        <v>139.1</v>
      </c>
      <c r="X580" s="2">
        <v>7.6</v>
      </c>
      <c r="Y580" s="2">
        <v>16.7</v>
      </c>
      <c r="Z580" s="5"/>
      <c r="AA580" s="5" t="s">
        <v>43</v>
      </c>
      <c r="AB580" s="5" t="s">
        <v>44</v>
      </c>
      <c r="AC580" s="2"/>
      <c r="AD580" s="1"/>
    </row>
    <row r="581" spans="1:30">
      <c r="A581" s="5" t="s">
        <v>83578</v>
      </c>
      <c r="B581" s="2" t="s">
        <v>85316</v>
      </c>
      <c r="C581" s="14" t="s">
        <v>85317</v>
      </c>
      <c r="D581" s="2" t="s">
        <v>85318</v>
      </c>
      <c r="E581" s="2" t="s">
        <v>16235</v>
      </c>
      <c r="F581" s="8">
        <v>263</v>
      </c>
      <c r="G581" s="5">
        <v>6</v>
      </c>
      <c r="H581" s="5" t="s">
        <v>1518</v>
      </c>
      <c r="I581" s="5" t="s">
        <v>1519</v>
      </c>
      <c r="J581" s="2" t="s">
        <v>1520</v>
      </c>
      <c r="K581" s="5" t="s">
        <v>1519</v>
      </c>
      <c r="L581" s="2" t="s">
        <v>1520</v>
      </c>
      <c r="M581" s="5" t="s">
        <v>1521</v>
      </c>
      <c r="N581" s="5" t="s">
        <v>38</v>
      </c>
      <c r="O581" s="5" t="s">
        <v>39</v>
      </c>
      <c r="P581" s="5" t="s">
        <v>40</v>
      </c>
      <c r="Q581" s="5" t="s">
        <v>1522</v>
      </c>
      <c r="R581" s="5" t="s">
        <v>1523</v>
      </c>
      <c r="S581" s="5" t="s">
        <v>42</v>
      </c>
      <c r="T581" s="2">
        <v>2.847</v>
      </c>
      <c r="U581" s="2">
        <v>2.2160000000000002</v>
      </c>
      <c r="V581" s="2">
        <v>1.7999999999999999E-2</v>
      </c>
      <c r="W581" s="2">
        <v>139.1</v>
      </c>
      <c r="X581" s="2">
        <v>7.6</v>
      </c>
      <c r="Y581" s="2">
        <v>16.7</v>
      </c>
      <c r="Z581" s="5"/>
      <c r="AA581" s="5" t="s">
        <v>43</v>
      </c>
      <c r="AB581" s="5" t="s">
        <v>44</v>
      </c>
      <c r="AC581" s="2"/>
      <c r="AD581" s="1"/>
    </row>
    <row r="582" spans="1:30">
      <c r="A582" s="5" t="s">
        <v>83578</v>
      </c>
      <c r="B582" s="2" t="s">
        <v>85319</v>
      </c>
      <c r="C582" s="14" t="s">
        <v>85320</v>
      </c>
      <c r="D582" s="2" t="s">
        <v>85321</v>
      </c>
      <c r="E582" s="2" t="s">
        <v>7551</v>
      </c>
      <c r="F582" s="8">
        <v>253</v>
      </c>
      <c r="G582" s="5">
        <v>6</v>
      </c>
      <c r="H582" s="5" t="s">
        <v>1518</v>
      </c>
      <c r="I582" s="5" t="s">
        <v>1519</v>
      </c>
      <c r="J582" s="2" t="s">
        <v>1520</v>
      </c>
      <c r="K582" s="5" t="s">
        <v>1519</v>
      </c>
      <c r="L582" s="2" t="s">
        <v>1520</v>
      </c>
      <c r="M582" s="5" t="s">
        <v>1521</v>
      </c>
      <c r="N582" s="5" t="s">
        <v>38</v>
      </c>
      <c r="O582" s="5" t="s">
        <v>39</v>
      </c>
      <c r="P582" s="5" t="s">
        <v>40</v>
      </c>
      <c r="Q582" s="5" t="s">
        <v>1522</v>
      </c>
      <c r="R582" s="5" t="s">
        <v>1523</v>
      </c>
      <c r="S582" s="5" t="s">
        <v>42</v>
      </c>
      <c r="T582" s="2">
        <v>2.5920000000000001</v>
      </c>
      <c r="U582" s="2">
        <v>2.0459999999999998</v>
      </c>
      <c r="V582" s="2">
        <v>1.2999999999999999E-2</v>
      </c>
      <c r="W582" s="2">
        <v>99.1</v>
      </c>
      <c r="X582" s="2">
        <v>7.6</v>
      </c>
      <c r="Y582" s="2">
        <v>16.7</v>
      </c>
      <c r="Z582" s="5"/>
      <c r="AA582" s="5" t="s">
        <v>43</v>
      </c>
      <c r="AB582" s="5" t="s">
        <v>44</v>
      </c>
      <c r="AC582" s="2"/>
      <c r="AD582" s="1"/>
    </row>
    <row r="583" spans="1:30">
      <c r="A583" s="5" t="s">
        <v>83578</v>
      </c>
      <c r="B583" s="2" t="s">
        <v>85322</v>
      </c>
      <c r="C583" s="14" t="s">
        <v>85323</v>
      </c>
      <c r="D583" s="2" t="s">
        <v>85324</v>
      </c>
      <c r="E583" s="2" t="s">
        <v>16194</v>
      </c>
      <c r="F583" s="8">
        <v>253</v>
      </c>
      <c r="G583" s="5">
        <v>6</v>
      </c>
      <c r="H583" s="5" t="s">
        <v>1518</v>
      </c>
      <c r="I583" s="5" t="s">
        <v>1519</v>
      </c>
      <c r="J583" s="2" t="s">
        <v>1520</v>
      </c>
      <c r="K583" s="5" t="s">
        <v>1519</v>
      </c>
      <c r="L583" s="2" t="s">
        <v>1520</v>
      </c>
      <c r="M583" s="5" t="s">
        <v>1521</v>
      </c>
      <c r="N583" s="5" t="s">
        <v>38</v>
      </c>
      <c r="O583" s="5" t="s">
        <v>39</v>
      </c>
      <c r="P583" s="5" t="s">
        <v>40</v>
      </c>
      <c r="Q583" s="5" t="s">
        <v>1522</v>
      </c>
      <c r="R583" s="5" t="s">
        <v>1523</v>
      </c>
      <c r="S583" s="5" t="s">
        <v>42</v>
      </c>
      <c r="T583" s="2">
        <v>2.6070000000000002</v>
      </c>
      <c r="U583" s="2">
        <v>2.0609999999999999</v>
      </c>
      <c r="V583" s="2">
        <v>1.2999999999999999E-2</v>
      </c>
      <c r="W583" s="2">
        <v>99.1</v>
      </c>
      <c r="X583" s="2">
        <v>7.6</v>
      </c>
      <c r="Y583" s="2">
        <v>16.7</v>
      </c>
      <c r="Z583" s="5"/>
      <c r="AA583" s="5" t="s">
        <v>43</v>
      </c>
      <c r="AB583" s="5" t="s">
        <v>44</v>
      </c>
      <c r="AC583" s="2"/>
      <c r="AD583" s="1"/>
    </row>
    <row r="584" spans="1:30">
      <c r="A584" s="5" t="s">
        <v>83578</v>
      </c>
      <c r="B584" s="2" t="s">
        <v>85325</v>
      </c>
      <c r="C584" s="14" t="s">
        <v>85326</v>
      </c>
      <c r="D584" s="2" t="s">
        <v>85327</v>
      </c>
      <c r="E584" s="2" t="s">
        <v>7593</v>
      </c>
      <c r="F584" s="8">
        <v>253</v>
      </c>
      <c r="G584" s="5">
        <v>6</v>
      </c>
      <c r="H584" s="5" t="s">
        <v>1518</v>
      </c>
      <c r="I584" s="5" t="s">
        <v>1519</v>
      </c>
      <c r="J584" s="2" t="s">
        <v>1520</v>
      </c>
      <c r="K584" s="5" t="s">
        <v>1519</v>
      </c>
      <c r="L584" s="2" t="s">
        <v>1520</v>
      </c>
      <c r="M584" s="5" t="s">
        <v>1521</v>
      </c>
      <c r="N584" s="5" t="s">
        <v>38</v>
      </c>
      <c r="O584" s="5" t="s">
        <v>39</v>
      </c>
      <c r="P584" s="5" t="s">
        <v>40</v>
      </c>
      <c r="Q584" s="5" t="s">
        <v>1522</v>
      </c>
      <c r="R584" s="5" t="s">
        <v>1523</v>
      </c>
      <c r="S584" s="5" t="s">
        <v>42</v>
      </c>
      <c r="T584" s="2">
        <v>2.54</v>
      </c>
      <c r="U584" s="2">
        <v>1.994</v>
      </c>
      <c r="V584" s="2">
        <v>1.2999999999999999E-2</v>
      </c>
      <c r="W584" s="2">
        <v>99.1</v>
      </c>
      <c r="X584" s="2">
        <v>7.6</v>
      </c>
      <c r="Y584" s="2">
        <v>16.7</v>
      </c>
      <c r="Z584" s="5"/>
      <c r="AA584" s="5" t="s">
        <v>43</v>
      </c>
      <c r="AB584" s="5" t="s">
        <v>44</v>
      </c>
      <c r="AC584" s="2"/>
      <c r="AD584" s="1"/>
    </row>
    <row r="585" spans="1:30">
      <c r="A585" s="5" t="s">
        <v>83578</v>
      </c>
      <c r="B585" s="2" t="s">
        <v>85328</v>
      </c>
      <c r="C585" s="14" t="s">
        <v>85329</v>
      </c>
      <c r="D585" s="2" t="s">
        <v>85330</v>
      </c>
      <c r="E585" s="2" t="s">
        <v>7597</v>
      </c>
      <c r="F585" s="8">
        <v>253</v>
      </c>
      <c r="G585" s="5">
        <v>6</v>
      </c>
      <c r="H585" s="5" t="s">
        <v>1518</v>
      </c>
      <c r="I585" s="5" t="s">
        <v>1519</v>
      </c>
      <c r="J585" s="2" t="s">
        <v>1520</v>
      </c>
      <c r="K585" s="5" t="s">
        <v>1519</v>
      </c>
      <c r="L585" s="2" t="s">
        <v>1520</v>
      </c>
      <c r="M585" s="5" t="s">
        <v>1521</v>
      </c>
      <c r="N585" s="5" t="s">
        <v>38</v>
      </c>
      <c r="O585" s="5" t="s">
        <v>39</v>
      </c>
      <c r="P585" s="5" t="s">
        <v>40</v>
      </c>
      <c r="Q585" s="5" t="s">
        <v>1522</v>
      </c>
      <c r="R585" s="5" t="s">
        <v>1523</v>
      </c>
      <c r="S585" s="5" t="s">
        <v>42</v>
      </c>
      <c r="T585" s="2">
        <v>2.6070000000000002</v>
      </c>
      <c r="U585" s="2">
        <v>2.0609999999999999</v>
      </c>
      <c r="V585" s="2">
        <v>1.2999999999999999E-2</v>
      </c>
      <c r="W585" s="2">
        <v>99.1</v>
      </c>
      <c r="X585" s="2">
        <v>7.6</v>
      </c>
      <c r="Y585" s="2">
        <v>16.7</v>
      </c>
      <c r="Z585" s="5"/>
      <c r="AA585" s="5" t="s">
        <v>43</v>
      </c>
      <c r="AB585" s="5" t="s">
        <v>44</v>
      </c>
      <c r="AC585" s="2"/>
      <c r="AD585" s="1"/>
    </row>
    <row r="586" spans="1:30">
      <c r="A586" s="5" t="s">
        <v>83578</v>
      </c>
      <c r="B586" s="2" t="s">
        <v>85331</v>
      </c>
      <c r="C586" s="14" t="s">
        <v>85332</v>
      </c>
      <c r="D586" s="2" t="s">
        <v>85333</v>
      </c>
      <c r="E586" s="2" t="s">
        <v>7551</v>
      </c>
      <c r="F586" s="8">
        <v>263</v>
      </c>
      <c r="G586" s="5">
        <v>6</v>
      </c>
      <c r="H586" s="5" t="s">
        <v>1518</v>
      </c>
      <c r="I586" s="5" t="s">
        <v>1519</v>
      </c>
      <c r="J586" s="2" t="s">
        <v>1520</v>
      </c>
      <c r="K586" s="5" t="s">
        <v>1519</v>
      </c>
      <c r="L586" s="2" t="s">
        <v>1520</v>
      </c>
      <c r="M586" s="5" t="s">
        <v>1521</v>
      </c>
      <c r="N586" s="5" t="s">
        <v>38</v>
      </c>
      <c r="O586" s="5" t="s">
        <v>39</v>
      </c>
      <c r="P586" s="5" t="s">
        <v>40</v>
      </c>
      <c r="Q586" s="5" t="s">
        <v>1522</v>
      </c>
      <c r="R586" s="5" t="s">
        <v>1523</v>
      </c>
      <c r="S586" s="5" t="s">
        <v>42</v>
      </c>
      <c r="T586" s="2">
        <v>2.758</v>
      </c>
      <c r="U586" s="2">
        <v>2.2210000000000001</v>
      </c>
      <c r="V586" s="2">
        <v>1.2999999999999999E-2</v>
      </c>
      <c r="W586" s="2">
        <v>99.1</v>
      </c>
      <c r="X586" s="2">
        <v>7.6</v>
      </c>
      <c r="Y586" s="2">
        <v>16.7</v>
      </c>
      <c r="Z586" s="5"/>
      <c r="AA586" s="5" t="s">
        <v>43</v>
      </c>
      <c r="AB586" s="5" t="s">
        <v>44</v>
      </c>
      <c r="AC586" s="2"/>
      <c r="AD586" s="1"/>
    </row>
    <row r="587" spans="1:30">
      <c r="A587" s="5" t="s">
        <v>83578</v>
      </c>
      <c r="B587" s="2" t="s">
        <v>85334</v>
      </c>
      <c r="C587" s="14" t="s">
        <v>85335</v>
      </c>
      <c r="D587" s="2" t="s">
        <v>85336</v>
      </c>
      <c r="E587" s="2" t="s">
        <v>7567</v>
      </c>
      <c r="F587" s="8">
        <v>263</v>
      </c>
      <c r="G587" s="5">
        <v>6</v>
      </c>
      <c r="H587" s="5" t="s">
        <v>1518</v>
      </c>
      <c r="I587" s="5" t="s">
        <v>1519</v>
      </c>
      <c r="J587" s="2" t="s">
        <v>1520</v>
      </c>
      <c r="K587" s="5" t="s">
        <v>1519</v>
      </c>
      <c r="L587" s="2" t="s">
        <v>1520</v>
      </c>
      <c r="M587" s="5" t="s">
        <v>1521</v>
      </c>
      <c r="N587" s="5" t="s">
        <v>38</v>
      </c>
      <c r="O587" s="5" t="s">
        <v>39</v>
      </c>
      <c r="P587" s="5" t="s">
        <v>40</v>
      </c>
      <c r="Q587" s="5" t="s">
        <v>1522</v>
      </c>
      <c r="R587" s="5" t="s">
        <v>1523</v>
      </c>
      <c r="S587" s="5" t="s">
        <v>42</v>
      </c>
      <c r="T587" s="2">
        <v>2.7770000000000001</v>
      </c>
      <c r="U587" s="2">
        <v>2.2400000000000002</v>
      </c>
      <c r="V587" s="2">
        <v>1.2999999999999999E-2</v>
      </c>
      <c r="W587" s="2">
        <v>99.1</v>
      </c>
      <c r="X587" s="2">
        <v>7.6</v>
      </c>
      <c r="Y587" s="2">
        <v>16.7</v>
      </c>
      <c r="Z587" s="5"/>
      <c r="AA587" s="5" t="s">
        <v>43</v>
      </c>
      <c r="AB587" s="5" t="s">
        <v>44</v>
      </c>
      <c r="AC587" s="2"/>
      <c r="AD587" s="1"/>
    </row>
    <row r="588" spans="1:30">
      <c r="A588" s="5" t="s">
        <v>83578</v>
      </c>
      <c r="B588" s="2" t="s">
        <v>85337</v>
      </c>
      <c r="C588" s="14" t="s">
        <v>85338</v>
      </c>
      <c r="D588" s="2" t="s">
        <v>85339</v>
      </c>
      <c r="E588" s="2" t="s">
        <v>16194</v>
      </c>
      <c r="F588" s="8">
        <v>263</v>
      </c>
      <c r="G588" s="5">
        <v>6</v>
      </c>
      <c r="H588" s="5" t="s">
        <v>1518</v>
      </c>
      <c r="I588" s="5" t="s">
        <v>1519</v>
      </c>
      <c r="J588" s="2" t="s">
        <v>1520</v>
      </c>
      <c r="K588" s="5" t="s">
        <v>1519</v>
      </c>
      <c r="L588" s="2" t="s">
        <v>1520</v>
      </c>
      <c r="M588" s="5" t="s">
        <v>1521</v>
      </c>
      <c r="N588" s="5" t="s">
        <v>38</v>
      </c>
      <c r="O588" s="5" t="s">
        <v>39</v>
      </c>
      <c r="P588" s="5" t="s">
        <v>40</v>
      </c>
      <c r="Q588" s="5" t="s">
        <v>1522</v>
      </c>
      <c r="R588" s="5" t="s">
        <v>1523</v>
      </c>
      <c r="S588" s="5" t="s">
        <v>42</v>
      </c>
      <c r="T588" s="2">
        <v>2.7770000000000001</v>
      </c>
      <c r="U588" s="2">
        <v>2.2400000000000002</v>
      </c>
      <c r="V588" s="2">
        <v>1.2999999999999999E-2</v>
      </c>
      <c r="W588" s="2">
        <v>99.1</v>
      </c>
      <c r="X588" s="2">
        <v>7.6</v>
      </c>
      <c r="Y588" s="2">
        <v>16.7</v>
      </c>
      <c r="Z588" s="5"/>
      <c r="AA588" s="5" t="s">
        <v>43</v>
      </c>
      <c r="AB588" s="5" t="s">
        <v>44</v>
      </c>
      <c r="AC588" s="2"/>
      <c r="AD588" s="1"/>
    </row>
    <row r="589" spans="1:30">
      <c r="A589" s="5" t="s">
        <v>83578</v>
      </c>
      <c r="B589" s="2" t="s">
        <v>85340</v>
      </c>
      <c r="C589" s="14" t="s">
        <v>85341</v>
      </c>
      <c r="D589" s="2" t="s">
        <v>85342</v>
      </c>
      <c r="E589" s="2" t="s">
        <v>7589</v>
      </c>
      <c r="F589" s="8">
        <v>263</v>
      </c>
      <c r="G589" s="5">
        <v>6</v>
      </c>
      <c r="H589" s="5" t="s">
        <v>1518</v>
      </c>
      <c r="I589" s="5" t="s">
        <v>1519</v>
      </c>
      <c r="J589" s="2" t="s">
        <v>1520</v>
      </c>
      <c r="K589" s="5" t="s">
        <v>1519</v>
      </c>
      <c r="L589" s="2" t="s">
        <v>1520</v>
      </c>
      <c r="M589" s="5" t="s">
        <v>1521</v>
      </c>
      <c r="N589" s="5" t="s">
        <v>38</v>
      </c>
      <c r="O589" s="5" t="s">
        <v>39</v>
      </c>
      <c r="P589" s="5" t="s">
        <v>40</v>
      </c>
      <c r="Q589" s="5" t="s">
        <v>1522</v>
      </c>
      <c r="R589" s="5" t="s">
        <v>1523</v>
      </c>
      <c r="S589" s="5" t="s">
        <v>42</v>
      </c>
      <c r="T589" s="2">
        <v>2.758</v>
      </c>
      <c r="U589" s="2">
        <v>2.2210000000000001</v>
      </c>
      <c r="V589" s="2">
        <v>1.2999999999999999E-2</v>
      </c>
      <c r="W589" s="2">
        <v>99.1</v>
      </c>
      <c r="X589" s="2">
        <v>7.6</v>
      </c>
      <c r="Y589" s="2">
        <v>16.7</v>
      </c>
      <c r="Z589" s="5"/>
      <c r="AA589" s="5" t="s">
        <v>43</v>
      </c>
      <c r="AB589" s="5" t="s">
        <v>44</v>
      </c>
      <c r="AC589" s="2"/>
      <c r="AD589" s="1"/>
    </row>
    <row r="590" spans="1:30">
      <c r="A590" s="5" t="s">
        <v>83578</v>
      </c>
      <c r="B590" s="2" t="s">
        <v>85343</v>
      </c>
      <c r="C590" s="14" t="s">
        <v>85344</v>
      </c>
      <c r="D590" s="2" t="s">
        <v>85345</v>
      </c>
      <c r="E590" s="2" t="s">
        <v>16235</v>
      </c>
      <c r="F590" s="8">
        <v>263</v>
      </c>
      <c r="G590" s="5">
        <v>6</v>
      </c>
      <c r="H590" s="5" t="s">
        <v>1518</v>
      </c>
      <c r="I590" s="5" t="s">
        <v>1519</v>
      </c>
      <c r="J590" s="2" t="s">
        <v>1520</v>
      </c>
      <c r="K590" s="5" t="s">
        <v>1519</v>
      </c>
      <c r="L590" s="2" t="s">
        <v>1520</v>
      </c>
      <c r="M590" s="5" t="s">
        <v>1521</v>
      </c>
      <c r="N590" s="5" t="s">
        <v>38</v>
      </c>
      <c r="O590" s="5" t="s">
        <v>39</v>
      </c>
      <c r="P590" s="5" t="s">
        <v>40</v>
      </c>
      <c r="Q590" s="5" t="s">
        <v>1522</v>
      </c>
      <c r="R590" s="5" t="s">
        <v>1523</v>
      </c>
      <c r="S590" s="5" t="s">
        <v>42</v>
      </c>
      <c r="T590" s="2">
        <v>2.7280000000000002</v>
      </c>
      <c r="U590" s="2">
        <v>2.1909999999999998</v>
      </c>
      <c r="V590" s="2">
        <v>1.2999999999999999E-2</v>
      </c>
      <c r="W590" s="2">
        <v>99.1</v>
      </c>
      <c r="X590" s="2">
        <v>7.6</v>
      </c>
      <c r="Y590" s="2">
        <v>16.7</v>
      </c>
      <c r="Z590" s="5"/>
      <c r="AA590" s="5" t="s">
        <v>43</v>
      </c>
      <c r="AB590" s="5" t="s">
        <v>44</v>
      </c>
      <c r="AC590" s="2"/>
      <c r="AD590" s="1"/>
    </row>
    <row r="591" spans="1:30">
      <c r="A591" s="5" t="s">
        <v>83578</v>
      </c>
      <c r="B591" s="2" t="s">
        <v>85346</v>
      </c>
      <c r="C591" s="14" t="s">
        <v>85347</v>
      </c>
      <c r="D591" s="2" t="s">
        <v>85348</v>
      </c>
      <c r="E591" s="2" t="s">
        <v>7559</v>
      </c>
      <c r="F591" s="8">
        <v>267</v>
      </c>
      <c r="G591" s="5">
        <v>6</v>
      </c>
      <c r="H591" s="5" t="s">
        <v>1518</v>
      </c>
      <c r="I591" s="5" t="s">
        <v>1519</v>
      </c>
      <c r="J591" s="2" t="s">
        <v>1520</v>
      </c>
      <c r="K591" s="5" t="s">
        <v>1519</v>
      </c>
      <c r="L591" s="2" t="s">
        <v>1520</v>
      </c>
      <c r="M591" s="5" t="s">
        <v>1521</v>
      </c>
      <c r="N591" s="5" t="s">
        <v>38</v>
      </c>
      <c r="O591" s="5" t="s">
        <v>39</v>
      </c>
      <c r="P591" s="5" t="s">
        <v>40</v>
      </c>
      <c r="Q591" s="5" t="s">
        <v>1522</v>
      </c>
      <c r="R591" s="5" t="s">
        <v>1523</v>
      </c>
      <c r="S591" s="5" t="s">
        <v>42</v>
      </c>
      <c r="T591" s="2">
        <v>2.9390000000000001</v>
      </c>
      <c r="U591" s="2">
        <v>2.4020000000000001</v>
      </c>
      <c r="V591" s="2">
        <v>1.4999999999999999E-2</v>
      </c>
      <c r="W591" s="2">
        <v>118.9</v>
      </c>
      <c r="X591" s="2">
        <v>7.6</v>
      </c>
      <c r="Y591" s="2">
        <v>16.7</v>
      </c>
      <c r="Z591" s="5"/>
      <c r="AA591" s="5" t="s">
        <v>43</v>
      </c>
      <c r="AB591" s="5" t="s">
        <v>44</v>
      </c>
      <c r="AC591" s="2"/>
      <c r="AD591" s="1"/>
    </row>
    <row r="592" spans="1:30">
      <c r="A592" s="5" t="s">
        <v>83578</v>
      </c>
      <c r="B592" s="2" t="s">
        <v>85349</v>
      </c>
      <c r="C592" s="14" t="s">
        <v>85350</v>
      </c>
      <c r="D592" s="2" t="s">
        <v>85351</v>
      </c>
      <c r="E592" s="2" t="s">
        <v>7585</v>
      </c>
      <c r="F592" s="8">
        <v>267</v>
      </c>
      <c r="G592" s="5">
        <v>6</v>
      </c>
      <c r="H592" s="5" t="s">
        <v>1518</v>
      </c>
      <c r="I592" s="5" t="s">
        <v>1519</v>
      </c>
      <c r="J592" s="2" t="s">
        <v>1520</v>
      </c>
      <c r="K592" s="5" t="s">
        <v>1519</v>
      </c>
      <c r="L592" s="2" t="s">
        <v>1520</v>
      </c>
      <c r="M592" s="5" t="s">
        <v>1521</v>
      </c>
      <c r="N592" s="5" t="s">
        <v>38</v>
      </c>
      <c r="O592" s="5" t="s">
        <v>39</v>
      </c>
      <c r="P592" s="5" t="s">
        <v>40</v>
      </c>
      <c r="Q592" s="5" t="s">
        <v>1522</v>
      </c>
      <c r="R592" s="5" t="s">
        <v>1523</v>
      </c>
      <c r="S592" s="5" t="s">
        <v>42</v>
      </c>
      <c r="T592" s="2">
        <v>2.847</v>
      </c>
      <c r="U592" s="2">
        <v>2.31</v>
      </c>
      <c r="V592" s="2">
        <v>1.4999999999999999E-2</v>
      </c>
      <c r="W592" s="2">
        <v>118.9</v>
      </c>
      <c r="X592" s="2">
        <v>7.6</v>
      </c>
      <c r="Y592" s="2">
        <v>16.7</v>
      </c>
      <c r="Z592" s="5"/>
      <c r="AA592" s="5" t="s">
        <v>43</v>
      </c>
      <c r="AB592" s="5" t="s">
        <v>44</v>
      </c>
      <c r="AC592" s="2"/>
      <c r="AD592" s="1"/>
    </row>
    <row r="593" spans="1:30">
      <c r="A593" s="5" t="s">
        <v>83578</v>
      </c>
      <c r="B593" s="2" t="s">
        <v>85352</v>
      </c>
      <c r="C593" s="14" t="s">
        <v>85353</v>
      </c>
      <c r="D593" s="2" t="s">
        <v>85354</v>
      </c>
      <c r="E593" s="2" t="s">
        <v>7528</v>
      </c>
      <c r="F593" s="8">
        <v>256</v>
      </c>
      <c r="G593" s="5">
        <v>6</v>
      </c>
      <c r="H593" s="5" t="s">
        <v>1518</v>
      </c>
      <c r="I593" s="5" t="s">
        <v>1519</v>
      </c>
      <c r="J593" s="2" t="s">
        <v>1520</v>
      </c>
      <c r="K593" s="5" t="s">
        <v>1519</v>
      </c>
      <c r="L593" s="2" t="s">
        <v>1520</v>
      </c>
      <c r="M593" s="5" t="s">
        <v>1521</v>
      </c>
      <c r="N593" s="5" t="s">
        <v>38</v>
      </c>
      <c r="O593" s="5" t="s">
        <v>39</v>
      </c>
      <c r="P593" s="5" t="s">
        <v>40</v>
      </c>
      <c r="Q593" s="5" t="s">
        <v>1522</v>
      </c>
      <c r="R593" s="5" t="s">
        <v>1523</v>
      </c>
      <c r="S593" s="5" t="s">
        <v>42</v>
      </c>
      <c r="T593" s="2">
        <v>3.1930000000000001</v>
      </c>
      <c r="U593" s="2">
        <v>2.58</v>
      </c>
      <c r="V593" s="2">
        <v>1.7999999999999999E-2</v>
      </c>
      <c r="W593" s="2">
        <v>139.1</v>
      </c>
      <c r="X593" s="2">
        <v>7.6</v>
      </c>
      <c r="Y593" s="2">
        <v>16.7</v>
      </c>
      <c r="Z593" s="5"/>
      <c r="AA593" s="5" t="s">
        <v>43</v>
      </c>
      <c r="AB593" s="5" t="s">
        <v>44</v>
      </c>
      <c r="AC593" s="2"/>
      <c r="AD593" s="1"/>
    </row>
    <row r="594" spans="1:30">
      <c r="A594" s="5" t="s">
        <v>83578</v>
      </c>
      <c r="B594" s="2" t="s">
        <v>85355</v>
      </c>
      <c r="C594" s="14" t="s">
        <v>85356</v>
      </c>
      <c r="D594" s="2" t="s">
        <v>85357</v>
      </c>
      <c r="E594" s="2" t="s">
        <v>7535</v>
      </c>
      <c r="F594" s="8">
        <v>275</v>
      </c>
      <c r="G594" s="5">
        <v>6</v>
      </c>
      <c r="H594" s="5" t="s">
        <v>1518</v>
      </c>
      <c r="I594" s="5" t="s">
        <v>1519</v>
      </c>
      <c r="J594" s="2" t="s">
        <v>1520</v>
      </c>
      <c r="K594" s="5" t="s">
        <v>1519</v>
      </c>
      <c r="L594" s="2" t="s">
        <v>1520</v>
      </c>
      <c r="M594" s="5" t="s">
        <v>1521</v>
      </c>
      <c r="N594" s="5" t="s">
        <v>38</v>
      </c>
      <c r="O594" s="5" t="s">
        <v>39</v>
      </c>
      <c r="P594" s="5" t="s">
        <v>40</v>
      </c>
      <c r="Q594" s="5" t="s">
        <v>1522</v>
      </c>
      <c r="R594" s="5" t="s">
        <v>1523</v>
      </c>
      <c r="S594" s="5" t="s">
        <v>42</v>
      </c>
      <c r="T594" s="2">
        <v>3.1930000000000001</v>
      </c>
      <c r="U594" s="2">
        <v>2.58</v>
      </c>
      <c r="V594" s="2">
        <v>1.7999999999999999E-2</v>
      </c>
      <c r="W594" s="2">
        <v>139.1</v>
      </c>
      <c r="X594" s="2">
        <v>7.6</v>
      </c>
      <c r="Y594" s="2">
        <v>16.7</v>
      </c>
      <c r="Z594" s="5"/>
      <c r="AA594" s="5" t="s">
        <v>43</v>
      </c>
      <c r="AB594" s="5" t="s">
        <v>44</v>
      </c>
      <c r="AC594" s="2"/>
      <c r="AD594" s="1"/>
    </row>
    <row r="595" spans="1:30">
      <c r="A595" s="5" t="s">
        <v>83578</v>
      </c>
      <c r="B595" s="2" t="s">
        <v>85358</v>
      </c>
      <c r="C595" s="14" t="s">
        <v>85359</v>
      </c>
      <c r="D595" s="2" t="s">
        <v>85360</v>
      </c>
      <c r="E595" s="2" t="s">
        <v>7539</v>
      </c>
      <c r="F595" s="8">
        <v>275</v>
      </c>
      <c r="G595" s="5">
        <v>6</v>
      </c>
      <c r="H595" s="5" t="s">
        <v>1518</v>
      </c>
      <c r="I595" s="5" t="s">
        <v>1519</v>
      </c>
      <c r="J595" s="2" t="s">
        <v>1520</v>
      </c>
      <c r="K595" s="5" t="s">
        <v>1519</v>
      </c>
      <c r="L595" s="2" t="s">
        <v>1520</v>
      </c>
      <c r="M595" s="5" t="s">
        <v>1521</v>
      </c>
      <c r="N595" s="5" t="s">
        <v>38</v>
      </c>
      <c r="O595" s="5" t="s">
        <v>39</v>
      </c>
      <c r="P595" s="5" t="s">
        <v>40</v>
      </c>
      <c r="Q595" s="5" t="s">
        <v>1522</v>
      </c>
      <c r="R595" s="5" t="s">
        <v>1523</v>
      </c>
      <c r="S595" s="5" t="s">
        <v>42</v>
      </c>
      <c r="T595" s="2">
        <v>3.117</v>
      </c>
      <c r="U595" s="2">
        <v>2.504</v>
      </c>
      <c r="V595" s="2">
        <v>1.7999999999999999E-2</v>
      </c>
      <c r="W595" s="2">
        <v>139.1</v>
      </c>
      <c r="X595" s="2">
        <v>7.6</v>
      </c>
      <c r="Y595" s="2">
        <v>16.7</v>
      </c>
      <c r="Z595" s="5"/>
      <c r="AA595" s="5" t="s">
        <v>43</v>
      </c>
      <c r="AB595" s="5" t="s">
        <v>44</v>
      </c>
      <c r="AC595" s="2"/>
      <c r="AD595" s="1"/>
    </row>
    <row r="596" spans="1:30">
      <c r="A596" s="5" t="s">
        <v>83578</v>
      </c>
      <c r="B596" s="2" t="s">
        <v>85361</v>
      </c>
      <c r="C596" s="14" t="s">
        <v>85362</v>
      </c>
      <c r="D596" s="2" t="s">
        <v>85363</v>
      </c>
      <c r="E596" s="2" t="s">
        <v>7543</v>
      </c>
      <c r="F596" s="8">
        <v>275</v>
      </c>
      <c r="G596" s="5">
        <v>6</v>
      </c>
      <c r="H596" s="5" t="s">
        <v>1518</v>
      </c>
      <c r="I596" s="5" t="s">
        <v>1519</v>
      </c>
      <c r="J596" s="2" t="s">
        <v>1520</v>
      </c>
      <c r="K596" s="5" t="s">
        <v>1519</v>
      </c>
      <c r="L596" s="2" t="s">
        <v>1520</v>
      </c>
      <c r="M596" s="5" t="s">
        <v>1521</v>
      </c>
      <c r="N596" s="5" t="s">
        <v>38</v>
      </c>
      <c r="O596" s="5" t="s">
        <v>39</v>
      </c>
      <c r="P596" s="5" t="s">
        <v>40</v>
      </c>
      <c r="Q596" s="5" t="s">
        <v>1522</v>
      </c>
      <c r="R596" s="5" t="s">
        <v>1523</v>
      </c>
      <c r="S596" s="5" t="s">
        <v>42</v>
      </c>
      <c r="T596" s="2">
        <v>3.2189999999999999</v>
      </c>
      <c r="U596" s="2">
        <v>2.6059999999999999</v>
      </c>
      <c r="V596" s="2">
        <v>1.7999999999999999E-2</v>
      </c>
      <c r="W596" s="2">
        <v>139.1</v>
      </c>
      <c r="X596" s="2">
        <v>7.6</v>
      </c>
      <c r="Y596" s="2">
        <v>16.7</v>
      </c>
      <c r="Z596" s="5"/>
      <c r="AA596" s="5" t="s">
        <v>43</v>
      </c>
      <c r="AB596" s="5" t="s">
        <v>44</v>
      </c>
      <c r="AC596" s="2"/>
      <c r="AD596" s="1"/>
    </row>
    <row r="597" spans="1:30">
      <c r="A597" s="5" t="s">
        <v>83578</v>
      </c>
      <c r="B597" s="2" t="s">
        <v>85364</v>
      </c>
      <c r="C597" s="14" t="s">
        <v>85365</v>
      </c>
      <c r="D597" s="2" t="s">
        <v>85366</v>
      </c>
      <c r="E597" s="2" t="s">
        <v>7547</v>
      </c>
      <c r="F597" s="8">
        <v>275</v>
      </c>
      <c r="G597" s="5">
        <v>6</v>
      </c>
      <c r="H597" s="5" t="s">
        <v>1518</v>
      </c>
      <c r="I597" s="5" t="s">
        <v>1519</v>
      </c>
      <c r="J597" s="2" t="s">
        <v>1520</v>
      </c>
      <c r="K597" s="5" t="s">
        <v>1519</v>
      </c>
      <c r="L597" s="2" t="s">
        <v>1520</v>
      </c>
      <c r="M597" s="5" t="s">
        <v>1521</v>
      </c>
      <c r="N597" s="5" t="s">
        <v>38</v>
      </c>
      <c r="O597" s="5" t="s">
        <v>39</v>
      </c>
      <c r="P597" s="5" t="s">
        <v>40</v>
      </c>
      <c r="Q597" s="5" t="s">
        <v>1522</v>
      </c>
      <c r="R597" s="5" t="s">
        <v>1523</v>
      </c>
      <c r="S597" s="5" t="s">
        <v>42</v>
      </c>
      <c r="T597" s="2">
        <v>3.0910000000000002</v>
      </c>
      <c r="U597" s="2">
        <v>2.4780000000000002</v>
      </c>
      <c r="V597" s="2">
        <v>1.7999999999999999E-2</v>
      </c>
      <c r="W597" s="2">
        <v>139.1</v>
      </c>
      <c r="X597" s="2">
        <v>7.6</v>
      </c>
      <c r="Y597" s="2">
        <v>16.7</v>
      </c>
      <c r="Z597" s="5"/>
      <c r="AA597" s="5" t="s">
        <v>43</v>
      </c>
      <c r="AB597" s="5" t="s">
        <v>44</v>
      </c>
      <c r="AC597" s="2"/>
      <c r="AD597" s="1"/>
    </row>
    <row r="598" spans="1:30">
      <c r="A598" s="5" t="s">
        <v>83578</v>
      </c>
      <c r="B598" s="2" t="s">
        <v>85367</v>
      </c>
      <c r="C598" s="14" t="s">
        <v>85368</v>
      </c>
      <c r="D598" s="2" t="s">
        <v>85369</v>
      </c>
      <c r="E598" s="2" t="s">
        <v>7551</v>
      </c>
      <c r="F598" s="8">
        <v>275</v>
      </c>
      <c r="G598" s="5">
        <v>6</v>
      </c>
      <c r="H598" s="5" t="s">
        <v>1518</v>
      </c>
      <c r="I598" s="5" t="s">
        <v>1519</v>
      </c>
      <c r="J598" s="2" t="s">
        <v>1520</v>
      </c>
      <c r="K598" s="5" t="s">
        <v>1519</v>
      </c>
      <c r="L598" s="2" t="s">
        <v>1520</v>
      </c>
      <c r="M598" s="5" t="s">
        <v>1521</v>
      </c>
      <c r="N598" s="5" t="s">
        <v>38</v>
      </c>
      <c r="O598" s="5" t="s">
        <v>39</v>
      </c>
      <c r="P598" s="5" t="s">
        <v>40</v>
      </c>
      <c r="Q598" s="5" t="s">
        <v>1522</v>
      </c>
      <c r="R598" s="5" t="s">
        <v>1523</v>
      </c>
      <c r="S598" s="5" t="s">
        <v>42</v>
      </c>
      <c r="T598" s="2">
        <v>3.1930000000000001</v>
      </c>
      <c r="U598" s="2">
        <v>2.58</v>
      </c>
      <c r="V598" s="2">
        <v>1.7999999999999999E-2</v>
      </c>
      <c r="W598" s="2">
        <v>139.1</v>
      </c>
      <c r="X598" s="2">
        <v>7.6</v>
      </c>
      <c r="Y598" s="2">
        <v>16.7</v>
      </c>
      <c r="Z598" s="5"/>
      <c r="AA598" s="5" t="s">
        <v>43</v>
      </c>
      <c r="AB598" s="5" t="s">
        <v>44</v>
      </c>
      <c r="AC598" s="2"/>
      <c r="AD598" s="1"/>
    </row>
    <row r="599" spans="1:30">
      <c r="A599" s="5" t="s">
        <v>83578</v>
      </c>
      <c r="B599" s="2" t="s">
        <v>85370</v>
      </c>
      <c r="C599" s="14" t="s">
        <v>85371</v>
      </c>
      <c r="D599" s="2" t="s">
        <v>85372</v>
      </c>
      <c r="E599" s="2" t="s">
        <v>7559</v>
      </c>
      <c r="F599" s="8">
        <v>275</v>
      </c>
      <c r="G599" s="5">
        <v>6</v>
      </c>
      <c r="H599" s="5" t="s">
        <v>1518</v>
      </c>
      <c r="I599" s="5" t="s">
        <v>1519</v>
      </c>
      <c r="J599" s="2" t="s">
        <v>1520</v>
      </c>
      <c r="K599" s="5" t="s">
        <v>1519</v>
      </c>
      <c r="L599" s="2" t="s">
        <v>1520</v>
      </c>
      <c r="M599" s="5" t="s">
        <v>1521</v>
      </c>
      <c r="N599" s="5" t="s">
        <v>38</v>
      </c>
      <c r="O599" s="5" t="s">
        <v>39</v>
      </c>
      <c r="P599" s="5" t="s">
        <v>40</v>
      </c>
      <c r="Q599" s="5" t="s">
        <v>1522</v>
      </c>
      <c r="R599" s="5" t="s">
        <v>1523</v>
      </c>
      <c r="S599" s="5" t="s">
        <v>42</v>
      </c>
      <c r="T599" s="2">
        <v>3.1930000000000001</v>
      </c>
      <c r="U599" s="2">
        <v>2.58</v>
      </c>
      <c r="V599" s="2">
        <v>1.7999999999999999E-2</v>
      </c>
      <c r="W599" s="2">
        <v>139.1</v>
      </c>
      <c r="X599" s="2">
        <v>7.6</v>
      </c>
      <c r="Y599" s="2">
        <v>16.7</v>
      </c>
      <c r="Z599" s="5"/>
      <c r="AA599" s="5" t="s">
        <v>43</v>
      </c>
      <c r="AB599" s="5" t="s">
        <v>44</v>
      </c>
      <c r="AC599" s="2"/>
      <c r="AD599" s="1"/>
    </row>
    <row r="600" spans="1:30">
      <c r="A600" s="5" t="s">
        <v>83578</v>
      </c>
      <c r="B600" s="2" t="s">
        <v>85373</v>
      </c>
      <c r="C600" s="14" t="s">
        <v>85374</v>
      </c>
      <c r="D600" s="2" t="s">
        <v>85375</v>
      </c>
      <c r="E600" s="2" t="s">
        <v>7563</v>
      </c>
      <c r="F600" s="8">
        <v>275</v>
      </c>
      <c r="G600" s="5">
        <v>6</v>
      </c>
      <c r="H600" s="5" t="s">
        <v>1518</v>
      </c>
      <c r="I600" s="5" t="s">
        <v>1519</v>
      </c>
      <c r="J600" s="2" t="s">
        <v>1520</v>
      </c>
      <c r="K600" s="5" t="s">
        <v>1519</v>
      </c>
      <c r="L600" s="2" t="s">
        <v>1520</v>
      </c>
      <c r="M600" s="5" t="s">
        <v>1521</v>
      </c>
      <c r="N600" s="5" t="s">
        <v>38</v>
      </c>
      <c r="O600" s="5" t="s">
        <v>39</v>
      </c>
      <c r="P600" s="5" t="s">
        <v>40</v>
      </c>
      <c r="Q600" s="5" t="s">
        <v>1522</v>
      </c>
      <c r="R600" s="5" t="s">
        <v>1523</v>
      </c>
      <c r="S600" s="5" t="s">
        <v>42</v>
      </c>
      <c r="T600" s="2">
        <v>3.117</v>
      </c>
      <c r="U600" s="2">
        <v>2.504</v>
      </c>
      <c r="V600" s="2">
        <v>1.7999999999999999E-2</v>
      </c>
      <c r="W600" s="2">
        <v>139.1</v>
      </c>
      <c r="X600" s="2">
        <v>7.6</v>
      </c>
      <c r="Y600" s="2">
        <v>16.7</v>
      </c>
      <c r="Z600" s="5"/>
      <c r="AA600" s="5" t="s">
        <v>43</v>
      </c>
      <c r="AB600" s="5" t="s">
        <v>44</v>
      </c>
      <c r="AC600" s="2"/>
      <c r="AD600" s="1"/>
    </row>
    <row r="601" spans="1:30">
      <c r="A601" s="5" t="s">
        <v>83578</v>
      </c>
      <c r="B601" s="2" t="s">
        <v>85376</v>
      </c>
      <c r="C601" s="14" t="s">
        <v>85377</v>
      </c>
      <c r="D601" s="2" t="s">
        <v>85378</v>
      </c>
      <c r="E601" s="2" t="s">
        <v>7567</v>
      </c>
      <c r="F601" s="8">
        <v>275</v>
      </c>
      <c r="G601" s="5">
        <v>6</v>
      </c>
      <c r="H601" s="5" t="s">
        <v>1518</v>
      </c>
      <c r="I601" s="5" t="s">
        <v>1519</v>
      </c>
      <c r="J601" s="2" t="s">
        <v>1520</v>
      </c>
      <c r="K601" s="5" t="s">
        <v>1519</v>
      </c>
      <c r="L601" s="2" t="s">
        <v>1520</v>
      </c>
      <c r="M601" s="5" t="s">
        <v>1521</v>
      </c>
      <c r="N601" s="5" t="s">
        <v>38</v>
      </c>
      <c r="O601" s="5" t="s">
        <v>39</v>
      </c>
      <c r="P601" s="5" t="s">
        <v>40</v>
      </c>
      <c r="Q601" s="5" t="s">
        <v>1522</v>
      </c>
      <c r="R601" s="5" t="s">
        <v>1523</v>
      </c>
      <c r="S601" s="5" t="s">
        <v>42</v>
      </c>
      <c r="T601" s="2">
        <v>3.2189999999999999</v>
      </c>
      <c r="U601" s="2">
        <v>2.6059999999999999</v>
      </c>
      <c r="V601" s="2">
        <v>1.7999999999999999E-2</v>
      </c>
      <c r="W601" s="2">
        <v>139.1</v>
      </c>
      <c r="X601" s="2">
        <v>7.6</v>
      </c>
      <c r="Y601" s="2">
        <v>16.7</v>
      </c>
      <c r="Z601" s="5"/>
      <c r="AA601" s="5" t="s">
        <v>43</v>
      </c>
      <c r="AB601" s="5" t="s">
        <v>44</v>
      </c>
      <c r="AC601" s="2"/>
      <c r="AD601" s="1"/>
    </row>
    <row r="602" spans="1:30">
      <c r="A602" s="5" t="s">
        <v>83578</v>
      </c>
      <c r="B602" s="2" t="s">
        <v>85379</v>
      </c>
      <c r="C602" s="14" t="s">
        <v>85380</v>
      </c>
      <c r="D602" s="2" t="s">
        <v>85381</v>
      </c>
      <c r="E602" s="2" t="s">
        <v>16079</v>
      </c>
      <c r="F602" s="8">
        <v>275</v>
      </c>
      <c r="G602" s="5">
        <v>6</v>
      </c>
      <c r="H602" s="5" t="s">
        <v>1518</v>
      </c>
      <c r="I602" s="5" t="s">
        <v>1519</v>
      </c>
      <c r="J602" s="2" t="s">
        <v>1520</v>
      </c>
      <c r="K602" s="5" t="s">
        <v>1519</v>
      </c>
      <c r="L602" s="2" t="s">
        <v>1520</v>
      </c>
      <c r="M602" s="5" t="s">
        <v>1521</v>
      </c>
      <c r="N602" s="5" t="s">
        <v>38</v>
      </c>
      <c r="O602" s="5" t="s">
        <v>39</v>
      </c>
      <c r="P602" s="5" t="s">
        <v>40</v>
      </c>
      <c r="Q602" s="5" t="s">
        <v>1522</v>
      </c>
      <c r="R602" s="5" t="s">
        <v>1523</v>
      </c>
      <c r="S602" s="5" t="s">
        <v>42</v>
      </c>
      <c r="T602" s="2">
        <v>3.117</v>
      </c>
      <c r="U602" s="2">
        <v>2.504</v>
      </c>
      <c r="V602" s="2">
        <v>1.7999999999999999E-2</v>
      </c>
      <c r="W602" s="2">
        <v>139.1</v>
      </c>
      <c r="X602" s="2">
        <v>7.6</v>
      </c>
      <c r="Y602" s="2">
        <v>16.7</v>
      </c>
      <c r="Z602" s="5"/>
      <c r="AA602" s="5" t="s">
        <v>43</v>
      </c>
      <c r="AB602" s="5" t="s">
        <v>44</v>
      </c>
      <c r="AC602" s="2"/>
      <c r="AD602" s="1"/>
    </row>
    <row r="603" spans="1:30">
      <c r="A603" s="5" t="s">
        <v>83578</v>
      </c>
      <c r="B603" s="2" t="s">
        <v>85382</v>
      </c>
      <c r="C603" s="14" t="s">
        <v>85383</v>
      </c>
      <c r="D603" s="2" t="s">
        <v>85384</v>
      </c>
      <c r="E603" s="2" t="s">
        <v>16194</v>
      </c>
      <c r="F603" s="8">
        <v>275</v>
      </c>
      <c r="G603" s="5">
        <v>6</v>
      </c>
      <c r="H603" s="5" t="s">
        <v>1518</v>
      </c>
      <c r="I603" s="5" t="s">
        <v>1519</v>
      </c>
      <c r="J603" s="2" t="s">
        <v>1520</v>
      </c>
      <c r="K603" s="5" t="s">
        <v>1519</v>
      </c>
      <c r="L603" s="2" t="s">
        <v>1520</v>
      </c>
      <c r="M603" s="5" t="s">
        <v>1521</v>
      </c>
      <c r="N603" s="5" t="s">
        <v>38</v>
      </c>
      <c r="O603" s="5" t="s">
        <v>39</v>
      </c>
      <c r="P603" s="5" t="s">
        <v>40</v>
      </c>
      <c r="Q603" s="5" t="s">
        <v>1522</v>
      </c>
      <c r="R603" s="5" t="s">
        <v>1523</v>
      </c>
      <c r="S603" s="5" t="s">
        <v>42</v>
      </c>
      <c r="T603" s="2">
        <v>3.2189999999999999</v>
      </c>
      <c r="U603" s="2">
        <v>2.6059999999999999</v>
      </c>
      <c r="V603" s="2">
        <v>1.7999999999999999E-2</v>
      </c>
      <c r="W603" s="2">
        <v>139.1</v>
      </c>
      <c r="X603" s="2">
        <v>7.6</v>
      </c>
      <c r="Y603" s="2">
        <v>16.7</v>
      </c>
      <c r="Z603" s="5"/>
      <c r="AA603" s="5" t="s">
        <v>43</v>
      </c>
      <c r="AB603" s="5" t="s">
        <v>44</v>
      </c>
      <c r="AC603" s="2"/>
      <c r="AD603" s="1"/>
    </row>
    <row r="604" spans="1:30">
      <c r="A604" s="5" t="s">
        <v>83578</v>
      </c>
      <c r="B604" s="2" t="s">
        <v>85385</v>
      </c>
      <c r="C604" s="14" t="s">
        <v>85386</v>
      </c>
      <c r="D604" s="2" t="s">
        <v>85387</v>
      </c>
      <c r="E604" s="2" t="s">
        <v>7449</v>
      </c>
      <c r="F604" s="8">
        <v>275</v>
      </c>
      <c r="G604" s="5">
        <v>6</v>
      </c>
      <c r="H604" s="5" t="s">
        <v>1518</v>
      </c>
      <c r="I604" s="5" t="s">
        <v>1519</v>
      </c>
      <c r="J604" s="2" t="s">
        <v>1520</v>
      </c>
      <c r="K604" s="5" t="s">
        <v>1519</v>
      </c>
      <c r="L604" s="2" t="s">
        <v>1520</v>
      </c>
      <c r="M604" s="5" t="s">
        <v>1521</v>
      </c>
      <c r="N604" s="5" t="s">
        <v>38</v>
      </c>
      <c r="O604" s="5" t="s">
        <v>39</v>
      </c>
      <c r="P604" s="5" t="s">
        <v>40</v>
      </c>
      <c r="Q604" s="5" t="s">
        <v>1522</v>
      </c>
      <c r="R604" s="5" t="s">
        <v>1523</v>
      </c>
      <c r="S604" s="5" t="s">
        <v>42</v>
      </c>
      <c r="T604" s="2">
        <v>3.117</v>
      </c>
      <c r="U604" s="2">
        <v>2.504</v>
      </c>
      <c r="V604" s="2">
        <v>1.7999999999999999E-2</v>
      </c>
      <c r="W604" s="2">
        <v>139.1</v>
      </c>
      <c r="X604" s="2">
        <v>7.6</v>
      </c>
      <c r="Y604" s="2">
        <v>16.7</v>
      </c>
      <c r="Z604" s="5"/>
      <c r="AA604" s="5" t="s">
        <v>43</v>
      </c>
      <c r="AB604" s="5" t="s">
        <v>44</v>
      </c>
      <c r="AC604" s="2"/>
      <c r="AD604" s="1"/>
    </row>
    <row r="605" spans="1:30">
      <c r="A605" s="5" t="s">
        <v>83578</v>
      </c>
      <c r="B605" s="2" t="s">
        <v>85388</v>
      </c>
      <c r="C605" s="14" t="s">
        <v>85389</v>
      </c>
      <c r="D605" s="2" t="s">
        <v>85390</v>
      </c>
      <c r="E605" s="2" t="s">
        <v>7581</v>
      </c>
      <c r="F605" s="8">
        <v>275</v>
      </c>
      <c r="G605" s="5">
        <v>6</v>
      </c>
      <c r="H605" s="5" t="s">
        <v>1518</v>
      </c>
      <c r="I605" s="5" t="s">
        <v>1519</v>
      </c>
      <c r="J605" s="2" t="s">
        <v>1520</v>
      </c>
      <c r="K605" s="5" t="s">
        <v>1519</v>
      </c>
      <c r="L605" s="2" t="s">
        <v>1520</v>
      </c>
      <c r="M605" s="5" t="s">
        <v>1521</v>
      </c>
      <c r="N605" s="5" t="s">
        <v>38</v>
      </c>
      <c r="O605" s="5" t="s">
        <v>39</v>
      </c>
      <c r="P605" s="5" t="s">
        <v>40</v>
      </c>
      <c r="Q605" s="5" t="s">
        <v>1522</v>
      </c>
      <c r="R605" s="5" t="s">
        <v>1523</v>
      </c>
      <c r="S605" s="5" t="s">
        <v>42</v>
      </c>
      <c r="T605" s="2">
        <v>3.2189999999999999</v>
      </c>
      <c r="U605" s="2">
        <v>2.6059999999999999</v>
      </c>
      <c r="V605" s="2">
        <v>1.7999999999999999E-2</v>
      </c>
      <c r="W605" s="2">
        <v>139.1</v>
      </c>
      <c r="X605" s="2">
        <v>7.6</v>
      </c>
      <c r="Y605" s="2">
        <v>16.7</v>
      </c>
      <c r="Z605" s="5"/>
      <c r="AA605" s="5" t="s">
        <v>43</v>
      </c>
      <c r="AB605" s="5" t="s">
        <v>44</v>
      </c>
      <c r="AC605" s="2"/>
      <c r="AD605" s="1"/>
    </row>
    <row r="606" spans="1:30">
      <c r="A606" s="5" t="s">
        <v>83578</v>
      </c>
      <c r="B606" s="2" t="s">
        <v>85391</v>
      </c>
      <c r="C606" s="14" t="s">
        <v>85392</v>
      </c>
      <c r="D606" s="2" t="s">
        <v>85393</v>
      </c>
      <c r="E606" s="2" t="s">
        <v>7589</v>
      </c>
      <c r="F606" s="8">
        <v>275</v>
      </c>
      <c r="G606" s="5">
        <v>6</v>
      </c>
      <c r="H606" s="5" t="s">
        <v>1518</v>
      </c>
      <c r="I606" s="5" t="s">
        <v>1519</v>
      </c>
      <c r="J606" s="2" t="s">
        <v>1520</v>
      </c>
      <c r="K606" s="5" t="s">
        <v>1519</v>
      </c>
      <c r="L606" s="2" t="s">
        <v>1520</v>
      </c>
      <c r="M606" s="5" t="s">
        <v>1521</v>
      </c>
      <c r="N606" s="5" t="s">
        <v>38</v>
      </c>
      <c r="O606" s="5" t="s">
        <v>39</v>
      </c>
      <c r="P606" s="5" t="s">
        <v>40</v>
      </c>
      <c r="Q606" s="5" t="s">
        <v>1522</v>
      </c>
      <c r="R606" s="5" t="s">
        <v>1523</v>
      </c>
      <c r="S606" s="5" t="s">
        <v>42</v>
      </c>
      <c r="T606" s="2">
        <v>3.1930000000000001</v>
      </c>
      <c r="U606" s="2">
        <v>2.58</v>
      </c>
      <c r="V606" s="2">
        <v>1.7999999999999999E-2</v>
      </c>
      <c r="W606" s="2">
        <v>139.1</v>
      </c>
      <c r="X606" s="2">
        <v>7.6</v>
      </c>
      <c r="Y606" s="2">
        <v>16.7</v>
      </c>
      <c r="Z606" s="5"/>
      <c r="AA606" s="5" t="s">
        <v>43</v>
      </c>
      <c r="AB606" s="5" t="s">
        <v>44</v>
      </c>
      <c r="AC606" s="2"/>
      <c r="AD606" s="1"/>
    </row>
    <row r="607" spans="1:30">
      <c r="A607" s="5" t="s">
        <v>83578</v>
      </c>
      <c r="B607" s="2" t="s">
        <v>85394</v>
      </c>
      <c r="C607" s="14" t="s">
        <v>85395</v>
      </c>
      <c r="D607" s="2" t="s">
        <v>85396</v>
      </c>
      <c r="E607" s="2" t="s">
        <v>7593</v>
      </c>
      <c r="F607" s="8">
        <v>275</v>
      </c>
      <c r="G607" s="5">
        <v>6</v>
      </c>
      <c r="H607" s="5" t="s">
        <v>1518</v>
      </c>
      <c r="I607" s="5" t="s">
        <v>1519</v>
      </c>
      <c r="J607" s="2" t="s">
        <v>1520</v>
      </c>
      <c r="K607" s="5" t="s">
        <v>1519</v>
      </c>
      <c r="L607" s="2" t="s">
        <v>1520</v>
      </c>
      <c r="M607" s="5" t="s">
        <v>1521</v>
      </c>
      <c r="N607" s="5" t="s">
        <v>38</v>
      </c>
      <c r="O607" s="5" t="s">
        <v>39</v>
      </c>
      <c r="P607" s="5" t="s">
        <v>40</v>
      </c>
      <c r="Q607" s="5" t="s">
        <v>1522</v>
      </c>
      <c r="R607" s="5" t="s">
        <v>1523</v>
      </c>
      <c r="S607" s="5" t="s">
        <v>42</v>
      </c>
      <c r="T607" s="2">
        <v>3.117</v>
      </c>
      <c r="U607" s="2">
        <v>2.504</v>
      </c>
      <c r="V607" s="2">
        <v>1.7999999999999999E-2</v>
      </c>
      <c r="W607" s="2">
        <v>139.1</v>
      </c>
      <c r="X607" s="2">
        <v>7.6</v>
      </c>
      <c r="Y607" s="2">
        <v>16.7</v>
      </c>
      <c r="Z607" s="5"/>
      <c r="AA607" s="5" t="s">
        <v>43</v>
      </c>
      <c r="AB607" s="5" t="s">
        <v>44</v>
      </c>
      <c r="AC607" s="2"/>
      <c r="AD607" s="1"/>
    </row>
    <row r="608" spans="1:30">
      <c r="A608" s="5" t="s">
        <v>83578</v>
      </c>
      <c r="B608" s="2" t="s">
        <v>85397</v>
      </c>
      <c r="C608" s="14" t="s">
        <v>85398</v>
      </c>
      <c r="D608" s="2" t="s">
        <v>85399</v>
      </c>
      <c r="E608" s="2" t="s">
        <v>7597</v>
      </c>
      <c r="F608" s="8">
        <v>275</v>
      </c>
      <c r="G608" s="5">
        <v>6</v>
      </c>
      <c r="H608" s="5" t="s">
        <v>1518</v>
      </c>
      <c r="I608" s="5" t="s">
        <v>1519</v>
      </c>
      <c r="J608" s="2" t="s">
        <v>1520</v>
      </c>
      <c r="K608" s="5" t="s">
        <v>1519</v>
      </c>
      <c r="L608" s="2" t="s">
        <v>1520</v>
      </c>
      <c r="M608" s="5" t="s">
        <v>1521</v>
      </c>
      <c r="N608" s="5" t="s">
        <v>38</v>
      </c>
      <c r="O608" s="5" t="s">
        <v>39</v>
      </c>
      <c r="P608" s="5" t="s">
        <v>40</v>
      </c>
      <c r="Q608" s="5" t="s">
        <v>1522</v>
      </c>
      <c r="R608" s="5" t="s">
        <v>1523</v>
      </c>
      <c r="S608" s="5" t="s">
        <v>42</v>
      </c>
      <c r="T608" s="2">
        <v>3.2189999999999999</v>
      </c>
      <c r="U608" s="2">
        <v>2.6059999999999999</v>
      </c>
      <c r="V608" s="2">
        <v>1.7999999999999999E-2</v>
      </c>
      <c r="W608" s="2">
        <v>139.1</v>
      </c>
      <c r="X608" s="2">
        <v>7.6</v>
      </c>
      <c r="Y608" s="2">
        <v>16.7</v>
      </c>
      <c r="Z608" s="5"/>
      <c r="AA608" s="5" t="s">
        <v>43</v>
      </c>
      <c r="AB608" s="5" t="s">
        <v>44</v>
      </c>
      <c r="AC608" s="2"/>
      <c r="AD608" s="1"/>
    </row>
    <row r="609" spans="1:30">
      <c r="A609" s="5" t="s">
        <v>83578</v>
      </c>
      <c r="B609" s="2" t="s">
        <v>85400</v>
      </c>
      <c r="C609" s="14" t="s">
        <v>85401</v>
      </c>
      <c r="D609" s="2" t="s">
        <v>85402</v>
      </c>
      <c r="E609" s="2" t="s">
        <v>16014</v>
      </c>
      <c r="F609" s="8">
        <v>275</v>
      </c>
      <c r="G609" s="5">
        <v>6</v>
      </c>
      <c r="H609" s="5" t="s">
        <v>1518</v>
      </c>
      <c r="I609" s="5" t="s">
        <v>1519</v>
      </c>
      <c r="J609" s="2" t="s">
        <v>1520</v>
      </c>
      <c r="K609" s="5" t="s">
        <v>1519</v>
      </c>
      <c r="L609" s="2" t="s">
        <v>1520</v>
      </c>
      <c r="M609" s="5" t="s">
        <v>1521</v>
      </c>
      <c r="N609" s="5" t="s">
        <v>38</v>
      </c>
      <c r="O609" s="5" t="s">
        <v>39</v>
      </c>
      <c r="P609" s="5" t="s">
        <v>40</v>
      </c>
      <c r="Q609" s="5" t="s">
        <v>1522</v>
      </c>
      <c r="R609" s="5" t="s">
        <v>1523</v>
      </c>
      <c r="S609" s="5" t="s">
        <v>42</v>
      </c>
      <c r="T609" s="2">
        <v>3.117</v>
      </c>
      <c r="U609" s="2">
        <v>2.504</v>
      </c>
      <c r="V609" s="2">
        <v>1.7999999999999999E-2</v>
      </c>
      <c r="W609" s="2">
        <v>139.1</v>
      </c>
      <c r="X609" s="2">
        <v>7.6</v>
      </c>
      <c r="Y609" s="2">
        <v>16.7</v>
      </c>
      <c r="Z609" s="5"/>
      <c r="AA609" s="5" t="s">
        <v>43</v>
      </c>
      <c r="AB609" s="5" t="s">
        <v>44</v>
      </c>
      <c r="AC609" s="2"/>
      <c r="AD609" s="1"/>
    </row>
    <row r="610" spans="1:30">
      <c r="A610" s="5" t="s">
        <v>83578</v>
      </c>
      <c r="B610" s="2" t="s">
        <v>85403</v>
      </c>
      <c r="C610" s="14" t="s">
        <v>85404</v>
      </c>
      <c r="D610" s="2" t="s">
        <v>85405</v>
      </c>
      <c r="E610" s="2" t="s">
        <v>16219</v>
      </c>
      <c r="F610" s="8">
        <v>275</v>
      </c>
      <c r="G610" s="5">
        <v>6</v>
      </c>
      <c r="H610" s="5" t="s">
        <v>1518</v>
      </c>
      <c r="I610" s="5" t="s">
        <v>1519</v>
      </c>
      <c r="J610" s="2" t="s">
        <v>1520</v>
      </c>
      <c r="K610" s="5" t="s">
        <v>1519</v>
      </c>
      <c r="L610" s="2" t="s">
        <v>1520</v>
      </c>
      <c r="M610" s="5" t="s">
        <v>1521</v>
      </c>
      <c r="N610" s="5" t="s">
        <v>38</v>
      </c>
      <c r="O610" s="5" t="s">
        <v>39</v>
      </c>
      <c r="P610" s="5" t="s">
        <v>40</v>
      </c>
      <c r="Q610" s="5" t="s">
        <v>1522</v>
      </c>
      <c r="R610" s="5" t="s">
        <v>1523</v>
      </c>
      <c r="S610" s="5" t="s">
        <v>42</v>
      </c>
      <c r="T610" s="2">
        <v>3.2189999999999999</v>
      </c>
      <c r="U610" s="2">
        <v>2.6059999999999999</v>
      </c>
      <c r="V610" s="2">
        <v>1.7999999999999999E-2</v>
      </c>
      <c r="W610" s="2">
        <v>139.1</v>
      </c>
      <c r="X610" s="2">
        <v>7.6</v>
      </c>
      <c r="Y610" s="2">
        <v>16.7</v>
      </c>
      <c r="Z610" s="5"/>
      <c r="AA610" s="5" t="s">
        <v>43</v>
      </c>
      <c r="AB610" s="5" t="s">
        <v>44</v>
      </c>
      <c r="AC610" s="2"/>
      <c r="AD610" s="1"/>
    </row>
    <row r="611" spans="1:30">
      <c r="A611" s="5" t="s">
        <v>83578</v>
      </c>
      <c r="B611" s="2" t="s">
        <v>85406</v>
      </c>
      <c r="C611" s="14" t="s">
        <v>85407</v>
      </c>
      <c r="D611" s="2" t="s">
        <v>85408</v>
      </c>
      <c r="E611" s="2" t="s">
        <v>16018</v>
      </c>
      <c r="F611" s="8">
        <v>275</v>
      </c>
      <c r="G611" s="5">
        <v>6</v>
      </c>
      <c r="H611" s="5" t="s">
        <v>1518</v>
      </c>
      <c r="I611" s="5" t="s">
        <v>1519</v>
      </c>
      <c r="J611" s="2" t="s">
        <v>1520</v>
      </c>
      <c r="K611" s="5" t="s">
        <v>1519</v>
      </c>
      <c r="L611" s="2" t="s">
        <v>1520</v>
      </c>
      <c r="M611" s="5" t="s">
        <v>1521</v>
      </c>
      <c r="N611" s="5" t="s">
        <v>38</v>
      </c>
      <c r="O611" s="5" t="s">
        <v>39</v>
      </c>
      <c r="P611" s="5" t="s">
        <v>40</v>
      </c>
      <c r="Q611" s="5" t="s">
        <v>1522</v>
      </c>
      <c r="R611" s="5" t="s">
        <v>1523</v>
      </c>
      <c r="S611" s="5" t="s">
        <v>42</v>
      </c>
      <c r="T611" s="2">
        <v>3.117</v>
      </c>
      <c r="U611" s="2">
        <v>2.504</v>
      </c>
      <c r="V611" s="2">
        <v>1.7999999999999999E-2</v>
      </c>
      <c r="W611" s="2">
        <v>139.1</v>
      </c>
      <c r="X611" s="2">
        <v>7.6</v>
      </c>
      <c r="Y611" s="2">
        <v>16.7</v>
      </c>
      <c r="Z611" s="5"/>
      <c r="AA611" s="5" t="s">
        <v>43</v>
      </c>
      <c r="AB611" s="5" t="s">
        <v>44</v>
      </c>
      <c r="AC611" s="2"/>
      <c r="AD611" s="1"/>
    </row>
    <row r="612" spans="1:30">
      <c r="A612" s="5" t="s">
        <v>83578</v>
      </c>
      <c r="B612" s="2" t="s">
        <v>85409</v>
      </c>
      <c r="C612" s="14" t="s">
        <v>85410</v>
      </c>
      <c r="D612" s="2" t="s">
        <v>85411</v>
      </c>
      <c r="E612" s="2" t="s">
        <v>16022</v>
      </c>
      <c r="F612" s="8">
        <v>275</v>
      </c>
      <c r="G612" s="5">
        <v>6</v>
      </c>
      <c r="H612" s="5" t="s">
        <v>1518</v>
      </c>
      <c r="I612" s="5" t="s">
        <v>1519</v>
      </c>
      <c r="J612" s="2" t="s">
        <v>1520</v>
      </c>
      <c r="K612" s="5" t="s">
        <v>1519</v>
      </c>
      <c r="L612" s="2" t="s">
        <v>1520</v>
      </c>
      <c r="M612" s="5" t="s">
        <v>1521</v>
      </c>
      <c r="N612" s="5" t="s">
        <v>38</v>
      </c>
      <c r="O612" s="5" t="s">
        <v>39</v>
      </c>
      <c r="P612" s="5" t="s">
        <v>40</v>
      </c>
      <c r="Q612" s="5" t="s">
        <v>1522</v>
      </c>
      <c r="R612" s="5" t="s">
        <v>1523</v>
      </c>
      <c r="S612" s="5" t="s">
        <v>42</v>
      </c>
      <c r="T612" s="2">
        <v>3.2189999999999999</v>
      </c>
      <c r="U612" s="2">
        <v>2.6059999999999999</v>
      </c>
      <c r="V612" s="2">
        <v>1.7999999999999999E-2</v>
      </c>
      <c r="W612" s="2">
        <v>139.1</v>
      </c>
      <c r="X612" s="2">
        <v>7.6</v>
      </c>
      <c r="Y612" s="2">
        <v>16.7</v>
      </c>
      <c r="Z612" s="5"/>
      <c r="AA612" s="5" t="s">
        <v>43</v>
      </c>
      <c r="AB612" s="5" t="s">
        <v>44</v>
      </c>
      <c r="AC612" s="2"/>
      <c r="AD612" s="1"/>
    </row>
    <row r="613" spans="1:30">
      <c r="A613" s="5" t="s">
        <v>83578</v>
      </c>
      <c r="B613" s="2" t="s">
        <v>85412</v>
      </c>
      <c r="C613" s="14" t="s">
        <v>85413</v>
      </c>
      <c r="D613" s="2" t="s">
        <v>85414</v>
      </c>
      <c r="E613" s="2" t="s">
        <v>7615</v>
      </c>
      <c r="F613" s="8">
        <v>275</v>
      </c>
      <c r="G613" s="5">
        <v>6</v>
      </c>
      <c r="H613" s="5" t="s">
        <v>1518</v>
      </c>
      <c r="I613" s="5" t="s">
        <v>1519</v>
      </c>
      <c r="J613" s="2" t="s">
        <v>1520</v>
      </c>
      <c r="K613" s="5" t="s">
        <v>1519</v>
      </c>
      <c r="L613" s="2" t="s">
        <v>1520</v>
      </c>
      <c r="M613" s="5" t="s">
        <v>1521</v>
      </c>
      <c r="N613" s="5" t="s">
        <v>38</v>
      </c>
      <c r="O613" s="5" t="s">
        <v>39</v>
      </c>
      <c r="P613" s="5" t="s">
        <v>40</v>
      </c>
      <c r="Q613" s="5" t="s">
        <v>1522</v>
      </c>
      <c r="R613" s="5" t="s">
        <v>1523</v>
      </c>
      <c r="S613" s="5" t="s">
        <v>42</v>
      </c>
      <c r="T613" s="2">
        <v>3.0910000000000002</v>
      </c>
      <c r="U613" s="2">
        <v>2.4780000000000002</v>
      </c>
      <c r="V613" s="2">
        <v>1.7999999999999999E-2</v>
      </c>
      <c r="W613" s="2">
        <v>139.1</v>
      </c>
      <c r="X613" s="2">
        <v>7.6</v>
      </c>
      <c r="Y613" s="2">
        <v>16.7</v>
      </c>
      <c r="Z613" s="5"/>
      <c r="AA613" s="5" t="s">
        <v>43</v>
      </c>
      <c r="AB613" s="5" t="s">
        <v>44</v>
      </c>
      <c r="AC613" s="2"/>
      <c r="AD613" s="1"/>
    </row>
    <row r="614" spans="1:30">
      <c r="A614" s="5" t="s">
        <v>83578</v>
      </c>
      <c r="B614" s="2" t="s">
        <v>85415</v>
      </c>
      <c r="C614" s="14" t="s">
        <v>85416</v>
      </c>
      <c r="D614" s="2" t="s">
        <v>85417</v>
      </c>
      <c r="E614" s="2" t="s">
        <v>7547</v>
      </c>
      <c r="F614" s="8">
        <v>275</v>
      </c>
      <c r="G614" s="5">
        <v>6</v>
      </c>
      <c r="H614" s="5" t="s">
        <v>1518</v>
      </c>
      <c r="I614" s="5" t="s">
        <v>1519</v>
      </c>
      <c r="J614" s="2" t="s">
        <v>1520</v>
      </c>
      <c r="K614" s="5" t="s">
        <v>1519</v>
      </c>
      <c r="L614" s="2" t="s">
        <v>1520</v>
      </c>
      <c r="M614" s="5" t="s">
        <v>1521</v>
      </c>
      <c r="N614" s="5" t="s">
        <v>38</v>
      </c>
      <c r="O614" s="5" t="s">
        <v>39</v>
      </c>
      <c r="P614" s="5" t="s">
        <v>40</v>
      </c>
      <c r="Q614" s="5" t="s">
        <v>1522</v>
      </c>
      <c r="R614" s="5" t="s">
        <v>1523</v>
      </c>
      <c r="S614" s="5" t="s">
        <v>42</v>
      </c>
      <c r="T614" s="2">
        <v>3.2189999999999999</v>
      </c>
      <c r="U614" s="2">
        <v>2.5190000000000001</v>
      </c>
      <c r="V614" s="2">
        <v>0.02</v>
      </c>
      <c r="W614" s="2">
        <v>159.1</v>
      </c>
      <c r="X614" s="2">
        <v>7.6</v>
      </c>
      <c r="Y614" s="2">
        <v>16.7</v>
      </c>
      <c r="Z614" s="5"/>
      <c r="AA614" s="5" t="s">
        <v>43</v>
      </c>
      <c r="AB614" s="5" t="s">
        <v>44</v>
      </c>
      <c r="AC614" s="2"/>
      <c r="AD614" s="1"/>
    </row>
    <row r="615" spans="1:30">
      <c r="A615" s="5" t="s">
        <v>83578</v>
      </c>
      <c r="B615" s="2" t="s">
        <v>85418</v>
      </c>
      <c r="C615" s="14" t="s">
        <v>85419</v>
      </c>
      <c r="D615" s="2" t="s">
        <v>85420</v>
      </c>
      <c r="E615" s="2" t="s">
        <v>7555</v>
      </c>
      <c r="F615" s="8">
        <v>275</v>
      </c>
      <c r="G615" s="5">
        <v>6</v>
      </c>
      <c r="H615" s="5" t="s">
        <v>1518</v>
      </c>
      <c r="I615" s="5" t="s">
        <v>1519</v>
      </c>
      <c r="J615" s="2" t="s">
        <v>1520</v>
      </c>
      <c r="K615" s="5" t="s">
        <v>1519</v>
      </c>
      <c r="L615" s="2" t="s">
        <v>1520</v>
      </c>
      <c r="M615" s="5" t="s">
        <v>1521</v>
      </c>
      <c r="N615" s="5" t="s">
        <v>38</v>
      </c>
      <c r="O615" s="5" t="s">
        <v>39</v>
      </c>
      <c r="P615" s="5" t="s">
        <v>40</v>
      </c>
      <c r="Q615" s="5" t="s">
        <v>1522</v>
      </c>
      <c r="R615" s="5" t="s">
        <v>1523</v>
      </c>
      <c r="S615" s="5" t="s">
        <v>42</v>
      </c>
      <c r="T615" s="2">
        <v>3.2189999999999999</v>
      </c>
      <c r="U615" s="2">
        <v>2.5190000000000001</v>
      </c>
      <c r="V615" s="2">
        <v>0.02</v>
      </c>
      <c r="W615" s="2">
        <v>159.1</v>
      </c>
      <c r="X615" s="2">
        <v>7.6</v>
      </c>
      <c r="Y615" s="2">
        <v>16.7</v>
      </c>
      <c r="Z615" s="5"/>
      <c r="AA615" s="5" t="s">
        <v>43</v>
      </c>
      <c r="AB615" s="5" t="s">
        <v>44</v>
      </c>
      <c r="AC615" s="2"/>
      <c r="AD615" s="1"/>
    </row>
    <row r="616" spans="1:30">
      <c r="A616" s="5" t="s">
        <v>83578</v>
      </c>
      <c r="B616" s="2" t="s">
        <v>85421</v>
      </c>
      <c r="C616" s="14" t="s">
        <v>85422</v>
      </c>
      <c r="D616" s="2" t="s">
        <v>85423</v>
      </c>
      <c r="E616" s="2" t="s">
        <v>7449</v>
      </c>
      <c r="F616" s="8">
        <v>275</v>
      </c>
      <c r="G616" s="5">
        <v>6</v>
      </c>
      <c r="H616" s="5" t="s">
        <v>1518</v>
      </c>
      <c r="I616" s="5" t="s">
        <v>1519</v>
      </c>
      <c r="J616" s="2" t="s">
        <v>1520</v>
      </c>
      <c r="K616" s="5" t="s">
        <v>1519</v>
      </c>
      <c r="L616" s="2" t="s">
        <v>1520</v>
      </c>
      <c r="M616" s="5" t="s">
        <v>1521</v>
      </c>
      <c r="N616" s="5" t="s">
        <v>38</v>
      </c>
      <c r="O616" s="5" t="s">
        <v>39</v>
      </c>
      <c r="P616" s="5" t="s">
        <v>40</v>
      </c>
      <c r="Q616" s="5" t="s">
        <v>1522</v>
      </c>
      <c r="R616" s="5" t="s">
        <v>1523</v>
      </c>
      <c r="S616" s="5" t="s">
        <v>42</v>
      </c>
      <c r="T616" s="2">
        <v>3.2450000000000001</v>
      </c>
      <c r="U616" s="2">
        <v>2.5449999999999999</v>
      </c>
      <c r="V616" s="2">
        <v>0.02</v>
      </c>
      <c r="W616" s="2">
        <v>159.1</v>
      </c>
      <c r="X616" s="2">
        <v>7.6</v>
      </c>
      <c r="Y616" s="2">
        <v>16.7</v>
      </c>
      <c r="Z616" s="5"/>
      <c r="AA616" s="5" t="s">
        <v>43</v>
      </c>
      <c r="AB616" s="5" t="s">
        <v>44</v>
      </c>
      <c r="AC616" s="2"/>
      <c r="AD616" s="1"/>
    </row>
    <row r="617" spans="1:30">
      <c r="A617" s="5" t="s">
        <v>83578</v>
      </c>
      <c r="B617" s="2" t="s">
        <v>85424</v>
      </c>
      <c r="C617" s="14" t="s">
        <v>85425</v>
      </c>
      <c r="D617" s="2" t="s">
        <v>85426</v>
      </c>
      <c r="E617" s="2" t="s">
        <v>7593</v>
      </c>
      <c r="F617" s="8">
        <v>275</v>
      </c>
      <c r="G617" s="5">
        <v>6</v>
      </c>
      <c r="H617" s="5" t="s">
        <v>1518</v>
      </c>
      <c r="I617" s="5" t="s">
        <v>1519</v>
      </c>
      <c r="J617" s="2" t="s">
        <v>1520</v>
      </c>
      <c r="K617" s="5" t="s">
        <v>1519</v>
      </c>
      <c r="L617" s="2" t="s">
        <v>1520</v>
      </c>
      <c r="M617" s="5" t="s">
        <v>1521</v>
      </c>
      <c r="N617" s="5" t="s">
        <v>38</v>
      </c>
      <c r="O617" s="5" t="s">
        <v>39</v>
      </c>
      <c r="P617" s="5" t="s">
        <v>40</v>
      </c>
      <c r="Q617" s="5" t="s">
        <v>1522</v>
      </c>
      <c r="R617" s="5" t="s">
        <v>1523</v>
      </c>
      <c r="S617" s="5" t="s">
        <v>42</v>
      </c>
      <c r="T617" s="2">
        <v>3.2450000000000001</v>
      </c>
      <c r="U617" s="2">
        <v>2.5449999999999999</v>
      </c>
      <c r="V617" s="2">
        <v>0.02</v>
      </c>
      <c r="W617" s="2">
        <v>159.1</v>
      </c>
      <c r="X617" s="2">
        <v>7.6</v>
      </c>
      <c r="Y617" s="2">
        <v>16.7</v>
      </c>
      <c r="Z617" s="5"/>
      <c r="AA617" s="5" t="s">
        <v>43</v>
      </c>
      <c r="AB617" s="5" t="s">
        <v>44</v>
      </c>
      <c r="AC617" s="2"/>
      <c r="AD617" s="1"/>
    </row>
    <row r="618" spans="1:30">
      <c r="A618" s="5" t="s">
        <v>83578</v>
      </c>
      <c r="B618" s="2" t="s">
        <v>85427</v>
      </c>
      <c r="C618" s="14" t="s">
        <v>85428</v>
      </c>
      <c r="D618" s="2" t="s">
        <v>85429</v>
      </c>
      <c r="E618" s="2" t="s">
        <v>7547</v>
      </c>
      <c r="F618" s="8">
        <v>287</v>
      </c>
      <c r="G618" s="5">
        <v>6</v>
      </c>
      <c r="H618" s="5" t="s">
        <v>1518</v>
      </c>
      <c r="I618" s="5" t="s">
        <v>1519</v>
      </c>
      <c r="J618" s="2" t="s">
        <v>1520</v>
      </c>
      <c r="K618" s="5" t="s">
        <v>1519</v>
      </c>
      <c r="L618" s="2" t="s">
        <v>1520</v>
      </c>
      <c r="M618" s="5" t="s">
        <v>1521</v>
      </c>
      <c r="N618" s="5" t="s">
        <v>38</v>
      </c>
      <c r="O618" s="5" t="s">
        <v>39</v>
      </c>
      <c r="P618" s="5" t="s">
        <v>40</v>
      </c>
      <c r="Q618" s="5" t="s">
        <v>1522</v>
      </c>
      <c r="R618" s="5" t="s">
        <v>1523</v>
      </c>
      <c r="S618" s="5" t="s">
        <v>42</v>
      </c>
      <c r="T618" s="2">
        <v>3.4409999999999998</v>
      </c>
      <c r="U618" s="2">
        <v>2.673</v>
      </c>
      <c r="V618" s="2">
        <v>2.1000000000000001E-2</v>
      </c>
      <c r="W618" s="2">
        <v>165.1</v>
      </c>
      <c r="X618" s="2">
        <v>7.6</v>
      </c>
      <c r="Y618" s="2">
        <v>16.7</v>
      </c>
      <c r="Z618" s="5"/>
      <c r="AA618" s="5" t="s">
        <v>43</v>
      </c>
      <c r="AB618" s="5" t="s">
        <v>44</v>
      </c>
      <c r="AC618" s="2"/>
      <c r="AD618" s="1"/>
    </row>
    <row r="619" spans="1:30">
      <c r="A619" s="5" t="s">
        <v>83578</v>
      </c>
      <c r="B619" s="2" t="s">
        <v>85430</v>
      </c>
      <c r="C619" s="14" t="s">
        <v>85431</v>
      </c>
      <c r="D619" s="2" t="s">
        <v>85432</v>
      </c>
      <c r="E619" s="2" t="s">
        <v>7551</v>
      </c>
      <c r="F619" s="8">
        <v>287</v>
      </c>
      <c r="G619" s="5">
        <v>6</v>
      </c>
      <c r="H619" s="5" t="s">
        <v>1518</v>
      </c>
      <c r="I619" s="5" t="s">
        <v>1519</v>
      </c>
      <c r="J619" s="2" t="s">
        <v>1520</v>
      </c>
      <c r="K619" s="5" t="s">
        <v>1519</v>
      </c>
      <c r="L619" s="2" t="s">
        <v>1520</v>
      </c>
      <c r="M619" s="5" t="s">
        <v>1521</v>
      </c>
      <c r="N619" s="5" t="s">
        <v>38</v>
      </c>
      <c r="O619" s="5" t="s">
        <v>39</v>
      </c>
      <c r="P619" s="5" t="s">
        <v>40</v>
      </c>
      <c r="Q619" s="5" t="s">
        <v>1522</v>
      </c>
      <c r="R619" s="5" t="s">
        <v>1523</v>
      </c>
      <c r="S619" s="5" t="s">
        <v>42</v>
      </c>
      <c r="T619" s="2">
        <v>3.5579999999999998</v>
      </c>
      <c r="U619" s="2">
        <v>2.79</v>
      </c>
      <c r="V619" s="2">
        <v>2.1000000000000001E-2</v>
      </c>
      <c r="W619" s="2">
        <v>165.1</v>
      </c>
      <c r="X619" s="2">
        <v>7.6</v>
      </c>
      <c r="Y619" s="2">
        <v>16.7</v>
      </c>
      <c r="Z619" s="5"/>
      <c r="AA619" s="5" t="s">
        <v>43</v>
      </c>
      <c r="AB619" s="5" t="s">
        <v>44</v>
      </c>
      <c r="AC619" s="2"/>
      <c r="AD619" s="1"/>
    </row>
    <row r="620" spans="1:30">
      <c r="A620" s="5" t="s">
        <v>83578</v>
      </c>
      <c r="B620" s="2" t="s">
        <v>85433</v>
      </c>
      <c r="C620" s="14" t="s">
        <v>85434</v>
      </c>
      <c r="D620" s="2" t="s">
        <v>85435</v>
      </c>
      <c r="E620" s="2" t="s">
        <v>7555</v>
      </c>
      <c r="F620" s="8">
        <v>287</v>
      </c>
      <c r="G620" s="5">
        <v>6</v>
      </c>
      <c r="H620" s="5" t="s">
        <v>1518</v>
      </c>
      <c r="I620" s="5" t="s">
        <v>1519</v>
      </c>
      <c r="J620" s="2" t="s">
        <v>1520</v>
      </c>
      <c r="K620" s="5" t="s">
        <v>1519</v>
      </c>
      <c r="L620" s="2" t="s">
        <v>1520</v>
      </c>
      <c r="M620" s="5" t="s">
        <v>1521</v>
      </c>
      <c r="N620" s="5" t="s">
        <v>38</v>
      </c>
      <c r="O620" s="5" t="s">
        <v>39</v>
      </c>
      <c r="P620" s="5" t="s">
        <v>40</v>
      </c>
      <c r="Q620" s="5" t="s">
        <v>1522</v>
      </c>
      <c r="R620" s="5" t="s">
        <v>1523</v>
      </c>
      <c r="S620" s="5" t="s">
        <v>42</v>
      </c>
      <c r="T620" s="2">
        <v>3.4409999999999998</v>
      </c>
      <c r="U620" s="2">
        <v>2.673</v>
      </c>
      <c r="V620" s="2">
        <v>2.1000000000000001E-2</v>
      </c>
      <c r="W620" s="2">
        <v>165.1</v>
      </c>
      <c r="X620" s="2">
        <v>7.6</v>
      </c>
      <c r="Y620" s="2">
        <v>16.7</v>
      </c>
      <c r="Z620" s="5"/>
      <c r="AA620" s="5" t="s">
        <v>43</v>
      </c>
      <c r="AB620" s="5" t="s">
        <v>44</v>
      </c>
      <c r="AC620" s="2"/>
      <c r="AD620" s="1"/>
    </row>
    <row r="621" spans="1:30">
      <c r="A621" s="5" t="s">
        <v>83578</v>
      </c>
      <c r="B621" s="2" t="s">
        <v>85436</v>
      </c>
      <c r="C621" s="14" t="s">
        <v>85437</v>
      </c>
      <c r="D621" s="2" t="s">
        <v>85438</v>
      </c>
      <c r="E621" s="2" t="s">
        <v>7559</v>
      </c>
      <c r="F621" s="8">
        <v>287</v>
      </c>
      <c r="G621" s="5">
        <v>6</v>
      </c>
      <c r="H621" s="5" t="s">
        <v>1518</v>
      </c>
      <c r="I621" s="5" t="s">
        <v>1519</v>
      </c>
      <c r="J621" s="2" t="s">
        <v>1520</v>
      </c>
      <c r="K621" s="5" t="s">
        <v>1519</v>
      </c>
      <c r="L621" s="2" t="s">
        <v>1520</v>
      </c>
      <c r="M621" s="5" t="s">
        <v>1521</v>
      </c>
      <c r="N621" s="5" t="s">
        <v>38</v>
      </c>
      <c r="O621" s="5" t="s">
        <v>39</v>
      </c>
      <c r="P621" s="5" t="s">
        <v>40</v>
      </c>
      <c r="Q621" s="5" t="s">
        <v>1522</v>
      </c>
      <c r="R621" s="5" t="s">
        <v>1523</v>
      </c>
      <c r="S621" s="5" t="s">
        <v>42</v>
      </c>
      <c r="T621" s="2">
        <v>3.5579999999999998</v>
      </c>
      <c r="U621" s="2">
        <v>2.79</v>
      </c>
      <c r="V621" s="2">
        <v>2.1000000000000001E-2</v>
      </c>
      <c r="W621" s="2">
        <v>165.1</v>
      </c>
      <c r="X621" s="2">
        <v>7.6</v>
      </c>
      <c r="Y621" s="2">
        <v>16.7</v>
      </c>
      <c r="Z621" s="5"/>
      <c r="AA621" s="5" t="s">
        <v>43</v>
      </c>
      <c r="AB621" s="5" t="s">
        <v>44</v>
      </c>
      <c r="AC621" s="2"/>
      <c r="AD621" s="1"/>
    </row>
    <row r="622" spans="1:30">
      <c r="A622" s="5" t="s">
        <v>83578</v>
      </c>
      <c r="B622" s="2" t="s">
        <v>85439</v>
      </c>
      <c r="C622" s="14" t="s">
        <v>85440</v>
      </c>
      <c r="D622" s="2" t="s">
        <v>85441</v>
      </c>
      <c r="E622" s="2" t="s">
        <v>16079</v>
      </c>
      <c r="F622" s="8">
        <v>287</v>
      </c>
      <c r="G622" s="5">
        <v>6</v>
      </c>
      <c r="H622" s="5" t="s">
        <v>1518</v>
      </c>
      <c r="I622" s="5" t="s">
        <v>1519</v>
      </c>
      <c r="J622" s="2" t="s">
        <v>1520</v>
      </c>
      <c r="K622" s="5" t="s">
        <v>1519</v>
      </c>
      <c r="L622" s="2" t="s">
        <v>1520</v>
      </c>
      <c r="M622" s="5" t="s">
        <v>1521</v>
      </c>
      <c r="N622" s="5" t="s">
        <v>38</v>
      </c>
      <c r="O622" s="5" t="s">
        <v>39</v>
      </c>
      <c r="P622" s="5" t="s">
        <v>40</v>
      </c>
      <c r="Q622" s="5" t="s">
        <v>1522</v>
      </c>
      <c r="R622" s="5" t="s">
        <v>1523</v>
      </c>
      <c r="S622" s="5" t="s">
        <v>42</v>
      </c>
      <c r="T622" s="2">
        <v>3.4710000000000001</v>
      </c>
      <c r="U622" s="2">
        <v>2.7029999999999998</v>
      </c>
      <c r="V622" s="2">
        <v>2.1000000000000001E-2</v>
      </c>
      <c r="W622" s="2">
        <v>165.1</v>
      </c>
      <c r="X622" s="2">
        <v>7.6</v>
      </c>
      <c r="Y622" s="2">
        <v>16.7</v>
      </c>
      <c r="Z622" s="5"/>
      <c r="AA622" s="5" t="s">
        <v>43</v>
      </c>
      <c r="AB622" s="5" t="s">
        <v>44</v>
      </c>
      <c r="AC622" s="2"/>
      <c r="AD622" s="1"/>
    </row>
    <row r="623" spans="1:30">
      <c r="A623" s="5" t="s">
        <v>83578</v>
      </c>
      <c r="B623" s="2" t="s">
        <v>85442</v>
      </c>
      <c r="C623" s="14" t="s">
        <v>85443</v>
      </c>
      <c r="D623" s="2" t="s">
        <v>85444</v>
      </c>
      <c r="E623" s="2" t="s">
        <v>16194</v>
      </c>
      <c r="F623" s="8">
        <v>287</v>
      </c>
      <c r="G623" s="5">
        <v>6</v>
      </c>
      <c r="H623" s="5" t="s">
        <v>1518</v>
      </c>
      <c r="I623" s="5" t="s">
        <v>1519</v>
      </c>
      <c r="J623" s="2" t="s">
        <v>1520</v>
      </c>
      <c r="K623" s="5" t="s">
        <v>1519</v>
      </c>
      <c r="L623" s="2" t="s">
        <v>1520</v>
      </c>
      <c r="M623" s="5" t="s">
        <v>1521</v>
      </c>
      <c r="N623" s="5" t="s">
        <v>38</v>
      </c>
      <c r="O623" s="5" t="s">
        <v>39</v>
      </c>
      <c r="P623" s="5" t="s">
        <v>40</v>
      </c>
      <c r="Q623" s="5" t="s">
        <v>1522</v>
      </c>
      <c r="R623" s="5" t="s">
        <v>1523</v>
      </c>
      <c r="S623" s="5" t="s">
        <v>42</v>
      </c>
      <c r="T623" s="2">
        <v>3.5880000000000001</v>
      </c>
      <c r="U623" s="2">
        <v>2.82</v>
      </c>
      <c r="V623" s="2">
        <v>2.1000000000000001E-2</v>
      </c>
      <c r="W623" s="2">
        <v>165.1</v>
      </c>
      <c r="X623" s="2">
        <v>7.6</v>
      </c>
      <c r="Y623" s="2">
        <v>16.7</v>
      </c>
      <c r="Z623" s="5"/>
      <c r="AA623" s="5" t="s">
        <v>43</v>
      </c>
      <c r="AB623" s="5" t="s">
        <v>44</v>
      </c>
      <c r="AC623" s="2"/>
      <c r="AD623" s="1"/>
    </row>
    <row r="624" spans="1:30">
      <c r="A624" s="5" t="s">
        <v>83578</v>
      </c>
      <c r="B624" s="2" t="s">
        <v>85445</v>
      </c>
      <c r="C624" s="14" t="s">
        <v>85446</v>
      </c>
      <c r="D624" s="2" t="s">
        <v>85447</v>
      </c>
      <c r="E624" s="2" t="s">
        <v>7585</v>
      </c>
      <c r="F624" s="8">
        <v>287</v>
      </c>
      <c r="G624" s="5">
        <v>6</v>
      </c>
      <c r="H624" s="5" t="s">
        <v>1518</v>
      </c>
      <c r="I624" s="5" t="s">
        <v>1519</v>
      </c>
      <c r="J624" s="2" t="s">
        <v>1520</v>
      </c>
      <c r="K624" s="5" t="s">
        <v>1519</v>
      </c>
      <c r="L624" s="2" t="s">
        <v>1520</v>
      </c>
      <c r="M624" s="5" t="s">
        <v>1521</v>
      </c>
      <c r="N624" s="5" t="s">
        <v>38</v>
      </c>
      <c r="O624" s="5" t="s">
        <v>39</v>
      </c>
      <c r="P624" s="5" t="s">
        <v>40</v>
      </c>
      <c r="Q624" s="5" t="s">
        <v>1522</v>
      </c>
      <c r="R624" s="5" t="s">
        <v>1523</v>
      </c>
      <c r="S624" s="5" t="s">
        <v>42</v>
      </c>
      <c r="T624" s="2">
        <v>3.4409999999999998</v>
      </c>
      <c r="U624" s="2">
        <v>2.673</v>
      </c>
      <c r="V624" s="2">
        <v>2.1000000000000001E-2</v>
      </c>
      <c r="W624" s="2">
        <v>165.1</v>
      </c>
      <c r="X624" s="2">
        <v>7.6</v>
      </c>
      <c r="Y624" s="2">
        <v>16.7</v>
      </c>
      <c r="Z624" s="5"/>
      <c r="AA624" s="5" t="s">
        <v>43</v>
      </c>
      <c r="AB624" s="5" t="s">
        <v>44</v>
      </c>
      <c r="AC624" s="2"/>
      <c r="AD624" s="1"/>
    </row>
    <row r="625" spans="1:30">
      <c r="A625" s="5" t="s">
        <v>83578</v>
      </c>
      <c r="B625" s="2" t="s">
        <v>85448</v>
      </c>
      <c r="C625" s="14" t="s">
        <v>85449</v>
      </c>
      <c r="D625" s="2" t="s">
        <v>85450</v>
      </c>
      <c r="E625" s="2" t="s">
        <v>7589</v>
      </c>
      <c r="F625" s="8">
        <v>287</v>
      </c>
      <c r="G625" s="5">
        <v>6</v>
      </c>
      <c r="H625" s="5" t="s">
        <v>1518</v>
      </c>
      <c r="I625" s="5" t="s">
        <v>1519</v>
      </c>
      <c r="J625" s="2" t="s">
        <v>1520</v>
      </c>
      <c r="K625" s="5" t="s">
        <v>1519</v>
      </c>
      <c r="L625" s="2" t="s">
        <v>1520</v>
      </c>
      <c r="M625" s="5" t="s">
        <v>1521</v>
      </c>
      <c r="N625" s="5" t="s">
        <v>38</v>
      </c>
      <c r="O625" s="5" t="s">
        <v>39</v>
      </c>
      <c r="P625" s="5" t="s">
        <v>40</v>
      </c>
      <c r="Q625" s="5" t="s">
        <v>1522</v>
      </c>
      <c r="R625" s="5" t="s">
        <v>1523</v>
      </c>
      <c r="S625" s="5" t="s">
        <v>42</v>
      </c>
      <c r="T625" s="2">
        <v>3.5579999999999998</v>
      </c>
      <c r="U625" s="2">
        <v>2.79</v>
      </c>
      <c r="V625" s="2">
        <v>2.1000000000000001E-2</v>
      </c>
      <c r="W625" s="2">
        <v>165.1</v>
      </c>
      <c r="X625" s="2">
        <v>7.6</v>
      </c>
      <c r="Y625" s="2">
        <v>16.7</v>
      </c>
      <c r="Z625" s="5"/>
      <c r="AA625" s="5" t="s">
        <v>43</v>
      </c>
      <c r="AB625" s="5" t="s">
        <v>44</v>
      </c>
      <c r="AC625" s="2"/>
      <c r="AD625" s="1"/>
    </row>
    <row r="626" spans="1:30">
      <c r="A626" s="5" t="s">
        <v>83578</v>
      </c>
      <c r="B626" s="2" t="s">
        <v>85451</v>
      </c>
      <c r="C626" s="14" t="s">
        <v>85452</v>
      </c>
      <c r="D626" s="2" t="s">
        <v>85453</v>
      </c>
      <c r="E626" s="2" t="s">
        <v>7593</v>
      </c>
      <c r="F626" s="8">
        <v>287</v>
      </c>
      <c r="G626" s="5">
        <v>6</v>
      </c>
      <c r="H626" s="5" t="s">
        <v>1518</v>
      </c>
      <c r="I626" s="5" t="s">
        <v>1519</v>
      </c>
      <c r="J626" s="2" t="s">
        <v>1520</v>
      </c>
      <c r="K626" s="5" t="s">
        <v>1519</v>
      </c>
      <c r="L626" s="2" t="s">
        <v>1520</v>
      </c>
      <c r="M626" s="5" t="s">
        <v>1521</v>
      </c>
      <c r="N626" s="5" t="s">
        <v>38</v>
      </c>
      <c r="O626" s="5" t="s">
        <v>39</v>
      </c>
      <c r="P626" s="5" t="s">
        <v>40</v>
      </c>
      <c r="Q626" s="5" t="s">
        <v>1522</v>
      </c>
      <c r="R626" s="5" t="s">
        <v>1523</v>
      </c>
      <c r="S626" s="5" t="s">
        <v>42</v>
      </c>
      <c r="T626" s="2">
        <v>3.4710000000000001</v>
      </c>
      <c r="U626" s="2">
        <v>2.7029999999999998</v>
      </c>
      <c r="V626" s="2">
        <v>2.1000000000000001E-2</v>
      </c>
      <c r="W626" s="2">
        <v>165.1</v>
      </c>
      <c r="X626" s="2">
        <v>7.6</v>
      </c>
      <c r="Y626" s="2">
        <v>16.7</v>
      </c>
      <c r="Z626" s="5"/>
      <c r="AA626" s="5" t="s">
        <v>43</v>
      </c>
      <c r="AB626" s="5" t="s">
        <v>44</v>
      </c>
      <c r="AC626" s="2"/>
      <c r="AD626" s="1"/>
    </row>
    <row r="627" spans="1:30">
      <c r="A627" s="5" t="s">
        <v>83578</v>
      </c>
      <c r="B627" s="2" t="s">
        <v>85454</v>
      </c>
      <c r="C627" s="14" t="s">
        <v>85455</v>
      </c>
      <c r="D627" s="2" t="s">
        <v>85456</v>
      </c>
      <c r="E627" s="2" t="s">
        <v>7597</v>
      </c>
      <c r="F627" s="8">
        <v>287</v>
      </c>
      <c r="G627" s="5">
        <v>6</v>
      </c>
      <c r="H627" s="5" t="s">
        <v>1518</v>
      </c>
      <c r="I627" s="5" t="s">
        <v>1519</v>
      </c>
      <c r="J627" s="2" t="s">
        <v>1520</v>
      </c>
      <c r="K627" s="5" t="s">
        <v>1519</v>
      </c>
      <c r="L627" s="2" t="s">
        <v>1520</v>
      </c>
      <c r="M627" s="5" t="s">
        <v>1521</v>
      </c>
      <c r="N627" s="5" t="s">
        <v>38</v>
      </c>
      <c r="O627" s="5" t="s">
        <v>39</v>
      </c>
      <c r="P627" s="5" t="s">
        <v>40</v>
      </c>
      <c r="Q627" s="5" t="s">
        <v>1522</v>
      </c>
      <c r="R627" s="5" t="s">
        <v>1523</v>
      </c>
      <c r="S627" s="5" t="s">
        <v>42</v>
      </c>
      <c r="T627" s="2">
        <v>3.5880000000000001</v>
      </c>
      <c r="U627" s="2">
        <v>2.82</v>
      </c>
      <c r="V627" s="2">
        <v>2.1000000000000001E-2</v>
      </c>
      <c r="W627" s="2">
        <v>165.1</v>
      </c>
      <c r="X627" s="2">
        <v>7.6</v>
      </c>
      <c r="Y627" s="2">
        <v>16.7</v>
      </c>
      <c r="Z627" s="5"/>
      <c r="AA627" s="5" t="s">
        <v>43</v>
      </c>
      <c r="AB627" s="5" t="s">
        <v>44</v>
      </c>
      <c r="AC627" s="2"/>
      <c r="AD627" s="1"/>
    </row>
    <row r="628" spans="1:30">
      <c r="A628" s="5" t="s">
        <v>83578</v>
      </c>
      <c r="B628" s="2" t="s">
        <v>85457</v>
      </c>
      <c r="C628" s="14" t="s">
        <v>85458</v>
      </c>
      <c r="D628" s="2" t="s">
        <v>85459</v>
      </c>
      <c r="E628" s="2" t="s">
        <v>16014</v>
      </c>
      <c r="F628" s="8">
        <v>287</v>
      </c>
      <c r="G628" s="5">
        <v>6</v>
      </c>
      <c r="H628" s="5" t="s">
        <v>1518</v>
      </c>
      <c r="I628" s="5" t="s">
        <v>1519</v>
      </c>
      <c r="J628" s="2" t="s">
        <v>1520</v>
      </c>
      <c r="K628" s="5" t="s">
        <v>1519</v>
      </c>
      <c r="L628" s="2" t="s">
        <v>1520</v>
      </c>
      <c r="M628" s="5" t="s">
        <v>1521</v>
      </c>
      <c r="N628" s="5" t="s">
        <v>38</v>
      </c>
      <c r="O628" s="5" t="s">
        <v>39</v>
      </c>
      <c r="P628" s="5" t="s">
        <v>40</v>
      </c>
      <c r="Q628" s="5" t="s">
        <v>1522</v>
      </c>
      <c r="R628" s="5" t="s">
        <v>1523</v>
      </c>
      <c r="S628" s="5" t="s">
        <v>42</v>
      </c>
      <c r="T628" s="2">
        <v>3.4710000000000001</v>
      </c>
      <c r="U628" s="2">
        <v>2.7029999999999998</v>
      </c>
      <c r="V628" s="2">
        <v>2.1000000000000001E-2</v>
      </c>
      <c r="W628" s="2">
        <v>165.1</v>
      </c>
      <c r="X628" s="2">
        <v>7.6</v>
      </c>
      <c r="Y628" s="2">
        <v>16.7</v>
      </c>
      <c r="Z628" s="5"/>
      <c r="AA628" s="5" t="s">
        <v>43</v>
      </c>
      <c r="AB628" s="5" t="s">
        <v>44</v>
      </c>
      <c r="AC628" s="2"/>
      <c r="AD628" s="1"/>
    </row>
    <row r="629" spans="1:30">
      <c r="A629" s="5" t="s">
        <v>83578</v>
      </c>
      <c r="B629" s="2" t="s">
        <v>85460</v>
      </c>
      <c r="C629" s="14" t="s">
        <v>85461</v>
      </c>
      <c r="D629" s="2" t="s">
        <v>85462</v>
      </c>
      <c r="E629" s="2" t="s">
        <v>16018</v>
      </c>
      <c r="F629" s="8">
        <v>287</v>
      </c>
      <c r="G629" s="5">
        <v>6</v>
      </c>
      <c r="H629" s="5" t="s">
        <v>1518</v>
      </c>
      <c r="I629" s="5" t="s">
        <v>1519</v>
      </c>
      <c r="J629" s="2" t="s">
        <v>1520</v>
      </c>
      <c r="K629" s="5" t="s">
        <v>1519</v>
      </c>
      <c r="L629" s="2" t="s">
        <v>1520</v>
      </c>
      <c r="M629" s="5" t="s">
        <v>1521</v>
      </c>
      <c r="N629" s="5" t="s">
        <v>38</v>
      </c>
      <c r="O629" s="5" t="s">
        <v>39</v>
      </c>
      <c r="P629" s="5" t="s">
        <v>40</v>
      </c>
      <c r="Q629" s="5" t="s">
        <v>1522</v>
      </c>
      <c r="R629" s="5" t="s">
        <v>1523</v>
      </c>
      <c r="S629" s="5" t="s">
        <v>42</v>
      </c>
      <c r="T629" s="2">
        <v>3.4710000000000001</v>
      </c>
      <c r="U629" s="2">
        <v>2.7029999999999998</v>
      </c>
      <c r="V629" s="2">
        <v>2.1000000000000001E-2</v>
      </c>
      <c r="W629" s="2">
        <v>165.1</v>
      </c>
      <c r="X629" s="2">
        <v>7.6</v>
      </c>
      <c r="Y629" s="2">
        <v>16.7</v>
      </c>
      <c r="Z629" s="5"/>
      <c r="AA629" s="5" t="s">
        <v>43</v>
      </c>
      <c r="AB629" s="5" t="s">
        <v>44</v>
      </c>
      <c r="AC629" s="2"/>
      <c r="AD629" s="1"/>
    </row>
    <row r="630" spans="1:30">
      <c r="A630" s="5" t="s">
        <v>83578</v>
      </c>
      <c r="B630" s="2" t="s">
        <v>85463</v>
      </c>
      <c r="C630" s="14" t="s">
        <v>85464</v>
      </c>
      <c r="D630" s="2" t="s">
        <v>85465</v>
      </c>
      <c r="E630" s="2" t="s">
        <v>7551</v>
      </c>
      <c r="F630" s="8">
        <v>272</v>
      </c>
      <c r="G630" s="5">
        <v>6</v>
      </c>
      <c r="H630" s="5" t="s">
        <v>1518</v>
      </c>
      <c r="I630" s="5" t="s">
        <v>1519</v>
      </c>
      <c r="J630" s="2" t="s">
        <v>1520</v>
      </c>
      <c r="K630" s="5" t="s">
        <v>1519</v>
      </c>
      <c r="L630" s="2" t="s">
        <v>1520</v>
      </c>
      <c r="M630" s="5" t="s">
        <v>1521</v>
      </c>
      <c r="N630" s="5" t="s">
        <v>38</v>
      </c>
      <c r="O630" s="5" t="s">
        <v>39</v>
      </c>
      <c r="P630" s="5" t="s">
        <v>40</v>
      </c>
      <c r="Q630" s="5" t="s">
        <v>1522</v>
      </c>
      <c r="R630" s="5" t="s">
        <v>1523</v>
      </c>
      <c r="S630" s="5" t="s">
        <v>42</v>
      </c>
      <c r="T630" s="2">
        <v>2.8279999999999998</v>
      </c>
      <c r="U630" s="2">
        <v>2.2930000000000001</v>
      </c>
      <c r="V630" s="2">
        <v>1.4999999999999999E-2</v>
      </c>
      <c r="W630" s="2">
        <v>118.9</v>
      </c>
      <c r="X630" s="2">
        <v>7.6</v>
      </c>
      <c r="Y630" s="2">
        <v>16.7</v>
      </c>
      <c r="Z630" s="5"/>
      <c r="AA630" s="5" t="s">
        <v>43</v>
      </c>
      <c r="AB630" s="5" t="s">
        <v>44</v>
      </c>
      <c r="AC630" s="2"/>
      <c r="AD630" s="1"/>
    </row>
    <row r="631" spans="1:30">
      <c r="A631" s="5" t="s">
        <v>83578</v>
      </c>
      <c r="B631" s="2" t="s">
        <v>85466</v>
      </c>
      <c r="C631" s="14" t="s">
        <v>85467</v>
      </c>
      <c r="D631" s="2" t="s">
        <v>85468</v>
      </c>
      <c r="E631" s="2" t="s">
        <v>7563</v>
      </c>
      <c r="F631" s="8">
        <v>272</v>
      </c>
      <c r="G631" s="5">
        <v>6</v>
      </c>
      <c r="H631" s="5" t="s">
        <v>1518</v>
      </c>
      <c r="I631" s="5" t="s">
        <v>1519</v>
      </c>
      <c r="J631" s="2" t="s">
        <v>1520</v>
      </c>
      <c r="K631" s="5" t="s">
        <v>1519</v>
      </c>
      <c r="L631" s="2" t="s">
        <v>1520</v>
      </c>
      <c r="M631" s="5" t="s">
        <v>1521</v>
      </c>
      <c r="N631" s="5" t="s">
        <v>38</v>
      </c>
      <c r="O631" s="5" t="s">
        <v>39</v>
      </c>
      <c r="P631" s="5" t="s">
        <v>40</v>
      </c>
      <c r="Q631" s="5" t="s">
        <v>1522</v>
      </c>
      <c r="R631" s="5" t="s">
        <v>1523</v>
      </c>
      <c r="S631" s="5" t="s">
        <v>42</v>
      </c>
      <c r="T631" s="2">
        <v>2.7709999999999999</v>
      </c>
      <c r="U631" s="2">
        <v>2.2360000000000002</v>
      </c>
      <c r="V631" s="2">
        <v>1.4999999999999999E-2</v>
      </c>
      <c r="W631" s="2">
        <v>118.9</v>
      </c>
      <c r="X631" s="2">
        <v>7.6</v>
      </c>
      <c r="Y631" s="2">
        <v>16.7</v>
      </c>
      <c r="Z631" s="5"/>
      <c r="AA631" s="5" t="s">
        <v>43</v>
      </c>
      <c r="AB631" s="5" t="s">
        <v>44</v>
      </c>
      <c r="AC631" s="2"/>
      <c r="AD631" s="1"/>
    </row>
    <row r="632" spans="1:30">
      <c r="A632" s="5" t="s">
        <v>83578</v>
      </c>
      <c r="B632" s="2" t="s">
        <v>85469</v>
      </c>
      <c r="C632" s="14" t="s">
        <v>85470</v>
      </c>
      <c r="D632" s="2" t="s">
        <v>85471</v>
      </c>
      <c r="E632" s="2" t="s">
        <v>16079</v>
      </c>
      <c r="F632" s="8">
        <v>272</v>
      </c>
      <c r="G632" s="5">
        <v>6</v>
      </c>
      <c r="H632" s="5" t="s">
        <v>1518</v>
      </c>
      <c r="I632" s="5" t="s">
        <v>1519</v>
      </c>
      <c r="J632" s="2" t="s">
        <v>1520</v>
      </c>
      <c r="K632" s="5" t="s">
        <v>1519</v>
      </c>
      <c r="L632" s="2" t="s">
        <v>1520</v>
      </c>
      <c r="M632" s="5" t="s">
        <v>1521</v>
      </c>
      <c r="N632" s="5" t="s">
        <v>38</v>
      </c>
      <c r="O632" s="5" t="s">
        <v>39</v>
      </c>
      <c r="P632" s="5" t="s">
        <v>40</v>
      </c>
      <c r="Q632" s="5" t="s">
        <v>1522</v>
      </c>
      <c r="R632" s="5" t="s">
        <v>1523</v>
      </c>
      <c r="S632" s="5" t="s">
        <v>42</v>
      </c>
      <c r="T632" s="2">
        <v>2.7709999999999999</v>
      </c>
      <c r="U632" s="2">
        <v>2.2360000000000002</v>
      </c>
      <c r="V632" s="2">
        <v>1.4999999999999999E-2</v>
      </c>
      <c r="W632" s="2">
        <v>118.9</v>
      </c>
      <c r="X632" s="2">
        <v>7.6</v>
      </c>
      <c r="Y632" s="2">
        <v>16.7</v>
      </c>
      <c r="Z632" s="5"/>
      <c r="AA632" s="5" t="s">
        <v>43</v>
      </c>
      <c r="AB632" s="5" t="s">
        <v>44</v>
      </c>
      <c r="AC632" s="2"/>
      <c r="AD632" s="1"/>
    </row>
    <row r="633" spans="1:30">
      <c r="A633" s="5" t="s">
        <v>83578</v>
      </c>
      <c r="B633" s="2" t="s">
        <v>85472</v>
      </c>
      <c r="C633" s="14" t="s">
        <v>85473</v>
      </c>
      <c r="D633" s="2" t="s">
        <v>85474</v>
      </c>
      <c r="E633" s="2" t="s">
        <v>16194</v>
      </c>
      <c r="F633" s="8">
        <v>272</v>
      </c>
      <c r="G633" s="5">
        <v>6</v>
      </c>
      <c r="H633" s="5" t="s">
        <v>1518</v>
      </c>
      <c r="I633" s="5" t="s">
        <v>1519</v>
      </c>
      <c r="J633" s="2" t="s">
        <v>1520</v>
      </c>
      <c r="K633" s="5" t="s">
        <v>1519</v>
      </c>
      <c r="L633" s="2" t="s">
        <v>1520</v>
      </c>
      <c r="M633" s="5" t="s">
        <v>1521</v>
      </c>
      <c r="N633" s="5" t="s">
        <v>38</v>
      </c>
      <c r="O633" s="5" t="s">
        <v>39</v>
      </c>
      <c r="P633" s="5" t="s">
        <v>40</v>
      </c>
      <c r="Q633" s="5" t="s">
        <v>1522</v>
      </c>
      <c r="R633" s="5" t="s">
        <v>1523</v>
      </c>
      <c r="S633" s="5" t="s">
        <v>42</v>
      </c>
      <c r="T633" s="2">
        <v>2.8460000000000001</v>
      </c>
      <c r="U633" s="2">
        <v>2.3109999999999999</v>
      </c>
      <c r="V633" s="2">
        <v>1.4999999999999999E-2</v>
      </c>
      <c r="W633" s="2">
        <v>118.9</v>
      </c>
      <c r="X633" s="2">
        <v>7.6</v>
      </c>
      <c r="Y633" s="2">
        <v>16.7</v>
      </c>
      <c r="Z633" s="5"/>
      <c r="AA633" s="5" t="s">
        <v>43</v>
      </c>
      <c r="AB633" s="5" t="s">
        <v>44</v>
      </c>
      <c r="AC633" s="2"/>
      <c r="AD633" s="1"/>
    </row>
    <row r="634" spans="1:30">
      <c r="A634" s="5" t="s">
        <v>83578</v>
      </c>
      <c r="B634" s="2" t="s">
        <v>85475</v>
      </c>
      <c r="C634" s="14" t="s">
        <v>85476</v>
      </c>
      <c r="D634" s="2" t="s">
        <v>85477</v>
      </c>
      <c r="E634" s="2" t="s">
        <v>7585</v>
      </c>
      <c r="F634" s="8">
        <v>272</v>
      </c>
      <c r="G634" s="5">
        <v>6</v>
      </c>
      <c r="H634" s="5" t="s">
        <v>1518</v>
      </c>
      <c r="I634" s="5" t="s">
        <v>1519</v>
      </c>
      <c r="J634" s="2" t="s">
        <v>1520</v>
      </c>
      <c r="K634" s="5" t="s">
        <v>1519</v>
      </c>
      <c r="L634" s="2" t="s">
        <v>1520</v>
      </c>
      <c r="M634" s="5" t="s">
        <v>1521</v>
      </c>
      <c r="N634" s="5" t="s">
        <v>38</v>
      </c>
      <c r="O634" s="5" t="s">
        <v>39</v>
      </c>
      <c r="P634" s="5" t="s">
        <v>40</v>
      </c>
      <c r="Q634" s="5" t="s">
        <v>1522</v>
      </c>
      <c r="R634" s="5" t="s">
        <v>1523</v>
      </c>
      <c r="S634" s="5" t="s">
        <v>42</v>
      </c>
      <c r="T634" s="2">
        <v>2.7530000000000001</v>
      </c>
      <c r="U634" s="2">
        <v>2.218</v>
      </c>
      <c r="V634" s="2">
        <v>1.4999999999999999E-2</v>
      </c>
      <c r="W634" s="2">
        <v>118.9</v>
      </c>
      <c r="X634" s="2">
        <v>7.6</v>
      </c>
      <c r="Y634" s="2">
        <v>16.7</v>
      </c>
      <c r="Z634" s="5"/>
      <c r="AA634" s="5" t="s">
        <v>43</v>
      </c>
      <c r="AB634" s="5" t="s">
        <v>44</v>
      </c>
      <c r="AC634" s="2"/>
      <c r="AD634" s="1"/>
    </row>
    <row r="635" spans="1:30">
      <c r="A635" s="5" t="s">
        <v>83578</v>
      </c>
      <c r="B635" s="2" t="s">
        <v>85478</v>
      </c>
      <c r="C635" s="14" t="s">
        <v>85479</v>
      </c>
      <c r="D635" s="2" t="s">
        <v>85480</v>
      </c>
      <c r="E635" s="2" t="s">
        <v>7589</v>
      </c>
      <c r="F635" s="8">
        <v>272</v>
      </c>
      <c r="G635" s="5">
        <v>6</v>
      </c>
      <c r="H635" s="5" t="s">
        <v>1518</v>
      </c>
      <c r="I635" s="5" t="s">
        <v>1519</v>
      </c>
      <c r="J635" s="2" t="s">
        <v>1520</v>
      </c>
      <c r="K635" s="5" t="s">
        <v>1519</v>
      </c>
      <c r="L635" s="2" t="s">
        <v>1520</v>
      </c>
      <c r="M635" s="5" t="s">
        <v>1521</v>
      </c>
      <c r="N635" s="5" t="s">
        <v>38</v>
      </c>
      <c r="O635" s="5" t="s">
        <v>39</v>
      </c>
      <c r="P635" s="5" t="s">
        <v>40</v>
      </c>
      <c r="Q635" s="5" t="s">
        <v>1522</v>
      </c>
      <c r="R635" s="5" t="s">
        <v>1523</v>
      </c>
      <c r="S635" s="5" t="s">
        <v>42</v>
      </c>
      <c r="T635" s="2">
        <v>2.8279999999999998</v>
      </c>
      <c r="U635" s="2">
        <v>2.2930000000000001</v>
      </c>
      <c r="V635" s="2">
        <v>1.4999999999999999E-2</v>
      </c>
      <c r="W635" s="2">
        <v>118.9</v>
      </c>
      <c r="X635" s="2">
        <v>7.6</v>
      </c>
      <c r="Y635" s="2">
        <v>16.7</v>
      </c>
      <c r="Z635" s="5"/>
      <c r="AA635" s="5" t="s">
        <v>43</v>
      </c>
      <c r="AB635" s="5" t="s">
        <v>44</v>
      </c>
      <c r="AC635" s="2"/>
      <c r="AD635" s="1"/>
    </row>
    <row r="636" spans="1:30">
      <c r="A636" s="5" t="s">
        <v>83578</v>
      </c>
      <c r="B636" s="2" t="s">
        <v>85481</v>
      </c>
      <c r="C636" s="14" t="s">
        <v>85482</v>
      </c>
      <c r="D636" s="2" t="s">
        <v>85483</v>
      </c>
      <c r="E636" s="2" t="s">
        <v>7593</v>
      </c>
      <c r="F636" s="8">
        <v>272</v>
      </c>
      <c r="G636" s="5">
        <v>6</v>
      </c>
      <c r="H636" s="5" t="s">
        <v>1518</v>
      </c>
      <c r="I636" s="5" t="s">
        <v>1519</v>
      </c>
      <c r="J636" s="2" t="s">
        <v>1520</v>
      </c>
      <c r="K636" s="5" t="s">
        <v>1519</v>
      </c>
      <c r="L636" s="2" t="s">
        <v>1520</v>
      </c>
      <c r="M636" s="5" t="s">
        <v>1521</v>
      </c>
      <c r="N636" s="5" t="s">
        <v>38</v>
      </c>
      <c r="O636" s="5" t="s">
        <v>39</v>
      </c>
      <c r="P636" s="5" t="s">
        <v>40</v>
      </c>
      <c r="Q636" s="5" t="s">
        <v>1522</v>
      </c>
      <c r="R636" s="5" t="s">
        <v>1523</v>
      </c>
      <c r="S636" s="5" t="s">
        <v>42</v>
      </c>
      <c r="T636" s="2">
        <v>2.7709999999999999</v>
      </c>
      <c r="U636" s="2">
        <v>2.2360000000000002</v>
      </c>
      <c r="V636" s="2">
        <v>1.4999999999999999E-2</v>
      </c>
      <c r="W636" s="2">
        <v>118.9</v>
      </c>
      <c r="X636" s="2">
        <v>7.6</v>
      </c>
      <c r="Y636" s="2">
        <v>16.7</v>
      </c>
      <c r="Z636" s="5"/>
      <c r="AA636" s="5" t="s">
        <v>43</v>
      </c>
      <c r="AB636" s="5" t="s">
        <v>44</v>
      </c>
      <c r="AC636" s="2"/>
      <c r="AD636" s="1"/>
    </row>
    <row r="637" spans="1:30">
      <c r="A637" s="5" t="s">
        <v>83578</v>
      </c>
      <c r="B637" s="2" t="s">
        <v>85484</v>
      </c>
      <c r="C637" s="14" t="s">
        <v>85485</v>
      </c>
      <c r="D637" s="2" t="s">
        <v>85486</v>
      </c>
      <c r="E637" s="2" t="s">
        <v>7597</v>
      </c>
      <c r="F637" s="8">
        <v>272</v>
      </c>
      <c r="G637" s="5">
        <v>6</v>
      </c>
      <c r="H637" s="5" t="s">
        <v>1518</v>
      </c>
      <c r="I637" s="5" t="s">
        <v>1519</v>
      </c>
      <c r="J637" s="2" t="s">
        <v>1520</v>
      </c>
      <c r="K637" s="5" t="s">
        <v>1519</v>
      </c>
      <c r="L637" s="2" t="s">
        <v>1520</v>
      </c>
      <c r="M637" s="5" t="s">
        <v>1521</v>
      </c>
      <c r="N637" s="5" t="s">
        <v>38</v>
      </c>
      <c r="O637" s="5" t="s">
        <v>39</v>
      </c>
      <c r="P637" s="5" t="s">
        <v>40</v>
      </c>
      <c r="Q637" s="5" t="s">
        <v>1522</v>
      </c>
      <c r="R637" s="5" t="s">
        <v>1523</v>
      </c>
      <c r="S637" s="5" t="s">
        <v>42</v>
      </c>
      <c r="T637" s="2">
        <v>2.8460000000000001</v>
      </c>
      <c r="U637" s="2">
        <v>2.3109999999999999</v>
      </c>
      <c r="V637" s="2">
        <v>1.4999999999999999E-2</v>
      </c>
      <c r="W637" s="2">
        <v>118.9</v>
      </c>
      <c r="X637" s="2">
        <v>7.6</v>
      </c>
      <c r="Y637" s="2">
        <v>16.7</v>
      </c>
      <c r="Z637" s="5"/>
      <c r="AA637" s="5" t="s">
        <v>43</v>
      </c>
      <c r="AB637" s="5" t="s">
        <v>44</v>
      </c>
      <c r="AC637" s="2"/>
      <c r="AD637" s="1"/>
    </row>
    <row r="638" spans="1:30">
      <c r="A638" s="5" t="s">
        <v>83578</v>
      </c>
      <c r="B638" s="2" t="s">
        <v>85487</v>
      </c>
      <c r="C638" s="14" t="s">
        <v>85488</v>
      </c>
      <c r="D638" s="2" t="s">
        <v>85489</v>
      </c>
      <c r="E638" s="2" t="s">
        <v>16219</v>
      </c>
      <c r="F638" s="8">
        <v>272</v>
      </c>
      <c r="G638" s="5">
        <v>6</v>
      </c>
      <c r="H638" s="5" t="s">
        <v>1518</v>
      </c>
      <c r="I638" s="5" t="s">
        <v>1519</v>
      </c>
      <c r="J638" s="2" t="s">
        <v>1520</v>
      </c>
      <c r="K638" s="5" t="s">
        <v>1519</v>
      </c>
      <c r="L638" s="2" t="s">
        <v>1520</v>
      </c>
      <c r="M638" s="5" t="s">
        <v>1521</v>
      </c>
      <c r="N638" s="5" t="s">
        <v>38</v>
      </c>
      <c r="O638" s="5" t="s">
        <v>39</v>
      </c>
      <c r="P638" s="5" t="s">
        <v>40</v>
      </c>
      <c r="Q638" s="5" t="s">
        <v>1522</v>
      </c>
      <c r="R638" s="5" t="s">
        <v>1523</v>
      </c>
      <c r="S638" s="5" t="s">
        <v>42</v>
      </c>
      <c r="T638" s="2">
        <v>2.8460000000000001</v>
      </c>
      <c r="U638" s="2">
        <v>2.3109999999999999</v>
      </c>
      <c r="V638" s="2">
        <v>1.4999999999999999E-2</v>
      </c>
      <c r="W638" s="2">
        <v>118.9</v>
      </c>
      <c r="X638" s="2">
        <v>7.6</v>
      </c>
      <c r="Y638" s="2">
        <v>16.7</v>
      </c>
      <c r="Z638" s="5"/>
      <c r="AA638" s="5" t="s">
        <v>43</v>
      </c>
      <c r="AB638" s="5" t="s">
        <v>44</v>
      </c>
      <c r="AC638" s="2"/>
      <c r="AD638" s="1"/>
    </row>
    <row r="639" spans="1:30">
      <c r="A639" s="5" t="s">
        <v>83578</v>
      </c>
      <c r="B639" s="2" t="s">
        <v>85490</v>
      </c>
      <c r="C639" s="14" t="s">
        <v>85491</v>
      </c>
      <c r="D639" s="2" t="s">
        <v>85492</v>
      </c>
      <c r="E639" s="2" t="s">
        <v>16022</v>
      </c>
      <c r="F639" s="8">
        <v>272</v>
      </c>
      <c r="G639" s="5">
        <v>6</v>
      </c>
      <c r="H639" s="5" t="s">
        <v>1518</v>
      </c>
      <c r="I639" s="5" t="s">
        <v>1519</v>
      </c>
      <c r="J639" s="2" t="s">
        <v>1520</v>
      </c>
      <c r="K639" s="5" t="s">
        <v>1519</v>
      </c>
      <c r="L639" s="2" t="s">
        <v>1520</v>
      </c>
      <c r="M639" s="5" t="s">
        <v>1521</v>
      </c>
      <c r="N639" s="5" t="s">
        <v>38</v>
      </c>
      <c r="O639" s="5" t="s">
        <v>39</v>
      </c>
      <c r="P639" s="5" t="s">
        <v>40</v>
      </c>
      <c r="Q639" s="5" t="s">
        <v>1522</v>
      </c>
      <c r="R639" s="5" t="s">
        <v>1523</v>
      </c>
      <c r="S639" s="5" t="s">
        <v>42</v>
      </c>
      <c r="T639" s="2">
        <v>2.8460000000000001</v>
      </c>
      <c r="U639" s="2">
        <v>2.3109999999999999</v>
      </c>
      <c r="V639" s="2">
        <v>1.4999999999999999E-2</v>
      </c>
      <c r="W639" s="2">
        <v>118.9</v>
      </c>
      <c r="X639" s="2">
        <v>7.6</v>
      </c>
      <c r="Y639" s="2">
        <v>16.7</v>
      </c>
      <c r="Z639" s="5"/>
      <c r="AA639" s="5" t="s">
        <v>43</v>
      </c>
      <c r="AB639" s="5" t="s">
        <v>44</v>
      </c>
      <c r="AC639" s="2"/>
      <c r="AD639" s="1"/>
    </row>
    <row r="640" spans="1:30">
      <c r="A640" s="5" t="s">
        <v>83578</v>
      </c>
      <c r="B640" s="2" t="s">
        <v>85493</v>
      </c>
      <c r="C640" s="14" t="s">
        <v>85494</v>
      </c>
      <c r="D640" s="2" t="s">
        <v>85495</v>
      </c>
      <c r="E640" s="2" t="s">
        <v>7619</v>
      </c>
      <c r="F640" s="8">
        <v>272</v>
      </c>
      <c r="G640" s="5">
        <v>6</v>
      </c>
      <c r="H640" s="5" t="s">
        <v>1518</v>
      </c>
      <c r="I640" s="5" t="s">
        <v>1519</v>
      </c>
      <c r="J640" s="2" t="s">
        <v>1520</v>
      </c>
      <c r="K640" s="5" t="s">
        <v>1519</v>
      </c>
      <c r="L640" s="2" t="s">
        <v>1520</v>
      </c>
      <c r="M640" s="5" t="s">
        <v>1521</v>
      </c>
      <c r="N640" s="5" t="s">
        <v>38</v>
      </c>
      <c r="O640" s="5" t="s">
        <v>39</v>
      </c>
      <c r="P640" s="5" t="s">
        <v>40</v>
      </c>
      <c r="Q640" s="5" t="s">
        <v>1522</v>
      </c>
      <c r="R640" s="5" t="s">
        <v>1523</v>
      </c>
      <c r="S640" s="5" t="s">
        <v>42</v>
      </c>
      <c r="T640" s="2">
        <v>2.8279999999999998</v>
      </c>
      <c r="U640" s="2">
        <v>2.2930000000000001</v>
      </c>
      <c r="V640" s="2">
        <v>1.4999999999999999E-2</v>
      </c>
      <c r="W640" s="2">
        <v>118.9</v>
      </c>
      <c r="X640" s="2">
        <v>7.6</v>
      </c>
      <c r="Y640" s="2">
        <v>16.7</v>
      </c>
      <c r="Z640" s="5"/>
      <c r="AA640" s="5" t="s">
        <v>43</v>
      </c>
      <c r="AB640" s="5" t="s">
        <v>44</v>
      </c>
      <c r="AC640" s="2"/>
      <c r="AD640" s="1"/>
    </row>
    <row r="641" spans="1:30">
      <c r="A641" s="5" t="s">
        <v>83578</v>
      </c>
      <c r="B641" s="2" t="s">
        <v>85496</v>
      </c>
      <c r="C641" s="14" t="s">
        <v>85497</v>
      </c>
      <c r="D641" s="2" t="s">
        <v>85498</v>
      </c>
      <c r="E641" s="2" t="s">
        <v>16235</v>
      </c>
      <c r="F641" s="8">
        <v>272</v>
      </c>
      <c r="G641" s="5">
        <v>6</v>
      </c>
      <c r="H641" s="5" t="s">
        <v>1518</v>
      </c>
      <c r="I641" s="5" t="s">
        <v>1519</v>
      </c>
      <c r="J641" s="2" t="s">
        <v>1520</v>
      </c>
      <c r="K641" s="5" t="s">
        <v>1519</v>
      </c>
      <c r="L641" s="2" t="s">
        <v>1520</v>
      </c>
      <c r="M641" s="5" t="s">
        <v>1521</v>
      </c>
      <c r="N641" s="5" t="s">
        <v>38</v>
      </c>
      <c r="O641" s="5" t="s">
        <v>39</v>
      </c>
      <c r="P641" s="5" t="s">
        <v>40</v>
      </c>
      <c r="Q641" s="5" t="s">
        <v>1522</v>
      </c>
      <c r="R641" s="5" t="s">
        <v>1523</v>
      </c>
      <c r="S641" s="5" t="s">
        <v>42</v>
      </c>
      <c r="T641" s="2">
        <v>2.8010000000000002</v>
      </c>
      <c r="U641" s="2">
        <v>2.266</v>
      </c>
      <c r="V641" s="2">
        <v>1.4999999999999999E-2</v>
      </c>
      <c r="W641" s="2">
        <v>118.9</v>
      </c>
      <c r="X641" s="2">
        <v>7.6</v>
      </c>
      <c r="Y641" s="2">
        <v>16.7</v>
      </c>
      <c r="Z641" s="5"/>
      <c r="AA641" s="5" t="s">
        <v>43</v>
      </c>
      <c r="AB641" s="5" t="s">
        <v>44</v>
      </c>
      <c r="AC641" s="2"/>
      <c r="AD641" s="1"/>
    </row>
    <row r="642" spans="1:30">
      <c r="A642" s="5" t="s">
        <v>83578</v>
      </c>
      <c r="B642" s="2" t="s">
        <v>85499</v>
      </c>
      <c r="C642" s="14" t="s">
        <v>85500</v>
      </c>
      <c r="D642" s="2" t="s">
        <v>85501</v>
      </c>
      <c r="E642" s="2" t="s">
        <v>7547</v>
      </c>
      <c r="F642" s="8">
        <v>272</v>
      </c>
      <c r="G642" s="5">
        <v>6</v>
      </c>
      <c r="H642" s="5" t="s">
        <v>1518</v>
      </c>
      <c r="I642" s="5" t="s">
        <v>1519</v>
      </c>
      <c r="J642" s="2" t="s">
        <v>1520</v>
      </c>
      <c r="K642" s="5" t="s">
        <v>1519</v>
      </c>
      <c r="L642" s="2" t="s">
        <v>1520</v>
      </c>
      <c r="M642" s="5" t="s">
        <v>1521</v>
      </c>
      <c r="N642" s="5" t="s">
        <v>38</v>
      </c>
      <c r="O642" s="5" t="s">
        <v>39</v>
      </c>
      <c r="P642" s="5" t="s">
        <v>40</v>
      </c>
      <c r="Q642" s="5" t="s">
        <v>1522</v>
      </c>
      <c r="R642" s="5" t="s">
        <v>1523</v>
      </c>
      <c r="S642" s="5" t="s">
        <v>42</v>
      </c>
      <c r="T642" s="2">
        <v>2.9169999999999998</v>
      </c>
      <c r="U642" s="2">
        <v>2.39</v>
      </c>
      <c r="V642" s="2">
        <v>1.4999999999999999E-2</v>
      </c>
      <c r="W642" s="2">
        <v>118.9</v>
      </c>
      <c r="X642" s="2">
        <v>7.6</v>
      </c>
      <c r="Y642" s="2">
        <v>16.7</v>
      </c>
      <c r="Z642" s="5"/>
      <c r="AA642" s="5" t="s">
        <v>43</v>
      </c>
      <c r="AB642" s="5" t="s">
        <v>44</v>
      </c>
      <c r="AC642" s="2"/>
      <c r="AD642" s="1"/>
    </row>
    <row r="643" spans="1:30">
      <c r="A643" s="5" t="s">
        <v>83578</v>
      </c>
      <c r="B643" s="2" t="s">
        <v>85502</v>
      </c>
      <c r="C643" s="14" t="s">
        <v>85503</v>
      </c>
      <c r="D643" s="2" t="s">
        <v>85504</v>
      </c>
      <c r="E643" s="2" t="s">
        <v>7551</v>
      </c>
      <c r="F643" s="8">
        <v>272</v>
      </c>
      <c r="G643" s="5">
        <v>6</v>
      </c>
      <c r="H643" s="5" t="s">
        <v>1518</v>
      </c>
      <c r="I643" s="5" t="s">
        <v>1519</v>
      </c>
      <c r="J643" s="2" t="s">
        <v>1520</v>
      </c>
      <c r="K643" s="5" t="s">
        <v>1519</v>
      </c>
      <c r="L643" s="2" t="s">
        <v>1520</v>
      </c>
      <c r="M643" s="5" t="s">
        <v>1521</v>
      </c>
      <c r="N643" s="5" t="s">
        <v>38</v>
      </c>
      <c r="O643" s="5" t="s">
        <v>39</v>
      </c>
      <c r="P643" s="5" t="s">
        <v>40</v>
      </c>
      <c r="Q643" s="5" t="s">
        <v>1522</v>
      </c>
      <c r="R643" s="5" t="s">
        <v>1523</v>
      </c>
      <c r="S643" s="5" t="s">
        <v>42</v>
      </c>
      <c r="T643" s="2">
        <v>3.0030000000000001</v>
      </c>
      <c r="U643" s="2">
        <v>2.476</v>
      </c>
      <c r="V643" s="2">
        <v>1.4999999999999999E-2</v>
      </c>
      <c r="W643" s="2">
        <v>118.9</v>
      </c>
      <c r="X643" s="2">
        <v>7.6</v>
      </c>
      <c r="Y643" s="2">
        <v>16.7</v>
      </c>
      <c r="Z643" s="5"/>
      <c r="AA643" s="5" t="s">
        <v>43</v>
      </c>
      <c r="AB643" s="5" t="s">
        <v>44</v>
      </c>
      <c r="AC643" s="2"/>
      <c r="AD643" s="1"/>
    </row>
    <row r="644" spans="1:30">
      <c r="A644" s="5" t="s">
        <v>83578</v>
      </c>
      <c r="B644" s="2" t="s">
        <v>85505</v>
      </c>
      <c r="C644" s="14" t="s">
        <v>85506</v>
      </c>
      <c r="D644" s="2" t="s">
        <v>85507</v>
      </c>
      <c r="E644" s="2" t="s">
        <v>7555</v>
      </c>
      <c r="F644" s="8">
        <v>272</v>
      </c>
      <c r="G644" s="5">
        <v>6</v>
      </c>
      <c r="H644" s="5" t="s">
        <v>1518</v>
      </c>
      <c r="I644" s="5" t="s">
        <v>1519</v>
      </c>
      <c r="J644" s="2" t="s">
        <v>1520</v>
      </c>
      <c r="K644" s="5" t="s">
        <v>1519</v>
      </c>
      <c r="L644" s="2" t="s">
        <v>1520</v>
      </c>
      <c r="M644" s="5" t="s">
        <v>1521</v>
      </c>
      <c r="N644" s="5" t="s">
        <v>38</v>
      </c>
      <c r="O644" s="5" t="s">
        <v>39</v>
      </c>
      <c r="P644" s="5" t="s">
        <v>40</v>
      </c>
      <c r="Q644" s="5" t="s">
        <v>1522</v>
      </c>
      <c r="R644" s="5" t="s">
        <v>1523</v>
      </c>
      <c r="S644" s="5" t="s">
        <v>42</v>
      </c>
      <c r="T644" s="2">
        <v>2.9169999999999998</v>
      </c>
      <c r="U644" s="2">
        <v>2.39</v>
      </c>
      <c r="V644" s="2">
        <v>1.4999999999999999E-2</v>
      </c>
      <c r="W644" s="2">
        <v>118.9</v>
      </c>
      <c r="X644" s="2">
        <v>7.6</v>
      </c>
      <c r="Y644" s="2">
        <v>16.7</v>
      </c>
      <c r="Z644" s="5"/>
      <c r="AA644" s="5" t="s">
        <v>43</v>
      </c>
      <c r="AB644" s="5" t="s">
        <v>44</v>
      </c>
      <c r="AC644" s="2"/>
      <c r="AD644" s="1"/>
    </row>
    <row r="645" spans="1:30">
      <c r="A645" s="5" t="s">
        <v>83578</v>
      </c>
      <c r="B645" s="2" t="s">
        <v>85508</v>
      </c>
      <c r="C645" s="14" t="s">
        <v>85509</v>
      </c>
      <c r="D645" s="2" t="s">
        <v>85510</v>
      </c>
      <c r="E645" s="2" t="s">
        <v>7559</v>
      </c>
      <c r="F645" s="8">
        <v>272</v>
      </c>
      <c r="G645" s="5">
        <v>6</v>
      </c>
      <c r="H645" s="5" t="s">
        <v>1518</v>
      </c>
      <c r="I645" s="5" t="s">
        <v>1519</v>
      </c>
      <c r="J645" s="2" t="s">
        <v>1520</v>
      </c>
      <c r="K645" s="5" t="s">
        <v>1519</v>
      </c>
      <c r="L645" s="2" t="s">
        <v>1520</v>
      </c>
      <c r="M645" s="5" t="s">
        <v>1521</v>
      </c>
      <c r="N645" s="5" t="s">
        <v>38</v>
      </c>
      <c r="O645" s="5" t="s">
        <v>39</v>
      </c>
      <c r="P645" s="5" t="s">
        <v>40</v>
      </c>
      <c r="Q645" s="5" t="s">
        <v>1522</v>
      </c>
      <c r="R645" s="5" t="s">
        <v>1523</v>
      </c>
      <c r="S645" s="5" t="s">
        <v>42</v>
      </c>
      <c r="T645" s="2">
        <v>3.0030000000000001</v>
      </c>
      <c r="U645" s="2">
        <v>2.476</v>
      </c>
      <c r="V645" s="2">
        <v>1.4999999999999999E-2</v>
      </c>
      <c r="W645" s="2">
        <v>118.9</v>
      </c>
      <c r="X645" s="2">
        <v>7.6</v>
      </c>
      <c r="Y645" s="2">
        <v>16.7</v>
      </c>
      <c r="Z645" s="5"/>
      <c r="AA645" s="5" t="s">
        <v>43</v>
      </c>
      <c r="AB645" s="5" t="s">
        <v>44</v>
      </c>
      <c r="AC645" s="2"/>
      <c r="AD645" s="1"/>
    </row>
    <row r="646" spans="1:30">
      <c r="A646" s="5" t="s">
        <v>83578</v>
      </c>
      <c r="B646" s="2" t="s">
        <v>85511</v>
      </c>
      <c r="C646" s="14" t="s">
        <v>85512</v>
      </c>
      <c r="D646" s="2" t="s">
        <v>85513</v>
      </c>
      <c r="E646" s="2" t="s">
        <v>7567</v>
      </c>
      <c r="F646" s="8">
        <v>272</v>
      </c>
      <c r="G646" s="5">
        <v>6</v>
      </c>
      <c r="H646" s="5" t="s">
        <v>1518</v>
      </c>
      <c r="I646" s="5" t="s">
        <v>1519</v>
      </c>
      <c r="J646" s="2" t="s">
        <v>1520</v>
      </c>
      <c r="K646" s="5" t="s">
        <v>1519</v>
      </c>
      <c r="L646" s="2" t="s">
        <v>1520</v>
      </c>
      <c r="M646" s="5" t="s">
        <v>1521</v>
      </c>
      <c r="N646" s="5" t="s">
        <v>38</v>
      </c>
      <c r="O646" s="5" t="s">
        <v>39</v>
      </c>
      <c r="P646" s="5" t="s">
        <v>40</v>
      </c>
      <c r="Q646" s="5" t="s">
        <v>1522</v>
      </c>
      <c r="R646" s="5" t="s">
        <v>1523</v>
      </c>
      <c r="S646" s="5" t="s">
        <v>42</v>
      </c>
      <c r="T646" s="2">
        <v>3.0249999999999999</v>
      </c>
      <c r="U646" s="2">
        <v>2.4980000000000002</v>
      </c>
      <c r="V646" s="2">
        <v>1.4999999999999999E-2</v>
      </c>
      <c r="W646" s="2">
        <v>118.9</v>
      </c>
      <c r="X646" s="2">
        <v>7.6</v>
      </c>
      <c r="Y646" s="2">
        <v>16.7</v>
      </c>
      <c r="Z646" s="5"/>
      <c r="AA646" s="5" t="s">
        <v>43</v>
      </c>
      <c r="AB646" s="5" t="s">
        <v>44</v>
      </c>
      <c r="AC646" s="2"/>
      <c r="AD646" s="1"/>
    </row>
    <row r="647" spans="1:30">
      <c r="A647" s="5" t="s">
        <v>83578</v>
      </c>
      <c r="B647" s="2" t="s">
        <v>85514</v>
      </c>
      <c r="C647" s="14" t="s">
        <v>85515</v>
      </c>
      <c r="D647" s="2" t="s">
        <v>85516</v>
      </c>
      <c r="E647" s="2" t="s">
        <v>16079</v>
      </c>
      <c r="F647" s="8">
        <v>272</v>
      </c>
      <c r="G647" s="5">
        <v>6</v>
      </c>
      <c r="H647" s="5" t="s">
        <v>1518</v>
      </c>
      <c r="I647" s="5" t="s">
        <v>1519</v>
      </c>
      <c r="J647" s="2" t="s">
        <v>1520</v>
      </c>
      <c r="K647" s="5" t="s">
        <v>1519</v>
      </c>
      <c r="L647" s="2" t="s">
        <v>1520</v>
      </c>
      <c r="M647" s="5" t="s">
        <v>1521</v>
      </c>
      <c r="N647" s="5" t="s">
        <v>38</v>
      </c>
      <c r="O647" s="5" t="s">
        <v>39</v>
      </c>
      <c r="P647" s="5" t="s">
        <v>40</v>
      </c>
      <c r="Q647" s="5" t="s">
        <v>1522</v>
      </c>
      <c r="R647" s="5" t="s">
        <v>1523</v>
      </c>
      <c r="S647" s="5" t="s">
        <v>42</v>
      </c>
      <c r="T647" s="2">
        <v>2.9390000000000001</v>
      </c>
      <c r="U647" s="2">
        <v>2.4119999999999999</v>
      </c>
      <c r="V647" s="2">
        <v>1.4999999999999999E-2</v>
      </c>
      <c r="W647" s="2">
        <v>118.9</v>
      </c>
      <c r="X647" s="2">
        <v>7.6</v>
      </c>
      <c r="Y647" s="2">
        <v>16.7</v>
      </c>
      <c r="Z647" s="5"/>
      <c r="AA647" s="5" t="s">
        <v>43</v>
      </c>
      <c r="AB647" s="5" t="s">
        <v>44</v>
      </c>
      <c r="AC647" s="2"/>
      <c r="AD647" s="1"/>
    </row>
    <row r="648" spans="1:30">
      <c r="A648" s="5" t="s">
        <v>83578</v>
      </c>
      <c r="B648" s="2" t="s">
        <v>85517</v>
      </c>
      <c r="C648" s="14" t="s">
        <v>85518</v>
      </c>
      <c r="D648" s="2" t="s">
        <v>85519</v>
      </c>
      <c r="E648" s="2" t="s">
        <v>16194</v>
      </c>
      <c r="F648" s="8">
        <v>272</v>
      </c>
      <c r="G648" s="5">
        <v>6</v>
      </c>
      <c r="H648" s="5" t="s">
        <v>1518</v>
      </c>
      <c r="I648" s="5" t="s">
        <v>1519</v>
      </c>
      <c r="J648" s="2" t="s">
        <v>1520</v>
      </c>
      <c r="K648" s="5" t="s">
        <v>1519</v>
      </c>
      <c r="L648" s="2" t="s">
        <v>1520</v>
      </c>
      <c r="M648" s="5" t="s">
        <v>1521</v>
      </c>
      <c r="N648" s="5" t="s">
        <v>38</v>
      </c>
      <c r="O648" s="5" t="s">
        <v>39</v>
      </c>
      <c r="P648" s="5" t="s">
        <v>40</v>
      </c>
      <c r="Q648" s="5" t="s">
        <v>1522</v>
      </c>
      <c r="R648" s="5" t="s">
        <v>1523</v>
      </c>
      <c r="S648" s="5" t="s">
        <v>42</v>
      </c>
      <c r="T648" s="2">
        <v>3.0249999999999999</v>
      </c>
      <c r="U648" s="2">
        <v>2.4980000000000002</v>
      </c>
      <c r="V648" s="2">
        <v>1.4999999999999999E-2</v>
      </c>
      <c r="W648" s="2">
        <v>118.9</v>
      </c>
      <c r="X648" s="2">
        <v>7.6</v>
      </c>
      <c r="Y648" s="2">
        <v>16.7</v>
      </c>
      <c r="Z648" s="5"/>
      <c r="AA648" s="5" t="s">
        <v>43</v>
      </c>
      <c r="AB648" s="5" t="s">
        <v>44</v>
      </c>
      <c r="AC648" s="2"/>
      <c r="AD648" s="1"/>
    </row>
    <row r="649" spans="1:30">
      <c r="A649" s="5" t="s">
        <v>83578</v>
      </c>
      <c r="B649" s="2" t="s">
        <v>85520</v>
      </c>
      <c r="C649" s="14" t="s">
        <v>85521</v>
      </c>
      <c r="D649" s="2" t="s">
        <v>85522</v>
      </c>
      <c r="E649" s="2" t="s">
        <v>7581</v>
      </c>
      <c r="F649" s="8">
        <v>272</v>
      </c>
      <c r="G649" s="5">
        <v>6</v>
      </c>
      <c r="H649" s="5" t="s">
        <v>1518</v>
      </c>
      <c r="I649" s="5" t="s">
        <v>1519</v>
      </c>
      <c r="J649" s="2" t="s">
        <v>1520</v>
      </c>
      <c r="K649" s="5" t="s">
        <v>1519</v>
      </c>
      <c r="L649" s="2" t="s">
        <v>1520</v>
      </c>
      <c r="M649" s="5" t="s">
        <v>1521</v>
      </c>
      <c r="N649" s="5" t="s">
        <v>38</v>
      </c>
      <c r="O649" s="5" t="s">
        <v>39</v>
      </c>
      <c r="P649" s="5" t="s">
        <v>40</v>
      </c>
      <c r="Q649" s="5" t="s">
        <v>1522</v>
      </c>
      <c r="R649" s="5" t="s">
        <v>1523</v>
      </c>
      <c r="S649" s="5" t="s">
        <v>42</v>
      </c>
      <c r="T649" s="2">
        <v>3.0249999999999999</v>
      </c>
      <c r="U649" s="2">
        <v>2.4980000000000002</v>
      </c>
      <c r="V649" s="2">
        <v>1.4999999999999999E-2</v>
      </c>
      <c r="W649" s="2">
        <v>118.9</v>
      </c>
      <c r="X649" s="2">
        <v>7.6</v>
      </c>
      <c r="Y649" s="2">
        <v>16.7</v>
      </c>
      <c r="Z649" s="5"/>
      <c r="AA649" s="5" t="s">
        <v>43</v>
      </c>
      <c r="AB649" s="5" t="s">
        <v>44</v>
      </c>
      <c r="AC649" s="2"/>
      <c r="AD649" s="1"/>
    </row>
    <row r="650" spans="1:30">
      <c r="A650" s="5" t="s">
        <v>83578</v>
      </c>
      <c r="B650" s="2" t="s">
        <v>85523</v>
      </c>
      <c r="C650" s="14" t="s">
        <v>85524</v>
      </c>
      <c r="D650" s="2" t="s">
        <v>85525</v>
      </c>
      <c r="E650" s="2" t="s">
        <v>7589</v>
      </c>
      <c r="F650" s="8">
        <v>272</v>
      </c>
      <c r="G650" s="5">
        <v>6</v>
      </c>
      <c r="H650" s="5" t="s">
        <v>1518</v>
      </c>
      <c r="I650" s="5" t="s">
        <v>1519</v>
      </c>
      <c r="J650" s="2" t="s">
        <v>1520</v>
      </c>
      <c r="K650" s="5" t="s">
        <v>1519</v>
      </c>
      <c r="L650" s="2" t="s">
        <v>1520</v>
      </c>
      <c r="M650" s="5" t="s">
        <v>1521</v>
      </c>
      <c r="N650" s="5" t="s">
        <v>38</v>
      </c>
      <c r="O650" s="5" t="s">
        <v>39</v>
      </c>
      <c r="P650" s="5" t="s">
        <v>40</v>
      </c>
      <c r="Q650" s="5" t="s">
        <v>1522</v>
      </c>
      <c r="R650" s="5" t="s">
        <v>1523</v>
      </c>
      <c r="S650" s="5" t="s">
        <v>42</v>
      </c>
      <c r="T650" s="2">
        <v>3.0030000000000001</v>
      </c>
      <c r="U650" s="2">
        <v>2.476</v>
      </c>
      <c r="V650" s="2">
        <v>1.4999999999999999E-2</v>
      </c>
      <c r="W650" s="2">
        <v>118.9</v>
      </c>
      <c r="X650" s="2">
        <v>7.6</v>
      </c>
      <c r="Y650" s="2">
        <v>16.7</v>
      </c>
      <c r="Z650" s="5"/>
      <c r="AA650" s="5" t="s">
        <v>43</v>
      </c>
      <c r="AB650" s="5" t="s">
        <v>44</v>
      </c>
      <c r="AC650" s="2"/>
      <c r="AD650" s="1"/>
    </row>
    <row r="651" spans="1:30">
      <c r="A651" s="5" t="s">
        <v>83578</v>
      </c>
      <c r="B651" s="2" t="s">
        <v>85526</v>
      </c>
      <c r="C651" s="14" t="s">
        <v>85527</v>
      </c>
      <c r="D651" s="2" t="s">
        <v>85528</v>
      </c>
      <c r="E651" s="2" t="s">
        <v>7597</v>
      </c>
      <c r="F651" s="8">
        <v>272</v>
      </c>
      <c r="G651" s="5">
        <v>6</v>
      </c>
      <c r="H651" s="5" t="s">
        <v>1518</v>
      </c>
      <c r="I651" s="5" t="s">
        <v>1519</v>
      </c>
      <c r="J651" s="2" t="s">
        <v>1520</v>
      </c>
      <c r="K651" s="5" t="s">
        <v>1519</v>
      </c>
      <c r="L651" s="2" t="s">
        <v>1520</v>
      </c>
      <c r="M651" s="5" t="s">
        <v>1521</v>
      </c>
      <c r="N651" s="5" t="s">
        <v>38</v>
      </c>
      <c r="O651" s="5" t="s">
        <v>39</v>
      </c>
      <c r="P651" s="5" t="s">
        <v>40</v>
      </c>
      <c r="Q651" s="5" t="s">
        <v>1522</v>
      </c>
      <c r="R651" s="5" t="s">
        <v>1523</v>
      </c>
      <c r="S651" s="5" t="s">
        <v>42</v>
      </c>
      <c r="T651" s="2">
        <v>3.0249999999999999</v>
      </c>
      <c r="U651" s="2">
        <v>2.4980000000000002</v>
      </c>
      <c r="V651" s="2">
        <v>1.4999999999999999E-2</v>
      </c>
      <c r="W651" s="2">
        <v>118.9</v>
      </c>
      <c r="X651" s="2">
        <v>7.6</v>
      </c>
      <c r="Y651" s="2">
        <v>16.7</v>
      </c>
      <c r="Z651" s="5"/>
      <c r="AA651" s="5" t="s">
        <v>43</v>
      </c>
      <c r="AB651" s="5" t="s">
        <v>44</v>
      </c>
      <c r="AC651" s="2"/>
      <c r="AD651" s="1"/>
    </row>
    <row r="652" spans="1:30">
      <c r="A652" s="5" t="s">
        <v>83578</v>
      </c>
      <c r="B652" s="2" t="s">
        <v>85529</v>
      </c>
      <c r="C652" s="14" t="s">
        <v>85530</v>
      </c>
      <c r="D652" s="2" t="s">
        <v>85531</v>
      </c>
      <c r="E652" s="2" t="s">
        <v>16014</v>
      </c>
      <c r="F652" s="8">
        <v>272</v>
      </c>
      <c r="G652" s="5">
        <v>6</v>
      </c>
      <c r="H652" s="5" t="s">
        <v>1518</v>
      </c>
      <c r="I652" s="5" t="s">
        <v>1519</v>
      </c>
      <c r="J652" s="2" t="s">
        <v>1520</v>
      </c>
      <c r="K652" s="5" t="s">
        <v>1519</v>
      </c>
      <c r="L652" s="2" t="s">
        <v>1520</v>
      </c>
      <c r="M652" s="5" t="s">
        <v>1521</v>
      </c>
      <c r="N652" s="5" t="s">
        <v>38</v>
      </c>
      <c r="O652" s="5" t="s">
        <v>39</v>
      </c>
      <c r="P652" s="5" t="s">
        <v>40</v>
      </c>
      <c r="Q652" s="5" t="s">
        <v>1522</v>
      </c>
      <c r="R652" s="5" t="s">
        <v>1523</v>
      </c>
      <c r="S652" s="5" t="s">
        <v>42</v>
      </c>
      <c r="T652" s="2">
        <v>2.9390000000000001</v>
      </c>
      <c r="U652" s="2">
        <v>2.4119999999999999</v>
      </c>
      <c r="V652" s="2">
        <v>1.4999999999999999E-2</v>
      </c>
      <c r="W652" s="2">
        <v>118.9</v>
      </c>
      <c r="X652" s="2">
        <v>7.6</v>
      </c>
      <c r="Y652" s="2">
        <v>16.7</v>
      </c>
      <c r="Z652" s="5"/>
      <c r="AA652" s="5" t="s">
        <v>43</v>
      </c>
      <c r="AB652" s="5" t="s">
        <v>44</v>
      </c>
      <c r="AC652" s="2"/>
      <c r="AD652" s="1"/>
    </row>
    <row r="653" spans="1:30">
      <c r="A653" s="5" t="s">
        <v>83578</v>
      </c>
      <c r="B653" s="2" t="s">
        <v>85532</v>
      </c>
      <c r="C653" s="14" t="s">
        <v>85533</v>
      </c>
      <c r="D653" s="2" t="s">
        <v>85534</v>
      </c>
      <c r="E653" s="2" t="s">
        <v>16219</v>
      </c>
      <c r="F653" s="8">
        <v>272</v>
      </c>
      <c r="G653" s="5">
        <v>6</v>
      </c>
      <c r="H653" s="5" t="s">
        <v>1518</v>
      </c>
      <c r="I653" s="5" t="s">
        <v>1519</v>
      </c>
      <c r="J653" s="2" t="s">
        <v>1520</v>
      </c>
      <c r="K653" s="5" t="s">
        <v>1519</v>
      </c>
      <c r="L653" s="2" t="s">
        <v>1520</v>
      </c>
      <c r="M653" s="5" t="s">
        <v>1521</v>
      </c>
      <c r="N653" s="5" t="s">
        <v>38</v>
      </c>
      <c r="O653" s="5" t="s">
        <v>39</v>
      </c>
      <c r="P653" s="5" t="s">
        <v>40</v>
      </c>
      <c r="Q653" s="5" t="s">
        <v>1522</v>
      </c>
      <c r="R653" s="5" t="s">
        <v>1523</v>
      </c>
      <c r="S653" s="5" t="s">
        <v>42</v>
      </c>
      <c r="T653" s="2">
        <v>3.0249999999999999</v>
      </c>
      <c r="U653" s="2">
        <v>2.4980000000000002</v>
      </c>
      <c r="V653" s="2">
        <v>1.4999999999999999E-2</v>
      </c>
      <c r="W653" s="2">
        <v>118.9</v>
      </c>
      <c r="X653" s="2">
        <v>7.6</v>
      </c>
      <c r="Y653" s="2">
        <v>16.7</v>
      </c>
      <c r="Z653" s="5"/>
      <c r="AA653" s="5" t="s">
        <v>43</v>
      </c>
      <c r="AB653" s="5" t="s">
        <v>44</v>
      </c>
      <c r="AC653" s="2"/>
      <c r="AD653" s="1"/>
    </row>
    <row r="654" spans="1:30">
      <c r="A654" s="5" t="s">
        <v>83578</v>
      </c>
      <c r="B654" s="2" t="s">
        <v>85535</v>
      </c>
      <c r="C654" s="14" t="s">
        <v>85536</v>
      </c>
      <c r="D654" s="2" t="s">
        <v>85537</v>
      </c>
      <c r="E654" s="2" t="s">
        <v>16018</v>
      </c>
      <c r="F654" s="8">
        <v>272</v>
      </c>
      <c r="G654" s="5">
        <v>6</v>
      </c>
      <c r="H654" s="5" t="s">
        <v>1518</v>
      </c>
      <c r="I654" s="5" t="s">
        <v>1519</v>
      </c>
      <c r="J654" s="2" t="s">
        <v>1520</v>
      </c>
      <c r="K654" s="5" t="s">
        <v>1519</v>
      </c>
      <c r="L654" s="2" t="s">
        <v>1520</v>
      </c>
      <c r="M654" s="5" t="s">
        <v>1521</v>
      </c>
      <c r="N654" s="5" t="s">
        <v>38</v>
      </c>
      <c r="O654" s="5" t="s">
        <v>39</v>
      </c>
      <c r="P654" s="5" t="s">
        <v>40</v>
      </c>
      <c r="Q654" s="5" t="s">
        <v>1522</v>
      </c>
      <c r="R654" s="5" t="s">
        <v>1523</v>
      </c>
      <c r="S654" s="5" t="s">
        <v>42</v>
      </c>
      <c r="T654" s="2">
        <v>2.9390000000000001</v>
      </c>
      <c r="U654" s="2">
        <v>2.4119999999999999</v>
      </c>
      <c r="V654" s="2">
        <v>1.4999999999999999E-2</v>
      </c>
      <c r="W654" s="2">
        <v>118.9</v>
      </c>
      <c r="X654" s="2">
        <v>7.6</v>
      </c>
      <c r="Y654" s="2">
        <v>16.7</v>
      </c>
      <c r="Z654" s="5"/>
      <c r="AA654" s="5" t="s">
        <v>43</v>
      </c>
      <c r="AB654" s="5" t="s">
        <v>44</v>
      </c>
      <c r="AC654" s="2"/>
      <c r="AD654" s="1"/>
    </row>
    <row r="655" spans="1:30">
      <c r="A655" s="5" t="s">
        <v>83578</v>
      </c>
      <c r="B655" s="2" t="s">
        <v>85538</v>
      </c>
      <c r="C655" s="14" t="s">
        <v>85539</v>
      </c>
      <c r="D655" s="2" t="s">
        <v>85540</v>
      </c>
      <c r="E655" s="2" t="s">
        <v>16022</v>
      </c>
      <c r="F655" s="8">
        <v>272</v>
      </c>
      <c r="G655" s="5">
        <v>6</v>
      </c>
      <c r="H655" s="5" t="s">
        <v>1518</v>
      </c>
      <c r="I655" s="5" t="s">
        <v>1519</v>
      </c>
      <c r="J655" s="2" t="s">
        <v>1520</v>
      </c>
      <c r="K655" s="5" t="s">
        <v>1519</v>
      </c>
      <c r="L655" s="2" t="s">
        <v>1520</v>
      </c>
      <c r="M655" s="5" t="s">
        <v>1521</v>
      </c>
      <c r="N655" s="5" t="s">
        <v>38</v>
      </c>
      <c r="O655" s="5" t="s">
        <v>39</v>
      </c>
      <c r="P655" s="5" t="s">
        <v>40</v>
      </c>
      <c r="Q655" s="5" t="s">
        <v>1522</v>
      </c>
      <c r="R655" s="5" t="s">
        <v>1523</v>
      </c>
      <c r="S655" s="5" t="s">
        <v>42</v>
      </c>
      <c r="T655" s="2">
        <v>3.0249999999999999</v>
      </c>
      <c r="U655" s="2">
        <v>2.4980000000000002</v>
      </c>
      <c r="V655" s="2">
        <v>1.4999999999999999E-2</v>
      </c>
      <c r="W655" s="2">
        <v>118.9</v>
      </c>
      <c r="X655" s="2">
        <v>7.6</v>
      </c>
      <c r="Y655" s="2">
        <v>16.7</v>
      </c>
      <c r="Z655" s="5"/>
      <c r="AA655" s="5" t="s">
        <v>43</v>
      </c>
      <c r="AB655" s="5" t="s">
        <v>44</v>
      </c>
      <c r="AC655" s="2"/>
      <c r="AD655" s="1"/>
    </row>
    <row r="656" spans="1:30">
      <c r="A656" s="5" t="s">
        <v>83578</v>
      </c>
      <c r="B656" s="2" t="s">
        <v>85541</v>
      </c>
      <c r="C656" s="14" t="s">
        <v>85542</v>
      </c>
      <c r="D656" s="2" t="s">
        <v>85543</v>
      </c>
      <c r="E656" s="2" t="s">
        <v>16235</v>
      </c>
      <c r="F656" s="8">
        <v>272</v>
      </c>
      <c r="G656" s="5">
        <v>6</v>
      </c>
      <c r="H656" s="5" t="s">
        <v>1518</v>
      </c>
      <c r="I656" s="5" t="s">
        <v>1519</v>
      </c>
      <c r="J656" s="2" t="s">
        <v>1520</v>
      </c>
      <c r="K656" s="5" t="s">
        <v>1519</v>
      </c>
      <c r="L656" s="2" t="s">
        <v>1520</v>
      </c>
      <c r="M656" s="5" t="s">
        <v>1521</v>
      </c>
      <c r="N656" s="5" t="s">
        <v>38</v>
      </c>
      <c r="O656" s="5" t="s">
        <v>39</v>
      </c>
      <c r="P656" s="5" t="s">
        <v>40</v>
      </c>
      <c r="Q656" s="5" t="s">
        <v>1522</v>
      </c>
      <c r="R656" s="5" t="s">
        <v>1523</v>
      </c>
      <c r="S656" s="5" t="s">
        <v>42</v>
      </c>
      <c r="T656" s="2">
        <v>2.9769999999999999</v>
      </c>
      <c r="U656" s="2">
        <v>2.4500000000000002</v>
      </c>
      <c r="V656" s="2">
        <v>1.4999999999999999E-2</v>
      </c>
      <c r="W656" s="2">
        <v>118.9</v>
      </c>
      <c r="X656" s="2">
        <v>7.6</v>
      </c>
      <c r="Y656" s="2">
        <v>16.7</v>
      </c>
      <c r="Z656" s="5"/>
      <c r="AA656" s="5" t="s">
        <v>43</v>
      </c>
      <c r="AB656" s="5" t="s">
        <v>44</v>
      </c>
      <c r="AC656" s="2"/>
      <c r="AD656" s="1"/>
    </row>
    <row r="657" spans="1:30">
      <c r="A657" s="5" t="s">
        <v>83578</v>
      </c>
      <c r="B657" s="2" t="s">
        <v>85544</v>
      </c>
      <c r="C657" s="14" t="s">
        <v>85545</v>
      </c>
      <c r="D657" s="2" t="s">
        <v>85546</v>
      </c>
      <c r="E657" s="2" t="s">
        <v>7543</v>
      </c>
      <c r="F657" s="8">
        <v>283</v>
      </c>
      <c r="G657" s="5">
        <v>6</v>
      </c>
      <c r="H657" s="5" t="s">
        <v>1518</v>
      </c>
      <c r="I657" s="5" t="s">
        <v>1519</v>
      </c>
      <c r="J657" s="2" t="s">
        <v>1520</v>
      </c>
      <c r="K657" s="5" t="s">
        <v>1519</v>
      </c>
      <c r="L657" s="2" t="s">
        <v>1520</v>
      </c>
      <c r="M657" s="5" t="s">
        <v>1521</v>
      </c>
      <c r="N657" s="5" t="s">
        <v>38</v>
      </c>
      <c r="O657" s="5" t="s">
        <v>39</v>
      </c>
      <c r="P657" s="5" t="s">
        <v>40</v>
      </c>
      <c r="Q657" s="5" t="s">
        <v>1522</v>
      </c>
      <c r="R657" s="5" t="s">
        <v>1523</v>
      </c>
      <c r="S657" s="5" t="s">
        <v>42</v>
      </c>
      <c r="T657" s="2">
        <v>3.21</v>
      </c>
      <c r="U657" s="2">
        <v>2.6920000000000002</v>
      </c>
      <c r="V657" s="2">
        <v>1.4999999999999999E-2</v>
      </c>
      <c r="W657" s="2">
        <v>118.9</v>
      </c>
      <c r="X657" s="2">
        <v>7.6</v>
      </c>
      <c r="Y657" s="2">
        <v>16.7</v>
      </c>
      <c r="Z657" s="5"/>
      <c r="AA657" s="5" t="s">
        <v>43</v>
      </c>
      <c r="AB657" s="5" t="s">
        <v>44</v>
      </c>
      <c r="AC657" s="2"/>
      <c r="AD657" s="1"/>
    </row>
    <row r="658" spans="1:30">
      <c r="A658" s="5" t="s">
        <v>83578</v>
      </c>
      <c r="B658" s="2" t="s">
        <v>85547</v>
      </c>
      <c r="C658" s="14" t="s">
        <v>85548</v>
      </c>
      <c r="D658" s="2" t="s">
        <v>85549</v>
      </c>
      <c r="E658" s="2" t="s">
        <v>7547</v>
      </c>
      <c r="F658" s="8">
        <v>283</v>
      </c>
      <c r="G658" s="5">
        <v>6</v>
      </c>
      <c r="H658" s="5" t="s">
        <v>1518</v>
      </c>
      <c r="I658" s="5" t="s">
        <v>1519</v>
      </c>
      <c r="J658" s="2" t="s">
        <v>1520</v>
      </c>
      <c r="K658" s="5" t="s">
        <v>1519</v>
      </c>
      <c r="L658" s="2" t="s">
        <v>1520</v>
      </c>
      <c r="M658" s="5" t="s">
        <v>1521</v>
      </c>
      <c r="N658" s="5" t="s">
        <v>38</v>
      </c>
      <c r="O658" s="5" t="s">
        <v>39</v>
      </c>
      <c r="P658" s="5" t="s">
        <v>40</v>
      </c>
      <c r="Q658" s="5" t="s">
        <v>1522</v>
      </c>
      <c r="R658" s="5" t="s">
        <v>1523</v>
      </c>
      <c r="S658" s="5" t="s">
        <v>42</v>
      </c>
      <c r="T658" s="2">
        <v>3.0830000000000002</v>
      </c>
      <c r="U658" s="2">
        <v>2.5649999999999999</v>
      </c>
      <c r="V658" s="2">
        <v>1.4999999999999999E-2</v>
      </c>
      <c r="W658" s="2">
        <v>118.9</v>
      </c>
      <c r="X658" s="2">
        <v>7.6</v>
      </c>
      <c r="Y658" s="2">
        <v>16.7</v>
      </c>
      <c r="Z658" s="5"/>
      <c r="AA658" s="5" t="s">
        <v>43</v>
      </c>
      <c r="AB658" s="5" t="s">
        <v>44</v>
      </c>
      <c r="AC658" s="2"/>
      <c r="AD658" s="1"/>
    </row>
    <row r="659" spans="1:30">
      <c r="A659" s="5" t="s">
        <v>83578</v>
      </c>
      <c r="B659" s="2" t="s">
        <v>85550</v>
      </c>
      <c r="C659" s="14" t="s">
        <v>85551</v>
      </c>
      <c r="D659" s="2" t="s">
        <v>85552</v>
      </c>
      <c r="E659" s="2" t="s">
        <v>7551</v>
      </c>
      <c r="F659" s="8">
        <v>283</v>
      </c>
      <c r="G659" s="5">
        <v>6</v>
      </c>
      <c r="H659" s="5" t="s">
        <v>1518</v>
      </c>
      <c r="I659" s="5" t="s">
        <v>1519</v>
      </c>
      <c r="J659" s="2" t="s">
        <v>1520</v>
      </c>
      <c r="K659" s="5" t="s">
        <v>1519</v>
      </c>
      <c r="L659" s="2" t="s">
        <v>1520</v>
      </c>
      <c r="M659" s="5" t="s">
        <v>1521</v>
      </c>
      <c r="N659" s="5" t="s">
        <v>38</v>
      </c>
      <c r="O659" s="5" t="s">
        <v>39</v>
      </c>
      <c r="P659" s="5" t="s">
        <v>40</v>
      </c>
      <c r="Q659" s="5" t="s">
        <v>1522</v>
      </c>
      <c r="R659" s="5" t="s">
        <v>1523</v>
      </c>
      <c r="S659" s="5" t="s">
        <v>42</v>
      </c>
      <c r="T659" s="2">
        <v>3.1829999999999998</v>
      </c>
      <c r="U659" s="2">
        <v>2.665</v>
      </c>
      <c r="V659" s="2">
        <v>1.4999999999999999E-2</v>
      </c>
      <c r="W659" s="2">
        <v>118.9</v>
      </c>
      <c r="X659" s="2">
        <v>7.6</v>
      </c>
      <c r="Y659" s="2">
        <v>16.7</v>
      </c>
      <c r="Z659" s="5"/>
      <c r="AA659" s="5" t="s">
        <v>43</v>
      </c>
      <c r="AB659" s="5" t="s">
        <v>44</v>
      </c>
      <c r="AC659" s="2"/>
      <c r="AD659" s="1"/>
    </row>
    <row r="660" spans="1:30">
      <c r="A660" s="5" t="s">
        <v>83578</v>
      </c>
      <c r="B660" s="2" t="s">
        <v>85553</v>
      </c>
      <c r="C660" s="14" t="s">
        <v>85554</v>
      </c>
      <c r="D660" s="2" t="s">
        <v>85555</v>
      </c>
      <c r="E660" s="2" t="s">
        <v>7559</v>
      </c>
      <c r="F660" s="8">
        <v>283</v>
      </c>
      <c r="G660" s="5">
        <v>6</v>
      </c>
      <c r="H660" s="5" t="s">
        <v>1518</v>
      </c>
      <c r="I660" s="5" t="s">
        <v>1519</v>
      </c>
      <c r="J660" s="2" t="s">
        <v>1520</v>
      </c>
      <c r="K660" s="5" t="s">
        <v>1519</v>
      </c>
      <c r="L660" s="2" t="s">
        <v>1520</v>
      </c>
      <c r="M660" s="5" t="s">
        <v>1521</v>
      </c>
      <c r="N660" s="5" t="s">
        <v>38</v>
      </c>
      <c r="O660" s="5" t="s">
        <v>39</v>
      </c>
      <c r="P660" s="5" t="s">
        <v>40</v>
      </c>
      <c r="Q660" s="5" t="s">
        <v>1522</v>
      </c>
      <c r="R660" s="5" t="s">
        <v>1523</v>
      </c>
      <c r="S660" s="5" t="s">
        <v>42</v>
      </c>
      <c r="T660" s="2">
        <v>3.1829999999999998</v>
      </c>
      <c r="U660" s="2">
        <v>2.665</v>
      </c>
      <c r="V660" s="2">
        <v>1.4999999999999999E-2</v>
      </c>
      <c r="W660" s="2">
        <v>118.9</v>
      </c>
      <c r="X660" s="2">
        <v>7.6</v>
      </c>
      <c r="Y660" s="2">
        <v>16.7</v>
      </c>
      <c r="Z660" s="5"/>
      <c r="AA660" s="5" t="s">
        <v>43</v>
      </c>
      <c r="AB660" s="5" t="s">
        <v>44</v>
      </c>
      <c r="AC660" s="2"/>
      <c r="AD660" s="1"/>
    </row>
    <row r="661" spans="1:30">
      <c r="A661" s="5" t="s">
        <v>83578</v>
      </c>
      <c r="B661" s="2" t="s">
        <v>85556</v>
      </c>
      <c r="C661" s="14" t="s">
        <v>85557</v>
      </c>
      <c r="D661" s="2" t="s">
        <v>85558</v>
      </c>
      <c r="E661" s="2" t="s">
        <v>7563</v>
      </c>
      <c r="F661" s="8">
        <v>283</v>
      </c>
      <c r="G661" s="5">
        <v>6</v>
      </c>
      <c r="H661" s="5" t="s">
        <v>1518</v>
      </c>
      <c r="I661" s="5" t="s">
        <v>1519</v>
      </c>
      <c r="J661" s="2" t="s">
        <v>1520</v>
      </c>
      <c r="K661" s="5" t="s">
        <v>1519</v>
      </c>
      <c r="L661" s="2" t="s">
        <v>1520</v>
      </c>
      <c r="M661" s="5" t="s">
        <v>1521</v>
      </c>
      <c r="N661" s="5" t="s">
        <v>38</v>
      </c>
      <c r="O661" s="5" t="s">
        <v>39</v>
      </c>
      <c r="P661" s="5" t="s">
        <v>40</v>
      </c>
      <c r="Q661" s="5" t="s">
        <v>1522</v>
      </c>
      <c r="R661" s="5" t="s">
        <v>1523</v>
      </c>
      <c r="S661" s="5" t="s">
        <v>42</v>
      </c>
      <c r="T661" s="2">
        <v>3.11</v>
      </c>
      <c r="U661" s="2">
        <v>2.5920000000000001</v>
      </c>
      <c r="V661" s="2">
        <v>1.4999999999999999E-2</v>
      </c>
      <c r="W661" s="2">
        <v>118.9</v>
      </c>
      <c r="X661" s="2">
        <v>7.6</v>
      </c>
      <c r="Y661" s="2">
        <v>16.7</v>
      </c>
      <c r="Z661" s="5"/>
      <c r="AA661" s="5" t="s">
        <v>43</v>
      </c>
      <c r="AB661" s="5" t="s">
        <v>44</v>
      </c>
      <c r="AC661" s="2"/>
      <c r="AD661" s="1"/>
    </row>
    <row r="662" spans="1:30">
      <c r="A662" s="5" t="s">
        <v>83578</v>
      </c>
      <c r="B662" s="2" t="s">
        <v>85559</v>
      </c>
      <c r="C662" s="14" t="s">
        <v>85560</v>
      </c>
      <c r="D662" s="2" t="s">
        <v>85561</v>
      </c>
      <c r="E662" s="2" t="s">
        <v>7567</v>
      </c>
      <c r="F662" s="8">
        <v>283</v>
      </c>
      <c r="G662" s="5">
        <v>6</v>
      </c>
      <c r="H662" s="5" t="s">
        <v>1518</v>
      </c>
      <c r="I662" s="5" t="s">
        <v>1519</v>
      </c>
      <c r="J662" s="2" t="s">
        <v>1520</v>
      </c>
      <c r="K662" s="5" t="s">
        <v>1519</v>
      </c>
      <c r="L662" s="2" t="s">
        <v>1520</v>
      </c>
      <c r="M662" s="5" t="s">
        <v>1521</v>
      </c>
      <c r="N662" s="5" t="s">
        <v>38</v>
      </c>
      <c r="O662" s="5" t="s">
        <v>39</v>
      </c>
      <c r="P662" s="5" t="s">
        <v>40</v>
      </c>
      <c r="Q662" s="5" t="s">
        <v>1522</v>
      </c>
      <c r="R662" s="5" t="s">
        <v>1523</v>
      </c>
      <c r="S662" s="5" t="s">
        <v>42</v>
      </c>
      <c r="T662" s="2">
        <v>3.21</v>
      </c>
      <c r="U662" s="2">
        <v>2.6920000000000002</v>
      </c>
      <c r="V662" s="2">
        <v>1.4999999999999999E-2</v>
      </c>
      <c r="W662" s="2">
        <v>118.9</v>
      </c>
      <c r="X662" s="2">
        <v>7.6</v>
      </c>
      <c r="Y662" s="2">
        <v>16.7</v>
      </c>
      <c r="Z662" s="5"/>
      <c r="AA662" s="5" t="s">
        <v>43</v>
      </c>
      <c r="AB662" s="5" t="s">
        <v>44</v>
      </c>
      <c r="AC662" s="2"/>
      <c r="AD662" s="1"/>
    </row>
    <row r="663" spans="1:30">
      <c r="A663" s="5" t="s">
        <v>83578</v>
      </c>
      <c r="B663" s="2" t="s">
        <v>85562</v>
      </c>
      <c r="C663" s="14" t="s">
        <v>85563</v>
      </c>
      <c r="D663" s="2" t="s">
        <v>85564</v>
      </c>
      <c r="E663" s="2" t="s">
        <v>16079</v>
      </c>
      <c r="F663" s="8">
        <v>283</v>
      </c>
      <c r="G663" s="5">
        <v>6</v>
      </c>
      <c r="H663" s="5" t="s">
        <v>1518</v>
      </c>
      <c r="I663" s="5" t="s">
        <v>1519</v>
      </c>
      <c r="J663" s="2" t="s">
        <v>1520</v>
      </c>
      <c r="K663" s="5" t="s">
        <v>1519</v>
      </c>
      <c r="L663" s="2" t="s">
        <v>1520</v>
      </c>
      <c r="M663" s="5" t="s">
        <v>1521</v>
      </c>
      <c r="N663" s="5" t="s">
        <v>38</v>
      </c>
      <c r="O663" s="5" t="s">
        <v>39</v>
      </c>
      <c r="P663" s="5" t="s">
        <v>40</v>
      </c>
      <c r="Q663" s="5" t="s">
        <v>1522</v>
      </c>
      <c r="R663" s="5" t="s">
        <v>1523</v>
      </c>
      <c r="S663" s="5" t="s">
        <v>42</v>
      </c>
      <c r="T663" s="2">
        <v>3.11</v>
      </c>
      <c r="U663" s="2">
        <v>2.5920000000000001</v>
      </c>
      <c r="V663" s="2">
        <v>1.4999999999999999E-2</v>
      </c>
      <c r="W663" s="2">
        <v>118.9</v>
      </c>
      <c r="X663" s="2">
        <v>7.6</v>
      </c>
      <c r="Y663" s="2">
        <v>16.7</v>
      </c>
      <c r="Z663" s="5"/>
      <c r="AA663" s="5" t="s">
        <v>43</v>
      </c>
      <c r="AB663" s="5" t="s">
        <v>44</v>
      </c>
      <c r="AC663" s="2"/>
      <c r="AD663" s="1"/>
    </row>
    <row r="664" spans="1:30">
      <c r="A664" s="5" t="s">
        <v>83578</v>
      </c>
      <c r="B664" s="2" t="s">
        <v>85565</v>
      </c>
      <c r="C664" s="14" t="s">
        <v>85566</v>
      </c>
      <c r="D664" s="2" t="s">
        <v>85567</v>
      </c>
      <c r="E664" s="2" t="s">
        <v>16194</v>
      </c>
      <c r="F664" s="8">
        <v>283</v>
      </c>
      <c r="G664" s="5">
        <v>6</v>
      </c>
      <c r="H664" s="5" t="s">
        <v>1518</v>
      </c>
      <c r="I664" s="5" t="s">
        <v>1519</v>
      </c>
      <c r="J664" s="2" t="s">
        <v>1520</v>
      </c>
      <c r="K664" s="5" t="s">
        <v>1519</v>
      </c>
      <c r="L664" s="2" t="s">
        <v>1520</v>
      </c>
      <c r="M664" s="5" t="s">
        <v>1521</v>
      </c>
      <c r="N664" s="5" t="s">
        <v>38</v>
      </c>
      <c r="O664" s="5" t="s">
        <v>39</v>
      </c>
      <c r="P664" s="5" t="s">
        <v>40</v>
      </c>
      <c r="Q664" s="5" t="s">
        <v>1522</v>
      </c>
      <c r="R664" s="5" t="s">
        <v>1523</v>
      </c>
      <c r="S664" s="5" t="s">
        <v>42</v>
      </c>
      <c r="T664" s="2">
        <v>3.21</v>
      </c>
      <c r="U664" s="2">
        <v>2.6920000000000002</v>
      </c>
      <c r="V664" s="2">
        <v>1.4999999999999999E-2</v>
      </c>
      <c r="W664" s="2">
        <v>118.9</v>
      </c>
      <c r="X664" s="2">
        <v>7.6</v>
      </c>
      <c r="Y664" s="2">
        <v>16.7</v>
      </c>
      <c r="Z664" s="5"/>
      <c r="AA664" s="5" t="s">
        <v>43</v>
      </c>
      <c r="AB664" s="5" t="s">
        <v>44</v>
      </c>
      <c r="AC664" s="2"/>
      <c r="AD664" s="1"/>
    </row>
    <row r="665" spans="1:30">
      <c r="A665" s="5" t="s">
        <v>83578</v>
      </c>
      <c r="B665" s="2" t="s">
        <v>85568</v>
      </c>
      <c r="C665" s="14" t="s">
        <v>85569</v>
      </c>
      <c r="D665" s="2" t="s">
        <v>85570</v>
      </c>
      <c r="E665" s="2" t="s">
        <v>7581</v>
      </c>
      <c r="F665" s="8">
        <v>283</v>
      </c>
      <c r="G665" s="5">
        <v>6</v>
      </c>
      <c r="H665" s="5" t="s">
        <v>1518</v>
      </c>
      <c r="I665" s="5" t="s">
        <v>1519</v>
      </c>
      <c r="J665" s="2" t="s">
        <v>1520</v>
      </c>
      <c r="K665" s="5" t="s">
        <v>1519</v>
      </c>
      <c r="L665" s="2" t="s">
        <v>1520</v>
      </c>
      <c r="M665" s="5" t="s">
        <v>1521</v>
      </c>
      <c r="N665" s="5" t="s">
        <v>38</v>
      </c>
      <c r="O665" s="5" t="s">
        <v>39</v>
      </c>
      <c r="P665" s="5" t="s">
        <v>40</v>
      </c>
      <c r="Q665" s="5" t="s">
        <v>1522</v>
      </c>
      <c r="R665" s="5" t="s">
        <v>1523</v>
      </c>
      <c r="S665" s="5" t="s">
        <v>42</v>
      </c>
      <c r="T665" s="2">
        <v>3.21</v>
      </c>
      <c r="U665" s="2">
        <v>2.6920000000000002</v>
      </c>
      <c r="V665" s="2">
        <v>1.4999999999999999E-2</v>
      </c>
      <c r="W665" s="2">
        <v>118.9</v>
      </c>
      <c r="X665" s="2">
        <v>7.6</v>
      </c>
      <c r="Y665" s="2">
        <v>16.7</v>
      </c>
      <c r="Z665" s="5"/>
      <c r="AA665" s="5" t="s">
        <v>43</v>
      </c>
      <c r="AB665" s="5" t="s">
        <v>44</v>
      </c>
      <c r="AC665" s="2"/>
      <c r="AD665" s="1"/>
    </row>
    <row r="666" spans="1:30">
      <c r="A666" s="5" t="s">
        <v>83578</v>
      </c>
      <c r="B666" s="2" t="s">
        <v>85571</v>
      </c>
      <c r="C666" s="14" t="s">
        <v>85572</v>
      </c>
      <c r="D666" s="2" t="s">
        <v>85573</v>
      </c>
      <c r="E666" s="2" t="s">
        <v>7585</v>
      </c>
      <c r="F666" s="8">
        <v>283</v>
      </c>
      <c r="G666" s="5">
        <v>6</v>
      </c>
      <c r="H666" s="5" t="s">
        <v>1518</v>
      </c>
      <c r="I666" s="5" t="s">
        <v>1519</v>
      </c>
      <c r="J666" s="2" t="s">
        <v>1520</v>
      </c>
      <c r="K666" s="5" t="s">
        <v>1519</v>
      </c>
      <c r="L666" s="2" t="s">
        <v>1520</v>
      </c>
      <c r="M666" s="5" t="s">
        <v>1521</v>
      </c>
      <c r="N666" s="5" t="s">
        <v>38</v>
      </c>
      <c r="O666" s="5" t="s">
        <v>39</v>
      </c>
      <c r="P666" s="5" t="s">
        <v>40</v>
      </c>
      <c r="Q666" s="5" t="s">
        <v>1522</v>
      </c>
      <c r="R666" s="5" t="s">
        <v>1523</v>
      </c>
      <c r="S666" s="5" t="s">
        <v>42</v>
      </c>
      <c r="T666" s="2">
        <v>3.0830000000000002</v>
      </c>
      <c r="U666" s="2">
        <v>2.5649999999999999</v>
      </c>
      <c r="V666" s="2">
        <v>1.4999999999999999E-2</v>
      </c>
      <c r="W666" s="2">
        <v>118.9</v>
      </c>
      <c r="X666" s="2">
        <v>7.6</v>
      </c>
      <c r="Y666" s="2">
        <v>16.7</v>
      </c>
      <c r="Z666" s="5"/>
      <c r="AA666" s="5" t="s">
        <v>43</v>
      </c>
      <c r="AB666" s="5" t="s">
        <v>44</v>
      </c>
      <c r="AC666" s="2"/>
      <c r="AD666" s="1"/>
    </row>
    <row r="667" spans="1:30">
      <c r="A667" s="5" t="s">
        <v>83578</v>
      </c>
      <c r="B667" s="2" t="s">
        <v>85574</v>
      </c>
      <c r="C667" s="14" t="s">
        <v>85575</v>
      </c>
      <c r="D667" s="2" t="s">
        <v>85576</v>
      </c>
      <c r="E667" s="2" t="s">
        <v>7589</v>
      </c>
      <c r="F667" s="8">
        <v>283</v>
      </c>
      <c r="G667" s="5">
        <v>6</v>
      </c>
      <c r="H667" s="5" t="s">
        <v>1518</v>
      </c>
      <c r="I667" s="5" t="s">
        <v>1519</v>
      </c>
      <c r="J667" s="2" t="s">
        <v>1520</v>
      </c>
      <c r="K667" s="5" t="s">
        <v>1519</v>
      </c>
      <c r="L667" s="2" t="s">
        <v>1520</v>
      </c>
      <c r="M667" s="5" t="s">
        <v>1521</v>
      </c>
      <c r="N667" s="5" t="s">
        <v>38</v>
      </c>
      <c r="O667" s="5" t="s">
        <v>39</v>
      </c>
      <c r="P667" s="5" t="s">
        <v>40</v>
      </c>
      <c r="Q667" s="5" t="s">
        <v>1522</v>
      </c>
      <c r="R667" s="5" t="s">
        <v>1523</v>
      </c>
      <c r="S667" s="5" t="s">
        <v>42</v>
      </c>
      <c r="T667" s="2">
        <v>3.1829999999999998</v>
      </c>
      <c r="U667" s="2">
        <v>2.665</v>
      </c>
      <c r="V667" s="2">
        <v>1.4999999999999999E-2</v>
      </c>
      <c r="W667" s="2">
        <v>118.9</v>
      </c>
      <c r="X667" s="2">
        <v>7.6</v>
      </c>
      <c r="Y667" s="2">
        <v>16.7</v>
      </c>
      <c r="Z667" s="5"/>
      <c r="AA667" s="5" t="s">
        <v>43</v>
      </c>
      <c r="AB667" s="5" t="s">
        <v>44</v>
      </c>
      <c r="AC667" s="2"/>
      <c r="AD667" s="1"/>
    </row>
    <row r="668" spans="1:30">
      <c r="A668" s="5" t="s">
        <v>83578</v>
      </c>
      <c r="B668" s="2" t="s">
        <v>85577</v>
      </c>
      <c r="C668" s="14" t="s">
        <v>85578</v>
      </c>
      <c r="D668" s="2" t="s">
        <v>85579</v>
      </c>
      <c r="E668" s="2" t="s">
        <v>7593</v>
      </c>
      <c r="F668" s="8">
        <v>283</v>
      </c>
      <c r="G668" s="5">
        <v>6</v>
      </c>
      <c r="H668" s="5" t="s">
        <v>1518</v>
      </c>
      <c r="I668" s="5" t="s">
        <v>1519</v>
      </c>
      <c r="J668" s="2" t="s">
        <v>1520</v>
      </c>
      <c r="K668" s="5" t="s">
        <v>1519</v>
      </c>
      <c r="L668" s="2" t="s">
        <v>1520</v>
      </c>
      <c r="M668" s="5" t="s">
        <v>1521</v>
      </c>
      <c r="N668" s="5" t="s">
        <v>38</v>
      </c>
      <c r="O668" s="5" t="s">
        <v>39</v>
      </c>
      <c r="P668" s="5" t="s">
        <v>40</v>
      </c>
      <c r="Q668" s="5" t="s">
        <v>1522</v>
      </c>
      <c r="R668" s="5" t="s">
        <v>1523</v>
      </c>
      <c r="S668" s="5" t="s">
        <v>42</v>
      </c>
      <c r="T668" s="2">
        <v>3.11</v>
      </c>
      <c r="U668" s="2">
        <v>2.5920000000000001</v>
      </c>
      <c r="V668" s="2">
        <v>1.4999999999999999E-2</v>
      </c>
      <c r="W668" s="2">
        <v>118.9</v>
      </c>
      <c r="X668" s="2">
        <v>7.6</v>
      </c>
      <c r="Y668" s="2">
        <v>16.7</v>
      </c>
      <c r="Z668" s="5"/>
      <c r="AA668" s="5" t="s">
        <v>43</v>
      </c>
      <c r="AB668" s="5" t="s">
        <v>44</v>
      </c>
      <c r="AC668" s="2"/>
      <c r="AD668" s="1"/>
    </row>
    <row r="669" spans="1:30">
      <c r="A669" s="5" t="s">
        <v>83578</v>
      </c>
      <c r="B669" s="2" t="s">
        <v>85580</v>
      </c>
      <c r="C669" s="14" t="s">
        <v>85581</v>
      </c>
      <c r="D669" s="2" t="s">
        <v>85582</v>
      </c>
      <c r="E669" s="2" t="s">
        <v>7597</v>
      </c>
      <c r="F669" s="8">
        <v>283</v>
      </c>
      <c r="G669" s="5">
        <v>6</v>
      </c>
      <c r="H669" s="5" t="s">
        <v>1518</v>
      </c>
      <c r="I669" s="5" t="s">
        <v>1519</v>
      </c>
      <c r="J669" s="2" t="s">
        <v>1520</v>
      </c>
      <c r="K669" s="5" t="s">
        <v>1519</v>
      </c>
      <c r="L669" s="2" t="s">
        <v>1520</v>
      </c>
      <c r="M669" s="5" t="s">
        <v>1521</v>
      </c>
      <c r="N669" s="5" t="s">
        <v>38</v>
      </c>
      <c r="O669" s="5" t="s">
        <v>39</v>
      </c>
      <c r="P669" s="5" t="s">
        <v>40</v>
      </c>
      <c r="Q669" s="5" t="s">
        <v>1522</v>
      </c>
      <c r="R669" s="5" t="s">
        <v>1523</v>
      </c>
      <c r="S669" s="5" t="s">
        <v>42</v>
      </c>
      <c r="T669" s="2">
        <v>3.21</v>
      </c>
      <c r="U669" s="2">
        <v>2.6920000000000002</v>
      </c>
      <c r="V669" s="2">
        <v>1.4999999999999999E-2</v>
      </c>
      <c r="W669" s="2">
        <v>118.9</v>
      </c>
      <c r="X669" s="2">
        <v>7.6</v>
      </c>
      <c r="Y669" s="2">
        <v>16.7</v>
      </c>
      <c r="Z669" s="5"/>
      <c r="AA669" s="5" t="s">
        <v>43</v>
      </c>
      <c r="AB669" s="5" t="s">
        <v>44</v>
      </c>
      <c r="AC669" s="2"/>
      <c r="AD669" s="1"/>
    </row>
    <row r="670" spans="1:30">
      <c r="A670" s="5" t="s">
        <v>83578</v>
      </c>
      <c r="B670" s="2" t="s">
        <v>85583</v>
      </c>
      <c r="C670" s="14" t="s">
        <v>85584</v>
      </c>
      <c r="D670" s="2" t="s">
        <v>85585</v>
      </c>
      <c r="E670" s="2" t="s">
        <v>16014</v>
      </c>
      <c r="F670" s="8">
        <v>283</v>
      </c>
      <c r="G670" s="5">
        <v>6</v>
      </c>
      <c r="H670" s="5" t="s">
        <v>1518</v>
      </c>
      <c r="I670" s="5" t="s">
        <v>1519</v>
      </c>
      <c r="J670" s="2" t="s">
        <v>1520</v>
      </c>
      <c r="K670" s="5" t="s">
        <v>1519</v>
      </c>
      <c r="L670" s="2" t="s">
        <v>1520</v>
      </c>
      <c r="M670" s="5" t="s">
        <v>1521</v>
      </c>
      <c r="N670" s="5" t="s">
        <v>38</v>
      </c>
      <c r="O670" s="5" t="s">
        <v>39</v>
      </c>
      <c r="P670" s="5" t="s">
        <v>40</v>
      </c>
      <c r="Q670" s="5" t="s">
        <v>1522</v>
      </c>
      <c r="R670" s="5" t="s">
        <v>1523</v>
      </c>
      <c r="S670" s="5" t="s">
        <v>42</v>
      </c>
      <c r="T670" s="2">
        <v>3.11</v>
      </c>
      <c r="U670" s="2">
        <v>2.5920000000000001</v>
      </c>
      <c r="V670" s="2">
        <v>1.4999999999999999E-2</v>
      </c>
      <c r="W670" s="2">
        <v>118.9</v>
      </c>
      <c r="X670" s="2">
        <v>7.6</v>
      </c>
      <c r="Y670" s="2">
        <v>16.7</v>
      </c>
      <c r="Z670" s="5"/>
      <c r="AA670" s="5" t="s">
        <v>43</v>
      </c>
      <c r="AB670" s="5" t="s">
        <v>44</v>
      </c>
      <c r="AC670" s="2"/>
      <c r="AD670" s="1"/>
    </row>
    <row r="671" spans="1:30">
      <c r="A671" s="5" t="s">
        <v>83578</v>
      </c>
      <c r="B671" s="2" t="s">
        <v>85586</v>
      </c>
      <c r="C671" s="14" t="s">
        <v>85587</v>
      </c>
      <c r="D671" s="2" t="s">
        <v>85588</v>
      </c>
      <c r="E671" s="2" t="s">
        <v>16018</v>
      </c>
      <c r="F671" s="8">
        <v>283</v>
      </c>
      <c r="G671" s="5">
        <v>6</v>
      </c>
      <c r="H671" s="5" t="s">
        <v>1518</v>
      </c>
      <c r="I671" s="5" t="s">
        <v>1519</v>
      </c>
      <c r="J671" s="2" t="s">
        <v>1520</v>
      </c>
      <c r="K671" s="5" t="s">
        <v>1519</v>
      </c>
      <c r="L671" s="2" t="s">
        <v>1520</v>
      </c>
      <c r="M671" s="5" t="s">
        <v>1521</v>
      </c>
      <c r="N671" s="5" t="s">
        <v>38</v>
      </c>
      <c r="O671" s="5" t="s">
        <v>39</v>
      </c>
      <c r="P671" s="5" t="s">
        <v>40</v>
      </c>
      <c r="Q671" s="5" t="s">
        <v>1522</v>
      </c>
      <c r="R671" s="5" t="s">
        <v>1523</v>
      </c>
      <c r="S671" s="5" t="s">
        <v>42</v>
      </c>
      <c r="T671" s="2">
        <v>3.11</v>
      </c>
      <c r="U671" s="2">
        <v>2.5920000000000001</v>
      </c>
      <c r="V671" s="2">
        <v>1.4999999999999999E-2</v>
      </c>
      <c r="W671" s="2">
        <v>118.9</v>
      </c>
      <c r="X671" s="2">
        <v>7.6</v>
      </c>
      <c r="Y671" s="2">
        <v>16.7</v>
      </c>
      <c r="Z671" s="5"/>
      <c r="AA671" s="5" t="s">
        <v>43</v>
      </c>
      <c r="AB671" s="5" t="s">
        <v>44</v>
      </c>
      <c r="AC671" s="2"/>
      <c r="AD671" s="1"/>
    </row>
    <row r="672" spans="1:30">
      <c r="A672" s="5" t="s">
        <v>83578</v>
      </c>
      <c r="B672" s="2" t="s">
        <v>85589</v>
      </c>
      <c r="C672" s="14" t="s">
        <v>85590</v>
      </c>
      <c r="D672" s="2" t="s">
        <v>85591</v>
      </c>
      <c r="E672" s="2" t="s">
        <v>16022</v>
      </c>
      <c r="F672" s="8">
        <v>283</v>
      </c>
      <c r="G672" s="5">
        <v>6</v>
      </c>
      <c r="H672" s="5" t="s">
        <v>1518</v>
      </c>
      <c r="I672" s="5" t="s">
        <v>1519</v>
      </c>
      <c r="J672" s="2" t="s">
        <v>1520</v>
      </c>
      <c r="K672" s="5" t="s">
        <v>1519</v>
      </c>
      <c r="L672" s="2" t="s">
        <v>1520</v>
      </c>
      <c r="M672" s="5" t="s">
        <v>1521</v>
      </c>
      <c r="N672" s="5" t="s">
        <v>38</v>
      </c>
      <c r="O672" s="5" t="s">
        <v>39</v>
      </c>
      <c r="P672" s="5" t="s">
        <v>40</v>
      </c>
      <c r="Q672" s="5" t="s">
        <v>1522</v>
      </c>
      <c r="R672" s="5" t="s">
        <v>1523</v>
      </c>
      <c r="S672" s="5" t="s">
        <v>42</v>
      </c>
      <c r="T672" s="2">
        <v>3.21</v>
      </c>
      <c r="U672" s="2">
        <v>2.6920000000000002</v>
      </c>
      <c r="V672" s="2">
        <v>1.4999999999999999E-2</v>
      </c>
      <c r="W672" s="2">
        <v>118.9</v>
      </c>
      <c r="X672" s="2">
        <v>7.6</v>
      </c>
      <c r="Y672" s="2">
        <v>16.7</v>
      </c>
      <c r="Z672" s="5"/>
      <c r="AA672" s="5" t="s">
        <v>43</v>
      </c>
      <c r="AB672" s="5" t="s">
        <v>44</v>
      </c>
      <c r="AC672" s="2"/>
      <c r="AD672" s="1"/>
    </row>
    <row r="673" spans="1:30">
      <c r="A673" s="5" t="s">
        <v>83578</v>
      </c>
      <c r="B673" s="2" t="s">
        <v>85592</v>
      </c>
      <c r="C673" s="14" t="s">
        <v>85593</v>
      </c>
      <c r="D673" s="2" t="s">
        <v>85594</v>
      </c>
      <c r="E673" s="2" t="s">
        <v>16235</v>
      </c>
      <c r="F673" s="8">
        <v>283</v>
      </c>
      <c r="G673" s="5">
        <v>6</v>
      </c>
      <c r="H673" s="5" t="s">
        <v>1518</v>
      </c>
      <c r="I673" s="5" t="s">
        <v>1519</v>
      </c>
      <c r="J673" s="2" t="s">
        <v>1520</v>
      </c>
      <c r="K673" s="5" t="s">
        <v>1519</v>
      </c>
      <c r="L673" s="2" t="s">
        <v>1520</v>
      </c>
      <c r="M673" s="5" t="s">
        <v>1521</v>
      </c>
      <c r="N673" s="5" t="s">
        <v>38</v>
      </c>
      <c r="O673" s="5" t="s">
        <v>39</v>
      </c>
      <c r="P673" s="5" t="s">
        <v>40</v>
      </c>
      <c r="Q673" s="5" t="s">
        <v>1522</v>
      </c>
      <c r="R673" s="5" t="s">
        <v>1523</v>
      </c>
      <c r="S673" s="5" t="s">
        <v>42</v>
      </c>
      <c r="T673" s="2">
        <v>3.1560000000000001</v>
      </c>
      <c r="U673" s="2">
        <v>2.6379999999999999</v>
      </c>
      <c r="V673" s="2">
        <v>1.4999999999999999E-2</v>
      </c>
      <c r="W673" s="2">
        <v>118.9</v>
      </c>
      <c r="X673" s="2">
        <v>7.6</v>
      </c>
      <c r="Y673" s="2">
        <v>16.7</v>
      </c>
      <c r="Z673" s="5"/>
      <c r="AA673" s="5" t="s">
        <v>43</v>
      </c>
      <c r="AB673" s="5" t="s">
        <v>44</v>
      </c>
      <c r="AC673" s="2"/>
      <c r="AD673" s="1"/>
    </row>
    <row r="674" spans="1:30">
      <c r="A674" s="5" t="s">
        <v>83578</v>
      </c>
      <c r="B674" s="2" t="s">
        <v>85595</v>
      </c>
      <c r="C674" s="14" t="s">
        <v>85596</v>
      </c>
      <c r="D674" s="2" t="s">
        <v>85597</v>
      </c>
      <c r="E674" s="2" t="s">
        <v>7551</v>
      </c>
      <c r="F674" s="8">
        <v>296</v>
      </c>
      <c r="G674" s="5">
        <v>6</v>
      </c>
      <c r="H674" s="5" t="s">
        <v>1518</v>
      </c>
      <c r="I674" s="5" t="s">
        <v>1519</v>
      </c>
      <c r="J674" s="2" t="s">
        <v>1520</v>
      </c>
      <c r="K674" s="5" t="s">
        <v>1519</v>
      </c>
      <c r="L674" s="2" t="s">
        <v>1520</v>
      </c>
      <c r="M674" s="5" t="s">
        <v>1521</v>
      </c>
      <c r="N674" s="5" t="s">
        <v>38</v>
      </c>
      <c r="O674" s="5" t="s">
        <v>39</v>
      </c>
      <c r="P674" s="5" t="s">
        <v>40</v>
      </c>
      <c r="Q674" s="5" t="s">
        <v>1522</v>
      </c>
      <c r="R674" s="5" t="s">
        <v>1523</v>
      </c>
      <c r="S674" s="5" t="s">
        <v>42</v>
      </c>
      <c r="T674" s="2">
        <v>3.4449999999999998</v>
      </c>
      <c r="U674" s="2">
        <v>2.85</v>
      </c>
      <c r="V674" s="2">
        <v>1.7999999999999999E-2</v>
      </c>
      <c r="W674" s="2">
        <v>139.1</v>
      </c>
      <c r="X674" s="2">
        <v>7.6</v>
      </c>
      <c r="Y674" s="2">
        <v>16.7</v>
      </c>
      <c r="Z674" s="5"/>
      <c r="AA674" s="5" t="s">
        <v>43</v>
      </c>
      <c r="AB674" s="5" t="s">
        <v>44</v>
      </c>
      <c r="AC674" s="2"/>
      <c r="AD674" s="1"/>
    </row>
    <row r="675" spans="1:30">
      <c r="A675" s="5" t="s">
        <v>83578</v>
      </c>
      <c r="B675" s="2" t="s">
        <v>85598</v>
      </c>
      <c r="C675" s="14" t="s">
        <v>85599</v>
      </c>
      <c r="D675" s="2" t="s">
        <v>85600</v>
      </c>
      <c r="E675" s="2" t="s">
        <v>7555</v>
      </c>
      <c r="F675" s="8">
        <v>296</v>
      </c>
      <c r="G675" s="5">
        <v>6</v>
      </c>
      <c r="H675" s="5" t="s">
        <v>1518</v>
      </c>
      <c r="I675" s="5" t="s">
        <v>1519</v>
      </c>
      <c r="J675" s="2" t="s">
        <v>1520</v>
      </c>
      <c r="K675" s="5" t="s">
        <v>1519</v>
      </c>
      <c r="L675" s="2" t="s">
        <v>1520</v>
      </c>
      <c r="M675" s="5" t="s">
        <v>1521</v>
      </c>
      <c r="N675" s="5" t="s">
        <v>38</v>
      </c>
      <c r="O675" s="5" t="s">
        <v>39</v>
      </c>
      <c r="P675" s="5" t="s">
        <v>40</v>
      </c>
      <c r="Q675" s="5" t="s">
        <v>1522</v>
      </c>
      <c r="R675" s="5" t="s">
        <v>1523</v>
      </c>
      <c r="S675" s="5" t="s">
        <v>42</v>
      </c>
      <c r="T675" s="2">
        <v>3.335</v>
      </c>
      <c r="U675" s="2">
        <v>2.74</v>
      </c>
      <c r="V675" s="2">
        <v>1.7999999999999999E-2</v>
      </c>
      <c r="W675" s="2">
        <v>139.1</v>
      </c>
      <c r="X675" s="2">
        <v>7.6</v>
      </c>
      <c r="Y675" s="2">
        <v>16.7</v>
      </c>
      <c r="Z675" s="5"/>
      <c r="AA675" s="5" t="s">
        <v>43</v>
      </c>
      <c r="AB675" s="5" t="s">
        <v>44</v>
      </c>
      <c r="AC675" s="2"/>
      <c r="AD675" s="1"/>
    </row>
    <row r="676" spans="1:30">
      <c r="A676" s="5" t="s">
        <v>83578</v>
      </c>
      <c r="B676" s="2" t="s">
        <v>85601</v>
      </c>
      <c r="C676" s="14" t="s">
        <v>85602</v>
      </c>
      <c r="D676" s="2" t="s">
        <v>85603</v>
      </c>
      <c r="E676" s="2" t="s">
        <v>7559</v>
      </c>
      <c r="F676" s="8">
        <v>296</v>
      </c>
      <c r="G676" s="5">
        <v>6</v>
      </c>
      <c r="H676" s="5" t="s">
        <v>1518</v>
      </c>
      <c r="I676" s="5" t="s">
        <v>1519</v>
      </c>
      <c r="J676" s="2" t="s">
        <v>1520</v>
      </c>
      <c r="K676" s="5" t="s">
        <v>1519</v>
      </c>
      <c r="L676" s="2" t="s">
        <v>1520</v>
      </c>
      <c r="M676" s="5" t="s">
        <v>1521</v>
      </c>
      <c r="N676" s="5" t="s">
        <v>38</v>
      </c>
      <c r="O676" s="5" t="s">
        <v>39</v>
      </c>
      <c r="P676" s="5" t="s">
        <v>40</v>
      </c>
      <c r="Q676" s="5" t="s">
        <v>1522</v>
      </c>
      <c r="R676" s="5" t="s">
        <v>1523</v>
      </c>
      <c r="S676" s="5" t="s">
        <v>42</v>
      </c>
      <c r="T676" s="2">
        <v>3.4449999999999998</v>
      </c>
      <c r="U676" s="2">
        <v>2.85</v>
      </c>
      <c r="V676" s="2">
        <v>1.7999999999999999E-2</v>
      </c>
      <c r="W676" s="2">
        <v>139.1</v>
      </c>
      <c r="X676" s="2">
        <v>7.6</v>
      </c>
      <c r="Y676" s="2">
        <v>16.7</v>
      </c>
      <c r="Z676" s="5"/>
      <c r="AA676" s="5" t="s">
        <v>43</v>
      </c>
      <c r="AB676" s="5" t="s">
        <v>44</v>
      </c>
      <c r="AC676" s="2"/>
      <c r="AD676" s="1"/>
    </row>
    <row r="677" spans="1:30">
      <c r="A677" s="5" t="s">
        <v>83578</v>
      </c>
      <c r="B677" s="2" t="s">
        <v>85604</v>
      </c>
      <c r="C677" s="14" t="s">
        <v>85605</v>
      </c>
      <c r="D677" s="2" t="s">
        <v>85606</v>
      </c>
      <c r="E677" s="2" t="s">
        <v>7449</v>
      </c>
      <c r="F677" s="8">
        <v>296</v>
      </c>
      <c r="G677" s="5">
        <v>6</v>
      </c>
      <c r="H677" s="5" t="s">
        <v>1518</v>
      </c>
      <c r="I677" s="5" t="s">
        <v>1519</v>
      </c>
      <c r="J677" s="2" t="s">
        <v>1520</v>
      </c>
      <c r="K677" s="5" t="s">
        <v>1519</v>
      </c>
      <c r="L677" s="2" t="s">
        <v>1520</v>
      </c>
      <c r="M677" s="5" t="s">
        <v>1521</v>
      </c>
      <c r="N677" s="5" t="s">
        <v>38</v>
      </c>
      <c r="O677" s="5" t="s">
        <v>39</v>
      </c>
      <c r="P677" s="5" t="s">
        <v>40</v>
      </c>
      <c r="Q677" s="5" t="s">
        <v>1522</v>
      </c>
      <c r="R677" s="5" t="s">
        <v>1523</v>
      </c>
      <c r="S677" s="5" t="s">
        <v>42</v>
      </c>
      <c r="T677" s="2">
        <v>3.367</v>
      </c>
      <c r="U677" s="2">
        <v>2.7719999999999998</v>
      </c>
      <c r="V677" s="2">
        <v>1.7999999999999999E-2</v>
      </c>
      <c r="W677" s="2">
        <v>139.1</v>
      </c>
      <c r="X677" s="2">
        <v>7.6</v>
      </c>
      <c r="Y677" s="2">
        <v>16.7</v>
      </c>
      <c r="Z677" s="5"/>
      <c r="AA677" s="5" t="s">
        <v>43</v>
      </c>
      <c r="AB677" s="5" t="s">
        <v>44</v>
      </c>
      <c r="AC677" s="2"/>
      <c r="AD677" s="1"/>
    </row>
    <row r="678" spans="1:30">
      <c r="A678" s="5" t="s">
        <v>83578</v>
      </c>
      <c r="B678" s="2" t="s">
        <v>85607</v>
      </c>
      <c r="C678" s="14" t="s">
        <v>85608</v>
      </c>
      <c r="D678" s="2" t="s">
        <v>85609</v>
      </c>
      <c r="E678" s="2" t="s">
        <v>7585</v>
      </c>
      <c r="F678" s="8">
        <v>296</v>
      </c>
      <c r="G678" s="5">
        <v>6</v>
      </c>
      <c r="H678" s="5" t="s">
        <v>1518</v>
      </c>
      <c r="I678" s="5" t="s">
        <v>1519</v>
      </c>
      <c r="J678" s="2" t="s">
        <v>1520</v>
      </c>
      <c r="K678" s="5" t="s">
        <v>1519</v>
      </c>
      <c r="L678" s="2" t="s">
        <v>1520</v>
      </c>
      <c r="M678" s="5" t="s">
        <v>1521</v>
      </c>
      <c r="N678" s="5" t="s">
        <v>38</v>
      </c>
      <c r="O678" s="5" t="s">
        <v>39</v>
      </c>
      <c r="P678" s="5" t="s">
        <v>40</v>
      </c>
      <c r="Q678" s="5" t="s">
        <v>1522</v>
      </c>
      <c r="R678" s="5" t="s">
        <v>1523</v>
      </c>
      <c r="S678" s="5" t="s">
        <v>42</v>
      </c>
      <c r="T678" s="2">
        <v>3.335</v>
      </c>
      <c r="U678" s="2">
        <v>2.74</v>
      </c>
      <c r="V678" s="2">
        <v>1.7999999999999999E-2</v>
      </c>
      <c r="W678" s="2">
        <v>139.1</v>
      </c>
      <c r="X678" s="2">
        <v>7.6</v>
      </c>
      <c r="Y678" s="2">
        <v>16.7</v>
      </c>
      <c r="Z678" s="5"/>
      <c r="AA678" s="5" t="s">
        <v>43</v>
      </c>
      <c r="AB678" s="5" t="s">
        <v>44</v>
      </c>
      <c r="AC678" s="2"/>
      <c r="AD678" s="1"/>
    </row>
    <row r="679" spans="1:30">
      <c r="A679" s="5" t="s">
        <v>83578</v>
      </c>
      <c r="B679" s="2" t="s">
        <v>85610</v>
      </c>
      <c r="C679" s="14" t="s">
        <v>85611</v>
      </c>
      <c r="D679" s="2" t="s">
        <v>85612</v>
      </c>
      <c r="E679" s="2" t="s">
        <v>7593</v>
      </c>
      <c r="F679" s="8">
        <v>296</v>
      </c>
      <c r="G679" s="5">
        <v>6</v>
      </c>
      <c r="H679" s="5" t="s">
        <v>1518</v>
      </c>
      <c r="I679" s="5" t="s">
        <v>1519</v>
      </c>
      <c r="J679" s="2" t="s">
        <v>1520</v>
      </c>
      <c r="K679" s="5" t="s">
        <v>1519</v>
      </c>
      <c r="L679" s="2" t="s">
        <v>1520</v>
      </c>
      <c r="M679" s="5" t="s">
        <v>1521</v>
      </c>
      <c r="N679" s="5" t="s">
        <v>38</v>
      </c>
      <c r="O679" s="5" t="s">
        <v>39</v>
      </c>
      <c r="P679" s="5" t="s">
        <v>40</v>
      </c>
      <c r="Q679" s="5" t="s">
        <v>1522</v>
      </c>
      <c r="R679" s="5" t="s">
        <v>1523</v>
      </c>
      <c r="S679" s="5" t="s">
        <v>42</v>
      </c>
      <c r="T679" s="2">
        <v>3.367</v>
      </c>
      <c r="U679" s="2">
        <v>2.7719999999999998</v>
      </c>
      <c r="V679" s="2">
        <v>1.7999999999999999E-2</v>
      </c>
      <c r="W679" s="2">
        <v>139.1</v>
      </c>
      <c r="X679" s="2">
        <v>7.6</v>
      </c>
      <c r="Y679" s="2">
        <v>16.7</v>
      </c>
      <c r="Z679" s="5"/>
      <c r="AA679" s="5" t="s">
        <v>43</v>
      </c>
      <c r="AB679" s="5" t="s">
        <v>44</v>
      </c>
      <c r="AC679" s="2"/>
      <c r="AD679" s="1"/>
    </row>
    <row r="680" spans="1:30">
      <c r="A680" s="5" t="s">
        <v>83578</v>
      </c>
      <c r="B680" s="2" t="s">
        <v>85613</v>
      </c>
      <c r="C680" s="14" t="s">
        <v>85614</v>
      </c>
      <c r="D680" s="2" t="s">
        <v>85615</v>
      </c>
      <c r="E680" s="2" t="s">
        <v>7597</v>
      </c>
      <c r="F680" s="8">
        <v>296</v>
      </c>
      <c r="G680" s="5">
        <v>6</v>
      </c>
      <c r="H680" s="5" t="s">
        <v>1518</v>
      </c>
      <c r="I680" s="5" t="s">
        <v>1519</v>
      </c>
      <c r="J680" s="2" t="s">
        <v>1520</v>
      </c>
      <c r="K680" s="5" t="s">
        <v>1519</v>
      </c>
      <c r="L680" s="2" t="s">
        <v>1520</v>
      </c>
      <c r="M680" s="5" t="s">
        <v>1521</v>
      </c>
      <c r="N680" s="5" t="s">
        <v>38</v>
      </c>
      <c r="O680" s="5" t="s">
        <v>39</v>
      </c>
      <c r="P680" s="5" t="s">
        <v>40</v>
      </c>
      <c r="Q680" s="5" t="s">
        <v>1522</v>
      </c>
      <c r="R680" s="5" t="s">
        <v>1523</v>
      </c>
      <c r="S680" s="5" t="s">
        <v>42</v>
      </c>
      <c r="T680" s="2">
        <v>3.4769999999999999</v>
      </c>
      <c r="U680" s="2">
        <v>2.8820000000000001</v>
      </c>
      <c r="V680" s="2">
        <v>1.7999999999999999E-2</v>
      </c>
      <c r="W680" s="2">
        <v>139.1</v>
      </c>
      <c r="X680" s="2">
        <v>7.6</v>
      </c>
      <c r="Y680" s="2">
        <v>16.7</v>
      </c>
      <c r="Z680" s="5"/>
      <c r="AA680" s="5" t="s">
        <v>43</v>
      </c>
      <c r="AB680" s="5" t="s">
        <v>44</v>
      </c>
      <c r="AC680" s="2"/>
      <c r="AD680" s="1"/>
    </row>
    <row r="681" spans="1:30">
      <c r="A681" s="5" t="s">
        <v>83578</v>
      </c>
      <c r="B681" s="2" t="s">
        <v>85616</v>
      </c>
      <c r="C681" s="14" t="s">
        <v>85617</v>
      </c>
      <c r="D681" s="2" t="s">
        <v>85618</v>
      </c>
      <c r="E681" s="2" t="s">
        <v>16219</v>
      </c>
      <c r="F681" s="8">
        <v>296</v>
      </c>
      <c r="G681" s="5">
        <v>6</v>
      </c>
      <c r="H681" s="5" t="s">
        <v>1518</v>
      </c>
      <c r="I681" s="5" t="s">
        <v>1519</v>
      </c>
      <c r="J681" s="2" t="s">
        <v>1520</v>
      </c>
      <c r="K681" s="5" t="s">
        <v>1519</v>
      </c>
      <c r="L681" s="2" t="s">
        <v>1520</v>
      </c>
      <c r="M681" s="5" t="s">
        <v>1521</v>
      </c>
      <c r="N681" s="5" t="s">
        <v>38</v>
      </c>
      <c r="O681" s="5" t="s">
        <v>39</v>
      </c>
      <c r="P681" s="5" t="s">
        <v>40</v>
      </c>
      <c r="Q681" s="5" t="s">
        <v>1522</v>
      </c>
      <c r="R681" s="5" t="s">
        <v>1523</v>
      </c>
      <c r="S681" s="5" t="s">
        <v>42</v>
      </c>
      <c r="T681" s="2">
        <v>3.4769999999999999</v>
      </c>
      <c r="U681" s="2">
        <v>2.8820000000000001</v>
      </c>
      <c r="V681" s="2">
        <v>1.7999999999999999E-2</v>
      </c>
      <c r="W681" s="2">
        <v>139.1</v>
      </c>
      <c r="X681" s="2">
        <v>7.6</v>
      </c>
      <c r="Y681" s="2">
        <v>16.7</v>
      </c>
      <c r="Z681" s="5"/>
      <c r="AA681" s="5" t="s">
        <v>43</v>
      </c>
      <c r="AB681" s="5" t="s">
        <v>44</v>
      </c>
      <c r="AC681" s="2"/>
      <c r="AD681" s="1"/>
    </row>
    <row r="682" spans="1:30">
      <c r="A682" s="5" t="s">
        <v>83578</v>
      </c>
      <c r="B682" s="2" t="s">
        <v>85619</v>
      </c>
      <c r="C682" s="14" t="s">
        <v>85620</v>
      </c>
      <c r="D682" s="2" t="s">
        <v>85621</v>
      </c>
      <c r="E682" s="2" t="s">
        <v>7619</v>
      </c>
      <c r="F682" s="8">
        <v>296</v>
      </c>
      <c r="G682" s="5">
        <v>6</v>
      </c>
      <c r="H682" s="5" t="s">
        <v>1518</v>
      </c>
      <c r="I682" s="5" t="s">
        <v>1519</v>
      </c>
      <c r="J682" s="2" t="s">
        <v>1520</v>
      </c>
      <c r="K682" s="5" t="s">
        <v>1519</v>
      </c>
      <c r="L682" s="2" t="s">
        <v>1520</v>
      </c>
      <c r="M682" s="5" t="s">
        <v>1521</v>
      </c>
      <c r="N682" s="5" t="s">
        <v>38</v>
      </c>
      <c r="O682" s="5" t="s">
        <v>39</v>
      </c>
      <c r="P682" s="5" t="s">
        <v>40</v>
      </c>
      <c r="Q682" s="5" t="s">
        <v>1522</v>
      </c>
      <c r="R682" s="5" t="s">
        <v>1523</v>
      </c>
      <c r="S682" s="5" t="s">
        <v>42</v>
      </c>
      <c r="T682" s="2">
        <v>3.4449999999999998</v>
      </c>
      <c r="U682" s="2">
        <v>2.85</v>
      </c>
      <c r="V682" s="2">
        <v>1.7999999999999999E-2</v>
      </c>
      <c r="W682" s="2">
        <v>139.1</v>
      </c>
      <c r="X682" s="2">
        <v>7.6</v>
      </c>
      <c r="Y682" s="2">
        <v>16.7</v>
      </c>
      <c r="Z682" s="5"/>
      <c r="AA682" s="5" t="s">
        <v>43</v>
      </c>
      <c r="AB682" s="5" t="s">
        <v>44</v>
      </c>
      <c r="AC682" s="2"/>
      <c r="AD682" s="1"/>
    </row>
    <row r="683" spans="1:30">
      <c r="A683" s="5" t="s">
        <v>83578</v>
      </c>
      <c r="B683" s="2" t="s">
        <v>85622</v>
      </c>
      <c r="C683" s="14" t="s">
        <v>85623</v>
      </c>
      <c r="D683" s="2" t="s">
        <v>85624</v>
      </c>
      <c r="E683" s="2" t="s">
        <v>7551</v>
      </c>
      <c r="F683" s="8">
        <v>283</v>
      </c>
      <c r="G683" s="5">
        <v>6</v>
      </c>
      <c r="H683" s="5" t="s">
        <v>1518</v>
      </c>
      <c r="I683" s="5" t="s">
        <v>1519</v>
      </c>
      <c r="J683" s="2" t="s">
        <v>1520</v>
      </c>
      <c r="K683" s="5" t="s">
        <v>1519</v>
      </c>
      <c r="L683" s="2" t="s">
        <v>1520</v>
      </c>
      <c r="M683" s="5" t="s">
        <v>1521</v>
      </c>
      <c r="N683" s="5" t="s">
        <v>38</v>
      </c>
      <c r="O683" s="5" t="s">
        <v>39</v>
      </c>
      <c r="P683" s="5" t="s">
        <v>40</v>
      </c>
      <c r="Q683" s="5" t="s">
        <v>1522</v>
      </c>
      <c r="R683" s="5" t="s">
        <v>1523</v>
      </c>
      <c r="S683" s="5" t="s">
        <v>42</v>
      </c>
      <c r="T683" s="2">
        <v>3.31</v>
      </c>
      <c r="U683" s="2">
        <v>2.7109999999999999</v>
      </c>
      <c r="V683" s="2">
        <v>1.7999999999999999E-2</v>
      </c>
      <c r="W683" s="2">
        <v>139.1</v>
      </c>
      <c r="X683" s="2">
        <v>7.6</v>
      </c>
      <c r="Y683" s="2">
        <v>16.7</v>
      </c>
      <c r="Z683" s="5"/>
      <c r="AA683" s="5" t="s">
        <v>43</v>
      </c>
      <c r="AB683" s="5" t="s">
        <v>44</v>
      </c>
      <c r="AC683" s="2"/>
      <c r="AD683" s="1"/>
    </row>
    <row r="684" spans="1:30">
      <c r="A684" s="5" t="s">
        <v>83578</v>
      </c>
      <c r="B684" s="2" t="s">
        <v>85625</v>
      </c>
      <c r="C684" s="14" t="s">
        <v>85626</v>
      </c>
      <c r="D684" s="2" t="s">
        <v>85627</v>
      </c>
      <c r="E684" s="2" t="s">
        <v>7559</v>
      </c>
      <c r="F684" s="8">
        <v>283</v>
      </c>
      <c r="G684" s="5">
        <v>6</v>
      </c>
      <c r="H684" s="5" t="s">
        <v>1518</v>
      </c>
      <c r="I684" s="5" t="s">
        <v>1519</v>
      </c>
      <c r="J684" s="2" t="s">
        <v>1520</v>
      </c>
      <c r="K684" s="5" t="s">
        <v>1519</v>
      </c>
      <c r="L684" s="2" t="s">
        <v>1520</v>
      </c>
      <c r="M684" s="5" t="s">
        <v>1521</v>
      </c>
      <c r="N684" s="5" t="s">
        <v>38</v>
      </c>
      <c r="O684" s="5" t="s">
        <v>39</v>
      </c>
      <c r="P684" s="5" t="s">
        <v>40</v>
      </c>
      <c r="Q684" s="5" t="s">
        <v>1522</v>
      </c>
      <c r="R684" s="5" t="s">
        <v>1523</v>
      </c>
      <c r="S684" s="5" t="s">
        <v>42</v>
      </c>
      <c r="T684" s="2">
        <v>3.31</v>
      </c>
      <c r="U684" s="2">
        <v>2.7109999999999999</v>
      </c>
      <c r="V684" s="2">
        <v>1.7999999999999999E-2</v>
      </c>
      <c r="W684" s="2">
        <v>139.1</v>
      </c>
      <c r="X684" s="2">
        <v>7.6</v>
      </c>
      <c r="Y684" s="2">
        <v>16.7</v>
      </c>
      <c r="Z684" s="5"/>
      <c r="AA684" s="5" t="s">
        <v>43</v>
      </c>
      <c r="AB684" s="5" t="s">
        <v>44</v>
      </c>
      <c r="AC684" s="2"/>
      <c r="AD684" s="1"/>
    </row>
    <row r="685" spans="1:30">
      <c r="A685" s="5" t="s">
        <v>83578</v>
      </c>
      <c r="B685" s="2" t="s">
        <v>85628</v>
      </c>
      <c r="C685" s="14" t="s">
        <v>85629</v>
      </c>
      <c r="D685" s="2" t="s">
        <v>85630</v>
      </c>
      <c r="E685" s="2" t="s">
        <v>16079</v>
      </c>
      <c r="F685" s="8">
        <v>283</v>
      </c>
      <c r="G685" s="5">
        <v>6</v>
      </c>
      <c r="H685" s="5" t="s">
        <v>1518</v>
      </c>
      <c r="I685" s="5" t="s">
        <v>1519</v>
      </c>
      <c r="J685" s="2" t="s">
        <v>1520</v>
      </c>
      <c r="K685" s="5" t="s">
        <v>1519</v>
      </c>
      <c r="L685" s="2" t="s">
        <v>1520</v>
      </c>
      <c r="M685" s="5" t="s">
        <v>1521</v>
      </c>
      <c r="N685" s="5" t="s">
        <v>38</v>
      </c>
      <c r="O685" s="5" t="s">
        <v>39</v>
      </c>
      <c r="P685" s="5" t="s">
        <v>40</v>
      </c>
      <c r="Q685" s="5" t="s">
        <v>1522</v>
      </c>
      <c r="R685" s="5" t="s">
        <v>1523</v>
      </c>
      <c r="S685" s="5" t="s">
        <v>42</v>
      </c>
      <c r="T685" s="2">
        <v>3.2370000000000001</v>
      </c>
      <c r="U685" s="2">
        <v>2.6379999999999999</v>
      </c>
      <c r="V685" s="2">
        <v>1.7999999999999999E-2</v>
      </c>
      <c r="W685" s="2">
        <v>139.1</v>
      </c>
      <c r="X685" s="2">
        <v>7.6</v>
      </c>
      <c r="Y685" s="2">
        <v>16.7</v>
      </c>
      <c r="Z685" s="5"/>
      <c r="AA685" s="5" t="s">
        <v>43</v>
      </c>
      <c r="AB685" s="5" t="s">
        <v>44</v>
      </c>
      <c r="AC685" s="2"/>
      <c r="AD685" s="1"/>
    </row>
    <row r="686" spans="1:30">
      <c r="A686" s="5" t="s">
        <v>83578</v>
      </c>
      <c r="B686" s="2" t="s">
        <v>85631</v>
      </c>
      <c r="C686" s="14" t="s">
        <v>85632</v>
      </c>
      <c r="D686" s="2" t="s">
        <v>85633</v>
      </c>
      <c r="E686" s="2" t="s">
        <v>7555</v>
      </c>
      <c r="F686" s="8">
        <v>296</v>
      </c>
      <c r="G686" s="5">
        <v>6</v>
      </c>
      <c r="H686" s="5" t="s">
        <v>1518</v>
      </c>
      <c r="I686" s="5" t="s">
        <v>1519</v>
      </c>
      <c r="J686" s="2" t="s">
        <v>1520</v>
      </c>
      <c r="K686" s="5" t="s">
        <v>1519</v>
      </c>
      <c r="L686" s="2" t="s">
        <v>1520</v>
      </c>
      <c r="M686" s="5" t="s">
        <v>1521</v>
      </c>
      <c r="N686" s="5" t="s">
        <v>38</v>
      </c>
      <c r="O686" s="5" t="s">
        <v>39</v>
      </c>
      <c r="P686" s="5" t="s">
        <v>40</v>
      </c>
      <c r="Q686" s="5" t="s">
        <v>1522</v>
      </c>
      <c r="R686" s="5" t="s">
        <v>1523</v>
      </c>
      <c r="S686" s="5" t="s">
        <v>42</v>
      </c>
      <c r="T686" s="2">
        <v>3.4649999999999999</v>
      </c>
      <c r="U686" s="2">
        <v>2.7829999999999999</v>
      </c>
      <c r="V686" s="2">
        <v>0.02</v>
      </c>
      <c r="W686" s="2">
        <v>159.1</v>
      </c>
      <c r="X686" s="2">
        <v>7.6</v>
      </c>
      <c r="Y686" s="2">
        <v>16.7</v>
      </c>
      <c r="Z686" s="5"/>
      <c r="AA686" s="5" t="s">
        <v>43</v>
      </c>
      <c r="AB686" s="5" t="s">
        <v>44</v>
      </c>
      <c r="AC686" s="2"/>
      <c r="AD686" s="1"/>
    </row>
    <row r="687" spans="1:30">
      <c r="A687" s="5" t="s">
        <v>83578</v>
      </c>
      <c r="B687" s="2" t="s">
        <v>85634</v>
      </c>
      <c r="C687" s="14" t="s">
        <v>85635</v>
      </c>
      <c r="D687" s="2" t="s">
        <v>85636</v>
      </c>
      <c r="E687" s="2" t="s">
        <v>7593</v>
      </c>
      <c r="F687" s="8">
        <v>296</v>
      </c>
      <c r="G687" s="5">
        <v>6</v>
      </c>
      <c r="H687" s="5" t="s">
        <v>1518</v>
      </c>
      <c r="I687" s="5" t="s">
        <v>1519</v>
      </c>
      <c r="J687" s="2" t="s">
        <v>1520</v>
      </c>
      <c r="K687" s="5" t="s">
        <v>1519</v>
      </c>
      <c r="L687" s="2" t="s">
        <v>1520</v>
      </c>
      <c r="M687" s="5" t="s">
        <v>1521</v>
      </c>
      <c r="N687" s="5" t="s">
        <v>38</v>
      </c>
      <c r="O687" s="5" t="s">
        <v>39</v>
      </c>
      <c r="P687" s="5" t="s">
        <v>40</v>
      </c>
      <c r="Q687" s="5" t="s">
        <v>1522</v>
      </c>
      <c r="R687" s="5" t="s">
        <v>1523</v>
      </c>
      <c r="S687" s="5" t="s">
        <v>42</v>
      </c>
      <c r="T687" s="2">
        <v>3.4980000000000002</v>
      </c>
      <c r="U687" s="2">
        <v>2.8159999999999998</v>
      </c>
      <c r="V687" s="2">
        <v>0.02</v>
      </c>
      <c r="W687" s="2">
        <v>159.1</v>
      </c>
      <c r="X687" s="2">
        <v>7.6</v>
      </c>
      <c r="Y687" s="2">
        <v>16.7</v>
      </c>
      <c r="Z687" s="5"/>
      <c r="AA687" s="5" t="s">
        <v>43</v>
      </c>
      <c r="AB687" s="5" t="s">
        <v>44</v>
      </c>
      <c r="AC687" s="2"/>
      <c r="AD687" s="1"/>
    </row>
    <row r="688" spans="1:30">
      <c r="A688" s="5" t="s">
        <v>83578</v>
      </c>
      <c r="B688" s="2" t="s">
        <v>85637</v>
      </c>
      <c r="C688" s="14" t="s">
        <v>85638</v>
      </c>
      <c r="D688" s="2" t="s">
        <v>85639</v>
      </c>
      <c r="E688" s="2" t="s">
        <v>7559</v>
      </c>
      <c r="F688" s="8">
        <v>291</v>
      </c>
      <c r="G688" s="5">
        <v>6</v>
      </c>
      <c r="H688" s="5" t="s">
        <v>1518</v>
      </c>
      <c r="I688" s="5" t="s">
        <v>1519</v>
      </c>
      <c r="J688" s="2" t="s">
        <v>1520</v>
      </c>
      <c r="K688" s="5" t="s">
        <v>1519</v>
      </c>
      <c r="L688" s="2" t="s">
        <v>1520</v>
      </c>
      <c r="M688" s="5" t="s">
        <v>1521</v>
      </c>
      <c r="N688" s="5" t="s">
        <v>38</v>
      </c>
      <c r="O688" s="5" t="s">
        <v>39</v>
      </c>
      <c r="P688" s="5" t="s">
        <v>40</v>
      </c>
      <c r="Q688" s="5" t="s">
        <v>1522</v>
      </c>
      <c r="R688" s="5" t="s">
        <v>1523</v>
      </c>
      <c r="S688" s="5" t="s">
        <v>42</v>
      </c>
      <c r="T688" s="2">
        <v>3.3690000000000002</v>
      </c>
      <c r="U688" s="2">
        <v>2.78</v>
      </c>
      <c r="V688" s="2">
        <v>1.7999999999999999E-2</v>
      </c>
      <c r="W688" s="2">
        <v>139.1</v>
      </c>
      <c r="X688" s="2">
        <v>7.6</v>
      </c>
      <c r="Y688" s="2">
        <v>16.7</v>
      </c>
      <c r="Z688" s="5"/>
      <c r="AA688" s="5" t="s">
        <v>43</v>
      </c>
      <c r="AB688" s="5" t="s">
        <v>44</v>
      </c>
      <c r="AC688" s="2"/>
      <c r="AD688" s="1"/>
    </row>
    <row r="689" spans="1:30">
      <c r="A689" s="5" t="s">
        <v>83578</v>
      </c>
      <c r="B689" s="2" t="s">
        <v>85640</v>
      </c>
      <c r="C689" s="14" t="s">
        <v>85641</v>
      </c>
      <c r="D689" s="2" t="s">
        <v>85642</v>
      </c>
      <c r="E689" s="2" t="s">
        <v>7589</v>
      </c>
      <c r="F689" s="8">
        <v>291</v>
      </c>
      <c r="G689" s="5">
        <v>6</v>
      </c>
      <c r="H689" s="5" t="s">
        <v>1518</v>
      </c>
      <c r="I689" s="5" t="s">
        <v>1519</v>
      </c>
      <c r="J689" s="2" t="s">
        <v>1520</v>
      </c>
      <c r="K689" s="5" t="s">
        <v>1519</v>
      </c>
      <c r="L689" s="2" t="s">
        <v>1520</v>
      </c>
      <c r="M689" s="5" t="s">
        <v>1521</v>
      </c>
      <c r="N689" s="5" t="s">
        <v>38</v>
      </c>
      <c r="O689" s="5" t="s">
        <v>39</v>
      </c>
      <c r="P689" s="5" t="s">
        <v>40</v>
      </c>
      <c r="Q689" s="5" t="s">
        <v>1522</v>
      </c>
      <c r="R689" s="5" t="s">
        <v>1523</v>
      </c>
      <c r="S689" s="5" t="s">
        <v>42</v>
      </c>
      <c r="T689" s="2">
        <v>3.3690000000000002</v>
      </c>
      <c r="U689" s="2">
        <v>2.78</v>
      </c>
      <c r="V689" s="2">
        <v>1.7999999999999999E-2</v>
      </c>
      <c r="W689" s="2">
        <v>139.1</v>
      </c>
      <c r="X689" s="2">
        <v>7.6</v>
      </c>
      <c r="Y689" s="2">
        <v>16.7</v>
      </c>
      <c r="Z689" s="5"/>
      <c r="AA689" s="5" t="s">
        <v>43</v>
      </c>
      <c r="AB689" s="5" t="s">
        <v>44</v>
      </c>
      <c r="AC689" s="2"/>
      <c r="AD689" s="1"/>
    </row>
    <row r="690" spans="1:30">
      <c r="A690" s="5" t="s">
        <v>83578</v>
      </c>
      <c r="B690" s="2" t="s">
        <v>85643</v>
      </c>
      <c r="C690" s="14" t="s">
        <v>85644</v>
      </c>
      <c r="D690" s="2" t="s">
        <v>85645</v>
      </c>
      <c r="E690" s="2" t="s">
        <v>7619</v>
      </c>
      <c r="F690" s="8">
        <v>291</v>
      </c>
      <c r="G690" s="5">
        <v>6</v>
      </c>
      <c r="H690" s="5" t="s">
        <v>1518</v>
      </c>
      <c r="I690" s="5" t="s">
        <v>1519</v>
      </c>
      <c r="J690" s="2" t="s">
        <v>1520</v>
      </c>
      <c r="K690" s="5" t="s">
        <v>1519</v>
      </c>
      <c r="L690" s="2" t="s">
        <v>1520</v>
      </c>
      <c r="M690" s="5" t="s">
        <v>1521</v>
      </c>
      <c r="N690" s="5" t="s">
        <v>38</v>
      </c>
      <c r="O690" s="5" t="s">
        <v>39</v>
      </c>
      <c r="P690" s="5" t="s">
        <v>40</v>
      </c>
      <c r="Q690" s="5" t="s">
        <v>1522</v>
      </c>
      <c r="R690" s="5" t="s">
        <v>1523</v>
      </c>
      <c r="S690" s="5" t="s">
        <v>42</v>
      </c>
      <c r="T690" s="2">
        <v>3.3690000000000002</v>
      </c>
      <c r="U690" s="2">
        <v>2.78</v>
      </c>
      <c r="V690" s="2">
        <v>1.7999999999999999E-2</v>
      </c>
      <c r="W690" s="2">
        <v>139.1</v>
      </c>
      <c r="X690" s="2">
        <v>7.6</v>
      </c>
      <c r="Y690" s="2">
        <v>16.7</v>
      </c>
      <c r="Z690" s="5"/>
      <c r="AA690" s="5" t="s">
        <v>43</v>
      </c>
      <c r="AB690" s="5" t="s">
        <v>44</v>
      </c>
      <c r="AC690" s="2"/>
      <c r="AD690" s="1"/>
    </row>
    <row r="691" spans="1:30">
      <c r="A691" s="5" t="s">
        <v>83578</v>
      </c>
      <c r="B691" s="2" t="s">
        <v>85646</v>
      </c>
      <c r="C691" s="14" t="s">
        <v>85647</v>
      </c>
      <c r="D691" s="2" t="s">
        <v>85648</v>
      </c>
      <c r="E691" s="2" t="s">
        <v>7547</v>
      </c>
      <c r="F691" s="8">
        <v>300</v>
      </c>
      <c r="G691" s="5">
        <v>6</v>
      </c>
      <c r="H691" s="5" t="s">
        <v>1518</v>
      </c>
      <c r="I691" s="5" t="s">
        <v>1519</v>
      </c>
      <c r="J691" s="2" t="s">
        <v>1520</v>
      </c>
      <c r="K691" s="5" t="s">
        <v>1519</v>
      </c>
      <c r="L691" s="2" t="s">
        <v>1520</v>
      </c>
      <c r="M691" s="5" t="s">
        <v>1521</v>
      </c>
      <c r="N691" s="5" t="s">
        <v>38</v>
      </c>
      <c r="O691" s="5" t="s">
        <v>39</v>
      </c>
      <c r="P691" s="5" t="s">
        <v>40</v>
      </c>
      <c r="Q691" s="5" t="s">
        <v>1522</v>
      </c>
      <c r="R691" s="5" t="s">
        <v>1523</v>
      </c>
      <c r="S691" s="5" t="s">
        <v>42</v>
      </c>
      <c r="T691" s="2">
        <v>3.4470000000000001</v>
      </c>
      <c r="U691" s="2">
        <v>2.8690000000000002</v>
      </c>
      <c r="V691" s="2">
        <v>1.7999999999999999E-2</v>
      </c>
      <c r="W691" s="2">
        <v>139.1</v>
      </c>
      <c r="X691" s="2">
        <v>7.6</v>
      </c>
      <c r="Y691" s="2">
        <v>16.7</v>
      </c>
      <c r="Z691" s="5"/>
      <c r="AA691" s="5" t="s">
        <v>43</v>
      </c>
      <c r="AB691" s="5" t="s">
        <v>44</v>
      </c>
      <c r="AC691" s="2"/>
      <c r="AD691" s="1"/>
    </row>
    <row r="692" spans="1:30">
      <c r="A692" s="5" t="s">
        <v>83578</v>
      </c>
      <c r="B692" s="2" t="s">
        <v>85649</v>
      </c>
      <c r="C692" s="14" t="s">
        <v>85650</v>
      </c>
      <c r="D692" s="2" t="s">
        <v>85651</v>
      </c>
      <c r="E692" s="2" t="s">
        <v>7551</v>
      </c>
      <c r="F692" s="8">
        <v>300</v>
      </c>
      <c r="G692" s="5">
        <v>6</v>
      </c>
      <c r="H692" s="5" t="s">
        <v>1518</v>
      </c>
      <c r="I692" s="5" t="s">
        <v>1519</v>
      </c>
      <c r="J692" s="2" t="s">
        <v>1520</v>
      </c>
      <c r="K692" s="5" t="s">
        <v>1519</v>
      </c>
      <c r="L692" s="2" t="s">
        <v>1520</v>
      </c>
      <c r="M692" s="5" t="s">
        <v>1521</v>
      </c>
      <c r="N692" s="5" t="s">
        <v>38</v>
      </c>
      <c r="O692" s="5" t="s">
        <v>39</v>
      </c>
      <c r="P692" s="5" t="s">
        <v>40</v>
      </c>
      <c r="Q692" s="5" t="s">
        <v>1522</v>
      </c>
      <c r="R692" s="5" t="s">
        <v>1523</v>
      </c>
      <c r="S692" s="5" t="s">
        <v>42</v>
      </c>
      <c r="T692" s="2">
        <v>3.5569999999999999</v>
      </c>
      <c r="U692" s="2">
        <v>2.9790000000000001</v>
      </c>
      <c r="V692" s="2">
        <v>1.7999999999999999E-2</v>
      </c>
      <c r="W692" s="2">
        <v>139.1</v>
      </c>
      <c r="X692" s="2">
        <v>7.6</v>
      </c>
      <c r="Y692" s="2">
        <v>16.7</v>
      </c>
      <c r="Z692" s="5"/>
      <c r="AA692" s="5" t="s">
        <v>43</v>
      </c>
      <c r="AB692" s="5" t="s">
        <v>44</v>
      </c>
      <c r="AC692" s="2"/>
      <c r="AD692" s="1"/>
    </row>
    <row r="693" spans="1:30">
      <c r="A693" s="5" t="s">
        <v>83578</v>
      </c>
      <c r="B693" s="2" t="s">
        <v>85652</v>
      </c>
      <c r="C693" s="14" t="s">
        <v>85653</v>
      </c>
      <c r="D693" s="2" t="s">
        <v>85654</v>
      </c>
      <c r="E693" s="2" t="s">
        <v>7555</v>
      </c>
      <c r="F693" s="8">
        <v>300</v>
      </c>
      <c r="G693" s="5">
        <v>6</v>
      </c>
      <c r="H693" s="5" t="s">
        <v>1518</v>
      </c>
      <c r="I693" s="5" t="s">
        <v>1519</v>
      </c>
      <c r="J693" s="2" t="s">
        <v>1520</v>
      </c>
      <c r="K693" s="5" t="s">
        <v>1519</v>
      </c>
      <c r="L693" s="2" t="s">
        <v>1520</v>
      </c>
      <c r="M693" s="5" t="s">
        <v>1521</v>
      </c>
      <c r="N693" s="5" t="s">
        <v>38</v>
      </c>
      <c r="O693" s="5" t="s">
        <v>39</v>
      </c>
      <c r="P693" s="5" t="s">
        <v>40</v>
      </c>
      <c r="Q693" s="5" t="s">
        <v>1522</v>
      </c>
      <c r="R693" s="5" t="s">
        <v>1523</v>
      </c>
      <c r="S693" s="5" t="s">
        <v>42</v>
      </c>
      <c r="T693" s="2">
        <v>3.4470000000000001</v>
      </c>
      <c r="U693" s="2">
        <v>2.8690000000000002</v>
      </c>
      <c r="V693" s="2">
        <v>1.7999999999999999E-2</v>
      </c>
      <c r="W693" s="2">
        <v>139.1</v>
      </c>
      <c r="X693" s="2">
        <v>7.6</v>
      </c>
      <c r="Y693" s="2">
        <v>16.7</v>
      </c>
      <c r="Z693" s="5"/>
      <c r="AA693" s="5" t="s">
        <v>43</v>
      </c>
      <c r="AB693" s="5" t="s">
        <v>44</v>
      </c>
      <c r="AC693" s="2"/>
      <c r="AD693" s="1"/>
    </row>
    <row r="694" spans="1:30">
      <c r="A694" s="5" t="s">
        <v>83578</v>
      </c>
      <c r="B694" s="2" t="s">
        <v>85655</v>
      </c>
      <c r="C694" s="14" t="s">
        <v>85656</v>
      </c>
      <c r="D694" s="2" t="s">
        <v>85657</v>
      </c>
      <c r="E694" s="2" t="s">
        <v>7559</v>
      </c>
      <c r="F694" s="8">
        <v>300</v>
      </c>
      <c r="G694" s="5">
        <v>6</v>
      </c>
      <c r="H694" s="5" t="s">
        <v>1518</v>
      </c>
      <c r="I694" s="5" t="s">
        <v>1519</v>
      </c>
      <c r="J694" s="2" t="s">
        <v>1520</v>
      </c>
      <c r="K694" s="5" t="s">
        <v>1519</v>
      </c>
      <c r="L694" s="2" t="s">
        <v>1520</v>
      </c>
      <c r="M694" s="5" t="s">
        <v>1521</v>
      </c>
      <c r="N694" s="5" t="s">
        <v>38</v>
      </c>
      <c r="O694" s="5" t="s">
        <v>39</v>
      </c>
      <c r="P694" s="5" t="s">
        <v>40</v>
      </c>
      <c r="Q694" s="5" t="s">
        <v>1522</v>
      </c>
      <c r="R694" s="5" t="s">
        <v>1523</v>
      </c>
      <c r="S694" s="5" t="s">
        <v>42</v>
      </c>
      <c r="T694" s="2">
        <v>3.5569999999999999</v>
      </c>
      <c r="U694" s="2">
        <v>2.9790000000000001</v>
      </c>
      <c r="V694" s="2">
        <v>1.7999999999999999E-2</v>
      </c>
      <c r="W694" s="2">
        <v>139.1</v>
      </c>
      <c r="X694" s="2">
        <v>7.6</v>
      </c>
      <c r="Y694" s="2">
        <v>16.7</v>
      </c>
      <c r="Z694" s="5"/>
      <c r="AA694" s="5" t="s">
        <v>43</v>
      </c>
      <c r="AB694" s="5" t="s">
        <v>44</v>
      </c>
      <c r="AC694" s="2"/>
      <c r="AD694" s="1"/>
    </row>
    <row r="695" spans="1:30">
      <c r="A695" s="5" t="s">
        <v>83578</v>
      </c>
      <c r="B695" s="2" t="s">
        <v>85658</v>
      </c>
      <c r="C695" s="14" t="s">
        <v>85659</v>
      </c>
      <c r="D695" s="2" t="s">
        <v>85660</v>
      </c>
      <c r="E695" s="2" t="s">
        <v>16194</v>
      </c>
      <c r="F695" s="8">
        <v>300</v>
      </c>
      <c r="G695" s="5">
        <v>6</v>
      </c>
      <c r="H695" s="5" t="s">
        <v>1518</v>
      </c>
      <c r="I695" s="5" t="s">
        <v>1519</v>
      </c>
      <c r="J695" s="2" t="s">
        <v>1520</v>
      </c>
      <c r="K695" s="5" t="s">
        <v>1519</v>
      </c>
      <c r="L695" s="2" t="s">
        <v>1520</v>
      </c>
      <c r="M695" s="5" t="s">
        <v>1521</v>
      </c>
      <c r="N695" s="5" t="s">
        <v>38</v>
      </c>
      <c r="O695" s="5" t="s">
        <v>39</v>
      </c>
      <c r="P695" s="5" t="s">
        <v>40</v>
      </c>
      <c r="Q695" s="5" t="s">
        <v>1522</v>
      </c>
      <c r="R695" s="5" t="s">
        <v>1523</v>
      </c>
      <c r="S695" s="5" t="s">
        <v>42</v>
      </c>
      <c r="T695" s="2">
        <v>3.5920000000000001</v>
      </c>
      <c r="U695" s="2">
        <v>3.0139999999999998</v>
      </c>
      <c r="V695" s="2">
        <v>1.7999999999999999E-2</v>
      </c>
      <c r="W695" s="2">
        <v>139.1</v>
      </c>
      <c r="X695" s="2">
        <v>7.6</v>
      </c>
      <c r="Y695" s="2">
        <v>16.7</v>
      </c>
      <c r="Z695" s="5"/>
      <c r="AA695" s="5" t="s">
        <v>43</v>
      </c>
      <c r="AB695" s="5" t="s">
        <v>44</v>
      </c>
      <c r="AC695" s="2"/>
      <c r="AD695" s="1"/>
    </row>
    <row r="696" spans="1:30">
      <c r="A696" s="5" t="s">
        <v>83578</v>
      </c>
      <c r="B696" s="2" t="s">
        <v>85661</v>
      </c>
      <c r="C696" s="14" t="s">
        <v>85662</v>
      </c>
      <c r="D696" s="2" t="s">
        <v>85663</v>
      </c>
      <c r="E696" s="2" t="s">
        <v>7597</v>
      </c>
      <c r="F696" s="8">
        <v>300</v>
      </c>
      <c r="G696" s="5">
        <v>6</v>
      </c>
      <c r="H696" s="5" t="s">
        <v>1518</v>
      </c>
      <c r="I696" s="5" t="s">
        <v>1519</v>
      </c>
      <c r="J696" s="2" t="s">
        <v>1520</v>
      </c>
      <c r="K696" s="5" t="s">
        <v>1519</v>
      </c>
      <c r="L696" s="2" t="s">
        <v>1520</v>
      </c>
      <c r="M696" s="5" t="s">
        <v>1521</v>
      </c>
      <c r="N696" s="5" t="s">
        <v>38</v>
      </c>
      <c r="O696" s="5" t="s">
        <v>39</v>
      </c>
      <c r="P696" s="5" t="s">
        <v>40</v>
      </c>
      <c r="Q696" s="5" t="s">
        <v>1522</v>
      </c>
      <c r="R696" s="5" t="s">
        <v>1523</v>
      </c>
      <c r="S696" s="5" t="s">
        <v>42</v>
      </c>
      <c r="T696" s="2">
        <v>3.5920000000000001</v>
      </c>
      <c r="U696" s="2">
        <v>3.0139999999999998</v>
      </c>
      <c r="V696" s="2">
        <v>1.7999999999999999E-2</v>
      </c>
      <c r="W696" s="2">
        <v>139.1</v>
      </c>
      <c r="X696" s="2">
        <v>7.6</v>
      </c>
      <c r="Y696" s="2">
        <v>16.7</v>
      </c>
      <c r="Z696" s="5"/>
      <c r="AA696" s="5" t="s">
        <v>43</v>
      </c>
      <c r="AB696" s="5" t="s">
        <v>44</v>
      </c>
      <c r="AC696" s="2"/>
      <c r="AD696" s="1"/>
    </row>
    <row r="697" spans="1:30">
      <c r="A697" s="5" t="s">
        <v>83578</v>
      </c>
      <c r="B697" s="2" t="s">
        <v>85664</v>
      </c>
      <c r="C697" s="14" t="s">
        <v>85665</v>
      </c>
      <c r="D697" s="2" t="s">
        <v>85666</v>
      </c>
      <c r="E697" s="2" t="s">
        <v>16219</v>
      </c>
      <c r="F697" s="8">
        <v>300</v>
      </c>
      <c r="G697" s="5">
        <v>6</v>
      </c>
      <c r="H697" s="5" t="s">
        <v>1518</v>
      </c>
      <c r="I697" s="5" t="s">
        <v>1519</v>
      </c>
      <c r="J697" s="2" t="s">
        <v>1520</v>
      </c>
      <c r="K697" s="5" t="s">
        <v>1519</v>
      </c>
      <c r="L697" s="2" t="s">
        <v>1520</v>
      </c>
      <c r="M697" s="5" t="s">
        <v>1521</v>
      </c>
      <c r="N697" s="5" t="s">
        <v>38</v>
      </c>
      <c r="O697" s="5" t="s">
        <v>39</v>
      </c>
      <c r="P697" s="5" t="s">
        <v>40</v>
      </c>
      <c r="Q697" s="5" t="s">
        <v>1522</v>
      </c>
      <c r="R697" s="5" t="s">
        <v>1523</v>
      </c>
      <c r="S697" s="5" t="s">
        <v>42</v>
      </c>
      <c r="T697" s="2">
        <v>3.5920000000000001</v>
      </c>
      <c r="U697" s="2">
        <v>3.0139999999999998</v>
      </c>
      <c r="V697" s="2">
        <v>1.7999999999999999E-2</v>
      </c>
      <c r="W697" s="2">
        <v>139.1</v>
      </c>
      <c r="X697" s="2">
        <v>7.6</v>
      </c>
      <c r="Y697" s="2">
        <v>16.7</v>
      </c>
      <c r="Z697" s="5"/>
      <c r="AA697" s="5" t="s">
        <v>43</v>
      </c>
      <c r="AB697" s="5" t="s">
        <v>44</v>
      </c>
      <c r="AC697" s="2"/>
      <c r="AD697" s="1"/>
    </row>
    <row r="698" spans="1:30">
      <c r="A698" s="5" t="s">
        <v>83578</v>
      </c>
      <c r="B698" s="2" t="s">
        <v>85667</v>
      </c>
      <c r="C698" s="14" t="s">
        <v>85668</v>
      </c>
      <c r="D698" s="2" t="s">
        <v>85669</v>
      </c>
      <c r="E698" s="2" t="s">
        <v>7615</v>
      </c>
      <c r="F698" s="8">
        <v>300</v>
      </c>
      <c r="G698" s="5">
        <v>6</v>
      </c>
      <c r="H698" s="5" t="s">
        <v>1518</v>
      </c>
      <c r="I698" s="5" t="s">
        <v>1519</v>
      </c>
      <c r="J698" s="2" t="s">
        <v>1520</v>
      </c>
      <c r="K698" s="5" t="s">
        <v>1519</v>
      </c>
      <c r="L698" s="2" t="s">
        <v>1520</v>
      </c>
      <c r="M698" s="5" t="s">
        <v>1521</v>
      </c>
      <c r="N698" s="5" t="s">
        <v>38</v>
      </c>
      <c r="O698" s="5" t="s">
        <v>39</v>
      </c>
      <c r="P698" s="5" t="s">
        <v>40</v>
      </c>
      <c r="Q698" s="5" t="s">
        <v>1522</v>
      </c>
      <c r="R698" s="5" t="s">
        <v>1523</v>
      </c>
      <c r="S698" s="5" t="s">
        <v>42</v>
      </c>
      <c r="T698" s="2">
        <v>3.4470000000000001</v>
      </c>
      <c r="U698" s="2">
        <v>2.8690000000000002</v>
      </c>
      <c r="V698" s="2">
        <v>1.7999999999999999E-2</v>
      </c>
      <c r="W698" s="2">
        <v>139.1</v>
      </c>
      <c r="X698" s="2">
        <v>7.6</v>
      </c>
      <c r="Y698" s="2">
        <v>16.7</v>
      </c>
      <c r="Z698" s="5"/>
      <c r="AA698" s="5" t="s">
        <v>43</v>
      </c>
      <c r="AB698" s="5" t="s">
        <v>44</v>
      </c>
      <c r="AC698" s="2"/>
      <c r="AD698" s="1"/>
    </row>
    <row r="699" spans="1:30">
      <c r="A699" s="5" t="s">
        <v>83578</v>
      </c>
      <c r="B699" s="2" t="s">
        <v>85670</v>
      </c>
      <c r="C699" s="14" t="s">
        <v>85671</v>
      </c>
      <c r="D699" s="2" t="s">
        <v>85672</v>
      </c>
      <c r="E699" s="2" t="s">
        <v>16235</v>
      </c>
      <c r="F699" s="8">
        <v>300</v>
      </c>
      <c r="G699" s="5">
        <v>6</v>
      </c>
      <c r="H699" s="5" t="s">
        <v>1518</v>
      </c>
      <c r="I699" s="5" t="s">
        <v>1519</v>
      </c>
      <c r="J699" s="2" t="s">
        <v>1520</v>
      </c>
      <c r="K699" s="5" t="s">
        <v>1519</v>
      </c>
      <c r="L699" s="2" t="s">
        <v>1520</v>
      </c>
      <c r="M699" s="5" t="s">
        <v>1521</v>
      </c>
      <c r="N699" s="5" t="s">
        <v>38</v>
      </c>
      <c r="O699" s="5" t="s">
        <v>39</v>
      </c>
      <c r="P699" s="5" t="s">
        <v>40</v>
      </c>
      <c r="Q699" s="5" t="s">
        <v>1522</v>
      </c>
      <c r="R699" s="5" t="s">
        <v>1523</v>
      </c>
      <c r="S699" s="5" t="s">
        <v>42</v>
      </c>
      <c r="T699" s="2">
        <v>3.54</v>
      </c>
      <c r="U699" s="2">
        <v>2.9620000000000002</v>
      </c>
      <c r="V699" s="2">
        <v>1.7999999999999999E-2</v>
      </c>
      <c r="W699" s="2">
        <v>139.1</v>
      </c>
      <c r="X699" s="2">
        <v>7.6</v>
      </c>
      <c r="Y699" s="2">
        <v>16.7</v>
      </c>
      <c r="Z699" s="5"/>
      <c r="AA699" s="5" t="s">
        <v>43</v>
      </c>
      <c r="AB699" s="5" t="s">
        <v>44</v>
      </c>
      <c r="AC699" s="2"/>
      <c r="AD699" s="1"/>
    </row>
    <row r="700" spans="1:30">
      <c r="A700" s="5" t="s">
        <v>83578</v>
      </c>
      <c r="B700" s="2" t="s">
        <v>85673</v>
      </c>
      <c r="C700" s="14" t="s">
        <v>85674</v>
      </c>
      <c r="D700" s="2" t="s">
        <v>85675</v>
      </c>
      <c r="E700" s="2" t="s">
        <v>7521</v>
      </c>
      <c r="F700" s="8">
        <v>296</v>
      </c>
      <c r="G700" s="5">
        <v>6</v>
      </c>
      <c r="H700" s="5" t="s">
        <v>1518</v>
      </c>
      <c r="I700" s="5" t="s">
        <v>1519</v>
      </c>
      <c r="J700" s="2" t="s">
        <v>1520</v>
      </c>
      <c r="K700" s="5" t="s">
        <v>1519</v>
      </c>
      <c r="L700" s="2" t="s">
        <v>1520</v>
      </c>
      <c r="M700" s="5" t="s">
        <v>1521</v>
      </c>
      <c r="N700" s="5" t="s">
        <v>38</v>
      </c>
      <c r="O700" s="5" t="s">
        <v>39</v>
      </c>
      <c r="P700" s="5" t="s">
        <v>40</v>
      </c>
      <c r="Q700" s="5" t="s">
        <v>1522</v>
      </c>
      <c r="R700" s="5" t="s">
        <v>1523</v>
      </c>
      <c r="S700" s="5" t="s">
        <v>42</v>
      </c>
      <c r="T700" s="2">
        <v>3.786</v>
      </c>
      <c r="U700" s="2">
        <v>3.214</v>
      </c>
      <c r="V700" s="2">
        <v>1.7999999999999999E-2</v>
      </c>
      <c r="W700" s="2">
        <v>139.1</v>
      </c>
      <c r="X700" s="2">
        <v>7.6</v>
      </c>
      <c r="Y700" s="2">
        <v>16.7</v>
      </c>
      <c r="Z700" s="5"/>
      <c r="AA700" s="5" t="s">
        <v>43</v>
      </c>
      <c r="AB700" s="5" t="s">
        <v>44</v>
      </c>
      <c r="AC700" s="2"/>
      <c r="AD700" s="1"/>
    </row>
    <row r="701" spans="1:30">
      <c r="A701" s="5" t="s">
        <v>83578</v>
      </c>
      <c r="B701" s="2" t="s">
        <v>85676</v>
      </c>
      <c r="C701" s="14" t="s">
        <v>85677</v>
      </c>
      <c r="D701" s="2" t="s">
        <v>85678</v>
      </c>
      <c r="E701" s="2" t="s">
        <v>7528</v>
      </c>
      <c r="F701" s="8">
        <v>296</v>
      </c>
      <c r="G701" s="5">
        <v>6</v>
      </c>
      <c r="H701" s="5" t="s">
        <v>1518</v>
      </c>
      <c r="I701" s="5" t="s">
        <v>1519</v>
      </c>
      <c r="J701" s="2" t="s">
        <v>1520</v>
      </c>
      <c r="K701" s="5" t="s">
        <v>1519</v>
      </c>
      <c r="L701" s="2" t="s">
        <v>1520</v>
      </c>
      <c r="M701" s="5" t="s">
        <v>1521</v>
      </c>
      <c r="N701" s="5" t="s">
        <v>38</v>
      </c>
      <c r="O701" s="5" t="s">
        <v>39</v>
      </c>
      <c r="P701" s="5" t="s">
        <v>40</v>
      </c>
      <c r="Q701" s="5" t="s">
        <v>1522</v>
      </c>
      <c r="R701" s="5" t="s">
        <v>1523</v>
      </c>
      <c r="S701" s="5" t="s">
        <v>42</v>
      </c>
      <c r="T701" s="2">
        <v>3.746</v>
      </c>
      <c r="U701" s="2">
        <v>3.1739999999999999</v>
      </c>
      <c r="V701" s="2">
        <v>1.7999999999999999E-2</v>
      </c>
      <c r="W701" s="2">
        <v>139.1</v>
      </c>
      <c r="X701" s="2">
        <v>7.6</v>
      </c>
      <c r="Y701" s="2">
        <v>16.7</v>
      </c>
      <c r="Z701" s="5"/>
      <c r="AA701" s="5" t="s">
        <v>43</v>
      </c>
      <c r="AB701" s="5" t="s">
        <v>44</v>
      </c>
      <c r="AC701" s="2"/>
      <c r="AD701" s="1"/>
    </row>
    <row r="702" spans="1:30">
      <c r="A702" s="5" t="s">
        <v>83578</v>
      </c>
      <c r="B702" s="2" t="s">
        <v>85679</v>
      </c>
      <c r="C702" s="14" t="s">
        <v>85680</v>
      </c>
      <c r="D702" s="2" t="s">
        <v>85681</v>
      </c>
      <c r="E702" s="2" t="s">
        <v>7535</v>
      </c>
      <c r="F702" s="8">
        <v>321</v>
      </c>
      <c r="G702" s="5">
        <v>6</v>
      </c>
      <c r="H702" s="5" t="s">
        <v>1518</v>
      </c>
      <c r="I702" s="5" t="s">
        <v>1519</v>
      </c>
      <c r="J702" s="2" t="s">
        <v>1520</v>
      </c>
      <c r="K702" s="5" t="s">
        <v>1519</v>
      </c>
      <c r="L702" s="2" t="s">
        <v>1520</v>
      </c>
      <c r="M702" s="5" t="s">
        <v>1521</v>
      </c>
      <c r="N702" s="5" t="s">
        <v>38</v>
      </c>
      <c r="O702" s="5" t="s">
        <v>39</v>
      </c>
      <c r="P702" s="5" t="s">
        <v>40</v>
      </c>
      <c r="Q702" s="5" t="s">
        <v>1522</v>
      </c>
      <c r="R702" s="5" t="s">
        <v>1523</v>
      </c>
      <c r="S702" s="5" t="s">
        <v>42</v>
      </c>
      <c r="T702" s="2">
        <v>3.746</v>
      </c>
      <c r="U702" s="2">
        <v>3.1739999999999999</v>
      </c>
      <c r="V702" s="2">
        <v>1.7999999999999999E-2</v>
      </c>
      <c r="W702" s="2">
        <v>139.1</v>
      </c>
      <c r="X702" s="2">
        <v>7.6</v>
      </c>
      <c r="Y702" s="2">
        <v>16.7</v>
      </c>
      <c r="Z702" s="5"/>
      <c r="AA702" s="5" t="s">
        <v>43</v>
      </c>
      <c r="AB702" s="5" t="s">
        <v>44</v>
      </c>
      <c r="AC702" s="2"/>
      <c r="AD702" s="1"/>
    </row>
    <row r="703" spans="1:30">
      <c r="A703" s="5" t="s">
        <v>83578</v>
      </c>
      <c r="B703" s="2" t="s">
        <v>85682</v>
      </c>
      <c r="C703" s="14" t="s">
        <v>85683</v>
      </c>
      <c r="D703" s="2" t="s">
        <v>85684</v>
      </c>
      <c r="E703" s="2" t="s">
        <v>7539</v>
      </c>
      <c r="F703" s="8">
        <v>321</v>
      </c>
      <c r="G703" s="5">
        <v>6</v>
      </c>
      <c r="H703" s="5" t="s">
        <v>1518</v>
      </c>
      <c r="I703" s="5" t="s">
        <v>1519</v>
      </c>
      <c r="J703" s="2" t="s">
        <v>1520</v>
      </c>
      <c r="K703" s="5" t="s">
        <v>1519</v>
      </c>
      <c r="L703" s="2" t="s">
        <v>1520</v>
      </c>
      <c r="M703" s="5" t="s">
        <v>1521</v>
      </c>
      <c r="N703" s="5" t="s">
        <v>38</v>
      </c>
      <c r="O703" s="5" t="s">
        <v>39</v>
      </c>
      <c r="P703" s="5" t="s">
        <v>40</v>
      </c>
      <c r="Q703" s="5" t="s">
        <v>1522</v>
      </c>
      <c r="R703" s="5" t="s">
        <v>1523</v>
      </c>
      <c r="S703" s="5" t="s">
        <v>42</v>
      </c>
      <c r="T703" s="2">
        <v>3.6659999999999999</v>
      </c>
      <c r="U703" s="2">
        <v>3.0939999999999999</v>
      </c>
      <c r="V703" s="2">
        <v>1.7999999999999999E-2</v>
      </c>
      <c r="W703" s="2">
        <v>139.1</v>
      </c>
      <c r="X703" s="2">
        <v>7.6</v>
      </c>
      <c r="Y703" s="2">
        <v>16.7</v>
      </c>
      <c r="Z703" s="5"/>
      <c r="AA703" s="5" t="s">
        <v>43</v>
      </c>
      <c r="AB703" s="5" t="s">
        <v>44</v>
      </c>
      <c r="AC703" s="2"/>
      <c r="AD703" s="1"/>
    </row>
    <row r="704" spans="1:30">
      <c r="A704" s="5" t="s">
        <v>83578</v>
      </c>
      <c r="B704" s="2" t="s">
        <v>85685</v>
      </c>
      <c r="C704" s="14" t="s">
        <v>85686</v>
      </c>
      <c r="D704" s="2" t="s">
        <v>85687</v>
      </c>
      <c r="E704" s="2" t="s">
        <v>7543</v>
      </c>
      <c r="F704" s="8">
        <v>321</v>
      </c>
      <c r="G704" s="5">
        <v>6</v>
      </c>
      <c r="H704" s="5" t="s">
        <v>1518</v>
      </c>
      <c r="I704" s="5" t="s">
        <v>1519</v>
      </c>
      <c r="J704" s="2" t="s">
        <v>1520</v>
      </c>
      <c r="K704" s="5" t="s">
        <v>1519</v>
      </c>
      <c r="L704" s="2" t="s">
        <v>1520</v>
      </c>
      <c r="M704" s="5" t="s">
        <v>1521</v>
      </c>
      <c r="N704" s="5" t="s">
        <v>38</v>
      </c>
      <c r="O704" s="5" t="s">
        <v>39</v>
      </c>
      <c r="P704" s="5" t="s">
        <v>40</v>
      </c>
      <c r="Q704" s="5" t="s">
        <v>1522</v>
      </c>
      <c r="R704" s="5" t="s">
        <v>1523</v>
      </c>
      <c r="S704" s="5" t="s">
        <v>42</v>
      </c>
      <c r="T704" s="2">
        <v>3.786</v>
      </c>
      <c r="U704" s="2">
        <v>3.214</v>
      </c>
      <c r="V704" s="2">
        <v>1.7999999999999999E-2</v>
      </c>
      <c r="W704" s="2">
        <v>139.1</v>
      </c>
      <c r="X704" s="2">
        <v>7.6</v>
      </c>
      <c r="Y704" s="2">
        <v>16.7</v>
      </c>
      <c r="Z704" s="5"/>
      <c r="AA704" s="5" t="s">
        <v>43</v>
      </c>
      <c r="AB704" s="5" t="s">
        <v>44</v>
      </c>
      <c r="AC704" s="2"/>
      <c r="AD704" s="1"/>
    </row>
    <row r="705" spans="1:30">
      <c r="A705" s="5" t="s">
        <v>83578</v>
      </c>
      <c r="B705" s="2" t="s">
        <v>85688</v>
      </c>
      <c r="C705" s="14" t="s">
        <v>85689</v>
      </c>
      <c r="D705" s="2" t="s">
        <v>85690</v>
      </c>
      <c r="E705" s="2" t="s">
        <v>7547</v>
      </c>
      <c r="F705" s="8">
        <v>321</v>
      </c>
      <c r="G705" s="5">
        <v>6</v>
      </c>
      <c r="H705" s="5" t="s">
        <v>1518</v>
      </c>
      <c r="I705" s="5" t="s">
        <v>1519</v>
      </c>
      <c r="J705" s="2" t="s">
        <v>1520</v>
      </c>
      <c r="K705" s="5" t="s">
        <v>1519</v>
      </c>
      <c r="L705" s="2" t="s">
        <v>1520</v>
      </c>
      <c r="M705" s="5" t="s">
        <v>1521</v>
      </c>
      <c r="N705" s="5" t="s">
        <v>38</v>
      </c>
      <c r="O705" s="5" t="s">
        <v>39</v>
      </c>
      <c r="P705" s="5" t="s">
        <v>40</v>
      </c>
      <c r="Q705" s="5" t="s">
        <v>1522</v>
      </c>
      <c r="R705" s="5" t="s">
        <v>1523</v>
      </c>
      <c r="S705" s="5" t="s">
        <v>42</v>
      </c>
      <c r="T705" s="2">
        <v>3.6259999999999999</v>
      </c>
      <c r="U705" s="2">
        <v>3.0539999999999998</v>
      </c>
      <c r="V705" s="2">
        <v>1.7999999999999999E-2</v>
      </c>
      <c r="W705" s="2">
        <v>139.1</v>
      </c>
      <c r="X705" s="2">
        <v>7.6</v>
      </c>
      <c r="Y705" s="2">
        <v>16.7</v>
      </c>
      <c r="Z705" s="5"/>
      <c r="AA705" s="5" t="s">
        <v>43</v>
      </c>
      <c r="AB705" s="5" t="s">
        <v>44</v>
      </c>
      <c r="AC705" s="2"/>
      <c r="AD705" s="1"/>
    </row>
    <row r="706" spans="1:30">
      <c r="A706" s="5" t="s">
        <v>83578</v>
      </c>
      <c r="B706" s="2" t="s">
        <v>85691</v>
      </c>
      <c r="C706" s="14" t="s">
        <v>85692</v>
      </c>
      <c r="D706" s="2" t="s">
        <v>85693</v>
      </c>
      <c r="E706" s="2" t="s">
        <v>7551</v>
      </c>
      <c r="F706" s="8">
        <v>321</v>
      </c>
      <c r="G706" s="5">
        <v>6</v>
      </c>
      <c r="H706" s="5" t="s">
        <v>1518</v>
      </c>
      <c r="I706" s="5" t="s">
        <v>1519</v>
      </c>
      <c r="J706" s="2" t="s">
        <v>1520</v>
      </c>
      <c r="K706" s="5" t="s">
        <v>1519</v>
      </c>
      <c r="L706" s="2" t="s">
        <v>1520</v>
      </c>
      <c r="M706" s="5" t="s">
        <v>1521</v>
      </c>
      <c r="N706" s="5" t="s">
        <v>38</v>
      </c>
      <c r="O706" s="5" t="s">
        <v>39</v>
      </c>
      <c r="P706" s="5" t="s">
        <v>40</v>
      </c>
      <c r="Q706" s="5" t="s">
        <v>1522</v>
      </c>
      <c r="R706" s="5" t="s">
        <v>1523</v>
      </c>
      <c r="S706" s="5" t="s">
        <v>42</v>
      </c>
      <c r="T706" s="2">
        <v>3.746</v>
      </c>
      <c r="U706" s="2">
        <v>3.1739999999999999</v>
      </c>
      <c r="V706" s="2">
        <v>1.7999999999999999E-2</v>
      </c>
      <c r="W706" s="2">
        <v>139.1</v>
      </c>
      <c r="X706" s="2">
        <v>7.6</v>
      </c>
      <c r="Y706" s="2">
        <v>16.7</v>
      </c>
      <c r="Z706" s="5"/>
      <c r="AA706" s="5" t="s">
        <v>43</v>
      </c>
      <c r="AB706" s="5" t="s">
        <v>44</v>
      </c>
      <c r="AC706" s="2"/>
      <c r="AD706" s="1"/>
    </row>
    <row r="707" spans="1:30">
      <c r="A707" s="5" t="s">
        <v>83578</v>
      </c>
      <c r="B707" s="2" t="s">
        <v>85694</v>
      </c>
      <c r="C707" s="14" t="s">
        <v>85695</v>
      </c>
      <c r="D707" s="2" t="s">
        <v>85696</v>
      </c>
      <c r="E707" s="2" t="s">
        <v>7555</v>
      </c>
      <c r="F707" s="8">
        <v>321</v>
      </c>
      <c r="G707" s="5">
        <v>6</v>
      </c>
      <c r="H707" s="5" t="s">
        <v>1518</v>
      </c>
      <c r="I707" s="5" t="s">
        <v>1519</v>
      </c>
      <c r="J707" s="2" t="s">
        <v>1520</v>
      </c>
      <c r="K707" s="5" t="s">
        <v>1519</v>
      </c>
      <c r="L707" s="2" t="s">
        <v>1520</v>
      </c>
      <c r="M707" s="5" t="s">
        <v>1521</v>
      </c>
      <c r="N707" s="5" t="s">
        <v>38</v>
      </c>
      <c r="O707" s="5" t="s">
        <v>39</v>
      </c>
      <c r="P707" s="5" t="s">
        <v>40</v>
      </c>
      <c r="Q707" s="5" t="s">
        <v>1522</v>
      </c>
      <c r="R707" s="5" t="s">
        <v>1523</v>
      </c>
      <c r="S707" s="5" t="s">
        <v>42</v>
      </c>
      <c r="T707" s="2">
        <v>3.6259999999999999</v>
      </c>
      <c r="U707" s="2">
        <v>3.0539999999999998</v>
      </c>
      <c r="V707" s="2">
        <v>1.7999999999999999E-2</v>
      </c>
      <c r="W707" s="2">
        <v>139.1</v>
      </c>
      <c r="X707" s="2">
        <v>7.6</v>
      </c>
      <c r="Y707" s="2">
        <v>16.7</v>
      </c>
      <c r="Z707" s="5"/>
      <c r="AA707" s="5" t="s">
        <v>43</v>
      </c>
      <c r="AB707" s="5" t="s">
        <v>44</v>
      </c>
      <c r="AC707" s="2"/>
      <c r="AD707" s="1"/>
    </row>
    <row r="708" spans="1:30">
      <c r="A708" s="5" t="s">
        <v>83578</v>
      </c>
      <c r="B708" s="2" t="s">
        <v>85697</v>
      </c>
      <c r="C708" s="14" t="s">
        <v>85698</v>
      </c>
      <c r="D708" s="2" t="s">
        <v>85699</v>
      </c>
      <c r="E708" s="2" t="s">
        <v>7559</v>
      </c>
      <c r="F708" s="8">
        <v>321</v>
      </c>
      <c r="G708" s="5">
        <v>6</v>
      </c>
      <c r="H708" s="5" t="s">
        <v>1518</v>
      </c>
      <c r="I708" s="5" t="s">
        <v>1519</v>
      </c>
      <c r="J708" s="2" t="s">
        <v>1520</v>
      </c>
      <c r="K708" s="5" t="s">
        <v>1519</v>
      </c>
      <c r="L708" s="2" t="s">
        <v>1520</v>
      </c>
      <c r="M708" s="5" t="s">
        <v>1521</v>
      </c>
      <c r="N708" s="5" t="s">
        <v>38</v>
      </c>
      <c r="O708" s="5" t="s">
        <v>39</v>
      </c>
      <c r="P708" s="5" t="s">
        <v>40</v>
      </c>
      <c r="Q708" s="5" t="s">
        <v>1522</v>
      </c>
      <c r="R708" s="5" t="s">
        <v>1523</v>
      </c>
      <c r="S708" s="5" t="s">
        <v>42</v>
      </c>
      <c r="T708" s="2">
        <v>3.746</v>
      </c>
      <c r="U708" s="2">
        <v>3.1739999999999999</v>
      </c>
      <c r="V708" s="2">
        <v>1.7999999999999999E-2</v>
      </c>
      <c r="W708" s="2">
        <v>139.1</v>
      </c>
      <c r="X708" s="2">
        <v>7.6</v>
      </c>
      <c r="Y708" s="2">
        <v>16.7</v>
      </c>
      <c r="Z708" s="5"/>
      <c r="AA708" s="5" t="s">
        <v>43</v>
      </c>
      <c r="AB708" s="5" t="s">
        <v>44</v>
      </c>
      <c r="AC708" s="2"/>
      <c r="AD708" s="1"/>
    </row>
    <row r="709" spans="1:30">
      <c r="A709" s="5" t="s">
        <v>83578</v>
      </c>
      <c r="B709" s="2" t="s">
        <v>85700</v>
      </c>
      <c r="C709" s="14" t="s">
        <v>85701</v>
      </c>
      <c r="D709" s="2" t="s">
        <v>85702</v>
      </c>
      <c r="E709" s="2" t="s">
        <v>7563</v>
      </c>
      <c r="F709" s="8">
        <v>321</v>
      </c>
      <c r="G709" s="5">
        <v>6</v>
      </c>
      <c r="H709" s="5" t="s">
        <v>1518</v>
      </c>
      <c r="I709" s="5" t="s">
        <v>1519</v>
      </c>
      <c r="J709" s="2" t="s">
        <v>1520</v>
      </c>
      <c r="K709" s="5" t="s">
        <v>1519</v>
      </c>
      <c r="L709" s="2" t="s">
        <v>1520</v>
      </c>
      <c r="M709" s="5" t="s">
        <v>1521</v>
      </c>
      <c r="N709" s="5" t="s">
        <v>38</v>
      </c>
      <c r="O709" s="5" t="s">
        <v>39</v>
      </c>
      <c r="P709" s="5" t="s">
        <v>40</v>
      </c>
      <c r="Q709" s="5" t="s">
        <v>1522</v>
      </c>
      <c r="R709" s="5" t="s">
        <v>1523</v>
      </c>
      <c r="S709" s="5" t="s">
        <v>42</v>
      </c>
      <c r="T709" s="2">
        <v>3.6659999999999999</v>
      </c>
      <c r="U709" s="2">
        <v>3.0939999999999999</v>
      </c>
      <c r="V709" s="2">
        <v>1.7999999999999999E-2</v>
      </c>
      <c r="W709" s="2">
        <v>139.1</v>
      </c>
      <c r="X709" s="2">
        <v>7.6</v>
      </c>
      <c r="Y709" s="2">
        <v>16.7</v>
      </c>
      <c r="Z709" s="5"/>
      <c r="AA709" s="5" t="s">
        <v>43</v>
      </c>
      <c r="AB709" s="5" t="s">
        <v>44</v>
      </c>
      <c r="AC709" s="2"/>
      <c r="AD709" s="1"/>
    </row>
    <row r="710" spans="1:30">
      <c r="A710" s="5" t="s">
        <v>83578</v>
      </c>
      <c r="B710" s="2" t="s">
        <v>85703</v>
      </c>
      <c r="C710" s="14" t="s">
        <v>85704</v>
      </c>
      <c r="D710" s="2" t="s">
        <v>85705</v>
      </c>
      <c r="E710" s="2" t="s">
        <v>7567</v>
      </c>
      <c r="F710" s="8">
        <v>321</v>
      </c>
      <c r="G710" s="5">
        <v>6</v>
      </c>
      <c r="H710" s="5" t="s">
        <v>1518</v>
      </c>
      <c r="I710" s="5" t="s">
        <v>1519</v>
      </c>
      <c r="J710" s="2" t="s">
        <v>1520</v>
      </c>
      <c r="K710" s="5" t="s">
        <v>1519</v>
      </c>
      <c r="L710" s="2" t="s">
        <v>1520</v>
      </c>
      <c r="M710" s="5" t="s">
        <v>1521</v>
      </c>
      <c r="N710" s="5" t="s">
        <v>38</v>
      </c>
      <c r="O710" s="5" t="s">
        <v>39</v>
      </c>
      <c r="P710" s="5" t="s">
        <v>40</v>
      </c>
      <c r="Q710" s="5" t="s">
        <v>1522</v>
      </c>
      <c r="R710" s="5" t="s">
        <v>1523</v>
      </c>
      <c r="S710" s="5" t="s">
        <v>42</v>
      </c>
      <c r="T710" s="2">
        <v>3.786</v>
      </c>
      <c r="U710" s="2">
        <v>3.214</v>
      </c>
      <c r="V710" s="2">
        <v>1.7999999999999999E-2</v>
      </c>
      <c r="W710" s="2">
        <v>139.1</v>
      </c>
      <c r="X710" s="2">
        <v>7.6</v>
      </c>
      <c r="Y710" s="2">
        <v>16.7</v>
      </c>
      <c r="Z710" s="5"/>
      <c r="AA710" s="5" t="s">
        <v>43</v>
      </c>
      <c r="AB710" s="5" t="s">
        <v>44</v>
      </c>
      <c r="AC710" s="2"/>
      <c r="AD710" s="1"/>
    </row>
    <row r="711" spans="1:30">
      <c r="A711" s="5" t="s">
        <v>83578</v>
      </c>
      <c r="B711" s="2" t="s">
        <v>85706</v>
      </c>
      <c r="C711" s="14" t="s">
        <v>85707</v>
      </c>
      <c r="D711" s="2" t="s">
        <v>85708</v>
      </c>
      <c r="E711" s="2" t="s">
        <v>16079</v>
      </c>
      <c r="F711" s="8">
        <v>321</v>
      </c>
      <c r="G711" s="5">
        <v>6</v>
      </c>
      <c r="H711" s="5" t="s">
        <v>1518</v>
      </c>
      <c r="I711" s="5" t="s">
        <v>1519</v>
      </c>
      <c r="J711" s="2" t="s">
        <v>1520</v>
      </c>
      <c r="K711" s="5" t="s">
        <v>1519</v>
      </c>
      <c r="L711" s="2" t="s">
        <v>1520</v>
      </c>
      <c r="M711" s="5" t="s">
        <v>1521</v>
      </c>
      <c r="N711" s="5" t="s">
        <v>38</v>
      </c>
      <c r="O711" s="5" t="s">
        <v>39</v>
      </c>
      <c r="P711" s="5" t="s">
        <v>40</v>
      </c>
      <c r="Q711" s="5" t="s">
        <v>1522</v>
      </c>
      <c r="R711" s="5" t="s">
        <v>1523</v>
      </c>
      <c r="S711" s="5" t="s">
        <v>42</v>
      </c>
      <c r="T711" s="2">
        <v>3.6659999999999999</v>
      </c>
      <c r="U711" s="2">
        <v>3.0939999999999999</v>
      </c>
      <c r="V711" s="2">
        <v>1.7999999999999999E-2</v>
      </c>
      <c r="W711" s="2">
        <v>139.1</v>
      </c>
      <c r="X711" s="2">
        <v>7.6</v>
      </c>
      <c r="Y711" s="2">
        <v>16.7</v>
      </c>
      <c r="Z711" s="5"/>
      <c r="AA711" s="5" t="s">
        <v>43</v>
      </c>
      <c r="AB711" s="5" t="s">
        <v>44</v>
      </c>
      <c r="AC711" s="2"/>
      <c r="AD711" s="1"/>
    </row>
    <row r="712" spans="1:30">
      <c r="A712" s="5" t="s">
        <v>83578</v>
      </c>
      <c r="B712" s="2" t="s">
        <v>85709</v>
      </c>
      <c r="C712" s="14" t="s">
        <v>85710</v>
      </c>
      <c r="D712" s="2" t="s">
        <v>85711</v>
      </c>
      <c r="E712" s="2" t="s">
        <v>16194</v>
      </c>
      <c r="F712" s="8">
        <v>321</v>
      </c>
      <c r="G712" s="5">
        <v>6</v>
      </c>
      <c r="H712" s="5" t="s">
        <v>1518</v>
      </c>
      <c r="I712" s="5" t="s">
        <v>1519</v>
      </c>
      <c r="J712" s="2" t="s">
        <v>1520</v>
      </c>
      <c r="K712" s="5" t="s">
        <v>1519</v>
      </c>
      <c r="L712" s="2" t="s">
        <v>1520</v>
      </c>
      <c r="M712" s="5" t="s">
        <v>1521</v>
      </c>
      <c r="N712" s="5" t="s">
        <v>38</v>
      </c>
      <c r="O712" s="5" t="s">
        <v>39</v>
      </c>
      <c r="P712" s="5" t="s">
        <v>40</v>
      </c>
      <c r="Q712" s="5" t="s">
        <v>1522</v>
      </c>
      <c r="R712" s="5" t="s">
        <v>1523</v>
      </c>
      <c r="S712" s="5" t="s">
        <v>42</v>
      </c>
      <c r="T712" s="2">
        <v>3.786</v>
      </c>
      <c r="U712" s="2">
        <v>3.214</v>
      </c>
      <c r="V712" s="2">
        <v>1.7999999999999999E-2</v>
      </c>
      <c r="W712" s="2">
        <v>139.1</v>
      </c>
      <c r="X712" s="2">
        <v>7.6</v>
      </c>
      <c r="Y712" s="2">
        <v>16.7</v>
      </c>
      <c r="Z712" s="5"/>
      <c r="AA712" s="5" t="s">
        <v>43</v>
      </c>
      <c r="AB712" s="5" t="s">
        <v>44</v>
      </c>
      <c r="AC712" s="2"/>
      <c r="AD712" s="1"/>
    </row>
    <row r="713" spans="1:30">
      <c r="A713" s="5" t="s">
        <v>83578</v>
      </c>
      <c r="B713" s="2" t="s">
        <v>85712</v>
      </c>
      <c r="C713" s="14" t="s">
        <v>85713</v>
      </c>
      <c r="D713" s="2" t="s">
        <v>85714</v>
      </c>
      <c r="E713" s="2" t="s">
        <v>7449</v>
      </c>
      <c r="F713" s="8">
        <v>321</v>
      </c>
      <c r="G713" s="5">
        <v>6</v>
      </c>
      <c r="H713" s="5" t="s">
        <v>1518</v>
      </c>
      <c r="I713" s="5" t="s">
        <v>1519</v>
      </c>
      <c r="J713" s="2" t="s">
        <v>1520</v>
      </c>
      <c r="K713" s="5" t="s">
        <v>1519</v>
      </c>
      <c r="L713" s="2" t="s">
        <v>1520</v>
      </c>
      <c r="M713" s="5" t="s">
        <v>1521</v>
      </c>
      <c r="N713" s="5" t="s">
        <v>38</v>
      </c>
      <c r="O713" s="5" t="s">
        <v>39</v>
      </c>
      <c r="P713" s="5" t="s">
        <v>40</v>
      </c>
      <c r="Q713" s="5" t="s">
        <v>1522</v>
      </c>
      <c r="R713" s="5" t="s">
        <v>1523</v>
      </c>
      <c r="S713" s="5" t="s">
        <v>42</v>
      </c>
      <c r="T713" s="2">
        <v>3.6659999999999999</v>
      </c>
      <c r="U713" s="2">
        <v>3.0939999999999999</v>
      </c>
      <c r="V713" s="2">
        <v>1.7999999999999999E-2</v>
      </c>
      <c r="W713" s="2">
        <v>139.1</v>
      </c>
      <c r="X713" s="2">
        <v>7.6</v>
      </c>
      <c r="Y713" s="2">
        <v>16.7</v>
      </c>
      <c r="Z713" s="5"/>
      <c r="AA713" s="5" t="s">
        <v>43</v>
      </c>
      <c r="AB713" s="5" t="s">
        <v>44</v>
      </c>
      <c r="AC713" s="2"/>
      <c r="AD713" s="1"/>
    </row>
    <row r="714" spans="1:30">
      <c r="A714" s="5" t="s">
        <v>83578</v>
      </c>
      <c r="B714" s="2" t="s">
        <v>85715</v>
      </c>
      <c r="C714" s="14" t="s">
        <v>85716</v>
      </c>
      <c r="D714" s="2" t="s">
        <v>85717</v>
      </c>
      <c r="E714" s="2" t="s">
        <v>7581</v>
      </c>
      <c r="F714" s="8">
        <v>321</v>
      </c>
      <c r="G714" s="5">
        <v>6</v>
      </c>
      <c r="H714" s="5" t="s">
        <v>1518</v>
      </c>
      <c r="I714" s="5" t="s">
        <v>1519</v>
      </c>
      <c r="J714" s="2" t="s">
        <v>1520</v>
      </c>
      <c r="K714" s="5" t="s">
        <v>1519</v>
      </c>
      <c r="L714" s="2" t="s">
        <v>1520</v>
      </c>
      <c r="M714" s="5" t="s">
        <v>1521</v>
      </c>
      <c r="N714" s="5" t="s">
        <v>38</v>
      </c>
      <c r="O714" s="5" t="s">
        <v>39</v>
      </c>
      <c r="P714" s="5" t="s">
        <v>40</v>
      </c>
      <c r="Q714" s="5" t="s">
        <v>1522</v>
      </c>
      <c r="R714" s="5" t="s">
        <v>1523</v>
      </c>
      <c r="S714" s="5" t="s">
        <v>42</v>
      </c>
      <c r="T714" s="2">
        <v>3.786</v>
      </c>
      <c r="U714" s="2">
        <v>3.214</v>
      </c>
      <c r="V714" s="2">
        <v>1.7999999999999999E-2</v>
      </c>
      <c r="W714" s="2">
        <v>139.1</v>
      </c>
      <c r="X714" s="2">
        <v>7.6</v>
      </c>
      <c r="Y714" s="2">
        <v>16.7</v>
      </c>
      <c r="Z714" s="5"/>
      <c r="AA714" s="5" t="s">
        <v>43</v>
      </c>
      <c r="AB714" s="5" t="s">
        <v>44</v>
      </c>
      <c r="AC714" s="2"/>
      <c r="AD714" s="1"/>
    </row>
    <row r="715" spans="1:30">
      <c r="A715" s="5" t="s">
        <v>83578</v>
      </c>
      <c r="B715" s="2" t="s">
        <v>85718</v>
      </c>
      <c r="C715" s="14" t="s">
        <v>85719</v>
      </c>
      <c r="D715" s="2" t="s">
        <v>85720</v>
      </c>
      <c r="E715" s="2" t="s">
        <v>7585</v>
      </c>
      <c r="F715" s="8">
        <v>321</v>
      </c>
      <c r="G715" s="5">
        <v>6</v>
      </c>
      <c r="H715" s="5" t="s">
        <v>1518</v>
      </c>
      <c r="I715" s="5" t="s">
        <v>1519</v>
      </c>
      <c r="J715" s="2" t="s">
        <v>1520</v>
      </c>
      <c r="K715" s="5" t="s">
        <v>1519</v>
      </c>
      <c r="L715" s="2" t="s">
        <v>1520</v>
      </c>
      <c r="M715" s="5" t="s">
        <v>1521</v>
      </c>
      <c r="N715" s="5" t="s">
        <v>38</v>
      </c>
      <c r="O715" s="5" t="s">
        <v>39</v>
      </c>
      <c r="P715" s="5" t="s">
        <v>40</v>
      </c>
      <c r="Q715" s="5" t="s">
        <v>1522</v>
      </c>
      <c r="R715" s="5" t="s">
        <v>1523</v>
      </c>
      <c r="S715" s="5" t="s">
        <v>42</v>
      </c>
      <c r="T715" s="2">
        <v>3.6259999999999999</v>
      </c>
      <c r="U715" s="2">
        <v>3.0539999999999998</v>
      </c>
      <c r="V715" s="2">
        <v>1.7999999999999999E-2</v>
      </c>
      <c r="W715" s="2">
        <v>139.1</v>
      </c>
      <c r="X715" s="2">
        <v>7.6</v>
      </c>
      <c r="Y715" s="2">
        <v>16.7</v>
      </c>
      <c r="Z715" s="5"/>
      <c r="AA715" s="5" t="s">
        <v>43</v>
      </c>
      <c r="AB715" s="5" t="s">
        <v>44</v>
      </c>
      <c r="AC715" s="2"/>
      <c r="AD715" s="1"/>
    </row>
    <row r="716" spans="1:30">
      <c r="A716" s="5" t="s">
        <v>83578</v>
      </c>
      <c r="B716" s="2" t="s">
        <v>85721</v>
      </c>
      <c r="C716" s="14" t="s">
        <v>85722</v>
      </c>
      <c r="D716" s="2" t="s">
        <v>85723</v>
      </c>
      <c r="E716" s="2" t="s">
        <v>7589</v>
      </c>
      <c r="F716" s="8">
        <v>321</v>
      </c>
      <c r="G716" s="5">
        <v>6</v>
      </c>
      <c r="H716" s="5" t="s">
        <v>1518</v>
      </c>
      <c r="I716" s="5" t="s">
        <v>1519</v>
      </c>
      <c r="J716" s="2" t="s">
        <v>1520</v>
      </c>
      <c r="K716" s="5" t="s">
        <v>1519</v>
      </c>
      <c r="L716" s="2" t="s">
        <v>1520</v>
      </c>
      <c r="M716" s="5" t="s">
        <v>1521</v>
      </c>
      <c r="N716" s="5" t="s">
        <v>38</v>
      </c>
      <c r="O716" s="5" t="s">
        <v>39</v>
      </c>
      <c r="P716" s="5" t="s">
        <v>40</v>
      </c>
      <c r="Q716" s="5" t="s">
        <v>1522</v>
      </c>
      <c r="R716" s="5" t="s">
        <v>1523</v>
      </c>
      <c r="S716" s="5" t="s">
        <v>42</v>
      </c>
      <c r="T716" s="2">
        <v>3.746</v>
      </c>
      <c r="U716" s="2">
        <v>3.1739999999999999</v>
      </c>
      <c r="V716" s="2">
        <v>1.7999999999999999E-2</v>
      </c>
      <c r="W716" s="2">
        <v>139.1</v>
      </c>
      <c r="X716" s="2">
        <v>7.6</v>
      </c>
      <c r="Y716" s="2">
        <v>16.7</v>
      </c>
      <c r="Z716" s="5"/>
      <c r="AA716" s="5" t="s">
        <v>43</v>
      </c>
      <c r="AB716" s="5" t="s">
        <v>44</v>
      </c>
      <c r="AC716" s="2"/>
      <c r="AD716" s="1"/>
    </row>
    <row r="717" spans="1:30">
      <c r="A717" s="5" t="s">
        <v>83578</v>
      </c>
      <c r="B717" s="2" t="s">
        <v>85724</v>
      </c>
      <c r="C717" s="14" t="s">
        <v>85725</v>
      </c>
      <c r="D717" s="2" t="s">
        <v>85726</v>
      </c>
      <c r="E717" s="2" t="s">
        <v>7593</v>
      </c>
      <c r="F717" s="8">
        <v>321</v>
      </c>
      <c r="G717" s="5">
        <v>6</v>
      </c>
      <c r="H717" s="5" t="s">
        <v>1518</v>
      </c>
      <c r="I717" s="5" t="s">
        <v>1519</v>
      </c>
      <c r="J717" s="2" t="s">
        <v>1520</v>
      </c>
      <c r="K717" s="5" t="s">
        <v>1519</v>
      </c>
      <c r="L717" s="2" t="s">
        <v>1520</v>
      </c>
      <c r="M717" s="5" t="s">
        <v>1521</v>
      </c>
      <c r="N717" s="5" t="s">
        <v>38</v>
      </c>
      <c r="O717" s="5" t="s">
        <v>39</v>
      </c>
      <c r="P717" s="5" t="s">
        <v>40</v>
      </c>
      <c r="Q717" s="5" t="s">
        <v>1522</v>
      </c>
      <c r="R717" s="5" t="s">
        <v>1523</v>
      </c>
      <c r="S717" s="5" t="s">
        <v>42</v>
      </c>
      <c r="T717" s="2">
        <v>3.6659999999999999</v>
      </c>
      <c r="U717" s="2">
        <v>3.0939999999999999</v>
      </c>
      <c r="V717" s="2">
        <v>1.7999999999999999E-2</v>
      </c>
      <c r="W717" s="2">
        <v>139.1</v>
      </c>
      <c r="X717" s="2">
        <v>7.6</v>
      </c>
      <c r="Y717" s="2">
        <v>16.7</v>
      </c>
      <c r="Z717" s="5"/>
      <c r="AA717" s="5" t="s">
        <v>43</v>
      </c>
      <c r="AB717" s="5" t="s">
        <v>44</v>
      </c>
      <c r="AC717" s="2"/>
      <c r="AD717" s="1"/>
    </row>
    <row r="718" spans="1:30">
      <c r="A718" s="5" t="s">
        <v>83578</v>
      </c>
      <c r="B718" s="2" t="s">
        <v>85727</v>
      </c>
      <c r="C718" s="14" t="s">
        <v>85728</v>
      </c>
      <c r="D718" s="2" t="s">
        <v>85729</v>
      </c>
      <c r="E718" s="2" t="s">
        <v>7597</v>
      </c>
      <c r="F718" s="8">
        <v>321</v>
      </c>
      <c r="G718" s="5">
        <v>6</v>
      </c>
      <c r="H718" s="5" t="s">
        <v>1518</v>
      </c>
      <c r="I718" s="5" t="s">
        <v>1519</v>
      </c>
      <c r="J718" s="2" t="s">
        <v>1520</v>
      </c>
      <c r="K718" s="5" t="s">
        <v>1519</v>
      </c>
      <c r="L718" s="2" t="s">
        <v>1520</v>
      </c>
      <c r="M718" s="5" t="s">
        <v>1521</v>
      </c>
      <c r="N718" s="5" t="s">
        <v>38</v>
      </c>
      <c r="O718" s="5" t="s">
        <v>39</v>
      </c>
      <c r="P718" s="5" t="s">
        <v>40</v>
      </c>
      <c r="Q718" s="5" t="s">
        <v>1522</v>
      </c>
      <c r="R718" s="5" t="s">
        <v>1523</v>
      </c>
      <c r="S718" s="5" t="s">
        <v>42</v>
      </c>
      <c r="T718" s="2">
        <v>3.786</v>
      </c>
      <c r="U718" s="2">
        <v>3.214</v>
      </c>
      <c r="V718" s="2">
        <v>1.7999999999999999E-2</v>
      </c>
      <c r="W718" s="2">
        <v>139.1</v>
      </c>
      <c r="X718" s="2">
        <v>7.6</v>
      </c>
      <c r="Y718" s="2">
        <v>16.7</v>
      </c>
      <c r="Z718" s="5"/>
      <c r="AA718" s="5" t="s">
        <v>43</v>
      </c>
      <c r="AB718" s="5" t="s">
        <v>44</v>
      </c>
      <c r="AC718" s="2"/>
      <c r="AD718" s="1"/>
    </row>
    <row r="719" spans="1:30">
      <c r="A719" s="5" t="s">
        <v>83578</v>
      </c>
      <c r="B719" s="2" t="s">
        <v>85730</v>
      </c>
      <c r="C719" s="14" t="s">
        <v>85731</v>
      </c>
      <c r="D719" s="2" t="s">
        <v>85732</v>
      </c>
      <c r="E719" s="2" t="s">
        <v>16014</v>
      </c>
      <c r="F719" s="8">
        <v>321</v>
      </c>
      <c r="G719" s="5">
        <v>6</v>
      </c>
      <c r="H719" s="5" t="s">
        <v>1518</v>
      </c>
      <c r="I719" s="5" t="s">
        <v>1519</v>
      </c>
      <c r="J719" s="2" t="s">
        <v>1520</v>
      </c>
      <c r="K719" s="5" t="s">
        <v>1519</v>
      </c>
      <c r="L719" s="2" t="s">
        <v>1520</v>
      </c>
      <c r="M719" s="5" t="s">
        <v>1521</v>
      </c>
      <c r="N719" s="5" t="s">
        <v>38</v>
      </c>
      <c r="O719" s="5" t="s">
        <v>39</v>
      </c>
      <c r="P719" s="5" t="s">
        <v>40</v>
      </c>
      <c r="Q719" s="5" t="s">
        <v>1522</v>
      </c>
      <c r="R719" s="5" t="s">
        <v>1523</v>
      </c>
      <c r="S719" s="5" t="s">
        <v>42</v>
      </c>
      <c r="T719" s="2">
        <v>3.6659999999999999</v>
      </c>
      <c r="U719" s="2">
        <v>3.0939999999999999</v>
      </c>
      <c r="V719" s="2">
        <v>1.7999999999999999E-2</v>
      </c>
      <c r="W719" s="2">
        <v>139.1</v>
      </c>
      <c r="X719" s="2">
        <v>7.6</v>
      </c>
      <c r="Y719" s="2">
        <v>16.7</v>
      </c>
      <c r="Z719" s="5"/>
      <c r="AA719" s="5" t="s">
        <v>43</v>
      </c>
      <c r="AB719" s="5" t="s">
        <v>44</v>
      </c>
      <c r="AC719" s="2"/>
      <c r="AD719" s="1"/>
    </row>
    <row r="720" spans="1:30">
      <c r="A720" s="5" t="s">
        <v>83578</v>
      </c>
      <c r="B720" s="2" t="s">
        <v>85733</v>
      </c>
      <c r="C720" s="14" t="s">
        <v>85734</v>
      </c>
      <c r="D720" s="2" t="s">
        <v>85735</v>
      </c>
      <c r="E720" s="2" t="s">
        <v>16219</v>
      </c>
      <c r="F720" s="8">
        <v>321</v>
      </c>
      <c r="G720" s="5">
        <v>6</v>
      </c>
      <c r="H720" s="5" t="s">
        <v>1518</v>
      </c>
      <c r="I720" s="5" t="s">
        <v>1519</v>
      </c>
      <c r="J720" s="2" t="s">
        <v>1520</v>
      </c>
      <c r="K720" s="5" t="s">
        <v>1519</v>
      </c>
      <c r="L720" s="2" t="s">
        <v>1520</v>
      </c>
      <c r="M720" s="5" t="s">
        <v>1521</v>
      </c>
      <c r="N720" s="5" t="s">
        <v>38</v>
      </c>
      <c r="O720" s="5" t="s">
        <v>39</v>
      </c>
      <c r="P720" s="5" t="s">
        <v>40</v>
      </c>
      <c r="Q720" s="5" t="s">
        <v>1522</v>
      </c>
      <c r="R720" s="5" t="s">
        <v>1523</v>
      </c>
      <c r="S720" s="5" t="s">
        <v>42</v>
      </c>
      <c r="T720" s="2">
        <v>3.786</v>
      </c>
      <c r="U720" s="2">
        <v>3.214</v>
      </c>
      <c r="V720" s="2">
        <v>1.7999999999999999E-2</v>
      </c>
      <c r="W720" s="2">
        <v>139.1</v>
      </c>
      <c r="X720" s="2">
        <v>7.6</v>
      </c>
      <c r="Y720" s="2">
        <v>16.7</v>
      </c>
      <c r="Z720" s="5"/>
      <c r="AA720" s="5" t="s">
        <v>43</v>
      </c>
      <c r="AB720" s="5" t="s">
        <v>44</v>
      </c>
      <c r="AC720" s="2"/>
      <c r="AD720" s="1"/>
    </row>
    <row r="721" spans="1:30">
      <c r="A721" s="5" t="s">
        <v>83578</v>
      </c>
      <c r="B721" s="2" t="s">
        <v>85736</v>
      </c>
      <c r="C721" s="14" t="s">
        <v>85737</v>
      </c>
      <c r="D721" s="2" t="s">
        <v>85738</v>
      </c>
      <c r="E721" s="2" t="s">
        <v>16018</v>
      </c>
      <c r="F721" s="8">
        <v>321</v>
      </c>
      <c r="G721" s="5">
        <v>6</v>
      </c>
      <c r="H721" s="5" t="s">
        <v>1518</v>
      </c>
      <c r="I721" s="5" t="s">
        <v>1519</v>
      </c>
      <c r="J721" s="2" t="s">
        <v>1520</v>
      </c>
      <c r="K721" s="5" t="s">
        <v>1519</v>
      </c>
      <c r="L721" s="2" t="s">
        <v>1520</v>
      </c>
      <c r="M721" s="5" t="s">
        <v>1521</v>
      </c>
      <c r="N721" s="5" t="s">
        <v>38</v>
      </c>
      <c r="O721" s="5" t="s">
        <v>39</v>
      </c>
      <c r="P721" s="5" t="s">
        <v>40</v>
      </c>
      <c r="Q721" s="5" t="s">
        <v>1522</v>
      </c>
      <c r="R721" s="5" t="s">
        <v>1523</v>
      </c>
      <c r="S721" s="5" t="s">
        <v>42</v>
      </c>
      <c r="T721" s="2">
        <v>3.6659999999999999</v>
      </c>
      <c r="U721" s="2">
        <v>3.0939999999999999</v>
      </c>
      <c r="V721" s="2">
        <v>1.7999999999999999E-2</v>
      </c>
      <c r="W721" s="2">
        <v>139.1</v>
      </c>
      <c r="X721" s="2">
        <v>7.6</v>
      </c>
      <c r="Y721" s="2">
        <v>16.7</v>
      </c>
      <c r="Z721" s="5"/>
      <c r="AA721" s="5" t="s">
        <v>43</v>
      </c>
      <c r="AB721" s="5" t="s">
        <v>44</v>
      </c>
      <c r="AC721" s="2"/>
      <c r="AD721" s="1"/>
    </row>
    <row r="722" spans="1:30">
      <c r="A722" s="5" t="s">
        <v>83578</v>
      </c>
      <c r="B722" s="2" t="s">
        <v>85739</v>
      </c>
      <c r="C722" s="14" t="s">
        <v>85740</v>
      </c>
      <c r="D722" s="2" t="s">
        <v>85741</v>
      </c>
      <c r="E722" s="2" t="s">
        <v>16022</v>
      </c>
      <c r="F722" s="8">
        <v>321</v>
      </c>
      <c r="G722" s="5">
        <v>6</v>
      </c>
      <c r="H722" s="5" t="s">
        <v>1518</v>
      </c>
      <c r="I722" s="5" t="s">
        <v>1519</v>
      </c>
      <c r="J722" s="2" t="s">
        <v>1520</v>
      </c>
      <c r="K722" s="5" t="s">
        <v>1519</v>
      </c>
      <c r="L722" s="2" t="s">
        <v>1520</v>
      </c>
      <c r="M722" s="5" t="s">
        <v>1521</v>
      </c>
      <c r="N722" s="5" t="s">
        <v>38</v>
      </c>
      <c r="O722" s="5" t="s">
        <v>39</v>
      </c>
      <c r="P722" s="5" t="s">
        <v>40</v>
      </c>
      <c r="Q722" s="5" t="s">
        <v>1522</v>
      </c>
      <c r="R722" s="5" t="s">
        <v>1523</v>
      </c>
      <c r="S722" s="5" t="s">
        <v>42</v>
      </c>
      <c r="T722" s="2">
        <v>3.786</v>
      </c>
      <c r="U722" s="2">
        <v>3.214</v>
      </c>
      <c r="V722" s="2">
        <v>1.7999999999999999E-2</v>
      </c>
      <c r="W722" s="2">
        <v>139.1</v>
      </c>
      <c r="X722" s="2">
        <v>7.6</v>
      </c>
      <c r="Y722" s="2">
        <v>16.7</v>
      </c>
      <c r="Z722" s="5"/>
      <c r="AA722" s="5" t="s">
        <v>43</v>
      </c>
      <c r="AB722" s="5" t="s">
        <v>44</v>
      </c>
      <c r="AC722" s="2"/>
      <c r="AD722" s="1"/>
    </row>
    <row r="723" spans="1:30">
      <c r="A723" s="5" t="s">
        <v>83578</v>
      </c>
      <c r="B723" s="2" t="s">
        <v>85742</v>
      </c>
      <c r="C723" s="14" t="s">
        <v>85743</v>
      </c>
      <c r="D723" s="2" t="s">
        <v>85744</v>
      </c>
      <c r="E723" s="2" t="s">
        <v>7619</v>
      </c>
      <c r="F723" s="8">
        <v>321</v>
      </c>
      <c r="G723" s="5">
        <v>6</v>
      </c>
      <c r="H723" s="5" t="s">
        <v>1518</v>
      </c>
      <c r="I723" s="5" t="s">
        <v>1519</v>
      </c>
      <c r="J723" s="2" t="s">
        <v>1520</v>
      </c>
      <c r="K723" s="5" t="s">
        <v>1519</v>
      </c>
      <c r="L723" s="2" t="s">
        <v>1520</v>
      </c>
      <c r="M723" s="5" t="s">
        <v>1521</v>
      </c>
      <c r="N723" s="5" t="s">
        <v>38</v>
      </c>
      <c r="O723" s="5" t="s">
        <v>39</v>
      </c>
      <c r="P723" s="5" t="s">
        <v>40</v>
      </c>
      <c r="Q723" s="5" t="s">
        <v>1522</v>
      </c>
      <c r="R723" s="5" t="s">
        <v>1523</v>
      </c>
      <c r="S723" s="5" t="s">
        <v>42</v>
      </c>
      <c r="T723" s="2">
        <v>3.746</v>
      </c>
      <c r="U723" s="2">
        <v>3.1739999999999999</v>
      </c>
      <c r="V723" s="2">
        <v>1.7999999999999999E-2</v>
      </c>
      <c r="W723" s="2">
        <v>139.1</v>
      </c>
      <c r="X723" s="2">
        <v>7.6</v>
      </c>
      <c r="Y723" s="2">
        <v>16.7</v>
      </c>
      <c r="Z723" s="5"/>
      <c r="AA723" s="5" t="s">
        <v>43</v>
      </c>
      <c r="AB723" s="5" t="s">
        <v>44</v>
      </c>
      <c r="AC723" s="2"/>
      <c r="AD723" s="1"/>
    </row>
    <row r="724" spans="1:30">
      <c r="A724" s="5" t="s">
        <v>83578</v>
      </c>
      <c r="B724" s="2" t="s">
        <v>85745</v>
      </c>
      <c r="C724" s="14" t="s">
        <v>85746</v>
      </c>
      <c r="D724" s="2" t="s">
        <v>85747</v>
      </c>
      <c r="E724" s="2" t="s">
        <v>16079</v>
      </c>
      <c r="F724" s="8">
        <v>300</v>
      </c>
      <c r="G724" s="5">
        <v>6</v>
      </c>
      <c r="H724" s="5" t="s">
        <v>1518</v>
      </c>
      <c r="I724" s="5" t="s">
        <v>1519</v>
      </c>
      <c r="J724" s="2" t="s">
        <v>1520</v>
      </c>
      <c r="K724" s="5" t="s">
        <v>1519</v>
      </c>
      <c r="L724" s="2" t="s">
        <v>1520</v>
      </c>
      <c r="M724" s="5" t="s">
        <v>1521</v>
      </c>
      <c r="N724" s="5" t="s">
        <v>38</v>
      </c>
      <c r="O724" s="5" t="s">
        <v>39</v>
      </c>
      <c r="P724" s="5" t="s">
        <v>40</v>
      </c>
      <c r="Q724" s="5" t="s">
        <v>1522</v>
      </c>
      <c r="R724" s="5" t="s">
        <v>1523</v>
      </c>
      <c r="S724" s="5" t="s">
        <v>42</v>
      </c>
      <c r="T724" s="2">
        <v>3.528</v>
      </c>
      <c r="U724" s="2">
        <v>2.952</v>
      </c>
      <c r="V724" s="2">
        <v>1.7999999999999999E-2</v>
      </c>
      <c r="W724" s="2">
        <v>139.1</v>
      </c>
      <c r="X724" s="2">
        <v>7.6</v>
      </c>
      <c r="Y724" s="2">
        <v>16.7</v>
      </c>
      <c r="Z724" s="5"/>
      <c r="AA724" s="5" t="s">
        <v>43</v>
      </c>
      <c r="AB724" s="5" t="s">
        <v>44</v>
      </c>
      <c r="AC724" s="2"/>
      <c r="AD724" s="1"/>
    </row>
    <row r="725" spans="1:30">
      <c r="A725" s="5" t="s">
        <v>83578</v>
      </c>
      <c r="B725" s="2" t="s">
        <v>85748</v>
      </c>
      <c r="C725" s="14" t="s">
        <v>85749</v>
      </c>
      <c r="D725" s="2" t="s">
        <v>85750</v>
      </c>
      <c r="E725" s="2" t="s">
        <v>7547</v>
      </c>
      <c r="F725" s="8">
        <v>321</v>
      </c>
      <c r="G725" s="5">
        <v>6</v>
      </c>
      <c r="H725" s="5" t="s">
        <v>1518</v>
      </c>
      <c r="I725" s="5" t="s">
        <v>1519</v>
      </c>
      <c r="J725" s="2" t="s">
        <v>1520</v>
      </c>
      <c r="K725" s="5" t="s">
        <v>1519</v>
      </c>
      <c r="L725" s="2" t="s">
        <v>1520</v>
      </c>
      <c r="M725" s="5" t="s">
        <v>1521</v>
      </c>
      <c r="N725" s="5" t="s">
        <v>38</v>
      </c>
      <c r="O725" s="5" t="s">
        <v>39</v>
      </c>
      <c r="P725" s="5" t="s">
        <v>40</v>
      </c>
      <c r="Q725" s="5" t="s">
        <v>1522</v>
      </c>
      <c r="R725" s="5" t="s">
        <v>1523</v>
      </c>
      <c r="S725" s="5" t="s">
        <v>42</v>
      </c>
      <c r="T725" s="2">
        <v>3.758</v>
      </c>
      <c r="U725" s="2">
        <v>3.0990000000000002</v>
      </c>
      <c r="V725" s="2">
        <v>0.02</v>
      </c>
      <c r="W725" s="2">
        <v>159.1</v>
      </c>
      <c r="X725" s="2">
        <v>7.6</v>
      </c>
      <c r="Y725" s="2">
        <v>16.7</v>
      </c>
      <c r="Z725" s="5"/>
      <c r="AA725" s="5" t="s">
        <v>43</v>
      </c>
      <c r="AB725" s="5" t="s">
        <v>44</v>
      </c>
      <c r="AC725" s="2"/>
      <c r="AD725" s="1"/>
    </row>
    <row r="726" spans="1:30">
      <c r="A726" s="5" t="s">
        <v>83578</v>
      </c>
      <c r="B726" s="2" t="s">
        <v>85751</v>
      </c>
      <c r="C726" s="14" t="s">
        <v>85752</v>
      </c>
      <c r="D726" s="2" t="s">
        <v>85753</v>
      </c>
      <c r="E726" s="2" t="s">
        <v>7551</v>
      </c>
      <c r="F726" s="8">
        <v>321</v>
      </c>
      <c r="G726" s="5">
        <v>6</v>
      </c>
      <c r="H726" s="5" t="s">
        <v>1518</v>
      </c>
      <c r="I726" s="5" t="s">
        <v>1519</v>
      </c>
      <c r="J726" s="2" t="s">
        <v>1520</v>
      </c>
      <c r="K726" s="5" t="s">
        <v>1519</v>
      </c>
      <c r="L726" s="2" t="s">
        <v>1520</v>
      </c>
      <c r="M726" s="5" t="s">
        <v>1521</v>
      </c>
      <c r="N726" s="5" t="s">
        <v>38</v>
      </c>
      <c r="O726" s="5" t="s">
        <v>39</v>
      </c>
      <c r="P726" s="5" t="s">
        <v>40</v>
      </c>
      <c r="Q726" s="5" t="s">
        <v>1522</v>
      </c>
      <c r="R726" s="5" t="s">
        <v>1523</v>
      </c>
      <c r="S726" s="5" t="s">
        <v>42</v>
      </c>
      <c r="T726" s="2">
        <v>3.8820000000000001</v>
      </c>
      <c r="U726" s="2">
        <v>3.2229999999999999</v>
      </c>
      <c r="V726" s="2">
        <v>0.02</v>
      </c>
      <c r="W726" s="2">
        <v>159.1</v>
      </c>
      <c r="X726" s="2">
        <v>7.6</v>
      </c>
      <c r="Y726" s="2">
        <v>16.7</v>
      </c>
      <c r="Z726" s="5"/>
      <c r="AA726" s="5" t="s">
        <v>43</v>
      </c>
      <c r="AB726" s="5" t="s">
        <v>44</v>
      </c>
      <c r="AC726" s="2"/>
      <c r="AD726" s="1"/>
    </row>
    <row r="727" spans="1:30">
      <c r="A727" s="5" t="s">
        <v>83578</v>
      </c>
      <c r="B727" s="2" t="s">
        <v>85754</v>
      </c>
      <c r="C727" s="14" t="s">
        <v>85755</v>
      </c>
      <c r="D727" s="2" t="s">
        <v>85756</v>
      </c>
      <c r="E727" s="2" t="s">
        <v>7563</v>
      </c>
      <c r="F727" s="8">
        <v>321</v>
      </c>
      <c r="G727" s="5">
        <v>6</v>
      </c>
      <c r="H727" s="5" t="s">
        <v>1518</v>
      </c>
      <c r="I727" s="5" t="s">
        <v>1519</v>
      </c>
      <c r="J727" s="2" t="s">
        <v>1520</v>
      </c>
      <c r="K727" s="5" t="s">
        <v>1519</v>
      </c>
      <c r="L727" s="2" t="s">
        <v>1520</v>
      </c>
      <c r="M727" s="5" t="s">
        <v>1521</v>
      </c>
      <c r="N727" s="5" t="s">
        <v>38</v>
      </c>
      <c r="O727" s="5" t="s">
        <v>39</v>
      </c>
      <c r="P727" s="5" t="s">
        <v>40</v>
      </c>
      <c r="Q727" s="5" t="s">
        <v>1522</v>
      </c>
      <c r="R727" s="5" t="s">
        <v>1523</v>
      </c>
      <c r="S727" s="5" t="s">
        <v>42</v>
      </c>
      <c r="T727" s="2">
        <v>3.7989999999999999</v>
      </c>
      <c r="U727" s="2">
        <v>3.14</v>
      </c>
      <c r="V727" s="2">
        <v>0.02</v>
      </c>
      <c r="W727" s="2">
        <v>159.1</v>
      </c>
      <c r="X727" s="2">
        <v>7.6</v>
      </c>
      <c r="Y727" s="2">
        <v>16.7</v>
      </c>
      <c r="Z727" s="5"/>
      <c r="AA727" s="5" t="s">
        <v>43</v>
      </c>
      <c r="AB727" s="5" t="s">
        <v>44</v>
      </c>
      <c r="AC727" s="2"/>
      <c r="AD727" s="1"/>
    </row>
    <row r="728" spans="1:30">
      <c r="A728" s="5" t="s">
        <v>83578</v>
      </c>
      <c r="B728" s="2" t="s">
        <v>85757</v>
      </c>
      <c r="C728" s="14" t="s">
        <v>85758</v>
      </c>
      <c r="D728" s="2" t="s">
        <v>85759</v>
      </c>
      <c r="E728" s="2" t="s">
        <v>16079</v>
      </c>
      <c r="F728" s="8">
        <v>321</v>
      </c>
      <c r="G728" s="5">
        <v>6</v>
      </c>
      <c r="H728" s="5" t="s">
        <v>1518</v>
      </c>
      <c r="I728" s="5" t="s">
        <v>1519</v>
      </c>
      <c r="J728" s="2" t="s">
        <v>1520</v>
      </c>
      <c r="K728" s="5" t="s">
        <v>1519</v>
      </c>
      <c r="L728" s="2" t="s">
        <v>1520</v>
      </c>
      <c r="M728" s="5" t="s">
        <v>1521</v>
      </c>
      <c r="N728" s="5" t="s">
        <v>38</v>
      </c>
      <c r="O728" s="5" t="s">
        <v>39</v>
      </c>
      <c r="P728" s="5" t="s">
        <v>40</v>
      </c>
      <c r="Q728" s="5" t="s">
        <v>1522</v>
      </c>
      <c r="R728" s="5" t="s">
        <v>1523</v>
      </c>
      <c r="S728" s="5" t="s">
        <v>42</v>
      </c>
      <c r="T728" s="2">
        <v>3.7989999999999999</v>
      </c>
      <c r="U728" s="2">
        <v>3.14</v>
      </c>
      <c r="V728" s="2">
        <v>0.02</v>
      </c>
      <c r="W728" s="2">
        <v>159.1</v>
      </c>
      <c r="X728" s="2">
        <v>7.6</v>
      </c>
      <c r="Y728" s="2">
        <v>16.7</v>
      </c>
      <c r="Z728" s="5"/>
      <c r="AA728" s="5" t="s">
        <v>43</v>
      </c>
      <c r="AB728" s="5" t="s">
        <v>44</v>
      </c>
      <c r="AC728" s="2"/>
      <c r="AD728" s="1"/>
    </row>
    <row r="729" spans="1:30">
      <c r="A729" s="5" t="s">
        <v>83578</v>
      </c>
      <c r="B729" s="2" t="s">
        <v>85760</v>
      </c>
      <c r="C729" s="14" t="s">
        <v>85761</v>
      </c>
      <c r="D729" s="2" t="s">
        <v>85762</v>
      </c>
      <c r="E729" s="2" t="s">
        <v>7585</v>
      </c>
      <c r="F729" s="8">
        <v>321</v>
      </c>
      <c r="G729" s="5">
        <v>6</v>
      </c>
      <c r="H729" s="5" t="s">
        <v>1518</v>
      </c>
      <c r="I729" s="5" t="s">
        <v>1519</v>
      </c>
      <c r="J729" s="2" t="s">
        <v>1520</v>
      </c>
      <c r="K729" s="5" t="s">
        <v>1519</v>
      </c>
      <c r="L729" s="2" t="s">
        <v>1520</v>
      </c>
      <c r="M729" s="5" t="s">
        <v>1521</v>
      </c>
      <c r="N729" s="5" t="s">
        <v>38</v>
      </c>
      <c r="O729" s="5" t="s">
        <v>39</v>
      </c>
      <c r="P729" s="5" t="s">
        <v>40</v>
      </c>
      <c r="Q729" s="5" t="s">
        <v>1522</v>
      </c>
      <c r="R729" s="5" t="s">
        <v>1523</v>
      </c>
      <c r="S729" s="5" t="s">
        <v>42</v>
      </c>
      <c r="T729" s="2">
        <v>3.758</v>
      </c>
      <c r="U729" s="2">
        <v>3.0990000000000002</v>
      </c>
      <c r="V729" s="2">
        <v>0.02</v>
      </c>
      <c r="W729" s="2">
        <v>159.1</v>
      </c>
      <c r="X729" s="2">
        <v>7.6</v>
      </c>
      <c r="Y729" s="2">
        <v>16.7</v>
      </c>
      <c r="Z729" s="5"/>
      <c r="AA729" s="5" t="s">
        <v>43</v>
      </c>
      <c r="AB729" s="5" t="s">
        <v>44</v>
      </c>
      <c r="AC729" s="2"/>
      <c r="AD729" s="1"/>
    </row>
    <row r="730" spans="1:30">
      <c r="A730" s="5" t="s">
        <v>83578</v>
      </c>
      <c r="B730" s="2" t="s">
        <v>85763</v>
      </c>
      <c r="C730" s="14" t="s">
        <v>85764</v>
      </c>
      <c r="D730" s="2" t="s">
        <v>85765</v>
      </c>
      <c r="E730" s="2" t="s">
        <v>16014</v>
      </c>
      <c r="F730" s="8">
        <v>321</v>
      </c>
      <c r="G730" s="5">
        <v>6</v>
      </c>
      <c r="H730" s="5" t="s">
        <v>1518</v>
      </c>
      <c r="I730" s="5" t="s">
        <v>1519</v>
      </c>
      <c r="J730" s="2" t="s">
        <v>1520</v>
      </c>
      <c r="K730" s="5" t="s">
        <v>1519</v>
      </c>
      <c r="L730" s="2" t="s">
        <v>1520</v>
      </c>
      <c r="M730" s="5" t="s">
        <v>1521</v>
      </c>
      <c r="N730" s="5" t="s">
        <v>38</v>
      </c>
      <c r="O730" s="5" t="s">
        <v>39</v>
      </c>
      <c r="P730" s="5" t="s">
        <v>40</v>
      </c>
      <c r="Q730" s="5" t="s">
        <v>1522</v>
      </c>
      <c r="R730" s="5" t="s">
        <v>1523</v>
      </c>
      <c r="S730" s="5" t="s">
        <v>42</v>
      </c>
      <c r="T730" s="2">
        <v>3.7989999999999999</v>
      </c>
      <c r="U730" s="2">
        <v>3.14</v>
      </c>
      <c r="V730" s="2">
        <v>0.02</v>
      </c>
      <c r="W730" s="2">
        <v>159.1</v>
      </c>
      <c r="X730" s="2">
        <v>7.6</v>
      </c>
      <c r="Y730" s="2">
        <v>16.7</v>
      </c>
      <c r="Z730" s="5"/>
      <c r="AA730" s="5" t="s">
        <v>43</v>
      </c>
      <c r="AB730" s="5" t="s">
        <v>44</v>
      </c>
      <c r="AC730" s="2"/>
      <c r="AD730" s="1"/>
    </row>
    <row r="731" spans="1:30">
      <c r="A731" s="5" t="s">
        <v>83578</v>
      </c>
      <c r="B731" s="2" t="s">
        <v>85766</v>
      </c>
      <c r="C731" s="14" t="s">
        <v>85767</v>
      </c>
      <c r="D731" s="2" t="s">
        <v>85768</v>
      </c>
      <c r="E731" s="2" t="s">
        <v>16219</v>
      </c>
      <c r="F731" s="8">
        <v>321</v>
      </c>
      <c r="G731" s="5">
        <v>6</v>
      </c>
      <c r="H731" s="5" t="s">
        <v>1518</v>
      </c>
      <c r="I731" s="5" t="s">
        <v>1519</v>
      </c>
      <c r="J731" s="2" t="s">
        <v>1520</v>
      </c>
      <c r="K731" s="5" t="s">
        <v>1519</v>
      </c>
      <c r="L731" s="2" t="s">
        <v>1520</v>
      </c>
      <c r="M731" s="5" t="s">
        <v>1521</v>
      </c>
      <c r="N731" s="5" t="s">
        <v>38</v>
      </c>
      <c r="O731" s="5" t="s">
        <v>39</v>
      </c>
      <c r="P731" s="5" t="s">
        <v>40</v>
      </c>
      <c r="Q731" s="5" t="s">
        <v>1522</v>
      </c>
      <c r="R731" s="5" t="s">
        <v>1523</v>
      </c>
      <c r="S731" s="5" t="s">
        <v>42</v>
      </c>
      <c r="T731" s="2">
        <v>3.923</v>
      </c>
      <c r="U731" s="2">
        <v>3.2639999999999998</v>
      </c>
      <c r="V731" s="2">
        <v>0.02</v>
      </c>
      <c r="W731" s="2">
        <v>159.1</v>
      </c>
      <c r="X731" s="2">
        <v>7.6</v>
      </c>
      <c r="Y731" s="2">
        <v>16.7</v>
      </c>
      <c r="Z731" s="5"/>
      <c r="AA731" s="5" t="s">
        <v>43</v>
      </c>
      <c r="AB731" s="5" t="s">
        <v>44</v>
      </c>
      <c r="AC731" s="2"/>
      <c r="AD731" s="1"/>
    </row>
    <row r="732" spans="1:30">
      <c r="A732" s="5" t="s">
        <v>83578</v>
      </c>
      <c r="B732" s="2" t="s">
        <v>85769</v>
      </c>
      <c r="C732" s="14" t="s">
        <v>85770</v>
      </c>
      <c r="D732" s="2" t="s">
        <v>85771</v>
      </c>
      <c r="E732" s="2" t="s">
        <v>7559</v>
      </c>
      <c r="F732" s="8">
        <v>300</v>
      </c>
      <c r="G732" s="5">
        <v>6</v>
      </c>
      <c r="H732" s="5" t="s">
        <v>1518</v>
      </c>
      <c r="I732" s="5" t="s">
        <v>1519</v>
      </c>
      <c r="J732" s="2" t="s">
        <v>1520</v>
      </c>
      <c r="K732" s="5" t="s">
        <v>1519</v>
      </c>
      <c r="L732" s="2" t="s">
        <v>1520</v>
      </c>
      <c r="M732" s="5" t="s">
        <v>1521</v>
      </c>
      <c r="N732" s="5" t="s">
        <v>38</v>
      </c>
      <c r="O732" s="5" t="s">
        <v>39</v>
      </c>
      <c r="P732" s="5" t="s">
        <v>40</v>
      </c>
      <c r="Q732" s="5" t="s">
        <v>1522</v>
      </c>
      <c r="R732" s="5" t="s">
        <v>1523</v>
      </c>
      <c r="S732" s="5" t="s">
        <v>42</v>
      </c>
      <c r="T732" s="2">
        <v>3.5539999999999998</v>
      </c>
      <c r="U732" s="2">
        <v>2.8879999999999999</v>
      </c>
      <c r="V732" s="2">
        <v>0.02</v>
      </c>
      <c r="W732" s="2">
        <v>159.1</v>
      </c>
      <c r="X732" s="2">
        <v>7.6</v>
      </c>
      <c r="Y732" s="2">
        <v>16.7</v>
      </c>
      <c r="Z732" s="5"/>
      <c r="AA732" s="5" t="s">
        <v>43</v>
      </c>
      <c r="AB732" s="5" t="s">
        <v>44</v>
      </c>
      <c r="AC732" s="2"/>
      <c r="AD732" s="1"/>
    </row>
    <row r="733" spans="1:30">
      <c r="A733" s="5" t="s">
        <v>83578</v>
      </c>
      <c r="B733" s="2" t="s">
        <v>85772</v>
      </c>
      <c r="C733" s="14" t="s">
        <v>85773</v>
      </c>
      <c r="D733" s="2" t="s">
        <v>85774</v>
      </c>
      <c r="E733" s="2" t="s">
        <v>7597</v>
      </c>
      <c r="F733" s="8">
        <v>300</v>
      </c>
      <c r="G733" s="5">
        <v>6</v>
      </c>
      <c r="H733" s="5" t="s">
        <v>1518</v>
      </c>
      <c r="I733" s="5" t="s">
        <v>1519</v>
      </c>
      <c r="J733" s="2" t="s">
        <v>1520</v>
      </c>
      <c r="K733" s="5" t="s">
        <v>1519</v>
      </c>
      <c r="L733" s="2" t="s">
        <v>1520</v>
      </c>
      <c r="M733" s="5" t="s">
        <v>1521</v>
      </c>
      <c r="N733" s="5" t="s">
        <v>38</v>
      </c>
      <c r="O733" s="5" t="s">
        <v>39</v>
      </c>
      <c r="P733" s="5" t="s">
        <v>40</v>
      </c>
      <c r="Q733" s="5" t="s">
        <v>1522</v>
      </c>
      <c r="R733" s="5" t="s">
        <v>1523</v>
      </c>
      <c r="S733" s="5" t="s">
        <v>42</v>
      </c>
      <c r="T733" s="2">
        <v>3.581</v>
      </c>
      <c r="U733" s="2">
        <v>2.915</v>
      </c>
      <c r="V733" s="2">
        <v>0.02</v>
      </c>
      <c r="W733" s="2">
        <v>159.1</v>
      </c>
      <c r="X733" s="2">
        <v>7.6</v>
      </c>
      <c r="Y733" s="2">
        <v>16.7</v>
      </c>
      <c r="Z733" s="5"/>
      <c r="AA733" s="5" t="s">
        <v>43</v>
      </c>
      <c r="AB733" s="5" t="s">
        <v>44</v>
      </c>
      <c r="AC733" s="2"/>
      <c r="AD733" s="1"/>
    </row>
    <row r="734" spans="1:30">
      <c r="A734" s="5" t="s">
        <v>83578</v>
      </c>
      <c r="B734" s="2" t="s">
        <v>85775</v>
      </c>
      <c r="C734" s="14" t="s">
        <v>85776</v>
      </c>
      <c r="D734" s="2" t="s">
        <v>85777</v>
      </c>
      <c r="E734" s="2" t="s">
        <v>16014</v>
      </c>
      <c r="F734" s="8">
        <v>300</v>
      </c>
      <c r="G734" s="5">
        <v>6</v>
      </c>
      <c r="H734" s="5" t="s">
        <v>1518</v>
      </c>
      <c r="I734" s="5" t="s">
        <v>1519</v>
      </c>
      <c r="J734" s="2" t="s">
        <v>1520</v>
      </c>
      <c r="K734" s="5" t="s">
        <v>1519</v>
      </c>
      <c r="L734" s="2" t="s">
        <v>1520</v>
      </c>
      <c r="M734" s="5" t="s">
        <v>1521</v>
      </c>
      <c r="N734" s="5" t="s">
        <v>38</v>
      </c>
      <c r="O734" s="5" t="s">
        <v>39</v>
      </c>
      <c r="P734" s="5" t="s">
        <v>40</v>
      </c>
      <c r="Q734" s="5" t="s">
        <v>1522</v>
      </c>
      <c r="R734" s="5" t="s">
        <v>1523</v>
      </c>
      <c r="S734" s="5" t="s">
        <v>42</v>
      </c>
      <c r="T734" s="2">
        <v>3.4860000000000002</v>
      </c>
      <c r="U734" s="2">
        <v>2.82</v>
      </c>
      <c r="V734" s="2">
        <v>0.02</v>
      </c>
      <c r="W734" s="2">
        <v>159.1</v>
      </c>
      <c r="X734" s="2">
        <v>7.6</v>
      </c>
      <c r="Y734" s="2">
        <v>16.7</v>
      </c>
      <c r="Z734" s="5"/>
      <c r="AA734" s="5" t="s">
        <v>43</v>
      </c>
      <c r="AB734" s="5" t="s">
        <v>44</v>
      </c>
      <c r="AC734" s="2"/>
      <c r="AD734" s="1"/>
    </row>
    <row r="735" spans="1:30">
      <c r="A735" s="5" t="s">
        <v>83578</v>
      </c>
      <c r="B735" s="2" t="s">
        <v>85778</v>
      </c>
      <c r="C735" s="14" t="s">
        <v>85779</v>
      </c>
      <c r="D735" s="2" t="s">
        <v>85780</v>
      </c>
      <c r="E735" s="2" t="s">
        <v>16219</v>
      </c>
      <c r="F735" s="8">
        <v>300</v>
      </c>
      <c r="G735" s="5">
        <v>6</v>
      </c>
      <c r="H735" s="5" t="s">
        <v>1518</v>
      </c>
      <c r="I735" s="5" t="s">
        <v>1519</v>
      </c>
      <c r="J735" s="2" t="s">
        <v>1520</v>
      </c>
      <c r="K735" s="5" t="s">
        <v>1519</v>
      </c>
      <c r="L735" s="2" t="s">
        <v>1520</v>
      </c>
      <c r="M735" s="5" t="s">
        <v>1521</v>
      </c>
      <c r="N735" s="5" t="s">
        <v>38</v>
      </c>
      <c r="O735" s="5" t="s">
        <v>39</v>
      </c>
      <c r="P735" s="5" t="s">
        <v>40</v>
      </c>
      <c r="Q735" s="5" t="s">
        <v>1522</v>
      </c>
      <c r="R735" s="5" t="s">
        <v>1523</v>
      </c>
      <c r="S735" s="5" t="s">
        <v>42</v>
      </c>
      <c r="T735" s="2">
        <v>3.581</v>
      </c>
      <c r="U735" s="2">
        <v>2.915</v>
      </c>
      <c r="V735" s="2">
        <v>0.02</v>
      </c>
      <c r="W735" s="2">
        <v>159.1</v>
      </c>
      <c r="X735" s="2">
        <v>7.6</v>
      </c>
      <c r="Y735" s="2">
        <v>16.7</v>
      </c>
      <c r="Z735" s="5"/>
      <c r="AA735" s="5" t="s">
        <v>43</v>
      </c>
      <c r="AB735" s="5" t="s">
        <v>44</v>
      </c>
      <c r="AC735" s="2"/>
      <c r="AD735" s="1"/>
    </row>
    <row r="736" spans="1:30">
      <c r="A736" s="5" t="s">
        <v>83578</v>
      </c>
      <c r="B736" s="2" t="s">
        <v>85781</v>
      </c>
      <c r="C736" s="14" t="s">
        <v>85782</v>
      </c>
      <c r="D736" s="2" t="s">
        <v>85783</v>
      </c>
      <c r="E736" s="2" t="s">
        <v>7543</v>
      </c>
      <c r="F736" s="8">
        <v>314</v>
      </c>
      <c r="G736" s="5">
        <v>6</v>
      </c>
      <c r="H736" s="5" t="s">
        <v>1518</v>
      </c>
      <c r="I736" s="5" t="s">
        <v>1519</v>
      </c>
      <c r="J736" s="2" t="s">
        <v>1520</v>
      </c>
      <c r="K736" s="5" t="s">
        <v>1519</v>
      </c>
      <c r="L736" s="2" t="s">
        <v>1520</v>
      </c>
      <c r="M736" s="5" t="s">
        <v>1521</v>
      </c>
      <c r="N736" s="5" t="s">
        <v>38</v>
      </c>
      <c r="O736" s="5" t="s">
        <v>39</v>
      </c>
      <c r="P736" s="5" t="s">
        <v>40</v>
      </c>
      <c r="Q736" s="5" t="s">
        <v>1522</v>
      </c>
      <c r="R736" s="5" t="s">
        <v>1523</v>
      </c>
      <c r="S736" s="5" t="s">
        <v>42</v>
      </c>
      <c r="T736" s="2">
        <v>3.9870000000000001</v>
      </c>
      <c r="U736" s="2">
        <v>3.34</v>
      </c>
      <c r="V736" s="2">
        <v>0.02</v>
      </c>
      <c r="W736" s="2">
        <v>159.1</v>
      </c>
      <c r="X736" s="2">
        <v>7.6</v>
      </c>
      <c r="Y736" s="2">
        <v>16.7</v>
      </c>
      <c r="Z736" s="5"/>
      <c r="AA736" s="5" t="s">
        <v>43</v>
      </c>
      <c r="AB736" s="5" t="s">
        <v>44</v>
      </c>
      <c r="AC736" s="2"/>
      <c r="AD736" s="1"/>
    </row>
    <row r="737" spans="1:30">
      <c r="A737" s="5" t="s">
        <v>83578</v>
      </c>
      <c r="B737" s="2" t="s">
        <v>85784</v>
      </c>
      <c r="C737" s="14" t="s">
        <v>85785</v>
      </c>
      <c r="D737" s="2" t="s">
        <v>85786</v>
      </c>
      <c r="E737" s="2" t="s">
        <v>7547</v>
      </c>
      <c r="F737" s="8">
        <v>314</v>
      </c>
      <c r="G737" s="5">
        <v>6</v>
      </c>
      <c r="H737" s="5" t="s">
        <v>1518</v>
      </c>
      <c r="I737" s="5" t="s">
        <v>1519</v>
      </c>
      <c r="J737" s="2" t="s">
        <v>1520</v>
      </c>
      <c r="K737" s="5" t="s">
        <v>1519</v>
      </c>
      <c r="L737" s="2" t="s">
        <v>1520</v>
      </c>
      <c r="M737" s="5" t="s">
        <v>1521</v>
      </c>
      <c r="N737" s="5" t="s">
        <v>38</v>
      </c>
      <c r="O737" s="5" t="s">
        <v>39</v>
      </c>
      <c r="P737" s="5" t="s">
        <v>40</v>
      </c>
      <c r="Q737" s="5" t="s">
        <v>1522</v>
      </c>
      <c r="R737" s="5" t="s">
        <v>1523</v>
      </c>
      <c r="S737" s="5" t="s">
        <v>42</v>
      </c>
      <c r="T737" s="2">
        <v>3.8250000000000002</v>
      </c>
      <c r="U737" s="2">
        <v>3.1779999999999999</v>
      </c>
      <c r="V737" s="2">
        <v>0.02</v>
      </c>
      <c r="W737" s="2">
        <v>159.1</v>
      </c>
      <c r="X737" s="2">
        <v>7.6</v>
      </c>
      <c r="Y737" s="2">
        <v>16.7</v>
      </c>
      <c r="Z737" s="5"/>
      <c r="AA737" s="5" t="s">
        <v>43</v>
      </c>
      <c r="AB737" s="5" t="s">
        <v>44</v>
      </c>
      <c r="AC737" s="2"/>
      <c r="AD737" s="1"/>
    </row>
    <row r="738" spans="1:30">
      <c r="A738" s="5" t="s">
        <v>83578</v>
      </c>
      <c r="B738" s="2" t="s">
        <v>85787</v>
      </c>
      <c r="C738" s="14" t="s">
        <v>85788</v>
      </c>
      <c r="D738" s="2" t="s">
        <v>85789</v>
      </c>
      <c r="E738" s="2" t="s">
        <v>7559</v>
      </c>
      <c r="F738" s="8">
        <v>314</v>
      </c>
      <c r="G738" s="5">
        <v>6</v>
      </c>
      <c r="H738" s="5" t="s">
        <v>1518</v>
      </c>
      <c r="I738" s="5" t="s">
        <v>1519</v>
      </c>
      <c r="J738" s="2" t="s">
        <v>1520</v>
      </c>
      <c r="K738" s="5" t="s">
        <v>1519</v>
      </c>
      <c r="L738" s="2" t="s">
        <v>1520</v>
      </c>
      <c r="M738" s="5" t="s">
        <v>1521</v>
      </c>
      <c r="N738" s="5" t="s">
        <v>38</v>
      </c>
      <c r="O738" s="5" t="s">
        <v>39</v>
      </c>
      <c r="P738" s="5" t="s">
        <v>40</v>
      </c>
      <c r="Q738" s="5" t="s">
        <v>1522</v>
      </c>
      <c r="R738" s="5" t="s">
        <v>1523</v>
      </c>
      <c r="S738" s="5" t="s">
        <v>42</v>
      </c>
      <c r="T738" s="2">
        <v>3.9449999999999998</v>
      </c>
      <c r="U738" s="2">
        <v>3.298</v>
      </c>
      <c r="V738" s="2">
        <v>0.02</v>
      </c>
      <c r="W738" s="2">
        <v>159.1</v>
      </c>
      <c r="X738" s="2">
        <v>7.6</v>
      </c>
      <c r="Y738" s="2">
        <v>16.7</v>
      </c>
      <c r="Z738" s="5"/>
      <c r="AA738" s="5" t="s">
        <v>43</v>
      </c>
      <c r="AB738" s="5" t="s">
        <v>44</v>
      </c>
      <c r="AC738" s="2"/>
      <c r="AD738" s="1"/>
    </row>
    <row r="739" spans="1:30">
      <c r="A739" s="5" t="s">
        <v>83578</v>
      </c>
      <c r="B739" s="2" t="s">
        <v>85790</v>
      </c>
      <c r="C739" s="14" t="s">
        <v>85791</v>
      </c>
      <c r="D739" s="2" t="s">
        <v>85792</v>
      </c>
      <c r="E739" s="2" t="s">
        <v>7567</v>
      </c>
      <c r="F739" s="8">
        <v>314</v>
      </c>
      <c r="G739" s="5">
        <v>6</v>
      </c>
      <c r="H739" s="5" t="s">
        <v>1518</v>
      </c>
      <c r="I739" s="5" t="s">
        <v>1519</v>
      </c>
      <c r="J739" s="2" t="s">
        <v>1520</v>
      </c>
      <c r="K739" s="5" t="s">
        <v>1519</v>
      </c>
      <c r="L739" s="2" t="s">
        <v>1520</v>
      </c>
      <c r="M739" s="5" t="s">
        <v>1521</v>
      </c>
      <c r="N739" s="5" t="s">
        <v>38</v>
      </c>
      <c r="O739" s="5" t="s">
        <v>39</v>
      </c>
      <c r="P739" s="5" t="s">
        <v>40</v>
      </c>
      <c r="Q739" s="5" t="s">
        <v>1522</v>
      </c>
      <c r="R739" s="5" t="s">
        <v>1523</v>
      </c>
      <c r="S739" s="5" t="s">
        <v>42</v>
      </c>
      <c r="T739" s="2">
        <v>3.9870000000000001</v>
      </c>
      <c r="U739" s="2">
        <v>3.34</v>
      </c>
      <c r="V739" s="2">
        <v>0.02</v>
      </c>
      <c r="W739" s="2">
        <v>159.1</v>
      </c>
      <c r="X739" s="2">
        <v>7.6</v>
      </c>
      <c r="Y739" s="2">
        <v>16.7</v>
      </c>
      <c r="Z739" s="5"/>
      <c r="AA739" s="5" t="s">
        <v>43</v>
      </c>
      <c r="AB739" s="5" t="s">
        <v>44</v>
      </c>
      <c r="AC739" s="2"/>
      <c r="AD739" s="1"/>
    </row>
    <row r="740" spans="1:30">
      <c r="A740" s="5" t="s">
        <v>83578</v>
      </c>
      <c r="B740" s="2" t="s">
        <v>85793</v>
      </c>
      <c r="C740" s="14" t="s">
        <v>85794</v>
      </c>
      <c r="D740" s="2" t="s">
        <v>85795</v>
      </c>
      <c r="E740" s="2" t="s">
        <v>16079</v>
      </c>
      <c r="F740" s="8">
        <v>314</v>
      </c>
      <c r="G740" s="5">
        <v>6</v>
      </c>
      <c r="H740" s="5" t="s">
        <v>1518</v>
      </c>
      <c r="I740" s="5" t="s">
        <v>1519</v>
      </c>
      <c r="J740" s="2" t="s">
        <v>1520</v>
      </c>
      <c r="K740" s="5" t="s">
        <v>1519</v>
      </c>
      <c r="L740" s="2" t="s">
        <v>1520</v>
      </c>
      <c r="M740" s="5" t="s">
        <v>1521</v>
      </c>
      <c r="N740" s="5" t="s">
        <v>38</v>
      </c>
      <c r="O740" s="5" t="s">
        <v>39</v>
      </c>
      <c r="P740" s="5" t="s">
        <v>40</v>
      </c>
      <c r="Q740" s="5" t="s">
        <v>1522</v>
      </c>
      <c r="R740" s="5" t="s">
        <v>1523</v>
      </c>
      <c r="S740" s="5" t="s">
        <v>42</v>
      </c>
      <c r="T740" s="2">
        <v>3.867</v>
      </c>
      <c r="U740" s="2">
        <v>3.22</v>
      </c>
      <c r="V740" s="2">
        <v>0.02</v>
      </c>
      <c r="W740" s="2">
        <v>159.1</v>
      </c>
      <c r="X740" s="2">
        <v>7.6</v>
      </c>
      <c r="Y740" s="2">
        <v>16.7</v>
      </c>
      <c r="Z740" s="5"/>
      <c r="AA740" s="5" t="s">
        <v>43</v>
      </c>
      <c r="AB740" s="5" t="s">
        <v>44</v>
      </c>
      <c r="AC740" s="2"/>
      <c r="AD740" s="1"/>
    </row>
    <row r="741" spans="1:30">
      <c r="A741" s="5" t="s">
        <v>83578</v>
      </c>
      <c r="B741" s="2" t="s">
        <v>85796</v>
      </c>
      <c r="C741" s="14" t="s">
        <v>85797</v>
      </c>
      <c r="D741" s="2" t="s">
        <v>85798</v>
      </c>
      <c r="E741" s="2" t="s">
        <v>7589</v>
      </c>
      <c r="F741" s="8">
        <v>314</v>
      </c>
      <c r="G741" s="5">
        <v>6</v>
      </c>
      <c r="H741" s="5" t="s">
        <v>1518</v>
      </c>
      <c r="I741" s="5" t="s">
        <v>1519</v>
      </c>
      <c r="J741" s="2" t="s">
        <v>1520</v>
      </c>
      <c r="K741" s="5" t="s">
        <v>1519</v>
      </c>
      <c r="L741" s="2" t="s">
        <v>1520</v>
      </c>
      <c r="M741" s="5" t="s">
        <v>1521</v>
      </c>
      <c r="N741" s="5" t="s">
        <v>38</v>
      </c>
      <c r="O741" s="5" t="s">
        <v>39</v>
      </c>
      <c r="P741" s="5" t="s">
        <v>40</v>
      </c>
      <c r="Q741" s="5" t="s">
        <v>1522</v>
      </c>
      <c r="R741" s="5" t="s">
        <v>1523</v>
      </c>
      <c r="S741" s="5" t="s">
        <v>42</v>
      </c>
      <c r="T741" s="2">
        <v>3.9449999999999998</v>
      </c>
      <c r="U741" s="2">
        <v>3.298</v>
      </c>
      <c r="V741" s="2">
        <v>0.02</v>
      </c>
      <c r="W741" s="2">
        <v>159.1</v>
      </c>
      <c r="X741" s="2">
        <v>7.6</v>
      </c>
      <c r="Y741" s="2">
        <v>16.7</v>
      </c>
      <c r="Z741" s="5"/>
      <c r="AA741" s="5" t="s">
        <v>43</v>
      </c>
      <c r="AB741" s="5" t="s">
        <v>44</v>
      </c>
      <c r="AC741" s="2"/>
      <c r="AD741" s="1"/>
    </row>
    <row r="742" spans="1:30">
      <c r="A742" s="5" t="s">
        <v>83578</v>
      </c>
      <c r="B742" s="2" t="s">
        <v>85799</v>
      </c>
      <c r="C742" s="14" t="s">
        <v>85800</v>
      </c>
      <c r="D742" s="2" t="s">
        <v>85801</v>
      </c>
      <c r="E742" s="2" t="s">
        <v>7597</v>
      </c>
      <c r="F742" s="8">
        <v>314</v>
      </c>
      <c r="G742" s="5">
        <v>6</v>
      </c>
      <c r="H742" s="5" t="s">
        <v>1518</v>
      </c>
      <c r="I742" s="5" t="s">
        <v>1519</v>
      </c>
      <c r="J742" s="2" t="s">
        <v>1520</v>
      </c>
      <c r="K742" s="5" t="s">
        <v>1519</v>
      </c>
      <c r="L742" s="2" t="s">
        <v>1520</v>
      </c>
      <c r="M742" s="5" t="s">
        <v>1521</v>
      </c>
      <c r="N742" s="5" t="s">
        <v>38</v>
      </c>
      <c r="O742" s="5" t="s">
        <v>39</v>
      </c>
      <c r="P742" s="5" t="s">
        <v>40</v>
      </c>
      <c r="Q742" s="5" t="s">
        <v>1522</v>
      </c>
      <c r="R742" s="5" t="s">
        <v>1523</v>
      </c>
      <c r="S742" s="5" t="s">
        <v>42</v>
      </c>
      <c r="T742" s="2">
        <v>3.9870000000000001</v>
      </c>
      <c r="U742" s="2">
        <v>3.34</v>
      </c>
      <c r="V742" s="2">
        <v>0.02</v>
      </c>
      <c r="W742" s="2">
        <v>159.1</v>
      </c>
      <c r="X742" s="2">
        <v>7.6</v>
      </c>
      <c r="Y742" s="2">
        <v>16.7</v>
      </c>
      <c r="Z742" s="5"/>
      <c r="AA742" s="5" t="s">
        <v>43</v>
      </c>
      <c r="AB742" s="5" t="s">
        <v>44</v>
      </c>
      <c r="AC742" s="2"/>
      <c r="AD742" s="1"/>
    </row>
    <row r="743" spans="1:30">
      <c r="A743" s="5" t="s">
        <v>83578</v>
      </c>
      <c r="B743" s="2" t="s">
        <v>85802</v>
      </c>
      <c r="C743" s="14" t="s">
        <v>85803</v>
      </c>
      <c r="D743" s="2" t="s">
        <v>85804</v>
      </c>
      <c r="E743" s="2" t="s">
        <v>16018</v>
      </c>
      <c r="F743" s="8">
        <v>314</v>
      </c>
      <c r="G743" s="5">
        <v>6</v>
      </c>
      <c r="H743" s="5" t="s">
        <v>1518</v>
      </c>
      <c r="I743" s="5" t="s">
        <v>1519</v>
      </c>
      <c r="J743" s="2" t="s">
        <v>1520</v>
      </c>
      <c r="K743" s="5" t="s">
        <v>1519</v>
      </c>
      <c r="L743" s="2" t="s">
        <v>1520</v>
      </c>
      <c r="M743" s="5" t="s">
        <v>1521</v>
      </c>
      <c r="N743" s="5" t="s">
        <v>38</v>
      </c>
      <c r="O743" s="5" t="s">
        <v>39</v>
      </c>
      <c r="P743" s="5" t="s">
        <v>40</v>
      </c>
      <c r="Q743" s="5" t="s">
        <v>1522</v>
      </c>
      <c r="R743" s="5" t="s">
        <v>1523</v>
      </c>
      <c r="S743" s="5" t="s">
        <v>42</v>
      </c>
      <c r="T743" s="2">
        <v>3.867</v>
      </c>
      <c r="U743" s="2">
        <v>3.22</v>
      </c>
      <c r="V743" s="2">
        <v>0.02</v>
      </c>
      <c r="W743" s="2">
        <v>159.1</v>
      </c>
      <c r="X743" s="2">
        <v>7.6</v>
      </c>
      <c r="Y743" s="2">
        <v>16.7</v>
      </c>
      <c r="Z743" s="5"/>
      <c r="AA743" s="5" t="s">
        <v>43</v>
      </c>
      <c r="AB743" s="5" t="s">
        <v>44</v>
      </c>
      <c r="AC743" s="2"/>
      <c r="AD743" s="1"/>
    </row>
    <row r="744" spans="1:30">
      <c r="A744" s="5" t="s">
        <v>83578</v>
      </c>
      <c r="B744" s="2" t="s">
        <v>85805</v>
      </c>
      <c r="C744" s="14" t="s">
        <v>85806</v>
      </c>
      <c r="D744" s="2" t="s">
        <v>85807</v>
      </c>
      <c r="E744" s="2" t="s">
        <v>16235</v>
      </c>
      <c r="F744" s="8">
        <v>314</v>
      </c>
      <c r="G744" s="5">
        <v>6</v>
      </c>
      <c r="H744" s="5" t="s">
        <v>1518</v>
      </c>
      <c r="I744" s="5" t="s">
        <v>1519</v>
      </c>
      <c r="J744" s="2" t="s">
        <v>1520</v>
      </c>
      <c r="K744" s="5" t="s">
        <v>1519</v>
      </c>
      <c r="L744" s="2" t="s">
        <v>1520</v>
      </c>
      <c r="M744" s="5" t="s">
        <v>1521</v>
      </c>
      <c r="N744" s="5" t="s">
        <v>38</v>
      </c>
      <c r="O744" s="5" t="s">
        <v>39</v>
      </c>
      <c r="P744" s="5" t="s">
        <v>40</v>
      </c>
      <c r="Q744" s="5" t="s">
        <v>1522</v>
      </c>
      <c r="R744" s="5" t="s">
        <v>1523</v>
      </c>
      <c r="S744" s="5" t="s">
        <v>42</v>
      </c>
      <c r="T744" s="2">
        <v>3.9380000000000002</v>
      </c>
      <c r="U744" s="2">
        <v>3.2909999999999999</v>
      </c>
      <c r="V744" s="2">
        <v>0.02</v>
      </c>
      <c r="W744" s="2">
        <v>159.1</v>
      </c>
      <c r="X744" s="2">
        <v>7.6</v>
      </c>
      <c r="Y744" s="2">
        <v>16.7</v>
      </c>
      <c r="Z744" s="5"/>
      <c r="AA744" s="5" t="s">
        <v>43</v>
      </c>
      <c r="AB744" s="5" t="s">
        <v>44</v>
      </c>
      <c r="AC744" s="2"/>
      <c r="AD744" s="1"/>
    </row>
    <row r="745" spans="1:30">
      <c r="A745" s="5" t="s">
        <v>83578</v>
      </c>
      <c r="B745" s="2" t="s">
        <v>85808</v>
      </c>
      <c r="C745" s="14" t="s">
        <v>85809</v>
      </c>
      <c r="D745" s="2" t="s">
        <v>85810</v>
      </c>
      <c r="E745" s="2" t="s">
        <v>7521</v>
      </c>
      <c r="F745" s="8">
        <v>308</v>
      </c>
      <c r="G745" s="5">
        <v>6</v>
      </c>
      <c r="H745" s="5" t="s">
        <v>1518</v>
      </c>
      <c r="I745" s="5" t="s">
        <v>1519</v>
      </c>
      <c r="J745" s="2" t="s">
        <v>1520</v>
      </c>
      <c r="K745" s="5" t="s">
        <v>1519</v>
      </c>
      <c r="L745" s="2" t="s">
        <v>1520</v>
      </c>
      <c r="M745" s="5" t="s">
        <v>1521</v>
      </c>
      <c r="N745" s="5" t="s">
        <v>38</v>
      </c>
      <c r="O745" s="5" t="s">
        <v>39</v>
      </c>
      <c r="P745" s="5" t="s">
        <v>40</v>
      </c>
      <c r="Q745" s="5" t="s">
        <v>1522</v>
      </c>
      <c r="R745" s="5" t="s">
        <v>1523</v>
      </c>
      <c r="S745" s="5" t="s">
        <v>42</v>
      </c>
      <c r="T745" s="2">
        <v>4.1879999999999997</v>
      </c>
      <c r="U745" s="2">
        <v>3.55</v>
      </c>
      <c r="V745" s="2">
        <v>0.02</v>
      </c>
      <c r="W745" s="2">
        <v>159.1</v>
      </c>
      <c r="X745" s="2">
        <v>7.6</v>
      </c>
      <c r="Y745" s="2">
        <v>16.7</v>
      </c>
      <c r="Z745" s="5"/>
      <c r="AA745" s="5" t="s">
        <v>43</v>
      </c>
      <c r="AB745" s="5" t="s">
        <v>44</v>
      </c>
      <c r="AC745" s="2"/>
      <c r="AD745" s="1"/>
    </row>
    <row r="746" spans="1:30">
      <c r="A746" s="5" t="s">
        <v>83578</v>
      </c>
      <c r="B746" s="2" t="s">
        <v>85811</v>
      </c>
      <c r="C746" s="14" t="s">
        <v>85812</v>
      </c>
      <c r="D746" s="2" t="s">
        <v>85813</v>
      </c>
      <c r="E746" s="2" t="s">
        <v>7528</v>
      </c>
      <c r="F746" s="8">
        <v>308</v>
      </c>
      <c r="G746" s="5">
        <v>6</v>
      </c>
      <c r="H746" s="5" t="s">
        <v>1518</v>
      </c>
      <c r="I746" s="5" t="s">
        <v>1519</v>
      </c>
      <c r="J746" s="2" t="s">
        <v>1520</v>
      </c>
      <c r="K746" s="5" t="s">
        <v>1519</v>
      </c>
      <c r="L746" s="2" t="s">
        <v>1520</v>
      </c>
      <c r="M746" s="5" t="s">
        <v>1521</v>
      </c>
      <c r="N746" s="5" t="s">
        <v>38</v>
      </c>
      <c r="O746" s="5" t="s">
        <v>39</v>
      </c>
      <c r="P746" s="5" t="s">
        <v>40</v>
      </c>
      <c r="Q746" s="5" t="s">
        <v>1522</v>
      </c>
      <c r="R746" s="5" t="s">
        <v>1523</v>
      </c>
      <c r="S746" s="5" t="s">
        <v>42</v>
      </c>
      <c r="T746" s="2">
        <v>4.1399999999999997</v>
      </c>
      <c r="U746" s="2">
        <v>3.5019999999999998</v>
      </c>
      <c r="V746" s="2">
        <v>0.02</v>
      </c>
      <c r="W746" s="2">
        <v>159.1</v>
      </c>
      <c r="X746" s="2">
        <v>7.6</v>
      </c>
      <c r="Y746" s="2">
        <v>16.7</v>
      </c>
      <c r="Z746" s="5"/>
      <c r="AA746" s="5" t="s">
        <v>43</v>
      </c>
      <c r="AB746" s="5" t="s">
        <v>44</v>
      </c>
      <c r="AC746" s="2"/>
      <c r="AD746" s="1"/>
    </row>
    <row r="747" spans="1:30">
      <c r="A747" s="5" t="s">
        <v>83578</v>
      </c>
      <c r="B747" s="2" t="s">
        <v>85814</v>
      </c>
      <c r="C747" s="14" t="s">
        <v>85815</v>
      </c>
      <c r="D747" s="2" t="s">
        <v>85816</v>
      </c>
      <c r="E747" s="2" t="s">
        <v>7539</v>
      </c>
      <c r="F747" s="8">
        <v>334</v>
      </c>
      <c r="G747" s="5">
        <v>6</v>
      </c>
      <c r="H747" s="5" t="s">
        <v>1518</v>
      </c>
      <c r="I747" s="5" t="s">
        <v>1519</v>
      </c>
      <c r="J747" s="2" t="s">
        <v>1520</v>
      </c>
      <c r="K747" s="5" t="s">
        <v>1519</v>
      </c>
      <c r="L747" s="2" t="s">
        <v>1520</v>
      </c>
      <c r="M747" s="5" t="s">
        <v>1521</v>
      </c>
      <c r="N747" s="5" t="s">
        <v>38</v>
      </c>
      <c r="O747" s="5" t="s">
        <v>39</v>
      </c>
      <c r="P747" s="5" t="s">
        <v>40</v>
      </c>
      <c r="Q747" s="5" t="s">
        <v>1522</v>
      </c>
      <c r="R747" s="5" t="s">
        <v>1523</v>
      </c>
      <c r="S747" s="5" t="s">
        <v>42</v>
      </c>
      <c r="T747" s="2">
        <v>4.0579999999999998</v>
      </c>
      <c r="U747" s="2">
        <v>3.42</v>
      </c>
      <c r="V747" s="2">
        <v>0.02</v>
      </c>
      <c r="W747" s="2">
        <v>159.1</v>
      </c>
      <c r="X747" s="2">
        <v>7.6</v>
      </c>
      <c r="Y747" s="2">
        <v>16.7</v>
      </c>
      <c r="Z747" s="5"/>
      <c r="AA747" s="5" t="s">
        <v>43</v>
      </c>
      <c r="AB747" s="5" t="s">
        <v>44</v>
      </c>
      <c r="AC747" s="2"/>
      <c r="AD747" s="1"/>
    </row>
    <row r="748" spans="1:30">
      <c r="A748" s="5" t="s">
        <v>83578</v>
      </c>
      <c r="B748" s="2" t="s">
        <v>85817</v>
      </c>
      <c r="C748" s="14" t="s">
        <v>85818</v>
      </c>
      <c r="D748" s="2" t="s">
        <v>85819</v>
      </c>
      <c r="E748" s="2" t="s">
        <v>7543</v>
      </c>
      <c r="F748" s="8">
        <v>334</v>
      </c>
      <c r="G748" s="5">
        <v>6</v>
      </c>
      <c r="H748" s="5" t="s">
        <v>1518</v>
      </c>
      <c r="I748" s="5" t="s">
        <v>1519</v>
      </c>
      <c r="J748" s="2" t="s">
        <v>1520</v>
      </c>
      <c r="K748" s="5" t="s">
        <v>1519</v>
      </c>
      <c r="L748" s="2" t="s">
        <v>1520</v>
      </c>
      <c r="M748" s="5" t="s">
        <v>1521</v>
      </c>
      <c r="N748" s="5" t="s">
        <v>38</v>
      </c>
      <c r="O748" s="5" t="s">
        <v>39</v>
      </c>
      <c r="P748" s="5" t="s">
        <v>40</v>
      </c>
      <c r="Q748" s="5" t="s">
        <v>1522</v>
      </c>
      <c r="R748" s="5" t="s">
        <v>1523</v>
      </c>
      <c r="S748" s="5" t="s">
        <v>42</v>
      </c>
      <c r="T748" s="2">
        <v>4.1879999999999997</v>
      </c>
      <c r="U748" s="2">
        <v>3.55</v>
      </c>
      <c r="V748" s="2">
        <v>0.02</v>
      </c>
      <c r="W748" s="2">
        <v>159.1</v>
      </c>
      <c r="X748" s="2">
        <v>7.6</v>
      </c>
      <c r="Y748" s="2">
        <v>16.7</v>
      </c>
      <c r="Z748" s="5"/>
      <c r="AA748" s="5" t="s">
        <v>43</v>
      </c>
      <c r="AB748" s="5" t="s">
        <v>44</v>
      </c>
      <c r="AC748" s="2"/>
      <c r="AD748" s="1"/>
    </row>
    <row r="749" spans="1:30">
      <c r="A749" s="5" t="s">
        <v>83578</v>
      </c>
      <c r="B749" s="2" t="s">
        <v>85820</v>
      </c>
      <c r="C749" s="14" t="s">
        <v>85821</v>
      </c>
      <c r="D749" s="2" t="s">
        <v>85822</v>
      </c>
      <c r="E749" s="2" t="s">
        <v>7547</v>
      </c>
      <c r="F749" s="8">
        <v>334</v>
      </c>
      <c r="G749" s="5">
        <v>6</v>
      </c>
      <c r="H749" s="5" t="s">
        <v>1518</v>
      </c>
      <c r="I749" s="5" t="s">
        <v>1519</v>
      </c>
      <c r="J749" s="2" t="s">
        <v>1520</v>
      </c>
      <c r="K749" s="5" t="s">
        <v>1519</v>
      </c>
      <c r="L749" s="2" t="s">
        <v>1520</v>
      </c>
      <c r="M749" s="5" t="s">
        <v>1521</v>
      </c>
      <c r="N749" s="5" t="s">
        <v>38</v>
      </c>
      <c r="O749" s="5" t="s">
        <v>39</v>
      </c>
      <c r="P749" s="5" t="s">
        <v>40</v>
      </c>
      <c r="Q749" s="5" t="s">
        <v>1522</v>
      </c>
      <c r="R749" s="5" t="s">
        <v>1523</v>
      </c>
      <c r="S749" s="5" t="s">
        <v>42</v>
      </c>
      <c r="T749" s="2">
        <v>4.01</v>
      </c>
      <c r="U749" s="2">
        <v>3.3719999999999999</v>
      </c>
      <c r="V749" s="2">
        <v>0.02</v>
      </c>
      <c r="W749" s="2">
        <v>159.1</v>
      </c>
      <c r="X749" s="2">
        <v>7.6</v>
      </c>
      <c r="Y749" s="2">
        <v>16.7</v>
      </c>
      <c r="Z749" s="5"/>
      <c r="AA749" s="5" t="s">
        <v>43</v>
      </c>
      <c r="AB749" s="5" t="s">
        <v>44</v>
      </c>
      <c r="AC749" s="2"/>
      <c r="AD749" s="1"/>
    </row>
    <row r="750" spans="1:30">
      <c r="A750" s="5" t="s">
        <v>83578</v>
      </c>
      <c r="B750" s="2" t="s">
        <v>85823</v>
      </c>
      <c r="C750" s="14" t="s">
        <v>85824</v>
      </c>
      <c r="D750" s="2" t="s">
        <v>85825</v>
      </c>
      <c r="E750" s="2" t="s">
        <v>7551</v>
      </c>
      <c r="F750" s="8">
        <v>334</v>
      </c>
      <c r="G750" s="5">
        <v>6</v>
      </c>
      <c r="H750" s="5" t="s">
        <v>1518</v>
      </c>
      <c r="I750" s="5" t="s">
        <v>1519</v>
      </c>
      <c r="J750" s="2" t="s">
        <v>1520</v>
      </c>
      <c r="K750" s="5" t="s">
        <v>1519</v>
      </c>
      <c r="L750" s="2" t="s">
        <v>1520</v>
      </c>
      <c r="M750" s="5" t="s">
        <v>1521</v>
      </c>
      <c r="N750" s="5" t="s">
        <v>38</v>
      </c>
      <c r="O750" s="5" t="s">
        <v>39</v>
      </c>
      <c r="P750" s="5" t="s">
        <v>40</v>
      </c>
      <c r="Q750" s="5" t="s">
        <v>1522</v>
      </c>
      <c r="R750" s="5" t="s">
        <v>1523</v>
      </c>
      <c r="S750" s="5" t="s">
        <v>42</v>
      </c>
      <c r="T750" s="2">
        <v>4.1399999999999997</v>
      </c>
      <c r="U750" s="2">
        <v>3.5019999999999998</v>
      </c>
      <c r="V750" s="2">
        <v>0.02</v>
      </c>
      <c r="W750" s="2">
        <v>159.1</v>
      </c>
      <c r="X750" s="2">
        <v>7.6</v>
      </c>
      <c r="Y750" s="2">
        <v>16.7</v>
      </c>
      <c r="Z750" s="5"/>
      <c r="AA750" s="5" t="s">
        <v>43</v>
      </c>
      <c r="AB750" s="5" t="s">
        <v>44</v>
      </c>
      <c r="AC750" s="2"/>
      <c r="AD750" s="1"/>
    </row>
    <row r="751" spans="1:30">
      <c r="A751" s="5" t="s">
        <v>83578</v>
      </c>
      <c r="B751" s="2" t="s">
        <v>85826</v>
      </c>
      <c r="C751" s="14" t="s">
        <v>85827</v>
      </c>
      <c r="D751" s="2" t="s">
        <v>85828</v>
      </c>
      <c r="E751" s="2" t="s">
        <v>7555</v>
      </c>
      <c r="F751" s="8">
        <v>334</v>
      </c>
      <c r="G751" s="5">
        <v>6</v>
      </c>
      <c r="H751" s="5" t="s">
        <v>1518</v>
      </c>
      <c r="I751" s="5" t="s">
        <v>1519</v>
      </c>
      <c r="J751" s="2" t="s">
        <v>1520</v>
      </c>
      <c r="K751" s="5" t="s">
        <v>1519</v>
      </c>
      <c r="L751" s="2" t="s">
        <v>1520</v>
      </c>
      <c r="M751" s="5" t="s">
        <v>1521</v>
      </c>
      <c r="N751" s="5" t="s">
        <v>38</v>
      </c>
      <c r="O751" s="5" t="s">
        <v>39</v>
      </c>
      <c r="P751" s="5" t="s">
        <v>40</v>
      </c>
      <c r="Q751" s="5" t="s">
        <v>1522</v>
      </c>
      <c r="R751" s="5" t="s">
        <v>1523</v>
      </c>
      <c r="S751" s="5" t="s">
        <v>42</v>
      </c>
      <c r="T751" s="2">
        <v>4.01</v>
      </c>
      <c r="U751" s="2">
        <v>3.3719999999999999</v>
      </c>
      <c r="V751" s="2">
        <v>0.02</v>
      </c>
      <c r="W751" s="2">
        <v>159.1</v>
      </c>
      <c r="X751" s="2">
        <v>7.6</v>
      </c>
      <c r="Y751" s="2">
        <v>16.7</v>
      </c>
      <c r="Z751" s="5"/>
      <c r="AA751" s="5" t="s">
        <v>43</v>
      </c>
      <c r="AB751" s="5" t="s">
        <v>44</v>
      </c>
      <c r="AC751" s="2"/>
      <c r="AD751" s="1"/>
    </row>
    <row r="752" spans="1:30">
      <c r="A752" s="5" t="s">
        <v>83578</v>
      </c>
      <c r="B752" s="2" t="s">
        <v>85829</v>
      </c>
      <c r="C752" s="14" t="s">
        <v>85830</v>
      </c>
      <c r="D752" s="2" t="s">
        <v>85831</v>
      </c>
      <c r="E752" s="2" t="s">
        <v>7559</v>
      </c>
      <c r="F752" s="8">
        <v>334</v>
      </c>
      <c r="G752" s="5">
        <v>6</v>
      </c>
      <c r="H752" s="5" t="s">
        <v>1518</v>
      </c>
      <c r="I752" s="5" t="s">
        <v>1519</v>
      </c>
      <c r="J752" s="2" t="s">
        <v>1520</v>
      </c>
      <c r="K752" s="5" t="s">
        <v>1519</v>
      </c>
      <c r="L752" s="2" t="s">
        <v>1520</v>
      </c>
      <c r="M752" s="5" t="s">
        <v>1521</v>
      </c>
      <c r="N752" s="5" t="s">
        <v>38</v>
      </c>
      <c r="O752" s="5" t="s">
        <v>39</v>
      </c>
      <c r="P752" s="5" t="s">
        <v>40</v>
      </c>
      <c r="Q752" s="5" t="s">
        <v>1522</v>
      </c>
      <c r="R752" s="5" t="s">
        <v>1523</v>
      </c>
      <c r="S752" s="5" t="s">
        <v>42</v>
      </c>
      <c r="T752" s="2">
        <v>4.1399999999999997</v>
      </c>
      <c r="U752" s="2">
        <v>3.5019999999999998</v>
      </c>
      <c r="V752" s="2">
        <v>0.02</v>
      </c>
      <c r="W752" s="2">
        <v>159.1</v>
      </c>
      <c r="X752" s="2">
        <v>7.6</v>
      </c>
      <c r="Y752" s="2">
        <v>16.7</v>
      </c>
      <c r="Z752" s="5"/>
      <c r="AA752" s="5" t="s">
        <v>43</v>
      </c>
      <c r="AB752" s="5" t="s">
        <v>44</v>
      </c>
      <c r="AC752" s="2"/>
      <c r="AD752" s="1"/>
    </row>
    <row r="753" spans="1:30">
      <c r="A753" s="5" t="s">
        <v>83578</v>
      </c>
      <c r="B753" s="2" t="s">
        <v>85832</v>
      </c>
      <c r="C753" s="14" t="s">
        <v>85833</v>
      </c>
      <c r="D753" s="2" t="s">
        <v>85834</v>
      </c>
      <c r="E753" s="2" t="s">
        <v>7567</v>
      </c>
      <c r="F753" s="8">
        <v>334</v>
      </c>
      <c r="G753" s="5">
        <v>6</v>
      </c>
      <c r="H753" s="5" t="s">
        <v>1518</v>
      </c>
      <c r="I753" s="5" t="s">
        <v>1519</v>
      </c>
      <c r="J753" s="2" t="s">
        <v>1520</v>
      </c>
      <c r="K753" s="5" t="s">
        <v>1519</v>
      </c>
      <c r="L753" s="2" t="s">
        <v>1520</v>
      </c>
      <c r="M753" s="5" t="s">
        <v>1521</v>
      </c>
      <c r="N753" s="5" t="s">
        <v>38</v>
      </c>
      <c r="O753" s="5" t="s">
        <v>39</v>
      </c>
      <c r="P753" s="5" t="s">
        <v>40</v>
      </c>
      <c r="Q753" s="5" t="s">
        <v>1522</v>
      </c>
      <c r="R753" s="5" t="s">
        <v>1523</v>
      </c>
      <c r="S753" s="5" t="s">
        <v>42</v>
      </c>
      <c r="T753" s="2">
        <v>4.1879999999999997</v>
      </c>
      <c r="U753" s="2">
        <v>3.55</v>
      </c>
      <c r="V753" s="2">
        <v>0.02</v>
      </c>
      <c r="W753" s="2">
        <v>159.1</v>
      </c>
      <c r="X753" s="2">
        <v>7.6</v>
      </c>
      <c r="Y753" s="2">
        <v>16.7</v>
      </c>
      <c r="Z753" s="5"/>
      <c r="AA753" s="5" t="s">
        <v>43</v>
      </c>
      <c r="AB753" s="5" t="s">
        <v>44</v>
      </c>
      <c r="AC753" s="2"/>
      <c r="AD753" s="1"/>
    </row>
    <row r="754" spans="1:30">
      <c r="A754" s="5" t="s">
        <v>83578</v>
      </c>
      <c r="B754" s="2" t="s">
        <v>85835</v>
      </c>
      <c r="C754" s="14" t="s">
        <v>85836</v>
      </c>
      <c r="D754" s="2" t="s">
        <v>85837</v>
      </c>
      <c r="E754" s="2" t="s">
        <v>16079</v>
      </c>
      <c r="F754" s="8">
        <v>334</v>
      </c>
      <c r="G754" s="5">
        <v>6</v>
      </c>
      <c r="H754" s="5" t="s">
        <v>1518</v>
      </c>
      <c r="I754" s="5" t="s">
        <v>1519</v>
      </c>
      <c r="J754" s="2" t="s">
        <v>1520</v>
      </c>
      <c r="K754" s="5" t="s">
        <v>1519</v>
      </c>
      <c r="L754" s="2" t="s">
        <v>1520</v>
      </c>
      <c r="M754" s="5" t="s">
        <v>1521</v>
      </c>
      <c r="N754" s="5" t="s">
        <v>38</v>
      </c>
      <c r="O754" s="5" t="s">
        <v>39</v>
      </c>
      <c r="P754" s="5" t="s">
        <v>40</v>
      </c>
      <c r="Q754" s="5" t="s">
        <v>1522</v>
      </c>
      <c r="R754" s="5" t="s">
        <v>1523</v>
      </c>
      <c r="S754" s="5" t="s">
        <v>42</v>
      </c>
      <c r="T754" s="2">
        <v>4.0579999999999998</v>
      </c>
      <c r="U754" s="2">
        <v>3.42</v>
      </c>
      <c r="V754" s="2">
        <v>0.02</v>
      </c>
      <c r="W754" s="2">
        <v>159.1</v>
      </c>
      <c r="X754" s="2">
        <v>7.6</v>
      </c>
      <c r="Y754" s="2">
        <v>16.7</v>
      </c>
      <c r="Z754" s="5"/>
      <c r="AA754" s="5" t="s">
        <v>43</v>
      </c>
      <c r="AB754" s="5" t="s">
        <v>44</v>
      </c>
      <c r="AC754" s="2"/>
      <c r="AD754" s="1"/>
    </row>
    <row r="755" spans="1:30">
      <c r="A755" s="5" t="s">
        <v>83578</v>
      </c>
      <c r="B755" s="2" t="s">
        <v>85838</v>
      </c>
      <c r="C755" s="14" t="s">
        <v>85839</v>
      </c>
      <c r="D755" s="2" t="s">
        <v>85840</v>
      </c>
      <c r="E755" s="2" t="s">
        <v>16194</v>
      </c>
      <c r="F755" s="8">
        <v>334</v>
      </c>
      <c r="G755" s="5">
        <v>6</v>
      </c>
      <c r="H755" s="5" t="s">
        <v>1518</v>
      </c>
      <c r="I755" s="5" t="s">
        <v>1519</v>
      </c>
      <c r="J755" s="2" t="s">
        <v>1520</v>
      </c>
      <c r="K755" s="5" t="s">
        <v>1519</v>
      </c>
      <c r="L755" s="2" t="s">
        <v>1520</v>
      </c>
      <c r="M755" s="5" t="s">
        <v>1521</v>
      </c>
      <c r="N755" s="5" t="s">
        <v>38</v>
      </c>
      <c r="O755" s="5" t="s">
        <v>39</v>
      </c>
      <c r="P755" s="5" t="s">
        <v>40</v>
      </c>
      <c r="Q755" s="5" t="s">
        <v>1522</v>
      </c>
      <c r="R755" s="5" t="s">
        <v>1523</v>
      </c>
      <c r="S755" s="5" t="s">
        <v>42</v>
      </c>
      <c r="T755" s="2">
        <v>4.1879999999999997</v>
      </c>
      <c r="U755" s="2">
        <v>3.55</v>
      </c>
      <c r="V755" s="2">
        <v>0.02</v>
      </c>
      <c r="W755" s="2">
        <v>159.1</v>
      </c>
      <c r="X755" s="2">
        <v>7.6</v>
      </c>
      <c r="Y755" s="2">
        <v>16.7</v>
      </c>
      <c r="Z755" s="5"/>
      <c r="AA755" s="5" t="s">
        <v>43</v>
      </c>
      <c r="AB755" s="5" t="s">
        <v>44</v>
      </c>
      <c r="AC755" s="2"/>
      <c r="AD755" s="1"/>
    </row>
    <row r="756" spans="1:30">
      <c r="A756" s="5" t="s">
        <v>83578</v>
      </c>
      <c r="B756" s="2" t="s">
        <v>85841</v>
      </c>
      <c r="C756" s="14" t="s">
        <v>85842</v>
      </c>
      <c r="D756" s="2" t="s">
        <v>85843</v>
      </c>
      <c r="E756" s="2" t="s">
        <v>7581</v>
      </c>
      <c r="F756" s="8">
        <v>334</v>
      </c>
      <c r="G756" s="5">
        <v>6</v>
      </c>
      <c r="H756" s="5" t="s">
        <v>1518</v>
      </c>
      <c r="I756" s="5" t="s">
        <v>1519</v>
      </c>
      <c r="J756" s="2" t="s">
        <v>1520</v>
      </c>
      <c r="K756" s="5" t="s">
        <v>1519</v>
      </c>
      <c r="L756" s="2" t="s">
        <v>1520</v>
      </c>
      <c r="M756" s="5" t="s">
        <v>1521</v>
      </c>
      <c r="N756" s="5" t="s">
        <v>38</v>
      </c>
      <c r="O756" s="5" t="s">
        <v>39</v>
      </c>
      <c r="P756" s="5" t="s">
        <v>40</v>
      </c>
      <c r="Q756" s="5" t="s">
        <v>1522</v>
      </c>
      <c r="R756" s="5" t="s">
        <v>1523</v>
      </c>
      <c r="S756" s="5" t="s">
        <v>42</v>
      </c>
      <c r="T756" s="2">
        <v>4.1879999999999997</v>
      </c>
      <c r="U756" s="2">
        <v>3.55</v>
      </c>
      <c r="V756" s="2">
        <v>0.02</v>
      </c>
      <c r="W756" s="2">
        <v>159.1</v>
      </c>
      <c r="X756" s="2">
        <v>7.6</v>
      </c>
      <c r="Y756" s="2">
        <v>16.7</v>
      </c>
      <c r="Z756" s="5"/>
      <c r="AA756" s="5" t="s">
        <v>43</v>
      </c>
      <c r="AB756" s="5" t="s">
        <v>44</v>
      </c>
      <c r="AC756" s="2"/>
      <c r="AD756" s="1"/>
    </row>
    <row r="757" spans="1:30">
      <c r="A757" s="5" t="s">
        <v>83578</v>
      </c>
      <c r="B757" s="2" t="s">
        <v>85844</v>
      </c>
      <c r="C757" s="14" t="s">
        <v>85845</v>
      </c>
      <c r="D757" s="2" t="s">
        <v>85846</v>
      </c>
      <c r="E757" s="2" t="s">
        <v>7585</v>
      </c>
      <c r="F757" s="8">
        <v>334</v>
      </c>
      <c r="G757" s="5">
        <v>6</v>
      </c>
      <c r="H757" s="5" t="s">
        <v>1518</v>
      </c>
      <c r="I757" s="5" t="s">
        <v>1519</v>
      </c>
      <c r="J757" s="2" t="s">
        <v>1520</v>
      </c>
      <c r="K757" s="5" t="s">
        <v>1519</v>
      </c>
      <c r="L757" s="2" t="s">
        <v>1520</v>
      </c>
      <c r="M757" s="5" t="s">
        <v>1521</v>
      </c>
      <c r="N757" s="5" t="s">
        <v>38</v>
      </c>
      <c r="O757" s="5" t="s">
        <v>39</v>
      </c>
      <c r="P757" s="5" t="s">
        <v>40</v>
      </c>
      <c r="Q757" s="5" t="s">
        <v>1522</v>
      </c>
      <c r="R757" s="5" t="s">
        <v>1523</v>
      </c>
      <c r="S757" s="5" t="s">
        <v>42</v>
      </c>
      <c r="T757" s="2">
        <v>4.01</v>
      </c>
      <c r="U757" s="2">
        <v>3.3719999999999999</v>
      </c>
      <c r="V757" s="2">
        <v>0.02</v>
      </c>
      <c r="W757" s="2">
        <v>159.1</v>
      </c>
      <c r="X757" s="2">
        <v>7.6</v>
      </c>
      <c r="Y757" s="2">
        <v>16.7</v>
      </c>
      <c r="Z757" s="5"/>
      <c r="AA757" s="5" t="s">
        <v>43</v>
      </c>
      <c r="AB757" s="5" t="s">
        <v>44</v>
      </c>
      <c r="AC757" s="2"/>
      <c r="AD757" s="1"/>
    </row>
    <row r="758" spans="1:30">
      <c r="A758" s="5" t="s">
        <v>83578</v>
      </c>
      <c r="B758" s="2" t="s">
        <v>85847</v>
      </c>
      <c r="C758" s="14" t="s">
        <v>85848</v>
      </c>
      <c r="D758" s="2" t="s">
        <v>85849</v>
      </c>
      <c r="E758" s="2" t="s">
        <v>7589</v>
      </c>
      <c r="F758" s="8">
        <v>334</v>
      </c>
      <c r="G758" s="5">
        <v>6</v>
      </c>
      <c r="H758" s="5" t="s">
        <v>1518</v>
      </c>
      <c r="I758" s="5" t="s">
        <v>1519</v>
      </c>
      <c r="J758" s="2" t="s">
        <v>1520</v>
      </c>
      <c r="K758" s="5" t="s">
        <v>1519</v>
      </c>
      <c r="L758" s="2" t="s">
        <v>1520</v>
      </c>
      <c r="M758" s="5" t="s">
        <v>1521</v>
      </c>
      <c r="N758" s="5" t="s">
        <v>38</v>
      </c>
      <c r="O758" s="5" t="s">
        <v>39</v>
      </c>
      <c r="P758" s="5" t="s">
        <v>40</v>
      </c>
      <c r="Q758" s="5" t="s">
        <v>1522</v>
      </c>
      <c r="R758" s="5" t="s">
        <v>1523</v>
      </c>
      <c r="S758" s="5" t="s">
        <v>42</v>
      </c>
      <c r="T758" s="2">
        <v>4.1399999999999997</v>
      </c>
      <c r="U758" s="2">
        <v>3.5019999999999998</v>
      </c>
      <c r="V758" s="2">
        <v>0.02</v>
      </c>
      <c r="W758" s="2">
        <v>159.1</v>
      </c>
      <c r="X758" s="2">
        <v>7.6</v>
      </c>
      <c r="Y758" s="2">
        <v>16.7</v>
      </c>
      <c r="Z758" s="5"/>
      <c r="AA758" s="5" t="s">
        <v>43</v>
      </c>
      <c r="AB758" s="5" t="s">
        <v>44</v>
      </c>
      <c r="AC758" s="2"/>
      <c r="AD758" s="1"/>
    </row>
    <row r="759" spans="1:30">
      <c r="A759" s="5" t="s">
        <v>83578</v>
      </c>
      <c r="B759" s="2" t="s">
        <v>85850</v>
      </c>
      <c r="C759" s="14" t="s">
        <v>85851</v>
      </c>
      <c r="D759" s="2" t="s">
        <v>85852</v>
      </c>
      <c r="E759" s="2" t="s">
        <v>7593</v>
      </c>
      <c r="F759" s="8">
        <v>334</v>
      </c>
      <c r="G759" s="5">
        <v>6</v>
      </c>
      <c r="H759" s="5" t="s">
        <v>1518</v>
      </c>
      <c r="I759" s="5" t="s">
        <v>1519</v>
      </c>
      <c r="J759" s="2" t="s">
        <v>1520</v>
      </c>
      <c r="K759" s="5" t="s">
        <v>1519</v>
      </c>
      <c r="L759" s="2" t="s">
        <v>1520</v>
      </c>
      <c r="M759" s="5" t="s">
        <v>1521</v>
      </c>
      <c r="N759" s="5" t="s">
        <v>38</v>
      </c>
      <c r="O759" s="5" t="s">
        <v>39</v>
      </c>
      <c r="P759" s="5" t="s">
        <v>40</v>
      </c>
      <c r="Q759" s="5" t="s">
        <v>1522</v>
      </c>
      <c r="R759" s="5" t="s">
        <v>1523</v>
      </c>
      <c r="S759" s="5" t="s">
        <v>42</v>
      </c>
      <c r="T759" s="2">
        <v>4.0579999999999998</v>
      </c>
      <c r="U759" s="2">
        <v>3.42</v>
      </c>
      <c r="V759" s="2">
        <v>0.02</v>
      </c>
      <c r="W759" s="2">
        <v>159.1</v>
      </c>
      <c r="X759" s="2">
        <v>7.6</v>
      </c>
      <c r="Y759" s="2">
        <v>16.7</v>
      </c>
      <c r="Z759" s="5"/>
      <c r="AA759" s="5" t="s">
        <v>43</v>
      </c>
      <c r="AB759" s="5" t="s">
        <v>44</v>
      </c>
      <c r="AC759" s="2"/>
      <c r="AD759" s="1"/>
    </row>
    <row r="760" spans="1:30">
      <c r="A760" s="5" t="s">
        <v>83578</v>
      </c>
      <c r="B760" s="2" t="s">
        <v>85853</v>
      </c>
      <c r="C760" s="14" t="s">
        <v>85854</v>
      </c>
      <c r="D760" s="2" t="s">
        <v>85855</v>
      </c>
      <c r="E760" s="2" t="s">
        <v>7597</v>
      </c>
      <c r="F760" s="8">
        <v>334</v>
      </c>
      <c r="G760" s="5">
        <v>6</v>
      </c>
      <c r="H760" s="5" t="s">
        <v>1518</v>
      </c>
      <c r="I760" s="5" t="s">
        <v>1519</v>
      </c>
      <c r="J760" s="2" t="s">
        <v>1520</v>
      </c>
      <c r="K760" s="5" t="s">
        <v>1519</v>
      </c>
      <c r="L760" s="2" t="s">
        <v>1520</v>
      </c>
      <c r="M760" s="5" t="s">
        <v>1521</v>
      </c>
      <c r="N760" s="5" t="s">
        <v>38</v>
      </c>
      <c r="O760" s="5" t="s">
        <v>39</v>
      </c>
      <c r="P760" s="5" t="s">
        <v>40</v>
      </c>
      <c r="Q760" s="5" t="s">
        <v>1522</v>
      </c>
      <c r="R760" s="5" t="s">
        <v>1523</v>
      </c>
      <c r="S760" s="5" t="s">
        <v>42</v>
      </c>
      <c r="T760" s="2">
        <v>4.1879999999999997</v>
      </c>
      <c r="U760" s="2">
        <v>3.55</v>
      </c>
      <c r="V760" s="2">
        <v>0.02</v>
      </c>
      <c r="W760" s="2">
        <v>159.1</v>
      </c>
      <c r="X760" s="2">
        <v>7.6</v>
      </c>
      <c r="Y760" s="2">
        <v>16.7</v>
      </c>
      <c r="Z760" s="5"/>
      <c r="AA760" s="5" t="s">
        <v>43</v>
      </c>
      <c r="AB760" s="5" t="s">
        <v>44</v>
      </c>
      <c r="AC760" s="2"/>
      <c r="AD760" s="1"/>
    </row>
    <row r="761" spans="1:30">
      <c r="A761" s="5" t="s">
        <v>83578</v>
      </c>
      <c r="B761" s="2" t="s">
        <v>85856</v>
      </c>
      <c r="C761" s="14" t="s">
        <v>85857</v>
      </c>
      <c r="D761" s="2" t="s">
        <v>85858</v>
      </c>
      <c r="E761" s="2" t="s">
        <v>16219</v>
      </c>
      <c r="F761" s="8">
        <v>334</v>
      </c>
      <c r="G761" s="5">
        <v>6</v>
      </c>
      <c r="H761" s="5" t="s">
        <v>1518</v>
      </c>
      <c r="I761" s="5" t="s">
        <v>1519</v>
      </c>
      <c r="J761" s="2" t="s">
        <v>1520</v>
      </c>
      <c r="K761" s="5" t="s">
        <v>1519</v>
      </c>
      <c r="L761" s="2" t="s">
        <v>1520</v>
      </c>
      <c r="M761" s="5" t="s">
        <v>1521</v>
      </c>
      <c r="N761" s="5" t="s">
        <v>38</v>
      </c>
      <c r="O761" s="5" t="s">
        <v>39</v>
      </c>
      <c r="P761" s="5" t="s">
        <v>40</v>
      </c>
      <c r="Q761" s="5" t="s">
        <v>1522</v>
      </c>
      <c r="R761" s="5" t="s">
        <v>1523</v>
      </c>
      <c r="S761" s="5" t="s">
        <v>42</v>
      </c>
      <c r="T761" s="2">
        <v>4.1879999999999997</v>
      </c>
      <c r="U761" s="2">
        <v>3.55</v>
      </c>
      <c r="V761" s="2">
        <v>0.02</v>
      </c>
      <c r="W761" s="2">
        <v>159.1</v>
      </c>
      <c r="X761" s="2">
        <v>7.6</v>
      </c>
      <c r="Y761" s="2">
        <v>16.7</v>
      </c>
      <c r="Z761" s="5"/>
      <c r="AA761" s="5" t="s">
        <v>43</v>
      </c>
      <c r="AB761" s="5" t="s">
        <v>44</v>
      </c>
      <c r="AC761" s="2"/>
      <c r="AD761" s="1"/>
    </row>
    <row r="762" spans="1:30">
      <c r="A762" s="5" t="s">
        <v>83578</v>
      </c>
      <c r="B762" s="2" t="s">
        <v>85859</v>
      </c>
      <c r="C762" s="14" t="s">
        <v>85860</v>
      </c>
      <c r="D762" s="2" t="s">
        <v>85861</v>
      </c>
      <c r="E762" s="2" t="s">
        <v>16018</v>
      </c>
      <c r="F762" s="8">
        <v>334</v>
      </c>
      <c r="G762" s="5">
        <v>6</v>
      </c>
      <c r="H762" s="5" t="s">
        <v>1518</v>
      </c>
      <c r="I762" s="5" t="s">
        <v>1519</v>
      </c>
      <c r="J762" s="2" t="s">
        <v>1520</v>
      </c>
      <c r="K762" s="5" t="s">
        <v>1519</v>
      </c>
      <c r="L762" s="2" t="s">
        <v>1520</v>
      </c>
      <c r="M762" s="5" t="s">
        <v>1521</v>
      </c>
      <c r="N762" s="5" t="s">
        <v>38</v>
      </c>
      <c r="O762" s="5" t="s">
        <v>39</v>
      </c>
      <c r="P762" s="5" t="s">
        <v>40</v>
      </c>
      <c r="Q762" s="5" t="s">
        <v>1522</v>
      </c>
      <c r="R762" s="5" t="s">
        <v>1523</v>
      </c>
      <c r="S762" s="5" t="s">
        <v>42</v>
      </c>
      <c r="T762" s="2">
        <v>4.0579999999999998</v>
      </c>
      <c r="U762" s="2">
        <v>3.42</v>
      </c>
      <c r="V762" s="2">
        <v>0.02</v>
      </c>
      <c r="W762" s="2">
        <v>159.1</v>
      </c>
      <c r="X762" s="2">
        <v>7.6</v>
      </c>
      <c r="Y762" s="2">
        <v>16.7</v>
      </c>
      <c r="Z762" s="5"/>
      <c r="AA762" s="5" t="s">
        <v>43</v>
      </c>
      <c r="AB762" s="5" t="s">
        <v>44</v>
      </c>
      <c r="AC762" s="2"/>
      <c r="AD762" s="1"/>
    </row>
    <row r="763" spans="1:30">
      <c r="A763" s="5" t="s">
        <v>83578</v>
      </c>
      <c r="B763" s="2" t="s">
        <v>85862</v>
      </c>
      <c r="C763" s="14" t="s">
        <v>85863</v>
      </c>
      <c r="D763" s="2" t="s">
        <v>85864</v>
      </c>
      <c r="E763" s="2" t="s">
        <v>16022</v>
      </c>
      <c r="F763" s="8">
        <v>334</v>
      </c>
      <c r="G763" s="5">
        <v>6</v>
      </c>
      <c r="H763" s="5" t="s">
        <v>1518</v>
      </c>
      <c r="I763" s="5" t="s">
        <v>1519</v>
      </c>
      <c r="J763" s="2" t="s">
        <v>1520</v>
      </c>
      <c r="K763" s="5" t="s">
        <v>1519</v>
      </c>
      <c r="L763" s="2" t="s">
        <v>1520</v>
      </c>
      <c r="M763" s="5" t="s">
        <v>1521</v>
      </c>
      <c r="N763" s="5" t="s">
        <v>38</v>
      </c>
      <c r="O763" s="5" t="s">
        <v>39</v>
      </c>
      <c r="P763" s="5" t="s">
        <v>40</v>
      </c>
      <c r="Q763" s="5" t="s">
        <v>1522</v>
      </c>
      <c r="R763" s="5" t="s">
        <v>1523</v>
      </c>
      <c r="S763" s="5" t="s">
        <v>42</v>
      </c>
      <c r="T763" s="2">
        <v>4.1879999999999997</v>
      </c>
      <c r="U763" s="2">
        <v>3.55</v>
      </c>
      <c r="V763" s="2">
        <v>0.02</v>
      </c>
      <c r="W763" s="2">
        <v>159.1</v>
      </c>
      <c r="X763" s="2">
        <v>7.6</v>
      </c>
      <c r="Y763" s="2">
        <v>16.7</v>
      </c>
      <c r="Z763" s="5"/>
      <c r="AA763" s="5" t="s">
        <v>43</v>
      </c>
      <c r="AB763" s="5" t="s">
        <v>44</v>
      </c>
      <c r="AC763" s="2"/>
      <c r="AD763" s="1"/>
    </row>
    <row r="764" spans="1:30">
      <c r="A764" s="5" t="s">
        <v>83578</v>
      </c>
      <c r="B764" s="2" t="s">
        <v>85865</v>
      </c>
      <c r="C764" s="14" t="s">
        <v>85866</v>
      </c>
      <c r="D764" s="2" t="s">
        <v>85867</v>
      </c>
      <c r="E764" s="2" t="s">
        <v>7615</v>
      </c>
      <c r="F764" s="8">
        <v>334</v>
      </c>
      <c r="G764" s="5">
        <v>6</v>
      </c>
      <c r="H764" s="5" t="s">
        <v>1518</v>
      </c>
      <c r="I764" s="5" t="s">
        <v>1519</v>
      </c>
      <c r="J764" s="2" t="s">
        <v>1520</v>
      </c>
      <c r="K764" s="5" t="s">
        <v>1519</v>
      </c>
      <c r="L764" s="2" t="s">
        <v>1520</v>
      </c>
      <c r="M764" s="5" t="s">
        <v>1521</v>
      </c>
      <c r="N764" s="5" t="s">
        <v>38</v>
      </c>
      <c r="O764" s="5" t="s">
        <v>39</v>
      </c>
      <c r="P764" s="5" t="s">
        <v>40</v>
      </c>
      <c r="Q764" s="5" t="s">
        <v>1522</v>
      </c>
      <c r="R764" s="5" t="s">
        <v>1523</v>
      </c>
      <c r="S764" s="5" t="s">
        <v>42</v>
      </c>
      <c r="T764" s="2">
        <v>4.01</v>
      </c>
      <c r="U764" s="2">
        <v>3.3719999999999999</v>
      </c>
      <c r="V764" s="2">
        <v>0.02</v>
      </c>
      <c r="W764" s="2">
        <v>159.1</v>
      </c>
      <c r="X764" s="2">
        <v>7.6</v>
      </c>
      <c r="Y764" s="2">
        <v>16.7</v>
      </c>
      <c r="Z764" s="5"/>
      <c r="AA764" s="5" t="s">
        <v>43</v>
      </c>
      <c r="AB764" s="5" t="s">
        <v>44</v>
      </c>
      <c r="AC764" s="2"/>
      <c r="AD764" s="1"/>
    </row>
    <row r="765" spans="1:30">
      <c r="A765" s="5" t="s">
        <v>83578</v>
      </c>
      <c r="B765" s="2" t="s">
        <v>85868</v>
      </c>
      <c r="C765" s="14" t="s">
        <v>85869</v>
      </c>
      <c r="D765" s="2" t="s">
        <v>85870</v>
      </c>
      <c r="E765" s="2" t="s">
        <v>7619</v>
      </c>
      <c r="F765" s="8">
        <v>334</v>
      </c>
      <c r="G765" s="5">
        <v>6</v>
      </c>
      <c r="H765" s="5" t="s">
        <v>1518</v>
      </c>
      <c r="I765" s="5" t="s">
        <v>1519</v>
      </c>
      <c r="J765" s="2" t="s">
        <v>1520</v>
      </c>
      <c r="K765" s="5" t="s">
        <v>1519</v>
      </c>
      <c r="L765" s="2" t="s">
        <v>1520</v>
      </c>
      <c r="M765" s="5" t="s">
        <v>1521</v>
      </c>
      <c r="N765" s="5" t="s">
        <v>38</v>
      </c>
      <c r="O765" s="5" t="s">
        <v>39</v>
      </c>
      <c r="P765" s="5" t="s">
        <v>40</v>
      </c>
      <c r="Q765" s="5" t="s">
        <v>1522</v>
      </c>
      <c r="R765" s="5" t="s">
        <v>1523</v>
      </c>
      <c r="S765" s="5" t="s">
        <v>42</v>
      </c>
      <c r="T765" s="2">
        <v>4.1399999999999997</v>
      </c>
      <c r="U765" s="2">
        <v>3.5019999999999998</v>
      </c>
      <c r="V765" s="2">
        <v>0.02</v>
      </c>
      <c r="W765" s="2">
        <v>159.1</v>
      </c>
      <c r="X765" s="2">
        <v>7.6</v>
      </c>
      <c r="Y765" s="2">
        <v>16.7</v>
      </c>
      <c r="Z765" s="5"/>
      <c r="AA765" s="5" t="s">
        <v>43</v>
      </c>
      <c r="AB765" s="5" t="s">
        <v>44</v>
      </c>
      <c r="AC765" s="2"/>
      <c r="AD765" s="1"/>
    </row>
    <row r="766" spans="1:30">
      <c r="A766" s="5" t="s">
        <v>83578</v>
      </c>
      <c r="B766" s="2" t="s">
        <v>85871</v>
      </c>
      <c r="C766" s="14" t="s">
        <v>85872</v>
      </c>
      <c r="D766" s="2" t="s">
        <v>85873</v>
      </c>
      <c r="E766" s="2" t="s">
        <v>7555</v>
      </c>
      <c r="F766" s="8">
        <v>300</v>
      </c>
      <c r="G766" s="5">
        <v>6</v>
      </c>
      <c r="H766" s="5" t="s">
        <v>1518</v>
      </c>
      <c r="I766" s="5" t="s">
        <v>1519</v>
      </c>
      <c r="J766" s="2" t="s">
        <v>1520</v>
      </c>
      <c r="K766" s="5" t="s">
        <v>1519</v>
      </c>
      <c r="L766" s="2" t="s">
        <v>1520</v>
      </c>
      <c r="M766" s="5" t="s">
        <v>1521</v>
      </c>
      <c r="N766" s="5" t="s">
        <v>38</v>
      </c>
      <c r="O766" s="5" t="s">
        <v>39</v>
      </c>
      <c r="P766" s="5" t="s">
        <v>40</v>
      </c>
      <c r="Q766" s="5" t="s">
        <v>1522</v>
      </c>
      <c r="R766" s="5" t="s">
        <v>1523</v>
      </c>
      <c r="S766" s="5" t="s">
        <v>42</v>
      </c>
      <c r="T766" s="2">
        <v>3.4929999999999999</v>
      </c>
      <c r="U766" s="2">
        <v>2.8290000000000002</v>
      </c>
      <c r="V766" s="2">
        <v>0.02</v>
      </c>
      <c r="W766" s="2">
        <v>159.1</v>
      </c>
      <c r="X766" s="2">
        <v>7.6</v>
      </c>
      <c r="Y766" s="2">
        <v>16.7</v>
      </c>
      <c r="Z766" s="5"/>
      <c r="AA766" s="5" t="s">
        <v>43</v>
      </c>
      <c r="AB766" s="5" t="s">
        <v>44</v>
      </c>
      <c r="AC766" s="2"/>
      <c r="AD766" s="1"/>
    </row>
    <row r="767" spans="1:30">
      <c r="A767" s="5" t="s">
        <v>83578</v>
      </c>
      <c r="B767" s="2" t="s">
        <v>85874</v>
      </c>
      <c r="C767" s="14" t="s">
        <v>85875</v>
      </c>
      <c r="D767" s="2" t="s">
        <v>85876</v>
      </c>
      <c r="E767" s="2" t="s">
        <v>7593</v>
      </c>
      <c r="F767" s="8">
        <v>300</v>
      </c>
      <c r="G767" s="5">
        <v>6</v>
      </c>
      <c r="H767" s="5" t="s">
        <v>1518</v>
      </c>
      <c r="I767" s="5" t="s">
        <v>1519</v>
      </c>
      <c r="J767" s="2" t="s">
        <v>1520</v>
      </c>
      <c r="K767" s="5" t="s">
        <v>1519</v>
      </c>
      <c r="L767" s="2" t="s">
        <v>1520</v>
      </c>
      <c r="M767" s="5" t="s">
        <v>1521</v>
      </c>
      <c r="N767" s="5" t="s">
        <v>38</v>
      </c>
      <c r="O767" s="5" t="s">
        <v>39</v>
      </c>
      <c r="P767" s="5" t="s">
        <v>40</v>
      </c>
      <c r="Q767" s="5" t="s">
        <v>1522</v>
      </c>
      <c r="R767" s="5" t="s">
        <v>1523</v>
      </c>
      <c r="S767" s="5" t="s">
        <v>42</v>
      </c>
      <c r="T767" s="2">
        <v>3.5219999999999998</v>
      </c>
      <c r="U767" s="2">
        <v>2.8580000000000001</v>
      </c>
      <c r="V767" s="2">
        <v>0.02</v>
      </c>
      <c r="W767" s="2">
        <v>159.1</v>
      </c>
      <c r="X767" s="2">
        <v>7.6</v>
      </c>
      <c r="Y767" s="2">
        <v>16.7</v>
      </c>
      <c r="Z767" s="5"/>
      <c r="AA767" s="5" t="s">
        <v>43</v>
      </c>
      <c r="AB767" s="5" t="s">
        <v>44</v>
      </c>
      <c r="AC767" s="2"/>
      <c r="AD767" s="1"/>
    </row>
    <row r="768" spans="1:30">
      <c r="A768" s="5" t="s">
        <v>83578</v>
      </c>
      <c r="B768" s="2" t="s">
        <v>85877</v>
      </c>
      <c r="C768" s="14" t="s">
        <v>85878</v>
      </c>
      <c r="D768" s="2" t="s">
        <v>85879</v>
      </c>
      <c r="E768" s="2" t="s">
        <v>7551</v>
      </c>
      <c r="F768" s="8">
        <v>314</v>
      </c>
      <c r="G768" s="5">
        <v>6</v>
      </c>
      <c r="H768" s="5" t="s">
        <v>1518</v>
      </c>
      <c r="I768" s="5" t="s">
        <v>1519</v>
      </c>
      <c r="J768" s="2" t="s">
        <v>1520</v>
      </c>
      <c r="K768" s="5" t="s">
        <v>1519</v>
      </c>
      <c r="L768" s="2" t="s">
        <v>1520</v>
      </c>
      <c r="M768" s="5" t="s">
        <v>1521</v>
      </c>
      <c r="N768" s="5" t="s">
        <v>38</v>
      </c>
      <c r="O768" s="5" t="s">
        <v>39</v>
      </c>
      <c r="P768" s="5" t="s">
        <v>40</v>
      </c>
      <c r="Q768" s="5" t="s">
        <v>1522</v>
      </c>
      <c r="R768" s="5" t="s">
        <v>1523</v>
      </c>
      <c r="S768" s="5" t="s">
        <v>42</v>
      </c>
      <c r="T768" s="2">
        <v>3.9940000000000002</v>
      </c>
      <c r="U768" s="2">
        <v>3.3490000000000002</v>
      </c>
      <c r="V768" s="2">
        <v>0.02</v>
      </c>
      <c r="W768" s="2">
        <v>159.1</v>
      </c>
      <c r="X768" s="2">
        <v>7.6</v>
      </c>
      <c r="Y768" s="2">
        <v>16.7</v>
      </c>
      <c r="Z768" s="5"/>
      <c r="AA768" s="5" t="s">
        <v>43</v>
      </c>
      <c r="AB768" s="5" t="s">
        <v>44</v>
      </c>
      <c r="AC768" s="2"/>
      <c r="AD768" s="1"/>
    </row>
    <row r="769" spans="1:30">
      <c r="A769" s="5" t="s">
        <v>83578</v>
      </c>
      <c r="B769" s="2" t="s">
        <v>85880</v>
      </c>
      <c r="C769" s="14" t="s">
        <v>85881</v>
      </c>
      <c r="D769" s="2" t="s">
        <v>85882</v>
      </c>
      <c r="E769" s="2" t="s">
        <v>7593</v>
      </c>
      <c r="F769" s="8">
        <v>314</v>
      </c>
      <c r="G769" s="5">
        <v>6</v>
      </c>
      <c r="H769" s="5" t="s">
        <v>1518</v>
      </c>
      <c r="I769" s="5" t="s">
        <v>1519</v>
      </c>
      <c r="J769" s="2" t="s">
        <v>1520</v>
      </c>
      <c r="K769" s="5" t="s">
        <v>1519</v>
      </c>
      <c r="L769" s="2" t="s">
        <v>1520</v>
      </c>
      <c r="M769" s="5" t="s">
        <v>1521</v>
      </c>
      <c r="N769" s="5" t="s">
        <v>38</v>
      </c>
      <c r="O769" s="5" t="s">
        <v>39</v>
      </c>
      <c r="P769" s="5" t="s">
        <v>40</v>
      </c>
      <c r="Q769" s="5" t="s">
        <v>1522</v>
      </c>
      <c r="R769" s="5" t="s">
        <v>1523</v>
      </c>
      <c r="S769" s="5" t="s">
        <v>42</v>
      </c>
      <c r="T769" s="2">
        <v>3.915</v>
      </c>
      <c r="U769" s="2">
        <v>3.27</v>
      </c>
      <c r="V769" s="2">
        <v>0.02</v>
      </c>
      <c r="W769" s="2">
        <v>159.1</v>
      </c>
      <c r="X769" s="2">
        <v>7.6</v>
      </c>
      <c r="Y769" s="2">
        <v>16.7</v>
      </c>
      <c r="Z769" s="5"/>
      <c r="AA769" s="5" t="s">
        <v>43</v>
      </c>
      <c r="AB769" s="5" t="s">
        <v>44</v>
      </c>
      <c r="AC769" s="2"/>
      <c r="AD769" s="1"/>
    </row>
    <row r="770" spans="1:30">
      <c r="A770" s="5" t="s">
        <v>83578</v>
      </c>
      <c r="B770" s="2" t="s">
        <v>85883</v>
      </c>
      <c r="C770" s="14" t="s">
        <v>85884</v>
      </c>
      <c r="D770" s="2" t="s">
        <v>85885</v>
      </c>
      <c r="E770" s="2" t="s">
        <v>7551</v>
      </c>
      <c r="F770" s="8">
        <v>334</v>
      </c>
      <c r="G770" s="5">
        <v>6</v>
      </c>
      <c r="H770" s="5" t="s">
        <v>1518</v>
      </c>
      <c r="I770" s="5" t="s">
        <v>1519</v>
      </c>
      <c r="J770" s="2" t="s">
        <v>1520</v>
      </c>
      <c r="K770" s="5" t="s">
        <v>1519</v>
      </c>
      <c r="L770" s="2" t="s">
        <v>1520</v>
      </c>
      <c r="M770" s="5" t="s">
        <v>1521</v>
      </c>
      <c r="N770" s="5" t="s">
        <v>38</v>
      </c>
      <c r="O770" s="5" t="s">
        <v>39</v>
      </c>
      <c r="P770" s="5" t="s">
        <v>40</v>
      </c>
      <c r="Q770" s="5" t="s">
        <v>1522</v>
      </c>
      <c r="R770" s="5" t="s">
        <v>1523</v>
      </c>
      <c r="S770" s="5" t="s">
        <v>42</v>
      </c>
      <c r="T770" s="2">
        <v>4.1890000000000001</v>
      </c>
      <c r="U770" s="2">
        <v>3.5529999999999999</v>
      </c>
      <c r="V770" s="2">
        <v>0.02</v>
      </c>
      <c r="W770" s="2">
        <v>159.1</v>
      </c>
      <c r="X770" s="2">
        <v>7.6</v>
      </c>
      <c r="Y770" s="2">
        <v>16.7</v>
      </c>
      <c r="Z770" s="5"/>
      <c r="AA770" s="5" t="s">
        <v>43</v>
      </c>
      <c r="AB770" s="5" t="s">
        <v>44</v>
      </c>
      <c r="AC770" s="2"/>
      <c r="AD770" s="1"/>
    </row>
    <row r="771" spans="1:30">
      <c r="A771" s="5" t="s">
        <v>83578</v>
      </c>
      <c r="B771" s="2" t="s">
        <v>85886</v>
      </c>
      <c r="C771" s="14" t="s">
        <v>85887</v>
      </c>
      <c r="D771" s="2" t="s">
        <v>85888</v>
      </c>
      <c r="E771" s="2" t="s">
        <v>7559</v>
      </c>
      <c r="F771" s="8">
        <v>334</v>
      </c>
      <c r="G771" s="5">
        <v>6</v>
      </c>
      <c r="H771" s="5" t="s">
        <v>1518</v>
      </c>
      <c r="I771" s="5" t="s">
        <v>1519</v>
      </c>
      <c r="J771" s="2" t="s">
        <v>1520</v>
      </c>
      <c r="K771" s="5" t="s">
        <v>1519</v>
      </c>
      <c r="L771" s="2" t="s">
        <v>1520</v>
      </c>
      <c r="M771" s="5" t="s">
        <v>1521</v>
      </c>
      <c r="N771" s="5" t="s">
        <v>38</v>
      </c>
      <c r="O771" s="5" t="s">
        <v>39</v>
      </c>
      <c r="P771" s="5" t="s">
        <v>40</v>
      </c>
      <c r="Q771" s="5" t="s">
        <v>1522</v>
      </c>
      <c r="R771" s="5" t="s">
        <v>1523</v>
      </c>
      <c r="S771" s="5" t="s">
        <v>42</v>
      </c>
      <c r="T771" s="2">
        <v>4.1890000000000001</v>
      </c>
      <c r="U771" s="2">
        <v>3.5529999999999999</v>
      </c>
      <c r="V771" s="2">
        <v>0.02</v>
      </c>
      <c r="W771" s="2">
        <v>159.1</v>
      </c>
      <c r="X771" s="2">
        <v>7.6</v>
      </c>
      <c r="Y771" s="2">
        <v>16.7</v>
      </c>
      <c r="Z771" s="5"/>
      <c r="AA771" s="5" t="s">
        <v>43</v>
      </c>
      <c r="AB771" s="5" t="s">
        <v>44</v>
      </c>
      <c r="AC771" s="2"/>
      <c r="AD771" s="1"/>
    </row>
    <row r="772" spans="1:30">
      <c r="A772" s="5" t="s">
        <v>83578</v>
      </c>
      <c r="B772" s="2" t="s">
        <v>85889</v>
      </c>
      <c r="C772" s="14" t="s">
        <v>85890</v>
      </c>
      <c r="D772" s="2" t="s">
        <v>85891</v>
      </c>
      <c r="E772" s="2" t="s">
        <v>16194</v>
      </c>
      <c r="F772" s="8">
        <v>334</v>
      </c>
      <c r="G772" s="5">
        <v>6</v>
      </c>
      <c r="H772" s="5" t="s">
        <v>1518</v>
      </c>
      <c r="I772" s="5" t="s">
        <v>1519</v>
      </c>
      <c r="J772" s="2" t="s">
        <v>1520</v>
      </c>
      <c r="K772" s="5" t="s">
        <v>1519</v>
      </c>
      <c r="L772" s="2" t="s">
        <v>1520</v>
      </c>
      <c r="M772" s="5" t="s">
        <v>1521</v>
      </c>
      <c r="N772" s="5" t="s">
        <v>38</v>
      </c>
      <c r="O772" s="5" t="s">
        <v>39</v>
      </c>
      <c r="P772" s="5" t="s">
        <v>40</v>
      </c>
      <c r="Q772" s="5" t="s">
        <v>1522</v>
      </c>
      <c r="R772" s="5" t="s">
        <v>1523</v>
      </c>
      <c r="S772" s="5" t="s">
        <v>42</v>
      </c>
      <c r="T772" s="2">
        <v>4.2389999999999999</v>
      </c>
      <c r="U772" s="2">
        <v>3.6030000000000002</v>
      </c>
      <c r="V772" s="2">
        <v>0.02</v>
      </c>
      <c r="W772" s="2">
        <v>159.1</v>
      </c>
      <c r="X772" s="2">
        <v>7.6</v>
      </c>
      <c r="Y772" s="2">
        <v>16.7</v>
      </c>
      <c r="Z772" s="5"/>
      <c r="AA772" s="5" t="s">
        <v>43</v>
      </c>
      <c r="AB772" s="5" t="s">
        <v>44</v>
      </c>
      <c r="AC772" s="2"/>
      <c r="AD772" s="1"/>
    </row>
    <row r="773" spans="1:30">
      <c r="A773" s="5" t="s">
        <v>83578</v>
      </c>
      <c r="B773" s="2" t="s">
        <v>85892</v>
      </c>
      <c r="C773" s="14" t="s">
        <v>85893</v>
      </c>
      <c r="D773" s="2" t="s">
        <v>85894</v>
      </c>
      <c r="E773" s="2" t="s">
        <v>7585</v>
      </c>
      <c r="F773" s="8">
        <v>334</v>
      </c>
      <c r="G773" s="5">
        <v>6</v>
      </c>
      <c r="H773" s="5" t="s">
        <v>1518</v>
      </c>
      <c r="I773" s="5" t="s">
        <v>1519</v>
      </c>
      <c r="J773" s="2" t="s">
        <v>1520</v>
      </c>
      <c r="K773" s="5" t="s">
        <v>1519</v>
      </c>
      <c r="L773" s="2" t="s">
        <v>1520</v>
      </c>
      <c r="M773" s="5" t="s">
        <v>1521</v>
      </c>
      <c r="N773" s="5" t="s">
        <v>38</v>
      </c>
      <c r="O773" s="5" t="s">
        <v>39</v>
      </c>
      <c r="P773" s="5" t="s">
        <v>40</v>
      </c>
      <c r="Q773" s="5" t="s">
        <v>1522</v>
      </c>
      <c r="R773" s="5" t="s">
        <v>1523</v>
      </c>
      <c r="S773" s="5" t="s">
        <v>42</v>
      </c>
      <c r="T773" s="2">
        <v>4.0549999999999997</v>
      </c>
      <c r="U773" s="2">
        <v>3.419</v>
      </c>
      <c r="V773" s="2">
        <v>0.02</v>
      </c>
      <c r="W773" s="2">
        <v>159.1</v>
      </c>
      <c r="X773" s="2">
        <v>7.6</v>
      </c>
      <c r="Y773" s="2">
        <v>16.7</v>
      </c>
      <c r="Z773" s="5"/>
      <c r="AA773" s="5" t="s">
        <v>43</v>
      </c>
      <c r="AB773" s="5" t="s">
        <v>44</v>
      </c>
      <c r="AC773" s="2"/>
      <c r="AD773" s="1"/>
    </row>
    <row r="774" spans="1:30">
      <c r="A774" s="5" t="s">
        <v>83578</v>
      </c>
      <c r="B774" s="2" t="s">
        <v>85895</v>
      </c>
      <c r="C774" s="14" t="s">
        <v>85896</v>
      </c>
      <c r="D774" s="2" t="s">
        <v>85897</v>
      </c>
      <c r="E774" s="2" t="s">
        <v>7593</v>
      </c>
      <c r="F774" s="8">
        <v>334</v>
      </c>
      <c r="G774" s="5">
        <v>6</v>
      </c>
      <c r="H774" s="5" t="s">
        <v>1518</v>
      </c>
      <c r="I774" s="5" t="s">
        <v>1519</v>
      </c>
      <c r="J774" s="2" t="s">
        <v>1520</v>
      </c>
      <c r="K774" s="5" t="s">
        <v>1519</v>
      </c>
      <c r="L774" s="2" t="s">
        <v>1520</v>
      </c>
      <c r="M774" s="5" t="s">
        <v>1521</v>
      </c>
      <c r="N774" s="5" t="s">
        <v>38</v>
      </c>
      <c r="O774" s="5" t="s">
        <v>39</v>
      </c>
      <c r="P774" s="5" t="s">
        <v>40</v>
      </c>
      <c r="Q774" s="5" t="s">
        <v>1522</v>
      </c>
      <c r="R774" s="5" t="s">
        <v>1523</v>
      </c>
      <c r="S774" s="5" t="s">
        <v>42</v>
      </c>
      <c r="T774" s="2">
        <v>4.1050000000000004</v>
      </c>
      <c r="U774" s="2">
        <v>3.4689999999999999</v>
      </c>
      <c r="V774" s="2">
        <v>0.02</v>
      </c>
      <c r="W774" s="2">
        <v>159.1</v>
      </c>
      <c r="X774" s="2">
        <v>7.6</v>
      </c>
      <c r="Y774" s="2">
        <v>16.7</v>
      </c>
      <c r="Z774" s="5"/>
      <c r="AA774" s="5" t="s">
        <v>43</v>
      </c>
      <c r="AB774" s="5" t="s">
        <v>44</v>
      </c>
      <c r="AC774" s="2"/>
      <c r="AD774" s="1"/>
    </row>
    <row r="775" spans="1:30">
      <c r="A775" s="5" t="s">
        <v>83578</v>
      </c>
      <c r="B775" s="2" t="s">
        <v>85898</v>
      </c>
      <c r="C775" s="14" t="s">
        <v>85899</v>
      </c>
      <c r="D775" s="2" t="s">
        <v>85900</v>
      </c>
      <c r="E775" s="2" t="s">
        <v>7597</v>
      </c>
      <c r="F775" s="8">
        <v>334</v>
      </c>
      <c r="G775" s="5">
        <v>6</v>
      </c>
      <c r="H775" s="5" t="s">
        <v>1518</v>
      </c>
      <c r="I775" s="5" t="s">
        <v>1519</v>
      </c>
      <c r="J775" s="2" t="s">
        <v>1520</v>
      </c>
      <c r="K775" s="5" t="s">
        <v>1519</v>
      </c>
      <c r="L775" s="2" t="s">
        <v>1520</v>
      </c>
      <c r="M775" s="5" t="s">
        <v>1521</v>
      </c>
      <c r="N775" s="5" t="s">
        <v>38</v>
      </c>
      <c r="O775" s="5" t="s">
        <v>39</v>
      </c>
      <c r="P775" s="5" t="s">
        <v>40</v>
      </c>
      <c r="Q775" s="5" t="s">
        <v>1522</v>
      </c>
      <c r="R775" s="5" t="s">
        <v>1523</v>
      </c>
      <c r="S775" s="5" t="s">
        <v>42</v>
      </c>
      <c r="T775" s="2">
        <v>4.2389999999999999</v>
      </c>
      <c r="U775" s="2">
        <v>3.6030000000000002</v>
      </c>
      <c r="V775" s="2">
        <v>0.02</v>
      </c>
      <c r="W775" s="2">
        <v>159.1</v>
      </c>
      <c r="X775" s="2">
        <v>7.6</v>
      </c>
      <c r="Y775" s="2">
        <v>16.7</v>
      </c>
      <c r="Z775" s="5"/>
      <c r="AA775" s="5" t="s">
        <v>43</v>
      </c>
      <c r="AB775" s="5" t="s">
        <v>44</v>
      </c>
      <c r="AC775" s="2"/>
      <c r="AD775" s="1"/>
    </row>
    <row r="776" spans="1:30">
      <c r="A776" s="5" t="s">
        <v>83578</v>
      </c>
      <c r="B776" s="2" t="s">
        <v>85901</v>
      </c>
      <c r="C776" s="14" t="s">
        <v>85902</v>
      </c>
      <c r="D776" s="2" t="s">
        <v>85903</v>
      </c>
      <c r="E776" s="2" t="s">
        <v>16014</v>
      </c>
      <c r="F776" s="8">
        <v>334</v>
      </c>
      <c r="G776" s="5">
        <v>6</v>
      </c>
      <c r="H776" s="5" t="s">
        <v>1518</v>
      </c>
      <c r="I776" s="5" t="s">
        <v>1519</v>
      </c>
      <c r="J776" s="2" t="s">
        <v>1520</v>
      </c>
      <c r="K776" s="5" t="s">
        <v>1519</v>
      </c>
      <c r="L776" s="2" t="s">
        <v>1520</v>
      </c>
      <c r="M776" s="5" t="s">
        <v>1521</v>
      </c>
      <c r="N776" s="5" t="s">
        <v>38</v>
      </c>
      <c r="O776" s="5" t="s">
        <v>39</v>
      </c>
      <c r="P776" s="5" t="s">
        <v>40</v>
      </c>
      <c r="Q776" s="5" t="s">
        <v>1522</v>
      </c>
      <c r="R776" s="5" t="s">
        <v>1523</v>
      </c>
      <c r="S776" s="5" t="s">
        <v>42</v>
      </c>
      <c r="T776" s="2">
        <v>4.1050000000000004</v>
      </c>
      <c r="U776" s="2">
        <v>3.4689999999999999</v>
      </c>
      <c r="V776" s="2">
        <v>0.02</v>
      </c>
      <c r="W776" s="2">
        <v>159.1</v>
      </c>
      <c r="X776" s="2">
        <v>7.6</v>
      </c>
      <c r="Y776" s="2">
        <v>16.7</v>
      </c>
      <c r="Z776" s="5"/>
      <c r="AA776" s="5" t="s">
        <v>43</v>
      </c>
      <c r="AB776" s="5" t="s">
        <v>44</v>
      </c>
      <c r="AC776" s="2"/>
      <c r="AD776" s="1"/>
    </row>
    <row r="777" spans="1:30">
      <c r="A777" s="5" t="s">
        <v>83578</v>
      </c>
      <c r="B777" s="2" t="s">
        <v>85904</v>
      </c>
      <c r="C777" s="14" t="s">
        <v>85905</v>
      </c>
      <c r="D777" s="2" t="s">
        <v>85906</v>
      </c>
      <c r="E777" s="2" t="s">
        <v>16219</v>
      </c>
      <c r="F777" s="8">
        <v>334</v>
      </c>
      <c r="G777" s="5">
        <v>6</v>
      </c>
      <c r="H777" s="5" t="s">
        <v>1518</v>
      </c>
      <c r="I777" s="5" t="s">
        <v>1519</v>
      </c>
      <c r="J777" s="2" t="s">
        <v>1520</v>
      </c>
      <c r="K777" s="5" t="s">
        <v>1519</v>
      </c>
      <c r="L777" s="2" t="s">
        <v>1520</v>
      </c>
      <c r="M777" s="5" t="s">
        <v>1521</v>
      </c>
      <c r="N777" s="5" t="s">
        <v>38</v>
      </c>
      <c r="O777" s="5" t="s">
        <v>39</v>
      </c>
      <c r="P777" s="5" t="s">
        <v>40</v>
      </c>
      <c r="Q777" s="5" t="s">
        <v>1522</v>
      </c>
      <c r="R777" s="5" t="s">
        <v>1523</v>
      </c>
      <c r="S777" s="5" t="s">
        <v>42</v>
      </c>
      <c r="T777" s="2">
        <v>4.2389999999999999</v>
      </c>
      <c r="U777" s="2">
        <v>3.6030000000000002</v>
      </c>
      <c r="V777" s="2">
        <v>0.02</v>
      </c>
      <c r="W777" s="2">
        <v>159.1</v>
      </c>
      <c r="X777" s="2">
        <v>7.6</v>
      </c>
      <c r="Y777" s="2">
        <v>16.7</v>
      </c>
      <c r="Z777" s="5"/>
      <c r="AA777" s="5" t="s">
        <v>43</v>
      </c>
      <c r="AB777" s="5" t="s">
        <v>44</v>
      </c>
      <c r="AC777" s="2"/>
      <c r="AD777" s="1"/>
    </row>
    <row r="778" spans="1:30">
      <c r="A778" s="5" t="s">
        <v>83578</v>
      </c>
      <c r="B778" s="2" t="s">
        <v>85907</v>
      </c>
      <c r="C778" s="14" t="s">
        <v>85908</v>
      </c>
      <c r="D778" s="2" t="s">
        <v>85909</v>
      </c>
      <c r="E778" s="2" t="s">
        <v>7547</v>
      </c>
      <c r="F778" s="8">
        <v>249</v>
      </c>
      <c r="G778" s="5">
        <v>6</v>
      </c>
      <c r="H778" s="5" t="s">
        <v>1518</v>
      </c>
      <c r="I778" s="5" t="s">
        <v>1519</v>
      </c>
      <c r="J778" s="2" t="s">
        <v>1520</v>
      </c>
      <c r="K778" s="5" t="s">
        <v>1519</v>
      </c>
      <c r="L778" s="2" t="s">
        <v>1520</v>
      </c>
      <c r="M778" s="5" t="s">
        <v>1521</v>
      </c>
      <c r="N778" s="5" t="s">
        <v>38</v>
      </c>
      <c r="O778" s="5" t="s">
        <v>39</v>
      </c>
      <c r="P778" s="5" t="s">
        <v>40</v>
      </c>
      <c r="Q778" s="5" t="s">
        <v>1522</v>
      </c>
      <c r="R778" s="5" t="s">
        <v>1523</v>
      </c>
      <c r="S778" s="5" t="s">
        <v>42</v>
      </c>
      <c r="T778" s="2">
        <v>2.3839999999999999</v>
      </c>
      <c r="U778" s="2">
        <v>1.82</v>
      </c>
      <c r="V778" s="2">
        <v>1.2999999999999999E-2</v>
      </c>
      <c r="W778" s="2">
        <v>99.1</v>
      </c>
      <c r="X778" s="2">
        <v>7.6</v>
      </c>
      <c r="Y778" s="2">
        <v>16.7</v>
      </c>
      <c r="Z778" s="5"/>
      <c r="AA778" s="5" t="s">
        <v>43</v>
      </c>
      <c r="AB778" s="5" t="s">
        <v>44</v>
      </c>
      <c r="AC778" s="2"/>
      <c r="AD778" s="1"/>
    </row>
    <row r="779" spans="1:30">
      <c r="A779" s="5" t="s">
        <v>83578</v>
      </c>
      <c r="B779" s="2" t="s">
        <v>85910</v>
      </c>
      <c r="C779" s="14" t="s">
        <v>85911</v>
      </c>
      <c r="D779" s="2" t="s">
        <v>85912</v>
      </c>
      <c r="E779" s="2" t="s">
        <v>7551</v>
      </c>
      <c r="F779" s="8">
        <v>249</v>
      </c>
      <c r="G779" s="5">
        <v>6</v>
      </c>
      <c r="H779" s="5" t="s">
        <v>1518</v>
      </c>
      <c r="I779" s="5" t="s">
        <v>1519</v>
      </c>
      <c r="J779" s="2" t="s">
        <v>1520</v>
      </c>
      <c r="K779" s="5" t="s">
        <v>1519</v>
      </c>
      <c r="L779" s="2" t="s">
        <v>1520</v>
      </c>
      <c r="M779" s="5" t="s">
        <v>1521</v>
      </c>
      <c r="N779" s="5" t="s">
        <v>38</v>
      </c>
      <c r="O779" s="5" t="s">
        <v>39</v>
      </c>
      <c r="P779" s="5" t="s">
        <v>40</v>
      </c>
      <c r="Q779" s="5" t="s">
        <v>1522</v>
      </c>
      <c r="R779" s="5" t="s">
        <v>1523</v>
      </c>
      <c r="S779" s="5" t="s">
        <v>42</v>
      </c>
      <c r="T779" s="2">
        <v>2.4529999999999998</v>
      </c>
      <c r="U779" s="2">
        <v>1.889</v>
      </c>
      <c r="V779" s="2">
        <v>1.2999999999999999E-2</v>
      </c>
      <c r="W779" s="2">
        <v>99.1</v>
      </c>
      <c r="X779" s="2">
        <v>7.6</v>
      </c>
      <c r="Y779" s="2">
        <v>16.7</v>
      </c>
      <c r="Z779" s="5"/>
      <c r="AA779" s="5" t="s">
        <v>43</v>
      </c>
      <c r="AB779" s="5" t="s">
        <v>44</v>
      </c>
      <c r="AC779" s="2"/>
      <c r="AD779" s="1"/>
    </row>
    <row r="780" spans="1:30">
      <c r="A780" s="5" t="s">
        <v>83578</v>
      </c>
      <c r="B780" s="2" t="s">
        <v>85913</v>
      </c>
      <c r="C780" s="14" t="s">
        <v>85914</v>
      </c>
      <c r="D780" s="2" t="s">
        <v>85915</v>
      </c>
      <c r="E780" s="2" t="s">
        <v>7555</v>
      </c>
      <c r="F780" s="8">
        <v>249</v>
      </c>
      <c r="G780" s="5">
        <v>6</v>
      </c>
      <c r="H780" s="5" t="s">
        <v>1518</v>
      </c>
      <c r="I780" s="5" t="s">
        <v>1519</v>
      </c>
      <c r="J780" s="2" t="s">
        <v>1520</v>
      </c>
      <c r="K780" s="5" t="s">
        <v>1519</v>
      </c>
      <c r="L780" s="2" t="s">
        <v>1520</v>
      </c>
      <c r="M780" s="5" t="s">
        <v>1521</v>
      </c>
      <c r="N780" s="5" t="s">
        <v>38</v>
      </c>
      <c r="O780" s="5" t="s">
        <v>39</v>
      </c>
      <c r="P780" s="5" t="s">
        <v>40</v>
      </c>
      <c r="Q780" s="5" t="s">
        <v>1522</v>
      </c>
      <c r="R780" s="5" t="s">
        <v>1523</v>
      </c>
      <c r="S780" s="5" t="s">
        <v>42</v>
      </c>
      <c r="T780" s="2">
        <v>2.3839999999999999</v>
      </c>
      <c r="U780" s="2">
        <v>1.82</v>
      </c>
      <c r="V780" s="2">
        <v>1.2999999999999999E-2</v>
      </c>
      <c r="W780" s="2">
        <v>99.1</v>
      </c>
      <c r="X780" s="2">
        <v>7.6</v>
      </c>
      <c r="Y780" s="2">
        <v>16.7</v>
      </c>
      <c r="Z780" s="5"/>
      <c r="AA780" s="5" t="s">
        <v>43</v>
      </c>
      <c r="AB780" s="5" t="s">
        <v>44</v>
      </c>
      <c r="AC780" s="2"/>
      <c r="AD780" s="1"/>
    </row>
    <row r="781" spans="1:30">
      <c r="A781" s="5" t="s">
        <v>83578</v>
      </c>
      <c r="B781" s="2" t="s">
        <v>85916</v>
      </c>
      <c r="C781" s="14" t="s">
        <v>85917</v>
      </c>
      <c r="D781" s="2" t="s">
        <v>85918</v>
      </c>
      <c r="E781" s="2" t="s">
        <v>7559</v>
      </c>
      <c r="F781" s="8">
        <v>249</v>
      </c>
      <c r="G781" s="5">
        <v>6</v>
      </c>
      <c r="H781" s="5" t="s">
        <v>1518</v>
      </c>
      <c r="I781" s="5" t="s">
        <v>1519</v>
      </c>
      <c r="J781" s="2" t="s">
        <v>1520</v>
      </c>
      <c r="K781" s="5" t="s">
        <v>1519</v>
      </c>
      <c r="L781" s="2" t="s">
        <v>1520</v>
      </c>
      <c r="M781" s="5" t="s">
        <v>1521</v>
      </c>
      <c r="N781" s="5" t="s">
        <v>38</v>
      </c>
      <c r="O781" s="5" t="s">
        <v>39</v>
      </c>
      <c r="P781" s="5" t="s">
        <v>40</v>
      </c>
      <c r="Q781" s="5" t="s">
        <v>1522</v>
      </c>
      <c r="R781" s="5" t="s">
        <v>1523</v>
      </c>
      <c r="S781" s="5" t="s">
        <v>42</v>
      </c>
      <c r="T781" s="2">
        <v>2.4529999999999998</v>
      </c>
      <c r="U781" s="2">
        <v>1.889</v>
      </c>
      <c r="V781" s="2">
        <v>1.2999999999999999E-2</v>
      </c>
      <c r="W781" s="2">
        <v>99.1</v>
      </c>
      <c r="X781" s="2">
        <v>7.6</v>
      </c>
      <c r="Y781" s="2">
        <v>16.7</v>
      </c>
      <c r="Z781" s="5"/>
      <c r="AA781" s="5" t="s">
        <v>43</v>
      </c>
      <c r="AB781" s="5" t="s">
        <v>44</v>
      </c>
      <c r="AC781" s="2"/>
      <c r="AD781" s="1"/>
    </row>
    <row r="782" spans="1:30">
      <c r="A782" s="5" t="s">
        <v>83578</v>
      </c>
      <c r="B782" s="2" t="s">
        <v>85919</v>
      </c>
      <c r="C782" s="14" t="s">
        <v>85920</v>
      </c>
      <c r="D782" s="2" t="s">
        <v>85921</v>
      </c>
      <c r="E782" s="2" t="s">
        <v>16079</v>
      </c>
      <c r="F782" s="8">
        <v>249</v>
      </c>
      <c r="G782" s="5">
        <v>6</v>
      </c>
      <c r="H782" s="5" t="s">
        <v>1518</v>
      </c>
      <c r="I782" s="5" t="s">
        <v>1519</v>
      </c>
      <c r="J782" s="2" t="s">
        <v>1520</v>
      </c>
      <c r="K782" s="5" t="s">
        <v>1519</v>
      </c>
      <c r="L782" s="2" t="s">
        <v>1520</v>
      </c>
      <c r="M782" s="5" t="s">
        <v>1521</v>
      </c>
      <c r="N782" s="5" t="s">
        <v>38</v>
      </c>
      <c r="O782" s="5" t="s">
        <v>39</v>
      </c>
      <c r="P782" s="5" t="s">
        <v>40</v>
      </c>
      <c r="Q782" s="5" t="s">
        <v>1522</v>
      </c>
      <c r="R782" s="5" t="s">
        <v>1523</v>
      </c>
      <c r="S782" s="5" t="s">
        <v>42</v>
      </c>
      <c r="T782" s="2">
        <v>2.395</v>
      </c>
      <c r="U782" s="2">
        <v>1.831</v>
      </c>
      <c r="V782" s="2">
        <v>1.2999999999999999E-2</v>
      </c>
      <c r="W782" s="2">
        <v>99.1</v>
      </c>
      <c r="X782" s="2">
        <v>7.6</v>
      </c>
      <c r="Y782" s="2">
        <v>16.7</v>
      </c>
      <c r="Z782" s="5"/>
      <c r="AA782" s="5" t="s">
        <v>43</v>
      </c>
      <c r="AB782" s="5" t="s">
        <v>44</v>
      </c>
      <c r="AC782" s="2"/>
      <c r="AD782" s="1"/>
    </row>
    <row r="783" spans="1:30">
      <c r="A783" s="5" t="s">
        <v>83578</v>
      </c>
      <c r="B783" s="2" t="s">
        <v>85922</v>
      </c>
      <c r="C783" s="14" t="s">
        <v>85923</v>
      </c>
      <c r="D783" s="2" t="s">
        <v>85924</v>
      </c>
      <c r="E783" s="2" t="s">
        <v>16194</v>
      </c>
      <c r="F783" s="8">
        <v>249</v>
      </c>
      <c r="G783" s="5">
        <v>6</v>
      </c>
      <c r="H783" s="5" t="s">
        <v>1518</v>
      </c>
      <c r="I783" s="5" t="s">
        <v>1519</v>
      </c>
      <c r="J783" s="2" t="s">
        <v>1520</v>
      </c>
      <c r="K783" s="5" t="s">
        <v>1519</v>
      </c>
      <c r="L783" s="2" t="s">
        <v>1520</v>
      </c>
      <c r="M783" s="5" t="s">
        <v>1521</v>
      </c>
      <c r="N783" s="5" t="s">
        <v>38</v>
      </c>
      <c r="O783" s="5" t="s">
        <v>39</v>
      </c>
      <c r="P783" s="5" t="s">
        <v>40</v>
      </c>
      <c r="Q783" s="5" t="s">
        <v>1522</v>
      </c>
      <c r="R783" s="5" t="s">
        <v>1523</v>
      </c>
      <c r="S783" s="5" t="s">
        <v>42</v>
      </c>
      <c r="T783" s="2">
        <v>2.464</v>
      </c>
      <c r="U783" s="2">
        <v>1.9</v>
      </c>
      <c r="V783" s="2">
        <v>1.2999999999999999E-2</v>
      </c>
      <c r="W783" s="2">
        <v>99.1</v>
      </c>
      <c r="X783" s="2">
        <v>7.6</v>
      </c>
      <c r="Y783" s="2">
        <v>16.7</v>
      </c>
      <c r="Z783" s="5"/>
      <c r="AA783" s="5" t="s">
        <v>43</v>
      </c>
      <c r="AB783" s="5" t="s">
        <v>44</v>
      </c>
      <c r="AC783" s="2"/>
      <c r="AD783" s="1"/>
    </row>
    <row r="784" spans="1:30">
      <c r="A784" s="5" t="s">
        <v>83578</v>
      </c>
      <c r="B784" s="2" t="s">
        <v>85925</v>
      </c>
      <c r="C784" s="14" t="s">
        <v>85926</v>
      </c>
      <c r="D784" s="2" t="s">
        <v>85927</v>
      </c>
      <c r="E784" s="2" t="s">
        <v>7449</v>
      </c>
      <c r="F784" s="8">
        <v>249</v>
      </c>
      <c r="G784" s="5">
        <v>6</v>
      </c>
      <c r="H784" s="5" t="s">
        <v>1518</v>
      </c>
      <c r="I784" s="5" t="s">
        <v>1519</v>
      </c>
      <c r="J784" s="2" t="s">
        <v>1520</v>
      </c>
      <c r="K784" s="5" t="s">
        <v>1519</v>
      </c>
      <c r="L784" s="2" t="s">
        <v>1520</v>
      </c>
      <c r="M784" s="5" t="s">
        <v>1521</v>
      </c>
      <c r="N784" s="5" t="s">
        <v>38</v>
      </c>
      <c r="O784" s="5" t="s">
        <v>39</v>
      </c>
      <c r="P784" s="5" t="s">
        <v>40</v>
      </c>
      <c r="Q784" s="5" t="s">
        <v>1522</v>
      </c>
      <c r="R784" s="5" t="s">
        <v>1523</v>
      </c>
      <c r="S784" s="5" t="s">
        <v>42</v>
      </c>
      <c r="T784" s="2">
        <v>2.395</v>
      </c>
      <c r="U784" s="2">
        <v>1.831</v>
      </c>
      <c r="V784" s="2">
        <v>1.2999999999999999E-2</v>
      </c>
      <c r="W784" s="2">
        <v>99.1</v>
      </c>
      <c r="X784" s="2">
        <v>7.6</v>
      </c>
      <c r="Y784" s="2">
        <v>16.7</v>
      </c>
      <c r="Z784" s="5"/>
      <c r="AA784" s="5" t="s">
        <v>43</v>
      </c>
      <c r="AB784" s="5" t="s">
        <v>44</v>
      </c>
      <c r="AC784" s="2"/>
      <c r="AD784" s="1"/>
    </row>
    <row r="785" spans="1:30">
      <c r="A785" s="5" t="s">
        <v>83578</v>
      </c>
      <c r="B785" s="2" t="s">
        <v>85928</v>
      </c>
      <c r="C785" s="14" t="s">
        <v>85929</v>
      </c>
      <c r="D785" s="2" t="s">
        <v>85930</v>
      </c>
      <c r="E785" s="2" t="s">
        <v>7581</v>
      </c>
      <c r="F785" s="8">
        <v>249</v>
      </c>
      <c r="G785" s="5">
        <v>6</v>
      </c>
      <c r="H785" s="5" t="s">
        <v>1518</v>
      </c>
      <c r="I785" s="5" t="s">
        <v>1519</v>
      </c>
      <c r="J785" s="2" t="s">
        <v>1520</v>
      </c>
      <c r="K785" s="5" t="s">
        <v>1519</v>
      </c>
      <c r="L785" s="2" t="s">
        <v>1520</v>
      </c>
      <c r="M785" s="5" t="s">
        <v>1521</v>
      </c>
      <c r="N785" s="5" t="s">
        <v>38</v>
      </c>
      <c r="O785" s="5" t="s">
        <v>39</v>
      </c>
      <c r="P785" s="5" t="s">
        <v>40</v>
      </c>
      <c r="Q785" s="5" t="s">
        <v>1522</v>
      </c>
      <c r="R785" s="5" t="s">
        <v>1523</v>
      </c>
      <c r="S785" s="5" t="s">
        <v>42</v>
      </c>
      <c r="T785" s="2">
        <v>2.464</v>
      </c>
      <c r="U785" s="2">
        <v>1.9</v>
      </c>
      <c r="V785" s="2">
        <v>1.2999999999999999E-2</v>
      </c>
      <c r="W785" s="2">
        <v>99.1</v>
      </c>
      <c r="X785" s="2">
        <v>7.6</v>
      </c>
      <c r="Y785" s="2">
        <v>16.7</v>
      </c>
      <c r="Z785" s="5"/>
      <c r="AA785" s="5" t="s">
        <v>43</v>
      </c>
      <c r="AB785" s="5" t="s">
        <v>44</v>
      </c>
      <c r="AC785" s="2"/>
      <c r="AD785" s="1"/>
    </row>
    <row r="786" spans="1:30">
      <c r="A786" s="5" t="s">
        <v>83578</v>
      </c>
      <c r="B786" s="2" t="s">
        <v>85931</v>
      </c>
      <c r="C786" s="14" t="s">
        <v>85932</v>
      </c>
      <c r="D786" s="2" t="s">
        <v>85933</v>
      </c>
      <c r="E786" s="2" t="s">
        <v>7585</v>
      </c>
      <c r="F786" s="8">
        <v>249</v>
      </c>
      <c r="G786" s="5">
        <v>6</v>
      </c>
      <c r="H786" s="5" t="s">
        <v>1518</v>
      </c>
      <c r="I786" s="5" t="s">
        <v>1519</v>
      </c>
      <c r="J786" s="2" t="s">
        <v>1520</v>
      </c>
      <c r="K786" s="5" t="s">
        <v>1519</v>
      </c>
      <c r="L786" s="2" t="s">
        <v>1520</v>
      </c>
      <c r="M786" s="5" t="s">
        <v>1521</v>
      </c>
      <c r="N786" s="5" t="s">
        <v>38</v>
      </c>
      <c r="O786" s="5" t="s">
        <v>39</v>
      </c>
      <c r="P786" s="5" t="s">
        <v>40</v>
      </c>
      <c r="Q786" s="5" t="s">
        <v>1522</v>
      </c>
      <c r="R786" s="5" t="s">
        <v>1523</v>
      </c>
      <c r="S786" s="5" t="s">
        <v>42</v>
      </c>
      <c r="T786" s="2">
        <v>2.3839999999999999</v>
      </c>
      <c r="U786" s="2">
        <v>1.82</v>
      </c>
      <c r="V786" s="2">
        <v>1.2999999999999999E-2</v>
      </c>
      <c r="W786" s="2">
        <v>99.1</v>
      </c>
      <c r="X786" s="2">
        <v>7.6</v>
      </c>
      <c r="Y786" s="2">
        <v>16.7</v>
      </c>
      <c r="Z786" s="5"/>
      <c r="AA786" s="5" t="s">
        <v>43</v>
      </c>
      <c r="AB786" s="5" t="s">
        <v>44</v>
      </c>
      <c r="AC786" s="2"/>
      <c r="AD786" s="1"/>
    </row>
    <row r="787" spans="1:30">
      <c r="A787" s="5" t="s">
        <v>83578</v>
      </c>
      <c r="B787" s="2" t="s">
        <v>85934</v>
      </c>
      <c r="C787" s="14" t="s">
        <v>85935</v>
      </c>
      <c r="D787" s="2" t="s">
        <v>85936</v>
      </c>
      <c r="E787" s="2" t="s">
        <v>16014</v>
      </c>
      <c r="F787" s="8">
        <v>249</v>
      </c>
      <c r="G787" s="5">
        <v>6</v>
      </c>
      <c r="H787" s="5" t="s">
        <v>1518</v>
      </c>
      <c r="I787" s="5" t="s">
        <v>1519</v>
      </c>
      <c r="J787" s="2" t="s">
        <v>1520</v>
      </c>
      <c r="K787" s="5" t="s">
        <v>1519</v>
      </c>
      <c r="L787" s="2" t="s">
        <v>1520</v>
      </c>
      <c r="M787" s="5" t="s">
        <v>1521</v>
      </c>
      <c r="N787" s="5" t="s">
        <v>38</v>
      </c>
      <c r="O787" s="5" t="s">
        <v>39</v>
      </c>
      <c r="P787" s="5" t="s">
        <v>40</v>
      </c>
      <c r="Q787" s="5" t="s">
        <v>1522</v>
      </c>
      <c r="R787" s="5" t="s">
        <v>1523</v>
      </c>
      <c r="S787" s="5" t="s">
        <v>42</v>
      </c>
      <c r="T787" s="2">
        <v>2.395</v>
      </c>
      <c r="U787" s="2">
        <v>1.831</v>
      </c>
      <c r="V787" s="2">
        <v>1.2999999999999999E-2</v>
      </c>
      <c r="W787" s="2">
        <v>99.1</v>
      </c>
      <c r="X787" s="2">
        <v>7.6</v>
      </c>
      <c r="Y787" s="2">
        <v>16.7</v>
      </c>
      <c r="Z787" s="5"/>
      <c r="AA787" s="5" t="s">
        <v>43</v>
      </c>
      <c r="AB787" s="5" t="s">
        <v>44</v>
      </c>
      <c r="AC787" s="2"/>
      <c r="AD787" s="1"/>
    </row>
    <row r="788" spans="1:30">
      <c r="A788" s="5" t="s">
        <v>83578</v>
      </c>
      <c r="B788" s="2" t="s">
        <v>85937</v>
      </c>
      <c r="C788" s="14" t="s">
        <v>85938</v>
      </c>
      <c r="D788" s="2" t="s">
        <v>85939</v>
      </c>
      <c r="E788" s="2" t="s">
        <v>16219</v>
      </c>
      <c r="F788" s="8">
        <v>249</v>
      </c>
      <c r="G788" s="5">
        <v>6</v>
      </c>
      <c r="H788" s="5" t="s">
        <v>1518</v>
      </c>
      <c r="I788" s="5" t="s">
        <v>1519</v>
      </c>
      <c r="J788" s="2" t="s">
        <v>1520</v>
      </c>
      <c r="K788" s="5" t="s">
        <v>1519</v>
      </c>
      <c r="L788" s="2" t="s">
        <v>1520</v>
      </c>
      <c r="M788" s="5" t="s">
        <v>1521</v>
      </c>
      <c r="N788" s="5" t="s">
        <v>38</v>
      </c>
      <c r="O788" s="5" t="s">
        <v>39</v>
      </c>
      <c r="P788" s="5" t="s">
        <v>40</v>
      </c>
      <c r="Q788" s="5" t="s">
        <v>1522</v>
      </c>
      <c r="R788" s="5" t="s">
        <v>1523</v>
      </c>
      <c r="S788" s="5" t="s">
        <v>42</v>
      </c>
      <c r="T788" s="2">
        <v>2.464</v>
      </c>
      <c r="U788" s="2">
        <v>1.9</v>
      </c>
      <c r="V788" s="2">
        <v>1.2999999999999999E-2</v>
      </c>
      <c r="W788" s="2">
        <v>99.1</v>
      </c>
      <c r="X788" s="2">
        <v>7.6</v>
      </c>
      <c r="Y788" s="2">
        <v>16.7</v>
      </c>
      <c r="Z788" s="5"/>
      <c r="AA788" s="5" t="s">
        <v>43</v>
      </c>
      <c r="AB788" s="5" t="s">
        <v>44</v>
      </c>
      <c r="AC788" s="2"/>
      <c r="AD788" s="1"/>
    </row>
    <row r="789" spans="1:30">
      <c r="A789" s="5" t="s">
        <v>83578</v>
      </c>
      <c r="B789" s="2" t="s">
        <v>85940</v>
      </c>
      <c r="C789" s="14" t="s">
        <v>85941</v>
      </c>
      <c r="D789" s="2" t="s">
        <v>85942</v>
      </c>
      <c r="E789" s="2" t="s">
        <v>7547</v>
      </c>
      <c r="F789" s="8">
        <v>247</v>
      </c>
      <c r="G789" s="5">
        <v>6</v>
      </c>
      <c r="H789" s="5" t="s">
        <v>1518</v>
      </c>
      <c r="I789" s="5" t="s">
        <v>1519</v>
      </c>
      <c r="J789" s="2" t="s">
        <v>1520</v>
      </c>
      <c r="K789" s="5" t="s">
        <v>1519</v>
      </c>
      <c r="L789" s="2" t="s">
        <v>1520</v>
      </c>
      <c r="M789" s="5" t="s">
        <v>1521</v>
      </c>
      <c r="N789" s="5" t="s">
        <v>38</v>
      </c>
      <c r="O789" s="5" t="s">
        <v>39</v>
      </c>
      <c r="P789" s="5" t="s">
        <v>40</v>
      </c>
      <c r="Q789" s="5" t="s">
        <v>1522</v>
      </c>
      <c r="R789" s="5" t="s">
        <v>1523</v>
      </c>
      <c r="S789" s="5" t="s">
        <v>42</v>
      </c>
      <c r="T789" s="2">
        <v>2.3260000000000001</v>
      </c>
      <c r="U789" s="2">
        <v>1.8540000000000001</v>
      </c>
      <c r="V789" s="2">
        <v>1.0999999999999999E-2</v>
      </c>
      <c r="W789" s="2">
        <v>82.9</v>
      </c>
      <c r="X789" s="2">
        <v>7.6</v>
      </c>
      <c r="Y789" s="2">
        <v>16.7</v>
      </c>
      <c r="Z789" s="5"/>
      <c r="AA789" s="5" t="s">
        <v>43</v>
      </c>
      <c r="AB789" s="5" t="s">
        <v>44</v>
      </c>
      <c r="AC789" s="2"/>
      <c r="AD789" s="1"/>
    </row>
    <row r="790" spans="1:30">
      <c r="A790" s="5" t="s">
        <v>83578</v>
      </c>
      <c r="B790" s="2" t="s">
        <v>85943</v>
      </c>
      <c r="C790" s="14" t="s">
        <v>85944</v>
      </c>
      <c r="D790" s="2" t="s">
        <v>85945</v>
      </c>
      <c r="E790" s="2" t="s">
        <v>7555</v>
      </c>
      <c r="F790" s="8">
        <v>247</v>
      </c>
      <c r="G790" s="5">
        <v>6</v>
      </c>
      <c r="H790" s="5" t="s">
        <v>1518</v>
      </c>
      <c r="I790" s="5" t="s">
        <v>1519</v>
      </c>
      <c r="J790" s="2" t="s">
        <v>1520</v>
      </c>
      <c r="K790" s="5" t="s">
        <v>1519</v>
      </c>
      <c r="L790" s="2" t="s">
        <v>1520</v>
      </c>
      <c r="M790" s="5" t="s">
        <v>1521</v>
      </c>
      <c r="N790" s="5" t="s">
        <v>38</v>
      </c>
      <c r="O790" s="5" t="s">
        <v>39</v>
      </c>
      <c r="P790" s="5" t="s">
        <v>40</v>
      </c>
      <c r="Q790" s="5" t="s">
        <v>1522</v>
      </c>
      <c r="R790" s="5" t="s">
        <v>1523</v>
      </c>
      <c r="S790" s="5" t="s">
        <v>42</v>
      </c>
      <c r="T790" s="2">
        <v>2.3260000000000001</v>
      </c>
      <c r="U790" s="2">
        <v>1.8540000000000001</v>
      </c>
      <c r="V790" s="2">
        <v>1.0999999999999999E-2</v>
      </c>
      <c r="W790" s="2">
        <v>82.9</v>
      </c>
      <c r="X790" s="2">
        <v>7.6</v>
      </c>
      <c r="Y790" s="2">
        <v>16.7</v>
      </c>
      <c r="Z790" s="5"/>
      <c r="AA790" s="5" t="s">
        <v>43</v>
      </c>
      <c r="AB790" s="5" t="s">
        <v>44</v>
      </c>
      <c r="AC790" s="2"/>
      <c r="AD790" s="1"/>
    </row>
    <row r="791" spans="1:30">
      <c r="A791" s="5" t="s">
        <v>83578</v>
      </c>
      <c r="B791" s="2" t="s">
        <v>85946</v>
      </c>
      <c r="C791" s="14" t="s">
        <v>85947</v>
      </c>
      <c r="D791" s="2" t="s">
        <v>85948</v>
      </c>
      <c r="E791" s="2" t="s">
        <v>7559</v>
      </c>
      <c r="F791" s="8">
        <v>247</v>
      </c>
      <c r="G791" s="5">
        <v>6</v>
      </c>
      <c r="H791" s="5" t="s">
        <v>1518</v>
      </c>
      <c r="I791" s="5" t="s">
        <v>1519</v>
      </c>
      <c r="J791" s="2" t="s">
        <v>1520</v>
      </c>
      <c r="K791" s="5" t="s">
        <v>1519</v>
      </c>
      <c r="L791" s="2" t="s">
        <v>1520</v>
      </c>
      <c r="M791" s="5" t="s">
        <v>1521</v>
      </c>
      <c r="N791" s="5" t="s">
        <v>38</v>
      </c>
      <c r="O791" s="5" t="s">
        <v>39</v>
      </c>
      <c r="P791" s="5" t="s">
        <v>40</v>
      </c>
      <c r="Q791" s="5" t="s">
        <v>1522</v>
      </c>
      <c r="R791" s="5" t="s">
        <v>1523</v>
      </c>
      <c r="S791" s="5" t="s">
        <v>42</v>
      </c>
      <c r="T791" s="2">
        <v>2.3879999999999999</v>
      </c>
      <c r="U791" s="2">
        <v>1.9159999999999999</v>
      </c>
      <c r="V791" s="2">
        <v>1.0999999999999999E-2</v>
      </c>
      <c r="W791" s="2">
        <v>82.9</v>
      </c>
      <c r="X791" s="2">
        <v>7.6</v>
      </c>
      <c r="Y791" s="2">
        <v>16.7</v>
      </c>
      <c r="Z791" s="5"/>
      <c r="AA791" s="5" t="s">
        <v>43</v>
      </c>
      <c r="AB791" s="5" t="s">
        <v>44</v>
      </c>
      <c r="AC791" s="2"/>
      <c r="AD791" s="1"/>
    </row>
    <row r="792" spans="1:30">
      <c r="A792" s="5" t="s">
        <v>83578</v>
      </c>
      <c r="B792" s="2" t="s">
        <v>85949</v>
      </c>
      <c r="C792" s="14" t="s">
        <v>85950</v>
      </c>
      <c r="D792" s="2" t="s">
        <v>85951</v>
      </c>
      <c r="E792" s="2" t="s">
        <v>7563</v>
      </c>
      <c r="F792" s="8">
        <v>247</v>
      </c>
      <c r="G792" s="5">
        <v>6</v>
      </c>
      <c r="H792" s="5" t="s">
        <v>1518</v>
      </c>
      <c r="I792" s="5" t="s">
        <v>1519</v>
      </c>
      <c r="J792" s="2" t="s">
        <v>1520</v>
      </c>
      <c r="K792" s="5" t="s">
        <v>1519</v>
      </c>
      <c r="L792" s="2" t="s">
        <v>1520</v>
      </c>
      <c r="M792" s="5" t="s">
        <v>1521</v>
      </c>
      <c r="N792" s="5" t="s">
        <v>38</v>
      </c>
      <c r="O792" s="5" t="s">
        <v>39</v>
      </c>
      <c r="P792" s="5" t="s">
        <v>40</v>
      </c>
      <c r="Q792" s="5" t="s">
        <v>1522</v>
      </c>
      <c r="R792" s="5" t="s">
        <v>1523</v>
      </c>
      <c r="S792" s="5" t="s">
        <v>42</v>
      </c>
      <c r="T792" s="2">
        <v>2.3380000000000001</v>
      </c>
      <c r="U792" s="2">
        <v>1.8660000000000001</v>
      </c>
      <c r="V792" s="2">
        <v>1.0999999999999999E-2</v>
      </c>
      <c r="W792" s="2">
        <v>82.9</v>
      </c>
      <c r="X792" s="2">
        <v>7.6</v>
      </c>
      <c r="Y792" s="2">
        <v>16.7</v>
      </c>
      <c r="Z792" s="5"/>
      <c r="AA792" s="5" t="s">
        <v>43</v>
      </c>
      <c r="AB792" s="5" t="s">
        <v>44</v>
      </c>
      <c r="AC792" s="2"/>
      <c r="AD792" s="1"/>
    </row>
    <row r="793" spans="1:30">
      <c r="A793" s="5" t="s">
        <v>83578</v>
      </c>
      <c r="B793" s="2" t="s">
        <v>85952</v>
      </c>
      <c r="C793" s="14" t="s">
        <v>85953</v>
      </c>
      <c r="D793" s="2" t="s">
        <v>85954</v>
      </c>
      <c r="E793" s="2" t="s">
        <v>7567</v>
      </c>
      <c r="F793" s="8">
        <v>247</v>
      </c>
      <c r="G793" s="5">
        <v>6</v>
      </c>
      <c r="H793" s="5" t="s">
        <v>1518</v>
      </c>
      <c r="I793" s="5" t="s">
        <v>1519</v>
      </c>
      <c r="J793" s="2" t="s">
        <v>1520</v>
      </c>
      <c r="K793" s="5" t="s">
        <v>1519</v>
      </c>
      <c r="L793" s="2" t="s">
        <v>1520</v>
      </c>
      <c r="M793" s="5" t="s">
        <v>1521</v>
      </c>
      <c r="N793" s="5" t="s">
        <v>38</v>
      </c>
      <c r="O793" s="5" t="s">
        <v>39</v>
      </c>
      <c r="P793" s="5" t="s">
        <v>40</v>
      </c>
      <c r="Q793" s="5" t="s">
        <v>1522</v>
      </c>
      <c r="R793" s="5" t="s">
        <v>1523</v>
      </c>
      <c r="S793" s="5" t="s">
        <v>42</v>
      </c>
      <c r="T793" s="2">
        <v>2.4</v>
      </c>
      <c r="U793" s="2">
        <v>1.9279999999999999</v>
      </c>
      <c r="V793" s="2">
        <v>1.0999999999999999E-2</v>
      </c>
      <c r="W793" s="2">
        <v>82.9</v>
      </c>
      <c r="X793" s="2">
        <v>7.6</v>
      </c>
      <c r="Y793" s="2">
        <v>16.7</v>
      </c>
      <c r="Z793" s="5"/>
      <c r="AA793" s="5" t="s">
        <v>43</v>
      </c>
      <c r="AB793" s="5" t="s">
        <v>44</v>
      </c>
      <c r="AC793" s="2"/>
      <c r="AD793" s="1"/>
    </row>
    <row r="794" spans="1:30">
      <c r="A794" s="5" t="s">
        <v>83578</v>
      </c>
      <c r="B794" s="2" t="s">
        <v>85955</v>
      </c>
      <c r="C794" s="14" t="s">
        <v>85956</v>
      </c>
      <c r="D794" s="2" t="s">
        <v>85957</v>
      </c>
      <c r="E794" s="2" t="s">
        <v>16079</v>
      </c>
      <c r="F794" s="8">
        <v>247</v>
      </c>
      <c r="G794" s="5">
        <v>6</v>
      </c>
      <c r="H794" s="5" t="s">
        <v>1518</v>
      </c>
      <c r="I794" s="5" t="s">
        <v>1519</v>
      </c>
      <c r="J794" s="2" t="s">
        <v>1520</v>
      </c>
      <c r="K794" s="5" t="s">
        <v>1519</v>
      </c>
      <c r="L794" s="2" t="s">
        <v>1520</v>
      </c>
      <c r="M794" s="5" t="s">
        <v>1521</v>
      </c>
      <c r="N794" s="5" t="s">
        <v>38</v>
      </c>
      <c r="O794" s="5" t="s">
        <v>39</v>
      </c>
      <c r="P794" s="5" t="s">
        <v>40</v>
      </c>
      <c r="Q794" s="5" t="s">
        <v>1522</v>
      </c>
      <c r="R794" s="5" t="s">
        <v>1523</v>
      </c>
      <c r="S794" s="5" t="s">
        <v>42</v>
      </c>
      <c r="T794" s="2">
        <v>2.3380000000000001</v>
      </c>
      <c r="U794" s="2">
        <v>1.8660000000000001</v>
      </c>
      <c r="V794" s="2">
        <v>1.0999999999999999E-2</v>
      </c>
      <c r="W794" s="2">
        <v>82.9</v>
      </c>
      <c r="X794" s="2">
        <v>7.6</v>
      </c>
      <c r="Y794" s="2">
        <v>16.7</v>
      </c>
      <c r="Z794" s="5"/>
      <c r="AA794" s="5" t="s">
        <v>43</v>
      </c>
      <c r="AB794" s="5" t="s">
        <v>44</v>
      </c>
      <c r="AC794" s="2"/>
      <c r="AD794" s="1"/>
    </row>
    <row r="795" spans="1:30">
      <c r="A795" s="5" t="s">
        <v>83578</v>
      </c>
      <c r="B795" s="2" t="s">
        <v>85958</v>
      </c>
      <c r="C795" s="14" t="s">
        <v>85959</v>
      </c>
      <c r="D795" s="2" t="s">
        <v>85960</v>
      </c>
      <c r="E795" s="2" t="s">
        <v>7593</v>
      </c>
      <c r="F795" s="8">
        <v>247</v>
      </c>
      <c r="G795" s="5">
        <v>6</v>
      </c>
      <c r="H795" s="5" t="s">
        <v>1518</v>
      </c>
      <c r="I795" s="5" t="s">
        <v>1519</v>
      </c>
      <c r="J795" s="2" t="s">
        <v>1520</v>
      </c>
      <c r="K795" s="5" t="s">
        <v>1519</v>
      </c>
      <c r="L795" s="2" t="s">
        <v>1520</v>
      </c>
      <c r="M795" s="5" t="s">
        <v>1521</v>
      </c>
      <c r="N795" s="5" t="s">
        <v>38</v>
      </c>
      <c r="O795" s="5" t="s">
        <v>39</v>
      </c>
      <c r="P795" s="5" t="s">
        <v>40</v>
      </c>
      <c r="Q795" s="5" t="s">
        <v>1522</v>
      </c>
      <c r="R795" s="5" t="s">
        <v>1523</v>
      </c>
      <c r="S795" s="5" t="s">
        <v>42</v>
      </c>
      <c r="T795" s="2">
        <v>2.3380000000000001</v>
      </c>
      <c r="U795" s="2">
        <v>1.8660000000000001</v>
      </c>
      <c r="V795" s="2">
        <v>1.0999999999999999E-2</v>
      </c>
      <c r="W795" s="2">
        <v>82.9</v>
      </c>
      <c r="X795" s="2">
        <v>7.6</v>
      </c>
      <c r="Y795" s="2">
        <v>16.7</v>
      </c>
      <c r="Z795" s="5"/>
      <c r="AA795" s="5" t="s">
        <v>43</v>
      </c>
      <c r="AB795" s="5" t="s">
        <v>44</v>
      </c>
      <c r="AC795" s="2"/>
      <c r="AD795" s="1"/>
    </row>
    <row r="796" spans="1:30">
      <c r="A796" s="5" t="s">
        <v>83578</v>
      </c>
      <c r="B796" s="2" t="s">
        <v>85961</v>
      </c>
      <c r="C796" s="14" t="s">
        <v>85962</v>
      </c>
      <c r="D796" s="2" t="s">
        <v>85963</v>
      </c>
      <c r="E796" s="2" t="s">
        <v>16219</v>
      </c>
      <c r="F796" s="8">
        <v>247</v>
      </c>
      <c r="G796" s="5">
        <v>6</v>
      </c>
      <c r="H796" s="5" t="s">
        <v>1518</v>
      </c>
      <c r="I796" s="5" t="s">
        <v>1519</v>
      </c>
      <c r="J796" s="2" t="s">
        <v>1520</v>
      </c>
      <c r="K796" s="5" t="s">
        <v>1519</v>
      </c>
      <c r="L796" s="2" t="s">
        <v>1520</v>
      </c>
      <c r="M796" s="5" t="s">
        <v>1521</v>
      </c>
      <c r="N796" s="5" t="s">
        <v>38</v>
      </c>
      <c r="O796" s="5" t="s">
        <v>39</v>
      </c>
      <c r="P796" s="5" t="s">
        <v>40</v>
      </c>
      <c r="Q796" s="5" t="s">
        <v>1522</v>
      </c>
      <c r="R796" s="5" t="s">
        <v>1523</v>
      </c>
      <c r="S796" s="5" t="s">
        <v>42</v>
      </c>
      <c r="T796" s="2">
        <v>2.4</v>
      </c>
      <c r="U796" s="2">
        <v>1.9279999999999999</v>
      </c>
      <c r="V796" s="2">
        <v>1.0999999999999999E-2</v>
      </c>
      <c r="W796" s="2">
        <v>82.9</v>
      </c>
      <c r="X796" s="2">
        <v>7.6</v>
      </c>
      <c r="Y796" s="2">
        <v>16.7</v>
      </c>
      <c r="Z796" s="5"/>
      <c r="AA796" s="5" t="s">
        <v>43</v>
      </c>
      <c r="AB796" s="5" t="s">
        <v>44</v>
      </c>
      <c r="AC796" s="2"/>
      <c r="AD796" s="1"/>
    </row>
    <row r="797" spans="1:30">
      <c r="A797" s="5" t="s">
        <v>83578</v>
      </c>
      <c r="B797" s="2" t="s">
        <v>85964</v>
      </c>
      <c r="C797" s="14" t="s">
        <v>85965</v>
      </c>
      <c r="D797" s="2" t="s">
        <v>85966</v>
      </c>
      <c r="E797" s="2" t="s">
        <v>16018</v>
      </c>
      <c r="F797" s="8">
        <v>247</v>
      </c>
      <c r="G797" s="5">
        <v>6</v>
      </c>
      <c r="H797" s="5" t="s">
        <v>1518</v>
      </c>
      <c r="I797" s="5" t="s">
        <v>1519</v>
      </c>
      <c r="J797" s="2" t="s">
        <v>1520</v>
      </c>
      <c r="K797" s="5" t="s">
        <v>1519</v>
      </c>
      <c r="L797" s="2" t="s">
        <v>1520</v>
      </c>
      <c r="M797" s="5" t="s">
        <v>1521</v>
      </c>
      <c r="N797" s="5" t="s">
        <v>38</v>
      </c>
      <c r="O797" s="5" t="s">
        <v>39</v>
      </c>
      <c r="P797" s="5" t="s">
        <v>40</v>
      </c>
      <c r="Q797" s="5" t="s">
        <v>1522</v>
      </c>
      <c r="R797" s="5" t="s">
        <v>1523</v>
      </c>
      <c r="S797" s="5" t="s">
        <v>42</v>
      </c>
      <c r="T797" s="2">
        <v>2.3380000000000001</v>
      </c>
      <c r="U797" s="2">
        <v>1.8660000000000001</v>
      </c>
      <c r="V797" s="2">
        <v>1.0999999999999999E-2</v>
      </c>
      <c r="W797" s="2">
        <v>82.9</v>
      </c>
      <c r="X797" s="2">
        <v>7.6</v>
      </c>
      <c r="Y797" s="2">
        <v>16.7</v>
      </c>
      <c r="Z797" s="5"/>
      <c r="AA797" s="5" t="s">
        <v>43</v>
      </c>
      <c r="AB797" s="5" t="s">
        <v>44</v>
      </c>
      <c r="AC797" s="2"/>
      <c r="AD797" s="1"/>
    </row>
    <row r="798" spans="1:30">
      <c r="A798" s="5" t="s">
        <v>83578</v>
      </c>
      <c r="B798" s="2" t="s">
        <v>85967</v>
      </c>
      <c r="C798" s="14" t="s">
        <v>85968</v>
      </c>
      <c r="D798" s="2" t="s">
        <v>85969</v>
      </c>
      <c r="E798" s="2" t="s">
        <v>16022</v>
      </c>
      <c r="F798" s="8">
        <v>247</v>
      </c>
      <c r="G798" s="5">
        <v>6</v>
      </c>
      <c r="H798" s="5" t="s">
        <v>1518</v>
      </c>
      <c r="I798" s="5" t="s">
        <v>1519</v>
      </c>
      <c r="J798" s="2" t="s">
        <v>1520</v>
      </c>
      <c r="K798" s="5" t="s">
        <v>1519</v>
      </c>
      <c r="L798" s="2" t="s">
        <v>1520</v>
      </c>
      <c r="M798" s="5" t="s">
        <v>1521</v>
      </c>
      <c r="N798" s="5" t="s">
        <v>38</v>
      </c>
      <c r="O798" s="5" t="s">
        <v>39</v>
      </c>
      <c r="P798" s="5" t="s">
        <v>40</v>
      </c>
      <c r="Q798" s="5" t="s">
        <v>1522</v>
      </c>
      <c r="R798" s="5" t="s">
        <v>1523</v>
      </c>
      <c r="S798" s="5" t="s">
        <v>42</v>
      </c>
      <c r="T798" s="2">
        <v>2.4</v>
      </c>
      <c r="U798" s="2">
        <v>1.9279999999999999</v>
      </c>
      <c r="V798" s="2">
        <v>1.0999999999999999E-2</v>
      </c>
      <c r="W798" s="2">
        <v>82.9</v>
      </c>
      <c r="X798" s="2">
        <v>7.6</v>
      </c>
      <c r="Y798" s="2">
        <v>16.7</v>
      </c>
      <c r="Z798" s="5"/>
      <c r="AA798" s="5" t="s">
        <v>43</v>
      </c>
      <c r="AB798" s="5" t="s">
        <v>44</v>
      </c>
      <c r="AC798" s="2"/>
      <c r="AD798" s="1"/>
    </row>
    <row r="799" spans="1:30">
      <c r="A799" s="5" t="s">
        <v>83578</v>
      </c>
      <c r="B799" s="2" t="s">
        <v>85970</v>
      </c>
      <c r="C799" s="14" t="s">
        <v>85971</v>
      </c>
      <c r="D799" s="2" t="s">
        <v>85972</v>
      </c>
      <c r="E799" s="2" t="s">
        <v>7551</v>
      </c>
      <c r="F799" s="8">
        <v>259</v>
      </c>
      <c r="G799" s="5">
        <v>6</v>
      </c>
      <c r="H799" s="5" t="s">
        <v>1518</v>
      </c>
      <c r="I799" s="5" t="s">
        <v>1519</v>
      </c>
      <c r="J799" s="2" t="s">
        <v>1520</v>
      </c>
      <c r="K799" s="5" t="s">
        <v>1519</v>
      </c>
      <c r="L799" s="2" t="s">
        <v>1520</v>
      </c>
      <c r="M799" s="5" t="s">
        <v>1521</v>
      </c>
      <c r="N799" s="5" t="s">
        <v>38</v>
      </c>
      <c r="O799" s="5" t="s">
        <v>39</v>
      </c>
      <c r="P799" s="5" t="s">
        <v>40</v>
      </c>
      <c r="Q799" s="5" t="s">
        <v>1522</v>
      </c>
      <c r="R799" s="5" t="s">
        <v>1523</v>
      </c>
      <c r="S799" s="5" t="s">
        <v>42</v>
      </c>
      <c r="T799" s="2">
        <v>2.6379999999999999</v>
      </c>
      <c r="U799" s="2">
        <v>2.0870000000000002</v>
      </c>
      <c r="V799" s="2">
        <v>1.2999999999999999E-2</v>
      </c>
      <c r="W799" s="2">
        <v>99.1</v>
      </c>
      <c r="X799" s="2">
        <v>7.6</v>
      </c>
      <c r="Y799" s="2">
        <v>16.7</v>
      </c>
      <c r="Z799" s="5"/>
      <c r="AA799" s="5" t="s">
        <v>43</v>
      </c>
      <c r="AB799" s="5" t="s">
        <v>44</v>
      </c>
      <c r="AC799" s="2"/>
      <c r="AD799" s="1"/>
    </row>
    <row r="800" spans="1:30">
      <c r="A800" s="5" t="s">
        <v>83578</v>
      </c>
      <c r="B800" s="2" t="s">
        <v>85973</v>
      </c>
      <c r="C800" s="14" t="s">
        <v>85974</v>
      </c>
      <c r="D800" s="2" t="s">
        <v>85975</v>
      </c>
      <c r="E800" s="2" t="s">
        <v>7597</v>
      </c>
      <c r="F800" s="8">
        <v>259</v>
      </c>
      <c r="G800" s="5">
        <v>6</v>
      </c>
      <c r="H800" s="5" t="s">
        <v>1518</v>
      </c>
      <c r="I800" s="5" t="s">
        <v>1519</v>
      </c>
      <c r="J800" s="2" t="s">
        <v>1520</v>
      </c>
      <c r="K800" s="5" t="s">
        <v>1519</v>
      </c>
      <c r="L800" s="2" t="s">
        <v>1520</v>
      </c>
      <c r="M800" s="5" t="s">
        <v>1521</v>
      </c>
      <c r="N800" s="5" t="s">
        <v>38</v>
      </c>
      <c r="O800" s="5" t="s">
        <v>39</v>
      </c>
      <c r="P800" s="5" t="s">
        <v>40</v>
      </c>
      <c r="Q800" s="5" t="s">
        <v>1522</v>
      </c>
      <c r="R800" s="5" t="s">
        <v>1523</v>
      </c>
      <c r="S800" s="5" t="s">
        <v>42</v>
      </c>
      <c r="T800" s="2">
        <v>2.6520000000000001</v>
      </c>
      <c r="U800" s="2">
        <v>2.101</v>
      </c>
      <c r="V800" s="2">
        <v>1.2999999999999999E-2</v>
      </c>
      <c r="W800" s="2">
        <v>99.1</v>
      </c>
      <c r="X800" s="2">
        <v>7.6</v>
      </c>
      <c r="Y800" s="2">
        <v>16.7</v>
      </c>
      <c r="Z800" s="5"/>
      <c r="AA800" s="5" t="s">
        <v>43</v>
      </c>
      <c r="AB800" s="5" t="s">
        <v>44</v>
      </c>
      <c r="AC800" s="2"/>
      <c r="AD800" s="1"/>
    </row>
    <row r="801" spans="1:30">
      <c r="A801" s="5" t="s">
        <v>83578</v>
      </c>
      <c r="B801" s="2" t="s">
        <v>85976</v>
      </c>
      <c r="C801" s="14" t="s">
        <v>85977</v>
      </c>
      <c r="D801" s="2" t="s">
        <v>85978</v>
      </c>
      <c r="E801" s="2" t="s">
        <v>7406</v>
      </c>
      <c r="F801" s="8">
        <v>263</v>
      </c>
      <c r="G801" s="5">
        <v>6</v>
      </c>
      <c r="H801" s="5" t="s">
        <v>1518</v>
      </c>
      <c r="I801" s="5" t="s">
        <v>1519</v>
      </c>
      <c r="J801" s="2" t="s">
        <v>1520</v>
      </c>
      <c r="K801" s="5" t="s">
        <v>1519</v>
      </c>
      <c r="L801" s="2" t="s">
        <v>1520</v>
      </c>
      <c r="M801" s="5" t="s">
        <v>1521</v>
      </c>
      <c r="N801" s="5" t="s">
        <v>38</v>
      </c>
      <c r="O801" s="5" t="s">
        <v>39</v>
      </c>
      <c r="P801" s="5" t="s">
        <v>40</v>
      </c>
      <c r="Q801" s="5" t="s">
        <v>1522</v>
      </c>
      <c r="R801" s="5" t="s">
        <v>1523</v>
      </c>
      <c r="S801" s="5" t="s">
        <v>42</v>
      </c>
      <c r="T801" s="2">
        <v>2.726</v>
      </c>
      <c r="U801" s="2">
        <v>2.1749999999999998</v>
      </c>
      <c r="V801" s="2">
        <v>1.4999999999999999E-2</v>
      </c>
      <c r="W801" s="2">
        <v>118.9</v>
      </c>
      <c r="X801" s="2">
        <v>7.6</v>
      </c>
      <c r="Y801" s="2">
        <v>16.7</v>
      </c>
      <c r="Z801" s="5"/>
      <c r="AA801" s="5" t="s">
        <v>43</v>
      </c>
      <c r="AB801" s="5" t="s">
        <v>44</v>
      </c>
      <c r="AC801" s="2"/>
      <c r="AD801" s="1"/>
    </row>
    <row r="802" spans="1:30">
      <c r="A802" s="5" t="s">
        <v>83578</v>
      </c>
      <c r="B802" s="2" t="s">
        <v>85979</v>
      </c>
      <c r="C802" s="14" t="s">
        <v>85980</v>
      </c>
      <c r="D802" s="2" t="s">
        <v>85981</v>
      </c>
      <c r="E802" s="2" t="s">
        <v>7547</v>
      </c>
      <c r="F802" s="8">
        <v>263</v>
      </c>
      <c r="G802" s="5">
        <v>6</v>
      </c>
      <c r="H802" s="5" t="s">
        <v>1518</v>
      </c>
      <c r="I802" s="5" t="s">
        <v>1519</v>
      </c>
      <c r="J802" s="2" t="s">
        <v>1520</v>
      </c>
      <c r="K802" s="5" t="s">
        <v>1519</v>
      </c>
      <c r="L802" s="2" t="s">
        <v>1520</v>
      </c>
      <c r="M802" s="5" t="s">
        <v>1521</v>
      </c>
      <c r="N802" s="5" t="s">
        <v>38</v>
      </c>
      <c r="O802" s="5" t="s">
        <v>39</v>
      </c>
      <c r="P802" s="5" t="s">
        <v>40</v>
      </c>
      <c r="Q802" s="5" t="s">
        <v>1522</v>
      </c>
      <c r="R802" s="5" t="s">
        <v>1523</v>
      </c>
      <c r="S802" s="5" t="s">
        <v>42</v>
      </c>
      <c r="T802" s="2">
        <v>2.726</v>
      </c>
      <c r="U802" s="2">
        <v>2.1749999999999998</v>
      </c>
      <c r="V802" s="2">
        <v>1.4999999999999999E-2</v>
      </c>
      <c r="W802" s="2">
        <v>118.9</v>
      </c>
      <c r="X802" s="2">
        <v>7.6</v>
      </c>
      <c r="Y802" s="2">
        <v>16.7</v>
      </c>
      <c r="Z802" s="5"/>
      <c r="AA802" s="5" t="s">
        <v>43</v>
      </c>
      <c r="AB802" s="5" t="s">
        <v>44</v>
      </c>
      <c r="AC802" s="2"/>
      <c r="AD802" s="1"/>
    </row>
    <row r="803" spans="1:30">
      <c r="A803" s="5" t="s">
        <v>83578</v>
      </c>
      <c r="B803" s="2" t="s">
        <v>85982</v>
      </c>
      <c r="C803" s="14" t="s">
        <v>85983</v>
      </c>
      <c r="D803" s="2" t="s">
        <v>85984</v>
      </c>
      <c r="E803" s="2" t="s">
        <v>7551</v>
      </c>
      <c r="F803" s="8">
        <v>263</v>
      </c>
      <c r="G803" s="5">
        <v>6</v>
      </c>
      <c r="H803" s="5" t="s">
        <v>1518</v>
      </c>
      <c r="I803" s="5" t="s">
        <v>1519</v>
      </c>
      <c r="J803" s="2" t="s">
        <v>1520</v>
      </c>
      <c r="K803" s="5" t="s">
        <v>1519</v>
      </c>
      <c r="L803" s="2" t="s">
        <v>1520</v>
      </c>
      <c r="M803" s="5" t="s">
        <v>1521</v>
      </c>
      <c r="N803" s="5" t="s">
        <v>38</v>
      </c>
      <c r="O803" s="5" t="s">
        <v>39</v>
      </c>
      <c r="P803" s="5" t="s">
        <v>40</v>
      </c>
      <c r="Q803" s="5" t="s">
        <v>1522</v>
      </c>
      <c r="R803" s="5" t="s">
        <v>1523</v>
      </c>
      <c r="S803" s="5" t="s">
        <v>42</v>
      </c>
      <c r="T803" s="2">
        <v>2.8130000000000002</v>
      </c>
      <c r="U803" s="2">
        <v>2.262</v>
      </c>
      <c r="V803" s="2">
        <v>1.4999999999999999E-2</v>
      </c>
      <c r="W803" s="2">
        <v>118.9</v>
      </c>
      <c r="X803" s="2">
        <v>7.6</v>
      </c>
      <c r="Y803" s="2">
        <v>16.7</v>
      </c>
      <c r="Z803" s="5"/>
      <c r="AA803" s="5" t="s">
        <v>43</v>
      </c>
      <c r="AB803" s="5" t="s">
        <v>44</v>
      </c>
      <c r="AC803" s="2"/>
      <c r="AD803" s="1"/>
    </row>
    <row r="804" spans="1:30">
      <c r="A804" s="5" t="s">
        <v>83578</v>
      </c>
      <c r="B804" s="2" t="s">
        <v>85985</v>
      </c>
      <c r="C804" s="14" t="s">
        <v>85986</v>
      </c>
      <c r="D804" s="2" t="s">
        <v>85987</v>
      </c>
      <c r="E804" s="2" t="s">
        <v>7555</v>
      </c>
      <c r="F804" s="8">
        <v>263</v>
      </c>
      <c r="G804" s="5">
        <v>6</v>
      </c>
      <c r="H804" s="5" t="s">
        <v>1518</v>
      </c>
      <c r="I804" s="5" t="s">
        <v>1519</v>
      </c>
      <c r="J804" s="2" t="s">
        <v>1520</v>
      </c>
      <c r="K804" s="5" t="s">
        <v>1519</v>
      </c>
      <c r="L804" s="2" t="s">
        <v>1520</v>
      </c>
      <c r="M804" s="5" t="s">
        <v>1521</v>
      </c>
      <c r="N804" s="5" t="s">
        <v>38</v>
      </c>
      <c r="O804" s="5" t="s">
        <v>39</v>
      </c>
      <c r="P804" s="5" t="s">
        <v>40</v>
      </c>
      <c r="Q804" s="5" t="s">
        <v>1522</v>
      </c>
      <c r="R804" s="5" t="s">
        <v>1523</v>
      </c>
      <c r="S804" s="5" t="s">
        <v>42</v>
      </c>
      <c r="T804" s="2">
        <v>2.726</v>
      </c>
      <c r="U804" s="2">
        <v>2.1749999999999998</v>
      </c>
      <c r="V804" s="2">
        <v>1.4999999999999999E-2</v>
      </c>
      <c r="W804" s="2">
        <v>118.9</v>
      </c>
      <c r="X804" s="2">
        <v>7.6</v>
      </c>
      <c r="Y804" s="2">
        <v>16.7</v>
      </c>
      <c r="Z804" s="5"/>
      <c r="AA804" s="5" t="s">
        <v>43</v>
      </c>
      <c r="AB804" s="5" t="s">
        <v>44</v>
      </c>
      <c r="AC804" s="2"/>
      <c r="AD804" s="1"/>
    </row>
    <row r="805" spans="1:30">
      <c r="A805" s="5" t="s">
        <v>83578</v>
      </c>
      <c r="B805" s="2" t="s">
        <v>85988</v>
      </c>
      <c r="C805" s="14" t="s">
        <v>85989</v>
      </c>
      <c r="D805" s="2" t="s">
        <v>85990</v>
      </c>
      <c r="E805" s="2" t="s">
        <v>7559</v>
      </c>
      <c r="F805" s="8">
        <v>263</v>
      </c>
      <c r="G805" s="5">
        <v>6</v>
      </c>
      <c r="H805" s="5" t="s">
        <v>1518</v>
      </c>
      <c r="I805" s="5" t="s">
        <v>1519</v>
      </c>
      <c r="J805" s="2" t="s">
        <v>1520</v>
      </c>
      <c r="K805" s="5" t="s">
        <v>1519</v>
      </c>
      <c r="L805" s="2" t="s">
        <v>1520</v>
      </c>
      <c r="M805" s="5" t="s">
        <v>1521</v>
      </c>
      <c r="N805" s="5" t="s">
        <v>38</v>
      </c>
      <c r="O805" s="5" t="s">
        <v>39</v>
      </c>
      <c r="P805" s="5" t="s">
        <v>40</v>
      </c>
      <c r="Q805" s="5" t="s">
        <v>1522</v>
      </c>
      <c r="R805" s="5" t="s">
        <v>1523</v>
      </c>
      <c r="S805" s="5" t="s">
        <v>42</v>
      </c>
      <c r="T805" s="2">
        <v>2.8130000000000002</v>
      </c>
      <c r="U805" s="2">
        <v>2.262</v>
      </c>
      <c r="V805" s="2">
        <v>1.4999999999999999E-2</v>
      </c>
      <c r="W805" s="2">
        <v>118.9</v>
      </c>
      <c r="X805" s="2">
        <v>7.6</v>
      </c>
      <c r="Y805" s="2">
        <v>16.7</v>
      </c>
      <c r="Z805" s="5"/>
      <c r="AA805" s="5" t="s">
        <v>43</v>
      </c>
      <c r="AB805" s="5" t="s">
        <v>44</v>
      </c>
      <c r="AC805" s="2"/>
      <c r="AD805" s="1"/>
    </row>
    <row r="806" spans="1:30">
      <c r="A806" s="5" t="s">
        <v>83578</v>
      </c>
      <c r="B806" s="2" t="s">
        <v>85991</v>
      </c>
      <c r="C806" s="14" t="s">
        <v>85992</v>
      </c>
      <c r="D806" s="2" t="s">
        <v>85993</v>
      </c>
      <c r="E806" s="2" t="s">
        <v>7563</v>
      </c>
      <c r="F806" s="8">
        <v>263</v>
      </c>
      <c r="G806" s="5">
        <v>6</v>
      </c>
      <c r="H806" s="5" t="s">
        <v>1518</v>
      </c>
      <c r="I806" s="5" t="s">
        <v>1519</v>
      </c>
      <c r="J806" s="2" t="s">
        <v>1520</v>
      </c>
      <c r="K806" s="5" t="s">
        <v>1519</v>
      </c>
      <c r="L806" s="2" t="s">
        <v>1520</v>
      </c>
      <c r="M806" s="5" t="s">
        <v>1521</v>
      </c>
      <c r="N806" s="5" t="s">
        <v>38</v>
      </c>
      <c r="O806" s="5" t="s">
        <v>39</v>
      </c>
      <c r="P806" s="5" t="s">
        <v>40</v>
      </c>
      <c r="Q806" s="5" t="s">
        <v>1522</v>
      </c>
      <c r="R806" s="5" t="s">
        <v>1523</v>
      </c>
      <c r="S806" s="5" t="s">
        <v>42</v>
      </c>
      <c r="T806" s="2">
        <v>2.7429999999999999</v>
      </c>
      <c r="U806" s="2">
        <v>2.1920000000000002</v>
      </c>
      <c r="V806" s="2">
        <v>1.4999999999999999E-2</v>
      </c>
      <c r="W806" s="2">
        <v>118.9</v>
      </c>
      <c r="X806" s="2">
        <v>7.6</v>
      </c>
      <c r="Y806" s="2">
        <v>16.7</v>
      </c>
      <c r="Z806" s="5"/>
      <c r="AA806" s="5" t="s">
        <v>43</v>
      </c>
      <c r="AB806" s="5" t="s">
        <v>44</v>
      </c>
      <c r="AC806" s="2"/>
      <c r="AD806" s="1"/>
    </row>
    <row r="807" spans="1:30">
      <c r="A807" s="5" t="s">
        <v>83578</v>
      </c>
      <c r="B807" s="2" t="s">
        <v>85994</v>
      </c>
      <c r="C807" s="14" t="s">
        <v>85995</v>
      </c>
      <c r="D807" s="2" t="s">
        <v>85996</v>
      </c>
      <c r="E807" s="2" t="s">
        <v>7567</v>
      </c>
      <c r="F807" s="8">
        <v>263</v>
      </c>
      <c r="G807" s="5">
        <v>6</v>
      </c>
      <c r="H807" s="5" t="s">
        <v>1518</v>
      </c>
      <c r="I807" s="5" t="s">
        <v>1519</v>
      </c>
      <c r="J807" s="2" t="s">
        <v>1520</v>
      </c>
      <c r="K807" s="5" t="s">
        <v>1519</v>
      </c>
      <c r="L807" s="2" t="s">
        <v>1520</v>
      </c>
      <c r="M807" s="5" t="s">
        <v>1521</v>
      </c>
      <c r="N807" s="5" t="s">
        <v>38</v>
      </c>
      <c r="O807" s="5" t="s">
        <v>39</v>
      </c>
      <c r="P807" s="5" t="s">
        <v>40</v>
      </c>
      <c r="Q807" s="5" t="s">
        <v>1522</v>
      </c>
      <c r="R807" s="5" t="s">
        <v>1523</v>
      </c>
      <c r="S807" s="5" t="s">
        <v>42</v>
      </c>
      <c r="T807" s="2">
        <v>2.83</v>
      </c>
      <c r="U807" s="2">
        <v>2.2789999999999999</v>
      </c>
      <c r="V807" s="2">
        <v>1.4999999999999999E-2</v>
      </c>
      <c r="W807" s="2">
        <v>118.9</v>
      </c>
      <c r="X807" s="2">
        <v>7.6</v>
      </c>
      <c r="Y807" s="2">
        <v>16.7</v>
      </c>
      <c r="Z807" s="5"/>
      <c r="AA807" s="5" t="s">
        <v>43</v>
      </c>
      <c r="AB807" s="5" t="s">
        <v>44</v>
      </c>
      <c r="AC807" s="2"/>
      <c r="AD807" s="1"/>
    </row>
    <row r="808" spans="1:30">
      <c r="A808" s="5" t="s">
        <v>83578</v>
      </c>
      <c r="B808" s="2" t="s">
        <v>85997</v>
      </c>
      <c r="C808" s="14" t="s">
        <v>85998</v>
      </c>
      <c r="D808" s="2" t="s">
        <v>85999</v>
      </c>
      <c r="E808" s="2" t="s">
        <v>16079</v>
      </c>
      <c r="F808" s="8">
        <v>263</v>
      </c>
      <c r="G808" s="5">
        <v>6</v>
      </c>
      <c r="H808" s="5" t="s">
        <v>1518</v>
      </c>
      <c r="I808" s="5" t="s">
        <v>1519</v>
      </c>
      <c r="J808" s="2" t="s">
        <v>1520</v>
      </c>
      <c r="K808" s="5" t="s">
        <v>1519</v>
      </c>
      <c r="L808" s="2" t="s">
        <v>1520</v>
      </c>
      <c r="M808" s="5" t="s">
        <v>1521</v>
      </c>
      <c r="N808" s="5" t="s">
        <v>38</v>
      </c>
      <c r="O808" s="5" t="s">
        <v>39</v>
      </c>
      <c r="P808" s="5" t="s">
        <v>40</v>
      </c>
      <c r="Q808" s="5" t="s">
        <v>1522</v>
      </c>
      <c r="R808" s="5" t="s">
        <v>1523</v>
      </c>
      <c r="S808" s="5" t="s">
        <v>42</v>
      </c>
      <c r="T808" s="2">
        <v>2.7429999999999999</v>
      </c>
      <c r="U808" s="2">
        <v>2.1920000000000002</v>
      </c>
      <c r="V808" s="2">
        <v>1.4999999999999999E-2</v>
      </c>
      <c r="W808" s="2">
        <v>118.9</v>
      </c>
      <c r="X808" s="2">
        <v>7.6</v>
      </c>
      <c r="Y808" s="2">
        <v>16.7</v>
      </c>
      <c r="Z808" s="5"/>
      <c r="AA808" s="5" t="s">
        <v>43</v>
      </c>
      <c r="AB808" s="5" t="s">
        <v>44</v>
      </c>
      <c r="AC808" s="2"/>
      <c r="AD808" s="1"/>
    </row>
    <row r="809" spans="1:30">
      <c r="A809" s="5" t="s">
        <v>83578</v>
      </c>
      <c r="B809" s="2" t="s">
        <v>86000</v>
      </c>
      <c r="C809" s="14" t="s">
        <v>86001</v>
      </c>
      <c r="D809" s="2" t="s">
        <v>86002</v>
      </c>
      <c r="E809" s="2" t="s">
        <v>16194</v>
      </c>
      <c r="F809" s="8">
        <v>263</v>
      </c>
      <c r="G809" s="5">
        <v>6</v>
      </c>
      <c r="H809" s="5" t="s">
        <v>1518</v>
      </c>
      <c r="I809" s="5" t="s">
        <v>1519</v>
      </c>
      <c r="J809" s="2" t="s">
        <v>1520</v>
      </c>
      <c r="K809" s="5" t="s">
        <v>1519</v>
      </c>
      <c r="L809" s="2" t="s">
        <v>1520</v>
      </c>
      <c r="M809" s="5" t="s">
        <v>1521</v>
      </c>
      <c r="N809" s="5" t="s">
        <v>38</v>
      </c>
      <c r="O809" s="5" t="s">
        <v>39</v>
      </c>
      <c r="P809" s="5" t="s">
        <v>40</v>
      </c>
      <c r="Q809" s="5" t="s">
        <v>1522</v>
      </c>
      <c r="R809" s="5" t="s">
        <v>1523</v>
      </c>
      <c r="S809" s="5" t="s">
        <v>42</v>
      </c>
      <c r="T809" s="2">
        <v>2.83</v>
      </c>
      <c r="U809" s="2">
        <v>2.2789999999999999</v>
      </c>
      <c r="V809" s="2">
        <v>1.4999999999999999E-2</v>
      </c>
      <c r="W809" s="2">
        <v>118.9</v>
      </c>
      <c r="X809" s="2">
        <v>7.6</v>
      </c>
      <c r="Y809" s="2">
        <v>16.7</v>
      </c>
      <c r="Z809" s="5"/>
      <c r="AA809" s="5" t="s">
        <v>43</v>
      </c>
      <c r="AB809" s="5" t="s">
        <v>44</v>
      </c>
      <c r="AC809" s="2"/>
      <c r="AD809" s="1"/>
    </row>
    <row r="810" spans="1:30">
      <c r="A810" s="5" t="s">
        <v>83578</v>
      </c>
      <c r="B810" s="2" t="s">
        <v>86003</v>
      </c>
      <c r="C810" s="14" t="s">
        <v>86004</v>
      </c>
      <c r="D810" s="2" t="s">
        <v>86005</v>
      </c>
      <c r="E810" s="2" t="s">
        <v>7449</v>
      </c>
      <c r="F810" s="8">
        <v>263</v>
      </c>
      <c r="G810" s="5">
        <v>6</v>
      </c>
      <c r="H810" s="5" t="s">
        <v>1518</v>
      </c>
      <c r="I810" s="5" t="s">
        <v>1519</v>
      </c>
      <c r="J810" s="2" t="s">
        <v>1520</v>
      </c>
      <c r="K810" s="5" t="s">
        <v>1519</v>
      </c>
      <c r="L810" s="2" t="s">
        <v>1520</v>
      </c>
      <c r="M810" s="5" t="s">
        <v>1521</v>
      </c>
      <c r="N810" s="5" t="s">
        <v>38</v>
      </c>
      <c r="O810" s="5" t="s">
        <v>39</v>
      </c>
      <c r="P810" s="5" t="s">
        <v>40</v>
      </c>
      <c r="Q810" s="5" t="s">
        <v>1522</v>
      </c>
      <c r="R810" s="5" t="s">
        <v>1523</v>
      </c>
      <c r="S810" s="5" t="s">
        <v>42</v>
      </c>
      <c r="T810" s="2">
        <v>2.7429999999999999</v>
      </c>
      <c r="U810" s="2">
        <v>2.1920000000000002</v>
      </c>
      <c r="V810" s="2">
        <v>1.4999999999999999E-2</v>
      </c>
      <c r="W810" s="2">
        <v>118.9</v>
      </c>
      <c r="X810" s="2">
        <v>7.6</v>
      </c>
      <c r="Y810" s="2">
        <v>16.7</v>
      </c>
      <c r="Z810" s="5"/>
      <c r="AA810" s="5" t="s">
        <v>43</v>
      </c>
      <c r="AB810" s="5" t="s">
        <v>44</v>
      </c>
      <c r="AC810" s="2"/>
      <c r="AD810" s="1"/>
    </row>
    <row r="811" spans="1:30">
      <c r="A811" s="5" t="s">
        <v>83578</v>
      </c>
      <c r="B811" s="2" t="s">
        <v>86006</v>
      </c>
      <c r="C811" s="14" t="s">
        <v>86007</v>
      </c>
      <c r="D811" s="2" t="s">
        <v>86008</v>
      </c>
      <c r="E811" s="2" t="s">
        <v>7589</v>
      </c>
      <c r="F811" s="8">
        <v>263</v>
      </c>
      <c r="G811" s="5">
        <v>6</v>
      </c>
      <c r="H811" s="5" t="s">
        <v>1518</v>
      </c>
      <c r="I811" s="5" t="s">
        <v>1519</v>
      </c>
      <c r="J811" s="2" t="s">
        <v>1520</v>
      </c>
      <c r="K811" s="5" t="s">
        <v>1519</v>
      </c>
      <c r="L811" s="2" t="s">
        <v>1520</v>
      </c>
      <c r="M811" s="5" t="s">
        <v>1521</v>
      </c>
      <c r="N811" s="5" t="s">
        <v>38</v>
      </c>
      <c r="O811" s="5" t="s">
        <v>39</v>
      </c>
      <c r="P811" s="5" t="s">
        <v>40</v>
      </c>
      <c r="Q811" s="5" t="s">
        <v>1522</v>
      </c>
      <c r="R811" s="5" t="s">
        <v>1523</v>
      </c>
      <c r="S811" s="5" t="s">
        <v>42</v>
      </c>
      <c r="T811" s="2">
        <v>2.8130000000000002</v>
      </c>
      <c r="U811" s="2">
        <v>2.262</v>
      </c>
      <c r="V811" s="2">
        <v>1.4999999999999999E-2</v>
      </c>
      <c r="W811" s="2">
        <v>118.9</v>
      </c>
      <c r="X811" s="2">
        <v>7.6</v>
      </c>
      <c r="Y811" s="2">
        <v>16.7</v>
      </c>
      <c r="Z811" s="5"/>
      <c r="AA811" s="5" t="s">
        <v>43</v>
      </c>
      <c r="AB811" s="5" t="s">
        <v>44</v>
      </c>
      <c r="AC811" s="2"/>
      <c r="AD811" s="1"/>
    </row>
    <row r="812" spans="1:30">
      <c r="A812" s="5" t="s">
        <v>83578</v>
      </c>
      <c r="B812" s="2" t="s">
        <v>86009</v>
      </c>
      <c r="C812" s="14" t="s">
        <v>86010</v>
      </c>
      <c r="D812" s="2" t="s">
        <v>86011</v>
      </c>
      <c r="E812" s="2" t="s">
        <v>7593</v>
      </c>
      <c r="F812" s="8">
        <v>263</v>
      </c>
      <c r="G812" s="5">
        <v>6</v>
      </c>
      <c r="H812" s="5" t="s">
        <v>1518</v>
      </c>
      <c r="I812" s="5" t="s">
        <v>1519</v>
      </c>
      <c r="J812" s="2" t="s">
        <v>1520</v>
      </c>
      <c r="K812" s="5" t="s">
        <v>1519</v>
      </c>
      <c r="L812" s="2" t="s">
        <v>1520</v>
      </c>
      <c r="M812" s="5" t="s">
        <v>1521</v>
      </c>
      <c r="N812" s="5" t="s">
        <v>38</v>
      </c>
      <c r="O812" s="5" t="s">
        <v>39</v>
      </c>
      <c r="P812" s="5" t="s">
        <v>40</v>
      </c>
      <c r="Q812" s="5" t="s">
        <v>1522</v>
      </c>
      <c r="R812" s="5" t="s">
        <v>1523</v>
      </c>
      <c r="S812" s="5" t="s">
        <v>42</v>
      </c>
      <c r="T812" s="2">
        <v>2.7429999999999999</v>
      </c>
      <c r="U812" s="2">
        <v>2.1920000000000002</v>
      </c>
      <c r="V812" s="2">
        <v>1.4999999999999999E-2</v>
      </c>
      <c r="W812" s="2">
        <v>118.9</v>
      </c>
      <c r="X812" s="2">
        <v>7.6</v>
      </c>
      <c r="Y812" s="2">
        <v>16.7</v>
      </c>
      <c r="Z812" s="5"/>
      <c r="AA812" s="5" t="s">
        <v>43</v>
      </c>
      <c r="AB812" s="5" t="s">
        <v>44</v>
      </c>
      <c r="AC812" s="2"/>
      <c r="AD812" s="1"/>
    </row>
    <row r="813" spans="1:30">
      <c r="A813" s="5" t="s">
        <v>83578</v>
      </c>
      <c r="B813" s="2" t="s">
        <v>86012</v>
      </c>
      <c r="C813" s="14" t="s">
        <v>86013</v>
      </c>
      <c r="D813" s="2" t="s">
        <v>86014</v>
      </c>
      <c r="E813" s="2" t="s">
        <v>7597</v>
      </c>
      <c r="F813" s="8">
        <v>263</v>
      </c>
      <c r="G813" s="5">
        <v>6</v>
      </c>
      <c r="H813" s="5" t="s">
        <v>1518</v>
      </c>
      <c r="I813" s="5" t="s">
        <v>1519</v>
      </c>
      <c r="J813" s="2" t="s">
        <v>1520</v>
      </c>
      <c r="K813" s="5" t="s">
        <v>1519</v>
      </c>
      <c r="L813" s="2" t="s">
        <v>1520</v>
      </c>
      <c r="M813" s="5" t="s">
        <v>1521</v>
      </c>
      <c r="N813" s="5" t="s">
        <v>38</v>
      </c>
      <c r="O813" s="5" t="s">
        <v>39</v>
      </c>
      <c r="P813" s="5" t="s">
        <v>40</v>
      </c>
      <c r="Q813" s="5" t="s">
        <v>1522</v>
      </c>
      <c r="R813" s="5" t="s">
        <v>1523</v>
      </c>
      <c r="S813" s="5" t="s">
        <v>42</v>
      </c>
      <c r="T813" s="2">
        <v>2.83</v>
      </c>
      <c r="U813" s="2">
        <v>2.2789999999999999</v>
      </c>
      <c r="V813" s="2">
        <v>1.4999999999999999E-2</v>
      </c>
      <c r="W813" s="2">
        <v>118.9</v>
      </c>
      <c r="X813" s="2">
        <v>7.6</v>
      </c>
      <c r="Y813" s="2">
        <v>16.7</v>
      </c>
      <c r="Z813" s="5"/>
      <c r="AA813" s="5" t="s">
        <v>43</v>
      </c>
      <c r="AB813" s="5" t="s">
        <v>44</v>
      </c>
      <c r="AC813" s="2"/>
      <c r="AD813" s="1"/>
    </row>
    <row r="814" spans="1:30">
      <c r="A814" s="5" t="s">
        <v>83578</v>
      </c>
      <c r="B814" s="2" t="s">
        <v>86015</v>
      </c>
      <c r="C814" s="14" t="s">
        <v>86016</v>
      </c>
      <c r="D814" s="2" t="s">
        <v>86017</v>
      </c>
      <c r="E814" s="2" t="s">
        <v>16219</v>
      </c>
      <c r="F814" s="8">
        <v>263</v>
      </c>
      <c r="G814" s="5">
        <v>6</v>
      </c>
      <c r="H814" s="5" t="s">
        <v>1518</v>
      </c>
      <c r="I814" s="5" t="s">
        <v>1519</v>
      </c>
      <c r="J814" s="2" t="s">
        <v>1520</v>
      </c>
      <c r="K814" s="5" t="s">
        <v>1519</v>
      </c>
      <c r="L814" s="2" t="s">
        <v>1520</v>
      </c>
      <c r="M814" s="5" t="s">
        <v>1521</v>
      </c>
      <c r="N814" s="5" t="s">
        <v>38</v>
      </c>
      <c r="O814" s="5" t="s">
        <v>39</v>
      </c>
      <c r="P814" s="5" t="s">
        <v>40</v>
      </c>
      <c r="Q814" s="5" t="s">
        <v>1522</v>
      </c>
      <c r="R814" s="5" t="s">
        <v>1523</v>
      </c>
      <c r="S814" s="5" t="s">
        <v>42</v>
      </c>
      <c r="T814" s="2">
        <v>2.83</v>
      </c>
      <c r="U814" s="2">
        <v>2.2789999999999999</v>
      </c>
      <c r="V814" s="2">
        <v>1.4999999999999999E-2</v>
      </c>
      <c r="W814" s="2">
        <v>118.9</v>
      </c>
      <c r="X814" s="2">
        <v>7.6</v>
      </c>
      <c r="Y814" s="2">
        <v>16.7</v>
      </c>
      <c r="Z814" s="5"/>
      <c r="AA814" s="5" t="s">
        <v>43</v>
      </c>
      <c r="AB814" s="5" t="s">
        <v>44</v>
      </c>
      <c r="AC814" s="2"/>
      <c r="AD814" s="1"/>
    </row>
    <row r="815" spans="1:30">
      <c r="A815" s="5" t="s">
        <v>83578</v>
      </c>
      <c r="B815" s="2" t="s">
        <v>86018</v>
      </c>
      <c r="C815" s="14" t="s">
        <v>86019</v>
      </c>
      <c r="D815" s="2" t="s">
        <v>86020</v>
      </c>
      <c r="E815" s="2" t="s">
        <v>16018</v>
      </c>
      <c r="F815" s="8">
        <v>263</v>
      </c>
      <c r="G815" s="5">
        <v>6</v>
      </c>
      <c r="H815" s="5" t="s">
        <v>1518</v>
      </c>
      <c r="I815" s="5" t="s">
        <v>1519</v>
      </c>
      <c r="J815" s="2" t="s">
        <v>1520</v>
      </c>
      <c r="K815" s="5" t="s">
        <v>1519</v>
      </c>
      <c r="L815" s="2" t="s">
        <v>1520</v>
      </c>
      <c r="M815" s="5" t="s">
        <v>1521</v>
      </c>
      <c r="N815" s="5" t="s">
        <v>38</v>
      </c>
      <c r="O815" s="5" t="s">
        <v>39</v>
      </c>
      <c r="P815" s="5" t="s">
        <v>40</v>
      </c>
      <c r="Q815" s="5" t="s">
        <v>1522</v>
      </c>
      <c r="R815" s="5" t="s">
        <v>1523</v>
      </c>
      <c r="S815" s="5" t="s">
        <v>42</v>
      </c>
      <c r="T815" s="2">
        <v>2.7429999999999999</v>
      </c>
      <c r="U815" s="2">
        <v>2.1920000000000002</v>
      </c>
      <c r="V815" s="2">
        <v>1.4999999999999999E-2</v>
      </c>
      <c r="W815" s="2">
        <v>118.9</v>
      </c>
      <c r="X815" s="2">
        <v>7.6</v>
      </c>
      <c r="Y815" s="2">
        <v>16.7</v>
      </c>
      <c r="Z815" s="5"/>
      <c r="AA815" s="5" t="s">
        <v>43</v>
      </c>
      <c r="AB815" s="5" t="s">
        <v>44</v>
      </c>
      <c r="AC815" s="2"/>
      <c r="AD815" s="1"/>
    </row>
    <row r="816" spans="1:30">
      <c r="A816" s="5" t="s">
        <v>83578</v>
      </c>
      <c r="B816" s="2" t="s">
        <v>86021</v>
      </c>
      <c r="C816" s="14" t="s">
        <v>86022</v>
      </c>
      <c r="D816" s="2" t="s">
        <v>86023</v>
      </c>
      <c r="E816" s="2" t="s">
        <v>7551</v>
      </c>
      <c r="F816" s="8">
        <v>247</v>
      </c>
      <c r="G816" s="5">
        <v>6</v>
      </c>
      <c r="H816" s="5" t="s">
        <v>1518</v>
      </c>
      <c r="I816" s="5" t="s">
        <v>1519</v>
      </c>
      <c r="J816" s="2" t="s">
        <v>1520</v>
      </c>
      <c r="K816" s="5" t="s">
        <v>1519</v>
      </c>
      <c r="L816" s="2" t="s">
        <v>1520</v>
      </c>
      <c r="M816" s="5" t="s">
        <v>1521</v>
      </c>
      <c r="N816" s="5" t="s">
        <v>38</v>
      </c>
      <c r="O816" s="5" t="s">
        <v>39</v>
      </c>
      <c r="P816" s="5" t="s">
        <v>40</v>
      </c>
      <c r="Q816" s="5" t="s">
        <v>1522</v>
      </c>
      <c r="R816" s="5" t="s">
        <v>1523</v>
      </c>
      <c r="S816" s="5" t="s">
        <v>42</v>
      </c>
      <c r="T816" s="2">
        <v>2.427</v>
      </c>
      <c r="U816" s="2">
        <v>1.9570000000000001</v>
      </c>
      <c r="V816" s="2">
        <v>1.0999999999999999E-2</v>
      </c>
      <c r="W816" s="2">
        <v>82.9</v>
      </c>
      <c r="X816" s="2">
        <v>7.6</v>
      </c>
      <c r="Y816" s="2">
        <v>16.7</v>
      </c>
      <c r="Z816" s="5"/>
      <c r="AA816" s="5" t="s">
        <v>43</v>
      </c>
      <c r="AB816" s="5" t="s">
        <v>44</v>
      </c>
      <c r="AC816" s="2"/>
      <c r="AD816" s="1"/>
    </row>
    <row r="817" spans="1:30">
      <c r="A817" s="5" t="s">
        <v>83578</v>
      </c>
      <c r="B817" s="2" t="s">
        <v>86024</v>
      </c>
      <c r="C817" s="14" t="s">
        <v>86025</v>
      </c>
      <c r="D817" s="2" t="s">
        <v>86026</v>
      </c>
      <c r="E817" s="2" t="s">
        <v>7593</v>
      </c>
      <c r="F817" s="8">
        <v>247</v>
      </c>
      <c r="G817" s="5">
        <v>6</v>
      </c>
      <c r="H817" s="5" t="s">
        <v>1518</v>
      </c>
      <c r="I817" s="5" t="s">
        <v>1519</v>
      </c>
      <c r="J817" s="2" t="s">
        <v>1520</v>
      </c>
      <c r="K817" s="5" t="s">
        <v>1519</v>
      </c>
      <c r="L817" s="2" t="s">
        <v>1520</v>
      </c>
      <c r="M817" s="5" t="s">
        <v>1521</v>
      </c>
      <c r="N817" s="5" t="s">
        <v>38</v>
      </c>
      <c r="O817" s="5" t="s">
        <v>39</v>
      </c>
      <c r="P817" s="5" t="s">
        <v>40</v>
      </c>
      <c r="Q817" s="5" t="s">
        <v>1522</v>
      </c>
      <c r="R817" s="5" t="s">
        <v>1523</v>
      </c>
      <c r="S817" s="5" t="s">
        <v>42</v>
      </c>
      <c r="T817" s="2">
        <v>2.3730000000000002</v>
      </c>
      <c r="U817" s="2">
        <v>1.903</v>
      </c>
      <c r="V817" s="2">
        <v>1.0999999999999999E-2</v>
      </c>
      <c r="W817" s="2">
        <v>82.9</v>
      </c>
      <c r="X817" s="2">
        <v>7.6</v>
      </c>
      <c r="Y817" s="2">
        <v>16.7</v>
      </c>
      <c r="Z817" s="5"/>
      <c r="AA817" s="5" t="s">
        <v>43</v>
      </c>
      <c r="AB817" s="5" t="s">
        <v>44</v>
      </c>
      <c r="AC817" s="2"/>
      <c r="AD817" s="1"/>
    </row>
    <row r="818" spans="1:30">
      <c r="A818" s="5" t="s">
        <v>83578</v>
      </c>
      <c r="B818" s="2" t="s">
        <v>86027</v>
      </c>
      <c r="C818" s="14" t="s">
        <v>86028</v>
      </c>
      <c r="D818" s="2" t="s">
        <v>86029</v>
      </c>
      <c r="E818" s="2" t="s">
        <v>7559</v>
      </c>
      <c r="F818" s="8">
        <v>275</v>
      </c>
      <c r="G818" s="5">
        <v>6</v>
      </c>
      <c r="H818" s="5" t="s">
        <v>1518</v>
      </c>
      <c r="I818" s="5" t="s">
        <v>1519</v>
      </c>
      <c r="J818" s="2" t="s">
        <v>1520</v>
      </c>
      <c r="K818" s="5" t="s">
        <v>1519</v>
      </c>
      <c r="L818" s="2" t="s">
        <v>1520</v>
      </c>
      <c r="M818" s="5" t="s">
        <v>1521</v>
      </c>
      <c r="N818" s="5" t="s">
        <v>38</v>
      </c>
      <c r="O818" s="5" t="s">
        <v>39</v>
      </c>
      <c r="P818" s="5" t="s">
        <v>40</v>
      </c>
      <c r="Q818" s="5" t="s">
        <v>1522</v>
      </c>
      <c r="R818" s="5" t="s">
        <v>1523</v>
      </c>
      <c r="S818" s="5" t="s">
        <v>42</v>
      </c>
      <c r="T818" s="2">
        <v>3.2410000000000001</v>
      </c>
      <c r="U818" s="2">
        <v>2.6280000000000001</v>
      </c>
      <c r="V818" s="2">
        <v>1.7999999999999999E-2</v>
      </c>
      <c r="W818" s="2">
        <v>139.1</v>
      </c>
      <c r="X818" s="2">
        <v>7.6</v>
      </c>
      <c r="Y818" s="2">
        <v>16.7</v>
      </c>
      <c r="Z818" s="5"/>
      <c r="AA818" s="5" t="s">
        <v>43</v>
      </c>
      <c r="AB818" s="5" t="s">
        <v>44</v>
      </c>
      <c r="AC818" s="2"/>
      <c r="AD818" s="1"/>
    </row>
    <row r="819" spans="1:30">
      <c r="A819" s="5" t="s">
        <v>83578</v>
      </c>
      <c r="B819" s="2" t="s">
        <v>86030</v>
      </c>
      <c r="C819" s="14" t="s">
        <v>86031</v>
      </c>
      <c r="D819" s="2" t="s">
        <v>86032</v>
      </c>
      <c r="E819" s="2" t="s">
        <v>16079</v>
      </c>
      <c r="F819" s="8">
        <v>275</v>
      </c>
      <c r="G819" s="5">
        <v>6</v>
      </c>
      <c r="H819" s="5" t="s">
        <v>1518</v>
      </c>
      <c r="I819" s="5" t="s">
        <v>1519</v>
      </c>
      <c r="J819" s="2" t="s">
        <v>1520</v>
      </c>
      <c r="K819" s="5" t="s">
        <v>1519</v>
      </c>
      <c r="L819" s="2" t="s">
        <v>1520</v>
      </c>
      <c r="M819" s="5" t="s">
        <v>1521</v>
      </c>
      <c r="N819" s="5" t="s">
        <v>38</v>
      </c>
      <c r="O819" s="5" t="s">
        <v>39</v>
      </c>
      <c r="P819" s="5" t="s">
        <v>40</v>
      </c>
      <c r="Q819" s="5" t="s">
        <v>1522</v>
      </c>
      <c r="R819" s="5" t="s">
        <v>1523</v>
      </c>
      <c r="S819" s="5" t="s">
        <v>42</v>
      </c>
      <c r="T819" s="2">
        <v>3.165</v>
      </c>
      <c r="U819" s="2">
        <v>2.552</v>
      </c>
      <c r="V819" s="2">
        <v>1.7999999999999999E-2</v>
      </c>
      <c r="W819" s="2">
        <v>139.1</v>
      </c>
      <c r="X819" s="2">
        <v>7.6</v>
      </c>
      <c r="Y819" s="2">
        <v>16.7</v>
      </c>
      <c r="Z819" s="5"/>
      <c r="AA819" s="5" t="s">
        <v>43</v>
      </c>
      <c r="AB819" s="5" t="s">
        <v>44</v>
      </c>
      <c r="AC819" s="2"/>
      <c r="AD819" s="1"/>
    </row>
    <row r="820" spans="1:30">
      <c r="A820" s="5" t="s">
        <v>83578</v>
      </c>
      <c r="B820" s="2" t="s">
        <v>86033</v>
      </c>
      <c r="C820" s="14" t="s">
        <v>86034</v>
      </c>
      <c r="D820" s="2" t="s">
        <v>86035</v>
      </c>
      <c r="E820" s="2" t="s">
        <v>16194</v>
      </c>
      <c r="F820" s="8">
        <v>275</v>
      </c>
      <c r="G820" s="5">
        <v>6</v>
      </c>
      <c r="H820" s="5" t="s">
        <v>1518</v>
      </c>
      <c r="I820" s="5" t="s">
        <v>1519</v>
      </c>
      <c r="J820" s="2" t="s">
        <v>1520</v>
      </c>
      <c r="K820" s="5" t="s">
        <v>1519</v>
      </c>
      <c r="L820" s="2" t="s">
        <v>1520</v>
      </c>
      <c r="M820" s="5" t="s">
        <v>1521</v>
      </c>
      <c r="N820" s="5" t="s">
        <v>38</v>
      </c>
      <c r="O820" s="5" t="s">
        <v>39</v>
      </c>
      <c r="P820" s="5" t="s">
        <v>40</v>
      </c>
      <c r="Q820" s="5" t="s">
        <v>1522</v>
      </c>
      <c r="R820" s="5" t="s">
        <v>1523</v>
      </c>
      <c r="S820" s="5" t="s">
        <v>42</v>
      </c>
      <c r="T820" s="2">
        <v>3.2669999999999999</v>
      </c>
      <c r="U820" s="2">
        <v>2.6539999999999999</v>
      </c>
      <c r="V820" s="2">
        <v>1.7999999999999999E-2</v>
      </c>
      <c r="W820" s="2">
        <v>139.1</v>
      </c>
      <c r="X820" s="2">
        <v>7.6</v>
      </c>
      <c r="Y820" s="2">
        <v>16.7</v>
      </c>
      <c r="Z820" s="5"/>
      <c r="AA820" s="5" t="s">
        <v>43</v>
      </c>
      <c r="AB820" s="5" t="s">
        <v>44</v>
      </c>
      <c r="AC820" s="2"/>
      <c r="AD820" s="1"/>
    </row>
    <row r="821" spans="1:30">
      <c r="A821" s="5" t="s">
        <v>83578</v>
      </c>
      <c r="B821" s="2" t="s">
        <v>86036</v>
      </c>
      <c r="C821" s="14" t="s">
        <v>86037</v>
      </c>
      <c r="D821" s="2" t="s">
        <v>86038</v>
      </c>
      <c r="E821" s="2" t="s">
        <v>7585</v>
      </c>
      <c r="F821" s="8">
        <v>275</v>
      </c>
      <c r="G821" s="5">
        <v>6</v>
      </c>
      <c r="H821" s="5" t="s">
        <v>1518</v>
      </c>
      <c r="I821" s="5" t="s">
        <v>1519</v>
      </c>
      <c r="J821" s="2" t="s">
        <v>1520</v>
      </c>
      <c r="K821" s="5" t="s">
        <v>1519</v>
      </c>
      <c r="L821" s="2" t="s">
        <v>1520</v>
      </c>
      <c r="M821" s="5" t="s">
        <v>1521</v>
      </c>
      <c r="N821" s="5" t="s">
        <v>38</v>
      </c>
      <c r="O821" s="5" t="s">
        <v>39</v>
      </c>
      <c r="P821" s="5" t="s">
        <v>40</v>
      </c>
      <c r="Q821" s="5" t="s">
        <v>1522</v>
      </c>
      <c r="R821" s="5" t="s">
        <v>1523</v>
      </c>
      <c r="S821" s="5" t="s">
        <v>42</v>
      </c>
      <c r="T821" s="2">
        <v>3.1389999999999998</v>
      </c>
      <c r="U821" s="2">
        <v>2.5259999999999998</v>
      </c>
      <c r="V821" s="2">
        <v>1.7999999999999999E-2</v>
      </c>
      <c r="W821" s="2">
        <v>139.1</v>
      </c>
      <c r="X821" s="2">
        <v>7.6</v>
      </c>
      <c r="Y821" s="2">
        <v>16.7</v>
      </c>
      <c r="Z821" s="5"/>
      <c r="AA821" s="5" t="s">
        <v>43</v>
      </c>
      <c r="AB821" s="5" t="s">
        <v>44</v>
      </c>
      <c r="AC821" s="2"/>
      <c r="AD821" s="1"/>
    </row>
    <row r="822" spans="1:30">
      <c r="A822" s="5" t="s">
        <v>83578</v>
      </c>
      <c r="B822" s="2" t="s">
        <v>86039</v>
      </c>
      <c r="C822" s="14" t="s">
        <v>86040</v>
      </c>
      <c r="D822" s="2" t="s">
        <v>86041</v>
      </c>
      <c r="E822" s="2" t="s">
        <v>7593</v>
      </c>
      <c r="F822" s="8">
        <v>275</v>
      </c>
      <c r="G822" s="5">
        <v>6</v>
      </c>
      <c r="H822" s="5" t="s">
        <v>1518</v>
      </c>
      <c r="I822" s="5" t="s">
        <v>1519</v>
      </c>
      <c r="J822" s="2" t="s">
        <v>1520</v>
      </c>
      <c r="K822" s="5" t="s">
        <v>1519</v>
      </c>
      <c r="L822" s="2" t="s">
        <v>1520</v>
      </c>
      <c r="M822" s="5" t="s">
        <v>1521</v>
      </c>
      <c r="N822" s="5" t="s">
        <v>38</v>
      </c>
      <c r="O822" s="5" t="s">
        <v>39</v>
      </c>
      <c r="P822" s="5" t="s">
        <v>40</v>
      </c>
      <c r="Q822" s="5" t="s">
        <v>1522</v>
      </c>
      <c r="R822" s="5" t="s">
        <v>1523</v>
      </c>
      <c r="S822" s="5" t="s">
        <v>42</v>
      </c>
      <c r="T822" s="2">
        <v>3.165</v>
      </c>
      <c r="U822" s="2">
        <v>2.552</v>
      </c>
      <c r="V822" s="2">
        <v>1.7999999999999999E-2</v>
      </c>
      <c r="W822" s="2">
        <v>139.1</v>
      </c>
      <c r="X822" s="2">
        <v>7.6</v>
      </c>
      <c r="Y822" s="2">
        <v>16.7</v>
      </c>
      <c r="Z822" s="5"/>
      <c r="AA822" s="5" t="s">
        <v>43</v>
      </c>
      <c r="AB822" s="5" t="s">
        <v>44</v>
      </c>
      <c r="AC822" s="2"/>
      <c r="AD822" s="1"/>
    </row>
    <row r="823" spans="1:30">
      <c r="A823" s="5" t="s">
        <v>83578</v>
      </c>
      <c r="B823" s="2" t="s">
        <v>86042</v>
      </c>
      <c r="C823" s="14" t="s">
        <v>86043</v>
      </c>
      <c r="D823" s="2" t="s">
        <v>86044</v>
      </c>
      <c r="E823" s="2" t="s">
        <v>16219</v>
      </c>
      <c r="F823" s="8">
        <v>275</v>
      </c>
      <c r="G823" s="5">
        <v>6</v>
      </c>
      <c r="H823" s="5" t="s">
        <v>1518</v>
      </c>
      <c r="I823" s="5" t="s">
        <v>1519</v>
      </c>
      <c r="J823" s="2" t="s">
        <v>1520</v>
      </c>
      <c r="K823" s="5" t="s">
        <v>1519</v>
      </c>
      <c r="L823" s="2" t="s">
        <v>1520</v>
      </c>
      <c r="M823" s="5" t="s">
        <v>1521</v>
      </c>
      <c r="N823" s="5" t="s">
        <v>38</v>
      </c>
      <c r="O823" s="5" t="s">
        <v>39</v>
      </c>
      <c r="P823" s="5" t="s">
        <v>40</v>
      </c>
      <c r="Q823" s="5" t="s">
        <v>1522</v>
      </c>
      <c r="R823" s="5" t="s">
        <v>1523</v>
      </c>
      <c r="S823" s="5" t="s">
        <v>42</v>
      </c>
      <c r="T823" s="2">
        <v>3.2669999999999999</v>
      </c>
      <c r="U823" s="2">
        <v>2.6539999999999999</v>
      </c>
      <c r="V823" s="2">
        <v>1.7999999999999999E-2</v>
      </c>
      <c r="W823" s="2">
        <v>139.1</v>
      </c>
      <c r="X823" s="2">
        <v>7.6</v>
      </c>
      <c r="Y823" s="2">
        <v>16.7</v>
      </c>
      <c r="Z823" s="5"/>
      <c r="AA823" s="5" t="s">
        <v>43</v>
      </c>
      <c r="AB823" s="5" t="s">
        <v>44</v>
      </c>
      <c r="AC823" s="2"/>
      <c r="AD823" s="1"/>
    </row>
    <row r="824" spans="1:30">
      <c r="A824" s="5" t="s">
        <v>83578</v>
      </c>
      <c r="B824" s="2" t="s">
        <v>86045</v>
      </c>
      <c r="C824" s="14" t="s">
        <v>86046</v>
      </c>
      <c r="D824" s="2" t="s">
        <v>86047</v>
      </c>
      <c r="E824" s="2" t="s">
        <v>7406</v>
      </c>
      <c r="F824" s="8">
        <v>253</v>
      </c>
      <c r="G824" s="5">
        <v>6</v>
      </c>
      <c r="H824" s="5" t="s">
        <v>1518</v>
      </c>
      <c r="I824" s="5" t="s">
        <v>1519</v>
      </c>
      <c r="J824" s="2" t="s">
        <v>1520</v>
      </c>
      <c r="K824" s="5" t="s">
        <v>1519</v>
      </c>
      <c r="L824" s="2" t="s">
        <v>1520</v>
      </c>
      <c r="M824" s="5" t="s">
        <v>1521</v>
      </c>
      <c r="N824" s="5" t="s">
        <v>38</v>
      </c>
      <c r="O824" s="5" t="s">
        <v>39</v>
      </c>
      <c r="P824" s="5" t="s">
        <v>40</v>
      </c>
      <c r="Q824" s="5" t="s">
        <v>1522</v>
      </c>
      <c r="R824" s="5" t="s">
        <v>1523</v>
      </c>
      <c r="S824" s="5" t="s">
        <v>42</v>
      </c>
      <c r="T824" s="2">
        <v>2.3069999999999999</v>
      </c>
      <c r="U824" s="2">
        <v>1.7470000000000001</v>
      </c>
      <c r="V824" s="2">
        <v>1.2999999999999999E-2</v>
      </c>
      <c r="W824" s="2">
        <v>99.1</v>
      </c>
      <c r="X824" s="2">
        <v>7.6</v>
      </c>
      <c r="Y824" s="2">
        <v>16.7</v>
      </c>
      <c r="Z824" s="5"/>
      <c r="AA824" s="5" t="s">
        <v>43</v>
      </c>
      <c r="AB824" s="5" t="s">
        <v>44</v>
      </c>
      <c r="AC824" s="2"/>
      <c r="AD824" s="1"/>
    </row>
    <row r="825" spans="1:30">
      <c r="A825" s="5" t="s">
        <v>83578</v>
      </c>
      <c r="B825" s="2" t="s">
        <v>86048</v>
      </c>
      <c r="C825" s="14" t="s">
        <v>86049</v>
      </c>
      <c r="D825" s="2" t="s">
        <v>86050</v>
      </c>
      <c r="E825" s="2" t="s">
        <v>7535</v>
      </c>
      <c r="F825" s="8">
        <v>253</v>
      </c>
      <c r="G825" s="5">
        <v>6</v>
      </c>
      <c r="H825" s="5" t="s">
        <v>1518</v>
      </c>
      <c r="I825" s="5" t="s">
        <v>1519</v>
      </c>
      <c r="J825" s="2" t="s">
        <v>1520</v>
      </c>
      <c r="K825" s="5" t="s">
        <v>1519</v>
      </c>
      <c r="L825" s="2" t="s">
        <v>1520</v>
      </c>
      <c r="M825" s="5" t="s">
        <v>1521</v>
      </c>
      <c r="N825" s="5" t="s">
        <v>38</v>
      </c>
      <c r="O825" s="5" t="s">
        <v>39</v>
      </c>
      <c r="P825" s="5" t="s">
        <v>40</v>
      </c>
      <c r="Q825" s="5" t="s">
        <v>1522</v>
      </c>
      <c r="R825" s="5" t="s">
        <v>1523</v>
      </c>
      <c r="S825" s="5" t="s">
        <v>42</v>
      </c>
      <c r="T825" s="2">
        <v>2.355</v>
      </c>
      <c r="U825" s="2">
        <v>1.7949999999999999</v>
      </c>
      <c r="V825" s="2">
        <v>1.2999999999999999E-2</v>
      </c>
      <c r="W825" s="2">
        <v>99.1</v>
      </c>
      <c r="X825" s="2">
        <v>7.6</v>
      </c>
      <c r="Y825" s="2">
        <v>16.7</v>
      </c>
      <c r="Z825" s="5"/>
      <c r="AA825" s="5" t="s">
        <v>43</v>
      </c>
      <c r="AB825" s="5" t="s">
        <v>44</v>
      </c>
      <c r="AC825" s="2"/>
      <c r="AD825" s="1"/>
    </row>
    <row r="826" spans="1:30">
      <c r="A826" s="5" t="s">
        <v>83578</v>
      </c>
      <c r="B826" s="2" t="s">
        <v>86051</v>
      </c>
      <c r="C826" s="14" t="s">
        <v>86052</v>
      </c>
      <c r="D826" s="2" t="s">
        <v>86053</v>
      </c>
      <c r="E826" s="2" t="s">
        <v>7551</v>
      </c>
      <c r="F826" s="8">
        <v>253</v>
      </c>
      <c r="G826" s="5">
        <v>6</v>
      </c>
      <c r="H826" s="5" t="s">
        <v>1518</v>
      </c>
      <c r="I826" s="5" t="s">
        <v>1519</v>
      </c>
      <c r="J826" s="2" t="s">
        <v>1520</v>
      </c>
      <c r="K826" s="5" t="s">
        <v>1519</v>
      </c>
      <c r="L826" s="2" t="s">
        <v>1520</v>
      </c>
      <c r="M826" s="5" t="s">
        <v>1521</v>
      </c>
      <c r="N826" s="5" t="s">
        <v>38</v>
      </c>
      <c r="O826" s="5" t="s">
        <v>39</v>
      </c>
      <c r="P826" s="5" t="s">
        <v>40</v>
      </c>
      <c r="Q826" s="5" t="s">
        <v>1522</v>
      </c>
      <c r="R826" s="5" t="s">
        <v>1523</v>
      </c>
      <c r="S826" s="5" t="s">
        <v>42</v>
      </c>
      <c r="T826" s="2">
        <v>2.355</v>
      </c>
      <c r="U826" s="2">
        <v>1.7949999999999999</v>
      </c>
      <c r="V826" s="2">
        <v>1.2999999999999999E-2</v>
      </c>
      <c r="W826" s="2">
        <v>99.1</v>
      </c>
      <c r="X826" s="2">
        <v>7.6</v>
      </c>
      <c r="Y826" s="2">
        <v>16.7</v>
      </c>
      <c r="Z826" s="5"/>
      <c r="AA826" s="5" t="s">
        <v>43</v>
      </c>
      <c r="AB826" s="5" t="s">
        <v>44</v>
      </c>
      <c r="AC826" s="2"/>
      <c r="AD826" s="1"/>
    </row>
    <row r="827" spans="1:30">
      <c r="A827" s="5" t="s">
        <v>83578</v>
      </c>
      <c r="B827" s="2" t="s">
        <v>86054</v>
      </c>
      <c r="C827" s="14" t="s">
        <v>86055</v>
      </c>
      <c r="D827" s="2" t="s">
        <v>86056</v>
      </c>
      <c r="E827" s="2" t="s">
        <v>7555</v>
      </c>
      <c r="F827" s="8">
        <v>253</v>
      </c>
      <c r="G827" s="5">
        <v>6</v>
      </c>
      <c r="H827" s="5" t="s">
        <v>1518</v>
      </c>
      <c r="I827" s="5" t="s">
        <v>1519</v>
      </c>
      <c r="J827" s="2" t="s">
        <v>1520</v>
      </c>
      <c r="K827" s="5" t="s">
        <v>1519</v>
      </c>
      <c r="L827" s="2" t="s">
        <v>1520</v>
      </c>
      <c r="M827" s="5" t="s">
        <v>1521</v>
      </c>
      <c r="N827" s="5" t="s">
        <v>38</v>
      </c>
      <c r="O827" s="5" t="s">
        <v>39</v>
      </c>
      <c r="P827" s="5" t="s">
        <v>40</v>
      </c>
      <c r="Q827" s="5" t="s">
        <v>1522</v>
      </c>
      <c r="R827" s="5" t="s">
        <v>1523</v>
      </c>
      <c r="S827" s="5" t="s">
        <v>42</v>
      </c>
      <c r="T827" s="2">
        <v>2.3069999999999999</v>
      </c>
      <c r="U827" s="2">
        <v>1.7470000000000001</v>
      </c>
      <c r="V827" s="2">
        <v>1.2999999999999999E-2</v>
      </c>
      <c r="W827" s="2">
        <v>99.1</v>
      </c>
      <c r="X827" s="2">
        <v>7.6</v>
      </c>
      <c r="Y827" s="2">
        <v>16.7</v>
      </c>
      <c r="Z827" s="5"/>
      <c r="AA827" s="5" t="s">
        <v>43</v>
      </c>
      <c r="AB827" s="5" t="s">
        <v>44</v>
      </c>
      <c r="AC827" s="2"/>
      <c r="AD827" s="1"/>
    </row>
    <row r="828" spans="1:30">
      <c r="A828" s="5" t="s">
        <v>83578</v>
      </c>
      <c r="B828" s="2" t="s">
        <v>86057</v>
      </c>
      <c r="C828" s="14" t="s">
        <v>86058</v>
      </c>
      <c r="D828" s="2" t="s">
        <v>86059</v>
      </c>
      <c r="E828" s="2" t="s">
        <v>7559</v>
      </c>
      <c r="F828" s="8">
        <v>253</v>
      </c>
      <c r="G828" s="5">
        <v>6</v>
      </c>
      <c r="H828" s="5" t="s">
        <v>1518</v>
      </c>
      <c r="I828" s="5" t="s">
        <v>1519</v>
      </c>
      <c r="J828" s="2" t="s">
        <v>1520</v>
      </c>
      <c r="K828" s="5" t="s">
        <v>1519</v>
      </c>
      <c r="L828" s="2" t="s">
        <v>1520</v>
      </c>
      <c r="M828" s="5" t="s">
        <v>1521</v>
      </c>
      <c r="N828" s="5" t="s">
        <v>38</v>
      </c>
      <c r="O828" s="5" t="s">
        <v>39</v>
      </c>
      <c r="P828" s="5" t="s">
        <v>40</v>
      </c>
      <c r="Q828" s="5" t="s">
        <v>1522</v>
      </c>
      <c r="R828" s="5" t="s">
        <v>1523</v>
      </c>
      <c r="S828" s="5" t="s">
        <v>42</v>
      </c>
      <c r="T828" s="2">
        <v>2.355</v>
      </c>
      <c r="U828" s="2">
        <v>1.7949999999999999</v>
      </c>
      <c r="V828" s="2">
        <v>1.2999999999999999E-2</v>
      </c>
      <c r="W828" s="2">
        <v>99.1</v>
      </c>
      <c r="X828" s="2">
        <v>7.6</v>
      </c>
      <c r="Y828" s="2">
        <v>16.7</v>
      </c>
      <c r="Z828" s="5"/>
      <c r="AA828" s="5" t="s">
        <v>43</v>
      </c>
      <c r="AB828" s="5" t="s">
        <v>44</v>
      </c>
      <c r="AC828" s="2"/>
      <c r="AD828" s="1"/>
    </row>
    <row r="829" spans="1:30">
      <c r="A829" s="5" t="s">
        <v>83578</v>
      </c>
      <c r="B829" s="2" t="s">
        <v>86060</v>
      </c>
      <c r="C829" s="14" t="s">
        <v>86061</v>
      </c>
      <c r="D829" s="2" t="s">
        <v>86062</v>
      </c>
      <c r="E829" s="2" t="s">
        <v>7567</v>
      </c>
      <c r="F829" s="8">
        <v>253</v>
      </c>
      <c r="G829" s="5">
        <v>6</v>
      </c>
      <c r="H829" s="5" t="s">
        <v>1518</v>
      </c>
      <c r="I829" s="5" t="s">
        <v>1519</v>
      </c>
      <c r="J829" s="2" t="s">
        <v>1520</v>
      </c>
      <c r="K829" s="5" t="s">
        <v>1519</v>
      </c>
      <c r="L829" s="2" t="s">
        <v>1520</v>
      </c>
      <c r="M829" s="5" t="s">
        <v>1521</v>
      </c>
      <c r="N829" s="5" t="s">
        <v>38</v>
      </c>
      <c r="O829" s="5" t="s">
        <v>39</v>
      </c>
      <c r="P829" s="5" t="s">
        <v>40</v>
      </c>
      <c r="Q829" s="5" t="s">
        <v>1522</v>
      </c>
      <c r="R829" s="5" t="s">
        <v>1523</v>
      </c>
      <c r="S829" s="5" t="s">
        <v>42</v>
      </c>
      <c r="T829" s="2">
        <v>2.3639999999999999</v>
      </c>
      <c r="U829" s="2">
        <v>1.804</v>
      </c>
      <c r="V829" s="2">
        <v>1.2999999999999999E-2</v>
      </c>
      <c r="W829" s="2">
        <v>99.1</v>
      </c>
      <c r="X829" s="2">
        <v>7.6</v>
      </c>
      <c r="Y829" s="2">
        <v>16.7</v>
      </c>
      <c r="Z829" s="5"/>
      <c r="AA829" s="5" t="s">
        <v>43</v>
      </c>
      <c r="AB829" s="5" t="s">
        <v>44</v>
      </c>
      <c r="AC829" s="2"/>
      <c r="AD829" s="1"/>
    </row>
    <row r="830" spans="1:30">
      <c r="A830" s="5" t="s">
        <v>83578</v>
      </c>
      <c r="B830" s="2" t="s">
        <v>86063</v>
      </c>
      <c r="C830" s="14" t="s">
        <v>86064</v>
      </c>
      <c r="D830" s="2" t="s">
        <v>86065</v>
      </c>
      <c r="E830" s="2" t="s">
        <v>16079</v>
      </c>
      <c r="F830" s="8">
        <v>253</v>
      </c>
      <c r="G830" s="5">
        <v>6</v>
      </c>
      <c r="H830" s="5" t="s">
        <v>1518</v>
      </c>
      <c r="I830" s="5" t="s">
        <v>1519</v>
      </c>
      <c r="J830" s="2" t="s">
        <v>1520</v>
      </c>
      <c r="K830" s="5" t="s">
        <v>1519</v>
      </c>
      <c r="L830" s="2" t="s">
        <v>1520</v>
      </c>
      <c r="M830" s="5" t="s">
        <v>1521</v>
      </c>
      <c r="N830" s="5" t="s">
        <v>38</v>
      </c>
      <c r="O830" s="5" t="s">
        <v>39</v>
      </c>
      <c r="P830" s="5" t="s">
        <v>40</v>
      </c>
      <c r="Q830" s="5" t="s">
        <v>1522</v>
      </c>
      <c r="R830" s="5" t="s">
        <v>1523</v>
      </c>
      <c r="S830" s="5" t="s">
        <v>42</v>
      </c>
      <c r="T830" s="2">
        <v>2.3159999999999998</v>
      </c>
      <c r="U830" s="2">
        <v>1.756</v>
      </c>
      <c r="V830" s="2">
        <v>1.2999999999999999E-2</v>
      </c>
      <c r="W830" s="2">
        <v>99.1</v>
      </c>
      <c r="X830" s="2">
        <v>7.6</v>
      </c>
      <c r="Y830" s="2">
        <v>16.7</v>
      </c>
      <c r="Z830" s="5"/>
      <c r="AA830" s="5" t="s">
        <v>43</v>
      </c>
      <c r="AB830" s="5" t="s">
        <v>44</v>
      </c>
      <c r="AC830" s="2"/>
      <c r="AD830" s="1"/>
    </row>
    <row r="831" spans="1:30">
      <c r="A831" s="5" t="s">
        <v>83578</v>
      </c>
      <c r="B831" s="2" t="s">
        <v>86066</v>
      </c>
      <c r="C831" s="14" t="s">
        <v>86067</v>
      </c>
      <c r="D831" s="2" t="s">
        <v>86068</v>
      </c>
      <c r="E831" s="2" t="s">
        <v>16194</v>
      </c>
      <c r="F831" s="8">
        <v>253</v>
      </c>
      <c r="G831" s="5">
        <v>6</v>
      </c>
      <c r="H831" s="5" t="s">
        <v>1518</v>
      </c>
      <c r="I831" s="5" t="s">
        <v>1519</v>
      </c>
      <c r="J831" s="2" t="s">
        <v>1520</v>
      </c>
      <c r="K831" s="5" t="s">
        <v>1519</v>
      </c>
      <c r="L831" s="2" t="s">
        <v>1520</v>
      </c>
      <c r="M831" s="5" t="s">
        <v>1521</v>
      </c>
      <c r="N831" s="5" t="s">
        <v>38</v>
      </c>
      <c r="O831" s="5" t="s">
        <v>39</v>
      </c>
      <c r="P831" s="5" t="s">
        <v>40</v>
      </c>
      <c r="Q831" s="5" t="s">
        <v>1522</v>
      </c>
      <c r="R831" s="5" t="s">
        <v>1523</v>
      </c>
      <c r="S831" s="5" t="s">
        <v>42</v>
      </c>
      <c r="T831" s="2">
        <v>2.3639999999999999</v>
      </c>
      <c r="U831" s="2">
        <v>1.804</v>
      </c>
      <c r="V831" s="2">
        <v>1.2999999999999999E-2</v>
      </c>
      <c r="W831" s="2">
        <v>99.1</v>
      </c>
      <c r="X831" s="2">
        <v>7.6</v>
      </c>
      <c r="Y831" s="2">
        <v>16.7</v>
      </c>
      <c r="Z831" s="5"/>
      <c r="AA831" s="5" t="s">
        <v>43</v>
      </c>
      <c r="AB831" s="5" t="s">
        <v>44</v>
      </c>
      <c r="AC831" s="2"/>
      <c r="AD831" s="1"/>
    </row>
    <row r="832" spans="1:30">
      <c r="A832" s="5" t="s">
        <v>83578</v>
      </c>
      <c r="B832" s="2" t="s">
        <v>86069</v>
      </c>
      <c r="C832" s="14" t="s">
        <v>86070</v>
      </c>
      <c r="D832" s="2" t="s">
        <v>86071</v>
      </c>
      <c r="E832" s="2" t="s">
        <v>7449</v>
      </c>
      <c r="F832" s="8">
        <v>253</v>
      </c>
      <c r="G832" s="5">
        <v>6</v>
      </c>
      <c r="H832" s="5" t="s">
        <v>1518</v>
      </c>
      <c r="I832" s="5" t="s">
        <v>1519</v>
      </c>
      <c r="J832" s="2" t="s">
        <v>1520</v>
      </c>
      <c r="K832" s="5" t="s">
        <v>1519</v>
      </c>
      <c r="L832" s="2" t="s">
        <v>1520</v>
      </c>
      <c r="M832" s="5" t="s">
        <v>1521</v>
      </c>
      <c r="N832" s="5" t="s">
        <v>38</v>
      </c>
      <c r="O832" s="5" t="s">
        <v>39</v>
      </c>
      <c r="P832" s="5" t="s">
        <v>40</v>
      </c>
      <c r="Q832" s="5" t="s">
        <v>1522</v>
      </c>
      <c r="R832" s="5" t="s">
        <v>1523</v>
      </c>
      <c r="S832" s="5" t="s">
        <v>42</v>
      </c>
      <c r="T832" s="2">
        <v>2.3159999999999998</v>
      </c>
      <c r="U832" s="2">
        <v>1.756</v>
      </c>
      <c r="V832" s="2">
        <v>1.2999999999999999E-2</v>
      </c>
      <c r="W832" s="2">
        <v>99.1</v>
      </c>
      <c r="X832" s="2">
        <v>7.6</v>
      </c>
      <c r="Y832" s="2">
        <v>16.7</v>
      </c>
      <c r="Z832" s="5"/>
      <c r="AA832" s="5" t="s">
        <v>43</v>
      </c>
      <c r="AB832" s="5" t="s">
        <v>44</v>
      </c>
      <c r="AC832" s="2"/>
      <c r="AD832" s="1"/>
    </row>
    <row r="833" spans="1:30">
      <c r="A833" s="5" t="s">
        <v>83578</v>
      </c>
      <c r="B833" s="2" t="s">
        <v>86072</v>
      </c>
      <c r="C833" s="14" t="s">
        <v>86073</v>
      </c>
      <c r="D833" s="2" t="s">
        <v>86074</v>
      </c>
      <c r="E833" s="2" t="s">
        <v>7585</v>
      </c>
      <c r="F833" s="8">
        <v>253</v>
      </c>
      <c r="G833" s="5">
        <v>6</v>
      </c>
      <c r="H833" s="5" t="s">
        <v>1518</v>
      </c>
      <c r="I833" s="5" t="s">
        <v>1519</v>
      </c>
      <c r="J833" s="2" t="s">
        <v>1520</v>
      </c>
      <c r="K833" s="5" t="s">
        <v>1519</v>
      </c>
      <c r="L833" s="2" t="s">
        <v>1520</v>
      </c>
      <c r="M833" s="5" t="s">
        <v>1521</v>
      </c>
      <c r="N833" s="5" t="s">
        <v>38</v>
      </c>
      <c r="O833" s="5" t="s">
        <v>39</v>
      </c>
      <c r="P833" s="5" t="s">
        <v>40</v>
      </c>
      <c r="Q833" s="5" t="s">
        <v>1522</v>
      </c>
      <c r="R833" s="5" t="s">
        <v>1523</v>
      </c>
      <c r="S833" s="5" t="s">
        <v>42</v>
      </c>
      <c r="T833" s="2">
        <v>2.3069999999999999</v>
      </c>
      <c r="U833" s="2">
        <v>1.7470000000000001</v>
      </c>
      <c r="V833" s="2">
        <v>1.2999999999999999E-2</v>
      </c>
      <c r="W833" s="2">
        <v>99.1</v>
      </c>
      <c r="X833" s="2">
        <v>7.6</v>
      </c>
      <c r="Y833" s="2">
        <v>16.7</v>
      </c>
      <c r="Z833" s="5"/>
      <c r="AA833" s="5" t="s">
        <v>43</v>
      </c>
      <c r="AB833" s="5" t="s">
        <v>44</v>
      </c>
      <c r="AC833" s="2"/>
      <c r="AD833" s="1"/>
    </row>
    <row r="834" spans="1:30">
      <c r="A834" s="5" t="s">
        <v>83578</v>
      </c>
      <c r="B834" s="2" t="s">
        <v>86075</v>
      </c>
      <c r="C834" s="14" t="s">
        <v>86076</v>
      </c>
      <c r="D834" s="2" t="s">
        <v>86077</v>
      </c>
      <c r="E834" s="2" t="s">
        <v>7589</v>
      </c>
      <c r="F834" s="8">
        <v>253</v>
      </c>
      <c r="G834" s="5">
        <v>6</v>
      </c>
      <c r="H834" s="5" t="s">
        <v>1518</v>
      </c>
      <c r="I834" s="5" t="s">
        <v>1519</v>
      </c>
      <c r="J834" s="2" t="s">
        <v>1520</v>
      </c>
      <c r="K834" s="5" t="s">
        <v>1519</v>
      </c>
      <c r="L834" s="2" t="s">
        <v>1520</v>
      </c>
      <c r="M834" s="5" t="s">
        <v>1521</v>
      </c>
      <c r="N834" s="5" t="s">
        <v>38</v>
      </c>
      <c r="O834" s="5" t="s">
        <v>39</v>
      </c>
      <c r="P834" s="5" t="s">
        <v>40</v>
      </c>
      <c r="Q834" s="5" t="s">
        <v>1522</v>
      </c>
      <c r="R834" s="5" t="s">
        <v>1523</v>
      </c>
      <c r="S834" s="5" t="s">
        <v>42</v>
      </c>
      <c r="T834" s="2">
        <v>2.355</v>
      </c>
      <c r="U834" s="2">
        <v>1.7949999999999999</v>
      </c>
      <c r="V834" s="2">
        <v>1.2999999999999999E-2</v>
      </c>
      <c r="W834" s="2">
        <v>99.1</v>
      </c>
      <c r="X834" s="2">
        <v>7.6</v>
      </c>
      <c r="Y834" s="2">
        <v>16.7</v>
      </c>
      <c r="Z834" s="5"/>
      <c r="AA834" s="5" t="s">
        <v>43</v>
      </c>
      <c r="AB834" s="5" t="s">
        <v>44</v>
      </c>
      <c r="AC834" s="2"/>
      <c r="AD834" s="1"/>
    </row>
    <row r="835" spans="1:30">
      <c r="A835" s="5" t="s">
        <v>83578</v>
      </c>
      <c r="B835" s="2" t="s">
        <v>86078</v>
      </c>
      <c r="C835" s="14" t="s">
        <v>86079</v>
      </c>
      <c r="D835" s="2" t="s">
        <v>86080</v>
      </c>
      <c r="E835" s="2" t="s">
        <v>7593</v>
      </c>
      <c r="F835" s="8">
        <v>253</v>
      </c>
      <c r="G835" s="5">
        <v>6</v>
      </c>
      <c r="H835" s="5" t="s">
        <v>1518</v>
      </c>
      <c r="I835" s="5" t="s">
        <v>1519</v>
      </c>
      <c r="J835" s="2" t="s">
        <v>1520</v>
      </c>
      <c r="K835" s="5" t="s">
        <v>1519</v>
      </c>
      <c r="L835" s="2" t="s">
        <v>1520</v>
      </c>
      <c r="M835" s="5" t="s">
        <v>1521</v>
      </c>
      <c r="N835" s="5" t="s">
        <v>38</v>
      </c>
      <c r="O835" s="5" t="s">
        <v>39</v>
      </c>
      <c r="P835" s="5" t="s">
        <v>40</v>
      </c>
      <c r="Q835" s="5" t="s">
        <v>1522</v>
      </c>
      <c r="R835" s="5" t="s">
        <v>1523</v>
      </c>
      <c r="S835" s="5" t="s">
        <v>42</v>
      </c>
      <c r="T835" s="2">
        <v>2.3159999999999998</v>
      </c>
      <c r="U835" s="2">
        <v>1.756</v>
      </c>
      <c r="V835" s="2">
        <v>1.2999999999999999E-2</v>
      </c>
      <c r="W835" s="2">
        <v>99.1</v>
      </c>
      <c r="X835" s="2">
        <v>7.6</v>
      </c>
      <c r="Y835" s="2">
        <v>16.7</v>
      </c>
      <c r="Z835" s="5"/>
      <c r="AA835" s="5" t="s">
        <v>43</v>
      </c>
      <c r="AB835" s="5" t="s">
        <v>44</v>
      </c>
      <c r="AC835" s="2"/>
      <c r="AD835" s="1"/>
    </row>
    <row r="836" spans="1:30">
      <c r="A836" s="5" t="s">
        <v>83578</v>
      </c>
      <c r="B836" s="2" t="s">
        <v>86081</v>
      </c>
      <c r="C836" s="14" t="s">
        <v>86082</v>
      </c>
      <c r="D836" s="2" t="s">
        <v>86083</v>
      </c>
      <c r="E836" s="2" t="s">
        <v>7597</v>
      </c>
      <c r="F836" s="8">
        <v>253</v>
      </c>
      <c r="G836" s="5">
        <v>6</v>
      </c>
      <c r="H836" s="5" t="s">
        <v>1518</v>
      </c>
      <c r="I836" s="5" t="s">
        <v>1519</v>
      </c>
      <c r="J836" s="2" t="s">
        <v>1520</v>
      </c>
      <c r="K836" s="5" t="s">
        <v>1519</v>
      </c>
      <c r="L836" s="2" t="s">
        <v>1520</v>
      </c>
      <c r="M836" s="5" t="s">
        <v>1521</v>
      </c>
      <c r="N836" s="5" t="s">
        <v>38</v>
      </c>
      <c r="O836" s="5" t="s">
        <v>39</v>
      </c>
      <c r="P836" s="5" t="s">
        <v>40</v>
      </c>
      <c r="Q836" s="5" t="s">
        <v>1522</v>
      </c>
      <c r="R836" s="5" t="s">
        <v>1523</v>
      </c>
      <c r="S836" s="5" t="s">
        <v>42</v>
      </c>
      <c r="T836" s="2">
        <v>2.3639999999999999</v>
      </c>
      <c r="U836" s="2">
        <v>1.804</v>
      </c>
      <c r="V836" s="2">
        <v>1.2999999999999999E-2</v>
      </c>
      <c r="W836" s="2">
        <v>99.1</v>
      </c>
      <c r="X836" s="2">
        <v>7.6</v>
      </c>
      <c r="Y836" s="2">
        <v>16.7</v>
      </c>
      <c r="Z836" s="5"/>
      <c r="AA836" s="5" t="s">
        <v>43</v>
      </c>
      <c r="AB836" s="5" t="s">
        <v>44</v>
      </c>
      <c r="AC836" s="2"/>
      <c r="AD836" s="1"/>
    </row>
    <row r="837" spans="1:30">
      <c r="A837" s="5" t="s">
        <v>83578</v>
      </c>
      <c r="B837" s="2" t="s">
        <v>86084</v>
      </c>
      <c r="C837" s="14" t="s">
        <v>86085</v>
      </c>
      <c r="D837" s="2" t="s">
        <v>86086</v>
      </c>
      <c r="E837" s="2" t="s">
        <v>16014</v>
      </c>
      <c r="F837" s="8">
        <v>253</v>
      </c>
      <c r="G837" s="5">
        <v>6</v>
      </c>
      <c r="H837" s="5" t="s">
        <v>1518</v>
      </c>
      <c r="I837" s="5" t="s">
        <v>1519</v>
      </c>
      <c r="J837" s="2" t="s">
        <v>1520</v>
      </c>
      <c r="K837" s="5" t="s">
        <v>1519</v>
      </c>
      <c r="L837" s="2" t="s">
        <v>1520</v>
      </c>
      <c r="M837" s="5" t="s">
        <v>1521</v>
      </c>
      <c r="N837" s="5" t="s">
        <v>38</v>
      </c>
      <c r="O837" s="5" t="s">
        <v>39</v>
      </c>
      <c r="P837" s="5" t="s">
        <v>40</v>
      </c>
      <c r="Q837" s="5" t="s">
        <v>1522</v>
      </c>
      <c r="R837" s="5" t="s">
        <v>1523</v>
      </c>
      <c r="S837" s="5" t="s">
        <v>42</v>
      </c>
      <c r="T837" s="2">
        <v>2.3159999999999998</v>
      </c>
      <c r="U837" s="2">
        <v>1.756</v>
      </c>
      <c r="V837" s="2">
        <v>1.2999999999999999E-2</v>
      </c>
      <c r="W837" s="2">
        <v>99.1</v>
      </c>
      <c r="X837" s="2">
        <v>7.6</v>
      </c>
      <c r="Y837" s="2">
        <v>16.7</v>
      </c>
      <c r="Z837" s="5"/>
      <c r="AA837" s="5" t="s">
        <v>43</v>
      </c>
      <c r="AB837" s="5" t="s">
        <v>44</v>
      </c>
      <c r="AC837" s="2"/>
      <c r="AD837" s="1"/>
    </row>
    <row r="838" spans="1:30">
      <c r="A838" s="5" t="s">
        <v>83578</v>
      </c>
      <c r="B838" s="2" t="s">
        <v>86087</v>
      </c>
      <c r="C838" s="14" t="s">
        <v>86088</v>
      </c>
      <c r="D838" s="2" t="s">
        <v>86089</v>
      </c>
      <c r="E838" s="2" t="s">
        <v>16219</v>
      </c>
      <c r="F838" s="8">
        <v>253</v>
      </c>
      <c r="G838" s="5">
        <v>6</v>
      </c>
      <c r="H838" s="5" t="s">
        <v>1518</v>
      </c>
      <c r="I838" s="5" t="s">
        <v>1519</v>
      </c>
      <c r="J838" s="2" t="s">
        <v>1520</v>
      </c>
      <c r="K838" s="5" t="s">
        <v>1519</v>
      </c>
      <c r="L838" s="2" t="s">
        <v>1520</v>
      </c>
      <c r="M838" s="5" t="s">
        <v>1521</v>
      </c>
      <c r="N838" s="5" t="s">
        <v>38</v>
      </c>
      <c r="O838" s="5" t="s">
        <v>39</v>
      </c>
      <c r="P838" s="5" t="s">
        <v>40</v>
      </c>
      <c r="Q838" s="5" t="s">
        <v>1522</v>
      </c>
      <c r="R838" s="5" t="s">
        <v>1523</v>
      </c>
      <c r="S838" s="5" t="s">
        <v>42</v>
      </c>
      <c r="T838" s="2">
        <v>2.3639999999999999</v>
      </c>
      <c r="U838" s="2">
        <v>1.804</v>
      </c>
      <c r="V838" s="2">
        <v>1.2999999999999999E-2</v>
      </c>
      <c r="W838" s="2">
        <v>99.1</v>
      </c>
      <c r="X838" s="2">
        <v>7.6</v>
      </c>
      <c r="Y838" s="2">
        <v>16.7</v>
      </c>
      <c r="Z838" s="5"/>
      <c r="AA838" s="5" t="s">
        <v>43</v>
      </c>
      <c r="AB838" s="5" t="s">
        <v>44</v>
      </c>
      <c r="AC838" s="2"/>
      <c r="AD838" s="1"/>
    </row>
    <row r="839" spans="1:30">
      <c r="A839" s="5" t="s">
        <v>83578</v>
      </c>
      <c r="B839" s="2" t="s">
        <v>86090</v>
      </c>
      <c r="C839" s="14" t="s">
        <v>86091</v>
      </c>
      <c r="D839" s="2" t="s">
        <v>86092</v>
      </c>
      <c r="E839" s="2" t="s">
        <v>16018</v>
      </c>
      <c r="F839" s="8">
        <v>253</v>
      </c>
      <c r="G839" s="5">
        <v>6</v>
      </c>
      <c r="H839" s="5" t="s">
        <v>1518</v>
      </c>
      <c r="I839" s="5" t="s">
        <v>1519</v>
      </c>
      <c r="J839" s="2" t="s">
        <v>1520</v>
      </c>
      <c r="K839" s="5" t="s">
        <v>1519</v>
      </c>
      <c r="L839" s="2" t="s">
        <v>1520</v>
      </c>
      <c r="M839" s="5" t="s">
        <v>1521</v>
      </c>
      <c r="N839" s="5" t="s">
        <v>38</v>
      </c>
      <c r="O839" s="5" t="s">
        <v>39</v>
      </c>
      <c r="P839" s="5" t="s">
        <v>40</v>
      </c>
      <c r="Q839" s="5" t="s">
        <v>1522</v>
      </c>
      <c r="R839" s="5" t="s">
        <v>1523</v>
      </c>
      <c r="S839" s="5" t="s">
        <v>42</v>
      </c>
      <c r="T839" s="2">
        <v>2.3159999999999998</v>
      </c>
      <c r="U839" s="2">
        <v>1.756</v>
      </c>
      <c r="V839" s="2">
        <v>1.2999999999999999E-2</v>
      </c>
      <c r="W839" s="2">
        <v>99.1</v>
      </c>
      <c r="X839" s="2">
        <v>7.6</v>
      </c>
      <c r="Y839" s="2">
        <v>16.7</v>
      </c>
      <c r="Z839" s="5"/>
      <c r="AA839" s="5" t="s">
        <v>43</v>
      </c>
      <c r="AB839" s="5" t="s">
        <v>44</v>
      </c>
      <c r="AC839" s="2"/>
      <c r="AD839" s="1"/>
    </row>
    <row r="840" spans="1:30">
      <c r="A840" s="5" t="s">
        <v>83578</v>
      </c>
      <c r="B840" s="2" t="s">
        <v>86093</v>
      </c>
      <c r="C840" s="14" t="s">
        <v>86094</v>
      </c>
      <c r="D840" s="2" t="s">
        <v>86095</v>
      </c>
      <c r="E840" s="2" t="s">
        <v>16022</v>
      </c>
      <c r="F840" s="8">
        <v>253</v>
      </c>
      <c r="G840" s="5">
        <v>6</v>
      </c>
      <c r="H840" s="5" t="s">
        <v>1518</v>
      </c>
      <c r="I840" s="5" t="s">
        <v>1519</v>
      </c>
      <c r="J840" s="2" t="s">
        <v>1520</v>
      </c>
      <c r="K840" s="5" t="s">
        <v>1519</v>
      </c>
      <c r="L840" s="2" t="s">
        <v>1520</v>
      </c>
      <c r="M840" s="5" t="s">
        <v>1521</v>
      </c>
      <c r="N840" s="5" t="s">
        <v>38</v>
      </c>
      <c r="O840" s="5" t="s">
        <v>39</v>
      </c>
      <c r="P840" s="5" t="s">
        <v>40</v>
      </c>
      <c r="Q840" s="5" t="s">
        <v>1522</v>
      </c>
      <c r="R840" s="5" t="s">
        <v>1523</v>
      </c>
      <c r="S840" s="5" t="s">
        <v>42</v>
      </c>
      <c r="T840" s="2">
        <v>2.3639999999999999</v>
      </c>
      <c r="U840" s="2">
        <v>1.804</v>
      </c>
      <c r="V840" s="2">
        <v>1.2999999999999999E-2</v>
      </c>
      <c r="W840" s="2">
        <v>99.1</v>
      </c>
      <c r="X840" s="2">
        <v>7.6</v>
      </c>
      <c r="Y840" s="2">
        <v>16.7</v>
      </c>
      <c r="Z840" s="5"/>
      <c r="AA840" s="5" t="s">
        <v>43</v>
      </c>
      <c r="AB840" s="5" t="s">
        <v>44</v>
      </c>
      <c r="AC840" s="2"/>
      <c r="AD840" s="1"/>
    </row>
    <row r="841" spans="1:30">
      <c r="A841" s="5" t="s">
        <v>83578</v>
      </c>
      <c r="B841" s="2" t="s">
        <v>86096</v>
      </c>
      <c r="C841" s="14" t="s">
        <v>86097</v>
      </c>
      <c r="D841" s="2" t="s">
        <v>86098</v>
      </c>
      <c r="E841" s="2" t="s">
        <v>7615</v>
      </c>
      <c r="F841" s="8">
        <v>253</v>
      </c>
      <c r="G841" s="5">
        <v>6</v>
      </c>
      <c r="H841" s="5" t="s">
        <v>1518</v>
      </c>
      <c r="I841" s="5" t="s">
        <v>1519</v>
      </c>
      <c r="J841" s="2" t="s">
        <v>1520</v>
      </c>
      <c r="K841" s="5" t="s">
        <v>1519</v>
      </c>
      <c r="L841" s="2" t="s">
        <v>1520</v>
      </c>
      <c r="M841" s="5" t="s">
        <v>1521</v>
      </c>
      <c r="N841" s="5" t="s">
        <v>38</v>
      </c>
      <c r="O841" s="5" t="s">
        <v>39</v>
      </c>
      <c r="P841" s="5" t="s">
        <v>40</v>
      </c>
      <c r="Q841" s="5" t="s">
        <v>1522</v>
      </c>
      <c r="R841" s="5" t="s">
        <v>1523</v>
      </c>
      <c r="S841" s="5" t="s">
        <v>42</v>
      </c>
      <c r="T841" s="2">
        <v>2.3069999999999999</v>
      </c>
      <c r="U841" s="2">
        <v>1.7470000000000001</v>
      </c>
      <c r="V841" s="2">
        <v>1.2999999999999999E-2</v>
      </c>
      <c r="W841" s="2">
        <v>99.1</v>
      </c>
      <c r="X841" s="2">
        <v>7.6</v>
      </c>
      <c r="Y841" s="2">
        <v>16.7</v>
      </c>
      <c r="Z841" s="5"/>
      <c r="AA841" s="5" t="s">
        <v>43</v>
      </c>
      <c r="AB841" s="5" t="s">
        <v>44</v>
      </c>
      <c r="AC841" s="2"/>
      <c r="AD841" s="1"/>
    </row>
    <row r="842" spans="1:30">
      <c r="A842" s="5" t="s">
        <v>83578</v>
      </c>
      <c r="B842" s="2" t="s">
        <v>86099</v>
      </c>
      <c r="C842" s="14" t="s">
        <v>86100</v>
      </c>
      <c r="D842" s="2" t="s">
        <v>86101</v>
      </c>
      <c r="E842" s="2" t="s">
        <v>7619</v>
      </c>
      <c r="F842" s="8">
        <v>253</v>
      </c>
      <c r="G842" s="5">
        <v>6</v>
      </c>
      <c r="H842" s="5" t="s">
        <v>1518</v>
      </c>
      <c r="I842" s="5" t="s">
        <v>1519</v>
      </c>
      <c r="J842" s="2" t="s">
        <v>1520</v>
      </c>
      <c r="K842" s="5" t="s">
        <v>1519</v>
      </c>
      <c r="L842" s="2" t="s">
        <v>1520</v>
      </c>
      <c r="M842" s="5" t="s">
        <v>1521</v>
      </c>
      <c r="N842" s="5" t="s">
        <v>38</v>
      </c>
      <c r="O842" s="5" t="s">
        <v>39</v>
      </c>
      <c r="P842" s="5" t="s">
        <v>40</v>
      </c>
      <c r="Q842" s="5" t="s">
        <v>1522</v>
      </c>
      <c r="R842" s="5" t="s">
        <v>1523</v>
      </c>
      <c r="S842" s="5" t="s">
        <v>42</v>
      </c>
      <c r="T842" s="2">
        <v>2.355</v>
      </c>
      <c r="U842" s="2">
        <v>1.7949999999999999</v>
      </c>
      <c r="V842" s="2">
        <v>1.2999999999999999E-2</v>
      </c>
      <c r="W842" s="2">
        <v>99.1</v>
      </c>
      <c r="X842" s="2">
        <v>7.6</v>
      </c>
      <c r="Y842" s="2">
        <v>16.7</v>
      </c>
      <c r="Z842" s="5"/>
      <c r="AA842" s="5" t="s">
        <v>43</v>
      </c>
      <c r="AB842" s="5" t="s">
        <v>44</v>
      </c>
      <c r="AC842" s="2"/>
      <c r="AD842" s="1"/>
    </row>
    <row r="843" spans="1:30">
      <c r="A843" s="5" t="s">
        <v>83578</v>
      </c>
      <c r="B843" s="2" t="s">
        <v>86102</v>
      </c>
      <c r="C843" s="14" t="s">
        <v>86103</v>
      </c>
      <c r="D843" s="2" t="s">
        <v>86104</v>
      </c>
      <c r="E843" s="2" t="s">
        <v>7593</v>
      </c>
      <c r="F843" s="8">
        <v>275</v>
      </c>
      <c r="G843" s="5">
        <v>6</v>
      </c>
      <c r="H843" s="5" t="s">
        <v>1518</v>
      </c>
      <c r="I843" s="5" t="s">
        <v>1519</v>
      </c>
      <c r="J843" s="2" t="s">
        <v>1520</v>
      </c>
      <c r="K843" s="5" t="s">
        <v>1519</v>
      </c>
      <c r="L843" s="2" t="s">
        <v>1520</v>
      </c>
      <c r="M843" s="5" t="s">
        <v>1521</v>
      </c>
      <c r="N843" s="5" t="s">
        <v>38</v>
      </c>
      <c r="O843" s="5" t="s">
        <v>39</v>
      </c>
      <c r="P843" s="5" t="s">
        <v>40</v>
      </c>
      <c r="Q843" s="5" t="s">
        <v>1522</v>
      </c>
      <c r="R843" s="5" t="s">
        <v>1523</v>
      </c>
      <c r="S843" s="5" t="s">
        <v>42</v>
      </c>
      <c r="T843" s="2">
        <v>3.3010000000000002</v>
      </c>
      <c r="U843" s="2">
        <v>2.601</v>
      </c>
      <c r="V843" s="2">
        <v>0.02</v>
      </c>
      <c r="W843" s="2">
        <v>159.1</v>
      </c>
      <c r="X843" s="2">
        <v>7.6</v>
      </c>
      <c r="Y843" s="2">
        <v>16.7</v>
      </c>
      <c r="Z843" s="5"/>
      <c r="AA843" s="5" t="s">
        <v>43</v>
      </c>
      <c r="AB843" s="5" t="s">
        <v>44</v>
      </c>
      <c r="AC843" s="2"/>
      <c r="AD843" s="1"/>
    </row>
    <row r="844" spans="1:30">
      <c r="A844" s="5" t="s">
        <v>83578</v>
      </c>
      <c r="B844" s="2" t="s">
        <v>86105</v>
      </c>
      <c r="C844" s="14" t="s">
        <v>86106</v>
      </c>
      <c r="D844" s="2" t="s">
        <v>86107</v>
      </c>
      <c r="E844" s="2" t="s">
        <v>7539</v>
      </c>
      <c r="F844" s="8">
        <v>287</v>
      </c>
      <c r="G844" s="5">
        <v>6</v>
      </c>
      <c r="H844" s="5" t="s">
        <v>1518</v>
      </c>
      <c r="I844" s="5" t="s">
        <v>1519</v>
      </c>
      <c r="J844" s="2" t="s">
        <v>1520</v>
      </c>
      <c r="K844" s="5" t="s">
        <v>1519</v>
      </c>
      <c r="L844" s="2" t="s">
        <v>1520</v>
      </c>
      <c r="M844" s="5" t="s">
        <v>1521</v>
      </c>
      <c r="N844" s="5" t="s">
        <v>38</v>
      </c>
      <c r="O844" s="5" t="s">
        <v>39</v>
      </c>
      <c r="P844" s="5" t="s">
        <v>40</v>
      </c>
      <c r="Q844" s="5" t="s">
        <v>1522</v>
      </c>
      <c r="R844" s="5" t="s">
        <v>1523</v>
      </c>
      <c r="S844" s="5" t="s">
        <v>42</v>
      </c>
      <c r="T844" s="2">
        <v>3.5270000000000001</v>
      </c>
      <c r="U844" s="2">
        <v>2.7589999999999999</v>
      </c>
      <c r="V844" s="2">
        <v>2.1000000000000001E-2</v>
      </c>
      <c r="W844" s="2">
        <v>165.1</v>
      </c>
      <c r="X844" s="2">
        <v>7.6</v>
      </c>
      <c r="Y844" s="2">
        <v>16.7</v>
      </c>
      <c r="Z844" s="5"/>
      <c r="AA844" s="5" t="s">
        <v>43</v>
      </c>
      <c r="AB844" s="5" t="s">
        <v>44</v>
      </c>
      <c r="AC844" s="2"/>
      <c r="AD844" s="1"/>
    </row>
    <row r="845" spans="1:30">
      <c r="A845" s="5" t="s">
        <v>83578</v>
      </c>
      <c r="B845" s="2" t="s">
        <v>86108</v>
      </c>
      <c r="C845" s="14" t="s">
        <v>86109</v>
      </c>
      <c r="D845" s="2" t="s">
        <v>86110</v>
      </c>
      <c r="E845" s="2" t="s">
        <v>7551</v>
      </c>
      <c r="F845" s="8">
        <v>287</v>
      </c>
      <c r="G845" s="5">
        <v>6</v>
      </c>
      <c r="H845" s="5" t="s">
        <v>1518</v>
      </c>
      <c r="I845" s="5" t="s">
        <v>1519</v>
      </c>
      <c r="J845" s="2" t="s">
        <v>1520</v>
      </c>
      <c r="K845" s="5" t="s">
        <v>1519</v>
      </c>
      <c r="L845" s="2" t="s">
        <v>1520</v>
      </c>
      <c r="M845" s="5" t="s">
        <v>1521</v>
      </c>
      <c r="N845" s="5" t="s">
        <v>38</v>
      </c>
      <c r="O845" s="5" t="s">
        <v>39</v>
      </c>
      <c r="P845" s="5" t="s">
        <v>40</v>
      </c>
      <c r="Q845" s="5" t="s">
        <v>1522</v>
      </c>
      <c r="R845" s="5" t="s">
        <v>1523</v>
      </c>
      <c r="S845" s="5" t="s">
        <v>42</v>
      </c>
      <c r="T845" s="2">
        <v>3.6139999999999999</v>
      </c>
      <c r="U845" s="2">
        <v>2.8460000000000001</v>
      </c>
      <c r="V845" s="2">
        <v>2.1000000000000001E-2</v>
      </c>
      <c r="W845" s="2">
        <v>165.1</v>
      </c>
      <c r="X845" s="2">
        <v>7.6</v>
      </c>
      <c r="Y845" s="2">
        <v>16.7</v>
      </c>
      <c r="Z845" s="5"/>
      <c r="AA845" s="5" t="s">
        <v>43</v>
      </c>
      <c r="AB845" s="5" t="s">
        <v>44</v>
      </c>
      <c r="AC845" s="2"/>
      <c r="AD845" s="1"/>
    </row>
    <row r="846" spans="1:30">
      <c r="A846" s="5" t="s">
        <v>83578</v>
      </c>
      <c r="B846" s="2" t="s">
        <v>86111</v>
      </c>
      <c r="C846" s="14" t="s">
        <v>86112</v>
      </c>
      <c r="D846" s="2" t="s">
        <v>86113</v>
      </c>
      <c r="E846" s="2" t="s">
        <v>7559</v>
      </c>
      <c r="F846" s="8">
        <v>287</v>
      </c>
      <c r="G846" s="5">
        <v>6</v>
      </c>
      <c r="H846" s="5" t="s">
        <v>1518</v>
      </c>
      <c r="I846" s="5" t="s">
        <v>1519</v>
      </c>
      <c r="J846" s="2" t="s">
        <v>1520</v>
      </c>
      <c r="K846" s="5" t="s">
        <v>1519</v>
      </c>
      <c r="L846" s="2" t="s">
        <v>1520</v>
      </c>
      <c r="M846" s="5" t="s">
        <v>1521</v>
      </c>
      <c r="N846" s="5" t="s">
        <v>38</v>
      </c>
      <c r="O846" s="5" t="s">
        <v>39</v>
      </c>
      <c r="P846" s="5" t="s">
        <v>40</v>
      </c>
      <c r="Q846" s="5" t="s">
        <v>1522</v>
      </c>
      <c r="R846" s="5" t="s">
        <v>1523</v>
      </c>
      <c r="S846" s="5" t="s">
        <v>42</v>
      </c>
      <c r="T846" s="2">
        <v>3.6139999999999999</v>
      </c>
      <c r="U846" s="2">
        <v>2.8460000000000001</v>
      </c>
      <c r="V846" s="2">
        <v>2.1000000000000001E-2</v>
      </c>
      <c r="W846" s="2">
        <v>165.1</v>
      </c>
      <c r="X846" s="2">
        <v>7.6</v>
      </c>
      <c r="Y846" s="2">
        <v>16.7</v>
      </c>
      <c r="Z846" s="5"/>
      <c r="AA846" s="5" t="s">
        <v>43</v>
      </c>
      <c r="AB846" s="5" t="s">
        <v>44</v>
      </c>
      <c r="AC846" s="2"/>
      <c r="AD846" s="1"/>
    </row>
    <row r="847" spans="1:30">
      <c r="A847" s="5" t="s">
        <v>83578</v>
      </c>
      <c r="B847" s="2" t="s">
        <v>86114</v>
      </c>
      <c r="C847" s="14" t="s">
        <v>86115</v>
      </c>
      <c r="D847" s="2" t="s">
        <v>86116</v>
      </c>
      <c r="E847" s="2" t="s">
        <v>16079</v>
      </c>
      <c r="F847" s="8">
        <v>287</v>
      </c>
      <c r="G847" s="5">
        <v>6</v>
      </c>
      <c r="H847" s="5" t="s">
        <v>1518</v>
      </c>
      <c r="I847" s="5" t="s">
        <v>1519</v>
      </c>
      <c r="J847" s="2" t="s">
        <v>1520</v>
      </c>
      <c r="K847" s="5" t="s">
        <v>1519</v>
      </c>
      <c r="L847" s="2" t="s">
        <v>1520</v>
      </c>
      <c r="M847" s="5" t="s">
        <v>1521</v>
      </c>
      <c r="N847" s="5" t="s">
        <v>38</v>
      </c>
      <c r="O847" s="5" t="s">
        <v>39</v>
      </c>
      <c r="P847" s="5" t="s">
        <v>40</v>
      </c>
      <c r="Q847" s="5" t="s">
        <v>1522</v>
      </c>
      <c r="R847" s="5" t="s">
        <v>1523</v>
      </c>
      <c r="S847" s="5" t="s">
        <v>42</v>
      </c>
      <c r="T847" s="2">
        <v>3.5270000000000001</v>
      </c>
      <c r="U847" s="2">
        <v>2.7589999999999999</v>
      </c>
      <c r="V847" s="2">
        <v>2.1000000000000001E-2</v>
      </c>
      <c r="W847" s="2">
        <v>165.1</v>
      </c>
      <c r="X847" s="2">
        <v>7.6</v>
      </c>
      <c r="Y847" s="2">
        <v>16.7</v>
      </c>
      <c r="Z847" s="5"/>
      <c r="AA847" s="5" t="s">
        <v>43</v>
      </c>
      <c r="AB847" s="5" t="s">
        <v>44</v>
      </c>
      <c r="AC847" s="2"/>
      <c r="AD847" s="1"/>
    </row>
    <row r="848" spans="1:30">
      <c r="A848" s="5" t="s">
        <v>83578</v>
      </c>
      <c r="B848" s="2" t="s">
        <v>86117</v>
      </c>
      <c r="C848" s="14" t="s">
        <v>86118</v>
      </c>
      <c r="D848" s="2" t="s">
        <v>86119</v>
      </c>
      <c r="E848" s="2" t="s">
        <v>7449</v>
      </c>
      <c r="F848" s="8">
        <v>287</v>
      </c>
      <c r="G848" s="5">
        <v>6</v>
      </c>
      <c r="H848" s="5" t="s">
        <v>1518</v>
      </c>
      <c r="I848" s="5" t="s">
        <v>1519</v>
      </c>
      <c r="J848" s="2" t="s">
        <v>1520</v>
      </c>
      <c r="K848" s="5" t="s">
        <v>1519</v>
      </c>
      <c r="L848" s="2" t="s">
        <v>1520</v>
      </c>
      <c r="M848" s="5" t="s">
        <v>1521</v>
      </c>
      <c r="N848" s="5" t="s">
        <v>38</v>
      </c>
      <c r="O848" s="5" t="s">
        <v>39</v>
      </c>
      <c r="P848" s="5" t="s">
        <v>40</v>
      </c>
      <c r="Q848" s="5" t="s">
        <v>1522</v>
      </c>
      <c r="R848" s="5" t="s">
        <v>1523</v>
      </c>
      <c r="S848" s="5" t="s">
        <v>42</v>
      </c>
      <c r="T848" s="2">
        <v>3.5270000000000001</v>
      </c>
      <c r="U848" s="2">
        <v>2.7589999999999999</v>
      </c>
      <c r="V848" s="2">
        <v>2.1000000000000001E-2</v>
      </c>
      <c r="W848" s="2">
        <v>165.1</v>
      </c>
      <c r="X848" s="2">
        <v>7.6</v>
      </c>
      <c r="Y848" s="2">
        <v>16.7</v>
      </c>
      <c r="Z848" s="5"/>
      <c r="AA848" s="5" t="s">
        <v>43</v>
      </c>
      <c r="AB848" s="5" t="s">
        <v>44</v>
      </c>
      <c r="AC848" s="2"/>
      <c r="AD848" s="1"/>
    </row>
    <row r="849" spans="1:30">
      <c r="A849" s="5" t="s">
        <v>83578</v>
      </c>
      <c r="B849" s="2" t="s">
        <v>86120</v>
      </c>
      <c r="C849" s="14" t="s">
        <v>86121</v>
      </c>
      <c r="D849" s="2" t="s">
        <v>86122</v>
      </c>
      <c r="E849" s="2" t="s">
        <v>7581</v>
      </c>
      <c r="F849" s="8">
        <v>287</v>
      </c>
      <c r="G849" s="5">
        <v>6</v>
      </c>
      <c r="H849" s="5" t="s">
        <v>1518</v>
      </c>
      <c r="I849" s="5" t="s">
        <v>1519</v>
      </c>
      <c r="J849" s="2" t="s">
        <v>1520</v>
      </c>
      <c r="K849" s="5" t="s">
        <v>1519</v>
      </c>
      <c r="L849" s="2" t="s">
        <v>1520</v>
      </c>
      <c r="M849" s="5" t="s">
        <v>1521</v>
      </c>
      <c r="N849" s="5" t="s">
        <v>38</v>
      </c>
      <c r="O849" s="5" t="s">
        <v>39</v>
      </c>
      <c r="P849" s="5" t="s">
        <v>40</v>
      </c>
      <c r="Q849" s="5" t="s">
        <v>1522</v>
      </c>
      <c r="R849" s="5" t="s">
        <v>1523</v>
      </c>
      <c r="S849" s="5" t="s">
        <v>42</v>
      </c>
      <c r="T849" s="2">
        <v>3.6440000000000001</v>
      </c>
      <c r="U849" s="2">
        <v>2.8759999999999999</v>
      </c>
      <c r="V849" s="2">
        <v>2.1000000000000001E-2</v>
      </c>
      <c r="W849" s="2">
        <v>165.1</v>
      </c>
      <c r="X849" s="2">
        <v>7.6</v>
      </c>
      <c r="Y849" s="2">
        <v>16.7</v>
      </c>
      <c r="Z849" s="5"/>
      <c r="AA849" s="5" t="s">
        <v>43</v>
      </c>
      <c r="AB849" s="5" t="s">
        <v>44</v>
      </c>
      <c r="AC849" s="2"/>
      <c r="AD849" s="1"/>
    </row>
    <row r="850" spans="1:30">
      <c r="A850" s="5" t="s">
        <v>83578</v>
      </c>
      <c r="B850" s="2" t="s">
        <v>86123</v>
      </c>
      <c r="C850" s="14" t="s">
        <v>86124</v>
      </c>
      <c r="D850" s="2" t="s">
        <v>86125</v>
      </c>
      <c r="E850" s="2" t="s">
        <v>7585</v>
      </c>
      <c r="F850" s="8">
        <v>287</v>
      </c>
      <c r="G850" s="5">
        <v>6</v>
      </c>
      <c r="H850" s="5" t="s">
        <v>1518</v>
      </c>
      <c r="I850" s="5" t="s">
        <v>1519</v>
      </c>
      <c r="J850" s="2" t="s">
        <v>1520</v>
      </c>
      <c r="K850" s="5" t="s">
        <v>1519</v>
      </c>
      <c r="L850" s="2" t="s">
        <v>1520</v>
      </c>
      <c r="M850" s="5" t="s">
        <v>1521</v>
      </c>
      <c r="N850" s="5" t="s">
        <v>38</v>
      </c>
      <c r="O850" s="5" t="s">
        <v>39</v>
      </c>
      <c r="P850" s="5" t="s">
        <v>40</v>
      </c>
      <c r="Q850" s="5" t="s">
        <v>1522</v>
      </c>
      <c r="R850" s="5" t="s">
        <v>1523</v>
      </c>
      <c r="S850" s="5" t="s">
        <v>42</v>
      </c>
      <c r="T850" s="2">
        <v>3.4969999999999999</v>
      </c>
      <c r="U850" s="2">
        <v>2.7290000000000001</v>
      </c>
      <c r="V850" s="2">
        <v>2.1000000000000001E-2</v>
      </c>
      <c r="W850" s="2">
        <v>165.1</v>
      </c>
      <c r="X850" s="2">
        <v>7.6</v>
      </c>
      <c r="Y850" s="2">
        <v>16.7</v>
      </c>
      <c r="Z850" s="5"/>
      <c r="AA850" s="5" t="s">
        <v>43</v>
      </c>
      <c r="AB850" s="5" t="s">
        <v>44</v>
      </c>
      <c r="AC850" s="2"/>
      <c r="AD850" s="1"/>
    </row>
    <row r="851" spans="1:30">
      <c r="A851" s="5" t="s">
        <v>83578</v>
      </c>
      <c r="B851" s="2" t="s">
        <v>86126</v>
      </c>
      <c r="C851" s="14" t="s">
        <v>86127</v>
      </c>
      <c r="D851" s="2" t="s">
        <v>86128</v>
      </c>
      <c r="E851" s="2" t="s">
        <v>7597</v>
      </c>
      <c r="F851" s="8">
        <v>287</v>
      </c>
      <c r="G851" s="5">
        <v>6</v>
      </c>
      <c r="H851" s="5" t="s">
        <v>1518</v>
      </c>
      <c r="I851" s="5" t="s">
        <v>1519</v>
      </c>
      <c r="J851" s="2" t="s">
        <v>1520</v>
      </c>
      <c r="K851" s="5" t="s">
        <v>1519</v>
      </c>
      <c r="L851" s="2" t="s">
        <v>1520</v>
      </c>
      <c r="M851" s="5" t="s">
        <v>1521</v>
      </c>
      <c r="N851" s="5" t="s">
        <v>38</v>
      </c>
      <c r="O851" s="5" t="s">
        <v>39</v>
      </c>
      <c r="P851" s="5" t="s">
        <v>40</v>
      </c>
      <c r="Q851" s="5" t="s">
        <v>1522</v>
      </c>
      <c r="R851" s="5" t="s">
        <v>1523</v>
      </c>
      <c r="S851" s="5" t="s">
        <v>42</v>
      </c>
      <c r="T851" s="2">
        <v>3.6440000000000001</v>
      </c>
      <c r="U851" s="2">
        <v>2.8759999999999999</v>
      </c>
      <c r="V851" s="2">
        <v>2.1000000000000001E-2</v>
      </c>
      <c r="W851" s="2">
        <v>165.1</v>
      </c>
      <c r="X851" s="2">
        <v>7.6</v>
      </c>
      <c r="Y851" s="2">
        <v>16.7</v>
      </c>
      <c r="Z851" s="5"/>
      <c r="AA851" s="5" t="s">
        <v>43</v>
      </c>
      <c r="AB851" s="5" t="s">
        <v>44</v>
      </c>
      <c r="AC851" s="2"/>
      <c r="AD851" s="1"/>
    </row>
    <row r="852" spans="1:30">
      <c r="A852" s="5" t="s">
        <v>83578</v>
      </c>
      <c r="B852" s="2" t="s">
        <v>86129</v>
      </c>
      <c r="C852" s="14" t="s">
        <v>86130</v>
      </c>
      <c r="D852" s="2" t="s">
        <v>86131</v>
      </c>
      <c r="E852" s="2" t="s">
        <v>16079</v>
      </c>
      <c r="F852" s="8">
        <v>272</v>
      </c>
      <c r="G852" s="5">
        <v>6</v>
      </c>
      <c r="H852" s="5" t="s">
        <v>1518</v>
      </c>
      <c r="I852" s="5" t="s">
        <v>1519</v>
      </c>
      <c r="J852" s="2" t="s">
        <v>1520</v>
      </c>
      <c r="K852" s="5" t="s">
        <v>1519</v>
      </c>
      <c r="L852" s="2" t="s">
        <v>1520</v>
      </c>
      <c r="M852" s="5" t="s">
        <v>1521</v>
      </c>
      <c r="N852" s="5" t="s">
        <v>38</v>
      </c>
      <c r="O852" s="5" t="s">
        <v>39</v>
      </c>
      <c r="P852" s="5" t="s">
        <v>40</v>
      </c>
      <c r="Q852" s="5" t="s">
        <v>1522</v>
      </c>
      <c r="R852" s="5" t="s">
        <v>1523</v>
      </c>
      <c r="S852" s="5" t="s">
        <v>42</v>
      </c>
      <c r="T852" s="2">
        <v>2.819</v>
      </c>
      <c r="U852" s="2">
        <v>2.2839999999999998</v>
      </c>
      <c r="V852" s="2">
        <v>1.4999999999999999E-2</v>
      </c>
      <c r="W852" s="2">
        <v>118.9</v>
      </c>
      <c r="X852" s="2">
        <v>7.6</v>
      </c>
      <c r="Y852" s="2">
        <v>16.7</v>
      </c>
      <c r="Z852" s="5"/>
      <c r="AA852" s="5" t="s">
        <v>43</v>
      </c>
      <c r="AB852" s="5" t="s">
        <v>44</v>
      </c>
      <c r="AC852" s="2"/>
      <c r="AD852" s="1"/>
    </row>
    <row r="853" spans="1:30">
      <c r="A853" s="5" t="s">
        <v>83578</v>
      </c>
      <c r="B853" s="2" t="s">
        <v>86132</v>
      </c>
      <c r="C853" s="14" t="s">
        <v>86133</v>
      </c>
      <c r="D853" s="2" t="s">
        <v>86134</v>
      </c>
      <c r="E853" s="2" t="s">
        <v>7597</v>
      </c>
      <c r="F853" s="8">
        <v>272</v>
      </c>
      <c r="G853" s="5">
        <v>6</v>
      </c>
      <c r="H853" s="5" t="s">
        <v>1518</v>
      </c>
      <c r="I853" s="5" t="s">
        <v>1519</v>
      </c>
      <c r="J853" s="2" t="s">
        <v>1520</v>
      </c>
      <c r="K853" s="5" t="s">
        <v>1519</v>
      </c>
      <c r="L853" s="2" t="s">
        <v>1520</v>
      </c>
      <c r="M853" s="5" t="s">
        <v>1521</v>
      </c>
      <c r="N853" s="5" t="s">
        <v>38</v>
      </c>
      <c r="O853" s="5" t="s">
        <v>39</v>
      </c>
      <c r="P853" s="5" t="s">
        <v>40</v>
      </c>
      <c r="Q853" s="5" t="s">
        <v>1522</v>
      </c>
      <c r="R853" s="5" t="s">
        <v>1523</v>
      </c>
      <c r="S853" s="5" t="s">
        <v>42</v>
      </c>
      <c r="T853" s="2">
        <v>2.8940000000000001</v>
      </c>
      <c r="U853" s="2">
        <v>2.359</v>
      </c>
      <c r="V853" s="2">
        <v>1.4999999999999999E-2</v>
      </c>
      <c r="W853" s="2">
        <v>118.9</v>
      </c>
      <c r="X853" s="2">
        <v>7.6</v>
      </c>
      <c r="Y853" s="2">
        <v>16.7</v>
      </c>
      <c r="Z853" s="5"/>
      <c r="AA853" s="5" t="s">
        <v>43</v>
      </c>
      <c r="AB853" s="5" t="s">
        <v>44</v>
      </c>
      <c r="AC853" s="2"/>
      <c r="AD853" s="1"/>
    </row>
    <row r="854" spans="1:30">
      <c r="A854" s="5" t="s">
        <v>83578</v>
      </c>
      <c r="B854" s="2" t="s">
        <v>86135</v>
      </c>
      <c r="C854" s="14" t="s">
        <v>86136</v>
      </c>
      <c r="D854" s="2" t="s">
        <v>86137</v>
      </c>
      <c r="E854" s="2" t="s">
        <v>7551</v>
      </c>
      <c r="F854" s="8">
        <v>272</v>
      </c>
      <c r="G854" s="5">
        <v>6</v>
      </c>
      <c r="H854" s="5" t="s">
        <v>1518</v>
      </c>
      <c r="I854" s="5" t="s">
        <v>1519</v>
      </c>
      <c r="J854" s="2" t="s">
        <v>1520</v>
      </c>
      <c r="K854" s="5" t="s">
        <v>1519</v>
      </c>
      <c r="L854" s="2" t="s">
        <v>1520</v>
      </c>
      <c r="M854" s="5" t="s">
        <v>1521</v>
      </c>
      <c r="N854" s="5" t="s">
        <v>38</v>
      </c>
      <c r="O854" s="5" t="s">
        <v>39</v>
      </c>
      <c r="P854" s="5" t="s">
        <v>40</v>
      </c>
      <c r="Q854" s="5" t="s">
        <v>1522</v>
      </c>
      <c r="R854" s="5" t="s">
        <v>1523</v>
      </c>
      <c r="S854" s="5" t="s">
        <v>42</v>
      </c>
      <c r="T854" s="2">
        <v>3.0510000000000002</v>
      </c>
      <c r="U854" s="2">
        <v>2.524</v>
      </c>
      <c r="V854" s="2">
        <v>1.4999999999999999E-2</v>
      </c>
      <c r="W854" s="2">
        <v>118.9</v>
      </c>
      <c r="X854" s="2">
        <v>7.6</v>
      </c>
      <c r="Y854" s="2">
        <v>16.7</v>
      </c>
      <c r="Z854" s="5"/>
      <c r="AA854" s="5" t="s">
        <v>43</v>
      </c>
      <c r="AB854" s="5" t="s">
        <v>44</v>
      </c>
      <c r="AC854" s="2"/>
      <c r="AD854" s="1"/>
    </row>
    <row r="855" spans="1:30">
      <c r="A855" s="5" t="s">
        <v>83578</v>
      </c>
      <c r="B855" s="2" t="s">
        <v>86138</v>
      </c>
      <c r="C855" s="14" t="s">
        <v>86139</v>
      </c>
      <c r="D855" s="2" t="s">
        <v>86140</v>
      </c>
      <c r="E855" s="2" t="s">
        <v>16194</v>
      </c>
      <c r="F855" s="8">
        <v>272</v>
      </c>
      <c r="G855" s="5">
        <v>6</v>
      </c>
      <c r="H855" s="5" t="s">
        <v>1518</v>
      </c>
      <c r="I855" s="5" t="s">
        <v>1519</v>
      </c>
      <c r="J855" s="2" t="s">
        <v>1520</v>
      </c>
      <c r="K855" s="5" t="s">
        <v>1519</v>
      </c>
      <c r="L855" s="2" t="s">
        <v>1520</v>
      </c>
      <c r="M855" s="5" t="s">
        <v>1521</v>
      </c>
      <c r="N855" s="5" t="s">
        <v>38</v>
      </c>
      <c r="O855" s="5" t="s">
        <v>39</v>
      </c>
      <c r="P855" s="5" t="s">
        <v>40</v>
      </c>
      <c r="Q855" s="5" t="s">
        <v>1522</v>
      </c>
      <c r="R855" s="5" t="s">
        <v>1523</v>
      </c>
      <c r="S855" s="5" t="s">
        <v>42</v>
      </c>
      <c r="T855" s="2">
        <v>3.073</v>
      </c>
      <c r="U855" s="2">
        <v>2.5459999999999998</v>
      </c>
      <c r="V855" s="2">
        <v>1.4999999999999999E-2</v>
      </c>
      <c r="W855" s="2">
        <v>118.9</v>
      </c>
      <c r="X855" s="2">
        <v>7.6</v>
      </c>
      <c r="Y855" s="2">
        <v>16.7</v>
      </c>
      <c r="Z855" s="5"/>
      <c r="AA855" s="5" t="s">
        <v>43</v>
      </c>
      <c r="AB855" s="5" t="s">
        <v>44</v>
      </c>
      <c r="AC855" s="2"/>
      <c r="AD855" s="1"/>
    </row>
    <row r="856" spans="1:30">
      <c r="A856" s="5" t="s">
        <v>83578</v>
      </c>
      <c r="B856" s="2" t="s">
        <v>86141</v>
      </c>
      <c r="C856" s="14" t="s">
        <v>86142</v>
      </c>
      <c r="D856" s="2" t="s">
        <v>86143</v>
      </c>
      <c r="E856" s="2" t="s">
        <v>7551</v>
      </c>
      <c r="F856" s="8">
        <v>283</v>
      </c>
      <c r="G856" s="5">
        <v>6</v>
      </c>
      <c r="H856" s="5" t="s">
        <v>1518</v>
      </c>
      <c r="I856" s="5" t="s">
        <v>1519</v>
      </c>
      <c r="J856" s="2" t="s">
        <v>1520</v>
      </c>
      <c r="K856" s="5" t="s">
        <v>1519</v>
      </c>
      <c r="L856" s="2" t="s">
        <v>1520</v>
      </c>
      <c r="M856" s="5" t="s">
        <v>1521</v>
      </c>
      <c r="N856" s="5" t="s">
        <v>38</v>
      </c>
      <c r="O856" s="5" t="s">
        <v>39</v>
      </c>
      <c r="P856" s="5" t="s">
        <v>40</v>
      </c>
      <c r="Q856" s="5" t="s">
        <v>1522</v>
      </c>
      <c r="R856" s="5" t="s">
        <v>1523</v>
      </c>
      <c r="S856" s="5" t="s">
        <v>42</v>
      </c>
      <c r="T856" s="2">
        <v>3.2309999999999999</v>
      </c>
      <c r="U856" s="2">
        <v>2.7130000000000001</v>
      </c>
      <c r="V856" s="2">
        <v>1.4999999999999999E-2</v>
      </c>
      <c r="W856" s="2">
        <v>118.9</v>
      </c>
      <c r="X856" s="2">
        <v>7.6</v>
      </c>
      <c r="Y856" s="2">
        <v>16.7</v>
      </c>
      <c r="Z856" s="5"/>
      <c r="AA856" s="5" t="s">
        <v>43</v>
      </c>
      <c r="AB856" s="5" t="s">
        <v>44</v>
      </c>
      <c r="AC856" s="2"/>
      <c r="AD856" s="1"/>
    </row>
    <row r="857" spans="1:30">
      <c r="A857" s="5" t="s">
        <v>83578</v>
      </c>
      <c r="B857" s="2" t="s">
        <v>86144</v>
      </c>
      <c r="C857" s="14" t="s">
        <v>86145</v>
      </c>
      <c r="D857" s="2" t="s">
        <v>86146</v>
      </c>
      <c r="E857" s="2" t="s">
        <v>7597</v>
      </c>
      <c r="F857" s="8">
        <v>283</v>
      </c>
      <c r="G857" s="5">
        <v>6</v>
      </c>
      <c r="H857" s="5" t="s">
        <v>1518</v>
      </c>
      <c r="I857" s="5" t="s">
        <v>1519</v>
      </c>
      <c r="J857" s="2" t="s">
        <v>1520</v>
      </c>
      <c r="K857" s="5" t="s">
        <v>1519</v>
      </c>
      <c r="L857" s="2" t="s">
        <v>1520</v>
      </c>
      <c r="M857" s="5" t="s">
        <v>1521</v>
      </c>
      <c r="N857" s="5" t="s">
        <v>38</v>
      </c>
      <c r="O857" s="5" t="s">
        <v>39</v>
      </c>
      <c r="P857" s="5" t="s">
        <v>40</v>
      </c>
      <c r="Q857" s="5" t="s">
        <v>1522</v>
      </c>
      <c r="R857" s="5" t="s">
        <v>1523</v>
      </c>
      <c r="S857" s="5" t="s">
        <v>42</v>
      </c>
      <c r="T857" s="2">
        <v>3.258</v>
      </c>
      <c r="U857" s="2">
        <v>2.74</v>
      </c>
      <c r="V857" s="2">
        <v>1.4999999999999999E-2</v>
      </c>
      <c r="W857" s="2">
        <v>118.9</v>
      </c>
      <c r="X857" s="2">
        <v>7.6</v>
      </c>
      <c r="Y857" s="2">
        <v>16.7</v>
      </c>
      <c r="Z857" s="5"/>
      <c r="AA857" s="5" t="s">
        <v>43</v>
      </c>
      <c r="AB857" s="5" t="s">
        <v>44</v>
      </c>
      <c r="AC857" s="2"/>
      <c r="AD857" s="1"/>
    </row>
    <row r="858" spans="1:30">
      <c r="A858" s="5" t="s">
        <v>83578</v>
      </c>
      <c r="B858" s="2" t="s">
        <v>86147</v>
      </c>
      <c r="C858" s="14" t="s">
        <v>86148</v>
      </c>
      <c r="D858" s="2" t="s">
        <v>86149</v>
      </c>
      <c r="E858" s="2" t="s">
        <v>16194</v>
      </c>
      <c r="F858" s="8">
        <v>296</v>
      </c>
      <c r="G858" s="5">
        <v>6</v>
      </c>
      <c r="H858" s="5" t="s">
        <v>1518</v>
      </c>
      <c r="I858" s="5" t="s">
        <v>1519</v>
      </c>
      <c r="J858" s="2" t="s">
        <v>1520</v>
      </c>
      <c r="K858" s="5" t="s">
        <v>1519</v>
      </c>
      <c r="L858" s="2" t="s">
        <v>1520</v>
      </c>
      <c r="M858" s="5" t="s">
        <v>1521</v>
      </c>
      <c r="N858" s="5" t="s">
        <v>38</v>
      </c>
      <c r="O858" s="5" t="s">
        <v>39</v>
      </c>
      <c r="P858" s="5" t="s">
        <v>40</v>
      </c>
      <c r="Q858" s="5" t="s">
        <v>1522</v>
      </c>
      <c r="R858" s="5" t="s">
        <v>1523</v>
      </c>
      <c r="S858" s="5" t="s">
        <v>42</v>
      </c>
      <c r="T858" s="2">
        <v>3.5249999999999999</v>
      </c>
      <c r="U858" s="2">
        <v>2.93</v>
      </c>
      <c r="V858" s="2">
        <v>1.7999999999999999E-2</v>
      </c>
      <c r="W858" s="2">
        <v>139.1</v>
      </c>
      <c r="X858" s="2">
        <v>7.6</v>
      </c>
      <c r="Y858" s="2">
        <v>16.7</v>
      </c>
      <c r="Z858" s="5"/>
      <c r="AA858" s="5" t="s">
        <v>43</v>
      </c>
      <c r="AB858" s="5" t="s">
        <v>44</v>
      </c>
      <c r="AC858" s="2"/>
      <c r="AD858" s="1"/>
    </row>
    <row r="859" spans="1:30">
      <c r="A859" s="5" t="s">
        <v>83578</v>
      </c>
      <c r="B859" s="2" t="s">
        <v>86150</v>
      </c>
      <c r="C859" s="14" t="s">
        <v>86151</v>
      </c>
      <c r="D859" s="2" t="s">
        <v>86152</v>
      </c>
      <c r="E859" s="2" t="s">
        <v>7396</v>
      </c>
      <c r="F859" s="8">
        <v>254</v>
      </c>
      <c r="G859" s="5">
        <v>6</v>
      </c>
      <c r="H859" s="5" t="s">
        <v>1518</v>
      </c>
      <c r="I859" s="5" t="s">
        <v>1519</v>
      </c>
      <c r="J859" s="2" t="s">
        <v>1520</v>
      </c>
      <c r="K859" s="5" t="s">
        <v>1519</v>
      </c>
      <c r="L859" s="2" t="s">
        <v>1520</v>
      </c>
      <c r="M859" s="5" t="s">
        <v>1521</v>
      </c>
      <c r="N859" s="5" t="s">
        <v>38</v>
      </c>
      <c r="O859" s="5" t="s">
        <v>39</v>
      </c>
      <c r="P859" s="5" t="s">
        <v>40</v>
      </c>
      <c r="Q859" s="5" t="s">
        <v>1522</v>
      </c>
      <c r="R859" s="5" t="s">
        <v>1523</v>
      </c>
      <c r="S859" s="5" t="s">
        <v>42</v>
      </c>
      <c r="T859" s="2">
        <v>2.5310000000000001</v>
      </c>
      <c r="U859" s="2">
        <v>1.9810000000000001</v>
      </c>
      <c r="V859" s="2">
        <v>1.4999999999999999E-2</v>
      </c>
      <c r="W859" s="2">
        <v>118.9</v>
      </c>
      <c r="X859" s="2">
        <v>7.6</v>
      </c>
      <c r="Y859" s="2">
        <v>16.7</v>
      </c>
      <c r="Z859" s="5"/>
      <c r="AA859" s="5" t="s">
        <v>43</v>
      </c>
      <c r="AB859" s="5" t="s">
        <v>44</v>
      </c>
      <c r="AC859" s="2"/>
      <c r="AD859" s="1"/>
    </row>
    <row r="860" spans="1:30">
      <c r="A860" s="5" t="s">
        <v>83578</v>
      </c>
      <c r="B860" s="2" t="s">
        <v>86153</v>
      </c>
      <c r="C860" s="14" t="s">
        <v>86154</v>
      </c>
      <c r="D860" s="2" t="s">
        <v>86155</v>
      </c>
      <c r="E860" s="2" t="s">
        <v>7212</v>
      </c>
      <c r="F860" s="8">
        <v>254</v>
      </c>
      <c r="G860" s="5">
        <v>6</v>
      </c>
      <c r="H860" s="5" t="s">
        <v>1518</v>
      </c>
      <c r="I860" s="5" t="s">
        <v>1519</v>
      </c>
      <c r="J860" s="2" t="s">
        <v>1520</v>
      </c>
      <c r="K860" s="5" t="s">
        <v>1519</v>
      </c>
      <c r="L860" s="2" t="s">
        <v>1520</v>
      </c>
      <c r="M860" s="5" t="s">
        <v>1521</v>
      </c>
      <c r="N860" s="5" t="s">
        <v>38</v>
      </c>
      <c r="O860" s="5" t="s">
        <v>39</v>
      </c>
      <c r="P860" s="5" t="s">
        <v>40</v>
      </c>
      <c r="Q860" s="5" t="s">
        <v>1522</v>
      </c>
      <c r="R860" s="5" t="s">
        <v>1523</v>
      </c>
      <c r="S860" s="5" t="s">
        <v>42</v>
      </c>
      <c r="T860" s="2">
        <v>2.524</v>
      </c>
      <c r="U860" s="2">
        <v>1.974</v>
      </c>
      <c r="V860" s="2">
        <v>1.4999999999999999E-2</v>
      </c>
      <c r="W860" s="2">
        <v>118.9</v>
      </c>
      <c r="X860" s="2">
        <v>7.6</v>
      </c>
      <c r="Y860" s="2">
        <v>16.7</v>
      </c>
      <c r="Z860" s="5"/>
      <c r="AA860" s="5" t="s">
        <v>43</v>
      </c>
      <c r="AB860" s="5" t="s">
        <v>44</v>
      </c>
      <c r="AC860" s="2"/>
      <c r="AD860" s="1"/>
    </row>
    <row r="861" spans="1:30">
      <c r="A861" s="5" t="s">
        <v>83578</v>
      </c>
      <c r="B861" s="2" t="s">
        <v>86156</v>
      </c>
      <c r="C861" s="14" t="s">
        <v>86157</v>
      </c>
      <c r="D861" s="2" t="s">
        <v>86158</v>
      </c>
      <c r="E861" s="2" t="s">
        <v>7406</v>
      </c>
      <c r="F861" s="8">
        <v>272</v>
      </c>
      <c r="G861" s="5">
        <v>6</v>
      </c>
      <c r="H861" s="5" t="s">
        <v>1518</v>
      </c>
      <c r="I861" s="5" t="s">
        <v>1519</v>
      </c>
      <c r="J861" s="2" t="s">
        <v>1520</v>
      </c>
      <c r="K861" s="5" t="s">
        <v>1519</v>
      </c>
      <c r="L861" s="2" t="s">
        <v>1520</v>
      </c>
      <c r="M861" s="5" t="s">
        <v>1521</v>
      </c>
      <c r="N861" s="5" t="s">
        <v>38</v>
      </c>
      <c r="O861" s="5" t="s">
        <v>39</v>
      </c>
      <c r="P861" s="5" t="s">
        <v>40</v>
      </c>
      <c r="Q861" s="5" t="s">
        <v>1522</v>
      </c>
      <c r="R861" s="5" t="s">
        <v>1523</v>
      </c>
      <c r="S861" s="5" t="s">
        <v>42</v>
      </c>
      <c r="T861" s="2">
        <v>2.524</v>
      </c>
      <c r="U861" s="2">
        <v>1.974</v>
      </c>
      <c r="V861" s="2">
        <v>1.4999999999999999E-2</v>
      </c>
      <c r="W861" s="2">
        <v>118.9</v>
      </c>
      <c r="X861" s="2">
        <v>7.6</v>
      </c>
      <c r="Y861" s="2">
        <v>16.7</v>
      </c>
      <c r="Z861" s="5"/>
      <c r="AA861" s="5" t="s">
        <v>43</v>
      </c>
      <c r="AB861" s="5" t="s">
        <v>44</v>
      </c>
      <c r="AC861" s="2"/>
      <c r="AD861" s="1"/>
    </row>
    <row r="862" spans="1:30">
      <c r="A862" s="5" t="s">
        <v>83578</v>
      </c>
      <c r="B862" s="2" t="s">
        <v>86159</v>
      </c>
      <c r="C862" s="14" t="s">
        <v>86160</v>
      </c>
      <c r="D862" s="2" t="s">
        <v>86161</v>
      </c>
      <c r="E862" s="2" t="s">
        <v>7535</v>
      </c>
      <c r="F862" s="8">
        <v>272</v>
      </c>
      <c r="G862" s="5">
        <v>6</v>
      </c>
      <c r="H862" s="5" t="s">
        <v>1518</v>
      </c>
      <c r="I862" s="5" t="s">
        <v>1519</v>
      </c>
      <c r="J862" s="2" t="s">
        <v>1520</v>
      </c>
      <c r="K862" s="5" t="s">
        <v>1519</v>
      </c>
      <c r="L862" s="2" t="s">
        <v>1520</v>
      </c>
      <c r="M862" s="5" t="s">
        <v>1521</v>
      </c>
      <c r="N862" s="5" t="s">
        <v>38</v>
      </c>
      <c r="O862" s="5" t="s">
        <v>39</v>
      </c>
      <c r="P862" s="5" t="s">
        <v>40</v>
      </c>
      <c r="Q862" s="5" t="s">
        <v>1522</v>
      </c>
      <c r="R862" s="5" t="s">
        <v>1523</v>
      </c>
      <c r="S862" s="5" t="s">
        <v>42</v>
      </c>
      <c r="T862" s="2">
        <v>2.58</v>
      </c>
      <c r="U862" s="2">
        <v>2.0299999999999998</v>
      </c>
      <c r="V862" s="2">
        <v>1.4999999999999999E-2</v>
      </c>
      <c r="W862" s="2">
        <v>118.9</v>
      </c>
      <c r="X862" s="2">
        <v>7.6</v>
      </c>
      <c r="Y862" s="2">
        <v>16.7</v>
      </c>
      <c r="Z862" s="5"/>
      <c r="AA862" s="5" t="s">
        <v>43</v>
      </c>
      <c r="AB862" s="5" t="s">
        <v>44</v>
      </c>
      <c r="AC862" s="2"/>
      <c r="AD862" s="1"/>
    </row>
    <row r="863" spans="1:30">
      <c r="A863" s="5" t="s">
        <v>83578</v>
      </c>
      <c r="B863" s="2" t="s">
        <v>86162</v>
      </c>
      <c r="C863" s="14" t="s">
        <v>86163</v>
      </c>
      <c r="D863" s="2" t="s">
        <v>86164</v>
      </c>
      <c r="E863" s="2" t="s">
        <v>7547</v>
      </c>
      <c r="F863" s="8">
        <v>272</v>
      </c>
      <c r="G863" s="5">
        <v>6</v>
      </c>
      <c r="H863" s="5" t="s">
        <v>1518</v>
      </c>
      <c r="I863" s="5" t="s">
        <v>1519</v>
      </c>
      <c r="J863" s="2" t="s">
        <v>1520</v>
      </c>
      <c r="K863" s="5" t="s">
        <v>1519</v>
      </c>
      <c r="L863" s="2" t="s">
        <v>1520</v>
      </c>
      <c r="M863" s="5" t="s">
        <v>1521</v>
      </c>
      <c r="N863" s="5" t="s">
        <v>38</v>
      </c>
      <c r="O863" s="5" t="s">
        <v>39</v>
      </c>
      <c r="P863" s="5" t="s">
        <v>40</v>
      </c>
      <c r="Q863" s="5" t="s">
        <v>1522</v>
      </c>
      <c r="R863" s="5" t="s">
        <v>1523</v>
      </c>
      <c r="S863" s="5" t="s">
        <v>42</v>
      </c>
      <c r="T863" s="2">
        <v>2.524</v>
      </c>
      <c r="U863" s="2">
        <v>1.974</v>
      </c>
      <c r="V863" s="2">
        <v>1.4999999999999999E-2</v>
      </c>
      <c r="W863" s="2">
        <v>118.9</v>
      </c>
      <c r="X863" s="2">
        <v>7.6</v>
      </c>
      <c r="Y863" s="2">
        <v>16.7</v>
      </c>
      <c r="Z863" s="5"/>
      <c r="AA863" s="5" t="s">
        <v>43</v>
      </c>
      <c r="AB863" s="5" t="s">
        <v>44</v>
      </c>
      <c r="AC863" s="2"/>
      <c r="AD863" s="1"/>
    </row>
    <row r="864" spans="1:30">
      <c r="A864" s="5" t="s">
        <v>83578</v>
      </c>
      <c r="B864" s="2" t="s">
        <v>86165</v>
      </c>
      <c r="C864" s="14" t="s">
        <v>86166</v>
      </c>
      <c r="D864" s="2" t="s">
        <v>86167</v>
      </c>
      <c r="E864" s="2" t="s">
        <v>7551</v>
      </c>
      <c r="F864" s="8">
        <v>272</v>
      </c>
      <c r="G864" s="5">
        <v>6</v>
      </c>
      <c r="H864" s="5" t="s">
        <v>1518</v>
      </c>
      <c r="I864" s="5" t="s">
        <v>1519</v>
      </c>
      <c r="J864" s="2" t="s">
        <v>1520</v>
      </c>
      <c r="K864" s="5" t="s">
        <v>1519</v>
      </c>
      <c r="L864" s="2" t="s">
        <v>1520</v>
      </c>
      <c r="M864" s="5" t="s">
        <v>1521</v>
      </c>
      <c r="N864" s="5" t="s">
        <v>38</v>
      </c>
      <c r="O864" s="5" t="s">
        <v>39</v>
      </c>
      <c r="P864" s="5" t="s">
        <v>40</v>
      </c>
      <c r="Q864" s="5" t="s">
        <v>1522</v>
      </c>
      <c r="R864" s="5" t="s">
        <v>1523</v>
      </c>
      <c r="S864" s="5" t="s">
        <v>42</v>
      </c>
      <c r="T864" s="2">
        <v>2.58</v>
      </c>
      <c r="U864" s="2">
        <v>2.0299999999999998</v>
      </c>
      <c r="V864" s="2">
        <v>1.4999999999999999E-2</v>
      </c>
      <c r="W864" s="2">
        <v>118.9</v>
      </c>
      <c r="X864" s="2">
        <v>7.6</v>
      </c>
      <c r="Y864" s="2">
        <v>16.7</v>
      </c>
      <c r="Z864" s="5"/>
      <c r="AA864" s="5" t="s">
        <v>43</v>
      </c>
      <c r="AB864" s="5" t="s">
        <v>44</v>
      </c>
      <c r="AC864" s="2"/>
      <c r="AD864" s="1"/>
    </row>
    <row r="865" spans="1:30">
      <c r="A865" s="5" t="s">
        <v>83578</v>
      </c>
      <c r="B865" s="2" t="s">
        <v>86168</v>
      </c>
      <c r="C865" s="14" t="s">
        <v>86169</v>
      </c>
      <c r="D865" s="2" t="s">
        <v>86170</v>
      </c>
      <c r="E865" s="2" t="s">
        <v>7555</v>
      </c>
      <c r="F865" s="8">
        <v>272</v>
      </c>
      <c r="G865" s="5">
        <v>6</v>
      </c>
      <c r="H865" s="5" t="s">
        <v>1518</v>
      </c>
      <c r="I865" s="5" t="s">
        <v>1519</v>
      </c>
      <c r="J865" s="2" t="s">
        <v>1520</v>
      </c>
      <c r="K865" s="5" t="s">
        <v>1519</v>
      </c>
      <c r="L865" s="2" t="s">
        <v>1520</v>
      </c>
      <c r="M865" s="5" t="s">
        <v>1521</v>
      </c>
      <c r="N865" s="5" t="s">
        <v>38</v>
      </c>
      <c r="O865" s="5" t="s">
        <v>39</v>
      </c>
      <c r="P865" s="5" t="s">
        <v>40</v>
      </c>
      <c r="Q865" s="5" t="s">
        <v>1522</v>
      </c>
      <c r="R865" s="5" t="s">
        <v>1523</v>
      </c>
      <c r="S865" s="5" t="s">
        <v>42</v>
      </c>
      <c r="T865" s="2">
        <v>2.524</v>
      </c>
      <c r="U865" s="2">
        <v>1.974</v>
      </c>
      <c r="V865" s="2">
        <v>1.4999999999999999E-2</v>
      </c>
      <c r="W865" s="2">
        <v>118.9</v>
      </c>
      <c r="X865" s="2">
        <v>7.6</v>
      </c>
      <c r="Y865" s="2">
        <v>16.7</v>
      </c>
      <c r="Z865" s="5"/>
      <c r="AA865" s="5" t="s">
        <v>43</v>
      </c>
      <c r="AB865" s="5" t="s">
        <v>44</v>
      </c>
      <c r="AC865" s="2"/>
      <c r="AD865" s="1"/>
    </row>
    <row r="866" spans="1:30">
      <c r="A866" s="5" t="s">
        <v>83578</v>
      </c>
      <c r="B866" s="2" t="s">
        <v>86171</v>
      </c>
      <c r="C866" s="14" t="s">
        <v>86172</v>
      </c>
      <c r="D866" s="2" t="s">
        <v>86173</v>
      </c>
      <c r="E866" s="2" t="s">
        <v>7559</v>
      </c>
      <c r="F866" s="8">
        <v>272</v>
      </c>
      <c r="G866" s="5">
        <v>6</v>
      </c>
      <c r="H866" s="5" t="s">
        <v>1518</v>
      </c>
      <c r="I866" s="5" t="s">
        <v>1519</v>
      </c>
      <c r="J866" s="2" t="s">
        <v>1520</v>
      </c>
      <c r="K866" s="5" t="s">
        <v>1519</v>
      </c>
      <c r="L866" s="2" t="s">
        <v>1520</v>
      </c>
      <c r="M866" s="5" t="s">
        <v>1521</v>
      </c>
      <c r="N866" s="5" t="s">
        <v>38</v>
      </c>
      <c r="O866" s="5" t="s">
        <v>39</v>
      </c>
      <c r="P866" s="5" t="s">
        <v>40</v>
      </c>
      <c r="Q866" s="5" t="s">
        <v>1522</v>
      </c>
      <c r="R866" s="5" t="s">
        <v>1523</v>
      </c>
      <c r="S866" s="5" t="s">
        <v>42</v>
      </c>
      <c r="T866" s="2">
        <v>2.58</v>
      </c>
      <c r="U866" s="2">
        <v>2.0299999999999998</v>
      </c>
      <c r="V866" s="2">
        <v>1.4999999999999999E-2</v>
      </c>
      <c r="W866" s="2">
        <v>118.9</v>
      </c>
      <c r="X866" s="2">
        <v>7.6</v>
      </c>
      <c r="Y866" s="2">
        <v>16.7</v>
      </c>
      <c r="Z866" s="5"/>
      <c r="AA866" s="5" t="s">
        <v>43</v>
      </c>
      <c r="AB866" s="5" t="s">
        <v>44</v>
      </c>
      <c r="AC866" s="2"/>
      <c r="AD866" s="1"/>
    </row>
    <row r="867" spans="1:30">
      <c r="A867" s="5" t="s">
        <v>83578</v>
      </c>
      <c r="B867" s="2" t="s">
        <v>86174</v>
      </c>
      <c r="C867" s="14" t="s">
        <v>86175</v>
      </c>
      <c r="D867" s="2" t="s">
        <v>86176</v>
      </c>
      <c r="E867" s="2" t="s">
        <v>7567</v>
      </c>
      <c r="F867" s="8">
        <v>272</v>
      </c>
      <c r="G867" s="5">
        <v>6</v>
      </c>
      <c r="H867" s="5" t="s">
        <v>1518</v>
      </c>
      <c r="I867" s="5" t="s">
        <v>1519</v>
      </c>
      <c r="J867" s="2" t="s">
        <v>1520</v>
      </c>
      <c r="K867" s="5" t="s">
        <v>1519</v>
      </c>
      <c r="L867" s="2" t="s">
        <v>1520</v>
      </c>
      <c r="M867" s="5" t="s">
        <v>1521</v>
      </c>
      <c r="N867" s="5" t="s">
        <v>38</v>
      </c>
      <c r="O867" s="5" t="s">
        <v>39</v>
      </c>
      <c r="P867" s="5" t="s">
        <v>40</v>
      </c>
      <c r="Q867" s="5" t="s">
        <v>1522</v>
      </c>
      <c r="R867" s="5" t="s">
        <v>1523</v>
      </c>
      <c r="S867" s="5" t="s">
        <v>42</v>
      </c>
      <c r="T867" s="2">
        <v>2.5910000000000002</v>
      </c>
      <c r="U867" s="2">
        <v>2.0409999999999999</v>
      </c>
      <c r="V867" s="2">
        <v>1.4999999999999999E-2</v>
      </c>
      <c r="W867" s="2">
        <v>118.9</v>
      </c>
      <c r="X867" s="2">
        <v>7.6</v>
      </c>
      <c r="Y867" s="2">
        <v>16.7</v>
      </c>
      <c r="Z867" s="5"/>
      <c r="AA867" s="5" t="s">
        <v>43</v>
      </c>
      <c r="AB867" s="5" t="s">
        <v>44</v>
      </c>
      <c r="AC867" s="2"/>
      <c r="AD867" s="1"/>
    </row>
    <row r="868" spans="1:30">
      <c r="A868" s="5" t="s">
        <v>83578</v>
      </c>
      <c r="B868" s="2" t="s">
        <v>86177</v>
      </c>
      <c r="C868" s="14" t="s">
        <v>86178</v>
      </c>
      <c r="D868" s="2" t="s">
        <v>86179</v>
      </c>
      <c r="E868" s="2" t="s">
        <v>16079</v>
      </c>
      <c r="F868" s="8">
        <v>272</v>
      </c>
      <c r="G868" s="5">
        <v>6</v>
      </c>
      <c r="H868" s="5" t="s">
        <v>1518</v>
      </c>
      <c r="I868" s="5" t="s">
        <v>1519</v>
      </c>
      <c r="J868" s="2" t="s">
        <v>1520</v>
      </c>
      <c r="K868" s="5" t="s">
        <v>1519</v>
      </c>
      <c r="L868" s="2" t="s">
        <v>1520</v>
      </c>
      <c r="M868" s="5" t="s">
        <v>1521</v>
      </c>
      <c r="N868" s="5" t="s">
        <v>38</v>
      </c>
      <c r="O868" s="5" t="s">
        <v>39</v>
      </c>
      <c r="P868" s="5" t="s">
        <v>40</v>
      </c>
      <c r="Q868" s="5" t="s">
        <v>1522</v>
      </c>
      <c r="R868" s="5" t="s">
        <v>1523</v>
      </c>
      <c r="S868" s="5" t="s">
        <v>42</v>
      </c>
      <c r="T868" s="2">
        <v>2.5350000000000001</v>
      </c>
      <c r="U868" s="2">
        <v>1.9850000000000001</v>
      </c>
      <c r="V868" s="2">
        <v>1.4999999999999999E-2</v>
      </c>
      <c r="W868" s="2">
        <v>118.9</v>
      </c>
      <c r="X868" s="2">
        <v>7.6</v>
      </c>
      <c r="Y868" s="2">
        <v>16.7</v>
      </c>
      <c r="Z868" s="5"/>
      <c r="AA868" s="5" t="s">
        <v>43</v>
      </c>
      <c r="AB868" s="5" t="s">
        <v>44</v>
      </c>
      <c r="AC868" s="2"/>
      <c r="AD868" s="1"/>
    </row>
    <row r="869" spans="1:30">
      <c r="A869" s="5" t="s">
        <v>83578</v>
      </c>
      <c r="B869" s="2" t="s">
        <v>86180</v>
      </c>
      <c r="C869" s="14" t="s">
        <v>86181</v>
      </c>
      <c r="D869" s="2" t="s">
        <v>86182</v>
      </c>
      <c r="E869" s="2" t="s">
        <v>16194</v>
      </c>
      <c r="F869" s="8">
        <v>272</v>
      </c>
      <c r="G869" s="5">
        <v>6</v>
      </c>
      <c r="H869" s="5" t="s">
        <v>1518</v>
      </c>
      <c r="I869" s="5" t="s">
        <v>1519</v>
      </c>
      <c r="J869" s="2" t="s">
        <v>1520</v>
      </c>
      <c r="K869" s="5" t="s">
        <v>1519</v>
      </c>
      <c r="L869" s="2" t="s">
        <v>1520</v>
      </c>
      <c r="M869" s="5" t="s">
        <v>1521</v>
      </c>
      <c r="N869" s="5" t="s">
        <v>38</v>
      </c>
      <c r="O869" s="5" t="s">
        <v>39</v>
      </c>
      <c r="P869" s="5" t="s">
        <v>40</v>
      </c>
      <c r="Q869" s="5" t="s">
        <v>1522</v>
      </c>
      <c r="R869" s="5" t="s">
        <v>1523</v>
      </c>
      <c r="S869" s="5" t="s">
        <v>42</v>
      </c>
      <c r="T869" s="2">
        <v>2.5910000000000002</v>
      </c>
      <c r="U869" s="2">
        <v>2.0409999999999999</v>
      </c>
      <c r="V869" s="2">
        <v>1.4999999999999999E-2</v>
      </c>
      <c r="W869" s="2">
        <v>118.9</v>
      </c>
      <c r="X869" s="2">
        <v>7.6</v>
      </c>
      <c r="Y869" s="2">
        <v>16.7</v>
      </c>
      <c r="Z869" s="5"/>
      <c r="AA869" s="5" t="s">
        <v>43</v>
      </c>
      <c r="AB869" s="5" t="s">
        <v>44</v>
      </c>
      <c r="AC869" s="2"/>
      <c r="AD869" s="1"/>
    </row>
    <row r="870" spans="1:30">
      <c r="A870" s="5" t="s">
        <v>83578</v>
      </c>
      <c r="B870" s="2" t="s">
        <v>86183</v>
      </c>
      <c r="C870" s="14" t="s">
        <v>86184</v>
      </c>
      <c r="D870" s="2" t="s">
        <v>86185</v>
      </c>
      <c r="E870" s="2" t="s">
        <v>7449</v>
      </c>
      <c r="F870" s="8">
        <v>272</v>
      </c>
      <c r="G870" s="5">
        <v>6</v>
      </c>
      <c r="H870" s="5" t="s">
        <v>1518</v>
      </c>
      <c r="I870" s="5" t="s">
        <v>1519</v>
      </c>
      <c r="J870" s="2" t="s">
        <v>1520</v>
      </c>
      <c r="K870" s="5" t="s">
        <v>1519</v>
      </c>
      <c r="L870" s="2" t="s">
        <v>1520</v>
      </c>
      <c r="M870" s="5" t="s">
        <v>1521</v>
      </c>
      <c r="N870" s="5" t="s">
        <v>38</v>
      </c>
      <c r="O870" s="5" t="s">
        <v>39</v>
      </c>
      <c r="P870" s="5" t="s">
        <v>40</v>
      </c>
      <c r="Q870" s="5" t="s">
        <v>1522</v>
      </c>
      <c r="R870" s="5" t="s">
        <v>1523</v>
      </c>
      <c r="S870" s="5" t="s">
        <v>42</v>
      </c>
      <c r="T870" s="2">
        <v>2.5350000000000001</v>
      </c>
      <c r="U870" s="2">
        <v>1.9850000000000001</v>
      </c>
      <c r="V870" s="2">
        <v>1.4999999999999999E-2</v>
      </c>
      <c r="W870" s="2">
        <v>118.9</v>
      </c>
      <c r="X870" s="2">
        <v>7.6</v>
      </c>
      <c r="Y870" s="2">
        <v>16.7</v>
      </c>
      <c r="Z870" s="5"/>
      <c r="AA870" s="5" t="s">
        <v>43</v>
      </c>
      <c r="AB870" s="5" t="s">
        <v>44</v>
      </c>
      <c r="AC870" s="2"/>
      <c r="AD870" s="1"/>
    </row>
    <row r="871" spans="1:30">
      <c r="A871" s="5" t="s">
        <v>83578</v>
      </c>
      <c r="B871" s="2" t="s">
        <v>86186</v>
      </c>
      <c r="C871" s="14" t="s">
        <v>86187</v>
      </c>
      <c r="D871" s="2" t="s">
        <v>86188</v>
      </c>
      <c r="E871" s="2" t="s">
        <v>7581</v>
      </c>
      <c r="F871" s="8">
        <v>272</v>
      </c>
      <c r="G871" s="5">
        <v>6</v>
      </c>
      <c r="H871" s="5" t="s">
        <v>1518</v>
      </c>
      <c r="I871" s="5" t="s">
        <v>1519</v>
      </c>
      <c r="J871" s="2" t="s">
        <v>1520</v>
      </c>
      <c r="K871" s="5" t="s">
        <v>1519</v>
      </c>
      <c r="L871" s="2" t="s">
        <v>1520</v>
      </c>
      <c r="M871" s="5" t="s">
        <v>1521</v>
      </c>
      <c r="N871" s="5" t="s">
        <v>38</v>
      </c>
      <c r="O871" s="5" t="s">
        <v>39</v>
      </c>
      <c r="P871" s="5" t="s">
        <v>40</v>
      </c>
      <c r="Q871" s="5" t="s">
        <v>1522</v>
      </c>
      <c r="R871" s="5" t="s">
        <v>1523</v>
      </c>
      <c r="S871" s="5" t="s">
        <v>42</v>
      </c>
      <c r="T871" s="2">
        <v>2.5910000000000002</v>
      </c>
      <c r="U871" s="2">
        <v>2.0409999999999999</v>
      </c>
      <c r="V871" s="2">
        <v>1.4999999999999999E-2</v>
      </c>
      <c r="W871" s="2">
        <v>118.9</v>
      </c>
      <c r="X871" s="2">
        <v>7.6</v>
      </c>
      <c r="Y871" s="2">
        <v>16.7</v>
      </c>
      <c r="Z871" s="5"/>
      <c r="AA871" s="5" t="s">
        <v>43</v>
      </c>
      <c r="AB871" s="5" t="s">
        <v>44</v>
      </c>
      <c r="AC871" s="2"/>
      <c r="AD871" s="1"/>
    </row>
    <row r="872" spans="1:30">
      <c r="A872" s="5" t="s">
        <v>83578</v>
      </c>
      <c r="B872" s="2" t="s">
        <v>86189</v>
      </c>
      <c r="C872" s="14" t="s">
        <v>86190</v>
      </c>
      <c r="D872" s="2" t="s">
        <v>86191</v>
      </c>
      <c r="E872" s="2" t="s">
        <v>7585</v>
      </c>
      <c r="F872" s="8">
        <v>272</v>
      </c>
      <c r="G872" s="5">
        <v>6</v>
      </c>
      <c r="H872" s="5" t="s">
        <v>1518</v>
      </c>
      <c r="I872" s="5" t="s">
        <v>1519</v>
      </c>
      <c r="J872" s="2" t="s">
        <v>1520</v>
      </c>
      <c r="K872" s="5" t="s">
        <v>1519</v>
      </c>
      <c r="L872" s="2" t="s">
        <v>1520</v>
      </c>
      <c r="M872" s="5" t="s">
        <v>1521</v>
      </c>
      <c r="N872" s="5" t="s">
        <v>38</v>
      </c>
      <c r="O872" s="5" t="s">
        <v>39</v>
      </c>
      <c r="P872" s="5" t="s">
        <v>40</v>
      </c>
      <c r="Q872" s="5" t="s">
        <v>1522</v>
      </c>
      <c r="R872" s="5" t="s">
        <v>1523</v>
      </c>
      <c r="S872" s="5" t="s">
        <v>42</v>
      </c>
      <c r="T872" s="2">
        <v>2.524</v>
      </c>
      <c r="U872" s="2">
        <v>1.974</v>
      </c>
      <c r="V872" s="2">
        <v>1.4999999999999999E-2</v>
      </c>
      <c r="W872" s="2">
        <v>118.9</v>
      </c>
      <c r="X872" s="2">
        <v>7.6</v>
      </c>
      <c r="Y872" s="2">
        <v>16.7</v>
      </c>
      <c r="Z872" s="5"/>
      <c r="AA872" s="5" t="s">
        <v>43</v>
      </c>
      <c r="AB872" s="5" t="s">
        <v>44</v>
      </c>
      <c r="AC872" s="2"/>
      <c r="AD872" s="1"/>
    </row>
    <row r="873" spans="1:30">
      <c r="A873" s="5" t="s">
        <v>83578</v>
      </c>
      <c r="B873" s="2" t="s">
        <v>86192</v>
      </c>
      <c r="C873" s="14" t="s">
        <v>86193</v>
      </c>
      <c r="D873" s="2" t="s">
        <v>86194</v>
      </c>
      <c r="E873" s="2" t="s">
        <v>7589</v>
      </c>
      <c r="F873" s="8">
        <v>272</v>
      </c>
      <c r="G873" s="5">
        <v>6</v>
      </c>
      <c r="H873" s="5" t="s">
        <v>1518</v>
      </c>
      <c r="I873" s="5" t="s">
        <v>1519</v>
      </c>
      <c r="J873" s="2" t="s">
        <v>1520</v>
      </c>
      <c r="K873" s="5" t="s">
        <v>1519</v>
      </c>
      <c r="L873" s="2" t="s">
        <v>1520</v>
      </c>
      <c r="M873" s="5" t="s">
        <v>1521</v>
      </c>
      <c r="N873" s="5" t="s">
        <v>38</v>
      </c>
      <c r="O873" s="5" t="s">
        <v>39</v>
      </c>
      <c r="P873" s="5" t="s">
        <v>40</v>
      </c>
      <c r="Q873" s="5" t="s">
        <v>1522</v>
      </c>
      <c r="R873" s="5" t="s">
        <v>1523</v>
      </c>
      <c r="S873" s="5" t="s">
        <v>42</v>
      </c>
      <c r="T873" s="2">
        <v>2.58</v>
      </c>
      <c r="U873" s="2">
        <v>2.0299999999999998</v>
      </c>
      <c r="V873" s="2">
        <v>1.4999999999999999E-2</v>
      </c>
      <c r="W873" s="2">
        <v>118.9</v>
      </c>
      <c r="X873" s="2">
        <v>7.6</v>
      </c>
      <c r="Y873" s="2">
        <v>16.7</v>
      </c>
      <c r="Z873" s="5"/>
      <c r="AA873" s="5" t="s">
        <v>43</v>
      </c>
      <c r="AB873" s="5" t="s">
        <v>44</v>
      </c>
      <c r="AC873" s="2"/>
      <c r="AD873" s="1"/>
    </row>
    <row r="874" spans="1:30">
      <c r="A874" s="5" t="s">
        <v>83578</v>
      </c>
      <c r="B874" s="2" t="s">
        <v>86195</v>
      </c>
      <c r="C874" s="14" t="s">
        <v>86196</v>
      </c>
      <c r="D874" s="2" t="s">
        <v>86197</v>
      </c>
      <c r="E874" s="2" t="s">
        <v>7593</v>
      </c>
      <c r="F874" s="8">
        <v>272</v>
      </c>
      <c r="G874" s="5">
        <v>6</v>
      </c>
      <c r="H874" s="5" t="s">
        <v>1518</v>
      </c>
      <c r="I874" s="5" t="s">
        <v>1519</v>
      </c>
      <c r="J874" s="2" t="s">
        <v>1520</v>
      </c>
      <c r="K874" s="5" t="s">
        <v>1519</v>
      </c>
      <c r="L874" s="2" t="s">
        <v>1520</v>
      </c>
      <c r="M874" s="5" t="s">
        <v>1521</v>
      </c>
      <c r="N874" s="5" t="s">
        <v>38</v>
      </c>
      <c r="O874" s="5" t="s">
        <v>39</v>
      </c>
      <c r="P874" s="5" t="s">
        <v>40</v>
      </c>
      <c r="Q874" s="5" t="s">
        <v>1522</v>
      </c>
      <c r="R874" s="5" t="s">
        <v>1523</v>
      </c>
      <c r="S874" s="5" t="s">
        <v>42</v>
      </c>
      <c r="T874" s="2">
        <v>2.5350000000000001</v>
      </c>
      <c r="U874" s="2">
        <v>1.9850000000000001</v>
      </c>
      <c r="V874" s="2">
        <v>1.4999999999999999E-2</v>
      </c>
      <c r="W874" s="2">
        <v>118.9</v>
      </c>
      <c r="X874" s="2">
        <v>7.6</v>
      </c>
      <c r="Y874" s="2">
        <v>16.7</v>
      </c>
      <c r="Z874" s="5"/>
      <c r="AA874" s="5" t="s">
        <v>43</v>
      </c>
      <c r="AB874" s="5" t="s">
        <v>44</v>
      </c>
      <c r="AC874" s="2"/>
      <c r="AD874" s="1"/>
    </row>
    <row r="875" spans="1:30">
      <c r="A875" s="5" t="s">
        <v>83578</v>
      </c>
      <c r="B875" s="2" t="s">
        <v>86198</v>
      </c>
      <c r="C875" s="14" t="s">
        <v>86199</v>
      </c>
      <c r="D875" s="2" t="s">
        <v>86200</v>
      </c>
      <c r="E875" s="2" t="s">
        <v>7597</v>
      </c>
      <c r="F875" s="8">
        <v>272</v>
      </c>
      <c r="G875" s="5">
        <v>6</v>
      </c>
      <c r="H875" s="5" t="s">
        <v>1518</v>
      </c>
      <c r="I875" s="5" t="s">
        <v>1519</v>
      </c>
      <c r="J875" s="2" t="s">
        <v>1520</v>
      </c>
      <c r="K875" s="5" t="s">
        <v>1519</v>
      </c>
      <c r="L875" s="2" t="s">
        <v>1520</v>
      </c>
      <c r="M875" s="5" t="s">
        <v>1521</v>
      </c>
      <c r="N875" s="5" t="s">
        <v>38</v>
      </c>
      <c r="O875" s="5" t="s">
        <v>39</v>
      </c>
      <c r="P875" s="5" t="s">
        <v>40</v>
      </c>
      <c r="Q875" s="5" t="s">
        <v>1522</v>
      </c>
      <c r="R875" s="5" t="s">
        <v>1523</v>
      </c>
      <c r="S875" s="5" t="s">
        <v>42</v>
      </c>
      <c r="T875" s="2">
        <v>2.5910000000000002</v>
      </c>
      <c r="U875" s="2">
        <v>2.0409999999999999</v>
      </c>
      <c r="V875" s="2">
        <v>1.4999999999999999E-2</v>
      </c>
      <c r="W875" s="2">
        <v>118.9</v>
      </c>
      <c r="X875" s="2">
        <v>7.6</v>
      </c>
      <c r="Y875" s="2">
        <v>16.7</v>
      </c>
      <c r="Z875" s="5"/>
      <c r="AA875" s="5" t="s">
        <v>43</v>
      </c>
      <c r="AB875" s="5" t="s">
        <v>44</v>
      </c>
      <c r="AC875" s="2"/>
      <c r="AD875" s="1"/>
    </row>
    <row r="876" spans="1:30">
      <c r="A876" s="5" t="s">
        <v>83578</v>
      </c>
      <c r="B876" s="2" t="s">
        <v>86201</v>
      </c>
      <c r="C876" s="14" t="s">
        <v>86202</v>
      </c>
      <c r="D876" s="2" t="s">
        <v>86203</v>
      </c>
      <c r="E876" s="2" t="s">
        <v>16014</v>
      </c>
      <c r="F876" s="8">
        <v>272</v>
      </c>
      <c r="G876" s="5">
        <v>6</v>
      </c>
      <c r="H876" s="5" t="s">
        <v>1518</v>
      </c>
      <c r="I876" s="5" t="s">
        <v>1519</v>
      </c>
      <c r="J876" s="2" t="s">
        <v>1520</v>
      </c>
      <c r="K876" s="5" t="s">
        <v>1519</v>
      </c>
      <c r="L876" s="2" t="s">
        <v>1520</v>
      </c>
      <c r="M876" s="5" t="s">
        <v>1521</v>
      </c>
      <c r="N876" s="5" t="s">
        <v>38</v>
      </c>
      <c r="O876" s="5" t="s">
        <v>39</v>
      </c>
      <c r="P876" s="5" t="s">
        <v>40</v>
      </c>
      <c r="Q876" s="5" t="s">
        <v>1522</v>
      </c>
      <c r="R876" s="5" t="s">
        <v>1523</v>
      </c>
      <c r="S876" s="5" t="s">
        <v>42</v>
      </c>
      <c r="T876" s="2">
        <v>2.5350000000000001</v>
      </c>
      <c r="U876" s="2">
        <v>1.9850000000000001</v>
      </c>
      <c r="V876" s="2">
        <v>1.4999999999999999E-2</v>
      </c>
      <c r="W876" s="2">
        <v>118.9</v>
      </c>
      <c r="X876" s="2">
        <v>7.6</v>
      </c>
      <c r="Y876" s="2">
        <v>16.7</v>
      </c>
      <c r="Z876" s="5"/>
      <c r="AA876" s="5" t="s">
        <v>43</v>
      </c>
      <c r="AB876" s="5" t="s">
        <v>44</v>
      </c>
      <c r="AC876" s="2"/>
      <c r="AD876" s="1"/>
    </row>
    <row r="877" spans="1:30">
      <c r="A877" s="5" t="s">
        <v>83578</v>
      </c>
      <c r="B877" s="2" t="s">
        <v>86204</v>
      </c>
      <c r="C877" s="14" t="s">
        <v>86205</v>
      </c>
      <c r="D877" s="2" t="s">
        <v>86206</v>
      </c>
      <c r="E877" s="2" t="s">
        <v>16219</v>
      </c>
      <c r="F877" s="8">
        <v>272</v>
      </c>
      <c r="G877" s="5">
        <v>6</v>
      </c>
      <c r="H877" s="5" t="s">
        <v>1518</v>
      </c>
      <c r="I877" s="5" t="s">
        <v>1519</v>
      </c>
      <c r="J877" s="2" t="s">
        <v>1520</v>
      </c>
      <c r="K877" s="5" t="s">
        <v>1519</v>
      </c>
      <c r="L877" s="2" t="s">
        <v>1520</v>
      </c>
      <c r="M877" s="5" t="s">
        <v>1521</v>
      </c>
      <c r="N877" s="5" t="s">
        <v>38</v>
      </c>
      <c r="O877" s="5" t="s">
        <v>39</v>
      </c>
      <c r="P877" s="5" t="s">
        <v>40</v>
      </c>
      <c r="Q877" s="5" t="s">
        <v>1522</v>
      </c>
      <c r="R877" s="5" t="s">
        <v>1523</v>
      </c>
      <c r="S877" s="5" t="s">
        <v>42</v>
      </c>
      <c r="T877" s="2">
        <v>2.5910000000000002</v>
      </c>
      <c r="U877" s="2">
        <v>2.0409999999999999</v>
      </c>
      <c r="V877" s="2">
        <v>1.4999999999999999E-2</v>
      </c>
      <c r="W877" s="2">
        <v>118.9</v>
      </c>
      <c r="X877" s="2">
        <v>7.6</v>
      </c>
      <c r="Y877" s="2">
        <v>16.7</v>
      </c>
      <c r="Z877" s="5"/>
      <c r="AA877" s="5" t="s">
        <v>43</v>
      </c>
      <c r="AB877" s="5" t="s">
        <v>44</v>
      </c>
      <c r="AC877" s="2"/>
      <c r="AD877" s="1"/>
    </row>
    <row r="878" spans="1:30">
      <c r="A878" s="5" t="s">
        <v>83578</v>
      </c>
      <c r="B878" s="2" t="s">
        <v>86207</v>
      </c>
      <c r="C878" s="14" t="s">
        <v>86208</v>
      </c>
      <c r="D878" s="2" t="s">
        <v>86209</v>
      </c>
      <c r="E878" s="2" t="s">
        <v>16018</v>
      </c>
      <c r="F878" s="8">
        <v>272</v>
      </c>
      <c r="G878" s="5">
        <v>6</v>
      </c>
      <c r="H878" s="5" t="s">
        <v>1518</v>
      </c>
      <c r="I878" s="5" t="s">
        <v>1519</v>
      </c>
      <c r="J878" s="2" t="s">
        <v>1520</v>
      </c>
      <c r="K878" s="5" t="s">
        <v>1519</v>
      </c>
      <c r="L878" s="2" t="s">
        <v>1520</v>
      </c>
      <c r="M878" s="5" t="s">
        <v>1521</v>
      </c>
      <c r="N878" s="5" t="s">
        <v>38</v>
      </c>
      <c r="O878" s="5" t="s">
        <v>39</v>
      </c>
      <c r="P878" s="5" t="s">
        <v>40</v>
      </c>
      <c r="Q878" s="5" t="s">
        <v>1522</v>
      </c>
      <c r="R878" s="5" t="s">
        <v>1523</v>
      </c>
      <c r="S878" s="5" t="s">
        <v>42</v>
      </c>
      <c r="T878" s="2">
        <v>2.5350000000000001</v>
      </c>
      <c r="U878" s="2">
        <v>1.9850000000000001</v>
      </c>
      <c r="V878" s="2">
        <v>1.4999999999999999E-2</v>
      </c>
      <c r="W878" s="2">
        <v>118.9</v>
      </c>
      <c r="X878" s="2">
        <v>7.6</v>
      </c>
      <c r="Y878" s="2">
        <v>16.7</v>
      </c>
      <c r="Z878" s="5"/>
      <c r="AA878" s="5" t="s">
        <v>43</v>
      </c>
      <c r="AB878" s="5" t="s">
        <v>44</v>
      </c>
      <c r="AC878" s="2"/>
      <c r="AD878" s="1"/>
    </row>
    <row r="879" spans="1:30">
      <c r="A879" s="5" t="s">
        <v>83578</v>
      </c>
      <c r="B879" s="2" t="s">
        <v>86210</v>
      </c>
      <c r="C879" s="14" t="s">
        <v>86211</v>
      </c>
      <c r="D879" s="2" t="s">
        <v>86212</v>
      </c>
      <c r="E879" s="2" t="s">
        <v>16022</v>
      </c>
      <c r="F879" s="8">
        <v>272</v>
      </c>
      <c r="G879" s="5">
        <v>6</v>
      </c>
      <c r="H879" s="5" t="s">
        <v>1518</v>
      </c>
      <c r="I879" s="5" t="s">
        <v>1519</v>
      </c>
      <c r="J879" s="2" t="s">
        <v>1520</v>
      </c>
      <c r="K879" s="5" t="s">
        <v>1519</v>
      </c>
      <c r="L879" s="2" t="s">
        <v>1520</v>
      </c>
      <c r="M879" s="5" t="s">
        <v>1521</v>
      </c>
      <c r="N879" s="5" t="s">
        <v>38</v>
      </c>
      <c r="O879" s="5" t="s">
        <v>39</v>
      </c>
      <c r="P879" s="5" t="s">
        <v>40</v>
      </c>
      <c r="Q879" s="5" t="s">
        <v>1522</v>
      </c>
      <c r="R879" s="5" t="s">
        <v>1523</v>
      </c>
      <c r="S879" s="5" t="s">
        <v>42</v>
      </c>
      <c r="T879" s="2">
        <v>2.5910000000000002</v>
      </c>
      <c r="U879" s="2">
        <v>2.0409999999999999</v>
      </c>
      <c r="V879" s="2">
        <v>1.4999999999999999E-2</v>
      </c>
      <c r="W879" s="2">
        <v>118.9</v>
      </c>
      <c r="X879" s="2">
        <v>7.6</v>
      </c>
      <c r="Y879" s="2">
        <v>16.7</v>
      </c>
      <c r="Z879" s="5"/>
      <c r="AA879" s="5" t="s">
        <v>43</v>
      </c>
      <c r="AB879" s="5" t="s">
        <v>44</v>
      </c>
      <c r="AC879" s="2"/>
      <c r="AD879" s="1"/>
    </row>
    <row r="880" spans="1:30">
      <c r="A880" s="5" t="s">
        <v>83578</v>
      </c>
      <c r="B880" s="2" t="s">
        <v>86213</v>
      </c>
      <c r="C880" s="14" t="s">
        <v>86214</v>
      </c>
      <c r="D880" s="2" t="s">
        <v>86215</v>
      </c>
      <c r="E880" s="2" t="s">
        <v>7615</v>
      </c>
      <c r="F880" s="8">
        <v>272</v>
      </c>
      <c r="G880" s="5">
        <v>6</v>
      </c>
      <c r="H880" s="5" t="s">
        <v>1518</v>
      </c>
      <c r="I880" s="5" t="s">
        <v>1519</v>
      </c>
      <c r="J880" s="2" t="s">
        <v>1520</v>
      </c>
      <c r="K880" s="5" t="s">
        <v>1519</v>
      </c>
      <c r="L880" s="2" t="s">
        <v>1520</v>
      </c>
      <c r="M880" s="5" t="s">
        <v>1521</v>
      </c>
      <c r="N880" s="5" t="s">
        <v>38</v>
      </c>
      <c r="O880" s="5" t="s">
        <v>39</v>
      </c>
      <c r="P880" s="5" t="s">
        <v>40</v>
      </c>
      <c r="Q880" s="5" t="s">
        <v>1522</v>
      </c>
      <c r="R880" s="5" t="s">
        <v>1523</v>
      </c>
      <c r="S880" s="5" t="s">
        <v>42</v>
      </c>
      <c r="T880" s="2">
        <v>2.524</v>
      </c>
      <c r="U880" s="2">
        <v>1.974</v>
      </c>
      <c r="V880" s="2">
        <v>1.4999999999999999E-2</v>
      </c>
      <c r="W880" s="2">
        <v>118.9</v>
      </c>
      <c r="X880" s="2">
        <v>7.6</v>
      </c>
      <c r="Y880" s="2">
        <v>16.7</v>
      </c>
      <c r="Z880" s="5"/>
      <c r="AA880" s="5" t="s">
        <v>43</v>
      </c>
      <c r="AB880" s="5" t="s">
        <v>44</v>
      </c>
      <c r="AC880" s="2"/>
      <c r="AD880" s="1"/>
    </row>
    <row r="881" spans="1:30">
      <c r="A881" s="5" t="s">
        <v>83578</v>
      </c>
      <c r="B881" s="2" t="s">
        <v>86216</v>
      </c>
      <c r="C881" s="14" t="s">
        <v>86217</v>
      </c>
      <c r="D881" s="2" t="s">
        <v>86218</v>
      </c>
      <c r="E881" s="2" t="s">
        <v>7547</v>
      </c>
      <c r="F881" s="8">
        <v>291</v>
      </c>
      <c r="G881" s="5">
        <v>6</v>
      </c>
      <c r="H881" s="5" t="s">
        <v>1518</v>
      </c>
      <c r="I881" s="5" t="s">
        <v>1519</v>
      </c>
      <c r="J881" s="2" t="s">
        <v>1520</v>
      </c>
      <c r="K881" s="5" t="s">
        <v>1519</v>
      </c>
      <c r="L881" s="2" t="s">
        <v>1520</v>
      </c>
      <c r="M881" s="5" t="s">
        <v>1521</v>
      </c>
      <c r="N881" s="5" t="s">
        <v>38</v>
      </c>
      <c r="O881" s="5" t="s">
        <v>39</v>
      </c>
      <c r="P881" s="5" t="s">
        <v>40</v>
      </c>
      <c r="Q881" s="5" t="s">
        <v>1522</v>
      </c>
      <c r="R881" s="5" t="s">
        <v>1523</v>
      </c>
      <c r="S881" s="5" t="s">
        <v>42</v>
      </c>
      <c r="T881" s="2">
        <v>3.15</v>
      </c>
      <c r="U881" s="2">
        <v>2.552</v>
      </c>
      <c r="V881" s="2">
        <v>1.7999999999999999E-2</v>
      </c>
      <c r="W881" s="2">
        <v>139.1</v>
      </c>
      <c r="X881" s="2">
        <v>7.6</v>
      </c>
      <c r="Y881" s="2">
        <v>16.7</v>
      </c>
      <c r="Z881" s="5"/>
      <c r="AA881" s="5" t="s">
        <v>43</v>
      </c>
      <c r="AB881" s="5" t="s">
        <v>44</v>
      </c>
      <c r="AC881" s="2"/>
      <c r="AD881" s="1"/>
    </row>
    <row r="882" spans="1:30">
      <c r="A882" s="5" t="s">
        <v>83578</v>
      </c>
      <c r="B882" s="2" t="s">
        <v>86219</v>
      </c>
      <c r="C882" s="14" t="s">
        <v>86220</v>
      </c>
      <c r="D882" s="2" t="s">
        <v>86221</v>
      </c>
      <c r="E882" s="2" t="s">
        <v>16194</v>
      </c>
      <c r="F882" s="8">
        <v>291</v>
      </c>
      <c r="G882" s="5">
        <v>6</v>
      </c>
      <c r="H882" s="5" t="s">
        <v>1518</v>
      </c>
      <c r="I882" s="5" t="s">
        <v>1519</v>
      </c>
      <c r="J882" s="2" t="s">
        <v>1520</v>
      </c>
      <c r="K882" s="5" t="s">
        <v>1519</v>
      </c>
      <c r="L882" s="2" t="s">
        <v>1520</v>
      </c>
      <c r="M882" s="5" t="s">
        <v>1521</v>
      </c>
      <c r="N882" s="5" t="s">
        <v>38</v>
      </c>
      <c r="O882" s="5" t="s">
        <v>39</v>
      </c>
      <c r="P882" s="5" t="s">
        <v>40</v>
      </c>
      <c r="Q882" s="5" t="s">
        <v>1522</v>
      </c>
      <c r="R882" s="5" t="s">
        <v>1523</v>
      </c>
      <c r="S882" s="5" t="s">
        <v>42</v>
      </c>
      <c r="T882" s="2">
        <v>3.2570000000000001</v>
      </c>
      <c r="U882" s="2">
        <v>2.6589999999999998</v>
      </c>
      <c r="V882" s="2">
        <v>1.7999999999999999E-2</v>
      </c>
      <c r="W882" s="2">
        <v>139.1</v>
      </c>
      <c r="X882" s="2">
        <v>7.6</v>
      </c>
      <c r="Y882" s="2">
        <v>16.7</v>
      </c>
      <c r="Z882" s="5"/>
      <c r="AA882" s="5" t="s">
        <v>43</v>
      </c>
      <c r="AB882" s="5" t="s">
        <v>44</v>
      </c>
      <c r="AC882" s="2"/>
      <c r="AD882" s="1"/>
    </row>
    <row r="883" spans="1:30">
      <c r="A883" s="5" t="s">
        <v>83578</v>
      </c>
      <c r="B883" s="2" t="s">
        <v>86222</v>
      </c>
      <c r="C883" s="14" t="s">
        <v>86223</v>
      </c>
      <c r="D883" s="2" t="s">
        <v>86224</v>
      </c>
      <c r="E883" s="2" t="s">
        <v>7593</v>
      </c>
      <c r="F883" s="8">
        <v>291</v>
      </c>
      <c r="G883" s="5">
        <v>6</v>
      </c>
      <c r="H883" s="5" t="s">
        <v>1518</v>
      </c>
      <c r="I883" s="5" t="s">
        <v>1519</v>
      </c>
      <c r="J883" s="2" t="s">
        <v>1520</v>
      </c>
      <c r="K883" s="5" t="s">
        <v>1519</v>
      </c>
      <c r="L883" s="2" t="s">
        <v>1520</v>
      </c>
      <c r="M883" s="5" t="s">
        <v>1521</v>
      </c>
      <c r="N883" s="5" t="s">
        <v>38</v>
      </c>
      <c r="O883" s="5" t="s">
        <v>39</v>
      </c>
      <c r="P883" s="5" t="s">
        <v>40</v>
      </c>
      <c r="Q883" s="5" t="s">
        <v>1522</v>
      </c>
      <c r="R883" s="5" t="s">
        <v>1523</v>
      </c>
      <c r="S883" s="5" t="s">
        <v>42</v>
      </c>
      <c r="T883" s="2">
        <v>3.1720000000000002</v>
      </c>
      <c r="U883" s="2">
        <v>2.5739999999999998</v>
      </c>
      <c r="V883" s="2">
        <v>1.7999999999999999E-2</v>
      </c>
      <c r="W883" s="2">
        <v>139.1</v>
      </c>
      <c r="X883" s="2">
        <v>7.6</v>
      </c>
      <c r="Y883" s="2">
        <v>16.7</v>
      </c>
      <c r="Z883" s="5"/>
      <c r="AA883" s="5" t="s">
        <v>43</v>
      </c>
      <c r="AB883" s="5" t="s">
        <v>44</v>
      </c>
      <c r="AC883" s="2"/>
      <c r="AD883" s="1"/>
    </row>
    <row r="884" spans="1:30">
      <c r="A884" s="5" t="s">
        <v>83578</v>
      </c>
      <c r="B884" s="2" t="s">
        <v>86225</v>
      </c>
      <c r="C884" s="14" t="s">
        <v>86226</v>
      </c>
      <c r="D884" s="2" t="s">
        <v>86227</v>
      </c>
      <c r="E884" s="2" t="s">
        <v>7551</v>
      </c>
      <c r="F884" s="8">
        <v>321</v>
      </c>
      <c r="G884" s="5">
        <v>6</v>
      </c>
      <c r="H884" s="5" t="s">
        <v>1518</v>
      </c>
      <c r="I884" s="5" t="s">
        <v>1519</v>
      </c>
      <c r="J884" s="2" t="s">
        <v>1520</v>
      </c>
      <c r="K884" s="5" t="s">
        <v>1519</v>
      </c>
      <c r="L884" s="2" t="s">
        <v>1520</v>
      </c>
      <c r="M884" s="5" t="s">
        <v>1521</v>
      </c>
      <c r="N884" s="5" t="s">
        <v>38</v>
      </c>
      <c r="O884" s="5" t="s">
        <v>39</v>
      </c>
      <c r="P884" s="5" t="s">
        <v>40</v>
      </c>
      <c r="Q884" s="5" t="s">
        <v>1522</v>
      </c>
      <c r="R884" s="5" t="s">
        <v>1523</v>
      </c>
      <c r="S884" s="5" t="s">
        <v>42</v>
      </c>
      <c r="T884" s="2">
        <v>3.794</v>
      </c>
      <c r="U884" s="2">
        <v>3.222</v>
      </c>
      <c r="V884" s="2">
        <v>1.7999999999999999E-2</v>
      </c>
      <c r="W884" s="2">
        <v>139.1</v>
      </c>
      <c r="X884" s="2">
        <v>7.6</v>
      </c>
      <c r="Y884" s="2">
        <v>16.7</v>
      </c>
      <c r="Z884" s="5"/>
      <c r="AA884" s="5" t="s">
        <v>43</v>
      </c>
      <c r="AB884" s="5" t="s">
        <v>44</v>
      </c>
      <c r="AC884" s="2"/>
      <c r="AD884" s="1"/>
    </row>
    <row r="885" spans="1:30">
      <c r="A885" s="5" t="s">
        <v>83578</v>
      </c>
      <c r="B885" s="2" t="s">
        <v>86228</v>
      </c>
      <c r="C885" s="14" t="s">
        <v>86229</v>
      </c>
      <c r="D885" s="2" t="s">
        <v>86230</v>
      </c>
      <c r="E885" s="2" t="s">
        <v>7555</v>
      </c>
      <c r="F885" s="8">
        <v>321</v>
      </c>
      <c r="G885" s="5">
        <v>6</v>
      </c>
      <c r="H885" s="5" t="s">
        <v>1518</v>
      </c>
      <c r="I885" s="5" t="s">
        <v>1519</v>
      </c>
      <c r="J885" s="2" t="s">
        <v>1520</v>
      </c>
      <c r="K885" s="5" t="s">
        <v>1519</v>
      </c>
      <c r="L885" s="2" t="s">
        <v>1520</v>
      </c>
      <c r="M885" s="5" t="s">
        <v>1521</v>
      </c>
      <c r="N885" s="5" t="s">
        <v>38</v>
      </c>
      <c r="O885" s="5" t="s">
        <v>39</v>
      </c>
      <c r="P885" s="5" t="s">
        <v>40</v>
      </c>
      <c r="Q885" s="5" t="s">
        <v>1522</v>
      </c>
      <c r="R885" s="5" t="s">
        <v>1523</v>
      </c>
      <c r="S885" s="5" t="s">
        <v>42</v>
      </c>
      <c r="T885" s="2">
        <v>3.6739999999999999</v>
      </c>
      <c r="U885" s="2">
        <v>3.1019999999999999</v>
      </c>
      <c r="V885" s="2">
        <v>1.7999999999999999E-2</v>
      </c>
      <c r="W885" s="2">
        <v>139.1</v>
      </c>
      <c r="X885" s="2">
        <v>7.6</v>
      </c>
      <c r="Y885" s="2">
        <v>16.7</v>
      </c>
      <c r="Z885" s="5"/>
      <c r="AA885" s="5" t="s">
        <v>43</v>
      </c>
      <c r="AB885" s="5" t="s">
        <v>44</v>
      </c>
      <c r="AC885" s="2"/>
      <c r="AD885" s="1"/>
    </row>
    <row r="886" spans="1:30">
      <c r="A886" s="5" t="s">
        <v>83578</v>
      </c>
      <c r="B886" s="2" t="s">
        <v>86231</v>
      </c>
      <c r="C886" s="14" t="s">
        <v>86232</v>
      </c>
      <c r="D886" s="2" t="s">
        <v>86233</v>
      </c>
      <c r="E886" s="2" t="s">
        <v>7559</v>
      </c>
      <c r="F886" s="8">
        <v>321</v>
      </c>
      <c r="G886" s="5">
        <v>6</v>
      </c>
      <c r="H886" s="5" t="s">
        <v>1518</v>
      </c>
      <c r="I886" s="5" t="s">
        <v>1519</v>
      </c>
      <c r="J886" s="2" t="s">
        <v>1520</v>
      </c>
      <c r="K886" s="5" t="s">
        <v>1519</v>
      </c>
      <c r="L886" s="2" t="s">
        <v>1520</v>
      </c>
      <c r="M886" s="5" t="s">
        <v>1521</v>
      </c>
      <c r="N886" s="5" t="s">
        <v>38</v>
      </c>
      <c r="O886" s="5" t="s">
        <v>39</v>
      </c>
      <c r="P886" s="5" t="s">
        <v>40</v>
      </c>
      <c r="Q886" s="5" t="s">
        <v>1522</v>
      </c>
      <c r="R886" s="5" t="s">
        <v>1523</v>
      </c>
      <c r="S886" s="5" t="s">
        <v>42</v>
      </c>
      <c r="T886" s="2">
        <v>3.794</v>
      </c>
      <c r="U886" s="2">
        <v>3.222</v>
      </c>
      <c r="V886" s="2">
        <v>1.7999999999999999E-2</v>
      </c>
      <c r="W886" s="2">
        <v>139.1</v>
      </c>
      <c r="X886" s="2">
        <v>7.6</v>
      </c>
      <c r="Y886" s="2">
        <v>16.7</v>
      </c>
      <c r="Z886" s="5"/>
      <c r="AA886" s="5" t="s">
        <v>43</v>
      </c>
      <c r="AB886" s="5" t="s">
        <v>44</v>
      </c>
      <c r="AC886" s="2"/>
      <c r="AD886" s="1"/>
    </row>
    <row r="887" spans="1:30">
      <c r="A887" s="5" t="s">
        <v>83578</v>
      </c>
      <c r="B887" s="2" t="s">
        <v>86234</v>
      </c>
      <c r="C887" s="14" t="s">
        <v>86235</v>
      </c>
      <c r="D887" s="2" t="s">
        <v>86236</v>
      </c>
      <c r="E887" s="2" t="s">
        <v>7567</v>
      </c>
      <c r="F887" s="8">
        <v>321</v>
      </c>
      <c r="G887" s="5">
        <v>6</v>
      </c>
      <c r="H887" s="5" t="s">
        <v>1518</v>
      </c>
      <c r="I887" s="5" t="s">
        <v>1519</v>
      </c>
      <c r="J887" s="2" t="s">
        <v>1520</v>
      </c>
      <c r="K887" s="5" t="s">
        <v>1519</v>
      </c>
      <c r="L887" s="2" t="s">
        <v>1520</v>
      </c>
      <c r="M887" s="5" t="s">
        <v>1521</v>
      </c>
      <c r="N887" s="5" t="s">
        <v>38</v>
      </c>
      <c r="O887" s="5" t="s">
        <v>39</v>
      </c>
      <c r="P887" s="5" t="s">
        <v>40</v>
      </c>
      <c r="Q887" s="5" t="s">
        <v>1522</v>
      </c>
      <c r="R887" s="5" t="s">
        <v>1523</v>
      </c>
      <c r="S887" s="5" t="s">
        <v>42</v>
      </c>
      <c r="T887" s="2">
        <v>3.8340000000000001</v>
      </c>
      <c r="U887" s="2">
        <v>3.262</v>
      </c>
      <c r="V887" s="2">
        <v>1.7999999999999999E-2</v>
      </c>
      <c r="W887" s="2">
        <v>139.1</v>
      </c>
      <c r="X887" s="2">
        <v>7.6</v>
      </c>
      <c r="Y887" s="2">
        <v>16.7</v>
      </c>
      <c r="Z887" s="5"/>
      <c r="AA887" s="5" t="s">
        <v>43</v>
      </c>
      <c r="AB887" s="5" t="s">
        <v>44</v>
      </c>
      <c r="AC887" s="2"/>
      <c r="AD887" s="1"/>
    </row>
    <row r="888" spans="1:30">
      <c r="A888" s="5" t="s">
        <v>83578</v>
      </c>
      <c r="B888" s="2" t="s">
        <v>86237</v>
      </c>
      <c r="C888" s="14" t="s">
        <v>86238</v>
      </c>
      <c r="D888" s="2" t="s">
        <v>86239</v>
      </c>
      <c r="E888" s="2" t="s">
        <v>16079</v>
      </c>
      <c r="F888" s="8">
        <v>321</v>
      </c>
      <c r="G888" s="5">
        <v>6</v>
      </c>
      <c r="H888" s="5" t="s">
        <v>1518</v>
      </c>
      <c r="I888" s="5" t="s">
        <v>1519</v>
      </c>
      <c r="J888" s="2" t="s">
        <v>1520</v>
      </c>
      <c r="K888" s="5" t="s">
        <v>1519</v>
      </c>
      <c r="L888" s="2" t="s">
        <v>1520</v>
      </c>
      <c r="M888" s="5" t="s">
        <v>1521</v>
      </c>
      <c r="N888" s="5" t="s">
        <v>38</v>
      </c>
      <c r="O888" s="5" t="s">
        <v>39</v>
      </c>
      <c r="P888" s="5" t="s">
        <v>40</v>
      </c>
      <c r="Q888" s="5" t="s">
        <v>1522</v>
      </c>
      <c r="R888" s="5" t="s">
        <v>1523</v>
      </c>
      <c r="S888" s="5" t="s">
        <v>42</v>
      </c>
      <c r="T888" s="2">
        <v>3.714</v>
      </c>
      <c r="U888" s="2">
        <v>3.1419999999999999</v>
      </c>
      <c r="V888" s="2">
        <v>1.7999999999999999E-2</v>
      </c>
      <c r="W888" s="2">
        <v>139.1</v>
      </c>
      <c r="X888" s="2">
        <v>7.6</v>
      </c>
      <c r="Y888" s="2">
        <v>16.7</v>
      </c>
      <c r="Z888" s="5"/>
      <c r="AA888" s="5" t="s">
        <v>43</v>
      </c>
      <c r="AB888" s="5" t="s">
        <v>44</v>
      </c>
      <c r="AC888" s="2"/>
      <c r="AD888" s="1"/>
    </row>
    <row r="889" spans="1:30">
      <c r="A889" s="5" t="s">
        <v>83578</v>
      </c>
      <c r="B889" s="2" t="s">
        <v>86240</v>
      </c>
      <c r="C889" s="14" t="s">
        <v>86241</v>
      </c>
      <c r="D889" s="2" t="s">
        <v>86242</v>
      </c>
      <c r="E889" s="2" t="s">
        <v>16194</v>
      </c>
      <c r="F889" s="8">
        <v>321</v>
      </c>
      <c r="G889" s="5">
        <v>6</v>
      </c>
      <c r="H889" s="5" t="s">
        <v>1518</v>
      </c>
      <c r="I889" s="5" t="s">
        <v>1519</v>
      </c>
      <c r="J889" s="2" t="s">
        <v>1520</v>
      </c>
      <c r="K889" s="5" t="s">
        <v>1519</v>
      </c>
      <c r="L889" s="2" t="s">
        <v>1520</v>
      </c>
      <c r="M889" s="5" t="s">
        <v>1521</v>
      </c>
      <c r="N889" s="5" t="s">
        <v>38</v>
      </c>
      <c r="O889" s="5" t="s">
        <v>39</v>
      </c>
      <c r="P889" s="5" t="s">
        <v>40</v>
      </c>
      <c r="Q889" s="5" t="s">
        <v>1522</v>
      </c>
      <c r="R889" s="5" t="s">
        <v>1523</v>
      </c>
      <c r="S889" s="5" t="s">
        <v>42</v>
      </c>
      <c r="T889" s="2">
        <v>3.8340000000000001</v>
      </c>
      <c r="U889" s="2">
        <v>3.262</v>
      </c>
      <c r="V889" s="2">
        <v>1.7999999999999999E-2</v>
      </c>
      <c r="W889" s="2">
        <v>139.1</v>
      </c>
      <c r="X889" s="2">
        <v>7.6</v>
      </c>
      <c r="Y889" s="2">
        <v>16.7</v>
      </c>
      <c r="Z889" s="5"/>
      <c r="AA889" s="5" t="s">
        <v>43</v>
      </c>
      <c r="AB889" s="5" t="s">
        <v>44</v>
      </c>
      <c r="AC889" s="2"/>
      <c r="AD889" s="1"/>
    </row>
    <row r="890" spans="1:30">
      <c r="A890" s="5" t="s">
        <v>83578</v>
      </c>
      <c r="B890" s="2" t="s">
        <v>86243</v>
      </c>
      <c r="C890" s="14" t="s">
        <v>86244</v>
      </c>
      <c r="D890" s="2" t="s">
        <v>86245</v>
      </c>
      <c r="E890" s="2" t="s">
        <v>7581</v>
      </c>
      <c r="F890" s="8">
        <v>321</v>
      </c>
      <c r="G890" s="5">
        <v>6</v>
      </c>
      <c r="H890" s="5" t="s">
        <v>1518</v>
      </c>
      <c r="I890" s="5" t="s">
        <v>1519</v>
      </c>
      <c r="J890" s="2" t="s">
        <v>1520</v>
      </c>
      <c r="K890" s="5" t="s">
        <v>1519</v>
      </c>
      <c r="L890" s="2" t="s">
        <v>1520</v>
      </c>
      <c r="M890" s="5" t="s">
        <v>1521</v>
      </c>
      <c r="N890" s="5" t="s">
        <v>38</v>
      </c>
      <c r="O890" s="5" t="s">
        <v>39</v>
      </c>
      <c r="P890" s="5" t="s">
        <v>40</v>
      </c>
      <c r="Q890" s="5" t="s">
        <v>1522</v>
      </c>
      <c r="R890" s="5" t="s">
        <v>1523</v>
      </c>
      <c r="S890" s="5" t="s">
        <v>42</v>
      </c>
      <c r="T890" s="2">
        <v>3.8340000000000001</v>
      </c>
      <c r="U890" s="2">
        <v>3.262</v>
      </c>
      <c r="V890" s="2">
        <v>1.7999999999999999E-2</v>
      </c>
      <c r="W890" s="2">
        <v>139.1</v>
      </c>
      <c r="X890" s="2">
        <v>7.6</v>
      </c>
      <c r="Y890" s="2">
        <v>16.7</v>
      </c>
      <c r="Z890" s="5"/>
      <c r="AA890" s="5" t="s">
        <v>43</v>
      </c>
      <c r="AB890" s="5" t="s">
        <v>44</v>
      </c>
      <c r="AC890" s="2"/>
      <c r="AD890" s="1"/>
    </row>
    <row r="891" spans="1:30">
      <c r="A891" s="5" t="s">
        <v>83578</v>
      </c>
      <c r="B891" s="2" t="s">
        <v>86246</v>
      </c>
      <c r="C891" s="14" t="s">
        <v>86247</v>
      </c>
      <c r="D891" s="2" t="s">
        <v>86248</v>
      </c>
      <c r="E891" s="2" t="s">
        <v>7585</v>
      </c>
      <c r="F891" s="8">
        <v>321</v>
      </c>
      <c r="G891" s="5">
        <v>6</v>
      </c>
      <c r="H891" s="5" t="s">
        <v>1518</v>
      </c>
      <c r="I891" s="5" t="s">
        <v>1519</v>
      </c>
      <c r="J891" s="2" t="s">
        <v>1520</v>
      </c>
      <c r="K891" s="5" t="s">
        <v>1519</v>
      </c>
      <c r="L891" s="2" t="s">
        <v>1520</v>
      </c>
      <c r="M891" s="5" t="s">
        <v>1521</v>
      </c>
      <c r="N891" s="5" t="s">
        <v>38</v>
      </c>
      <c r="O891" s="5" t="s">
        <v>39</v>
      </c>
      <c r="P891" s="5" t="s">
        <v>40</v>
      </c>
      <c r="Q891" s="5" t="s">
        <v>1522</v>
      </c>
      <c r="R891" s="5" t="s">
        <v>1523</v>
      </c>
      <c r="S891" s="5" t="s">
        <v>42</v>
      </c>
      <c r="T891" s="2">
        <v>3.6739999999999999</v>
      </c>
      <c r="U891" s="2">
        <v>3.1019999999999999</v>
      </c>
      <c r="V891" s="2">
        <v>1.7999999999999999E-2</v>
      </c>
      <c r="W891" s="2">
        <v>139.1</v>
      </c>
      <c r="X891" s="2">
        <v>7.6</v>
      </c>
      <c r="Y891" s="2">
        <v>16.7</v>
      </c>
      <c r="Z891" s="5"/>
      <c r="AA891" s="5" t="s">
        <v>43</v>
      </c>
      <c r="AB891" s="5" t="s">
        <v>44</v>
      </c>
      <c r="AC891" s="2"/>
      <c r="AD891" s="1"/>
    </row>
    <row r="892" spans="1:30">
      <c r="A892" s="5" t="s">
        <v>83578</v>
      </c>
      <c r="B892" s="2" t="s">
        <v>86249</v>
      </c>
      <c r="C892" s="14" t="s">
        <v>86250</v>
      </c>
      <c r="D892" s="2" t="s">
        <v>86251</v>
      </c>
      <c r="E892" s="2" t="s">
        <v>16219</v>
      </c>
      <c r="F892" s="8">
        <v>321</v>
      </c>
      <c r="G892" s="5">
        <v>6</v>
      </c>
      <c r="H892" s="5" t="s">
        <v>1518</v>
      </c>
      <c r="I892" s="5" t="s">
        <v>1519</v>
      </c>
      <c r="J892" s="2" t="s">
        <v>1520</v>
      </c>
      <c r="K892" s="5" t="s">
        <v>1519</v>
      </c>
      <c r="L892" s="2" t="s">
        <v>1520</v>
      </c>
      <c r="M892" s="5" t="s">
        <v>1521</v>
      </c>
      <c r="N892" s="5" t="s">
        <v>38</v>
      </c>
      <c r="O892" s="5" t="s">
        <v>39</v>
      </c>
      <c r="P892" s="5" t="s">
        <v>40</v>
      </c>
      <c r="Q892" s="5" t="s">
        <v>1522</v>
      </c>
      <c r="R892" s="5" t="s">
        <v>1523</v>
      </c>
      <c r="S892" s="5" t="s">
        <v>42</v>
      </c>
      <c r="T892" s="2">
        <v>3.8340000000000001</v>
      </c>
      <c r="U892" s="2">
        <v>3.262</v>
      </c>
      <c r="V892" s="2">
        <v>1.7999999999999999E-2</v>
      </c>
      <c r="W892" s="2">
        <v>139.1</v>
      </c>
      <c r="X892" s="2">
        <v>7.6</v>
      </c>
      <c r="Y892" s="2">
        <v>16.7</v>
      </c>
      <c r="Z892" s="5"/>
      <c r="AA892" s="5" t="s">
        <v>43</v>
      </c>
      <c r="AB892" s="5" t="s">
        <v>44</v>
      </c>
      <c r="AC892" s="2"/>
      <c r="AD892" s="1"/>
    </row>
    <row r="893" spans="1:30">
      <c r="A893" s="5" t="s">
        <v>83578</v>
      </c>
      <c r="B893" s="2" t="s">
        <v>86252</v>
      </c>
      <c r="C893" s="14" t="s">
        <v>86253</v>
      </c>
      <c r="D893" s="2" t="s">
        <v>86254</v>
      </c>
      <c r="E893" s="2" t="s">
        <v>7521</v>
      </c>
      <c r="F893" s="8">
        <v>270</v>
      </c>
      <c r="G893" s="5">
        <v>6</v>
      </c>
      <c r="H893" s="5" t="s">
        <v>1518</v>
      </c>
      <c r="I893" s="5" t="s">
        <v>1519</v>
      </c>
      <c r="J893" s="2" t="s">
        <v>1520</v>
      </c>
      <c r="K893" s="5" t="s">
        <v>1519</v>
      </c>
      <c r="L893" s="2" t="s">
        <v>1520</v>
      </c>
      <c r="M893" s="5" t="s">
        <v>1521</v>
      </c>
      <c r="N893" s="5" t="s">
        <v>38</v>
      </c>
      <c r="O893" s="5" t="s">
        <v>39</v>
      </c>
      <c r="P893" s="5" t="s">
        <v>40</v>
      </c>
      <c r="Q893" s="5" t="s">
        <v>1522</v>
      </c>
      <c r="R893" s="5" t="s">
        <v>1523</v>
      </c>
      <c r="S893" s="5" t="s">
        <v>42</v>
      </c>
      <c r="T893" s="2">
        <v>2.9369999999999998</v>
      </c>
      <c r="U893" s="2">
        <v>2.3250000000000002</v>
      </c>
      <c r="V893" s="2">
        <v>1.7999999999999999E-2</v>
      </c>
      <c r="W893" s="2">
        <v>139.1</v>
      </c>
      <c r="X893" s="2">
        <v>7.6</v>
      </c>
      <c r="Y893" s="2">
        <v>16.7</v>
      </c>
      <c r="Z893" s="5"/>
      <c r="AA893" s="5" t="s">
        <v>43</v>
      </c>
      <c r="AB893" s="5" t="s">
        <v>44</v>
      </c>
      <c r="AC893" s="2"/>
      <c r="AD893" s="1"/>
    </row>
    <row r="894" spans="1:30">
      <c r="A894" s="5" t="s">
        <v>83578</v>
      </c>
      <c r="B894" s="2" t="s">
        <v>86255</v>
      </c>
      <c r="C894" s="14" t="s">
        <v>86256</v>
      </c>
      <c r="D894" s="2" t="s">
        <v>86257</v>
      </c>
      <c r="E894" s="2" t="s">
        <v>7528</v>
      </c>
      <c r="F894" s="8">
        <v>270</v>
      </c>
      <c r="G894" s="5">
        <v>6</v>
      </c>
      <c r="H894" s="5" t="s">
        <v>1518</v>
      </c>
      <c r="I894" s="5" t="s">
        <v>1519</v>
      </c>
      <c r="J894" s="2" t="s">
        <v>1520</v>
      </c>
      <c r="K894" s="5" t="s">
        <v>1519</v>
      </c>
      <c r="L894" s="2" t="s">
        <v>1520</v>
      </c>
      <c r="M894" s="5" t="s">
        <v>1521</v>
      </c>
      <c r="N894" s="5" t="s">
        <v>38</v>
      </c>
      <c r="O894" s="5" t="s">
        <v>39</v>
      </c>
      <c r="P894" s="5" t="s">
        <v>40</v>
      </c>
      <c r="Q894" s="5" t="s">
        <v>1522</v>
      </c>
      <c r="R894" s="5" t="s">
        <v>1523</v>
      </c>
      <c r="S894" s="5" t="s">
        <v>42</v>
      </c>
      <c r="T894" s="2">
        <v>2.923</v>
      </c>
      <c r="U894" s="2">
        <v>2.3109999999999999</v>
      </c>
      <c r="V894" s="2">
        <v>1.7999999999999999E-2</v>
      </c>
      <c r="W894" s="2">
        <v>139.1</v>
      </c>
      <c r="X894" s="2">
        <v>7.6</v>
      </c>
      <c r="Y894" s="2">
        <v>16.7</v>
      </c>
      <c r="Z894" s="5"/>
      <c r="AA894" s="5" t="s">
        <v>43</v>
      </c>
      <c r="AB894" s="5" t="s">
        <v>44</v>
      </c>
      <c r="AC894" s="2"/>
      <c r="AD894" s="1"/>
    </row>
    <row r="895" spans="1:30">
      <c r="A895" s="5" t="s">
        <v>83578</v>
      </c>
      <c r="B895" s="2" t="s">
        <v>86258</v>
      </c>
      <c r="C895" s="14" t="s">
        <v>86259</v>
      </c>
      <c r="D895" s="2" t="s">
        <v>86260</v>
      </c>
      <c r="E895" s="2" t="s">
        <v>7406</v>
      </c>
      <c r="F895" s="8">
        <v>291</v>
      </c>
      <c r="G895" s="5">
        <v>6</v>
      </c>
      <c r="H895" s="5" t="s">
        <v>1518</v>
      </c>
      <c r="I895" s="5" t="s">
        <v>1519</v>
      </c>
      <c r="J895" s="2" t="s">
        <v>1520</v>
      </c>
      <c r="K895" s="5" t="s">
        <v>1519</v>
      </c>
      <c r="L895" s="2" t="s">
        <v>1520</v>
      </c>
      <c r="M895" s="5" t="s">
        <v>1521</v>
      </c>
      <c r="N895" s="5" t="s">
        <v>38</v>
      </c>
      <c r="O895" s="5" t="s">
        <v>39</v>
      </c>
      <c r="P895" s="5" t="s">
        <v>40</v>
      </c>
      <c r="Q895" s="5" t="s">
        <v>1522</v>
      </c>
      <c r="R895" s="5" t="s">
        <v>1523</v>
      </c>
      <c r="S895" s="5" t="s">
        <v>42</v>
      </c>
      <c r="T895" s="2">
        <v>2.8570000000000002</v>
      </c>
      <c r="U895" s="2">
        <v>2.2450000000000001</v>
      </c>
      <c r="V895" s="2">
        <v>1.7999999999999999E-2</v>
      </c>
      <c r="W895" s="2">
        <v>139.1</v>
      </c>
      <c r="X895" s="2">
        <v>7.6</v>
      </c>
      <c r="Y895" s="2">
        <v>16.7</v>
      </c>
      <c r="Z895" s="5"/>
      <c r="AA895" s="5" t="s">
        <v>43</v>
      </c>
      <c r="AB895" s="5" t="s">
        <v>44</v>
      </c>
      <c r="AC895" s="2"/>
      <c r="AD895" s="1"/>
    </row>
    <row r="896" spans="1:30">
      <c r="A896" s="5" t="s">
        <v>83578</v>
      </c>
      <c r="B896" s="2" t="s">
        <v>86261</v>
      </c>
      <c r="C896" s="14" t="s">
        <v>86262</v>
      </c>
      <c r="D896" s="2" t="s">
        <v>86263</v>
      </c>
      <c r="E896" s="2" t="s">
        <v>7543</v>
      </c>
      <c r="F896" s="8">
        <v>291</v>
      </c>
      <c r="G896" s="5">
        <v>6</v>
      </c>
      <c r="H896" s="5" t="s">
        <v>1518</v>
      </c>
      <c r="I896" s="5" t="s">
        <v>1519</v>
      </c>
      <c r="J896" s="2" t="s">
        <v>1520</v>
      </c>
      <c r="K896" s="5" t="s">
        <v>1519</v>
      </c>
      <c r="L896" s="2" t="s">
        <v>1520</v>
      </c>
      <c r="M896" s="5" t="s">
        <v>1521</v>
      </c>
      <c r="N896" s="5" t="s">
        <v>38</v>
      </c>
      <c r="O896" s="5" t="s">
        <v>39</v>
      </c>
      <c r="P896" s="5" t="s">
        <v>40</v>
      </c>
      <c r="Q896" s="5" t="s">
        <v>1522</v>
      </c>
      <c r="R896" s="5" t="s">
        <v>1523</v>
      </c>
      <c r="S896" s="5" t="s">
        <v>42</v>
      </c>
      <c r="T896" s="2">
        <v>2.9369999999999998</v>
      </c>
      <c r="U896" s="2">
        <v>2.3250000000000002</v>
      </c>
      <c r="V896" s="2">
        <v>1.7999999999999999E-2</v>
      </c>
      <c r="W896" s="2">
        <v>139.1</v>
      </c>
      <c r="X896" s="2">
        <v>7.6</v>
      </c>
      <c r="Y896" s="2">
        <v>16.7</v>
      </c>
      <c r="Z896" s="5"/>
      <c r="AA896" s="5" t="s">
        <v>43</v>
      </c>
      <c r="AB896" s="5" t="s">
        <v>44</v>
      </c>
      <c r="AC896" s="2"/>
      <c r="AD896" s="1"/>
    </row>
    <row r="897" spans="1:30">
      <c r="A897" s="5" t="s">
        <v>83578</v>
      </c>
      <c r="B897" s="2" t="s">
        <v>86264</v>
      </c>
      <c r="C897" s="14" t="s">
        <v>86265</v>
      </c>
      <c r="D897" s="2" t="s">
        <v>86266</v>
      </c>
      <c r="E897" s="2" t="s">
        <v>7547</v>
      </c>
      <c r="F897" s="8">
        <v>291</v>
      </c>
      <c r="G897" s="5">
        <v>6</v>
      </c>
      <c r="H897" s="5" t="s">
        <v>1518</v>
      </c>
      <c r="I897" s="5" t="s">
        <v>1519</v>
      </c>
      <c r="J897" s="2" t="s">
        <v>1520</v>
      </c>
      <c r="K897" s="5" t="s">
        <v>1519</v>
      </c>
      <c r="L897" s="2" t="s">
        <v>1520</v>
      </c>
      <c r="M897" s="5" t="s">
        <v>1521</v>
      </c>
      <c r="N897" s="5" t="s">
        <v>38</v>
      </c>
      <c r="O897" s="5" t="s">
        <v>39</v>
      </c>
      <c r="P897" s="5" t="s">
        <v>40</v>
      </c>
      <c r="Q897" s="5" t="s">
        <v>1522</v>
      </c>
      <c r="R897" s="5" t="s">
        <v>1523</v>
      </c>
      <c r="S897" s="5" t="s">
        <v>42</v>
      </c>
      <c r="T897" s="2">
        <v>2.8570000000000002</v>
      </c>
      <c r="U897" s="2">
        <v>2.2450000000000001</v>
      </c>
      <c r="V897" s="2">
        <v>1.7999999999999999E-2</v>
      </c>
      <c r="W897" s="2">
        <v>139.1</v>
      </c>
      <c r="X897" s="2">
        <v>7.6</v>
      </c>
      <c r="Y897" s="2">
        <v>16.7</v>
      </c>
      <c r="Z897" s="5"/>
      <c r="AA897" s="5" t="s">
        <v>43</v>
      </c>
      <c r="AB897" s="5" t="s">
        <v>44</v>
      </c>
      <c r="AC897" s="2"/>
      <c r="AD897" s="1"/>
    </row>
    <row r="898" spans="1:30">
      <c r="A898" s="5" t="s">
        <v>83578</v>
      </c>
      <c r="B898" s="2" t="s">
        <v>86267</v>
      </c>
      <c r="C898" s="14" t="s">
        <v>86268</v>
      </c>
      <c r="D898" s="2" t="s">
        <v>86269</v>
      </c>
      <c r="E898" s="2" t="s">
        <v>7551</v>
      </c>
      <c r="F898" s="8">
        <v>291</v>
      </c>
      <c r="G898" s="5">
        <v>6</v>
      </c>
      <c r="H898" s="5" t="s">
        <v>1518</v>
      </c>
      <c r="I898" s="5" t="s">
        <v>1519</v>
      </c>
      <c r="J898" s="2" t="s">
        <v>1520</v>
      </c>
      <c r="K898" s="5" t="s">
        <v>1519</v>
      </c>
      <c r="L898" s="2" t="s">
        <v>1520</v>
      </c>
      <c r="M898" s="5" t="s">
        <v>1521</v>
      </c>
      <c r="N898" s="5" t="s">
        <v>38</v>
      </c>
      <c r="O898" s="5" t="s">
        <v>39</v>
      </c>
      <c r="P898" s="5" t="s">
        <v>40</v>
      </c>
      <c r="Q898" s="5" t="s">
        <v>1522</v>
      </c>
      <c r="R898" s="5" t="s">
        <v>1523</v>
      </c>
      <c r="S898" s="5" t="s">
        <v>42</v>
      </c>
      <c r="T898" s="2">
        <v>2.923</v>
      </c>
      <c r="U898" s="2">
        <v>2.3109999999999999</v>
      </c>
      <c r="V898" s="2">
        <v>1.7999999999999999E-2</v>
      </c>
      <c r="W898" s="2">
        <v>139.1</v>
      </c>
      <c r="X898" s="2">
        <v>7.6</v>
      </c>
      <c r="Y898" s="2">
        <v>16.7</v>
      </c>
      <c r="Z898" s="5"/>
      <c r="AA898" s="5" t="s">
        <v>43</v>
      </c>
      <c r="AB898" s="5" t="s">
        <v>44</v>
      </c>
      <c r="AC898" s="2"/>
      <c r="AD898" s="1"/>
    </row>
    <row r="899" spans="1:30">
      <c r="A899" s="5" t="s">
        <v>83578</v>
      </c>
      <c r="B899" s="2" t="s">
        <v>86270</v>
      </c>
      <c r="C899" s="14" t="s">
        <v>86271</v>
      </c>
      <c r="D899" s="2" t="s">
        <v>86272</v>
      </c>
      <c r="E899" s="2" t="s">
        <v>7555</v>
      </c>
      <c r="F899" s="8">
        <v>291</v>
      </c>
      <c r="G899" s="5">
        <v>6</v>
      </c>
      <c r="H899" s="5" t="s">
        <v>1518</v>
      </c>
      <c r="I899" s="5" t="s">
        <v>1519</v>
      </c>
      <c r="J899" s="2" t="s">
        <v>1520</v>
      </c>
      <c r="K899" s="5" t="s">
        <v>1519</v>
      </c>
      <c r="L899" s="2" t="s">
        <v>1520</v>
      </c>
      <c r="M899" s="5" t="s">
        <v>1521</v>
      </c>
      <c r="N899" s="5" t="s">
        <v>38</v>
      </c>
      <c r="O899" s="5" t="s">
        <v>39</v>
      </c>
      <c r="P899" s="5" t="s">
        <v>40</v>
      </c>
      <c r="Q899" s="5" t="s">
        <v>1522</v>
      </c>
      <c r="R899" s="5" t="s">
        <v>1523</v>
      </c>
      <c r="S899" s="5" t="s">
        <v>42</v>
      </c>
      <c r="T899" s="2">
        <v>2.8570000000000002</v>
      </c>
      <c r="U899" s="2">
        <v>2.2450000000000001</v>
      </c>
      <c r="V899" s="2">
        <v>1.7999999999999999E-2</v>
      </c>
      <c r="W899" s="2">
        <v>139.1</v>
      </c>
      <c r="X899" s="2">
        <v>7.6</v>
      </c>
      <c r="Y899" s="2">
        <v>16.7</v>
      </c>
      <c r="Z899" s="5"/>
      <c r="AA899" s="5" t="s">
        <v>43</v>
      </c>
      <c r="AB899" s="5" t="s">
        <v>44</v>
      </c>
      <c r="AC899" s="2"/>
      <c r="AD899" s="1"/>
    </row>
    <row r="900" spans="1:30">
      <c r="A900" s="5" t="s">
        <v>83578</v>
      </c>
      <c r="B900" s="2" t="s">
        <v>86273</v>
      </c>
      <c r="C900" s="14" t="s">
        <v>86274</v>
      </c>
      <c r="D900" s="2" t="s">
        <v>86275</v>
      </c>
      <c r="E900" s="2" t="s">
        <v>7559</v>
      </c>
      <c r="F900" s="8">
        <v>291</v>
      </c>
      <c r="G900" s="5">
        <v>6</v>
      </c>
      <c r="H900" s="5" t="s">
        <v>1518</v>
      </c>
      <c r="I900" s="5" t="s">
        <v>1519</v>
      </c>
      <c r="J900" s="2" t="s">
        <v>1520</v>
      </c>
      <c r="K900" s="5" t="s">
        <v>1519</v>
      </c>
      <c r="L900" s="2" t="s">
        <v>1520</v>
      </c>
      <c r="M900" s="5" t="s">
        <v>1521</v>
      </c>
      <c r="N900" s="5" t="s">
        <v>38</v>
      </c>
      <c r="O900" s="5" t="s">
        <v>39</v>
      </c>
      <c r="P900" s="5" t="s">
        <v>40</v>
      </c>
      <c r="Q900" s="5" t="s">
        <v>1522</v>
      </c>
      <c r="R900" s="5" t="s">
        <v>1523</v>
      </c>
      <c r="S900" s="5" t="s">
        <v>42</v>
      </c>
      <c r="T900" s="2">
        <v>2.923</v>
      </c>
      <c r="U900" s="2">
        <v>2.3109999999999999</v>
      </c>
      <c r="V900" s="2">
        <v>1.7999999999999999E-2</v>
      </c>
      <c r="W900" s="2">
        <v>139.1</v>
      </c>
      <c r="X900" s="2">
        <v>7.6</v>
      </c>
      <c r="Y900" s="2">
        <v>16.7</v>
      </c>
      <c r="Z900" s="5"/>
      <c r="AA900" s="5" t="s">
        <v>43</v>
      </c>
      <c r="AB900" s="5" t="s">
        <v>44</v>
      </c>
      <c r="AC900" s="2"/>
      <c r="AD900" s="1"/>
    </row>
    <row r="901" spans="1:30">
      <c r="A901" s="5" t="s">
        <v>83578</v>
      </c>
      <c r="B901" s="2" t="s">
        <v>86276</v>
      </c>
      <c r="C901" s="14" t="s">
        <v>86277</v>
      </c>
      <c r="D901" s="2" t="s">
        <v>86278</v>
      </c>
      <c r="E901" s="2" t="s">
        <v>7563</v>
      </c>
      <c r="F901" s="8">
        <v>291</v>
      </c>
      <c r="G901" s="5">
        <v>6</v>
      </c>
      <c r="H901" s="5" t="s">
        <v>1518</v>
      </c>
      <c r="I901" s="5" t="s">
        <v>1519</v>
      </c>
      <c r="J901" s="2" t="s">
        <v>1520</v>
      </c>
      <c r="K901" s="5" t="s">
        <v>1519</v>
      </c>
      <c r="L901" s="2" t="s">
        <v>1520</v>
      </c>
      <c r="M901" s="5" t="s">
        <v>1521</v>
      </c>
      <c r="N901" s="5" t="s">
        <v>38</v>
      </c>
      <c r="O901" s="5" t="s">
        <v>39</v>
      </c>
      <c r="P901" s="5" t="s">
        <v>40</v>
      </c>
      <c r="Q901" s="5" t="s">
        <v>1522</v>
      </c>
      <c r="R901" s="5" t="s">
        <v>1523</v>
      </c>
      <c r="S901" s="5" t="s">
        <v>42</v>
      </c>
      <c r="T901" s="2">
        <v>2.871</v>
      </c>
      <c r="U901" s="2">
        <v>2.2589999999999999</v>
      </c>
      <c r="V901" s="2">
        <v>1.7999999999999999E-2</v>
      </c>
      <c r="W901" s="2">
        <v>139.1</v>
      </c>
      <c r="X901" s="2">
        <v>7.6</v>
      </c>
      <c r="Y901" s="2">
        <v>16.7</v>
      </c>
      <c r="Z901" s="5"/>
      <c r="AA901" s="5" t="s">
        <v>43</v>
      </c>
      <c r="AB901" s="5" t="s">
        <v>44</v>
      </c>
      <c r="AC901" s="2"/>
      <c r="AD901" s="1"/>
    </row>
    <row r="902" spans="1:30">
      <c r="A902" s="5" t="s">
        <v>83578</v>
      </c>
      <c r="B902" s="2" t="s">
        <v>86279</v>
      </c>
      <c r="C902" s="14" t="s">
        <v>86280</v>
      </c>
      <c r="D902" s="2" t="s">
        <v>86281</v>
      </c>
      <c r="E902" s="2" t="s">
        <v>7567</v>
      </c>
      <c r="F902" s="8">
        <v>291</v>
      </c>
      <c r="G902" s="5">
        <v>6</v>
      </c>
      <c r="H902" s="5" t="s">
        <v>1518</v>
      </c>
      <c r="I902" s="5" t="s">
        <v>1519</v>
      </c>
      <c r="J902" s="2" t="s">
        <v>1520</v>
      </c>
      <c r="K902" s="5" t="s">
        <v>1519</v>
      </c>
      <c r="L902" s="2" t="s">
        <v>1520</v>
      </c>
      <c r="M902" s="5" t="s">
        <v>1521</v>
      </c>
      <c r="N902" s="5" t="s">
        <v>38</v>
      </c>
      <c r="O902" s="5" t="s">
        <v>39</v>
      </c>
      <c r="P902" s="5" t="s">
        <v>40</v>
      </c>
      <c r="Q902" s="5" t="s">
        <v>1522</v>
      </c>
      <c r="R902" s="5" t="s">
        <v>1523</v>
      </c>
      <c r="S902" s="5" t="s">
        <v>42</v>
      </c>
      <c r="T902" s="2">
        <v>2.9369999999999998</v>
      </c>
      <c r="U902" s="2">
        <v>2.3250000000000002</v>
      </c>
      <c r="V902" s="2">
        <v>1.7999999999999999E-2</v>
      </c>
      <c r="W902" s="2">
        <v>139.1</v>
      </c>
      <c r="X902" s="2">
        <v>7.6</v>
      </c>
      <c r="Y902" s="2">
        <v>16.7</v>
      </c>
      <c r="Z902" s="5"/>
      <c r="AA902" s="5" t="s">
        <v>43</v>
      </c>
      <c r="AB902" s="5" t="s">
        <v>44</v>
      </c>
      <c r="AC902" s="2"/>
      <c r="AD902" s="1"/>
    </row>
    <row r="903" spans="1:30">
      <c r="A903" s="5" t="s">
        <v>83578</v>
      </c>
      <c r="B903" s="2" t="s">
        <v>86282</v>
      </c>
      <c r="C903" s="14" t="s">
        <v>86283</v>
      </c>
      <c r="D903" s="2" t="s">
        <v>86284</v>
      </c>
      <c r="E903" s="2" t="s">
        <v>16079</v>
      </c>
      <c r="F903" s="8">
        <v>291</v>
      </c>
      <c r="G903" s="5">
        <v>6</v>
      </c>
      <c r="H903" s="5" t="s">
        <v>1518</v>
      </c>
      <c r="I903" s="5" t="s">
        <v>1519</v>
      </c>
      <c r="J903" s="2" t="s">
        <v>1520</v>
      </c>
      <c r="K903" s="5" t="s">
        <v>1519</v>
      </c>
      <c r="L903" s="2" t="s">
        <v>1520</v>
      </c>
      <c r="M903" s="5" t="s">
        <v>1521</v>
      </c>
      <c r="N903" s="5" t="s">
        <v>38</v>
      </c>
      <c r="O903" s="5" t="s">
        <v>39</v>
      </c>
      <c r="P903" s="5" t="s">
        <v>40</v>
      </c>
      <c r="Q903" s="5" t="s">
        <v>1522</v>
      </c>
      <c r="R903" s="5" t="s">
        <v>1523</v>
      </c>
      <c r="S903" s="5" t="s">
        <v>42</v>
      </c>
      <c r="T903" s="2">
        <v>2.871</v>
      </c>
      <c r="U903" s="2">
        <v>2.2589999999999999</v>
      </c>
      <c r="V903" s="2">
        <v>1.7999999999999999E-2</v>
      </c>
      <c r="W903" s="2">
        <v>139.1</v>
      </c>
      <c r="X903" s="2">
        <v>7.6</v>
      </c>
      <c r="Y903" s="2">
        <v>16.7</v>
      </c>
      <c r="Z903" s="5"/>
      <c r="AA903" s="5" t="s">
        <v>43</v>
      </c>
      <c r="AB903" s="5" t="s">
        <v>44</v>
      </c>
      <c r="AC903" s="2"/>
      <c r="AD903" s="1"/>
    </row>
    <row r="904" spans="1:30">
      <c r="A904" s="5" t="s">
        <v>83578</v>
      </c>
      <c r="B904" s="2" t="s">
        <v>86285</v>
      </c>
      <c r="C904" s="14" t="s">
        <v>86286</v>
      </c>
      <c r="D904" s="2" t="s">
        <v>86287</v>
      </c>
      <c r="E904" s="2" t="s">
        <v>16194</v>
      </c>
      <c r="F904" s="8">
        <v>291</v>
      </c>
      <c r="G904" s="5">
        <v>6</v>
      </c>
      <c r="H904" s="5" t="s">
        <v>1518</v>
      </c>
      <c r="I904" s="5" t="s">
        <v>1519</v>
      </c>
      <c r="J904" s="2" t="s">
        <v>1520</v>
      </c>
      <c r="K904" s="5" t="s">
        <v>1519</v>
      </c>
      <c r="L904" s="2" t="s">
        <v>1520</v>
      </c>
      <c r="M904" s="5" t="s">
        <v>1521</v>
      </c>
      <c r="N904" s="5" t="s">
        <v>38</v>
      </c>
      <c r="O904" s="5" t="s">
        <v>39</v>
      </c>
      <c r="P904" s="5" t="s">
        <v>40</v>
      </c>
      <c r="Q904" s="5" t="s">
        <v>1522</v>
      </c>
      <c r="R904" s="5" t="s">
        <v>1523</v>
      </c>
      <c r="S904" s="5" t="s">
        <v>42</v>
      </c>
      <c r="T904" s="2">
        <v>2.9369999999999998</v>
      </c>
      <c r="U904" s="2">
        <v>2.3250000000000002</v>
      </c>
      <c r="V904" s="2">
        <v>1.7999999999999999E-2</v>
      </c>
      <c r="W904" s="2">
        <v>139.1</v>
      </c>
      <c r="X904" s="2">
        <v>7.6</v>
      </c>
      <c r="Y904" s="2">
        <v>16.7</v>
      </c>
      <c r="Z904" s="5"/>
      <c r="AA904" s="5" t="s">
        <v>43</v>
      </c>
      <c r="AB904" s="5" t="s">
        <v>44</v>
      </c>
      <c r="AC904" s="2"/>
      <c r="AD904" s="1"/>
    </row>
    <row r="905" spans="1:30">
      <c r="A905" s="5" t="s">
        <v>83578</v>
      </c>
      <c r="B905" s="2" t="s">
        <v>86288</v>
      </c>
      <c r="C905" s="14" t="s">
        <v>86289</v>
      </c>
      <c r="D905" s="2" t="s">
        <v>86290</v>
      </c>
      <c r="E905" s="2" t="s">
        <v>7449</v>
      </c>
      <c r="F905" s="8">
        <v>291</v>
      </c>
      <c r="G905" s="5">
        <v>6</v>
      </c>
      <c r="H905" s="5" t="s">
        <v>1518</v>
      </c>
      <c r="I905" s="5" t="s">
        <v>1519</v>
      </c>
      <c r="J905" s="2" t="s">
        <v>1520</v>
      </c>
      <c r="K905" s="5" t="s">
        <v>1519</v>
      </c>
      <c r="L905" s="2" t="s">
        <v>1520</v>
      </c>
      <c r="M905" s="5" t="s">
        <v>1521</v>
      </c>
      <c r="N905" s="5" t="s">
        <v>38</v>
      </c>
      <c r="O905" s="5" t="s">
        <v>39</v>
      </c>
      <c r="P905" s="5" t="s">
        <v>40</v>
      </c>
      <c r="Q905" s="5" t="s">
        <v>1522</v>
      </c>
      <c r="R905" s="5" t="s">
        <v>1523</v>
      </c>
      <c r="S905" s="5" t="s">
        <v>42</v>
      </c>
      <c r="T905" s="2">
        <v>2.871</v>
      </c>
      <c r="U905" s="2">
        <v>2.2589999999999999</v>
      </c>
      <c r="V905" s="2">
        <v>1.7999999999999999E-2</v>
      </c>
      <c r="W905" s="2">
        <v>139.1</v>
      </c>
      <c r="X905" s="2">
        <v>7.6</v>
      </c>
      <c r="Y905" s="2">
        <v>16.7</v>
      </c>
      <c r="Z905" s="5"/>
      <c r="AA905" s="5" t="s">
        <v>43</v>
      </c>
      <c r="AB905" s="5" t="s">
        <v>44</v>
      </c>
      <c r="AC905" s="2"/>
      <c r="AD905" s="1"/>
    </row>
    <row r="906" spans="1:30">
      <c r="A906" s="5" t="s">
        <v>83578</v>
      </c>
      <c r="B906" s="2" t="s">
        <v>86291</v>
      </c>
      <c r="C906" s="14" t="s">
        <v>86292</v>
      </c>
      <c r="D906" s="2" t="s">
        <v>86293</v>
      </c>
      <c r="E906" s="2" t="s">
        <v>7581</v>
      </c>
      <c r="F906" s="8">
        <v>291</v>
      </c>
      <c r="G906" s="5">
        <v>6</v>
      </c>
      <c r="H906" s="5" t="s">
        <v>1518</v>
      </c>
      <c r="I906" s="5" t="s">
        <v>1519</v>
      </c>
      <c r="J906" s="2" t="s">
        <v>1520</v>
      </c>
      <c r="K906" s="5" t="s">
        <v>1519</v>
      </c>
      <c r="L906" s="2" t="s">
        <v>1520</v>
      </c>
      <c r="M906" s="5" t="s">
        <v>1521</v>
      </c>
      <c r="N906" s="5" t="s">
        <v>38</v>
      </c>
      <c r="O906" s="5" t="s">
        <v>39</v>
      </c>
      <c r="P906" s="5" t="s">
        <v>40</v>
      </c>
      <c r="Q906" s="5" t="s">
        <v>1522</v>
      </c>
      <c r="R906" s="5" t="s">
        <v>1523</v>
      </c>
      <c r="S906" s="5" t="s">
        <v>42</v>
      </c>
      <c r="T906" s="2">
        <v>2.9369999999999998</v>
      </c>
      <c r="U906" s="2">
        <v>2.3250000000000002</v>
      </c>
      <c r="V906" s="2">
        <v>1.7999999999999999E-2</v>
      </c>
      <c r="W906" s="2">
        <v>139.1</v>
      </c>
      <c r="X906" s="2">
        <v>7.6</v>
      </c>
      <c r="Y906" s="2">
        <v>16.7</v>
      </c>
      <c r="Z906" s="5"/>
      <c r="AA906" s="5" t="s">
        <v>43</v>
      </c>
      <c r="AB906" s="5" t="s">
        <v>44</v>
      </c>
      <c r="AC906" s="2"/>
      <c r="AD906" s="1"/>
    </row>
    <row r="907" spans="1:30">
      <c r="A907" s="5" t="s">
        <v>83578</v>
      </c>
      <c r="B907" s="2" t="s">
        <v>86294</v>
      </c>
      <c r="C907" s="14" t="s">
        <v>86295</v>
      </c>
      <c r="D907" s="2" t="s">
        <v>86296</v>
      </c>
      <c r="E907" s="2" t="s">
        <v>7585</v>
      </c>
      <c r="F907" s="8">
        <v>291</v>
      </c>
      <c r="G907" s="5">
        <v>6</v>
      </c>
      <c r="H907" s="5" t="s">
        <v>1518</v>
      </c>
      <c r="I907" s="5" t="s">
        <v>1519</v>
      </c>
      <c r="J907" s="2" t="s">
        <v>1520</v>
      </c>
      <c r="K907" s="5" t="s">
        <v>1519</v>
      </c>
      <c r="L907" s="2" t="s">
        <v>1520</v>
      </c>
      <c r="M907" s="5" t="s">
        <v>1521</v>
      </c>
      <c r="N907" s="5" t="s">
        <v>38</v>
      </c>
      <c r="O907" s="5" t="s">
        <v>39</v>
      </c>
      <c r="P907" s="5" t="s">
        <v>40</v>
      </c>
      <c r="Q907" s="5" t="s">
        <v>1522</v>
      </c>
      <c r="R907" s="5" t="s">
        <v>1523</v>
      </c>
      <c r="S907" s="5" t="s">
        <v>42</v>
      </c>
      <c r="T907" s="2">
        <v>2.8570000000000002</v>
      </c>
      <c r="U907" s="2">
        <v>2.2450000000000001</v>
      </c>
      <c r="V907" s="2">
        <v>1.7999999999999999E-2</v>
      </c>
      <c r="W907" s="2">
        <v>139.1</v>
      </c>
      <c r="X907" s="2">
        <v>7.6</v>
      </c>
      <c r="Y907" s="2">
        <v>16.7</v>
      </c>
      <c r="Z907" s="5"/>
      <c r="AA907" s="5" t="s">
        <v>43</v>
      </c>
      <c r="AB907" s="5" t="s">
        <v>44</v>
      </c>
      <c r="AC907" s="2"/>
      <c r="AD907" s="1"/>
    </row>
    <row r="908" spans="1:30">
      <c r="A908" s="5" t="s">
        <v>83578</v>
      </c>
      <c r="B908" s="2" t="s">
        <v>86297</v>
      </c>
      <c r="C908" s="14" t="s">
        <v>86298</v>
      </c>
      <c r="D908" s="2" t="s">
        <v>86299</v>
      </c>
      <c r="E908" s="2" t="s">
        <v>7589</v>
      </c>
      <c r="F908" s="8">
        <v>291</v>
      </c>
      <c r="G908" s="5">
        <v>6</v>
      </c>
      <c r="H908" s="5" t="s">
        <v>1518</v>
      </c>
      <c r="I908" s="5" t="s">
        <v>1519</v>
      </c>
      <c r="J908" s="2" t="s">
        <v>1520</v>
      </c>
      <c r="K908" s="5" t="s">
        <v>1519</v>
      </c>
      <c r="L908" s="2" t="s">
        <v>1520</v>
      </c>
      <c r="M908" s="5" t="s">
        <v>1521</v>
      </c>
      <c r="N908" s="5" t="s">
        <v>38</v>
      </c>
      <c r="O908" s="5" t="s">
        <v>39</v>
      </c>
      <c r="P908" s="5" t="s">
        <v>40</v>
      </c>
      <c r="Q908" s="5" t="s">
        <v>1522</v>
      </c>
      <c r="R908" s="5" t="s">
        <v>1523</v>
      </c>
      <c r="S908" s="5" t="s">
        <v>42</v>
      </c>
      <c r="T908" s="2">
        <v>2.923</v>
      </c>
      <c r="U908" s="2">
        <v>2.3109999999999999</v>
      </c>
      <c r="V908" s="2">
        <v>1.7999999999999999E-2</v>
      </c>
      <c r="W908" s="2">
        <v>139.1</v>
      </c>
      <c r="X908" s="2">
        <v>7.6</v>
      </c>
      <c r="Y908" s="2">
        <v>16.7</v>
      </c>
      <c r="Z908" s="5"/>
      <c r="AA908" s="5" t="s">
        <v>43</v>
      </c>
      <c r="AB908" s="5" t="s">
        <v>44</v>
      </c>
      <c r="AC908" s="2"/>
      <c r="AD908" s="1"/>
    </row>
    <row r="909" spans="1:30">
      <c r="A909" s="5" t="s">
        <v>83578</v>
      </c>
      <c r="B909" s="2" t="s">
        <v>86300</v>
      </c>
      <c r="C909" s="14" t="s">
        <v>86301</v>
      </c>
      <c r="D909" s="2" t="s">
        <v>86302</v>
      </c>
      <c r="E909" s="2" t="s">
        <v>16219</v>
      </c>
      <c r="F909" s="8">
        <v>291</v>
      </c>
      <c r="G909" s="5">
        <v>6</v>
      </c>
      <c r="H909" s="5" t="s">
        <v>1518</v>
      </c>
      <c r="I909" s="5" t="s">
        <v>1519</v>
      </c>
      <c r="J909" s="2" t="s">
        <v>1520</v>
      </c>
      <c r="K909" s="5" t="s">
        <v>1519</v>
      </c>
      <c r="L909" s="2" t="s">
        <v>1520</v>
      </c>
      <c r="M909" s="5" t="s">
        <v>1521</v>
      </c>
      <c r="N909" s="5" t="s">
        <v>38</v>
      </c>
      <c r="O909" s="5" t="s">
        <v>39</v>
      </c>
      <c r="P909" s="5" t="s">
        <v>40</v>
      </c>
      <c r="Q909" s="5" t="s">
        <v>1522</v>
      </c>
      <c r="R909" s="5" t="s">
        <v>1523</v>
      </c>
      <c r="S909" s="5" t="s">
        <v>42</v>
      </c>
      <c r="T909" s="2">
        <v>2.9369999999999998</v>
      </c>
      <c r="U909" s="2">
        <v>2.3250000000000002</v>
      </c>
      <c r="V909" s="2">
        <v>1.7999999999999999E-2</v>
      </c>
      <c r="W909" s="2">
        <v>139.1</v>
      </c>
      <c r="X909" s="2">
        <v>7.6</v>
      </c>
      <c r="Y909" s="2">
        <v>16.7</v>
      </c>
      <c r="Z909" s="5"/>
      <c r="AA909" s="5" t="s">
        <v>43</v>
      </c>
      <c r="AB909" s="5" t="s">
        <v>44</v>
      </c>
      <c r="AC909" s="2"/>
      <c r="AD909" s="1"/>
    </row>
    <row r="910" spans="1:30">
      <c r="A910" s="5" t="s">
        <v>83578</v>
      </c>
      <c r="B910" s="2" t="s">
        <v>86303</v>
      </c>
      <c r="C910" s="14" t="s">
        <v>86304</v>
      </c>
      <c r="D910" s="2" t="s">
        <v>86305</v>
      </c>
      <c r="E910" s="2" t="s">
        <v>16018</v>
      </c>
      <c r="F910" s="8">
        <v>291</v>
      </c>
      <c r="G910" s="5">
        <v>6</v>
      </c>
      <c r="H910" s="5" t="s">
        <v>1518</v>
      </c>
      <c r="I910" s="5" t="s">
        <v>1519</v>
      </c>
      <c r="J910" s="2" t="s">
        <v>1520</v>
      </c>
      <c r="K910" s="5" t="s">
        <v>1519</v>
      </c>
      <c r="L910" s="2" t="s">
        <v>1520</v>
      </c>
      <c r="M910" s="5" t="s">
        <v>1521</v>
      </c>
      <c r="N910" s="5" t="s">
        <v>38</v>
      </c>
      <c r="O910" s="5" t="s">
        <v>39</v>
      </c>
      <c r="P910" s="5" t="s">
        <v>40</v>
      </c>
      <c r="Q910" s="5" t="s">
        <v>1522</v>
      </c>
      <c r="R910" s="5" t="s">
        <v>1523</v>
      </c>
      <c r="S910" s="5" t="s">
        <v>42</v>
      </c>
      <c r="T910" s="2">
        <v>2.871</v>
      </c>
      <c r="U910" s="2">
        <v>2.2589999999999999</v>
      </c>
      <c r="V910" s="2">
        <v>1.7999999999999999E-2</v>
      </c>
      <c r="W910" s="2">
        <v>139.1</v>
      </c>
      <c r="X910" s="2">
        <v>7.6</v>
      </c>
      <c r="Y910" s="2">
        <v>16.7</v>
      </c>
      <c r="Z910" s="5"/>
      <c r="AA910" s="5" t="s">
        <v>43</v>
      </c>
      <c r="AB910" s="5" t="s">
        <v>44</v>
      </c>
      <c r="AC910" s="2"/>
      <c r="AD910" s="1"/>
    </row>
    <row r="911" spans="1:30">
      <c r="A911" s="5" t="s">
        <v>83578</v>
      </c>
      <c r="B911" s="2" t="s">
        <v>86306</v>
      </c>
      <c r="C911" s="14" t="s">
        <v>86307</v>
      </c>
      <c r="D911" s="2" t="s">
        <v>86308</v>
      </c>
      <c r="E911" s="2" t="s">
        <v>7615</v>
      </c>
      <c r="F911" s="8">
        <v>291</v>
      </c>
      <c r="G911" s="5">
        <v>6</v>
      </c>
      <c r="H911" s="5" t="s">
        <v>1518</v>
      </c>
      <c r="I911" s="5" t="s">
        <v>1519</v>
      </c>
      <c r="J911" s="2" t="s">
        <v>1520</v>
      </c>
      <c r="K911" s="5" t="s">
        <v>1519</v>
      </c>
      <c r="L911" s="2" t="s">
        <v>1520</v>
      </c>
      <c r="M911" s="5" t="s">
        <v>1521</v>
      </c>
      <c r="N911" s="5" t="s">
        <v>38</v>
      </c>
      <c r="O911" s="5" t="s">
        <v>39</v>
      </c>
      <c r="P911" s="5" t="s">
        <v>40</v>
      </c>
      <c r="Q911" s="5" t="s">
        <v>1522</v>
      </c>
      <c r="R911" s="5" t="s">
        <v>1523</v>
      </c>
      <c r="S911" s="5" t="s">
        <v>42</v>
      </c>
      <c r="T911" s="2">
        <v>2.8570000000000002</v>
      </c>
      <c r="U911" s="2">
        <v>2.2450000000000001</v>
      </c>
      <c r="V911" s="2">
        <v>1.7999999999999999E-2</v>
      </c>
      <c r="W911" s="2">
        <v>139.1</v>
      </c>
      <c r="X911" s="2">
        <v>7.6</v>
      </c>
      <c r="Y911" s="2">
        <v>16.7</v>
      </c>
      <c r="Z911" s="5"/>
      <c r="AA911" s="5" t="s">
        <v>43</v>
      </c>
      <c r="AB911" s="5" t="s">
        <v>44</v>
      </c>
      <c r="AC911" s="2"/>
      <c r="AD911" s="1"/>
    </row>
    <row r="912" spans="1:30">
      <c r="A912" s="5" t="s">
        <v>83578</v>
      </c>
      <c r="B912" s="2" t="s">
        <v>86309</v>
      </c>
      <c r="C912" s="14" t="s">
        <v>86310</v>
      </c>
      <c r="D912" s="2" t="s">
        <v>86311</v>
      </c>
      <c r="E912" s="2" t="s">
        <v>7619</v>
      </c>
      <c r="F912" s="8">
        <v>291</v>
      </c>
      <c r="G912" s="5">
        <v>6</v>
      </c>
      <c r="H912" s="5" t="s">
        <v>1518</v>
      </c>
      <c r="I912" s="5" t="s">
        <v>1519</v>
      </c>
      <c r="J912" s="2" t="s">
        <v>1520</v>
      </c>
      <c r="K912" s="5" t="s">
        <v>1519</v>
      </c>
      <c r="L912" s="2" t="s">
        <v>1520</v>
      </c>
      <c r="M912" s="5" t="s">
        <v>1521</v>
      </c>
      <c r="N912" s="5" t="s">
        <v>38</v>
      </c>
      <c r="O912" s="5" t="s">
        <v>39</v>
      </c>
      <c r="P912" s="5" t="s">
        <v>40</v>
      </c>
      <c r="Q912" s="5" t="s">
        <v>1522</v>
      </c>
      <c r="R912" s="5" t="s">
        <v>1523</v>
      </c>
      <c r="S912" s="5" t="s">
        <v>42</v>
      </c>
      <c r="T912" s="2">
        <v>2.923</v>
      </c>
      <c r="U912" s="2">
        <v>2.3109999999999999</v>
      </c>
      <c r="V912" s="2">
        <v>1.7999999999999999E-2</v>
      </c>
      <c r="W912" s="2">
        <v>139.1</v>
      </c>
      <c r="X912" s="2">
        <v>7.6</v>
      </c>
      <c r="Y912" s="2">
        <v>16.7</v>
      </c>
      <c r="Z912" s="5"/>
      <c r="AA912" s="5" t="s">
        <v>43</v>
      </c>
      <c r="AB912" s="5" t="s">
        <v>44</v>
      </c>
      <c r="AC912" s="2"/>
      <c r="AD912" s="1"/>
    </row>
    <row r="913" spans="1:30">
      <c r="A913" s="5" t="s">
        <v>83578</v>
      </c>
      <c r="B913" s="2" t="s">
        <v>86312</v>
      </c>
      <c r="C913" s="14" t="s">
        <v>86313</v>
      </c>
      <c r="D913" s="2" t="s">
        <v>86314</v>
      </c>
      <c r="E913" s="2" t="s">
        <v>7547</v>
      </c>
      <c r="F913" s="8">
        <v>321</v>
      </c>
      <c r="G913" s="5">
        <v>6</v>
      </c>
      <c r="H913" s="5" t="s">
        <v>1518</v>
      </c>
      <c r="I913" s="5" t="s">
        <v>1519</v>
      </c>
      <c r="J913" s="2" t="s">
        <v>1520</v>
      </c>
      <c r="K913" s="5" t="s">
        <v>1519</v>
      </c>
      <c r="L913" s="2" t="s">
        <v>1520</v>
      </c>
      <c r="M913" s="5" t="s">
        <v>1521</v>
      </c>
      <c r="N913" s="5" t="s">
        <v>38</v>
      </c>
      <c r="O913" s="5" t="s">
        <v>39</v>
      </c>
      <c r="P913" s="5" t="s">
        <v>40</v>
      </c>
      <c r="Q913" s="5" t="s">
        <v>1522</v>
      </c>
      <c r="R913" s="5" t="s">
        <v>1523</v>
      </c>
      <c r="S913" s="5" t="s">
        <v>42</v>
      </c>
      <c r="T913" s="2">
        <v>3.8140000000000001</v>
      </c>
      <c r="U913" s="2">
        <v>3.1549999999999998</v>
      </c>
      <c r="V913" s="2">
        <v>0.02</v>
      </c>
      <c r="W913" s="2">
        <v>159.1</v>
      </c>
      <c r="X913" s="2">
        <v>7.6</v>
      </c>
      <c r="Y913" s="2">
        <v>16.7</v>
      </c>
      <c r="Z913" s="5"/>
      <c r="AA913" s="5" t="s">
        <v>43</v>
      </c>
      <c r="AB913" s="5" t="s">
        <v>44</v>
      </c>
      <c r="AC913" s="2"/>
      <c r="AD913" s="1"/>
    </row>
    <row r="914" spans="1:30">
      <c r="A914" s="5" t="s">
        <v>83578</v>
      </c>
      <c r="B914" s="2" t="s">
        <v>86315</v>
      </c>
      <c r="C914" s="14" t="s">
        <v>86316</v>
      </c>
      <c r="D914" s="2" t="s">
        <v>86317</v>
      </c>
      <c r="E914" s="2" t="s">
        <v>16079</v>
      </c>
      <c r="F914" s="8">
        <v>321</v>
      </c>
      <c r="G914" s="5">
        <v>6</v>
      </c>
      <c r="H914" s="5" t="s">
        <v>1518</v>
      </c>
      <c r="I914" s="5" t="s">
        <v>1519</v>
      </c>
      <c r="J914" s="2" t="s">
        <v>1520</v>
      </c>
      <c r="K914" s="5" t="s">
        <v>1519</v>
      </c>
      <c r="L914" s="2" t="s">
        <v>1520</v>
      </c>
      <c r="M914" s="5" t="s">
        <v>1521</v>
      </c>
      <c r="N914" s="5" t="s">
        <v>38</v>
      </c>
      <c r="O914" s="5" t="s">
        <v>39</v>
      </c>
      <c r="P914" s="5" t="s">
        <v>40</v>
      </c>
      <c r="Q914" s="5" t="s">
        <v>1522</v>
      </c>
      <c r="R914" s="5" t="s">
        <v>1523</v>
      </c>
      <c r="S914" s="5" t="s">
        <v>42</v>
      </c>
      <c r="T914" s="2">
        <v>3.855</v>
      </c>
      <c r="U914" s="2">
        <v>3.1960000000000002</v>
      </c>
      <c r="V914" s="2">
        <v>0.02</v>
      </c>
      <c r="W914" s="2">
        <v>159.1</v>
      </c>
      <c r="X914" s="2">
        <v>7.6</v>
      </c>
      <c r="Y914" s="2">
        <v>16.7</v>
      </c>
      <c r="Z914" s="5"/>
      <c r="AA914" s="5" t="s">
        <v>43</v>
      </c>
      <c r="AB914" s="5" t="s">
        <v>44</v>
      </c>
      <c r="AC914" s="2"/>
      <c r="AD914" s="1"/>
    </row>
    <row r="915" spans="1:30">
      <c r="A915" s="5" t="s">
        <v>83578</v>
      </c>
      <c r="B915" s="2" t="s">
        <v>86318</v>
      </c>
      <c r="C915" s="14" t="s">
        <v>86319</v>
      </c>
      <c r="D915" s="2" t="s">
        <v>86320</v>
      </c>
      <c r="E915" s="2" t="s">
        <v>7593</v>
      </c>
      <c r="F915" s="8">
        <v>321</v>
      </c>
      <c r="G915" s="5">
        <v>6</v>
      </c>
      <c r="H915" s="5" t="s">
        <v>1518</v>
      </c>
      <c r="I915" s="5" t="s">
        <v>1519</v>
      </c>
      <c r="J915" s="2" t="s">
        <v>1520</v>
      </c>
      <c r="K915" s="5" t="s">
        <v>1519</v>
      </c>
      <c r="L915" s="2" t="s">
        <v>1520</v>
      </c>
      <c r="M915" s="5" t="s">
        <v>1521</v>
      </c>
      <c r="N915" s="5" t="s">
        <v>38</v>
      </c>
      <c r="O915" s="5" t="s">
        <v>39</v>
      </c>
      <c r="P915" s="5" t="s">
        <v>40</v>
      </c>
      <c r="Q915" s="5" t="s">
        <v>1522</v>
      </c>
      <c r="R915" s="5" t="s">
        <v>1523</v>
      </c>
      <c r="S915" s="5" t="s">
        <v>42</v>
      </c>
      <c r="T915" s="2">
        <v>3.855</v>
      </c>
      <c r="U915" s="2">
        <v>3.1960000000000002</v>
      </c>
      <c r="V915" s="2">
        <v>0.02</v>
      </c>
      <c r="W915" s="2">
        <v>159.1</v>
      </c>
      <c r="X915" s="2">
        <v>7.6</v>
      </c>
      <c r="Y915" s="2">
        <v>16.7</v>
      </c>
      <c r="Z915" s="5"/>
      <c r="AA915" s="5" t="s">
        <v>43</v>
      </c>
      <c r="AB915" s="5" t="s">
        <v>44</v>
      </c>
      <c r="AC915" s="2"/>
      <c r="AD915" s="1"/>
    </row>
    <row r="916" spans="1:30">
      <c r="A916" s="5" t="s">
        <v>83578</v>
      </c>
      <c r="B916" s="2" t="s">
        <v>86321</v>
      </c>
      <c r="C916" s="14" t="s">
        <v>86322</v>
      </c>
      <c r="D916" s="2" t="s">
        <v>86323</v>
      </c>
      <c r="E916" s="2" t="s">
        <v>7551</v>
      </c>
      <c r="F916" s="8">
        <v>314</v>
      </c>
      <c r="G916" s="5">
        <v>6</v>
      </c>
      <c r="H916" s="5" t="s">
        <v>1518</v>
      </c>
      <c r="I916" s="5" t="s">
        <v>1519</v>
      </c>
      <c r="J916" s="2" t="s">
        <v>1520</v>
      </c>
      <c r="K916" s="5" t="s">
        <v>1519</v>
      </c>
      <c r="L916" s="2" t="s">
        <v>1520</v>
      </c>
      <c r="M916" s="5" t="s">
        <v>1521</v>
      </c>
      <c r="N916" s="5" t="s">
        <v>38</v>
      </c>
      <c r="O916" s="5" t="s">
        <v>39</v>
      </c>
      <c r="P916" s="5" t="s">
        <v>40</v>
      </c>
      <c r="Q916" s="5" t="s">
        <v>1522</v>
      </c>
      <c r="R916" s="5" t="s">
        <v>1523</v>
      </c>
      <c r="S916" s="5" t="s">
        <v>42</v>
      </c>
      <c r="T916" s="2">
        <v>3.9929999999999999</v>
      </c>
      <c r="U916" s="2">
        <v>3.3460000000000001</v>
      </c>
      <c r="V916" s="2">
        <v>0.02</v>
      </c>
      <c r="W916" s="2">
        <v>159.1</v>
      </c>
      <c r="X916" s="2">
        <v>7.6</v>
      </c>
      <c r="Y916" s="2">
        <v>16.7</v>
      </c>
      <c r="Z916" s="5"/>
      <c r="AA916" s="5" t="s">
        <v>43</v>
      </c>
      <c r="AB916" s="5" t="s">
        <v>44</v>
      </c>
      <c r="AC916" s="2"/>
      <c r="AD916" s="1"/>
    </row>
    <row r="917" spans="1:30">
      <c r="A917" s="5" t="s">
        <v>83578</v>
      </c>
      <c r="B917" s="2" t="s">
        <v>86324</v>
      </c>
      <c r="C917" s="14" t="s">
        <v>86325</v>
      </c>
      <c r="D917" s="2" t="s">
        <v>86326</v>
      </c>
      <c r="E917" s="2" t="s">
        <v>7535</v>
      </c>
      <c r="F917" s="8">
        <v>334</v>
      </c>
      <c r="G917" s="5">
        <v>6</v>
      </c>
      <c r="H917" s="5" t="s">
        <v>1518</v>
      </c>
      <c r="I917" s="5" t="s">
        <v>1519</v>
      </c>
      <c r="J917" s="2" t="s">
        <v>1520</v>
      </c>
      <c r="K917" s="5" t="s">
        <v>1519</v>
      </c>
      <c r="L917" s="2" t="s">
        <v>1520</v>
      </c>
      <c r="M917" s="5" t="s">
        <v>1521</v>
      </c>
      <c r="N917" s="5" t="s">
        <v>38</v>
      </c>
      <c r="O917" s="5" t="s">
        <v>39</v>
      </c>
      <c r="P917" s="5" t="s">
        <v>40</v>
      </c>
      <c r="Q917" s="5" t="s">
        <v>1522</v>
      </c>
      <c r="R917" s="5" t="s">
        <v>1523</v>
      </c>
      <c r="S917" s="5" t="s">
        <v>42</v>
      </c>
      <c r="T917" s="2">
        <v>4.1879999999999997</v>
      </c>
      <c r="U917" s="2">
        <v>3.55</v>
      </c>
      <c r="V917" s="2">
        <v>0.02</v>
      </c>
      <c r="W917" s="2">
        <v>159.1</v>
      </c>
      <c r="X917" s="2">
        <v>7.6</v>
      </c>
      <c r="Y917" s="2">
        <v>16.7</v>
      </c>
      <c r="Z917" s="5"/>
      <c r="AA917" s="5" t="s">
        <v>43</v>
      </c>
      <c r="AB917" s="5" t="s">
        <v>44</v>
      </c>
      <c r="AC917" s="2"/>
      <c r="AD917" s="1"/>
    </row>
    <row r="918" spans="1:30">
      <c r="A918" s="5" t="s">
        <v>83578</v>
      </c>
      <c r="B918" s="2" t="s">
        <v>86327</v>
      </c>
      <c r="C918" s="14" t="s">
        <v>86328</v>
      </c>
      <c r="D918" s="2" t="s">
        <v>86329</v>
      </c>
      <c r="E918" s="2" t="s">
        <v>7551</v>
      </c>
      <c r="F918" s="8">
        <v>334</v>
      </c>
      <c r="G918" s="5">
        <v>6</v>
      </c>
      <c r="H918" s="5" t="s">
        <v>1518</v>
      </c>
      <c r="I918" s="5" t="s">
        <v>1519</v>
      </c>
      <c r="J918" s="2" t="s">
        <v>1520</v>
      </c>
      <c r="K918" s="5" t="s">
        <v>1519</v>
      </c>
      <c r="L918" s="2" t="s">
        <v>1520</v>
      </c>
      <c r="M918" s="5" t="s">
        <v>1521</v>
      </c>
      <c r="N918" s="5" t="s">
        <v>38</v>
      </c>
      <c r="O918" s="5" t="s">
        <v>39</v>
      </c>
      <c r="P918" s="5" t="s">
        <v>40</v>
      </c>
      <c r="Q918" s="5" t="s">
        <v>1522</v>
      </c>
      <c r="R918" s="5" t="s">
        <v>1523</v>
      </c>
      <c r="S918" s="5" t="s">
        <v>42</v>
      </c>
      <c r="T918" s="2">
        <v>4.1879999999999997</v>
      </c>
      <c r="U918" s="2">
        <v>3.55</v>
      </c>
      <c r="V918" s="2">
        <v>0.02</v>
      </c>
      <c r="W918" s="2">
        <v>159.1</v>
      </c>
      <c r="X918" s="2">
        <v>7.6</v>
      </c>
      <c r="Y918" s="2">
        <v>16.7</v>
      </c>
      <c r="Z918" s="5"/>
      <c r="AA918" s="5" t="s">
        <v>43</v>
      </c>
      <c r="AB918" s="5" t="s">
        <v>44</v>
      </c>
      <c r="AC918" s="2"/>
      <c r="AD918" s="1"/>
    </row>
    <row r="919" spans="1:30">
      <c r="A919" s="5" t="s">
        <v>83578</v>
      </c>
      <c r="B919" s="2" t="s">
        <v>86330</v>
      </c>
      <c r="C919" s="14" t="s">
        <v>86331</v>
      </c>
      <c r="D919" s="2" t="s">
        <v>86332</v>
      </c>
      <c r="E919" s="2" t="s">
        <v>7555</v>
      </c>
      <c r="F919" s="8">
        <v>334</v>
      </c>
      <c r="G919" s="5">
        <v>6</v>
      </c>
      <c r="H919" s="5" t="s">
        <v>1518</v>
      </c>
      <c r="I919" s="5" t="s">
        <v>1519</v>
      </c>
      <c r="J919" s="2" t="s">
        <v>1520</v>
      </c>
      <c r="K919" s="5" t="s">
        <v>1519</v>
      </c>
      <c r="L919" s="2" t="s">
        <v>1520</v>
      </c>
      <c r="M919" s="5" t="s">
        <v>1521</v>
      </c>
      <c r="N919" s="5" t="s">
        <v>38</v>
      </c>
      <c r="O919" s="5" t="s">
        <v>39</v>
      </c>
      <c r="P919" s="5" t="s">
        <v>40</v>
      </c>
      <c r="Q919" s="5" t="s">
        <v>1522</v>
      </c>
      <c r="R919" s="5" t="s">
        <v>1523</v>
      </c>
      <c r="S919" s="5" t="s">
        <v>42</v>
      </c>
      <c r="T919" s="2">
        <v>4.0579999999999998</v>
      </c>
      <c r="U919" s="2">
        <v>3.42</v>
      </c>
      <c r="V919" s="2">
        <v>0.02</v>
      </c>
      <c r="W919" s="2">
        <v>159.1</v>
      </c>
      <c r="X919" s="2">
        <v>7.6</v>
      </c>
      <c r="Y919" s="2">
        <v>16.7</v>
      </c>
      <c r="Z919" s="5"/>
      <c r="AA919" s="5" t="s">
        <v>43</v>
      </c>
      <c r="AB919" s="5" t="s">
        <v>44</v>
      </c>
      <c r="AC919" s="2"/>
      <c r="AD919" s="1"/>
    </row>
    <row r="920" spans="1:30">
      <c r="A920" s="5" t="s">
        <v>83578</v>
      </c>
      <c r="B920" s="2" t="s">
        <v>86333</v>
      </c>
      <c r="C920" s="14" t="s">
        <v>86334</v>
      </c>
      <c r="D920" s="2" t="s">
        <v>86335</v>
      </c>
      <c r="E920" s="2" t="s">
        <v>7559</v>
      </c>
      <c r="F920" s="8">
        <v>334</v>
      </c>
      <c r="G920" s="5">
        <v>6</v>
      </c>
      <c r="H920" s="5" t="s">
        <v>1518</v>
      </c>
      <c r="I920" s="5" t="s">
        <v>1519</v>
      </c>
      <c r="J920" s="2" t="s">
        <v>1520</v>
      </c>
      <c r="K920" s="5" t="s">
        <v>1519</v>
      </c>
      <c r="L920" s="2" t="s">
        <v>1520</v>
      </c>
      <c r="M920" s="5" t="s">
        <v>1521</v>
      </c>
      <c r="N920" s="5" t="s">
        <v>38</v>
      </c>
      <c r="O920" s="5" t="s">
        <v>39</v>
      </c>
      <c r="P920" s="5" t="s">
        <v>40</v>
      </c>
      <c r="Q920" s="5" t="s">
        <v>1522</v>
      </c>
      <c r="R920" s="5" t="s">
        <v>1523</v>
      </c>
      <c r="S920" s="5" t="s">
        <v>42</v>
      </c>
      <c r="T920" s="2">
        <v>4.1879999999999997</v>
      </c>
      <c r="U920" s="2">
        <v>3.55</v>
      </c>
      <c r="V920" s="2">
        <v>0.02</v>
      </c>
      <c r="W920" s="2">
        <v>159.1</v>
      </c>
      <c r="X920" s="2">
        <v>7.6</v>
      </c>
      <c r="Y920" s="2">
        <v>16.7</v>
      </c>
      <c r="Z920" s="5"/>
      <c r="AA920" s="5" t="s">
        <v>43</v>
      </c>
      <c r="AB920" s="5" t="s">
        <v>44</v>
      </c>
      <c r="AC920" s="2"/>
      <c r="AD920" s="1"/>
    </row>
    <row r="921" spans="1:30">
      <c r="A921" s="5" t="s">
        <v>83578</v>
      </c>
      <c r="B921" s="2" t="s">
        <v>86336</v>
      </c>
      <c r="C921" s="14" t="s">
        <v>86337</v>
      </c>
      <c r="D921" s="2" t="s">
        <v>86338</v>
      </c>
      <c r="E921" s="2" t="s">
        <v>7563</v>
      </c>
      <c r="F921" s="8">
        <v>334</v>
      </c>
      <c r="G921" s="5">
        <v>6</v>
      </c>
      <c r="H921" s="5" t="s">
        <v>1518</v>
      </c>
      <c r="I921" s="5" t="s">
        <v>1519</v>
      </c>
      <c r="J921" s="2" t="s">
        <v>1520</v>
      </c>
      <c r="K921" s="5" t="s">
        <v>1519</v>
      </c>
      <c r="L921" s="2" t="s">
        <v>1520</v>
      </c>
      <c r="M921" s="5" t="s">
        <v>1521</v>
      </c>
      <c r="N921" s="5" t="s">
        <v>38</v>
      </c>
      <c r="O921" s="5" t="s">
        <v>39</v>
      </c>
      <c r="P921" s="5" t="s">
        <v>40</v>
      </c>
      <c r="Q921" s="5" t="s">
        <v>1522</v>
      </c>
      <c r="R921" s="5" t="s">
        <v>1523</v>
      </c>
      <c r="S921" s="5" t="s">
        <v>42</v>
      </c>
      <c r="T921" s="2">
        <v>4.1059999999999999</v>
      </c>
      <c r="U921" s="2">
        <v>3.468</v>
      </c>
      <c r="V921" s="2">
        <v>0.02</v>
      </c>
      <c r="W921" s="2">
        <v>159.1</v>
      </c>
      <c r="X921" s="2">
        <v>7.6</v>
      </c>
      <c r="Y921" s="2">
        <v>16.7</v>
      </c>
      <c r="Z921" s="5"/>
      <c r="AA921" s="5" t="s">
        <v>43</v>
      </c>
      <c r="AB921" s="5" t="s">
        <v>44</v>
      </c>
      <c r="AC921" s="2"/>
      <c r="AD921" s="1"/>
    </row>
    <row r="922" spans="1:30">
      <c r="A922" s="5" t="s">
        <v>83578</v>
      </c>
      <c r="B922" s="2" t="s">
        <v>86339</v>
      </c>
      <c r="C922" s="14" t="s">
        <v>86340</v>
      </c>
      <c r="D922" s="2" t="s">
        <v>86341</v>
      </c>
      <c r="E922" s="2" t="s">
        <v>16079</v>
      </c>
      <c r="F922" s="8">
        <v>334</v>
      </c>
      <c r="G922" s="5">
        <v>6</v>
      </c>
      <c r="H922" s="5" t="s">
        <v>1518</v>
      </c>
      <c r="I922" s="5" t="s">
        <v>1519</v>
      </c>
      <c r="J922" s="2" t="s">
        <v>1520</v>
      </c>
      <c r="K922" s="5" t="s">
        <v>1519</v>
      </c>
      <c r="L922" s="2" t="s">
        <v>1520</v>
      </c>
      <c r="M922" s="5" t="s">
        <v>1521</v>
      </c>
      <c r="N922" s="5" t="s">
        <v>38</v>
      </c>
      <c r="O922" s="5" t="s">
        <v>39</v>
      </c>
      <c r="P922" s="5" t="s">
        <v>40</v>
      </c>
      <c r="Q922" s="5" t="s">
        <v>1522</v>
      </c>
      <c r="R922" s="5" t="s">
        <v>1523</v>
      </c>
      <c r="S922" s="5" t="s">
        <v>42</v>
      </c>
      <c r="T922" s="2">
        <v>4.1059999999999999</v>
      </c>
      <c r="U922" s="2">
        <v>3.468</v>
      </c>
      <c r="V922" s="2">
        <v>0.02</v>
      </c>
      <c r="W922" s="2">
        <v>159.1</v>
      </c>
      <c r="X922" s="2">
        <v>7.6</v>
      </c>
      <c r="Y922" s="2">
        <v>16.7</v>
      </c>
      <c r="Z922" s="5"/>
      <c r="AA922" s="5" t="s">
        <v>43</v>
      </c>
      <c r="AB922" s="5" t="s">
        <v>44</v>
      </c>
      <c r="AC922" s="2"/>
      <c r="AD922" s="1"/>
    </row>
    <row r="923" spans="1:30">
      <c r="A923" s="5" t="s">
        <v>83578</v>
      </c>
      <c r="B923" s="2" t="s">
        <v>86342</v>
      </c>
      <c r="C923" s="14" t="s">
        <v>86343</v>
      </c>
      <c r="D923" s="2" t="s">
        <v>86344</v>
      </c>
      <c r="E923" s="2" t="s">
        <v>16194</v>
      </c>
      <c r="F923" s="8">
        <v>334</v>
      </c>
      <c r="G923" s="5">
        <v>6</v>
      </c>
      <c r="H923" s="5" t="s">
        <v>1518</v>
      </c>
      <c r="I923" s="5" t="s">
        <v>1519</v>
      </c>
      <c r="J923" s="2" t="s">
        <v>1520</v>
      </c>
      <c r="K923" s="5" t="s">
        <v>1519</v>
      </c>
      <c r="L923" s="2" t="s">
        <v>1520</v>
      </c>
      <c r="M923" s="5" t="s">
        <v>1521</v>
      </c>
      <c r="N923" s="5" t="s">
        <v>38</v>
      </c>
      <c r="O923" s="5" t="s">
        <v>39</v>
      </c>
      <c r="P923" s="5" t="s">
        <v>40</v>
      </c>
      <c r="Q923" s="5" t="s">
        <v>1522</v>
      </c>
      <c r="R923" s="5" t="s">
        <v>1523</v>
      </c>
      <c r="S923" s="5" t="s">
        <v>42</v>
      </c>
      <c r="T923" s="2">
        <v>4.2359999999999998</v>
      </c>
      <c r="U923" s="2">
        <v>3.5979999999999999</v>
      </c>
      <c r="V923" s="2">
        <v>0.02</v>
      </c>
      <c r="W923" s="2">
        <v>159.1</v>
      </c>
      <c r="X923" s="2">
        <v>7.6</v>
      </c>
      <c r="Y923" s="2">
        <v>16.7</v>
      </c>
      <c r="Z923" s="5"/>
      <c r="AA923" s="5" t="s">
        <v>43</v>
      </c>
      <c r="AB923" s="5" t="s">
        <v>44</v>
      </c>
      <c r="AC923" s="2"/>
      <c r="AD923" s="1"/>
    </row>
    <row r="924" spans="1:30">
      <c r="A924" s="5" t="s">
        <v>83578</v>
      </c>
      <c r="B924" s="2" t="s">
        <v>86345</v>
      </c>
      <c r="C924" s="14" t="s">
        <v>86346</v>
      </c>
      <c r="D924" s="2" t="s">
        <v>86347</v>
      </c>
      <c r="E924" s="2" t="s">
        <v>7585</v>
      </c>
      <c r="F924" s="8">
        <v>334</v>
      </c>
      <c r="G924" s="5">
        <v>6</v>
      </c>
      <c r="H924" s="5" t="s">
        <v>1518</v>
      </c>
      <c r="I924" s="5" t="s">
        <v>1519</v>
      </c>
      <c r="J924" s="2" t="s">
        <v>1520</v>
      </c>
      <c r="K924" s="5" t="s">
        <v>1519</v>
      </c>
      <c r="L924" s="2" t="s">
        <v>1520</v>
      </c>
      <c r="M924" s="5" t="s">
        <v>1521</v>
      </c>
      <c r="N924" s="5" t="s">
        <v>38</v>
      </c>
      <c r="O924" s="5" t="s">
        <v>39</v>
      </c>
      <c r="P924" s="5" t="s">
        <v>40</v>
      </c>
      <c r="Q924" s="5" t="s">
        <v>1522</v>
      </c>
      <c r="R924" s="5" t="s">
        <v>1523</v>
      </c>
      <c r="S924" s="5" t="s">
        <v>42</v>
      </c>
      <c r="T924" s="2">
        <v>4.0579999999999998</v>
      </c>
      <c r="U924" s="2">
        <v>3.42</v>
      </c>
      <c r="V924" s="2">
        <v>0.02</v>
      </c>
      <c r="W924" s="2">
        <v>159.1</v>
      </c>
      <c r="X924" s="2">
        <v>7.6</v>
      </c>
      <c r="Y924" s="2">
        <v>16.7</v>
      </c>
      <c r="Z924" s="5"/>
      <c r="AA924" s="5" t="s">
        <v>43</v>
      </c>
      <c r="AB924" s="5" t="s">
        <v>44</v>
      </c>
      <c r="AC924" s="2"/>
      <c r="AD924" s="1"/>
    </row>
    <row r="925" spans="1:30">
      <c r="A925" s="5" t="s">
        <v>83578</v>
      </c>
      <c r="B925" s="2" t="s">
        <v>86348</v>
      </c>
      <c r="C925" s="14" t="s">
        <v>86349</v>
      </c>
      <c r="D925" s="2" t="s">
        <v>86350</v>
      </c>
      <c r="E925" s="2" t="s">
        <v>7589</v>
      </c>
      <c r="F925" s="8">
        <v>334</v>
      </c>
      <c r="G925" s="5">
        <v>6</v>
      </c>
      <c r="H925" s="5" t="s">
        <v>1518</v>
      </c>
      <c r="I925" s="5" t="s">
        <v>1519</v>
      </c>
      <c r="J925" s="2" t="s">
        <v>1520</v>
      </c>
      <c r="K925" s="5" t="s">
        <v>1519</v>
      </c>
      <c r="L925" s="2" t="s">
        <v>1520</v>
      </c>
      <c r="M925" s="5" t="s">
        <v>1521</v>
      </c>
      <c r="N925" s="5" t="s">
        <v>38</v>
      </c>
      <c r="O925" s="5" t="s">
        <v>39</v>
      </c>
      <c r="P925" s="5" t="s">
        <v>40</v>
      </c>
      <c r="Q925" s="5" t="s">
        <v>1522</v>
      </c>
      <c r="R925" s="5" t="s">
        <v>1523</v>
      </c>
      <c r="S925" s="5" t="s">
        <v>42</v>
      </c>
      <c r="T925" s="2">
        <v>4.1879999999999997</v>
      </c>
      <c r="U925" s="2">
        <v>3.55</v>
      </c>
      <c r="V925" s="2">
        <v>0.02</v>
      </c>
      <c r="W925" s="2">
        <v>159.1</v>
      </c>
      <c r="X925" s="2">
        <v>7.6</v>
      </c>
      <c r="Y925" s="2">
        <v>16.7</v>
      </c>
      <c r="Z925" s="5"/>
      <c r="AA925" s="5" t="s">
        <v>43</v>
      </c>
      <c r="AB925" s="5" t="s">
        <v>44</v>
      </c>
      <c r="AC925" s="2"/>
      <c r="AD925" s="1"/>
    </row>
    <row r="926" spans="1:30">
      <c r="A926" s="5" t="s">
        <v>83578</v>
      </c>
      <c r="B926" s="2" t="s">
        <v>86351</v>
      </c>
      <c r="C926" s="14" t="s">
        <v>86352</v>
      </c>
      <c r="D926" s="2" t="s">
        <v>86353</v>
      </c>
      <c r="E926" s="2" t="s">
        <v>7597</v>
      </c>
      <c r="F926" s="8">
        <v>334</v>
      </c>
      <c r="G926" s="5">
        <v>6</v>
      </c>
      <c r="H926" s="5" t="s">
        <v>1518</v>
      </c>
      <c r="I926" s="5" t="s">
        <v>1519</v>
      </c>
      <c r="J926" s="2" t="s">
        <v>1520</v>
      </c>
      <c r="K926" s="5" t="s">
        <v>1519</v>
      </c>
      <c r="L926" s="2" t="s">
        <v>1520</v>
      </c>
      <c r="M926" s="5" t="s">
        <v>1521</v>
      </c>
      <c r="N926" s="5" t="s">
        <v>38</v>
      </c>
      <c r="O926" s="5" t="s">
        <v>39</v>
      </c>
      <c r="P926" s="5" t="s">
        <v>40</v>
      </c>
      <c r="Q926" s="5" t="s">
        <v>1522</v>
      </c>
      <c r="R926" s="5" t="s">
        <v>1523</v>
      </c>
      <c r="S926" s="5" t="s">
        <v>42</v>
      </c>
      <c r="T926" s="2">
        <v>4.2359999999999998</v>
      </c>
      <c r="U926" s="2">
        <v>3.5979999999999999</v>
      </c>
      <c r="V926" s="2">
        <v>0.02</v>
      </c>
      <c r="W926" s="2">
        <v>159.1</v>
      </c>
      <c r="X926" s="2">
        <v>7.6</v>
      </c>
      <c r="Y926" s="2">
        <v>16.7</v>
      </c>
      <c r="Z926" s="5"/>
      <c r="AA926" s="5" t="s">
        <v>43</v>
      </c>
      <c r="AB926" s="5" t="s">
        <v>44</v>
      </c>
      <c r="AC926" s="2"/>
      <c r="AD926" s="1"/>
    </row>
    <row r="927" spans="1:30">
      <c r="A927" s="5" t="s">
        <v>83578</v>
      </c>
      <c r="B927" s="2" t="s">
        <v>86354</v>
      </c>
      <c r="C927" s="14" t="s">
        <v>86355</v>
      </c>
      <c r="D927" s="2" t="s">
        <v>86356</v>
      </c>
      <c r="E927" s="2" t="s">
        <v>16014</v>
      </c>
      <c r="F927" s="8">
        <v>334</v>
      </c>
      <c r="G927" s="5">
        <v>6</v>
      </c>
      <c r="H927" s="5" t="s">
        <v>1518</v>
      </c>
      <c r="I927" s="5" t="s">
        <v>1519</v>
      </c>
      <c r="J927" s="2" t="s">
        <v>1520</v>
      </c>
      <c r="K927" s="5" t="s">
        <v>1519</v>
      </c>
      <c r="L927" s="2" t="s">
        <v>1520</v>
      </c>
      <c r="M927" s="5" t="s">
        <v>1521</v>
      </c>
      <c r="N927" s="5" t="s">
        <v>38</v>
      </c>
      <c r="O927" s="5" t="s">
        <v>39</v>
      </c>
      <c r="P927" s="5" t="s">
        <v>40</v>
      </c>
      <c r="Q927" s="5" t="s">
        <v>1522</v>
      </c>
      <c r="R927" s="5" t="s">
        <v>1523</v>
      </c>
      <c r="S927" s="5" t="s">
        <v>42</v>
      </c>
      <c r="T927" s="2">
        <v>4.1059999999999999</v>
      </c>
      <c r="U927" s="2">
        <v>3.468</v>
      </c>
      <c r="V927" s="2">
        <v>0.02</v>
      </c>
      <c r="W927" s="2">
        <v>159.1</v>
      </c>
      <c r="X927" s="2">
        <v>7.6</v>
      </c>
      <c r="Y927" s="2">
        <v>16.7</v>
      </c>
      <c r="Z927" s="5"/>
      <c r="AA927" s="5" t="s">
        <v>43</v>
      </c>
      <c r="AB927" s="5" t="s">
        <v>44</v>
      </c>
      <c r="AC927" s="2"/>
      <c r="AD927" s="1"/>
    </row>
    <row r="928" spans="1:30">
      <c r="A928" s="5" t="s">
        <v>83578</v>
      </c>
      <c r="B928" s="2" t="s">
        <v>86357</v>
      </c>
      <c r="C928" s="14" t="s">
        <v>86358</v>
      </c>
      <c r="D928" s="2" t="s">
        <v>86359</v>
      </c>
      <c r="E928" s="2" t="s">
        <v>16219</v>
      </c>
      <c r="F928" s="8">
        <v>334</v>
      </c>
      <c r="G928" s="5">
        <v>6</v>
      </c>
      <c r="H928" s="5" t="s">
        <v>1518</v>
      </c>
      <c r="I928" s="5" t="s">
        <v>1519</v>
      </c>
      <c r="J928" s="2" t="s">
        <v>1520</v>
      </c>
      <c r="K928" s="5" t="s">
        <v>1519</v>
      </c>
      <c r="L928" s="2" t="s">
        <v>1520</v>
      </c>
      <c r="M928" s="5" t="s">
        <v>1521</v>
      </c>
      <c r="N928" s="5" t="s">
        <v>38</v>
      </c>
      <c r="O928" s="5" t="s">
        <v>39</v>
      </c>
      <c r="P928" s="5" t="s">
        <v>40</v>
      </c>
      <c r="Q928" s="5" t="s">
        <v>1522</v>
      </c>
      <c r="R928" s="5" t="s">
        <v>1523</v>
      </c>
      <c r="S928" s="5" t="s">
        <v>42</v>
      </c>
      <c r="T928" s="2">
        <v>4.2359999999999998</v>
      </c>
      <c r="U928" s="2">
        <v>3.5979999999999999</v>
      </c>
      <c r="V928" s="2">
        <v>0.02</v>
      </c>
      <c r="W928" s="2">
        <v>159.1</v>
      </c>
      <c r="X928" s="2">
        <v>7.6</v>
      </c>
      <c r="Y928" s="2">
        <v>16.7</v>
      </c>
      <c r="Z928" s="5"/>
      <c r="AA928" s="5" t="s">
        <v>43</v>
      </c>
      <c r="AB928" s="5" t="s">
        <v>44</v>
      </c>
      <c r="AC928" s="2"/>
      <c r="AD928" s="1"/>
    </row>
    <row r="929" spans="1:30">
      <c r="A929" s="5" t="s">
        <v>83578</v>
      </c>
      <c r="B929" s="2" t="s">
        <v>86360</v>
      </c>
      <c r="C929" s="14" t="s">
        <v>86361</v>
      </c>
      <c r="D929" s="2" t="s">
        <v>86362</v>
      </c>
      <c r="E929" s="2" t="s">
        <v>16022</v>
      </c>
      <c r="F929" s="8">
        <v>334</v>
      </c>
      <c r="G929" s="5">
        <v>6</v>
      </c>
      <c r="H929" s="5" t="s">
        <v>1518</v>
      </c>
      <c r="I929" s="5" t="s">
        <v>1519</v>
      </c>
      <c r="J929" s="2" t="s">
        <v>1520</v>
      </c>
      <c r="K929" s="5" t="s">
        <v>1519</v>
      </c>
      <c r="L929" s="2" t="s">
        <v>1520</v>
      </c>
      <c r="M929" s="5" t="s">
        <v>1521</v>
      </c>
      <c r="N929" s="5" t="s">
        <v>38</v>
      </c>
      <c r="O929" s="5" t="s">
        <v>39</v>
      </c>
      <c r="P929" s="5" t="s">
        <v>40</v>
      </c>
      <c r="Q929" s="5" t="s">
        <v>1522</v>
      </c>
      <c r="R929" s="5" t="s">
        <v>1523</v>
      </c>
      <c r="S929" s="5" t="s">
        <v>42</v>
      </c>
      <c r="T929" s="2">
        <v>4.2359999999999998</v>
      </c>
      <c r="U929" s="2">
        <v>3.5979999999999999</v>
      </c>
      <c r="V929" s="2">
        <v>0.02</v>
      </c>
      <c r="W929" s="2">
        <v>159.1</v>
      </c>
      <c r="X929" s="2">
        <v>7.6</v>
      </c>
      <c r="Y929" s="2">
        <v>16.7</v>
      </c>
      <c r="Z929" s="5"/>
      <c r="AA929" s="5" t="s">
        <v>43</v>
      </c>
      <c r="AB929" s="5" t="s">
        <v>44</v>
      </c>
      <c r="AC929" s="2"/>
      <c r="AD929" s="1"/>
    </row>
    <row r="930" spans="1:30">
      <c r="A930" s="5" t="s">
        <v>83578</v>
      </c>
      <c r="B930" s="2" t="s">
        <v>86363</v>
      </c>
      <c r="C930" s="14" t="s">
        <v>86364</v>
      </c>
      <c r="D930" s="2" t="s">
        <v>86365</v>
      </c>
      <c r="E930" s="2" t="s">
        <v>7619</v>
      </c>
      <c r="F930" s="8">
        <v>334</v>
      </c>
      <c r="G930" s="5">
        <v>6</v>
      </c>
      <c r="H930" s="5" t="s">
        <v>1518</v>
      </c>
      <c r="I930" s="5" t="s">
        <v>1519</v>
      </c>
      <c r="J930" s="2" t="s">
        <v>1520</v>
      </c>
      <c r="K930" s="5" t="s">
        <v>1519</v>
      </c>
      <c r="L930" s="2" t="s">
        <v>1520</v>
      </c>
      <c r="M930" s="5" t="s">
        <v>1521</v>
      </c>
      <c r="N930" s="5" t="s">
        <v>38</v>
      </c>
      <c r="O930" s="5" t="s">
        <v>39</v>
      </c>
      <c r="P930" s="5" t="s">
        <v>40</v>
      </c>
      <c r="Q930" s="5" t="s">
        <v>1522</v>
      </c>
      <c r="R930" s="5" t="s">
        <v>1523</v>
      </c>
      <c r="S930" s="5" t="s">
        <v>42</v>
      </c>
      <c r="T930" s="2">
        <v>4.1879999999999997</v>
      </c>
      <c r="U930" s="2">
        <v>3.55</v>
      </c>
      <c r="V930" s="2">
        <v>0.02</v>
      </c>
      <c r="W930" s="2">
        <v>159.1</v>
      </c>
      <c r="X930" s="2">
        <v>7.6</v>
      </c>
      <c r="Y930" s="2">
        <v>16.7</v>
      </c>
      <c r="Z930" s="5"/>
      <c r="AA930" s="5" t="s">
        <v>43</v>
      </c>
      <c r="AB930" s="5" t="s">
        <v>44</v>
      </c>
      <c r="AC930" s="2"/>
      <c r="AD930" s="1"/>
    </row>
    <row r="931" spans="1:30">
      <c r="A931" s="5" t="s">
        <v>83578</v>
      </c>
      <c r="B931" s="2" t="s">
        <v>86366</v>
      </c>
      <c r="C931" s="14" t="s">
        <v>86367</v>
      </c>
      <c r="D931" s="2" t="s">
        <v>86368</v>
      </c>
      <c r="E931" s="2" t="s">
        <v>7396</v>
      </c>
      <c r="F931" s="8">
        <v>278</v>
      </c>
      <c r="G931" s="5">
        <v>6</v>
      </c>
      <c r="H931" s="5" t="s">
        <v>1518</v>
      </c>
      <c r="I931" s="5" t="s">
        <v>1519</v>
      </c>
      <c r="J931" s="2" t="s">
        <v>1520</v>
      </c>
      <c r="K931" s="5" t="s">
        <v>1519</v>
      </c>
      <c r="L931" s="2" t="s">
        <v>1520</v>
      </c>
      <c r="M931" s="5" t="s">
        <v>1521</v>
      </c>
      <c r="N931" s="5" t="s">
        <v>38</v>
      </c>
      <c r="O931" s="5" t="s">
        <v>39</v>
      </c>
      <c r="P931" s="5" t="s">
        <v>40</v>
      </c>
      <c r="Q931" s="5" t="s">
        <v>1522</v>
      </c>
      <c r="R931" s="5" t="s">
        <v>1523</v>
      </c>
      <c r="S931" s="5" t="s">
        <v>42</v>
      </c>
      <c r="T931" s="2">
        <v>3.2130000000000001</v>
      </c>
      <c r="U931" s="2">
        <v>2.532</v>
      </c>
      <c r="V931" s="2">
        <v>0.02</v>
      </c>
      <c r="W931" s="2">
        <v>159.1</v>
      </c>
      <c r="X931" s="2">
        <v>7.6</v>
      </c>
      <c r="Y931" s="2">
        <v>16.7</v>
      </c>
      <c r="Z931" s="5"/>
      <c r="AA931" s="5" t="s">
        <v>43</v>
      </c>
      <c r="AB931" s="5" t="s">
        <v>44</v>
      </c>
      <c r="AC931" s="2"/>
      <c r="AD931" s="1"/>
    </row>
    <row r="932" spans="1:30">
      <c r="A932" s="5" t="s">
        <v>83578</v>
      </c>
      <c r="B932" s="2" t="s">
        <v>86369</v>
      </c>
      <c r="C932" s="14" t="s">
        <v>86370</v>
      </c>
      <c r="D932" s="2" t="s">
        <v>86371</v>
      </c>
      <c r="E932" s="2" t="s">
        <v>7507</v>
      </c>
      <c r="F932" s="8">
        <v>278</v>
      </c>
      <c r="G932" s="5">
        <v>6</v>
      </c>
      <c r="H932" s="5" t="s">
        <v>1518</v>
      </c>
      <c r="I932" s="5" t="s">
        <v>1519</v>
      </c>
      <c r="J932" s="2" t="s">
        <v>1520</v>
      </c>
      <c r="K932" s="5" t="s">
        <v>1519</v>
      </c>
      <c r="L932" s="2" t="s">
        <v>1520</v>
      </c>
      <c r="M932" s="5" t="s">
        <v>1521</v>
      </c>
      <c r="N932" s="5" t="s">
        <v>38</v>
      </c>
      <c r="O932" s="5" t="s">
        <v>39</v>
      </c>
      <c r="P932" s="5" t="s">
        <v>40</v>
      </c>
      <c r="Q932" s="5" t="s">
        <v>1522</v>
      </c>
      <c r="R932" s="5" t="s">
        <v>1523</v>
      </c>
      <c r="S932" s="5" t="s">
        <v>42</v>
      </c>
      <c r="T932" s="2">
        <v>3.2890000000000001</v>
      </c>
      <c r="U932" s="2">
        <v>2.6080000000000001</v>
      </c>
      <c r="V932" s="2">
        <v>0.02</v>
      </c>
      <c r="W932" s="2">
        <v>159.1</v>
      </c>
      <c r="X932" s="2">
        <v>7.6</v>
      </c>
      <c r="Y932" s="2">
        <v>16.7</v>
      </c>
      <c r="Z932" s="5"/>
      <c r="AA932" s="5" t="s">
        <v>43</v>
      </c>
      <c r="AB932" s="5" t="s">
        <v>44</v>
      </c>
      <c r="AC932" s="2"/>
      <c r="AD932" s="1"/>
    </row>
    <row r="933" spans="1:30">
      <c r="A933" s="5" t="s">
        <v>83578</v>
      </c>
      <c r="B933" s="2" t="s">
        <v>86372</v>
      </c>
      <c r="C933" s="14" t="s">
        <v>86373</v>
      </c>
      <c r="D933" s="2" t="s">
        <v>86374</v>
      </c>
      <c r="E933" s="2" t="s">
        <v>7514</v>
      </c>
      <c r="F933" s="8">
        <v>278</v>
      </c>
      <c r="G933" s="5">
        <v>6</v>
      </c>
      <c r="H933" s="5" t="s">
        <v>1518</v>
      </c>
      <c r="I933" s="5" t="s">
        <v>1519</v>
      </c>
      <c r="J933" s="2" t="s">
        <v>1520</v>
      </c>
      <c r="K933" s="5" t="s">
        <v>1519</v>
      </c>
      <c r="L933" s="2" t="s">
        <v>1520</v>
      </c>
      <c r="M933" s="5" t="s">
        <v>1521</v>
      </c>
      <c r="N933" s="5" t="s">
        <v>38</v>
      </c>
      <c r="O933" s="5" t="s">
        <v>39</v>
      </c>
      <c r="P933" s="5" t="s">
        <v>40</v>
      </c>
      <c r="Q933" s="5" t="s">
        <v>1522</v>
      </c>
      <c r="R933" s="5" t="s">
        <v>1523</v>
      </c>
      <c r="S933" s="5" t="s">
        <v>42</v>
      </c>
      <c r="T933" s="2">
        <v>3.294</v>
      </c>
      <c r="U933" s="2">
        <v>2.613</v>
      </c>
      <c r="V933" s="2">
        <v>0.02</v>
      </c>
      <c r="W933" s="2">
        <v>159.1</v>
      </c>
      <c r="X933" s="2">
        <v>7.6</v>
      </c>
      <c r="Y933" s="2">
        <v>16.7</v>
      </c>
      <c r="Z933" s="5"/>
      <c r="AA933" s="5" t="s">
        <v>43</v>
      </c>
      <c r="AB933" s="5" t="s">
        <v>44</v>
      </c>
      <c r="AC933" s="2"/>
      <c r="AD933" s="1"/>
    </row>
    <row r="934" spans="1:30">
      <c r="A934" s="5" t="s">
        <v>83578</v>
      </c>
      <c r="B934" s="2" t="s">
        <v>86375</v>
      </c>
      <c r="C934" s="14" t="s">
        <v>86376</v>
      </c>
      <c r="D934" s="2" t="s">
        <v>86377</v>
      </c>
      <c r="E934" s="2" t="s">
        <v>7406</v>
      </c>
      <c r="F934" s="8">
        <v>300</v>
      </c>
      <c r="G934" s="5">
        <v>6</v>
      </c>
      <c r="H934" s="5" t="s">
        <v>1518</v>
      </c>
      <c r="I934" s="5" t="s">
        <v>1519</v>
      </c>
      <c r="J934" s="2" t="s">
        <v>1520</v>
      </c>
      <c r="K934" s="5" t="s">
        <v>1519</v>
      </c>
      <c r="L934" s="2" t="s">
        <v>1520</v>
      </c>
      <c r="M934" s="5" t="s">
        <v>1521</v>
      </c>
      <c r="N934" s="5" t="s">
        <v>38</v>
      </c>
      <c r="O934" s="5" t="s">
        <v>39</v>
      </c>
      <c r="P934" s="5" t="s">
        <v>40</v>
      </c>
      <c r="Q934" s="5" t="s">
        <v>1522</v>
      </c>
      <c r="R934" s="5" t="s">
        <v>1523</v>
      </c>
      <c r="S934" s="5" t="s">
        <v>42</v>
      </c>
      <c r="T934" s="2">
        <v>3.2010000000000001</v>
      </c>
      <c r="U934" s="2">
        <v>2.52</v>
      </c>
      <c r="V934" s="2">
        <v>0.02</v>
      </c>
      <c r="W934" s="2">
        <v>159.1</v>
      </c>
      <c r="X934" s="2">
        <v>7.6</v>
      </c>
      <c r="Y934" s="2">
        <v>16.7</v>
      </c>
      <c r="Z934" s="5"/>
      <c r="AA934" s="5" t="s">
        <v>43</v>
      </c>
      <c r="AB934" s="5" t="s">
        <v>44</v>
      </c>
      <c r="AC934" s="2"/>
      <c r="AD934" s="1"/>
    </row>
    <row r="935" spans="1:30">
      <c r="A935" s="5" t="s">
        <v>83578</v>
      </c>
      <c r="B935" s="2" t="s">
        <v>86378</v>
      </c>
      <c r="C935" s="14" t="s">
        <v>86379</v>
      </c>
      <c r="D935" s="2" t="s">
        <v>86380</v>
      </c>
      <c r="E935" s="2" t="s">
        <v>7543</v>
      </c>
      <c r="F935" s="8">
        <v>300</v>
      </c>
      <c r="G935" s="5">
        <v>6</v>
      </c>
      <c r="H935" s="5" t="s">
        <v>1518</v>
      </c>
      <c r="I935" s="5" t="s">
        <v>1519</v>
      </c>
      <c r="J935" s="2" t="s">
        <v>1520</v>
      </c>
      <c r="K935" s="5" t="s">
        <v>1519</v>
      </c>
      <c r="L935" s="2" t="s">
        <v>1520</v>
      </c>
      <c r="M935" s="5" t="s">
        <v>1521</v>
      </c>
      <c r="N935" s="5" t="s">
        <v>38</v>
      </c>
      <c r="O935" s="5" t="s">
        <v>39</v>
      </c>
      <c r="P935" s="5" t="s">
        <v>40</v>
      </c>
      <c r="Q935" s="5" t="s">
        <v>1522</v>
      </c>
      <c r="R935" s="5" t="s">
        <v>1523</v>
      </c>
      <c r="S935" s="5" t="s">
        <v>42</v>
      </c>
      <c r="T935" s="2">
        <v>3.294</v>
      </c>
      <c r="U935" s="2">
        <v>2.613</v>
      </c>
      <c r="V935" s="2">
        <v>0.02</v>
      </c>
      <c r="W935" s="2">
        <v>159.1</v>
      </c>
      <c r="X935" s="2">
        <v>7.6</v>
      </c>
      <c r="Y935" s="2">
        <v>16.7</v>
      </c>
      <c r="Z935" s="5"/>
      <c r="AA935" s="5" t="s">
        <v>43</v>
      </c>
      <c r="AB935" s="5" t="s">
        <v>44</v>
      </c>
      <c r="AC935" s="2"/>
      <c r="AD935" s="1"/>
    </row>
    <row r="936" spans="1:30">
      <c r="A936" s="5" t="s">
        <v>83578</v>
      </c>
      <c r="B936" s="2" t="s">
        <v>86381</v>
      </c>
      <c r="C936" s="14" t="s">
        <v>86382</v>
      </c>
      <c r="D936" s="2" t="s">
        <v>86383</v>
      </c>
      <c r="E936" s="2" t="s">
        <v>7547</v>
      </c>
      <c r="F936" s="8">
        <v>300</v>
      </c>
      <c r="G936" s="5">
        <v>6</v>
      </c>
      <c r="H936" s="5" t="s">
        <v>1518</v>
      </c>
      <c r="I936" s="5" t="s">
        <v>1519</v>
      </c>
      <c r="J936" s="2" t="s">
        <v>1520</v>
      </c>
      <c r="K936" s="5" t="s">
        <v>1519</v>
      </c>
      <c r="L936" s="2" t="s">
        <v>1520</v>
      </c>
      <c r="M936" s="5" t="s">
        <v>1521</v>
      </c>
      <c r="N936" s="5" t="s">
        <v>38</v>
      </c>
      <c r="O936" s="5" t="s">
        <v>39</v>
      </c>
      <c r="P936" s="5" t="s">
        <v>40</v>
      </c>
      <c r="Q936" s="5" t="s">
        <v>1522</v>
      </c>
      <c r="R936" s="5" t="s">
        <v>1523</v>
      </c>
      <c r="S936" s="5" t="s">
        <v>42</v>
      </c>
      <c r="T936" s="2">
        <v>3.2010000000000001</v>
      </c>
      <c r="U936" s="2">
        <v>2.52</v>
      </c>
      <c r="V936" s="2">
        <v>0.02</v>
      </c>
      <c r="W936" s="2">
        <v>159.1</v>
      </c>
      <c r="X936" s="2">
        <v>7.6</v>
      </c>
      <c r="Y936" s="2">
        <v>16.7</v>
      </c>
      <c r="Z936" s="5"/>
      <c r="AA936" s="5" t="s">
        <v>43</v>
      </c>
      <c r="AB936" s="5" t="s">
        <v>44</v>
      </c>
      <c r="AC936" s="2"/>
      <c r="AD936" s="1"/>
    </row>
    <row r="937" spans="1:30">
      <c r="A937" s="5" t="s">
        <v>83578</v>
      </c>
      <c r="B937" s="2" t="s">
        <v>86384</v>
      </c>
      <c r="C937" s="14" t="s">
        <v>86385</v>
      </c>
      <c r="D937" s="2" t="s">
        <v>86386</v>
      </c>
      <c r="E937" s="2" t="s">
        <v>7551</v>
      </c>
      <c r="F937" s="8">
        <v>300</v>
      </c>
      <c r="G937" s="5">
        <v>6</v>
      </c>
      <c r="H937" s="5" t="s">
        <v>1518</v>
      </c>
      <c r="I937" s="5" t="s">
        <v>1519</v>
      </c>
      <c r="J937" s="2" t="s">
        <v>1520</v>
      </c>
      <c r="K937" s="5" t="s">
        <v>1519</v>
      </c>
      <c r="L937" s="2" t="s">
        <v>1520</v>
      </c>
      <c r="M937" s="5" t="s">
        <v>1521</v>
      </c>
      <c r="N937" s="5" t="s">
        <v>38</v>
      </c>
      <c r="O937" s="5" t="s">
        <v>39</v>
      </c>
      <c r="P937" s="5" t="s">
        <v>40</v>
      </c>
      <c r="Q937" s="5" t="s">
        <v>1522</v>
      </c>
      <c r="R937" s="5" t="s">
        <v>1523</v>
      </c>
      <c r="S937" s="5" t="s">
        <v>42</v>
      </c>
      <c r="T937" s="2">
        <v>3.2770000000000001</v>
      </c>
      <c r="U937" s="2">
        <v>2.5960000000000001</v>
      </c>
      <c r="V937" s="2">
        <v>0.02</v>
      </c>
      <c r="W937" s="2">
        <v>159.1</v>
      </c>
      <c r="X937" s="2">
        <v>7.6</v>
      </c>
      <c r="Y937" s="2">
        <v>16.7</v>
      </c>
      <c r="Z937" s="5"/>
      <c r="AA937" s="5" t="s">
        <v>43</v>
      </c>
      <c r="AB937" s="5" t="s">
        <v>44</v>
      </c>
      <c r="AC937" s="2"/>
      <c r="AD937" s="1"/>
    </row>
    <row r="938" spans="1:30">
      <c r="A938" s="5" t="s">
        <v>83578</v>
      </c>
      <c r="B938" s="2" t="s">
        <v>86387</v>
      </c>
      <c r="C938" s="14" t="s">
        <v>86388</v>
      </c>
      <c r="D938" s="2" t="s">
        <v>86389</v>
      </c>
      <c r="E938" s="2" t="s">
        <v>7555</v>
      </c>
      <c r="F938" s="8">
        <v>300</v>
      </c>
      <c r="G938" s="5">
        <v>6</v>
      </c>
      <c r="H938" s="5" t="s">
        <v>1518</v>
      </c>
      <c r="I938" s="5" t="s">
        <v>1519</v>
      </c>
      <c r="J938" s="2" t="s">
        <v>1520</v>
      </c>
      <c r="K938" s="5" t="s">
        <v>1519</v>
      </c>
      <c r="L938" s="2" t="s">
        <v>1520</v>
      </c>
      <c r="M938" s="5" t="s">
        <v>1521</v>
      </c>
      <c r="N938" s="5" t="s">
        <v>38</v>
      </c>
      <c r="O938" s="5" t="s">
        <v>39</v>
      </c>
      <c r="P938" s="5" t="s">
        <v>40</v>
      </c>
      <c r="Q938" s="5" t="s">
        <v>1522</v>
      </c>
      <c r="R938" s="5" t="s">
        <v>1523</v>
      </c>
      <c r="S938" s="5" t="s">
        <v>42</v>
      </c>
      <c r="T938" s="2">
        <v>3.2010000000000001</v>
      </c>
      <c r="U938" s="2">
        <v>2.52</v>
      </c>
      <c r="V938" s="2">
        <v>0.02</v>
      </c>
      <c r="W938" s="2">
        <v>159.1</v>
      </c>
      <c r="X938" s="2">
        <v>7.6</v>
      </c>
      <c r="Y938" s="2">
        <v>16.7</v>
      </c>
      <c r="Z938" s="5"/>
      <c r="AA938" s="5" t="s">
        <v>43</v>
      </c>
      <c r="AB938" s="5" t="s">
        <v>44</v>
      </c>
      <c r="AC938" s="2"/>
      <c r="AD938" s="1"/>
    </row>
    <row r="939" spans="1:30">
      <c r="A939" s="5" t="s">
        <v>83578</v>
      </c>
      <c r="B939" s="2" t="s">
        <v>86390</v>
      </c>
      <c r="C939" s="14" t="s">
        <v>86391</v>
      </c>
      <c r="D939" s="2" t="s">
        <v>86392</v>
      </c>
      <c r="E939" s="2" t="s">
        <v>7559</v>
      </c>
      <c r="F939" s="8">
        <v>300</v>
      </c>
      <c r="G939" s="5">
        <v>6</v>
      </c>
      <c r="H939" s="5" t="s">
        <v>1518</v>
      </c>
      <c r="I939" s="5" t="s">
        <v>1519</v>
      </c>
      <c r="J939" s="2" t="s">
        <v>1520</v>
      </c>
      <c r="K939" s="5" t="s">
        <v>1519</v>
      </c>
      <c r="L939" s="2" t="s">
        <v>1520</v>
      </c>
      <c r="M939" s="5" t="s">
        <v>1521</v>
      </c>
      <c r="N939" s="5" t="s">
        <v>38</v>
      </c>
      <c r="O939" s="5" t="s">
        <v>39</v>
      </c>
      <c r="P939" s="5" t="s">
        <v>40</v>
      </c>
      <c r="Q939" s="5" t="s">
        <v>1522</v>
      </c>
      <c r="R939" s="5" t="s">
        <v>1523</v>
      </c>
      <c r="S939" s="5" t="s">
        <v>42</v>
      </c>
      <c r="T939" s="2">
        <v>3.2770000000000001</v>
      </c>
      <c r="U939" s="2">
        <v>2.5960000000000001</v>
      </c>
      <c r="V939" s="2">
        <v>0.02</v>
      </c>
      <c r="W939" s="2">
        <v>159.1</v>
      </c>
      <c r="X939" s="2">
        <v>7.6</v>
      </c>
      <c r="Y939" s="2">
        <v>16.7</v>
      </c>
      <c r="Z939" s="5"/>
      <c r="AA939" s="5" t="s">
        <v>43</v>
      </c>
      <c r="AB939" s="5" t="s">
        <v>44</v>
      </c>
      <c r="AC939" s="2"/>
      <c r="AD939" s="1"/>
    </row>
    <row r="940" spans="1:30">
      <c r="A940" s="5" t="s">
        <v>83578</v>
      </c>
      <c r="B940" s="2" t="s">
        <v>86393</v>
      </c>
      <c r="C940" s="14" t="s">
        <v>86394</v>
      </c>
      <c r="D940" s="2" t="s">
        <v>86395</v>
      </c>
      <c r="E940" s="2" t="s">
        <v>7563</v>
      </c>
      <c r="F940" s="8">
        <v>300</v>
      </c>
      <c r="G940" s="5">
        <v>6</v>
      </c>
      <c r="H940" s="5" t="s">
        <v>1518</v>
      </c>
      <c r="I940" s="5" t="s">
        <v>1519</v>
      </c>
      <c r="J940" s="2" t="s">
        <v>1520</v>
      </c>
      <c r="K940" s="5" t="s">
        <v>1519</v>
      </c>
      <c r="L940" s="2" t="s">
        <v>1520</v>
      </c>
      <c r="M940" s="5" t="s">
        <v>1521</v>
      </c>
      <c r="N940" s="5" t="s">
        <v>38</v>
      </c>
      <c r="O940" s="5" t="s">
        <v>39</v>
      </c>
      <c r="P940" s="5" t="s">
        <v>40</v>
      </c>
      <c r="Q940" s="5" t="s">
        <v>1522</v>
      </c>
      <c r="R940" s="5" t="s">
        <v>1523</v>
      </c>
      <c r="S940" s="5" t="s">
        <v>42</v>
      </c>
      <c r="T940" s="2">
        <v>3.218</v>
      </c>
      <c r="U940" s="2">
        <v>2.5369999999999999</v>
      </c>
      <c r="V940" s="2">
        <v>0.02</v>
      </c>
      <c r="W940" s="2">
        <v>159.1</v>
      </c>
      <c r="X940" s="2">
        <v>7.6</v>
      </c>
      <c r="Y940" s="2">
        <v>16.7</v>
      </c>
      <c r="Z940" s="5"/>
      <c r="AA940" s="5" t="s">
        <v>43</v>
      </c>
      <c r="AB940" s="5" t="s">
        <v>44</v>
      </c>
      <c r="AC940" s="2"/>
      <c r="AD940" s="1"/>
    </row>
    <row r="941" spans="1:30">
      <c r="A941" s="5" t="s">
        <v>83578</v>
      </c>
      <c r="B941" s="2" t="s">
        <v>86396</v>
      </c>
      <c r="C941" s="14" t="s">
        <v>86397</v>
      </c>
      <c r="D941" s="2" t="s">
        <v>86398</v>
      </c>
      <c r="E941" s="2" t="s">
        <v>7567</v>
      </c>
      <c r="F941" s="8">
        <v>300</v>
      </c>
      <c r="G941" s="5">
        <v>6</v>
      </c>
      <c r="H941" s="5" t="s">
        <v>1518</v>
      </c>
      <c r="I941" s="5" t="s">
        <v>1519</v>
      </c>
      <c r="J941" s="2" t="s">
        <v>1520</v>
      </c>
      <c r="K941" s="5" t="s">
        <v>1519</v>
      </c>
      <c r="L941" s="2" t="s">
        <v>1520</v>
      </c>
      <c r="M941" s="5" t="s">
        <v>1521</v>
      </c>
      <c r="N941" s="5" t="s">
        <v>38</v>
      </c>
      <c r="O941" s="5" t="s">
        <v>39</v>
      </c>
      <c r="P941" s="5" t="s">
        <v>40</v>
      </c>
      <c r="Q941" s="5" t="s">
        <v>1522</v>
      </c>
      <c r="R941" s="5" t="s">
        <v>1523</v>
      </c>
      <c r="S941" s="5" t="s">
        <v>42</v>
      </c>
      <c r="T941" s="2">
        <v>3.294</v>
      </c>
      <c r="U941" s="2">
        <v>2.613</v>
      </c>
      <c r="V941" s="2">
        <v>0.02</v>
      </c>
      <c r="W941" s="2">
        <v>159.1</v>
      </c>
      <c r="X941" s="2">
        <v>7.6</v>
      </c>
      <c r="Y941" s="2">
        <v>16.7</v>
      </c>
      <c r="Z941" s="5"/>
      <c r="AA941" s="5" t="s">
        <v>43</v>
      </c>
      <c r="AB941" s="5" t="s">
        <v>44</v>
      </c>
      <c r="AC941" s="2"/>
      <c r="AD941" s="1"/>
    </row>
    <row r="942" spans="1:30">
      <c r="A942" s="5" t="s">
        <v>83578</v>
      </c>
      <c r="B942" s="2" t="s">
        <v>86399</v>
      </c>
      <c r="C942" s="14" t="s">
        <v>86400</v>
      </c>
      <c r="D942" s="2" t="s">
        <v>86401</v>
      </c>
      <c r="E942" s="2" t="s">
        <v>16079</v>
      </c>
      <c r="F942" s="8">
        <v>300</v>
      </c>
      <c r="G942" s="5">
        <v>6</v>
      </c>
      <c r="H942" s="5" t="s">
        <v>1518</v>
      </c>
      <c r="I942" s="5" t="s">
        <v>1519</v>
      </c>
      <c r="J942" s="2" t="s">
        <v>1520</v>
      </c>
      <c r="K942" s="5" t="s">
        <v>1519</v>
      </c>
      <c r="L942" s="2" t="s">
        <v>1520</v>
      </c>
      <c r="M942" s="5" t="s">
        <v>1521</v>
      </c>
      <c r="N942" s="5" t="s">
        <v>38</v>
      </c>
      <c r="O942" s="5" t="s">
        <v>39</v>
      </c>
      <c r="P942" s="5" t="s">
        <v>40</v>
      </c>
      <c r="Q942" s="5" t="s">
        <v>1522</v>
      </c>
      <c r="R942" s="5" t="s">
        <v>1523</v>
      </c>
      <c r="S942" s="5" t="s">
        <v>42</v>
      </c>
      <c r="T942" s="2">
        <v>3.218</v>
      </c>
      <c r="U942" s="2">
        <v>2.5369999999999999</v>
      </c>
      <c r="V942" s="2">
        <v>0.02</v>
      </c>
      <c r="W942" s="2">
        <v>159.1</v>
      </c>
      <c r="X942" s="2">
        <v>7.6</v>
      </c>
      <c r="Y942" s="2">
        <v>16.7</v>
      </c>
      <c r="Z942" s="5"/>
      <c r="AA942" s="5" t="s">
        <v>43</v>
      </c>
      <c r="AB942" s="5" t="s">
        <v>44</v>
      </c>
      <c r="AC942" s="2"/>
      <c r="AD942" s="1"/>
    </row>
    <row r="943" spans="1:30">
      <c r="A943" s="5" t="s">
        <v>83578</v>
      </c>
      <c r="B943" s="2" t="s">
        <v>86402</v>
      </c>
      <c r="C943" s="14" t="s">
        <v>86403</v>
      </c>
      <c r="D943" s="2" t="s">
        <v>86404</v>
      </c>
      <c r="E943" s="2" t="s">
        <v>16194</v>
      </c>
      <c r="F943" s="8">
        <v>300</v>
      </c>
      <c r="G943" s="5">
        <v>6</v>
      </c>
      <c r="H943" s="5" t="s">
        <v>1518</v>
      </c>
      <c r="I943" s="5" t="s">
        <v>1519</v>
      </c>
      <c r="J943" s="2" t="s">
        <v>1520</v>
      </c>
      <c r="K943" s="5" t="s">
        <v>1519</v>
      </c>
      <c r="L943" s="2" t="s">
        <v>1520</v>
      </c>
      <c r="M943" s="5" t="s">
        <v>1521</v>
      </c>
      <c r="N943" s="5" t="s">
        <v>38</v>
      </c>
      <c r="O943" s="5" t="s">
        <v>39</v>
      </c>
      <c r="P943" s="5" t="s">
        <v>40</v>
      </c>
      <c r="Q943" s="5" t="s">
        <v>1522</v>
      </c>
      <c r="R943" s="5" t="s">
        <v>1523</v>
      </c>
      <c r="S943" s="5" t="s">
        <v>42</v>
      </c>
      <c r="T943" s="2">
        <v>3.294</v>
      </c>
      <c r="U943" s="2">
        <v>2.613</v>
      </c>
      <c r="V943" s="2">
        <v>0.02</v>
      </c>
      <c r="W943" s="2">
        <v>159.1</v>
      </c>
      <c r="X943" s="2">
        <v>7.6</v>
      </c>
      <c r="Y943" s="2">
        <v>16.7</v>
      </c>
      <c r="Z943" s="5"/>
      <c r="AA943" s="5" t="s">
        <v>43</v>
      </c>
      <c r="AB943" s="5" t="s">
        <v>44</v>
      </c>
      <c r="AC943" s="2"/>
      <c r="AD943" s="1"/>
    </row>
    <row r="944" spans="1:30">
      <c r="A944" s="5" t="s">
        <v>83578</v>
      </c>
      <c r="B944" s="2" t="s">
        <v>86405</v>
      </c>
      <c r="C944" s="14" t="s">
        <v>86406</v>
      </c>
      <c r="D944" s="2" t="s">
        <v>86407</v>
      </c>
      <c r="E944" s="2" t="s">
        <v>7449</v>
      </c>
      <c r="F944" s="8">
        <v>300</v>
      </c>
      <c r="G944" s="5">
        <v>6</v>
      </c>
      <c r="H944" s="5" t="s">
        <v>1518</v>
      </c>
      <c r="I944" s="5" t="s">
        <v>1519</v>
      </c>
      <c r="J944" s="2" t="s">
        <v>1520</v>
      </c>
      <c r="K944" s="5" t="s">
        <v>1519</v>
      </c>
      <c r="L944" s="2" t="s">
        <v>1520</v>
      </c>
      <c r="M944" s="5" t="s">
        <v>1521</v>
      </c>
      <c r="N944" s="5" t="s">
        <v>38</v>
      </c>
      <c r="O944" s="5" t="s">
        <v>39</v>
      </c>
      <c r="P944" s="5" t="s">
        <v>40</v>
      </c>
      <c r="Q944" s="5" t="s">
        <v>1522</v>
      </c>
      <c r="R944" s="5" t="s">
        <v>1523</v>
      </c>
      <c r="S944" s="5" t="s">
        <v>42</v>
      </c>
      <c r="T944" s="2">
        <v>3.218</v>
      </c>
      <c r="U944" s="2">
        <v>2.5369999999999999</v>
      </c>
      <c r="V944" s="2">
        <v>0.02</v>
      </c>
      <c r="W944" s="2">
        <v>159.1</v>
      </c>
      <c r="X944" s="2">
        <v>7.6</v>
      </c>
      <c r="Y944" s="2">
        <v>16.7</v>
      </c>
      <c r="Z944" s="5"/>
      <c r="AA944" s="5" t="s">
        <v>43</v>
      </c>
      <c r="AB944" s="5" t="s">
        <v>44</v>
      </c>
      <c r="AC944" s="2"/>
      <c r="AD944" s="1"/>
    </row>
    <row r="945" spans="1:30">
      <c r="A945" s="5" t="s">
        <v>83578</v>
      </c>
      <c r="B945" s="2" t="s">
        <v>86408</v>
      </c>
      <c r="C945" s="14" t="s">
        <v>86409</v>
      </c>
      <c r="D945" s="2" t="s">
        <v>86410</v>
      </c>
      <c r="E945" s="2" t="s">
        <v>7581</v>
      </c>
      <c r="F945" s="8">
        <v>300</v>
      </c>
      <c r="G945" s="5">
        <v>6</v>
      </c>
      <c r="H945" s="5" t="s">
        <v>1518</v>
      </c>
      <c r="I945" s="5" t="s">
        <v>1519</v>
      </c>
      <c r="J945" s="2" t="s">
        <v>1520</v>
      </c>
      <c r="K945" s="5" t="s">
        <v>1519</v>
      </c>
      <c r="L945" s="2" t="s">
        <v>1520</v>
      </c>
      <c r="M945" s="5" t="s">
        <v>1521</v>
      </c>
      <c r="N945" s="5" t="s">
        <v>38</v>
      </c>
      <c r="O945" s="5" t="s">
        <v>39</v>
      </c>
      <c r="P945" s="5" t="s">
        <v>40</v>
      </c>
      <c r="Q945" s="5" t="s">
        <v>1522</v>
      </c>
      <c r="R945" s="5" t="s">
        <v>1523</v>
      </c>
      <c r="S945" s="5" t="s">
        <v>42</v>
      </c>
      <c r="T945" s="2">
        <v>3.294</v>
      </c>
      <c r="U945" s="2">
        <v>2.613</v>
      </c>
      <c r="V945" s="2">
        <v>0.02</v>
      </c>
      <c r="W945" s="2">
        <v>159.1</v>
      </c>
      <c r="X945" s="2">
        <v>7.6</v>
      </c>
      <c r="Y945" s="2">
        <v>16.7</v>
      </c>
      <c r="Z945" s="5"/>
      <c r="AA945" s="5" t="s">
        <v>43</v>
      </c>
      <c r="AB945" s="5" t="s">
        <v>44</v>
      </c>
      <c r="AC945" s="2"/>
      <c r="AD945" s="1"/>
    </row>
    <row r="946" spans="1:30">
      <c r="A946" s="5" t="s">
        <v>83578</v>
      </c>
      <c r="B946" s="2" t="s">
        <v>86411</v>
      </c>
      <c r="C946" s="14" t="s">
        <v>86412</v>
      </c>
      <c r="D946" s="2" t="s">
        <v>86413</v>
      </c>
      <c r="E946" s="2" t="s">
        <v>7585</v>
      </c>
      <c r="F946" s="8">
        <v>300</v>
      </c>
      <c r="G946" s="5">
        <v>6</v>
      </c>
      <c r="H946" s="5" t="s">
        <v>1518</v>
      </c>
      <c r="I946" s="5" t="s">
        <v>1519</v>
      </c>
      <c r="J946" s="2" t="s">
        <v>1520</v>
      </c>
      <c r="K946" s="5" t="s">
        <v>1519</v>
      </c>
      <c r="L946" s="2" t="s">
        <v>1520</v>
      </c>
      <c r="M946" s="5" t="s">
        <v>1521</v>
      </c>
      <c r="N946" s="5" t="s">
        <v>38</v>
      </c>
      <c r="O946" s="5" t="s">
        <v>39</v>
      </c>
      <c r="P946" s="5" t="s">
        <v>40</v>
      </c>
      <c r="Q946" s="5" t="s">
        <v>1522</v>
      </c>
      <c r="R946" s="5" t="s">
        <v>1523</v>
      </c>
      <c r="S946" s="5" t="s">
        <v>42</v>
      </c>
      <c r="T946" s="2">
        <v>3.2010000000000001</v>
      </c>
      <c r="U946" s="2">
        <v>2.52</v>
      </c>
      <c r="V946" s="2">
        <v>0.02</v>
      </c>
      <c r="W946" s="2">
        <v>159.1</v>
      </c>
      <c r="X946" s="2">
        <v>7.6</v>
      </c>
      <c r="Y946" s="2">
        <v>16.7</v>
      </c>
      <c r="Z946" s="5"/>
      <c r="AA946" s="5" t="s">
        <v>43</v>
      </c>
      <c r="AB946" s="5" t="s">
        <v>44</v>
      </c>
      <c r="AC946" s="2"/>
      <c r="AD946" s="1"/>
    </row>
    <row r="947" spans="1:30">
      <c r="A947" s="5" t="s">
        <v>83578</v>
      </c>
      <c r="B947" s="2" t="s">
        <v>86414</v>
      </c>
      <c r="C947" s="14" t="s">
        <v>86415</v>
      </c>
      <c r="D947" s="2" t="s">
        <v>86416</v>
      </c>
      <c r="E947" s="2" t="s">
        <v>7589</v>
      </c>
      <c r="F947" s="8">
        <v>300</v>
      </c>
      <c r="G947" s="5">
        <v>6</v>
      </c>
      <c r="H947" s="5" t="s">
        <v>1518</v>
      </c>
      <c r="I947" s="5" t="s">
        <v>1519</v>
      </c>
      <c r="J947" s="2" t="s">
        <v>1520</v>
      </c>
      <c r="K947" s="5" t="s">
        <v>1519</v>
      </c>
      <c r="L947" s="2" t="s">
        <v>1520</v>
      </c>
      <c r="M947" s="5" t="s">
        <v>1521</v>
      </c>
      <c r="N947" s="5" t="s">
        <v>38</v>
      </c>
      <c r="O947" s="5" t="s">
        <v>39</v>
      </c>
      <c r="P947" s="5" t="s">
        <v>40</v>
      </c>
      <c r="Q947" s="5" t="s">
        <v>1522</v>
      </c>
      <c r="R947" s="5" t="s">
        <v>1523</v>
      </c>
      <c r="S947" s="5" t="s">
        <v>42</v>
      </c>
      <c r="T947" s="2">
        <v>3.2770000000000001</v>
      </c>
      <c r="U947" s="2">
        <v>2.5960000000000001</v>
      </c>
      <c r="V947" s="2">
        <v>0.02</v>
      </c>
      <c r="W947" s="2">
        <v>159.1</v>
      </c>
      <c r="X947" s="2">
        <v>7.6</v>
      </c>
      <c r="Y947" s="2">
        <v>16.7</v>
      </c>
      <c r="Z947" s="5"/>
      <c r="AA947" s="5" t="s">
        <v>43</v>
      </c>
      <c r="AB947" s="5" t="s">
        <v>44</v>
      </c>
      <c r="AC947" s="2"/>
      <c r="AD947" s="1"/>
    </row>
    <row r="948" spans="1:30">
      <c r="A948" s="5" t="s">
        <v>83578</v>
      </c>
      <c r="B948" s="2" t="s">
        <v>86417</v>
      </c>
      <c r="C948" s="14" t="s">
        <v>86418</v>
      </c>
      <c r="D948" s="2" t="s">
        <v>86419</v>
      </c>
      <c r="E948" s="2" t="s">
        <v>7593</v>
      </c>
      <c r="F948" s="8">
        <v>300</v>
      </c>
      <c r="G948" s="5">
        <v>6</v>
      </c>
      <c r="H948" s="5" t="s">
        <v>1518</v>
      </c>
      <c r="I948" s="5" t="s">
        <v>1519</v>
      </c>
      <c r="J948" s="2" t="s">
        <v>1520</v>
      </c>
      <c r="K948" s="5" t="s">
        <v>1519</v>
      </c>
      <c r="L948" s="2" t="s">
        <v>1520</v>
      </c>
      <c r="M948" s="5" t="s">
        <v>1521</v>
      </c>
      <c r="N948" s="5" t="s">
        <v>38</v>
      </c>
      <c r="O948" s="5" t="s">
        <v>39</v>
      </c>
      <c r="P948" s="5" t="s">
        <v>40</v>
      </c>
      <c r="Q948" s="5" t="s">
        <v>1522</v>
      </c>
      <c r="R948" s="5" t="s">
        <v>1523</v>
      </c>
      <c r="S948" s="5" t="s">
        <v>42</v>
      </c>
      <c r="T948" s="2">
        <v>3.218</v>
      </c>
      <c r="U948" s="2">
        <v>2.5369999999999999</v>
      </c>
      <c r="V948" s="2">
        <v>0.02</v>
      </c>
      <c r="W948" s="2">
        <v>159.1</v>
      </c>
      <c r="X948" s="2">
        <v>7.6</v>
      </c>
      <c r="Y948" s="2">
        <v>16.7</v>
      </c>
      <c r="Z948" s="5"/>
      <c r="AA948" s="5" t="s">
        <v>43</v>
      </c>
      <c r="AB948" s="5" t="s">
        <v>44</v>
      </c>
      <c r="AC948" s="2"/>
      <c r="AD948" s="1"/>
    </row>
    <row r="949" spans="1:30">
      <c r="A949" s="5" t="s">
        <v>83578</v>
      </c>
      <c r="B949" s="2" t="s">
        <v>86420</v>
      </c>
      <c r="C949" s="14" t="s">
        <v>86421</v>
      </c>
      <c r="D949" s="2" t="s">
        <v>86422</v>
      </c>
      <c r="E949" s="2" t="s">
        <v>7597</v>
      </c>
      <c r="F949" s="8">
        <v>300</v>
      </c>
      <c r="G949" s="5">
        <v>6</v>
      </c>
      <c r="H949" s="5" t="s">
        <v>1518</v>
      </c>
      <c r="I949" s="5" t="s">
        <v>1519</v>
      </c>
      <c r="J949" s="2" t="s">
        <v>1520</v>
      </c>
      <c r="K949" s="5" t="s">
        <v>1519</v>
      </c>
      <c r="L949" s="2" t="s">
        <v>1520</v>
      </c>
      <c r="M949" s="5" t="s">
        <v>1521</v>
      </c>
      <c r="N949" s="5" t="s">
        <v>38</v>
      </c>
      <c r="O949" s="5" t="s">
        <v>39</v>
      </c>
      <c r="P949" s="5" t="s">
        <v>40</v>
      </c>
      <c r="Q949" s="5" t="s">
        <v>1522</v>
      </c>
      <c r="R949" s="5" t="s">
        <v>1523</v>
      </c>
      <c r="S949" s="5" t="s">
        <v>42</v>
      </c>
      <c r="T949" s="2">
        <v>3.294</v>
      </c>
      <c r="U949" s="2">
        <v>2.613</v>
      </c>
      <c r="V949" s="2">
        <v>0.02</v>
      </c>
      <c r="W949" s="2">
        <v>159.1</v>
      </c>
      <c r="X949" s="2">
        <v>7.6</v>
      </c>
      <c r="Y949" s="2">
        <v>16.7</v>
      </c>
      <c r="Z949" s="5"/>
      <c r="AA949" s="5" t="s">
        <v>43</v>
      </c>
      <c r="AB949" s="5" t="s">
        <v>44</v>
      </c>
      <c r="AC949" s="2"/>
      <c r="AD949" s="1"/>
    </row>
    <row r="950" spans="1:30">
      <c r="A950" s="5" t="s">
        <v>83578</v>
      </c>
      <c r="B950" s="2" t="s">
        <v>86423</v>
      </c>
      <c r="C950" s="14" t="s">
        <v>86424</v>
      </c>
      <c r="D950" s="2" t="s">
        <v>86425</v>
      </c>
      <c r="E950" s="2" t="s">
        <v>16014</v>
      </c>
      <c r="F950" s="8">
        <v>300</v>
      </c>
      <c r="G950" s="5">
        <v>6</v>
      </c>
      <c r="H950" s="5" t="s">
        <v>1518</v>
      </c>
      <c r="I950" s="5" t="s">
        <v>1519</v>
      </c>
      <c r="J950" s="2" t="s">
        <v>1520</v>
      </c>
      <c r="K950" s="5" t="s">
        <v>1519</v>
      </c>
      <c r="L950" s="2" t="s">
        <v>1520</v>
      </c>
      <c r="M950" s="5" t="s">
        <v>1521</v>
      </c>
      <c r="N950" s="5" t="s">
        <v>38</v>
      </c>
      <c r="O950" s="5" t="s">
        <v>39</v>
      </c>
      <c r="P950" s="5" t="s">
        <v>40</v>
      </c>
      <c r="Q950" s="5" t="s">
        <v>1522</v>
      </c>
      <c r="R950" s="5" t="s">
        <v>1523</v>
      </c>
      <c r="S950" s="5" t="s">
        <v>42</v>
      </c>
      <c r="T950" s="2">
        <v>3.218</v>
      </c>
      <c r="U950" s="2">
        <v>2.5369999999999999</v>
      </c>
      <c r="V950" s="2">
        <v>0.02</v>
      </c>
      <c r="W950" s="2">
        <v>159.1</v>
      </c>
      <c r="X950" s="2">
        <v>7.6</v>
      </c>
      <c r="Y950" s="2">
        <v>16.7</v>
      </c>
      <c r="Z950" s="5"/>
      <c r="AA950" s="5" t="s">
        <v>43</v>
      </c>
      <c r="AB950" s="5" t="s">
        <v>44</v>
      </c>
      <c r="AC950" s="2"/>
      <c r="AD950" s="1"/>
    </row>
    <row r="951" spans="1:30">
      <c r="A951" s="5" t="s">
        <v>83578</v>
      </c>
      <c r="B951" s="2" t="s">
        <v>86426</v>
      </c>
      <c r="C951" s="14" t="s">
        <v>86427</v>
      </c>
      <c r="D951" s="2" t="s">
        <v>86428</v>
      </c>
      <c r="E951" s="2" t="s">
        <v>16219</v>
      </c>
      <c r="F951" s="8">
        <v>300</v>
      </c>
      <c r="G951" s="5">
        <v>6</v>
      </c>
      <c r="H951" s="5" t="s">
        <v>1518</v>
      </c>
      <c r="I951" s="5" t="s">
        <v>1519</v>
      </c>
      <c r="J951" s="2" t="s">
        <v>1520</v>
      </c>
      <c r="K951" s="5" t="s">
        <v>1519</v>
      </c>
      <c r="L951" s="2" t="s">
        <v>1520</v>
      </c>
      <c r="M951" s="5" t="s">
        <v>1521</v>
      </c>
      <c r="N951" s="5" t="s">
        <v>38</v>
      </c>
      <c r="O951" s="5" t="s">
        <v>39</v>
      </c>
      <c r="P951" s="5" t="s">
        <v>40</v>
      </c>
      <c r="Q951" s="5" t="s">
        <v>1522</v>
      </c>
      <c r="R951" s="5" t="s">
        <v>1523</v>
      </c>
      <c r="S951" s="5" t="s">
        <v>42</v>
      </c>
      <c r="T951" s="2">
        <v>3.294</v>
      </c>
      <c r="U951" s="2">
        <v>2.613</v>
      </c>
      <c r="V951" s="2">
        <v>0.02</v>
      </c>
      <c r="W951" s="2">
        <v>159.1</v>
      </c>
      <c r="X951" s="2">
        <v>7.6</v>
      </c>
      <c r="Y951" s="2">
        <v>16.7</v>
      </c>
      <c r="Z951" s="5"/>
      <c r="AA951" s="5" t="s">
        <v>43</v>
      </c>
      <c r="AB951" s="5" t="s">
        <v>44</v>
      </c>
      <c r="AC951" s="2"/>
      <c r="AD951" s="1"/>
    </row>
    <row r="952" spans="1:30">
      <c r="A952" s="5" t="s">
        <v>83578</v>
      </c>
      <c r="B952" s="2" t="s">
        <v>86429</v>
      </c>
      <c r="C952" s="14" t="s">
        <v>86430</v>
      </c>
      <c r="D952" s="2" t="s">
        <v>86431</v>
      </c>
      <c r="E952" s="2" t="s">
        <v>16018</v>
      </c>
      <c r="F952" s="8">
        <v>300</v>
      </c>
      <c r="G952" s="5">
        <v>6</v>
      </c>
      <c r="H952" s="5" t="s">
        <v>1518</v>
      </c>
      <c r="I952" s="5" t="s">
        <v>1519</v>
      </c>
      <c r="J952" s="2" t="s">
        <v>1520</v>
      </c>
      <c r="K952" s="5" t="s">
        <v>1519</v>
      </c>
      <c r="L952" s="2" t="s">
        <v>1520</v>
      </c>
      <c r="M952" s="5" t="s">
        <v>1521</v>
      </c>
      <c r="N952" s="5" t="s">
        <v>38</v>
      </c>
      <c r="O952" s="5" t="s">
        <v>39</v>
      </c>
      <c r="P952" s="5" t="s">
        <v>40</v>
      </c>
      <c r="Q952" s="5" t="s">
        <v>1522</v>
      </c>
      <c r="R952" s="5" t="s">
        <v>1523</v>
      </c>
      <c r="S952" s="5" t="s">
        <v>42</v>
      </c>
      <c r="T952" s="2">
        <v>3.218</v>
      </c>
      <c r="U952" s="2">
        <v>2.5369999999999999</v>
      </c>
      <c r="V952" s="2">
        <v>0.02</v>
      </c>
      <c r="W952" s="2">
        <v>159.1</v>
      </c>
      <c r="X952" s="2">
        <v>7.6</v>
      </c>
      <c r="Y952" s="2">
        <v>16.7</v>
      </c>
      <c r="Z952" s="5"/>
      <c r="AA952" s="5" t="s">
        <v>43</v>
      </c>
      <c r="AB952" s="5" t="s">
        <v>44</v>
      </c>
      <c r="AC952" s="2"/>
      <c r="AD952" s="1"/>
    </row>
    <row r="953" spans="1:30">
      <c r="A953" s="5" t="s">
        <v>83578</v>
      </c>
      <c r="B953" s="2" t="s">
        <v>86432</v>
      </c>
      <c r="C953" s="14" t="s">
        <v>86433</v>
      </c>
      <c r="D953" s="2" t="s">
        <v>86434</v>
      </c>
      <c r="E953" s="2" t="s">
        <v>16022</v>
      </c>
      <c r="F953" s="8">
        <v>300</v>
      </c>
      <c r="G953" s="5">
        <v>6</v>
      </c>
      <c r="H953" s="5" t="s">
        <v>1518</v>
      </c>
      <c r="I953" s="5" t="s">
        <v>1519</v>
      </c>
      <c r="J953" s="2" t="s">
        <v>1520</v>
      </c>
      <c r="K953" s="5" t="s">
        <v>1519</v>
      </c>
      <c r="L953" s="2" t="s">
        <v>1520</v>
      </c>
      <c r="M953" s="5" t="s">
        <v>1521</v>
      </c>
      <c r="N953" s="5" t="s">
        <v>38</v>
      </c>
      <c r="O953" s="5" t="s">
        <v>39</v>
      </c>
      <c r="P953" s="5" t="s">
        <v>40</v>
      </c>
      <c r="Q953" s="5" t="s">
        <v>1522</v>
      </c>
      <c r="R953" s="5" t="s">
        <v>1523</v>
      </c>
      <c r="S953" s="5" t="s">
        <v>42</v>
      </c>
      <c r="T953" s="2">
        <v>3.294</v>
      </c>
      <c r="U953" s="2">
        <v>2.613</v>
      </c>
      <c r="V953" s="2">
        <v>0.02</v>
      </c>
      <c r="W953" s="2">
        <v>159.1</v>
      </c>
      <c r="X953" s="2">
        <v>7.6</v>
      </c>
      <c r="Y953" s="2">
        <v>16.7</v>
      </c>
      <c r="Z953" s="5"/>
      <c r="AA953" s="5" t="s">
        <v>43</v>
      </c>
      <c r="AB953" s="5" t="s">
        <v>44</v>
      </c>
      <c r="AC953" s="2"/>
      <c r="AD953" s="1"/>
    </row>
    <row r="954" spans="1:30">
      <c r="A954" s="5" t="s">
        <v>83578</v>
      </c>
      <c r="B954" s="2" t="s">
        <v>86435</v>
      </c>
      <c r="C954" s="14" t="s">
        <v>86436</v>
      </c>
      <c r="D954" s="2" t="s">
        <v>86437</v>
      </c>
      <c r="E954" s="2" t="s">
        <v>7615</v>
      </c>
      <c r="F954" s="8">
        <v>300</v>
      </c>
      <c r="G954" s="5">
        <v>6</v>
      </c>
      <c r="H954" s="5" t="s">
        <v>1518</v>
      </c>
      <c r="I954" s="5" t="s">
        <v>1519</v>
      </c>
      <c r="J954" s="2" t="s">
        <v>1520</v>
      </c>
      <c r="K954" s="5" t="s">
        <v>1519</v>
      </c>
      <c r="L954" s="2" t="s">
        <v>1520</v>
      </c>
      <c r="M954" s="5" t="s">
        <v>1521</v>
      </c>
      <c r="N954" s="5" t="s">
        <v>38</v>
      </c>
      <c r="O954" s="5" t="s">
        <v>39</v>
      </c>
      <c r="P954" s="5" t="s">
        <v>40</v>
      </c>
      <c r="Q954" s="5" t="s">
        <v>1522</v>
      </c>
      <c r="R954" s="5" t="s">
        <v>1523</v>
      </c>
      <c r="S954" s="5" t="s">
        <v>42</v>
      </c>
      <c r="T954" s="2">
        <v>3.2010000000000001</v>
      </c>
      <c r="U954" s="2">
        <v>2.52</v>
      </c>
      <c r="V954" s="2">
        <v>0.02</v>
      </c>
      <c r="W954" s="2">
        <v>159.1</v>
      </c>
      <c r="X954" s="2">
        <v>7.6</v>
      </c>
      <c r="Y954" s="2">
        <v>16.7</v>
      </c>
      <c r="Z954" s="5"/>
      <c r="AA954" s="5" t="s">
        <v>43</v>
      </c>
      <c r="AB954" s="5" t="s">
        <v>44</v>
      </c>
      <c r="AC954" s="2"/>
      <c r="AD954" s="1"/>
    </row>
    <row r="955" spans="1:30">
      <c r="A955" s="5" t="s">
        <v>83578</v>
      </c>
      <c r="B955" s="2" t="s">
        <v>86438</v>
      </c>
      <c r="C955" s="14" t="s">
        <v>86439</v>
      </c>
      <c r="D955" s="2" t="s">
        <v>86440</v>
      </c>
      <c r="E955" s="2" t="s">
        <v>7551</v>
      </c>
      <c r="F955" s="8">
        <v>334</v>
      </c>
      <c r="G955" s="5">
        <v>6</v>
      </c>
      <c r="H955" s="5" t="s">
        <v>1518</v>
      </c>
      <c r="I955" s="5" t="s">
        <v>1519</v>
      </c>
      <c r="J955" s="2" t="s">
        <v>1520</v>
      </c>
      <c r="K955" s="5" t="s">
        <v>1519</v>
      </c>
      <c r="L955" s="2" t="s">
        <v>1520</v>
      </c>
      <c r="M955" s="5" t="s">
        <v>1521</v>
      </c>
      <c r="N955" s="5" t="s">
        <v>38</v>
      </c>
      <c r="O955" s="5" t="s">
        <v>39</v>
      </c>
      <c r="P955" s="5" t="s">
        <v>40</v>
      </c>
      <c r="Q955" s="5" t="s">
        <v>1522</v>
      </c>
      <c r="R955" s="5" t="s">
        <v>1523</v>
      </c>
      <c r="S955" s="5" t="s">
        <v>42</v>
      </c>
      <c r="T955" s="2">
        <v>4.2450000000000001</v>
      </c>
      <c r="U955" s="2">
        <v>3.609</v>
      </c>
      <c r="V955" s="2">
        <v>0.02</v>
      </c>
      <c r="W955" s="2">
        <v>159.1</v>
      </c>
      <c r="X955" s="2">
        <v>7.6</v>
      </c>
      <c r="Y955" s="2">
        <v>16.7</v>
      </c>
      <c r="Z955" s="5"/>
      <c r="AA955" s="5" t="s">
        <v>43</v>
      </c>
      <c r="AB955" s="5" t="s">
        <v>44</v>
      </c>
      <c r="AC955" s="2"/>
      <c r="AD955" s="1"/>
    </row>
    <row r="956" spans="1:30">
      <c r="A956" s="5" t="s">
        <v>83578</v>
      </c>
      <c r="B956" s="2" t="s">
        <v>86441</v>
      </c>
      <c r="C956" s="14" t="s">
        <v>86442</v>
      </c>
      <c r="D956" s="2" t="s">
        <v>86443</v>
      </c>
      <c r="E956" s="2" t="s">
        <v>7559</v>
      </c>
      <c r="F956" s="8">
        <v>334</v>
      </c>
      <c r="G956" s="5">
        <v>6</v>
      </c>
      <c r="H956" s="5" t="s">
        <v>1518</v>
      </c>
      <c r="I956" s="5" t="s">
        <v>1519</v>
      </c>
      <c r="J956" s="2" t="s">
        <v>1520</v>
      </c>
      <c r="K956" s="5" t="s">
        <v>1519</v>
      </c>
      <c r="L956" s="2" t="s">
        <v>1520</v>
      </c>
      <c r="M956" s="5" t="s">
        <v>1521</v>
      </c>
      <c r="N956" s="5" t="s">
        <v>38</v>
      </c>
      <c r="O956" s="5" t="s">
        <v>39</v>
      </c>
      <c r="P956" s="5" t="s">
        <v>40</v>
      </c>
      <c r="Q956" s="5" t="s">
        <v>1522</v>
      </c>
      <c r="R956" s="5" t="s">
        <v>1523</v>
      </c>
      <c r="S956" s="5" t="s">
        <v>42</v>
      </c>
      <c r="T956" s="2">
        <v>4.2450000000000001</v>
      </c>
      <c r="U956" s="2">
        <v>3.609</v>
      </c>
      <c r="V956" s="2">
        <v>0.02</v>
      </c>
      <c r="W956" s="2">
        <v>159.1</v>
      </c>
      <c r="X956" s="2">
        <v>7.6</v>
      </c>
      <c r="Y956" s="2">
        <v>16.7</v>
      </c>
      <c r="Z956" s="5"/>
      <c r="AA956" s="5" t="s">
        <v>43</v>
      </c>
      <c r="AB956" s="5" t="s">
        <v>44</v>
      </c>
      <c r="AC956" s="2"/>
      <c r="AD956" s="1"/>
    </row>
    <row r="957" spans="1:30">
      <c r="A957" s="5" t="s">
        <v>83578</v>
      </c>
      <c r="B957" s="2" t="s">
        <v>86444</v>
      </c>
      <c r="C957" s="14" t="s">
        <v>86445</v>
      </c>
      <c r="D957" s="2" t="s">
        <v>86446</v>
      </c>
      <c r="E957" s="2" t="s">
        <v>16079</v>
      </c>
      <c r="F957" s="8">
        <v>334</v>
      </c>
      <c r="G957" s="5">
        <v>6</v>
      </c>
      <c r="H957" s="5" t="s">
        <v>1518</v>
      </c>
      <c r="I957" s="5" t="s">
        <v>1519</v>
      </c>
      <c r="J957" s="2" t="s">
        <v>1520</v>
      </c>
      <c r="K957" s="5" t="s">
        <v>1519</v>
      </c>
      <c r="L957" s="2" t="s">
        <v>1520</v>
      </c>
      <c r="M957" s="5" t="s">
        <v>1521</v>
      </c>
      <c r="N957" s="5" t="s">
        <v>38</v>
      </c>
      <c r="O957" s="5" t="s">
        <v>39</v>
      </c>
      <c r="P957" s="5" t="s">
        <v>40</v>
      </c>
      <c r="Q957" s="5" t="s">
        <v>1522</v>
      </c>
      <c r="R957" s="5" t="s">
        <v>1523</v>
      </c>
      <c r="S957" s="5" t="s">
        <v>42</v>
      </c>
      <c r="T957" s="2">
        <v>4.1609999999999996</v>
      </c>
      <c r="U957" s="2">
        <v>3.5249999999999999</v>
      </c>
      <c r="V957" s="2">
        <v>0.02</v>
      </c>
      <c r="W957" s="2">
        <v>159.1</v>
      </c>
      <c r="X957" s="2">
        <v>7.6</v>
      </c>
      <c r="Y957" s="2">
        <v>16.7</v>
      </c>
      <c r="Z957" s="5"/>
      <c r="AA957" s="5" t="s">
        <v>43</v>
      </c>
      <c r="AB957" s="5" t="s">
        <v>44</v>
      </c>
      <c r="AC957" s="2"/>
      <c r="AD957" s="1"/>
    </row>
    <row r="958" spans="1:30">
      <c r="A958" s="5" t="s">
        <v>83578</v>
      </c>
      <c r="B958" s="2" t="s">
        <v>86447</v>
      </c>
      <c r="C958" s="14" t="s">
        <v>86448</v>
      </c>
      <c r="D958" s="2" t="s">
        <v>86449</v>
      </c>
      <c r="E958" s="2" t="s">
        <v>7597</v>
      </c>
      <c r="F958" s="8">
        <v>334</v>
      </c>
      <c r="G958" s="5">
        <v>6</v>
      </c>
      <c r="H958" s="5" t="s">
        <v>1518</v>
      </c>
      <c r="I958" s="5" t="s">
        <v>1519</v>
      </c>
      <c r="J958" s="2" t="s">
        <v>1520</v>
      </c>
      <c r="K958" s="5" t="s">
        <v>1519</v>
      </c>
      <c r="L958" s="2" t="s">
        <v>1520</v>
      </c>
      <c r="M958" s="5" t="s">
        <v>1521</v>
      </c>
      <c r="N958" s="5" t="s">
        <v>38</v>
      </c>
      <c r="O958" s="5" t="s">
        <v>39</v>
      </c>
      <c r="P958" s="5" t="s">
        <v>40</v>
      </c>
      <c r="Q958" s="5" t="s">
        <v>1522</v>
      </c>
      <c r="R958" s="5" t="s">
        <v>1523</v>
      </c>
      <c r="S958" s="5" t="s">
        <v>42</v>
      </c>
      <c r="T958" s="2">
        <v>4.2949999999999999</v>
      </c>
      <c r="U958" s="2">
        <v>3.6589999999999998</v>
      </c>
      <c r="V958" s="2">
        <v>0.02</v>
      </c>
      <c r="W958" s="2">
        <v>159.1</v>
      </c>
      <c r="X958" s="2">
        <v>7.6</v>
      </c>
      <c r="Y958" s="2">
        <v>16.7</v>
      </c>
      <c r="Z958" s="5"/>
      <c r="AA958" s="5" t="s">
        <v>43</v>
      </c>
      <c r="AB958" s="5" t="s">
        <v>44</v>
      </c>
      <c r="AC958" s="2"/>
      <c r="AD958" s="1"/>
    </row>
    <row r="959" spans="1:30">
      <c r="A959" s="5" t="s">
        <v>83578</v>
      </c>
      <c r="B959" s="2" t="s">
        <v>86450</v>
      </c>
      <c r="C959" s="14" t="s">
        <v>86451</v>
      </c>
      <c r="D959" s="2" t="s">
        <v>86452</v>
      </c>
      <c r="E959" s="2" t="s">
        <v>24296</v>
      </c>
      <c r="F959" s="8">
        <v>1368</v>
      </c>
      <c r="G959" s="5">
        <v>20</v>
      </c>
      <c r="H959" s="5" t="s">
        <v>69</v>
      </c>
      <c r="I959" s="5" t="s">
        <v>24252</v>
      </c>
      <c r="J959" s="2" t="s">
        <v>24253</v>
      </c>
      <c r="K959" s="5" t="s">
        <v>24252</v>
      </c>
      <c r="L959" s="2" t="s">
        <v>24253</v>
      </c>
      <c r="M959" s="5" t="s">
        <v>24254</v>
      </c>
      <c r="N959" s="5" t="s">
        <v>38</v>
      </c>
      <c r="O959" s="5" t="s">
        <v>39</v>
      </c>
      <c r="P959" s="5" t="s">
        <v>40</v>
      </c>
      <c r="Q959" s="5" t="s">
        <v>1487</v>
      </c>
      <c r="R959" s="5"/>
      <c r="S959" s="5" t="s">
        <v>42</v>
      </c>
      <c r="T959" s="2">
        <v>0</v>
      </c>
      <c r="U959" s="2">
        <v>0</v>
      </c>
      <c r="V959" s="2">
        <v>0</v>
      </c>
      <c r="W959" s="2">
        <v>0</v>
      </c>
      <c r="X959" s="2">
        <v>0</v>
      </c>
      <c r="Y959" s="2">
        <v>0</v>
      </c>
      <c r="Z959" s="5"/>
      <c r="AA959" s="5" t="s">
        <v>43</v>
      </c>
      <c r="AB959" s="5" t="s">
        <v>44</v>
      </c>
      <c r="AC959" s="2" t="s">
        <v>24297</v>
      </c>
      <c r="AD959" s="1"/>
    </row>
    <row r="960" spans="1:30">
      <c r="A960" s="5" t="s">
        <v>83578</v>
      </c>
      <c r="B960" s="2" t="s">
        <v>86453</v>
      </c>
      <c r="C960" s="14" t="s">
        <v>86454</v>
      </c>
      <c r="D960" s="2" t="s">
        <v>86455</v>
      </c>
      <c r="E960" s="2" t="s">
        <v>24296</v>
      </c>
      <c r="F960" s="8">
        <v>3515</v>
      </c>
      <c r="G960" s="5">
        <v>20</v>
      </c>
      <c r="H960" s="5" t="s">
        <v>69</v>
      </c>
      <c r="I960" s="5" t="s">
        <v>24259</v>
      </c>
      <c r="J960" s="2" t="s">
        <v>24260</v>
      </c>
      <c r="K960" s="5" t="s">
        <v>24259</v>
      </c>
      <c r="L960" s="2" t="s">
        <v>24260</v>
      </c>
      <c r="M960" s="5" t="s">
        <v>24254</v>
      </c>
      <c r="N960" s="5" t="s">
        <v>38</v>
      </c>
      <c r="O960" s="5" t="s">
        <v>39</v>
      </c>
      <c r="P960" s="5" t="s">
        <v>40</v>
      </c>
      <c r="Q960" s="5" t="s">
        <v>1487</v>
      </c>
      <c r="R960" s="5"/>
      <c r="S960" s="5" t="s">
        <v>42</v>
      </c>
      <c r="T960" s="2">
        <v>0</v>
      </c>
      <c r="U960" s="2">
        <v>0</v>
      </c>
      <c r="V960" s="2">
        <v>0</v>
      </c>
      <c r="W960" s="2">
        <v>0</v>
      </c>
      <c r="X960" s="2">
        <v>0</v>
      </c>
      <c r="Y960" s="2">
        <v>0</v>
      </c>
      <c r="Z960" s="5"/>
      <c r="AA960" s="5" t="s">
        <v>43</v>
      </c>
      <c r="AB960" s="5" t="s">
        <v>44</v>
      </c>
      <c r="AC960" s="2" t="s">
        <v>24313</v>
      </c>
      <c r="AD960" s="1"/>
    </row>
    <row r="961" spans="1:30">
      <c r="A961" s="5" t="s">
        <v>83578</v>
      </c>
      <c r="B961" s="2" t="s">
        <v>86456</v>
      </c>
      <c r="C961" s="14" t="s">
        <v>86457</v>
      </c>
      <c r="D961" s="2" t="s">
        <v>86458</v>
      </c>
      <c r="E961" s="2" t="s">
        <v>24296</v>
      </c>
      <c r="F961" s="8">
        <v>3775</v>
      </c>
      <c r="G961" s="5">
        <v>20</v>
      </c>
      <c r="H961" s="5" t="s">
        <v>69</v>
      </c>
      <c r="I961" s="5" t="s">
        <v>24259</v>
      </c>
      <c r="J961" s="2" t="s">
        <v>24260</v>
      </c>
      <c r="K961" s="5" t="s">
        <v>24259</v>
      </c>
      <c r="L961" s="2" t="s">
        <v>24260</v>
      </c>
      <c r="M961" s="5" t="s">
        <v>24254</v>
      </c>
      <c r="N961" s="5" t="s">
        <v>38</v>
      </c>
      <c r="O961" s="5" t="s">
        <v>39</v>
      </c>
      <c r="P961" s="5" t="s">
        <v>40</v>
      </c>
      <c r="Q961" s="5" t="s">
        <v>1487</v>
      </c>
      <c r="R961" s="5"/>
      <c r="S961" s="5" t="s">
        <v>42</v>
      </c>
      <c r="T961" s="2">
        <v>0</v>
      </c>
      <c r="U961" s="2">
        <v>0</v>
      </c>
      <c r="V961" s="2">
        <v>0</v>
      </c>
      <c r="W961" s="2">
        <v>0</v>
      </c>
      <c r="X961" s="2">
        <v>0</v>
      </c>
      <c r="Y961" s="2">
        <v>0</v>
      </c>
      <c r="Z961" s="5"/>
      <c r="AA961" s="5" t="s">
        <v>43</v>
      </c>
      <c r="AB961" s="5" t="s">
        <v>44</v>
      </c>
      <c r="AC961" s="2" t="s">
        <v>86459</v>
      </c>
      <c r="AD961" s="1"/>
    </row>
    <row r="962" spans="1:30">
      <c r="A962" s="5" t="s">
        <v>83578</v>
      </c>
      <c r="B962" s="2" t="s">
        <v>86460</v>
      </c>
      <c r="C962" s="14" t="s">
        <v>86461</v>
      </c>
      <c r="D962" s="2" t="s">
        <v>86462</v>
      </c>
      <c r="E962" s="2" t="s">
        <v>24317</v>
      </c>
      <c r="F962" s="8">
        <v>1368</v>
      </c>
      <c r="G962" s="5">
        <v>20</v>
      </c>
      <c r="H962" s="5" t="s">
        <v>69</v>
      </c>
      <c r="I962" s="5" t="s">
        <v>24252</v>
      </c>
      <c r="J962" s="2" t="s">
        <v>24253</v>
      </c>
      <c r="K962" s="5" t="s">
        <v>24252</v>
      </c>
      <c r="L962" s="2" t="s">
        <v>24253</v>
      </c>
      <c r="M962" s="5" t="s">
        <v>24254</v>
      </c>
      <c r="N962" s="5" t="s">
        <v>38</v>
      </c>
      <c r="O962" s="5" t="s">
        <v>39</v>
      </c>
      <c r="P962" s="5" t="s">
        <v>40</v>
      </c>
      <c r="Q962" s="5" t="s">
        <v>1487</v>
      </c>
      <c r="R962" s="5"/>
      <c r="S962" s="5" t="s">
        <v>42</v>
      </c>
      <c r="T962" s="2">
        <v>0</v>
      </c>
      <c r="U962" s="2">
        <v>0</v>
      </c>
      <c r="V962" s="2">
        <v>0</v>
      </c>
      <c r="W962" s="2">
        <v>0</v>
      </c>
      <c r="X962" s="2">
        <v>0</v>
      </c>
      <c r="Y962" s="2">
        <v>0</v>
      </c>
      <c r="Z962" s="5"/>
      <c r="AA962" s="5" t="s">
        <v>43</v>
      </c>
      <c r="AB962" s="5" t="s">
        <v>44</v>
      </c>
      <c r="AC962" s="2" t="s">
        <v>24318</v>
      </c>
      <c r="AD962" s="1"/>
    </row>
    <row r="963" spans="1:30">
      <c r="A963" s="5" t="s">
        <v>83578</v>
      </c>
      <c r="B963" s="2" t="s">
        <v>86463</v>
      </c>
      <c r="C963" s="14" t="s">
        <v>86464</v>
      </c>
      <c r="D963" s="2" t="s">
        <v>86465</v>
      </c>
      <c r="E963" s="2" t="s">
        <v>24317</v>
      </c>
      <c r="F963" s="8">
        <v>3515</v>
      </c>
      <c r="G963" s="5">
        <v>20</v>
      </c>
      <c r="H963" s="5" t="s">
        <v>69</v>
      </c>
      <c r="I963" s="5" t="s">
        <v>24259</v>
      </c>
      <c r="J963" s="2" t="s">
        <v>24260</v>
      </c>
      <c r="K963" s="5" t="s">
        <v>24259</v>
      </c>
      <c r="L963" s="2" t="s">
        <v>24260</v>
      </c>
      <c r="M963" s="5" t="s">
        <v>24254</v>
      </c>
      <c r="N963" s="5" t="s">
        <v>38</v>
      </c>
      <c r="O963" s="5" t="s">
        <v>39</v>
      </c>
      <c r="P963" s="5" t="s">
        <v>40</v>
      </c>
      <c r="Q963" s="5" t="s">
        <v>1487</v>
      </c>
      <c r="R963" s="5"/>
      <c r="S963" s="5" t="s">
        <v>42</v>
      </c>
      <c r="T963" s="2">
        <v>0</v>
      </c>
      <c r="U963" s="2">
        <v>0</v>
      </c>
      <c r="V963" s="2">
        <v>0</v>
      </c>
      <c r="W963" s="2">
        <v>0</v>
      </c>
      <c r="X963" s="2">
        <v>0</v>
      </c>
      <c r="Y963" s="2">
        <v>0</v>
      </c>
      <c r="Z963" s="5"/>
      <c r="AA963" s="5" t="s">
        <v>43</v>
      </c>
      <c r="AB963" s="5" t="s">
        <v>44</v>
      </c>
      <c r="AC963" s="2" t="s">
        <v>24322</v>
      </c>
      <c r="AD963" s="1"/>
    </row>
    <row r="964" spans="1:30">
      <c r="A964" s="5" t="s">
        <v>83578</v>
      </c>
      <c r="B964" s="2" t="s">
        <v>86466</v>
      </c>
      <c r="C964" s="14" t="s">
        <v>86467</v>
      </c>
      <c r="D964" s="2" t="s">
        <v>86468</v>
      </c>
      <c r="E964" s="2" t="s">
        <v>24317</v>
      </c>
      <c r="F964" s="8">
        <v>3775</v>
      </c>
      <c r="G964" s="5">
        <v>20</v>
      </c>
      <c r="H964" s="5" t="s">
        <v>69</v>
      </c>
      <c r="I964" s="5" t="s">
        <v>24259</v>
      </c>
      <c r="J964" s="2" t="s">
        <v>24260</v>
      </c>
      <c r="K964" s="5" t="s">
        <v>24259</v>
      </c>
      <c r="L964" s="2" t="s">
        <v>24260</v>
      </c>
      <c r="M964" s="5" t="s">
        <v>24254</v>
      </c>
      <c r="N964" s="5" t="s">
        <v>38</v>
      </c>
      <c r="O964" s="5" t="s">
        <v>39</v>
      </c>
      <c r="P964" s="5" t="s">
        <v>40</v>
      </c>
      <c r="Q964" s="5" t="s">
        <v>1487</v>
      </c>
      <c r="R964" s="5"/>
      <c r="S964" s="5" t="s">
        <v>42</v>
      </c>
      <c r="T964" s="2">
        <v>0</v>
      </c>
      <c r="U964" s="2">
        <v>0</v>
      </c>
      <c r="V964" s="2">
        <v>0</v>
      </c>
      <c r="W964" s="2">
        <v>0</v>
      </c>
      <c r="X964" s="2">
        <v>0</v>
      </c>
      <c r="Y964" s="2">
        <v>0</v>
      </c>
      <c r="Z964" s="5"/>
      <c r="AA964" s="5" t="s">
        <v>43</v>
      </c>
      <c r="AB964" s="5" t="s">
        <v>44</v>
      </c>
      <c r="AC964" s="2" t="s">
        <v>86469</v>
      </c>
      <c r="AD964" s="1"/>
    </row>
    <row r="965" spans="1:30">
      <c r="A965" s="5" t="s">
        <v>83578</v>
      </c>
      <c r="B965" s="2" t="s">
        <v>86470</v>
      </c>
      <c r="C965" s="14" t="s">
        <v>86471</v>
      </c>
      <c r="D965" s="2" t="s">
        <v>86472</v>
      </c>
      <c r="E965" s="2" t="s">
        <v>24296</v>
      </c>
      <c r="F965" s="8">
        <v>1497</v>
      </c>
      <c r="G965" s="5">
        <v>20</v>
      </c>
      <c r="H965" s="5" t="s">
        <v>69</v>
      </c>
      <c r="I965" s="5" t="s">
        <v>24252</v>
      </c>
      <c r="J965" s="2" t="s">
        <v>24253</v>
      </c>
      <c r="K965" s="5" t="s">
        <v>24252</v>
      </c>
      <c r="L965" s="2" t="s">
        <v>24253</v>
      </c>
      <c r="M965" s="5" t="s">
        <v>24254</v>
      </c>
      <c r="N965" s="5" t="s">
        <v>38</v>
      </c>
      <c r="O965" s="5" t="s">
        <v>39</v>
      </c>
      <c r="P965" s="5" t="s">
        <v>40</v>
      </c>
      <c r="Q965" s="5" t="s">
        <v>1487</v>
      </c>
      <c r="R965" s="5"/>
      <c r="S965" s="5" t="s">
        <v>42</v>
      </c>
      <c r="T965" s="2">
        <v>0</v>
      </c>
      <c r="U965" s="2">
        <v>0</v>
      </c>
      <c r="V965" s="2">
        <v>0</v>
      </c>
      <c r="W965" s="2">
        <v>0</v>
      </c>
      <c r="X965" s="2">
        <v>0</v>
      </c>
      <c r="Y965" s="2">
        <v>0</v>
      </c>
      <c r="Z965" s="5"/>
      <c r="AA965" s="5" t="s">
        <v>43</v>
      </c>
      <c r="AB965" s="5" t="s">
        <v>44</v>
      </c>
      <c r="AC965" s="2" t="s">
        <v>24297</v>
      </c>
      <c r="AD965" s="1"/>
    </row>
    <row r="966" spans="1:30">
      <c r="A966" s="5" t="s">
        <v>83578</v>
      </c>
      <c r="B966" s="2" t="s">
        <v>86473</v>
      </c>
      <c r="C966" s="14" t="s">
        <v>86474</v>
      </c>
      <c r="D966" s="2" t="s">
        <v>86475</v>
      </c>
      <c r="E966" s="2" t="s">
        <v>24296</v>
      </c>
      <c r="F966" s="8">
        <v>3848</v>
      </c>
      <c r="G966" s="5">
        <v>20</v>
      </c>
      <c r="H966" s="5" t="s">
        <v>69</v>
      </c>
      <c r="I966" s="5" t="s">
        <v>24259</v>
      </c>
      <c r="J966" s="2" t="s">
        <v>24260</v>
      </c>
      <c r="K966" s="5" t="s">
        <v>24259</v>
      </c>
      <c r="L966" s="2" t="s">
        <v>24260</v>
      </c>
      <c r="M966" s="5" t="s">
        <v>24254</v>
      </c>
      <c r="N966" s="5" t="s">
        <v>38</v>
      </c>
      <c r="O966" s="5" t="s">
        <v>39</v>
      </c>
      <c r="P966" s="5" t="s">
        <v>40</v>
      </c>
      <c r="Q966" s="5" t="s">
        <v>1487</v>
      </c>
      <c r="R966" s="5"/>
      <c r="S966" s="5" t="s">
        <v>42</v>
      </c>
      <c r="T966" s="2">
        <v>0</v>
      </c>
      <c r="U966" s="2">
        <v>0</v>
      </c>
      <c r="V966" s="2">
        <v>0</v>
      </c>
      <c r="W966" s="2">
        <v>0</v>
      </c>
      <c r="X966" s="2">
        <v>0</v>
      </c>
      <c r="Y966" s="2">
        <v>0</v>
      </c>
      <c r="Z966" s="5"/>
      <c r="AA966" s="5" t="s">
        <v>43</v>
      </c>
      <c r="AB966" s="5" t="s">
        <v>44</v>
      </c>
      <c r="AC966" s="2" t="s">
        <v>24313</v>
      </c>
      <c r="AD966" s="1"/>
    </row>
    <row r="967" spans="1:30">
      <c r="A967" s="5" t="s">
        <v>83578</v>
      </c>
      <c r="B967" s="2" t="s">
        <v>86476</v>
      </c>
      <c r="C967" s="14" t="s">
        <v>86477</v>
      </c>
      <c r="D967" s="2" t="s">
        <v>86478</v>
      </c>
      <c r="E967" s="2" t="s">
        <v>24296</v>
      </c>
      <c r="F967" s="8">
        <v>4133</v>
      </c>
      <c r="G967" s="5">
        <v>20</v>
      </c>
      <c r="H967" s="5" t="s">
        <v>69</v>
      </c>
      <c r="I967" s="5" t="s">
        <v>24259</v>
      </c>
      <c r="J967" s="2" t="s">
        <v>24260</v>
      </c>
      <c r="K967" s="5" t="s">
        <v>24259</v>
      </c>
      <c r="L967" s="2" t="s">
        <v>24260</v>
      </c>
      <c r="M967" s="5" t="s">
        <v>24254</v>
      </c>
      <c r="N967" s="5" t="s">
        <v>38</v>
      </c>
      <c r="O967" s="5" t="s">
        <v>39</v>
      </c>
      <c r="P967" s="5" t="s">
        <v>40</v>
      </c>
      <c r="Q967" s="5" t="s">
        <v>1487</v>
      </c>
      <c r="R967" s="5"/>
      <c r="S967" s="5" t="s">
        <v>42</v>
      </c>
      <c r="T967" s="2">
        <v>0</v>
      </c>
      <c r="U967" s="2">
        <v>0</v>
      </c>
      <c r="V967" s="2">
        <v>0</v>
      </c>
      <c r="W967" s="2">
        <v>0</v>
      </c>
      <c r="X967" s="2">
        <v>0</v>
      </c>
      <c r="Y967" s="2">
        <v>0</v>
      </c>
      <c r="Z967" s="5"/>
      <c r="AA967" s="5" t="s">
        <v>43</v>
      </c>
      <c r="AB967" s="5" t="s">
        <v>44</v>
      </c>
      <c r="AC967" s="2" t="s">
        <v>86459</v>
      </c>
      <c r="AD967" s="1"/>
    </row>
    <row r="968" spans="1:30">
      <c r="A968" s="5" t="s">
        <v>83578</v>
      </c>
      <c r="B968" s="2" t="s">
        <v>86479</v>
      </c>
      <c r="C968" s="14" t="s">
        <v>86480</v>
      </c>
      <c r="D968" s="2" t="s">
        <v>86481</v>
      </c>
      <c r="E968" s="2" t="s">
        <v>24317</v>
      </c>
      <c r="F968" s="8">
        <v>1497</v>
      </c>
      <c r="G968" s="5">
        <v>20</v>
      </c>
      <c r="H968" s="5" t="s">
        <v>69</v>
      </c>
      <c r="I968" s="5" t="s">
        <v>24252</v>
      </c>
      <c r="J968" s="2" t="s">
        <v>24253</v>
      </c>
      <c r="K968" s="5" t="s">
        <v>24252</v>
      </c>
      <c r="L968" s="2" t="s">
        <v>24253</v>
      </c>
      <c r="M968" s="5" t="s">
        <v>24254</v>
      </c>
      <c r="N968" s="5" t="s">
        <v>38</v>
      </c>
      <c r="O968" s="5" t="s">
        <v>39</v>
      </c>
      <c r="P968" s="5" t="s">
        <v>40</v>
      </c>
      <c r="Q968" s="5" t="s">
        <v>1487</v>
      </c>
      <c r="R968" s="5"/>
      <c r="S968" s="5" t="s">
        <v>42</v>
      </c>
      <c r="T968" s="2">
        <v>0</v>
      </c>
      <c r="U968" s="2">
        <v>0</v>
      </c>
      <c r="V968" s="2">
        <v>0</v>
      </c>
      <c r="W968" s="2">
        <v>0</v>
      </c>
      <c r="X968" s="2">
        <v>0</v>
      </c>
      <c r="Y968" s="2">
        <v>0</v>
      </c>
      <c r="Z968" s="5"/>
      <c r="AA968" s="5" t="s">
        <v>43</v>
      </c>
      <c r="AB968" s="5" t="s">
        <v>44</v>
      </c>
      <c r="AC968" s="2" t="s">
        <v>24318</v>
      </c>
      <c r="AD968" s="1"/>
    </row>
    <row r="969" spans="1:30">
      <c r="A969" s="5" t="s">
        <v>83578</v>
      </c>
      <c r="B969" s="2" t="s">
        <v>86482</v>
      </c>
      <c r="C969" s="14" t="s">
        <v>86483</v>
      </c>
      <c r="D969" s="2" t="s">
        <v>86484</v>
      </c>
      <c r="E969" s="2" t="s">
        <v>24317</v>
      </c>
      <c r="F969" s="8">
        <v>3848</v>
      </c>
      <c r="G969" s="5">
        <v>20</v>
      </c>
      <c r="H969" s="5" t="s">
        <v>69</v>
      </c>
      <c r="I969" s="5" t="s">
        <v>24259</v>
      </c>
      <c r="J969" s="2" t="s">
        <v>24260</v>
      </c>
      <c r="K969" s="5" t="s">
        <v>24259</v>
      </c>
      <c r="L969" s="2" t="s">
        <v>24260</v>
      </c>
      <c r="M969" s="5" t="s">
        <v>24254</v>
      </c>
      <c r="N969" s="5" t="s">
        <v>38</v>
      </c>
      <c r="O969" s="5" t="s">
        <v>39</v>
      </c>
      <c r="P969" s="5" t="s">
        <v>40</v>
      </c>
      <c r="Q969" s="5" t="s">
        <v>1487</v>
      </c>
      <c r="R969" s="5"/>
      <c r="S969" s="5" t="s">
        <v>42</v>
      </c>
      <c r="T969" s="2">
        <v>0</v>
      </c>
      <c r="U969" s="2">
        <v>0</v>
      </c>
      <c r="V969" s="2">
        <v>0</v>
      </c>
      <c r="W969" s="2">
        <v>0</v>
      </c>
      <c r="X969" s="2">
        <v>0</v>
      </c>
      <c r="Y969" s="2">
        <v>0</v>
      </c>
      <c r="Z969" s="5"/>
      <c r="AA969" s="5" t="s">
        <v>43</v>
      </c>
      <c r="AB969" s="5" t="s">
        <v>44</v>
      </c>
      <c r="AC969" s="2" t="s">
        <v>24322</v>
      </c>
      <c r="AD969" s="1"/>
    </row>
    <row r="970" spans="1:30">
      <c r="A970" s="5" t="s">
        <v>83578</v>
      </c>
      <c r="B970" s="2" t="s">
        <v>86485</v>
      </c>
      <c r="C970" s="14" t="s">
        <v>86486</v>
      </c>
      <c r="D970" s="2" t="s">
        <v>86487</v>
      </c>
      <c r="E970" s="2" t="s">
        <v>24317</v>
      </c>
      <c r="F970" s="8">
        <v>4133</v>
      </c>
      <c r="G970" s="5">
        <v>20</v>
      </c>
      <c r="H970" s="5" t="s">
        <v>69</v>
      </c>
      <c r="I970" s="5" t="s">
        <v>24259</v>
      </c>
      <c r="J970" s="2" t="s">
        <v>24260</v>
      </c>
      <c r="K970" s="5" t="s">
        <v>24259</v>
      </c>
      <c r="L970" s="2" t="s">
        <v>24260</v>
      </c>
      <c r="M970" s="5" t="s">
        <v>24254</v>
      </c>
      <c r="N970" s="5" t="s">
        <v>38</v>
      </c>
      <c r="O970" s="5" t="s">
        <v>39</v>
      </c>
      <c r="P970" s="5" t="s">
        <v>40</v>
      </c>
      <c r="Q970" s="5" t="s">
        <v>1487</v>
      </c>
      <c r="R970" s="5"/>
      <c r="S970" s="5" t="s">
        <v>42</v>
      </c>
      <c r="T970" s="2">
        <v>0</v>
      </c>
      <c r="U970" s="2">
        <v>0</v>
      </c>
      <c r="V970" s="2">
        <v>0</v>
      </c>
      <c r="W970" s="2">
        <v>0</v>
      </c>
      <c r="X970" s="2">
        <v>0</v>
      </c>
      <c r="Y970" s="2">
        <v>0</v>
      </c>
      <c r="Z970" s="5"/>
      <c r="AA970" s="5" t="s">
        <v>43</v>
      </c>
      <c r="AB970" s="5" t="s">
        <v>44</v>
      </c>
      <c r="AC970" s="2" t="s">
        <v>86469</v>
      </c>
      <c r="AD970" s="1"/>
    </row>
    <row r="971" spans="1:30">
      <c r="A971" s="5" t="s">
        <v>83578</v>
      </c>
      <c r="B971" s="2" t="s">
        <v>86488</v>
      </c>
      <c r="C971" s="14" t="s">
        <v>86489</v>
      </c>
      <c r="D971" s="2" t="s">
        <v>86490</v>
      </c>
      <c r="E971" s="2" t="s">
        <v>24296</v>
      </c>
      <c r="F971" s="8">
        <v>1382</v>
      </c>
      <c r="G971" s="5">
        <v>20</v>
      </c>
      <c r="H971" s="5" t="s">
        <v>69</v>
      </c>
      <c r="I971" s="5" t="s">
        <v>24252</v>
      </c>
      <c r="J971" s="2" t="s">
        <v>24253</v>
      </c>
      <c r="K971" s="5" t="s">
        <v>24252</v>
      </c>
      <c r="L971" s="2" t="s">
        <v>24253</v>
      </c>
      <c r="M971" s="5" t="s">
        <v>24254</v>
      </c>
      <c r="N971" s="5" t="s">
        <v>38</v>
      </c>
      <c r="O971" s="5" t="s">
        <v>39</v>
      </c>
      <c r="P971" s="5" t="s">
        <v>40</v>
      </c>
      <c r="Q971" s="5" t="s">
        <v>1487</v>
      </c>
      <c r="R971" s="5"/>
      <c r="S971" s="5" t="s">
        <v>42</v>
      </c>
      <c r="T971" s="2">
        <v>0</v>
      </c>
      <c r="U971" s="2">
        <v>0</v>
      </c>
      <c r="V971" s="2">
        <v>0</v>
      </c>
      <c r="W971" s="2">
        <v>0</v>
      </c>
      <c r="X971" s="2">
        <v>0</v>
      </c>
      <c r="Y971" s="2">
        <v>0</v>
      </c>
      <c r="Z971" s="5"/>
      <c r="AA971" s="5" t="s">
        <v>43</v>
      </c>
      <c r="AB971" s="5" t="s">
        <v>44</v>
      </c>
      <c r="AC971" s="2" t="s">
        <v>24297</v>
      </c>
      <c r="AD971" s="1"/>
    </row>
    <row r="972" spans="1:30">
      <c r="A972" s="5" t="s">
        <v>83578</v>
      </c>
      <c r="B972" s="2" t="s">
        <v>86491</v>
      </c>
      <c r="C972" s="14" t="s">
        <v>86492</v>
      </c>
      <c r="D972" s="2" t="s">
        <v>86493</v>
      </c>
      <c r="E972" s="2" t="s">
        <v>24296</v>
      </c>
      <c r="F972" s="8">
        <v>3552</v>
      </c>
      <c r="G972" s="5">
        <v>20</v>
      </c>
      <c r="H972" s="5" t="s">
        <v>69</v>
      </c>
      <c r="I972" s="5" t="s">
        <v>24259</v>
      </c>
      <c r="J972" s="2" t="s">
        <v>24260</v>
      </c>
      <c r="K972" s="5" t="s">
        <v>24259</v>
      </c>
      <c r="L972" s="2" t="s">
        <v>24260</v>
      </c>
      <c r="M972" s="5" t="s">
        <v>24254</v>
      </c>
      <c r="N972" s="5" t="s">
        <v>38</v>
      </c>
      <c r="O972" s="5" t="s">
        <v>39</v>
      </c>
      <c r="P972" s="5" t="s">
        <v>40</v>
      </c>
      <c r="Q972" s="5" t="s">
        <v>1487</v>
      </c>
      <c r="R972" s="5"/>
      <c r="S972" s="5" t="s">
        <v>42</v>
      </c>
      <c r="T972" s="2">
        <v>0</v>
      </c>
      <c r="U972" s="2">
        <v>0</v>
      </c>
      <c r="V972" s="2">
        <v>0</v>
      </c>
      <c r="W972" s="2">
        <v>0</v>
      </c>
      <c r="X972" s="2">
        <v>0</v>
      </c>
      <c r="Y972" s="2">
        <v>0</v>
      </c>
      <c r="Z972" s="5"/>
      <c r="AA972" s="5" t="s">
        <v>43</v>
      </c>
      <c r="AB972" s="5" t="s">
        <v>44</v>
      </c>
      <c r="AC972" s="2" t="s">
        <v>24313</v>
      </c>
      <c r="AD972" s="1"/>
    </row>
    <row r="973" spans="1:30">
      <c r="A973" s="5" t="s">
        <v>83578</v>
      </c>
      <c r="B973" s="2" t="s">
        <v>86494</v>
      </c>
      <c r="C973" s="14" t="s">
        <v>86495</v>
      </c>
      <c r="D973" s="2" t="s">
        <v>86496</v>
      </c>
      <c r="E973" s="2" t="s">
        <v>24296</v>
      </c>
      <c r="F973" s="8">
        <v>3815</v>
      </c>
      <c r="G973" s="5">
        <v>20</v>
      </c>
      <c r="H973" s="5" t="s">
        <v>69</v>
      </c>
      <c r="I973" s="5" t="s">
        <v>24259</v>
      </c>
      <c r="J973" s="2" t="s">
        <v>24260</v>
      </c>
      <c r="K973" s="5" t="s">
        <v>24259</v>
      </c>
      <c r="L973" s="2" t="s">
        <v>24260</v>
      </c>
      <c r="M973" s="5" t="s">
        <v>24254</v>
      </c>
      <c r="N973" s="5" t="s">
        <v>38</v>
      </c>
      <c r="O973" s="5" t="s">
        <v>39</v>
      </c>
      <c r="P973" s="5" t="s">
        <v>40</v>
      </c>
      <c r="Q973" s="5" t="s">
        <v>1487</v>
      </c>
      <c r="R973" s="5"/>
      <c r="S973" s="5" t="s">
        <v>42</v>
      </c>
      <c r="T973" s="2">
        <v>0</v>
      </c>
      <c r="U973" s="2">
        <v>0</v>
      </c>
      <c r="V973" s="2">
        <v>0</v>
      </c>
      <c r="W973" s="2">
        <v>0</v>
      </c>
      <c r="X973" s="2">
        <v>0</v>
      </c>
      <c r="Y973" s="2">
        <v>0</v>
      </c>
      <c r="Z973" s="5"/>
      <c r="AA973" s="5" t="s">
        <v>43</v>
      </c>
      <c r="AB973" s="5" t="s">
        <v>44</v>
      </c>
      <c r="AC973" s="2" t="s">
        <v>86459</v>
      </c>
      <c r="AD973" s="1"/>
    </row>
    <row r="974" spans="1:30">
      <c r="A974" s="5" t="s">
        <v>83578</v>
      </c>
      <c r="B974" s="2" t="s">
        <v>86497</v>
      </c>
      <c r="C974" s="14" t="s">
        <v>86498</v>
      </c>
      <c r="D974" s="2" t="s">
        <v>86499</v>
      </c>
      <c r="E974" s="2" t="s">
        <v>24317</v>
      </c>
      <c r="F974" s="8">
        <v>1382</v>
      </c>
      <c r="G974" s="5">
        <v>20</v>
      </c>
      <c r="H974" s="5" t="s">
        <v>69</v>
      </c>
      <c r="I974" s="5" t="s">
        <v>24252</v>
      </c>
      <c r="J974" s="2" t="s">
        <v>24253</v>
      </c>
      <c r="K974" s="5" t="s">
        <v>24252</v>
      </c>
      <c r="L974" s="2" t="s">
        <v>24253</v>
      </c>
      <c r="M974" s="5" t="s">
        <v>24254</v>
      </c>
      <c r="N974" s="5" t="s">
        <v>38</v>
      </c>
      <c r="O974" s="5" t="s">
        <v>39</v>
      </c>
      <c r="P974" s="5" t="s">
        <v>40</v>
      </c>
      <c r="Q974" s="5" t="s">
        <v>1487</v>
      </c>
      <c r="R974" s="5"/>
      <c r="S974" s="5" t="s">
        <v>42</v>
      </c>
      <c r="T974" s="2">
        <v>0</v>
      </c>
      <c r="U974" s="2">
        <v>0</v>
      </c>
      <c r="V974" s="2">
        <v>0</v>
      </c>
      <c r="W974" s="2">
        <v>0</v>
      </c>
      <c r="X974" s="2">
        <v>0</v>
      </c>
      <c r="Y974" s="2">
        <v>0</v>
      </c>
      <c r="Z974" s="5"/>
      <c r="AA974" s="5" t="s">
        <v>43</v>
      </c>
      <c r="AB974" s="5" t="s">
        <v>44</v>
      </c>
      <c r="AC974" s="2" t="s">
        <v>24318</v>
      </c>
      <c r="AD974" s="1"/>
    </row>
    <row r="975" spans="1:30">
      <c r="A975" s="5" t="s">
        <v>83578</v>
      </c>
      <c r="B975" s="2" t="s">
        <v>86500</v>
      </c>
      <c r="C975" s="14" t="s">
        <v>86501</v>
      </c>
      <c r="D975" s="2" t="s">
        <v>86502</v>
      </c>
      <c r="E975" s="2" t="s">
        <v>24317</v>
      </c>
      <c r="F975" s="8">
        <v>3552</v>
      </c>
      <c r="G975" s="5">
        <v>20</v>
      </c>
      <c r="H975" s="5" t="s">
        <v>69</v>
      </c>
      <c r="I975" s="5" t="s">
        <v>24259</v>
      </c>
      <c r="J975" s="2" t="s">
        <v>24260</v>
      </c>
      <c r="K975" s="5" t="s">
        <v>24259</v>
      </c>
      <c r="L975" s="2" t="s">
        <v>24260</v>
      </c>
      <c r="M975" s="5" t="s">
        <v>24254</v>
      </c>
      <c r="N975" s="5" t="s">
        <v>38</v>
      </c>
      <c r="O975" s="5" t="s">
        <v>39</v>
      </c>
      <c r="P975" s="5" t="s">
        <v>40</v>
      </c>
      <c r="Q975" s="5" t="s">
        <v>1487</v>
      </c>
      <c r="R975" s="5"/>
      <c r="S975" s="5" t="s">
        <v>42</v>
      </c>
      <c r="T975" s="2">
        <v>0</v>
      </c>
      <c r="U975" s="2">
        <v>0</v>
      </c>
      <c r="V975" s="2">
        <v>0</v>
      </c>
      <c r="W975" s="2">
        <v>0</v>
      </c>
      <c r="X975" s="2">
        <v>0</v>
      </c>
      <c r="Y975" s="2">
        <v>0</v>
      </c>
      <c r="Z975" s="5"/>
      <c r="AA975" s="5" t="s">
        <v>43</v>
      </c>
      <c r="AB975" s="5" t="s">
        <v>44</v>
      </c>
      <c r="AC975" s="2" t="s">
        <v>24322</v>
      </c>
      <c r="AD975" s="1"/>
    </row>
    <row r="976" spans="1:30">
      <c r="A976" s="5" t="s">
        <v>83578</v>
      </c>
      <c r="B976" s="2" t="s">
        <v>86503</v>
      </c>
      <c r="C976" s="14" t="s">
        <v>86504</v>
      </c>
      <c r="D976" s="2" t="s">
        <v>86505</v>
      </c>
      <c r="E976" s="2" t="s">
        <v>24317</v>
      </c>
      <c r="F976" s="8">
        <v>3815</v>
      </c>
      <c r="G976" s="5">
        <v>20</v>
      </c>
      <c r="H976" s="5" t="s">
        <v>69</v>
      </c>
      <c r="I976" s="5" t="s">
        <v>24259</v>
      </c>
      <c r="J976" s="2" t="s">
        <v>24260</v>
      </c>
      <c r="K976" s="5" t="s">
        <v>24259</v>
      </c>
      <c r="L976" s="2" t="s">
        <v>24260</v>
      </c>
      <c r="M976" s="5" t="s">
        <v>24254</v>
      </c>
      <c r="N976" s="5" t="s">
        <v>38</v>
      </c>
      <c r="O976" s="5" t="s">
        <v>39</v>
      </c>
      <c r="P976" s="5" t="s">
        <v>40</v>
      </c>
      <c r="Q976" s="5" t="s">
        <v>1487</v>
      </c>
      <c r="R976" s="5"/>
      <c r="S976" s="5" t="s">
        <v>42</v>
      </c>
      <c r="T976" s="2">
        <v>0</v>
      </c>
      <c r="U976" s="2">
        <v>0</v>
      </c>
      <c r="V976" s="2">
        <v>0</v>
      </c>
      <c r="W976" s="2">
        <v>0</v>
      </c>
      <c r="X976" s="2">
        <v>0</v>
      </c>
      <c r="Y976" s="2">
        <v>0</v>
      </c>
      <c r="Z976" s="5"/>
      <c r="AA976" s="5" t="s">
        <v>43</v>
      </c>
      <c r="AB976" s="5" t="s">
        <v>44</v>
      </c>
      <c r="AC976" s="2" t="s">
        <v>86469</v>
      </c>
      <c r="AD976" s="1"/>
    </row>
    <row r="977" spans="1:30">
      <c r="A977" s="5" t="s">
        <v>83578</v>
      </c>
      <c r="B977" s="2" t="s">
        <v>86506</v>
      </c>
      <c r="C977" s="14" t="s">
        <v>86507</v>
      </c>
      <c r="D977" s="2" t="s">
        <v>86508</v>
      </c>
      <c r="E977" s="2" t="s">
        <v>24296</v>
      </c>
      <c r="F977" s="8">
        <v>3700</v>
      </c>
      <c r="G977" s="5">
        <v>20</v>
      </c>
      <c r="H977" s="5" t="s">
        <v>69</v>
      </c>
      <c r="I977" s="5" t="s">
        <v>24259</v>
      </c>
      <c r="J977" s="2" t="s">
        <v>24260</v>
      </c>
      <c r="K977" s="5" t="s">
        <v>24259</v>
      </c>
      <c r="L977" s="2" t="s">
        <v>24260</v>
      </c>
      <c r="M977" s="5" t="s">
        <v>24254</v>
      </c>
      <c r="N977" s="5" t="s">
        <v>38</v>
      </c>
      <c r="O977" s="5" t="s">
        <v>39</v>
      </c>
      <c r="P977" s="5" t="s">
        <v>40</v>
      </c>
      <c r="Q977" s="5" t="s">
        <v>1487</v>
      </c>
      <c r="R977" s="5"/>
      <c r="S977" s="5" t="s">
        <v>42</v>
      </c>
      <c r="T977" s="2">
        <v>0</v>
      </c>
      <c r="U977" s="2">
        <v>0</v>
      </c>
      <c r="V977" s="2">
        <v>0</v>
      </c>
      <c r="W977" s="2">
        <v>0</v>
      </c>
      <c r="X977" s="2">
        <v>0</v>
      </c>
      <c r="Y977" s="2">
        <v>0</v>
      </c>
      <c r="Z977" s="5"/>
      <c r="AA977" s="5" t="s">
        <v>43</v>
      </c>
      <c r="AB977" s="5" t="s">
        <v>44</v>
      </c>
      <c r="AC977" s="2" t="s">
        <v>24313</v>
      </c>
      <c r="AD977" s="1"/>
    </row>
    <row r="978" spans="1:30">
      <c r="A978" s="5" t="s">
        <v>83578</v>
      </c>
      <c r="B978" s="2" t="s">
        <v>86509</v>
      </c>
      <c r="C978" s="14" t="s">
        <v>86510</v>
      </c>
      <c r="D978" s="2" t="s">
        <v>86511</v>
      </c>
      <c r="E978" s="2" t="s">
        <v>24296</v>
      </c>
      <c r="F978" s="8">
        <v>3974</v>
      </c>
      <c r="G978" s="5">
        <v>20</v>
      </c>
      <c r="H978" s="5" t="s">
        <v>69</v>
      </c>
      <c r="I978" s="5" t="s">
        <v>24259</v>
      </c>
      <c r="J978" s="2" t="s">
        <v>24260</v>
      </c>
      <c r="K978" s="5" t="s">
        <v>24259</v>
      </c>
      <c r="L978" s="2" t="s">
        <v>24260</v>
      </c>
      <c r="M978" s="5" t="s">
        <v>24254</v>
      </c>
      <c r="N978" s="5" t="s">
        <v>38</v>
      </c>
      <c r="O978" s="5" t="s">
        <v>39</v>
      </c>
      <c r="P978" s="5" t="s">
        <v>40</v>
      </c>
      <c r="Q978" s="5" t="s">
        <v>1487</v>
      </c>
      <c r="R978" s="5"/>
      <c r="S978" s="5" t="s">
        <v>42</v>
      </c>
      <c r="T978" s="2">
        <v>0</v>
      </c>
      <c r="U978" s="2">
        <v>0</v>
      </c>
      <c r="V978" s="2">
        <v>0</v>
      </c>
      <c r="W978" s="2">
        <v>0</v>
      </c>
      <c r="X978" s="2">
        <v>0</v>
      </c>
      <c r="Y978" s="2">
        <v>0</v>
      </c>
      <c r="Z978" s="5"/>
      <c r="AA978" s="5" t="s">
        <v>43</v>
      </c>
      <c r="AB978" s="5" t="s">
        <v>44</v>
      </c>
      <c r="AC978" s="2" t="s">
        <v>86459</v>
      </c>
      <c r="AD978" s="1"/>
    </row>
    <row r="979" spans="1:30">
      <c r="A979" s="5" t="s">
        <v>83578</v>
      </c>
      <c r="B979" s="2" t="s">
        <v>86512</v>
      </c>
      <c r="C979" s="14" t="s">
        <v>86513</v>
      </c>
      <c r="D979" s="2" t="s">
        <v>86514</v>
      </c>
      <c r="E979" s="2" t="s">
        <v>24317</v>
      </c>
      <c r="F979" s="8">
        <v>1440</v>
      </c>
      <c r="G979" s="5">
        <v>20</v>
      </c>
      <c r="H979" s="5" t="s">
        <v>69</v>
      </c>
      <c r="I979" s="5" t="s">
        <v>24252</v>
      </c>
      <c r="J979" s="2" t="s">
        <v>24253</v>
      </c>
      <c r="K979" s="5" t="s">
        <v>24252</v>
      </c>
      <c r="L979" s="2" t="s">
        <v>24253</v>
      </c>
      <c r="M979" s="5" t="s">
        <v>24254</v>
      </c>
      <c r="N979" s="5" t="s">
        <v>38</v>
      </c>
      <c r="O979" s="5" t="s">
        <v>39</v>
      </c>
      <c r="P979" s="5" t="s">
        <v>40</v>
      </c>
      <c r="Q979" s="5" t="s">
        <v>1487</v>
      </c>
      <c r="R979" s="5"/>
      <c r="S979" s="5" t="s">
        <v>42</v>
      </c>
      <c r="T979" s="2">
        <v>0</v>
      </c>
      <c r="U979" s="2">
        <v>0</v>
      </c>
      <c r="V979" s="2">
        <v>0</v>
      </c>
      <c r="W979" s="2">
        <v>0</v>
      </c>
      <c r="X979" s="2">
        <v>0</v>
      </c>
      <c r="Y979" s="2">
        <v>0</v>
      </c>
      <c r="Z979" s="5"/>
      <c r="AA979" s="5" t="s">
        <v>43</v>
      </c>
      <c r="AB979" s="5" t="s">
        <v>44</v>
      </c>
      <c r="AC979" s="2" t="s">
        <v>24318</v>
      </c>
      <c r="AD979" s="1"/>
    </row>
    <row r="980" spans="1:30">
      <c r="A980" s="5" t="s">
        <v>83578</v>
      </c>
      <c r="B980" s="2" t="s">
        <v>86515</v>
      </c>
      <c r="C980" s="14" t="s">
        <v>86516</v>
      </c>
      <c r="D980" s="2" t="s">
        <v>86517</v>
      </c>
      <c r="E980" s="2" t="s">
        <v>24317</v>
      </c>
      <c r="F980" s="8">
        <v>3700</v>
      </c>
      <c r="G980" s="5">
        <v>20</v>
      </c>
      <c r="H980" s="5" t="s">
        <v>69</v>
      </c>
      <c r="I980" s="5" t="s">
        <v>24259</v>
      </c>
      <c r="J980" s="2" t="s">
        <v>24260</v>
      </c>
      <c r="K980" s="5" t="s">
        <v>24259</v>
      </c>
      <c r="L980" s="2" t="s">
        <v>24260</v>
      </c>
      <c r="M980" s="5" t="s">
        <v>24254</v>
      </c>
      <c r="N980" s="5" t="s">
        <v>38</v>
      </c>
      <c r="O980" s="5" t="s">
        <v>39</v>
      </c>
      <c r="P980" s="5" t="s">
        <v>40</v>
      </c>
      <c r="Q980" s="5" t="s">
        <v>1487</v>
      </c>
      <c r="R980" s="5"/>
      <c r="S980" s="5" t="s">
        <v>42</v>
      </c>
      <c r="T980" s="2">
        <v>0</v>
      </c>
      <c r="U980" s="2">
        <v>0</v>
      </c>
      <c r="V980" s="2">
        <v>0</v>
      </c>
      <c r="W980" s="2">
        <v>0</v>
      </c>
      <c r="X980" s="2">
        <v>0</v>
      </c>
      <c r="Y980" s="2">
        <v>0</v>
      </c>
      <c r="Z980" s="5"/>
      <c r="AA980" s="5" t="s">
        <v>43</v>
      </c>
      <c r="AB980" s="5" t="s">
        <v>44</v>
      </c>
      <c r="AC980" s="2" t="s">
        <v>24322</v>
      </c>
      <c r="AD980" s="1"/>
    </row>
    <row r="981" spans="1:30">
      <c r="A981" s="5" t="s">
        <v>83578</v>
      </c>
      <c r="B981" s="2" t="s">
        <v>86518</v>
      </c>
      <c r="C981" s="14" t="s">
        <v>86519</v>
      </c>
      <c r="D981" s="2" t="s">
        <v>86520</v>
      </c>
      <c r="E981" s="2" t="s">
        <v>24317</v>
      </c>
      <c r="F981" s="8">
        <v>3974</v>
      </c>
      <c r="G981" s="5">
        <v>20</v>
      </c>
      <c r="H981" s="5" t="s">
        <v>69</v>
      </c>
      <c r="I981" s="5" t="s">
        <v>24259</v>
      </c>
      <c r="J981" s="2" t="s">
        <v>24260</v>
      </c>
      <c r="K981" s="5" t="s">
        <v>24259</v>
      </c>
      <c r="L981" s="2" t="s">
        <v>24260</v>
      </c>
      <c r="M981" s="5" t="s">
        <v>24254</v>
      </c>
      <c r="N981" s="5" t="s">
        <v>38</v>
      </c>
      <c r="O981" s="5" t="s">
        <v>39</v>
      </c>
      <c r="P981" s="5" t="s">
        <v>40</v>
      </c>
      <c r="Q981" s="5" t="s">
        <v>1487</v>
      </c>
      <c r="R981" s="5"/>
      <c r="S981" s="5" t="s">
        <v>42</v>
      </c>
      <c r="T981" s="2">
        <v>0</v>
      </c>
      <c r="U981" s="2">
        <v>0</v>
      </c>
      <c r="V981" s="2">
        <v>0</v>
      </c>
      <c r="W981" s="2">
        <v>0</v>
      </c>
      <c r="X981" s="2">
        <v>0</v>
      </c>
      <c r="Y981" s="2">
        <v>0</v>
      </c>
      <c r="Z981" s="5"/>
      <c r="AA981" s="5" t="s">
        <v>43</v>
      </c>
      <c r="AB981" s="5" t="s">
        <v>44</v>
      </c>
      <c r="AC981" s="2" t="s">
        <v>86469</v>
      </c>
      <c r="AD981" s="1"/>
    </row>
    <row r="982" spans="1:30">
      <c r="A982" s="5" t="s">
        <v>83578</v>
      </c>
      <c r="B982" s="2" t="s">
        <v>86521</v>
      </c>
      <c r="C982" s="14" t="s">
        <v>86522</v>
      </c>
      <c r="D982" s="2" t="s">
        <v>86523</v>
      </c>
      <c r="E982" s="2" t="s">
        <v>24296</v>
      </c>
      <c r="F982" s="8">
        <v>4212</v>
      </c>
      <c r="G982" s="5">
        <v>20</v>
      </c>
      <c r="H982" s="5" t="s">
        <v>69</v>
      </c>
      <c r="I982" s="5" t="s">
        <v>24259</v>
      </c>
      <c r="J982" s="2" t="s">
        <v>24260</v>
      </c>
      <c r="K982" s="5" t="s">
        <v>24259</v>
      </c>
      <c r="L982" s="2" t="s">
        <v>24260</v>
      </c>
      <c r="M982" s="5" t="s">
        <v>24254</v>
      </c>
      <c r="N982" s="5" t="s">
        <v>38</v>
      </c>
      <c r="O982" s="5" t="s">
        <v>39</v>
      </c>
      <c r="P982" s="5" t="s">
        <v>40</v>
      </c>
      <c r="Q982" s="5" t="s">
        <v>1487</v>
      </c>
      <c r="R982" s="5"/>
      <c r="S982" s="5" t="s">
        <v>42</v>
      </c>
      <c r="T982" s="2">
        <v>0</v>
      </c>
      <c r="U982" s="2">
        <v>0</v>
      </c>
      <c r="V982" s="2">
        <v>0</v>
      </c>
      <c r="W982" s="2">
        <v>0</v>
      </c>
      <c r="X982" s="2">
        <v>0</v>
      </c>
      <c r="Y982" s="2">
        <v>0</v>
      </c>
      <c r="Z982" s="5"/>
      <c r="AA982" s="5" t="s">
        <v>43</v>
      </c>
      <c r="AB982" s="5" t="s">
        <v>44</v>
      </c>
      <c r="AC982" s="2" t="s">
        <v>86459</v>
      </c>
      <c r="AD982" s="1"/>
    </row>
    <row r="983" spans="1:30">
      <c r="A983" s="5" t="s">
        <v>83578</v>
      </c>
      <c r="B983" s="2" t="s">
        <v>86524</v>
      </c>
      <c r="C983" s="14" t="s">
        <v>86525</v>
      </c>
      <c r="D983" s="2" t="s">
        <v>86526</v>
      </c>
      <c r="E983" s="2" t="s">
        <v>24317</v>
      </c>
      <c r="F983" s="8">
        <v>4212</v>
      </c>
      <c r="G983" s="5">
        <v>20</v>
      </c>
      <c r="H983" s="5" t="s">
        <v>69</v>
      </c>
      <c r="I983" s="5" t="s">
        <v>24259</v>
      </c>
      <c r="J983" s="2" t="s">
        <v>24260</v>
      </c>
      <c r="K983" s="5" t="s">
        <v>24259</v>
      </c>
      <c r="L983" s="2" t="s">
        <v>24260</v>
      </c>
      <c r="M983" s="5" t="s">
        <v>24254</v>
      </c>
      <c r="N983" s="5" t="s">
        <v>38</v>
      </c>
      <c r="O983" s="5" t="s">
        <v>39</v>
      </c>
      <c r="P983" s="5" t="s">
        <v>40</v>
      </c>
      <c r="Q983" s="5" t="s">
        <v>1487</v>
      </c>
      <c r="R983" s="5"/>
      <c r="S983" s="5" t="s">
        <v>42</v>
      </c>
      <c r="T983" s="2">
        <v>0</v>
      </c>
      <c r="U983" s="2">
        <v>0</v>
      </c>
      <c r="V983" s="2">
        <v>0</v>
      </c>
      <c r="W983" s="2">
        <v>0</v>
      </c>
      <c r="X983" s="2">
        <v>0</v>
      </c>
      <c r="Y983" s="2">
        <v>0</v>
      </c>
      <c r="Z983" s="5"/>
      <c r="AA983" s="5" t="s">
        <v>43</v>
      </c>
      <c r="AB983" s="5" t="s">
        <v>44</v>
      </c>
      <c r="AC983" s="2" t="s">
        <v>86469</v>
      </c>
      <c r="AD983" s="1"/>
    </row>
    <row r="984" spans="1:30">
      <c r="A984" s="5" t="s">
        <v>83578</v>
      </c>
      <c r="B984" s="2" t="s">
        <v>86527</v>
      </c>
      <c r="C984" s="14" t="s">
        <v>86528</v>
      </c>
      <c r="D984" s="2" t="s">
        <v>86529</v>
      </c>
      <c r="E984" s="2" t="s">
        <v>24296</v>
      </c>
      <c r="F984" s="8">
        <v>1656</v>
      </c>
      <c r="G984" s="5">
        <v>20</v>
      </c>
      <c r="H984" s="5" t="s">
        <v>69</v>
      </c>
      <c r="I984" s="5" t="s">
        <v>24252</v>
      </c>
      <c r="J984" s="2" t="s">
        <v>24253</v>
      </c>
      <c r="K984" s="5" t="s">
        <v>24252</v>
      </c>
      <c r="L984" s="2" t="s">
        <v>24253</v>
      </c>
      <c r="M984" s="5" t="s">
        <v>24254</v>
      </c>
      <c r="N984" s="5" t="s">
        <v>38</v>
      </c>
      <c r="O984" s="5" t="s">
        <v>39</v>
      </c>
      <c r="P984" s="5" t="s">
        <v>40</v>
      </c>
      <c r="Q984" s="5" t="s">
        <v>1487</v>
      </c>
      <c r="R984" s="5"/>
      <c r="S984" s="5" t="s">
        <v>42</v>
      </c>
      <c r="T984" s="2">
        <v>0</v>
      </c>
      <c r="U984" s="2">
        <v>0</v>
      </c>
      <c r="V984" s="2">
        <v>0</v>
      </c>
      <c r="W984" s="2">
        <v>0</v>
      </c>
      <c r="X984" s="2">
        <v>0</v>
      </c>
      <c r="Y984" s="2">
        <v>0</v>
      </c>
      <c r="Z984" s="5"/>
      <c r="AA984" s="5" t="s">
        <v>43</v>
      </c>
      <c r="AB984" s="5" t="s">
        <v>44</v>
      </c>
      <c r="AC984" s="2" t="s">
        <v>24297</v>
      </c>
      <c r="AD984" s="1"/>
    </row>
    <row r="985" spans="1:30">
      <c r="A985" s="5" t="s">
        <v>83578</v>
      </c>
      <c r="B985" s="2" t="s">
        <v>86530</v>
      </c>
      <c r="C985" s="14" t="s">
        <v>86531</v>
      </c>
      <c r="D985" s="2" t="s">
        <v>86532</v>
      </c>
      <c r="E985" s="2" t="s">
        <v>24296</v>
      </c>
      <c r="F985" s="8">
        <v>4255</v>
      </c>
      <c r="G985" s="5">
        <v>20</v>
      </c>
      <c r="H985" s="5" t="s">
        <v>69</v>
      </c>
      <c r="I985" s="5" t="s">
        <v>24259</v>
      </c>
      <c r="J985" s="2" t="s">
        <v>24260</v>
      </c>
      <c r="K985" s="5" t="s">
        <v>24259</v>
      </c>
      <c r="L985" s="2" t="s">
        <v>24260</v>
      </c>
      <c r="M985" s="5" t="s">
        <v>24254</v>
      </c>
      <c r="N985" s="5" t="s">
        <v>38</v>
      </c>
      <c r="O985" s="5" t="s">
        <v>39</v>
      </c>
      <c r="P985" s="5" t="s">
        <v>40</v>
      </c>
      <c r="Q985" s="5" t="s">
        <v>1487</v>
      </c>
      <c r="R985" s="5"/>
      <c r="S985" s="5" t="s">
        <v>42</v>
      </c>
      <c r="T985" s="2">
        <v>0</v>
      </c>
      <c r="U985" s="2">
        <v>0</v>
      </c>
      <c r="V985" s="2">
        <v>0</v>
      </c>
      <c r="W985" s="2">
        <v>0</v>
      </c>
      <c r="X985" s="2">
        <v>0</v>
      </c>
      <c r="Y985" s="2">
        <v>0</v>
      </c>
      <c r="Z985" s="5"/>
      <c r="AA985" s="5" t="s">
        <v>43</v>
      </c>
      <c r="AB985" s="5" t="s">
        <v>44</v>
      </c>
      <c r="AC985" s="2" t="s">
        <v>24313</v>
      </c>
      <c r="AD985" s="1"/>
    </row>
    <row r="986" spans="1:30">
      <c r="A986" s="5" t="s">
        <v>83578</v>
      </c>
      <c r="B986" s="2" t="s">
        <v>86533</v>
      </c>
      <c r="C986" s="14" t="s">
        <v>86534</v>
      </c>
      <c r="D986" s="2" t="s">
        <v>86535</v>
      </c>
      <c r="E986" s="2" t="s">
        <v>24296</v>
      </c>
      <c r="F986" s="8">
        <v>4570</v>
      </c>
      <c r="G986" s="5">
        <v>20</v>
      </c>
      <c r="H986" s="5" t="s">
        <v>69</v>
      </c>
      <c r="I986" s="5" t="s">
        <v>24259</v>
      </c>
      <c r="J986" s="2" t="s">
        <v>24260</v>
      </c>
      <c r="K986" s="5" t="s">
        <v>24259</v>
      </c>
      <c r="L986" s="2" t="s">
        <v>24260</v>
      </c>
      <c r="M986" s="5" t="s">
        <v>24254</v>
      </c>
      <c r="N986" s="5" t="s">
        <v>38</v>
      </c>
      <c r="O986" s="5" t="s">
        <v>39</v>
      </c>
      <c r="P986" s="5" t="s">
        <v>40</v>
      </c>
      <c r="Q986" s="5" t="s">
        <v>1487</v>
      </c>
      <c r="R986" s="5"/>
      <c r="S986" s="5" t="s">
        <v>42</v>
      </c>
      <c r="T986" s="2">
        <v>0</v>
      </c>
      <c r="U986" s="2">
        <v>0</v>
      </c>
      <c r="V986" s="2">
        <v>0</v>
      </c>
      <c r="W986" s="2">
        <v>0</v>
      </c>
      <c r="X986" s="2">
        <v>0</v>
      </c>
      <c r="Y986" s="2">
        <v>0</v>
      </c>
      <c r="Z986" s="5"/>
      <c r="AA986" s="5" t="s">
        <v>43</v>
      </c>
      <c r="AB986" s="5" t="s">
        <v>44</v>
      </c>
      <c r="AC986" s="2" t="s">
        <v>86459</v>
      </c>
      <c r="AD986" s="1"/>
    </row>
    <row r="987" spans="1:30">
      <c r="A987" s="5" t="s">
        <v>83578</v>
      </c>
      <c r="B987" s="2" t="s">
        <v>86536</v>
      </c>
      <c r="C987" s="14" t="s">
        <v>86537</v>
      </c>
      <c r="D987" s="2" t="s">
        <v>86538</v>
      </c>
      <c r="E987" s="2" t="s">
        <v>24317</v>
      </c>
      <c r="F987" s="8">
        <v>1656</v>
      </c>
      <c r="G987" s="5">
        <v>20</v>
      </c>
      <c r="H987" s="5" t="s">
        <v>69</v>
      </c>
      <c r="I987" s="5" t="s">
        <v>24252</v>
      </c>
      <c r="J987" s="2" t="s">
        <v>24253</v>
      </c>
      <c r="K987" s="5" t="s">
        <v>24252</v>
      </c>
      <c r="L987" s="2" t="s">
        <v>24253</v>
      </c>
      <c r="M987" s="5" t="s">
        <v>24254</v>
      </c>
      <c r="N987" s="5" t="s">
        <v>38</v>
      </c>
      <c r="O987" s="5" t="s">
        <v>39</v>
      </c>
      <c r="P987" s="5" t="s">
        <v>40</v>
      </c>
      <c r="Q987" s="5" t="s">
        <v>1487</v>
      </c>
      <c r="R987" s="5"/>
      <c r="S987" s="5" t="s">
        <v>42</v>
      </c>
      <c r="T987" s="2">
        <v>0</v>
      </c>
      <c r="U987" s="2">
        <v>0</v>
      </c>
      <c r="V987" s="2">
        <v>0</v>
      </c>
      <c r="W987" s="2">
        <v>0</v>
      </c>
      <c r="X987" s="2">
        <v>0</v>
      </c>
      <c r="Y987" s="2">
        <v>0</v>
      </c>
      <c r="Z987" s="5"/>
      <c r="AA987" s="5" t="s">
        <v>43</v>
      </c>
      <c r="AB987" s="5" t="s">
        <v>44</v>
      </c>
      <c r="AC987" s="2" t="s">
        <v>24318</v>
      </c>
      <c r="AD987" s="1"/>
    </row>
    <row r="988" spans="1:30">
      <c r="A988" s="5" t="s">
        <v>83578</v>
      </c>
      <c r="B988" s="2" t="s">
        <v>86539</v>
      </c>
      <c r="C988" s="14" t="s">
        <v>86540</v>
      </c>
      <c r="D988" s="2" t="s">
        <v>86541</v>
      </c>
      <c r="E988" s="2" t="s">
        <v>24317</v>
      </c>
      <c r="F988" s="8">
        <v>4255</v>
      </c>
      <c r="G988" s="5">
        <v>20</v>
      </c>
      <c r="H988" s="5" t="s">
        <v>69</v>
      </c>
      <c r="I988" s="5" t="s">
        <v>24259</v>
      </c>
      <c r="J988" s="2" t="s">
        <v>24260</v>
      </c>
      <c r="K988" s="5" t="s">
        <v>24259</v>
      </c>
      <c r="L988" s="2" t="s">
        <v>24260</v>
      </c>
      <c r="M988" s="5" t="s">
        <v>24254</v>
      </c>
      <c r="N988" s="5" t="s">
        <v>38</v>
      </c>
      <c r="O988" s="5" t="s">
        <v>39</v>
      </c>
      <c r="P988" s="5" t="s">
        <v>40</v>
      </c>
      <c r="Q988" s="5" t="s">
        <v>1487</v>
      </c>
      <c r="R988" s="5"/>
      <c r="S988" s="5" t="s">
        <v>42</v>
      </c>
      <c r="T988" s="2">
        <v>0</v>
      </c>
      <c r="U988" s="2">
        <v>0</v>
      </c>
      <c r="V988" s="2">
        <v>0</v>
      </c>
      <c r="W988" s="2">
        <v>0</v>
      </c>
      <c r="X988" s="2">
        <v>0</v>
      </c>
      <c r="Y988" s="2">
        <v>0</v>
      </c>
      <c r="Z988" s="5"/>
      <c r="AA988" s="5" t="s">
        <v>43</v>
      </c>
      <c r="AB988" s="5" t="s">
        <v>44</v>
      </c>
      <c r="AC988" s="2" t="s">
        <v>24322</v>
      </c>
      <c r="AD988" s="1"/>
    </row>
    <row r="989" spans="1:30">
      <c r="A989" s="5" t="s">
        <v>83578</v>
      </c>
      <c r="B989" s="2" t="s">
        <v>86542</v>
      </c>
      <c r="C989" s="14" t="s">
        <v>86543</v>
      </c>
      <c r="D989" s="2" t="s">
        <v>86544</v>
      </c>
      <c r="E989" s="2" t="s">
        <v>24317</v>
      </c>
      <c r="F989" s="8">
        <v>4570</v>
      </c>
      <c r="G989" s="5">
        <v>20</v>
      </c>
      <c r="H989" s="5" t="s">
        <v>69</v>
      </c>
      <c r="I989" s="5" t="s">
        <v>24259</v>
      </c>
      <c r="J989" s="2" t="s">
        <v>24260</v>
      </c>
      <c r="K989" s="5" t="s">
        <v>24259</v>
      </c>
      <c r="L989" s="2" t="s">
        <v>24260</v>
      </c>
      <c r="M989" s="5" t="s">
        <v>24254</v>
      </c>
      <c r="N989" s="5" t="s">
        <v>38</v>
      </c>
      <c r="O989" s="5" t="s">
        <v>39</v>
      </c>
      <c r="P989" s="5" t="s">
        <v>40</v>
      </c>
      <c r="Q989" s="5" t="s">
        <v>1487</v>
      </c>
      <c r="R989" s="5"/>
      <c r="S989" s="5" t="s">
        <v>42</v>
      </c>
      <c r="T989" s="2">
        <v>0</v>
      </c>
      <c r="U989" s="2">
        <v>0</v>
      </c>
      <c r="V989" s="2">
        <v>0</v>
      </c>
      <c r="W989" s="2">
        <v>0</v>
      </c>
      <c r="X989" s="2">
        <v>0</v>
      </c>
      <c r="Y989" s="2">
        <v>0</v>
      </c>
      <c r="Z989" s="5"/>
      <c r="AA989" s="5" t="s">
        <v>43</v>
      </c>
      <c r="AB989" s="5" t="s">
        <v>44</v>
      </c>
      <c r="AC989" s="2" t="s">
        <v>86469</v>
      </c>
      <c r="AD989" s="1"/>
    </row>
    <row r="990" spans="1:30">
      <c r="A990" s="5" t="s">
        <v>83578</v>
      </c>
      <c r="B990" s="2" t="s">
        <v>86545</v>
      </c>
      <c r="C990" s="14" t="s">
        <v>86546</v>
      </c>
      <c r="D990" s="2" t="s">
        <v>86547</v>
      </c>
      <c r="E990" s="2" t="s">
        <v>24296</v>
      </c>
      <c r="F990" s="8">
        <v>1584</v>
      </c>
      <c r="G990" s="5">
        <v>20</v>
      </c>
      <c r="H990" s="5" t="s">
        <v>69</v>
      </c>
      <c r="I990" s="5" t="s">
        <v>24252</v>
      </c>
      <c r="J990" s="2" t="s">
        <v>24253</v>
      </c>
      <c r="K990" s="5" t="s">
        <v>24252</v>
      </c>
      <c r="L990" s="2" t="s">
        <v>24253</v>
      </c>
      <c r="M990" s="5" t="s">
        <v>24254</v>
      </c>
      <c r="N990" s="5" t="s">
        <v>38</v>
      </c>
      <c r="O990" s="5" t="s">
        <v>39</v>
      </c>
      <c r="P990" s="5" t="s">
        <v>40</v>
      </c>
      <c r="Q990" s="5" t="s">
        <v>1487</v>
      </c>
      <c r="R990" s="5"/>
      <c r="S990" s="5" t="s">
        <v>42</v>
      </c>
      <c r="T990" s="2">
        <v>0</v>
      </c>
      <c r="U990" s="2">
        <v>0</v>
      </c>
      <c r="V990" s="2">
        <v>0</v>
      </c>
      <c r="W990" s="2">
        <v>0</v>
      </c>
      <c r="X990" s="2">
        <v>0</v>
      </c>
      <c r="Y990" s="2">
        <v>0</v>
      </c>
      <c r="Z990" s="5"/>
      <c r="AA990" s="5" t="s">
        <v>43</v>
      </c>
      <c r="AB990" s="5" t="s">
        <v>44</v>
      </c>
      <c r="AC990" s="2" t="s">
        <v>24297</v>
      </c>
      <c r="AD990" s="1"/>
    </row>
    <row r="991" spans="1:30">
      <c r="A991" s="5" t="s">
        <v>83578</v>
      </c>
      <c r="B991" s="2" t="s">
        <v>86548</v>
      </c>
      <c r="C991" s="14" t="s">
        <v>86549</v>
      </c>
      <c r="D991" s="2" t="s">
        <v>86550</v>
      </c>
      <c r="E991" s="2" t="s">
        <v>24296</v>
      </c>
      <c r="F991" s="8">
        <v>4070</v>
      </c>
      <c r="G991" s="5">
        <v>20</v>
      </c>
      <c r="H991" s="5" t="s">
        <v>69</v>
      </c>
      <c r="I991" s="5" t="s">
        <v>24259</v>
      </c>
      <c r="J991" s="2" t="s">
        <v>24260</v>
      </c>
      <c r="K991" s="5" t="s">
        <v>24259</v>
      </c>
      <c r="L991" s="2" t="s">
        <v>24260</v>
      </c>
      <c r="M991" s="5" t="s">
        <v>24254</v>
      </c>
      <c r="N991" s="5" t="s">
        <v>38</v>
      </c>
      <c r="O991" s="5" t="s">
        <v>39</v>
      </c>
      <c r="P991" s="5" t="s">
        <v>40</v>
      </c>
      <c r="Q991" s="5" t="s">
        <v>1487</v>
      </c>
      <c r="R991" s="5"/>
      <c r="S991" s="5" t="s">
        <v>42</v>
      </c>
      <c r="T991" s="2">
        <v>0</v>
      </c>
      <c r="U991" s="2">
        <v>0</v>
      </c>
      <c r="V991" s="2">
        <v>0</v>
      </c>
      <c r="W991" s="2">
        <v>0</v>
      </c>
      <c r="X991" s="2">
        <v>0</v>
      </c>
      <c r="Y991" s="2">
        <v>0</v>
      </c>
      <c r="Z991" s="5"/>
      <c r="AA991" s="5" t="s">
        <v>43</v>
      </c>
      <c r="AB991" s="5" t="s">
        <v>44</v>
      </c>
      <c r="AC991" s="2" t="s">
        <v>24313</v>
      </c>
      <c r="AD991" s="1"/>
    </row>
    <row r="992" spans="1:30">
      <c r="A992" s="5" t="s">
        <v>83578</v>
      </c>
      <c r="B992" s="2" t="s">
        <v>86551</v>
      </c>
      <c r="C992" s="14" t="s">
        <v>86552</v>
      </c>
      <c r="D992" s="2" t="s">
        <v>86553</v>
      </c>
      <c r="E992" s="2" t="s">
        <v>24317</v>
      </c>
      <c r="F992" s="8">
        <v>1584</v>
      </c>
      <c r="G992" s="5">
        <v>20</v>
      </c>
      <c r="H992" s="5" t="s">
        <v>69</v>
      </c>
      <c r="I992" s="5" t="s">
        <v>24252</v>
      </c>
      <c r="J992" s="2" t="s">
        <v>24253</v>
      </c>
      <c r="K992" s="5" t="s">
        <v>24252</v>
      </c>
      <c r="L992" s="2" t="s">
        <v>24253</v>
      </c>
      <c r="M992" s="5" t="s">
        <v>24254</v>
      </c>
      <c r="N992" s="5" t="s">
        <v>38</v>
      </c>
      <c r="O992" s="5" t="s">
        <v>39</v>
      </c>
      <c r="P992" s="5" t="s">
        <v>40</v>
      </c>
      <c r="Q992" s="5" t="s">
        <v>1487</v>
      </c>
      <c r="R992" s="5"/>
      <c r="S992" s="5" t="s">
        <v>42</v>
      </c>
      <c r="T992" s="2">
        <v>0</v>
      </c>
      <c r="U992" s="2">
        <v>0</v>
      </c>
      <c r="V992" s="2">
        <v>0</v>
      </c>
      <c r="W992" s="2">
        <v>0</v>
      </c>
      <c r="X992" s="2">
        <v>0</v>
      </c>
      <c r="Y992" s="2">
        <v>0</v>
      </c>
      <c r="Z992" s="5"/>
      <c r="AA992" s="5" t="s">
        <v>43</v>
      </c>
      <c r="AB992" s="5" t="s">
        <v>44</v>
      </c>
      <c r="AC992" s="2" t="s">
        <v>24318</v>
      </c>
      <c r="AD992" s="1"/>
    </row>
    <row r="993" spans="1:30">
      <c r="A993" s="5" t="s">
        <v>83578</v>
      </c>
      <c r="B993" s="2" t="s">
        <v>86554</v>
      </c>
      <c r="C993" s="14" t="s">
        <v>86555</v>
      </c>
      <c r="D993" s="2" t="s">
        <v>86556</v>
      </c>
      <c r="E993" s="2" t="s">
        <v>24317</v>
      </c>
      <c r="F993" s="8">
        <v>4070</v>
      </c>
      <c r="G993" s="5">
        <v>20</v>
      </c>
      <c r="H993" s="5" t="s">
        <v>69</v>
      </c>
      <c r="I993" s="5" t="s">
        <v>24259</v>
      </c>
      <c r="J993" s="2" t="s">
        <v>24260</v>
      </c>
      <c r="K993" s="5" t="s">
        <v>24259</v>
      </c>
      <c r="L993" s="2" t="s">
        <v>24260</v>
      </c>
      <c r="M993" s="5" t="s">
        <v>24254</v>
      </c>
      <c r="N993" s="5" t="s">
        <v>38</v>
      </c>
      <c r="O993" s="5" t="s">
        <v>39</v>
      </c>
      <c r="P993" s="5" t="s">
        <v>40</v>
      </c>
      <c r="Q993" s="5" t="s">
        <v>1487</v>
      </c>
      <c r="R993" s="5"/>
      <c r="S993" s="5" t="s">
        <v>42</v>
      </c>
      <c r="T993" s="2">
        <v>0</v>
      </c>
      <c r="U993" s="2">
        <v>0</v>
      </c>
      <c r="V993" s="2">
        <v>0</v>
      </c>
      <c r="W993" s="2">
        <v>0</v>
      </c>
      <c r="X993" s="2">
        <v>0</v>
      </c>
      <c r="Y993" s="2">
        <v>0</v>
      </c>
      <c r="Z993" s="5"/>
      <c r="AA993" s="5" t="s">
        <v>43</v>
      </c>
      <c r="AB993" s="5" t="s">
        <v>44</v>
      </c>
      <c r="AC993" s="2" t="s">
        <v>24322</v>
      </c>
      <c r="AD993" s="1"/>
    </row>
    <row r="994" spans="1:30">
      <c r="A994" s="5" t="s">
        <v>83578</v>
      </c>
      <c r="B994" s="2" t="s">
        <v>86557</v>
      </c>
      <c r="C994" s="14" t="s">
        <v>86558</v>
      </c>
      <c r="D994" s="2" t="s">
        <v>86559</v>
      </c>
      <c r="E994" s="2" t="s">
        <v>24296</v>
      </c>
      <c r="F994" s="8">
        <v>1613</v>
      </c>
      <c r="G994" s="5">
        <v>20</v>
      </c>
      <c r="H994" s="5" t="s">
        <v>69</v>
      </c>
      <c r="I994" s="5" t="s">
        <v>24252</v>
      </c>
      <c r="J994" s="2" t="s">
        <v>24253</v>
      </c>
      <c r="K994" s="5" t="s">
        <v>24252</v>
      </c>
      <c r="L994" s="2" t="s">
        <v>24253</v>
      </c>
      <c r="M994" s="5" t="s">
        <v>24254</v>
      </c>
      <c r="N994" s="5" t="s">
        <v>38</v>
      </c>
      <c r="O994" s="5" t="s">
        <v>39</v>
      </c>
      <c r="P994" s="5" t="s">
        <v>40</v>
      </c>
      <c r="Q994" s="5" t="s">
        <v>1487</v>
      </c>
      <c r="R994" s="5"/>
      <c r="S994" s="5" t="s">
        <v>42</v>
      </c>
      <c r="T994" s="2">
        <v>0</v>
      </c>
      <c r="U994" s="2">
        <v>0</v>
      </c>
      <c r="V994" s="2">
        <v>0</v>
      </c>
      <c r="W994" s="2">
        <v>0</v>
      </c>
      <c r="X994" s="2">
        <v>0</v>
      </c>
      <c r="Y994" s="2">
        <v>0</v>
      </c>
      <c r="Z994" s="5"/>
      <c r="AA994" s="5" t="s">
        <v>43</v>
      </c>
      <c r="AB994" s="5" t="s">
        <v>44</v>
      </c>
      <c r="AC994" s="2" t="s">
        <v>24297</v>
      </c>
      <c r="AD994" s="1"/>
    </row>
    <row r="995" spans="1:30">
      <c r="A995" s="5" t="s">
        <v>83578</v>
      </c>
      <c r="B995" s="2" t="s">
        <v>86560</v>
      </c>
      <c r="C995" s="14" t="s">
        <v>86561</v>
      </c>
      <c r="D995" s="2" t="s">
        <v>86562</v>
      </c>
      <c r="E995" s="2" t="s">
        <v>24296</v>
      </c>
      <c r="F995" s="8">
        <v>4144</v>
      </c>
      <c r="G995" s="5">
        <v>20</v>
      </c>
      <c r="H995" s="5" t="s">
        <v>69</v>
      </c>
      <c r="I995" s="5" t="s">
        <v>24259</v>
      </c>
      <c r="J995" s="2" t="s">
        <v>24260</v>
      </c>
      <c r="K995" s="5" t="s">
        <v>24259</v>
      </c>
      <c r="L995" s="2" t="s">
        <v>24260</v>
      </c>
      <c r="M995" s="5" t="s">
        <v>24254</v>
      </c>
      <c r="N995" s="5" t="s">
        <v>38</v>
      </c>
      <c r="O995" s="5" t="s">
        <v>39</v>
      </c>
      <c r="P995" s="5" t="s">
        <v>40</v>
      </c>
      <c r="Q995" s="5" t="s">
        <v>1487</v>
      </c>
      <c r="R995" s="5"/>
      <c r="S995" s="5" t="s">
        <v>42</v>
      </c>
      <c r="T995" s="2">
        <v>0</v>
      </c>
      <c r="U995" s="2">
        <v>0</v>
      </c>
      <c r="V995" s="2">
        <v>0</v>
      </c>
      <c r="W995" s="2">
        <v>0</v>
      </c>
      <c r="X995" s="2">
        <v>0</v>
      </c>
      <c r="Y995" s="2">
        <v>0</v>
      </c>
      <c r="Z995" s="5"/>
      <c r="AA995" s="5" t="s">
        <v>43</v>
      </c>
      <c r="AB995" s="5" t="s">
        <v>44</v>
      </c>
      <c r="AC995" s="2" t="s">
        <v>24313</v>
      </c>
      <c r="AD995" s="1"/>
    </row>
    <row r="996" spans="1:30">
      <c r="A996" s="5" t="s">
        <v>83578</v>
      </c>
      <c r="B996" s="2" t="s">
        <v>86563</v>
      </c>
      <c r="C996" s="14" t="s">
        <v>86564</v>
      </c>
      <c r="D996" s="2" t="s">
        <v>86565</v>
      </c>
      <c r="E996" s="2" t="s">
        <v>24317</v>
      </c>
      <c r="F996" s="8">
        <v>1613</v>
      </c>
      <c r="G996" s="5">
        <v>20</v>
      </c>
      <c r="H996" s="5" t="s">
        <v>69</v>
      </c>
      <c r="I996" s="5" t="s">
        <v>24252</v>
      </c>
      <c r="J996" s="2" t="s">
        <v>24253</v>
      </c>
      <c r="K996" s="5" t="s">
        <v>24252</v>
      </c>
      <c r="L996" s="2" t="s">
        <v>24253</v>
      </c>
      <c r="M996" s="5" t="s">
        <v>24254</v>
      </c>
      <c r="N996" s="5" t="s">
        <v>38</v>
      </c>
      <c r="O996" s="5" t="s">
        <v>39</v>
      </c>
      <c r="P996" s="5" t="s">
        <v>40</v>
      </c>
      <c r="Q996" s="5" t="s">
        <v>1487</v>
      </c>
      <c r="R996" s="5"/>
      <c r="S996" s="5" t="s">
        <v>42</v>
      </c>
      <c r="T996" s="2">
        <v>0</v>
      </c>
      <c r="U996" s="2">
        <v>0</v>
      </c>
      <c r="V996" s="2">
        <v>0</v>
      </c>
      <c r="W996" s="2">
        <v>0</v>
      </c>
      <c r="X996" s="2">
        <v>0</v>
      </c>
      <c r="Y996" s="2">
        <v>0</v>
      </c>
      <c r="Z996" s="5"/>
      <c r="AA996" s="5" t="s">
        <v>43</v>
      </c>
      <c r="AB996" s="5" t="s">
        <v>44</v>
      </c>
      <c r="AC996" s="2" t="s">
        <v>24318</v>
      </c>
      <c r="AD996" s="1"/>
    </row>
    <row r="997" spans="1:30">
      <c r="A997" s="5" t="s">
        <v>83578</v>
      </c>
      <c r="B997" s="2" t="s">
        <v>86566</v>
      </c>
      <c r="C997" s="14" t="s">
        <v>86567</v>
      </c>
      <c r="D997" s="2" t="s">
        <v>86568</v>
      </c>
      <c r="E997" s="2" t="s">
        <v>24317</v>
      </c>
      <c r="F997" s="8">
        <v>4144</v>
      </c>
      <c r="G997" s="5">
        <v>20</v>
      </c>
      <c r="H997" s="5" t="s">
        <v>69</v>
      </c>
      <c r="I997" s="5" t="s">
        <v>24259</v>
      </c>
      <c r="J997" s="2" t="s">
        <v>24260</v>
      </c>
      <c r="K997" s="5" t="s">
        <v>24259</v>
      </c>
      <c r="L997" s="2" t="s">
        <v>24260</v>
      </c>
      <c r="M997" s="5" t="s">
        <v>24254</v>
      </c>
      <c r="N997" s="5" t="s">
        <v>38</v>
      </c>
      <c r="O997" s="5" t="s">
        <v>39</v>
      </c>
      <c r="P997" s="5" t="s">
        <v>40</v>
      </c>
      <c r="Q997" s="5" t="s">
        <v>1487</v>
      </c>
      <c r="R997" s="5"/>
      <c r="S997" s="5" t="s">
        <v>42</v>
      </c>
      <c r="T997" s="2">
        <v>0</v>
      </c>
      <c r="U997" s="2">
        <v>0</v>
      </c>
      <c r="V997" s="2">
        <v>0</v>
      </c>
      <c r="W997" s="2">
        <v>0</v>
      </c>
      <c r="X997" s="2">
        <v>0</v>
      </c>
      <c r="Y997" s="2">
        <v>0</v>
      </c>
      <c r="Z997" s="5"/>
      <c r="AA997" s="5" t="s">
        <v>43</v>
      </c>
      <c r="AB997" s="5" t="s">
        <v>44</v>
      </c>
      <c r="AC997" s="2" t="s">
        <v>24322</v>
      </c>
      <c r="AD997" s="1"/>
    </row>
    <row r="998" spans="1:30">
      <c r="A998" s="5" t="s">
        <v>83578</v>
      </c>
      <c r="B998" s="2" t="s">
        <v>86569</v>
      </c>
      <c r="C998" s="14" t="s">
        <v>86570</v>
      </c>
      <c r="D998" s="2" t="s">
        <v>86571</v>
      </c>
      <c r="E998" s="2" t="s">
        <v>24296</v>
      </c>
      <c r="F998" s="8">
        <v>4367</v>
      </c>
      <c r="G998" s="5">
        <v>20</v>
      </c>
      <c r="H998" s="5" t="s">
        <v>69</v>
      </c>
      <c r="I998" s="5" t="s">
        <v>24259</v>
      </c>
      <c r="J998" s="2" t="s">
        <v>24260</v>
      </c>
      <c r="K998" s="5" t="s">
        <v>24259</v>
      </c>
      <c r="L998" s="2" t="s">
        <v>24260</v>
      </c>
      <c r="M998" s="5" t="s">
        <v>24254</v>
      </c>
      <c r="N998" s="5" t="s">
        <v>38</v>
      </c>
      <c r="O998" s="5" t="s">
        <v>39</v>
      </c>
      <c r="P998" s="5" t="s">
        <v>40</v>
      </c>
      <c r="Q998" s="5" t="s">
        <v>1487</v>
      </c>
      <c r="R998" s="5"/>
      <c r="S998" s="5" t="s">
        <v>42</v>
      </c>
      <c r="T998" s="2">
        <v>0</v>
      </c>
      <c r="U998" s="2">
        <v>0</v>
      </c>
      <c r="V998" s="2">
        <v>0</v>
      </c>
      <c r="W998" s="2">
        <v>0</v>
      </c>
      <c r="X998" s="2">
        <v>0</v>
      </c>
      <c r="Y998" s="2">
        <v>0</v>
      </c>
      <c r="Z998" s="5"/>
      <c r="AA998" s="5" t="s">
        <v>43</v>
      </c>
      <c r="AB998" s="5" t="s">
        <v>44</v>
      </c>
      <c r="AC998" s="2" t="s">
        <v>24313</v>
      </c>
      <c r="AD998" s="1"/>
    </row>
    <row r="999" spans="1:30">
      <c r="A999" s="5" t="s">
        <v>83578</v>
      </c>
      <c r="B999" s="2" t="s">
        <v>86572</v>
      </c>
      <c r="C999" s="14" t="s">
        <v>86573</v>
      </c>
      <c r="D999" s="2" t="s">
        <v>86574</v>
      </c>
      <c r="E999" s="2" t="s">
        <v>24296</v>
      </c>
      <c r="F999" s="8">
        <v>1598</v>
      </c>
      <c r="G999" s="5">
        <v>20</v>
      </c>
      <c r="H999" s="5" t="s">
        <v>69</v>
      </c>
      <c r="I999" s="5" t="s">
        <v>24252</v>
      </c>
      <c r="J999" s="2" t="s">
        <v>24253</v>
      </c>
      <c r="K999" s="5" t="s">
        <v>24252</v>
      </c>
      <c r="L999" s="2" t="s">
        <v>24253</v>
      </c>
      <c r="M999" s="5" t="s">
        <v>24254</v>
      </c>
      <c r="N999" s="5" t="s">
        <v>38</v>
      </c>
      <c r="O999" s="5" t="s">
        <v>39</v>
      </c>
      <c r="P999" s="5" t="s">
        <v>40</v>
      </c>
      <c r="Q999" s="5" t="s">
        <v>1487</v>
      </c>
      <c r="R999" s="5"/>
      <c r="S999" s="5" t="s">
        <v>42</v>
      </c>
      <c r="T999" s="2">
        <v>0</v>
      </c>
      <c r="U999" s="2">
        <v>0</v>
      </c>
      <c r="V999" s="2">
        <v>0</v>
      </c>
      <c r="W999" s="2">
        <v>0</v>
      </c>
      <c r="X999" s="2">
        <v>0</v>
      </c>
      <c r="Y999" s="2">
        <v>0</v>
      </c>
      <c r="Z999" s="5"/>
      <c r="AA999" s="5" t="s">
        <v>43</v>
      </c>
      <c r="AB999" s="5" t="s">
        <v>44</v>
      </c>
      <c r="AC999" s="2" t="s">
        <v>24297</v>
      </c>
      <c r="AD999" s="1"/>
    </row>
    <row r="1000" spans="1:30">
      <c r="A1000" s="5" t="s">
        <v>83578</v>
      </c>
      <c r="B1000" s="2" t="s">
        <v>86575</v>
      </c>
      <c r="C1000" s="14" t="s">
        <v>86576</v>
      </c>
      <c r="D1000" s="2" t="s">
        <v>86577</v>
      </c>
      <c r="E1000" s="2" t="s">
        <v>24296</v>
      </c>
      <c r="F1000" s="8">
        <v>4107</v>
      </c>
      <c r="G1000" s="5">
        <v>20</v>
      </c>
      <c r="H1000" s="5" t="s">
        <v>69</v>
      </c>
      <c r="I1000" s="5" t="s">
        <v>24259</v>
      </c>
      <c r="J1000" s="2" t="s">
        <v>24260</v>
      </c>
      <c r="K1000" s="5" t="s">
        <v>24259</v>
      </c>
      <c r="L1000" s="2" t="s">
        <v>24260</v>
      </c>
      <c r="M1000" s="5" t="s">
        <v>24254</v>
      </c>
      <c r="N1000" s="5" t="s">
        <v>38</v>
      </c>
      <c r="O1000" s="5" t="s">
        <v>39</v>
      </c>
      <c r="P1000" s="5" t="s">
        <v>40</v>
      </c>
      <c r="Q1000" s="5" t="s">
        <v>1487</v>
      </c>
      <c r="R1000" s="5"/>
      <c r="S1000" s="5" t="s">
        <v>42</v>
      </c>
      <c r="T1000" s="2">
        <v>0</v>
      </c>
      <c r="U1000" s="2">
        <v>0</v>
      </c>
      <c r="V1000" s="2">
        <v>0</v>
      </c>
      <c r="W1000" s="2">
        <v>0</v>
      </c>
      <c r="X1000" s="2">
        <v>0</v>
      </c>
      <c r="Y1000" s="2">
        <v>0</v>
      </c>
      <c r="Z1000" s="5"/>
      <c r="AA1000" s="5" t="s">
        <v>43</v>
      </c>
      <c r="AB1000" s="5" t="s">
        <v>44</v>
      </c>
      <c r="AC1000" s="2" t="s">
        <v>24313</v>
      </c>
      <c r="AD1000" s="1"/>
    </row>
    <row r="1001" spans="1:30">
      <c r="A1001" s="5" t="s">
        <v>83578</v>
      </c>
      <c r="B1001" s="2" t="s">
        <v>86578</v>
      </c>
      <c r="C1001" s="14" t="s">
        <v>86579</v>
      </c>
      <c r="D1001" s="2" t="s">
        <v>86580</v>
      </c>
      <c r="E1001" s="2" t="s">
        <v>24317</v>
      </c>
      <c r="F1001" s="8">
        <v>1598</v>
      </c>
      <c r="G1001" s="5">
        <v>20</v>
      </c>
      <c r="H1001" s="5" t="s">
        <v>69</v>
      </c>
      <c r="I1001" s="5" t="s">
        <v>24252</v>
      </c>
      <c r="J1001" s="2" t="s">
        <v>24253</v>
      </c>
      <c r="K1001" s="5" t="s">
        <v>24252</v>
      </c>
      <c r="L1001" s="2" t="s">
        <v>24253</v>
      </c>
      <c r="M1001" s="5" t="s">
        <v>24254</v>
      </c>
      <c r="N1001" s="5" t="s">
        <v>38</v>
      </c>
      <c r="O1001" s="5" t="s">
        <v>39</v>
      </c>
      <c r="P1001" s="5" t="s">
        <v>40</v>
      </c>
      <c r="Q1001" s="5" t="s">
        <v>1487</v>
      </c>
      <c r="R1001" s="5"/>
      <c r="S1001" s="5" t="s">
        <v>42</v>
      </c>
      <c r="T1001" s="2">
        <v>0</v>
      </c>
      <c r="U1001" s="2">
        <v>0</v>
      </c>
      <c r="V1001" s="2">
        <v>0</v>
      </c>
      <c r="W1001" s="2">
        <v>0</v>
      </c>
      <c r="X1001" s="2">
        <v>0</v>
      </c>
      <c r="Y1001" s="2">
        <v>0</v>
      </c>
      <c r="Z1001" s="5"/>
      <c r="AA1001" s="5" t="s">
        <v>43</v>
      </c>
      <c r="AB1001" s="5" t="s">
        <v>44</v>
      </c>
      <c r="AC1001" s="2" t="s">
        <v>24318</v>
      </c>
      <c r="AD1001" s="1"/>
    </row>
    <row r="1002" spans="1:30">
      <c r="A1002" s="5" t="s">
        <v>83578</v>
      </c>
      <c r="B1002" s="2" t="s">
        <v>86581</v>
      </c>
      <c r="C1002" s="14" t="s">
        <v>86582</v>
      </c>
      <c r="D1002" s="2" t="s">
        <v>86583</v>
      </c>
      <c r="E1002" s="2" t="s">
        <v>24317</v>
      </c>
      <c r="F1002" s="8">
        <v>4107</v>
      </c>
      <c r="G1002" s="5">
        <v>20</v>
      </c>
      <c r="H1002" s="5" t="s">
        <v>69</v>
      </c>
      <c r="I1002" s="5" t="s">
        <v>24259</v>
      </c>
      <c r="J1002" s="2" t="s">
        <v>24260</v>
      </c>
      <c r="K1002" s="5" t="s">
        <v>24259</v>
      </c>
      <c r="L1002" s="2" t="s">
        <v>24260</v>
      </c>
      <c r="M1002" s="5" t="s">
        <v>24254</v>
      </c>
      <c r="N1002" s="5" t="s">
        <v>38</v>
      </c>
      <c r="O1002" s="5" t="s">
        <v>39</v>
      </c>
      <c r="P1002" s="5" t="s">
        <v>40</v>
      </c>
      <c r="Q1002" s="5" t="s">
        <v>1487</v>
      </c>
      <c r="R1002" s="5"/>
      <c r="S1002" s="5" t="s">
        <v>42</v>
      </c>
      <c r="T1002" s="2">
        <v>0</v>
      </c>
      <c r="U1002" s="2">
        <v>0</v>
      </c>
      <c r="V1002" s="2">
        <v>0</v>
      </c>
      <c r="W1002" s="2">
        <v>0</v>
      </c>
      <c r="X1002" s="2">
        <v>0</v>
      </c>
      <c r="Y1002" s="2">
        <v>0</v>
      </c>
      <c r="Z1002" s="5"/>
      <c r="AA1002" s="5" t="s">
        <v>43</v>
      </c>
      <c r="AB1002" s="5" t="s">
        <v>44</v>
      </c>
      <c r="AC1002" s="2" t="s">
        <v>24322</v>
      </c>
      <c r="AD1002" s="1"/>
    </row>
    <row r="1003" spans="1:30">
      <c r="A1003" s="5" t="s">
        <v>83578</v>
      </c>
      <c r="B1003" s="2" t="s">
        <v>86584</v>
      </c>
      <c r="C1003" s="14" t="s">
        <v>86585</v>
      </c>
      <c r="D1003" s="2" t="s">
        <v>86586</v>
      </c>
      <c r="E1003" s="2" t="s">
        <v>24296</v>
      </c>
      <c r="F1003" s="8">
        <v>1685</v>
      </c>
      <c r="G1003" s="5">
        <v>20</v>
      </c>
      <c r="H1003" s="5" t="s">
        <v>69</v>
      </c>
      <c r="I1003" s="5" t="s">
        <v>24252</v>
      </c>
      <c r="J1003" s="2" t="s">
        <v>24253</v>
      </c>
      <c r="K1003" s="5" t="s">
        <v>24252</v>
      </c>
      <c r="L1003" s="2" t="s">
        <v>24253</v>
      </c>
      <c r="M1003" s="5" t="s">
        <v>24254</v>
      </c>
      <c r="N1003" s="5" t="s">
        <v>38</v>
      </c>
      <c r="O1003" s="5" t="s">
        <v>39</v>
      </c>
      <c r="P1003" s="5" t="s">
        <v>40</v>
      </c>
      <c r="Q1003" s="5" t="s">
        <v>1487</v>
      </c>
      <c r="R1003" s="5"/>
      <c r="S1003" s="5" t="s">
        <v>42</v>
      </c>
      <c r="T1003" s="2">
        <v>0</v>
      </c>
      <c r="U1003" s="2">
        <v>0</v>
      </c>
      <c r="V1003" s="2">
        <v>0</v>
      </c>
      <c r="W1003" s="2">
        <v>0</v>
      </c>
      <c r="X1003" s="2">
        <v>0</v>
      </c>
      <c r="Y1003" s="2">
        <v>0</v>
      </c>
      <c r="Z1003" s="5"/>
      <c r="AA1003" s="5" t="s">
        <v>43</v>
      </c>
      <c r="AB1003" s="5" t="s">
        <v>44</v>
      </c>
      <c r="AC1003" s="2" t="s">
        <v>24297</v>
      </c>
      <c r="AD1003" s="1"/>
    </row>
    <row r="1004" spans="1:30">
      <c r="A1004" s="5" t="s">
        <v>83578</v>
      </c>
      <c r="B1004" s="2" t="s">
        <v>86587</v>
      </c>
      <c r="C1004" s="14" t="s">
        <v>86588</v>
      </c>
      <c r="D1004" s="2" t="s">
        <v>86589</v>
      </c>
      <c r="E1004" s="2" t="s">
        <v>24296</v>
      </c>
      <c r="F1004" s="8">
        <v>4330</v>
      </c>
      <c r="G1004" s="5">
        <v>20</v>
      </c>
      <c r="H1004" s="5" t="s">
        <v>69</v>
      </c>
      <c r="I1004" s="5" t="s">
        <v>24259</v>
      </c>
      <c r="J1004" s="2" t="s">
        <v>24260</v>
      </c>
      <c r="K1004" s="5" t="s">
        <v>24259</v>
      </c>
      <c r="L1004" s="2" t="s">
        <v>24260</v>
      </c>
      <c r="M1004" s="5" t="s">
        <v>24254</v>
      </c>
      <c r="N1004" s="5" t="s">
        <v>38</v>
      </c>
      <c r="O1004" s="5" t="s">
        <v>39</v>
      </c>
      <c r="P1004" s="5" t="s">
        <v>40</v>
      </c>
      <c r="Q1004" s="5" t="s">
        <v>1487</v>
      </c>
      <c r="R1004" s="5"/>
      <c r="S1004" s="5" t="s">
        <v>42</v>
      </c>
      <c r="T1004" s="2">
        <v>0</v>
      </c>
      <c r="U1004" s="2">
        <v>0</v>
      </c>
      <c r="V1004" s="2">
        <v>0</v>
      </c>
      <c r="W1004" s="2">
        <v>0</v>
      </c>
      <c r="X1004" s="2">
        <v>0</v>
      </c>
      <c r="Y1004" s="2">
        <v>0</v>
      </c>
      <c r="Z1004" s="5"/>
      <c r="AA1004" s="5" t="s">
        <v>43</v>
      </c>
      <c r="AB1004" s="5" t="s">
        <v>44</v>
      </c>
      <c r="AC1004" s="2" t="s">
        <v>24313</v>
      </c>
      <c r="AD1004" s="1"/>
    </row>
    <row r="1005" spans="1:30">
      <c r="A1005" s="5" t="s">
        <v>83578</v>
      </c>
      <c r="B1005" s="2" t="s">
        <v>86590</v>
      </c>
      <c r="C1005" s="14" t="s">
        <v>86591</v>
      </c>
      <c r="D1005" s="2" t="s">
        <v>86592</v>
      </c>
      <c r="E1005" s="2" t="s">
        <v>24317</v>
      </c>
      <c r="F1005" s="8">
        <v>1685</v>
      </c>
      <c r="G1005" s="5">
        <v>20</v>
      </c>
      <c r="H1005" s="5" t="s">
        <v>69</v>
      </c>
      <c r="I1005" s="5" t="s">
        <v>24252</v>
      </c>
      <c r="J1005" s="2" t="s">
        <v>24253</v>
      </c>
      <c r="K1005" s="5" t="s">
        <v>24252</v>
      </c>
      <c r="L1005" s="2" t="s">
        <v>24253</v>
      </c>
      <c r="M1005" s="5" t="s">
        <v>24254</v>
      </c>
      <c r="N1005" s="5" t="s">
        <v>38</v>
      </c>
      <c r="O1005" s="5" t="s">
        <v>39</v>
      </c>
      <c r="P1005" s="5" t="s">
        <v>40</v>
      </c>
      <c r="Q1005" s="5" t="s">
        <v>1487</v>
      </c>
      <c r="R1005" s="5"/>
      <c r="S1005" s="5" t="s">
        <v>42</v>
      </c>
      <c r="T1005" s="2">
        <v>0</v>
      </c>
      <c r="U1005" s="2">
        <v>0</v>
      </c>
      <c r="V1005" s="2">
        <v>0</v>
      </c>
      <c r="W1005" s="2">
        <v>0</v>
      </c>
      <c r="X1005" s="2">
        <v>0</v>
      </c>
      <c r="Y1005" s="2">
        <v>0</v>
      </c>
      <c r="Z1005" s="5"/>
      <c r="AA1005" s="5" t="s">
        <v>43</v>
      </c>
      <c r="AB1005" s="5" t="s">
        <v>44</v>
      </c>
      <c r="AC1005" s="2" t="s">
        <v>24318</v>
      </c>
      <c r="AD1005" s="1"/>
    </row>
    <row r="1006" spans="1:30">
      <c r="A1006" s="5" t="s">
        <v>83578</v>
      </c>
      <c r="B1006" s="2" t="s">
        <v>86593</v>
      </c>
      <c r="C1006" s="14" t="s">
        <v>86594</v>
      </c>
      <c r="D1006" s="2" t="s">
        <v>86595</v>
      </c>
      <c r="E1006" s="2" t="s">
        <v>24317</v>
      </c>
      <c r="F1006" s="8">
        <v>4330</v>
      </c>
      <c r="G1006" s="5">
        <v>20</v>
      </c>
      <c r="H1006" s="5" t="s">
        <v>69</v>
      </c>
      <c r="I1006" s="5" t="s">
        <v>24259</v>
      </c>
      <c r="J1006" s="2" t="s">
        <v>24260</v>
      </c>
      <c r="K1006" s="5" t="s">
        <v>24259</v>
      </c>
      <c r="L1006" s="2" t="s">
        <v>24260</v>
      </c>
      <c r="M1006" s="5" t="s">
        <v>24254</v>
      </c>
      <c r="N1006" s="5" t="s">
        <v>38</v>
      </c>
      <c r="O1006" s="5" t="s">
        <v>39</v>
      </c>
      <c r="P1006" s="5" t="s">
        <v>40</v>
      </c>
      <c r="Q1006" s="5" t="s">
        <v>1487</v>
      </c>
      <c r="R1006" s="5"/>
      <c r="S1006" s="5" t="s">
        <v>42</v>
      </c>
      <c r="T1006" s="2">
        <v>0</v>
      </c>
      <c r="U1006" s="2">
        <v>0</v>
      </c>
      <c r="V1006" s="2">
        <v>0</v>
      </c>
      <c r="W1006" s="2">
        <v>0</v>
      </c>
      <c r="X1006" s="2">
        <v>0</v>
      </c>
      <c r="Y1006" s="2">
        <v>0</v>
      </c>
      <c r="Z1006" s="5"/>
      <c r="AA1006" s="5" t="s">
        <v>43</v>
      </c>
      <c r="AB1006" s="5" t="s">
        <v>44</v>
      </c>
      <c r="AC1006" s="2" t="s">
        <v>24322</v>
      </c>
      <c r="AD1006" s="1"/>
    </row>
    <row r="1007" spans="1:30">
      <c r="A1007" s="5" t="s">
        <v>83578</v>
      </c>
      <c r="B1007" s="2" t="s">
        <v>86596</v>
      </c>
      <c r="C1007" s="14" t="s">
        <v>86597</v>
      </c>
      <c r="D1007" s="2" t="s">
        <v>86598</v>
      </c>
      <c r="E1007" s="2" t="s">
        <v>24296</v>
      </c>
      <c r="F1007" s="8">
        <v>1728</v>
      </c>
      <c r="G1007" s="5">
        <v>20</v>
      </c>
      <c r="H1007" s="5" t="s">
        <v>69</v>
      </c>
      <c r="I1007" s="5" t="s">
        <v>24252</v>
      </c>
      <c r="J1007" s="2" t="s">
        <v>24253</v>
      </c>
      <c r="K1007" s="5" t="s">
        <v>24252</v>
      </c>
      <c r="L1007" s="2" t="s">
        <v>24253</v>
      </c>
      <c r="M1007" s="5" t="s">
        <v>24254</v>
      </c>
      <c r="N1007" s="5" t="s">
        <v>38</v>
      </c>
      <c r="O1007" s="5" t="s">
        <v>39</v>
      </c>
      <c r="P1007" s="5" t="s">
        <v>40</v>
      </c>
      <c r="Q1007" s="5" t="s">
        <v>1487</v>
      </c>
      <c r="R1007" s="5"/>
      <c r="S1007" s="5" t="s">
        <v>42</v>
      </c>
      <c r="T1007" s="2">
        <v>0</v>
      </c>
      <c r="U1007" s="2">
        <v>0</v>
      </c>
      <c r="V1007" s="2">
        <v>0</v>
      </c>
      <c r="W1007" s="2">
        <v>0</v>
      </c>
      <c r="X1007" s="2">
        <v>0</v>
      </c>
      <c r="Y1007" s="2">
        <v>0</v>
      </c>
      <c r="Z1007" s="5"/>
      <c r="AA1007" s="5" t="s">
        <v>43</v>
      </c>
      <c r="AB1007" s="5" t="s">
        <v>44</v>
      </c>
      <c r="AC1007" s="2" t="s">
        <v>24297</v>
      </c>
      <c r="AD1007" s="1"/>
    </row>
    <row r="1008" spans="1:30">
      <c r="A1008" s="5" t="s">
        <v>83578</v>
      </c>
      <c r="B1008" s="2" t="s">
        <v>86599</v>
      </c>
      <c r="C1008" s="14" t="s">
        <v>86600</v>
      </c>
      <c r="D1008" s="2" t="s">
        <v>86601</v>
      </c>
      <c r="E1008" s="2" t="s">
        <v>24296</v>
      </c>
      <c r="F1008" s="8">
        <v>4441</v>
      </c>
      <c r="G1008" s="5">
        <v>20</v>
      </c>
      <c r="H1008" s="5" t="s">
        <v>69</v>
      </c>
      <c r="I1008" s="5" t="s">
        <v>24259</v>
      </c>
      <c r="J1008" s="2" t="s">
        <v>24260</v>
      </c>
      <c r="K1008" s="5" t="s">
        <v>24259</v>
      </c>
      <c r="L1008" s="2" t="s">
        <v>24260</v>
      </c>
      <c r="M1008" s="5" t="s">
        <v>24254</v>
      </c>
      <c r="N1008" s="5" t="s">
        <v>38</v>
      </c>
      <c r="O1008" s="5" t="s">
        <v>39</v>
      </c>
      <c r="P1008" s="5" t="s">
        <v>40</v>
      </c>
      <c r="Q1008" s="5" t="s">
        <v>1487</v>
      </c>
      <c r="R1008" s="5"/>
      <c r="S1008" s="5" t="s">
        <v>42</v>
      </c>
      <c r="T1008" s="2">
        <v>0</v>
      </c>
      <c r="U1008" s="2">
        <v>0</v>
      </c>
      <c r="V1008" s="2">
        <v>0</v>
      </c>
      <c r="W1008" s="2">
        <v>0</v>
      </c>
      <c r="X1008" s="2">
        <v>0</v>
      </c>
      <c r="Y1008" s="2">
        <v>0</v>
      </c>
      <c r="Z1008" s="5"/>
      <c r="AA1008" s="5" t="s">
        <v>43</v>
      </c>
      <c r="AB1008" s="5" t="s">
        <v>44</v>
      </c>
      <c r="AC1008" s="2" t="s">
        <v>24313</v>
      </c>
      <c r="AD1008" s="1"/>
    </row>
    <row r="1009" spans="1:30">
      <c r="A1009" s="5" t="s">
        <v>83578</v>
      </c>
      <c r="B1009" s="2" t="s">
        <v>86602</v>
      </c>
      <c r="C1009" s="14" t="s">
        <v>86603</v>
      </c>
      <c r="D1009" s="2" t="s">
        <v>86604</v>
      </c>
      <c r="E1009" s="2" t="s">
        <v>24296</v>
      </c>
      <c r="F1009" s="8">
        <v>4700</v>
      </c>
      <c r="G1009" s="5">
        <v>20</v>
      </c>
      <c r="H1009" s="5" t="s">
        <v>69</v>
      </c>
      <c r="I1009" s="5" t="s">
        <v>24259</v>
      </c>
      <c r="J1009" s="2" t="s">
        <v>24260</v>
      </c>
      <c r="K1009" s="5" t="s">
        <v>24259</v>
      </c>
      <c r="L1009" s="2" t="s">
        <v>24260</v>
      </c>
      <c r="M1009" s="5" t="s">
        <v>24254</v>
      </c>
      <c r="N1009" s="5" t="s">
        <v>38</v>
      </c>
      <c r="O1009" s="5" t="s">
        <v>39</v>
      </c>
      <c r="P1009" s="5" t="s">
        <v>40</v>
      </c>
      <c r="Q1009" s="5" t="s">
        <v>1487</v>
      </c>
      <c r="R1009" s="5"/>
      <c r="S1009" s="5" t="s">
        <v>42</v>
      </c>
      <c r="T1009" s="2">
        <v>0</v>
      </c>
      <c r="U1009" s="2">
        <v>0</v>
      </c>
      <c r="V1009" s="2">
        <v>0</v>
      </c>
      <c r="W1009" s="2">
        <v>0</v>
      </c>
      <c r="X1009" s="2">
        <v>0</v>
      </c>
      <c r="Y1009" s="2">
        <v>0</v>
      </c>
      <c r="Z1009" s="5"/>
      <c r="AA1009" s="5" t="s">
        <v>43</v>
      </c>
      <c r="AB1009" s="5" t="s">
        <v>44</v>
      </c>
      <c r="AC1009" s="2" t="s">
        <v>24313</v>
      </c>
      <c r="AD1009" s="1"/>
    </row>
    <row r="1010" spans="1:30">
      <c r="A1010" s="5" t="s">
        <v>83578</v>
      </c>
      <c r="B1010" s="2" t="s">
        <v>86605</v>
      </c>
      <c r="C1010" s="14" t="s">
        <v>86606</v>
      </c>
      <c r="D1010" s="2" t="s">
        <v>86607</v>
      </c>
      <c r="E1010" s="2" t="s">
        <v>24317</v>
      </c>
      <c r="F1010" s="8">
        <v>1829</v>
      </c>
      <c r="G1010" s="5">
        <v>20</v>
      </c>
      <c r="H1010" s="5" t="s">
        <v>69</v>
      </c>
      <c r="I1010" s="5" t="s">
        <v>24252</v>
      </c>
      <c r="J1010" s="2" t="s">
        <v>24253</v>
      </c>
      <c r="K1010" s="5" t="s">
        <v>24252</v>
      </c>
      <c r="L1010" s="2" t="s">
        <v>24253</v>
      </c>
      <c r="M1010" s="5" t="s">
        <v>24254</v>
      </c>
      <c r="N1010" s="5" t="s">
        <v>38</v>
      </c>
      <c r="O1010" s="5" t="s">
        <v>39</v>
      </c>
      <c r="P1010" s="5" t="s">
        <v>40</v>
      </c>
      <c r="Q1010" s="5" t="s">
        <v>1487</v>
      </c>
      <c r="R1010" s="5"/>
      <c r="S1010" s="5" t="s">
        <v>42</v>
      </c>
      <c r="T1010" s="2">
        <v>0</v>
      </c>
      <c r="U1010" s="2">
        <v>0</v>
      </c>
      <c r="V1010" s="2">
        <v>0</v>
      </c>
      <c r="W1010" s="2">
        <v>0</v>
      </c>
      <c r="X1010" s="2">
        <v>0</v>
      </c>
      <c r="Y1010" s="2">
        <v>0</v>
      </c>
      <c r="Z1010" s="5"/>
      <c r="AA1010" s="5" t="s">
        <v>43</v>
      </c>
      <c r="AB1010" s="5" t="s">
        <v>44</v>
      </c>
      <c r="AC1010" s="2" t="s">
        <v>24318</v>
      </c>
      <c r="AD1010" s="1"/>
    </row>
    <row r="1011" spans="1:30">
      <c r="A1011" s="5" t="s">
        <v>83578</v>
      </c>
      <c r="B1011" s="2" t="s">
        <v>86608</v>
      </c>
      <c r="C1011" s="14" t="s">
        <v>86609</v>
      </c>
      <c r="D1011" s="2" t="s">
        <v>86610</v>
      </c>
      <c r="E1011" s="2" t="s">
        <v>24317</v>
      </c>
      <c r="F1011" s="8">
        <v>4700</v>
      </c>
      <c r="G1011" s="5">
        <v>20</v>
      </c>
      <c r="H1011" s="5" t="s">
        <v>69</v>
      </c>
      <c r="I1011" s="5" t="s">
        <v>24259</v>
      </c>
      <c r="J1011" s="2" t="s">
        <v>24260</v>
      </c>
      <c r="K1011" s="5" t="s">
        <v>24259</v>
      </c>
      <c r="L1011" s="2" t="s">
        <v>24260</v>
      </c>
      <c r="M1011" s="5" t="s">
        <v>24254</v>
      </c>
      <c r="N1011" s="5" t="s">
        <v>38</v>
      </c>
      <c r="O1011" s="5" t="s">
        <v>39</v>
      </c>
      <c r="P1011" s="5" t="s">
        <v>40</v>
      </c>
      <c r="Q1011" s="5" t="s">
        <v>1487</v>
      </c>
      <c r="R1011" s="5"/>
      <c r="S1011" s="5"/>
      <c r="T1011" s="2">
        <v>0</v>
      </c>
      <c r="U1011" s="2">
        <v>0</v>
      </c>
      <c r="V1011" s="2">
        <v>0</v>
      </c>
      <c r="W1011" s="2">
        <v>0</v>
      </c>
      <c r="X1011" s="2">
        <v>0</v>
      </c>
      <c r="Y1011" s="2">
        <v>0</v>
      </c>
      <c r="Z1011" s="5"/>
      <c r="AA1011" s="5" t="s">
        <v>43</v>
      </c>
      <c r="AB1011" s="5" t="s">
        <v>44</v>
      </c>
      <c r="AC1011" s="2" t="s">
        <v>24322</v>
      </c>
      <c r="AD1011" s="1"/>
    </row>
    <row r="1012" spans="1:30">
      <c r="A1012" s="5" t="s">
        <v>83578</v>
      </c>
      <c r="B1012" s="2" t="s">
        <v>86611</v>
      </c>
      <c r="C1012" s="14" t="s">
        <v>86612</v>
      </c>
      <c r="D1012" s="2" t="s">
        <v>86613</v>
      </c>
      <c r="E1012" s="2" t="s">
        <v>24296</v>
      </c>
      <c r="F1012" s="8">
        <v>1915</v>
      </c>
      <c r="G1012" s="5">
        <v>20</v>
      </c>
      <c r="H1012" s="5" t="s">
        <v>69</v>
      </c>
      <c r="I1012" s="5" t="s">
        <v>24252</v>
      </c>
      <c r="J1012" s="2" t="s">
        <v>24253</v>
      </c>
      <c r="K1012" s="5" t="s">
        <v>24252</v>
      </c>
      <c r="L1012" s="2" t="s">
        <v>24253</v>
      </c>
      <c r="M1012" s="5" t="s">
        <v>24254</v>
      </c>
      <c r="N1012" s="5" t="s">
        <v>38</v>
      </c>
      <c r="O1012" s="5" t="s">
        <v>39</v>
      </c>
      <c r="P1012" s="5" t="s">
        <v>40</v>
      </c>
      <c r="Q1012" s="5" t="s">
        <v>1487</v>
      </c>
      <c r="R1012" s="5"/>
      <c r="S1012" s="5" t="s">
        <v>42</v>
      </c>
      <c r="T1012" s="2">
        <v>0</v>
      </c>
      <c r="U1012" s="2">
        <v>0</v>
      </c>
      <c r="V1012" s="2">
        <v>0</v>
      </c>
      <c r="W1012" s="2">
        <v>0</v>
      </c>
      <c r="X1012" s="2">
        <v>0</v>
      </c>
      <c r="Y1012" s="2">
        <v>0</v>
      </c>
      <c r="Z1012" s="5"/>
      <c r="AA1012" s="5" t="s">
        <v>43</v>
      </c>
      <c r="AB1012" s="5" t="s">
        <v>44</v>
      </c>
      <c r="AC1012" s="2" t="s">
        <v>24297</v>
      </c>
      <c r="AD1012" s="1"/>
    </row>
    <row r="1013" spans="1:30">
      <c r="A1013" s="5" t="s">
        <v>83578</v>
      </c>
      <c r="B1013" s="2" t="s">
        <v>86614</v>
      </c>
      <c r="C1013" s="14" t="s">
        <v>86615</v>
      </c>
      <c r="D1013" s="2" t="s">
        <v>86616</v>
      </c>
      <c r="E1013" s="2" t="s">
        <v>24427</v>
      </c>
      <c r="F1013" s="8">
        <v>4290</v>
      </c>
      <c r="G1013" s="5">
        <v>20</v>
      </c>
      <c r="H1013" s="5" t="s">
        <v>69</v>
      </c>
      <c r="I1013" s="5" t="s">
        <v>24259</v>
      </c>
      <c r="J1013" s="2" t="s">
        <v>24260</v>
      </c>
      <c r="K1013" s="5" t="s">
        <v>24259</v>
      </c>
      <c r="L1013" s="2" t="s">
        <v>24260</v>
      </c>
      <c r="M1013" s="5" t="s">
        <v>24254</v>
      </c>
      <c r="N1013" s="5" t="s">
        <v>38</v>
      </c>
      <c r="O1013" s="5" t="s">
        <v>39</v>
      </c>
      <c r="P1013" s="5" t="s">
        <v>40</v>
      </c>
      <c r="Q1013" s="5" t="s">
        <v>1487</v>
      </c>
      <c r="R1013" s="5"/>
      <c r="S1013" s="5" t="s">
        <v>42</v>
      </c>
      <c r="T1013" s="2">
        <v>0</v>
      </c>
      <c r="U1013" s="2">
        <v>0</v>
      </c>
      <c r="V1013" s="2">
        <v>0</v>
      </c>
      <c r="W1013" s="2">
        <v>0</v>
      </c>
      <c r="X1013" s="2">
        <v>0</v>
      </c>
      <c r="Y1013" s="2">
        <v>0</v>
      </c>
      <c r="Z1013" s="5"/>
      <c r="AA1013" s="5" t="s">
        <v>43</v>
      </c>
      <c r="AB1013" s="5" t="s">
        <v>44</v>
      </c>
      <c r="AC1013" s="2" t="s">
        <v>24457</v>
      </c>
      <c r="AD1013" s="1"/>
    </row>
    <row r="1014" spans="1:30">
      <c r="A1014" s="5" t="s">
        <v>83578</v>
      </c>
      <c r="B1014" s="2" t="s">
        <v>86617</v>
      </c>
      <c r="C1014" s="14" t="s">
        <v>86618</v>
      </c>
      <c r="D1014" s="2" t="s">
        <v>86619</v>
      </c>
      <c r="E1014" s="2" t="s">
        <v>24461</v>
      </c>
      <c r="F1014" s="8">
        <v>1554</v>
      </c>
      <c r="G1014" s="5">
        <v>20</v>
      </c>
      <c r="H1014" s="5" t="s">
        <v>69</v>
      </c>
      <c r="I1014" s="5" t="s">
        <v>24252</v>
      </c>
      <c r="J1014" s="2" t="s">
        <v>24253</v>
      </c>
      <c r="K1014" s="5" t="s">
        <v>24252</v>
      </c>
      <c r="L1014" s="2" t="s">
        <v>24253</v>
      </c>
      <c r="M1014" s="5" t="s">
        <v>24254</v>
      </c>
      <c r="N1014" s="5" t="s">
        <v>38</v>
      </c>
      <c r="O1014" s="5" t="s">
        <v>39</v>
      </c>
      <c r="P1014" s="5" t="s">
        <v>40</v>
      </c>
      <c r="Q1014" s="5" t="s">
        <v>1487</v>
      </c>
      <c r="R1014" s="5"/>
      <c r="S1014" s="5" t="s">
        <v>42</v>
      </c>
      <c r="T1014" s="2">
        <v>0</v>
      </c>
      <c r="U1014" s="2">
        <v>0</v>
      </c>
      <c r="V1014" s="2">
        <v>0</v>
      </c>
      <c r="W1014" s="2">
        <v>0</v>
      </c>
      <c r="X1014" s="2">
        <v>0</v>
      </c>
      <c r="Y1014" s="2">
        <v>0</v>
      </c>
      <c r="Z1014" s="5"/>
      <c r="AA1014" s="5" t="s">
        <v>43</v>
      </c>
      <c r="AB1014" s="5" t="s">
        <v>44</v>
      </c>
      <c r="AC1014" s="2" t="s">
        <v>24462</v>
      </c>
      <c r="AD1014" s="1"/>
    </row>
    <row r="1015" spans="1:30">
      <c r="A1015" s="5" t="s">
        <v>83578</v>
      </c>
      <c r="B1015" s="2" t="s">
        <v>86620</v>
      </c>
      <c r="C1015" s="14" t="s">
        <v>86621</v>
      </c>
      <c r="D1015" s="2" t="s">
        <v>86622</v>
      </c>
      <c r="E1015" s="2" t="s">
        <v>24461</v>
      </c>
      <c r="F1015" s="8">
        <v>3995</v>
      </c>
      <c r="G1015" s="5">
        <v>20</v>
      </c>
      <c r="H1015" s="5" t="s">
        <v>69</v>
      </c>
      <c r="I1015" s="5" t="s">
        <v>24259</v>
      </c>
      <c r="J1015" s="2" t="s">
        <v>24260</v>
      </c>
      <c r="K1015" s="5" t="s">
        <v>24259</v>
      </c>
      <c r="L1015" s="2" t="s">
        <v>24260</v>
      </c>
      <c r="M1015" s="5" t="s">
        <v>24254</v>
      </c>
      <c r="N1015" s="5" t="s">
        <v>38</v>
      </c>
      <c r="O1015" s="5" t="s">
        <v>39</v>
      </c>
      <c r="P1015" s="5" t="s">
        <v>40</v>
      </c>
      <c r="Q1015" s="5" t="s">
        <v>1487</v>
      </c>
      <c r="R1015" s="5"/>
      <c r="S1015" s="5" t="s">
        <v>42</v>
      </c>
      <c r="T1015" s="2">
        <v>0</v>
      </c>
      <c r="U1015" s="2">
        <v>0</v>
      </c>
      <c r="V1015" s="2">
        <v>0</v>
      </c>
      <c r="W1015" s="2">
        <v>0</v>
      </c>
      <c r="X1015" s="2">
        <v>0</v>
      </c>
      <c r="Y1015" s="2">
        <v>0</v>
      </c>
      <c r="Z1015" s="5"/>
      <c r="AA1015" s="5" t="s">
        <v>43</v>
      </c>
      <c r="AB1015" s="5" t="s">
        <v>44</v>
      </c>
      <c r="AC1015" s="2" t="s">
        <v>24567</v>
      </c>
      <c r="AD1015" s="1"/>
    </row>
    <row r="1016" spans="1:30">
      <c r="A1016" s="5" t="s">
        <v>83578</v>
      </c>
      <c r="B1016" s="2" t="s">
        <v>86623</v>
      </c>
      <c r="C1016" s="14" t="s">
        <v>86624</v>
      </c>
      <c r="D1016" s="2" t="s">
        <v>86625</v>
      </c>
      <c r="E1016" s="2" t="s">
        <v>24461</v>
      </c>
      <c r="F1016" s="8">
        <v>4290</v>
      </c>
      <c r="G1016" s="5">
        <v>20</v>
      </c>
      <c r="H1016" s="5" t="s">
        <v>69</v>
      </c>
      <c r="I1016" s="5" t="s">
        <v>24259</v>
      </c>
      <c r="J1016" s="2" t="s">
        <v>24260</v>
      </c>
      <c r="K1016" s="5" t="s">
        <v>24259</v>
      </c>
      <c r="L1016" s="2" t="s">
        <v>24260</v>
      </c>
      <c r="M1016" s="5" t="s">
        <v>24254</v>
      </c>
      <c r="N1016" s="5" t="s">
        <v>38</v>
      </c>
      <c r="O1016" s="5" t="s">
        <v>39</v>
      </c>
      <c r="P1016" s="5" t="s">
        <v>40</v>
      </c>
      <c r="Q1016" s="5" t="s">
        <v>1487</v>
      </c>
      <c r="R1016" s="5"/>
      <c r="S1016" s="5" t="s">
        <v>42</v>
      </c>
      <c r="T1016" s="2">
        <v>0</v>
      </c>
      <c r="U1016" s="2">
        <v>0</v>
      </c>
      <c r="V1016" s="2">
        <v>0</v>
      </c>
      <c r="W1016" s="2">
        <v>0</v>
      </c>
      <c r="X1016" s="2">
        <v>0</v>
      </c>
      <c r="Y1016" s="2">
        <v>0</v>
      </c>
      <c r="Z1016" s="5"/>
      <c r="AA1016" s="5" t="s">
        <v>43</v>
      </c>
      <c r="AB1016" s="5" t="s">
        <v>44</v>
      </c>
      <c r="AC1016" s="2" t="s">
        <v>86626</v>
      </c>
      <c r="AD1016" s="1"/>
    </row>
    <row r="1017" spans="1:30">
      <c r="A1017" s="5" t="s">
        <v>83578</v>
      </c>
      <c r="B1017" s="2" t="s">
        <v>86627</v>
      </c>
      <c r="C1017" s="14" t="s">
        <v>86628</v>
      </c>
      <c r="D1017" s="2" t="s">
        <v>86629</v>
      </c>
      <c r="E1017" s="2" t="s">
        <v>24427</v>
      </c>
      <c r="F1017" s="8">
        <v>1702</v>
      </c>
      <c r="G1017" s="5">
        <v>20</v>
      </c>
      <c r="H1017" s="5" t="s">
        <v>69</v>
      </c>
      <c r="I1017" s="5" t="s">
        <v>24252</v>
      </c>
      <c r="J1017" s="2" t="s">
        <v>24253</v>
      </c>
      <c r="K1017" s="5" t="s">
        <v>24252</v>
      </c>
      <c r="L1017" s="2" t="s">
        <v>24253</v>
      </c>
      <c r="M1017" s="5" t="s">
        <v>24254</v>
      </c>
      <c r="N1017" s="5" t="s">
        <v>38</v>
      </c>
      <c r="O1017" s="5" t="s">
        <v>39</v>
      </c>
      <c r="P1017" s="5" t="s">
        <v>40</v>
      </c>
      <c r="Q1017" s="5" t="s">
        <v>1487</v>
      </c>
      <c r="R1017" s="5"/>
      <c r="S1017" s="5" t="s">
        <v>42</v>
      </c>
      <c r="T1017" s="2">
        <v>0</v>
      </c>
      <c r="U1017" s="2">
        <v>0</v>
      </c>
      <c r="V1017" s="2">
        <v>0</v>
      </c>
      <c r="W1017" s="2">
        <v>0</v>
      </c>
      <c r="X1017" s="2">
        <v>0</v>
      </c>
      <c r="Y1017" s="2">
        <v>0</v>
      </c>
      <c r="Z1017" s="5"/>
      <c r="AA1017" s="5" t="s">
        <v>43</v>
      </c>
      <c r="AB1017" s="5" t="s">
        <v>44</v>
      </c>
      <c r="AC1017" s="2" t="s">
        <v>24428</v>
      </c>
      <c r="AD1017" s="1"/>
    </row>
    <row r="1018" spans="1:30">
      <c r="A1018" s="5" t="s">
        <v>83578</v>
      </c>
      <c r="B1018" s="2" t="s">
        <v>86630</v>
      </c>
      <c r="C1018" s="14" t="s">
        <v>86631</v>
      </c>
      <c r="D1018" s="2" t="s">
        <v>86632</v>
      </c>
      <c r="E1018" s="2" t="s">
        <v>24427</v>
      </c>
      <c r="F1018" s="8">
        <v>4373</v>
      </c>
      <c r="G1018" s="5">
        <v>20</v>
      </c>
      <c r="H1018" s="5" t="s">
        <v>69</v>
      </c>
      <c r="I1018" s="5" t="s">
        <v>24259</v>
      </c>
      <c r="J1018" s="2" t="s">
        <v>24260</v>
      </c>
      <c r="K1018" s="5" t="s">
        <v>24259</v>
      </c>
      <c r="L1018" s="2" t="s">
        <v>24260</v>
      </c>
      <c r="M1018" s="5" t="s">
        <v>24254</v>
      </c>
      <c r="N1018" s="5" t="s">
        <v>38</v>
      </c>
      <c r="O1018" s="5" t="s">
        <v>39</v>
      </c>
      <c r="P1018" s="5" t="s">
        <v>40</v>
      </c>
      <c r="Q1018" s="5" t="s">
        <v>1487</v>
      </c>
      <c r="R1018" s="5"/>
      <c r="S1018" s="5" t="s">
        <v>42</v>
      </c>
      <c r="T1018" s="2">
        <v>0</v>
      </c>
      <c r="U1018" s="2">
        <v>0</v>
      </c>
      <c r="V1018" s="2">
        <v>0</v>
      </c>
      <c r="W1018" s="2">
        <v>0</v>
      </c>
      <c r="X1018" s="2">
        <v>0</v>
      </c>
      <c r="Y1018" s="2">
        <v>0</v>
      </c>
      <c r="Z1018" s="5"/>
      <c r="AA1018" s="5" t="s">
        <v>43</v>
      </c>
      <c r="AB1018" s="5" t="s">
        <v>44</v>
      </c>
      <c r="AC1018" s="2" t="s">
        <v>24432</v>
      </c>
      <c r="AD1018" s="1"/>
    </row>
    <row r="1019" spans="1:30">
      <c r="A1019" s="5" t="s">
        <v>83578</v>
      </c>
      <c r="B1019" s="2" t="s">
        <v>86633</v>
      </c>
      <c r="C1019" s="14" t="s">
        <v>86634</v>
      </c>
      <c r="D1019" s="2" t="s">
        <v>86635</v>
      </c>
      <c r="E1019" s="2" t="s">
        <v>24427</v>
      </c>
      <c r="F1019" s="8">
        <v>4697</v>
      </c>
      <c r="G1019" s="5">
        <v>20</v>
      </c>
      <c r="H1019" s="5" t="s">
        <v>69</v>
      </c>
      <c r="I1019" s="5" t="s">
        <v>24259</v>
      </c>
      <c r="J1019" s="2" t="s">
        <v>24260</v>
      </c>
      <c r="K1019" s="5" t="s">
        <v>24259</v>
      </c>
      <c r="L1019" s="2" t="s">
        <v>24260</v>
      </c>
      <c r="M1019" s="5" t="s">
        <v>24254</v>
      </c>
      <c r="N1019" s="5" t="s">
        <v>38</v>
      </c>
      <c r="O1019" s="5" t="s">
        <v>39</v>
      </c>
      <c r="P1019" s="5" t="s">
        <v>40</v>
      </c>
      <c r="Q1019" s="5" t="s">
        <v>1487</v>
      </c>
      <c r="R1019" s="5"/>
      <c r="S1019" s="5" t="s">
        <v>42</v>
      </c>
      <c r="T1019" s="2">
        <v>0</v>
      </c>
      <c r="U1019" s="2">
        <v>0</v>
      </c>
      <c r="V1019" s="2">
        <v>0</v>
      </c>
      <c r="W1019" s="2">
        <v>0</v>
      </c>
      <c r="X1019" s="2">
        <v>0</v>
      </c>
      <c r="Y1019" s="2">
        <v>0</v>
      </c>
      <c r="Z1019" s="5"/>
      <c r="AA1019" s="5" t="s">
        <v>43</v>
      </c>
      <c r="AB1019" s="5" t="s">
        <v>44</v>
      </c>
      <c r="AC1019" s="2" t="s">
        <v>24457</v>
      </c>
      <c r="AD1019" s="1"/>
    </row>
    <row r="1020" spans="1:30">
      <c r="A1020" s="5" t="s">
        <v>83578</v>
      </c>
      <c r="B1020" s="2" t="s">
        <v>86636</v>
      </c>
      <c r="C1020" s="14" t="s">
        <v>86637</v>
      </c>
      <c r="D1020" s="2" t="s">
        <v>86638</v>
      </c>
      <c r="E1020" s="2" t="s">
        <v>24461</v>
      </c>
      <c r="F1020" s="8">
        <v>1702</v>
      </c>
      <c r="G1020" s="5">
        <v>20</v>
      </c>
      <c r="H1020" s="5" t="s">
        <v>69</v>
      </c>
      <c r="I1020" s="5" t="s">
        <v>24252</v>
      </c>
      <c r="J1020" s="2" t="s">
        <v>24253</v>
      </c>
      <c r="K1020" s="5" t="s">
        <v>24252</v>
      </c>
      <c r="L1020" s="2" t="s">
        <v>24253</v>
      </c>
      <c r="M1020" s="5" t="s">
        <v>24254</v>
      </c>
      <c r="N1020" s="5" t="s">
        <v>38</v>
      </c>
      <c r="O1020" s="5" t="s">
        <v>39</v>
      </c>
      <c r="P1020" s="5" t="s">
        <v>40</v>
      </c>
      <c r="Q1020" s="5" t="s">
        <v>1487</v>
      </c>
      <c r="R1020" s="5"/>
      <c r="S1020" s="5" t="s">
        <v>42</v>
      </c>
      <c r="T1020" s="2">
        <v>0</v>
      </c>
      <c r="U1020" s="2">
        <v>0</v>
      </c>
      <c r="V1020" s="2">
        <v>0</v>
      </c>
      <c r="W1020" s="2">
        <v>0</v>
      </c>
      <c r="X1020" s="2">
        <v>0</v>
      </c>
      <c r="Y1020" s="2">
        <v>0</v>
      </c>
      <c r="Z1020" s="5"/>
      <c r="AA1020" s="5" t="s">
        <v>43</v>
      </c>
      <c r="AB1020" s="5" t="s">
        <v>44</v>
      </c>
      <c r="AC1020" s="2" t="s">
        <v>24462</v>
      </c>
      <c r="AD1020" s="1"/>
    </row>
    <row r="1021" spans="1:30">
      <c r="A1021" s="5" t="s">
        <v>83578</v>
      </c>
      <c r="B1021" s="2" t="s">
        <v>86639</v>
      </c>
      <c r="C1021" s="14" t="s">
        <v>86640</v>
      </c>
      <c r="D1021" s="2" t="s">
        <v>86641</v>
      </c>
      <c r="E1021" s="2" t="s">
        <v>24461</v>
      </c>
      <c r="F1021" s="8">
        <v>4373</v>
      </c>
      <c r="G1021" s="5">
        <v>20</v>
      </c>
      <c r="H1021" s="5" t="s">
        <v>69</v>
      </c>
      <c r="I1021" s="5" t="s">
        <v>24259</v>
      </c>
      <c r="J1021" s="2" t="s">
        <v>24260</v>
      </c>
      <c r="K1021" s="5" t="s">
        <v>24259</v>
      </c>
      <c r="L1021" s="2" t="s">
        <v>24260</v>
      </c>
      <c r="M1021" s="5" t="s">
        <v>24254</v>
      </c>
      <c r="N1021" s="5" t="s">
        <v>38</v>
      </c>
      <c r="O1021" s="5" t="s">
        <v>39</v>
      </c>
      <c r="P1021" s="5" t="s">
        <v>40</v>
      </c>
      <c r="Q1021" s="5" t="s">
        <v>1487</v>
      </c>
      <c r="R1021" s="5"/>
      <c r="S1021" s="5" t="s">
        <v>42</v>
      </c>
      <c r="T1021" s="2">
        <v>0</v>
      </c>
      <c r="U1021" s="2">
        <v>0</v>
      </c>
      <c r="V1021" s="2">
        <v>0</v>
      </c>
      <c r="W1021" s="2">
        <v>0</v>
      </c>
      <c r="X1021" s="2">
        <v>0</v>
      </c>
      <c r="Y1021" s="2">
        <v>0</v>
      </c>
      <c r="Z1021" s="5"/>
      <c r="AA1021" s="5" t="s">
        <v>43</v>
      </c>
      <c r="AB1021" s="5" t="s">
        <v>44</v>
      </c>
      <c r="AC1021" s="2" t="s">
        <v>24567</v>
      </c>
      <c r="AD1021" s="1"/>
    </row>
    <row r="1022" spans="1:30">
      <c r="A1022" s="5" t="s">
        <v>83578</v>
      </c>
      <c r="B1022" s="2" t="s">
        <v>86642</v>
      </c>
      <c r="C1022" s="14" t="s">
        <v>86643</v>
      </c>
      <c r="D1022" s="2" t="s">
        <v>86644</v>
      </c>
      <c r="E1022" s="2" t="s">
        <v>24461</v>
      </c>
      <c r="F1022" s="8">
        <v>4697</v>
      </c>
      <c r="G1022" s="5">
        <v>20</v>
      </c>
      <c r="H1022" s="5" t="s">
        <v>69</v>
      </c>
      <c r="I1022" s="5" t="s">
        <v>24259</v>
      </c>
      <c r="J1022" s="2" t="s">
        <v>24260</v>
      </c>
      <c r="K1022" s="5" t="s">
        <v>24259</v>
      </c>
      <c r="L1022" s="2" t="s">
        <v>24260</v>
      </c>
      <c r="M1022" s="5" t="s">
        <v>24254</v>
      </c>
      <c r="N1022" s="5" t="s">
        <v>38</v>
      </c>
      <c r="O1022" s="5" t="s">
        <v>39</v>
      </c>
      <c r="P1022" s="5" t="s">
        <v>40</v>
      </c>
      <c r="Q1022" s="5" t="s">
        <v>1487</v>
      </c>
      <c r="R1022" s="5"/>
      <c r="S1022" s="5" t="s">
        <v>42</v>
      </c>
      <c r="T1022" s="2">
        <v>0</v>
      </c>
      <c r="U1022" s="2">
        <v>0</v>
      </c>
      <c r="V1022" s="2">
        <v>0</v>
      </c>
      <c r="W1022" s="2">
        <v>0</v>
      </c>
      <c r="X1022" s="2">
        <v>0</v>
      </c>
      <c r="Y1022" s="2">
        <v>0</v>
      </c>
      <c r="Z1022" s="5"/>
      <c r="AA1022" s="5" t="s">
        <v>43</v>
      </c>
      <c r="AB1022" s="5" t="s">
        <v>44</v>
      </c>
      <c r="AC1022" s="2" t="s">
        <v>86626</v>
      </c>
      <c r="AD1022" s="1"/>
    </row>
    <row r="1023" spans="1:30">
      <c r="A1023" s="5" t="s">
        <v>83578</v>
      </c>
      <c r="B1023" s="2" t="s">
        <v>86645</v>
      </c>
      <c r="C1023" s="14" t="s">
        <v>86646</v>
      </c>
      <c r="D1023" s="2" t="s">
        <v>86647</v>
      </c>
      <c r="E1023" s="2" t="s">
        <v>24427</v>
      </c>
      <c r="F1023" s="8">
        <v>4037</v>
      </c>
      <c r="G1023" s="5">
        <v>20</v>
      </c>
      <c r="H1023" s="5" t="s">
        <v>69</v>
      </c>
      <c r="I1023" s="5" t="s">
        <v>24259</v>
      </c>
      <c r="J1023" s="2" t="s">
        <v>24260</v>
      </c>
      <c r="K1023" s="5" t="s">
        <v>24259</v>
      </c>
      <c r="L1023" s="2" t="s">
        <v>24260</v>
      </c>
      <c r="M1023" s="5" t="s">
        <v>24254</v>
      </c>
      <c r="N1023" s="5" t="s">
        <v>38</v>
      </c>
      <c r="O1023" s="5" t="s">
        <v>39</v>
      </c>
      <c r="P1023" s="5" t="s">
        <v>40</v>
      </c>
      <c r="Q1023" s="5" t="s">
        <v>1487</v>
      </c>
      <c r="R1023" s="5"/>
      <c r="S1023" s="5" t="s">
        <v>42</v>
      </c>
      <c r="T1023" s="2">
        <v>0</v>
      </c>
      <c r="U1023" s="2">
        <v>0</v>
      </c>
      <c r="V1023" s="2">
        <v>0</v>
      </c>
      <c r="W1023" s="2">
        <v>0</v>
      </c>
      <c r="X1023" s="2">
        <v>0</v>
      </c>
      <c r="Y1023" s="2">
        <v>0</v>
      </c>
      <c r="Z1023" s="5"/>
      <c r="AA1023" s="5" t="s">
        <v>43</v>
      </c>
      <c r="AB1023" s="5" t="s">
        <v>44</v>
      </c>
      <c r="AC1023" s="2" t="s">
        <v>24432</v>
      </c>
      <c r="AD1023" s="1"/>
    </row>
    <row r="1024" spans="1:30">
      <c r="A1024" s="5" t="s">
        <v>83578</v>
      </c>
      <c r="B1024" s="2" t="s">
        <v>86648</v>
      </c>
      <c r="C1024" s="14" t="s">
        <v>86649</v>
      </c>
      <c r="D1024" s="2" t="s">
        <v>86650</v>
      </c>
      <c r="E1024" s="2" t="s">
        <v>24461</v>
      </c>
      <c r="F1024" s="8">
        <v>4037</v>
      </c>
      <c r="G1024" s="5">
        <v>20</v>
      </c>
      <c r="H1024" s="5" t="s">
        <v>69</v>
      </c>
      <c r="I1024" s="5" t="s">
        <v>24259</v>
      </c>
      <c r="J1024" s="2" t="s">
        <v>24260</v>
      </c>
      <c r="K1024" s="5" t="s">
        <v>24259</v>
      </c>
      <c r="L1024" s="2" t="s">
        <v>24260</v>
      </c>
      <c r="M1024" s="5" t="s">
        <v>24254</v>
      </c>
      <c r="N1024" s="5" t="s">
        <v>38</v>
      </c>
      <c r="O1024" s="5" t="s">
        <v>39</v>
      </c>
      <c r="P1024" s="5" t="s">
        <v>40</v>
      </c>
      <c r="Q1024" s="5" t="s">
        <v>1487</v>
      </c>
      <c r="R1024" s="5"/>
      <c r="S1024" s="5" t="s">
        <v>42</v>
      </c>
      <c r="T1024" s="2">
        <v>0</v>
      </c>
      <c r="U1024" s="2">
        <v>0</v>
      </c>
      <c r="V1024" s="2">
        <v>0</v>
      </c>
      <c r="W1024" s="2">
        <v>0</v>
      </c>
      <c r="X1024" s="2">
        <v>0</v>
      </c>
      <c r="Y1024" s="2">
        <v>0</v>
      </c>
      <c r="Z1024" s="5"/>
      <c r="AA1024" s="5" t="s">
        <v>43</v>
      </c>
      <c r="AB1024" s="5" t="s">
        <v>44</v>
      </c>
      <c r="AC1024" s="2" t="s">
        <v>24567</v>
      </c>
      <c r="AD1024" s="1"/>
    </row>
    <row r="1025" spans="1:30">
      <c r="A1025" s="5" t="s">
        <v>83578</v>
      </c>
      <c r="B1025" s="2" t="s">
        <v>86651</v>
      </c>
      <c r="C1025" s="14" t="s">
        <v>86652</v>
      </c>
      <c r="D1025" s="2" t="s">
        <v>86653</v>
      </c>
      <c r="E1025" s="2" t="s">
        <v>24461</v>
      </c>
      <c r="F1025" s="8">
        <v>4335</v>
      </c>
      <c r="G1025" s="5">
        <v>20</v>
      </c>
      <c r="H1025" s="5" t="s">
        <v>69</v>
      </c>
      <c r="I1025" s="5" t="s">
        <v>24259</v>
      </c>
      <c r="J1025" s="2" t="s">
        <v>24260</v>
      </c>
      <c r="K1025" s="5" t="s">
        <v>24259</v>
      </c>
      <c r="L1025" s="2" t="s">
        <v>24260</v>
      </c>
      <c r="M1025" s="5" t="s">
        <v>24254</v>
      </c>
      <c r="N1025" s="5" t="s">
        <v>38</v>
      </c>
      <c r="O1025" s="5" t="s">
        <v>39</v>
      </c>
      <c r="P1025" s="5" t="s">
        <v>40</v>
      </c>
      <c r="Q1025" s="5" t="s">
        <v>1487</v>
      </c>
      <c r="R1025" s="5"/>
      <c r="S1025" s="5" t="s">
        <v>42</v>
      </c>
      <c r="T1025" s="2">
        <v>0</v>
      </c>
      <c r="U1025" s="2">
        <v>0</v>
      </c>
      <c r="V1025" s="2">
        <v>0</v>
      </c>
      <c r="W1025" s="2">
        <v>0</v>
      </c>
      <c r="X1025" s="2">
        <v>0</v>
      </c>
      <c r="Y1025" s="2">
        <v>0</v>
      </c>
      <c r="Z1025" s="5"/>
      <c r="AA1025" s="5" t="s">
        <v>43</v>
      </c>
      <c r="AB1025" s="5" t="s">
        <v>44</v>
      </c>
      <c r="AC1025" s="2" t="s">
        <v>86626</v>
      </c>
      <c r="AD1025" s="1"/>
    </row>
    <row r="1026" spans="1:30">
      <c r="A1026" s="5" t="s">
        <v>83578</v>
      </c>
      <c r="B1026" s="2" t="s">
        <v>86654</v>
      </c>
      <c r="C1026" s="14" t="s">
        <v>86655</v>
      </c>
      <c r="D1026" s="2" t="s">
        <v>86656</v>
      </c>
      <c r="E1026" s="2" t="s">
        <v>24427</v>
      </c>
      <c r="F1026" s="8">
        <v>4516</v>
      </c>
      <c r="G1026" s="5">
        <v>20</v>
      </c>
      <c r="H1026" s="5" t="s">
        <v>69</v>
      </c>
      <c r="I1026" s="5" t="s">
        <v>24259</v>
      </c>
      <c r="J1026" s="2" t="s">
        <v>24260</v>
      </c>
      <c r="K1026" s="5" t="s">
        <v>24259</v>
      </c>
      <c r="L1026" s="2" t="s">
        <v>24260</v>
      </c>
      <c r="M1026" s="5" t="s">
        <v>24254</v>
      </c>
      <c r="N1026" s="5" t="s">
        <v>38</v>
      </c>
      <c r="O1026" s="5" t="s">
        <v>39</v>
      </c>
      <c r="P1026" s="5" t="s">
        <v>40</v>
      </c>
      <c r="Q1026" s="5" t="s">
        <v>1487</v>
      </c>
      <c r="R1026" s="5"/>
      <c r="S1026" s="5" t="s">
        <v>42</v>
      </c>
      <c r="T1026" s="2">
        <v>0</v>
      </c>
      <c r="U1026" s="2">
        <v>0</v>
      </c>
      <c r="V1026" s="2">
        <v>0</v>
      </c>
      <c r="W1026" s="2">
        <v>0</v>
      </c>
      <c r="X1026" s="2">
        <v>0</v>
      </c>
      <c r="Y1026" s="2">
        <v>0</v>
      </c>
      <c r="Z1026" s="5"/>
      <c r="AA1026" s="5" t="s">
        <v>43</v>
      </c>
      <c r="AB1026" s="5" t="s">
        <v>44</v>
      </c>
      <c r="AC1026" s="2" t="s">
        <v>24457</v>
      </c>
      <c r="AD1026" s="1"/>
    </row>
    <row r="1027" spans="1:30">
      <c r="A1027" s="5" t="s">
        <v>83578</v>
      </c>
      <c r="B1027" s="2" t="s">
        <v>86657</v>
      </c>
      <c r="C1027" s="14" t="s">
        <v>86658</v>
      </c>
      <c r="D1027" s="2" t="s">
        <v>86659</v>
      </c>
      <c r="E1027" s="2" t="s">
        <v>24461</v>
      </c>
      <c r="F1027" s="8">
        <v>4205</v>
      </c>
      <c r="G1027" s="5">
        <v>20</v>
      </c>
      <c r="H1027" s="5" t="s">
        <v>69</v>
      </c>
      <c r="I1027" s="5" t="s">
        <v>24259</v>
      </c>
      <c r="J1027" s="2" t="s">
        <v>24260</v>
      </c>
      <c r="K1027" s="5" t="s">
        <v>24259</v>
      </c>
      <c r="L1027" s="2" t="s">
        <v>24260</v>
      </c>
      <c r="M1027" s="5" t="s">
        <v>24254</v>
      </c>
      <c r="N1027" s="5" t="s">
        <v>38</v>
      </c>
      <c r="O1027" s="5" t="s">
        <v>39</v>
      </c>
      <c r="P1027" s="5" t="s">
        <v>40</v>
      </c>
      <c r="Q1027" s="5" t="s">
        <v>1487</v>
      </c>
      <c r="R1027" s="5"/>
      <c r="S1027" s="5" t="s">
        <v>42</v>
      </c>
      <c r="T1027" s="2">
        <v>0</v>
      </c>
      <c r="U1027" s="2">
        <v>0</v>
      </c>
      <c r="V1027" s="2">
        <v>0</v>
      </c>
      <c r="W1027" s="2">
        <v>0</v>
      </c>
      <c r="X1027" s="2">
        <v>0</v>
      </c>
      <c r="Y1027" s="2">
        <v>0</v>
      </c>
      <c r="Z1027" s="5"/>
      <c r="AA1027" s="5" t="s">
        <v>43</v>
      </c>
      <c r="AB1027" s="5" t="s">
        <v>44</v>
      </c>
      <c r="AC1027" s="2" t="s">
        <v>24567</v>
      </c>
      <c r="AD1027" s="1"/>
    </row>
    <row r="1028" spans="1:30">
      <c r="A1028" s="5" t="s">
        <v>83578</v>
      </c>
      <c r="B1028" s="2" t="s">
        <v>86660</v>
      </c>
      <c r="C1028" s="14" t="s">
        <v>86661</v>
      </c>
      <c r="D1028" s="2" t="s">
        <v>86662</v>
      </c>
      <c r="E1028" s="2" t="s">
        <v>24461</v>
      </c>
      <c r="F1028" s="8">
        <v>4516</v>
      </c>
      <c r="G1028" s="5">
        <v>20</v>
      </c>
      <c r="H1028" s="5" t="s">
        <v>69</v>
      </c>
      <c r="I1028" s="5" t="s">
        <v>24259</v>
      </c>
      <c r="J1028" s="2" t="s">
        <v>24260</v>
      </c>
      <c r="K1028" s="5" t="s">
        <v>24259</v>
      </c>
      <c r="L1028" s="2" t="s">
        <v>24260</v>
      </c>
      <c r="M1028" s="5" t="s">
        <v>24254</v>
      </c>
      <c r="N1028" s="5" t="s">
        <v>38</v>
      </c>
      <c r="O1028" s="5" t="s">
        <v>39</v>
      </c>
      <c r="P1028" s="5" t="s">
        <v>40</v>
      </c>
      <c r="Q1028" s="5" t="s">
        <v>1487</v>
      </c>
      <c r="R1028" s="5"/>
      <c r="S1028" s="5" t="s">
        <v>42</v>
      </c>
      <c r="T1028" s="2">
        <v>0</v>
      </c>
      <c r="U1028" s="2">
        <v>0</v>
      </c>
      <c r="V1028" s="2">
        <v>0</v>
      </c>
      <c r="W1028" s="2">
        <v>0</v>
      </c>
      <c r="X1028" s="2">
        <v>0</v>
      </c>
      <c r="Y1028" s="2">
        <v>0</v>
      </c>
      <c r="Z1028" s="5"/>
      <c r="AA1028" s="5" t="s">
        <v>43</v>
      </c>
      <c r="AB1028" s="5" t="s">
        <v>44</v>
      </c>
      <c r="AC1028" s="2" t="s">
        <v>86626</v>
      </c>
      <c r="AD1028" s="1"/>
    </row>
    <row r="1029" spans="1:30">
      <c r="A1029" s="5" t="s">
        <v>83578</v>
      </c>
      <c r="B1029" s="2" t="s">
        <v>86663</v>
      </c>
      <c r="C1029" s="14" t="s">
        <v>86664</v>
      </c>
      <c r="D1029" s="2" t="s">
        <v>86665</v>
      </c>
      <c r="E1029" s="2" t="s">
        <v>24427</v>
      </c>
      <c r="F1029" s="8">
        <v>4787</v>
      </c>
      <c r="G1029" s="5">
        <v>20</v>
      </c>
      <c r="H1029" s="5" t="s">
        <v>69</v>
      </c>
      <c r="I1029" s="5" t="s">
        <v>24259</v>
      </c>
      <c r="J1029" s="2" t="s">
        <v>24260</v>
      </c>
      <c r="K1029" s="5" t="s">
        <v>24259</v>
      </c>
      <c r="L1029" s="2" t="s">
        <v>24260</v>
      </c>
      <c r="M1029" s="5" t="s">
        <v>24254</v>
      </c>
      <c r="N1029" s="5" t="s">
        <v>38</v>
      </c>
      <c r="O1029" s="5" t="s">
        <v>39</v>
      </c>
      <c r="P1029" s="5" t="s">
        <v>40</v>
      </c>
      <c r="Q1029" s="5" t="s">
        <v>1487</v>
      </c>
      <c r="R1029" s="5"/>
      <c r="S1029" s="5" t="s">
        <v>42</v>
      </c>
      <c r="T1029" s="2">
        <v>0</v>
      </c>
      <c r="U1029" s="2">
        <v>0</v>
      </c>
      <c r="V1029" s="2">
        <v>0</v>
      </c>
      <c r="W1029" s="2">
        <v>0</v>
      </c>
      <c r="X1029" s="2">
        <v>0</v>
      </c>
      <c r="Y1029" s="2">
        <v>0</v>
      </c>
      <c r="Z1029" s="5"/>
      <c r="AA1029" s="5" t="s">
        <v>43</v>
      </c>
      <c r="AB1029" s="5" t="s">
        <v>44</v>
      </c>
      <c r="AC1029" s="2" t="s">
        <v>24457</v>
      </c>
      <c r="AD1029" s="1"/>
    </row>
    <row r="1030" spans="1:30">
      <c r="A1030" s="5" t="s">
        <v>83578</v>
      </c>
      <c r="B1030" s="2" t="s">
        <v>86666</v>
      </c>
      <c r="C1030" s="14" t="s">
        <v>86667</v>
      </c>
      <c r="D1030" s="2" t="s">
        <v>86668</v>
      </c>
      <c r="E1030" s="2" t="s">
        <v>24461</v>
      </c>
      <c r="F1030" s="8">
        <v>1734</v>
      </c>
      <c r="G1030" s="5">
        <v>20</v>
      </c>
      <c r="H1030" s="5" t="s">
        <v>69</v>
      </c>
      <c r="I1030" s="5" t="s">
        <v>24252</v>
      </c>
      <c r="J1030" s="2" t="s">
        <v>24253</v>
      </c>
      <c r="K1030" s="5" t="s">
        <v>24252</v>
      </c>
      <c r="L1030" s="2" t="s">
        <v>24253</v>
      </c>
      <c r="M1030" s="5" t="s">
        <v>24254</v>
      </c>
      <c r="N1030" s="5" t="s">
        <v>38</v>
      </c>
      <c r="O1030" s="5" t="s">
        <v>39</v>
      </c>
      <c r="P1030" s="5" t="s">
        <v>40</v>
      </c>
      <c r="Q1030" s="5" t="s">
        <v>1487</v>
      </c>
      <c r="R1030" s="5"/>
      <c r="S1030" s="5" t="s">
        <v>42</v>
      </c>
      <c r="T1030" s="2">
        <v>0</v>
      </c>
      <c r="U1030" s="2">
        <v>0</v>
      </c>
      <c r="V1030" s="2">
        <v>0</v>
      </c>
      <c r="W1030" s="2">
        <v>0</v>
      </c>
      <c r="X1030" s="2">
        <v>0</v>
      </c>
      <c r="Y1030" s="2">
        <v>0</v>
      </c>
      <c r="Z1030" s="5"/>
      <c r="AA1030" s="5" t="s">
        <v>43</v>
      </c>
      <c r="AB1030" s="5" t="s">
        <v>44</v>
      </c>
      <c r="AC1030" s="2" t="s">
        <v>24462</v>
      </c>
      <c r="AD1030" s="1"/>
    </row>
    <row r="1031" spans="1:30">
      <c r="A1031" s="5" t="s">
        <v>83578</v>
      </c>
      <c r="B1031" s="2" t="s">
        <v>86669</v>
      </c>
      <c r="C1031" s="14" t="s">
        <v>86670</v>
      </c>
      <c r="D1031" s="2" t="s">
        <v>86671</v>
      </c>
      <c r="E1031" s="2" t="s">
        <v>24461</v>
      </c>
      <c r="F1031" s="8">
        <v>4457</v>
      </c>
      <c r="G1031" s="5">
        <v>20</v>
      </c>
      <c r="H1031" s="5" t="s">
        <v>69</v>
      </c>
      <c r="I1031" s="5" t="s">
        <v>24259</v>
      </c>
      <c r="J1031" s="2" t="s">
        <v>24260</v>
      </c>
      <c r="K1031" s="5" t="s">
        <v>24259</v>
      </c>
      <c r="L1031" s="2" t="s">
        <v>24260</v>
      </c>
      <c r="M1031" s="5" t="s">
        <v>24254</v>
      </c>
      <c r="N1031" s="5" t="s">
        <v>38</v>
      </c>
      <c r="O1031" s="5" t="s">
        <v>39</v>
      </c>
      <c r="P1031" s="5" t="s">
        <v>40</v>
      </c>
      <c r="Q1031" s="5" t="s">
        <v>1487</v>
      </c>
      <c r="R1031" s="5"/>
      <c r="S1031" s="5" t="s">
        <v>42</v>
      </c>
      <c r="T1031" s="2">
        <v>0</v>
      </c>
      <c r="U1031" s="2">
        <v>0</v>
      </c>
      <c r="V1031" s="2">
        <v>0</v>
      </c>
      <c r="W1031" s="2">
        <v>0</v>
      </c>
      <c r="X1031" s="2">
        <v>0</v>
      </c>
      <c r="Y1031" s="2">
        <v>0</v>
      </c>
      <c r="Z1031" s="5"/>
      <c r="AA1031" s="5" t="s">
        <v>43</v>
      </c>
      <c r="AB1031" s="5" t="s">
        <v>44</v>
      </c>
      <c r="AC1031" s="2" t="s">
        <v>24567</v>
      </c>
      <c r="AD1031" s="1"/>
    </row>
    <row r="1032" spans="1:30">
      <c r="A1032" s="5" t="s">
        <v>83578</v>
      </c>
      <c r="B1032" s="2" t="s">
        <v>86672</v>
      </c>
      <c r="C1032" s="14" t="s">
        <v>86673</v>
      </c>
      <c r="D1032" s="2" t="s">
        <v>86674</v>
      </c>
      <c r="E1032" s="2" t="s">
        <v>24461</v>
      </c>
      <c r="F1032" s="8">
        <v>4787</v>
      </c>
      <c r="G1032" s="5">
        <v>20</v>
      </c>
      <c r="H1032" s="5" t="s">
        <v>69</v>
      </c>
      <c r="I1032" s="5" t="s">
        <v>24259</v>
      </c>
      <c r="J1032" s="2" t="s">
        <v>24260</v>
      </c>
      <c r="K1032" s="5" t="s">
        <v>24259</v>
      </c>
      <c r="L1032" s="2" t="s">
        <v>24260</v>
      </c>
      <c r="M1032" s="5" t="s">
        <v>24254</v>
      </c>
      <c r="N1032" s="5" t="s">
        <v>38</v>
      </c>
      <c r="O1032" s="5" t="s">
        <v>39</v>
      </c>
      <c r="P1032" s="5" t="s">
        <v>40</v>
      </c>
      <c r="Q1032" s="5" t="s">
        <v>1487</v>
      </c>
      <c r="R1032" s="5"/>
      <c r="S1032" s="5" t="s">
        <v>42</v>
      </c>
      <c r="T1032" s="2">
        <v>0</v>
      </c>
      <c r="U1032" s="2">
        <v>0</v>
      </c>
      <c r="V1032" s="2">
        <v>0</v>
      </c>
      <c r="W1032" s="2">
        <v>0</v>
      </c>
      <c r="X1032" s="2">
        <v>0</v>
      </c>
      <c r="Y1032" s="2">
        <v>0</v>
      </c>
      <c r="Z1032" s="5"/>
      <c r="AA1032" s="5" t="s">
        <v>43</v>
      </c>
      <c r="AB1032" s="5" t="s">
        <v>44</v>
      </c>
      <c r="AC1032" s="2" t="s">
        <v>86626</v>
      </c>
      <c r="AD1032" s="1"/>
    </row>
    <row r="1033" spans="1:30">
      <c r="A1033" s="5" t="s">
        <v>83578</v>
      </c>
      <c r="B1033" s="2" t="s">
        <v>86675</v>
      </c>
      <c r="C1033" s="14" t="s">
        <v>86676</v>
      </c>
      <c r="D1033" s="2" t="s">
        <v>86677</v>
      </c>
      <c r="E1033" s="2" t="s">
        <v>24427</v>
      </c>
      <c r="F1033" s="8">
        <v>1882</v>
      </c>
      <c r="G1033" s="5">
        <v>20</v>
      </c>
      <c r="H1033" s="5" t="s">
        <v>69</v>
      </c>
      <c r="I1033" s="5" t="s">
        <v>24252</v>
      </c>
      <c r="J1033" s="2" t="s">
        <v>24253</v>
      </c>
      <c r="K1033" s="5" t="s">
        <v>24252</v>
      </c>
      <c r="L1033" s="2" t="s">
        <v>24253</v>
      </c>
      <c r="M1033" s="5" t="s">
        <v>24254</v>
      </c>
      <c r="N1033" s="5" t="s">
        <v>38</v>
      </c>
      <c r="O1033" s="5" t="s">
        <v>39</v>
      </c>
      <c r="P1033" s="5" t="s">
        <v>40</v>
      </c>
      <c r="Q1033" s="5" t="s">
        <v>1487</v>
      </c>
      <c r="R1033" s="5"/>
      <c r="S1033" s="5" t="s">
        <v>42</v>
      </c>
      <c r="T1033" s="2">
        <v>0</v>
      </c>
      <c r="U1033" s="2">
        <v>0</v>
      </c>
      <c r="V1033" s="2">
        <v>0</v>
      </c>
      <c r="W1033" s="2">
        <v>0</v>
      </c>
      <c r="X1033" s="2">
        <v>0</v>
      </c>
      <c r="Y1033" s="2">
        <v>0</v>
      </c>
      <c r="Z1033" s="5"/>
      <c r="AA1033" s="5" t="s">
        <v>43</v>
      </c>
      <c r="AB1033" s="5" t="s">
        <v>44</v>
      </c>
      <c r="AC1033" s="2" t="s">
        <v>24428</v>
      </c>
      <c r="AD1033" s="1"/>
    </row>
    <row r="1034" spans="1:30">
      <c r="A1034" s="5" t="s">
        <v>83578</v>
      </c>
      <c r="B1034" s="2" t="s">
        <v>86678</v>
      </c>
      <c r="C1034" s="14" t="s">
        <v>86679</v>
      </c>
      <c r="D1034" s="2" t="s">
        <v>86680</v>
      </c>
      <c r="E1034" s="2" t="s">
        <v>24427</v>
      </c>
      <c r="F1034" s="8">
        <v>4836</v>
      </c>
      <c r="G1034" s="5">
        <v>20</v>
      </c>
      <c r="H1034" s="5" t="s">
        <v>69</v>
      </c>
      <c r="I1034" s="5" t="s">
        <v>24259</v>
      </c>
      <c r="J1034" s="2" t="s">
        <v>24260</v>
      </c>
      <c r="K1034" s="5" t="s">
        <v>24259</v>
      </c>
      <c r="L1034" s="2" t="s">
        <v>24260</v>
      </c>
      <c r="M1034" s="5" t="s">
        <v>24254</v>
      </c>
      <c r="N1034" s="5" t="s">
        <v>38</v>
      </c>
      <c r="O1034" s="5" t="s">
        <v>39</v>
      </c>
      <c r="P1034" s="5" t="s">
        <v>40</v>
      </c>
      <c r="Q1034" s="5" t="s">
        <v>1487</v>
      </c>
      <c r="R1034" s="5"/>
      <c r="S1034" s="5" t="s">
        <v>42</v>
      </c>
      <c r="T1034" s="2">
        <v>0</v>
      </c>
      <c r="U1034" s="2">
        <v>0</v>
      </c>
      <c r="V1034" s="2">
        <v>0</v>
      </c>
      <c r="W1034" s="2">
        <v>0</v>
      </c>
      <c r="X1034" s="2">
        <v>0</v>
      </c>
      <c r="Y1034" s="2">
        <v>0</v>
      </c>
      <c r="Z1034" s="5"/>
      <c r="AA1034" s="5" t="s">
        <v>43</v>
      </c>
      <c r="AB1034" s="5" t="s">
        <v>44</v>
      </c>
      <c r="AC1034" s="2" t="s">
        <v>24432</v>
      </c>
      <c r="AD1034" s="1"/>
    </row>
    <row r="1035" spans="1:30">
      <c r="A1035" s="5" t="s">
        <v>83578</v>
      </c>
      <c r="B1035" s="2" t="s">
        <v>86681</v>
      </c>
      <c r="C1035" s="14" t="s">
        <v>86682</v>
      </c>
      <c r="D1035" s="2" t="s">
        <v>86683</v>
      </c>
      <c r="E1035" s="2" t="s">
        <v>24427</v>
      </c>
      <c r="F1035" s="8">
        <v>5193</v>
      </c>
      <c r="G1035" s="5">
        <v>20</v>
      </c>
      <c r="H1035" s="5" t="s">
        <v>69</v>
      </c>
      <c r="I1035" s="5" t="s">
        <v>24259</v>
      </c>
      <c r="J1035" s="2" t="s">
        <v>24260</v>
      </c>
      <c r="K1035" s="5" t="s">
        <v>24259</v>
      </c>
      <c r="L1035" s="2" t="s">
        <v>24260</v>
      </c>
      <c r="M1035" s="5" t="s">
        <v>24254</v>
      </c>
      <c r="N1035" s="5" t="s">
        <v>38</v>
      </c>
      <c r="O1035" s="5" t="s">
        <v>39</v>
      </c>
      <c r="P1035" s="5" t="s">
        <v>40</v>
      </c>
      <c r="Q1035" s="5" t="s">
        <v>1487</v>
      </c>
      <c r="R1035" s="5"/>
      <c r="S1035" s="5" t="s">
        <v>42</v>
      </c>
      <c r="T1035" s="2">
        <v>0</v>
      </c>
      <c r="U1035" s="2">
        <v>0</v>
      </c>
      <c r="V1035" s="2">
        <v>0</v>
      </c>
      <c r="W1035" s="2">
        <v>0</v>
      </c>
      <c r="X1035" s="2">
        <v>0</v>
      </c>
      <c r="Y1035" s="2">
        <v>0</v>
      </c>
      <c r="Z1035" s="5"/>
      <c r="AA1035" s="5" t="s">
        <v>43</v>
      </c>
      <c r="AB1035" s="5" t="s">
        <v>44</v>
      </c>
      <c r="AC1035" s="2" t="s">
        <v>24457</v>
      </c>
      <c r="AD1035" s="1"/>
    </row>
    <row r="1036" spans="1:30">
      <c r="A1036" s="5" t="s">
        <v>83578</v>
      </c>
      <c r="B1036" s="2" t="s">
        <v>86684</v>
      </c>
      <c r="C1036" s="14" t="s">
        <v>86685</v>
      </c>
      <c r="D1036" s="2" t="s">
        <v>86686</v>
      </c>
      <c r="E1036" s="2" t="s">
        <v>24461</v>
      </c>
      <c r="F1036" s="8">
        <v>1882</v>
      </c>
      <c r="G1036" s="5">
        <v>20</v>
      </c>
      <c r="H1036" s="5" t="s">
        <v>69</v>
      </c>
      <c r="I1036" s="5" t="s">
        <v>24252</v>
      </c>
      <c r="J1036" s="2" t="s">
        <v>24253</v>
      </c>
      <c r="K1036" s="5" t="s">
        <v>24252</v>
      </c>
      <c r="L1036" s="2" t="s">
        <v>24253</v>
      </c>
      <c r="M1036" s="5" t="s">
        <v>24254</v>
      </c>
      <c r="N1036" s="5" t="s">
        <v>38</v>
      </c>
      <c r="O1036" s="5" t="s">
        <v>39</v>
      </c>
      <c r="P1036" s="5" t="s">
        <v>40</v>
      </c>
      <c r="Q1036" s="5" t="s">
        <v>1487</v>
      </c>
      <c r="R1036" s="5"/>
      <c r="S1036" s="5" t="s">
        <v>42</v>
      </c>
      <c r="T1036" s="2">
        <v>0</v>
      </c>
      <c r="U1036" s="2">
        <v>0</v>
      </c>
      <c r="V1036" s="2">
        <v>0</v>
      </c>
      <c r="W1036" s="2">
        <v>0</v>
      </c>
      <c r="X1036" s="2">
        <v>0</v>
      </c>
      <c r="Y1036" s="2">
        <v>0</v>
      </c>
      <c r="Z1036" s="5"/>
      <c r="AA1036" s="5" t="s">
        <v>43</v>
      </c>
      <c r="AB1036" s="5" t="s">
        <v>44</v>
      </c>
      <c r="AC1036" s="2" t="s">
        <v>24462</v>
      </c>
      <c r="AD1036" s="1"/>
    </row>
    <row r="1037" spans="1:30">
      <c r="A1037" s="5" t="s">
        <v>83578</v>
      </c>
      <c r="B1037" s="2" t="s">
        <v>86687</v>
      </c>
      <c r="C1037" s="14" t="s">
        <v>86688</v>
      </c>
      <c r="D1037" s="2" t="s">
        <v>86689</v>
      </c>
      <c r="E1037" s="2" t="s">
        <v>24461</v>
      </c>
      <c r="F1037" s="8">
        <v>4836</v>
      </c>
      <c r="G1037" s="5">
        <v>20</v>
      </c>
      <c r="H1037" s="5" t="s">
        <v>69</v>
      </c>
      <c r="I1037" s="5" t="s">
        <v>24259</v>
      </c>
      <c r="J1037" s="2" t="s">
        <v>24260</v>
      </c>
      <c r="K1037" s="5" t="s">
        <v>24259</v>
      </c>
      <c r="L1037" s="2" t="s">
        <v>24260</v>
      </c>
      <c r="M1037" s="5" t="s">
        <v>24254</v>
      </c>
      <c r="N1037" s="5" t="s">
        <v>38</v>
      </c>
      <c r="O1037" s="5" t="s">
        <v>39</v>
      </c>
      <c r="P1037" s="5" t="s">
        <v>40</v>
      </c>
      <c r="Q1037" s="5" t="s">
        <v>1487</v>
      </c>
      <c r="R1037" s="5"/>
      <c r="S1037" s="5" t="s">
        <v>42</v>
      </c>
      <c r="T1037" s="2">
        <v>0</v>
      </c>
      <c r="U1037" s="2">
        <v>0</v>
      </c>
      <c r="V1037" s="2">
        <v>0</v>
      </c>
      <c r="W1037" s="2">
        <v>0</v>
      </c>
      <c r="X1037" s="2">
        <v>0</v>
      </c>
      <c r="Y1037" s="2">
        <v>0</v>
      </c>
      <c r="Z1037" s="5"/>
      <c r="AA1037" s="5" t="s">
        <v>43</v>
      </c>
      <c r="AB1037" s="5" t="s">
        <v>44</v>
      </c>
      <c r="AC1037" s="2" t="s">
        <v>24567</v>
      </c>
      <c r="AD1037" s="1"/>
    </row>
    <row r="1038" spans="1:30">
      <c r="A1038" s="5" t="s">
        <v>83578</v>
      </c>
      <c r="B1038" s="2" t="s">
        <v>86690</v>
      </c>
      <c r="C1038" s="14" t="s">
        <v>86691</v>
      </c>
      <c r="D1038" s="2" t="s">
        <v>86692</v>
      </c>
      <c r="E1038" s="2" t="s">
        <v>24461</v>
      </c>
      <c r="F1038" s="8">
        <v>5193</v>
      </c>
      <c r="G1038" s="5">
        <v>20</v>
      </c>
      <c r="H1038" s="5" t="s">
        <v>69</v>
      </c>
      <c r="I1038" s="5" t="s">
        <v>24259</v>
      </c>
      <c r="J1038" s="2" t="s">
        <v>24260</v>
      </c>
      <c r="K1038" s="5" t="s">
        <v>24259</v>
      </c>
      <c r="L1038" s="2" t="s">
        <v>24260</v>
      </c>
      <c r="M1038" s="5" t="s">
        <v>24254</v>
      </c>
      <c r="N1038" s="5" t="s">
        <v>38</v>
      </c>
      <c r="O1038" s="5" t="s">
        <v>39</v>
      </c>
      <c r="P1038" s="5" t="s">
        <v>40</v>
      </c>
      <c r="Q1038" s="5" t="s">
        <v>1487</v>
      </c>
      <c r="R1038" s="5"/>
      <c r="S1038" s="5" t="s">
        <v>42</v>
      </c>
      <c r="T1038" s="2">
        <v>0</v>
      </c>
      <c r="U1038" s="2">
        <v>0</v>
      </c>
      <c r="V1038" s="2">
        <v>0</v>
      </c>
      <c r="W1038" s="2">
        <v>0</v>
      </c>
      <c r="X1038" s="2">
        <v>0</v>
      </c>
      <c r="Y1038" s="2">
        <v>0</v>
      </c>
      <c r="Z1038" s="5"/>
      <c r="AA1038" s="5" t="s">
        <v>43</v>
      </c>
      <c r="AB1038" s="5" t="s">
        <v>44</v>
      </c>
      <c r="AC1038" s="2" t="s">
        <v>86626</v>
      </c>
      <c r="AD1038" s="1"/>
    </row>
    <row r="1039" spans="1:30">
      <c r="A1039" s="5" t="s">
        <v>83578</v>
      </c>
      <c r="B1039" s="2" t="s">
        <v>86693</v>
      </c>
      <c r="C1039" s="14" t="s">
        <v>86694</v>
      </c>
      <c r="D1039" s="2" t="s">
        <v>86695</v>
      </c>
      <c r="E1039" s="2" t="s">
        <v>24427</v>
      </c>
      <c r="F1039" s="8">
        <v>4626</v>
      </c>
      <c r="G1039" s="5">
        <v>20</v>
      </c>
      <c r="H1039" s="5" t="s">
        <v>69</v>
      </c>
      <c r="I1039" s="5" t="s">
        <v>24259</v>
      </c>
      <c r="J1039" s="2" t="s">
        <v>24260</v>
      </c>
      <c r="K1039" s="5" t="s">
        <v>24259</v>
      </c>
      <c r="L1039" s="2" t="s">
        <v>24260</v>
      </c>
      <c r="M1039" s="5" t="s">
        <v>24254</v>
      </c>
      <c r="N1039" s="5" t="s">
        <v>38</v>
      </c>
      <c r="O1039" s="5" t="s">
        <v>39</v>
      </c>
      <c r="P1039" s="5" t="s">
        <v>40</v>
      </c>
      <c r="Q1039" s="5" t="s">
        <v>1487</v>
      </c>
      <c r="R1039" s="5"/>
      <c r="S1039" s="5" t="s">
        <v>42</v>
      </c>
      <c r="T1039" s="2">
        <v>0</v>
      </c>
      <c r="U1039" s="2">
        <v>0</v>
      </c>
      <c r="V1039" s="2">
        <v>0</v>
      </c>
      <c r="W1039" s="2">
        <v>0</v>
      </c>
      <c r="X1039" s="2">
        <v>0</v>
      </c>
      <c r="Y1039" s="2">
        <v>0</v>
      </c>
      <c r="Z1039" s="5"/>
      <c r="AA1039" s="5" t="s">
        <v>43</v>
      </c>
      <c r="AB1039" s="5" t="s">
        <v>44</v>
      </c>
      <c r="AC1039" s="2" t="s">
        <v>24432</v>
      </c>
      <c r="AD1039" s="1"/>
    </row>
    <row r="1040" spans="1:30">
      <c r="A1040" s="5" t="s">
        <v>83578</v>
      </c>
      <c r="B1040" s="2" t="s">
        <v>86696</v>
      </c>
      <c r="C1040" s="14" t="s">
        <v>86697</v>
      </c>
      <c r="D1040" s="2" t="s">
        <v>86698</v>
      </c>
      <c r="E1040" s="2" t="s">
        <v>24461</v>
      </c>
      <c r="F1040" s="8">
        <v>1800</v>
      </c>
      <c r="G1040" s="5">
        <v>20</v>
      </c>
      <c r="H1040" s="5" t="s">
        <v>69</v>
      </c>
      <c r="I1040" s="5" t="s">
        <v>24252</v>
      </c>
      <c r="J1040" s="2" t="s">
        <v>24253</v>
      </c>
      <c r="K1040" s="5" t="s">
        <v>24252</v>
      </c>
      <c r="L1040" s="2" t="s">
        <v>24253</v>
      </c>
      <c r="M1040" s="5" t="s">
        <v>24254</v>
      </c>
      <c r="N1040" s="5" t="s">
        <v>38</v>
      </c>
      <c r="O1040" s="5" t="s">
        <v>39</v>
      </c>
      <c r="P1040" s="5" t="s">
        <v>40</v>
      </c>
      <c r="Q1040" s="5" t="s">
        <v>1487</v>
      </c>
      <c r="R1040" s="5"/>
      <c r="S1040" s="5" t="s">
        <v>42</v>
      </c>
      <c r="T1040" s="2">
        <v>0</v>
      </c>
      <c r="U1040" s="2">
        <v>0</v>
      </c>
      <c r="V1040" s="2">
        <v>0</v>
      </c>
      <c r="W1040" s="2">
        <v>0</v>
      </c>
      <c r="X1040" s="2">
        <v>0</v>
      </c>
      <c r="Y1040" s="2">
        <v>0</v>
      </c>
      <c r="Z1040" s="5"/>
      <c r="AA1040" s="5" t="s">
        <v>43</v>
      </c>
      <c r="AB1040" s="5" t="s">
        <v>44</v>
      </c>
      <c r="AC1040" s="2" t="s">
        <v>24462</v>
      </c>
      <c r="AD1040" s="1"/>
    </row>
    <row r="1041" spans="1:30">
      <c r="A1041" s="5" t="s">
        <v>83578</v>
      </c>
      <c r="B1041" s="2" t="s">
        <v>86699</v>
      </c>
      <c r="C1041" s="14" t="s">
        <v>86700</v>
      </c>
      <c r="D1041" s="2" t="s">
        <v>86701</v>
      </c>
      <c r="E1041" s="2" t="s">
        <v>24461</v>
      </c>
      <c r="F1041" s="8">
        <v>4626</v>
      </c>
      <c r="G1041" s="5">
        <v>20</v>
      </c>
      <c r="H1041" s="5" t="s">
        <v>69</v>
      </c>
      <c r="I1041" s="5" t="s">
        <v>24259</v>
      </c>
      <c r="J1041" s="2" t="s">
        <v>24260</v>
      </c>
      <c r="K1041" s="5" t="s">
        <v>24259</v>
      </c>
      <c r="L1041" s="2" t="s">
        <v>24260</v>
      </c>
      <c r="M1041" s="5" t="s">
        <v>24254</v>
      </c>
      <c r="N1041" s="5" t="s">
        <v>38</v>
      </c>
      <c r="O1041" s="5" t="s">
        <v>39</v>
      </c>
      <c r="P1041" s="5" t="s">
        <v>40</v>
      </c>
      <c r="Q1041" s="5" t="s">
        <v>1487</v>
      </c>
      <c r="R1041" s="5"/>
      <c r="S1041" s="5" t="s">
        <v>42</v>
      </c>
      <c r="T1041" s="2">
        <v>0</v>
      </c>
      <c r="U1041" s="2">
        <v>0</v>
      </c>
      <c r="V1041" s="2">
        <v>0</v>
      </c>
      <c r="W1041" s="2">
        <v>0</v>
      </c>
      <c r="X1041" s="2">
        <v>0</v>
      </c>
      <c r="Y1041" s="2">
        <v>0</v>
      </c>
      <c r="Z1041" s="5"/>
      <c r="AA1041" s="5" t="s">
        <v>43</v>
      </c>
      <c r="AB1041" s="5" t="s">
        <v>44</v>
      </c>
      <c r="AC1041" s="2" t="s">
        <v>24567</v>
      </c>
      <c r="AD1041" s="1"/>
    </row>
    <row r="1042" spans="1:30">
      <c r="A1042" s="5" t="s">
        <v>83578</v>
      </c>
      <c r="B1042" s="2" t="s">
        <v>86702</v>
      </c>
      <c r="C1042" s="14" t="s">
        <v>86703</v>
      </c>
      <c r="D1042" s="2" t="s">
        <v>86704</v>
      </c>
      <c r="E1042" s="2" t="s">
        <v>24427</v>
      </c>
      <c r="F1042" s="8">
        <v>4710</v>
      </c>
      <c r="G1042" s="5">
        <v>20</v>
      </c>
      <c r="H1042" s="5" t="s">
        <v>69</v>
      </c>
      <c r="I1042" s="5" t="s">
        <v>24259</v>
      </c>
      <c r="J1042" s="2" t="s">
        <v>24260</v>
      </c>
      <c r="K1042" s="5" t="s">
        <v>24259</v>
      </c>
      <c r="L1042" s="2" t="s">
        <v>24260</v>
      </c>
      <c r="M1042" s="5" t="s">
        <v>24254</v>
      </c>
      <c r="N1042" s="5" t="s">
        <v>38</v>
      </c>
      <c r="O1042" s="5" t="s">
        <v>39</v>
      </c>
      <c r="P1042" s="5" t="s">
        <v>40</v>
      </c>
      <c r="Q1042" s="5" t="s">
        <v>1487</v>
      </c>
      <c r="R1042" s="5"/>
      <c r="S1042" s="5" t="s">
        <v>42</v>
      </c>
      <c r="T1042" s="2">
        <v>0</v>
      </c>
      <c r="U1042" s="2">
        <v>0</v>
      </c>
      <c r="V1042" s="2">
        <v>0</v>
      </c>
      <c r="W1042" s="2">
        <v>0</v>
      </c>
      <c r="X1042" s="2">
        <v>0</v>
      </c>
      <c r="Y1042" s="2">
        <v>0</v>
      </c>
      <c r="Z1042" s="5"/>
      <c r="AA1042" s="5" t="s">
        <v>43</v>
      </c>
      <c r="AB1042" s="5" t="s">
        <v>44</v>
      </c>
      <c r="AC1042" s="2" t="s">
        <v>24432</v>
      </c>
      <c r="AD1042" s="1"/>
    </row>
    <row r="1043" spans="1:30">
      <c r="A1043" s="5" t="s">
        <v>83578</v>
      </c>
      <c r="B1043" s="2" t="s">
        <v>86705</v>
      </c>
      <c r="C1043" s="14" t="s">
        <v>86706</v>
      </c>
      <c r="D1043" s="2" t="s">
        <v>86707</v>
      </c>
      <c r="E1043" s="2" t="s">
        <v>24461</v>
      </c>
      <c r="F1043" s="8">
        <v>1833</v>
      </c>
      <c r="G1043" s="5">
        <v>20</v>
      </c>
      <c r="H1043" s="5" t="s">
        <v>69</v>
      </c>
      <c r="I1043" s="5" t="s">
        <v>24252</v>
      </c>
      <c r="J1043" s="2" t="s">
        <v>24253</v>
      </c>
      <c r="K1043" s="5" t="s">
        <v>24252</v>
      </c>
      <c r="L1043" s="2" t="s">
        <v>24253</v>
      </c>
      <c r="M1043" s="5" t="s">
        <v>24254</v>
      </c>
      <c r="N1043" s="5" t="s">
        <v>38</v>
      </c>
      <c r="O1043" s="5" t="s">
        <v>39</v>
      </c>
      <c r="P1043" s="5" t="s">
        <v>40</v>
      </c>
      <c r="Q1043" s="5" t="s">
        <v>1487</v>
      </c>
      <c r="R1043" s="5"/>
      <c r="S1043" s="5" t="s">
        <v>42</v>
      </c>
      <c r="T1043" s="2">
        <v>0</v>
      </c>
      <c r="U1043" s="2">
        <v>0</v>
      </c>
      <c r="V1043" s="2">
        <v>0</v>
      </c>
      <c r="W1043" s="2">
        <v>0</v>
      </c>
      <c r="X1043" s="2">
        <v>0</v>
      </c>
      <c r="Y1043" s="2">
        <v>0</v>
      </c>
      <c r="Z1043" s="5"/>
      <c r="AA1043" s="5" t="s">
        <v>43</v>
      </c>
      <c r="AB1043" s="5" t="s">
        <v>44</v>
      </c>
      <c r="AC1043" s="2" t="s">
        <v>24462</v>
      </c>
      <c r="AD1043" s="1"/>
    </row>
    <row r="1044" spans="1:30">
      <c r="A1044" s="5" t="s">
        <v>83578</v>
      </c>
      <c r="B1044" s="2" t="s">
        <v>86708</v>
      </c>
      <c r="C1044" s="14" t="s">
        <v>86709</v>
      </c>
      <c r="D1044" s="2" t="s">
        <v>86710</v>
      </c>
      <c r="E1044" s="2" t="s">
        <v>24461</v>
      </c>
      <c r="F1044" s="8">
        <v>4710</v>
      </c>
      <c r="G1044" s="5">
        <v>20</v>
      </c>
      <c r="H1044" s="5" t="s">
        <v>69</v>
      </c>
      <c r="I1044" s="5" t="s">
        <v>24259</v>
      </c>
      <c r="J1044" s="2" t="s">
        <v>24260</v>
      </c>
      <c r="K1044" s="5" t="s">
        <v>24259</v>
      </c>
      <c r="L1044" s="2" t="s">
        <v>24260</v>
      </c>
      <c r="M1044" s="5" t="s">
        <v>24254</v>
      </c>
      <c r="N1044" s="5" t="s">
        <v>38</v>
      </c>
      <c r="O1044" s="5" t="s">
        <v>39</v>
      </c>
      <c r="P1044" s="5" t="s">
        <v>40</v>
      </c>
      <c r="Q1044" s="5" t="s">
        <v>1487</v>
      </c>
      <c r="R1044" s="5"/>
      <c r="S1044" s="5" t="s">
        <v>42</v>
      </c>
      <c r="T1044" s="2">
        <v>0</v>
      </c>
      <c r="U1044" s="2">
        <v>0</v>
      </c>
      <c r="V1044" s="2">
        <v>0</v>
      </c>
      <c r="W1044" s="2">
        <v>0</v>
      </c>
      <c r="X1044" s="2">
        <v>0</v>
      </c>
      <c r="Y1044" s="2">
        <v>0</v>
      </c>
      <c r="Z1044" s="5"/>
      <c r="AA1044" s="5" t="s">
        <v>43</v>
      </c>
      <c r="AB1044" s="5" t="s">
        <v>44</v>
      </c>
      <c r="AC1044" s="2" t="s">
        <v>24567</v>
      </c>
      <c r="AD1044" s="1"/>
    </row>
    <row r="1045" spans="1:30">
      <c r="A1045" s="5" t="s">
        <v>83578</v>
      </c>
      <c r="B1045" s="2" t="s">
        <v>86711</v>
      </c>
      <c r="C1045" s="14" t="s">
        <v>86712</v>
      </c>
      <c r="D1045" s="2" t="s">
        <v>86713</v>
      </c>
      <c r="E1045" s="2" t="s">
        <v>24461</v>
      </c>
      <c r="F1045" s="8">
        <v>4920</v>
      </c>
      <c r="G1045" s="5">
        <v>20</v>
      </c>
      <c r="H1045" s="5" t="s">
        <v>69</v>
      </c>
      <c r="I1045" s="5" t="s">
        <v>24259</v>
      </c>
      <c r="J1045" s="2" t="s">
        <v>24260</v>
      </c>
      <c r="K1045" s="5" t="s">
        <v>24259</v>
      </c>
      <c r="L1045" s="2" t="s">
        <v>24260</v>
      </c>
      <c r="M1045" s="5" t="s">
        <v>24254</v>
      </c>
      <c r="N1045" s="5" t="s">
        <v>38</v>
      </c>
      <c r="O1045" s="5" t="s">
        <v>39</v>
      </c>
      <c r="P1045" s="5" t="s">
        <v>40</v>
      </c>
      <c r="Q1045" s="5" t="s">
        <v>1487</v>
      </c>
      <c r="R1045" s="5"/>
      <c r="S1045" s="5" t="s">
        <v>42</v>
      </c>
      <c r="T1045" s="2">
        <v>0</v>
      </c>
      <c r="U1045" s="2">
        <v>0</v>
      </c>
      <c r="V1045" s="2">
        <v>0</v>
      </c>
      <c r="W1045" s="2">
        <v>0</v>
      </c>
      <c r="X1045" s="2">
        <v>0</v>
      </c>
      <c r="Y1045" s="2">
        <v>0</v>
      </c>
      <c r="Z1045" s="5"/>
      <c r="AA1045" s="5" t="s">
        <v>43</v>
      </c>
      <c r="AB1045" s="5" t="s">
        <v>44</v>
      </c>
      <c r="AC1045" s="2" t="s">
        <v>24567</v>
      </c>
      <c r="AD1045" s="1"/>
    </row>
    <row r="1046" spans="1:30">
      <c r="A1046" s="5" t="s">
        <v>83578</v>
      </c>
      <c r="B1046" s="2" t="s">
        <v>86714</v>
      </c>
      <c r="C1046" s="14" t="s">
        <v>86715</v>
      </c>
      <c r="D1046" s="2" t="s">
        <v>86716</v>
      </c>
      <c r="E1046" s="2" t="s">
        <v>24427</v>
      </c>
      <c r="F1046" s="8">
        <v>5046</v>
      </c>
      <c r="G1046" s="5">
        <v>20</v>
      </c>
      <c r="H1046" s="5" t="s">
        <v>69</v>
      </c>
      <c r="I1046" s="5" t="s">
        <v>24259</v>
      </c>
      <c r="J1046" s="2" t="s">
        <v>24260</v>
      </c>
      <c r="K1046" s="5" t="s">
        <v>24259</v>
      </c>
      <c r="L1046" s="2" t="s">
        <v>24260</v>
      </c>
      <c r="M1046" s="5" t="s">
        <v>24254</v>
      </c>
      <c r="N1046" s="5" t="s">
        <v>38</v>
      </c>
      <c r="O1046" s="5" t="s">
        <v>39</v>
      </c>
      <c r="P1046" s="5" t="s">
        <v>40</v>
      </c>
      <c r="Q1046" s="5" t="s">
        <v>1487</v>
      </c>
      <c r="R1046" s="5"/>
      <c r="S1046" s="5" t="s">
        <v>42</v>
      </c>
      <c r="T1046" s="2">
        <v>0</v>
      </c>
      <c r="U1046" s="2">
        <v>0</v>
      </c>
      <c r="V1046" s="2">
        <v>0</v>
      </c>
      <c r="W1046" s="2">
        <v>0</v>
      </c>
      <c r="X1046" s="2">
        <v>0</v>
      </c>
      <c r="Y1046" s="2">
        <v>0</v>
      </c>
      <c r="Z1046" s="5"/>
      <c r="AA1046" s="5" t="s">
        <v>43</v>
      </c>
      <c r="AB1046" s="5" t="s">
        <v>44</v>
      </c>
      <c r="AC1046" s="2" t="s">
        <v>24432</v>
      </c>
      <c r="AD1046" s="1"/>
    </row>
    <row r="1047" spans="1:30">
      <c r="A1047" s="5" t="s">
        <v>83578</v>
      </c>
      <c r="B1047" s="2" t="s">
        <v>86717</v>
      </c>
      <c r="C1047" s="14" t="s">
        <v>86718</v>
      </c>
      <c r="D1047" s="2" t="s">
        <v>86719</v>
      </c>
      <c r="E1047" s="2" t="s">
        <v>24461</v>
      </c>
      <c r="F1047" s="8">
        <v>2078</v>
      </c>
      <c r="G1047" s="5">
        <v>20</v>
      </c>
      <c r="H1047" s="5" t="s">
        <v>69</v>
      </c>
      <c r="I1047" s="5" t="s">
        <v>24252</v>
      </c>
      <c r="J1047" s="2" t="s">
        <v>24253</v>
      </c>
      <c r="K1047" s="5" t="s">
        <v>24252</v>
      </c>
      <c r="L1047" s="2" t="s">
        <v>24253</v>
      </c>
      <c r="M1047" s="5" t="s">
        <v>24254</v>
      </c>
      <c r="N1047" s="5" t="s">
        <v>38</v>
      </c>
      <c r="O1047" s="5" t="s">
        <v>39</v>
      </c>
      <c r="P1047" s="5" t="s">
        <v>40</v>
      </c>
      <c r="Q1047" s="5" t="s">
        <v>1487</v>
      </c>
      <c r="R1047" s="5"/>
      <c r="S1047" s="5" t="s">
        <v>42</v>
      </c>
      <c r="T1047" s="2">
        <v>0</v>
      </c>
      <c r="U1047" s="2">
        <v>0</v>
      </c>
      <c r="V1047" s="2">
        <v>0</v>
      </c>
      <c r="W1047" s="2">
        <v>0</v>
      </c>
      <c r="X1047" s="2">
        <v>0</v>
      </c>
      <c r="Y1047" s="2">
        <v>0</v>
      </c>
      <c r="Z1047" s="5"/>
      <c r="AA1047" s="5" t="s">
        <v>43</v>
      </c>
      <c r="AB1047" s="5" t="s">
        <v>44</v>
      </c>
      <c r="AC1047" s="2" t="s">
        <v>24462</v>
      </c>
      <c r="AD1047" s="1"/>
    </row>
    <row r="1048" spans="1:30">
      <c r="A1048" s="5" t="s">
        <v>83578</v>
      </c>
      <c r="B1048" s="2" t="s">
        <v>86720</v>
      </c>
      <c r="C1048" s="14" t="s">
        <v>86721</v>
      </c>
      <c r="D1048" s="2" t="s">
        <v>86722</v>
      </c>
      <c r="E1048" s="2" t="s">
        <v>24461</v>
      </c>
      <c r="F1048" s="8">
        <v>5340</v>
      </c>
      <c r="G1048" s="5">
        <v>20</v>
      </c>
      <c r="H1048" s="5" t="s">
        <v>69</v>
      </c>
      <c r="I1048" s="5" t="s">
        <v>24259</v>
      </c>
      <c r="J1048" s="2" t="s">
        <v>24260</v>
      </c>
      <c r="K1048" s="5" t="s">
        <v>24259</v>
      </c>
      <c r="L1048" s="2" t="s">
        <v>24260</v>
      </c>
      <c r="M1048" s="5" t="s">
        <v>24254</v>
      </c>
      <c r="N1048" s="5" t="s">
        <v>38</v>
      </c>
      <c r="O1048" s="5" t="s">
        <v>39</v>
      </c>
      <c r="P1048" s="5" t="s">
        <v>40</v>
      </c>
      <c r="Q1048" s="5" t="s">
        <v>1487</v>
      </c>
      <c r="R1048" s="5"/>
      <c r="S1048" s="5" t="s">
        <v>42</v>
      </c>
      <c r="T1048" s="2">
        <v>0</v>
      </c>
      <c r="U1048" s="2">
        <v>0</v>
      </c>
      <c r="V1048" s="2">
        <v>0</v>
      </c>
      <c r="W1048" s="2">
        <v>0</v>
      </c>
      <c r="X1048" s="2">
        <v>0</v>
      </c>
      <c r="Y1048" s="2">
        <v>0</v>
      </c>
      <c r="Z1048" s="5"/>
      <c r="AA1048" s="5" t="s">
        <v>43</v>
      </c>
      <c r="AB1048" s="5" t="s">
        <v>44</v>
      </c>
      <c r="AC1048" s="2" t="s">
        <v>24567</v>
      </c>
      <c r="AD1048" s="1"/>
    </row>
    <row r="1049" spans="1:30">
      <c r="A1049" s="5" t="s">
        <v>83578</v>
      </c>
      <c r="B1049" s="2" t="s">
        <v>86723</v>
      </c>
      <c r="C1049" s="14" t="s">
        <v>86724</v>
      </c>
      <c r="D1049" s="2" t="s">
        <v>86725</v>
      </c>
      <c r="E1049" s="2" t="s">
        <v>24427</v>
      </c>
      <c r="F1049" s="8">
        <v>2176</v>
      </c>
      <c r="G1049" s="5">
        <v>20</v>
      </c>
      <c r="H1049" s="5" t="s">
        <v>69</v>
      </c>
      <c r="I1049" s="5" t="s">
        <v>24252</v>
      </c>
      <c r="J1049" s="2" t="s">
        <v>24253</v>
      </c>
      <c r="K1049" s="5" t="s">
        <v>24252</v>
      </c>
      <c r="L1049" s="2" t="s">
        <v>24253</v>
      </c>
      <c r="M1049" s="5" t="s">
        <v>24254</v>
      </c>
      <c r="N1049" s="5" t="s">
        <v>38</v>
      </c>
      <c r="O1049" s="5" t="s">
        <v>39</v>
      </c>
      <c r="P1049" s="5" t="s">
        <v>40</v>
      </c>
      <c r="Q1049" s="5" t="s">
        <v>1487</v>
      </c>
      <c r="R1049" s="5"/>
      <c r="S1049" s="5" t="s">
        <v>42</v>
      </c>
      <c r="T1049" s="2">
        <v>0</v>
      </c>
      <c r="U1049" s="2">
        <v>0</v>
      </c>
      <c r="V1049" s="2">
        <v>0</v>
      </c>
      <c r="W1049" s="2">
        <v>0</v>
      </c>
      <c r="X1049" s="2">
        <v>0</v>
      </c>
      <c r="Y1049" s="2">
        <v>0</v>
      </c>
      <c r="Z1049" s="5"/>
      <c r="AA1049" s="5" t="s">
        <v>43</v>
      </c>
      <c r="AB1049" s="5" t="s">
        <v>44</v>
      </c>
      <c r="AC1049" s="2" t="s">
        <v>24428</v>
      </c>
      <c r="AD1049" s="1"/>
    </row>
    <row r="1050" spans="1:30">
      <c r="A1050" s="5" t="s">
        <v>83578</v>
      </c>
      <c r="B1050" s="2" t="s">
        <v>86726</v>
      </c>
      <c r="C1050" s="14" t="s">
        <v>86727</v>
      </c>
      <c r="D1050" s="2" t="s">
        <v>86728</v>
      </c>
      <c r="E1050" s="2" t="s">
        <v>25537</v>
      </c>
      <c r="F1050" s="8">
        <v>353</v>
      </c>
      <c r="G1050" s="5">
        <v>10</v>
      </c>
      <c r="H1050" s="5" t="s">
        <v>69</v>
      </c>
      <c r="I1050" s="5" t="s">
        <v>24629</v>
      </c>
      <c r="J1050" s="2" t="s">
        <v>24630</v>
      </c>
      <c r="K1050" s="5" t="s">
        <v>24629</v>
      </c>
      <c r="L1050" s="2" t="s">
        <v>24630</v>
      </c>
      <c r="M1050" s="5" t="s">
        <v>24254</v>
      </c>
      <c r="N1050" s="5" t="s">
        <v>38</v>
      </c>
      <c r="O1050" s="5" t="s">
        <v>39</v>
      </c>
      <c r="P1050" s="5" t="s">
        <v>40</v>
      </c>
      <c r="Q1050" s="5" t="s">
        <v>25301</v>
      </c>
      <c r="R1050" s="5" t="s">
        <v>40</v>
      </c>
      <c r="S1050" s="5" t="s">
        <v>42</v>
      </c>
      <c r="T1050" s="2">
        <v>13.101000000000001</v>
      </c>
      <c r="U1050" s="2">
        <v>10.847</v>
      </c>
      <c r="V1050" s="2">
        <v>0.10299999999999999</v>
      </c>
      <c r="W1050" s="2">
        <v>12</v>
      </c>
      <c r="X1050" s="2">
        <v>62</v>
      </c>
      <c r="Y1050" s="2">
        <v>137.9</v>
      </c>
      <c r="Z1050" s="5">
        <v>10</v>
      </c>
      <c r="AA1050" s="5" t="s">
        <v>43</v>
      </c>
      <c r="AB1050" s="5" t="s">
        <v>44</v>
      </c>
      <c r="AC1050" s="2" t="s">
        <v>25538</v>
      </c>
      <c r="AD1050" s="1"/>
    </row>
    <row r="1051" spans="1:30">
      <c r="A1051" s="5" t="s">
        <v>83578</v>
      </c>
      <c r="B1051" s="2" t="s">
        <v>86729</v>
      </c>
      <c r="C1051" s="14" t="s">
        <v>86730</v>
      </c>
      <c r="D1051" s="2" t="s">
        <v>86731</v>
      </c>
      <c r="E1051" s="2" t="s">
        <v>25537</v>
      </c>
      <c r="F1051" s="8">
        <v>360</v>
      </c>
      <c r="G1051" s="5">
        <v>10</v>
      </c>
      <c r="H1051" s="5" t="s">
        <v>69</v>
      </c>
      <c r="I1051" s="5" t="s">
        <v>24629</v>
      </c>
      <c r="J1051" s="2" t="s">
        <v>24630</v>
      </c>
      <c r="K1051" s="5" t="s">
        <v>24629</v>
      </c>
      <c r="L1051" s="2" t="s">
        <v>24630</v>
      </c>
      <c r="M1051" s="5" t="s">
        <v>24254</v>
      </c>
      <c r="N1051" s="5" t="s">
        <v>38</v>
      </c>
      <c r="O1051" s="5" t="s">
        <v>39</v>
      </c>
      <c r="P1051" s="5" t="s">
        <v>40</v>
      </c>
      <c r="Q1051" s="5" t="s">
        <v>25301</v>
      </c>
      <c r="R1051" s="5" t="s">
        <v>40</v>
      </c>
      <c r="S1051" s="5" t="s">
        <v>42</v>
      </c>
      <c r="T1051" s="2">
        <v>13.84</v>
      </c>
      <c r="U1051" s="2">
        <v>11.586</v>
      </c>
      <c r="V1051" s="2">
        <v>0.10299999999999999</v>
      </c>
      <c r="W1051" s="2">
        <v>12</v>
      </c>
      <c r="X1051" s="2">
        <v>62</v>
      </c>
      <c r="Y1051" s="2">
        <v>137.9</v>
      </c>
      <c r="Z1051" s="5">
        <v>10</v>
      </c>
      <c r="AA1051" s="5" t="s">
        <v>43</v>
      </c>
      <c r="AB1051" s="5" t="s">
        <v>44</v>
      </c>
      <c r="AC1051" s="2" t="s">
        <v>25538</v>
      </c>
      <c r="AD1051" s="1"/>
    </row>
    <row r="1052" spans="1:30">
      <c r="A1052" s="5" t="s">
        <v>83578</v>
      </c>
      <c r="B1052" s="2" t="s">
        <v>86732</v>
      </c>
      <c r="C1052" s="14" t="s">
        <v>86733</v>
      </c>
      <c r="D1052" s="2" t="s">
        <v>86734</v>
      </c>
      <c r="E1052" s="2" t="s">
        <v>25537</v>
      </c>
      <c r="F1052" s="8">
        <v>386</v>
      </c>
      <c r="G1052" s="5">
        <v>10</v>
      </c>
      <c r="H1052" s="5" t="s">
        <v>69</v>
      </c>
      <c r="I1052" s="5" t="s">
        <v>24629</v>
      </c>
      <c r="J1052" s="2" t="s">
        <v>24630</v>
      </c>
      <c r="K1052" s="5" t="s">
        <v>24629</v>
      </c>
      <c r="L1052" s="2" t="s">
        <v>24630</v>
      </c>
      <c r="M1052" s="5" t="s">
        <v>24254</v>
      </c>
      <c r="N1052" s="5" t="s">
        <v>38</v>
      </c>
      <c r="O1052" s="5" t="s">
        <v>39</v>
      </c>
      <c r="P1052" s="5" t="s">
        <v>40</v>
      </c>
      <c r="Q1052" s="5" t="s">
        <v>25301</v>
      </c>
      <c r="R1052" s="5" t="s">
        <v>40</v>
      </c>
      <c r="S1052" s="5" t="s">
        <v>42</v>
      </c>
      <c r="T1052" s="2">
        <v>15.49</v>
      </c>
      <c r="U1052" s="2">
        <v>13.089</v>
      </c>
      <c r="V1052" s="2">
        <v>0.129</v>
      </c>
      <c r="W1052" s="2">
        <v>12</v>
      </c>
      <c r="X1052" s="2">
        <v>62</v>
      </c>
      <c r="Y1052" s="2">
        <v>172.9</v>
      </c>
      <c r="Z1052" s="5">
        <v>10</v>
      </c>
      <c r="AA1052" s="5" t="s">
        <v>43</v>
      </c>
      <c r="AB1052" s="5" t="s">
        <v>44</v>
      </c>
      <c r="AC1052" s="2" t="s">
        <v>25538</v>
      </c>
      <c r="AD1052" s="1"/>
    </row>
    <row r="1053" spans="1:30">
      <c r="A1053" s="5" t="s">
        <v>83578</v>
      </c>
      <c r="B1053" s="2" t="s">
        <v>86735</v>
      </c>
      <c r="C1053" s="14" t="s">
        <v>86736</v>
      </c>
      <c r="D1053" s="2" t="s">
        <v>86737</v>
      </c>
      <c r="E1053" s="2" t="s">
        <v>25532</v>
      </c>
      <c r="F1053" s="8">
        <v>438</v>
      </c>
      <c r="G1053" s="5">
        <v>10</v>
      </c>
      <c r="H1053" s="5" t="s">
        <v>69</v>
      </c>
      <c r="I1053" s="5" t="s">
        <v>24629</v>
      </c>
      <c r="J1053" s="2" t="s">
        <v>24630</v>
      </c>
      <c r="K1053" s="5" t="s">
        <v>24629</v>
      </c>
      <c r="L1053" s="2" t="s">
        <v>24630</v>
      </c>
      <c r="M1053" s="5" t="s">
        <v>24254</v>
      </c>
      <c r="N1053" s="5" t="s">
        <v>38</v>
      </c>
      <c r="O1053" s="5" t="s">
        <v>39</v>
      </c>
      <c r="P1053" s="5" t="s">
        <v>40</v>
      </c>
      <c r="Q1053" s="5" t="s">
        <v>24340</v>
      </c>
      <c r="R1053" s="5" t="s">
        <v>40</v>
      </c>
      <c r="S1053" s="5" t="s">
        <v>42</v>
      </c>
      <c r="T1053" s="2">
        <v>19.878</v>
      </c>
      <c r="U1053" s="2">
        <v>17.155000000000001</v>
      </c>
      <c r="V1053" s="2">
        <v>0.14899999999999999</v>
      </c>
      <c r="W1053" s="2">
        <v>12</v>
      </c>
      <c r="X1053" s="2">
        <v>62</v>
      </c>
      <c r="Y1053" s="2">
        <v>199.9</v>
      </c>
      <c r="Z1053" s="5">
        <v>10</v>
      </c>
      <c r="AA1053" s="5" t="s">
        <v>43</v>
      </c>
      <c r="AB1053" s="5" t="s">
        <v>44</v>
      </c>
      <c r="AC1053" s="2" t="s">
        <v>25533</v>
      </c>
      <c r="AD1053" s="1"/>
    </row>
    <row r="1054" spans="1:30">
      <c r="A1054" s="5" t="s">
        <v>83578</v>
      </c>
      <c r="B1054" s="2" t="s">
        <v>86738</v>
      </c>
      <c r="C1054" s="14" t="s">
        <v>86739</v>
      </c>
      <c r="D1054" s="2" t="s">
        <v>86740</v>
      </c>
      <c r="E1054" s="2" t="s">
        <v>25537</v>
      </c>
      <c r="F1054" s="8">
        <v>438</v>
      </c>
      <c r="G1054" s="5">
        <v>10</v>
      </c>
      <c r="H1054" s="5" t="s">
        <v>69</v>
      </c>
      <c r="I1054" s="5" t="s">
        <v>24629</v>
      </c>
      <c r="J1054" s="2" t="s">
        <v>24630</v>
      </c>
      <c r="K1054" s="5" t="s">
        <v>24629</v>
      </c>
      <c r="L1054" s="2" t="s">
        <v>24630</v>
      </c>
      <c r="M1054" s="5" t="s">
        <v>24254</v>
      </c>
      <c r="N1054" s="5" t="s">
        <v>38</v>
      </c>
      <c r="O1054" s="5" t="s">
        <v>39</v>
      </c>
      <c r="P1054" s="5" t="s">
        <v>40</v>
      </c>
      <c r="Q1054" s="5" t="s">
        <v>25301</v>
      </c>
      <c r="R1054" s="5" t="s">
        <v>40</v>
      </c>
      <c r="S1054" s="5" t="s">
        <v>42</v>
      </c>
      <c r="T1054" s="2">
        <v>18.335000000000001</v>
      </c>
      <c r="U1054" s="2">
        <v>15.612</v>
      </c>
      <c r="V1054" s="2">
        <v>0.14899999999999999</v>
      </c>
      <c r="W1054" s="2">
        <v>12</v>
      </c>
      <c r="X1054" s="2">
        <v>62</v>
      </c>
      <c r="Y1054" s="2">
        <v>199.9</v>
      </c>
      <c r="Z1054" s="5">
        <v>10</v>
      </c>
      <c r="AA1054" s="5" t="s">
        <v>43</v>
      </c>
      <c r="AB1054" s="5" t="s">
        <v>44</v>
      </c>
      <c r="AC1054" s="2" t="s">
        <v>25538</v>
      </c>
      <c r="AD1054" s="1"/>
    </row>
    <row r="1055" spans="1:30">
      <c r="A1055" s="5" t="s">
        <v>83578</v>
      </c>
      <c r="B1055" s="2" t="s">
        <v>86741</v>
      </c>
      <c r="C1055" s="14" t="s">
        <v>86742</v>
      </c>
      <c r="D1055" s="2" t="s">
        <v>86743</v>
      </c>
      <c r="E1055" s="2" t="s">
        <v>25537</v>
      </c>
      <c r="F1055" s="8">
        <v>449</v>
      </c>
      <c r="G1055" s="5">
        <v>10</v>
      </c>
      <c r="H1055" s="5" t="s">
        <v>69</v>
      </c>
      <c r="I1055" s="5" t="s">
        <v>24629</v>
      </c>
      <c r="J1055" s="2" t="s">
        <v>24630</v>
      </c>
      <c r="K1055" s="5" t="s">
        <v>24629</v>
      </c>
      <c r="L1055" s="2" t="s">
        <v>24630</v>
      </c>
      <c r="M1055" s="5" t="s">
        <v>24254</v>
      </c>
      <c r="N1055" s="5" t="s">
        <v>38</v>
      </c>
      <c r="O1055" s="5" t="s">
        <v>39</v>
      </c>
      <c r="P1055" s="5" t="s">
        <v>40</v>
      </c>
      <c r="Q1055" s="5" t="s">
        <v>25301</v>
      </c>
      <c r="R1055" s="5" t="s">
        <v>40</v>
      </c>
      <c r="S1055" s="5" t="s">
        <v>42</v>
      </c>
      <c r="T1055" s="2">
        <v>18.712</v>
      </c>
      <c r="U1055" s="2">
        <v>15.989000000000001</v>
      </c>
      <c r="V1055" s="2">
        <v>0.14899999999999999</v>
      </c>
      <c r="W1055" s="2">
        <v>12</v>
      </c>
      <c r="X1055" s="2">
        <v>62</v>
      </c>
      <c r="Y1055" s="2">
        <v>199.9</v>
      </c>
      <c r="Z1055" s="5">
        <v>10</v>
      </c>
      <c r="AA1055" s="5" t="s">
        <v>43</v>
      </c>
      <c r="AB1055" s="5" t="s">
        <v>44</v>
      </c>
      <c r="AC1055" s="2" t="s">
        <v>25538</v>
      </c>
      <c r="AD1055" s="1"/>
    </row>
    <row r="1056" spans="1:30">
      <c r="A1056" s="5" t="s">
        <v>83578</v>
      </c>
      <c r="B1056" s="2" t="s">
        <v>86744</v>
      </c>
      <c r="C1056" s="14" t="s">
        <v>86745</v>
      </c>
      <c r="D1056" s="2" t="s">
        <v>86746</v>
      </c>
      <c r="E1056" s="2" t="s">
        <v>25537</v>
      </c>
      <c r="F1056" s="8">
        <v>433</v>
      </c>
      <c r="G1056" s="5">
        <v>10</v>
      </c>
      <c r="H1056" s="5" t="s">
        <v>69</v>
      </c>
      <c r="I1056" s="5" t="s">
        <v>24629</v>
      </c>
      <c r="J1056" s="2" t="s">
        <v>24630</v>
      </c>
      <c r="K1056" s="5" t="s">
        <v>24629</v>
      </c>
      <c r="L1056" s="2" t="s">
        <v>24630</v>
      </c>
      <c r="M1056" s="5" t="s">
        <v>24254</v>
      </c>
      <c r="N1056" s="5" t="s">
        <v>38</v>
      </c>
      <c r="O1056" s="5" t="s">
        <v>39</v>
      </c>
      <c r="P1056" s="5" t="s">
        <v>40</v>
      </c>
      <c r="Q1056" s="5" t="s">
        <v>25301</v>
      </c>
      <c r="R1056" s="5" t="s">
        <v>40</v>
      </c>
      <c r="S1056" s="5" t="s">
        <v>42</v>
      </c>
      <c r="T1056" s="2">
        <v>18.434999999999999</v>
      </c>
      <c r="U1056" s="2">
        <v>16.033999999999999</v>
      </c>
      <c r="V1056" s="2">
        <v>0.129</v>
      </c>
      <c r="W1056" s="2">
        <v>12</v>
      </c>
      <c r="X1056" s="2">
        <v>62</v>
      </c>
      <c r="Y1056" s="2">
        <v>172.9</v>
      </c>
      <c r="Z1056" s="5">
        <v>10</v>
      </c>
      <c r="AA1056" s="5" t="s">
        <v>43</v>
      </c>
      <c r="AB1056" s="5" t="s">
        <v>44</v>
      </c>
      <c r="AC1056" s="2" t="s">
        <v>25538</v>
      </c>
      <c r="AD1056" s="1"/>
    </row>
    <row r="1057" spans="1:30">
      <c r="A1057" s="5" t="s">
        <v>83578</v>
      </c>
      <c r="B1057" s="2" t="s">
        <v>86747</v>
      </c>
      <c r="C1057" s="14" t="s">
        <v>86748</v>
      </c>
      <c r="D1057" s="2" t="s">
        <v>86749</v>
      </c>
      <c r="E1057" s="2" t="s">
        <v>25537</v>
      </c>
      <c r="F1057" s="8">
        <v>440</v>
      </c>
      <c r="G1057" s="5">
        <v>10</v>
      </c>
      <c r="H1057" s="5" t="s">
        <v>69</v>
      </c>
      <c r="I1057" s="5" t="s">
        <v>24629</v>
      </c>
      <c r="J1057" s="2" t="s">
        <v>24630</v>
      </c>
      <c r="K1057" s="5" t="s">
        <v>24629</v>
      </c>
      <c r="L1057" s="2" t="s">
        <v>24630</v>
      </c>
      <c r="M1057" s="5" t="s">
        <v>24254</v>
      </c>
      <c r="N1057" s="5" t="s">
        <v>38</v>
      </c>
      <c r="O1057" s="5" t="s">
        <v>39</v>
      </c>
      <c r="P1057" s="5" t="s">
        <v>40</v>
      </c>
      <c r="Q1057" s="5" t="s">
        <v>25301</v>
      </c>
      <c r="R1057" s="5" t="s">
        <v>40</v>
      </c>
      <c r="S1057" s="5" t="s">
        <v>42</v>
      </c>
      <c r="T1057" s="2">
        <v>19.204000000000001</v>
      </c>
      <c r="U1057" s="2">
        <v>16.803000000000001</v>
      </c>
      <c r="V1057" s="2">
        <v>0.129</v>
      </c>
      <c r="W1057" s="2">
        <v>12</v>
      </c>
      <c r="X1057" s="2">
        <v>62</v>
      </c>
      <c r="Y1057" s="2">
        <v>172.9</v>
      </c>
      <c r="Z1057" s="5">
        <v>10</v>
      </c>
      <c r="AA1057" s="5" t="s">
        <v>43</v>
      </c>
      <c r="AB1057" s="5" t="s">
        <v>44</v>
      </c>
      <c r="AC1057" s="2" t="s">
        <v>25538</v>
      </c>
      <c r="AD1057" s="1"/>
    </row>
    <row r="1058" spans="1:30">
      <c r="A1058" s="5" t="s">
        <v>83578</v>
      </c>
      <c r="B1058" s="2" t="s">
        <v>86750</v>
      </c>
      <c r="C1058" s="14" t="s">
        <v>86751</v>
      </c>
      <c r="D1058" s="2" t="s">
        <v>86752</v>
      </c>
      <c r="E1058" s="2" t="s">
        <v>25537</v>
      </c>
      <c r="F1058" s="8">
        <v>470</v>
      </c>
      <c r="G1058" s="5">
        <v>10</v>
      </c>
      <c r="H1058" s="5" t="s">
        <v>69</v>
      </c>
      <c r="I1058" s="5" t="s">
        <v>24629</v>
      </c>
      <c r="J1058" s="2" t="s">
        <v>24630</v>
      </c>
      <c r="K1058" s="5" t="s">
        <v>24629</v>
      </c>
      <c r="L1058" s="2" t="s">
        <v>24630</v>
      </c>
      <c r="M1058" s="5" t="s">
        <v>24254</v>
      </c>
      <c r="N1058" s="5" t="s">
        <v>38</v>
      </c>
      <c r="O1058" s="5" t="s">
        <v>39</v>
      </c>
      <c r="P1058" s="5" t="s">
        <v>40</v>
      </c>
      <c r="Q1058" s="5" t="s">
        <v>25301</v>
      </c>
      <c r="R1058" s="5" t="s">
        <v>40</v>
      </c>
      <c r="S1058" s="5" t="s">
        <v>42</v>
      </c>
      <c r="T1058" s="2">
        <v>20.274999999999999</v>
      </c>
      <c r="U1058" s="2">
        <v>17.552</v>
      </c>
      <c r="V1058" s="2">
        <v>0.14899999999999999</v>
      </c>
      <c r="W1058" s="2">
        <v>12</v>
      </c>
      <c r="X1058" s="2">
        <v>62</v>
      </c>
      <c r="Y1058" s="2">
        <v>199.9</v>
      </c>
      <c r="Z1058" s="5">
        <v>10</v>
      </c>
      <c r="AA1058" s="5" t="s">
        <v>43</v>
      </c>
      <c r="AB1058" s="5" t="s">
        <v>44</v>
      </c>
      <c r="AC1058" s="2" t="s">
        <v>25538</v>
      </c>
      <c r="AD1058" s="1"/>
    </row>
    <row r="1059" spans="1:30">
      <c r="A1059" s="5" t="s">
        <v>83578</v>
      </c>
      <c r="B1059" s="2" t="s">
        <v>86753</v>
      </c>
      <c r="C1059" s="14" t="s">
        <v>86754</v>
      </c>
      <c r="D1059" s="2" t="s">
        <v>86755</v>
      </c>
      <c r="E1059" s="2" t="s">
        <v>25532</v>
      </c>
      <c r="F1059" s="8">
        <v>433</v>
      </c>
      <c r="G1059" s="5">
        <v>10</v>
      </c>
      <c r="H1059" s="5" t="s">
        <v>69</v>
      </c>
      <c r="I1059" s="5" t="s">
        <v>24629</v>
      </c>
      <c r="J1059" s="2" t="s">
        <v>24630</v>
      </c>
      <c r="K1059" s="5" t="s">
        <v>24629</v>
      </c>
      <c r="L1059" s="2" t="s">
        <v>24630</v>
      </c>
      <c r="M1059" s="5" t="s">
        <v>24254</v>
      </c>
      <c r="N1059" s="5" t="s">
        <v>38</v>
      </c>
      <c r="O1059" s="5" t="s">
        <v>39</v>
      </c>
      <c r="P1059" s="5" t="s">
        <v>40</v>
      </c>
      <c r="Q1059" s="5" t="s">
        <v>24340</v>
      </c>
      <c r="R1059" s="5" t="s">
        <v>40</v>
      </c>
      <c r="S1059" s="5" t="s">
        <v>42</v>
      </c>
      <c r="T1059" s="2">
        <v>20.885999999999999</v>
      </c>
      <c r="U1059" s="2">
        <v>18.163</v>
      </c>
      <c r="V1059" s="2">
        <v>0.14899999999999999</v>
      </c>
      <c r="W1059" s="2">
        <v>12</v>
      </c>
      <c r="X1059" s="2">
        <v>62</v>
      </c>
      <c r="Y1059" s="2">
        <v>199.9</v>
      </c>
      <c r="Z1059" s="5">
        <v>10</v>
      </c>
      <c r="AA1059" s="5" t="s">
        <v>43</v>
      </c>
      <c r="AB1059" s="5" t="s">
        <v>44</v>
      </c>
      <c r="AC1059" s="2" t="s">
        <v>25533</v>
      </c>
      <c r="AD1059" s="1"/>
    </row>
    <row r="1060" spans="1:30">
      <c r="A1060" s="5" t="s">
        <v>83578</v>
      </c>
      <c r="B1060" s="2" t="s">
        <v>86756</v>
      </c>
      <c r="C1060" s="14" t="s">
        <v>86757</v>
      </c>
      <c r="D1060" s="2" t="s">
        <v>86758</v>
      </c>
      <c r="E1060" s="2" t="s">
        <v>25537</v>
      </c>
      <c r="F1060" s="8">
        <v>433</v>
      </c>
      <c r="G1060" s="5">
        <v>10</v>
      </c>
      <c r="H1060" s="5" t="s">
        <v>69</v>
      </c>
      <c r="I1060" s="5" t="s">
        <v>24629</v>
      </c>
      <c r="J1060" s="2" t="s">
        <v>24630</v>
      </c>
      <c r="K1060" s="5" t="s">
        <v>24629</v>
      </c>
      <c r="L1060" s="2" t="s">
        <v>24630</v>
      </c>
      <c r="M1060" s="5" t="s">
        <v>24254</v>
      </c>
      <c r="N1060" s="5" t="s">
        <v>38</v>
      </c>
      <c r="O1060" s="5" t="s">
        <v>39</v>
      </c>
      <c r="P1060" s="5" t="s">
        <v>40</v>
      </c>
      <c r="Q1060" s="5" t="s">
        <v>25301</v>
      </c>
      <c r="R1060" s="5" t="s">
        <v>40</v>
      </c>
      <c r="S1060" s="5" t="s">
        <v>42</v>
      </c>
      <c r="T1060" s="2">
        <v>19.407</v>
      </c>
      <c r="U1060" s="2">
        <v>16.684000000000001</v>
      </c>
      <c r="V1060" s="2">
        <v>0.14899999999999999</v>
      </c>
      <c r="W1060" s="2">
        <v>12</v>
      </c>
      <c r="X1060" s="2">
        <v>62</v>
      </c>
      <c r="Y1060" s="2">
        <v>199.9</v>
      </c>
      <c r="Z1060" s="5">
        <v>10</v>
      </c>
      <c r="AA1060" s="5" t="s">
        <v>43</v>
      </c>
      <c r="AB1060" s="5" t="s">
        <v>44</v>
      </c>
      <c r="AC1060" s="2" t="s">
        <v>25538</v>
      </c>
      <c r="AD1060" s="1"/>
    </row>
    <row r="1061" spans="1:30">
      <c r="A1061" s="5" t="s">
        <v>83578</v>
      </c>
      <c r="B1061" s="2" t="s">
        <v>86759</v>
      </c>
      <c r="C1061" s="14" t="s">
        <v>86760</v>
      </c>
      <c r="D1061" s="2" t="s">
        <v>86761</v>
      </c>
      <c r="E1061" s="2" t="s">
        <v>25537</v>
      </c>
      <c r="F1061" s="8">
        <v>456</v>
      </c>
      <c r="G1061" s="5">
        <v>10</v>
      </c>
      <c r="H1061" s="5" t="s">
        <v>69</v>
      </c>
      <c r="I1061" s="5" t="s">
        <v>24629</v>
      </c>
      <c r="J1061" s="2" t="s">
        <v>24630</v>
      </c>
      <c r="K1061" s="5" t="s">
        <v>24629</v>
      </c>
      <c r="L1061" s="2" t="s">
        <v>24630</v>
      </c>
      <c r="M1061" s="5" t="s">
        <v>24254</v>
      </c>
      <c r="N1061" s="5" t="s">
        <v>38</v>
      </c>
      <c r="O1061" s="5" t="s">
        <v>39</v>
      </c>
      <c r="P1061" s="5" t="s">
        <v>40</v>
      </c>
      <c r="Q1061" s="5" t="s">
        <v>25301</v>
      </c>
      <c r="R1061" s="5" t="s">
        <v>40</v>
      </c>
      <c r="S1061" s="5" t="s">
        <v>42</v>
      </c>
      <c r="T1061" s="2">
        <v>20.888999999999999</v>
      </c>
      <c r="U1061" s="2">
        <v>18.166</v>
      </c>
      <c r="V1061" s="2">
        <v>0.14899999999999999</v>
      </c>
      <c r="W1061" s="2">
        <v>12</v>
      </c>
      <c r="X1061" s="2">
        <v>62</v>
      </c>
      <c r="Y1061" s="2">
        <v>199.9</v>
      </c>
      <c r="Z1061" s="5">
        <v>10</v>
      </c>
      <c r="AA1061" s="5" t="s">
        <v>43</v>
      </c>
      <c r="AB1061" s="5" t="s">
        <v>44</v>
      </c>
      <c r="AC1061" s="2" t="s">
        <v>25538</v>
      </c>
      <c r="AD1061" s="1"/>
    </row>
    <row r="1062" spans="1:30">
      <c r="A1062" s="5" t="s">
        <v>83578</v>
      </c>
      <c r="B1062" s="2" t="s">
        <v>86762</v>
      </c>
      <c r="C1062" s="14" t="s">
        <v>86763</v>
      </c>
      <c r="D1062" s="2" t="s">
        <v>86764</v>
      </c>
      <c r="E1062" s="2" t="s">
        <v>25532</v>
      </c>
      <c r="F1062" s="8">
        <v>492</v>
      </c>
      <c r="G1062" s="5">
        <v>10</v>
      </c>
      <c r="H1062" s="5" t="s">
        <v>69</v>
      </c>
      <c r="I1062" s="5" t="s">
        <v>24629</v>
      </c>
      <c r="J1062" s="2" t="s">
        <v>24630</v>
      </c>
      <c r="K1062" s="5" t="s">
        <v>24629</v>
      </c>
      <c r="L1062" s="2" t="s">
        <v>24630</v>
      </c>
      <c r="M1062" s="5" t="s">
        <v>24254</v>
      </c>
      <c r="N1062" s="5" t="s">
        <v>38</v>
      </c>
      <c r="O1062" s="5" t="s">
        <v>39</v>
      </c>
      <c r="P1062" s="5" t="s">
        <v>40</v>
      </c>
      <c r="Q1062" s="5" t="s">
        <v>24340</v>
      </c>
      <c r="R1062" s="5" t="s">
        <v>40</v>
      </c>
      <c r="S1062" s="5" t="s">
        <v>42</v>
      </c>
      <c r="T1062" s="2">
        <v>23.413</v>
      </c>
      <c r="U1062" s="2">
        <v>20.69</v>
      </c>
      <c r="V1062" s="2">
        <v>0.14899999999999999</v>
      </c>
      <c r="W1062" s="2">
        <v>12</v>
      </c>
      <c r="X1062" s="2">
        <v>62</v>
      </c>
      <c r="Y1062" s="2">
        <v>199.9</v>
      </c>
      <c r="Z1062" s="5">
        <v>10</v>
      </c>
      <c r="AA1062" s="5" t="s">
        <v>43</v>
      </c>
      <c r="AB1062" s="5" t="s">
        <v>44</v>
      </c>
      <c r="AC1062" s="2" t="s">
        <v>25533</v>
      </c>
      <c r="AD1062" s="1"/>
    </row>
    <row r="1063" spans="1:30">
      <c r="A1063" s="5" t="s">
        <v>83578</v>
      </c>
      <c r="B1063" s="2" t="s">
        <v>86765</v>
      </c>
      <c r="C1063" s="14" t="s">
        <v>86766</v>
      </c>
      <c r="D1063" s="2" t="s">
        <v>86767</v>
      </c>
      <c r="E1063" s="2" t="s">
        <v>25163</v>
      </c>
      <c r="F1063" s="8">
        <v>271</v>
      </c>
      <c r="G1063" s="5">
        <v>10</v>
      </c>
      <c r="H1063" s="5" t="s">
        <v>69</v>
      </c>
      <c r="I1063" s="5" t="s">
        <v>24629</v>
      </c>
      <c r="J1063" s="2" t="s">
        <v>24630</v>
      </c>
      <c r="K1063" s="5" t="s">
        <v>24629</v>
      </c>
      <c r="L1063" s="2" t="s">
        <v>24630</v>
      </c>
      <c r="M1063" s="5" t="s">
        <v>24254</v>
      </c>
      <c r="N1063" s="5" t="s">
        <v>38</v>
      </c>
      <c r="O1063" s="5" t="s">
        <v>39</v>
      </c>
      <c r="P1063" s="5" t="s">
        <v>40</v>
      </c>
      <c r="Q1063" s="5" t="s">
        <v>24340</v>
      </c>
      <c r="R1063" s="5" t="s">
        <v>40</v>
      </c>
      <c r="S1063" s="5" t="s">
        <v>42</v>
      </c>
      <c r="T1063" s="2">
        <v>9.6440000000000001</v>
      </c>
      <c r="U1063" s="2">
        <v>8.3759999999999994</v>
      </c>
      <c r="V1063" s="2">
        <v>5.8999999999999997E-2</v>
      </c>
      <c r="W1063" s="2">
        <v>12</v>
      </c>
      <c r="X1063" s="2">
        <v>42.5</v>
      </c>
      <c r="Y1063" s="2">
        <v>116.4</v>
      </c>
      <c r="Z1063" s="5">
        <v>20</v>
      </c>
      <c r="AA1063" s="5" t="s">
        <v>43</v>
      </c>
      <c r="AB1063" s="5" t="s">
        <v>44</v>
      </c>
      <c r="AC1063" s="2" t="s">
        <v>86768</v>
      </c>
      <c r="AD1063" s="1"/>
    </row>
    <row r="1064" spans="1:30">
      <c r="A1064" s="5" t="s">
        <v>83578</v>
      </c>
      <c r="B1064" s="2" t="s">
        <v>86769</v>
      </c>
      <c r="C1064" s="14" t="s">
        <v>86770</v>
      </c>
      <c r="D1064" s="2" t="s">
        <v>86771</v>
      </c>
      <c r="E1064" s="2" t="s">
        <v>25163</v>
      </c>
      <c r="F1064" s="8">
        <v>279</v>
      </c>
      <c r="G1064" s="5">
        <v>10</v>
      </c>
      <c r="H1064" s="5" t="s">
        <v>69</v>
      </c>
      <c r="I1064" s="5" t="s">
        <v>24629</v>
      </c>
      <c r="J1064" s="2" t="s">
        <v>24630</v>
      </c>
      <c r="K1064" s="5" t="s">
        <v>24629</v>
      </c>
      <c r="L1064" s="2" t="s">
        <v>24630</v>
      </c>
      <c r="M1064" s="5" t="s">
        <v>24254</v>
      </c>
      <c r="N1064" s="5" t="s">
        <v>38</v>
      </c>
      <c r="O1064" s="5" t="s">
        <v>39</v>
      </c>
      <c r="P1064" s="5" t="s">
        <v>40</v>
      </c>
      <c r="Q1064" s="5" t="s">
        <v>24340</v>
      </c>
      <c r="R1064" s="5" t="s">
        <v>40</v>
      </c>
      <c r="S1064" s="5" t="s">
        <v>42</v>
      </c>
      <c r="T1064" s="2">
        <v>10.379</v>
      </c>
      <c r="U1064" s="2">
        <v>9.1110000000000007</v>
      </c>
      <c r="V1064" s="2">
        <v>5.8999999999999997E-2</v>
      </c>
      <c r="W1064" s="2">
        <v>12</v>
      </c>
      <c r="X1064" s="2">
        <v>42.5</v>
      </c>
      <c r="Y1064" s="2">
        <v>116.4</v>
      </c>
      <c r="Z1064" s="5">
        <v>20</v>
      </c>
      <c r="AA1064" s="5" t="s">
        <v>43</v>
      </c>
      <c r="AB1064" s="5" t="s">
        <v>44</v>
      </c>
      <c r="AC1064" s="2" t="s">
        <v>86768</v>
      </c>
      <c r="AD1064" s="1"/>
    </row>
    <row r="1065" spans="1:30">
      <c r="A1065" s="5" t="s">
        <v>83578</v>
      </c>
      <c r="B1065" s="2" t="s">
        <v>86772</v>
      </c>
      <c r="C1065" s="14" t="s">
        <v>86773</v>
      </c>
      <c r="D1065" s="2" t="s">
        <v>86774</v>
      </c>
      <c r="E1065" s="2" t="s">
        <v>25163</v>
      </c>
      <c r="F1065" s="8">
        <v>284</v>
      </c>
      <c r="G1065" s="5">
        <v>10</v>
      </c>
      <c r="H1065" s="5" t="s">
        <v>69</v>
      </c>
      <c r="I1065" s="5" t="s">
        <v>24629</v>
      </c>
      <c r="J1065" s="2" t="s">
        <v>24630</v>
      </c>
      <c r="K1065" s="5" t="s">
        <v>24629</v>
      </c>
      <c r="L1065" s="2" t="s">
        <v>24630</v>
      </c>
      <c r="M1065" s="5" t="s">
        <v>24254</v>
      </c>
      <c r="N1065" s="5" t="s">
        <v>38</v>
      </c>
      <c r="O1065" s="5" t="s">
        <v>39</v>
      </c>
      <c r="P1065" s="5" t="s">
        <v>40</v>
      </c>
      <c r="Q1065" s="5" t="s">
        <v>24340</v>
      </c>
      <c r="R1065" s="5" t="s">
        <v>40</v>
      </c>
      <c r="S1065" s="5" t="s">
        <v>42</v>
      </c>
      <c r="T1065" s="2">
        <v>11.305</v>
      </c>
      <c r="U1065" s="2">
        <v>9.8510000000000009</v>
      </c>
      <c r="V1065" s="2">
        <v>7.3999999999999996E-2</v>
      </c>
      <c r="W1065" s="2">
        <v>12</v>
      </c>
      <c r="X1065" s="2">
        <v>42.5</v>
      </c>
      <c r="Y1065" s="2">
        <v>144.4</v>
      </c>
      <c r="Z1065" s="5">
        <v>20</v>
      </c>
      <c r="AA1065" s="5" t="s">
        <v>43</v>
      </c>
      <c r="AB1065" s="5" t="s">
        <v>44</v>
      </c>
      <c r="AC1065" s="2" t="s">
        <v>86768</v>
      </c>
      <c r="AD1065" s="1"/>
    </row>
    <row r="1066" spans="1:30">
      <c r="A1066" s="5" t="s">
        <v>83578</v>
      </c>
      <c r="B1066" s="2" t="s">
        <v>86775</v>
      </c>
      <c r="C1066" s="14" t="s">
        <v>86776</v>
      </c>
      <c r="D1066" s="2" t="s">
        <v>86777</v>
      </c>
      <c r="E1066" s="2" t="s">
        <v>25163</v>
      </c>
      <c r="F1066" s="8">
        <v>284</v>
      </c>
      <c r="G1066" s="5">
        <v>10</v>
      </c>
      <c r="H1066" s="5" t="s">
        <v>69</v>
      </c>
      <c r="I1066" s="5" t="s">
        <v>24629</v>
      </c>
      <c r="J1066" s="2" t="s">
        <v>24630</v>
      </c>
      <c r="K1066" s="5" t="s">
        <v>24629</v>
      </c>
      <c r="L1066" s="2" t="s">
        <v>24630</v>
      </c>
      <c r="M1066" s="5" t="s">
        <v>24254</v>
      </c>
      <c r="N1066" s="5" t="s">
        <v>38</v>
      </c>
      <c r="O1066" s="5" t="s">
        <v>39</v>
      </c>
      <c r="P1066" s="5" t="s">
        <v>40</v>
      </c>
      <c r="Q1066" s="5" t="s">
        <v>24340</v>
      </c>
      <c r="R1066" s="5" t="s">
        <v>40</v>
      </c>
      <c r="S1066" s="5" t="s">
        <v>42</v>
      </c>
      <c r="T1066" s="2">
        <v>11.065</v>
      </c>
      <c r="U1066" s="2">
        <v>9.6110000000000007</v>
      </c>
      <c r="V1066" s="2">
        <v>7.3999999999999996E-2</v>
      </c>
      <c r="W1066" s="2">
        <v>12</v>
      </c>
      <c r="X1066" s="2">
        <v>42.5</v>
      </c>
      <c r="Y1066" s="2">
        <v>144.4</v>
      </c>
      <c r="Z1066" s="5">
        <v>20</v>
      </c>
      <c r="AA1066" s="5" t="s">
        <v>43</v>
      </c>
      <c r="AB1066" s="5" t="s">
        <v>44</v>
      </c>
      <c r="AC1066" s="2" t="s">
        <v>86768</v>
      </c>
      <c r="AD1066" s="1"/>
    </row>
    <row r="1067" spans="1:30">
      <c r="A1067" s="5" t="s">
        <v>83578</v>
      </c>
      <c r="B1067" s="2" t="s">
        <v>86778</v>
      </c>
      <c r="C1067" s="14" t="s">
        <v>86779</v>
      </c>
      <c r="D1067" s="2" t="s">
        <v>86780</v>
      </c>
      <c r="E1067" s="2" t="s">
        <v>25163</v>
      </c>
      <c r="F1067" s="8">
        <v>296</v>
      </c>
      <c r="G1067" s="5">
        <v>10</v>
      </c>
      <c r="H1067" s="5" t="s">
        <v>69</v>
      </c>
      <c r="I1067" s="5" t="s">
        <v>24629</v>
      </c>
      <c r="J1067" s="2" t="s">
        <v>24630</v>
      </c>
      <c r="K1067" s="5" t="s">
        <v>24629</v>
      </c>
      <c r="L1067" s="2" t="s">
        <v>24630</v>
      </c>
      <c r="M1067" s="5" t="s">
        <v>24254</v>
      </c>
      <c r="N1067" s="5" t="s">
        <v>38</v>
      </c>
      <c r="O1067" s="5" t="s">
        <v>39</v>
      </c>
      <c r="P1067" s="5" t="s">
        <v>40</v>
      </c>
      <c r="Q1067" s="5" t="s">
        <v>24340</v>
      </c>
      <c r="R1067" s="5" t="s">
        <v>40</v>
      </c>
      <c r="S1067" s="5" t="s">
        <v>42</v>
      </c>
      <c r="T1067" s="2">
        <v>11.805</v>
      </c>
      <c r="U1067" s="2">
        <v>10.351000000000001</v>
      </c>
      <c r="V1067" s="2">
        <v>7.3999999999999996E-2</v>
      </c>
      <c r="W1067" s="2">
        <v>12</v>
      </c>
      <c r="X1067" s="2">
        <v>42.5</v>
      </c>
      <c r="Y1067" s="2">
        <v>144.4</v>
      </c>
      <c r="Z1067" s="5">
        <v>20</v>
      </c>
      <c r="AA1067" s="5" t="s">
        <v>43</v>
      </c>
      <c r="AB1067" s="5" t="s">
        <v>44</v>
      </c>
      <c r="AC1067" s="2" t="s">
        <v>86768</v>
      </c>
      <c r="AD1067" s="1"/>
    </row>
    <row r="1068" spans="1:30">
      <c r="A1068" s="5" t="s">
        <v>83578</v>
      </c>
      <c r="B1068" s="2" t="s">
        <v>86781</v>
      </c>
      <c r="C1068" s="14" t="s">
        <v>86782</v>
      </c>
      <c r="D1068" s="2" t="s">
        <v>86783</v>
      </c>
      <c r="E1068" s="2" t="s">
        <v>25163</v>
      </c>
      <c r="F1068" s="8">
        <v>300</v>
      </c>
      <c r="G1068" s="5">
        <v>10</v>
      </c>
      <c r="H1068" s="5" t="s">
        <v>69</v>
      </c>
      <c r="I1068" s="5" t="s">
        <v>24629</v>
      </c>
      <c r="J1068" s="2" t="s">
        <v>24630</v>
      </c>
      <c r="K1068" s="5" t="s">
        <v>24629</v>
      </c>
      <c r="L1068" s="2" t="s">
        <v>24630</v>
      </c>
      <c r="M1068" s="5" t="s">
        <v>24254</v>
      </c>
      <c r="N1068" s="5" t="s">
        <v>38</v>
      </c>
      <c r="O1068" s="5" t="s">
        <v>39</v>
      </c>
      <c r="P1068" s="5" t="s">
        <v>40</v>
      </c>
      <c r="Q1068" s="5" t="s">
        <v>24340</v>
      </c>
      <c r="R1068" s="5" t="s">
        <v>40</v>
      </c>
      <c r="S1068" s="5" t="s">
        <v>42</v>
      </c>
      <c r="T1068" s="2">
        <v>12.685</v>
      </c>
      <c r="U1068" s="2">
        <v>11.098000000000001</v>
      </c>
      <c r="V1068" s="2">
        <v>8.4000000000000005E-2</v>
      </c>
      <c r="W1068" s="2">
        <v>12</v>
      </c>
      <c r="X1068" s="2">
        <v>42.5</v>
      </c>
      <c r="Y1068" s="2">
        <v>164.4</v>
      </c>
      <c r="Z1068" s="5">
        <v>20</v>
      </c>
      <c r="AA1068" s="5" t="s">
        <v>43</v>
      </c>
      <c r="AB1068" s="5" t="s">
        <v>44</v>
      </c>
      <c r="AC1068" s="2" t="s">
        <v>86768</v>
      </c>
      <c r="AD1068" s="1"/>
    </row>
    <row r="1069" spans="1:30">
      <c r="A1069" s="5" t="s">
        <v>83578</v>
      </c>
      <c r="B1069" s="2" t="s">
        <v>86784</v>
      </c>
      <c r="C1069" s="14" t="s">
        <v>86785</v>
      </c>
      <c r="D1069" s="2" t="s">
        <v>86786</v>
      </c>
      <c r="E1069" s="2" t="s">
        <v>25163</v>
      </c>
      <c r="F1069" s="8">
        <v>293</v>
      </c>
      <c r="G1069" s="5">
        <v>10</v>
      </c>
      <c r="H1069" s="5" t="s">
        <v>69</v>
      </c>
      <c r="I1069" s="5" t="s">
        <v>24629</v>
      </c>
      <c r="J1069" s="2" t="s">
        <v>24630</v>
      </c>
      <c r="K1069" s="5" t="s">
        <v>24629</v>
      </c>
      <c r="L1069" s="2" t="s">
        <v>24630</v>
      </c>
      <c r="M1069" s="5" t="s">
        <v>24254</v>
      </c>
      <c r="N1069" s="5" t="s">
        <v>38</v>
      </c>
      <c r="O1069" s="5" t="s">
        <v>39</v>
      </c>
      <c r="P1069" s="5" t="s">
        <v>40</v>
      </c>
      <c r="Q1069" s="5" t="s">
        <v>24340</v>
      </c>
      <c r="R1069" s="5" t="s">
        <v>40</v>
      </c>
      <c r="S1069" s="5" t="s">
        <v>42</v>
      </c>
      <c r="T1069" s="2">
        <v>11.855</v>
      </c>
      <c r="U1069" s="2">
        <v>10.401</v>
      </c>
      <c r="V1069" s="2">
        <v>7.3999999999999996E-2</v>
      </c>
      <c r="W1069" s="2">
        <v>12</v>
      </c>
      <c r="X1069" s="2">
        <v>42.5</v>
      </c>
      <c r="Y1069" s="2">
        <v>144.4</v>
      </c>
      <c r="Z1069" s="5">
        <v>20</v>
      </c>
      <c r="AA1069" s="5" t="s">
        <v>43</v>
      </c>
      <c r="AB1069" s="5" t="s">
        <v>44</v>
      </c>
      <c r="AC1069" s="2" t="s">
        <v>86768</v>
      </c>
      <c r="AD1069" s="1"/>
    </row>
    <row r="1070" spans="1:30">
      <c r="A1070" s="5" t="s">
        <v>83578</v>
      </c>
      <c r="B1070" s="2" t="s">
        <v>86787</v>
      </c>
      <c r="C1070" s="14" t="s">
        <v>86788</v>
      </c>
      <c r="D1070" s="2" t="s">
        <v>86789</v>
      </c>
      <c r="E1070" s="2" t="s">
        <v>25163</v>
      </c>
      <c r="F1070" s="8">
        <v>300</v>
      </c>
      <c r="G1070" s="5">
        <v>10</v>
      </c>
      <c r="H1070" s="5" t="s">
        <v>69</v>
      </c>
      <c r="I1070" s="5" t="s">
        <v>24629</v>
      </c>
      <c r="J1070" s="2" t="s">
        <v>24630</v>
      </c>
      <c r="K1070" s="5" t="s">
        <v>24629</v>
      </c>
      <c r="L1070" s="2" t="s">
        <v>24630</v>
      </c>
      <c r="M1070" s="5" t="s">
        <v>24254</v>
      </c>
      <c r="N1070" s="5" t="s">
        <v>38</v>
      </c>
      <c r="O1070" s="5" t="s">
        <v>39</v>
      </c>
      <c r="P1070" s="5" t="s">
        <v>40</v>
      </c>
      <c r="Q1070" s="5" t="s">
        <v>24340</v>
      </c>
      <c r="R1070" s="5" t="s">
        <v>40</v>
      </c>
      <c r="S1070" s="5" t="s">
        <v>42</v>
      </c>
      <c r="T1070" s="2">
        <v>12.596</v>
      </c>
      <c r="U1070" s="2">
        <v>11.141999999999999</v>
      </c>
      <c r="V1070" s="2">
        <v>7.3999999999999996E-2</v>
      </c>
      <c r="W1070" s="2">
        <v>12</v>
      </c>
      <c r="X1070" s="2">
        <v>42.5</v>
      </c>
      <c r="Y1070" s="2">
        <v>144.4</v>
      </c>
      <c r="Z1070" s="5">
        <v>20</v>
      </c>
      <c r="AA1070" s="5" t="s">
        <v>43</v>
      </c>
      <c r="AB1070" s="5" t="s">
        <v>44</v>
      </c>
      <c r="AC1070" s="2" t="s">
        <v>86768</v>
      </c>
      <c r="AD1070" s="1"/>
    </row>
    <row r="1071" spans="1:30">
      <c r="A1071" s="5" t="s">
        <v>83578</v>
      </c>
      <c r="B1071" s="2" t="s">
        <v>86790</v>
      </c>
      <c r="C1071" s="14" t="s">
        <v>86791</v>
      </c>
      <c r="D1071" s="2" t="s">
        <v>86792</v>
      </c>
      <c r="E1071" s="2" t="s">
        <v>25163</v>
      </c>
      <c r="F1071" s="8">
        <v>308</v>
      </c>
      <c r="G1071" s="5">
        <v>10</v>
      </c>
      <c r="H1071" s="5" t="s">
        <v>69</v>
      </c>
      <c r="I1071" s="5" t="s">
        <v>24629</v>
      </c>
      <c r="J1071" s="2" t="s">
        <v>24630</v>
      </c>
      <c r="K1071" s="5" t="s">
        <v>24629</v>
      </c>
      <c r="L1071" s="2" t="s">
        <v>24630</v>
      </c>
      <c r="M1071" s="5" t="s">
        <v>24254</v>
      </c>
      <c r="N1071" s="5" t="s">
        <v>38</v>
      </c>
      <c r="O1071" s="5" t="s">
        <v>39</v>
      </c>
      <c r="P1071" s="5" t="s">
        <v>40</v>
      </c>
      <c r="Q1071" s="5" t="s">
        <v>24340</v>
      </c>
      <c r="R1071" s="5" t="s">
        <v>40</v>
      </c>
      <c r="S1071" s="5" t="s">
        <v>42</v>
      </c>
      <c r="T1071" s="2">
        <v>13.476000000000001</v>
      </c>
      <c r="U1071" s="2">
        <v>11.888999999999999</v>
      </c>
      <c r="V1071" s="2">
        <v>8.4000000000000005E-2</v>
      </c>
      <c r="W1071" s="2">
        <v>12</v>
      </c>
      <c r="X1071" s="2">
        <v>42.5</v>
      </c>
      <c r="Y1071" s="2">
        <v>164.4</v>
      </c>
      <c r="Z1071" s="5">
        <v>20</v>
      </c>
      <c r="AA1071" s="5" t="s">
        <v>43</v>
      </c>
      <c r="AB1071" s="5" t="s">
        <v>44</v>
      </c>
      <c r="AC1071" s="2" t="s">
        <v>86768</v>
      </c>
      <c r="AD1071" s="1"/>
    </row>
    <row r="1072" spans="1:30">
      <c r="A1072" s="5" t="s">
        <v>83578</v>
      </c>
      <c r="B1072" s="2" t="s">
        <v>86793</v>
      </c>
      <c r="C1072" s="14" t="s">
        <v>86794</v>
      </c>
      <c r="D1072" s="2" t="s">
        <v>86795</v>
      </c>
      <c r="E1072" s="2" t="s">
        <v>25163</v>
      </c>
      <c r="F1072" s="8">
        <v>331</v>
      </c>
      <c r="G1072" s="5">
        <v>10</v>
      </c>
      <c r="H1072" s="5" t="s">
        <v>69</v>
      </c>
      <c r="I1072" s="5" t="s">
        <v>24629</v>
      </c>
      <c r="J1072" s="2" t="s">
        <v>24630</v>
      </c>
      <c r="K1072" s="5" t="s">
        <v>24629</v>
      </c>
      <c r="L1072" s="2" t="s">
        <v>24630</v>
      </c>
      <c r="M1072" s="5" t="s">
        <v>24254</v>
      </c>
      <c r="N1072" s="5" t="s">
        <v>38</v>
      </c>
      <c r="O1072" s="5" t="s">
        <v>39</v>
      </c>
      <c r="P1072" s="5" t="s">
        <v>40</v>
      </c>
      <c r="Q1072" s="5" t="s">
        <v>24340</v>
      </c>
      <c r="R1072" s="5" t="s">
        <v>40</v>
      </c>
      <c r="S1072" s="5" t="s">
        <v>42</v>
      </c>
      <c r="T1072" s="2">
        <v>14.374000000000001</v>
      </c>
      <c r="U1072" s="2">
        <v>12.624000000000001</v>
      </c>
      <c r="V1072" s="2">
        <v>9.6000000000000002E-2</v>
      </c>
      <c r="W1072" s="2">
        <v>12</v>
      </c>
      <c r="X1072" s="2">
        <v>42.5</v>
      </c>
      <c r="Y1072" s="2">
        <v>188.9</v>
      </c>
      <c r="Z1072" s="5">
        <v>20</v>
      </c>
      <c r="AA1072" s="5" t="s">
        <v>43</v>
      </c>
      <c r="AB1072" s="5" t="s">
        <v>44</v>
      </c>
      <c r="AC1072" s="2" t="s">
        <v>86768</v>
      </c>
      <c r="AD1072" s="1"/>
    </row>
    <row r="1073" spans="1:30">
      <c r="A1073" s="5" t="s">
        <v>83578</v>
      </c>
      <c r="B1073" s="2" t="s">
        <v>86796</v>
      </c>
      <c r="C1073" s="14" t="s">
        <v>86797</v>
      </c>
      <c r="D1073" s="2" t="s">
        <v>86798</v>
      </c>
      <c r="E1073" s="2" t="s">
        <v>25163</v>
      </c>
      <c r="F1073" s="8">
        <v>334</v>
      </c>
      <c r="G1073" s="5">
        <v>10</v>
      </c>
      <c r="H1073" s="5" t="s">
        <v>69</v>
      </c>
      <c r="I1073" s="5" t="s">
        <v>24629</v>
      </c>
      <c r="J1073" s="2" t="s">
        <v>24630</v>
      </c>
      <c r="K1073" s="5" t="s">
        <v>24629</v>
      </c>
      <c r="L1073" s="2" t="s">
        <v>24630</v>
      </c>
      <c r="M1073" s="5" t="s">
        <v>24254</v>
      </c>
      <c r="N1073" s="5" t="s">
        <v>38</v>
      </c>
      <c r="O1073" s="5" t="s">
        <v>39</v>
      </c>
      <c r="P1073" s="5" t="s">
        <v>40</v>
      </c>
      <c r="Q1073" s="5" t="s">
        <v>24340</v>
      </c>
      <c r="R1073" s="5" t="s">
        <v>40</v>
      </c>
      <c r="S1073" s="5" t="s">
        <v>42</v>
      </c>
      <c r="T1073" s="2">
        <v>15.109</v>
      </c>
      <c r="U1073" s="2">
        <v>13.359</v>
      </c>
      <c r="V1073" s="2">
        <v>9.6000000000000002E-2</v>
      </c>
      <c r="W1073" s="2">
        <v>12</v>
      </c>
      <c r="X1073" s="2">
        <v>42.5</v>
      </c>
      <c r="Y1073" s="2">
        <v>188.9</v>
      </c>
      <c r="Z1073" s="5">
        <v>20</v>
      </c>
      <c r="AA1073" s="5" t="s">
        <v>43</v>
      </c>
      <c r="AB1073" s="5" t="s">
        <v>44</v>
      </c>
      <c r="AC1073" s="2" t="s">
        <v>86768</v>
      </c>
      <c r="AD1073" s="1"/>
    </row>
    <row r="1074" spans="1:30">
      <c r="A1074" s="5" t="s">
        <v>83578</v>
      </c>
      <c r="B1074" s="2" t="s">
        <v>86799</v>
      </c>
      <c r="C1074" s="14" t="s">
        <v>86800</v>
      </c>
      <c r="D1074" s="2" t="s">
        <v>86801</v>
      </c>
      <c r="E1074" s="2" t="s">
        <v>25163</v>
      </c>
      <c r="F1074" s="8">
        <v>322</v>
      </c>
      <c r="G1074" s="5">
        <v>10</v>
      </c>
      <c r="H1074" s="5" t="s">
        <v>69</v>
      </c>
      <c r="I1074" s="5" t="s">
        <v>24629</v>
      </c>
      <c r="J1074" s="2" t="s">
        <v>24630</v>
      </c>
      <c r="K1074" s="5" t="s">
        <v>24629</v>
      </c>
      <c r="L1074" s="2" t="s">
        <v>24630</v>
      </c>
      <c r="M1074" s="5" t="s">
        <v>24254</v>
      </c>
      <c r="N1074" s="5" t="s">
        <v>38</v>
      </c>
      <c r="O1074" s="5" t="s">
        <v>39</v>
      </c>
      <c r="P1074" s="5" t="s">
        <v>40</v>
      </c>
      <c r="Q1074" s="5" t="s">
        <v>24340</v>
      </c>
      <c r="R1074" s="5" t="s">
        <v>40</v>
      </c>
      <c r="S1074" s="5" t="s">
        <v>42</v>
      </c>
      <c r="T1074" s="2">
        <v>12.260999999999999</v>
      </c>
      <c r="U1074" s="2">
        <v>11.891</v>
      </c>
      <c r="V1074" s="2">
        <v>7.3999999999999996E-2</v>
      </c>
      <c r="W1074" s="2">
        <v>12</v>
      </c>
      <c r="X1074" s="2">
        <v>42.5</v>
      </c>
      <c r="Y1074" s="2">
        <v>144.4</v>
      </c>
      <c r="Z1074" s="5">
        <v>20</v>
      </c>
      <c r="AA1074" s="5" t="s">
        <v>43</v>
      </c>
      <c r="AB1074" s="5" t="s">
        <v>44</v>
      </c>
      <c r="AC1074" s="2" t="s">
        <v>86768</v>
      </c>
      <c r="AD1074" s="1"/>
    </row>
    <row r="1075" spans="1:30">
      <c r="A1075" s="5" t="s">
        <v>83578</v>
      </c>
      <c r="B1075" s="2" t="s">
        <v>86802</v>
      </c>
      <c r="C1075" s="14" t="s">
        <v>86803</v>
      </c>
      <c r="D1075" s="2" t="s">
        <v>86804</v>
      </c>
      <c r="E1075" s="2" t="s">
        <v>25163</v>
      </c>
      <c r="F1075" s="8">
        <v>331</v>
      </c>
      <c r="G1075" s="5">
        <v>10</v>
      </c>
      <c r="H1075" s="5" t="s">
        <v>69</v>
      </c>
      <c r="I1075" s="5" t="s">
        <v>24629</v>
      </c>
      <c r="J1075" s="2" t="s">
        <v>24630</v>
      </c>
      <c r="K1075" s="5" t="s">
        <v>24629</v>
      </c>
      <c r="L1075" s="2" t="s">
        <v>24630</v>
      </c>
      <c r="M1075" s="5" t="s">
        <v>24254</v>
      </c>
      <c r="N1075" s="5" t="s">
        <v>38</v>
      </c>
      <c r="O1075" s="5" t="s">
        <v>39</v>
      </c>
      <c r="P1075" s="5" t="s">
        <v>40</v>
      </c>
      <c r="Q1075" s="5" t="s">
        <v>24340</v>
      </c>
      <c r="R1075" s="5" t="s">
        <v>40</v>
      </c>
      <c r="S1075" s="5" t="s">
        <v>42</v>
      </c>
      <c r="T1075" s="2">
        <v>14.225</v>
      </c>
      <c r="U1075" s="2">
        <v>12.638</v>
      </c>
      <c r="V1075" s="2">
        <v>8.4000000000000005E-2</v>
      </c>
      <c r="W1075" s="2">
        <v>12</v>
      </c>
      <c r="X1075" s="2">
        <v>42.5</v>
      </c>
      <c r="Y1075" s="2">
        <v>164.4</v>
      </c>
      <c r="Z1075" s="5">
        <v>20</v>
      </c>
      <c r="AA1075" s="5" t="s">
        <v>43</v>
      </c>
      <c r="AB1075" s="5" t="s">
        <v>44</v>
      </c>
      <c r="AC1075" s="2" t="s">
        <v>86768</v>
      </c>
      <c r="AD1075" s="1"/>
    </row>
    <row r="1076" spans="1:30">
      <c r="A1076" s="5" t="s">
        <v>83578</v>
      </c>
      <c r="B1076" s="2" t="s">
        <v>86805</v>
      </c>
      <c r="C1076" s="14" t="s">
        <v>86806</v>
      </c>
      <c r="D1076" s="2" t="s">
        <v>86807</v>
      </c>
      <c r="E1076" s="2" t="s">
        <v>25163</v>
      </c>
      <c r="F1076" s="8">
        <v>342</v>
      </c>
      <c r="G1076" s="5">
        <v>10</v>
      </c>
      <c r="H1076" s="5" t="s">
        <v>69</v>
      </c>
      <c r="I1076" s="5" t="s">
        <v>24629</v>
      </c>
      <c r="J1076" s="2" t="s">
        <v>24630</v>
      </c>
      <c r="K1076" s="5" t="s">
        <v>24629</v>
      </c>
      <c r="L1076" s="2" t="s">
        <v>24630</v>
      </c>
      <c r="M1076" s="5" t="s">
        <v>24254</v>
      </c>
      <c r="N1076" s="5" t="s">
        <v>38</v>
      </c>
      <c r="O1076" s="5" t="s">
        <v>39</v>
      </c>
      <c r="P1076" s="5" t="s">
        <v>40</v>
      </c>
      <c r="Q1076" s="5" t="s">
        <v>24340</v>
      </c>
      <c r="R1076" s="5" t="s">
        <v>40</v>
      </c>
      <c r="S1076" s="5" t="s">
        <v>42</v>
      </c>
      <c r="T1076" s="2">
        <v>15.124000000000001</v>
      </c>
      <c r="U1076" s="2">
        <v>13.374000000000001</v>
      </c>
      <c r="V1076" s="2">
        <v>9.6000000000000002E-2</v>
      </c>
      <c r="W1076" s="2">
        <v>12</v>
      </c>
      <c r="X1076" s="2">
        <v>42.5</v>
      </c>
      <c r="Y1076" s="2">
        <v>188.9</v>
      </c>
      <c r="Z1076" s="5">
        <v>20</v>
      </c>
      <c r="AA1076" s="5" t="s">
        <v>43</v>
      </c>
      <c r="AB1076" s="5" t="s">
        <v>44</v>
      </c>
      <c r="AC1076" s="2" t="s">
        <v>86768</v>
      </c>
      <c r="AD1076" s="1"/>
    </row>
    <row r="1077" spans="1:30">
      <c r="A1077" s="5" t="s">
        <v>83578</v>
      </c>
      <c r="B1077" s="2" t="s">
        <v>86808</v>
      </c>
      <c r="C1077" s="14" t="s">
        <v>86809</v>
      </c>
      <c r="D1077" s="2" t="s">
        <v>86810</v>
      </c>
      <c r="E1077" s="2" t="s">
        <v>25163</v>
      </c>
      <c r="F1077" s="8">
        <v>331</v>
      </c>
      <c r="G1077" s="5">
        <v>10</v>
      </c>
      <c r="H1077" s="5" t="s">
        <v>69</v>
      </c>
      <c r="I1077" s="5" t="s">
        <v>24629</v>
      </c>
      <c r="J1077" s="2" t="s">
        <v>24630</v>
      </c>
      <c r="K1077" s="5" t="s">
        <v>24629</v>
      </c>
      <c r="L1077" s="2" t="s">
        <v>24630</v>
      </c>
      <c r="M1077" s="5" t="s">
        <v>24254</v>
      </c>
      <c r="N1077" s="5" t="s">
        <v>38</v>
      </c>
      <c r="O1077" s="5" t="s">
        <v>39</v>
      </c>
      <c r="P1077" s="5" t="s">
        <v>40</v>
      </c>
      <c r="Q1077" s="5" t="s">
        <v>24340</v>
      </c>
      <c r="R1077" s="5" t="s">
        <v>40</v>
      </c>
      <c r="S1077" s="5" t="s">
        <v>42</v>
      </c>
      <c r="T1077" s="2">
        <v>14.693</v>
      </c>
      <c r="U1077" s="2">
        <v>12.943</v>
      </c>
      <c r="V1077" s="2">
        <v>9.6000000000000002E-2</v>
      </c>
      <c r="W1077" s="2">
        <v>12</v>
      </c>
      <c r="X1077" s="2">
        <v>42.5</v>
      </c>
      <c r="Y1077" s="2">
        <v>188.9</v>
      </c>
      <c r="Z1077" s="5">
        <v>20</v>
      </c>
      <c r="AA1077" s="5" t="s">
        <v>43</v>
      </c>
      <c r="AB1077" s="5" t="s">
        <v>44</v>
      </c>
      <c r="AC1077" s="2" t="s">
        <v>86768</v>
      </c>
      <c r="AD1077" s="1"/>
    </row>
    <row r="1078" spans="1:30">
      <c r="A1078" s="5" t="s">
        <v>83578</v>
      </c>
      <c r="B1078" s="2" t="s">
        <v>86811</v>
      </c>
      <c r="C1078" s="14" t="s">
        <v>86812</v>
      </c>
      <c r="D1078" s="2" t="s">
        <v>86813</v>
      </c>
      <c r="E1078" s="2" t="s">
        <v>25163</v>
      </c>
      <c r="F1078" s="8">
        <v>336</v>
      </c>
      <c r="G1078" s="5">
        <v>10</v>
      </c>
      <c r="H1078" s="5" t="s">
        <v>69</v>
      </c>
      <c r="I1078" s="5" t="s">
        <v>24629</v>
      </c>
      <c r="J1078" s="2" t="s">
        <v>24630</v>
      </c>
      <c r="K1078" s="5" t="s">
        <v>24629</v>
      </c>
      <c r="L1078" s="2" t="s">
        <v>24630</v>
      </c>
      <c r="M1078" s="5" t="s">
        <v>24254</v>
      </c>
      <c r="N1078" s="5" t="s">
        <v>38</v>
      </c>
      <c r="O1078" s="5" t="s">
        <v>39</v>
      </c>
      <c r="P1078" s="5" t="s">
        <v>40</v>
      </c>
      <c r="Q1078" s="5" t="s">
        <v>24340</v>
      </c>
      <c r="R1078" s="5" t="s">
        <v>40</v>
      </c>
      <c r="S1078" s="5" t="s">
        <v>42</v>
      </c>
      <c r="T1078" s="2">
        <v>15.419</v>
      </c>
      <c r="U1078" s="2">
        <v>13.669</v>
      </c>
      <c r="V1078" s="2">
        <v>9.6000000000000002E-2</v>
      </c>
      <c r="W1078" s="2">
        <v>12</v>
      </c>
      <c r="X1078" s="2">
        <v>42.5</v>
      </c>
      <c r="Y1078" s="2">
        <v>188.9</v>
      </c>
      <c r="Z1078" s="5">
        <v>20</v>
      </c>
      <c r="AA1078" s="5" t="s">
        <v>43</v>
      </c>
      <c r="AB1078" s="5" t="s">
        <v>44</v>
      </c>
      <c r="AC1078" s="2" t="s">
        <v>86768</v>
      </c>
      <c r="AD1078" s="1"/>
    </row>
    <row r="1079" spans="1:30">
      <c r="A1079" s="5" t="s">
        <v>83578</v>
      </c>
      <c r="B1079" s="2" t="s">
        <v>86814</v>
      </c>
      <c r="C1079" s="14" t="s">
        <v>86815</v>
      </c>
      <c r="D1079" s="2" t="s">
        <v>86816</v>
      </c>
      <c r="E1079" s="2" t="s">
        <v>25163</v>
      </c>
      <c r="F1079" s="8">
        <v>355</v>
      </c>
      <c r="G1079" s="5">
        <v>10</v>
      </c>
      <c r="H1079" s="5" t="s">
        <v>69</v>
      </c>
      <c r="I1079" s="5" t="s">
        <v>24629</v>
      </c>
      <c r="J1079" s="2" t="s">
        <v>24630</v>
      </c>
      <c r="K1079" s="5" t="s">
        <v>24629</v>
      </c>
      <c r="L1079" s="2" t="s">
        <v>24630</v>
      </c>
      <c r="M1079" s="5" t="s">
        <v>24254</v>
      </c>
      <c r="N1079" s="5" t="s">
        <v>38</v>
      </c>
      <c r="O1079" s="5" t="s">
        <v>39</v>
      </c>
      <c r="P1079" s="5" t="s">
        <v>40</v>
      </c>
      <c r="Q1079" s="5" t="s">
        <v>24340</v>
      </c>
      <c r="R1079" s="5" t="s">
        <v>40</v>
      </c>
      <c r="S1079" s="5" t="s">
        <v>42</v>
      </c>
      <c r="T1079" s="2">
        <v>16.173999999999999</v>
      </c>
      <c r="U1079" s="2">
        <v>14.423999999999999</v>
      </c>
      <c r="V1079" s="2">
        <v>9.6000000000000002E-2</v>
      </c>
      <c r="W1079" s="2">
        <v>12</v>
      </c>
      <c r="X1079" s="2">
        <v>42.5</v>
      </c>
      <c r="Y1079" s="2">
        <v>188.9</v>
      </c>
      <c r="Z1079" s="5">
        <v>20</v>
      </c>
      <c r="AA1079" s="5" t="s">
        <v>43</v>
      </c>
      <c r="AB1079" s="5" t="s">
        <v>44</v>
      </c>
      <c r="AC1079" s="2" t="s">
        <v>86768</v>
      </c>
      <c r="AD1079" s="1"/>
    </row>
    <row r="1080" spans="1:30">
      <c r="A1080" s="5" t="s">
        <v>83578</v>
      </c>
      <c r="B1080" s="2" t="s">
        <v>86817</v>
      </c>
      <c r="C1080" s="14" t="s">
        <v>86818</v>
      </c>
      <c r="D1080" s="2" t="s">
        <v>86819</v>
      </c>
      <c r="E1080" s="2" t="s">
        <v>25163</v>
      </c>
      <c r="F1080" s="8">
        <v>331</v>
      </c>
      <c r="G1080" s="5">
        <v>10</v>
      </c>
      <c r="H1080" s="5" t="s">
        <v>69</v>
      </c>
      <c r="I1080" s="5" t="s">
        <v>24629</v>
      </c>
      <c r="J1080" s="2" t="s">
        <v>24630</v>
      </c>
      <c r="K1080" s="5" t="s">
        <v>24629</v>
      </c>
      <c r="L1080" s="2" t="s">
        <v>24630</v>
      </c>
      <c r="M1080" s="5" t="s">
        <v>24254</v>
      </c>
      <c r="N1080" s="5" t="s">
        <v>38</v>
      </c>
      <c r="O1080" s="5" t="s">
        <v>39</v>
      </c>
      <c r="P1080" s="5" t="s">
        <v>40</v>
      </c>
      <c r="Q1080" s="5" t="s">
        <v>24340</v>
      </c>
      <c r="R1080" s="5" t="s">
        <v>40</v>
      </c>
      <c r="S1080" s="5" t="s">
        <v>42</v>
      </c>
      <c r="T1080" s="2">
        <v>14.882</v>
      </c>
      <c r="U1080" s="2">
        <v>13.132</v>
      </c>
      <c r="V1080" s="2">
        <v>9.6000000000000002E-2</v>
      </c>
      <c r="W1080" s="2">
        <v>12</v>
      </c>
      <c r="X1080" s="2">
        <v>42.5</v>
      </c>
      <c r="Y1080" s="2">
        <v>188.9</v>
      </c>
      <c r="Z1080" s="5">
        <v>20</v>
      </c>
      <c r="AA1080" s="5" t="s">
        <v>43</v>
      </c>
      <c r="AB1080" s="5" t="s">
        <v>44</v>
      </c>
      <c r="AC1080" s="2" t="s">
        <v>86768</v>
      </c>
      <c r="AD1080" s="1"/>
    </row>
    <row r="1081" spans="1:30">
      <c r="A1081" s="5" t="s">
        <v>83578</v>
      </c>
      <c r="B1081" s="2" t="s">
        <v>86820</v>
      </c>
      <c r="C1081" s="14" t="s">
        <v>86821</v>
      </c>
      <c r="D1081" s="2" t="s">
        <v>86822</v>
      </c>
      <c r="E1081" s="2" t="s">
        <v>25163</v>
      </c>
      <c r="F1081" s="8">
        <v>346</v>
      </c>
      <c r="G1081" s="5">
        <v>10</v>
      </c>
      <c r="H1081" s="5" t="s">
        <v>69</v>
      </c>
      <c r="I1081" s="5" t="s">
        <v>24629</v>
      </c>
      <c r="J1081" s="2" t="s">
        <v>24630</v>
      </c>
      <c r="K1081" s="5" t="s">
        <v>24629</v>
      </c>
      <c r="L1081" s="2" t="s">
        <v>24630</v>
      </c>
      <c r="M1081" s="5" t="s">
        <v>24254</v>
      </c>
      <c r="N1081" s="5" t="s">
        <v>38</v>
      </c>
      <c r="O1081" s="5" t="s">
        <v>39</v>
      </c>
      <c r="P1081" s="5" t="s">
        <v>40</v>
      </c>
      <c r="Q1081" s="5" t="s">
        <v>24340</v>
      </c>
      <c r="R1081" s="5" t="s">
        <v>40</v>
      </c>
      <c r="S1081" s="5" t="s">
        <v>42</v>
      </c>
      <c r="T1081" s="2">
        <v>16.353999999999999</v>
      </c>
      <c r="U1081" s="2">
        <v>14.603999999999999</v>
      </c>
      <c r="V1081" s="2">
        <v>9.6000000000000002E-2</v>
      </c>
      <c r="W1081" s="2">
        <v>12</v>
      </c>
      <c r="X1081" s="2">
        <v>42.5</v>
      </c>
      <c r="Y1081" s="2">
        <v>188.9</v>
      </c>
      <c r="Z1081" s="5">
        <v>20</v>
      </c>
      <c r="AA1081" s="5" t="s">
        <v>43</v>
      </c>
      <c r="AB1081" s="5" t="s">
        <v>44</v>
      </c>
      <c r="AC1081" s="2" t="s">
        <v>86768</v>
      </c>
      <c r="AD1081" s="1"/>
    </row>
    <row r="1082" spans="1:30">
      <c r="A1082" s="5" t="s">
        <v>83578</v>
      </c>
      <c r="B1082" s="2" t="s">
        <v>86823</v>
      </c>
      <c r="C1082" s="14" t="s">
        <v>86824</v>
      </c>
      <c r="D1082" s="2" t="s">
        <v>86825</v>
      </c>
      <c r="E1082" s="2" t="s">
        <v>25163</v>
      </c>
      <c r="F1082" s="8">
        <v>369</v>
      </c>
      <c r="G1082" s="5">
        <v>10</v>
      </c>
      <c r="H1082" s="5" t="s">
        <v>69</v>
      </c>
      <c r="I1082" s="5" t="s">
        <v>24629</v>
      </c>
      <c r="J1082" s="2" t="s">
        <v>24630</v>
      </c>
      <c r="K1082" s="5" t="s">
        <v>24629</v>
      </c>
      <c r="L1082" s="2" t="s">
        <v>24630</v>
      </c>
      <c r="M1082" s="5" t="s">
        <v>24254</v>
      </c>
      <c r="N1082" s="5" t="s">
        <v>38</v>
      </c>
      <c r="O1082" s="5" t="s">
        <v>39</v>
      </c>
      <c r="P1082" s="5" t="s">
        <v>40</v>
      </c>
      <c r="Q1082" s="5" t="s">
        <v>24340</v>
      </c>
      <c r="R1082" s="5" t="s">
        <v>40</v>
      </c>
      <c r="S1082" s="5" t="s">
        <v>42</v>
      </c>
      <c r="T1082" s="2">
        <v>17.106000000000002</v>
      </c>
      <c r="U1082" s="2">
        <v>15.356</v>
      </c>
      <c r="V1082" s="2">
        <v>9.6000000000000002E-2</v>
      </c>
      <c r="W1082" s="2">
        <v>12</v>
      </c>
      <c r="X1082" s="2">
        <v>42.5</v>
      </c>
      <c r="Y1082" s="2">
        <v>188.9</v>
      </c>
      <c r="Z1082" s="5">
        <v>20</v>
      </c>
      <c r="AA1082" s="5" t="s">
        <v>43</v>
      </c>
      <c r="AB1082" s="5" t="s">
        <v>44</v>
      </c>
      <c r="AC1082" s="2" t="s">
        <v>86768</v>
      </c>
      <c r="AD1082" s="1"/>
    </row>
    <row r="1083" spans="1:30">
      <c r="A1083" s="5" t="s">
        <v>83578</v>
      </c>
      <c r="B1083" s="2" t="s">
        <v>86826</v>
      </c>
      <c r="C1083" s="14" t="s">
        <v>86827</v>
      </c>
      <c r="D1083" s="2" t="s">
        <v>86828</v>
      </c>
      <c r="E1083" s="2" t="s">
        <v>25163</v>
      </c>
      <c r="F1083" s="8">
        <v>246</v>
      </c>
      <c r="G1083" s="5">
        <v>5</v>
      </c>
      <c r="H1083" s="5" t="s">
        <v>69</v>
      </c>
      <c r="I1083" s="5" t="s">
        <v>24629</v>
      </c>
      <c r="J1083" s="2" t="s">
        <v>24630</v>
      </c>
      <c r="K1083" s="5" t="s">
        <v>24629</v>
      </c>
      <c r="L1083" s="2" t="s">
        <v>24630</v>
      </c>
      <c r="M1083" s="5" t="s">
        <v>24254</v>
      </c>
      <c r="N1083" s="5" t="s">
        <v>38</v>
      </c>
      <c r="O1083" s="5" t="s">
        <v>39</v>
      </c>
      <c r="P1083" s="5" t="s">
        <v>40</v>
      </c>
      <c r="Q1083" s="5" t="s">
        <v>24340</v>
      </c>
      <c r="R1083" s="5" t="s">
        <v>40</v>
      </c>
      <c r="S1083" s="5" t="s">
        <v>42</v>
      </c>
      <c r="T1083" s="2">
        <v>8.09</v>
      </c>
      <c r="U1083" s="2">
        <v>6.6829999999999998</v>
      </c>
      <c r="V1083" s="2">
        <v>6.2E-2</v>
      </c>
      <c r="W1083" s="2">
        <v>12</v>
      </c>
      <c r="X1083" s="2">
        <v>42.5</v>
      </c>
      <c r="Y1083" s="2">
        <v>122.4</v>
      </c>
      <c r="Z1083" s="5">
        <v>20</v>
      </c>
      <c r="AA1083" s="5" t="s">
        <v>43</v>
      </c>
      <c r="AB1083" s="5" t="s">
        <v>44</v>
      </c>
      <c r="AC1083" s="2" t="s">
        <v>86829</v>
      </c>
      <c r="AD1083" s="1"/>
    </row>
    <row r="1084" spans="1:30">
      <c r="A1084" s="5" t="s">
        <v>83578</v>
      </c>
      <c r="B1084" s="2" t="s">
        <v>86830</v>
      </c>
      <c r="C1084" s="14" t="s">
        <v>86831</v>
      </c>
      <c r="D1084" s="2" t="s">
        <v>86832</v>
      </c>
      <c r="E1084" s="2" t="s">
        <v>25163</v>
      </c>
      <c r="F1084" s="8">
        <v>252</v>
      </c>
      <c r="G1084" s="5">
        <v>5</v>
      </c>
      <c r="H1084" s="5" t="s">
        <v>69</v>
      </c>
      <c r="I1084" s="5" t="s">
        <v>24629</v>
      </c>
      <c r="J1084" s="2" t="s">
        <v>24630</v>
      </c>
      <c r="K1084" s="5" t="s">
        <v>24629</v>
      </c>
      <c r="L1084" s="2" t="s">
        <v>24630</v>
      </c>
      <c r="M1084" s="5" t="s">
        <v>24254</v>
      </c>
      <c r="N1084" s="5" t="s">
        <v>38</v>
      </c>
      <c r="O1084" s="5" t="s">
        <v>39</v>
      </c>
      <c r="P1084" s="5" t="s">
        <v>40</v>
      </c>
      <c r="Q1084" s="5" t="s">
        <v>24340</v>
      </c>
      <c r="R1084" s="5" t="s">
        <v>40</v>
      </c>
      <c r="S1084" s="5" t="s">
        <v>42</v>
      </c>
      <c r="T1084" s="2">
        <v>8.7309999999999999</v>
      </c>
      <c r="U1084" s="2">
        <v>7.3239999999999998</v>
      </c>
      <c r="V1084" s="2">
        <v>6.2E-2</v>
      </c>
      <c r="W1084" s="2">
        <v>12</v>
      </c>
      <c r="X1084" s="2">
        <v>42.5</v>
      </c>
      <c r="Y1084" s="2">
        <v>122.4</v>
      </c>
      <c r="Z1084" s="5">
        <v>20</v>
      </c>
      <c r="AA1084" s="5" t="s">
        <v>43</v>
      </c>
      <c r="AB1084" s="5" t="s">
        <v>44</v>
      </c>
      <c r="AC1084" s="2" t="s">
        <v>86829</v>
      </c>
      <c r="AD1084" s="1"/>
    </row>
    <row r="1085" spans="1:30">
      <c r="A1085" s="5" t="s">
        <v>83578</v>
      </c>
      <c r="B1085" s="2" t="s">
        <v>86833</v>
      </c>
      <c r="C1085" s="14" t="s">
        <v>86834</v>
      </c>
      <c r="D1085" s="2" t="s">
        <v>86835</v>
      </c>
      <c r="E1085" s="2" t="s">
        <v>25163</v>
      </c>
      <c r="F1085" s="8">
        <v>256</v>
      </c>
      <c r="G1085" s="5">
        <v>10</v>
      </c>
      <c r="H1085" s="5" t="s">
        <v>69</v>
      </c>
      <c r="I1085" s="5" t="s">
        <v>24629</v>
      </c>
      <c r="J1085" s="2" t="s">
        <v>24630</v>
      </c>
      <c r="K1085" s="5" t="s">
        <v>24629</v>
      </c>
      <c r="L1085" s="2" t="s">
        <v>24630</v>
      </c>
      <c r="M1085" s="5" t="s">
        <v>24254</v>
      </c>
      <c r="N1085" s="5" t="s">
        <v>38</v>
      </c>
      <c r="O1085" s="5" t="s">
        <v>39</v>
      </c>
      <c r="P1085" s="5" t="s">
        <v>40</v>
      </c>
      <c r="Q1085" s="5" t="s">
        <v>24340</v>
      </c>
      <c r="R1085" s="5" t="s">
        <v>40</v>
      </c>
      <c r="S1085" s="5" t="s">
        <v>42</v>
      </c>
      <c r="T1085" s="2">
        <v>9.3650000000000002</v>
      </c>
      <c r="U1085" s="2">
        <v>7.9580000000000002</v>
      </c>
      <c r="V1085" s="2">
        <v>6.2E-2</v>
      </c>
      <c r="W1085" s="2">
        <v>12</v>
      </c>
      <c r="X1085" s="2">
        <v>42.5</v>
      </c>
      <c r="Y1085" s="2">
        <v>122.4</v>
      </c>
      <c r="Z1085" s="5">
        <v>20</v>
      </c>
      <c r="AA1085" s="5" t="s">
        <v>43</v>
      </c>
      <c r="AB1085" s="5" t="s">
        <v>44</v>
      </c>
      <c r="AC1085" s="2" t="s">
        <v>86829</v>
      </c>
      <c r="AD1085" s="1"/>
    </row>
    <row r="1086" spans="1:30">
      <c r="A1086" s="5" t="s">
        <v>83578</v>
      </c>
      <c r="B1086" s="2" t="s">
        <v>86836</v>
      </c>
      <c r="C1086" s="14" t="s">
        <v>86837</v>
      </c>
      <c r="D1086" s="2" t="s">
        <v>86838</v>
      </c>
      <c r="E1086" s="2" t="s">
        <v>25163</v>
      </c>
      <c r="F1086" s="8">
        <v>256</v>
      </c>
      <c r="G1086" s="5">
        <v>5</v>
      </c>
      <c r="H1086" s="5" t="s">
        <v>69</v>
      </c>
      <c r="I1086" s="5" t="s">
        <v>24629</v>
      </c>
      <c r="J1086" s="2" t="s">
        <v>24630</v>
      </c>
      <c r="K1086" s="5" t="s">
        <v>24629</v>
      </c>
      <c r="L1086" s="2" t="s">
        <v>24630</v>
      </c>
      <c r="M1086" s="5" t="s">
        <v>24254</v>
      </c>
      <c r="N1086" s="5" t="s">
        <v>38</v>
      </c>
      <c r="O1086" s="5" t="s">
        <v>39</v>
      </c>
      <c r="P1086" s="5" t="s">
        <v>40</v>
      </c>
      <c r="Q1086" s="5" t="s">
        <v>24340</v>
      </c>
      <c r="R1086" s="5" t="s">
        <v>40</v>
      </c>
      <c r="S1086" s="5" t="s">
        <v>42</v>
      </c>
      <c r="T1086" s="2">
        <v>9.0619999999999994</v>
      </c>
      <c r="U1086" s="2">
        <v>7.6550000000000002</v>
      </c>
      <c r="V1086" s="2">
        <v>7.3999999999999996E-2</v>
      </c>
      <c r="W1086" s="2">
        <v>12</v>
      </c>
      <c r="X1086" s="2">
        <v>42.5</v>
      </c>
      <c r="Y1086" s="2">
        <v>144.4</v>
      </c>
      <c r="Z1086" s="5">
        <v>20</v>
      </c>
      <c r="AA1086" s="5" t="s">
        <v>43</v>
      </c>
      <c r="AB1086" s="5" t="s">
        <v>44</v>
      </c>
      <c r="AC1086" s="2" t="s">
        <v>86829</v>
      </c>
      <c r="AD1086" s="1"/>
    </row>
    <row r="1087" spans="1:30">
      <c r="A1087" s="5" t="s">
        <v>83578</v>
      </c>
      <c r="B1087" s="2" t="s">
        <v>86839</v>
      </c>
      <c r="C1087" s="14" t="s">
        <v>86840</v>
      </c>
      <c r="D1087" s="2" t="s">
        <v>86841</v>
      </c>
      <c r="E1087" s="2" t="s">
        <v>25163</v>
      </c>
      <c r="F1087" s="8">
        <v>265</v>
      </c>
      <c r="G1087" s="5">
        <v>5</v>
      </c>
      <c r="H1087" s="5" t="s">
        <v>69</v>
      </c>
      <c r="I1087" s="5" t="s">
        <v>24629</v>
      </c>
      <c r="J1087" s="2" t="s">
        <v>24630</v>
      </c>
      <c r="K1087" s="5" t="s">
        <v>24629</v>
      </c>
      <c r="L1087" s="2" t="s">
        <v>24630</v>
      </c>
      <c r="M1087" s="5" t="s">
        <v>24254</v>
      </c>
      <c r="N1087" s="5" t="s">
        <v>38</v>
      </c>
      <c r="O1087" s="5" t="s">
        <v>39</v>
      </c>
      <c r="P1087" s="5" t="s">
        <v>40</v>
      </c>
      <c r="Q1087" s="5" t="s">
        <v>24340</v>
      </c>
      <c r="R1087" s="5" t="s">
        <v>40</v>
      </c>
      <c r="S1087" s="5" t="s">
        <v>42</v>
      </c>
      <c r="T1087" s="2">
        <v>9.6969999999999992</v>
      </c>
      <c r="U1087" s="2">
        <v>8.2899999999999991</v>
      </c>
      <c r="V1087" s="2">
        <v>7.3999999999999996E-2</v>
      </c>
      <c r="W1087" s="2">
        <v>12</v>
      </c>
      <c r="X1087" s="2">
        <v>42.5</v>
      </c>
      <c r="Y1087" s="2">
        <v>144.4</v>
      </c>
      <c r="Z1087" s="5">
        <v>20</v>
      </c>
      <c r="AA1087" s="5" t="s">
        <v>43</v>
      </c>
      <c r="AB1087" s="5" t="s">
        <v>44</v>
      </c>
      <c r="AC1087" s="2" t="s">
        <v>86829</v>
      </c>
      <c r="AD1087" s="1"/>
    </row>
    <row r="1088" spans="1:30">
      <c r="A1088" s="5" t="s">
        <v>83578</v>
      </c>
      <c r="B1088" s="2" t="s">
        <v>86842</v>
      </c>
      <c r="C1088" s="14" t="s">
        <v>86843</v>
      </c>
      <c r="D1088" s="2" t="s">
        <v>86844</v>
      </c>
      <c r="E1088" s="2" t="s">
        <v>25163</v>
      </c>
      <c r="F1088" s="8">
        <v>269</v>
      </c>
      <c r="G1088" s="5">
        <v>5</v>
      </c>
      <c r="H1088" s="5" t="s">
        <v>69</v>
      </c>
      <c r="I1088" s="5" t="s">
        <v>24629</v>
      </c>
      <c r="J1088" s="2" t="s">
        <v>24630</v>
      </c>
      <c r="K1088" s="5" t="s">
        <v>24629</v>
      </c>
      <c r="L1088" s="2" t="s">
        <v>24630</v>
      </c>
      <c r="M1088" s="5" t="s">
        <v>24254</v>
      </c>
      <c r="N1088" s="5" t="s">
        <v>38</v>
      </c>
      <c r="O1088" s="5" t="s">
        <v>39</v>
      </c>
      <c r="P1088" s="5" t="s">
        <v>40</v>
      </c>
      <c r="Q1088" s="5" t="s">
        <v>24340</v>
      </c>
      <c r="R1088" s="5" t="s">
        <v>40</v>
      </c>
      <c r="S1088" s="5" t="s">
        <v>42</v>
      </c>
      <c r="T1088" s="2">
        <v>10.398</v>
      </c>
      <c r="U1088" s="2">
        <v>8.9909999999999997</v>
      </c>
      <c r="V1088" s="2">
        <v>7.3999999999999996E-2</v>
      </c>
      <c r="W1088" s="2">
        <v>12</v>
      </c>
      <c r="X1088" s="2">
        <v>42.5</v>
      </c>
      <c r="Y1088" s="2">
        <v>144.4</v>
      </c>
      <c r="Z1088" s="5">
        <v>20</v>
      </c>
      <c r="AA1088" s="5" t="s">
        <v>43</v>
      </c>
      <c r="AB1088" s="5" t="s">
        <v>44</v>
      </c>
      <c r="AC1088" s="2" t="s">
        <v>86829</v>
      </c>
      <c r="AD1088" s="1"/>
    </row>
    <row r="1089" spans="1:30">
      <c r="A1089" s="5" t="s">
        <v>83578</v>
      </c>
      <c r="B1089" s="2" t="s">
        <v>86845</v>
      </c>
      <c r="C1089" s="14" t="s">
        <v>86846</v>
      </c>
      <c r="D1089" s="2" t="s">
        <v>86847</v>
      </c>
      <c r="E1089" s="2" t="s">
        <v>25163</v>
      </c>
      <c r="F1089" s="8">
        <v>263</v>
      </c>
      <c r="G1089" s="5">
        <v>5</v>
      </c>
      <c r="H1089" s="5" t="s">
        <v>69</v>
      </c>
      <c r="I1089" s="5" t="s">
        <v>24629</v>
      </c>
      <c r="J1089" s="2" t="s">
        <v>24630</v>
      </c>
      <c r="K1089" s="5" t="s">
        <v>24629</v>
      </c>
      <c r="L1089" s="2" t="s">
        <v>24630</v>
      </c>
      <c r="M1089" s="5" t="s">
        <v>24254</v>
      </c>
      <c r="N1089" s="5" t="s">
        <v>38</v>
      </c>
      <c r="O1089" s="5" t="s">
        <v>39</v>
      </c>
      <c r="P1089" s="5" t="s">
        <v>40</v>
      </c>
      <c r="Q1089" s="5" t="s">
        <v>24340</v>
      </c>
      <c r="R1089" s="5" t="s">
        <v>40</v>
      </c>
      <c r="S1089" s="5" t="s">
        <v>42</v>
      </c>
      <c r="T1089" s="2">
        <v>9.8439999999999994</v>
      </c>
      <c r="U1089" s="2">
        <v>8.2910000000000004</v>
      </c>
      <c r="V1089" s="2">
        <v>8.4000000000000005E-2</v>
      </c>
      <c r="W1089" s="2">
        <v>12</v>
      </c>
      <c r="X1089" s="2">
        <v>42.5</v>
      </c>
      <c r="Y1089" s="2">
        <v>164.4</v>
      </c>
      <c r="Z1089" s="5">
        <v>20</v>
      </c>
      <c r="AA1089" s="5" t="s">
        <v>43</v>
      </c>
      <c r="AB1089" s="5" t="s">
        <v>44</v>
      </c>
      <c r="AC1089" s="2" t="s">
        <v>86829</v>
      </c>
      <c r="AD1089" s="1"/>
    </row>
    <row r="1090" spans="1:30">
      <c r="A1090" s="5" t="s">
        <v>83578</v>
      </c>
      <c r="B1090" s="2" t="s">
        <v>86848</v>
      </c>
      <c r="C1090" s="14" t="s">
        <v>86849</v>
      </c>
      <c r="D1090" s="2" t="s">
        <v>86850</v>
      </c>
      <c r="E1090" s="2" t="s">
        <v>25163</v>
      </c>
      <c r="F1090" s="8">
        <v>269</v>
      </c>
      <c r="G1090" s="5">
        <v>5</v>
      </c>
      <c r="H1090" s="5" t="s">
        <v>69</v>
      </c>
      <c r="I1090" s="5" t="s">
        <v>24629</v>
      </c>
      <c r="J1090" s="2" t="s">
        <v>24630</v>
      </c>
      <c r="K1090" s="5" t="s">
        <v>24629</v>
      </c>
      <c r="L1090" s="2" t="s">
        <v>24630</v>
      </c>
      <c r="M1090" s="5" t="s">
        <v>24254</v>
      </c>
      <c r="N1090" s="5" t="s">
        <v>38</v>
      </c>
      <c r="O1090" s="5" t="s">
        <v>39</v>
      </c>
      <c r="P1090" s="5" t="s">
        <v>40</v>
      </c>
      <c r="Q1090" s="5" t="s">
        <v>24340</v>
      </c>
      <c r="R1090" s="5" t="s">
        <v>40</v>
      </c>
      <c r="S1090" s="5" t="s">
        <v>42</v>
      </c>
      <c r="T1090" s="2">
        <v>10.478999999999999</v>
      </c>
      <c r="U1090" s="2">
        <v>8.9260000000000002</v>
      </c>
      <c r="V1090" s="2">
        <v>8.4000000000000005E-2</v>
      </c>
      <c r="W1090" s="2">
        <v>12</v>
      </c>
      <c r="X1090" s="2">
        <v>42.5</v>
      </c>
      <c r="Y1090" s="2">
        <v>164.4</v>
      </c>
      <c r="Z1090" s="5">
        <v>20</v>
      </c>
      <c r="AA1090" s="5" t="s">
        <v>43</v>
      </c>
      <c r="AB1090" s="5" t="s">
        <v>44</v>
      </c>
      <c r="AC1090" s="2" t="s">
        <v>86829</v>
      </c>
      <c r="AD1090" s="1"/>
    </row>
    <row r="1091" spans="1:30">
      <c r="A1091" s="5" t="s">
        <v>83578</v>
      </c>
      <c r="B1091" s="2" t="s">
        <v>86851</v>
      </c>
      <c r="C1091" s="14" t="s">
        <v>86852</v>
      </c>
      <c r="D1091" s="2" t="s">
        <v>86853</v>
      </c>
      <c r="E1091" s="2" t="s">
        <v>25163</v>
      </c>
      <c r="F1091" s="8">
        <v>275</v>
      </c>
      <c r="G1091" s="5">
        <v>5</v>
      </c>
      <c r="H1091" s="5" t="s">
        <v>69</v>
      </c>
      <c r="I1091" s="5" t="s">
        <v>24629</v>
      </c>
      <c r="J1091" s="2" t="s">
        <v>24630</v>
      </c>
      <c r="K1091" s="5" t="s">
        <v>24629</v>
      </c>
      <c r="L1091" s="2" t="s">
        <v>24630</v>
      </c>
      <c r="M1091" s="5" t="s">
        <v>24254</v>
      </c>
      <c r="N1091" s="5" t="s">
        <v>38</v>
      </c>
      <c r="O1091" s="5" t="s">
        <v>39</v>
      </c>
      <c r="P1091" s="5" t="s">
        <v>40</v>
      </c>
      <c r="Q1091" s="5" t="s">
        <v>24340</v>
      </c>
      <c r="R1091" s="5" t="s">
        <v>40</v>
      </c>
      <c r="S1091" s="5" t="s">
        <v>42</v>
      </c>
      <c r="T1091" s="2">
        <v>11.180999999999999</v>
      </c>
      <c r="U1091" s="2">
        <v>9.6280000000000001</v>
      </c>
      <c r="V1091" s="2">
        <v>8.4000000000000005E-2</v>
      </c>
      <c r="W1091" s="2">
        <v>12</v>
      </c>
      <c r="X1091" s="2">
        <v>42.5</v>
      </c>
      <c r="Y1091" s="2">
        <v>164.4</v>
      </c>
      <c r="Z1091" s="5">
        <v>20</v>
      </c>
      <c r="AA1091" s="5" t="s">
        <v>43</v>
      </c>
      <c r="AB1091" s="5" t="s">
        <v>44</v>
      </c>
      <c r="AC1091" s="2" t="s">
        <v>86829</v>
      </c>
      <c r="AD1091" s="1"/>
    </row>
    <row r="1092" spans="1:30">
      <c r="A1092" s="5" t="s">
        <v>83578</v>
      </c>
      <c r="B1092" s="2" t="s">
        <v>86854</v>
      </c>
      <c r="C1092" s="14" t="s">
        <v>86855</v>
      </c>
      <c r="D1092" s="2" t="s">
        <v>86856</v>
      </c>
      <c r="E1092" s="2" t="s">
        <v>25163</v>
      </c>
      <c r="F1092" s="8">
        <v>293</v>
      </c>
      <c r="G1092" s="5">
        <v>5</v>
      </c>
      <c r="H1092" s="5" t="s">
        <v>69</v>
      </c>
      <c r="I1092" s="5" t="s">
        <v>24629</v>
      </c>
      <c r="J1092" s="2" t="s">
        <v>24630</v>
      </c>
      <c r="K1092" s="5" t="s">
        <v>24629</v>
      </c>
      <c r="L1092" s="2" t="s">
        <v>24630</v>
      </c>
      <c r="M1092" s="5" t="s">
        <v>24254</v>
      </c>
      <c r="N1092" s="5" t="s">
        <v>38</v>
      </c>
      <c r="O1092" s="5" t="s">
        <v>39</v>
      </c>
      <c r="P1092" s="5" t="s">
        <v>40</v>
      </c>
      <c r="Q1092" s="5" t="s">
        <v>24340</v>
      </c>
      <c r="R1092" s="5" t="s">
        <v>40</v>
      </c>
      <c r="S1092" s="5" t="s">
        <v>42</v>
      </c>
      <c r="T1092" s="2">
        <v>11.826000000000001</v>
      </c>
      <c r="U1092" s="2">
        <v>10.273</v>
      </c>
      <c r="V1092" s="2">
        <v>8.4000000000000005E-2</v>
      </c>
      <c r="W1092" s="2">
        <v>12</v>
      </c>
      <c r="X1092" s="2">
        <v>42.5</v>
      </c>
      <c r="Y1092" s="2">
        <v>164.4</v>
      </c>
      <c r="Z1092" s="5">
        <v>20</v>
      </c>
      <c r="AA1092" s="5" t="s">
        <v>43</v>
      </c>
      <c r="AB1092" s="5" t="s">
        <v>44</v>
      </c>
      <c r="AC1092" s="2" t="s">
        <v>86829</v>
      </c>
      <c r="AD1092" s="1"/>
    </row>
    <row r="1093" spans="1:30">
      <c r="A1093" s="5" t="s">
        <v>83578</v>
      </c>
      <c r="B1093" s="2" t="s">
        <v>86857</v>
      </c>
      <c r="C1093" s="14" t="s">
        <v>86858</v>
      </c>
      <c r="D1093" s="2" t="s">
        <v>86859</v>
      </c>
      <c r="E1093" s="2" t="s">
        <v>25163</v>
      </c>
      <c r="F1093" s="8">
        <v>317</v>
      </c>
      <c r="G1093" s="5">
        <v>15</v>
      </c>
      <c r="H1093" s="5" t="s">
        <v>69</v>
      </c>
      <c r="I1093" s="5" t="s">
        <v>24629</v>
      </c>
      <c r="J1093" s="2" t="s">
        <v>24630</v>
      </c>
      <c r="K1093" s="5" t="s">
        <v>24629</v>
      </c>
      <c r="L1093" s="2" t="s">
        <v>24630</v>
      </c>
      <c r="M1093" s="5" t="s">
        <v>24254</v>
      </c>
      <c r="N1093" s="5" t="s">
        <v>38</v>
      </c>
      <c r="O1093" s="5" t="s">
        <v>39</v>
      </c>
      <c r="P1093" s="5" t="s">
        <v>40</v>
      </c>
      <c r="Q1093" s="5" t="s">
        <v>24340</v>
      </c>
      <c r="R1093" s="5" t="s">
        <v>40</v>
      </c>
      <c r="S1093" s="5" t="s">
        <v>42</v>
      </c>
      <c r="T1093" s="2">
        <v>12.38</v>
      </c>
      <c r="U1093" s="2">
        <v>11.055999999999999</v>
      </c>
      <c r="V1093" s="2">
        <v>8.4000000000000005E-2</v>
      </c>
      <c r="W1093" s="2">
        <v>12</v>
      </c>
      <c r="X1093" s="2">
        <v>42.5</v>
      </c>
      <c r="Y1093" s="2">
        <v>164.4</v>
      </c>
      <c r="Z1093" s="5">
        <v>20</v>
      </c>
      <c r="AA1093" s="5" t="s">
        <v>43</v>
      </c>
      <c r="AB1093" s="5" t="s">
        <v>44</v>
      </c>
      <c r="AC1093" s="2" t="s">
        <v>86829</v>
      </c>
      <c r="AD1093" s="1"/>
    </row>
    <row r="1094" spans="1:30">
      <c r="A1094" s="5" t="s">
        <v>83578</v>
      </c>
      <c r="B1094" s="2" t="s">
        <v>86860</v>
      </c>
      <c r="C1094" s="14" t="s">
        <v>86861</v>
      </c>
      <c r="D1094" s="2" t="s">
        <v>86862</v>
      </c>
      <c r="E1094" s="2" t="s">
        <v>25163</v>
      </c>
      <c r="F1094" s="8">
        <v>286</v>
      </c>
      <c r="G1094" s="5">
        <v>5</v>
      </c>
      <c r="H1094" s="5" t="s">
        <v>69</v>
      </c>
      <c r="I1094" s="5" t="s">
        <v>24629</v>
      </c>
      <c r="J1094" s="2" t="s">
        <v>24630</v>
      </c>
      <c r="K1094" s="5" t="s">
        <v>24629</v>
      </c>
      <c r="L1094" s="2" t="s">
        <v>24630</v>
      </c>
      <c r="M1094" s="5" t="s">
        <v>24254</v>
      </c>
      <c r="N1094" s="5" t="s">
        <v>38</v>
      </c>
      <c r="O1094" s="5" t="s">
        <v>39</v>
      </c>
      <c r="P1094" s="5" t="s">
        <v>40</v>
      </c>
      <c r="Q1094" s="5" t="s">
        <v>24340</v>
      </c>
      <c r="R1094" s="5" t="s">
        <v>40</v>
      </c>
      <c r="S1094" s="5" t="s">
        <v>42</v>
      </c>
      <c r="T1094" s="2">
        <v>11.116</v>
      </c>
      <c r="U1094" s="2">
        <v>9.4130000000000003</v>
      </c>
      <c r="V1094" s="2">
        <v>8.4000000000000005E-2</v>
      </c>
      <c r="W1094" s="2">
        <v>12</v>
      </c>
      <c r="X1094" s="2">
        <v>42.5</v>
      </c>
      <c r="Y1094" s="2">
        <v>164.4</v>
      </c>
      <c r="Z1094" s="5">
        <v>20</v>
      </c>
      <c r="AA1094" s="5" t="s">
        <v>43</v>
      </c>
      <c r="AB1094" s="5" t="s">
        <v>44</v>
      </c>
      <c r="AC1094" s="2" t="s">
        <v>86829</v>
      </c>
      <c r="AD1094" s="1"/>
    </row>
    <row r="1095" spans="1:30">
      <c r="A1095" s="5" t="s">
        <v>83578</v>
      </c>
      <c r="B1095" s="2" t="s">
        <v>86863</v>
      </c>
      <c r="C1095" s="14" t="s">
        <v>86864</v>
      </c>
      <c r="D1095" s="2" t="s">
        <v>86865</v>
      </c>
      <c r="E1095" s="2" t="s">
        <v>25163</v>
      </c>
      <c r="F1095" s="8">
        <v>293</v>
      </c>
      <c r="G1095" s="5">
        <v>5</v>
      </c>
      <c r="H1095" s="5" t="s">
        <v>69</v>
      </c>
      <c r="I1095" s="5" t="s">
        <v>24629</v>
      </c>
      <c r="J1095" s="2" t="s">
        <v>24630</v>
      </c>
      <c r="K1095" s="5" t="s">
        <v>24629</v>
      </c>
      <c r="L1095" s="2" t="s">
        <v>24630</v>
      </c>
      <c r="M1095" s="5" t="s">
        <v>24254</v>
      </c>
      <c r="N1095" s="5" t="s">
        <v>38</v>
      </c>
      <c r="O1095" s="5" t="s">
        <v>39</v>
      </c>
      <c r="P1095" s="5" t="s">
        <v>40</v>
      </c>
      <c r="Q1095" s="5" t="s">
        <v>24340</v>
      </c>
      <c r="R1095" s="5" t="s">
        <v>40</v>
      </c>
      <c r="S1095" s="5" t="s">
        <v>42</v>
      </c>
      <c r="T1095" s="2">
        <v>11.818</v>
      </c>
      <c r="U1095" s="2">
        <v>10.115</v>
      </c>
      <c r="V1095" s="2">
        <v>8.4000000000000005E-2</v>
      </c>
      <c r="W1095" s="2">
        <v>12</v>
      </c>
      <c r="X1095" s="2">
        <v>42.5</v>
      </c>
      <c r="Y1095" s="2">
        <v>164.4</v>
      </c>
      <c r="Z1095" s="5">
        <v>20</v>
      </c>
      <c r="AA1095" s="5" t="s">
        <v>43</v>
      </c>
      <c r="AB1095" s="5" t="s">
        <v>44</v>
      </c>
      <c r="AC1095" s="2" t="s">
        <v>86829</v>
      </c>
      <c r="AD1095" s="1"/>
    </row>
    <row r="1096" spans="1:30">
      <c r="A1096" s="5" t="s">
        <v>83578</v>
      </c>
      <c r="B1096" s="2" t="s">
        <v>86866</v>
      </c>
      <c r="C1096" s="14" t="s">
        <v>86867</v>
      </c>
      <c r="D1096" s="2" t="s">
        <v>86868</v>
      </c>
      <c r="E1096" s="2" t="s">
        <v>25163</v>
      </c>
      <c r="F1096" s="8">
        <v>302</v>
      </c>
      <c r="G1096" s="5">
        <v>10</v>
      </c>
      <c r="H1096" s="5" t="s">
        <v>69</v>
      </c>
      <c r="I1096" s="5" t="s">
        <v>24629</v>
      </c>
      <c r="J1096" s="2" t="s">
        <v>24630</v>
      </c>
      <c r="K1096" s="5" t="s">
        <v>24629</v>
      </c>
      <c r="L1096" s="2" t="s">
        <v>24630</v>
      </c>
      <c r="M1096" s="5" t="s">
        <v>24254</v>
      </c>
      <c r="N1096" s="5" t="s">
        <v>38</v>
      </c>
      <c r="O1096" s="5" t="s">
        <v>39</v>
      </c>
      <c r="P1096" s="5" t="s">
        <v>40</v>
      </c>
      <c r="Q1096" s="5" t="s">
        <v>24340</v>
      </c>
      <c r="R1096" s="5" t="s">
        <v>40</v>
      </c>
      <c r="S1096" s="5" t="s">
        <v>42</v>
      </c>
      <c r="T1096" s="2">
        <v>12.462</v>
      </c>
      <c r="U1096" s="2">
        <v>10.759</v>
      </c>
      <c r="V1096" s="2">
        <v>8.4000000000000005E-2</v>
      </c>
      <c r="W1096" s="2">
        <v>12</v>
      </c>
      <c r="X1096" s="2">
        <v>42.5</v>
      </c>
      <c r="Y1096" s="2">
        <v>164.4</v>
      </c>
      <c r="Z1096" s="5">
        <v>20</v>
      </c>
      <c r="AA1096" s="5" t="s">
        <v>43</v>
      </c>
      <c r="AB1096" s="5" t="s">
        <v>44</v>
      </c>
      <c r="AC1096" s="2" t="s">
        <v>86829</v>
      </c>
      <c r="AD1096" s="1"/>
    </row>
    <row r="1097" spans="1:30">
      <c r="A1097" s="5" t="s">
        <v>83578</v>
      </c>
      <c r="B1097" s="2" t="s">
        <v>86869</v>
      </c>
      <c r="C1097" s="14" t="s">
        <v>86870</v>
      </c>
      <c r="D1097" s="2" t="s">
        <v>86871</v>
      </c>
      <c r="E1097" s="2" t="s">
        <v>25163</v>
      </c>
      <c r="F1097" s="8">
        <v>333</v>
      </c>
      <c r="G1097" s="5">
        <v>15</v>
      </c>
      <c r="H1097" s="5" t="s">
        <v>69</v>
      </c>
      <c r="I1097" s="5" t="s">
        <v>24629</v>
      </c>
      <c r="J1097" s="2" t="s">
        <v>24630</v>
      </c>
      <c r="K1097" s="5" t="s">
        <v>24629</v>
      </c>
      <c r="L1097" s="2" t="s">
        <v>24630</v>
      </c>
      <c r="M1097" s="5" t="s">
        <v>24254</v>
      </c>
      <c r="N1097" s="5" t="s">
        <v>38</v>
      </c>
      <c r="O1097" s="5" t="s">
        <v>39</v>
      </c>
      <c r="P1097" s="5" t="s">
        <v>40</v>
      </c>
      <c r="Q1097" s="5" t="s">
        <v>24340</v>
      </c>
      <c r="R1097" s="5" t="s">
        <v>40</v>
      </c>
      <c r="S1097" s="5" t="s">
        <v>42</v>
      </c>
      <c r="T1097" s="2">
        <v>12.87</v>
      </c>
      <c r="U1097" s="2">
        <v>11.545999999999999</v>
      </c>
      <c r="V1097" s="2">
        <v>8.4000000000000005E-2</v>
      </c>
      <c r="W1097" s="2">
        <v>12</v>
      </c>
      <c r="X1097" s="2">
        <v>42.5</v>
      </c>
      <c r="Y1097" s="2">
        <v>164.4</v>
      </c>
      <c r="Z1097" s="5">
        <v>20</v>
      </c>
      <c r="AA1097" s="5" t="s">
        <v>43</v>
      </c>
      <c r="AB1097" s="5" t="s">
        <v>44</v>
      </c>
      <c r="AC1097" s="2" t="s">
        <v>86829</v>
      </c>
      <c r="AD1097" s="1"/>
    </row>
    <row r="1098" spans="1:30">
      <c r="A1098" s="5" t="s">
        <v>83578</v>
      </c>
      <c r="B1098" s="2" t="s">
        <v>86872</v>
      </c>
      <c r="C1098" s="14" t="s">
        <v>86873</v>
      </c>
      <c r="D1098" s="2" t="s">
        <v>86874</v>
      </c>
      <c r="E1098" s="2" t="s">
        <v>25163</v>
      </c>
      <c r="F1098" s="8">
        <v>293</v>
      </c>
      <c r="G1098" s="5">
        <v>5</v>
      </c>
      <c r="H1098" s="5" t="s">
        <v>69</v>
      </c>
      <c r="I1098" s="5" t="s">
        <v>24629</v>
      </c>
      <c r="J1098" s="2" t="s">
        <v>24630</v>
      </c>
      <c r="K1098" s="5" t="s">
        <v>24629</v>
      </c>
      <c r="L1098" s="2" t="s">
        <v>24630</v>
      </c>
      <c r="M1098" s="5" t="s">
        <v>24254</v>
      </c>
      <c r="N1098" s="5" t="s">
        <v>38</v>
      </c>
      <c r="O1098" s="5" t="s">
        <v>39</v>
      </c>
      <c r="P1098" s="5" t="s">
        <v>40</v>
      </c>
      <c r="Q1098" s="5" t="s">
        <v>24340</v>
      </c>
      <c r="R1098" s="5" t="s">
        <v>40</v>
      </c>
      <c r="S1098" s="5" t="s">
        <v>42</v>
      </c>
      <c r="T1098" s="2">
        <v>11.867000000000001</v>
      </c>
      <c r="U1098" s="2">
        <v>10.164</v>
      </c>
      <c r="V1098" s="2">
        <v>8.4000000000000005E-2</v>
      </c>
      <c r="W1098" s="2">
        <v>12</v>
      </c>
      <c r="X1098" s="2">
        <v>42.5</v>
      </c>
      <c r="Y1098" s="2">
        <v>164.4</v>
      </c>
      <c r="Z1098" s="5">
        <v>20</v>
      </c>
      <c r="AA1098" s="5" t="s">
        <v>43</v>
      </c>
      <c r="AB1098" s="5" t="s">
        <v>44</v>
      </c>
      <c r="AC1098" s="2" t="s">
        <v>86829</v>
      </c>
      <c r="AD1098" s="1"/>
    </row>
    <row r="1099" spans="1:30">
      <c r="A1099" s="5" t="s">
        <v>83578</v>
      </c>
      <c r="B1099" s="2" t="s">
        <v>86875</v>
      </c>
      <c r="C1099" s="14" t="s">
        <v>86876</v>
      </c>
      <c r="D1099" s="2" t="s">
        <v>86877</v>
      </c>
      <c r="E1099" s="2" t="s">
        <v>25163</v>
      </c>
      <c r="F1099" s="8">
        <v>297</v>
      </c>
      <c r="G1099" s="5">
        <v>10</v>
      </c>
      <c r="H1099" s="5" t="s">
        <v>69</v>
      </c>
      <c r="I1099" s="5" t="s">
        <v>24629</v>
      </c>
      <c r="J1099" s="2" t="s">
        <v>24630</v>
      </c>
      <c r="K1099" s="5" t="s">
        <v>24629</v>
      </c>
      <c r="L1099" s="2" t="s">
        <v>24630</v>
      </c>
      <c r="M1099" s="5" t="s">
        <v>24254</v>
      </c>
      <c r="N1099" s="5" t="s">
        <v>38</v>
      </c>
      <c r="O1099" s="5" t="s">
        <v>39</v>
      </c>
      <c r="P1099" s="5" t="s">
        <v>40</v>
      </c>
      <c r="Q1099" s="5" t="s">
        <v>24340</v>
      </c>
      <c r="R1099" s="5" t="s">
        <v>40</v>
      </c>
      <c r="S1099" s="5" t="s">
        <v>42</v>
      </c>
      <c r="T1099" s="2">
        <v>12.568</v>
      </c>
      <c r="U1099" s="2">
        <v>10.865</v>
      </c>
      <c r="V1099" s="2">
        <v>8.4000000000000005E-2</v>
      </c>
      <c r="W1099" s="2">
        <v>12</v>
      </c>
      <c r="X1099" s="2">
        <v>42.5</v>
      </c>
      <c r="Y1099" s="2">
        <v>164.4</v>
      </c>
      <c r="Z1099" s="5">
        <v>20</v>
      </c>
      <c r="AA1099" s="5" t="s">
        <v>43</v>
      </c>
      <c r="AB1099" s="5" t="s">
        <v>44</v>
      </c>
      <c r="AC1099" s="2" t="s">
        <v>86829</v>
      </c>
      <c r="AD1099" s="1"/>
    </row>
    <row r="1100" spans="1:30">
      <c r="A1100" s="5" t="s">
        <v>83578</v>
      </c>
      <c r="B1100" s="2" t="s">
        <v>86878</v>
      </c>
      <c r="C1100" s="14" t="s">
        <v>86879</v>
      </c>
      <c r="D1100" s="2" t="s">
        <v>86880</v>
      </c>
      <c r="E1100" s="2" t="s">
        <v>25163</v>
      </c>
      <c r="F1100" s="8">
        <v>313</v>
      </c>
      <c r="G1100" s="5">
        <v>10</v>
      </c>
      <c r="H1100" s="5" t="s">
        <v>69</v>
      </c>
      <c r="I1100" s="5" t="s">
        <v>24629</v>
      </c>
      <c r="J1100" s="2" t="s">
        <v>24630</v>
      </c>
      <c r="K1100" s="5" t="s">
        <v>24629</v>
      </c>
      <c r="L1100" s="2" t="s">
        <v>24630</v>
      </c>
      <c r="M1100" s="5" t="s">
        <v>24254</v>
      </c>
      <c r="N1100" s="5" t="s">
        <v>38</v>
      </c>
      <c r="O1100" s="5" t="s">
        <v>39</v>
      </c>
      <c r="P1100" s="5" t="s">
        <v>40</v>
      </c>
      <c r="Q1100" s="5" t="s">
        <v>24340</v>
      </c>
      <c r="R1100" s="5" t="s">
        <v>40</v>
      </c>
      <c r="S1100" s="5" t="s">
        <v>42</v>
      </c>
      <c r="T1100" s="2">
        <v>13.212999999999999</v>
      </c>
      <c r="U1100" s="2">
        <v>11.51</v>
      </c>
      <c r="V1100" s="2">
        <v>8.4000000000000005E-2</v>
      </c>
      <c r="W1100" s="2">
        <v>12</v>
      </c>
      <c r="X1100" s="2">
        <v>42.5</v>
      </c>
      <c r="Y1100" s="2">
        <v>164.4</v>
      </c>
      <c r="Z1100" s="5">
        <v>20</v>
      </c>
      <c r="AA1100" s="5" t="s">
        <v>43</v>
      </c>
      <c r="AB1100" s="5" t="s">
        <v>44</v>
      </c>
      <c r="AC1100" s="2" t="s">
        <v>86829</v>
      </c>
      <c r="AD1100" s="1"/>
    </row>
    <row r="1101" spans="1:30">
      <c r="A1101" s="5" t="s">
        <v>83578</v>
      </c>
      <c r="B1101" s="2" t="s">
        <v>86881</v>
      </c>
      <c r="C1101" s="14" t="s">
        <v>86882</v>
      </c>
      <c r="D1101" s="2" t="s">
        <v>86883</v>
      </c>
      <c r="E1101" s="2" t="s">
        <v>25163</v>
      </c>
      <c r="F1101" s="8">
        <v>349</v>
      </c>
      <c r="G1101" s="5">
        <v>15</v>
      </c>
      <c r="H1101" s="5" t="s">
        <v>69</v>
      </c>
      <c r="I1101" s="5" t="s">
        <v>24629</v>
      </c>
      <c r="J1101" s="2" t="s">
        <v>24630</v>
      </c>
      <c r="K1101" s="5" t="s">
        <v>24629</v>
      </c>
      <c r="L1101" s="2" t="s">
        <v>24630</v>
      </c>
      <c r="M1101" s="5" t="s">
        <v>24254</v>
      </c>
      <c r="N1101" s="5" t="s">
        <v>38</v>
      </c>
      <c r="O1101" s="5" t="s">
        <v>39</v>
      </c>
      <c r="P1101" s="5" t="s">
        <v>40</v>
      </c>
      <c r="Q1101" s="5" t="s">
        <v>24340</v>
      </c>
      <c r="R1101" s="5" t="s">
        <v>40</v>
      </c>
      <c r="S1101" s="5" t="s">
        <v>42</v>
      </c>
      <c r="T1101" s="2">
        <v>13.621</v>
      </c>
      <c r="U1101" s="2">
        <v>12.297000000000001</v>
      </c>
      <c r="V1101" s="2">
        <v>8.4000000000000005E-2</v>
      </c>
      <c r="W1101" s="2">
        <v>12</v>
      </c>
      <c r="X1101" s="2">
        <v>42.5</v>
      </c>
      <c r="Y1101" s="2">
        <v>164.4</v>
      </c>
      <c r="Z1101" s="5">
        <v>20</v>
      </c>
      <c r="AA1101" s="5" t="s">
        <v>43</v>
      </c>
      <c r="AB1101" s="5" t="s">
        <v>44</v>
      </c>
      <c r="AC1101" s="2" t="s">
        <v>86829</v>
      </c>
      <c r="AD1101" s="1"/>
    </row>
    <row r="1102" spans="1:30">
      <c r="A1102" s="5" t="s">
        <v>83578</v>
      </c>
      <c r="B1102" s="2" t="s">
        <v>86884</v>
      </c>
      <c r="C1102" s="14" t="s">
        <v>86885</v>
      </c>
      <c r="D1102" s="2" t="s">
        <v>86886</v>
      </c>
      <c r="E1102" s="2" t="s">
        <v>25163</v>
      </c>
      <c r="F1102" s="8">
        <v>293</v>
      </c>
      <c r="G1102" s="5">
        <v>5</v>
      </c>
      <c r="H1102" s="5" t="s">
        <v>69</v>
      </c>
      <c r="I1102" s="5" t="s">
        <v>24629</v>
      </c>
      <c r="J1102" s="2" t="s">
        <v>24630</v>
      </c>
      <c r="K1102" s="5" t="s">
        <v>24629</v>
      </c>
      <c r="L1102" s="2" t="s">
        <v>24630</v>
      </c>
      <c r="M1102" s="5" t="s">
        <v>24254</v>
      </c>
      <c r="N1102" s="5" t="s">
        <v>38</v>
      </c>
      <c r="O1102" s="5" t="s">
        <v>39</v>
      </c>
      <c r="P1102" s="5" t="s">
        <v>40</v>
      </c>
      <c r="Q1102" s="5" t="s">
        <v>24340</v>
      </c>
      <c r="R1102" s="5" t="s">
        <v>40</v>
      </c>
      <c r="S1102" s="5" t="s">
        <v>42</v>
      </c>
      <c r="T1102" s="2">
        <v>11.833</v>
      </c>
      <c r="U1102" s="2">
        <v>10.130000000000001</v>
      </c>
      <c r="V1102" s="2">
        <v>9.6000000000000002E-2</v>
      </c>
      <c r="W1102" s="2">
        <v>12</v>
      </c>
      <c r="X1102" s="2">
        <v>42.5</v>
      </c>
      <c r="Y1102" s="2">
        <v>188.9</v>
      </c>
      <c r="Z1102" s="5">
        <v>20</v>
      </c>
      <c r="AA1102" s="5" t="s">
        <v>43</v>
      </c>
      <c r="AB1102" s="5" t="s">
        <v>44</v>
      </c>
      <c r="AC1102" s="2" t="s">
        <v>86829</v>
      </c>
      <c r="AD1102" s="1"/>
    </row>
    <row r="1103" spans="1:30">
      <c r="A1103" s="5" t="s">
        <v>83578</v>
      </c>
      <c r="B1103" s="2" t="s">
        <v>86887</v>
      </c>
      <c r="C1103" s="14" t="s">
        <v>86888</v>
      </c>
      <c r="D1103" s="2" t="s">
        <v>86889</v>
      </c>
      <c r="E1103" s="2" t="s">
        <v>25163</v>
      </c>
      <c r="F1103" s="8">
        <v>305</v>
      </c>
      <c r="G1103" s="5">
        <v>5</v>
      </c>
      <c r="H1103" s="5" t="s">
        <v>69</v>
      </c>
      <c r="I1103" s="5" t="s">
        <v>24629</v>
      </c>
      <c r="J1103" s="2" t="s">
        <v>24630</v>
      </c>
      <c r="K1103" s="5" t="s">
        <v>24629</v>
      </c>
      <c r="L1103" s="2" t="s">
        <v>24630</v>
      </c>
      <c r="M1103" s="5" t="s">
        <v>24254</v>
      </c>
      <c r="N1103" s="5" t="s">
        <v>38</v>
      </c>
      <c r="O1103" s="5" t="s">
        <v>39</v>
      </c>
      <c r="P1103" s="5" t="s">
        <v>40</v>
      </c>
      <c r="Q1103" s="5" t="s">
        <v>24340</v>
      </c>
      <c r="R1103" s="5" t="s">
        <v>40</v>
      </c>
      <c r="S1103" s="5" t="s">
        <v>42</v>
      </c>
      <c r="T1103" s="2">
        <v>13.169</v>
      </c>
      <c r="U1103" s="2">
        <v>11.465999999999999</v>
      </c>
      <c r="V1103" s="2">
        <v>9.6000000000000002E-2</v>
      </c>
      <c r="W1103" s="2">
        <v>12</v>
      </c>
      <c r="X1103" s="2">
        <v>42.5</v>
      </c>
      <c r="Y1103" s="2">
        <v>188.9</v>
      </c>
      <c r="Z1103" s="5">
        <v>20</v>
      </c>
      <c r="AA1103" s="5" t="s">
        <v>43</v>
      </c>
      <c r="AB1103" s="5" t="s">
        <v>44</v>
      </c>
      <c r="AC1103" s="2" t="s">
        <v>86829</v>
      </c>
      <c r="AD1103" s="1"/>
    </row>
    <row r="1104" spans="1:30">
      <c r="A1104" s="5" t="s">
        <v>83578</v>
      </c>
      <c r="B1104" s="2" t="s">
        <v>86890</v>
      </c>
      <c r="C1104" s="14" t="s">
        <v>86891</v>
      </c>
      <c r="D1104" s="2" t="s">
        <v>86892</v>
      </c>
      <c r="E1104" s="2" t="s">
        <v>25163</v>
      </c>
      <c r="F1104" s="8">
        <v>323</v>
      </c>
      <c r="G1104" s="5">
        <v>5</v>
      </c>
      <c r="H1104" s="5" t="s">
        <v>69</v>
      </c>
      <c r="I1104" s="5" t="s">
        <v>24629</v>
      </c>
      <c r="J1104" s="2" t="s">
        <v>24630</v>
      </c>
      <c r="K1104" s="5" t="s">
        <v>24629</v>
      </c>
      <c r="L1104" s="2" t="s">
        <v>24630</v>
      </c>
      <c r="M1104" s="5" t="s">
        <v>24254</v>
      </c>
      <c r="N1104" s="5" t="s">
        <v>38</v>
      </c>
      <c r="O1104" s="5" t="s">
        <v>39</v>
      </c>
      <c r="P1104" s="5" t="s">
        <v>40</v>
      </c>
      <c r="Q1104" s="5" t="s">
        <v>24340</v>
      </c>
      <c r="R1104" s="5" t="s">
        <v>40</v>
      </c>
      <c r="S1104" s="5" t="s">
        <v>42</v>
      </c>
      <c r="T1104" s="2">
        <v>13.814</v>
      </c>
      <c r="U1104" s="2">
        <v>12.111000000000001</v>
      </c>
      <c r="V1104" s="2">
        <v>9.6000000000000002E-2</v>
      </c>
      <c r="W1104" s="2">
        <v>12</v>
      </c>
      <c r="X1104" s="2">
        <v>42.5</v>
      </c>
      <c r="Y1104" s="2">
        <v>188.9</v>
      </c>
      <c r="Z1104" s="5">
        <v>20</v>
      </c>
      <c r="AA1104" s="5" t="s">
        <v>43</v>
      </c>
      <c r="AB1104" s="5" t="s">
        <v>44</v>
      </c>
      <c r="AC1104" s="2" t="s">
        <v>86829</v>
      </c>
      <c r="AD1104" s="1"/>
    </row>
    <row r="1105" spans="1:30">
      <c r="A1105" s="5" t="s">
        <v>83578</v>
      </c>
      <c r="B1105" s="2" t="s">
        <v>86893</v>
      </c>
      <c r="C1105" s="14" t="s">
        <v>86894</v>
      </c>
      <c r="D1105" s="2" t="s">
        <v>86895</v>
      </c>
      <c r="E1105" s="2" t="s">
        <v>86896</v>
      </c>
      <c r="F1105" s="8">
        <v>421</v>
      </c>
      <c r="G1105" s="5">
        <v>15</v>
      </c>
      <c r="H1105" s="5" t="s">
        <v>69</v>
      </c>
      <c r="I1105" s="5" t="s">
        <v>27074</v>
      </c>
      <c r="J1105" s="2" t="s">
        <v>27075</v>
      </c>
      <c r="K1105" s="5" t="s">
        <v>27074</v>
      </c>
      <c r="L1105" s="2" t="s">
        <v>27075</v>
      </c>
      <c r="M1105" s="5" t="s">
        <v>24254</v>
      </c>
      <c r="N1105" s="5" t="s">
        <v>38</v>
      </c>
      <c r="O1105" s="5" t="s">
        <v>39</v>
      </c>
      <c r="P1105" s="5" t="s">
        <v>40</v>
      </c>
      <c r="Q1105" s="5" t="s">
        <v>24335</v>
      </c>
      <c r="R1105" s="5" t="s">
        <v>40</v>
      </c>
      <c r="S1105" s="5" t="s">
        <v>42</v>
      </c>
      <c r="T1105" s="2">
        <v>9.327</v>
      </c>
      <c r="U1105" s="2">
        <v>6.8120000000000003</v>
      </c>
      <c r="V1105" s="2">
        <v>0.13600000000000001</v>
      </c>
      <c r="W1105" s="2">
        <v>12</v>
      </c>
      <c r="X1105" s="2">
        <v>50</v>
      </c>
      <c r="Y1105" s="2">
        <v>227.4</v>
      </c>
      <c r="Z1105" s="5">
        <v>20</v>
      </c>
      <c r="AA1105" s="5" t="s">
        <v>43</v>
      </c>
      <c r="AB1105" s="5" t="s">
        <v>44</v>
      </c>
      <c r="AC1105" s="2" t="s">
        <v>86897</v>
      </c>
      <c r="AD1105" s="1"/>
    </row>
    <row r="1106" spans="1:30">
      <c r="A1106" s="5" t="s">
        <v>83578</v>
      </c>
      <c r="B1106" s="2" t="s">
        <v>86898</v>
      </c>
      <c r="C1106" s="14" t="s">
        <v>86899</v>
      </c>
      <c r="D1106" s="2" t="s">
        <v>86900</v>
      </c>
      <c r="E1106" s="2" t="s">
        <v>86896</v>
      </c>
      <c r="F1106" s="8">
        <v>977</v>
      </c>
      <c r="G1106" s="5">
        <v>15</v>
      </c>
      <c r="H1106" s="5" t="s">
        <v>69</v>
      </c>
      <c r="I1106" s="5" t="s">
        <v>27074</v>
      </c>
      <c r="J1106" s="2" t="s">
        <v>27075</v>
      </c>
      <c r="K1106" s="5" t="s">
        <v>27074</v>
      </c>
      <c r="L1106" s="2" t="s">
        <v>27075</v>
      </c>
      <c r="M1106" s="5" t="s">
        <v>24254</v>
      </c>
      <c r="N1106" s="5" t="s">
        <v>38</v>
      </c>
      <c r="O1106" s="5" t="s">
        <v>39</v>
      </c>
      <c r="P1106" s="5" t="s">
        <v>40</v>
      </c>
      <c r="Q1106" s="5" t="s">
        <v>24335</v>
      </c>
      <c r="R1106" s="5" t="s">
        <v>40</v>
      </c>
      <c r="S1106" s="5" t="s">
        <v>42</v>
      </c>
      <c r="T1106" s="2">
        <v>12.273</v>
      </c>
      <c r="U1106" s="2">
        <v>8.9629999999999992</v>
      </c>
      <c r="V1106" s="2">
        <v>0.17799999999999999</v>
      </c>
      <c r="W1106" s="2">
        <v>12</v>
      </c>
      <c r="X1106" s="2">
        <v>50</v>
      </c>
      <c r="Y1106" s="2">
        <v>295.89999999999998</v>
      </c>
      <c r="Z1106" s="5">
        <v>20</v>
      </c>
      <c r="AA1106" s="5" t="s">
        <v>43</v>
      </c>
      <c r="AB1106" s="5" t="s">
        <v>44</v>
      </c>
      <c r="AC1106" s="2" t="s">
        <v>86901</v>
      </c>
      <c r="AD1106" s="1"/>
    </row>
    <row r="1107" spans="1:30">
      <c r="A1107" s="5" t="s">
        <v>83578</v>
      </c>
      <c r="B1107" s="2" t="s">
        <v>86902</v>
      </c>
      <c r="C1107" s="14" t="s">
        <v>86903</v>
      </c>
      <c r="D1107" s="2" t="s">
        <v>86904</v>
      </c>
      <c r="E1107" s="2" t="s">
        <v>86896</v>
      </c>
      <c r="F1107" s="8">
        <v>443</v>
      </c>
      <c r="G1107" s="5">
        <v>15</v>
      </c>
      <c r="H1107" s="5" t="s">
        <v>69</v>
      </c>
      <c r="I1107" s="5" t="s">
        <v>27074</v>
      </c>
      <c r="J1107" s="2" t="s">
        <v>27075</v>
      </c>
      <c r="K1107" s="5" t="s">
        <v>27074</v>
      </c>
      <c r="L1107" s="2" t="s">
        <v>27075</v>
      </c>
      <c r="M1107" s="5" t="s">
        <v>24254</v>
      </c>
      <c r="N1107" s="5" t="s">
        <v>38</v>
      </c>
      <c r="O1107" s="5" t="s">
        <v>39</v>
      </c>
      <c r="P1107" s="5" t="s">
        <v>40</v>
      </c>
      <c r="Q1107" s="5" t="s">
        <v>24335</v>
      </c>
      <c r="R1107" s="5" t="s">
        <v>40</v>
      </c>
      <c r="S1107" s="5" t="s">
        <v>42</v>
      </c>
      <c r="T1107" s="2">
        <v>9.6530000000000005</v>
      </c>
      <c r="U1107" s="2">
        <v>7.1379999999999999</v>
      </c>
      <c r="V1107" s="2">
        <v>0.13600000000000001</v>
      </c>
      <c r="W1107" s="2">
        <v>12</v>
      </c>
      <c r="X1107" s="2">
        <v>50</v>
      </c>
      <c r="Y1107" s="2">
        <v>227.4</v>
      </c>
      <c r="Z1107" s="5">
        <v>20</v>
      </c>
      <c r="AA1107" s="5" t="s">
        <v>43</v>
      </c>
      <c r="AB1107" s="5" t="s">
        <v>44</v>
      </c>
      <c r="AC1107" s="2" t="s">
        <v>86897</v>
      </c>
      <c r="AD1107" s="1"/>
    </row>
    <row r="1108" spans="1:30">
      <c r="A1108" s="5" t="s">
        <v>83578</v>
      </c>
      <c r="B1108" s="2" t="s">
        <v>86905</v>
      </c>
      <c r="C1108" s="14" t="s">
        <v>86906</v>
      </c>
      <c r="D1108" s="2" t="s">
        <v>86907</v>
      </c>
      <c r="E1108" s="2" t="s">
        <v>86896</v>
      </c>
      <c r="F1108" s="8">
        <v>1028</v>
      </c>
      <c r="G1108" s="5">
        <v>15</v>
      </c>
      <c r="H1108" s="5" t="s">
        <v>69</v>
      </c>
      <c r="I1108" s="5" t="s">
        <v>27074</v>
      </c>
      <c r="J1108" s="2" t="s">
        <v>27075</v>
      </c>
      <c r="K1108" s="5" t="s">
        <v>27074</v>
      </c>
      <c r="L1108" s="2" t="s">
        <v>27075</v>
      </c>
      <c r="M1108" s="5" t="s">
        <v>24254</v>
      </c>
      <c r="N1108" s="5" t="s">
        <v>38</v>
      </c>
      <c r="O1108" s="5" t="s">
        <v>39</v>
      </c>
      <c r="P1108" s="5" t="s">
        <v>40</v>
      </c>
      <c r="Q1108" s="5" t="s">
        <v>24335</v>
      </c>
      <c r="R1108" s="5" t="s">
        <v>40</v>
      </c>
      <c r="S1108" s="5" t="s">
        <v>42</v>
      </c>
      <c r="T1108" s="2">
        <v>12.670999999999999</v>
      </c>
      <c r="U1108" s="2">
        <v>9.3610000000000007</v>
      </c>
      <c r="V1108" s="2">
        <v>0.17799999999999999</v>
      </c>
      <c r="W1108" s="2">
        <v>12</v>
      </c>
      <c r="X1108" s="2">
        <v>50</v>
      </c>
      <c r="Y1108" s="2">
        <v>295.89999999999998</v>
      </c>
      <c r="Z1108" s="5">
        <v>20</v>
      </c>
      <c r="AA1108" s="5" t="s">
        <v>43</v>
      </c>
      <c r="AB1108" s="5" t="s">
        <v>44</v>
      </c>
      <c r="AC1108" s="2" t="s">
        <v>86901</v>
      </c>
      <c r="AD1108" s="1"/>
    </row>
    <row r="1109" spans="1:30">
      <c r="A1109" s="5" t="s">
        <v>83578</v>
      </c>
      <c r="B1109" s="2" t="s">
        <v>86908</v>
      </c>
      <c r="C1109" s="14" t="s">
        <v>86909</v>
      </c>
      <c r="D1109" s="2" t="s">
        <v>86910</v>
      </c>
      <c r="E1109" s="2" t="s">
        <v>86896</v>
      </c>
      <c r="F1109" s="8">
        <v>465</v>
      </c>
      <c r="G1109" s="5">
        <v>15</v>
      </c>
      <c r="H1109" s="5" t="s">
        <v>69</v>
      </c>
      <c r="I1109" s="5" t="s">
        <v>27074</v>
      </c>
      <c r="J1109" s="2" t="s">
        <v>27075</v>
      </c>
      <c r="K1109" s="5" t="s">
        <v>27074</v>
      </c>
      <c r="L1109" s="2" t="s">
        <v>27075</v>
      </c>
      <c r="M1109" s="5" t="s">
        <v>24254</v>
      </c>
      <c r="N1109" s="5" t="s">
        <v>38</v>
      </c>
      <c r="O1109" s="5" t="s">
        <v>39</v>
      </c>
      <c r="P1109" s="5" t="s">
        <v>40</v>
      </c>
      <c r="Q1109" s="5" t="s">
        <v>24335</v>
      </c>
      <c r="R1109" s="5" t="s">
        <v>40</v>
      </c>
      <c r="S1109" s="5" t="s">
        <v>42</v>
      </c>
      <c r="T1109" s="2">
        <v>10.000999999999999</v>
      </c>
      <c r="U1109" s="2">
        <v>7.4859999999999998</v>
      </c>
      <c r="V1109" s="2">
        <v>0.13600000000000001</v>
      </c>
      <c r="W1109" s="2">
        <v>12</v>
      </c>
      <c r="X1109" s="2">
        <v>50</v>
      </c>
      <c r="Y1109" s="2">
        <v>227.4</v>
      </c>
      <c r="Z1109" s="5">
        <v>20</v>
      </c>
      <c r="AA1109" s="5" t="s">
        <v>43</v>
      </c>
      <c r="AB1109" s="5" t="s">
        <v>44</v>
      </c>
      <c r="AC1109" s="2" t="s">
        <v>86897</v>
      </c>
      <c r="AD1109" s="1"/>
    </row>
    <row r="1110" spans="1:30">
      <c r="A1110" s="5" t="s">
        <v>83578</v>
      </c>
      <c r="B1110" s="2" t="s">
        <v>86911</v>
      </c>
      <c r="C1110" s="14" t="s">
        <v>86912</v>
      </c>
      <c r="D1110" s="2" t="s">
        <v>86913</v>
      </c>
      <c r="E1110" s="2" t="s">
        <v>86896</v>
      </c>
      <c r="F1110" s="8">
        <v>1080</v>
      </c>
      <c r="G1110" s="5">
        <v>15</v>
      </c>
      <c r="H1110" s="5" t="s">
        <v>69</v>
      </c>
      <c r="I1110" s="5" t="s">
        <v>27074</v>
      </c>
      <c r="J1110" s="2" t="s">
        <v>27075</v>
      </c>
      <c r="K1110" s="5" t="s">
        <v>27074</v>
      </c>
      <c r="L1110" s="2" t="s">
        <v>27075</v>
      </c>
      <c r="M1110" s="5" t="s">
        <v>24254</v>
      </c>
      <c r="N1110" s="5" t="s">
        <v>38</v>
      </c>
      <c r="O1110" s="5" t="s">
        <v>39</v>
      </c>
      <c r="P1110" s="5" t="s">
        <v>40</v>
      </c>
      <c r="Q1110" s="5" t="s">
        <v>24335</v>
      </c>
      <c r="R1110" s="5" t="s">
        <v>40</v>
      </c>
      <c r="S1110" s="5" t="s">
        <v>42</v>
      </c>
      <c r="T1110" s="2">
        <v>13.111000000000001</v>
      </c>
      <c r="U1110" s="2">
        <v>9.8010000000000002</v>
      </c>
      <c r="V1110" s="2">
        <v>0.17799999999999999</v>
      </c>
      <c r="W1110" s="2">
        <v>12</v>
      </c>
      <c r="X1110" s="2">
        <v>50</v>
      </c>
      <c r="Y1110" s="2">
        <v>295.89999999999998</v>
      </c>
      <c r="Z1110" s="5">
        <v>20</v>
      </c>
      <c r="AA1110" s="5" t="s">
        <v>43</v>
      </c>
      <c r="AB1110" s="5" t="s">
        <v>44</v>
      </c>
      <c r="AC1110" s="2" t="s">
        <v>86901</v>
      </c>
      <c r="AD1110" s="1"/>
    </row>
    <row r="1111" spans="1:30">
      <c r="A1111" s="5" t="s">
        <v>83578</v>
      </c>
      <c r="B1111" s="2" t="s">
        <v>86914</v>
      </c>
      <c r="C1111" s="14" t="s">
        <v>86915</v>
      </c>
      <c r="D1111" s="2" t="s">
        <v>86916</v>
      </c>
      <c r="E1111" s="2" t="s">
        <v>86896</v>
      </c>
      <c r="F1111" s="8">
        <v>532</v>
      </c>
      <c r="G1111" s="5">
        <v>15</v>
      </c>
      <c r="H1111" s="5" t="s">
        <v>69</v>
      </c>
      <c r="I1111" s="5" t="s">
        <v>27074</v>
      </c>
      <c r="J1111" s="2" t="s">
        <v>27075</v>
      </c>
      <c r="K1111" s="5" t="s">
        <v>27074</v>
      </c>
      <c r="L1111" s="2" t="s">
        <v>27075</v>
      </c>
      <c r="M1111" s="5" t="s">
        <v>24254</v>
      </c>
      <c r="N1111" s="5" t="s">
        <v>38</v>
      </c>
      <c r="O1111" s="5" t="s">
        <v>39</v>
      </c>
      <c r="P1111" s="5" t="s">
        <v>40</v>
      </c>
      <c r="Q1111" s="5" t="s">
        <v>24335</v>
      </c>
      <c r="R1111" s="5" t="s">
        <v>40</v>
      </c>
      <c r="S1111" s="5" t="s">
        <v>42</v>
      </c>
      <c r="T1111" s="2">
        <v>10.337999999999999</v>
      </c>
      <c r="U1111" s="2">
        <v>7.8230000000000004</v>
      </c>
      <c r="V1111" s="2">
        <v>0.13600000000000001</v>
      </c>
      <c r="W1111" s="2">
        <v>12</v>
      </c>
      <c r="X1111" s="2">
        <v>50</v>
      </c>
      <c r="Y1111" s="2">
        <v>227.4</v>
      </c>
      <c r="Z1111" s="5">
        <v>20</v>
      </c>
      <c r="AA1111" s="5" t="s">
        <v>43</v>
      </c>
      <c r="AB1111" s="5" t="s">
        <v>44</v>
      </c>
      <c r="AC1111" s="2" t="s">
        <v>86897</v>
      </c>
      <c r="AD1111" s="1"/>
    </row>
    <row r="1112" spans="1:30">
      <c r="A1112" s="5" t="s">
        <v>83578</v>
      </c>
      <c r="B1112" s="2" t="s">
        <v>86917</v>
      </c>
      <c r="C1112" s="14" t="s">
        <v>86918</v>
      </c>
      <c r="D1112" s="2" t="s">
        <v>86919</v>
      </c>
      <c r="E1112" s="2" t="s">
        <v>86896</v>
      </c>
      <c r="F1112" s="8">
        <v>1234</v>
      </c>
      <c r="G1112" s="5">
        <v>15</v>
      </c>
      <c r="H1112" s="5" t="s">
        <v>69</v>
      </c>
      <c r="I1112" s="5" t="s">
        <v>27074</v>
      </c>
      <c r="J1112" s="2" t="s">
        <v>27075</v>
      </c>
      <c r="K1112" s="5" t="s">
        <v>27074</v>
      </c>
      <c r="L1112" s="2" t="s">
        <v>27075</v>
      </c>
      <c r="M1112" s="5" t="s">
        <v>24254</v>
      </c>
      <c r="N1112" s="5" t="s">
        <v>38</v>
      </c>
      <c r="O1112" s="5" t="s">
        <v>39</v>
      </c>
      <c r="P1112" s="5" t="s">
        <v>40</v>
      </c>
      <c r="Q1112" s="5" t="s">
        <v>24335</v>
      </c>
      <c r="R1112" s="5" t="s">
        <v>40</v>
      </c>
      <c r="S1112" s="5" t="s">
        <v>42</v>
      </c>
      <c r="T1112" s="2">
        <v>13.531000000000001</v>
      </c>
      <c r="U1112" s="2">
        <v>10.221</v>
      </c>
      <c r="V1112" s="2">
        <v>0.17799999999999999</v>
      </c>
      <c r="W1112" s="2">
        <v>12</v>
      </c>
      <c r="X1112" s="2">
        <v>50</v>
      </c>
      <c r="Y1112" s="2">
        <v>295.89999999999998</v>
      </c>
      <c r="Z1112" s="5">
        <v>20</v>
      </c>
      <c r="AA1112" s="5" t="s">
        <v>43</v>
      </c>
      <c r="AB1112" s="5" t="s">
        <v>44</v>
      </c>
      <c r="AC1112" s="2" t="s">
        <v>86901</v>
      </c>
      <c r="AD1112" s="1"/>
    </row>
    <row r="1113" spans="1:30">
      <c r="A1113" s="5" t="s">
        <v>83578</v>
      </c>
      <c r="B1113" s="2" t="s">
        <v>86920</v>
      </c>
      <c r="C1113" s="14" t="s">
        <v>86921</v>
      </c>
      <c r="D1113" s="2" t="s">
        <v>86922</v>
      </c>
      <c r="E1113" s="2" t="s">
        <v>86896</v>
      </c>
      <c r="F1113" s="8">
        <v>505</v>
      </c>
      <c r="G1113" s="5">
        <v>15</v>
      </c>
      <c r="H1113" s="5" t="s">
        <v>69</v>
      </c>
      <c r="I1113" s="5" t="s">
        <v>27074</v>
      </c>
      <c r="J1113" s="2" t="s">
        <v>27075</v>
      </c>
      <c r="K1113" s="5" t="s">
        <v>27074</v>
      </c>
      <c r="L1113" s="2" t="s">
        <v>27075</v>
      </c>
      <c r="M1113" s="5" t="s">
        <v>24254</v>
      </c>
      <c r="N1113" s="5" t="s">
        <v>38</v>
      </c>
      <c r="O1113" s="5" t="s">
        <v>39</v>
      </c>
      <c r="P1113" s="5" t="s">
        <v>40</v>
      </c>
      <c r="Q1113" s="5" t="s">
        <v>24335</v>
      </c>
      <c r="R1113" s="5" t="s">
        <v>40</v>
      </c>
      <c r="S1113" s="5" t="s">
        <v>42</v>
      </c>
      <c r="T1113" s="2">
        <v>10.260999999999999</v>
      </c>
      <c r="U1113" s="2">
        <v>7.5359999999999996</v>
      </c>
      <c r="V1113" s="2">
        <v>0.15</v>
      </c>
      <c r="W1113" s="2">
        <v>12</v>
      </c>
      <c r="X1113" s="2">
        <v>50</v>
      </c>
      <c r="Y1113" s="2">
        <v>249.9</v>
      </c>
      <c r="Z1113" s="5">
        <v>20</v>
      </c>
      <c r="AA1113" s="5" t="s">
        <v>43</v>
      </c>
      <c r="AB1113" s="5" t="s">
        <v>44</v>
      </c>
      <c r="AC1113" s="2" t="s">
        <v>86897</v>
      </c>
      <c r="AD1113" s="1"/>
    </row>
    <row r="1114" spans="1:30">
      <c r="A1114" s="5" t="s">
        <v>83578</v>
      </c>
      <c r="B1114" s="2" t="s">
        <v>86923</v>
      </c>
      <c r="C1114" s="14" t="s">
        <v>86924</v>
      </c>
      <c r="D1114" s="2" t="s">
        <v>86925</v>
      </c>
      <c r="E1114" s="2" t="s">
        <v>86896</v>
      </c>
      <c r="F1114" s="8">
        <v>532</v>
      </c>
      <c r="G1114" s="5">
        <v>15</v>
      </c>
      <c r="H1114" s="5" t="s">
        <v>69</v>
      </c>
      <c r="I1114" s="5" t="s">
        <v>27074</v>
      </c>
      <c r="J1114" s="2" t="s">
        <v>27075</v>
      </c>
      <c r="K1114" s="5" t="s">
        <v>27074</v>
      </c>
      <c r="L1114" s="2" t="s">
        <v>27075</v>
      </c>
      <c r="M1114" s="5" t="s">
        <v>24254</v>
      </c>
      <c r="N1114" s="5" t="s">
        <v>38</v>
      </c>
      <c r="O1114" s="5" t="s">
        <v>39</v>
      </c>
      <c r="P1114" s="5" t="s">
        <v>40</v>
      </c>
      <c r="Q1114" s="5" t="s">
        <v>24335</v>
      </c>
      <c r="R1114" s="5" t="s">
        <v>40</v>
      </c>
      <c r="S1114" s="5" t="s">
        <v>42</v>
      </c>
      <c r="T1114" s="2">
        <v>10.609</v>
      </c>
      <c r="U1114" s="2">
        <v>7.8840000000000003</v>
      </c>
      <c r="V1114" s="2">
        <v>0.15</v>
      </c>
      <c r="W1114" s="2">
        <v>12</v>
      </c>
      <c r="X1114" s="2">
        <v>50</v>
      </c>
      <c r="Y1114" s="2">
        <v>249.9</v>
      </c>
      <c r="Z1114" s="5">
        <v>20</v>
      </c>
      <c r="AA1114" s="5" t="s">
        <v>43</v>
      </c>
      <c r="AB1114" s="5" t="s">
        <v>44</v>
      </c>
      <c r="AC1114" s="2" t="s">
        <v>86897</v>
      </c>
      <c r="AD1114" s="1"/>
    </row>
    <row r="1115" spans="1:30">
      <c r="A1115" s="5" t="s">
        <v>83578</v>
      </c>
      <c r="B1115" s="2" t="s">
        <v>86926</v>
      </c>
      <c r="C1115" s="14" t="s">
        <v>86927</v>
      </c>
      <c r="D1115" s="2" t="s">
        <v>86928</v>
      </c>
      <c r="E1115" s="2" t="s">
        <v>86896</v>
      </c>
      <c r="F1115" s="8">
        <v>563</v>
      </c>
      <c r="G1115" s="5">
        <v>15</v>
      </c>
      <c r="H1115" s="5" t="s">
        <v>69</v>
      </c>
      <c r="I1115" s="5" t="s">
        <v>27074</v>
      </c>
      <c r="J1115" s="2" t="s">
        <v>27075</v>
      </c>
      <c r="K1115" s="5" t="s">
        <v>27074</v>
      </c>
      <c r="L1115" s="2" t="s">
        <v>27075</v>
      </c>
      <c r="M1115" s="5" t="s">
        <v>24254</v>
      </c>
      <c r="N1115" s="5" t="s">
        <v>38</v>
      </c>
      <c r="O1115" s="5" t="s">
        <v>39</v>
      </c>
      <c r="P1115" s="5" t="s">
        <v>40</v>
      </c>
      <c r="Q1115" s="5" t="s">
        <v>24335</v>
      </c>
      <c r="R1115" s="5" t="s">
        <v>40</v>
      </c>
      <c r="S1115" s="5" t="s">
        <v>42</v>
      </c>
      <c r="T1115" s="2">
        <v>10.946</v>
      </c>
      <c r="U1115" s="2">
        <v>8.2210000000000001</v>
      </c>
      <c r="V1115" s="2">
        <v>0.15</v>
      </c>
      <c r="W1115" s="2">
        <v>12</v>
      </c>
      <c r="X1115" s="2">
        <v>50</v>
      </c>
      <c r="Y1115" s="2">
        <v>249.9</v>
      </c>
      <c r="Z1115" s="5">
        <v>20</v>
      </c>
      <c r="AA1115" s="5" t="s">
        <v>43</v>
      </c>
      <c r="AB1115" s="5" t="s">
        <v>44</v>
      </c>
      <c r="AC1115" s="2" t="s">
        <v>86897</v>
      </c>
      <c r="AD1115" s="1"/>
    </row>
    <row r="1116" spans="1:30">
      <c r="A1116" s="5" t="s">
        <v>83578</v>
      </c>
      <c r="B1116" s="2" t="s">
        <v>86929</v>
      </c>
      <c r="C1116" s="14" t="s">
        <v>86930</v>
      </c>
      <c r="D1116" s="2" t="s">
        <v>86931</v>
      </c>
      <c r="E1116" s="2" t="s">
        <v>86896</v>
      </c>
      <c r="F1116" s="8">
        <v>532</v>
      </c>
      <c r="G1116" s="5">
        <v>15</v>
      </c>
      <c r="H1116" s="5" t="s">
        <v>69</v>
      </c>
      <c r="I1116" s="5" t="s">
        <v>27074</v>
      </c>
      <c r="J1116" s="2" t="s">
        <v>27075</v>
      </c>
      <c r="K1116" s="5" t="s">
        <v>27074</v>
      </c>
      <c r="L1116" s="2" t="s">
        <v>27075</v>
      </c>
      <c r="M1116" s="5" t="s">
        <v>24254</v>
      </c>
      <c r="N1116" s="5" t="s">
        <v>38</v>
      </c>
      <c r="O1116" s="5" t="s">
        <v>39</v>
      </c>
      <c r="P1116" s="5" t="s">
        <v>40</v>
      </c>
      <c r="Q1116" s="5" t="s">
        <v>24335</v>
      </c>
      <c r="R1116" s="5" t="s">
        <v>40</v>
      </c>
      <c r="S1116" s="5" t="s">
        <v>42</v>
      </c>
      <c r="T1116" s="2">
        <v>11.069000000000001</v>
      </c>
      <c r="U1116" s="2">
        <v>7.9349999999999996</v>
      </c>
      <c r="V1116" s="2">
        <v>0.151</v>
      </c>
      <c r="W1116" s="2">
        <v>12</v>
      </c>
      <c r="X1116" s="2">
        <v>50</v>
      </c>
      <c r="Y1116" s="2">
        <v>251.8</v>
      </c>
      <c r="Z1116" s="5">
        <v>20</v>
      </c>
      <c r="AA1116" s="5" t="s">
        <v>43</v>
      </c>
      <c r="AB1116" s="5" t="s">
        <v>44</v>
      </c>
      <c r="AC1116" s="2" t="s">
        <v>86897</v>
      </c>
      <c r="AD1116" s="1"/>
    </row>
    <row r="1117" spans="1:30">
      <c r="A1117" s="5" t="s">
        <v>83578</v>
      </c>
      <c r="B1117" s="2" t="s">
        <v>86932</v>
      </c>
      <c r="C1117" s="14" t="s">
        <v>86933</v>
      </c>
      <c r="D1117" s="2" t="s">
        <v>86934</v>
      </c>
      <c r="E1117" s="2" t="s">
        <v>86896</v>
      </c>
      <c r="F1117" s="8">
        <v>545</v>
      </c>
      <c r="G1117" s="5">
        <v>15</v>
      </c>
      <c r="H1117" s="5" t="s">
        <v>69</v>
      </c>
      <c r="I1117" s="5" t="s">
        <v>27074</v>
      </c>
      <c r="J1117" s="2" t="s">
        <v>27075</v>
      </c>
      <c r="K1117" s="5" t="s">
        <v>27074</v>
      </c>
      <c r="L1117" s="2" t="s">
        <v>27075</v>
      </c>
      <c r="M1117" s="5" t="s">
        <v>24254</v>
      </c>
      <c r="N1117" s="5" t="s">
        <v>38</v>
      </c>
      <c r="O1117" s="5" t="s">
        <v>39</v>
      </c>
      <c r="P1117" s="5" t="s">
        <v>40</v>
      </c>
      <c r="Q1117" s="5" t="s">
        <v>24335</v>
      </c>
      <c r="R1117" s="5" t="s">
        <v>40</v>
      </c>
      <c r="S1117" s="5" t="s">
        <v>42</v>
      </c>
      <c r="T1117" s="2">
        <v>11.417</v>
      </c>
      <c r="U1117" s="2">
        <v>8.2829999999999995</v>
      </c>
      <c r="V1117" s="2">
        <v>0.151</v>
      </c>
      <c r="W1117" s="2">
        <v>12</v>
      </c>
      <c r="X1117" s="2">
        <v>50</v>
      </c>
      <c r="Y1117" s="2">
        <v>251.8</v>
      </c>
      <c r="Z1117" s="5">
        <v>20</v>
      </c>
      <c r="AA1117" s="5" t="s">
        <v>43</v>
      </c>
      <c r="AB1117" s="5" t="s">
        <v>44</v>
      </c>
      <c r="AC1117" s="2" t="s">
        <v>86897</v>
      </c>
      <c r="AD1117" s="1"/>
    </row>
    <row r="1118" spans="1:30">
      <c r="A1118" s="5" t="s">
        <v>83578</v>
      </c>
      <c r="B1118" s="2" t="s">
        <v>86935</v>
      </c>
      <c r="C1118" s="14" t="s">
        <v>86936</v>
      </c>
      <c r="D1118" s="2" t="s">
        <v>86937</v>
      </c>
      <c r="E1118" s="2" t="s">
        <v>86896</v>
      </c>
      <c r="F1118" s="8">
        <v>603</v>
      </c>
      <c r="G1118" s="5">
        <v>15</v>
      </c>
      <c r="H1118" s="5" t="s">
        <v>69</v>
      </c>
      <c r="I1118" s="5" t="s">
        <v>27074</v>
      </c>
      <c r="J1118" s="2" t="s">
        <v>27075</v>
      </c>
      <c r="K1118" s="5" t="s">
        <v>27074</v>
      </c>
      <c r="L1118" s="2" t="s">
        <v>27075</v>
      </c>
      <c r="M1118" s="5" t="s">
        <v>24254</v>
      </c>
      <c r="N1118" s="5" t="s">
        <v>38</v>
      </c>
      <c r="O1118" s="5" t="s">
        <v>39</v>
      </c>
      <c r="P1118" s="5" t="s">
        <v>40</v>
      </c>
      <c r="Q1118" s="5" t="s">
        <v>24335</v>
      </c>
      <c r="R1118" s="5" t="s">
        <v>40</v>
      </c>
      <c r="S1118" s="5" t="s">
        <v>42</v>
      </c>
      <c r="T1118" s="2">
        <v>11.754</v>
      </c>
      <c r="U1118" s="2">
        <v>8.6199999999999992</v>
      </c>
      <c r="V1118" s="2">
        <v>0.151</v>
      </c>
      <c r="W1118" s="2">
        <v>12</v>
      </c>
      <c r="X1118" s="2">
        <v>50</v>
      </c>
      <c r="Y1118" s="2">
        <v>251.8</v>
      </c>
      <c r="Z1118" s="5">
        <v>20</v>
      </c>
      <c r="AA1118" s="5" t="s">
        <v>43</v>
      </c>
      <c r="AB1118" s="5" t="s">
        <v>44</v>
      </c>
      <c r="AC1118" s="2" t="s">
        <v>86897</v>
      </c>
      <c r="AD1118" s="1"/>
    </row>
    <row r="1119" spans="1:30">
      <c r="A1119" s="5" t="s">
        <v>83578</v>
      </c>
      <c r="B1119" s="2" t="s">
        <v>86938</v>
      </c>
      <c r="C1119" s="14" t="s">
        <v>86939</v>
      </c>
      <c r="D1119" s="2" t="s">
        <v>86940</v>
      </c>
      <c r="E1119" s="2" t="s">
        <v>24251</v>
      </c>
      <c r="F1119" s="8">
        <v>187</v>
      </c>
      <c r="G1119" s="5">
        <v>5</v>
      </c>
      <c r="H1119" s="5" t="s">
        <v>69</v>
      </c>
      <c r="I1119" s="5" t="s">
        <v>24629</v>
      </c>
      <c r="J1119" s="2" t="s">
        <v>24630</v>
      </c>
      <c r="K1119" s="5" t="s">
        <v>24629</v>
      </c>
      <c r="L1119" s="2" t="s">
        <v>24630</v>
      </c>
      <c r="M1119" s="5" t="s">
        <v>24254</v>
      </c>
      <c r="N1119" s="5" t="s">
        <v>38</v>
      </c>
      <c r="O1119" s="5" t="s">
        <v>39</v>
      </c>
      <c r="P1119" s="5" t="s">
        <v>40</v>
      </c>
      <c r="Q1119" s="5" t="s">
        <v>24335</v>
      </c>
      <c r="R1119" s="5" t="s">
        <v>40</v>
      </c>
      <c r="S1119" s="5" t="s">
        <v>42</v>
      </c>
      <c r="T1119" s="2">
        <v>5.2469999999999999</v>
      </c>
      <c r="U1119" s="2">
        <v>3.694</v>
      </c>
      <c r="V1119" s="2">
        <v>0.104</v>
      </c>
      <c r="W1119" s="2">
        <v>12</v>
      </c>
      <c r="X1119" s="2">
        <v>50</v>
      </c>
      <c r="Y1119" s="2">
        <v>173.9</v>
      </c>
      <c r="Z1119" s="5">
        <v>20</v>
      </c>
      <c r="AA1119" s="5" t="s">
        <v>43</v>
      </c>
      <c r="AB1119" s="5" t="s">
        <v>44</v>
      </c>
      <c r="AC1119" s="2" t="s">
        <v>27775</v>
      </c>
      <c r="AD1119" s="1"/>
    </row>
    <row r="1120" spans="1:30">
      <c r="A1120" s="5" t="s">
        <v>83578</v>
      </c>
      <c r="B1120" s="2" t="s">
        <v>86941</v>
      </c>
      <c r="C1120" s="14" t="s">
        <v>86942</v>
      </c>
      <c r="D1120" s="2" t="s">
        <v>86943</v>
      </c>
      <c r="E1120" s="2" t="s">
        <v>27717</v>
      </c>
      <c r="F1120" s="8">
        <v>977</v>
      </c>
      <c r="G1120" s="5">
        <v>10</v>
      </c>
      <c r="H1120" s="5" t="s">
        <v>69</v>
      </c>
      <c r="I1120" s="5" t="s">
        <v>27074</v>
      </c>
      <c r="J1120" s="2" t="s">
        <v>27075</v>
      </c>
      <c r="K1120" s="5" t="s">
        <v>27074</v>
      </c>
      <c r="L1120" s="2" t="s">
        <v>27075</v>
      </c>
      <c r="M1120" s="5" t="s">
        <v>24254</v>
      </c>
      <c r="N1120" s="5" t="s">
        <v>38</v>
      </c>
      <c r="O1120" s="5" t="s">
        <v>39</v>
      </c>
      <c r="P1120" s="5" t="s">
        <v>40</v>
      </c>
      <c r="Q1120" s="5" t="s">
        <v>24335</v>
      </c>
      <c r="R1120" s="5" t="s">
        <v>40</v>
      </c>
      <c r="S1120" s="5" t="s">
        <v>42</v>
      </c>
      <c r="T1120" s="2">
        <v>10.862</v>
      </c>
      <c r="U1120" s="2">
        <v>7.83</v>
      </c>
      <c r="V1120" s="2">
        <v>0.17</v>
      </c>
      <c r="W1120" s="2">
        <v>12</v>
      </c>
      <c r="X1120" s="2">
        <v>50</v>
      </c>
      <c r="Y1120" s="2">
        <v>283.89999999999998</v>
      </c>
      <c r="Z1120" s="5">
        <v>20</v>
      </c>
      <c r="AA1120" s="5" t="s">
        <v>43</v>
      </c>
      <c r="AB1120" s="5" t="s">
        <v>44</v>
      </c>
      <c r="AC1120" s="2" t="s">
        <v>27734</v>
      </c>
      <c r="AD1120" s="1"/>
    </row>
    <row r="1121" spans="1:30">
      <c r="A1121" s="5" t="s">
        <v>83578</v>
      </c>
      <c r="B1121" s="2" t="s">
        <v>86944</v>
      </c>
      <c r="C1121" s="14" t="s">
        <v>86945</v>
      </c>
      <c r="D1121" s="2" t="s">
        <v>86946</v>
      </c>
      <c r="E1121" s="2" t="s">
        <v>86947</v>
      </c>
      <c r="F1121" s="8">
        <v>412</v>
      </c>
      <c r="G1121" s="5">
        <v>15</v>
      </c>
      <c r="H1121" s="5" t="s">
        <v>69</v>
      </c>
      <c r="I1121" s="5" t="s">
        <v>27074</v>
      </c>
      <c r="J1121" s="2" t="s">
        <v>27075</v>
      </c>
      <c r="K1121" s="5" t="s">
        <v>27074</v>
      </c>
      <c r="L1121" s="2" t="s">
        <v>27075</v>
      </c>
      <c r="M1121" s="5" t="s">
        <v>24254</v>
      </c>
      <c r="N1121" s="5" t="s">
        <v>38</v>
      </c>
      <c r="O1121" s="5" t="s">
        <v>39</v>
      </c>
      <c r="P1121" s="5" t="s">
        <v>40</v>
      </c>
      <c r="Q1121" s="5" t="s">
        <v>25301</v>
      </c>
      <c r="R1121" s="5" t="s">
        <v>40</v>
      </c>
      <c r="S1121" s="5" t="s">
        <v>42</v>
      </c>
      <c r="T1121" s="2">
        <v>13.840999999999999</v>
      </c>
      <c r="U1121" s="2">
        <v>12.327</v>
      </c>
      <c r="V1121" s="2">
        <v>0.104</v>
      </c>
      <c r="W1121" s="2">
        <v>12</v>
      </c>
      <c r="X1121" s="2">
        <v>50</v>
      </c>
      <c r="Y1121" s="2">
        <v>173.9</v>
      </c>
      <c r="Z1121" s="5">
        <v>10</v>
      </c>
      <c r="AA1121" s="5" t="s">
        <v>43</v>
      </c>
      <c r="AB1121" s="5" t="s">
        <v>44</v>
      </c>
      <c r="AC1121" s="2" t="s">
        <v>86948</v>
      </c>
      <c r="AD1121" s="1"/>
    </row>
    <row r="1122" spans="1:30">
      <c r="A1122" s="5" t="s">
        <v>83578</v>
      </c>
      <c r="B1122" s="2" t="s">
        <v>86949</v>
      </c>
      <c r="C1122" s="14" t="s">
        <v>86950</v>
      </c>
      <c r="D1122" s="2" t="s">
        <v>86951</v>
      </c>
      <c r="E1122" s="2" t="s">
        <v>24251</v>
      </c>
      <c r="F1122" s="8">
        <v>197</v>
      </c>
      <c r="G1122" s="5">
        <v>5</v>
      </c>
      <c r="H1122" s="5" t="s">
        <v>69</v>
      </c>
      <c r="I1122" s="5" t="s">
        <v>24629</v>
      </c>
      <c r="J1122" s="2" t="s">
        <v>24630</v>
      </c>
      <c r="K1122" s="5" t="s">
        <v>24629</v>
      </c>
      <c r="L1122" s="2" t="s">
        <v>24630</v>
      </c>
      <c r="M1122" s="5" t="s">
        <v>24254</v>
      </c>
      <c r="N1122" s="5" t="s">
        <v>38</v>
      </c>
      <c r="O1122" s="5" t="s">
        <v>39</v>
      </c>
      <c r="P1122" s="5" t="s">
        <v>40</v>
      </c>
      <c r="Q1122" s="5" t="s">
        <v>24335</v>
      </c>
      <c r="R1122" s="5" t="s">
        <v>40</v>
      </c>
      <c r="S1122" s="5" t="s">
        <v>42</v>
      </c>
      <c r="T1122" s="2">
        <v>5.4509999999999996</v>
      </c>
      <c r="U1122" s="2">
        <v>3.8980000000000001</v>
      </c>
      <c r="V1122" s="2">
        <v>0.104</v>
      </c>
      <c r="W1122" s="2">
        <v>12</v>
      </c>
      <c r="X1122" s="2">
        <v>50</v>
      </c>
      <c r="Y1122" s="2">
        <v>173.9</v>
      </c>
      <c r="Z1122" s="5">
        <v>20</v>
      </c>
      <c r="AA1122" s="5" t="s">
        <v>43</v>
      </c>
      <c r="AB1122" s="5" t="s">
        <v>44</v>
      </c>
      <c r="AC1122" s="2" t="s">
        <v>27775</v>
      </c>
      <c r="AD1122" s="1"/>
    </row>
    <row r="1123" spans="1:30">
      <c r="A1123" s="5" t="s">
        <v>83578</v>
      </c>
      <c r="B1123" s="2" t="s">
        <v>86952</v>
      </c>
      <c r="C1123" s="14" t="s">
        <v>86953</v>
      </c>
      <c r="D1123" s="2" t="s">
        <v>86954</v>
      </c>
      <c r="E1123" s="2" t="s">
        <v>27717</v>
      </c>
      <c r="F1123" s="8">
        <v>443</v>
      </c>
      <c r="G1123" s="5">
        <v>10</v>
      </c>
      <c r="H1123" s="5" t="s">
        <v>69</v>
      </c>
      <c r="I1123" s="5" t="s">
        <v>27074</v>
      </c>
      <c r="J1123" s="2" t="s">
        <v>27075</v>
      </c>
      <c r="K1123" s="5" t="s">
        <v>27074</v>
      </c>
      <c r="L1123" s="2" t="s">
        <v>27075</v>
      </c>
      <c r="M1123" s="5" t="s">
        <v>24254</v>
      </c>
      <c r="N1123" s="5" t="s">
        <v>38</v>
      </c>
      <c r="O1123" s="5" t="s">
        <v>39</v>
      </c>
      <c r="P1123" s="5" t="s">
        <v>40</v>
      </c>
      <c r="Q1123" s="5" t="s">
        <v>24335</v>
      </c>
      <c r="R1123" s="5" t="s">
        <v>40</v>
      </c>
      <c r="S1123" s="5" t="s">
        <v>42</v>
      </c>
      <c r="T1123" s="2">
        <v>7.641</v>
      </c>
      <c r="U1123" s="2">
        <v>6.03</v>
      </c>
      <c r="V1123" s="2">
        <v>0.11600000000000001</v>
      </c>
      <c r="W1123" s="2">
        <v>12</v>
      </c>
      <c r="X1123" s="2">
        <v>50</v>
      </c>
      <c r="Y1123" s="2">
        <v>193.9</v>
      </c>
      <c r="Z1123" s="5">
        <v>20</v>
      </c>
      <c r="AA1123" s="5" t="s">
        <v>43</v>
      </c>
      <c r="AB1123" s="5" t="s">
        <v>44</v>
      </c>
      <c r="AC1123" s="2" t="s">
        <v>27718</v>
      </c>
      <c r="AD1123" s="1"/>
    </row>
    <row r="1124" spans="1:30">
      <c r="A1124" s="5" t="s">
        <v>83578</v>
      </c>
      <c r="B1124" s="2" t="s">
        <v>86955</v>
      </c>
      <c r="C1124" s="14" t="s">
        <v>86956</v>
      </c>
      <c r="D1124" s="2" t="s">
        <v>86957</v>
      </c>
      <c r="E1124" s="2" t="s">
        <v>86947</v>
      </c>
      <c r="F1124" s="8">
        <v>426</v>
      </c>
      <c r="G1124" s="5">
        <v>15</v>
      </c>
      <c r="H1124" s="5" t="s">
        <v>69</v>
      </c>
      <c r="I1124" s="5" t="s">
        <v>27074</v>
      </c>
      <c r="J1124" s="2" t="s">
        <v>27075</v>
      </c>
      <c r="K1124" s="5" t="s">
        <v>27074</v>
      </c>
      <c r="L1124" s="2" t="s">
        <v>27075</v>
      </c>
      <c r="M1124" s="5" t="s">
        <v>24254</v>
      </c>
      <c r="N1124" s="5" t="s">
        <v>38</v>
      </c>
      <c r="O1124" s="5" t="s">
        <v>39</v>
      </c>
      <c r="P1124" s="5" t="s">
        <v>40</v>
      </c>
      <c r="Q1124" s="5" t="s">
        <v>25301</v>
      </c>
      <c r="R1124" s="5" t="s">
        <v>40</v>
      </c>
      <c r="S1124" s="5" t="s">
        <v>42</v>
      </c>
      <c r="T1124" s="2">
        <v>14.521000000000001</v>
      </c>
      <c r="U1124" s="2">
        <v>13.007</v>
      </c>
      <c r="V1124" s="2">
        <v>0.104</v>
      </c>
      <c r="W1124" s="2">
        <v>12</v>
      </c>
      <c r="X1124" s="2">
        <v>50</v>
      </c>
      <c r="Y1124" s="2">
        <v>173.9</v>
      </c>
      <c r="Z1124" s="5">
        <v>10</v>
      </c>
      <c r="AA1124" s="5" t="s">
        <v>43</v>
      </c>
      <c r="AB1124" s="5" t="s">
        <v>44</v>
      </c>
      <c r="AC1124" s="2" t="s">
        <v>86948</v>
      </c>
      <c r="AD1124" s="1"/>
    </row>
    <row r="1125" spans="1:30">
      <c r="A1125" s="5" t="s">
        <v>83578</v>
      </c>
      <c r="B1125" s="2" t="s">
        <v>86958</v>
      </c>
      <c r="C1125" s="14" t="s">
        <v>86959</v>
      </c>
      <c r="D1125" s="2" t="s">
        <v>86960</v>
      </c>
      <c r="E1125" s="2" t="s">
        <v>24251</v>
      </c>
      <c r="F1125" s="8">
        <v>207</v>
      </c>
      <c r="G1125" s="5">
        <v>5</v>
      </c>
      <c r="H1125" s="5" t="s">
        <v>69</v>
      </c>
      <c r="I1125" s="5" t="s">
        <v>24629</v>
      </c>
      <c r="J1125" s="2" t="s">
        <v>24630</v>
      </c>
      <c r="K1125" s="5" t="s">
        <v>24629</v>
      </c>
      <c r="L1125" s="2" t="s">
        <v>24630</v>
      </c>
      <c r="M1125" s="5" t="s">
        <v>24254</v>
      </c>
      <c r="N1125" s="5" t="s">
        <v>38</v>
      </c>
      <c r="O1125" s="5" t="s">
        <v>39</v>
      </c>
      <c r="P1125" s="5" t="s">
        <v>40</v>
      </c>
      <c r="Q1125" s="5" t="s">
        <v>24335</v>
      </c>
      <c r="R1125" s="5" t="s">
        <v>40</v>
      </c>
      <c r="S1125" s="5" t="s">
        <v>42</v>
      </c>
      <c r="T1125" s="2">
        <v>5.6710000000000003</v>
      </c>
      <c r="U1125" s="2">
        <v>4.1180000000000003</v>
      </c>
      <c r="V1125" s="2">
        <v>0.104</v>
      </c>
      <c r="W1125" s="2">
        <v>12</v>
      </c>
      <c r="X1125" s="2">
        <v>50</v>
      </c>
      <c r="Y1125" s="2">
        <v>173.9</v>
      </c>
      <c r="Z1125" s="5">
        <v>20</v>
      </c>
      <c r="AA1125" s="5" t="s">
        <v>43</v>
      </c>
      <c r="AB1125" s="5" t="s">
        <v>44</v>
      </c>
      <c r="AC1125" s="2" t="s">
        <v>27775</v>
      </c>
      <c r="AD1125" s="1"/>
    </row>
    <row r="1126" spans="1:30">
      <c r="A1126" s="5" t="s">
        <v>83578</v>
      </c>
      <c r="B1126" s="2" t="s">
        <v>86961</v>
      </c>
      <c r="C1126" s="14" t="s">
        <v>86962</v>
      </c>
      <c r="D1126" s="2" t="s">
        <v>86963</v>
      </c>
      <c r="E1126" s="2" t="s">
        <v>27717</v>
      </c>
      <c r="F1126" s="8">
        <v>1080</v>
      </c>
      <c r="G1126" s="5">
        <v>10</v>
      </c>
      <c r="H1126" s="5" t="s">
        <v>69</v>
      </c>
      <c r="I1126" s="5" t="s">
        <v>27074</v>
      </c>
      <c r="J1126" s="2" t="s">
        <v>27075</v>
      </c>
      <c r="K1126" s="5" t="s">
        <v>27074</v>
      </c>
      <c r="L1126" s="2" t="s">
        <v>27075</v>
      </c>
      <c r="M1126" s="5" t="s">
        <v>24254</v>
      </c>
      <c r="N1126" s="5" t="s">
        <v>38</v>
      </c>
      <c r="O1126" s="5" t="s">
        <v>39</v>
      </c>
      <c r="P1126" s="5" t="s">
        <v>40</v>
      </c>
      <c r="Q1126" s="5" t="s">
        <v>24335</v>
      </c>
      <c r="R1126" s="5" t="s">
        <v>40</v>
      </c>
      <c r="S1126" s="5" t="s">
        <v>42</v>
      </c>
      <c r="T1126" s="2">
        <v>11.614000000000001</v>
      </c>
      <c r="U1126" s="2">
        <v>8.5820000000000007</v>
      </c>
      <c r="V1126" s="2">
        <v>0.17</v>
      </c>
      <c r="W1126" s="2">
        <v>12</v>
      </c>
      <c r="X1126" s="2">
        <v>50</v>
      </c>
      <c r="Y1126" s="2">
        <v>283.89999999999998</v>
      </c>
      <c r="Z1126" s="5">
        <v>20</v>
      </c>
      <c r="AA1126" s="5" t="s">
        <v>43</v>
      </c>
      <c r="AB1126" s="5" t="s">
        <v>44</v>
      </c>
      <c r="AC1126" s="2" t="s">
        <v>27734</v>
      </c>
      <c r="AD1126" s="1"/>
    </row>
    <row r="1127" spans="1:30">
      <c r="A1127" s="5" t="s">
        <v>83578</v>
      </c>
      <c r="B1127" s="2" t="s">
        <v>86964</v>
      </c>
      <c r="C1127" s="14" t="s">
        <v>86965</v>
      </c>
      <c r="D1127" s="2" t="s">
        <v>86966</v>
      </c>
      <c r="E1127" s="2" t="s">
        <v>86947</v>
      </c>
      <c r="F1127" s="8">
        <v>440</v>
      </c>
      <c r="G1127" s="5">
        <v>15</v>
      </c>
      <c r="H1127" s="5" t="s">
        <v>69</v>
      </c>
      <c r="I1127" s="5" t="s">
        <v>27074</v>
      </c>
      <c r="J1127" s="2" t="s">
        <v>27075</v>
      </c>
      <c r="K1127" s="5" t="s">
        <v>27074</v>
      </c>
      <c r="L1127" s="2" t="s">
        <v>27075</v>
      </c>
      <c r="M1127" s="5" t="s">
        <v>24254</v>
      </c>
      <c r="N1127" s="5" t="s">
        <v>38</v>
      </c>
      <c r="O1127" s="5" t="s">
        <v>39</v>
      </c>
      <c r="P1127" s="5" t="s">
        <v>40</v>
      </c>
      <c r="Q1127" s="5" t="s">
        <v>25301</v>
      </c>
      <c r="R1127" s="5" t="s">
        <v>40</v>
      </c>
      <c r="S1127" s="5" t="s">
        <v>42</v>
      </c>
      <c r="T1127" s="2">
        <v>15.414999999999999</v>
      </c>
      <c r="U1127" s="2">
        <v>13.757</v>
      </c>
      <c r="V1127" s="2">
        <v>0.104</v>
      </c>
      <c r="W1127" s="2">
        <v>12</v>
      </c>
      <c r="X1127" s="2">
        <v>50</v>
      </c>
      <c r="Y1127" s="2">
        <v>173.9</v>
      </c>
      <c r="Z1127" s="5">
        <v>10</v>
      </c>
      <c r="AA1127" s="5" t="s">
        <v>43</v>
      </c>
      <c r="AB1127" s="5" t="s">
        <v>44</v>
      </c>
      <c r="AC1127" s="2" t="s">
        <v>86948</v>
      </c>
      <c r="AD1127" s="1"/>
    </row>
    <row r="1128" spans="1:30">
      <c r="A1128" s="5" t="s">
        <v>83578</v>
      </c>
      <c r="B1128" s="2" t="s">
        <v>86967</v>
      </c>
      <c r="C1128" s="14" t="s">
        <v>86968</v>
      </c>
      <c r="D1128" s="2" t="s">
        <v>86969</v>
      </c>
      <c r="E1128" s="2" t="s">
        <v>24251</v>
      </c>
      <c r="F1128" s="8">
        <v>236</v>
      </c>
      <c r="G1128" s="5">
        <v>5</v>
      </c>
      <c r="H1128" s="5" t="s">
        <v>69</v>
      </c>
      <c r="I1128" s="5" t="s">
        <v>24629</v>
      </c>
      <c r="J1128" s="2" t="s">
        <v>24630</v>
      </c>
      <c r="K1128" s="5" t="s">
        <v>24629</v>
      </c>
      <c r="L1128" s="2" t="s">
        <v>24630</v>
      </c>
      <c r="M1128" s="5" t="s">
        <v>24254</v>
      </c>
      <c r="N1128" s="5" t="s">
        <v>38</v>
      </c>
      <c r="O1128" s="5" t="s">
        <v>39</v>
      </c>
      <c r="P1128" s="5" t="s">
        <v>40</v>
      </c>
      <c r="Q1128" s="5" t="s">
        <v>24335</v>
      </c>
      <c r="R1128" s="5" t="s">
        <v>40</v>
      </c>
      <c r="S1128" s="5" t="s">
        <v>42</v>
      </c>
      <c r="T1128" s="2">
        <v>5.875</v>
      </c>
      <c r="U1128" s="2">
        <v>4.3220000000000001</v>
      </c>
      <c r="V1128" s="2">
        <v>0.104</v>
      </c>
      <c r="W1128" s="2">
        <v>12</v>
      </c>
      <c r="X1128" s="2">
        <v>50</v>
      </c>
      <c r="Y1128" s="2">
        <v>173.9</v>
      </c>
      <c r="Z1128" s="5">
        <v>20</v>
      </c>
      <c r="AA1128" s="5" t="s">
        <v>43</v>
      </c>
      <c r="AB1128" s="5" t="s">
        <v>44</v>
      </c>
      <c r="AC1128" s="2" t="s">
        <v>27775</v>
      </c>
      <c r="AD1128" s="1"/>
    </row>
    <row r="1129" spans="1:30">
      <c r="A1129" s="5" t="s">
        <v>83578</v>
      </c>
      <c r="B1129" s="2" t="s">
        <v>86970</v>
      </c>
      <c r="C1129" s="14" t="s">
        <v>86971</v>
      </c>
      <c r="D1129" s="2" t="s">
        <v>86972</v>
      </c>
      <c r="E1129" s="2" t="s">
        <v>27717</v>
      </c>
      <c r="F1129" s="8">
        <v>532</v>
      </c>
      <c r="G1129" s="5">
        <v>10</v>
      </c>
      <c r="H1129" s="5" t="s">
        <v>69</v>
      </c>
      <c r="I1129" s="5" t="s">
        <v>27074</v>
      </c>
      <c r="J1129" s="2" t="s">
        <v>27075</v>
      </c>
      <c r="K1129" s="5" t="s">
        <v>27074</v>
      </c>
      <c r="L1129" s="2" t="s">
        <v>27075</v>
      </c>
      <c r="M1129" s="5" t="s">
        <v>24254</v>
      </c>
      <c r="N1129" s="5" t="s">
        <v>38</v>
      </c>
      <c r="O1129" s="5" t="s">
        <v>39</v>
      </c>
      <c r="P1129" s="5" t="s">
        <v>40</v>
      </c>
      <c r="Q1129" s="5" t="s">
        <v>24335</v>
      </c>
      <c r="R1129" s="5" t="s">
        <v>40</v>
      </c>
      <c r="S1129" s="5" t="s">
        <v>42</v>
      </c>
      <c r="T1129" s="2">
        <v>8.24</v>
      </c>
      <c r="U1129" s="2">
        <v>6.6289999999999996</v>
      </c>
      <c r="V1129" s="2">
        <v>0.11600000000000001</v>
      </c>
      <c r="W1129" s="2">
        <v>12</v>
      </c>
      <c r="X1129" s="2">
        <v>50</v>
      </c>
      <c r="Y1129" s="2">
        <v>193.9</v>
      </c>
      <c r="Z1129" s="5">
        <v>20</v>
      </c>
      <c r="AA1129" s="5" t="s">
        <v>43</v>
      </c>
      <c r="AB1129" s="5" t="s">
        <v>44</v>
      </c>
      <c r="AC1129" s="2" t="s">
        <v>27718</v>
      </c>
      <c r="AD1129" s="1"/>
    </row>
    <row r="1130" spans="1:30">
      <c r="A1130" s="5" t="s">
        <v>83578</v>
      </c>
      <c r="B1130" s="2" t="s">
        <v>86973</v>
      </c>
      <c r="C1130" s="14" t="s">
        <v>86974</v>
      </c>
      <c r="D1130" s="2" t="s">
        <v>86975</v>
      </c>
      <c r="E1130" s="2" t="s">
        <v>27717</v>
      </c>
      <c r="F1130" s="8">
        <v>1234</v>
      </c>
      <c r="G1130" s="5">
        <v>10</v>
      </c>
      <c r="H1130" s="5" t="s">
        <v>69</v>
      </c>
      <c r="I1130" s="5" t="s">
        <v>27074</v>
      </c>
      <c r="J1130" s="2" t="s">
        <v>27075</v>
      </c>
      <c r="K1130" s="5" t="s">
        <v>27074</v>
      </c>
      <c r="L1130" s="2" t="s">
        <v>27075</v>
      </c>
      <c r="M1130" s="5" t="s">
        <v>24254</v>
      </c>
      <c r="N1130" s="5" t="s">
        <v>38</v>
      </c>
      <c r="O1130" s="5" t="s">
        <v>39</v>
      </c>
      <c r="P1130" s="5" t="s">
        <v>40</v>
      </c>
      <c r="Q1130" s="5" t="s">
        <v>24335</v>
      </c>
      <c r="R1130" s="5" t="s">
        <v>40</v>
      </c>
      <c r="S1130" s="5" t="s">
        <v>42</v>
      </c>
      <c r="T1130" s="2">
        <v>11.986000000000001</v>
      </c>
      <c r="U1130" s="2">
        <v>8.9540000000000006</v>
      </c>
      <c r="V1130" s="2">
        <v>0.17</v>
      </c>
      <c r="W1130" s="2">
        <v>12</v>
      </c>
      <c r="X1130" s="2">
        <v>50</v>
      </c>
      <c r="Y1130" s="2">
        <v>283.89999999999998</v>
      </c>
      <c r="Z1130" s="5">
        <v>20</v>
      </c>
      <c r="AA1130" s="5" t="s">
        <v>43</v>
      </c>
      <c r="AB1130" s="5" t="s">
        <v>44</v>
      </c>
      <c r="AC1130" s="2" t="s">
        <v>27734</v>
      </c>
      <c r="AD1130" s="1"/>
    </row>
    <row r="1131" spans="1:30">
      <c r="A1131" s="5" t="s">
        <v>83578</v>
      </c>
      <c r="B1131" s="2" t="s">
        <v>86976</v>
      </c>
      <c r="C1131" s="14" t="s">
        <v>86977</v>
      </c>
      <c r="D1131" s="2" t="s">
        <v>86978</v>
      </c>
      <c r="E1131" s="2" t="s">
        <v>27717</v>
      </c>
      <c r="F1131" s="8">
        <v>505</v>
      </c>
      <c r="G1131" s="5">
        <v>10</v>
      </c>
      <c r="H1131" s="5" t="s">
        <v>69</v>
      </c>
      <c r="I1131" s="5" t="s">
        <v>27074</v>
      </c>
      <c r="J1131" s="2" t="s">
        <v>27075</v>
      </c>
      <c r="K1131" s="5" t="s">
        <v>27074</v>
      </c>
      <c r="L1131" s="2" t="s">
        <v>27075</v>
      </c>
      <c r="M1131" s="5" t="s">
        <v>24254</v>
      </c>
      <c r="N1131" s="5" t="s">
        <v>38</v>
      </c>
      <c r="O1131" s="5" t="s">
        <v>39</v>
      </c>
      <c r="P1131" s="5" t="s">
        <v>40</v>
      </c>
      <c r="Q1131" s="5" t="s">
        <v>24335</v>
      </c>
      <c r="R1131" s="5" t="s">
        <v>40</v>
      </c>
      <c r="S1131" s="5" t="s">
        <v>42</v>
      </c>
      <c r="T1131" s="2">
        <v>8.68</v>
      </c>
      <c r="U1131" s="2">
        <v>6.3540000000000001</v>
      </c>
      <c r="V1131" s="2">
        <v>0.13600000000000001</v>
      </c>
      <c r="W1131" s="2">
        <v>12</v>
      </c>
      <c r="X1131" s="2">
        <v>50</v>
      </c>
      <c r="Y1131" s="2">
        <v>227.4</v>
      </c>
      <c r="Z1131" s="5">
        <v>20</v>
      </c>
      <c r="AA1131" s="5" t="s">
        <v>43</v>
      </c>
      <c r="AB1131" s="5" t="s">
        <v>44</v>
      </c>
      <c r="AC1131" s="2" t="s">
        <v>27718</v>
      </c>
      <c r="AD1131" s="1"/>
    </row>
    <row r="1132" spans="1:30">
      <c r="A1132" s="5" t="s">
        <v>83578</v>
      </c>
      <c r="B1132" s="2" t="s">
        <v>86979</v>
      </c>
      <c r="C1132" s="14" t="s">
        <v>86980</v>
      </c>
      <c r="D1132" s="2" t="s">
        <v>86981</v>
      </c>
      <c r="E1132" s="2" t="s">
        <v>27717</v>
      </c>
      <c r="F1132" s="8">
        <v>532</v>
      </c>
      <c r="G1132" s="5">
        <v>10</v>
      </c>
      <c r="H1132" s="5" t="s">
        <v>69</v>
      </c>
      <c r="I1132" s="5" t="s">
        <v>27074</v>
      </c>
      <c r="J1132" s="2" t="s">
        <v>27075</v>
      </c>
      <c r="K1132" s="5" t="s">
        <v>27074</v>
      </c>
      <c r="L1132" s="2" t="s">
        <v>27075</v>
      </c>
      <c r="M1132" s="5" t="s">
        <v>24254</v>
      </c>
      <c r="N1132" s="5" t="s">
        <v>38</v>
      </c>
      <c r="O1132" s="5" t="s">
        <v>39</v>
      </c>
      <c r="P1132" s="5" t="s">
        <v>40</v>
      </c>
      <c r="Q1132" s="5" t="s">
        <v>24335</v>
      </c>
      <c r="R1132" s="5" t="s">
        <v>40</v>
      </c>
      <c r="S1132" s="5" t="s">
        <v>42</v>
      </c>
      <c r="T1132" s="2">
        <v>8.99</v>
      </c>
      <c r="U1132" s="2">
        <v>6.6639999999999997</v>
      </c>
      <c r="V1132" s="2">
        <v>0.13600000000000001</v>
      </c>
      <c r="W1132" s="2">
        <v>12</v>
      </c>
      <c r="X1132" s="2">
        <v>50</v>
      </c>
      <c r="Y1132" s="2">
        <v>227.4</v>
      </c>
      <c r="Z1132" s="5">
        <v>20</v>
      </c>
      <c r="AA1132" s="5" t="s">
        <v>43</v>
      </c>
      <c r="AB1132" s="5" t="s">
        <v>44</v>
      </c>
      <c r="AC1132" s="2" t="s">
        <v>27718</v>
      </c>
      <c r="AD1132" s="1"/>
    </row>
    <row r="1133" spans="1:30">
      <c r="A1133" s="5" t="s">
        <v>83578</v>
      </c>
      <c r="B1133" s="2" t="s">
        <v>86982</v>
      </c>
      <c r="C1133" s="14" t="s">
        <v>86983</v>
      </c>
      <c r="D1133" s="2" t="s">
        <v>86984</v>
      </c>
      <c r="E1133" s="2" t="s">
        <v>24251</v>
      </c>
      <c r="F1133" s="8">
        <v>250</v>
      </c>
      <c r="G1133" s="5">
        <v>5</v>
      </c>
      <c r="H1133" s="5" t="s">
        <v>69</v>
      </c>
      <c r="I1133" s="5" t="s">
        <v>24629</v>
      </c>
      <c r="J1133" s="2" t="s">
        <v>24630</v>
      </c>
      <c r="K1133" s="5" t="s">
        <v>24629</v>
      </c>
      <c r="L1133" s="2" t="s">
        <v>24630</v>
      </c>
      <c r="M1133" s="5" t="s">
        <v>24254</v>
      </c>
      <c r="N1133" s="5" t="s">
        <v>38</v>
      </c>
      <c r="O1133" s="5" t="s">
        <v>39</v>
      </c>
      <c r="P1133" s="5" t="s">
        <v>40</v>
      </c>
      <c r="Q1133" s="5" t="s">
        <v>24335</v>
      </c>
      <c r="R1133" s="5" t="s">
        <v>40</v>
      </c>
      <c r="S1133" s="5" t="s">
        <v>42</v>
      </c>
      <c r="T1133" s="2">
        <v>6.0339999999999998</v>
      </c>
      <c r="U1133" s="2">
        <v>4.4809999999999999</v>
      </c>
      <c r="V1133" s="2">
        <v>0.104</v>
      </c>
      <c r="W1133" s="2">
        <v>12</v>
      </c>
      <c r="X1133" s="2">
        <v>50</v>
      </c>
      <c r="Y1133" s="2">
        <v>173.9</v>
      </c>
      <c r="Z1133" s="5">
        <v>20</v>
      </c>
      <c r="AA1133" s="5" t="s">
        <v>43</v>
      </c>
      <c r="AB1133" s="5" t="s">
        <v>44</v>
      </c>
      <c r="AC1133" s="2" t="s">
        <v>27775</v>
      </c>
      <c r="AD1133" s="1"/>
    </row>
    <row r="1134" spans="1:30">
      <c r="A1134" s="5" t="s">
        <v>83578</v>
      </c>
      <c r="B1134" s="2" t="s">
        <v>86985</v>
      </c>
      <c r="C1134" s="14" t="s">
        <v>86986</v>
      </c>
      <c r="D1134" s="2" t="s">
        <v>86987</v>
      </c>
      <c r="E1134" s="2" t="s">
        <v>27717</v>
      </c>
      <c r="F1134" s="8">
        <v>563</v>
      </c>
      <c r="G1134" s="5">
        <v>10</v>
      </c>
      <c r="H1134" s="5" t="s">
        <v>69</v>
      </c>
      <c r="I1134" s="5" t="s">
        <v>27074</v>
      </c>
      <c r="J1134" s="2" t="s">
        <v>27075</v>
      </c>
      <c r="K1134" s="5" t="s">
        <v>27074</v>
      </c>
      <c r="L1134" s="2" t="s">
        <v>27075</v>
      </c>
      <c r="M1134" s="5" t="s">
        <v>24254</v>
      </c>
      <c r="N1134" s="5" t="s">
        <v>38</v>
      </c>
      <c r="O1134" s="5" t="s">
        <v>39</v>
      </c>
      <c r="P1134" s="5" t="s">
        <v>40</v>
      </c>
      <c r="Q1134" s="5" t="s">
        <v>24335</v>
      </c>
      <c r="R1134" s="5" t="s">
        <v>40</v>
      </c>
      <c r="S1134" s="5" t="s">
        <v>42</v>
      </c>
      <c r="T1134" s="2">
        <v>9.2789999999999999</v>
      </c>
      <c r="U1134" s="2">
        <v>6.9530000000000003</v>
      </c>
      <c r="V1134" s="2">
        <v>0.13600000000000001</v>
      </c>
      <c r="W1134" s="2">
        <v>12</v>
      </c>
      <c r="X1134" s="2">
        <v>50</v>
      </c>
      <c r="Y1134" s="2">
        <v>227.4</v>
      </c>
      <c r="Z1134" s="5">
        <v>20</v>
      </c>
      <c r="AA1134" s="5" t="s">
        <v>43</v>
      </c>
      <c r="AB1134" s="5" t="s">
        <v>44</v>
      </c>
      <c r="AC1134" s="2" t="s">
        <v>27718</v>
      </c>
      <c r="AD1134" s="1"/>
    </row>
    <row r="1135" spans="1:30">
      <c r="A1135" s="5" t="s">
        <v>83578</v>
      </c>
      <c r="B1135" s="2" t="s">
        <v>86988</v>
      </c>
      <c r="C1135" s="14" t="s">
        <v>86989</v>
      </c>
      <c r="D1135" s="2" t="s">
        <v>86990</v>
      </c>
      <c r="E1135" s="2" t="s">
        <v>24251</v>
      </c>
      <c r="F1135" s="8">
        <v>236</v>
      </c>
      <c r="G1135" s="5">
        <v>5</v>
      </c>
      <c r="H1135" s="5" t="s">
        <v>69</v>
      </c>
      <c r="I1135" s="5" t="s">
        <v>24629</v>
      </c>
      <c r="J1135" s="2" t="s">
        <v>24630</v>
      </c>
      <c r="K1135" s="5" t="s">
        <v>24629</v>
      </c>
      <c r="L1135" s="2" t="s">
        <v>24630</v>
      </c>
      <c r="M1135" s="5" t="s">
        <v>24254</v>
      </c>
      <c r="N1135" s="5" t="s">
        <v>38</v>
      </c>
      <c r="O1135" s="5" t="s">
        <v>39</v>
      </c>
      <c r="P1135" s="5" t="s">
        <v>40</v>
      </c>
      <c r="Q1135" s="5" t="s">
        <v>24335</v>
      </c>
      <c r="R1135" s="5" t="s">
        <v>40</v>
      </c>
      <c r="S1135" s="5" t="s">
        <v>42</v>
      </c>
      <c r="T1135" s="2">
        <v>5.8079999999999998</v>
      </c>
      <c r="U1135" s="2">
        <v>4.2549999999999999</v>
      </c>
      <c r="V1135" s="2">
        <v>0.104</v>
      </c>
      <c r="W1135" s="2">
        <v>12</v>
      </c>
      <c r="X1135" s="2">
        <v>50</v>
      </c>
      <c r="Y1135" s="2">
        <v>173.9</v>
      </c>
      <c r="Z1135" s="5">
        <v>20</v>
      </c>
      <c r="AA1135" s="5" t="s">
        <v>43</v>
      </c>
      <c r="AB1135" s="5" t="s">
        <v>44</v>
      </c>
      <c r="AC1135" s="2" t="s">
        <v>27775</v>
      </c>
      <c r="AD1135" s="1"/>
    </row>
    <row r="1136" spans="1:30">
      <c r="A1136" s="5" t="s">
        <v>83578</v>
      </c>
      <c r="B1136" s="2" t="s">
        <v>86991</v>
      </c>
      <c r="C1136" s="14" t="s">
        <v>86992</v>
      </c>
      <c r="D1136" s="2" t="s">
        <v>86993</v>
      </c>
      <c r="E1136" s="2" t="s">
        <v>27717</v>
      </c>
      <c r="F1136" s="8">
        <v>532</v>
      </c>
      <c r="G1136" s="5">
        <v>10</v>
      </c>
      <c r="H1136" s="5" t="s">
        <v>69</v>
      </c>
      <c r="I1136" s="5" t="s">
        <v>27074</v>
      </c>
      <c r="J1136" s="2" t="s">
        <v>27075</v>
      </c>
      <c r="K1136" s="5" t="s">
        <v>27074</v>
      </c>
      <c r="L1136" s="2" t="s">
        <v>27075</v>
      </c>
      <c r="M1136" s="5" t="s">
        <v>24254</v>
      </c>
      <c r="N1136" s="5" t="s">
        <v>38</v>
      </c>
      <c r="O1136" s="5" t="s">
        <v>39</v>
      </c>
      <c r="P1136" s="5" t="s">
        <v>40</v>
      </c>
      <c r="Q1136" s="5" t="s">
        <v>24335</v>
      </c>
      <c r="R1136" s="5" t="s">
        <v>40</v>
      </c>
      <c r="S1136" s="5" t="s">
        <v>42</v>
      </c>
      <c r="T1136" s="2">
        <v>9.6989999999999998</v>
      </c>
      <c r="U1136" s="2">
        <v>6.7539999999999996</v>
      </c>
      <c r="V1136" s="2">
        <v>7.5999999999999998E-2</v>
      </c>
      <c r="W1136" s="2">
        <v>12</v>
      </c>
      <c r="X1136" s="2">
        <v>50</v>
      </c>
      <c r="Y1136" s="2">
        <v>271.89999999999998</v>
      </c>
      <c r="Z1136" s="5">
        <v>20</v>
      </c>
      <c r="AA1136" s="5" t="s">
        <v>43</v>
      </c>
      <c r="AB1136" s="5" t="s">
        <v>44</v>
      </c>
      <c r="AC1136" s="2" t="s">
        <v>27718</v>
      </c>
      <c r="AD1136" s="1"/>
    </row>
    <row r="1137" spans="1:30">
      <c r="A1137" s="5" t="s">
        <v>83578</v>
      </c>
      <c r="B1137" s="2" t="s">
        <v>86994</v>
      </c>
      <c r="C1137" s="14" t="s">
        <v>86995</v>
      </c>
      <c r="D1137" s="2" t="s">
        <v>86996</v>
      </c>
      <c r="E1137" s="2" t="s">
        <v>24251</v>
      </c>
      <c r="F1137" s="8">
        <v>242</v>
      </c>
      <c r="G1137" s="5">
        <v>5</v>
      </c>
      <c r="H1137" s="5" t="s">
        <v>69</v>
      </c>
      <c r="I1137" s="5" t="s">
        <v>24629</v>
      </c>
      <c r="J1137" s="2" t="s">
        <v>24630</v>
      </c>
      <c r="K1137" s="5" t="s">
        <v>24629</v>
      </c>
      <c r="L1137" s="2" t="s">
        <v>24630</v>
      </c>
      <c r="M1137" s="5" t="s">
        <v>24254</v>
      </c>
      <c r="N1137" s="5" t="s">
        <v>38</v>
      </c>
      <c r="O1137" s="5" t="s">
        <v>39</v>
      </c>
      <c r="P1137" s="5" t="s">
        <v>40</v>
      </c>
      <c r="Q1137" s="5" t="s">
        <v>24335</v>
      </c>
      <c r="R1137" s="5" t="s">
        <v>40</v>
      </c>
      <c r="S1137" s="5" t="s">
        <v>42</v>
      </c>
      <c r="T1137" s="2">
        <v>6.0279999999999996</v>
      </c>
      <c r="U1137" s="2">
        <v>4.4749999999999996</v>
      </c>
      <c r="V1137" s="2">
        <v>0.104</v>
      </c>
      <c r="W1137" s="2">
        <v>12</v>
      </c>
      <c r="X1137" s="2">
        <v>50</v>
      </c>
      <c r="Y1137" s="2">
        <v>173.9</v>
      </c>
      <c r="Z1137" s="5">
        <v>20</v>
      </c>
      <c r="AA1137" s="5" t="s">
        <v>43</v>
      </c>
      <c r="AB1137" s="5" t="s">
        <v>44</v>
      </c>
      <c r="AC1137" s="2" t="s">
        <v>27775</v>
      </c>
      <c r="AD1137" s="1"/>
    </row>
    <row r="1138" spans="1:30">
      <c r="A1138" s="5" t="s">
        <v>83578</v>
      </c>
      <c r="B1138" s="2" t="s">
        <v>86997</v>
      </c>
      <c r="C1138" s="14" t="s">
        <v>86998</v>
      </c>
      <c r="D1138" s="2" t="s">
        <v>86999</v>
      </c>
      <c r="E1138" s="2" t="s">
        <v>27717</v>
      </c>
      <c r="F1138" s="8">
        <v>545</v>
      </c>
      <c r="G1138" s="5">
        <v>10</v>
      </c>
      <c r="H1138" s="5" t="s">
        <v>69</v>
      </c>
      <c r="I1138" s="5" t="s">
        <v>27074</v>
      </c>
      <c r="J1138" s="2" t="s">
        <v>27075</v>
      </c>
      <c r="K1138" s="5" t="s">
        <v>27074</v>
      </c>
      <c r="L1138" s="2" t="s">
        <v>27075</v>
      </c>
      <c r="M1138" s="5" t="s">
        <v>24254</v>
      </c>
      <c r="N1138" s="5" t="s">
        <v>38</v>
      </c>
      <c r="O1138" s="5" t="s">
        <v>39</v>
      </c>
      <c r="P1138" s="5" t="s">
        <v>40</v>
      </c>
      <c r="Q1138" s="5" t="s">
        <v>24335</v>
      </c>
      <c r="R1138" s="5" t="s">
        <v>40</v>
      </c>
      <c r="S1138" s="5" t="s">
        <v>42</v>
      </c>
      <c r="T1138" s="2">
        <v>10.009</v>
      </c>
      <c r="U1138" s="2">
        <v>7.0640000000000001</v>
      </c>
      <c r="V1138" s="2">
        <v>7.5999999999999998E-2</v>
      </c>
      <c r="W1138" s="2">
        <v>12</v>
      </c>
      <c r="X1138" s="2">
        <v>50</v>
      </c>
      <c r="Y1138" s="2">
        <v>271.89999999999998</v>
      </c>
      <c r="Z1138" s="5">
        <v>20</v>
      </c>
      <c r="AA1138" s="5" t="s">
        <v>43</v>
      </c>
      <c r="AB1138" s="5" t="s">
        <v>44</v>
      </c>
      <c r="AC1138" s="2" t="s">
        <v>27718</v>
      </c>
      <c r="AD1138" s="1"/>
    </row>
    <row r="1139" spans="1:30">
      <c r="A1139" s="5" t="s">
        <v>83578</v>
      </c>
      <c r="B1139" s="2" t="s">
        <v>87000</v>
      </c>
      <c r="C1139" s="14" t="s">
        <v>87001</v>
      </c>
      <c r="D1139" s="2" t="s">
        <v>87002</v>
      </c>
      <c r="E1139" s="2" t="s">
        <v>24251</v>
      </c>
      <c r="F1139" s="8">
        <v>268</v>
      </c>
      <c r="G1139" s="5">
        <v>5</v>
      </c>
      <c r="H1139" s="5" t="s">
        <v>69</v>
      </c>
      <c r="I1139" s="5" t="s">
        <v>24629</v>
      </c>
      <c r="J1139" s="2" t="s">
        <v>24630</v>
      </c>
      <c r="K1139" s="5" t="s">
        <v>24629</v>
      </c>
      <c r="L1139" s="2" t="s">
        <v>24630</v>
      </c>
      <c r="M1139" s="5" t="s">
        <v>24254</v>
      </c>
      <c r="N1139" s="5" t="s">
        <v>38</v>
      </c>
      <c r="O1139" s="5" t="s">
        <v>39</v>
      </c>
      <c r="P1139" s="5" t="s">
        <v>40</v>
      </c>
      <c r="Q1139" s="5" t="s">
        <v>24335</v>
      </c>
      <c r="R1139" s="5" t="s">
        <v>40</v>
      </c>
      <c r="S1139" s="5" t="s">
        <v>42</v>
      </c>
      <c r="T1139" s="2">
        <v>6.2320000000000002</v>
      </c>
      <c r="U1139" s="2">
        <v>4.6790000000000003</v>
      </c>
      <c r="V1139" s="2">
        <v>0.104</v>
      </c>
      <c r="W1139" s="2">
        <v>12</v>
      </c>
      <c r="X1139" s="2">
        <v>50</v>
      </c>
      <c r="Y1139" s="2">
        <v>173.9</v>
      </c>
      <c r="Z1139" s="5">
        <v>20</v>
      </c>
      <c r="AA1139" s="5" t="s">
        <v>43</v>
      </c>
      <c r="AB1139" s="5" t="s">
        <v>44</v>
      </c>
      <c r="AC1139" s="2" t="s">
        <v>27775</v>
      </c>
      <c r="AD1139" s="1"/>
    </row>
    <row r="1140" spans="1:30">
      <c r="A1140" s="5" t="s">
        <v>83578</v>
      </c>
      <c r="B1140" s="2" t="s">
        <v>87003</v>
      </c>
      <c r="C1140" s="14" t="s">
        <v>87004</v>
      </c>
      <c r="D1140" s="2" t="s">
        <v>87005</v>
      </c>
      <c r="E1140" s="2" t="s">
        <v>24251</v>
      </c>
      <c r="F1140" s="8">
        <v>256</v>
      </c>
      <c r="G1140" s="5">
        <v>5</v>
      </c>
      <c r="H1140" s="5" t="s">
        <v>69</v>
      </c>
      <c r="I1140" s="5" t="s">
        <v>24629</v>
      </c>
      <c r="J1140" s="2" t="s">
        <v>24630</v>
      </c>
      <c r="K1140" s="5" t="s">
        <v>24629</v>
      </c>
      <c r="L1140" s="2" t="s">
        <v>24630</v>
      </c>
      <c r="M1140" s="5" t="s">
        <v>24254</v>
      </c>
      <c r="N1140" s="5" t="s">
        <v>38</v>
      </c>
      <c r="O1140" s="5" t="s">
        <v>39</v>
      </c>
      <c r="P1140" s="5" t="s">
        <v>40</v>
      </c>
      <c r="Q1140" s="5" t="s">
        <v>24335</v>
      </c>
      <c r="R1140" s="5" t="s">
        <v>40</v>
      </c>
      <c r="S1140" s="5" t="s">
        <v>42</v>
      </c>
      <c r="T1140" s="2">
        <v>6.3780000000000001</v>
      </c>
      <c r="U1140" s="2">
        <v>4.6749999999999998</v>
      </c>
      <c r="V1140" s="2">
        <v>0.104</v>
      </c>
      <c r="W1140" s="2">
        <v>12</v>
      </c>
      <c r="X1140" s="2">
        <v>50</v>
      </c>
      <c r="Y1140" s="2">
        <v>173.9</v>
      </c>
      <c r="Z1140" s="5">
        <v>20</v>
      </c>
      <c r="AA1140" s="5" t="s">
        <v>43</v>
      </c>
      <c r="AB1140" s="5" t="s">
        <v>44</v>
      </c>
      <c r="AC1140" s="2" t="s">
        <v>27775</v>
      </c>
      <c r="AD1140" s="1"/>
    </row>
    <row r="1141" spans="1:30">
      <c r="A1141" s="5" t="s">
        <v>83578</v>
      </c>
      <c r="B1141" s="2" t="s">
        <v>87006</v>
      </c>
      <c r="C1141" s="14" t="s">
        <v>87007</v>
      </c>
      <c r="D1141" s="2" t="s">
        <v>87008</v>
      </c>
      <c r="E1141" s="2" t="s">
        <v>27717</v>
      </c>
      <c r="F1141" s="8">
        <v>576</v>
      </c>
      <c r="G1141" s="5">
        <v>10</v>
      </c>
      <c r="H1141" s="5" t="s">
        <v>69</v>
      </c>
      <c r="I1141" s="5" t="s">
        <v>27074</v>
      </c>
      <c r="J1141" s="2" t="s">
        <v>27075</v>
      </c>
      <c r="K1141" s="5" t="s">
        <v>27074</v>
      </c>
      <c r="L1141" s="2" t="s">
        <v>27075</v>
      </c>
      <c r="M1141" s="5" t="s">
        <v>24254</v>
      </c>
      <c r="N1141" s="5" t="s">
        <v>38</v>
      </c>
      <c r="O1141" s="5" t="s">
        <v>39</v>
      </c>
      <c r="P1141" s="5" t="s">
        <v>40</v>
      </c>
      <c r="Q1141" s="5" t="s">
        <v>24335</v>
      </c>
      <c r="R1141" s="5" t="s">
        <v>40</v>
      </c>
      <c r="S1141" s="5" t="s">
        <v>42</v>
      </c>
      <c r="T1141" s="2">
        <v>10.717000000000001</v>
      </c>
      <c r="U1141" s="2">
        <v>7.4660000000000002</v>
      </c>
      <c r="V1141" s="2">
        <v>8.3000000000000004E-2</v>
      </c>
      <c r="W1141" s="2">
        <v>12</v>
      </c>
      <c r="X1141" s="2">
        <v>50</v>
      </c>
      <c r="Y1141" s="2">
        <v>312.39999999999998</v>
      </c>
      <c r="Z1141" s="5">
        <v>20</v>
      </c>
      <c r="AA1141" s="5" t="s">
        <v>43</v>
      </c>
      <c r="AB1141" s="5" t="s">
        <v>44</v>
      </c>
      <c r="AC1141" s="2" t="s">
        <v>27718</v>
      </c>
      <c r="AD1141" s="1"/>
    </row>
    <row r="1142" spans="1:30">
      <c r="A1142" s="5" t="s">
        <v>83578</v>
      </c>
      <c r="B1142" s="2" t="s">
        <v>87009</v>
      </c>
      <c r="C1142" s="14" t="s">
        <v>87010</v>
      </c>
      <c r="D1142" s="2" t="s">
        <v>87011</v>
      </c>
      <c r="E1142" s="2"/>
      <c r="F1142" s="8">
        <v>149</v>
      </c>
      <c r="G1142" s="5">
        <v>5</v>
      </c>
      <c r="H1142" s="5" t="s">
        <v>69</v>
      </c>
      <c r="I1142" s="5" t="s">
        <v>27074</v>
      </c>
      <c r="J1142" s="2" t="s">
        <v>27075</v>
      </c>
      <c r="K1142" s="5" t="s">
        <v>27074</v>
      </c>
      <c r="L1142" s="2" t="s">
        <v>27075</v>
      </c>
      <c r="M1142" s="5" t="s">
        <v>24254</v>
      </c>
      <c r="N1142" s="5" t="s">
        <v>38</v>
      </c>
      <c r="O1142" s="5" t="s">
        <v>39</v>
      </c>
      <c r="P1142" s="5" t="s">
        <v>40</v>
      </c>
      <c r="Q1142" s="5" t="s">
        <v>24335</v>
      </c>
      <c r="R1142" s="5" t="s">
        <v>40</v>
      </c>
      <c r="S1142" s="5" t="s">
        <v>42</v>
      </c>
      <c r="T1142" s="2">
        <v>5.641</v>
      </c>
      <c r="U1142" s="2">
        <v>3.327</v>
      </c>
      <c r="V1142" s="2">
        <v>0.11899999999999999</v>
      </c>
      <c r="W1142" s="2">
        <v>12</v>
      </c>
      <c r="X1142" s="2">
        <v>62</v>
      </c>
      <c r="Y1142" s="2">
        <v>159.9</v>
      </c>
      <c r="Z1142" s="5">
        <v>10</v>
      </c>
      <c r="AA1142" s="5" t="s">
        <v>43</v>
      </c>
      <c r="AB1142" s="5" t="s">
        <v>44</v>
      </c>
      <c r="AC1142" s="2" t="s">
        <v>28319</v>
      </c>
      <c r="AD1142" s="1"/>
    </row>
    <row r="1143" spans="1:30">
      <c r="A1143" s="5" t="s">
        <v>83578</v>
      </c>
      <c r="B1143" s="2" t="s">
        <v>87012</v>
      </c>
      <c r="C1143" s="14" t="s">
        <v>87013</v>
      </c>
      <c r="D1143" s="2" t="s">
        <v>87014</v>
      </c>
      <c r="E1143" s="2"/>
      <c r="F1143" s="8">
        <v>149</v>
      </c>
      <c r="G1143" s="5">
        <v>5</v>
      </c>
      <c r="H1143" s="5" t="s">
        <v>69</v>
      </c>
      <c r="I1143" s="5" t="s">
        <v>27074</v>
      </c>
      <c r="J1143" s="2" t="s">
        <v>27075</v>
      </c>
      <c r="K1143" s="5" t="s">
        <v>27074</v>
      </c>
      <c r="L1143" s="2" t="s">
        <v>27075</v>
      </c>
      <c r="M1143" s="5" t="s">
        <v>24254</v>
      </c>
      <c r="N1143" s="5" t="s">
        <v>38</v>
      </c>
      <c r="O1143" s="5" t="s">
        <v>39</v>
      </c>
      <c r="P1143" s="5" t="s">
        <v>40</v>
      </c>
      <c r="Q1143" s="5" t="s">
        <v>24335</v>
      </c>
      <c r="R1143" s="5" t="s">
        <v>40</v>
      </c>
      <c r="S1143" s="5" t="s">
        <v>42</v>
      </c>
      <c r="T1143" s="2">
        <v>5.8689999999999998</v>
      </c>
      <c r="U1143" s="2">
        <v>3.5550000000000002</v>
      </c>
      <c r="V1143" s="2">
        <v>0.11899999999999999</v>
      </c>
      <c r="W1143" s="2">
        <v>12</v>
      </c>
      <c r="X1143" s="2">
        <v>62</v>
      </c>
      <c r="Y1143" s="2">
        <v>159.9</v>
      </c>
      <c r="Z1143" s="5">
        <v>10</v>
      </c>
      <c r="AA1143" s="5" t="s">
        <v>43</v>
      </c>
      <c r="AB1143" s="5" t="s">
        <v>44</v>
      </c>
      <c r="AC1143" s="2" t="s">
        <v>28282</v>
      </c>
      <c r="AD1143" s="1"/>
    </row>
    <row r="1144" spans="1:30">
      <c r="A1144" s="5" t="s">
        <v>83578</v>
      </c>
      <c r="B1144" s="2" t="s">
        <v>87015</v>
      </c>
      <c r="C1144" s="14" t="s">
        <v>87016</v>
      </c>
      <c r="D1144" s="2" t="s">
        <v>87017</v>
      </c>
      <c r="E1144" s="2"/>
      <c r="F1144" s="8">
        <v>149</v>
      </c>
      <c r="G1144" s="5">
        <v>5</v>
      </c>
      <c r="H1144" s="5" t="s">
        <v>69</v>
      </c>
      <c r="I1144" s="5" t="s">
        <v>27074</v>
      </c>
      <c r="J1144" s="2" t="s">
        <v>27075</v>
      </c>
      <c r="K1144" s="5" t="s">
        <v>27074</v>
      </c>
      <c r="L1144" s="2" t="s">
        <v>27075</v>
      </c>
      <c r="M1144" s="5" t="s">
        <v>24254</v>
      </c>
      <c r="N1144" s="5" t="s">
        <v>38</v>
      </c>
      <c r="O1144" s="5" t="s">
        <v>39</v>
      </c>
      <c r="P1144" s="5" t="s">
        <v>40</v>
      </c>
      <c r="Q1144" s="5" t="s">
        <v>24335</v>
      </c>
      <c r="R1144" s="5" t="s">
        <v>40</v>
      </c>
      <c r="S1144" s="5" t="s">
        <v>42</v>
      </c>
      <c r="T1144" s="2">
        <v>4.9749999999999996</v>
      </c>
      <c r="U1144" s="2">
        <v>2.661</v>
      </c>
      <c r="V1144" s="2">
        <v>0.11899999999999999</v>
      </c>
      <c r="W1144" s="2">
        <v>12</v>
      </c>
      <c r="X1144" s="2">
        <v>62</v>
      </c>
      <c r="Y1144" s="2">
        <v>159.9</v>
      </c>
      <c r="Z1144" s="5">
        <v>10</v>
      </c>
      <c r="AA1144" s="5" t="s">
        <v>43</v>
      </c>
      <c r="AB1144" s="5" t="s">
        <v>44</v>
      </c>
      <c r="AC1144" s="2" t="s">
        <v>28245</v>
      </c>
      <c r="AD1144" s="1"/>
    </row>
    <row r="1145" spans="1:30">
      <c r="A1145" s="5" t="s">
        <v>83578</v>
      </c>
      <c r="B1145" s="2" t="s">
        <v>87018</v>
      </c>
      <c r="C1145" s="14" t="s">
        <v>87019</v>
      </c>
      <c r="D1145" s="2" t="s">
        <v>87020</v>
      </c>
      <c r="E1145" s="2"/>
      <c r="F1145" s="8">
        <v>149</v>
      </c>
      <c r="G1145" s="5">
        <v>5</v>
      </c>
      <c r="H1145" s="5" t="s">
        <v>69</v>
      </c>
      <c r="I1145" s="5" t="s">
        <v>27074</v>
      </c>
      <c r="J1145" s="2" t="s">
        <v>27075</v>
      </c>
      <c r="K1145" s="5" t="s">
        <v>27074</v>
      </c>
      <c r="L1145" s="2" t="s">
        <v>27075</v>
      </c>
      <c r="M1145" s="5" t="s">
        <v>24254</v>
      </c>
      <c r="N1145" s="5" t="s">
        <v>38</v>
      </c>
      <c r="O1145" s="5" t="s">
        <v>39</v>
      </c>
      <c r="P1145" s="5" t="s">
        <v>40</v>
      </c>
      <c r="Q1145" s="5" t="s">
        <v>24335</v>
      </c>
      <c r="R1145" s="5" t="s">
        <v>40</v>
      </c>
      <c r="S1145" s="5" t="s">
        <v>42</v>
      </c>
      <c r="T1145" s="2">
        <v>5.21</v>
      </c>
      <c r="U1145" s="2">
        <v>2.8959999999999999</v>
      </c>
      <c r="V1145" s="2">
        <v>0.11899999999999999</v>
      </c>
      <c r="W1145" s="2">
        <v>12</v>
      </c>
      <c r="X1145" s="2">
        <v>62</v>
      </c>
      <c r="Y1145" s="2">
        <v>159.9</v>
      </c>
      <c r="Z1145" s="5">
        <v>10</v>
      </c>
      <c r="AA1145" s="5" t="s">
        <v>43</v>
      </c>
      <c r="AB1145" s="5" t="s">
        <v>44</v>
      </c>
      <c r="AC1145" s="2" t="s">
        <v>28249</v>
      </c>
      <c r="AD1145" s="1"/>
    </row>
    <row r="1146" spans="1:30">
      <c r="A1146" s="5" t="s">
        <v>83578</v>
      </c>
      <c r="B1146" s="2" t="s">
        <v>87021</v>
      </c>
      <c r="C1146" s="14" t="s">
        <v>87022</v>
      </c>
      <c r="D1146" s="2" t="s">
        <v>87023</v>
      </c>
      <c r="E1146" s="2"/>
      <c r="F1146" s="8">
        <v>159</v>
      </c>
      <c r="G1146" s="5">
        <v>5</v>
      </c>
      <c r="H1146" s="5" t="s">
        <v>69</v>
      </c>
      <c r="I1146" s="5" t="s">
        <v>27074</v>
      </c>
      <c r="J1146" s="2" t="s">
        <v>27075</v>
      </c>
      <c r="K1146" s="5" t="s">
        <v>27074</v>
      </c>
      <c r="L1146" s="2" t="s">
        <v>27075</v>
      </c>
      <c r="M1146" s="5" t="s">
        <v>24254</v>
      </c>
      <c r="N1146" s="5" t="s">
        <v>38</v>
      </c>
      <c r="O1146" s="5" t="s">
        <v>39</v>
      </c>
      <c r="P1146" s="5" t="s">
        <v>40</v>
      </c>
      <c r="Q1146" s="5" t="s">
        <v>24335</v>
      </c>
      <c r="R1146" s="5" t="s">
        <v>40</v>
      </c>
      <c r="S1146" s="5" t="s">
        <v>42</v>
      </c>
      <c r="T1146" s="2">
        <v>6.0810000000000004</v>
      </c>
      <c r="U1146" s="2">
        <v>3.7669999999999999</v>
      </c>
      <c r="V1146" s="2">
        <v>0.11899999999999999</v>
      </c>
      <c r="W1146" s="2">
        <v>12</v>
      </c>
      <c r="X1146" s="2">
        <v>62</v>
      </c>
      <c r="Y1146" s="2">
        <v>159.9</v>
      </c>
      <c r="Z1146" s="5">
        <v>10</v>
      </c>
      <c r="AA1146" s="5" t="s">
        <v>43</v>
      </c>
      <c r="AB1146" s="5" t="s">
        <v>44</v>
      </c>
      <c r="AC1146" s="2" t="s">
        <v>28319</v>
      </c>
      <c r="AD1146" s="1"/>
    </row>
    <row r="1147" spans="1:30">
      <c r="A1147" s="5" t="s">
        <v>83578</v>
      </c>
      <c r="B1147" s="2" t="s">
        <v>87024</v>
      </c>
      <c r="C1147" s="14" t="s">
        <v>87025</v>
      </c>
      <c r="D1147" s="2" t="s">
        <v>87026</v>
      </c>
      <c r="E1147" s="2"/>
      <c r="F1147" s="8">
        <v>159</v>
      </c>
      <c r="G1147" s="5">
        <v>5</v>
      </c>
      <c r="H1147" s="5" t="s">
        <v>69</v>
      </c>
      <c r="I1147" s="5" t="s">
        <v>27074</v>
      </c>
      <c r="J1147" s="2" t="s">
        <v>27075</v>
      </c>
      <c r="K1147" s="5" t="s">
        <v>27074</v>
      </c>
      <c r="L1147" s="2" t="s">
        <v>27075</v>
      </c>
      <c r="M1147" s="5" t="s">
        <v>24254</v>
      </c>
      <c r="N1147" s="5" t="s">
        <v>38</v>
      </c>
      <c r="O1147" s="5" t="s">
        <v>39</v>
      </c>
      <c r="P1147" s="5" t="s">
        <v>40</v>
      </c>
      <c r="Q1147" s="5" t="s">
        <v>24335</v>
      </c>
      <c r="R1147" s="5" t="s">
        <v>40</v>
      </c>
      <c r="S1147" s="5" t="s">
        <v>42</v>
      </c>
      <c r="T1147" s="2">
        <v>5.2889999999999997</v>
      </c>
      <c r="U1147" s="2">
        <v>2.9750000000000001</v>
      </c>
      <c r="V1147" s="2">
        <v>0.11899999999999999</v>
      </c>
      <c r="W1147" s="2">
        <v>12</v>
      </c>
      <c r="X1147" s="2">
        <v>62</v>
      </c>
      <c r="Y1147" s="2">
        <v>159.9</v>
      </c>
      <c r="Z1147" s="5">
        <v>10</v>
      </c>
      <c r="AA1147" s="5" t="s">
        <v>43</v>
      </c>
      <c r="AB1147" s="5" t="s">
        <v>44</v>
      </c>
      <c r="AC1147" s="2" t="s">
        <v>28245</v>
      </c>
      <c r="AD1147" s="1"/>
    </row>
    <row r="1148" spans="1:30">
      <c r="A1148" s="5" t="s">
        <v>83578</v>
      </c>
      <c r="B1148" s="2" t="s">
        <v>87027</v>
      </c>
      <c r="C1148" s="14" t="s">
        <v>87028</v>
      </c>
      <c r="D1148" s="2" t="s">
        <v>87029</v>
      </c>
      <c r="E1148" s="2"/>
      <c r="F1148" s="8">
        <v>164</v>
      </c>
      <c r="G1148" s="5">
        <v>5</v>
      </c>
      <c r="H1148" s="5" t="s">
        <v>69</v>
      </c>
      <c r="I1148" s="5" t="s">
        <v>27074</v>
      </c>
      <c r="J1148" s="2" t="s">
        <v>27075</v>
      </c>
      <c r="K1148" s="5" t="s">
        <v>27074</v>
      </c>
      <c r="L1148" s="2" t="s">
        <v>27075</v>
      </c>
      <c r="M1148" s="5" t="s">
        <v>24254</v>
      </c>
      <c r="N1148" s="5" t="s">
        <v>38</v>
      </c>
      <c r="O1148" s="5" t="s">
        <v>39</v>
      </c>
      <c r="P1148" s="5" t="s">
        <v>40</v>
      </c>
      <c r="Q1148" s="5" t="s">
        <v>24335</v>
      </c>
      <c r="R1148" s="5" t="s">
        <v>40</v>
      </c>
      <c r="S1148" s="5" t="s">
        <v>42</v>
      </c>
      <c r="T1148" s="2">
        <v>6.9470000000000001</v>
      </c>
      <c r="U1148" s="2">
        <v>4.5049999999999999</v>
      </c>
      <c r="V1148" s="2">
        <v>0.11899999999999999</v>
      </c>
      <c r="W1148" s="2">
        <v>12</v>
      </c>
      <c r="X1148" s="2">
        <v>62</v>
      </c>
      <c r="Y1148" s="2">
        <v>159.9</v>
      </c>
      <c r="Z1148" s="5">
        <v>10</v>
      </c>
      <c r="AA1148" s="5" t="s">
        <v>43</v>
      </c>
      <c r="AB1148" s="5" t="s">
        <v>44</v>
      </c>
      <c r="AC1148" s="2" t="s">
        <v>28282</v>
      </c>
      <c r="AD1148" s="1"/>
    </row>
    <row r="1149" spans="1:30">
      <c r="A1149" s="5" t="s">
        <v>83578</v>
      </c>
      <c r="B1149" s="2" t="s">
        <v>87030</v>
      </c>
      <c r="C1149" s="14" t="s">
        <v>87031</v>
      </c>
      <c r="D1149" s="2" t="s">
        <v>87032</v>
      </c>
      <c r="E1149" s="2"/>
      <c r="F1149" s="8">
        <v>164</v>
      </c>
      <c r="G1149" s="5">
        <v>5</v>
      </c>
      <c r="H1149" s="5" t="s">
        <v>69</v>
      </c>
      <c r="I1149" s="5" t="s">
        <v>27074</v>
      </c>
      <c r="J1149" s="2" t="s">
        <v>27075</v>
      </c>
      <c r="K1149" s="5" t="s">
        <v>27074</v>
      </c>
      <c r="L1149" s="2" t="s">
        <v>27075</v>
      </c>
      <c r="M1149" s="5" t="s">
        <v>24254</v>
      </c>
      <c r="N1149" s="5" t="s">
        <v>38</v>
      </c>
      <c r="O1149" s="5" t="s">
        <v>39</v>
      </c>
      <c r="P1149" s="5" t="s">
        <v>40</v>
      </c>
      <c r="Q1149" s="5" t="s">
        <v>24335</v>
      </c>
      <c r="R1149" s="5" t="s">
        <v>40</v>
      </c>
      <c r="S1149" s="5" t="s">
        <v>42</v>
      </c>
      <c r="T1149" s="2">
        <v>6.0350000000000001</v>
      </c>
      <c r="U1149" s="2">
        <v>3.593</v>
      </c>
      <c r="V1149" s="2">
        <v>0.11899999999999999</v>
      </c>
      <c r="W1149" s="2">
        <v>12</v>
      </c>
      <c r="X1149" s="2">
        <v>62</v>
      </c>
      <c r="Y1149" s="2">
        <v>159.9</v>
      </c>
      <c r="Z1149" s="5">
        <v>10</v>
      </c>
      <c r="AA1149" s="5" t="s">
        <v>43</v>
      </c>
      <c r="AB1149" s="5" t="s">
        <v>44</v>
      </c>
      <c r="AC1149" s="2" t="s">
        <v>28249</v>
      </c>
      <c r="AD1149" s="1"/>
    </row>
    <row r="1150" spans="1:30">
      <c r="A1150" s="5" t="s">
        <v>83578</v>
      </c>
      <c r="B1150" s="2" t="s">
        <v>87033</v>
      </c>
      <c r="C1150" s="14" t="s">
        <v>87034</v>
      </c>
      <c r="D1150" s="2" t="s">
        <v>87035</v>
      </c>
      <c r="E1150" s="2"/>
      <c r="F1150" s="8">
        <v>185</v>
      </c>
      <c r="G1150" s="5">
        <v>5</v>
      </c>
      <c r="H1150" s="5" t="s">
        <v>69</v>
      </c>
      <c r="I1150" s="5" t="s">
        <v>27074</v>
      </c>
      <c r="J1150" s="2" t="s">
        <v>27075</v>
      </c>
      <c r="K1150" s="5" t="s">
        <v>27074</v>
      </c>
      <c r="L1150" s="2" t="s">
        <v>27075</v>
      </c>
      <c r="M1150" s="5" t="s">
        <v>24254</v>
      </c>
      <c r="N1150" s="5" t="s">
        <v>38</v>
      </c>
      <c r="O1150" s="5" t="s">
        <v>39</v>
      </c>
      <c r="P1150" s="5" t="s">
        <v>40</v>
      </c>
      <c r="Q1150" s="5" t="s">
        <v>24335</v>
      </c>
      <c r="R1150" s="5" t="s">
        <v>40</v>
      </c>
      <c r="S1150" s="5" t="s">
        <v>42</v>
      </c>
      <c r="T1150" s="2">
        <v>7.899</v>
      </c>
      <c r="U1150" s="2">
        <v>4.9790000000000001</v>
      </c>
      <c r="V1150" s="2">
        <v>0.14899999999999999</v>
      </c>
      <c r="W1150" s="2">
        <v>12</v>
      </c>
      <c r="X1150" s="2">
        <v>62</v>
      </c>
      <c r="Y1150" s="2">
        <v>199.7</v>
      </c>
      <c r="Z1150" s="5">
        <v>10</v>
      </c>
      <c r="AA1150" s="5" t="s">
        <v>43</v>
      </c>
      <c r="AB1150" s="5" t="s">
        <v>44</v>
      </c>
      <c r="AC1150" s="2" t="s">
        <v>28319</v>
      </c>
      <c r="AD1150" s="1"/>
    </row>
    <row r="1151" spans="1:30">
      <c r="A1151" s="5" t="s">
        <v>83578</v>
      </c>
      <c r="B1151" s="2" t="s">
        <v>87036</v>
      </c>
      <c r="C1151" s="14" t="s">
        <v>87037</v>
      </c>
      <c r="D1151" s="2" t="s">
        <v>87038</v>
      </c>
      <c r="E1151" s="2"/>
      <c r="F1151" s="8">
        <v>185</v>
      </c>
      <c r="G1151" s="5">
        <v>5</v>
      </c>
      <c r="H1151" s="5" t="s">
        <v>69</v>
      </c>
      <c r="I1151" s="5" t="s">
        <v>27074</v>
      </c>
      <c r="J1151" s="2" t="s">
        <v>27075</v>
      </c>
      <c r="K1151" s="5" t="s">
        <v>27074</v>
      </c>
      <c r="L1151" s="2" t="s">
        <v>27075</v>
      </c>
      <c r="M1151" s="5" t="s">
        <v>24254</v>
      </c>
      <c r="N1151" s="5" t="s">
        <v>38</v>
      </c>
      <c r="O1151" s="5" t="s">
        <v>39</v>
      </c>
      <c r="P1151" s="5" t="s">
        <v>40</v>
      </c>
      <c r="Q1151" s="5" t="s">
        <v>24335</v>
      </c>
      <c r="R1151" s="5" t="s">
        <v>40</v>
      </c>
      <c r="S1151" s="5" t="s">
        <v>42</v>
      </c>
      <c r="T1151" s="2">
        <v>8.157</v>
      </c>
      <c r="U1151" s="2">
        <v>5.2370000000000001</v>
      </c>
      <c r="V1151" s="2">
        <v>0.14899999999999999</v>
      </c>
      <c r="W1151" s="2">
        <v>12</v>
      </c>
      <c r="X1151" s="2">
        <v>62</v>
      </c>
      <c r="Y1151" s="2">
        <v>199.7</v>
      </c>
      <c r="Z1151" s="5">
        <v>10</v>
      </c>
      <c r="AA1151" s="5" t="s">
        <v>43</v>
      </c>
      <c r="AB1151" s="5" t="s">
        <v>44</v>
      </c>
      <c r="AC1151" s="2" t="s">
        <v>28282</v>
      </c>
      <c r="AD1151" s="1"/>
    </row>
    <row r="1152" spans="1:30">
      <c r="A1152" s="5" t="s">
        <v>83578</v>
      </c>
      <c r="B1152" s="2" t="s">
        <v>87039</v>
      </c>
      <c r="C1152" s="14" t="s">
        <v>87040</v>
      </c>
      <c r="D1152" s="2" t="s">
        <v>87041</v>
      </c>
      <c r="E1152" s="2"/>
      <c r="F1152" s="8">
        <v>185</v>
      </c>
      <c r="G1152" s="5">
        <v>5</v>
      </c>
      <c r="H1152" s="5" t="s">
        <v>69</v>
      </c>
      <c r="I1152" s="5" t="s">
        <v>27074</v>
      </c>
      <c r="J1152" s="2" t="s">
        <v>27075</v>
      </c>
      <c r="K1152" s="5" t="s">
        <v>27074</v>
      </c>
      <c r="L1152" s="2" t="s">
        <v>27075</v>
      </c>
      <c r="M1152" s="5" t="s">
        <v>24254</v>
      </c>
      <c r="N1152" s="5" t="s">
        <v>38</v>
      </c>
      <c r="O1152" s="5" t="s">
        <v>39</v>
      </c>
      <c r="P1152" s="5" t="s">
        <v>40</v>
      </c>
      <c r="Q1152" s="5" t="s">
        <v>24335</v>
      </c>
      <c r="R1152" s="5" t="s">
        <v>40</v>
      </c>
      <c r="S1152" s="5" t="s">
        <v>42</v>
      </c>
      <c r="T1152" s="2">
        <v>6.52</v>
      </c>
      <c r="U1152" s="2">
        <v>3.9220000000000002</v>
      </c>
      <c r="V1152" s="2">
        <v>0.129</v>
      </c>
      <c r="W1152" s="2">
        <v>12</v>
      </c>
      <c r="X1152" s="2">
        <v>62</v>
      </c>
      <c r="Y1152" s="2">
        <v>172.9</v>
      </c>
      <c r="Z1152" s="5">
        <v>10</v>
      </c>
      <c r="AA1152" s="5" t="s">
        <v>43</v>
      </c>
      <c r="AB1152" s="5" t="s">
        <v>44</v>
      </c>
      <c r="AC1152" s="2" t="s">
        <v>28245</v>
      </c>
      <c r="AD1152" s="1"/>
    </row>
    <row r="1153" spans="1:30">
      <c r="A1153" s="5" t="s">
        <v>83578</v>
      </c>
      <c r="B1153" s="2" t="s">
        <v>87042</v>
      </c>
      <c r="C1153" s="14" t="s">
        <v>87043</v>
      </c>
      <c r="D1153" s="2" t="s">
        <v>87044</v>
      </c>
      <c r="E1153" s="2"/>
      <c r="F1153" s="8">
        <v>185</v>
      </c>
      <c r="G1153" s="5">
        <v>5</v>
      </c>
      <c r="H1153" s="5" t="s">
        <v>69</v>
      </c>
      <c r="I1153" s="5" t="s">
        <v>27074</v>
      </c>
      <c r="J1153" s="2" t="s">
        <v>27075</v>
      </c>
      <c r="K1153" s="5" t="s">
        <v>27074</v>
      </c>
      <c r="L1153" s="2" t="s">
        <v>27075</v>
      </c>
      <c r="M1153" s="5" t="s">
        <v>24254</v>
      </c>
      <c r="N1153" s="5" t="s">
        <v>38</v>
      </c>
      <c r="O1153" s="5" t="s">
        <v>39</v>
      </c>
      <c r="P1153" s="5" t="s">
        <v>40</v>
      </c>
      <c r="Q1153" s="5" t="s">
        <v>24335</v>
      </c>
      <c r="R1153" s="5" t="s">
        <v>40</v>
      </c>
      <c r="S1153" s="5" t="s">
        <v>42</v>
      </c>
      <c r="T1153" s="2">
        <v>6.7850000000000001</v>
      </c>
      <c r="U1153" s="2">
        <v>4.1870000000000003</v>
      </c>
      <c r="V1153" s="2">
        <v>0.129</v>
      </c>
      <c r="W1153" s="2">
        <v>12</v>
      </c>
      <c r="X1153" s="2">
        <v>62</v>
      </c>
      <c r="Y1153" s="2">
        <v>172.9</v>
      </c>
      <c r="Z1153" s="5">
        <v>10</v>
      </c>
      <c r="AA1153" s="5" t="s">
        <v>43</v>
      </c>
      <c r="AB1153" s="5" t="s">
        <v>44</v>
      </c>
      <c r="AC1153" s="2" t="s">
        <v>28249</v>
      </c>
      <c r="AD1153" s="1"/>
    </row>
    <row r="1154" spans="1:30">
      <c r="A1154" s="5" t="s">
        <v>83578</v>
      </c>
      <c r="B1154" s="2" t="s">
        <v>87045</v>
      </c>
      <c r="C1154" s="14" t="s">
        <v>87046</v>
      </c>
      <c r="D1154" s="2" t="s">
        <v>87047</v>
      </c>
      <c r="E1154" s="2"/>
      <c r="F1154" s="8">
        <v>221</v>
      </c>
      <c r="G1154" s="5">
        <v>5</v>
      </c>
      <c r="H1154" s="5" t="s">
        <v>69</v>
      </c>
      <c r="I1154" s="5" t="s">
        <v>27074</v>
      </c>
      <c r="J1154" s="2" t="s">
        <v>27075</v>
      </c>
      <c r="K1154" s="5" t="s">
        <v>27074</v>
      </c>
      <c r="L1154" s="2" t="s">
        <v>27075</v>
      </c>
      <c r="M1154" s="5" t="s">
        <v>24254</v>
      </c>
      <c r="N1154" s="5" t="s">
        <v>38</v>
      </c>
      <c r="O1154" s="5" t="s">
        <v>39</v>
      </c>
      <c r="P1154" s="5" t="s">
        <v>40</v>
      </c>
      <c r="Q1154" s="5" t="s">
        <v>24335</v>
      </c>
      <c r="R1154" s="5" t="s">
        <v>40</v>
      </c>
      <c r="S1154" s="5" t="s">
        <v>42</v>
      </c>
      <c r="T1154" s="2">
        <v>7.3159999999999998</v>
      </c>
      <c r="U1154" s="2">
        <v>4.718</v>
      </c>
      <c r="V1154" s="2">
        <v>0.129</v>
      </c>
      <c r="W1154" s="2">
        <v>12</v>
      </c>
      <c r="X1154" s="2">
        <v>62</v>
      </c>
      <c r="Y1154" s="2">
        <v>172.9</v>
      </c>
      <c r="Z1154" s="5">
        <v>10</v>
      </c>
      <c r="AA1154" s="5" t="s">
        <v>43</v>
      </c>
      <c r="AB1154" s="5" t="s">
        <v>44</v>
      </c>
      <c r="AC1154" s="2" t="s">
        <v>28249</v>
      </c>
      <c r="AD1154" s="1"/>
    </row>
    <row r="1155" spans="1:30">
      <c r="A1155" s="5" t="s">
        <v>83578</v>
      </c>
      <c r="B1155" s="2" t="s">
        <v>87048</v>
      </c>
      <c r="C1155" s="14" t="s">
        <v>87049</v>
      </c>
      <c r="D1155" s="2" t="s">
        <v>87050</v>
      </c>
      <c r="E1155" s="2"/>
      <c r="F1155" s="8">
        <v>221</v>
      </c>
      <c r="G1155" s="5">
        <v>5</v>
      </c>
      <c r="H1155" s="5" t="s">
        <v>69</v>
      </c>
      <c r="I1155" s="5" t="s">
        <v>27074</v>
      </c>
      <c r="J1155" s="2" t="s">
        <v>27075</v>
      </c>
      <c r="K1155" s="5" t="s">
        <v>27074</v>
      </c>
      <c r="L1155" s="2" t="s">
        <v>27075</v>
      </c>
      <c r="M1155" s="5" t="s">
        <v>24254</v>
      </c>
      <c r="N1155" s="5" t="s">
        <v>38</v>
      </c>
      <c r="O1155" s="5" t="s">
        <v>39</v>
      </c>
      <c r="P1155" s="5" t="s">
        <v>40</v>
      </c>
      <c r="Q1155" s="5" t="s">
        <v>24335</v>
      </c>
      <c r="R1155" s="5" t="s">
        <v>40</v>
      </c>
      <c r="S1155" s="5" t="s">
        <v>42</v>
      </c>
      <c r="T1155" s="2">
        <v>8.2210000000000001</v>
      </c>
      <c r="U1155" s="2">
        <v>5.2220000000000004</v>
      </c>
      <c r="V1155" s="2">
        <v>0.14899999999999999</v>
      </c>
      <c r="W1155" s="2">
        <v>12</v>
      </c>
      <c r="X1155" s="2">
        <v>62</v>
      </c>
      <c r="Y1155" s="2">
        <v>199.7</v>
      </c>
      <c r="Z1155" s="5">
        <v>10</v>
      </c>
      <c r="AA1155" s="5" t="s">
        <v>43</v>
      </c>
      <c r="AB1155" s="5" t="s">
        <v>44</v>
      </c>
      <c r="AC1155" s="2" t="s">
        <v>28249</v>
      </c>
      <c r="AD1155" s="1"/>
    </row>
    <row r="1156" spans="1:30">
      <c r="A1156" s="5" t="s">
        <v>83578</v>
      </c>
      <c r="B1156" s="2" t="s">
        <v>87051</v>
      </c>
      <c r="C1156" s="14" t="s">
        <v>87052</v>
      </c>
      <c r="D1156" s="2" t="s">
        <v>87053</v>
      </c>
      <c r="E1156" s="2"/>
      <c r="F1156" s="8">
        <v>210</v>
      </c>
      <c r="G1156" s="5">
        <v>5</v>
      </c>
      <c r="H1156" s="5" t="s">
        <v>69</v>
      </c>
      <c r="I1156" s="5" t="s">
        <v>27074</v>
      </c>
      <c r="J1156" s="2" t="s">
        <v>27075</v>
      </c>
      <c r="K1156" s="5" t="s">
        <v>27074</v>
      </c>
      <c r="L1156" s="2" t="s">
        <v>27075</v>
      </c>
      <c r="M1156" s="5" t="s">
        <v>24254</v>
      </c>
      <c r="N1156" s="5" t="s">
        <v>38</v>
      </c>
      <c r="O1156" s="5" t="s">
        <v>39</v>
      </c>
      <c r="P1156" s="5" t="s">
        <v>40</v>
      </c>
      <c r="Q1156" s="5" t="s">
        <v>24335</v>
      </c>
      <c r="R1156" s="5" t="s">
        <v>40</v>
      </c>
      <c r="S1156" s="5" t="s">
        <v>42</v>
      </c>
      <c r="T1156" s="2">
        <v>8.1010000000000009</v>
      </c>
      <c r="U1156" s="2">
        <v>5.181</v>
      </c>
      <c r="V1156" s="2">
        <v>0.14899999999999999</v>
      </c>
      <c r="W1156" s="2">
        <v>12</v>
      </c>
      <c r="X1156" s="2">
        <v>62</v>
      </c>
      <c r="Y1156" s="2">
        <v>199.7</v>
      </c>
      <c r="Z1156" s="5">
        <v>10</v>
      </c>
      <c r="AA1156" s="5" t="s">
        <v>43</v>
      </c>
      <c r="AB1156" s="5" t="s">
        <v>44</v>
      </c>
      <c r="AC1156" s="2" t="s">
        <v>28282</v>
      </c>
      <c r="AD1156" s="1"/>
    </row>
    <row r="1157" spans="1:30">
      <c r="A1157" s="5" t="s">
        <v>83578</v>
      </c>
      <c r="B1157" s="2" t="s">
        <v>87054</v>
      </c>
      <c r="C1157" s="14" t="s">
        <v>87055</v>
      </c>
      <c r="D1157" s="2" t="s">
        <v>87056</v>
      </c>
      <c r="E1157" s="2"/>
      <c r="F1157" s="8">
        <v>227</v>
      </c>
      <c r="G1157" s="5">
        <v>5</v>
      </c>
      <c r="H1157" s="5" t="s">
        <v>69</v>
      </c>
      <c r="I1157" s="5" t="s">
        <v>27074</v>
      </c>
      <c r="J1157" s="2" t="s">
        <v>27075</v>
      </c>
      <c r="K1157" s="5" t="s">
        <v>27074</v>
      </c>
      <c r="L1157" s="2" t="s">
        <v>27075</v>
      </c>
      <c r="M1157" s="5" t="s">
        <v>24254</v>
      </c>
      <c r="N1157" s="5" t="s">
        <v>38</v>
      </c>
      <c r="O1157" s="5" t="s">
        <v>39</v>
      </c>
      <c r="P1157" s="5" t="s">
        <v>40</v>
      </c>
      <c r="Q1157" s="5" t="s">
        <v>24335</v>
      </c>
      <c r="R1157" s="5" t="s">
        <v>40</v>
      </c>
      <c r="S1157" s="5" t="s">
        <v>42</v>
      </c>
      <c r="T1157" s="2">
        <v>8.9830000000000005</v>
      </c>
      <c r="U1157" s="2">
        <v>6.0629999999999997</v>
      </c>
      <c r="V1157" s="2">
        <v>0.14899999999999999</v>
      </c>
      <c r="W1157" s="2">
        <v>12</v>
      </c>
      <c r="X1157" s="2">
        <v>62</v>
      </c>
      <c r="Y1157" s="2">
        <v>199.7</v>
      </c>
      <c r="Z1157" s="5">
        <v>10</v>
      </c>
      <c r="AA1157" s="5" t="s">
        <v>43</v>
      </c>
      <c r="AB1157" s="5" t="s">
        <v>44</v>
      </c>
      <c r="AC1157" s="2" t="s">
        <v>28282</v>
      </c>
      <c r="AD1157" s="1"/>
    </row>
    <row r="1158" spans="1:30">
      <c r="A1158" s="5" t="s">
        <v>83578</v>
      </c>
      <c r="B1158" s="2" t="s">
        <v>87057</v>
      </c>
      <c r="C1158" s="14" t="s">
        <v>87058</v>
      </c>
      <c r="D1158" s="2" t="s">
        <v>87059</v>
      </c>
      <c r="E1158" s="2"/>
      <c r="F1158" s="8">
        <v>251</v>
      </c>
      <c r="G1158" s="5">
        <v>5</v>
      </c>
      <c r="H1158" s="5" t="s">
        <v>69</v>
      </c>
      <c r="I1158" s="5" t="s">
        <v>27074</v>
      </c>
      <c r="J1158" s="2" t="s">
        <v>27075</v>
      </c>
      <c r="K1158" s="5" t="s">
        <v>27074</v>
      </c>
      <c r="L1158" s="2" t="s">
        <v>27075</v>
      </c>
      <c r="M1158" s="5" t="s">
        <v>24254</v>
      </c>
      <c r="N1158" s="5" t="s">
        <v>38</v>
      </c>
      <c r="O1158" s="5" t="s">
        <v>39</v>
      </c>
      <c r="P1158" s="5" t="s">
        <v>40</v>
      </c>
      <c r="Q1158" s="5" t="s">
        <v>24335</v>
      </c>
      <c r="R1158" s="5" t="s">
        <v>40</v>
      </c>
      <c r="S1158" s="5" t="s">
        <v>42</v>
      </c>
      <c r="T1158" s="2">
        <v>11.244</v>
      </c>
      <c r="U1158" s="2">
        <v>9.1890000000000001</v>
      </c>
      <c r="V1158" s="2">
        <v>0.127</v>
      </c>
      <c r="W1158" s="2">
        <v>12</v>
      </c>
      <c r="X1158" s="2">
        <v>50</v>
      </c>
      <c r="Y1158" s="2">
        <v>210.9</v>
      </c>
      <c r="Z1158" s="5">
        <v>8</v>
      </c>
      <c r="AA1158" s="5" t="s">
        <v>43</v>
      </c>
      <c r="AB1158" s="5" t="s">
        <v>44</v>
      </c>
      <c r="AC1158" s="2" t="s">
        <v>28235</v>
      </c>
      <c r="AD1158" s="1"/>
    </row>
    <row r="1159" spans="1:30">
      <c r="A1159" s="5" t="s">
        <v>83578</v>
      </c>
      <c r="B1159" s="2" t="s">
        <v>87060</v>
      </c>
      <c r="C1159" s="14" t="s">
        <v>87061</v>
      </c>
      <c r="D1159" s="2" t="s">
        <v>87062</v>
      </c>
      <c r="E1159" s="2"/>
      <c r="F1159" s="8">
        <v>251</v>
      </c>
      <c r="G1159" s="5">
        <v>5</v>
      </c>
      <c r="H1159" s="5" t="s">
        <v>69</v>
      </c>
      <c r="I1159" s="5" t="s">
        <v>27074</v>
      </c>
      <c r="J1159" s="2" t="s">
        <v>27075</v>
      </c>
      <c r="K1159" s="5" t="s">
        <v>27074</v>
      </c>
      <c r="L1159" s="2" t="s">
        <v>27075</v>
      </c>
      <c r="M1159" s="5" t="s">
        <v>24254</v>
      </c>
      <c r="N1159" s="5" t="s">
        <v>38</v>
      </c>
      <c r="O1159" s="5" t="s">
        <v>39</v>
      </c>
      <c r="P1159" s="5" t="s">
        <v>40</v>
      </c>
      <c r="Q1159" s="5" t="s">
        <v>24335</v>
      </c>
      <c r="R1159" s="5" t="s">
        <v>40</v>
      </c>
      <c r="S1159" s="5" t="s">
        <v>42</v>
      </c>
      <c r="T1159" s="2">
        <v>9.4329999999999998</v>
      </c>
      <c r="U1159" s="2">
        <v>6.5129999999999999</v>
      </c>
      <c r="V1159" s="2">
        <v>0.14899999999999999</v>
      </c>
      <c r="W1159" s="2">
        <v>12</v>
      </c>
      <c r="X1159" s="2">
        <v>62</v>
      </c>
      <c r="Y1159" s="2">
        <v>199.7</v>
      </c>
      <c r="Z1159" s="5">
        <v>10</v>
      </c>
      <c r="AA1159" s="5" t="s">
        <v>43</v>
      </c>
      <c r="AB1159" s="5" t="s">
        <v>44</v>
      </c>
      <c r="AC1159" s="2" t="s">
        <v>28282</v>
      </c>
      <c r="AD1159" s="1"/>
    </row>
    <row r="1160" spans="1:30">
      <c r="A1160" s="5" t="s">
        <v>83578</v>
      </c>
      <c r="B1160" s="2" t="s">
        <v>87063</v>
      </c>
      <c r="C1160" s="14" t="s">
        <v>87064</v>
      </c>
      <c r="D1160" s="2" t="s">
        <v>87065</v>
      </c>
      <c r="E1160" s="2"/>
      <c r="F1160" s="8">
        <v>251</v>
      </c>
      <c r="G1160" s="5">
        <v>5</v>
      </c>
      <c r="H1160" s="5" t="s">
        <v>69</v>
      </c>
      <c r="I1160" s="5" t="s">
        <v>27074</v>
      </c>
      <c r="J1160" s="2" t="s">
        <v>27075</v>
      </c>
      <c r="K1160" s="5" t="s">
        <v>27074</v>
      </c>
      <c r="L1160" s="2" t="s">
        <v>27075</v>
      </c>
      <c r="M1160" s="5" t="s">
        <v>24254</v>
      </c>
      <c r="N1160" s="5" t="s">
        <v>38</v>
      </c>
      <c r="O1160" s="5" t="s">
        <v>39</v>
      </c>
      <c r="P1160" s="5" t="s">
        <v>40</v>
      </c>
      <c r="Q1160" s="5" t="s">
        <v>24335</v>
      </c>
      <c r="R1160" s="5" t="s">
        <v>40</v>
      </c>
      <c r="S1160" s="5" t="s">
        <v>42</v>
      </c>
      <c r="T1160" s="2">
        <v>8.2550000000000008</v>
      </c>
      <c r="U1160" s="2">
        <v>5.335</v>
      </c>
      <c r="V1160" s="2">
        <v>0.14899999999999999</v>
      </c>
      <c r="W1160" s="2">
        <v>12</v>
      </c>
      <c r="X1160" s="2">
        <v>62</v>
      </c>
      <c r="Y1160" s="2">
        <v>199.7</v>
      </c>
      <c r="Z1160" s="5">
        <v>10</v>
      </c>
      <c r="AA1160" s="5" t="s">
        <v>43</v>
      </c>
      <c r="AB1160" s="5" t="s">
        <v>44</v>
      </c>
      <c r="AC1160" s="2" t="s">
        <v>28249</v>
      </c>
      <c r="AD1160" s="1"/>
    </row>
    <row r="1161" spans="1:30">
      <c r="A1161" s="5" t="s">
        <v>83578</v>
      </c>
      <c r="B1161" s="2" t="s">
        <v>87066</v>
      </c>
      <c r="C1161" s="14" t="s">
        <v>87067</v>
      </c>
      <c r="D1161" s="2" t="s">
        <v>87068</v>
      </c>
      <c r="E1161" s="2"/>
      <c r="F1161" s="8">
        <v>251</v>
      </c>
      <c r="G1161" s="5">
        <v>5</v>
      </c>
      <c r="H1161" s="5" t="s">
        <v>69</v>
      </c>
      <c r="I1161" s="5" t="s">
        <v>27074</v>
      </c>
      <c r="J1161" s="2" t="s">
        <v>27075</v>
      </c>
      <c r="K1161" s="5" t="s">
        <v>27074</v>
      </c>
      <c r="L1161" s="2" t="s">
        <v>27075</v>
      </c>
      <c r="M1161" s="5" t="s">
        <v>24254</v>
      </c>
      <c r="N1161" s="5" t="s">
        <v>38</v>
      </c>
      <c r="O1161" s="5" t="s">
        <v>39</v>
      </c>
      <c r="P1161" s="5" t="s">
        <v>40</v>
      </c>
      <c r="Q1161" s="5" t="s">
        <v>24335</v>
      </c>
      <c r="R1161" s="5" t="s">
        <v>40</v>
      </c>
      <c r="S1161" s="5" t="s">
        <v>42</v>
      </c>
      <c r="T1161" s="2">
        <v>8.4060000000000006</v>
      </c>
      <c r="U1161" s="2">
        <v>5.3710000000000004</v>
      </c>
      <c r="V1161" s="2">
        <v>0.14899999999999999</v>
      </c>
      <c r="W1161" s="2">
        <v>12</v>
      </c>
      <c r="X1161" s="2">
        <v>62</v>
      </c>
      <c r="Y1161" s="2">
        <v>199.7</v>
      </c>
      <c r="Z1161" s="5">
        <v>10</v>
      </c>
      <c r="AA1161" s="5" t="s">
        <v>43</v>
      </c>
      <c r="AB1161" s="5" t="s">
        <v>44</v>
      </c>
      <c r="AC1161" s="2" t="s">
        <v>28245</v>
      </c>
      <c r="AD1161" s="1"/>
    </row>
    <row r="1162" spans="1:30">
      <c r="A1162" s="5" t="s">
        <v>83578</v>
      </c>
      <c r="B1162" s="2" t="s">
        <v>87069</v>
      </c>
      <c r="C1162" s="14" t="s">
        <v>87070</v>
      </c>
      <c r="D1162" s="2" t="s">
        <v>87071</v>
      </c>
      <c r="E1162" s="2"/>
      <c r="F1162" s="8">
        <v>221</v>
      </c>
      <c r="G1162" s="5">
        <v>5</v>
      </c>
      <c r="H1162" s="5" t="s">
        <v>69</v>
      </c>
      <c r="I1162" s="5" t="s">
        <v>27074</v>
      </c>
      <c r="J1162" s="2" t="s">
        <v>27075</v>
      </c>
      <c r="K1162" s="5" t="s">
        <v>27074</v>
      </c>
      <c r="L1162" s="2" t="s">
        <v>27075</v>
      </c>
      <c r="M1162" s="5" t="s">
        <v>24254</v>
      </c>
      <c r="N1162" s="5" t="s">
        <v>38</v>
      </c>
      <c r="O1162" s="5" t="s">
        <v>39</v>
      </c>
      <c r="P1162" s="5" t="s">
        <v>40</v>
      </c>
      <c r="Q1162" s="5" t="s">
        <v>24335</v>
      </c>
      <c r="R1162" s="5" t="s">
        <v>40</v>
      </c>
      <c r="S1162" s="5" t="s">
        <v>42</v>
      </c>
      <c r="T1162" s="2">
        <v>10.119999999999999</v>
      </c>
      <c r="U1162" s="2">
        <v>8.1929999999999996</v>
      </c>
      <c r="V1162" s="2">
        <v>0.127</v>
      </c>
      <c r="W1162" s="2">
        <v>12</v>
      </c>
      <c r="X1162" s="2">
        <v>50</v>
      </c>
      <c r="Y1162" s="2">
        <v>210.9</v>
      </c>
      <c r="Z1162" s="5">
        <v>8</v>
      </c>
      <c r="AA1162" s="5" t="s">
        <v>43</v>
      </c>
      <c r="AB1162" s="5" t="s">
        <v>44</v>
      </c>
      <c r="AC1162" s="2" t="s">
        <v>28235</v>
      </c>
      <c r="AD1162" s="1"/>
    </row>
    <row r="1163" spans="1:30">
      <c r="A1163" s="5" t="s">
        <v>83578</v>
      </c>
      <c r="B1163" s="2" t="s">
        <v>87072</v>
      </c>
      <c r="C1163" s="14" t="s">
        <v>87073</v>
      </c>
      <c r="D1163" s="2" t="s">
        <v>87074</v>
      </c>
      <c r="E1163" s="2"/>
      <c r="F1163" s="8">
        <v>221</v>
      </c>
      <c r="G1163" s="5">
        <v>5</v>
      </c>
      <c r="H1163" s="5" t="s">
        <v>69</v>
      </c>
      <c r="I1163" s="5" t="s">
        <v>27074</v>
      </c>
      <c r="J1163" s="2" t="s">
        <v>27075</v>
      </c>
      <c r="K1163" s="5" t="s">
        <v>27074</v>
      </c>
      <c r="L1163" s="2" t="s">
        <v>27075</v>
      </c>
      <c r="M1163" s="5" t="s">
        <v>24254</v>
      </c>
      <c r="N1163" s="5" t="s">
        <v>38</v>
      </c>
      <c r="O1163" s="5" t="s">
        <v>39</v>
      </c>
      <c r="P1163" s="5" t="s">
        <v>40</v>
      </c>
      <c r="Q1163" s="5" t="s">
        <v>24335</v>
      </c>
      <c r="R1163" s="5" t="s">
        <v>40</v>
      </c>
      <c r="S1163" s="5" t="s">
        <v>42</v>
      </c>
      <c r="T1163" s="2">
        <v>7.7</v>
      </c>
      <c r="U1163" s="2">
        <v>4.9080000000000004</v>
      </c>
      <c r="V1163" s="2">
        <v>0.14899999999999999</v>
      </c>
      <c r="W1163" s="2">
        <v>12</v>
      </c>
      <c r="X1163" s="2">
        <v>62</v>
      </c>
      <c r="Y1163" s="2">
        <v>199.7</v>
      </c>
      <c r="Z1163" s="5">
        <v>10</v>
      </c>
      <c r="AA1163" s="5" t="s">
        <v>43</v>
      </c>
      <c r="AB1163" s="5" t="s">
        <v>44</v>
      </c>
      <c r="AC1163" s="2" t="s">
        <v>28319</v>
      </c>
      <c r="AD1163" s="1"/>
    </row>
    <row r="1164" spans="1:30">
      <c r="A1164" s="5" t="s">
        <v>83578</v>
      </c>
      <c r="B1164" s="2" t="s">
        <v>87075</v>
      </c>
      <c r="C1164" s="14" t="s">
        <v>87076</v>
      </c>
      <c r="D1164" s="2" t="s">
        <v>87077</v>
      </c>
      <c r="E1164" s="2"/>
      <c r="F1164" s="8">
        <v>221</v>
      </c>
      <c r="G1164" s="5">
        <v>5</v>
      </c>
      <c r="H1164" s="5" t="s">
        <v>69</v>
      </c>
      <c r="I1164" s="5" t="s">
        <v>27074</v>
      </c>
      <c r="J1164" s="2" t="s">
        <v>27075</v>
      </c>
      <c r="K1164" s="5" t="s">
        <v>27074</v>
      </c>
      <c r="L1164" s="2" t="s">
        <v>27075</v>
      </c>
      <c r="M1164" s="5" t="s">
        <v>24254</v>
      </c>
      <c r="N1164" s="5" t="s">
        <v>38</v>
      </c>
      <c r="O1164" s="5" t="s">
        <v>39</v>
      </c>
      <c r="P1164" s="5" t="s">
        <v>40</v>
      </c>
      <c r="Q1164" s="5" t="s">
        <v>24335</v>
      </c>
      <c r="R1164" s="5" t="s">
        <v>40</v>
      </c>
      <c r="S1164" s="5" t="s">
        <v>42</v>
      </c>
      <c r="T1164" s="2">
        <v>6.9080000000000004</v>
      </c>
      <c r="U1164" s="2">
        <v>4.1159999999999997</v>
      </c>
      <c r="V1164" s="2">
        <v>0.14899999999999999</v>
      </c>
      <c r="W1164" s="2">
        <v>12</v>
      </c>
      <c r="X1164" s="2">
        <v>62</v>
      </c>
      <c r="Y1164" s="2">
        <v>199.7</v>
      </c>
      <c r="Z1164" s="5">
        <v>10</v>
      </c>
      <c r="AA1164" s="5" t="s">
        <v>43</v>
      </c>
      <c r="AB1164" s="5" t="s">
        <v>44</v>
      </c>
      <c r="AC1164" s="2" t="s">
        <v>28245</v>
      </c>
      <c r="AD1164" s="1"/>
    </row>
    <row r="1165" spans="1:30">
      <c r="A1165" s="5" t="s">
        <v>83578</v>
      </c>
      <c r="B1165" s="2" t="s">
        <v>87078</v>
      </c>
      <c r="C1165" s="14" t="s">
        <v>87079</v>
      </c>
      <c r="D1165" s="2" t="s">
        <v>87080</v>
      </c>
      <c r="E1165" s="2"/>
      <c r="F1165" s="8">
        <v>221</v>
      </c>
      <c r="G1165" s="5">
        <v>5</v>
      </c>
      <c r="H1165" s="5" t="s">
        <v>69</v>
      </c>
      <c r="I1165" s="5" t="s">
        <v>27074</v>
      </c>
      <c r="J1165" s="2" t="s">
        <v>27075</v>
      </c>
      <c r="K1165" s="5" t="s">
        <v>27074</v>
      </c>
      <c r="L1165" s="2" t="s">
        <v>27075</v>
      </c>
      <c r="M1165" s="5" t="s">
        <v>24254</v>
      </c>
      <c r="N1165" s="5" t="s">
        <v>38</v>
      </c>
      <c r="O1165" s="5" t="s">
        <v>39</v>
      </c>
      <c r="P1165" s="5" t="s">
        <v>40</v>
      </c>
      <c r="Q1165" s="5" t="s">
        <v>24335</v>
      </c>
      <c r="R1165" s="5" t="s">
        <v>40</v>
      </c>
      <c r="S1165" s="5" t="s">
        <v>42</v>
      </c>
      <c r="T1165" s="2">
        <v>7.2389999999999999</v>
      </c>
      <c r="U1165" s="2">
        <v>4.3120000000000003</v>
      </c>
      <c r="V1165" s="2">
        <v>0.14899999999999999</v>
      </c>
      <c r="W1165" s="2">
        <v>12</v>
      </c>
      <c r="X1165" s="2">
        <v>62</v>
      </c>
      <c r="Y1165" s="2">
        <v>199.7</v>
      </c>
      <c r="Z1165" s="5">
        <v>10</v>
      </c>
      <c r="AA1165" s="5" t="s">
        <v>43</v>
      </c>
      <c r="AB1165" s="5" t="s">
        <v>44</v>
      </c>
      <c r="AC1165" s="2" t="s">
        <v>28245</v>
      </c>
      <c r="AD1165" s="1"/>
    </row>
    <row r="1166" spans="1:30">
      <c r="A1166" s="5" t="s">
        <v>83578</v>
      </c>
      <c r="B1166" s="2" t="s">
        <v>87081</v>
      </c>
      <c r="C1166" s="14" t="s">
        <v>87082</v>
      </c>
      <c r="D1166" s="2" t="s">
        <v>87083</v>
      </c>
      <c r="E1166" s="2"/>
      <c r="F1166" s="8">
        <v>240</v>
      </c>
      <c r="G1166" s="5">
        <v>5</v>
      </c>
      <c r="H1166" s="5" t="s">
        <v>69</v>
      </c>
      <c r="I1166" s="5" t="s">
        <v>27074</v>
      </c>
      <c r="J1166" s="2" t="s">
        <v>27075</v>
      </c>
      <c r="K1166" s="5" t="s">
        <v>27074</v>
      </c>
      <c r="L1166" s="2" t="s">
        <v>27075</v>
      </c>
      <c r="M1166" s="5" t="s">
        <v>24254</v>
      </c>
      <c r="N1166" s="5" t="s">
        <v>38</v>
      </c>
      <c r="O1166" s="5" t="s">
        <v>39</v>
      </c>
      <c r="P1166" s="5" t="s">
        <v>40</v>
      </c>
      <c r="Q1166" s="5" t="s">
        <v>24335</v>
      </c>
      <c r="R1166" s="5" t="s">
        <v>40</v>
      </c>
      <c r="S1166" s="5" t="s">
        <v>42</v>
      </c>
      <c r="T1166" s="2">
        <v>11.289</v>
      </c>
      <c r="U1166" s="2">
        <v>9.234</v>
      </c>
      <c r="V1166" s="2">
        <v>0.127</v>
      </c>
      <c r="W1166" s="2">
        <v>12</v>
      </c>
      <c r="X1166" s="2">
        <v>50</v>
      </c>
      <c r="Y1166" s="2">
        <v>210.9</v>
      </c>
      <c r="Z1166" s="5">
        <v>8</v>
      </c>
      <c r="AA1166" s="5" t="s">
        <v>43</v>
      </c>
      <c r="AB1166" s="5" t="s">
        <v>44</v>
      </c>
      <c r="AC1166" s="2" t="s">
        <v>28235</v>
      </c>
      <c r="AD1166" s="1"/>
    </row>
    <row r="1167" spans="1:30">
      <c r="A1167" s="5" t="s">
        <v>83578</v>
      </c>
      <c r="B1167" s="2" t="s">
        <v>87084</v>
      </c>
      <c r="C1167" s="14" t="s">
        <v>87085</v>
      </c>
      <c r="D1167" s="2" t="s">
        <v>87086</v>
      </c>
      <c r="E1167" s="2"/>
      <c r="F1167" s="8">
        <v>240</v>
      </c>
      <c r="G1167" s="5">
        <v>5</v>
      </c>
      <c r="H1167" s="5" t="s">
        <v>69</v>
      </c>
      <c r="I1167" s="5" t="s">
        <v>27074</v>
      </c>
      <c r="J1167" s="2" t="s">
        <v>27075</v>
      </c>
      <c r="K1167" s="5" t="s">
        <v>27074</v>
      </c>
      <c r="L1167" s="2" t="s">
        <v>27075</v>
      </c>
      <c r="M1167" s="5" t="s">
        <v>24254</v>
      </c>
      <c r="N1167" s="5" t="s">
        <v>38</v>
      </c>
      <c r="O1167" s="5" t="s">
        <v>39</v>
      </c>
      <c r="P1167" s="5" t="s">
        <v>40</v>
      </c>
      <c r="Q1167" s="5" t="s">
        <v>24335</v>
      </c>
      <c r="R1167" s="5" t="s">
        <v>40</v>
      </c>
      <c r="S1167" s="5" t="s">
        <v>42</v>
      </c>
      <c r="T1167" s="2">
        <v>9.1519999999999992</v>
      </c>
      <c r="U1167" s="2">
        <v>7.3</v>
      </c>
      <c r="V1167" s="2">
        <v>0.127</v>
      </c>
      <c r="W1167" s="2">
        <v>12</v>
      </c>
      <c r="X1167" s="2">
        <v>50</v>
      </c>
      <c r="Y1167" s="2">
        <v>210.9</v>
      </c>
      <c r="Z1167" s="5">
        <v>8</v>
      </c>
      <c r="AA1167" s="5" t="s">
        <v>43</v>
      </c>
      <c r="AB1167" s="5" t="s">
        <v>44</v>
      </c>
      <c r="AC1167" s="2" t="s">
        <v>28235</v>
      </c>
      <c r="AD1167" s="1"/>
    </row>
    <row r="1168" spans="1:30">
      <c r="A1168" s="5" t="s">
        <v>83578</v>
      </c>
      <c r="B1168" s="2" t="s">
        <v>87087</v>
      </c>
      <c r="C1168" s="14" t="s">
        <v>87088</v>
      </c>
      <c r="D1168" s="2" t="s">
        <v>87089</v>
      </c>
      <c r="E1168" s="2"/>
      <c r="F1168" s="8">
        <v>240</v>
      </c>
      <c r="G1168" s="5">
        <v>5</v>
      </c>
      <c r="H1168" s="5" t="s">
        <v>69</v>
      </c>
      <c r="I1168" s="5" t="s">
        <v>27074</v>
      </c>
      <c r="J1168" s="2" t="s">
        <v>27075</v>
      </c>
      <c r="K1168" s="5" t="s">
        <v>27074</v>
      </c>
      <c r="L1168" s="2" t="s">
        <v>27075</v>
      </c>
      <c r="M1168" s="5" t="s">
        <v>24254</v>
      </c>
      <c r="N1168" s="5" t="s">
        <v>38</v>
      </c>
      <c r="O1168" s="5" t="s">
        <v>39</v>
      </c>
      <c r="P1168" s="5" t="s">
        <v>40</v>
      </c>
      <c r="Q1168" s="5" t="s">
        <v>24335</v>
      </c>
      <c r="R1168" s="5" t="s">
        <v>40</v>
      </c>
      <c r="S1168" s="5" t="s">
        <v>42</v>
      </c>
      <c r="T1168" s="2">
        <v>8.8789999999999996</v>
      </c>
      <c r="U1168" s="2">
        <v>5.9589999999999996</v>
      </c>
      <c r="V1168" s="2">
        <v>0.14899999999999999</v>
      </c>
      <c r="W1168" s="2">
        <v>12</v>
      </c>
      <c r="X1168" s="2">
        <v>62</v>
      </c>
      <c r="Y1168" s="2">
        <v>199.7</v>
      </c>
      <c r="Z1168" s="5">
        <v>10</v>
      </c>
      <c r="AA1168" s="5" t="s">
        <v>43</v>
      </c>
      <c r="AB1168" s="5" t="s">
        <v>44</v>
      </c>
      <c r="AC1168" s="2" t="s">
        <v>28319</v>
      </c>
      <c r="AD1168" s="1"/>
    </row>
    <row r="1169" spans="1:30">
      <c r="A1169" s="5" t="s">
        <v>83578</v>
      </c>
      <c r="B1169" s="2" t="s">
        <v>87090</v>
      </c>
      <c r="C1169" s="14" t="s">
        <v>87091</v>
      </c>
      <c r="D1169" s="2" t="s">
        <v>87092</v>
      </c>
      <c r="E1169" s="2"/>
      <c r="F1169" s="8">
        <v>240</v>
      </c>
      <c r="G1169" s="5">
        <v>5</v>
      </c>
      <c r="H1169" s="5" t="s">
        <v>69</v>
      </c>
      <c r="I1169" s="5" t="s">
        <v>27074</v>
      </c>
      <c r="J1169" s="2" t="s">
        <v>27075</v>
      </c>
      <c r="K1169" s="5" t="s">
        <v>27074</v>
      </c>
      <c r="L1169" s="2" t="s">
        <v>27075</v>
      </c>
      <c r="M1169" s="5" t="s">
        <v>24254</v>
      </c>
      <c r="N1169" s="5" t="s">
        <v>38</v>
      </c>
      <c r="O1169" s="5" t="s">
        <v>39</v>
      </c>
      <c r="P1169" s="5" t="s">
        <v>40</v>
      </c>
      <c r="Q1169" s="5" t="s">
        <v>24335</v>
      </c>
      <c r="R1169" s="5" t="s">
        <v>40</v>
      </c>
      <c r="S1169" s="5" t="s">
        <v>42</v>
      </c>
      <c r="T1169" s="2">
        <v>8.7789999999999999</v>
      </c>
      <c r="U1169" s="2">
        <v>5.7240000000000002</v>
      </c>
      <c r="V1169" s="2">
        <v>0.14899999999999999</v>
      </c>
      <c r="W1169" s="2">
        <v>12</v>
      </c>
      <c r="X1169" s="2">
        <v>62</v>
      </c>
      <c r="Y1169" s="2">
        <v>199.7</v>
      </c>
      <c r="Z1169" s="5">
        <v>10</v>
      </c>
      <c r="AA1169" s="5" t="s">
        <v>43</v>
      </c>
      <c r="AB1169" s="5" t="s">
        <v>44</v>
      </c>
      <c r="AC1169" s="2" t="s">
        <v>28249</v>
      </c>
      <c r="AD1169" s="1"/>
    </row>
    <row r="1170" spans="1:30">
      <c r="A1170" s="5" t="s">
        <v>83578</v>
      </c>
      <c r="B1170" s="2" t="s">
        <v>87093</v>
      </c>
      <c r="C1170" s="14" t="s">
        <v>87094</v>
      </c>
      <c r="D1170" s="2" t="s">
        <v>87095</v>
      </c>
      <c r="E1170" s="2"/>
      <c r="F1170" s="8">
        <v>268</v>
      </c>
      <c r="G1170" s="5">
        <v>5</v>
      </c>
      <c r="H1170" s="5" t="s">
        <v>69</v>
      </c>
      <c r="I1170" s="5" t="s">
        <v>27074</v>
      </c>
      <c r="J1170" s="2" t="s">
        <v>27075</v>
      </c>
      <c r="K1170" s="5" t="s">
        <v>27074</v>
      </c>
      <c r="L1170" s="2" t="s">
        <v>27075</v>
      </c>
      <c r="M1170" s="5" t="s">
        <v>24254</v>
      </c>
      <c r="N1170" s="5" t="s">
        <v>38</v>
      </c>
      <c r="O1170" s="5" t="s">
        <v>39</v>
      </c>
      <c r="P1170" s="5" t="s">
        <v>40</v>
      </c>
      <c r="Q1170" s="5" t="s">
        <v>24335</v>
      </c>
      <c r="R1170" s="5" t="s">
        <v>40</v>
      </c>
      <c r="S1170" s="5" t="s">
        <v>42</v>
      </c>
      <c r="T1170" s="2">
        <v>9.3290000000000006</v>
      </c>
      <c r="U1170" s="2">
        <v>6.4089999999999998</v>
      </c>
      <c r="V1170" s="2">
        <v>0.14899999999999999</v>
      </c>
      <c r="W1170" s="2">
        <v>12</v>
      </c>
      <c r="X1170" s="2">
        <v>62</v>
      </c>
      <c r="Y1170" s="2">
        <v>199.7</v>
      </c>
      <c r="Z1170" s="5">
        <v>10</v>
      </c>
      <c r="AA1170" s="5" t="s">
        <v>43</v>
      </c>
      <c r="AB1170" s="5" t="s">
        <v>44</v>
      </c>
      <c r="AC1170" s="2" t="s">
        <v>28319</v>
      </c>
      <c r="AD1170" s="1"/>
    </row>
    <row r="1171" spans="1:30">
      <c r="A1171" s="5" t="s">
        <v>83578</v>
      </c>
      <c r="B1171" s="2" t="s">
        <v>87096</v>
      </c>
      <c r="C1171" s="14" t="s">
        <v>87097</v>
      </c>
      <c r="D1171" s="2" t="s">
        <v>87098</v>
      </c>
      <c r="E1171" s="2"/>
      <c r="F1171" s="8">
        <v>268</v>
      </c>
      <c r="G1171" s="5">
        <v>5</v>
      </c>
      <c r="H1171" s="5" t="s">
        <v>69</v>
      </c>
      <c r="I1171" s="5" t="s">
        <v>27074</v>
      </c>
      <c r="J1171" s="2" t="s">
        <v>27075</v>
      </c>
      <c r="K1171" s="5" t="s">
        <v>27074</v>
      </c>
      <c r="L1171" s="2" t="s">
        <v>27075</v>
      </c>
      <c r="M1171" s="5" t="s">
        <v>24254</v>
      </c>
      <c r="N1171" s="5" t="s">
        <v>38</v>
      </c>
      <c r="O1171" s="5" t="s">
        <v>39</v>
      </c>
      <c r="P1171" s="5" t="s">
        <v>40</v>
      </c>
      <c r="Q1171" s="5" t="s">
        <v>24335</v>
      </c>
      <c r="R1171" s="5" t="s">
        <v>40</v>
      </c>
      <c r="S1171" s="5" t="s">
        <v>42</v>
      </c>
      <c r="T1171" s="2">
        <v>9.7769999999999992</v>
      </c>
      <c r="U1171" s="2">
        <v>6.8570000000000002</v>
      </c>
      <c r="V1171" s="2">
        <v>0.14899999999999999</v>
      </c>
      <c r="W1171" s="2">
        <v>12</v>
      </c>
      <c r="X1171" s="2">
        <v>62</v>
      </c>
      <c r="Y1171" s="2">
        <v>199.7</v>
      </c>
      <c r="Z1171" s="5">
        <v>10</v>
      </c>
      <c r="AA1171" s="5" t="s">
        <v>43</v>
      </c>
      <c r="AB1171" s="5" t="s">
        <v>44</v>
      </c>
      <c r="AC1171" s="2" t="s">
        <v>28282</v>
      </c>
      <c r="AD1171" s="1"/>
    </row>
    <row r="1172" spans="1:30">
      <c r="A1172" s="5" t="s">
        <v>83578</v>
      </c>
      <c r="B1172" s="2" t="s">
        <v>87099</v>
      </c>
      <c r="C1172" s="14" t="s">
        <v>87100</v>
      </c>
      <c r="D1172" s="2" t="s">
        <v>87101</v>
      </c>
      <c r="E1172" s="2"/>
      <c r="F1172" s="8">
        <v>268</v>
      </c>
      <c r="G1172" s="5">
        <v>5</v>
      </c>
      <c r="H1172" s="5" t="s">
        <v>69</v>
      </c>
      <c r="I1172" s="5" t="s">
        <v>27074</v>
      </c>
      <c r="J1172" s="2" t="s">
        <v>27075</v>
      </c>
      <c r="K1172" s="5" t="s">
        <v>27074</v>
      </c>
      <c r="L1172" s="2" t="s">
        <v>27075</v>
      </c>
      <c r="M1172" s="5" t="s">
        <v>24254</v>
      </c>
      <c r="N1172" s="5" t="s">
        <v>38</v>
      </c>
      <c r="O1172" s="5" t="s">
        <v>39</v>
      </c>
      <c r="P1172" s="5" t="s">
        <v>40</v>
      </c>
      <c r="Q1172" s="5" t="s">
        <v>24335</v>
      </c>
      <c r="R1172" s="5" t="s">
        <v>40</v>
      </c>
      <c r="S1172" s="5" t="s">
        <v>42</v>
      </c>
      <c r="T1172" s="2">
        <v>8.1440000000000001</v>
      </c>
      <c r="U1172" s="2">
        <v>5.2240000000000002</v>
      </c>
      <c r="V1172" s="2">
        <v>0.14899999999999999</v>
      </c>
      <c r="W1172" s="2">
        <v>12</v>
      </c>
      <c r="X1172" s="2">
        <v>62</v>
      </c>
      <c r="Y1172" s="2">
        <v>199.7</v>
      </c>
      <c r="Z1172" s="5">
        <v>10</v>
      </c>
      <c r="AA1172" s="5" t="s">
        <v>43</v>
      </c>
      <c r="AB1172" s="5" t="s">
        <v>44</v>
      </c>
      <c r="AC1172" s="2" t="s">
        <v>28245</v>
      </c>
      <c r="AD1172" s="1"/>
    </row>
    <row r="1173" spans="1:30">
      <c r="A1173" s="5" t="s">
        <v>83578</v>
      </c>
      <c r="B1173" s="2" t="s">
        <v>87102</v>
      </c>
      <c r="C1173" s="14" t="s">
        <v>87103</v>
      </c>
      <c r="D1173" s="2" t="s">
        <v>87104</v>
      </c>
      <c r="E1173" s="2"/>
      <c r="F1173" s="8">
        <v>268</v>
      </c>
      <c r="G1173" s="5">
        <v>5</v>
      </c>
      <c r="H1173" s="5" t="s">
        <v>69</v>
      </c>
      <c r="I1173" s="5" t="s">
        <v>27074</v>
      </c>
      <c r="J1173" s="2" t="s">
        <v>27075</v>
      </c>
      <c r="K1173" s="5" t="s">
        <v>27074</v>
      </c>
      <c r="L1173" s="2" t="s">
        <v>27075</v>
      </c>
      <c r="M1173" s="5" t="s">
        <v>24254</v>
      </c>
      <c r="N1173" s="5" t="s">
        <v>38</v>
      </c>
      <c r="O1173" s="5" t="s">
        <v>39</v>
      </c>
      <c r="P1173" s="5" t="s">
        <v>40</v>
      </c>
      <c r="Q1173" s="5" t="s">
        <v>24335</v>
      </c>
      <c r="R1173" s="5" t="s">
        <v>40</v>
      </c>
      <c r="S1173" s="5" t="s">
        <v>42</v>
      </c>
      <c r="T1173" s="2">
        <v>8.5990000000000002</v>
      </c>
      <c r="U1173" s="2">
        <v>5.6790000000000003</v>
      </c>
      <c r="V1173" s="2">
        <v>0.14899999999999999</v>
      </c>
      <c r="W1173" s="2">
        <v>12</v>
      </c>
      <c r="X1173" s="2">
        <v>62</v>
      </c>
      <c r="Y1173" s="2">
        <v>199.7</v>
      </c>
      <c r="Z1173" s="5">
        <v>10</v>
      </c>
      <c r="AA1173" s="5" t="s">
        <v>43</v>
      </c>
      <c r="AB1173" s="5" t="s">
        <v>44</v>
      </c>
      <c r="AC1173" s="2" t="s">
        <v>28249</v>
      </c>
      <c r="AD1173" s="1"/>
    </row>
    <row r="1174" spans="1:30">
      <c r="A1174" s="5" t="s">
        <v>83578</v>
      </c>
      <c r="B1174" s="2" t="s">
        <v>87105</v>
      </c>
      <c r="C1174" s="14" t="s">
        <v>87106</v>
      </c>
      <c r="D1174" s="2" t="s">
        <v>87107</v>
      </c>
      <c r="E1174" s="2" t="s">
        <v>28927</v>
      </c>
      <c r="F1174" s="8">
        <v>345</v>
      </c>
      <c r="G1174" s="5">
        <v>20</v>
      </c>
      <c r="H1174" s="5" t="s">
        <v>69</v>
      </c>
      <c r="I1174" s="5" t="s">
        <v>27074</v>
      </c>
      <c r="J1174" s="2" t="s">
        <v>27075</v>
      </c>
      <c r="K1174" s="5" t="s">
        <v>27074</v>
      </c>
      <c r="L1174" s="2" t="s">
        <v>27075</v>
      </c>
      <c r="M1174" s="5" t="s">
        <v>24254</v>
      </c>
      <c r="N1174" s="5" t="s">
        <v>38</v>
      </c>
      <c r="O1174" s="5" t="s">
        <v>39</v>
      </c>
      <c r="P1174" s="5" t="s">
        <v>40</v>
      </c>
      <c r="Q1174" s="5" t="s">
        <v>24340</v>
      </c>
      <c r="R1174" s="5" t="s">
        <v>40</v>
      </c>
      <c r="S1174" s="5" t="s">
        <v>42</v>
      </c>
      <c r="T1174" s="2">
        <v>11.632</v>
      </c>
      <c r="U1174" s="2">
        <v>10.207000000000001</v>
      </c>
      <c r="V1174" s="2">
        <v>7.5999999999999998E-2</v>
      </c>
      <c r="W1174" s="2">
        <v>12</v>
      </c>
      <c r="X1174" s="2">
        <v>50</v>
      </c>
      <c r="Y1174" s="2">
        <v>125.9</v>
      </c>
      <c r="Z1174" s="5">
        <v>8</v>
      </c>
      <c r="AA1174" s="5" t="s">
        <v>43</v>
      </c>
      <c r="AB1174" s="5" t="s">
        <v>44</v>
      </c>
      <c r="AC1174" s="2" t="s">
        <v>28928</v>
      </c>
      <c r="AD1174" s="1"/>
    </row>
    <row r="1175" spans="1:30">
      <c r="A1175" s="5" t="s">
        <v>83578</v>
      </c>
      <c r="B1175" s="2" t="s">
        <v>87108</v>
      </c>
      <c r="C1175" s="14" t="s">
        <v>87109</v>
      </c>
      <c r="D1175" s="2" t="s">
        <v>87110</v>
      </c>
      <c r="E1175" s="2" t="s">
        <v>28932</v>
      </c>
      <c r="F1175" s="8">
        <v>345</v>
      </c>
      <c r="G1175" s="5">
        <v>20</v>
      </c>
      <c r="H1175" s="5" t="s">
        <v>69</v>
      </c>
      <c r="I1175" s="5" t="s">
        <v>27074</v>
      </c>
      <c r="J1175" s="2" t="s">
        <v>27075</v>
      </c>
      <c r="K1175" s="5" t="s">
        <v>27074</v>
      </c>
      <c r="L1175" s="2" t="s">
        <v>27075</v>
      </c>
      <c r="M1175" s="5" t="s">
        <v>24254</v>
      </c>
      <c r="N1175" s="5" t="s">
        <v>38</v>
      </c>
      <c r="O1175" s="5" t="s">
        <v>39</v>
      </c>
      <c r="P1175" s="5" t="s">
        <v>40</v>
      </c>
      <c r="Q1175" s="5" t="s">
        <v>24340</v>
      </c>
      <c r="R1175" s="5" t="s">
        <v>40</v>
      </c>
      <c r="S1175" s="5" t="s">
        <v>42</v>
      </c>
      <c r="T1175" s="2">
        <v>8.7880000000000003</v>
      </c>
      <c r="U1175" s="2">
        <v>7.3630000000000004</v>
      </c>
      <c r="V1175" s="2">
        <v>7.5999999999999998E-2</v>
      </c>
      <c r="W1175" s="2">
        <v>12</v>
      </c>
      <c r="X1175" s="2">
        <v>50</v>
      </c>
      <c r="Y1175" s="2">
        <v>125.9</v>
      </c>
      <c r="Z1175" s="5">
        <v>8</v>
      </c>
      <c r="AA1175" s="5" t="s">
        <v>43</v>
      </c>
      <c r="AB1175" s="5" t="s">
        <v>44</v>
      </c>
      <c r="AC1175" s="2" t="s">
        <v>28928</v>
      </c>
      <c r="AD1175" s="1"/>
    </row>
    <row r="1176" spans="1:30">
      <c r="A1176" s="5" t="s">
        <v>83578</v>
      </c>
      <c r="B1176" s="2" t="s">
        <v>87111</v>
      </c>
      <c r="C1176" s="14" t="s">
        <v>87112</v>
      </c>
      <c r="D1176" s="2" t="s">
        <v>87113</v>
      </c>
      <c r="E1176" s="2" t="s">
        <v>28936</v>
      </c>
      <c r="F1176" s="8">
        <v>345</v>
      </c>
      <c r="G1176" s="5">
        <v>20</v>
      </c>
      <c r="H1176" s="5" t="s">
        <v>69</v>
      </c>
      <c r="I1176" s="5" t="s">
        <v>27074</v>
      </c>
      <c r="J1176" s="2" t="s">
        <v>27075</v>
      </c>
      <c r="K1176" s="5" t="s">
        <v>27074</v>
      </c>
      <c r="L1176" s="2" t="s">
        <v>27075</v>
      </c>
      <c r="M1176" s="5" t="s">
        <v>24254</v>
      </c>
      <c r="N1176" s="5" t="s">
        <v>38</v>
      </c>
      <c r="O1176" s="5" t="s">
        <v>39</v>
      </c>
      <c r="P1176" s="5" t="s">
        <v>40</v>
      </c>
      <c r="Q1176" s="5" t="s">
        <v>24340</v>
      </c>
      <c r="R1176" s="5" t="s">
        <v>40</v>
      </c>
      <c r="S1176" s="5" t="s">
        <v>42</v>
      </c>
      <c r="T1176" s="2">
        <v>8.1419999999999995</v>
      </c>
      <c r="U1176" s="2">
        <v>6.7510000000000003</v>
      </c>
      <c r="V1176" s="2">
        <v>7.5999999999999998E-2</v>
      </c>
      <c r="W1176" s="2">
        <v>12</v>
      </c>
      <c r="X1176" s="2">
        <v>50</v>
      </c>
      <c r="Y1176" s="2">
        <v>125.9</v>
      </c>
      <c r="Z1176" s="5">
        <v>8</v>
      </c>
      <c r="AA1176" s="5" t="s">
        <v>43</v>
      </c>
      <c r="AB1176" s="5" t="s">
        <v>44</v>
      </c>
      <c r="AC1176" s="2" t="s">
        <v>28928</v>
      </c>
      <c r="AD1176" s="1"/>
    </row>
    <row r="1177" spans="1:30">
      <c r="A1177" s="5" t="s">
        <v>83578</v>
      </c>
      <c r="B1177" s="2" t="s">
        <v>87114</v>
      </c>
      <c r="C1177" s="14" t="s">
        <v>87115</v>
      </c>
      <c r="D1177" s="2" t="s">
        <v>87116</v>
      </c>
      <c r="E1177" s="2" t="s">
        <v>29164</v>
      </c>
      <c r="F1177" s="8">
        <v>345</v>
      </c>
      <c r="G1177" s="5">
        <v>20</v>
      </c>
      <c r="H1177" s="5" t="s">
        <v>69</v>
      </c>
      <c r="I1177" s="5" t="s">
        <v>27074</v>
      </c>
      <c r="J1177" s="2" t="s">
        <v>27075</v>
      </c>
      <c r="K1177" s="5" t="s">
        <v>27074</v>
      </c>
      <c r="L1177" s="2" t="s">
        <v>27075</v>
      </c>
      <c r="M1177" s="5" t="s">
        <v>24254</v>
      </c>
      <c r="N1177" s="5" t="s">
        <v>38</v>
      </c>
      <c r="O1177" s="5" t="s">
        <v>39</v>
      </c>
      <c r="P1177" s="5" t="s">
        <v>40</v>
      </c>
      <c r="Q1177" s="5" t="s">
        <v>24340</v>
      </c>
      <c r="R1177" s="5" t="s">
        <v>40</v>
      </c>
      <c r="S1177" s="5" t="s">
        <v>42</v>
      </c>
      <c r="T1177" s="2">
        <v>8.5830000000000002</v>
      </c>
      <c r="U1177" s="2">
        <v>7.1920000000000002</v>
      </c>
      <c r="V1177" s="2">
        <v>7.5999999999999998E-2</v>
      </c>
      <c r="W1177" s="2">
        <v>12</v>
      </c>
      <c r="X1177" s="2">
        <v>50</v>
      </c>
      <c r="Y1177" s="2">
        <v>125.9</v>
      </c>
      <c r="Z1177" s="5">
        <v>10</v>
      </c>
      <c r="AA1177" s="5" t="s">
        <v>43</v>
      </c>
      <c r="AB1177" s="5" t="s">
        <v>44</v>
      </c>
      <c r="AC1177" s="2" t="s">
        <v>29225</v>
      </c>
      <c r="AD1177" s="1"/>
    </row>
    <row r="1178" spans="1:30">
      <c r="A1178" s="5" t="s">
        <v>83578</v>
      </c>
      <c r="B1178" s="2" t="s">
        <v>87117</v>
      </c>
      <c r="C1178" s="14" t="s">
        <v>87118</v>
      </c>
      <c r="D1178" s="2" t="s">
        <v>87119</v>
      </c>
      <c r="E1178" s="2" t="s">
        <v>29164</v>
      </c>
      <c r="F1178" s="8">
        <v>345</v>
      </c>
      <c r="G1178" s="5">
        <v>20</v>
      </c>
      <c r="H1178" s="5" t="s">
        <v>69</v>
      </c>
      <c r="I1178" s="5" t="s">
        <v>27074</v>
      </c>
      <c r="J1178" s="2" t="s">
        <v>27075</v>
      </c>
      <c r="K1178" s="5" t="s">
        <v>27074</v>
      </c>
      <c r="L1178" s="2" t="s">
        <v>27075</v>
      </c>
      <c r="M1178" s="5" t="s">
        <v>24254</v>
      </c>
      <c r="N1178" s="5" t="s">
        <v>38</v>
      </c>
      <c r="O1178" s="5" t="s">
        <v>39</v>
      </c>
      <c r="P1178" s="5" t="s">
        <v>40</v>
      </c>
      <c r="Q1178" s="5" t="s">
        <v>24340</v>
      </c>
      <c r="R1178" s="5" t="s">
        <v>40</v>
      </c>
      <c r="S1178" s="5" t="s">
        <v>42</v>
      </c>
      <c r="T1178" s="2">
        <v>9.2010000000000005</v>
      </c>
      <c r="U1178" s="2">
        <v>7.81</v>
      </c>
      <c r="V1178" s="2">
        <v>7.5999999999999998E-2</v>
      </c>
      <c r="W1178" s="2">
        <v>12</v>
      </c>
      <c r="X1178" s="2">
        <v>50</v>
      </c>
      <c r="Y1178" s="2">
        <v>125.9</v>
      </c>
      <c r="Z1178" s="5">
        <v>10</v>
      </c>
      <c r="AA1178" s="5" t="s">
        <v>43</v>
      </c>
      <c r="AB1178" s="5" t="s">
        <v>44</v>
      </c>
      <c r="AC1178" s="2" t="s">
        <v>29165</v>
      </c>
      <c r="AD1178" s="1"/>
    </row>
    <row r="1179" spans="1:30">
      <c r="A1179" s="5" t="s">
        <v>83578</v>
      </c>
      <c r="B1179" s="2" t="s">
        <v>87120</v>
      </c>
      <c r="C1179" s="14" t="s">
        <v>87121</v>
      </c>
      <c r="D1179" s="2" t="s">
        <v>87122</v>
      </c>
      <c r="E1179" s="2" t="s">
        <v>29169</v>
      </c>
      <c r="F1179" s="8">
        <v>345</v>
      </c>
      <c r="G1179" s="5">
        <v>20</v>
      </c>
      <c r="H1179" s="5" t="s">
        <v>69</v>
      </c>
      <c r="I1179" s="5" t="s">
        <v>27074</v>
      </c>
      <c r="J1179" s="2" t="s">
        <v>27075</v>
      </c>
      <c r="K1179" s="5" t="s">
        <v>27074</v>
      </c>
      <c r="L1179" s="2" t="s">
        <v>27075</v>
      </c>
      <c r="M1179" s="5" t="s">
        <v>24254</v>
      </c>
      <c r="N1179" s="5" t="s">
        <v>38</v>
      </c>
      <c r="O1179" s="5" t="s">
        <v>39</v>
      </c>
      <c r="P1179" s="5" t="s">
        <v>40</v>
      </c>
      <c r="Q1179" s="5" t="s">
        <v>24340</v>
      </c>
      <c r="R1179" s="5" t="s">
        <v>40</v>
      </c>
      <c r="S1179" s="5" t="s">
        <v>42</v>
      </c>
      <c r="T1179" s="2">
        <v>6.4470000000000001</v>
      </c>
      <c r="U1179" s="2">
        <v>5.056</v>
      </c>
      <c r="V1179" s="2">
        <v>7.5999999999999998E-2</v>
      </c>
      <c r="W1179" s="2">
        <v>12</v>
      </c>
      <c r="X1179" s="2">
        <v>50</v>
      </c>
      <c r="Y1179" s="2">
        <v>125.9</v>
      </c>
      <c r="Z1179" s="5">
        <v>10</v>
      </c>
      <c r="AA1179" s="5" t="s">
        <v>43</v>
      </c>
      <c r="AB1179" s="5" t="s">
        <v>44</v>
      </c>
      <c r="AC1179" s="2" t="s">
        <v>29225</v>
      </c>
      <c r="AD1179" s="1"/>
    </row>
    <row r="1180" spans="1:30">
      <c r="A1180" s="5" t="s">
        <v>83578</v>
      </c>
      <c r="B1180" s="2" t="s">
        <v>87123</v>
      </c>
      <c r="C1180" s="14" t="s">
        <v>87124</v>
      </c>
      <c r="D1180" s="2" t="s">
        <v>87125</v>
      </c>
      <c r="E1180" s="2" t="s">
        <v>29169</v>
      </c>
      <c r="F1180" s="8">
        <v>345</v>
      </c>
      <c r="G1180" s="5">
        <v>20</v>
      </c>
      <c r="H1180" s="5" t="s">
        <v>69</v>
      </c>
      <c r="I1180" s="5" t="s">
        <v>27074</v>
      </c>
      <c r="J1180" s="2" t="s">
        <v>27075</v>
      </c>
      <c r="K1180" s="5" t="s">
        <v>27074</v>
      </c>
      <c r="L1180" s="2" t="s">
        <v>27075</v>
      </c>
      <c r="M1180" s="5" t="s">
        <v>24254</v>
      </c>
      <c r="N1180" s="5" t="s">
        <v>38</v>
      </c>
      <c r="O1180" s="5" t="s">
        <v>39</v>
      </c>
      <c r="P1180" s="5" t="s">
        <v>40</v>
      </c>
      <c r="Q1180" s="5" t="s">
        <v>24340</v>
      </c>
      <c r="R1180" s="5" t="s">
        <v>40</v>
      </c>
      <c r="S1180" s="5" t="s">
        <v>42</v>
      </c>
      <c r="T1180" s="2">
        <v>6.82</v>
      </c>
      <c r="U1180" s="2">
        <v>5.4290000000000003</v>
      </c>
      <c r="V1180" s="2">
        <v>7.5999999999999998E-2</v>
      </c>
      <c r="W1180" s="2">
        <v>12</v>
      </c>
      <c r="X1180" s="2">
        <v>50</v>
      </c>
      <c r="Y1180" s="2">
        <v>125.9</v>
      </c>
      <c r="Z1180" s="5">
        <v>10</v>
      </c>
      <c r="AA1180" s="5" t="s">
        <v>43</v>
      </c>
      <c r="AB1180" s="5" t="s">
        <v>44</v>
      </c>
      <c r="AC1180" s="2" t="s">
        <v>29165</v>
      </c>
      <c r="AD1180" s="1"/>
    </row>
    <row r="1181" spans="1:30">
      <c r="A1181" s="5" t="s">
        <v>83578</v>
      </c>
      <c r="B1181" s="2" t="s">
        <v>87126</v>
      </c>
      <c r="C1181" s="14" t="s">
        <v>87127</v>
      </c>
      <c r="D1181" s="2" t="s">
        <v>87128</v>
      </c>
      <c r="E1181" s="2" t="s">
        <v>29173</v>
      </c>
      <c r="F1181" s="8">
        <v>345</v>
      </c>
      <c r="G1181" s="5">
        <v>20</v>
      </c>
      <c r="H1181" s="5" t="s">
        <v>69</v>
      </c>
      <c r="I1181" s="5" t="s">
        <v>27074</v>
      </c>
      <c r="J1181" s="2" t="s">
        <v>27075</v>
      </c>
      <c r="K1181" s="5" t="s">
        <v>27074</v>
      </c>
      <c r="L1181" s="2" t="s">
        <v>27075</v>
      </c>
      <c r="M1181" s="5" t="s">
        <v>24254</v>
      </c>
      <c r="N1181" s="5" t="s">
        <v>38</v>
      </c>
      <c r="O1181" s="5" t="s">
        <v>39</v>
      </c>
      <c r="P1181" s="5" t="s">
        <v>40</v>
      </c>
      <c r="Q1181" s="5" t="s">
        <v>24340</v>
      </c>
      <c r="R1181" s="5" t="s">
        <v>40</v>
      </c>
      <c r="S1181" s="5" t="s">
        <v>42</v>
      </c>
      <c r="T1181" s="2">
        <v>6.266</v>
      </c>
      <c r="U1181" s="2">
        <v>4.875</v>
      </c>
      <c r="V1181" s="2">
        <v>7.5999999999999998E-2</v>
      </c>
      <c r="W1181" s="2">
        <v>12</v>
      </c>
      <c r="X1181" s="2">
        <v>50</v>
      </c>
      <c r="Y1181" s="2">
        <v>125.9</v>
      </c>
      <c r="Z1181" s="5">
        <v>10</v>
      </c>
      <c r="AA1181" s="5" t="s">
        <v>43</v>
      </c>
      <c r="AB1181" s="5" t="s">
        <v>44</v>
      </c>
      <c r="AC1181" s="2" t="s">
        <v>29229</v>
      </c>
      <c r="AD1181" s="1"/>
    </row>
    <row r="1182" spans="1:30">
      <c r="A1182" s="5" t="s">
        <v>83578</v>
      </c>
      <c r="B1182" s="2" t="s">
        <v>87129</v>
      </c>
      <c r="C1182" s="14" t="s">
        <v>87130</v>
      </c>
      <c r="D1182" s="2" t="s">
        <v>87131</v>
      </c>
      <c r="E1182" s="2" t="s">
        <v>29173</v>
      </c>
      <c r="F1182" s="8">
        <v>345</v>
      </c>
      <c r="G1182" s="5">
        <v>20</v>
      </c>
      <c r="H1182" s="5" t="s">
        <v>69</v>
      </c>
      <c r="I1182" s="5" t="s">
        <v>27074</v>
      </c>
      <c r="J1182" s="2" t="s">
        <v>27075</v>
      </c>
      <c r="K1182" s="5" t="s">
        <v>27074</v>
      </c>
      <c r="L1182" s="2" t="s">
        <v>27075</v>
      </c>
      <c r="M1182" s="5" t="s">
        <v>24254</v>
      </c>
      <c r="N1182" s="5" t="s">
        <v>38</v>
      </c>
      <c r="O1182" s="5" t="s">
        <v>39</v>
      </c>
      <c r="P1182" s="5" t="s">
        <v>40</v>
      </c>
      <c r="Q1182" s="5" t="s">
        <v>24340</v>
      </c>
      <c r="R1182" s="5" t="s">
        <v>40</v>
      </c>
      <c r="S1182" s="5" t="s">
        <v>42</v>
      </c>
      <c r="T1182" s="2">
        <v>6.8890000000000002</v>
      </c>
      <c r="U1182" s="2">
        <v>5.4980000000000002</v>
      </c>
      <c r="V1182" s="2">
        <v>7.5999999999999998E-2</v>
      </c>
      <c r="W1182" s="2">
        <v>12</v>
      </c>
      <c r="X1182" s="2">
        <v>50</v>
      </c>
      <c r="Y1182" s="2">
        <v>125.9</v>
      </c>
      <c r="Z1182" s="5">
        <v>10</v>
      </c>
      <c r="AA1182" s="5" t="s">
        <v>43</v>
      </c>
      <c r="AB1182" s="5" t="s">
        <v>44</v>
      </c>
      <c r="AC1182" s="2" t="s">
        <v>28941</v>
      </c>
      <c r="AD1182" s="1"/>
    </row>
    <row r="1183" spans="1:30">
      <c r="A1183" s="5" t="s">
        <v>83578</v>
      </c>
      <c r="B1183" s="2" t="s">
        <v>87132</v>
      </c>
      <c r="C1183" s="14" t="s">
        <v>87133</v>
      </c>
      <c r="D1183" s="2" t="s">
        <v>87134</v>
      </c>
      <c r="E1183" s="2" t="s">
        <v>28940</v>
      </c>
      <c r="F1183" s="8">
        <v>345</v>
      </c>
      <c r="G1183" s="5">
        <v>20</v>
      </c>
      <c r="H1183" s="5" t="s">
        <v>69</v>
      </c>
      <c r="I1183" s="5" t="s">
        <v>27074</v>
      </c>
      <c r="J1183" s="2" t="s">
        <v>27075</v>
      </c>
      <c r="K1183" s="5" t="s">
        <v>27074</v>
      </c>
      <c r="L1183" s="2" t="s">
        <v>27075</v>
      </c>
      <c r="M1183" s="5" t="s">
        <v>24254</v>
      </c>
      <c r="N1183" s="5" t="s">
        <v>38</v>
      </c>
      <c r="O1183" s="5" t="s">
        <v>39</v>
      </c>
      <c r="P1183" s="5" t="s">
        <v>40</v>
      </c>
      <c r="Q1183" s="5" t="s">
        <v>24340</v>
      </c>
      <c r="R1183" s="5" t="s">
        <v>40</v>
      </c>
      <c r="S1183" s="5" t="s">
        <v>42</v>
      </c>
      <c r="T1183" s="2">
        <v>7.9169999999999998</v>
      </c>
      <c r="U1183" s="2">
        <v>6.5259999999999998</v>
      </c>
      <c r="V1183" s="2">
        <v>7.5999999999999998E-2</v>
      </c>
      <c r="W1183" s="2">
        <v>12</v>
      </c>
      <c r="X1183" s="2">
        <v>50</v>
      </c>
      <c r="Y1183" s="2">
        <v>125.9</v>
      </c>
      <c r="Z1183" s="5">
        <v>10</v>
      </c>
      <c r="AA1183" s="5" t="s">
        <v>43</v>
      </c>
      <c r="AB1183" s="5" t="s">
        <v>44</v>
      </c>
      <c r="AC1183" s="2" t="s">
        <v>29229</v>
      </c>
      <c r="AD1183" s="1"/>
    </row>
    <row r="1184" spans="1:30">
      <c r="A1184" s="5" t="s">
        <v>83578</v>
      </c>
      <c r="B1184" s="2" t="s">
        <v>87135</v>
      </c>
      <c r="C1184" s="14" t="s">
        <v>87136</v>
      </c>
      <c r="D1184" s="2" t="s">
        <v>87137</v>
      </c>
      <c r="E1184" s="2" t="s">
        <v>28940</v>
      </c>
      <c r="F1184" s="8">
        <v>345</v>
      </c>
      <c r="G1184" s="5">
        <v>20</v>
      </c>
      <c r="H1184" s="5" t="s">
        <v>69</v>
      </c>
      <c r="I1184" s="5" t="s">
        <v>27074</v>
      </c>
      <c r="J1184" s="2" t="s">
        <v>27075</v>
      </c>
      <c r="K1184" s="5" t="s">
        <v>27074</v>
      </c>
      <c r="L1184" s="2" t="s">
        <v>27075</v>
      </c>
      <c r="M1184" s="5" t="s">
        <v>24254</v>
      </c>
      <c r="N1184" s="5" t="s">
        <v>38</v>
      </c>
      <c r="O1184" s="5" t="s">
        <v>39</v>
      </c>
      <c r="P1184" s="5" t="s">
        <v>40</v>
      </c>
      <c r="Q1184" s="5" t="s">
        <v>24340</v>
      </c>
      <c r="R1184" s="5" t="s">
        <v>40</v>
      </c>
      <c r="S1184" s="5" t="s">
        <v>42</v>
      </c>
      <c r="T1184" s="2">
        <v>8.7100000000000009</v>
      </c>
      <c r="U1184" s="2">
        <v>7.319</v>
      </c>
      <c r="V1184" s="2">
        <v>7.5999999999999998E-2</v>
      </c>
      <c r="W1184" s="2">
        <v>12</v>
      </c>
      <c r="X1184" s="2">
        <v>50</v>
      </c>
      <c r="Y1184" s="2">
        <v>125.9</v>
      </c>
      <c r="Z1184" s="5">
        <v>10</v>
      </c>
      <c r="AA1184" s="5" t="s">
        <v>43</v>
      </c>
      <c r="AB1184" s="5" t="s">
        <v>44</v>
      </c>
      <c r="AC1184" s="2" t="s">
        <v>28941</v>
      </c>
      <c r="AD1184" s="1"/>
    </row>
    <row r="1185" spans="1:30">
      <c r="A1185" s="5" t="s">
        <v>83578</v>
      </c>
      <c r="B1185" s="2" t="s">
        <v>87138</v>
      </c>
      <c r="C1185" s="14" t="s">
        <v>87139</v>
      </c>
      <c r="D1185" s="2" t="s">
        <v>87140</v>
      </c>
      <c r="E1185" s="2" t="s">
        <v>28948</v>
      </c>
      <c r="F1185" s="8">
        <v>345</v>
      </c>
      <c r="G1185" s="5">
        <v>20</v>
      </c>
      <c r="H1185" s="5" t="s">
        <v>69</v>
      </c>
      <c r="I1185" s="5" t="s">
        <v>27074</v>
      </c>
      <c r="J1185" s="2" t="s">
        <v>27075</v>
      </c>
      <c r="K1185" s="5" t="s">
        <v>27074</v>
      </c>
      <c r="L1185" s="2" t="s">
        <v>27075</v>
      </c>
      <c r="M1185" s="5" t="s">
        <v>24254</v>
      </c>
      <c r="N1185" s="5" t="s">
        <v>38</v>
      </c>
      <c r="O1185" s="5" t="s">
        <v>39</v>
      </c>
      <c r="P1185" s="5" t="s">
        <v>40</v>
      </c>
      <c r="Q1185" s="5" t="s">
        <v>25301</v>
      </c>
      <c r="R1185" s="5" t="s">
        <v>40</v>
      </c>
      <c r="S1185" s="5" t="s">
        <v>42</v>
      </c>
      <c r="T1185" s="2">
        <v>8.0150000000000006</v>
      </c>
      <c r="U1185" s="2">
        <v>6.59</v>
      </c>
      <c r="V1185" s="2">
        <v>7.5999999999999998E-2</v>
      </c>
      <c r="W1185" s="2">
        <v>12</v>
      </c>
      <c r="X1185" s="2">
        <v>50</v>
      </c>
      <c r="Y1185" s="2">
        <v>125.9</v>
      </c>
      <c r="Z1185" s="5">
        <v>8</v>
      </c>
      <c r="AA1185" s="5" t="s">
        <v>43</v>
      </c>
      <c r="AB1185" s="5" t="s">
        <v>44</v>
      </c>
      <c r="AC1185" s="2" t="s">
        <v>28888</v>
      </c>
      <c r="AD1185" s="1"/>
    </row>
    <row r="1186" spans="1:30">
      <c r="A1186" s="5" t="s">
        <v>83578</v>
      </c>
      <c r="B1186" s="2" t="s">
        <v>87141</v>
      </c>
      <c r="C1186" s="14" t="s">
        <v>87142</v>
      </c>
      <c r="D1186" s="2" t="s">
        <v>87143</v>
      </c>
      <c r="E1186" s="2" t="s">
        <v>28896</v>
      </c>
      <c r="F1186" s="8">
        <v>345</v>
      </c>
      <c r="G1186" s="5">
        <v>20</v>
      </c>
      <c r="H1186" s="5" t="s">
        <v>69</v>
      </c>
      <c r="I1186" s="5" t="s">
        <v>27074</v>
      </c>
      <c r="J1186" s="2" t="s">
        <v>27075</v>
      </c>
      <c r="K1186" s="5" t="s">
        <v>27074</v>
      </c>
      <c r="L1186" s="2" t="s">
        <v>27075</v>
      </c>
      <c r="M1186" s="5" t="s">
        <v>24254</v>
      </c>
      <c r="N1186" s="5" t="s">
        <v>38</v>
      </c>
      <c r="O1186" s="5" t="s">
        <v>39</v>
      </c>
      <c r="P1186" s="5" t="s">
        <v>40</v>
      </c>
      <c r="Q1186" s="5" t="s">
        <v>25301</v>
      </c>
      <c r="R1186" s="5" t="s">
        <v>40</v>
      </c>
      <c r="S1186" s="5" t="s">
        <v>42</v>
      </c>
      <c r="T1186" s="2">
        <v>7.6719999999999997</v>
      </c>
      <c r="U1186" s="2">
        <v>6.2809999999999997</v>
      </c>
      <c r="V1186" s="2">
        <v>7.5999999999999998E-2</v>
      </c>
      <c r="W1186" s="2">
        <v>12</v>
      </c>
      <c r="X1186" s="2">
        <v>50</v>
      </c>
      <c r="Y1186" s="2">
        <v>125.9</v>
      </c>
      <c r="Z1186" s="5">
        <v>10</v>
      </c>
      <c r="AA1186" s="5" t="s">
        <v>43</v>
      </c>
      <c r="AB1186" s="5" t="s">
        <v>44</v>
      </c>
      <c r="AC1186" s="2" t="s">
        <v>28955</v>
      </c>
      <c r="AD1186" s="1"/>
    </row>
    <row r="1187" spans="1:30">
      <c r="A1187" s="5" t="s">
        <v>83578</v>
      </c>
      <c r="B1187" s="2" t="s">
        <v>87144</v>
      </c>
      <c r="C1187" s="14" t="s">
        <v>87145</v>
      </c>
      <c r="D1187" s="2" t="s">
        <v>87146</v>
      </c>
      <c r="E1187" s="2" t="s">
        <v>28959</v>
      </c>
      <c r="F1187" s="8">
        <v>345</v>
      </c>
      <c r="G1187" s="5">
        <v>20</v>
      </c>
      <c r="H1187" s="5" t="s">
        <v>69</v>
      </c>
      <c r="I1187" s="5" t="s">
        <v>27074</v>
      </c>
      <c r="J1187" s="2" t="s">
        <v>27075</v>
      </c>
      <c r="K1187" s="5" t="s">
        <v>27074</v>
      </c>
      <c r="L1187" s="2" t="s">
        <v>27075</v>
      </c>
      <c r="M1187" s="5" t="s">
        <v>24254</v>
      </c>
      <c r="N1187" s="5" t="s">
        <v>38</v>
      </c>
      <c r="O1187" s="5" t="s">
        <v>39</v>
      </c>
      <c r="P1187" s="5" t="s">
        <v>40</v>
      </c>
      <c r="Q1187" s="5" t="s">
        <v>25301</v>
      </c>
      <c r="R1187" s="5" t="s">
        <v>40</v>
      </c>
      <c r="S1187" s="5" t="s">
        <v>42</v>
      </c>
      <c r="T1187" s="2">
        <v>5.8049999999999997</v>
      </c>
      <c r="U1187" s="2">
        <v>4.4139999999999997</v>
      </c>
      <c r="V1187" s="2">
        <v>7.5999999999999998E-2</v>
      </c>
      <c r="W1187" s="2">
        <v>12</v>
      </c>
      <c r="X1187" s="2">
        <v>50</v>
      </c>
      <c r="Y1187" s="2">
        <v>125.9</v>
      </c>
      <c r="Z1187" s="5">
        <v>10</v>
      </c>
      <c r="AA1187" s="5" t="s">
        <v>43</v>
      </c>
      <c r="AB1187" s="5" t="s">
        <v>44</v>
      </c>
      <c r="AC1187" s="2" t="s">
        <v>28955</v>
      </c>
      <c r="AD1187" s="1"/>
    </row>
    <row r="1188" spans="1:30">
      <c r="A1188" s="5" t="s">
        <v>83578</v>
      </c>
      <c r="B1188" s="2" t="s">
        <v>87147</v>
      </c>
      <c r="C1188" s="14" t="s">
        <v>87148</v>
      </c>
      <c r="D1188" s="2" t="s">
        <v>87149</v>
      </c>
      <c r="E1188" s="2" t="s">
        <v>28959</v>
      </c>
      <c r="F1188" s="8">
        <v>345</v>
      </c>
      <c r="G1188" s="5">
        <v>20</v>
      </c>
      <c r="H1188" s="5" t="s">
        <v>69</v>
      </c>
      <c r="I1188" s="5" t="s">
        <v>27074</v>
      </c>
      <c r="J1188" s="2" t="s">
        <v>27075</v>
      </c>
      <c r="K1188" s="5" t="s">
        <v>27074</v>
      </c>
      <c r="L1188" s="2" t="s">
        <v>27075</v>
      </c>
      <c r="M1188" s="5" t="s">
        <v>24254</v>
      </c>
      <c r="N1188" s="5" t="s">
        <v>38</v>
      </c>
      <c r="O1188" s="5" t="s">
        <v>39</v>
      </c>
      <c r="P1188" s="5" t="s">
        <v>40</v>
      </c>
      <c r="Q1188" s="5" t="s">
        <v>25301</v>
      </c>
      <c r="R1188" s="5" t="s">
        <v>40</v>
      </c>
      <c r="S1188" s="5" t="s">
        <v>42</v>
      </c>
      <c r="T1188" s="2">
        <v>6.1029999999999998</v>
      </c>
      <c r="U1188" s="2">
        <v>4.7119999999999997</v>
      </c>
      <c r="V1188" s="2">
        <v>7.5999999999999998E-2</v>
      </c>
      <c r="W1188" s="2">
        <v>12</v>
      </c>
      <c r="X1188" s="2">
        <v>50</v>
      </c>
      <c r="Y1188" s="2">
        <v>125.9</v>
      </c>
      <c r="Z1188" s="5">
        <v>10</v>
      </c>
      <c r="AA1188" s="5" t="s">
        <v>43</v>
      </c>
      <c r="AB1188" s="5" t="s">
        <v>44</v>
      </c>
      <c r="AC1188" s="2" t="s">
        <v>28897</v>
      </c>
      <c r="AD1188" s="1"/>
    </row>
    <row r="1189" spans="1:30">
      <c r="A1189" s="5" t="s">
        <v>83578</v>
      </c>
      <c r="B1189" s="2" t="s">
        <v>87150</v>
      </c>
      <c r="C1189" s="14" t="s">
        <v>87151</v>
      </c>
      <c r="D1189" s="2" t="s">
        <v>87152</v>
      </c>
      <c r="E1189" s="2" t="s">
        <v>28901</v>
      </c>
      <c r="F1189" s="8">
        <v>345</v>
      </c>
      <c r="G1189" s="5">
        <v>20</v>
      </c>
      <c r="H1189" s="5" t="s">
        <v>69</v>
      </c>
      <c r="I1189" s="5" t="s">
        <v>27074</v>
      </c>
      <c r="J1189" s="2" t="s">
        <v>27075</v>
      </c>
      <c r="K1189" s="5" t="s">
        <v>27074</v>
      </c>
      <c r="L1189" s="2" t="s">
        <v>27075</v>
      </c>
      <c r="M1189" s="5" t="s">
        <v>24254</v>
      </c>
      <c r="N1189" s="5" t="s">
        <v>38</v>
      </c>
      <c r="O1189" s="5" t="s">
        <v>39</v>
      </c>
      <c r="P1189" s="5" t="s">
        <v>40</v>
      </c>
      <c r="Q1189" s="5" t="s">
        <v>25301</v>
      </c>
      <c r="R1189" s="5" t="s">
        <v>40</v>
      </c>
      <c r="S1189" s="5" t="s">
        <v>42</v>
      </c>
      <c r="T1189" s="2">
        <v>5.7930000000000001</v>
      </c>
      <c r="U1189" s="2">
        <v>4.4020000000000001</v>
      </c>
      <c r="V1189" s="2">
        <v>7.5999999999999998E-2</v>
      </c>
      <c r="W1189" s="2">
        <v>12</v>
      </c>
      <c r="X1189" s="2">
        <v>50</v>
      </c>
      <c r="Y1189" s="2">
        <v>125.9</v>
      </c>
      <c r="Z1189" s="5">
        <v>10</v>
      </c>
      <c r="AA1189" s="5" t="s">
        <v>43</v>
      </c>
      <c r="AB1189" s="5" t="s">
        <v>44</v>
      </c>
      <c r="AC1189" s="2" t="s">
        <v>28907</v>
      </c>
      <c r="AD1189" s="1"/>
    </row>
    <row r="1190" spans="1:30">
      <c r="A1190" s="5" t="s">
        <v>83578</v>
      </c>
      <c r="B1190" s="2" t="s">
        <v>87153</v>
      </c>
      <c r="C1190" s="14" t="s">
        <v>87154</v>
      </c>
      <c r="D1190" s="2" t="s">
        <v>87155</v>
      </c>
      <c r="E1190" s="2" t="s">
        <v>28906</v>
      </c>
      <c r="F1190" s="8">
        <v>345</v>
      </c>
      <c r="G1190" s="5">
        <v>20</v>
      </c>
      <c r="H1190" s="5" t="s">
        <v>69</v>
      </c>
      <c r="I1190" s="5" t="s">
        <v>27074</v>
      </c>
      <c r="J1190" s="2" t="s">
        <v>27075</v>
      </c>
      <c r="K1190" s="5" t="s">
        <v>27074</v>
      </c>
      <c r="L1190" s="2" t="s">
        <v>27075</v>
      </c>
      <c r="M1190" s="5" t="s">
        <v>24254</v>
      </c>
      <c r="N1190" s="5" t="s">
        <v>38</v>
      </c>
      <c r="O1190" s="5" t="s">
        <v>39</v>
      </c>
      <c r="P1190" s="5" t="s">
        <v>40</v>
      </c>
      <c r="Q1190" s="5" t="s">
        <v>25301</v>
      </c>
      <c r="R1190" s="5" t="s">
        <v>40</v>
      </c>
      <c r="S1190" s="5" t="s">
        <v>42</v>
      </c>
      <c r="T1190" s="2">
        <v>8.0020000000000007</v>
      </c>
      <c r="U1190" s="2">
        <v>6.6109999999999998</v>
      </c>
      <c r="V1190" s="2">
        <v>7.5999999999999998E-2</v>
      </c>
      <c r="W1190" s="2">
        <v>12</v>
      </c>
      <c r="X1190" s="2">
        <v>50</v>
      </c>
      <c r="Y1190" s="2">
        <v>125.9</v>
      </c>
      <c r="Z1190" s="5">
        <v>10</v>
      </c>
      <c r="AA1190" s="5" t="s">
        <v>43</v>
      </c>
      <c r="AB1190" s="5" t="s">
        <v>44</v>
      </c>
      <c r="AC1190" s="2" t="s">
        <v>28902</v>
      </c>
      <c r="AD1190" s="1"/>
    </row>
    <row r="1191" spans="1:30">
      <c r="A1191" s="5" t="s">
        <v>83578</v>
      </c>
      <c r="B1191" s="2" t="s">
        <v>87156</v>
      </c>
      <c r="C1191" s="14" t="s">
        <v>87157</v>
      </c>
      <c r="D1191" s="2" t="s">
        <v>87158</v>
      </c>
      <c r="E1191" s="2" t="s">
        <v>29164</v>
      </c>
      <c r="F1191" s="8">
        <v>357</v>
      </c>
      <c r="G1191" s="5">
        <v>20</v>
      </c>
      <c r="H1191" s="5" t="s">
        <v>69</v>
      </c>
      <c r="I1191" s="5" t="s">
        <v>27074</v>
      </c>
      <c r="J1191" s="2" t="s">
        <v>27075</v>
      </c>
      <c r="K1191" s="5" t="s">
        <v>27074</v>
      </c>
      <c r="L1191" s="2" t="s">
        <v>27075</v>
      </c>
      <c r="M1191" s="5" t="s">
        <v>24254</v>
      </c>
      <c r="N1191" s="5" t="s">
        <v>38</v>
      </c>
      <c r="O1191" s="5" t="s">
        <v>39</v>
      </c>
      <c r="P1191" s="5" t="s">
        <v>40</v>
      </c>
      <c r="Q1191" s="5" t="s">
        <v>24340</v>
      </c>
      <c r="R1191" s="5" t="s">
        <v>40</v>
      </c>
      <c r="S1191" s="5" t="s">
        <v>42</v>
      </c>
      <c r="T1191" s="2">
        <v>9.766</v>
      </c>
      <c r="U1191" s="2">
        <v>8.2870000000000008</v>
      </c>
      <c r="V1191" s="2">
        <v>8.3000000000000004E-2</v>
      </c>
      <c r="W1191" s="2">
        <v>12</v>
      </c>
      <c r="X1191" s="2">
        <v>50</v>
      </c>
      <c r="Y1191" s="2">
        <v>137.9</v>
      </c>
      <c r="Z1191" s="5">
        <v>10</v>
      </c>
      <c r="AA1191" s="5" t="s">
        <v>43</v>
      </c>
      <c r="AB1191" s="5" t="s">
        <v>44</v>
      </c>
      <c r="AC1191" s="2" t="s">
        <v>29225</v>
      </c>
      <c r="AD1191" s="1"/>
    </row>
    <row r="1192" spans="1:30">
      <c r="A1192" s="5" t="s">
        <v>83578</v>
      </c>
      <c r="B1192" s="2" t="s">
        <v>87159</v>
      </c>
      <c r="C1192" s="14" t="s">
        <v>87160</v>
      </c>
      <c r="D1192" s="2" t="s">
        <v>87161</v>
      </c>
      <c r="E1192" s="2" t="s">
        <v>29164</v>
      </c>
      <c r="F1192" s="8">
        <v>357</v>
      </c>
      <c r="G1192" s="5">
        <v>20</v>
      </c>
      <c r="H1192" s="5" t="s">
        <v>69</v>
      </c>
      <c r="I1192" s="5" t="s">
        <v>27074</v>
      </c>
      <c r="J1192" s="2" t="s">
        <v>27075</v>
      </c>
      <c r="K1192" s="5" t="s">
        <v>27074</v>
      </c>
      <c r="L1192" s="2" t="s">
        <v>27075</v>
      </c>
      <c r="M1192" s="5" t="s">
        <v>24254</v>
      </c>
      <c r="N1192" s="5" t="s">
        <v>38</v>
      </c>
      <c r="O1192" s="5" t="s">
        <v>39</v>
      </c>
      <c r="P1192" s="5" t="s">
        <v>40</v>
      </c>
      <c r="Q1192" s="5" t="s">
        <v>24340</v>
      </c>
      <c r="R1192" s="5" t="s">
        <v>40</v>
      </c>
      <c r="S1192" s="5" t="s">
        <v>42</v>
      </c>
      <c r="T1192" s="2">
        <v>10.384</v>
      </c>
      <c r="U1192" s="2">
        <v>8.9049999999999994</v>
      </c>
      <c r="V1192" s="2">
        <v>8.3000000000000004E-2</v>
      </c>
      <c r="W1192" s="2">
        <v>12</v>
      </c>
      <c r="X1192" s="2">
        <v>50</v>
      </c>
      <c r="Y1192" s="2">
        <v>137.9</v>
      </c>
      <c r="Z1192" s="5">
        <v>10</v>
      </c>
      <c r="AA1192" s="5" t="s">
        <v>43</v>
      </c>
      <c r="AB1192" s="5" t="s">
        <v>44</v>
      </c>
      <c r="AC1192" s="2" t="s">
        <v>29165</v>
      </c>
      <c r="AD1192" s="1"/>
    </row>
    <row r="1193" spans="1:30">
      <c r="A1193" s="5" t="s">
        <v>83578</v>
      </c>
      <c r="B1193" s="2" t="s">
        <v>87162</v>
      </c>
      <c r="C1193" s="14" t="s">
        <v>87163</v>
      </c>
      <c r="D1193" s="2" t="s">
        <v>87164</v>
      </c>
      <c r="E1193" s="2" t="s">
        <v>29169</v>
      </c>
      <c r="F1193" s="8">
        <v>357</v>
      </c>
      <c r="G1193" s="5">
        <v>20</v>
      </c>
      <c r="H1193" s="5" t="s">
        <v>69</v>
      </c>
      <c r="I1193" s="5" t="s">
        <v>27074</v>
      </c>
      <c r="J1193" s="2" t="s">
        <v>27075</v>
      </c>
      <c r="K1193" s="5" t="s">
        <v>27074</v>
      </c>
      <c r="L1193" s="2" t="s">
        <v>27075</v>
      </c>
      <c r="M1193" s="5" t="s">
        <v>24254</v>
      </c>
      <c r="N1193" s="5" t="s">
        <v>38</v>
      </c>
      <c r="O1193" s="5" t="s">
        <v>39</v>
      </c>
      <c r="P1193" s="5" t="s">
        <v>40</v>
      </c>
      <c r="Q1193" s="5" t="s">
        <v>24340</v>
      </c>
      <c r="R1193" s="5" t="s">
        <v>40</v>
      </c>
      <c r="S1193" s="5" t="s">
        <v>42</v>
      </c>
      <c r="T1193" s="2">
        <v>7.2990000000000004</v>
      </c>
      <c r="U1193" s="2">
        <v>5.82</v>
      </c>
      <c r="V1193" s="2">
        <v>8.3000000000000004E-2</v>
      </c>
      <c r="W1193" s="2">
        <v>12</v>
      </c>
      <c r="X1193" s="2">
        <v>50</v>
      </c>
      <c r="Y1193" s="2">
        <v>137.9</v>
      </c>
      <c r="Z1193" s="5">
        <v>10</v>
      </c>
      <c r="AA1193" s="5" t="s">
        <v>43</v>
      </c>
      <c r="AB1193" s="5" t="s">
        <v>44</v>
      </c>
      <c r="AC1193" s="2" t="s">
        <v>29225</v>
      </c>
      <c r="AD1193" s="1"/>
    </row>
    <row r="1194" spans="1:30">
      <c r="A1194" s="5" t="s">
        <v>83578</v>
      </c>
      <c r="B1194" s="2" t="s">
        <v>87165</v>
      </c>
      <c r="C1194" s="14" t="s">
        <v>87166</v>
      </c>
      <c r="D1194" s="2" t="s">
        <v>87167</v>
      </c>
      <c r="E1194" s="2" t="s">
        <v>29169</v>
      </c>
      <c r="F1194" s="8">
        <v>357</v>
      </c>
      <c r="G1194" s="5">
        <v>20</v>
      </c>
      <c r="H1194" s="5" t="s">
        <v>69</v>
      </c>
      <c r="I1194" s="5" t="s">
        <v>27074</v>
      </c>
      <c r="J1194" s="2" t="s">
        <v>27075</v>
      </c>
      <c r="K1194" s="5" t="s">
        <v>27074</v>
      </c>
      <c r="L1194" s="2" t="s">
        <v>27075</v>
      </c>
      <c r="M1194" s="5" t="s">
        <v>24254</v>
      </c>
      <c r="N1194" s="5" t="s">
        <v>38</v>
      </c>
      <c r="O1194" s="5" t="s">
        <v>39</v>
      </c>
      <c r="P1194" s="5" t="s">
        <v>40</v>
      </c>
      <c r="Q1194" s="5" t="s">
        <v>24340</v>
      </c>
      <c r="R1194" s="5" t="s">
        <v>40</v>
      </c>
      <c r="S1194" s="5" t="s">
        <v>42</v>
      </c>
      <c r="T1194" s="2">
        <v>7.6719999999999997</v>
      </c>
      <c r="U1194" s="2">
        <v>6.1929999999999996</v>
      </c>
      <c r="V1194" s="2">
        <v>8.3000000000000004E-2</v>
      </c>
      <c r="W1194" s="2">
        <v>12</v>
      </c>
      <c r="X1194" s="2">
        <v>50</v>
      </c>
      <c r="Y1194" s="2">
        <v>137.9</v>
      </c>
      <c r="Z1194" s="5">
        <v>10</v>
      </c>
      <c r="AA1194" s="5" t="s">
        <v>43</v>
      </c>
      <c r="AB1194" s="5" t="s">
        <v>44</v>
      </c>
      <c r="AC1194" s="2" t="s">
        <v>29165</v>
      </c>
      <c r="AD1194" s="1"/>
    </row>
    <row r="1195" spans="1:30">
      <c r="A1195" s="5" t="s">
        <v>83578</v>
      </c>
      <c r="B1195" s="2" t="s">
        <v>87168</v>
      </c>
      <c r="C1195" s="14" t="s">
        <v>87169</v>
      </c>
      <c r="D1195" s="2" t="s">
        <v>87170</v>
      </c>
      <c r="E1195" s="2" t="s">
        <v>29173</v>
      </c>
      <c r="F1195" s="8">
        <v>357</v>
      </c>
      <c r="G1195" s="5">
        <v>20</v>
      </c>
      <c r="H1195" s="5" t="s">
        <v>69</v>
      </c>
      <c r="I1195" s="5" t="s">
        <v>27074</v>
      </c>
      <c r="J1195" s="2" t="s">
        <v>27075</v>
      </c>
      <c r="K1195" s="5" t="s">
        <v>27074</v>
      </c>
      <c r="L1195" s="2" t="s">
        <v>27075</v>
      </c>
      <c r="M1195" s="5" t="s">
        <v>24254</v>
      </c>
      <c r="N1195" s="5" t="s">
        <v>38</v>
      </c>
      <c r="O1195" s="5" t="s">
        <v>39</v>
      </c>
      <c r="P1195" s="5" t="s">
        <v>40</v>
      </c>
      <c r="Q1195" s="5" t="s">
        <v>24340</v>
      </c>
      <c r="R1195" s="5" t="s">
        <v>40</v>
      </c>
      <c r="S1195" s="5" t="s">
        <v>42</v>
      </c>
      <c r="T1195" s="2">
        <v>7.0469999999999997</v>
      </c>
      <c r="U1195" s="2">
        <v>5.5679999999999996</v>
      </c>
      <c r="V1195" s="2">
        <v>8.3000000000000004E-2</v>
      </c>
      <c r="W1195" s="2">
        <v>12</v>
      </c>
      <c r="X1195" s="2">
        <v>50</v>
      </c>
      <c r="Y1195" s="2">
        <v>137.9</v>
      </c>
      <c r="Z1195" s="5">
        <v>10</v>
      </c>
      <c r="AA1195" s="5" t="s">
        <v>43</v>
      </c>
      <c r="AB1195" s="5" t="s">
        <v>44</v>
      </c>
      <c r="AC1195" s="2" t="s">
        <v>29229</v>
      </c>
      <c r="AD1195" s="1"/>
    </row>
    <row r="1196" spans="1:30">
      <c r="A1196" s="5" t="s">
        <v>83578</v>
      </c>
      <c r="B1196" s="2" t="s">
        <v>87171</v>
      </c>
      <c r="C1196" s="14" t="s">
        <v>87172</v>
      </c>
      <c r="D1196" s="2" t="s">
        <v>87173</v>
      </c>
      <c r="E1196" s="2" t="s">
        <v>29173</v>
      </c>
      <c r="F1196" s="8">
        <v>357</v>
      </c>
      <c r="G1196" s="5">
        <v>20</v>
      </c>
      <c r="H1196" s="5" t="s">
        <v>69</v>
      </c>
      <c r="I1196" s="5" t="s">
        <v>27074</v>
      </c>
      <c r="J1196" s="2" t="s">
        <v>27075</v>
      </c>
      <c r="K1196" s="5" t="s">
        <v>27074</v>
      </c>
      <c r="L1196" s="2" t="s">
        <v>27075</v>
      </c>
      <c r="M1196" s="5" t="s">
        <v>24254</v>
      </c>
      <c r="N1196" s="5" t="s">
        <v>38</v>
      </c>
      <c r="O1196" s="5" t="s">
        <v>39</v>
      </c>
      <c r="P1196" s="5" t="s">
        <v>40</v>
      </c>
      <c r="Q1196" s="5" t="s">
        <v>24340</v>
      </c>
      <c r="R1196" s="5" t="s">
        <v>40</v>
      </c>
      <c r="S1196" s="5" t="s">
        <v>42</v>
      </c>
      <c r="T1196" s="2">
        <v>7.67</v>
      </c>
      <c r="U1196" s="2">
        <v>6.1909999999999998</v>
      </c>
      <c r="V1196" s="2">
        <v>8.3000000000000004E-2</v>
      </c>
      <c r="W1196" s="2">
        <v>12</v>
      </c>
      <c r="X1196" s="2">
        <v>50</v>
      </c>
      <c r="Y1196" s="2">
        <v>137.9</v>
      </c>
      <c r="Z1196" s="5">
        <v>10</v>
      </c>
      <c r="AA1196" s="5" t="s">
        <v>43</v>
      </c>
      <c r="AB1196" s="5" t="s">
        <v>44</v>
      </c>
      <c r="AC1196" s="2" t="s">
        <v>28941</v>
      </c>
      <c r="AD1196" s="1"/>
    </row>
    <row r="1197" spans="1:30">
      <c r="A1197" s="5" t="s">
        <v>83578</v>
      </c>
      <c r="B1197" s="2" t="s">
        <v>87174</v>
      </c>
      <c r="C1197" s="14" t="s">
        <v>87175</v>
      </c>
      <c r="D1197" s="2" t="s">
        <v>87176</v>
      </c>
      <c r="E1197" s="2" t="s">
        <v>28940</v>
      </c>
      <c r="F1197" s="8">
        <v>357</v>
      </c>
      <c r="G1197" s="5">
        <v>20</v>
      </c>
      <c r="H1197" s="5" t="s">
        <v>69</v>
      </c>
      <c r="I1197" s="5" t="s">
        <v>27074</v>
      </c>
      <c r="J1197" s="2" t="s">
        <v>27075</v>
      </c>
      <c r="K1197" s="5" t="s">
        <v>27074</v>
      </c>
      <c r="L1197" s="2" t="s">
        <v>27075</v>
      </c>
      <c r="M1197" s="5" t="s">
        <v>24254</v>
      </c>
      <c r="N1197" s="5" t="s">
        <v>38</v>
      </c>
      <c r="O1197" s="5" t="s">
        <v>39</v>
      </c>
      <c r="P1197" s="5" t="s">
        <v>40</v>
      </c>
      <c r="Q1197" s="5" t="s">
        <v>24340</v>
      </c>
      <c r="R1197" s="5" t="s">
        <v>40</v>
      </c>
      <c r="S1197" s="5" t="s">
        <v>42</v>
      </c>
      <c r="T1197" s="2">
        <v>9.0030000000000001</v>
      </c>
      <c r="U1197" s="2">
        <v>7.524</v>
      </c>
      <c r="V1197" s="2">
        <v>8.3000000000000004E-2</v>
      </c>
      <c r="W1197" s="2">
        <v>12</v>
      </c>
      <c r="X1197" s="2">
        <v>50</v>
      </c>
      <c r="Y1197" s="2">
        <v>137.9</v>
      </c>
      <c r="Z1197" s="5">
        <v>10</v>
      </c>
      <c r="AA1197" s="5" t="s">
        <v>43</v>
      </c>
      <c r="AB1197" s="5" t="s">
        <v>44</v>
      </c>
      <c r="AC1197" s="2" t="s">
        <v>29229</v>
      </c>
      <c r="AD1197" s="1"/>
    </row>
    <row r="1198" spans="1:30">
      <c r="A1198" s="5" t="s">
        <v>83578</v>
      </c>
      <c r="B1198" s="2" t="s">
        <v>87177</v>
      </c>
      <c r="C1198" s="14" t="s">
        <v>87178</v>
      </c>
      <c r="D1198" s="2" t="s">
        <v>87179</v>
      </c>
      <c r="E1198" s="2" t="s">
        <v>28896</v>
      </c>
      <c r="F1198" s="8">
        <v>357</v>
      </c>
      <c r="G1198" s="5">
        <v>20</v>
      </c>
      <c r="H1198" s="5" t="s">
        <v>69</v>
      </c>
      <c r="I1198" s="5" t="s">
        <v>27074</v>
      </c>
      <c r="J1198" s="2" t="s">
        <v>27075</v>
      </c>
      <c r="K1198" s="5" t="s">
        <v>27074</v>
      </c>
      <c r="L1198" s="2" t="s">
        <v>27075</v>
      </c>
      <c r="M1198" s="5" t="s">
        <v>24254</v>
      </c>
      <c r="N1198" s="5" t="s">
        <v>38</v>
      </c>
      <c r="O1198" s="5" t="s">
        <v>39</v>
      </c>
      <c r="P1198" s="5" t="s">
        <v>40</v>
      </c>
      <c r="Q1198" s="5" t="s">
        <v>25301</v>
      </c>
      <c r="R1198" s="5" t="s">
        <v>40</v>
      </c>
      <c r="S1198" s="5" t="s">
        <v>42</v>
      </c>
      <c r="T1198" s="2">
        <v>9.2070000000000007</v>
      </c>
      <c r="U1198" s="2">
        <v>7.7279999999999998</v>
      </c>
      <c r="V1198" s="2">
        <v>8.3000000000000004E-2</v>
      </c>
      <c r="W1198" s="2">
        <v>12</v>
      </c>
      <c r="X1198" s="2">
        <v>50</v>
      </c>
      <c r="Y1198" s="2">
        <v>137.9</v>
      </c>
      <c r="Z1198" s="5">
        <v>10</v>
      </c>
      <c r="AA1198" s="5" t="s">
        <v>43</v>
      </c>
      <c r="AB1198" s="5" t="s">
        <v>44</v>
      </c>
      <c r="AC1198" s="2" t="s">
        <v>28897</v>
      </c>
      <c r="AD1198" s="1"/>
    </row>
    <row r="1199" spans="1:30">
      <c r="A1199" s="5" t="s">
        <v>83578</v>
      </c>
      <c r="B1199" s="2" t="s">
        <v>87180</v>
      </c>
      <c r="C1199" s="14" t="s">
        <v>87181</v>
      </c>
      <c r="D1199" s="2" t="s">
        <v>87182</v>
      </c>
      <c r="E1199" s="2" t="s">
        <v>28959</v>
      </c>
      <c r="F1199" s="8">
        <v>357</v>
      </c>
      <c r="G1199" s="5">
        <v>20</v>
      </c>
      <c r="H1199" s="5" t="s">
        <v>69</v>
      </c>
      <c r="I1199" s="5" t="s">
        <v>27074</v>
      </c>
      <c r="J1199" s="2" t="s">
        <v>27075</v>
      </c>
      <c r="K1199" s="5" t="s">
        <v>27074</v>
      </c>
      <c r="L1199" s="2" t="s">
        <v>27075</v>
      </c>
      <c r="M1199" s="5" t="s">
        <v>24254</v>
      </c>
      <c r="N1199" s="5" t="s">
        <v>38</v>
      </c>
      <c r="O1199" s="5" t="s">
        <v>39</v>
      </c>
      <c r="P1199" s="5" t="s">
        <v>40</v>
      </c>
      <c r="Q1199" s="5" t="s">
        <v>25301</v>
      </c>
      <c r="R1199" s="5" t="s">
        <v>40</v>
      </c>
      <c r="S1199" s="5" t="s">
        <v>42</v>
      </c>
      <c r="T1199" s="2">
        <v>6.851</v>
      </c>
      <c r="U1199" s="2">
        <v>5.3719999999999999</v>
      </c>
      <c r="V1199" s="2">
        <v>8.3000000000000004E-2</v>
      </c>
      <c r="W1199" s="2">
        <v>12</v>
      </c>
      <c r="X1199" s="2">
        <v>50</v>
      </c>
      <c r="Y1199" s="2">
        <v>137.9</v>
      </c>
      <c r="Z1199" s="5">
        <v>10</v>
      </c>
      <c r="AA1199" s="5" t="s">
        <v>43</v>
      </c>
      <c r="AB1199" s="5" t="s">
        <v>44</v>
      </c>
      <c r="AC1199" s="2" t="s">
        <v>28897</v>
      </c>
      <c r="AD1199" s="1"/>
    </row>
    <row r="1200" spans="1:30">
      <c r="A1200" s="5" t="s">
        <v>83578</v>
      </c>
      <c r="B1200" s="2" t="s">
        <v>87183</v>
      </c>
      <c r="C1200" s="14" t="s">
        <v>87184</v>
      </c>
      <c r="D1200" s="2" t="s">
        <v>87185</v>
      </c>
      <c r="E1200" s="2" t="s">
        <v>28901</v>
      </c>
      <c r="F1200" s="8">
        <v>357</v>
      </c>
      <c r="G1200" s="5">
        <v>20</v>
      </c>
      <c r="H1200" s="5" t="s">
        <v>69</v>
      </c>
      <c r="I1200" s="5" t="s">
        <v>27074</v>
      </c>
      <c r="J1200" s="2" t="s">
        <v>27075</v>
      </c>
      <c r="K1200" s="5" t="s">
        <v>27074</v>
      </c>
      <c r="L1200" s="2" t="s">
        <v>27075</v>
      </c>
      <c r="M1200" s="5" t="s">
        <v>24254</v>
      </c>
      <c r="N1200" s="5" t="s">
        <v>38</v>
      </c>
      <c r="O1200" s="5" t="s">
        <v>39</v>
      </c>
      <c r="P1200" s="5" t="s">
        <v>40</v>
      </c>
      <c r="Q1200" s="5" t="s">
        <v>25301</v>
      </c>
      <c r="R1200" s="5" t="s">
        <v>40</v>
      </c>
      <c r="S1200" s="5" t="s">
        <v>42</v>
      </c>
      <c r="T1200" s="2">
        <v>7.01</v>
      </c>
      <c r="U1200" s="2">
        <v>5.5309999999999997</v>
      </c>
      <c r="V1200" s="2">
        <v>8.3000000000000004E-2</v>
      </c>
      <c r="W1200" s="2">
        <v>12</v>
      </c>
      <c r="X1200" s="2">
        <v>50</v>
      </c>
      <c r="Y1200" s="2">
        <v>137.9</v>
      </c>
      <c r="Z1200" s="5">
        <v>10</v>
      </c>
      <c r="AA1200" s="5" t="s">
        <v>43</v>
      </c>
      <c r="AB1200" s="5" t="s">
        <v>44</v>
      </c>
      <c r="AC1200" s="2" t="s">
        <v>28902</v>
      </c>
      <c r="AD1200" s="1"/>
    </row>
    <row r="1201" spans="1:30">
      <c r="A1201" s="5" t="s">
        <v>83578</v>
      </c>
      <c r="B1201" s="2" t="s">
        <v>87186</v>
      </c>
      <c r="C1201" s="14" t="s">
        <v>87187</v>
      </c>
      <c r="D1201" s="2" t="s">
        <v>87188</v>
      </c>
      <c r="E1201" s="2" t="s">
        <v>28927</v>
      </c>
      <c r="F1201" s="8">
        <v>365</v>
      </c>
      <c r="G1201" s="5">
        <v>20</v>
      </c>
      <c r="H1201" s="5" t="s">
        <v>69</v>
      </c>
      <c r="I1201" s="5" t="s">
        <v>27074</v>
      </c>
      <c r="J1201" s="2" t="s">
        <v>27075</v>
      </c>
      <c r="K1201" s="5" t="s">
        <v>27074</v>
      </c>
      <c r="L1201" s="2" t="s">
        <v>27075</v>
      </c>
      <c r="M1201" s="5" t="s">
        <v>24254</v>
      </c>
      <c r="N1201" s="5" t="s">
        <v>38</v>
      </c>
      <c r="O1201" s="5" t="s">
        <v>39</v>
      </c>
      <c r="P1201" s="5" t="s">
        <v>40</v>
      </c>
      <c r="Q1201" s="5" t="s">
        <v>24340</v>
      </c>
      <c r="R1201" s="5" t="s">
        <v>40</v>
      </c>
      <c r="S1201" s="5" t="s">
        <v>42</v>
      </c>
      <c r="T1201" s="2">
        <v>14.053000000000001</v>
      </c>
      <c r="U1201" s="2">
        <v>12.396000000000001</v>
      </c>
      <c r="V1201" s="2">
        <v>9.2999999999999999E-2</v>
      </c>
      <c r="W1201" s="2">
        <v>12</v>
      </c>
      <c r="X1201" s="2">
        <v>50</v>
      </c>
      <c r="Y1201" s="2">
        <v>154.4</v>
      </c>
      <c r="Z1201" s="5">
        <v>8</v>
      </c>
      <c r="AA1201" s="5" t="s">
        <v>43</v>
      </c>
      <c r="AB1201" s="5" t="s">
        <v>44</v>
      </c>
      <c r="AC1201" s="2" t="s">
        <v>28928</v>
      </c>
      <c r="AD1201" s="1"/>
    </row>
    <row r="1202" spans="1:30">
      <c r="A1202" s="5" t="s">
        <v>83578</v>
      </c>
      <c r="B1202" s="2" t="s">
        <v>87189</v>
      </c>
      <c r="C1202" s="14" t="s">
        <v>87190</v>
      </c>
      <c r="D1202" s="2" t="s">
        <v>87191</v>
      </c>
      <c r="E1202" s="2" t="s">
        <v>28932</v>
      </c>
      <c r="F1202" s="8">
        <v>365</v>
      </c>
      <c r="G1202" s="5">
        <v>20</v>
      </c>
      <c r="H1202" s="5" t="s">
        <v>69</v>
      </c>
      <c r="I1202" s="5" t="s">
        <v>27074</v>
      </c>
      <c r="J1202" s="2" t="s">
        <v>27075</v>
      </c>
      <c r="K1202" s="5" t="s">
        <v>27074</v>
      </c>
      <c r="L1202" s="2" t="s">
        <v>27075</v>
      </c>
      <c r="M1202" s="5" t="s">
        <v>24254</v>
      </c>
      <c r="N1202" s="5" t="s">
        <v>38</v>
      </c>
      <c r="O1202" s="5" t="s">
        <v>39</v>
      </c>
      <c r="P1202" s="5" t="s">
        <v>40</v>
      </c>
      <c r="Q1202" s="5" t="s">
        <v>24340</v>
      </c>
      <c r="R1202" s="5" t="s">
        <v>40</v>
      </c>
      <c r="S1202" s="5" t="s">
        <v>42</v>
      </c>
      <c r="T1202" s="2">
        <v>10.545999999999999</v>
      </c>
      <c r="U1202" s="2">
        <v>8.8889999999999993</v>
      </c>
      <c r="V1202" s="2">
        <v>9.2999999999999999E-2</v>
      </c>
      <c r="W1202" s="2">
        <v>12</v>
      </c>
      <c r="X1202" s="2">
        <v>50</v>
      </c>
      <c r="Y1202" s="2">
        <v>154.4</v>
      </c>
      <c r="Z1202" s="5">
        <v>8</v>
      </c>
      <c r="AA1202" s="5" t="s">
        <v>43</v>
      </c>
      <c r="AB1202" s="5" t="s">
        <v>44</v>
      </c>
      <c r="AC1202" s="2" t="s">
        <v>28928</v>
      </c>
      <c r="AD1202" s="1"/>
    </row>
    <row r="1203" spans="1:30">
      <c r="A1203" s="5" t="s">
        <v>83578</v>
      </c>
      <c r="B1203" s="2" t="s">
        <v>87192</v>
      </c>
      <c r="C1203" s="14" t="s">
        <v>87193</v>
      </c>
      <c r="D1203" s="2" t="s">
        <v>87194</v>
      </c>
      <c r="E1203" s="2" t="s">
        <v>28936</v>
      </c>
      <c r="F1203" s="8">
        <v>365</v>
      </c>
      <c r="G1203" s="5">
        <v>20</v>
      </c>
      <c r="H1203" s="5" t="s">
        <v>69</v>
      </c>
      <c r="I1203" s="5" t="s">
        <v>27074</v>
      </c>
      <c r="J1203" s="2" t="s">
        <v>27075</v>
      </c>
      <c r="K1203" s="5" t="s">
        <v>27074</v>
      </c>
      <c r="L1203" s="2" t="s">
        <v>27075</v>
      </c>
      <c r="M1203" s="5" t="s">
        <v>24254</v>
      </c>
      <c r="N1203" s="5" t="s">
        <v>38</v>
      </c>
      <c r="O1203" s="5" t="s">
        <v>39</v>
      </c>
      <c r="P1203" s="5" t="s">
        <v>40</v>
      </c>
      <c r="Q1203" s="5" t="s">
        <v>24340</v>
      </c>
      <c r="R1203" s="5" t="s">
        <v>40</v>
      </c>
      <c r="S1203" s="5" t="s">
        <v>42</v>
      </c>
      <c r="T1203" s="2">
        <v>9.7590000000000003</v>
      </c>
      <c r="U1203" s="2">
        <v>8.1359999999999992</v>
      </c>
      <c r="V1203" s="2">
        <v>9.2999999999999999E-2</v>
      </c>
      <c r="W1203" s="2">
        <v>12</v>
      </c>
      <c r="X1203" s="2">
        <v>50</v>
      </c>
      <c r="Y1203" s="2">
        <v>154.4</v>
      </c>
      <c r="Z1203" s="5">
        <v>8</v>
      </c>
      <c r="AA1203" s="5" t="s">
        <v>43</v>
      </c>
      <c r="AB1203" s="5" t="s">
        <v>44</v>
      </c>
      <c r="AC1203" s="2" t="s">
        <v>28928</v>
      </c>
      <c r="AD1203" s="1"/>
    </row>
    <row r="1204" spans="1:30">
      <c r="A1204" s="5" t="s">
        <v>83578</v>
      </c>
      <c r="B1204" s="2" t="s">
        <v>87195</v>
      </c>
      <c r="C1204" s="14" t="s">
        <v>87196</v>
      </c>
      <c r="D1204" s="2" t="s">
        <v>87197</v>
      </c>
      <c r="E1204" s="2" t="s">
        <v>29164</v>
      </c>
      <c r="F1204" s="8">
        <v>365</v>
      </c>
      <c r="G1204" s="5">
        <v>20</v>
      </c>
      <c r="H1204" s="5" t="s">
        <v>69</v>
      </c>
      <c r="I1204" s="5" t="s">
        <v>27074</v>
      </c>
      <c r="J1204" s="2" t="s">
        <v>27075</v>
      </c>
      <c r="K1204" s="5" t="s">
        <v>27074</v>
      </c>
      <c r="L1204" s="2" t="s">
        <v>27075</v>
      </c>
      <c r="M1204" s="5" t="s">
        <v>24254</v>
      </c>
      <c r="N1204" s="5" t="s">
        <v>38</v>
      </c>
      <c r="O1204" s="5" t="s">
        <v>39</v>
      </c>
      <c r="P1204" s="5" t="s">
        <v>40</v>
      </c>
      <c r="Q1204" s="5" t="s">
        <v>24340</v>
      </c>
      <c r="R1204" s="5" t="s">
        <v>40</v>
      </c>
      <c r="S1204" s="5" t="s">
        <v>42</v>
      </c>
      <c r="T1204" s="2">
        <v>11.003</v>
      </c>
      <c r="U1204" s="2">
        <v>9.3800000000000008</v>
      </c>
      <c r="V1204" s="2">
        <v>9.2999999999999999E-2</v>
      </c>
      <c r="W1204" s="2">
        <v>12</v>
      </c>
      <c r="X1204" s="2">
        <v>50</v>
      </c>
      <c r="Y1204" s="2">
        <v>154.4</v>
      </c>
      <c r="Z1204" s="5">
        <v>10</v>
      </c>
      <c r="AA1204" s="5" t="s">
        <v>43</v>
      </c>
      <c r="AB1204" s="5" t="s">
        <v>44</v>
      </c>
      <c r="AC1204" s="2" t="s">
        <v>29225</v>
      </c>
      <c r="AD1204" s="1"/>
    </row>
    <row r="1205" spans="1:30">
      <c r="A1205" s="5" t="s">
        <v>83578</v>
      </c>
      <c r="B1205" s="2" t="s">
        <v>87198</v>
      </c>
      <c r="C1205" s="14" t="s">
        <v>87199</v>
      </c>
      <c r="D1205" s="2" t="s">
        <v>87200</v>
      </c>
      <c r="E1205" s="2" t="s">
        <v>29164</v>
      </c>
      <c r="F1205" s="8">
        <v>365</v>
      </c>
      <c r="G1205" s="5">
        <v>20</v>
      </c>
      <c r="H1205" s="5" t="s">
        <v>69</v>
      </c>
      <c r="I1205" s="5" t="s">
        <v>27074</v>
      </c>
      <c r="J1205" s="2" t="s">
        <v>27075</v>
      </c>
      <c r="K1205" s="5" t="s">
        <v>27074</v>
      </c>
      <c r="L1205" s="2" t="s">
        <v>27075</v>
      </c>
      <c r="M1205" s="5" t="s">
        <v>24254</v>
      </c>
      <c r="N1205" s="5" t="s">
        <v>38</v>
      </c>
      <c r="O1205" s="5" t="s">
        <v>39</v>
      </c>
      <c r="P1205" s="5" t="s">
        <v>40</v>
      </c>
      <c r="Q1205" s="5" t="s">
        <v>24340</v>
      </c>
      <c r="R1205" s="5" t="s">
        <v>40</v>
      </c>
      <c r="S1205" s="5" t="s">
        <v>42</v>
      </c>
      <c r="T1205" s="2">
        <v>11.621</v>
      </c>
      <c r="U1205" s="2">
        <v>9.9979999999999993</v>
      </c>
      <c r="V1205" s="2">
        <v>9.2999999999999999E-2</v>
      </c>
      <c r="W1205" s="2">
        <v>12</v>
      </c>
      <c r="X1205" s="2">
        <v>50</v>
      </c>
      <c r="Y1205" s="2">
        <v>154.4</v>
      </c>
      <c r="Z1205" s="5">
        <v>10</v>
      </c>
      <c r="AA1205" s="5" t="s">
        <v>43</v>
      </c>
      <c r="AB1205" s="5" t="s">
        <v>44</v>
      </c>
      <c r="AC1205" s="2" t="s">
        <v>29165</v>
      </c>
      <c r="AD1205" s="1"/>
    </row>
    <row r="1206" spans="1:30">
      <c r="A1206" s="5" t="s">
        <v>83578</v>
      </c>
      <c r="B1206" s="2" t="s">
        <v>87201</v>
      </c>
      <c r="C1206" s="14" t="s">
        <v>87202</v>
      </c>
      <c r="D1206" s="2" t="s">
        <v>87203</v>
      </c>
      <c r="E1206" s="2" t="s">
        <v>29169</v>
      </c>
      <c r="F1206" s="8">
        <v>365</v>
      </c>
      <c r="G1206" s="5">
        <v>20</v>
      </c>
      <c r="H1206" s="5" t="s">
        <v>69</v>
      </c>
      <c r="I1206" s="5" t="s">
        <v>27074</v>
      </c>
      <c r="J1206" s="2" t="s">
        <v>27075</v>
      </c>
      <c r="K1206" s="5" t="s">
        <v>27074</v>
      </c>
      <c r="L1206" s="2" t="s">
        <v>27075</v>
      </c>
      <c r="M1206" s="5" t="s">
        <v>24254</v>
      </c>
      <c r="N1206" s="5" t="s">
        <v>38</v>
      </c>
      <c r="O1206" s="5" t="s">
        <v>39</v>
      </c>
      <c r="P1206" s="5" t="s">
        <v>40</v>
      </c>
      <c r="Q1206" s="5" t="s">
        <v>24340</v>
      </c>
      <c r="R1206" s="5" t="s">
        <v>40</v>
      </c>
      <c r="S1206" s="5" t="s">
        <v>42</v>
      </c>
      <c r="T1206" s="2">
        <v>8.2059999999999995</v>
      </c>
      <c r="U1206" s="2">
        <v>6.5830000000000002</v>
      </c>
      <c r="V1206" s="2">
        <v>9.2999999999999999E-2</v>
      </c>
      <c r="W1206" s="2">
        <v>12</v>
      </c>
      <c r="X1206" s="2">
        <v>50</v>
      </c>
      <c r="Y1206" s="2">
        <v>154.4</v>
      </c>
      <c r="Z1206" s="5">
        <v>10</v>
      </c>
      <c r="AA1206" s="5" t="s">
        <v>43</v>
      </c>
      <c r="AB1206" s="5" t="s">
        <v>44</v>
      </c>
      <c r="AC1206" s="2" t="s">
        <v>29225</v>
      </c>
      <c r="AD1206" s="1"/>
    </row>
    <row r="1207" spans="1:30">
      <c r="A1207" s="5" t="s">
        <v>83578</v>
      </c>
      <c r="B1207" s="2" t="s">
        <v>87204</v>
      </c>
      <c r="C1207" s="14" t="s">
        <v>87205</v>
      </c>
      <c r="D1207" s="2" t="s">
        <v>87206</v>
      </c>
      <c r="E1207" s="2" t="s">
        <v>29169</v>
      </c>
      <c r="F1207" s="8">
        <v>365</v>
      </c>
      <c r="G1207" s="5">
        <v>20</v>
      </c>
      <c r="H1207" s="5" t="s">
        <v>69</v>
      </c>
      <c r="I1207" s="5" t="s">
        <v>27074</v>
      </c>
      <c r="J1207" s="2" t="s">
        <v>27075</v>
      </c>
      <c r="K1207" s="5" t="s">
        <v>27074</v>
      </c>
      <c r="L1207" s="2" t="s">
        <v>27075</v>
      </c>
      <c r="M1207" s="5" t="s">
        <v>24254</v>
      </c>
      <c r="N1207" s="5" t="s">
        <v>38</v>
      </c>
      <c r="O1207" s="5" t="s">
        <v>39</v>
      </c>
      <c r="P1207" s="5" t="s">
        <v>40</v>
      </c>
      <c r="Q1207" s="5" t="s">
        <v>24340</v>
      </c>
      <c r="R1207" s="5" t="s">
        <v>40</v>
      </c>
      <c r="S1207" s="5" t="s">
        <v>42</v>
      </c>
      <c r="T1207" s="2">
        <v>8.5790000000000006</v>
      </c>
      <c r="U1207" s="2">
        <v>6.9560000000000004</v>
      </c>
      <c r="V1207" s="2">
        <v>9.2999999999999999E-2</v>
      </c>
      <c r="W1207" s="2">
        <v>12</v>
      </c>
      <c r="X1207" s="2">
        <v>50</v>
      </c>
      <c r="Y1207" s="2">
        <v>154.4</v>
      </c>
      <c r="Z1207" s="5">
        <v>10</v>
      </c>
      <c r="AA1207" s="5" t="s">
        <v>43</v>
      </c>
      <c r="AB1207" s="5" t="s">
        <v>44</v>
      </c>
      <c r="AC1207" s="2" t="s">
        <v>29165</v>
      </c>
      <c r="AD1207" s="1"/>
    </row>
    <row r="1208" spans="1:30">
      <c r="A1208" s="5" t="s">
        <v>83578</v>
      </c>
      <c r="B1208" s="2" t="s">
        <v>87207</v>
      </c>
      <c r="C1208" s="14" t="s">
        <v>87208</v>
      </c>
      <c r="D1208" s="2" t="s">
        <v>87209</v>
      </c>
      <c r="E1208" s="2" t="s">
        <v>29173</v>
      </c>
      <c r="F1208" s="8">
        <v>365</v>
      </c>
      <c r="G1208" s="5">
        <v>20</v>
      </c>
      <c r="H1208" s="5" t="s">
        <v>69</v>
      </c>
      <c r="I1208" s="5" t="s">
        <v>27074</v>
      </c>
      <c r="J1208" s="2" t="s">
        <v>27075</v>
      </c>
      <c r="K1208" s="5" t="s">
        <v>27074</v>
      </c>
      <c r="L1208" s="2" t="s">
        <v>27075</v>
      </c>
      <c r="M1208" s="5" t="s">
        <v>24254</v>
      </c>
      <c r="N1208" s="5" t="s">
        <v>38</v>
      </c>
      <c r="O1208" s="5" t="s">
        <v>39</v>
      </c>
      <c r="P1208" s="5" t="s">
        <v>40</v>
      </c>
      <c r="Q1208" s="5" t="s">
        <v>24340</v>
      </c>
      <c r="R1208" s="5" t="s">
        <v>40</v>
      </c>
      <c r="S1208" s="5" t="s">
        <v>42</v>
      </c>
      <c r="T1208" s="2">
        <v>7.8819999999999997</v>
      </c>
      <c r="U1208" s="2">
        <v>6.2590000000000003</v>
      </c>
      <c r="V1208" s="2">
        <v>9.2999999999999999E-2</v>
      </c>
      <c r="W1208" s="2">
        <v>12</v>
      </c>
      <c r="X1208" s="2">
        <v>50</v>
      </c>
      <c r="Y1208" s="2">
        <v>154.4</v>
      </c>
      <c r="Z1208" s="5">
        <v>10</v>
      </c>
      <c r="AA1208" s="5" t="s">
        <v>43</v>
      </c>
      <c r="AB1208" s="5" t="s">
        <v>44</v>
      </c>
      <c r="AC1208" s="2" t="s">
        <v>29229</v>
      </c>
      <c r="AD1208" s="1"/>
    </row>
    <row r="1209" spans="1:30">
      <c r="A1209" s="5" t="s">
        <v>83578</v>
      </c>
      <c r="B1209" s="2" t="s">
        <v>87210</v>
      </c>
      <c r="C1209" s="14" t="s">
        <v>87211</v>
      </c>
      <c r="D1209" s="2" t="s">
        <v>87212</v>
      </c>
      <c r="E1209" s="2" t="s">
        <v>29173</v>
      </c>
      <c r="F1209" s="8">
        <v>365</v>
      </c>
      <c r="G1209" s="5">
        <v>20</v>
      </c>
      <c r="H1209" s="5" t="s">
        <v>69</v>
      </c>
      <c r="I1209" s="5" t="s">
        <v>27074</v>
      </c>
      <c r="J1209" s="2" t="s">
        <v>27075</v>
      </c>
      <c r="K1209" s="5" t="s">
        <v>27074</v>
      </c>
      <c r="L1209" s="2" t="s">
        <v>27075</v>
      </c>
      <c r="M1209" s="5" t="s">
        <v>24254</v>
      </c>
      <c r="N1209" s="5" t="s">
        <v>38</v>
      </c>
      <c r="O1209" s="5" t="s">
        <v>39</v>
      </c>
      <c r="P1209" s="5" t="s">
        <v>40</v>
      </c>
      <c r="Q1209" s="5" t="s">
        <v>24340</v>
      </c>
      <c r="R1209" s="5" t="s">
        <v>40</v>
      </c>
      <c r="S1209" s="5" t="s">
        <v>42</v>
      </c>
      <c r="T1209" s="2">
        <v>8.5050000000000008</v>
      </c>
      <c r="U1209" s="2">
        <v>6.8819999999999997</v>
      </c>
      <c r="V1209" s="2">
        <v>9.2999999999999999E-2</v>
      </c>
      <c r="W1209" s="2">
        <v>12</v>
      </c>
      <c r="X1209" s="2">
        <v>50</v>
      </c>
      <c r="Y1209" s="2">
        <v>154.4</v>
      </c>
      <c r="Z1209" s="5">
        <v>10</v>
      </c>
      <c r="AA1209" s="5" t="s">
        <v>43</v>
      </c>
      <c r="AB1209" s="5" t="s">
        <v>44</v>
      </c>
      <c r="AC1209" s="2" t="s">
        <v>28941</v>
      </c>
      <c r="AD1209" s="1"/>
    </row>
    <row r="1210" spans="1:30">
      <c r="A1210" s="5" t="s">
        <v>83578</v>
      </c>
      <c r="B1210" s="2" t="s">
        <v>87213</v>
      </c>
      <c r="C1210" s="14" t="s">
        <v>87214</v>
      </c>
      <c r="D1210" s="2" t="s">
        <v>87215</v>
      </c>
      <c r="E1210" s="2" t="s">
        <v>28940</v>
      </c>
      <c r="F1210" s="8">
        <v>365</v>
      </c>
      <c r="G1210" s="5">
        <v>20</v>
      </c>
      <c r="H1210" s="5" t="s">
        <v>69</v>
      </c>
      <c r="I1210" s="5" t="s">
        <v>27074</v>
      </c>
      <c r="J1210" s="2" t="s">
        <v>27075</v>
      </c>
      <c r="K1210" s="5" t="s">
        <v>27074</v>
      </c>
      <c r="L1210" s="2" t="s">
        <v>27075</v>
      </c>
      <c r="M1210" s="5" t="s">
        <v>24254</v>
      </c>
      <c r="N1210" s="5" t="s">
        <v>38</v>
      </c>
      <c r="O1210" s="5" t="s">
        <v>39</v>
      </c>
      <c r="P1210" s="5" t="s">
        <v>40</v>
      </c>
      <c r="Q1210" s="5" t="s">
        <v>24340</v>
      </c>
      <c r="R1210" s="5" t="s">
        <v>40</v>
      </c>
      <c r="S1210" s="5" t="s">
        <v>42</v>
      </c>
      <c r="T1210" s="2">
        <v>10.141</v>
      </c>
      <c r="U1210" s="2">
        <v>8.5180000000000007</v>
      </c>
      <c r="V1210" s="2">
        <v>9.2999999999999999E-2</v>
      </c>
      <c r="W1210" s="2">
        <v>12</v>
      </c>
      <c r="X1210" s="2">
        <v>50</v>
      </c>
      <c r="Y1210" s="2">
        <v>154.4</v>
      </c>
      <c r="Z1210" s="5">
        <v>10</v>
      </c>
      <c r="AA1210" s="5" t="s">
        <v>43</v>
      </c>
      <c r="AB1210" s="5" t="s">
        <v>44</v>
      </c>
      <c r="AC1210" s="2" t="s">
        <v>29229</v>
      </c>
      <c r="AD1210" s="1"/>
    </row>
    <row r="1211" spans="1:30">
      <c r="A1211" s="5" t="s">
        <v>83578</v>
      </c>
      <c r="B1211" s="2" t="s">
        <v>87216</v>
      </c>
      <c r="C1211" s="14" t="s">
        <v>87217</v>
      </c>
      <c r="D1211" s="2" t="s">
        <v>87218</v>
      </c>
      <c r="E1211" s="2" t="s">
        <v>28948</v>
      </c>
      <c r="F1211" s="8">
        <v>365</v>
      </c>
      <c r="G1211" s="5">
        <v>20</v>
      </c>
      <c r="H1211" s="5" t="s">
        <v>69</v>
      </c>
      <c r="I1211" s="5" t="s">
        <v>27074</v>
      </c>
      <c r="J1211" s="2" t="s">
        <v>27075</v>
      </c>
      <c r="K1211" s="5" t="s">
        <v>27074</v>
      </c>
      <c r="L1211" s="2" t="s">
        <v>27075</v>
      </c>
      <c r="M1211" s="5" t="s">
        <v>24254</v>
      </c>
      <c r="N1211" s="5" t="s">
        <v>38</v>
      </c>
      <c r="O1211" s="5" t="s">
        <v>39</v>
      </c>
      <c r="P1211" s="5" t="s">
        <v>40</v>
      </c>
      <c r="Q1211" s="5" t="s">
        <v>25301</v>
      </c>
      <c r="R1211" s="5" t="s">
        <v>40</v>
      </c>
      <c r="S1211" s="5" t="s">
        <v>42</v>
      </c>
      <c r="T1211" s="2">
        <v>9.5670000000000002</v>
      </c>
      <c r="U1211" s="2">
        <v>7.91</v>
      </c>
      <c r="V1211" s="2">
        <v>9.2999999999999999E-2</v>
      </c>
      <c r="W1211" s="2">
        <v>12</v>
      </c>
      <c r="X1211" s="2">
        <v>50</v>
      </c>
      <c r="Y1211" s="2">
        <v>154.4</v>
      </c>
      <c r="Z1211" s="5">
        <v>8</v>
      </c>
      <c r="AA1211" s="5" t="s">
        <v>43</v>
      </c>
      <c r="AB1211" s="5" t="s">
        <v>44</v>
      </c>
      <c r="AC1211" s="2" t="s">
        <v>28888</v>
      </c>
      <c r="AD1211" s="1"/>
    </row>
    <row r="1212" spans="1:30">
      <c r="A1212" s="5" t="s">
        <v>83578</v>
      </c>
      <c r="B1212" s="2" t="s">
        <v>87219</v>
      </c>
      <c r="C1212" s="14" t="s">
        <v>87220</v>
      </c>
      <c r="D1212" s="2" t="s">
        <v>87221</v>
      </c>
      <c r="E1212" s="2" t="s">
        <v>28896</v>
      </c>
      <c r="F1212" s="8">
        <v>365</v>
      </c>
      <c r="G1212" s="5">
        <v>20</v>
      </c>
      <c r="H1212" s="5" t="s">
        <v>69</v>
      </c>
      <c r="I1212" s="5" t="s">
        <v>27074</v>
      </c>
      <c r="J1212" s="2" t="s">
        <v>27075</v>
      </c>
      <c r="K1212" s="5" t="s">
        <v>27074</v>
      </c>
      <c r="L1212" s="2" t="s">
        <v>27075</v>
      </c>
      <c r="M1212" s="5" t="s">
        <v>24254</v>
      </c>
      <c r="N1212" s="5" t="s">
        <v>38</v>
      </c>
      <c r="O1212" s="5" t="s">
        <v>39</v>
      </c>
      <c r="P1212" s="5" t="s">
        <v>40</v>
      </c>
      <c r="Q1212" s="5" t="s">
        <v>25301</v>
      </c>
      <c r="R1212" s="5" t="s">
        <v>40</v>
      </c>
      <c r="S1212" s="5" t="s">
        <v>42</v>
      </c>
      <c r="T1212" s="2">
        <v>9.81</v>
      </c>
      <c r="U1212" s="2">
        <v>8.1869999999999994</v>
      </c>
      <c r="V1212" s="2">
        <v>9.2999999999999999E-2</v>
      </c>
      <c r="W1212" s="2">
        <v>12</v>
      </c>
      <c r="X1212" s="2">
        <v>50</v>
      </c>
      <c r="Y1212" s="2">
        <v>154.4</v>
      </c>
      <c r="Z1212" s="5">
        <v>10</v>
      </c>
      <c r="AA1212" s="5" t="s">
        <v>43</v>
      </c>
      <c r="AB1212" s="5" t="s">
        <v>44</v>
      </c>
      <c r="AC1212" s="2" t="s">
        <v>28955</v>
      </c>
      <c r="AD1212" s="1"/>
    </row>
    <row r="1213" spans="1:30">
      <c r="A1213" s="5" t="s">
        <v>83578</v>
      </c>
      <c r="B1213" s="2" t="s">
        <v>87222</v>
      </c>
      <c r="C1213" s="14" t="s">
        <v>87223</v>
      </c>
      <c r="D1213" s="2" t="s">
        <v>87224</v>
      </c>
      <c r="E1213" s="2" t="s">
        <v>28896</v>
      </c>
      <c r="F1213" s="8">
        <v>365</v>
      </c>
      <c r="G1213" s="5">
        <v>20</v>
      </c>
      <c r="H1213" s="5" t="s">
        <v>69</v>
      </c>
      <c r="I1213" s="5" t="s">
        <v>27074</v>
      </c>
      <c r="J1213" s="2" t="s">
        <v>27075</v>
      </c>
      <c r="K1213" s="5" t="s">
        <v>27074</v>
      </c>
      <c r="L1213" s="2" t="s">
        <v>27075</v>
      </c>
      <c r="M1213" s="5" t="s">
        <v>24254</v>
      </c>
      <c r="N1213" s="5" t="s">
        <v>38</v>
      </c>
      <c r="O1213" s="5" t="s">
        <v>39</v>
      </c>
      <c r="P1213" s="5" t="s">
        <v>40</v>
      </c>
      <c r="Q1213" s="5" t="s">
        <v>25301</v>
      </c>
      <c r="R1213" s="5" t="s">
        <v>40</v>
      </c>
      <c r="S1213" s="5" t="s">
        <v>42</v>
      </c>
      <c r="T1213" s="2">
        <v>10.305</v>
      </c>
      <c r="U1213" s="2">
        <v>8.6820000000000004</v>
      </c>
      <c r="V1213" s="2">
        <v>9.2999999999999999E-2</v>
      </c>
      <c r="W1213" s="2">
        <v>12</v>
      </c>
      <c r="X1213" s="2">
        <v>50</v>
      </c>
      <c r="Y1213" s="2">
        <v>154.4</v>
      </c>
      <c r="Z1213" s="5">
        <v>10</v>
      </c>
      <c r="AA1213" s="5" t="s">
        <v>43</v>
      </c>
      <c r="AB1213" s="5" t="s">
        <v>44</v>
      </c>
      <c r="AC1213" s="2" t="s">
        <v>28897</v>
      </c>
      <c r="AD1213" s="1"/>
    </row>
    <row r="1214" spans="1:30">
      <c r="A1214" s="5" t="s">
        <v>83578</v>
      </c>
      <c r="B1214" s="2" t="s">
        <v>87225</v>
      </c>
      <c r="C1214" s="14" t="s">
        <v>87226</v>
      </c>
      <c r="D1214" s="2" t="s">
        <v>87227</v>
      </c>
      <c r="E1214" s="2" t="s">
        <v>28959</v>
      </c>
      <c r="F1214" s="8">
        <v>365</v>
      </c>
      <c r="G1214" s="5">
        <v>20</v>
      </c>
      <c r="H1214" s="5" t="s">
        <v>69</v>
      </c>
      <c r="I1214" s="5" t="s">
        <v>27074</v>
      </c>
      <c r="J1214" s="2" t="s">
        <v>27075</v>
      </c>
      <c r="K1214" s="5" t="s">
        <v>27074</v>
      </c>
      <c r="L1214" s="2" t="s">
        <v>27075</v>
      </c>
      <c r="M1214" s="5" t="s">
        <v>24254</v>
      </c>
      <c r="N1214" s="5" t="s">
        <v>38</v>
      </c>
      <c r="O1214" s="5" t="s">
        <v>39</v>
      </c>
      <c r="P1214" s="5" t="s">
        <v>40</v>
      </c>
      <c r="Q1214" s="5" t="s">
        <v>25301</v>
      </c>
      <c r="R1214" s="5" t="s">
        <v>40</v>
      </c>
      <c r="S1214" s="5" t="s">
        <v>42</v>
      </c>
      <c r="T1214" s="2">
        <v>7.3579999999999997</v>
      </c>
      <c r="U1214" s="2">
        <v>5.7350000000000003</v>
      </c>
      <c r="V1214" s="2">
        <v>9.2999999999999999E-2</v>
      </c>
      <c r="W1214" s="2">
        <v>12</v>
      </c>
      <c r="X1214" s="2">
        <v>50</v>
      </c>
      <c r="Y1214" s="2">
        <v>154.4</v>
      </c>
      <c r="Z1214" s="5">
        <v>10</v>
      </c>
      <c r="AA1214" s="5" t="s">
        <v>43</v>
      </c>
      <c r="AB1214" s="5" t="s">
        <v>44</v>
      </c>
      <c r="AC1214" s="2" t="s">
        <v>28955</v>
      </c>
      <c r="AD1214" s="1"/>
    </row>
    <row r="1215" spans="1:30">
      <c r="A1215" s="5" t="s">
        <v>83578</v>
      </c>
      <c r="B1215" s="2" t="s">
        <v>87228</v>
      </c>
      <c r="C1215" s="14" t="s">
        <v>87229</v>
      </c>
      <c r="D1215" s="2" t="s">
        <v>87230</v>
      </c>
      <c r="E1215" s="2" t="s">
        <v>28959</v>
      </c>
      <c r="F1215" s="8">
        <v>365</v>
      </c>
      <c r="G1215" s="5">
        <v>20</v>
      </c>
      <c r="H1215" s="5" t="s">
        <v>69</v>
      </c>
      <c r="I1215" s="5" t="s">
        <v>27074</v>
      </c>
      <c r="J1215" s="2" t="s">
        <v>27075</v>
      </c>
      <c r="K1215" s="5" t="s">
        <v>27074</v>
      </c>
      <c r="L1215" s="2" t="s">
        <v>27075</v>
      </c>
      <c r="M1215" s="5" t="s">
        <v>24254</v>
      </c>
      <c r="N1215" s="5" t="s">
        <v>38</v>
      </c>
      <c r="O1215" s="5" t="s">
        <v>39</v>
      </c>
      <c r="P1215" s="5" t="s">
        <v>40</v>
      </c>
      <c r="Q1215" s="5" t="s">
        <v>25301</v>
      </c>
      <c r="R1215" s="5" t="s">
        <v>40</v>
      </c>
      <c r="S1215" s="5" t="s">
        <v>42</v>
      </c>
      <c r="T1215" s="2">
        <v>7.6559999999999997</v>
      </c>
      <c r="U1215" s="2">
        <v>6.0330000000000004</v>
      </c>
      <c r="V1215" s="2">
        <v>9.2999999999999999E-2</v>
      </c>
      <c r="W1215" s="2">
        <v>12</v>
      </c>
      <c r="X1215" s="2">
        <v>50</v>
      </c>
      <c r="Y1215" s="2">
        <v>154.4</v>
      </c>
      <c r="Z1215" s="5">
        <v>10</v>
      </c>
      <c r="AA1215" s="5" t="s">
        <v>43</v>
      </c>
      <c r="AB1215" s="5" t="s">
        <v>44</v>
      </c>
      <c r="AC1215" s="2" t="s">
        <v>28897</v>
      </c>
      <c r="AD1215" s="1"/>
    </row>
    <row r="1216" spans="1:30">
      <c r="A1216" s="5" t="s">
        <v>83578</v>
      </c>
      <c r="B1216" s="2" t="s">
        <v>87231</v>
      </c>
      <c r="C1216" s="14" t="s">
        <v>87232</v>
      </c>
      <c r="D1216" s="2" t="s">
        <v>87233</v>
      </c>
      <c r="E1216" s="2" t="s">
        <v>28901</v>
      </c>
      <c r="F1216" s="8">
        <v>365</v>
      </c>
      <c r="G1216" s="5">
        <v>20</v>
      </c>
      <c r="H1216" s="5" t="s">
        <v>69</v>
      </c>
      <c r="I1216" s="5" t="s">
        <v>27074</v>
      </c>
      <c r="J1216" s="2" t="s">
        <v>27075</v>
      </c>
      <c r="K1216" s="5" t="s">
        <v>27074</v>
      </c>
      <c r="L1216" s="2" t="s">
        <v>27075</v>
      </c>
      <c r="M1216" s="5" t="s">
        <v>24254</v>
      </c>
      <c r="N1216" s="5" t="s">
        <v>38</v>
      </c>
      <c r="O1216" s="5" t="s">
        <v>39</v>
      </c>
      <c r="P1216" s="5" t="s">
        <v>40</v>
      </c>
      <c r="Q1216" s="5" t="s">
        <v>25301</v>
      </c>
      <c r="R1216" s="5" t="s">
        <v>40</v>
      </c>
      <c r="S1216" s="5" t="s">
        <v>42</v>
      </c>
      <c r="T1216" s="2">
        <v>7.2869999999999999</v>
      </c>
      <c r="U1216" s="2">
        <v>5.6639999999999997</v>
      </c>
      <c r="V1216" s="2">
        <v>9.2999999999999999E-2</v>
      </c>
      <c r="W1216" s="2">
        <v>12</v>
      </c>
      <c r="X1216" s="2">
        <v>50</v>
      </c>
      <c r="Y1216" s="2">
        <v>154.4</v>
      </c>
      <c r="Z1216" s="5">
        <v>10</v>
      </c>
      <c r="AA1216" s="5" t="s">
        <v>43</v>
      </c>
      <c r="AB1216" s="5" t="s">
        <v>44</v>
      </c>
      <c r="AC1216" s="2" t="s">
        <v>28907</v>
      </c>
      <c r="AD1216" s="1"/>
    </row>
    <row r="1217" spans="1:30">
      <c r="A1217" s="5" t="s">
        <v>83578</v>
      </c>
      <c r="B1217" s="2" t="s">
        <v>87234</v>
      </c>
      <c r="C1217" s="14" t="s">
        <v>87235</v>
      </c>
      <c r="D1217" s="2" t="s">
        <v>87236</v>
      </c>
      <c r="E1217" s="2" t="s">
        <v>28901</v>
      </c>
      <c r="F1217" s="8">
        <v>365</v>
      </c>
      <c r="G1217" s="5">
        <v>20</v>
      </c>
      <c r="H1217" s="5" t="s">
        <v>69</v>
      </c>
      <c r="I1217" s="5" t="s">
        <v>27074</v>
      </c>
      <c r="J1217" s="2" t="s">
        <v>27075</v>
      </c>
      <c r="K1217" s="5" t="s">
        <v>27074</v>
      </c>
      <c r="L1217" s="2" t="s">
        <v>27075</v>
      </c>
      <c r="M1217" s="5" t="s">
        <v>24254</v>
      </c>
      <c r="N1217" s="5" t="s">
        <v>38</v>
      </c>
      <c r="O1217" s="5" t="s">
        <v>39</v>
      </c>
      <c r="P1217" s="5" t="s">
        <v>40</v>
      </c>
      <c r="Q1217" s="5" t="s">
        <v>25301</v>
      </c>
      <c r="R1217" s="5" t="s">
        <v>40</v>
      </c>
      <c r="S1217" s="5" t="s">
        <v>42</v>
      </c>
      <c r="T1217" s="2">
        <v>7.7859999999999996</v>
      </c>
      <c r="U1217" s="2">
        <v>6.1630000000000003</v>
      </c>
      <c r="V1217" s="2">
        <v>9.2999999999999999E-2</v>
      </c>
      <c r="W1217" s="2">
        <v>12</v>
      </c>
      <c r="X1217" s="2">
        <v>50</v>
      </c>
      <c r="Y1217" s="2">
        <v>154.4</v>
      </c>
      <c r="Z1217" s="5">
        <v>10</v>
      </c>
      <c r="AA1217" s="5" t="s">
        <v>43</v>
      </c>
      <c r="AB1217" s="5" t="s">
        <v>44</v>
      </c>
      <c r="AC1217" s="2" t="s">
        <v>28902</v>
      </c>
      <c r="AD1217" s="1"/>
    </row>
    <row r="1218" spans="1:30">
      <c r="A1218" s="5" t="s">
        <v>83578</v>
      </c>
      <c r="B1218" s="2" t="s">
        <v>87237</v>
      </c>
      <c r="C1218" s="14" t="s">
        <v>87238</v>
      </c>
      <c r="D1218" s="2" t="s">
        <v>87239</v>
      </c>
      <c r="E1218" s="2" t="s">
        <v>28932</v>
      </c>
      <c r="F1218" s="8">
        <v>365</v>
      </c>
      <c r="G1218" s="5">
        <v>20</v>
      </c>
      <c r="H1218" s="5" t="s">
        <v>69</v>
      </c>
      <c r="I1218" s="5" t="s">
        <v>27074</v>
      </c>
      <c r="J1218" s="2" t="s">
        <v>27075</v>
      </c>
      <c r="K1218" s="5" t="s">
        <v>27074</v>
      </c>
      <c r="L1218" s="2" t="s">
        <v>27075</v>
      </c>
      <c r="M1218" s="5" t="s">
        <v>24254</v>
      </c>
      <c r="N1218" s="5" t="s">
        <v>38</v>
      </c>
      <c r="O1218" s="5" t="s">
        <v>39</v>
      </c>
      <c r="P1218" s="5" t="s">
        <v>40</v>
      </c>
      <c r="Q1218" s="5" t="s">
        <v>24340</v>
      </c>
      <c r="R1218" s="5" t="s">
        <v>40</v>
      </c>
      <c r="S1218" s="5" t="s">
        <v>42</v>
      </c>
      <c r="T1218" s="2">
        <v>10.050000000000001</v>
      </c>
      <c r="U1218" s="2">
        <v>8.5370000000000008</v>
      </c>
      <c r="V1218" s="2">
        <v>8.3000000000000004E-2</v>
      </c>
      <c r="W1218" s="2">
        <v>12</v>
      </c>
      <c r="X1218" s="2">
        <v>50</v>
      </c>
      <c r="Y1218" s="2">
        <v>137.9</v>
      </c>
      <c r="Z1218" s="5">
        <v>8</v>
      </c>
      <c r="AA1218" s="5" t="s">
        <v>43</v>
      </c>
      <c r="AB1218" s="5" t="s">
        <v>44</v>
      </c>
      <c r="AC1218" s="2" t="s">
        <v>28928</v>
      </c>
      <c r="AD1218" s="1"/>
    </row>
    <row r="1219" spans="1:30">
      <c r="A1219" s="5" t="s">
        <v>83578</v>
      </c>
      <c r="B1219" s="2" t="s">
        <v>87240</v>
      </c>
      <c r="C1219" s="14" t="s">
        <v>87241</v>
      </c>
      <c r="D1219" s="2" t="s">
        <v>87242</v>
      </c>
      <c r="E1219" s="2" t="s">
        <v>29164</v>
      </c>
      <c r="F1219" s="8">
        <v>365</v>
      </c>
      <c r="G1219" s="5">
        <v>20</v>
      </c>
      <c r="H1219" s="5" t="s">
        <v>69</v>
      </c>
      <c r="I1219" s="5" t="s">
        <v>27074</v>
      </c>
      <c r="J1219" s="2" t="s">
        <v>27075</v>
      </c>
      <c r="K1219" s="5" t="s">
        <v>27074</v>
      </c>
      <c r="L1219" s="2" t="s">
        <v>27075</v>
      </c>
      <c r="M1219" s="5" t="s">
        <v>24254</v>
      </c>
      <c r="N1219" s="5" t="s">
        <v>38</v>
      </c>
      <c r="O1219" s="5" t="s">
        <v>39</v>
      </c>
      <c r="P1219" s="5" t="s">
        <v>40</v>
      </c>
      <c r="Q1219" s="5" t="s">
        <v>24340</v>
      </c>
      <c r="R1219" s="5" t="s">
        <v>40</v>
      </c>
      <c r="S1219" s="5" t="s">
        <v>42</v>
      </c>
      <c r="T1219" s="2">
        <v>9.9689999999999994</v>
      </c>
      <c r="U1219" s="2">
        <v>8.49</v>
      </c>
      <c r="V1219" s="2">
        <v>8.3000000000000004E-2</v>
      </c>
      <c r="W1219" s="2">
        <v>12</v>
      </c>
      <c r="X1219" s="2">
        <v>50</v>
      </c>
      <c r="Y1219" s="2">
        <v>137.9</v>
      </c>
      <c r="Z1219" s="5">
        <v>10</v>
      </c>
      <c r="AA1219" s="5" t="s">
        <v>43</v>
      </c>
      <c r="AB1219" s="5" t="s">
        <v>44</v>
      </c>
      <c r="AC1219" s="2" t="s">
        <v>29225</v>
      </c>
      <c r="AD1219" s="1"/>
    </row>
    <row r="1220" spans="1:30">
      <c r="A1220" s="5" t="s">
        <v>83578</v>
      </c>
      <c r="B1220" s="2" t="s">
        <v>87243</v>
      </c>
      <c r="C1220" s="14" t="s">
        <v>87244</v>
      </c>
      <c r="D1220" s="2" t="s">
        <v>87245</v>
      </c>
      <c r="E1220" s="2" t="s">
        <v>29164</v>
      </c>
      <c r="F1220" s="8">
        <v>365</v>
      </c>
      <c r="G1220" s="5">
        <v>20</v>
      </c>
      <c r="H1220" s="5" t="s">
        <v>69</v>
      </c>
      <c r="I1220" s="5" t="s">
        <v>27074</v>
      </c>
      <c r="J1220" s="2" t="s">
        <v>27075</v>
      </c>
      <c r="K1220" s="5" t="s">
        <v>27074</v>
      </c>
      <c r="L1220" s="2" t="s">
        <v>27075</v>
      </c>
      <c r="M1220" s="5" t="s">
        <v>24254</v>
      </c>
      <c r="N1220" s="5" t="s">
        <v>38</v>
      </c>
      <c r="O1220" s="5" t="s">
        <v>39</v>
      </c>
      <c r="P1220" s="5" t="s">
        <v>40</v>
      </c>
      <c r="Q1220" s="5" t="s">
        <v>24340</v>
      </c>
      <c r="R1220" s="5" t="s">
        <v>40</v>
      </c>
      <c r="S1220" s="5" t="s">
        <v>42</v>
      </c>
      <c r="T1220" s="2">
        <v>10.646000000000001</v>
      </c>
      <c r="U1220" s="2">
        <v>9.1669999999999998</v>
      </c>
      <c r="V1220" s="2">
        <v>8.3000000000000004E-2</v>
      </c>
      <c r="W1220" s="2">
        <v>12</v>
      </c>
      <c r="X1220" s="2">
        <v>50</v>
      </c>
      <c r="Y1220" s="2">
        <v>137.9</v>
      </c>
      <c r="Z1220" s="5">
        <v>10</v>
      </c>
      <c r="AA1220" s="5" t="s">
        <v>43</v>
      </c>
      <c r="AB1220" s="5" t="s">
        <v>44</v>
      </c>
      <c r="AC1220" s="2" t="s">
        <v>29165</v>
      </c>
      <c r="AD1220" s="1"/>
    </row>
    <row r="1221" spans="1:30">
      <c r="A1221" s="5" t="s">
        <v>83578</v>
      </c>
      <c r="B1221" s="2" t="s">
        <v>87246</v>
      </c>
      <c r="C1221" s="14" t="s">
        <v>87247</v>
      </c>
      <c r="D1221" s="2" t="s">
        <v>87248</v>
      </c>
      <c r="E1221" s="2" t="s">
        <v>29169</v>
      </c>
      <c r="F1221" s="8">
        <v>365</v>
      </c>
      <c r="G1221" s="5">
        <v>20</v>
      </c>
      <c r="H1221" s="5" t="s">
        <v>69</v>
      </c>
      <c r="I1221" s="5" t="s">
        <v>27074</v>
      </c>
      <c r="J1221" s="2" t="s">
        <v>27075</v>
      </c>
      <c r="K1221" s="5" t="s">
        <v>27074</v>
      </c>
      <c r="L1221" s="2" t="s">
        <v>27075</v>
      </c>
      <c r="M1221" s="5" t="s">
        <v>24254</v>
      </c>
      <c r="N1221" s="5" t="s">
        <v>38</v>
      </c>
      <c r="O1221" s="5" t="s">
        <v>39</v>
      </c>
      <c r="P1221" s="5" t="s">
        <v>40</v>
      </c>
      <c r="Q1221" s="5" t="s">
        <v>24340</v>
      </c>
      <c r="R1221" s="5" t="s">
        <v>40</v>
      </c>
      <c r="S1221" s="5" t="s">
        <v>42</v>
      </c>
      <c r="T1221" s="2">
        <v>7.484</v>
      </c>
      <c r="U1221" s="2">
        <v>6.0049999999999999</v>
      </c>
      <c r="V1221" s="2">
        <v>8.3000000000000004E-2</v>
      </c>
      <c r="W1221" s="2">
        <v>12</v>
      </c>
      <c r="X1221" s="2">
        <v>50</v>
      </c>
      <c r="Y1221" s="2">
        <v>137.9</v>
      </c>
      <c r="Z1221" s="5">
        <v>10</v>
      </c>
      <c r="AA1221" s="5" t="s">
        <v>43</v>
      </c>
      <c r="AB1221" s="5" t="s">
        <v>44</v>
      </c>
      <c r="AC1221" s="2" t="s">
        <v>29225</v>
      </c>
      <c r="AD1221" s="1"/>
    </row>
    <row r="1222" spans="1:30">
      <c r="A1222" s="5" t="s">
        <v>83578</v>
      </c>
      <c r="B1222" s="2" t="s">
        <v>87249</v>
      </c>
      <c r="C1222" s="14" t="s">
        <v>87250</v>
      </c>
      <c r="D1222" s="2" t="s">
        <v>87251</v>
      </c>
      <c r="E1222" s="2" t="s">
        <v>29169</v>
      </c>
      <c r="F1222" s="8">
        <v>365</v>
      </c>
      <c r="G1222" s="5">
        <v>20</v>
      </c>
      <c r="H1222" s="5" t="s">
        <v>69</v>
      </c>
      <c r="I1222" s="5" t="s">
        <v>27074</v>
      </c>
      <c r="J1222" s="2" t="s">
        <v>27075</v>
      </c>
      <c r="K1222" s="5" t="s">
        <v>27074</v>
      </c>
      <c r="L1222" s="2" t="s">
        <v>27075</v>
      </c>
      <c r="M1222" s="5" t="s">
        <v>24254</v>
      </c>
      <c r="N1222" s="5" t="s">
        <v>38</v>
      </c>
      <c r="O1222" s="5" t="s">
        <v>39</v>
      </c>
      <c r="P1222" s="5" t="s">
        <v>40</v>
      </c>
      <c r="Q1222" s="5" t="s">
        <v>24340</v>
      </c>
      <c r="R1222" s="5" t="s">
        <v>40</v>
      </c>
      <c r="S1222" s="5" t="s">
        <v>42</v>
      </c>
      <c r="T1222" s="2">
        <v>7.9160000000000004</v>
      </c>
      <c r="U1222" s="2">
        <v>6.4370000000000003</v>
      </c>
      <c r="V1222" s="2">
        <v>8.3000000000000004E-2</v>
      </c>
      <c r="W1222" s="2">
        <v>12</v>
      </c>
      <c r="X1222" s="2">
        <v>50</v>
      </c>
      <c r="Y1222" s="2">
        <v>137.9</v>
      </c>
      <c r="Z1222" s="5">
        <v>10</v>
      </c>
      <c r="AA1222" s="5" t="s">
        <v>43</v>
      </c>
      <c r="AB1222" s="5" t="s">
        <v>44</v>
      </c>
      <c r="AC1222" s="2" t="s">
        <v>29165</v>
      </c>
      <c r="AD1222" s="1"/>
    </row>
    <row r="1223" spans="1:30">
      <c r="A1223" s="5" t="s">
        <v>83578</v>
      </c>
      <c r="B1223" s="2" t="s">
        <v>87252</v>
      </c>
      <c r="C1223" s="14" t="s">
        <v>87253</v>
      </c>
      <c r="D1223" s="2" t="s">
        <v>87254</v>
      </c>
      <c r="E1223" s="2" t="s">
        <v>29173</v>
      </c>
      <c r="F1223" s="8">
        <v>365</v>
      </c>
      <c r="G1223" s="5">
        <v>20</v>
      </c>
      <c r="H1223" s="5" t="s">
        <v>69</v>
      </c>
      <c r="I1223" s="5" t="s">
        <v>27074</v>
      </c>
      <c r="J1223" s="2" t="s">
        <v>27075</v>
      </c>
      <c r="K1223" s="5" t="s">
        <v>27074</v>
      </c>
      <c r="L1223" s="2" t="s">
        <v>27075</v>
      </c>
      <c r="M1223" s="5" t="s">
        <v>24254</v>
      </c>
      <c r="N1223" s="5" t="s">
        <v>38</v>
      </c>
      <c r="O1223" s="5" t="s">
        <v>39</v>
      </c>
      <c r="P1223" s="5" t="s">
        <v>40</v>
      </c>
      <c r="Q1223" s="5" t="s">
        <v>24340</v>
      </c>
      <c r="R1223" s="5" t="s">
        <v>40</v>
      </c>
      <c r="S1223" s="5" t="s">
        <v>42</v>
      </c>
      <c r="T1223" s="2">
        <v>7.25</v>
      </c>
      <c r="U1223" s="2">
        <v>5.7709999999999999</v>
      </c>
      <c r="V1223" s="2">
        <v>8.3000000000000004E-2</v>
      </c>
      <c r="W1223" s="2">
        <v>12</v>
      </c>
      <c r="X1223" s="2">
        <v>50</v>
      </c>
      <c r="Y1223" s="2">
        <v>137.9</v>
      </c>
      <c r="Z1223" s="5">
        <v>10</v>
      </c>
      <c r="AA1223" s="5" t="s">
        <v>43</v>
      </c>
      <c r="AB1223" s="5" t="s">
        <v>44</v>
      </c>
      <c r="AC1223" s="2" t="s">
        <v>29229</v>
      </c>
      <c r="AD1223" s="1"/>
    </row>
    <row r="1224" spans="1:30">
      <c r="A1224" s="5" t="s">
        <v>83578</v>
      </c>
      <c r="B1224" s="2" t="s">
        <v>87255</v>
      </c>
      <c r="C1224" s="14" t="s">
        <v>87256</v>
      </c>
      <c r="D1224" s="2" t="s">
        <v>87257</v>
      </c>
      <c r="E1224" s="2" t="s">
        <v>29173</v>
      </c>
      <c r="F1224" s="8">
        <v>365</v>
      </c>
      <c r="G1224" s="5">
        <v>20</v>
      </c>
      <c r="H1224" s="5" t="s">
        <v>69</v>
      </c>
      <c r="I1224" s="5" t="s">
        <v>27074</v>
      </c>
      <c r="J1224" s="2" t="s">
        <v>27075</v>
      </c>
      <c r="K1224" s="5" t="s">
        <v>27074</v>
      </c>
      <c r="L1224" s="2" t="s">
        <v>27075</v>
      </c>
      <c r="M1224" s="5" t="s">
        <v>24254</v>
      </c>
      <c r="N1224" s="5" t="s">
        <v>38</v>
      </c>
      <c r="O1224" s="5" t="s">
        <v>39</v>
      </c>
      <c r="P1224" s="5" t="s">
        <v>40</v>
      </c>
      <c r="Q1224" s="5" t="s">
        <v>24340</v>
      </c>
      <c r="R1224" s="5" t="s">
        <v>40</v>
      </c>
      <c r="S1224" s="5" t="s">
        <v>42</v>
      </c>
      <c r="T1224" s="2">
        <v>7.9320000000000004</v>
      </c>
      <c r="U1224" s="2">
        <v>6.4530000000000003</v>
      </c>
      <c r="V1224" s="2">
        <v>8.3000000000000004E-2</v>
      </c>
      <c r="W1224" s="2">
        <v>12</v>
      </c>
      <c r="X1224" s="2">
        <v>50</v>
      </c>
      <c r="Y1224" s="2">
        <v>137.9</v>
      </c>
      <c r="Z1224" s="5">
        <v>10</v>
      </c>
      <c r="AA1224" s="5" t="s">
        <v>43</v>
      </c>
      <c r="AB1224" s="5" t="s">
        <v>44</v>
      </c>
      <c r="AC1224" s="2" t="s">
        <v>28941</v>
      </c>
      <c r="AD1224" s="1"/>
    </row>
    <row r="1225" spans="1:30">
      <c r="A1225" s="5" t="s">
        <v>83578</v>
      </c>
      <c r="B1225" s="2" t="s">
        <v>87258</v>
      </c>
      <c r="C1225" s="14" t="s">
        <v>87259</v>
      </c>
      <c r="D1225" s="2" t="s">
        <v>87260</v>
      </c>
      <c r="E1225" s="2" t="s">
        <v>28940</v>
      </c>
      <c r="F1225" s="8">
        <v>365</v>
      </c>
      <c r="G1225" s="5">
        <v>20</v>
      </c>
      <c r="H1225" s="5" t="s">
        <v>69</v>
      </c>
      <c r="I1225" s="5" t="s">
        <v>27074</v>
      </c>
      <c r="J1225" s="2" t="s">
        <v>27075</v>
      </c>
      <c r="K1225" s="5" t="s">
        <v>27074</v>
      </c>
      <c r="L1225" s="2" t="s">
        <v>27075</v>
      </c>
      <c r="M1225" s="5" t="s">
        <v>24254</v>
      </c>
      <c r="N1225" s="5" t="s">
        <v>38</v>
      </c>
      <c r="O1225" s="5" t="s">
        <v>39</v>
      </c>
      <c r="P1225" s="5" t="s">
        <v>40</v>
      </c>
      <c r="Q1225" s="5" t="s">
        <v>24340</v>
      </c>
      <c r="R1225" s="5" t="s">
        <v>40</v>
      </c>
      <c r="S1225" s="5" t="s">
        <v>42</v>
      </c>
      <c r="T1225" s="2">
        <v>9.1820000000000004</v>
      </c>
      <c r="U1225" s="2">
        <v>7.7030000000000003</v>
      </c>
      <c r="V1225" s="2">
        <v>8.3000000000000004E-2</v>
      </c>
      <c r="W1225" s="2">
        <v>12</v>
      </c>
      <c r="X1225" s="2">
        <v>50</v>
      </c>
      <c r="Y1225" s="2">
        <v>137.9</v>
      </c>
      <c r="Z1225" s="5">
        <v>10</v>
      </c>
      <c r="AA1225" s="5" t="s">
        <v>43</v>
      </c>
      <c r="AB1225" s="5" t="s">
        <v>44</v>
      </c>
      <c r="AC1225" s="2" t="s">
        <v>29229</v>
      </c>
      <c r="AD1225" s="1"/>
    </row>
    <row r="1226" spans="1:30">
      <c r="A1226" s="5" t="s">
        <v>83578</v>
      </c>
      <c r="B1226" s="2" t="s">
        <v>87261</v>
      </c>
      <c r="C1226" s="14" t="s">
        <v>87262</v>
      </c>
      <c r="D1226" s="2" t="s">
        <v>87263</v>
      </c>
      <c r="E1226" s="2" t="s">
        <v>28940</v>
      </c>
      <c r="F1226" s="8">
        <v>365</v>
      </c>
      <c r="G1226" s="5">
        <v>20</v>
      </c>
      <c r="H1226" s="5" t="s">
        <v>69</v>
      </c>
      <c r="I1226" s="5" t="s">
        <v>27074</v>
      </c>
      <c r="J1226" s="2" t="s">
        <v>27075</v>
      </c>
      <c r="K1226" s="5" t="s">
        <v>27074</v>
      </c>
      <c r="L1226" s="2" t="s">
        <v>27075</v>
      </c>
      <c r="M1226" s="5" t="s">
        <v>24254</v>
      </c>
      <c r="N1226" s="5" t="s">
        <v>38</v>
      </c>
      <c r="O1226" s="5" t="s">
        <v>39</v>
      </c>
      <c r="P1226" s="5" t="s">
        <v>40</v>
      </c>
      <c r="Q1226" s="5" t="s">
        <v>24340</v>
      </c>
      <c r="R1226" s="5" t="s">
        <v>40</v>
      </c>
      <c r="S1226" s="5" t="s">
        <v>42</v>
      </c>
      <c r="T1226" s="2">
        <v>10.029</v>
      </c>
      <c r="U1226" s="2">
        <v>8.5500000000000007</v>
      </c>
      <c r="V1226" s="2">
        <v>8.3000000000000004E-2</v>
      </c>
      <c r="W1226" s="2">
        <v>12</v>
      </c>
      <c r="X1226" s="2">
        <v>50</v>
      </c>
      <c r="Y1226" s="2">
        <v>137.9</v>
      </c>
      <c r="Z1226" s="5">
        <v>10</v>
      </c>
      <c r="AA1226" s="5" t="s">
        <v>43</v>
      </c>
      <c r="AB1226" s="5" t="s">
        <v>44</v>
      </c>
      <c r="AC1226" s="2" t="s">
        <v>28941</v>
      </c>
      <c r="AD1226" s="1"/>
    </row>
    <row r="1227" spans="1:30">
      <c r="A1227" s="5" t="s">
        <v>83578</v>
      </c>
      <c r="B1227" s="2" t="s">
        <v>87264</v>
      </c>
      <c r="C1227" s="14" t="s">
        <v>87265</v>
      </c>
      <c r="D1227" s="2" t="s">
        <v>87266</v>
      </c>
      <c r="E1227" s="2" t="s">
        <v>28896</v>
      </c>
      <c r="F1227" s="8">
        <v>365</v>
      </c>
      <c r="G1227" s="5">
        <v>20</v>
      </c>
      <c r="H1227" s="5" t="s">
        <v>69</v>
      </c>
      <c r="I1227" s="5" t="s">
        <v>27074</v>
      </c>
      <c r="J1227" s="2" t="s">
        <v>27075</v>
      </c>
      <c r="K1227" s="5" t="s">
        <v>27074</v>
      </c>
      <c r="L1227" s="2" t="s">
        <v>27075</v>
      </c>
      <c r="M1227" s="5" t="s">
        <v>24254</v>
      </c>
      <c r="N1227" s="5" t="s">
        <v>38</v>
      </c>
      <c r="O1227" s="5" t="s">
        <v>39</v>
      </c>
      <c r="P1227" s="5" t="s">
        <v>40</v>
      </c>
      <c r="Q1227" s="5" t="s">
        <v>25301</v>
      </c>
      <c r="R1227" s="5" t="s">
        <v>40</v>
      </c>
      <c r="S1227" s="5" t="s">
        <v>42</v>
      </c>
      <c r="T1227" s="2">
        <v>8.8989999999999991</v>
      </c>
      <c r="U1227" s="2">
        <v>7.42</v>
      </c>
      <c r="V1227" s="2">
        <v>8.3000000000000004E-2</v>
      </c>
      <c r="W1227" s="2">
        <v>12</v>
      </c>
      <c r="X1227" s="2">
        <v>50</v>
      </c>
      <c r="Y1227" s="2">
        <v>137.9</v>
      </c>
      <c r="Z1227" s="5">
        <v>10</v>
      </c>
      <c r="AA1227" s="5" t="s">
        <v>43</v>
      </c>
      <c r="AB1227" s="5" t="s">
        <v>44</v>
      </c>
      <c r="AC1227" s="2" t="s">
        <v>28955</v>
      </c>
      <c r="AD1227" s="1"/>
    </row>
    <row r="1228" spans="1:30">
      <c r="A1228" s="5" t="s">
        <v>83578</v>
      </c>
      <c r="B1228" s="2" t="s">
        <v>87267</v>
      </c>
      <c r="C1228" s="14" t="s">
        <v>87268</v>
      </c>
      <c r="D1228" s="2" t="s">
        <v>87269</v>
      </c>
      <c r="E1228" s="2" t="s">
        <v>28896</v>
      </c>
      <c r="F1228" s="8">
        <v>365</v>
      </c>
      <c r="G1228" s="5">
        <v>20</v>
      </c>
      <c r="H1228" s="5" t="s">
        <v>69</v>
      </c>
      <c r="I1228" s="5" t="s">
        <v>27074</v>
      </c>
      <c r="J1228" s="2" t="s">
        <v>27075</v>
      </c>
      <c r="K1228" s="5" t="s">
        <v>27074</v>
      </c>
      <c r="L1228" s="2" t="s">
        <v>27075</v>
      </c>
      <c r="M1228" s="5" t="s">
        <v>24254</v>
      </c>
      <c r="N1228" s="5" t="s">
        <v>38</v>
      </c>
      <c r="O1228" s="5" t="s">
        <v>39</v>
      </c>
      <c r="P1228" s="5" t="s">
        <v>40</v>
      </c>
      <c r="Q1228" s="5" t="s">
        <v>25301</v>
      </c>
      <c r="R1228" s="5" t="s">
        <v>40</v>
      </c>
      <c r="S1228" s="5" t="s">
        <v>42</v>
      </c>
      <c r="T1228" s="2">
        <v>9.4410000000000007</v>
      </c>
      <c r="U1228" s="2">
        <v>7.9619999999999997</v>
      </c>
      <c r="V1228" s="2">
        <v>8.3000000000000004E-2</v>
      </c>
      <c r="W1228" s="2">
        <v>12</v>
      </c>
      <c r="X1228" s="2">
        <v>50</v>
      </c>
      <c r="Y1228" s="2">
        <v>137.9</v>
      </c>
      <c r="Z1228" s="5">
        <v>10</v>
      </c>
      <c r="AA1228" s="5" t="s">
        <v>43</v>
      </c>
      <c r="AB1228" s="5" t="s">
        <v>44</v>
      </c>
      <c r="AC1228" s="2" t="s">
        <v>28897</v>
      </c>
      <c r="AD1228" s="1"/>
    </row>
    <row r="1229" spans="1:30">
      <c r="A1229" s="5" t="s">
        <v>83578</v>
      </c>
      <c r="B1229" s="2" t="s">
        <v>87270</v>
      </c>
      <c r="C1229" s="14" t="s">
        <v>87271</v>
      </c>
      <c r="D1229" s="2" t="s">
        <v>87272</v>
      </c>
      <c r="E1229" s="2" t="s">
        <v>28959</v>
      </c>
      <c r="F1229" s="8">
        <v>365</v>
      </c>
      <c r="G1229" s="5">
        <v>20</v>
      </c>
      <c r="H1229" s="5" t="s">
        <v>69</v>
      </c>
      <c r="I1229" s="5" t="s">
        <v>27074</v>
      </c>
      <c r="J1229" s="2" t="s">
        <v>27075</v>
      </c>
      <c r="K1229" s="5" t="s">
        <v>27074</v>
      </c>
      <c r="L1229" s="2" t="s">
        <v>27075</v>
      </c>
      <c r="M1229" s="5" t="s">
        <v>24254</v>
      </c>
      <c r="N1229" s="5" t="s">
        <v>38</v>
      </c>
      <c r="O1229" s="5" t="s">
        <v>39</v>
      </c>
      <c r="P1229" s="5" t="s">
        <v>40</v>
      </c>
      <c r="Q1229" s="5" t="s">
        <v>25301</v>
      </c>
      <c r="R1229" s="5" t="s">
        <v>40</v>
      </c>
      <c r="S1229" s="5" t="s">
        <v>42</v>
      </c>
      <c r="T1229" s="2">
        <v>6.7220000000000004</v>
      </c>
      <c r="U1229" s="2">
        <v>5.2430000000000003</v>
      </c>
      <c r="V1229" s="2">
        <v>8.3000000000000004E-2</v>
      </c>
      <c r="W1229" s="2">
        <v>12</v>
      </c>
      <c r="X1229" s="2">
        <v>50</v>
      </c>
      <c r="Y1229" s="2">
        <v>137.9</v>
      </c>
      <c r="Z1229" s="5">
        <v>10</v>
      </c>
      <c r="AA1229" s="5" t="s">
        <v>43</v>
      </c>
      <c r="AB1229" s="5" t="s">
        <v>44</v>
      </c>
      <c r="AC1229" s="2" t="s">
        <v>28955</v>
      </c>
      <c r="AD1229" s="1"/>
    </row>
    <row r="1230" spans="1:30">
      <c r="A1230" s="5" t="s">
        <v>83578</v>
      </c>
      <c r="B1230" s="2" t="s">
        <v>87273</v>
      </c>
      <c r="C1230" s="14" t="s">
        <v>87274</v>
      </c>
      <c r="D1230" s="2" t="s">
        <v>87275</v>
      </c>
      <c r="E1230" s="2" t="s">
        <v>28959</v>
      </c>
      <c r="F1230" s="8">
        <v>365</v>
      </c>
      <c r="G1230" s="5">
        <v>20</v>
      </c>
      <c r="H1230" s="5" t="s">
        <v>69</v>
      </c>
      <c r="I1230" s="5" t="s">
        <v>27074</v>
      </c>
      <c r="J1230" s="2" t="s">
        <v>27075</v>
      </c>
      <c r="K1230" s="5" t="s">
        <v>27074</v>
      </c>
      <c r="L1230" s="2" t="s">
        <v>27075</v>
      </c>
      <c r="M1230" s="5" t="s">
        <v>24254</v>
      </c>
      <c r="N1230" s="5" t="s">
        <v>38</v>
      </c>
      <c r="O1230" s="5" t="s">
        <v>39</v>
      </c>
      <c r="P1230" s="5" t="s">
        <v>40</v>
      </c>
      <c r="Q1230" s="5" t="s">
        <v>25301</v>
      </c>
      <c r="R1230" s="5" t="s">
        <v>40</v>
      </c>
      <c r="S1230" s="5" t="s">
        <v>42</v>
      </c>
      <c r="T1230" s="2">
        <v>7.0670000000000002</v>
      </c>
      <c r="U1230" s="2">
        <v>5.5880000000000001</v>
      </c>
      <c r="V1230" s="2">
        <v>8.3000000000000004E-2</v>
      </c>
      <c r="W1230" s="2">
        <v>12</v>
      </c>
      <c r="X1230" s="2">
        <v>50</v>
      </c>
      <c r="Y1230" s="2">
        <v>137.9</v>
      </c>
      <c r="Z1230" s="5">
        <v>10</v>
      </c>
      <c r="AA1230" s="5" t="s">
        <v>43</v>
      </c>
      <c r="AB1230" s="5" t="s">
        <v>44</v>
      </c>
      <c r="AC1230" s="2" t="s">
        <v>28897</v>
      </c>
      <c r="AD1230" s="1"/>
    </row>
    <row r="1231" spans="1:30">
      <c r="A1231" s="5" t="s">
        <v>83578</v>
      </c>
      <c r="B1231" s="2" t="s">
        <v>87276</v>
      </c>
      <c r="C1231" s="14" t="s">
        <v>87277</v>
      </c>
      <c r="D1231" s="2" t="s">
        <v>87278</v>
      </c>
      <c r="E1231" s="2" t="s">
        <v>28901</v>
      </c>
      <c r="F1231" s="8">
        <v>365</v>
      </c>
      <c r="G1231" s="5">
        <v>20</v>
      </c>
      <c r="H1231" s="5" t="s">
        <v>69</v>
      </c>
      <c r="I1231" s="5" t="s">
        <v>27074</v>
      </c>
      <c r="J1231" s="2" t="s">
        <v>27075</v>
      </c>
      <c r="K1231" s="5" t="s">
        <v>27074</v>
      </c>
      <c r="L1231" s="2" t="s">
        <v>27075</v>
      </c>
      <c r="M1231" s="5" t="s">
        <v>24254</v>
      </c>
      <c r="N1231" s="5" t="s">
        <v>38</v>
      </c>
      <c r="O1231" s="5" t="s">
        <v>39</v>
      </c>
      <c r="P1231" s="5" t="s">
        <v>40</v>
      </c>
      <c r="Q1231" s="5" t="s">
        <v>25301</v>
      </c>
      <c r="R1231" s="5" t="s">
        <v>40</v>
      </c>
      <c r="S1231" s="5" t="s">
        <v>42</v>
      </c>
      <c r="T1231" s="2">
        <v>6.6980000000000004</v>
      </c>
      <c r="U1231" s="2">
        <v>5.2190000000000003</v>
      </c>
      <c r="V1231" s="2">
        <v>8.3000000000000004E-2</v>
      </c>
      <c r="W1231" s="2">
        <v>12</v>
      </c>
      <c r="X1231" s="2">
        <v>50</v>
      </c>
      <c r="Y1231" s="2">
        <v>137.9</v>
      </c>
      <c r="Z1231" s="5">
        <v>10</v>
      </c>
      <c r="AA1231" s="5" t="s">
        <v>43</v>
      </c>
      <c r="AB1231" s="5" t="s">
        <v>44</v>
      </c>
      <c r="AC1231" s="2" t="s">
        <v>28907</v>
      </c>
      <c r="AD1231" s="1"/>
    </row>
    <row r="1232" spans="1:30">
      <c r="A1232" s="5" t="s">
        <v>83578</v>
      </c>
      <c r="B1232" s="2" t="s">
        <v>87279</v>
      </c>
      <c r="C1232" s="14" t="s">
        <v>87280</v>
      </c>
      <c r="D1232" s="2" t="s">
        <v>87281</v>
      </c>
      <c r="E1232" s="2" t="s">
        <v>28901</v>
      </c>
      <c r="F1232" s="8">
        <v>365</v>
      </c>
      <c r="G1232" s="5">
        <v>20</v>
      </c>
      <c r="H1232" s="5" t="s">
        <v>69</v>
      </c>
      <c r="I1232" s="5" t="s">
        <v>27074</v>
      </c>
      <c r="J1232" s="2" t="s">
        <v>27075</v>
      </c>
      <c r="K1232" s="5" t="s">
        <v>27074</v>
      </c>
      <c r="L1232" s="2" t="s">
        <v>27075</v>
      </c>
      <c r="M1232" s="5" t="s">
        <v>24254</v>
      </c>
      <c r="N1232" s="5" t="s">
        <v>38</v>
      </c>
      <c r="O1232" s="5" t="s">
        <v>39</v>
      </c>
      <c r="P1232" s="5" t="s">
        <v>40</v>
      </c>
      <c r="Q1232" s="5" t="s">
        <v>25301</v>
      </c>
      <c r="R1232" s="5" t="s">
        <v>40</v>
      </c>
      <c r="S1232" s="5" t="s">
        <v>42</v>
      </c>
      <c r="T1232" s="2">
        <v>7.2439999999999998</v>
      </c>
      <c r="U1232" s="2">
        <v>5.7649999999999997</v>
      </c>
      <c r="V1232" s="2">
        <v>8.3000000000000004E-2</v>
      </c>
      <c r="W1232" s="2">
        <v>12</v>
      </c>
      <c r="X1232" s="2">
        <v>50</v>
      </c>
      <c r="Y1232" s="2">
        <v>137.9</v>
      </c>
      <c r="Z1232" s="5">
        <v>10</v>
      </c>
      <c r="AA1232" s="5" t="s">
        <v>43</v>
      </c>
      <c r="AB1232" s="5" t="s">
        <v>44</v>
      </c>
      <c r="AC1232" s="2" t="s">
        <v>28902</v>
      </c>
      <c r="AD1232" s="1"/>
    </row>
    <row r="1233" spans="1:30">
      <c r="A1233" s="5" t="s">
        <v>83578</v>
      </c>
      <c r="B1233" s="2" t="s">
        <v>87282</v>
      </c>
      <c r="C1233" s="14" t="s">
        <v>87283</v>
      </c>
      <c r="D1233" s="2" t="s">
        <v>87284</v>
      </c>
      <c r="E1233" s="2" t="s">
        <v>28906</v>
      </c>
      <c r="F1233" s="8">
        <v>365</v>
      </c>
      <c r="G1233" s="5">
        <v>20</v>
      </c>
      <c r="H1233" s="5" t="s">
        <v>69</v>
      </c>
      <c r="I1233" s="5" t="s">
        <v>27074</v>
      </c>
      <c r="J1233" s="2" t="s">
        <v>27075</v>
      </c>
      <c r="K1233" s="5" t="s">
        <v>27074</v>
      </c>
      <c r="L1233" s="2" t="s">
        <v>27075</v>
      </c>
      <c r="M1233" s="5" t="s">
        <v>24254</v>
      </c>
      <c r="N1233" s="5" t="s">
        <v>38</v>
      </c>
      <c r="O1233" s="5" t="s">
        <v>39</v>
      </c>
      <c r="P1233" s="5" t="s">
        <v>40</v>
      </c>
      <c r="Q1233" s="5" t="s">
        <v>25301</v>
      </c>
      <c r="R1233" s="5" t="s">
        <v>40</v>
      </c>
      <c r="S1233" s="5" t="s">
        <v>42</v>
      </c>
      <c r="T1233" s="2">
        <v>8.4559999999999995</v>
      </c>
      <c r="U1233" s="2">
        <v>6.9770000000000003</v>
      </c>
      <c r="V1233" s="2">
        <v>8.3000000000000004E-2</v>
      </c>
      <c r="W1233" s="2">
        <v>12</v>
      </c>
      <c r="X1233" s="2">
        <v>50</v>
      </c>
      <c r="Y1233" s="2">
        <v>137.9</v>
      </c>
      <c r="Z1233" s="5">
        <v>10</v>
      </c>
      <c r="AA1233" s="5" t="s">
        <v>43</v>
      </c>
      <c r="AB1233" s="5" t="s">
        <v>44</v>
      </c>
      <c r="AC1233" s="2" t="s">
        <v>28907</v>
      </c>
      <c r="AD1233" s="1"/>
    </row>
    <row r="1234" spans="1:30">
      <c r="A1234" s="5" t="s">
        <v>83578</v>
      </c>
      <c r="B1234" s="2" t="s">
        <v>87285</v>
      </c>
      <c r="C1234" s="14" t="s">
        <v>87286</v>
      </c>
      <c r="D1234" s="2" t="s">
        <v>87287</v>
      </c>
      <c r="E1234" s="2" t="s">
        <v>28906</v>
      </c>
      <c r="F1234" s="8">
        <v>365</v>
      </c>
      <c r="G1234" s="5">
        <v>20</v>
      </c>
      <c r="H1234" s="5" t="s">
        <v>69</v>
      </c>
      <c r="I1234" s="5" t="s">
        <v>27074</v>
      </c>
      <c r="J1234" s="2" t="s">
        <v>27075</v>
      </c>
      <c r="K1234" s="5" t="s">
        <v>27074</v>
      </c>
      <c r="L1234" s="2" t="s">
        <v>27075</v>
      </c>
      <c r="M1234" s="5" t="s">
        <v>24254</v>
      </c>
      <c r="N1234" s="5" t="s">
        <v>38</v>
      </c>
      <c r="O1234" s="5" t="s">
        <v>39</v>
      </c>
      <c r="P1234" s="5" t="s">
        <v>40</v>
      </c>
      <c r="Q1234" s="5" t="s">
        <v>25301</v>
      </c>
      <c r="R1234" s="5" t="s">
        <v>40</v>
      </c>
      <c r="S1234" s="5" t="s">
        <v>42</v>
      </c>
      <c r="T1234" s="2">
        <v>9.202</v>
      </c>
      <c r="U1234" s="2">
        <v>7.7229999999999999</v>
      </c>
      <c r="V1234" s="2">
        <v>8.3000000000000004E-2</v>
      </c>
      <c r="W1234" s="2">
        <v>12</v>
      </c>
      <c r="X1234" s="2">
        <v>50</v>
      </c>
      <c r="Y1234" s="2">
        <v>137.9</v>
      </c>
      <c r="Z1234" s="5">
        <v>10</v>
      </c>
      <c r="AA1234" s="5" t="s">
        <v>43</v>
      </c>
      <c r="AB1234" s="5" t="s">
        <v>44</v>
      </c>
      <c r="AC1234" s="2" t="s">
        <v>28902</v>
      </c>
      <c r="AD1234" s="1"/>
    </row>
    <row r="1235" spans="1:30">
      <c r="A1235" s="5" t="s">
        <v>83578</v>
      </c>
      <c r="B1235" s="2" t="s">
        <v>87288</v>
      </c>
      <c r="C1235" s="14" t="s">
        <v>87289</v>
      </c>
      <c r="D1235" s="2" t="s">
        <v>87290</v>
      </c>
      <c r="E1235" s="2" t="s">
        <v>28927</v>
      </c>
      <c r="F1235" s="8">
        <v>384</v>
      </c>
      <c r="G1235" s="5">
        <v>20</v>
      </c>
      <c r="H1235" s="5" t="s">
        <v>69</v>
      </c>
      <c r="I1235" s="5" t="s">
        <v>27074</v>
      </c>
      <c r="J1235" s="2" t="s">
        <v>27075</v>
      </c>
      <c r="K1235" s="5" t="s">
        <v>27074</v>
      </c>
      <c r="L1235" s="2" t="s">
        <v>27075</v>
      </c>
      <c r="M1235" s="5" t="s">
        <v>24254</v>
      </c>
      <c r="N1235" s="5" t="s">
        <v>38</v>
      </c>
      <c r="O1235" s="5" t="s">
        <v>39</v>
      </c>
      <c r="P1235" s="5" t="s">
        <v>40</v>
      </c>
      <c r="Q1235" s="5" t="s">
        <v>24340</v>
      </c>
      <c r="R1235" s="5" t="s">
        <v>40</v>
      </c>
      <c r="S1235" s="5" t="s">
        <v>42</v>
      </c>
      <c r="T1235" s="2">
        <v>14.749000000000001</v>
      </c>
      <c r="U1235" s="2">
        <v>13.092000000000001</v>
      </c>
      <c r="V1235" s="2">
        <v>9.2999999999999999E-2</v>
      </c>
      <c r="W1235" s="2">
        <v>12</v>
      </c>
      <c r="X1235" s="2">
        <v>50</v>
      </c>
      <c r="Y1235" s="2">
        <v>154.4</v>
      </c>
      <c r="Z1235" s="5">
        <v>8</v>
      </c>
      <c r="AA1235" s="5" t="s">
        <v>43</v>
      </c>
      <c r="AB1235" s="5" t="s">
        <v>44</v>
      </c>
      <c r="AC1235" s="2" t="s">
        <v>28928</v>
      </c>
      <c r="AD1235" s="1"/>
    </row>
    <row r="1236" spans="1:30">
      <c r="A1236" s="5" t="s">
        <v>83578</v>
      </c>
      <c r="B1236" s="2" t="s">
        <v>87291</v>
      </c>
      <c r="C1236" s="14" t="s">
        <v>87292</v>
      </c>
      <c r="D1236" s="2" t="s">
        <v>87293</v>
      </c>
      <c r="E1236" s="2" t="s">
        <v>28932</v>
      </c>
      <c r="F1236" s="8">
        <v>384</v>
      </c>
      <c r="G1236" s="5">
        <v>20</v>
      </c>
      <c r="H1236" s="5" t="s">
        <v>69</v>
      </c>
      <c r="I1236" s="5" t="s">
        <v>27074</v>
      </c>
      <c r="J1236" s="2" t="s">
        <v>27075</v>
      </c>
      <c r="K1236" s="5" t="s">
        <v>27074</v>
      </c>
      <c r="L1236" s="2" t="s">
        <v>27075</v>
      </c>
      <c r="M1236" s="5" t="s">
        <v>24254</v>
      </c>
      <c r="N1236" s="5" t="s">
        <v>38</v>
      </c>
      <c r="O1236" s="5" t="s">
        <v>39</v>
      </c>
      <c r="P1236" s="5" t="s">
        <v>40</v>
      </c>
      <c r="Q1236" s="5" t="s">
        <v>24340</v>
      </c>
      <c r="R1236" s="5" t="s">
        <v>40</v>
      </c>
      <c r="S1236" s="5" t="s">
        <v>42</v>
      </c>
      <c r="T1236" s="2">
        <v>10.957000000000001</v>
      </c>
      <c r="U1236" s="2">
        <v>9.3000000000000007</v>
      </c>
      <c r="V1236" s="2">
        <v>9.2999999999999999E-2</v>
      </c>
      <c r="W1236" s="2">
        <v>12</v>
      </c>
      <c r="X1236" s="2">
        <v>50</v>
      </c>
      <c r="Y1236" s="2">
        <v>154.4</v>
      </c>
      <c r="Z1236" s="5">
        <v>8</v>
      </c>
      <c r="AA1236" s="5" t="s">
        <v>43</v>
      </c>
      <c r="AB1236" s="5" t="s">
        <v>44</v>
      </c>
      <c r="AC1236" s="2" t="s">
        <v>28928</v>
      </c>
      <c r="AD1236" s="1"/>
    </row>
    <row r="1237" spans="1:30">
      <c r="A1237" s="5" t="s">
        <v>83578</v>
      </c>
      <c r="B1237" s="2" t="s">
        <v>87294</v>
      </c>
      <c r="C1237" s="14" t="s">
        <v>87295</v>
      </c>
      <c r="D1237" s="2" t="s">
        <v>87296</v>
      </c>
      <c r="E1237" s="2" t="s">
        <v>28936</v>
      </c>
      <c r="F1237" s="8">
        <v>384</v>
      </c>
      <c r="G1237" s="5">
        <v>20</v>
      </c>
      <c r="H1237" s="5" t="s">
        <v>69</v>
      </c>
      <c r="I1237" s="5" t="s">
        <v>27074</v>
      </c>
      <c r="J1237" s="2" t="s">
        <v>27075</v>
      </c>
      <c r="K1237" s="5" t="s">
        <v>27074</v>
      </c>
      <c r="L1237" s="2" t="s">
        <v>27075</v>
      </c>
      <c r="M1237" s="5" t="s">
        <v>24254</v>
      </c>
      <c r="N1237" s="5" t="s">
        <v>38</v>
      </c>
      <c r="O1237" s="5" t="s">
        <v>39</v>
      </c>
      <c r="P1237" s="5" t="s">
        <v>40</v>
      </c>
      <c r="Q1237" s="5" t="s">
        <v>24340</v>
      </c>
      <c r="R1237" s="5" t="s">
        <v>40</v>
      </c>
      <c r="S1237" s="5" t="s">
        <v>42</v>
      </c>
      <c r="T1237" s="2">
        <v>10.186999999999999</v>
      </c>
      <c r="U1237" s="2">
        <v>8.5640000000000001</v>
      </c>
      <c r="V1237" s="2">
        <v>9.2999999999999999E-2</v>
      </c>
      <c r="W1237" s="2">
        <v>12</v>
      </c>
      <c r="X1237" s="2">
        <v>50</v>
      </c>
      <c r="Y1237" s="2">
        <v>154.4</v>
      </c>
      <c r="Z1237" s="5">
        <v>8</v>
      </c>
      <c r="AA1237" s="5" t="s">
        <v>43</v>
      </c>
      <c r="AB1237" s="5" t="s">
        <v>44</v>
      </c>
      <c r="AC1237" s="2" t="s">
        <v>28928</v>
      </c>
      <c r="AD1237" s="1"/>
    </row>
    <row r="1238" spans="1:30">
      <c r="A1238" s="5" t="s">
        <v>83578</v>
      </c>
      <c r="B1238" s="2" t="s">
        <v>87297</v>
      </c>
      <c r="C1238" s="14" t="s">
        <v>87298</v>
      </c>
      <c r="D1238" s="2" t="s">
        <v>87299</v>
      </c>
      <c r="E1238" s="2" t="s">
        <v>29164</v>
      </c>
      <c r="F1238" s="8">
        <v>384</v>
      </c>
      <c r="G1238" s="5">
        <v>20</v>
      </c>
      <c r="H1238" s="5" t="s">
        <v>69</v>
      </c>
      <c r="I1238" s="5" t="s">
        <v>27074</v>
      </c>
      <c r="J1238" s="2" t="s">
        <v>27075</v>
      </c>
      <c r="K1238" s="5" t="s">
        <v>27074</v>
      </c>
      <c r="L1238" s="2" t="s">
        <v>27075</v>
      </c>
      <c r="M1238" s="5" t="s">
        <v>24254</v>
      </c>
      <c r="N1238" s="5" t="s">
        <v>38</v>
      </c>
      <c r="O1238" s="5" t="s">
        <v>39</v>
      </c>
      <c r="P1238" s="5" t="s">
        <v>40</v>
      </c>
      <c r="Q1238" s="5" t="s">
        <v>24340</v>
      </c>
      <c r="R1238" s="5" t="s">
        <v>40</v>
      </c>
      <c r="S1238" s="5" t="s">
        <v>42</v>
      </c>
      <c r="T1238" s="2">
        <v>11.207000000000001</v>
      </c>
      <c r="U1238" s="2">
        <v>9.5839999999999996</v>
      </c>
      <c r="V1238" s="2">
        <v>9.2999999999999999E-2</v>
      </c>
      <c r="W1238" s="2">
        <v>12</v>
      </c>
      <c r="X1238" s="2">
        <v>50</v>
      </c>
      <c r="Y1238" s="2">
        <v>154.4</v>
      </c>
      <c r="Z1238" s="5">
        <v>10</v>
      </c>
      <c r="AA1238" s="5" t="s">
        <v>43</v>
      </c>
      <c r="AB1238" s="5" t="s">
        <v>44</v>
      </c>
      <c r="AC1238" s="2" t="s">
        <v>29225</v>
      </c>
      <c r="AD1238" s="1"/>
    </row>
    <row r="1239" spans="1:30">
      <c r="A1239" s="5" t="s">
        <v>83578</v>
      </c>
      <c r="B1239" s="2" t="s">
        <v>87300</v>
      </c>
      <c r="C1239" s="14" t="s">
        <v>87301</v>
      </c>
      <c r="D1239" s="2" t="s">
        <v>87302</v>
      </c>
      <c r="E1239" s="2" t="s">
        <v>29164</v>
      </c>
      <c r="F1239" s="8">
        <v>384</v>
      </c>
      <c r="G1239" s="5">
        <v>20</v>
      </c>
      <c r="H1239" s="5" t="s">
        <v>69</v>
      </c>
      <c r="I1239" s="5" t="s">
        <v>27074</v>
      </c>
      <c r="J1239" s="2" t="s">
        <v>27075</v>
      </c>
      <c r="K1239" s="5" t="s">
        <v>27074</v>
      </c>
      <c r="L1239" s="2" t="s">
        <v>27075</v>
      </c>
      <c r="M1239" s="5" t="s">
        <v>24254</v>
      </c>
      <c r="N1239" s="5" t="s">
        <v>38</v>
      </c>
      <c r="O1239" s="5" t="s">
        <v>39</v>
      </c>
      <c r="P1239" s="5" t="s">
        <v>40</v>
      </c>
      <c r="Q1239" s="5" t="s">
        <v>24340</v>
      </c>
      <c r="R1239" s="5" t="s">
        <v>40</v>
      </c>
      <c r="S1239" s="5" t="s">
        <v>42</v>
      </c>
      <c r="T1239" s="2">
        <v>11.884</v>
      </c>
      <c r="U1239" s="2">
        <v>10.260999999999999</v>
      </c>
      <c r="V1239" s="2">
        <v>9.2999999999999999E-2</v>
      </c>
      <c r="W1239" s="2">
        <v>12</v>
      </c>
      <c r="X1239" s="2">
        <v>50</v>
      </c>
      <c r="Y1239" s="2">
        <v>154.4</v>
      </c>
      <c r="Z1239" s="5">
        <v>10</v>
      </c>
      <c r="AA1239" s="5" t="s">
        <v>43</v>
      </c>
      <c r="AB1239" s="5" t="s">
        <v>44</v>
      </c>
      <c r="AC1239" s="2" t="s">
        <v>29165</v>
      </c>
      <c r="AD1239" s="1"/>
    </row>
    <row r="1240" spans="1:30">
      <c r="A1240" s="5" t="s">
        <v>83578</v>
      </c>
      <c r="B1240" s="2" t="s">
        <v>87303</v>
      </c>
      <c r="C1240" s="14" t="s">
        <v>87304</v>
      </c>
      <c r="D1240" s="2" t="s">
        <v>87305</v>
      </c>
      <c r="E1240" s="2" t="s">
        <v>29169</v>
      </c>
      <c r="F1240" s="8">
        <v>384</v>
      </c>
      <c r="G1240" s="5">
        <v>20</v>
      </c>
      <c r="H1240" s="5" t="s">
        <v>69</v>
      </c>
      <c r="I1240" s="5" t="s">
        <v>27074</v>
      </c>
      <c r="J1240" s="2" t="s">
        <v>27075</v>
      </c>
      <c r="K1240" s="5" t="s">
        <v>27074</v>
      </c>
      <c r="L1240" s="2" t="s">
        <v>27075</v>
      </c>
      <c r="M1240" s="5" t="s">
        <v>24254</v>
      </c>
      <c r="N1240" s="5" t="s">
        <v>38</v>
      </c>
      <c r="O1240" s="5" t="s">
        <v>39</v>
      </c>
      <c r="P1240" s="5" t="s">
        <v>40</v>
      </c>
      <c r="Q1240" s="5" t="s">
        <v>24340</v>
      </c>
      <c r="R1240" s="5" t="s">
        <v>40</v>
      </c>
      <c r="S1240" s="5" t="s">
        <v>42</v>
      </c>
      <c r="T1240" s="2">
        <v>8.3919999999999995</v>
      </c>
      <c r="U1240" s="2">
        <v>6.7690000000000001</v>
      </c>
      <c r="V1240" s="2">
        <v>9.2999999999999999E-2</v>
      </c>
      <c r="W1240" s="2">
        <v>12</v>
      </c>
      <c r="X1240" s="2">
        <v>50</v>
      </c>
      <c r="Y1240" s="2">
        <v>154.4</v>
      </c>
      <c r="Z1240" s="5">
        <v>10</v>
      </c>
      <c r="AA1240" s="5" t="s">
        <v>43</v>
      </c>
      <c r="AB1240" s="5" t="s">
        <v>44</v>
      </c>
      <c r="AC1240" s="2" t="s">
        <v>29225</v>
      </c>
      <c r="AD1240" s="1"/>
    </row>
    <row r="1241" spans="1:30">
      <c r="A1241" s="5" t="s">
        <v>83578</v>
      </c>
      <c r="B1241" s="2" t="s">
        <v>87306</v>
      </c>
      <c r="C1241" s="14" t="s">
        <v>87307</v>
      </c>
      <c r="D1241" s="2" t="s">
        <v>87308</v>
      </c>
      <c r="E1241" s="2" t="s">
        <v>29169</v>
      </c>
      <c r="F1241" s="8">
        <v>384</v>
      </c>
      <c r="G1241" s="5">
        <v>20</v>
      </c>
      <c r="H1241" s="5" t="s">
        <v>69</v>
      </c>
      <c r="I1241" s="5" t="s">
        <v>27074</v>
      </c>
      <c r="J1241" s="2" t="s">
        <v>27075</v>
      </c>
      <c r="K1241" s="5" t="s">
        <v>27074</v>
      </c>
      <c r="L1241" s="2" t="s">
        <v>27075</v>
      </c>
      <c r="M1241" s="5" t="s">
        <v>24254</v>
      </c>
      <c r="N1241" s="5" t="s">
        <v>38</v>
      </c>
      <c r="O1241" s="5" t="s">
        <v>39</v>
      </c>
      <c r="P1241" s="5" t="s">
        <v>40</v>
      </c>
      <c r="Q1241" s="5" t="s">
        <v>24340</v>
      </c>
      <c r="R1241" s="5" t="s">
        <v>40</v>
      </c>
      <c r="S1241" s="5" t="s">
        <v>42</v>
      </c>
      <c r="T1241" s="2">
        <v>8.8239999999999998</v>
      </c>
      <c r="U1241" s="2">
        <v>7.2009999999999996</v>
      </c>
      <c r="V1241" s="2">
        <v>9.2999999999999999E-2</v>
      </c>
      <c r="W1241" s="2">
        <v>12</v>
      </c>
      <c r="X1241" s="2">
        <v>50</v>
      </c>
      <c r="Y1241" s="2">
        <v>154.4</v>
      </c>
      <c r="Z1241" s="5">
        <v>10</v>
      </c>
      <c r="AA1241" s="5" t="s">
        <v>43</v>
      </c>
      <c r="AB1241" s="5" t="s">
        <v>44</v>
      </c>
      <c r="AC1241" s="2" t="s">
        <v>29165</v>
      </c>
      <c r="AD1241" s="1"/>
    </row>
    <row r="1242" spans="1:30">
      <c r="A1242" s="5" t="s">
        <v>83578</v>
      </c>
      <c r="B1242" s="2" t="s">
        <v>87309</v>
      </c>
      <c r="C1242" s="14" t="s">
        <v>87310</v>
      </c>
      <c r="D1242" s="2" t="s">
        <v>87311</v>
      </c>
      <c r="E1242" s="2" t="s">
        <v>29173</v>
      </c>
      <c r="F1242" s="8">
        <v>384</v>
      </c>
      <c r="G1242" s="5">
        <v>20</v>
      </c>
      <c r="H1242" s="5" t="s">
        <v>69</v>
      </c>
      <c r="I1242" s="5" t="s">
        <v>27074</v>
      </c>
      <c r="J1242" s="2" t="s">
        <v>27075</v>
      </c>
      <c r="K1242" s="5" t="s">
        <v>27074</v>
      </c>
      <c r="L1242" s="2" t="s">
        <v>27075</v>
      </c>
      <c r="M1242" s="5" t="s">
        <v>24254</v>
      </c>
      <c r="N1242" s="5" t="s">
        <v>38</v>
      </c>
      <c r="O1242" s="5" t="s">
        <v>39</v>
      </c>
      <c r="P1242" s="5" t="s">
        <v>40</v>
      </c>
      <c r="Q1242" s="5" t="s">
        <v>24340</v>
      </c>
      <c r="R1242" s="5" t="s">
        <v>40</v>
      </c>
      <c r="S1242" s="5" t="s">
        <v>42</v>
      </c>
      <c r="T1242" s="2">
        <v>8.0860000000000003</v>
      </c>
      <c r="U1242" s="2">
        <v>6.4630000000000001</v>
      </c>
      <c r="V1242" s="2">
        <v>9.2999999999999999E-2</v>
      </c>
      <c r="W1242" s="2">
        <v>12</v>
      </c>
      <c r="X1242" s="2">
        <v>50</v>
      </c>
      <c r="Y1242" s="2">
        <v>154.4</v>
      </c>
      <c r="Z1242" s="5">
        <v>10</v>
      </c>
      <c r="AA1242" s="5" t="s">
        <v>43</v>
      </c>
      <c r="AB1242" s="5" t="s">
        <v>44</v>
      </c>
      <c r="AC1242" s="2" t="s">
        <v>29229</v>
      </c>
      <c r="AD1242" s="1"/>
    </row>
    <row r="1243" spans="1:30">
      <c r="A1243" s="5" t="s">
        <v>83578</v>
      </c>
      <c r="B1243" s="2" t="s">
        <v>87312</v>
      </c>
      <c r="C1243" s="14" t="s">
        <v>87313</v>
      </c>
      <c r="D1243" s="2" t="s">
        <v>87314</v>
      </c>
      <c r="E1243" s="2" t="s">
        <v>29173</v>
      </c>
      <c r="F1243" s="8">
        <v>384</v>
      </c>
      <c r="G1243" s="5">
        <v>20</v>
      </c>
      <c r="H1243" s="5" t="s">
        <v>69</v>
      </c>
      <c r="I1243" s="5" t="s">
        <v>27074</v>
      </c>
      <c r="J1243" s="2" t="s">
        <v>27075</v>
      </c>
      <c r="K1243" s="5" t="s">
        <v>27074</v>
      </c>
      <c r="L1243" s="2" t="s">
        <v>27075</v>
      </c>
      <c r="M1243" s="5" t="s">
        <v>24254</v>
      </c>
      <c r="N1243" s="5" t="s">
        <v>38</v>
      </c>
      <c r="O1243" s="5" t="s">
        <v>39</v>
      </c>
      <c r="P1243" s="5" t="s">
        <v>40</v>
      </c>
      <c r="Q1243" s="5" t="s">
        <v>24340</v>
      </c>
      <c r="R1243" s="5" t="s">
        <v>40</v>
      </c>
      <c r="S1243" s="5" t="s">
        <v>42</v>
      </c>
      <c r="T1243" s="2">
        <v>8.7680000000000007</v>
      </c>
      <c r="U1243" s="2">
        <v>7.1449999999999996</v>
      </c>
      <c r="V1243" s="2">
        <v>9.2999999999999999E-2</v>
      </c>
      <c r="W1243" s="2">
        <v>12</v>
      </c>
      <c r="X1243" s="2">
        <v>50</v>
      </c>
      <c r="Y1243" s="2">
        <v>154.4</v>
      </c>
      <c r="Z1243" s="5">
        <v>10</v>
      </c>
      <c r="AA1243" s="5" t="s">
        <v>43</v>
      </c>
      <c r="AB1243" s="5" t="s">
        <v>44</v>
      </c>
      <c r="AC1243" s="2" t="s">
        <v>28941</v>
      </c>
      <c r="AD1243" s="1"/>
    </row>
    <row r="1244" spans="1:30">
      <c r="A1244" s="5" t="s">
        <v>83578</v>
      </c>
      <c r="B1244" s="2" t="s">
        <v>87315</v>
      </c>
      <c r="C1244" s="14" t="s">
        <v>87316</v>
      </c>
      <c r="D1244" s="2" t="s">
        <v>87317</v>
      </c>
      <c r="E1244" s="2" t="s">
        <v>28940</v>
      </c>
      <c r="F1244" s="8">
        <v>384</v>
      </c>
      <c r="G1244" s="5">
        <v>20</v>
      </c>
      <c r="H1244" s="5" t="s">
        <v>69</v>
      </c>
      <c r="I1244" s="5" t="s">
        <v>27074</v>
      </c>
      <c r="J1244" s="2" t="s">
        <v>27075</v>
      </c>
      <c r="K1244" s="5" t="s">
        <v>27074</v>
      </c>
      <c r="L1244" s="2" t="s">
        <v>27075</v>
      </c>
      <c r="M1244" s="5" t="s">
        <v>24254</v>
      </c>
      <c r="N1244" s="5" t="s">
        <v>38</v>
      </c>
      <c r="O1244" s="5" t="s">
        <v>39</v>
      </c>
      <c r="P1244" s="5" t="s">
        <v>40</v>
      </c>
      <c r="Q1244" s="5" t="s">
        <v>24340</v>
      </c>
      <c r="R1244" s="5" t="s">
        <v>40</v>
      </c>
      <c r="S1244" s="5" t="s">
        <v>42</v>
      </c>
      <c r="T1244" s="2">
        <v>10.321</v>
      </c>
      <c r="U1244" s="2">
        <v>8.6980000000000004</v>
      </c>
      <c r="V1244" s="2">
        <v>9.2999999999999999E-2</v>
      </c>
      <c r="W1244" s="2">
        <v>12</v>
      </c>
      <c r="X1244" s="2">
        <v>50</v>
      </c>
      <c r="Y1244" s="2">
        <v>154.4</v>
      </c>
      <c r="Z1244" s="5">
        <v>10</v>
      </c>
      <c r="AA1244" s="5" t="s">
        <v>43</v>
      </c>
      <c r="AB1244" s="5" t="s">
        <v>44</v>
      </c>
      <c r="AC1244" s="2" t="s">
        <v>29229</v>
      </c>
      <c r="AD1244" s="1"/>
    </row>
    <row r="1245" spans="1:30">
      <c r="A1245" s="5" t="s">
        <v>83578</v>
      </c>
      <c r="B1245" s="2" t="s">
        <v>87318</v>
      </c>
      <c r="C1245" s="14" t="s">
        <v>87319</v>
      </c>
      <c r="D1245" s="2" t="s">
        <v>87320</v>
      </c>
      <c r="E1245" s="2" t="s">
        <v>28940</v>
      </c>
      <c r="F1245" s="8">
        <v>384</v>
      </c>
      <c r="G1245" s="5">
        <v>20</v>
      </c>
      <c r="H1245" s="5" t="s">
        <v>69</v>
      </c>
      <c r="I1245" s="5" t="s">
        <v>27074</v>
      </c>
      <c r="J1245" s="2" t="s">
        <v>27075</v>
      </c>
      <c r="K1245" s="5" t="s">
        <v>27074</v>
      </c>
      <c r="L1245" s="2" t="s">
        <v>27075</v>
      </c>
      <c r="M1245" s="5" t="s">
        <v>24254</v>
      </c>
      <c r="N1245" s="5" t="s">
        <v>38</v>
      </c>
      <c r="O1245" s="5" t="s">
        <v>39</v>
      </c>
      <c r="P1245" s="5" t="s">
        <v>40</v>
      </c>
      <c r="Q1245" s="5" t="s">
        <v>24340</v>
      </c>
      <c r="R1245" s="5" t="s">
        <v>40</v>
      </c>
      <c r="S1245" s="5" t="s">
        <v>42</v>
      </c>
      <c r="T1245" s="2">
        <v>11.167999999999999</v>
      </c>
      <c r="U1245" s="2">
        <v>9.5449999999999999</v>
      </c>
      <c r="V1245" s="2">
        <v>9.2999999999999999E-2</v>
      </c>
      <c r="W1245" s="2">
        <v>12</v>
      </c>
      <c r="X1245" s="2">
        <v>50</v>
      </c>
      <c r="Y1245" s="2">
        <v>154.4</v>
      </c>
      <c r="Z1245" s="5">
        <v>10</v>
      </c>
      <c r="AA1245" s="5" t="s">
        <v>43</v>
      </c>
      <c r="AB1245" s="5" t="s">
        <v>44</v>
      </c>
      <c r="AC1245" s="2" t="s">
        <v>28941</v>
      </c>
      <c r="AD1245" s="1"/>
    </row>
    <row r="1246" spans="1:30">
      <c r="A1246" s="5" t="s">
        <v>83578</v>
      </c>
      <c r="B1246" s="2" t="s">
        <v>87321</v>
      </c>
      <c r="C1246" s="14" t="s">
        <v>87322</v>
      </c>
      <c r="D1246" s="2" t="s">
        <v>87323</v>
      </c>
      <c r="E1246" s="2" t="s">
        <v>28959</v>
      </c>
      <c r="F1246" s="8">
        <v>384</v>
      </c>
      <c r="G1246" s="5">
        <v>20</v>
      </c>
      <c r="H1246" s="5" t="s">
        <v>69</v>
      </c>
      <c r="I1246" s="5" t="s">
        <v>27074</v>
      </c>
      <c r="J1246" s="2" t="s">
        <v>27075</v>
      </c>
      <c r="K1246" s="5" t="s">
        <v>27074</v>
      </c>
      <c r="L1246" s="2" t="s">
        <v>27075</v>
      </c>
      <c r="M1246" s="5" t="s">
        <v>24254</v>
      </c>
      <c r="N1246" s="5" t="s">
        <v>38</v>
      </c>
      <c r="O1246" s="5" t="s">
        <v>39</v>
      </c>
      <c r="P1246" s="5" t="s">
        <v>40</v>
      </c>
      <c r="Q1246" s="5" t="s">
        <v>25301</v>
      </c>
      <c r="R1246" s="5" t="s">
        <v>40</v>
      </c>
      <c r="S1246" s="5" t="s">
        <v>42</v>
      </c>
      <c r="T1246" s="2">
        <v>7.5279999999999996</v>
      </c>
      <c r="U1246" s="2">
        <v>5.9050000000000002</v>
      </c>
      <c r="V1246" s="2">
        <v>9.2999999999999999E-2</v>
      </c>
      <c r="W1246" s="2">
        <v>12</v>
      </c>
      <c r="X1246" s="2">
        <v>50</v>
      </c>
      <c r="Y1246" s="2">
        <v>154.4</v>
      </c>
      <c r="Z1246" s="5">
        <v>10</v>
      </c>
      <c r="AA1246" s="5" t="s">
        <v>43</v>
      </c>
      <c r="AB1246" s="5" t="s">
        <v>44</v>
      </c>
      <c r="AC1246" s="2" t="s">
        <v>28955</v>
      </c>
      <c r="AD1246" s="1"/>
    </row>
    <row r="1247" spans="1:30">
      <c r="A1247" s="5" t="s">
        <v>83578</v>
      </c>
      <c r="B1247" s="2" t="s">
        <v>87324</v>
      </c>
      <c r="C1247" s="14" t="s">
        <v>87325</v>
      </c>
      <c r="D1247" s="2" t="s">
        <v>87326</v>
      </c>
      <c r="E1247" s="2" t="s">
        <v>29164</v>
      </c>
      <c r="F1247" s="8">
        <v>391</v>
      </c>
      <c r="G1247" s="5">
        <v>20</v>
      </c>
      <c r="H1247" s="5" t="s">
        <v>69</v>
      </c>
      <c r="I1247" s="5" t="s">
        <v>27074</v>
      </c>
      <c r="J1247" s="2" t="s">
        <v>27075</v>
      </c>
      <c r="K1247" s="5" t="s">
        <v>27074</v>
      </c>
      <c r="L1247" s="2" t="s">
        <v>27075</v>
      </c>
      <c r="M1247" s="5" t="s">
        <v>24254</v>
      </c>
      <c r="N1247" s="5" t="s">
        <v>38</v>
      </c>
      <c r="O1247" s="5" t="s">
        <v>39</v>
      </c>
      <c r="P1247" s="5" t="s">
        <v>40</v>
      </c>
      <c r="Q1247" s="5" t="s">
        <v>24340</v>
      </c>
      <c r="R1247" s="5" t="s">
        <v>40</v>
      </c>
      <c r="S1247" s="5" t="s">
        <v>42</v>
      </c>
      <c r="T1247" s="2">
        <v>12.754</v>
      </c>
      <c r="U1247" s="2">
        <v>10.791</v>
      </c>
      <c r="V1247" s="2">
        <v>0.11600000000000001</v>
      </c>
      <c r="W1247" s="2">
        <v>12</v>
      </c>
      <c r="X1247" s="2">
        <v>50</v>
      </c>
      <c r="Y1247" s="2">
        <v>193.9</v>
      </c>
      <c r="Z1247" s="5">
        <v>10</v>
      </c>
      <c r="AA1247" s="5" t="s">
        <v>43</v>
      </c>
      <c r="AB1247" s="5" t="s">
        <v>44</v>
      </c>
      <c r="AC1247" s="2" t="s">
        <v>29225</v>
      </c>
      <c r="AD1247" s="1"/>
    </row>
    <row r="1248" spans="1:30">
      <c r="A1248" s="5" t="s">
        <v>83578</v>
      </c>
      <c r="B1248" s="2" t="s">
        <v>87327</v>
      </c>
      <c r="C1248" s="14" t="s">
        <v>87328</v>
      </c>
      <c r="D1248" s="2" t="s">
        <v>87329</v>
      </c>
      <c r="E1248" s="2" t="s">
        <v>29164</v>
      </c>
      <c r="F1248" s="8">
        <v>391</v>
      </c>
      <c r="G1248" s="5">
        <v>20</v>
      </c>
      <c r="H1248" s="5" t="s">
        <v>69</v>
      </c>
      <c r="I1248" s="5" t="s">
        <v>27074</v>
      </c>
      <c r="J1248" s="2" t="s">
        <v>27075</v>
      </c>
      <c r="K1248" s="5" t="s">
        <v>27074</v>
      </c>
      <c r="L1248" s="2" t="s">
        <v>27075</v>
      </c>
      <c r="M1248" s="5" t="s">
        <v>24254</v>
      </c>
      <c r="N1248" s="5" t="s">
        <v>38</v>
      </c>
      <c r="O1248" s="5" t="s">
        <v>39</v>
      </c>
      <c r="P1248" s="5" t="s">
        <v>40</v>
      </c>
      <c r="Q1248" s="5" t="s">
        <v>24340</v>
      </c>
      <c r="R1248" s="5" t="s">
        <v>40</v>
      </c>
      <c r="S1248" s="5" t="s">
        <v>42</v>
      </c>
      <c r="T1248" s="2">
        <v>13.430999999999999</v>
      </c>
      <c r="U1248" s="2">
        <v>11.468</v>
      </c>
      <c r="V1248" s="2">
        <v>0.11600000000000001</v>
      </c>
      <c r="W1248" s="2">
        <v>12</v>
      </c>
      <c r="X1248" s="2">
        <v>50</v>
      </c>
      <c r="Y1248" s="2">
        <v>193.9</v>
      </c>
      <c r="Z1248" s="5">
        <v>10</v>
      </c>
      <c r="AA1248" s="5" t="s">
        <v>43</v>
      </c>
      <c r="AB1248" s="5" t="s">
        <v>44</v>
      </c>
      <c r="AC1248" s="2" t="s">
        <v>29165</v>
      </c>
      <c r="AD1248" s="1"/>
    </row>
    <row r="1249" spans="1:30">
      <c r="A1249" s="5" t="s">
        <v>83578</v>
      </c>
      <c r="B1249" s="2" t="s">
        <v>87330</v>
      </c>
      <c r="C1249" s="14" t="s">
        <v>87331</v>
      </c>
      <c r="D1249" s="2" t="s">
        <v>87332</v>
      </c>
      <c r="E1249" s="2" t="s">
        <v>29169</v>
      </c>
      <c r="F1249" s="8">
        <v>391</v>
      </c>
      <c r="G1249" s="5">
        <v>20</v>
      </c>
      <c r="H1249" s="5" t="s">
        <v>69</v>
      </c>
      <c r="I1249" s="5" t="s">
        <v>27074</v>
      </c>
      <c r="J1249" s="2" t="s">
        <v>27075</v>
      </c>
      <c r="K1249" s="5" t="s">
        <v>27074</v>
      </c>
      <c r="L1249" s="2" t="s">
        <v>27075</v>
      </c>
      <c r="M1249" s="5" t="s">
        <v>24254</v>
      </c>
      <c r="N1249" s="5" t="s">
        <v>38</v>
      </c>
      <c r="O1249" s="5" t="s">
        <v>39</v>
      </c>
      <c r="P1249" s="5" t="s">
        <v>40</v>
      </c>
      <c r="Q1249" s="5" t="s">
        <v>24340</v>
      </c>
      <c r="R1249" s="5" t="s">
        <v>40</v>
      </c>
      <c r="S1249" s="5" t="s">
        <v>42</v>
      </c>
      <c r="T1249" s="2">
        <v>9.5749999999999993</v>
      </c>
      <c r="U1249" s="2">
        <v>7.6120000000000001</v>
      </c>
      <c r="V1249" s="2">
        <v>0.11600000000000001</v>
      </c>
      <c r="W1249" s="2">
        <v>12</v>
      </c>
      <c r="X1249" s="2">
        <v>50</v>
      </c>
      <c r="Y1249" s="2">
        <v>193.9</v>
      </c>
      <c r="Z1249" s="5">
        <v>10</v>
      </c>
      <c r="AA1249" s="5" t="s">
        <v>43</v>
      </c>
      <c r="AB1249" s="5" t="s">
        <v>44</v>
      </c>
      <c r="AC1249" s="2" t="s">
        <v>29225</v>
      </c>
      <c r="AD1249" s="1"/>
    </row>
    <row r="1250" spans="1:30">
      <c r="A1250" s="5" t="s">
        <v>83578</v>
      </c>
      <c r="B1250" s="2" t="s">
        <v>87333</v>
      </c>
      <c r="C1250" s="14" t="s">
        <v>87334</v>
      </c>
      <c r="D1250" s="2" t="s">
        <v>87335</v>
      </c>
      <c r="E1250" s="2" t="s">
        <v>29169</v>
      </c>
      <c r="F1250" s="8">
        <v>391</v>
      </c>
      <c r="G1250" s="5">
        <v>20</v>
      </c>
      <c r="H1250" s="5" t="s">
        <v>69</v>
      </c>
      <c r="I1250" s="5" t="s">
        <v>27074</v>
      </c>
      <c r="J1250" s="2" t="s">
        <v>27075</v>
      </c>
      <c r="K1250" s="5" t="s">
        <v>27074</v>
      </c>
      <c r="L1250" s="2" t="s">
        <v>27075</v>
      </c>
      <c r="M1250" s="5" t="s">
        <v>24254</v>
      </c>
      <c r="N1250" s="5" t="s">
        <v>38</v>
      </c>
      <c r="O1250" s="5" t="s">
        <v>39</v>
      </c>
      <c r="P1250" s="5" t="s">
        <v>40</v>
      </c>
      <c r="Q1250" s="5" t="s">
        <v>24340</v>
      </c>
      <c r="R1250" s="5" t="s">
        <v>40</v>
      </c>
      <c r="S1250" s="5" t="s">
        <v>42</v>
      </c>
      <c r="T1250" s="2">
        <v>10.006</v>
      </c>
      <c r="U1250" s="2">
        <v>8.0429999999999993</v>
      </c>
      <c r="V1250" s="2">
        <v>0.11600000000000001</v>
      </c>
      <c r="W1250" s="2">
        <v>12</v>
      </c>
      <c r="X1250" s="2">
        <v>50</v>
      </c>
      <c r="Y1250" s="2">
        <v>193.9</v>
      </c>
      <c r="Z1250" s="5">
        <v>10</v>
      </c>
      <c r="AA1250" s="5" t="s">
        <v>43</v>
      </c>
      <c r="AB1250" s="5" t="s">
        <v>44</v>
      </c>
      <c r="AC1250" s="2" t="s">
        <v>29165</v>
      </c>
      <c r="AD1250" s="1"/>
    </row>
    <row r="1251" spans="1:30">
      <c r="A1251" s="5" t="s">
        <v>83578</v>
      </c>
      <c r="B1251" s="2" t="s">
        <v>87336</v>
      </c>
      <c r="C1251" s="14" t="s">
        <v>87337</v>
      </c>
      <c r="D1251" s="2" t="s">
        <v>87338</v>
      </c>
      <c r="E1251" s="2" t="s">
        <v>29173</v>
      </c>
      <c r="F1251" s="8">
        <v>391</v>
      </c>
      <c r="G1251" s="5">
        <v>20</v>
      </c>
      <c r="H1251" s="5" t="s">
        <v>69</v>
      </c>
      <c r="I1251" s="5" t="s">
        <v>27074</v>
      </c>
      <c r="J1251" s="2" t="s">
        <v>27075</v>
      </c>
      <c r="K1251" s="5" t="s">
        <v>27074</v>
      </c>
      <c r="L1251" s="2" t="s">
        <v>27075</v>
      </c>
      <c r="M1251" s="5" t="s">
        <v>24254</v>
      </c>
      <c r="N1251" s="5" t="s">
        <v>38</v>
      </c>
      <c r="O1251" s="5" t="s">
        <v>39</v>
      </c>
      <c r="P1251" s="5" t="s">
        <v>40</v>
      </c>
      <c r="Q1251" s="5" t="s">
        <v>24340</v>
      </c>
      <c r="R1251" s="5" t="s">
        <v>40</v>
      </c>
      <c r="S1251" s="5" t="s">
        <v>42</v>
      </c>
      <c r="T1251" s="2">
        <v>9.1880000000000006</v>
      </c>
      <c r="U1251" s="2">
        <v>7.2249999999999996</v>
      </c>
      <c r="V1251" s="2">
        <v>0.11600000000000001</v>
      </c>
      <c r="W1251" s="2">
        <v>12</v>
      </c>
      <c r="X1251" s="2">
        <v>50</v>
      </c>
      <c r="Y1251" s="2">
        <v>193.9</v>
      </c>
      <c r="Z1251" s="5">
        <v>10</v>
      </c>
      <c r="AA1251" s="5" t="s">
        <v>43</v>
      </c>
      <c r="AB1251" s="5" t="s">
        <v>44</v>
      </c>
      <c r="AC1251" s="2" t="s">
        <v>29229</v>
      </c>
      <c r="AD1251" s="1"/>
    </row>
    <row r="1252" spans="1:30">
      <c r="A1252" s="5" t="s">
        <v>83578</v>
      </c>
      <c r="B1252" s="2" t="s">
        <v>87339</v>
      </c>
      <c r="C1252" s="14" t="s">
        <v>87340</v>
      </c>
      <c r="D1252" s="2" t="s">
        <v>87341</v>
      </c>
      <c r="E1252" s="2" t="s">
        <v>29173</v>
      </c>
      <c r="F1252" s="8">
        <v>391</v>
      </c>
      <c r="G1252" s="5">
        <v>20</v>
      </c>
      <c r="H1252" s="5" t="s">
        <v>69</v>
      </c>
      <c r="I1252" s="5" t="s">
        <v>27074</v>
      </c>
      <c r="J1252" s="2" t="s">
        <v>27075</v>
      </c>
      <c r="K1252" s="5" t="s">
        <v>27074</v>
      </c>
      <c r="L1252" s="2" t="s">
        <v>27075</v>
      </c>
      <c r="M1252" s="5" t="s">
        <v>24254</v>
      </c>
      <c r="N1252" s="5" t="s">
        <v>38</v>
      </c>
      <c r="O1252" s="5" t="s">
        <v>39</v>
      </c>
      <c r="P1252" s="5" t="s">
        <v>40</v>
      </c>
      <c r="Q1252" s="5" t="s">
        <v>24340</v>
      </c>
      <c r="R1252" s="5" t="s">
        <v>40</v>
      </c>
      <c r="S1252" s="5" t="s">
        <v>42</v>
      </c>
      <c r="T1252" s="2">
        <v>9.8699999999999992</v>
      </c>
      <c r="U1252" s="2">
        <v>7.907</v>
      </c>
      <c r="V1252" s="2">
        <v>0.11600000000000001</v>
      </c>
      <c r="W1252" s="2">
        <v>12</v>
      </c>
      <c r="X1252" s="2">
        <v>50</v>
      </c>
      <c r="Y1252" s="2">
        <v>193.9</v>
      </c>
      <c r="Z1252" s="5">
        <v>10</v>
      </c>
      <c r="AA1252" s="5" t="s">
        <v>43</v>
      </c>
      <c r="AB1252" s="5" t="s">
        <v>44</v>
      </c>
      <c r="AC1252" s="2" t="s">
        <v>28941</v>
      </c>
      <c r="AD1252" s="1"/>
    </row>
    <row r="1253" spans="1:30">
      <c r="A1253" s="5" t="s">
        <v>83578</v>
      </c>
      <c r="B1253" s="2" t="s">
        <v>87342</v>
      </c>
      <c r="C1253" s="14" t="s">
        <v>87343</v>
      </c>
      <c r="D1253" s="2" t="s">
        <v>87344</v>
      </c>
      <c r="E1253" s="2" t="s">
        <v>28940</v>
      </c>
      <c r="F1253" s="8">
        <v>391</v>
      </c>
      <c r="G1253" s="5">
        <v>20</v>
      </c>
      <c r="H1253" s="5" t="s">
        <v>69</v>
      </c>
      <c r="I1253" s="5" t="s">
        <v>27074</v>
      </c>
      <c r="J1253" s="2" t="s">
        <v>27075</v>
      </c>
      <c r="K1253" s="5" t="s">
        <v>27074</v>
      </c>
      <c r="L1253" s="2" t="s">
        <v>27075</v>
      </c>
      <c r="M1253" s="5" t="s">
        <v>24254</v>
      </c>
      <c r="N1253" s="5" t="s">
        <v>38</v>
      </c>
      <c r="O1253" s="5" t="s">
        <v>39</v>
      </c>
      <c r="P1253" s="5" t="s">
        <v>40</v>
      </c>
      <c r="Q1253" s="5" t="s">
        <v>24340</v>
      </c>
      <c r="R1253" s="5" t="s">
        <v>40</v>
      </c>
      <c r="S1253" s="5" t="s">
        <v>42</v>
      </c>
      <c r="T1253" s="2">
        <v>11.757</v>
      </c>
      <c r="U1253" s="2">
        <v>9.7940000000000005</v>
      </c>
      <c r="V1253" s="2">
        <v>0.11600000000000001</v>
      </c>
      <c r="W1253" s="2">
        <v>12</v>
      </c>
      <c r="X1253" s="2">
        <v>50</v>
      </c>
      <c r="Y1253" s="2">
        <v>193.9</v>
      </c>
      <c r="Z1253" s="5">
        <v>10</v>
      </c>
      <c r="AA1253" s="5" t="s">
        <v>43</v>
      </c>
      <c r="AB1253" s="5" t="s">
        <v>44</v>
      </c>
      <c r="AC1253" s="2" t="s">
        <v>29229</v>
      </c>
      <c r="AD1253" s="1"/>
    </row>
    <row r="1254" spans="1:30">
      <c r="A1254" s="5" t="s">
        <v>83578</v>
      </c>
      <c r="B1254" s="2" t="s">
        <v>87345</v>
      </c>
      <c r="C1254" s="14" t="s">
        <v>87346</v>
      </c>
      <c r="D1254" s="2" t="s">
        <v>87347</v>
      </c>
      <c r="E1254" s="2" t="s">
        <v>28940</v>
      </c>
      <c r="F1254" s="8">
        <v>391</v>
      </c>
      <c r="G1254" s="5">
        <v>20</v>
      </c>
      <c r="H1254" s="5" t="s">
        <v>69</v>
      </c>
      <c r="I1254" s="5" t="s">
        <v>27074</v>
      </c>
      <c r="J1254" s="2" t="s">
        <v>27075</v>
      </c>
      <c r="K1254" s="5" t="s">
        <v>27074</v>
      </c>
      <c r="L1254" s="2" t="s">
        <v>27075</v>
      </c>
      <c r="M1254" s="5" t="s">
        <v>24254</v>
      </c>
      <c r="N1254" s="5" t="s">
        <v>38</v>
      </c>
      <c r="O1254" s="5" t="s">
        <v>39</v>
      </c>
      <c r="P1254" s="5" t="s">
        <v>40</v>
      </c>
      <c r="Q1254" s="5" t="s">
        <v>24340</v>
      </c>
      <c r="R1254" s="5" t="s">
        <v>40</v>
      </c>
      <c r="S1254" s="5" t="s">
        <v>42</v>
      </c>
      <c r="T1254" s="2">
        <v>12.603</v>
      </c>
      <c r="U1254" s="2">
        <v>10.64</v>
      </c>
      <c r="V1254" s="2">
        <v>0.11600000000000001</v>
      </c>
      <c r="W1254" s="2">
        <v>12</v>
      </c>
      <c r="X1254" s="2">
        <v>50</v>
      </c>
      <c r="Y1254" s="2">
        <v>193.9</v>
      </c>
      <c r="Z1254" s="5">
        <v>10</v>
      </c>
      <c r="AA1254" s="5" t="s">
        <v>43</v>
      </c>
      <c r="AB1254" s="5" t="s">
        <v>44</v>
      </c>
      <c r="AC1254" s="2" t="s">
        <v>28941</v>
      </c>
      <c r="AD1254" s="1"/>
    </row>
    <row r="1255" spans="1:30">
      <c r="A1255" s="5" t="s">
        <v>83578</v>
      </c>
      <c r="B1255" s="2" t="s">
        <v>87348</v>
      </c>
      <c r="C1255" s="14" t="s">
        <v>87349</v>
      </c>
      <c r="D1255" s="2" t="s">
        <v>87350</v>
      </c>
      <c r="E1255" s="2" t="s">
        <v>28948</v>
      </c>
      <c r="F1255" s="8">
        <v>391</v>
      </c>
      <c r="G1255" s="5">
        <v>20</v>
      </c>
      <c r="H1255" s="5" t="s">
        <v>69</v>
      </c>
      <c r="I1255" s="5" t="s">
        <v>27074</v>
      </c>
      <c r="J1255" s="2" t="s">
        <v>27075</v>
      </c>
      <c r="K1255" s="5" t="s">
        <v>27074</v>
      </c>
      <c r="L1255" s="2" t="s">
        <v>27075</v>
      </c>
      <c r="M1255" s="5" t="s">
        <v>24254</v>
      </c>
      <c r="N1255" s="5" t="s">
        <v>38</v>
      </c>
      <c r="O1255" s="5" t="s">
        <v>39</v>
      </c>
      <c r="P1255" s="5" t="s">
        <v>40</v>
      </c>
      <c r="Q1255" s="5" t="s">
        <v>25301</v>
      </c>
      <c r="R1255" s="5" t="s">
        <v>40</v>
      </c>
      <c r="S1255" s="5" t="s">
        <v>42</v>
      </c>
      <c r="T1255" s="2">
        <v>10.859</v>
      </c>
      <c r="U1255" s="2">
        <v>8.8620000000000001</v>
      </c>
      <c r="V1255" s="2">
        <v>0.11600000000000001</v>
      </c>
      <c r="W1255" s="2">
        <v>12</v>
      </c>
      <c r="X1255" s="2">
        <v>50</v>
      </c>
      <c r="Y1255" s="2">
        <v>193.9</v>
      </c>
      <c r="Z1255" s="5">
        <v>8</v>
      </c>
      <c r="AA1255" s="5" t="s">
        <v>43</v>
      </c>
      <c r="AB1255" s="5" t="s">
        <v>44</v>
      </c>
      <c r="AC1255" s="2" t="s">
        <v>28888</v>
      </c>
      <c r="AD1255" s="1"/>
    </row>
    <row r="1256" spans="1:30">
      <c r="A1256" s="5" t="s">
        <v>83578</v>
      </c>
      <c r="B1256" s="2" t="s">
        <v>87351</v>
      </c>
      <c r="C1256" s="14" t="s">
        <v>87352</v>
      </c>
      <c r="D1256" s="2" t="s">
        <v>87353</v>
      </c>
      <c r="E1256" s="2" t="s">
        <v>28896</v>
      </c>
      <c r="F1256" s="8">
        <v>391</v>
      </c>
      <c r="G1256" s="5">
        <v>20</v>
      </c>
      <c r="H1256" s="5" t="s">
        <v>69</v>
      </c>
      <c r="I1256" s="5" t="s">
        <v>27074</v>
      </c>
      <c r="J1256" s="2" t="s">
        <v>27075</v>
      </c>
      <c r="K1256" s="5" t="s">
        <v>27074</v>
      </c>
      <c r="L1256" s="2" t="s">
        <v>27075</v>
      </c>
      <c r="M1256" s="5" t="s">
        <v>24254</v>
      </c>
      <c r="N1256" s="5" t="s">
        <v>38</v>
      </c>
      <c r="O1256" s="5" t="s">
        <v>39</v>
      </c>
      <c r="P1256" s="5" t="s">
        <v>40</v>
      </c>
      <c r="Q1256" s="5" t="s">
        <v>25301</v>
      </c>
      <c r="R1256" s="5" t="s">
        <v>40</v>
      </c>
      <c r="S1256" s="5" t="s">
        <v>42</v>
      </c>
      <c r="T1256" s="2">
        <v>11.39</v>
      </c>
      <c r="U1256" s="2">
        <v>9.4269999999999996</v>
      </c>
      <c r="V1256" s="2">
        <v>0.11600000000000001</v>
      </c>
      <c r="W1256" s="2">
        <v>12</v>
      </c>
      <c r="X1256" s="2">
        <v>50</v>
      </c>
      <c r="Y1256" s="2">
        <v>193.9</v>
      </c>
      <c r="Z1256" s="5">
        <v>10</v>
      </c>
      <c r="AA1256" s="5" t="s">
        <v>43</v>
      </c>
      <c r="AB1256" s="5" t="s">
        <v>44</v>
      </c>
      <c r="AC1256" s="2" t="s">
        <v>28955</v>
      </c>
      <c r="AD1256" s="1"/>
    </row>
    <row r="1257" spans="1:30">
      <c r="A1257" s="5" t="s">
        <v>83578</v>
      </c>
      <c r="B1257" s="2" t="s">
        <v>87354</v>
      </c>
      <c r="C1257" s="14" t="s">
        <v>87355</v>
      </c>
      <c r="D1257" s="2" t="s">
        <v>87356</v>
      </c>
      <c r="E1257" s="2" t="s">
        <v>28896</v>
      </c>
      <c r="F1257" s="8">
        <v>391</v>
      </c>
      <c r="G1257" s="5">
        <v>20</v>
      </c>
      <c r="H1257" s="5" t="s">
        <v>69</v>
      </c>
      <c r="I1257" s="5" t="s">
        <v>27074</v>
      </c>
      <c r="J1257" s="2" t="s">
        <v>27075</v>
      </c>
      <c r="K1257" s="5" t="s">
        <v>27074</v>
      </c>
      <c r="L1257" s="2" t="s">
        <v>27075</v>
      </c>
      <c r="M1257" s="5" t="s">
        <v>24254</v>
      </c>
      <c r="N1257" s="5" t="s">
        <v>38</v>
      </c>
      <c r="O1257" s="5" t="s">
        <v>39</v>
      </c>
      <c r="P1257" s="5" t="s">
        <v>40</v>
      </c>
      <c r="Q1257" s="5" t="s">
        <v>25301</v>
      </c>
      <c r="R1257" s="5" t="s">
        <v>40</v>
      </c>
      <c r="S1257" s="5" t="s">
        <v>42</v>
      </c>
      <c r="T1257" s="2">
        <v>11.932</v>
      </c>
      <c r="U1257" s="2">
        <v>9.9689999999999994</v>
      </c>
      <c r="V1257" s="2">
        <v>0.11600000000000001</v>
      </c>
      <c r="W1257" s="2">
        <v>12</v>
      </c>
      <c r="X1257" s="2">
        <v>50</v>
      </c>
      <c r="Y1257" s="2">
        <v>193.9</v>
      </c>
      <c r="Z1257" s="5">
        <v>10</v>
      </c>
      <c r="AA1257" s="5" t="s">
        <v>43</v>
      </c>
      <c r="AB1257" s="5" t="s">
        <v>44</v>
      </c>
      <c r="AC1257" s="2" t="s">
        <v>28897</v>
      </c>
      <c r="AD1257" s="1"/>
    </row>
    <row r="1258" spans="1:30">
      <c r="A1258" s="5" t="s">
        <v>83578</v>
      </c>
      <c r="B1258" s="2" t="s">
        <v>87357</v>
      </c>
      <c r="C1258" s="14" t="s">
        <v>87358</v>
      </c>
      <c r="D1258" s="2" t="s">
        <v>87359</v>
      </c>
      <c r="E1258" s="2" t="s">
        <v>28959</v>
      </c>
      <c r="F1258" s="8">
        <v>391</v>
      </c>
      <c r="G1258" s="5">
        <v>20</v>
      </c>
      <c r="H1258" s="5" t="s">
        <v>69</v>
      </c>
      <c r="I1258" s="5" t="s">
        <v>27074</v>
      </c>
      <c r="J1258" s="2" t="s">
        <v>27075</v>
      </c>
      <c r="K1258" s="5" t="s">
        <v>27074</v>
      </c>
      <c r="L1258" s="2" t="s">
        <v>27075</v>
      </c>
      <c r="M1258" s="5" t="s">
        <v>24254</v>
      </c>
      <c r="N1258" s="5" t="s">
        <v>38</v>
      </c>
      <c r="O1258" s="5" t="s">
        <v>39</v>
      </c>
      <c r="P1258" s="5" t="s">
        <v>40</v>
      </c>
      <c r="Q1258" s="5" t="s">
        <v>25301</v>
      </c>
      <c r="R1258" s="5" t="s">
        <v>40</v>
      </c>
      <c r="S1258" s="5" t="s">
        <v>42</v>
      </c>
      <c r="T1258" s="2">
        <v>8.5980000000000008</v>
      </c>
      <c r="U1258" s="2">
        <v>6.6349999999999998</v>
      </c>
      <c r="V1258" s="2">
        <v>0.11600000000000001</v>
      </c>
      <c r="W1258" s="2">
        <v>12</v>
      </c>
      <c r="X1258" s="2">
        <v>50</v>
      </c>
      <c r="Y1258" s="2">
        <v>193.9</v>
      </c>
      <c r="Z1258" s="5">
        <v>10</v>
      </c>
      <c r="AA1258" s="5" t="s">
        <v>43</v>
      </c>
      <c r="AB1258" s="5" t="s">
        <v>44</v>
      </c>
      <c r="AC1258" s="2" t="s">
        <v>28955</v>
      </c>
      <c r="AD1258" s="1"/>
    </row>
    <row r="1259" spans="1:30">
      <c r="A1259" s="5" t="s">
        <v>83578</v>
      </c>
      <c r="B1259" s="2" t="s">
        <v>87360</v>
      </c>
      <c r="C1259" s="14" t="s">
        <v>87361</v>
      </c>
      <c r="D1259" s="2" t="s">
        <v>87362</v>
      </c>
      <c r="E1259" s="2" t="s">
        <v>28959</v>
      </c>
      <c r="F1259" s="8">
        <v>391</v>
      </c>
      <c r="G1259" s="5">
        <v>20</v>
      </c>
      <c r="H1259" s="5" t="s">
        <v>69</v>
      </c>
      <c r="I1259" s="5" t="s">
        <v>27074</v>
      </c>
      <c r="J1259" s="2" t="s">
        <v>27075</v>
      </c>
      <c r="K1259" s="5" t="s">
        <v>27074</v>
      </c>
      <c r="L1259" s="2" t="s">
        <v>27075</v>
      </c>
      <c r="M1259" s="5" t="s">
        <v>24254</v>
      </c>
      <c r="N1259" s="5" t="s">
        <v>38</v>
      </c>
      <c r="O1259" s="5" t="s">
        <v>39</v>
      </c>
      <c r="P1259" s="5" t="s">
        <v>40</v>
      </c>
      <c r="Q1259" s="5" t="s">
        <v>25301</v>
      </c>
      <c r="R1259" s="5" t="s">
        <v>40</v>
      </c>
      <c r="S1259" s="5" t="s">
        <v>42</v>
      </c>
      <c r="T1259" s="2">
        <v>8.9420000000000002</v>
      </c>
      <c r="U1259" s="2">
        <v>6.9790000000000001</v>
      </c>
      <c r="V1259" s="2">
        <v>0.11600000000000001</v>
      </c>
      <c r="W1259" s="2">
        <v>12</v>
      </c>
      <c r="X1259" s="2">
        <v>50</v>
      </c>
      <c r="Y1259" s="2">
        <v>193.9</v>
      </c>
      <c r="Z1259" s="5">
        <v>10</v>
      </c>
      <c r="AA1259" s="5" t="s">
        <v>43</v>
      </c>
      <c r="AB1259" s="5" t="s">
        <v>44</v>
      </c>
      <c r="AC1259" s="2" t="s">
        <v>28897</v>
      </c>
      <c r="AD1259" s="1"/>
    </row>
    <row r="1260" spans="1:30">
      <c r="A1260" s="5" t="s">
        <v>83578</v>
      </c>
      <c r="B1260" s="2" t="s">
        <v>87363</v>
      </c>
      <c r="C1260" s="14" t="s">
        <v>87364</v>
      </c>
      <c r="D1260" s="2" t="s">
        <v>87365</v>
      </c>
      <c r="E1260" s="2" t="s">
        <v>28901</v>
      </c>
      <c r="F1260" s="8">
        <v>391</v>
      </c>
      <c r="G1260" s="5">
        <v>20</v>
      </c>
      <c r="H1260" s="5" t="s">
        <v>69</v>
      </c>
      <c r="I1260" s="5" t="s">
        <v>27074</v>
      </c>
      <c r="J1260" s="2" t="s">
        <v>27075</v>
      </c>
      <c r="K1260" s="5" t="s">
        <v>27074</v>
      </c>
      <c r="L1260" s="2" t="s">
        <v>27075</v>
      </c>
      <c r="M1260" s="5" t="s">
        <v>24254</v>
      </c>
      <c r="N1260" s="5" t="s">
        <v>38</v>
      </c>
      <c r="O1260" s="5" t="s">
        <v>39</v>
      </c>
      <c r="P1260" s="5" t="s">
        <v>40</v>
      </c>
      <c r="Q1260" s="5" t="s">
        <v>25301</v>
      </c>
      <c r="R1260" s="5" t="s">
        <v>40</v>
      </c>
      <c r="S1260" s="5" t="s">
        <v>42</v>
      </c>
      <c r="T1260" s="2">
        <v>8.5109999999999992</v>
      </c>
      <c r="U1260" s="2">
        <v>6.548</v>
      </c>
      <c r="V1260" s="2">
        <v>0.11600000000000001</v>
      </c>
      <c r="W1260" s="2">
        <v>12</v>
      </c>
      <c r="X1260" s="2">
        <v>50</v>
      </c>
      <c r="Y1260" s="2">
        <v>193.9</v>
      </c>
      <c r="Z1260" s="5">
        <v>10</v>
      </c>
      <c r="AA1260" s="5" t="s">
        <v>43</v>
      </c>
      <c r="AB1260" s="5" t="s">
        <v>44</v>
      </c>
      <c r="AC1260" s="2" t="s">
        <v>28907</v>
      </c>
      <c r="AD1260" s="1"/>
    </row>
    <row r="1261" spans="1:30">
      <c r="A1261" s="5" t="s">
        <v>83578</v>
      </c>
      <c r="B1261" s="2" t="s">
        <v>87366</v>
      </c>
      <c r="C1261" s="14" t="s">
        <v>87367</v>
      </c>
      <c r="D1261" s="2" t="s">
        <v>87368</v>
      </c>
      <c r="E1261" s="2" t="s">
        <v>28901</v>
      </c>
      <c r="F1261" s="8">
        <v>391</v>
      </c>
      <c r="G1261" s="5">
        <v>20</v>
      </c>
      <c r="H1261" s="5" t="s">
        <v>69</v>
      </c>
      <c r="I1261" s="5" t="s">
        <v>27074</v>
      </c>
      <c r="J1261" s="2" t="s">
        <v>27075</v>
      </c>
      <c r="K1261" s="5" t="s">
        <v>27074</v>
      </c>
      <c r="L1261" s="2" t="s">
        <v>27075</v>
      </c>
      <c r="M1261" s="5" t="s">
        <v>24254</v>
      </c>
      <c r="N1261" s="5" t="s">
        <v>38</v>
      </c>
      <c r="O1261" s="5" t="s">
        <v>39</v>
      </c>
      <c r="P1261" s="5" t="s">
        <v>40</v>
      </c>
      <c r="Q1261" s="5" t="s">
        <v>25301</v>
      </c>
      <c r="R1261" s="5" t="s">
        <v>40</v>
      </c>
      <c r="S1261" s="5" t="s">
        <v>42</v>
      </c>
      <c r="T1261" s="2">
        <v>9.0570000000000004</v>
      </c>
      <c r="U1261" s="2">
        <v>7.0940000000000003</v>
      </c>
      <c r="V1261" s="2">
        <v>0.11600000000000001</v>
      </c>
      <c r="W1261" s="2">
        <v>12</v>
      </c>
      <c r="X1261" s="2">
        <v>50</v>
      </c>
      <c r="Y1261" s="2">
        <v>193.9</v>
      </c>
      <c r="Z1261" s="5">
        <v>10</v>
      </c>
      <c r="AA1261" s="5" t="s">
        <v>43</v>
      </c>
      <c r="AB1261" s="5" t="s">
        <v>44</v>
      </c>
      <c r="AC1261" s="2" t="s">
        <v>28902</v>
      </c>
      <c r="AD1261" s="1"/>
    </row>
    <row r="1262" spans="1:30">
      <c r="A1262" s="5" t="s">
        <v>83578</v>
      </c>
      <c r="B1262" s="2" t="s">
        <v>87369</v>
      </c>
      <c r="C1262" s="14" t="s">
        <v>87370</v>
      </c>
      <c r="D1262" s="2" t="s">
        <v>87371</v>
      </c>
      <c r="E1262" s="2" t="s">
        <v>28906</v>
      </c>
      <c r="F1262" s="8">
        <v>391</v>
      </c>
      <c r="G1262" s="5">
        <v>20</v>
      </c>
      <c r="H1262" s="5" t="s">
        <v>69</v>
      </c>
      <c r="I1262" s="5" t="s">
        <v>27074</v>
      </c>
      <c r="J1262" s="2" t="s">
        <v>27075</v>
      </c>
      <c r="K1262" s="5" t="s">
        <v>27074</v>
      </c>
      <c r="L1262" s="2" t="s">
        <v>27075</v>
      </c>
      <c r="M1262" s="5" t="s">
        <v>24254</v>
      </c>
      <c r="N1262" s="5" t="s">
        <v>38</v>
      </c>
      <c r="O1262" s="5" t="s">
        <v>39</v>
      </c>
      <c r="P1262" s="5" t="s">
        <v>40</v>
      </c>
      <c r="Q1262" s="5" t="s">
        <v>25301</v>
      </c>
      <c r="R1262" s="5" t="s">
        <v>40</v>
      </c>
      <c r="S1262" s="5" t="s">
        <v>42</v>
      </c>
      <c r="T1262" s="2">
        <v>11.571999999999999</v>
      </c>
      <c r="U1262" s="2">
        <v>9.609</v>
      </c>
      <c r="V1262" s="2">
        <v>0.11600000000000001</v>
      </c>
      <c r="W1262" s="2">
        <v>12</v>
      </c>
      <c r="X1262" s="2">
        <v>50</v>
      </c>
      <c r="Y1262" s="2">
        <v>193.9</v>
      </c>
      <c r="Z1262" s="5">
        <v>10</v>
      </c>
      <c r="AA1262" s="5" t="s">
        <v>43</v>
      </c>
      <c r="AB1262" s="5" t="s">
        <v>44</v>
      </c>
      <c r="AC1262" s="2" t="s">
        <v>28902</v>
      </c>
      <c r="AD1262" s="1"/>
    </row>
    <row r="1263" spans="1:30">
      <c r="A1263" s="5" t="s">
        <v>83578</v>
      </c>
      <c r="B1263" s="2" t="s">
        <v>87372</v>
      </c>
      <c r="C1263" s="14" t="s">
        <v>87373</v>
      </c>
      <c r="D1263" s="2" t="s">
        <v>87374</v>
      </c>
      <c r="E1263" s="2" t="s">
        <v>29164</v>
      </c>
      <c r="F1263" s="8">
        <v>379</v>
      </c>
      <c r="G1263" s="5">
        <v>20</v>
      </c>
      <c r="H1263" s="5" t="s">
        <v>69</v>
      </c>
      <c r="I1263" s="5" t="s">
        <v>27074</v>
      </c>
      <c r="J1263" s="2" t="s">
        <v>27075</v>
      </c>
      <c r="K1263" s="5" t="s">
        <v>27074</v>
      </c>
      <c r="L1263" s="2" t="s">
        <v>27075</v>
      </c>
      <c r="M1263" s="5" t="s">
        <v>24254</v>
      </c>
      <c r="N1263" s="5" t="s">
        <v>38</v>
      </c>
      <c r="O1263" s="5" t="s">
        <v>39</v>
      </c>
      <c r="P1263" s="5" t="s">
        <v>40</v>
      </c>
      <c r="Q1263" s="5" t="s">
        <v>24340</v>
      </c>
      <c r="R1263" s="5" t="s">
        <v>40</v>
      </c>
      <c r="S1263" s="5" t="s">
        <v>42</v>
      </c>
      <c r="T1263" s="2">
        <v>10.188000000000001</v>
      </c>
      <c r="U1263" s="2">
        <v>8.7089999999999996</v>
      </c>
      <c r="V1263" s="2">
        <v>8.3000000000000004E-2</v>
      </c>
      <c r="W1263" s="2">
        <v>12</v>
      </c>
      <c r="X1263" s="2">
        <v>50</v>
      </c>
      <c r="Y1263" s="2">
        <v>137.9</v>
      </c>
      <c r="Z1263" s="5">
        <v>10</v>
      </c>
      <c r="AA1263" s="5" t="s">
        <v>43</v>
      </c>
      <c r="AB1263" s="5" t="s">
        <v>44</v>
      </c>
      <c r="AC1263" s="2" t="s">
        <v>29225</v>
      </c>
      <c r="AD1263" s="1"/>
    </row>
    <row r="1264" spans="1:30">
      <c r="A1264" s="5" t="s">
        <v>83578</v>
      </c>
      <c r="B1264" s="2" t="s">
        <v>87375</v>
      </c>
      <c r="C1264" s="14" t="s">
        <v>87376</v>
      </c>
      <c r="D1264" s="2" t="s">
        <v>87377</v>
      </c>
      <c r="E1264" s="2" t="s">
        <v>29164</v>
      </c>
      <c r="F1264" s="8">
        <v>379</v>
      </c>
      <c r="G1264" s="5">
        <v>20</v>
      </c>
      <c r="H1264" s="5" t="s">
        <v>69</v>
      </c>
      <c r="I1264" s="5" t="s">
        <v>27074</v>
      </c>
      <c r="J1264" s="2" t="s">
        <v>27075</v>
      </c>
      <c r="K1264" s="5" t="s">
        <v>27074</v>
      </c>
      <c r="L1264" s="2" t="s">
        <v>27075</v>
      </c>
      <c r="M1264" s="5" t="s">
        <v>24254</v>
      </c>
      <c r="N1264" s="5" t="s">
        <v>38</v>
      </c>
      <c r="O1264" s="5" t="s">
        <v>39</v>
      </c>
      <c r="P1264" s="5" t="s">
        <v>40</v>
      </c>
      <c r="Q1264" s="5" t="s">
        <v>24340</v>
      </c>
      <c r="R1264" s="5" t="s">
        <v>40</v>
      </c>
      <c r="S1264" s="5" t="s">
        <v>42</v>
      </c>
      <c r="T1264" s="2">
        <v>10.929</v>
      </c>
      <c r="U1264" s="2">
        <v>9.4499999999999993</v>
      </c>
      <c r="V1264" s="2">
        <v>8.3000000000000004E-2</v>
      </c>
      <c r="W1264" s="2">
        <v>12</v>
      </c>
      <c r="X1264" s="2">
        <v>50</v>
      </c>
      <c r="Y1264" s="2">
        <v>137.9</v>
      </c>
      <c r="Z1264" s="5">
        <v>10</v>
      </c>
      <c r="AA1264" s="5" t="s">
        <v>43</v>
      </c>
      <c r="AB1264" s="5" t="s">
        <v>44</v>
      </c>
      <c r="AC1264" s="2" t="s">
        <v>29165</v>
      </c>
      <c r="AD1264" s="1"/>
    </row>
    <row r="1265" spans="1:30">
      <c r="A1265" s="5" t="s">
        <v>83578</v>
      </c>
      <c r="B1265" s="2" t="s">
        <v>87378</v>
      </c>
      <c r="C1265" s="14" t="s">
        <v>87379</v>
      </c>
      <c r="D1265" s="2" t="s">
        <v>87380</v>
      </c>
      <c r="E1265" s="2" t="s">
        <v>29169</v>
      </c>
      <c r="F1265" s="8">
        <v>379</v>
      </c>
      <c r="G1265" s="5">
        <v>20</v>
      </c>
      <c r="H1265" s="5" t="s">
        <v>69</v>
      </c>
      <c r="I1265" s="5" t="s">
        <v>27074</v>
      </c>
      <c r="J1265" s="2" t="s">
        <v>27075</v>
      </c>
      <c r="K1265" s="5" t="s">
        <v>27074</v>
      </c>
      <c r="L1265" s="2" t="s">
        <v>27075</v>
      </c>
      <c r="M1265" s="5" t="s">
        <v>24254</v>
      </c>
      <c r="N1265" s="5" t="s">
        <v>38</v>
      </c>
      <c r="O1265" s="5" t="s">
        <v>39</v>
      </c>
      <c r="P1265" s="5" t="s">
        <v>40</v>
      </c>
      <c r="Q1265" s="5" t="s">
        <v>24340</v>
      </c>
      <c r="R1265" s="5" t="s">
        <v>40</v>
      </c>
      <c r="S1265" s="5" t="s">
        <v>42</v>
      </c>
      <c r="T1265" s="2">
        <v>7.6840000000000002</v>
      </c>
      <c r="U1265" s="2">
        <v>6.2050000000000001</v>
      </c>
      <c r="V1265" s="2">
        <v>8.3000000000000004E-2</v>
      </c>
      <c r="W1265" s="2">
        <v>12</v>
      </c>
      <c r="X1265" s="2">
        <v>50</v>
      </c>
      <c r="Y1265" s="2">
        <v>137.9</v>
      </c>
      <c r="Z1265" s="5">
        <v>10</v>
      </c>
      <c r="AA1265" s="5" t="s">
        <v>43</v>
      </c>
      <c r="AB1265" s="5" t="s">
        <v>44</v>
      </c>
      <c r="AC1265" s="2" t="s">
        <v>29225</v>
      </c>
      <c r="AD1265" s="1"/>
    </row>
    <row r="1266" spans="1:30">
      <c r="A1266" s="5" t="s">
        <v>83578</v>
      </c>
      <c r="B1266" s="2" t="s">
        <v>87381</v>
      </c>
      <c r="C1266" s="14" t="s">
        <v>87382</v>
      </c>
      <c r="D1266" s="2" t="s">
        <v>87383</v>
      </c>
      <c r="E1266" s="2" t="s">
        <v>29169</v>
      </c>
      <c r="F1266" s="8">
        <v>379</v>
      </c>
      <c r="G1266" s="5">
        <v>20</v>
      </c>
      <c r="H1266" s="5" t="s">
        <v>69</v>
      </c>
      <c r="I1266" s="5" t="s">
        <v>27074</v>
      </c>
      <c r="J1266" s="2" t="s">
        <v>27075</v>
      </c>
      <c r="K1266" s="5" t="s">
        <v>27074</v>
      </c>
      <c r="L1266" s="2" t="s">
        <v>27075</v>
      </c>
      <c r="M1266" s="5" t="s">
        <v>24254</v>
      </c>
      <c r="N1266" s="5" t="s">
        <v>38</v>
      </c>
      <c r="O1266" s="5" t="s">
        <v>39</v>
      </c>
      <c r="P1266" s="5" t="s">
        <v>40</v>
      </c>
      <c r="Q1266" s="5" t="s">
        <v>24340</v>
      </c>
      <c r="R1266" s="5" t="s">
        <v>40</v>
      </c>
      <c r="S1266" s="5" t="s">
        <v>42</v>
      </c>
      <c r="T1266" s="2">
        <v>8.18</v>
      </c>
      <c r="U1266" s="2">
        <v>6.7009999999999996</v>
      </c>
      <c r="V1266" s="2">
        <v>8.3000000000000004E-2</v>
      </c>
      <c r="W1266" s="2">
        <v>12</v>
      </c>
      <c r="X1266" s="2">
        <v>50</v>
      </c>
      <c r="Y1266" s="2">
        <v>137.9</v>
      </c>
      <c r="Z1266" s="5">
        <v>10</v>
      </c>
      <c r="AA1266" s="5" t="s">
        <v>43</v>
      </c>
      <c r="AB1266" s="5" t="s">
        <v>44</v>
      </c>
      <c r="AC1266" s="2" t="s">
        <v>29165</v>
      </c>
      <c r="AD1266" s="1"/>
    </row>
    <row r="1267" spans="1:30">
      <c r="A1267" s="5" t="s">
        <v>83578</v>
      </c>
      <c r="B1267" s="2" t="s">
        <v>87384</v>
      </c>
      <c r="C1267" s="14" t="s">
        <v>87385</v>
      </c>
      <c r="D1267" s="2" t="s">
        <v>87386</v>
      </c>
      <c r="E1267" s="2" t="s">
        <v>29173</v>
      </c>
      <c r="F1267" s="8">
        <v>379</v>
      </c>
      <c r="G1267" s="5">
        <v>20</v>
      </c>
      <c r="H1267" s="5" t="s">
        <v>69</v>
      </c>
      <c r="I1267" s="5" t="s">
        <v>27074</v>
      </c>
      <c r="J1267" s="2" t="s">
        <v>27075</v>
      </c>
      <c r="K1267" s="5" t="s">
        <v>27074</v>
      </c>
      <c r="L1267" s="2" t="s">
        <v>27075</v>
      </c>
      <c r="M1267" s="5" t="s">
        <v>24254</v>
      </c>
      <c r="N1267" s="5" t="s">
        <v>38</v>
      </c>
      <c r="O1267" s="5" t="s">
        <v>39</v>
      </c>
      <c r="P1267" s="5" t="s">
        <v>40</v>
      </c>
      <c r="Q1267" s="5" t="s">
        <v>24340</v>
      </c>
      <c r="R1267" s="5" t="s">
        <v>40</v>
      </c>
      <c r="S1267" s="5" t="s">
        <v>42</v>
      </c>
      <c r="T1267" s="2">
        <v>7.468</v>
      </c>
      <c r="U1267" s="2">
        <v>5.9889999999999999</v>
      </c>
      <c r="V1267" s="2">
        <v>8.3000000000000004E-2</v>
      </c>
      <c r="W1267" s="2">
        <v>12</v>
      </c>
      <c r="X1267" s="2">
        <v>50</v>
      </c>
      <c r="Y1267" s="2">
        <v>137.9</v>
      </c>
      <c r="Z1267" s="5">
        <v>10</v>
      </c>
      <c r="AA1267" s="5" t="s">
        <v>43</v>
      </c>
      <c r="AB1267" s="5" t="s">
        <v>44</v>
      </c>
      <c r="AC1267" s="2" t="s">
        <v>29229</v>
      </c>
      <c r="AD1267" s="1"/>
    </row>
    <row r="1268" spans="1:30">
      <c r="A1268" s="5" t="s">
        <v>83578</v>
      </c>
      <c r="B1268" s="2" t="s">
        <v>87387</v>
      </c>
      <c r="C1268" s="14" t="s">
        <v>87388</v>
      </c>
      <c r="D1268" s="2" t="s">
        <v>87389</v>
      </c>
      <c r="E1268" s="2" t="s">
        <v>29173</v>
      </c>
      <c r="F1268" s="8">
        <v>379</v>
      </c>
      <c r="G1268" s="5">
        <v>20</v>
      </c>
      <c r="H1268" s="5" t="s">
        <v>69</v>
      </c>
      <c r="I1268" s="5" t="s">
        <v>27074</v>
      </c>
      <c r="J1268" s="2" t="s">
        <v>27075</v>
      </c>
      <c r="K1268" s="5" t="s">
        <v>27074</v>
      </c>
      <c r="L1268" s="2" t="s">
        <v>27075</v>
      </c>
      <c r="M1268" s="5" t="s">
        <v>24254</v>
      </c>
      <c r="N1268" s="5" t="s">
        <v>38</v>
      </c>
      <c r="O1268" s="5" t="s">
        <v>39</v>
      </c>
      <c r="P1268" s="5" t="s">
        <v>40</v>
      </c>
      <c r="Q1268" s="5" t="s">
        <v>24340</v>
      </c>
      <c r="R1268" s="5" t="s">
        <v>40</v>
      </c>
      <c r="S1268" s="5" t="s">
        <v>42</v>
      </c>
      <c r="T1268" s="2">
        <v>8.2159999999999993</v>
      </c>
      <c r="U1268" s="2">
        <v>6.7370000000000001</v>
      </c>
      <c r="V1268" s="2">
        <v>8.3000000000000004E-2</v>
      </c>
      <c r="W1268" s="2">
        <v>12</v>
      </c>
      <c r="X1268" s="2">
        <v>50</v>
      </c>
      <c r="Y1268" s="2">
        <v>137.9</v>
      </c>
      <c r="Z1268" s="5">
        <v>10</v>
      </c>
      <c r="AA1268" s="5" t="s">
        <v>43</v>
      </c>
      <c r="AB1268" s="5" t="s">
        <v>44</v>
      </c>
      <c r="AC1268" s="2" t="s">
        <v>28941</v>
      </c>
      <c r="AD1268" s="1"/>
    </row>
    <row r="1269" spans="1:30">
      <c r="A1269" s="5" t="s">
        <v>83578</v>
      </c>
      <c r="B1269" s="2" t="s">
        <v>87390</v>
      </c>
      <c r="C1269" s="14" t="s">
        <v>87391</v>
      </c>
      <c r="D1269" s="2" t="s">
        <v>87392</v>
      </c>
      <c r="E1269" s="2" t="s">
        <v>28940</v>
      </c>
      <c r="F1269" s="8">
        <v>379</v>
      </c>
      <c r="G1269" s="5">
        <v>20</v>
      </c>
      <c r="H1269" s="5" t="s">
        <v>69</v>
      </c>
      <c r="I1269" s="5" t="s">
        <v>27074</v>
      </c>
      <c r="J1269" s="2" t="s">
        <v>27075</v>
      </c>
      <c r="K1269" s="5" t="s">
        <v>27074</v>
      </c>
      <c r="L1269" s="2" t="s">
        <v>27075</v>
      </c>
      <c r="M1269" s="5" t="s">
        <v>24254</v>
      </c>
      <c r="N1269" s="5" t="s">
        <v>38</v>
      </c>
      <c r="O1269" s="5" t="s">
        <v>39</v>
      </c>
      <c r="P1269" s="5" t="s">
        <v>40</v>
      </c>
      <c r="Q1269" s="5" t="s">
        <v>24340</v>
      </c>
      <c r="R1269" s="5" t="s">
        <v>40</v>
      </c>
      <c r="S1269" s="5" t="s">
        <v>42</v>
      </c>
      <c r="T1269" s="2">
        <v>9.3759999999999994</v>
      </c>
      <c r="U1269" s="2">
        <v>7.8970000000000002</v>
      </c>
      <c r="V1269" s="2">
        <v>8.3000000000000004E-2</v>
      </c>
      <c r="W1269" s="2">
        <v>12</v>
      </c>
      <c r="X1269" s="2">
        <v>50</v>
      </c>
      <c r="Y1269" s="2">
        <v>137.9</v>
      </c>
      <c r="Z1269" s="5">
        <v>10</v>
      </c>
      <c r="AA1269" s="5" t="s">
        <v>43</v>
      </c>
      <c r="AB1269" s="5" t="s">
        <v>44</v>
      </c>
      <c r="AC1269" s="2" t="s">
        <v>29229</v>
      </c>
      <c r="AD1269" s="1"/>
    </row>
    <row r="1270" spans="1:30">
      <c r="A1270" s="5" t="s">
        <v>83578</v>
      </c>
      <c r="B1270" s="2" t="s">
        <v>87393</v>
      </c>
      <c r="C1270" s="14" t="s">
        <v>87394</v>
      </c>
      <c r="D1270" s="2" t="s">
        <v>87395</v>
      </c>
      <c r="E1270" s="2" t="s">
        <v>28940</v>
      </c>
      <c r="F1270" s="8">
        <v>379</v>
      </c>
      <c r="G1270" s="5">
        <v>20</v>
      </c>
      <c r="H1270" s="5" t="s">
        <v>69</v>
      </c>
      <c r="I1270" s="5" t="s">
        <v>27074</v>
      </c>
      <c r="J1270" s="2" t="s">
        <v>27075</v>
      </c>
      <c r="K1270" s="5" t="s">
        <v>27074</v>
      </c>
      <c r="L1270" s="2" t="s">
        <v>27075</v>
      </c>
      <c r="M1270" s="5" t="s">
        <v>24254</v>
      </c>
      <c r="N1270" s="5" t="s">
        <v>38</v>
      </c>
      <c r="O1270" s="5" t="s">
        <v>39</v>
      </c>
      <c r="P1270" s="5" t="s">
        <v>40</v>
      </c>
      <c r="Q1270" s="5" t="s">
        <v>24340</v>
      </c>
      <c r="R1270" s="5" t="s">
        <v>40</v>
      </c>
      <c r="S1270" s="5" t="s">
        <v>42</v>
      </c>
      <c r="T1270" s="2">
        <v>10.281000000000001</v>
      </c>
      <c r="U1270" s="2">
        <v>8.8019999999999996</v>
      </c>
      <c r="V1270" s="2">
        <v>8.3000000000000004E-2</v>
      </c>
      <c r="W1270" s="2">
        <v>12</v>
      </c>
      <c r="X1270" s="2">
        <v>50</v>
      </c>
      <c r="Y1270" s="2">
        <v>137.9</v>
      </c>
      <c r="Z1270" s="5">
        <v>10</v>
      </c>
      <c r="AA1270" s="5" t="s">
        <v>43</v>
      </c>
      <c r="AB1270" s="5" t="s">
        <v>44</v>
      </c>
      <c r="AC1270" s="2" t="s">
        <v>28941</v>
      </c>
      <c r="AD1270" s="1"/>
    </row>
    <row r="1271" spans="1:30">
      <c r="A1271" s="5" t="s">
        <v>83578</v>
      </c>
      <c r="B1271" s="2" t="s">
        <v>87396</v>
      </c>
      <c r="C1271" s="14" t="s">
        <v>87397</v>
      </c>
      <c r="D1271" s="2" t="s">
        <v>87398</v>
      </c>
      <c r="E1271" s="2" t="s">
        <v>28959</v>
      </c>
      <c r="F1271" s="8">
        <v>379</v>
      </c>
      <c r="G1271" s="5">
        <v>20</v>
      </c>
      <c r="H1271" s="5" t="s">
        <v>69</v>
      </c>
      <c r="I1271" s="5" t="s">
        <v>27074</v>
      </c>
      <c r="J1271" s="2" t="s">
        <v>27075</v>
      </c>
      <c r="K1271" s="5" t="s">
        <v>27074</v>
      </c>
      <c r="L1271" s="2" t="s">
        <v>27075</v>
      </c>
      <c r="M1271" s="5" t="s">
        <v>24254</v>
      </c>
      <c r="N1271" s="5" t="s">
        <v>38</v>
      </c>
      <c r="O1271" s="5" t="s">
        <v>39</v>
      </c>
      <c r="P1271" s="5" t="s">
        <v>40</v>
      </c>
      <c r="Q1271" s="5" t="s">
        <v>25301</v>
      </c>
      <c r="R1271" s="5" t="s">
        <v>40</v>
      </c>
      <c r="S1271" s="5" t="s">
        <v>42</v>
      </c>
      <c r="T1271" s="2">
        <v>6.9039999999999999</v>
      </c>
      <c r="U1271" s="2">
        <v>5.4249999999999998</v>
      </c>
      <c r="V1271" s="2">
        <v>8.3000000000000004E-2</v>
      </c>
      <c r="W1271" s="2">
        <v>12</v>
      </c>
      <c r="X1271" s="2">
        <v>50</v>
      </c>
      <c r="Y1271" s="2">
        <v>137.9</v>
      </c>
      <c r="Z1271" s="5">
        <v>10</v>
      </c>
      <c r="AA1271" s="5" t="s">
        <v>43</v>
      </c>
      <c r="AB1271" s="5" t="s">
        <v>44</v>
      </c>
      <c r="AC1271" s="2" t="s">
        <v>28955</v>
      </c>
      <c r="AD1271" s="1"/>
    </row>
    <row r="1272" spans="1:30">
      <c r="A1272" s="5" t="s">
        <v>83578</v>
      </c>
      <c r="B1272" s="2" t="s">
        <v>87399</v>
      </c>
      <c r="C1272" s="14" t="s">
        <v>87400</v>
      </c>
      <c r="D1272" s="2" t="s">
        <v>87401</v>
      </c>
      <c r="E1272" s="2" t="s">
        <v>28901</v>
      </c>
      <c r="F1272" s="8">
        <v>379</v>
      </c>
      <c r="G1272" s="5">
        <v>20</v>
      </c>
      <c r="H1272" s="5" t="s">
        <v>69</v>
      </c>
      <c r="I1272" s="5" t="s">
        <v>27074</v>
      </c>
      <c r="J1272" s="2" t="s">
        <v>27075</v>
      </c>
      <c r="K1272" s="5" t="s">
        <v>27074</v>
      </c>
      <c r="L1272" s="2" t="s">
        <v>27075</v>
      </c>
      <c r="M1272" s="5" t="s">
        <v>24254</v>
      </c>
      <c r="N1272" s="5" t="s">
        <v>38</v>
      </c>
      <c r="O1272" s="5" t="s">
        <v>39</v>
      </c>
      <c r="P1272" s="5" t="s">
        <v>40</v>
      </c>
      <c r="Q1272" s="5" t="s">
        <v>25301</v>
      </c>
      <c r="R1272" s="5" t="s">
        <v>40</v>
      </c>
      <c r="S1272" s="5" t="s">
        <v>42</v>
      </c>
      <c r="T1272" s="2">
        <v>6.899</v>
      </c>
      <c r="U1272" s="2">
        <v>5.42</v>
      </c>
      <c r="V1272" s="2">
        <v>8.3000000000000004E-2</v>
      </c>
      <c r="W1272" s="2">
        <v>12</v>
      </c>
      <c r="X1272" s="2">
        <v>50</v>
      </c>
      <c r="Y1272" s="2">
        <v>137.9</v>
      </c>
      <c r="Z1272" s="5">
        <v>10</v>
      </c>
      <c r="AA1272" s="5" t="s">
        <v>43</v>
      </c>
      <c r="AB1272" s="5" t="s">
        <v>44</v>
      </c>
      <c r="AC1272" s="2" t="s">
        <v>28907</v>
      </c>
      <c r="AD1272" s="1"/>
    </row>
    <row r="1273" spans="1:30">
      <c r="A1273" s="5" t="s">
        <v>83578</v>
      </c>
      <c r="B1273" s="2" t="s">
        <v>87402</v>
      </c>
      <c r="C1273" s="14" t="s">
        <v>87403</v>
      </c>
      <c r="D1273" s="2" t="s">
        <v>87404</v>
      </c>
      <c r="E1273" s="2" t="s">
        <v>28906</v>
      </c>
      <c r="F1273" s="8">
        <v>379</v>
      </c>
      <c r="G1273" s="5">
        <v>20</v>
      </c>
      <c r="H1273" s="5" t="s">
        <v>69</v>
      </c>
      <c r="I1273" s="5" t="s">
        <v>27074</v>
      </c>
      <c r="J1273" s="2" t="s">
        <v>27075</v>
      </c>
      <c r="K1273" s="5" t="s">
        <v>27074</v>
      </c>
      <c r="L1273" s="2" t="s">
        <v>27075</v>
      </c>
      <c r="M1273" s="5" t="s">
        <v>24254</v>
      </c>
      <c r="N1273" s="5" t="s">
        <v>38</v>
      </c>
      <c r="O1273" s="5" t="s">
        <v>39</v>
      </c>
      <c r="P1273" s="5" t="s">
        <v>40</v>
      </c>
      <c r="Q1273" s="5" t="s">
        <v>25301</v>
      </c>
      <c r="R1273" s="5" t="s">
        <v>40</v>
      </c>
      <c r="S1273" s="5" t="s">
        <v>42</v>
      </c>
      <c r="T1273" s="2">
        <v>9.4350000000000005</v>
      </c>
      <c r="U1273" s="2">
        <v>7.9560000000000004</v>
      </c>
      <c r="V1273" s="2">
        <v>8.3000000000000004E-2</v>
      </c>
      <c r="W1273" s="2">
        <v>12</v>
      </c>
      <c r="X1273" s="2">
        <v>50</v>
      </c>
      <c r="Y1273" s="2">
        <v>137.9</v>
      </c>
      <c r="Z1273" s="5">
        <v>10</v>
      </c>
      <c r="AA1273" s="5" t="s">
        <v>43</v>
      </c>
      <c r="AB1273" s="5" t="s">
        <v>44</v>
      </c>
      <c r="AC1273" s="2" t="s">
        <v>28902</v>
      </c>
      <c r="AD1273" s="1"/>
    </row>
    <row r="1274" spans="1:30">
      <c r="A1274" s="5" t="s">
        <v>83578</v>
      </c>
      <c r="B1274" s="2" t="s">
        <v>87405</v>
      </c>
      <c r="C1274" s="14" t="s">
        <v>87406</v>
      </c>
      <c r="D1274" s="2" t="s">
        <v>87407</v>
      </c>
      <c r="E1274" s="2" t="s">
        <v>29164</v>
      </c>
      <c r="F1274" s="8">
        <v>391</v>
      </c>
      <c r="G1274" s="5">
        <v>20</v>
      </c>
      <c r="H1274" s="5" t="s">
        <v>69</v>
      </c>
      <c r="I1274" s="5" t="s">
        <v>27074</v>
      </c>
      <c r="J1274" s="2" t="s">
        <v>27075</v>
      </c>
      <c r="K1274" s="5" t="s">
        <v>27074</v>
      </c>
      <c r="L1274" s="2" t="s">
        <v>27075</v>
      </c>
      <c r="M1274" s="5" t="s">
        <v>24254</v>
      </c>
      <c r="N1274" s="5" t="s">
        <v>38</v>
      </c>
      <c r="O1274" s="5" t="s">
        <v>39</v>
      </c>
      <c r="P1274" s="5" t="s">
        <v>40</v>
      </c>
      <c r="Q1274" s="5" t="s">
        <v>24340</v>
      </c>
      <c r="R1274" s="5" t="s">
        <v>40</v>
      </c>
      <c r="S1274" s="5" t="s">
        <v>42</v>
      </c>
      <c r="T1274" s="2">
        <v>11.426</v>
      </c>
      <c r="U1274" s="2">
        <v>9.8030000000000008</v>
      </c>
      <c r="V1274" s="2">
        <v>9.2999999999999999E-2</v>
      </c>
      <c r="W1274" s="2">
        <v>12</v>
      </c>
      <c r="X1274" s="2">
        <v>50</v>
      </c>
      <c r="Y1274" s="2">
        <v>154.4</v>
      </c>
      <c r="Z1274" s="5">
        <v>10</v>
      </c>
      <c r="AA1274" s="5" t="s">
        <v>43</v>
      </c>
      <c r="AB1274" s="5" t="s">
        <v>44</v>
      </c>
      <c r="AC1274" s="2" t="s">
        <v>29225</v>
      </c>
      <c r="AD1274" s="1"/>
    </row>
    <row r="1275" spans="1:30">
      <c r="A1275" s="5" t="s">
        <v>83578</v>
      </c>
      <c r="B1275" s="2" t="s">
        <v>87408</v>
      </c>
      <c r="C1275" s="14" t="s">
        <v>87409</v>
      </c>
      <c r="D1275" s="2" t="s">
        <v>87410</v>
      </c>
      <c r="E1275" s="2" t="s">
        <v>29169</v>
      </c>
      <c r="F1275" s="8">
        <v>391</v>
      </c>
      <c r="G1275" s="5">
        <v>20</v>
      </c>
      <c r="H1275" s="5" t="s">
        <v>69</v>
      </c>
      <c r="I1275" s="5" t="s">
        <v>27074</v>
      </c>
      <c r="J1275" s="2" t="s">
        <v>27075</v>
      </c>
      <c r="K1275" s="5" t="s">
        <v>27074</v>
      </c>
      <c r="L1275" s="2" t="s">
        <v>27075</v>
      </c>
      <c r="M1275" s="5" t="s">
        <v>24254</v>
      </c>
      <c r="N1275" s="5" t="s">
        <v>38</v>
      </c>
      <c r="O1275" s="5" t="s">
        <v>39</v>
      </c>
      <c r="P1275" s="5" t="s">
        <v>40</v>
      </c>
      <c r="Q1275" s="5" t="s">
        <v>24340</v>
      </c>
      <c r="R1275" s="5" t="s">
        <v>40</v>
      </c>
      <c r="S1275" s="5" t="s">
        <v>42</v>
      </c>
      <c r="T1275" s="2">
        <v>8.5920000000000005</v>
      </c>
      <c r="U1275" s="2">
        <v>6.9690000000000003</v>
      </c>
      <c r="V1275" s="2">
        <v>9.2999999999999999E-2</v>
      </c>
      <c r="W1275" s="2">
        <v>12</v>
      </c>
      <c r="X1275" s="2">
        <v>50</v>
      </c>
      <c r="Y1275" s="2">
        <v>154.4</v>
      </c>
      <c r="Z1275" s="5">
        <v>10</v>
      </c>
      <c r="AA1275" s="5" t="s">
        <v>43</v>
      </c>
      <c r="AB1275" s="5" t="s">
        <v>44</v>
      </c>
      <c r="AC1275" s="2" t="s">
        <v>29225</v>
      </c>
      <c r="AD1275" s="1"/>
    </row>
    <row r="1276" spans="1:30">
      <c r="A1276" s="5" t="s">
        <v>83578</v>
      </c>
      <c r="B1276" s="2" t="s">
        <v>87411</v>
      </c>
      <c r="C1276" s="14" t="s">
        <v>87412</v>
      </c>
      <c r="D1276" s="2" t="s">
        <v>87413</v>
      </c>
      <c r="E1276" s="2" t="s">
        <v>29173</v>
      </c>
      <c r="F1276" s="8">
        <v>391</v>
      </c>
      <c r="G1276" s="5">
        <v>20</v>
      </c>
      <c r="H1276" s="5" t="s">
        <v>69</v>
      </c>
      <c r="I1276" s="5" t="s">
        <v>27074</v>
      </c>
      <c r="J1276" s="2" t="s">
        <v>27075</v>
      </c>
      <c r="K1276" s="5" t="s">
        <v>27074</v>
      </c>
      <c r="L1276" s="2" t="s">
        <v>27075</v>
      </c>
      <c r="M1276" s="5" t="s">
        <v>24254</v>
      </c>
      <c r="N1276" s="5" t="s">
        <v>38</v>
      </c>
      <c r="O1276" s="5" t="s">
        <v>39</v>
      </c>
      <c r="P1276" s="5" t="s">
        <v>40</v>
      </c>
      <c r="Q1276" s="5" t="s">
        <v>24340</v>
      </c>
      <c r="R1276" s="5" t="s">
        <v>40</v>
      </c>
      <c r="S1276" s="5" t="s">
        <v>42</v>
      </c>
      <c r="T1276" s="2">
        <v>8.3040000000000003</v>
      </c>
      <c r="U1276" s="2">
        <v>6.681</v>
      </c>
      <c r="V1276" s="2">
        <v>9.2999999999999999E-2</v>
      </c>
      <c r="W1276" s="2">
        <v>12</v>
      </c>
      <c r="X1276" s="2">
        <v>50</v>
      </c>
      <c r="Y1276" s="2">
        <v>154.4</v>
      </c>
      <c r="Z1276" s="5">
        <v>10</v>
      </c>
      <c r="AA1276" s="5" t="s">
        <v>43</v>
      </c>
      <c r="AB1276" s="5" t="s">
        <v>44</v>
      </c>
      <c r="AC1276" s="2" t="s">
        <v>29229</v>
      </c>
      <c r="AD1276" s="1"/>
    </row>
    <row r="1277" spans="1:30">
      <c r="A1277" s="5" t="s">
        <v>83578</v>
      </c>
      <c r="B1277" s="2" t="s">
        <v>87414</v>
      </c>
      <c r="C1277" s="14" t="s">
        <v>87415</v>
      </c>
      <c r="D1277" s="2" t="s">
        <v>87416</v>
      </c>
      <c r="E1277" s="2" t="s">
        <v>28940</v>
      </c>
      <c r="F1277" s="8">
        <v>391</v>
      </c>
      <c r="G1277" s="5">
        <v>20</v>
      </c>
      <c r="H1277" s="5" t="s">
        <v>69</v>
      </c>
      <c r="I1277" s="5" t="s">
        <v>27074</v>
      </c>
      <c r="J1277" s="2" t="s">
        <v>27075</v>
      </c>
      <c r="K1277" s="5" t="s">
        <v>27074</v>
      </c>
      <c r="L1277" s="2" t="s">
        <v>27075</v>
      </c>
      <c r="M1277" s="5" t="s">
        <v>24254</v>
      </c>
      <c r="N1277" s="5" t="s">
        <v>38</v>
      </c>
      <c r="O1277" s="5" t="s">
        <v>39</v>
      </c>
      <c r="P1277" s="5" t="s">
        <v>40</v>
      </c>
      <c r="Q1277" s="5" t="s">
        <v>24340</v>
      </c>
      <c r="R1277" s="5" t="s">
        <v>40</v>
      </c>
      <c r="S1277" s="5" t="s">
        <v>42</v>
      </c>
      <c r="T1277" s="2">
        <v>10.513999999999999</v>
      </c>
      <c r="U1277" s="2">
        <v>8.891</v>
      </c>
      <c r="V1277" s="2">
        <v>9.2999999999999999E-2</v>
      </c>
      <c r="W1277" s="2">
        <v>12</v>
      </c>
      <c r="X1277" s="2">
        <v>50</v>
      </c>
      <c r="Y1277" s="2">
        <v>154.4</v>
      </c>
      <c r="Z1277" s="5">
        <v>10</v>
      </c>
      <c r="AA1277" s="5" t="s">
        <v>43</v>
      </c>
      <c r="AB1277" s="5" t="s">
        <v>44</v>
      </c>
      <c r="AC1277" s="2" t="s">
        <v>29229</v>
      </c>
      <c r="AD1277" s="1"/>
    </row>
    <row r="1278" spans="1:30">
      <c r="A1278" s="5" t="s">
        <v>83578</v>
      </c>
      <c r="B1278" s="2" t="s">
        <v>87417</v>
      </c>
      <c r="C1278" s="14" t="s">
        <v>87418</v>
      </c>
      <c r="D1278" s="2" t="s">
        <v>87419</v>
      </c>
      <c r="E1278" s="2" t="s">
        <v>28940</v>
      </c>
      <c r="F1278" s="8">
        <v>391</v>
      </c>
      <c r="G1278" s="5">
        <v>20</v>
      </c>
      <c r="H1278" s="5" t="s">
        <v>69</v>
      </c>
      <c r="I1278" s="5" t="s">
        <v>27074</v>
      </c>
      <c r="J1278" s="2" t="s">
        <v>27075</v>
      </c>
      <c r="K1278" s="5" t="s">
        <v>27074</v>
      </c>
      <c r="L1278" s="2" t="s">
        <v>27075</v>
      </c>
      <c r="M1278" s="5" t="s">
        <v>24254</v>
      </c>
      <c r="N1278" s="5" t="s">
        <v>38</v>
      </c>
      <c r="O1278" s="5" t="s">
        <v>39</v>
      </c>
      <c r="P1278" s="5" t="s">
        <v>40</v>
      </c>
      <c r="Q1278" s="5" t="s">
        <v>24340</v>
      </c>
      <c r="R1278" s="5" t="s">
        <v>40</v>
      </c>
      <c r="S1278" s="5" t="s">
        <v>42</v>
      </c>
      <c r="T1278" s="2">
        <v>11.42</v>
      </c>
      <c r="U1278" s="2">
        <v>9.7970000000000006</v>
      </c>
      <c r="V1278" s="2">
        <v>9.2999999999999999E-2</v>
      </c>
      <c r="W1278" s="2">
        <v>12</v>
      </c>
      <c r="X1278" s="2">
        <v>50</v>
      </c>
      <c r="Y1278" s="2">
        <v>154.4</v>
      </c>
      <c r="Z1278" s="5">
        <v>10</v>
      </c>
      <c r="AA1278" s="5" t="s">
        <v>43</v>
      </c>
      <c r="AB1278" s="5" t="s">
        <v>44</v>
      </c>
      <c r="AC1278" s="2" t="s">
        <v>28941</v>
      </c>
      <c r="AD1278" s="1"/>
    </row>
    <row r="1279" spans="1:30">
      <c r="A1279" s="5" t="s">
        <v>83578</v>
      </c>
      <c r="B1279" s="2" t="s">
        <v>87420</v>
      </c>
      <c r="C1279" s="14" t="s">
        <v>87421</v>
      </c>
      <c r="D1279" s="2" t="s">
        <v>87422</v>
      </c>
      <c r="E1279" s="2" t="s">
        <v>28959</v>
      </c>
      <c r="F1279" s="8">
        <v>391</v>
      </c>
      <c r="G1279" s="5">
        <v>20</v>
      </c>
      <c r="H1279" s="5" t="s">
        <v>69</v>
      </c>
      <c r="I1279" s="5" t="s">
        <v>27074</v>
      </c>
      <c r="J1279" s="2" t="s">
        <v>27075</v>
      </c>
      <c r="K1279" s="5" t="s">
        <v>27074</v>
      </c>
      <c r="L1279" s="2" t="s">
        <v>27075</v>
      </c>
      <c r="M1279" s="5" t="s">
        <v>24254</v>
      </c>
      <c r="N1279" s="5" t="s">
        <v>38</v>
      </c>
      <c r="O1279" s="5" t="s">
        <v>39</v>
      </c>
      <c r="P1279" s="5" t="s">
        <v>40</v>
      </c>
      <c r="Q1279" s="5" t="s">
        <v>25301</v>
      </c>
      <c r="R1279" s="5" t="s">
        <v>40</v>
      </c>
      <c r="S1279" s="5" t="s">
        <v>42</v>
      </c>
      <c r="T1279" s="2">
        <v>7.71</v>
      </c>
      <c r="U1279" s="2">
        <v>6.0869999999999997</v>
      </c>
      <c r="V1279" s="2">
        <v>9.2999999999999999E-2</v>
      </c>
      <c r="W1279" s="2">
        <v>12</v>
      </c>
      <c r="X1279" s="2">
        <v>50</v>
      </c>
      <c r="Y1279" s="2">
        <v>154.4</v>
      </c>
      <c r="Z1279" s="5">
        <v>10</v>
      </c>
      <c r="AA1279" s="5" t="s">
        <v>43</v>
      </c>
      <c r="AB1279" s="5" t="s">
        <v>44</v>
      </c>
      <c r="AC1279" s="2" t="s">
        <v>28955</v>
      </c>
      <c r="AD1279" s="1"/>
    </row>
    <row r="1280" spans="1:30">
      <c r="A1280" s="5" t="s">
        <v>83578</v>
      </c>
      <c r="B1280" s="2" t="s">
        <v>87423</v>
      </c>
      <c r="C1280" s="14" t="s">
        <v>87424</v>
      </c>
      <c r="D1280" s="2" t="s">
        <v>87425</v>
      </c>
      <c r="E1280" s="2" t="s">
        <v>28906</v>
      </c>
      <c r="F1280" s="8">
        <v>391</v>
      </c>
      <c r="G1280" s="5">
        <v>20</v>
      </c>
      <c r="H1280" s="5" t="s">
        <v>69</v>
      </c>
      <c r="I1280" s="5" t="s">
        <v>27074</v>
      </c>
      <c r="J1280" s="2" t="s">
        <v>27075</v>
      </c>
      <c r="K1280" s="5" t="s">
        <v>27074</v>
      </c>
      <c r="L1280" s="2" t="s">
        <v>27075</v>
      </c>
      <c r="M1280" s="5" t="s">
        <v>24254</v>
      </c>
      <c r="N1280" s="5" t="s">
        <v>38</v>
      </c>
      <c r="O1280" s="5" t="s">
        <v>39</v>
      </c>
      <c r="P1280" s="5" t="s">
        <v>40</v>
      </c>
      <c r="Q1280" s="5" t="s">
        <v>25301</v>
      </c>
      <c r="R1280" s="5" t="s">
        <v>40</v>
      </c>
      <c r="S1280" s="5" t="s">
        <v>42</v>
      </c>
      <c r="T1280" s="2">
        <v>10.478</v>
      </c>
      <c r="U1280" s="2">
        <v>8.8550000000000004</v>
      </c>
      <c r="V1280" s="2">
        <v>9.2999999999999999E-2</v>
      </c>
      <c r="W1280" s="2">
        <v>12</v>
      </c>
      <c r="X1280" s="2">
        <v>50</v>
      </c>
      <c r="Y1280" s="2">
        <v>154.4</v>
      </c>
      <c r="Z1280" s="5">
        <v>10</v>
      </c>
      <c r="AA1280" s="5" t="s">
        <v>43</v>
      </c>
      <c r="AB1280" s="5" t="s">
        <v>44</v>
      </c>
      <c r="AC1280" s="2" t="s">
        <v>28902</v>
      </c>
      <c r="AD1280" s="1"/>
    </row>
    <row r="1281" spans="1:30">
      <c r="A1281" s="5" t="s">
        <v>83578</v>
      </c>
      <c r="B1281" s="2" t="s">
        <v>87426</v>
      </c>
      <c r="C1281" s="14" t="s">
        <v>87427</v>
      </c>
      <c r="D1281" s="2" t="s">
        <v>87428</v>
      </c>
      <c r="E1281" s="2" t="s">
        <v>29164</v>
      </c>
      <c r="F1281" s="8">
        <v>403</v>
      </c>
      <c r="G1281" s="5">
        <v>20</v>
      </c>
      <c r="H1281" s="5" t="s">
        <v>69</v>
      </c>
      <c r="I1281" s="5" t="s">
        <v>27074</v>
      </c>
      <c r="J1281" s="2" t="s">
        <v>27075</v>
      </c>
      <c r="K1281" s="5" t="s">
        <v>27074</v>
      </c>
      <c r="L1281" s="2" t="s">
        <v>27075</v>
      </c>
      <c r="M1281" s="5" t="s">
        <v>24254</v>
      </c>
      <c r="N1281" s="5" t="s">
        <v>38</v>
      </c>
      <c r="O1281" s="5" t="s">
        <v>39</v>
      </c>
      <c r="P1281" s="5" t="s">
        <v>40</v>
      </c>
      <c r="Q1281" s="5" t="s">
        <v>24340</v>
      </c>
      <c r="R1281" s="5" t="s">
        <v>40</v>
      </c>
      <c r="S1281" s="5" t="s">
        <v>42</v>
      </c>
      <c r="T1281" s="2">
        <v>13.715</v>
      </c>
      <c r="U1281" s="2">
        <v>11.752000000000001</v>
      </c>
      <c r="V1281" s="2">
        <v>0.11600000000000001</v>
      </c>
      <c r="W1281" s="2">
        <v>12</v>
      </c>
      <c r="X1281" s="2">
        <v>50</v>
      </c>
      <c r="Y1281" s="2">
        <v>193.9</v>
      </c>
      <c r="Z1281" s="5">
        <v>10</v>
      </c>
      <c r="AA1281" s="5" t="s">
        <v>43</v>
      </c>
      <c r="AB1281" s="5" t="s">
        <v>44</v>
      </c>
      <c r="AC1281" s="2" t="s">
        <v>29165</v>
      </c>
      <c r="AD1281" s="1"/>
    </row>
    <row r="1282" spans="1:30">
      <c r="A1282" s="5" t="s">
        <v>83578</v>
      </c>
      <c r="B1282" s="2" t="s">
        <v>87429</v>
      </c>
      <c r="C1282" s="14" t="s">
        <v>87430</v>
      </c>
      <c r="D1282" s="2" t="s">
        <v>87431</v>
      </c>
      <c r="E1282" s="2" t="s">
        <v>29169</v>
      </c>
      <c r="F1282" s="8">
        <v>403</v>
      </c>
      <c r="G1282" s="5">
        <v>20</v>
      </c>
      <c r="H1282" s="5" t="s">
        <v>69</v>
      </c>
      <c r="I1282" s="5" t="s">
        <v>27074</v>
      </c>
      <c r="J1282" s="2" t="s">
        <v>27075</v>
      </c>
      <c r="K1282" s="5" t="s">
        <v>27074</v>
      </c>
      <c r="L1282" s="2" t="s">
        <v>27075</v>
      </c>
      <c r="M1282" s="5" t="s">
        <v>24254</v>
      </c>
      <c r="N1282" s="5" t="s">
        <v>38</v>
      </c>
      <c r="O1282" s="5" t="s">
        <v>39</v>
      </c>
      <c r="P1282" s="5" t="s">
        <v>40</v>
      </c>
      <c r="Q1282" s="5" t="s">
        <v>24340</v>
      </c>
      <c r="R1282" s="5" t="s">
        <v>40</v>
      </c>
      <c r="S1282" s="5" t="s">
        <v>42</v>
      </c>
      <c r="T1282" s="2">
        <v>9.7759999999999998</v>
      </c>
      <c r="U1282" s="2">
        <v>7.8129999999999997</v>
      </c>
      <c r="V1282" s="2">
        <v>0.11600000000000001</v>
      </c>
      <c r="W1282" s="2">
        <v>12</v>
      </c>
      <c r="X1282" s="2">
        <v>50</v>
      </c>
      <c r="Y1282" s="2">
        <v>193.9</v>
      </c>
      <c r="Z1282" s="5">
        <v>10</v>
      </c>
      <c r="AA1282" s="5" t="s">
        <v>43</v>
      </c>
      <c r="AB1282" s="5" t="s">
        <v>44</v>
      </c>
      <c r="AC1282" s="2" t="s">
        <v>29225</v>
      </c>
      <c r="AD1282" s="1"/>
    </row>
    <row r="1283" spans="1:30">
      <c r="A1283" s="5" t="s">
        <v>83578</v>
      </c>
      <c r="B1283" s="2" t="s">
        <v>87432</v>
      </c>
      <c r="C1283" s="14" t="s">
        <v>87433</v>
      </c>
      <c r="D1283" s="2" t="s">
        <v>87434</v>
      </c>
      <c r="E1283" s="2" t="s">
        <v>29169</v>
      </c>
      <c r="F1283" s="8">
        <v>403</v>
      </c>
      <c r="G1283" s="5">
        <v>20</v>
      </c>
      <c r="H1283" s="5" t="s">
        <v>69</v>
      </c>
      <c r="I1283" s="5" t="s">
        <v>27074</v>
      </c>
      <c r="J1283" s="2" t="s">
        <v>27075</v>
      </c>
      <c r="K1283" s="5" t="s">
        <v>27074</v>
      </c>
      <c r="L1283" s="2" t="s">
        <v>27075</v>
      </c>
      <c r="M1283" s="5" t="s">
        <v>24254</v>
      </c>
      <c r="N1283" s="5" t="s">
        <v>38</v>
      </c>
      <c r="O1283" s="5" t="s">
        <v>39</v>
      </c>
      <c r="P1283" s="5" t="s">
        <v>40</v>
      </c>
      <c r="Q1283" s="5" t="s">
        <v>24340</v>
      </c>
      <c r="R1283" s="5" t="s">
        <v>40</v>
      </c>
      <c r="S1283" s="5" t="s">
        <v>42</v>
      </c>
      <c r="T1283" s="2">
        <v>10.271000000000001</v>
      </c>
      <c r="U1283" s="2">
        <v>8.3079999999999998</v>
      </c>
      <c r="V1283" s="2">
        <v>0.11600000000000001</v>
      </c>
      <c r="W1283" s="2">
        <v>12</v>
      </c>
      <c r="X1283" s="2">
        <v>50</v>
      </c>
      <c r="Y1283" s="2">
        <v>193.9</v>
      </c>
      <c r="Z1283" s="5">
        <v>10</v>
      </c>
      <c r="AA1283" s="5" t="s">
        <v>43</v>
      </c>
      <c r="AB1283" s="5" t="s">
        <v>44</v>
      </c>
      <c r="AC1283" s="2" t="s">
        <v>29165</v>
      </c>
      <c r="AD1283" s="1"/>
    </row>
    <row r="1284" spans="1:30">
      <c r="A1284" s="5" t="s">
        <v>83578</v>
      </c>
      <c r="B1284" s="2" t="s">
        <v>87435</v>
      </c>
      <c r="C1284" s="14" t="s">
        <v>87436</v>
      </c>
      <c r="D1284" s="2" t="s">
        <v>87437</v>
      </c>
      <c r="E1284" s="2" t="s">
        <v>29173</v>
      </c>
      <c r="F1284" s="8">
        <v>403</v>
      </c>
      <c r="G1284" s="5">
        <v>20</v>
      </c>
      <c r="H1284" s="5" t="s">
        <v>69</v>
      </c>
      <c r="I1284" s="5" t="s">
        <v>27074</v>
      </c>
      <c r="J1284" s="2" t="s">
        <v>27075</v>
      </c>
      <c r="K1284" s="5" t="s">
        <v>27074</v>
      </c>
      <c r="L1284" s="2" t="s">
        <v>27075</v>
      </c>
      <c r="M1284" s="5" t="s">
        <v>24254</v>
      </c>
      <c r="N1284" s="5" t="s">
        <v>38</v>
      </c>
      <c r="O1284" s="5" t="s">
        <v>39</v>
      </c>
      <c r="P1284" s="5" t="s">
        <v>40</v>
      </c>
      <c r="Q1284" s="5" t="s">
        <v>24340</v>
      </c>
      <c r="R1284" s="5" t="s">
        <v>40</v>
      </c>
      <c r="S1284" s="5" t="s">
        <v>42</v>
      </c>
      <c r="T1284" s="2">
        <v>10.154999999999999</v>
      </c>
      <c r="U1284" s="2">
        <v>8.1920000000000002</v>
      </c>
      <c r="V1284" s="2">
        <v>0.11600000000000001</v>
      </c>
      <c r="W1284" s="2">
        <v>12</v>
      </c>
      <c r="X1284" s="2">
        <v>50</v>
      </c>
      <c r="Y1284" s="2">
        <v>193.9</v>
      </c>
      <c r="Z1284" s="5">
        <v>10</v>
      </c>
      <c r="AA1284" s="5" t="s">
        <v>43</v>
      </c>
      <c r="AB1284" s="5" t="s">
        <v>44</v>
      </c>
      <c r="AC1284" s="2" t="s">
        <v>28941</v>
      </c>
      <c r="AD1284" s="1"/>
    </row>
    <row r="1285" spans="1:30">
      <c r="A1285" s="5" t="s">
        <v>83578</v>
      </c>
      <c r="B1285" s="2" t="s">
        <v>87438</v>
      </c>
      <c r="C1285" s="14" t="s">
        <v>87439</v>
      </c>
      <c r="D1285" s="2" t="s">
        <v>87440</v>
      </c>
      <c r="E1285" s="2" t="s">
        <v>28940</v>
      </c>
      <c r="F1285" s="8">
        <v>403</v>
      </c>
      <c r="G1285" s="5">
        <v>20</v>
      </c>
      <c r="H1285" s="5" t="s">
        <v>69</v>
      </c>
      <c r="I1285" s="5" t="s">
        <v>27074</v>
      </c>
      <c r="J1285" s="2" t="s">
        <v>27075</v>
      </c>
      <c r="K1285" s="5" t="s">
        <v>27074</v>
      </c>
      <c r="L1285" s="2" t="s">
        <v>27075</v>
      </c>
      <c r="M1285" s="5" t="s">
        <v>24254</v>
      </c>
      <c r="N1285" s="5" t="s">
        <v>38</v>
      </c>
      <c r="O1285" s="5" t="s">
        <v>39</v>
      </c>
      <c r="P1285" s="5" t="s">
        <v>40</v>
      </c>
      <c r="Q1285" s="5" t="s">
        <v>24340</v>
      </c>
      <c r="R1285" s="5" t="s">
        <v>40</v>
      </c>
      <c r="S1285" s="5" t="s">
        <v>42</v>
      </c>
      <c r="T1285" s="2">
        <v>11.951000000000001</v>
      </c>
      <c r="U1285" s="2">
        <v>9.9879999999999995</v>
      </c>
      <c r="V1285" s="2">
        <v>0.11600000000000001</v>
      </c>
      <c r="W1285" s="2">
        <v>12</v>
      </c>
      <c r="X1285" s="2">
        <v>50</v>
      </c>
      <c r="Y1285" s="2">
        <v>193.9</v>
      </c>
      <c r="Z1285" s="5">
        <v>10</v>
      </c>
      <c r="AA1285" s="5" t="s">
        <v>43</v>
      </c>
      <c r="AB1285" s="5" t="s">
        <v>44</v>
      </c>
      <c r="AC1285" s="2" t="s">
        <v>29229</v>
      </c>
      <c r="AD1285" s="1"/>
    </row>
    <row r="1286" spans="1:30">
      <c r="A1286" s="5" t="s">
        <v>83578</v>
      </c>
      <c r="B1286" s="2" t="s">
        <v>87441</v>
      </c>
      <c r="C1286" s="14" t="s">
        <v>87442</v>
      </c>
      <c r="D1286" s="2" t="s">
        <v>87443</v>
      </c>
      <c r="E1286" s="2" t="s">
        <v>28940</v>
      </c>
      <c r="F1286" s="8">
        <v>403</v>
      </c>
      <c r="G1286" s="5">
        <v>20</v>
      </c>
      <c r="H1286" s="5" t="s">
        <v>69</v>
      </c>
      <c r="I1286" s="5" t="s">
        <v>27074</v>
      </c>
      <c r="J1286" s="2" t="s">
        <v>27075</v>
      </c>
      <c r="K1286" s="5" t="s">
        <v>27074</v>
      </c>
      <c r="L1286" s="2" t="s">
        <v>27075</v>
      </c>
      <c r="M1286" s="5" t="s">
        <v>24254</v>
      </c>
      <c r="N1286" s="5" t="s">
        <v>38</v>
      </c>
      <c r="O1286" s="5" t="s">
        <v>39</v>
      </c>
      <c r="P1286" s="5" t="s">
        <v>40</v>
      </c>
      <c r="Q1286" s="5" t="s">
        <v>24340</v>
      </c>
      <c r="R1286" s="5" t="s">
        <v>40</v>
      </c>
      <c r="S1286" s="5" t="s">
        <v>42</v>
      </c>
      <c r="T1286" s="2">
        <v>12.856</v>
      </c>
      <c r="U1286" s="2">
        <v>10.893000000000001</v>
      </c>
      <c r="V1286" s="2">
        <v>0.11600000000000001</v>
      </c>
      <c r="W1286" s="2">
        <v>12</v>
      </c>
      <c r="X1286" s="2">
        <v>50</v>
      </c>
      <c r="Y1286" s="2">
        <v>193.9</v>
      </c>
      <c r="Z1286" s="5">
        <v>10</v>
      </c>
      <c r="AA1286" s="5" t="s">
        <v>43</v>
      </c>
      <c r="AB1286" s="5" t="s">
        <v>44</v>
      </c>
      <c r="AC1286" s="2" t="s">
        <v>28941</v>
      </c>
      <c r="AD1286" s="1"/>
    </row>
    <row r="1287" spans="1:30">
      <c r="A1287" s="5" t="s">
        <v>83578</v>
      </c>
      <c r="B1287" s="2" t="s">
        <v>87444</v>
      </c>
      <c r="C1287" s="14" t="s">
        <v>87445</v>
      </c>
      <c r="D1287" s="2" t="s">
        <v>87446</v>
      </c>
      <c r="E1287" s="2" t="s">
        <v>28896</v>
      </c>
      <c r="F1287" s="8">
        <v>403</v>
      </c>
      <c r="G1287" s="5">
        <v>20</v>
      </c>
      <c r="H1287" s="5" t="s">
        <v>69</v>
      </c>
      <c r="I1287" s="5" t="s">
        <v>27074</v>
      </c>
      <c r="J1287" s="2" t="s">
        <v>27075</v>
      </c>
      <c r="K1287" s="5" t="s">
        <v>27074</v>
      </c>
      <c r="L1287" s="2" t="s">
        <v>27075</v>
      </c>
      <c r="M1287" s="5" t="s">
        <v>24254</v>
      </c>
      <c r="N1287" s="5" t="s">
        <v>38</v>
      </c>
      <c r="O1287" s="5" t="s">
        <v>39</v>
      </c>
      <c r="P1287" s="5" t="s">
        <v>40</v>
      </c>
      <c r="Q1287" s="5" t="s">
        <v>25301</v>
      </c>
      <c r="R1287" s="5" t="s">
        <v>40</v>
      </c>
      <c r="S1287" s="5" t="s">
        <v>42</v>
      </c>
      <c r="T1287" s="2">
        <v>11.592000000000001</v>
      </c>
      <c r="U1287" s="2">
        <v>9.6289999999999996</v>
      </c>
      <c r="V1287" s="2">
        <v>0.11600000000000001</v>
      </c>
      <c r="W1287" s="2">
        <v>12</v>
      </c>
      <c r="X1287" s="2">
        <v>50</v>
      </c>
      <c r="Y1287" s="2">
        <v>193.9</v>
      </c>
      <c r="Z1287" s="5">
        <v>10</v>
      </c>
      <c r="AA1287" s="5" t="s">
        <v>43</v>
      </c>
      <c r="AB1287" s="5" t="s">
        <v>44</v>
      </c>
      <c r="AC1287" s="2" t="s">
        <v>28955</v>
      </c>
      <c r="AD1287" s="1"/>
    </row>
    <row r="1288" spans="1:30">
      <c r="A1288" s="5" t="s">
        <v>83578</v>
      </c>
      <c r="B1288" s="2" t="s">
        <v>87447</v>
      </c>
      <c r="C1288" s="14" t="s">
        <v>87448</v>
      </c>
      <c r="D1288" s="2" t="s">
        <v>87449</v>
      </c>
      <c r="E1288" s="2" t="s">
        <v>28896</v>
      </c>
      <c r="F1288" s="8">
        <v>403</v>
      </c>
      <c r="G1288" s="5">
        <v>20</v>
      </c>
      <c r="H1288" s="5" t="s">
        <v>69</v>
      </c>
      <c r="I1288" s="5" t="s">
        <v>27074</v>
      </c>
      <c r="J1288" s="2" t="s">
        <v>27075</v>
      </c>
      <c r="K1288" s="5" t="s">
        <v>27074</v>
      </c>
      <c r="L1288" s="2" t="s">
        <v>27075</v>
      </c>
      <c r="M1288" s="5" t="s">
        <v>24254</v>
      </c>
      <c r="N1288" s="5" t="s">
        <v>38</v>
      </c>
      <c r="O1288" s="5" t="s">
        <v>39</v>
      </c>
      <c r="P1288" s="5" t="s">
        <v>40</v>
      </c>
      <c r="Q1288" s="5" t="s">
        <v>25301</v>
      </c>
      <c r="R1288" s="5" t="s">
        <v>40</v>
      </c>
      <c r="S1288" s="5" t="s">
        <v>42</v>
      </c>
      <c r="T1288" s="2">
        <v>12.186</v>
      </c>
      <c r="U1288" s="2">
        <v>10.223000000000001</v>
      </c>
      <c r="V1288" s="2">
        <v>0.11600000000000001</v>
      </c>
      <c r="W1288" s="2">
        <v>12</v>
      </c>
      <c r="X1288" s="2">
        <v>50</v>
      </c>
      <c r="Y1288" s="2">
        <v>193.9</v>
      </c>
      <c r="Z1288" s="5">
        <v>10</v>
      </c>
      <c r="AA1288" s="5" t="s">
        <v>43</v>
      </c>
      <c r="AB1288" s="5" t="s">
        <v>44</v>
      </c>
      <c r="AC1288" s="2" t="s">
        <v>28897</v>
      </c>
      <c r="AD1288" s="1"/>
    </row>
    <row r="1289" spans="1:30">
      <c r="A1289" s="5" t="s">
        <v>83578</v>
      </c>
      <c r="B1289" s="2" t="s">
        <v>87450</v>
      </c>
      <c r="C1289" s="14" t="s">
        <v>87451</v>
      </c>
      <c r="D1289" s="2" t="s">
        <v>87452</v>
      </c>
      <c r="E1289" s="2" t="s">
        <v>28959</v>
      </c>
      <c r="F1289" s="8">
        <v>403</v>
      </c>
      <c r="G1289" s="5">
        <v>20</v>
      </c>
      <c r="H1289" s="5" t="s">
        <v>69</v>
      </c>
      <c r="I1289" s="5" t="s">
        <v>27074</v>
      </c>
      <c r="J1289" s="2" t="s">
        <v>27075</v>
      </c>
      <c r="K1289" s="5" t="s">
        <v>27074</v>
      </c>
      <c r="L1289" s="2" t="s">
        <v>27075</v>
      </c>
      <c r="M1289" s="5" t="s">
        <v>24254</v>
      </c>
      <c r="N1289" s="5" t="s">
        <v>38</v>
      </c>
      <c r="O1289" s="5" t="s">
        <v>39</v>
      </c>
      <c r="P1289" s="5" t="s">
        <v>40</v>
      </c>
      <c r="Q1289" s="5" t="s">
        <v>25301</v>
      </c>
      <c r="R1289" s="5" t="s">
        <v>40</v>
      </c>
      <c r="S1289" s="5" t="s">
        <v>42</v>
      </c>
      <c r="T1289" s="2">
        <v>8.7810000000000006</v>
      </c>
      <c r="U1289" s="2">
        <v>6.8179999999999996</v>
      </c>
      <c r="V1289" s="2">
        <v>0.11600000000000001</v>
      </c>
      <c r="W1289" s="2">
        <v>12</v>
      </c>
      <c r="X1289" s="2">
        <v>50</v>
      </c>
      <c r="Y1289" s="2">
        <v>193.9</v>
      </c>
      <c r="Z1289" s="5">
        <v>10</v>
      </c>
      <c r="AA1289" s="5" t="s">
        <v>43</v>
      </c>
      <c r="AB1289" s="5" t="s">
        <v>44</v>
      </c>
      <c r="AC1289" s="2" t="s">
        <v>28955</v>
      </c>
      <c r="AD1289" s="1"/>
    </row>
    <row r="1290" spans="1:30">
      <c r="A1290" s="5" t="s">
        <v>83578</v>
      </c>
      <c r="B1290" s="2" t="s">
        <v>87453</v>
      </c>
      <c r="C1290" s="14" t="s">
        <v>87454</v>
      </c>
      <c r="D1290" s="2" t="s">
        <v>87455</v>
      </c>
      <c r="E1290" s="2" t="s">
        <v>28959</v>
      </c>
      <c r="F1290" s="8">
        <v>403</v>
      </c>
      <c r="G1290" s="5">
        <v>20</v>
      </c>
      <c r="H1290" s="5" t="s">
        <v>69</v>
      </c>
      <c r="I1290" s="5" t="s">
        <v>27074</v>
      </c>
      <c r="J1290" s="2" t="s">
        <v>27075</v>
      </c>
      <c r="K1290" s="5" t="s">
        <v>27074</v>
      </c>
      <c r="L1290" s="2" t="s">
        <v>27075</v>
      </c>
      <c r="M1290" s="5" t="s">
        <v>24254</v>
      </c>
      <c r="N1290" s="5" t="s">
        <v>38</v>
      </c>
      <c r="O1290" s="5" t="s">
        <v>39</v>
      </c>
      <c r="P1290" s="5" t="s">
        <v>40</v>
      </c>
      <c r="Q1290" s="5" t="s">
        <v>25301</v>
      </c>
      <c r="R1290" s="5" t="s">
        <v>40</v>
      </c>
      <c r="S1290" s="5" t="s">
        <v>42</v>
      </c>
      <c r="T1290" s="2">
        <v>9.1769999999999996</v>
      </c>
      <c r="U1290" s="2">
        <v>7.2140000000000004</v>
      </c>
      <c r="V1290" s="2">
        <v>0.11600000000000001</v>
      </c>
      <c r="W1290" s="2">
        <v>12</v>
      </c>
      <c r="X1290" s="2">
        <v>50</v>
      </c>
      <c r="Y1290" s="2">
        <v>193.9</v>
      </c>
      <c r="Z1290" s="5">
        <v>10</v>
      </c>
      <c r="AA1290" s="5" t="s">
        <v>43</v>
      </c>
      <c r="AB1290" s="5" t="s">
        <v>44</v>
      </c>
      <c r="AC1290" s="2" t="s">
        <v>28897</v>
      </c>
      <c r="AD1290" s="1"/>
    </row>
    <row r="1291" spans="1:30">
      <c r="A1291" s="5" t="s">
        <v>83578</v>
      </c>
      <c r="B1291" s="2" t="s">
        <v>87456</v>
      </c>
      <c r="C1291" s="14" t="s">
        <v>87457</v>
      </c>
      <c r="D1291" s="2" t="s">
        <v>87458</v>
      </c>
      <c r="E1291" s="2" t="s">
        <v>28901</v>
      </c>
      <c r="F1291" s="8">
        <v>403</v>
      </c>
      <c r="G1291" s="5">
        <v>20</v>
      </c>
      <c r="H1291" s="5" t="s">
        <v>69</v>
      </c>
      <c r="I1291" s="5" t="s">
        <v>27074</v>
      </c>
      <c r="J1291" s="2" t="s">
        <v>27075</v>
      </c>
      <c r="K1291" s="5" t="s">
        <v>27074</v>
      </c>
      <c r="L1291" s="2" t="s">
        <v>27075</v>
      </c>
      <c r="M1291" s="5" t="s">
        <v>24254</v>
      </c>
      <c r="N1291" s="5" t="s">
        <v>38</v>
      </c>
      <c r="O1291" s="5" t="s">
        <v>39</v>
      </c>
      <c r="P1291" s="5" t="s">
        <v>40</v>
      </c>
      <c r="Q1291" s="5" t="s">
        <v>25301</v>
      </c>
      <c r="R1291" s="5" t="s">
        <v>40</v>
      </c>
      <c r="S1291" s="5" t="s">
        <v>42</v>
      </c>
      <c r="T1291" s="2">
        <v>8.7129999999999992</v>
      </c>
      <c r="U1291" s="2">
        <v>6.75</v>
      </c>
      <c r="V1291" s="2">
        <v>0.11600000000000001</v>
      </c>
      <c r="W1291" s="2">
        <v>12</v>
      </c>
      <c r="X1291" s="2">
        <v>50</v>
      </c>
      <c r="Y1291" s="2">
        <v>193.9</v>
      </c>
      <c r="Z1291" s="5">
        <v>10</v>
      </c>
      <c r="AA1291" s="5" t="s">
        <v>43</v>
      </c>
      <c r="AB1291" s="5" t="s">
        <v>44</v>
      </c>
      <c r="AC1291" s="2" t="s">
        <v>28907</v>
      </c>
      <c r="AD1291" s="1"/>
    </row>
    <row r="1292" spans="1:30">
      <c r="A1292" s="5" t="s">
        <v>83578</v>
      </c>
      <c r="B1292" s="2" t="s">
        <v>87459</v>
      </c>
      <c r="C1292" s="14" t="s">
        <v>87460</v>
      </c>
      <c r="D1292" s="2" t="s">
        <v>87461</v>
      </c>
      <c r="E1292" s="2" t="s">
        <v>28901</v>
      </c>
      <c r="F1292" s="8">
        <v>403</v>
      </c>
      <c r="G1292" s="5">
        <v>20</v>
      </c>
      <c r="H1292" s="5" t="s">
        <v>69</v>
      </c>
      <c r="I1292" s="5" t="s">
        <v>27074</v>
      </c>
      <c r="J1292" s="2" t="s">
        <v>27075</v>
      </c>
      <c r="K1292" s="5" t="s">
        <v>27074</v>
      </c>
      <c r="L1292" s="2" t="s">
        <v>27075</v>
      </c>
      <c r="M1292" s="5" t="s">
        <v>24254</v>
      </c>
      <c r="N1292" s="5" t="s">
        <v>38</v>
      </c>
      <c r="O1292" s="5" t="s">
        <v>39</v>
      </c>
      <c r="P1292" s="5" t="s">
        <v>40</v>
      </c>
      <c r="Q1292" s="5" t="s">
        <v>25301</v>
      </c>
      <c r="R1292" s="5" t="s">
        <v>40</v>
      </c>
      <c r="S1292" s="5" t="s">
        <v>42</v>
      </c>
      <c r="T1292" s="2">
        <v>9.3109999999999999</v>
      </c>
      <c r="U1292" s="2">
        <v>7.3479999999999999</v>
      </c>
      <c r="V1292" s="2">
        <v>0.11600000000000001</v>
      </c>
      <c r="W1292" s="2">
        <v>12</v>
      </c>
      <c r="X1292" s="2">
        <v>50</v>
      </c>
      <c r="Y1292" s="2">
        <v>193.9</v>
      </c>
      <c r="Z1292" s="5">
        <v>10</v>
      </c>
      <c r="AA1292" s="5" t="s">
        <v>43</v>
      </c>
      <c r="AB1292" s="5" t="s">
        <v>44</v>
      </c>
      <c r="AC1292" s="2" t="s">
        <v>28902</v>
      </c>
      <c r="AD1292" s="1"/>
    </row>
    <row r="1293" spans="1:30">
      <c r="A1293" s="5" t="s">
        <v>83578</v>
      </c>
      <c r="B1293" s="2" t="s">
        <v>87462</v>
      </c>
      <c r="C1293" s="14" t="s">
        <v>87463</v>
      </c>
      <c r="D1293" s="2" t="s">
        <v>87464</v>
      </c>
      <c r="E1293" s="2" t="s">
        <v>28906</v>
      </c>
      <c r="F1293" s="8">
        <v>403</v>
      </c>
      <c r="G1293" s="5">
        <v>20</v>
      </c>
      <c r="H1293" s="5" t="s">
        <v>69</v>
      </c>
      <c r="I1293" s="5" t="s">
        <v>27074</v>
      </c>
      <c r="J1293" s="2" t="s">
        <v>27075</v>
      </c>
      <c r="K1293" s="5" t="s">
        <v>27074</v>
      </c>
      <c r="L1293" s="2" t="s">
        <v>27075</v>
      </c>
      <c r="M1293" s="5" t="s">
        <v>24254</v>
      </c>
      <c r="N1293" s="5" t="s">
        <v>38</v>
      </c>
      <c r="O1293" s="5" t="s">
        <v>39</v>
      </c>
      <c r="P1293" s="5" t="s">
        <v>40</v>
      </c>
      <c r="Q1293" s="5" t="s">
        <v>25301</v>
      </c>
      <c r="R1293" s="5" t="s">
        <v>40</v>
      </c>
      <c r="S1293" s="5" t="s">
        <v>42</v>
      </c>
      <c r="T1293" s="2">
        <v>11.805999999999999</v>
      </c>
      <c r="U1293" s="2">
        <v>9.843</v>
      </c>
      <c r="V1293" s="2">
        <v>0.11600000000000001</v>
      </c>
      <c r="W1293" s="2">
        <v>12</v>
      </c>
      <c r="X1293" s="2">
        <v>50</v>
      </c>
      <c r="Y1293" s="2">
        <v>193.9</v>
      </c>
      <c r="Z1293" s="5">
        <v>10</v>
      </c>
      <c r="AA1293" s="5" t="s">
        <v>43</v>
      </c>
      <c r="AB1293" s="5" t="s">
        <v>44</v>
      </c>
      <c r="AC1293" s="2" t="s">
        <v>28902</v>
      </c>
      <c r="AD1293" s="1"/>
    </row>
    <row r="1294" spans="1:30">
      <c r="A1294" s="5" t="s">
        <v>83578</v>
      </c>
      <c r="B1294" s="2" t="s">
        <v>87465</v>
      </c>
      <c r="C1294" s="14" t="s">
        <v>87466</v>
      </c>
      <c r="D1294" s="2" t="s">
        <v>87467</v>
      </c>
      <c r="E1294" s="2" t="s">
        <v>29164</v>
      </c>
      <c r="F1294" s="8">
        <v>439</v>
      </c>
      <c r="G1294" s="5">
        <v>20</v>
      </c>
      <c r="H1294" s="5" t="s">
        <v>69</v>
      </c>
      <c r="I1294" s="5" t="s">
        <v>27074</v>
      </c>
      <c r="J1294" s="2" t="s">
        <v>27075</v>
      </c>
      <c r="K1294" s="5" t="s">
        <v>27074</v>
      </c>
      <c r="L1294" s="2" t="s">
        <v>27075</v>
      </c>
      <c r="M1294" s="5" t="s">
        <v>24254</v>
      </c>
      <c r="N1294" s="5" t="s">
        <v>38</v>
      </c>
      <c r="O1294" s="5" t="s">
        <v>39</v>
      </c>
      <c r="P1294" s="5" t="s">
        <v>40</v>
      </c>
      <c r="Q1294" s="5" t="s">
        <v>24340</v>
      </c>
      <c r="R1294" s="5" t="s">
        <v>40</v>
      </c>
      <c r="S1294" s="5" t="s">
        <v>42</v>
      </c>
      <c r="T1294" s="2">
        <v>14.54</v>
      </c>
      <c r="U1294" s="2">
        <v>12.122999999999999</v>
      </c>
      <c r="V1294" s="2">
        <v>0.13600000000000001</v>
      </c>
      <c r="W1294" s="2">
        <v>12</v>
      </c>
      <c r="X1294" s="2">
        <v>50</v>
      </c>
      <c r="Y1294" s="2">
        <v>227.4</v>
      </c>
      <c r="Z1294" s="5">
        <v>10</v>
      </c>
      <c r="AA1294" s="5" t="s">
        <v>43</v>
      </c>
      <c r="AB1294" s="5" t="s">
        <v>44</v>
      </c>
      <c r="AC1294" s="2" t="s">
        <v>29225</v>
      </c>
      <c r="AD1294" s="1"/>
    </row>
    <row r="1295" spans="1:30">
      <c r="A1295" s="5" t="s">
        <v>83578</v>
      </c>
      <c r="B1295" s="2" t="s">
        <v>87468</v>
      </c>
      <c r="C1295" s="14" t="s">
        <v>87469</v>
      </c>
      <c r="D1295" s="2" t="s">
        <v>87470</v>
      </c>
      <c r="E1295" s="2" t="s">
        <v>29164</v>
      </c>
      <c r="F1295" s="8">
        <v>439</v>
      </c>
      <c r="G1295" s="5">
        <v>20</v>
      </c>
      <c r="H1295" s="5" t="s">
        <v>69</v>
      </c>
      <c r="I1295" s="5" t="s">
        <v>27074</v>
      </c>
      <c r="J1295" s="2" t="s">
        <v>27075</v>
      </c>
      <c r="K1295" s="5" t="s">
        <v>27074</v>
      </c>
      <c r="L1295" s="2" t="s">
        <v>27075</v>
      </c>
      <c r="M1295" s="5" t="s">
        <v>24254</v>
      </c>
      <c r="N1295" s="5" t="s">
        <v>38</v>
      </c>
      <c r="O1295" s="5" t="s">
        <v>39</v>
      </c>
      <c r="P1295" s="5" t="s">
        <v>40</v>
      </c>
      <c r="Q1295" s="5" t="s">
        <v>24340</v>
      </c>
      <c r="R1295" s="5" t="s">
        <v>40</v>
      </c>
      <c r="S1295" s="5" t="s">
        <v>42</v>
      </c>
      <c r="T1295" s="2">
        <v>15.281000000000001</v>
      </c>
      <c r="U1295" s="2">
        <v>12.864000000000001</v>
      </c>
      <c r="V1295" s="2">
        <v>0.13600000000000001</v>
      </c>
      <c r="W1295" s="2">
        <v>12</v>
      </c>
      <c r="X1295" s="2">
        <v>50</v>
      </c>
      <c r="Y1295" s="2">
        <v>227.4</v>
      </c>
      <c r="Z1295" s="5">
        <v>10</v>
      </c>
      <c r="AA1295" s="5" t="s">
        <v>43</v>
      </c>
      <c r="AB1295" s="5" t="s">
        <v>44</v>
      </c>
      <c r="AC1295" s="2" t="s">
        <v>29165</v>
      </c>
      <c r="AD1295" s="1"/>
    </row>
    <row r="1296" spans="1:30">
      <c r="A1296" s="5" t="s">
        <v>83578</v>
      </c>
      <c r="B1296" s="2" t="s">
        <v>87471</v>
      </c>
      <c r="C1296" s="14" t="s">
        <v>87472</v>
      </c>
      <c r="D1296" s="2" t="s">
        <v>87473</v>
      </c>
      <c r="E1296" s="2" t="s">
        <v>29169</v>
      </c>
      <c r="F1296" s="8">
        <v>439</v>
      </c>
      <c r="G1296" s="5">
        <v>20</v>
      </c>
      <c r="H1296" s="5" t="s">
        <v>69</v>
      </c>
      <c r="I1296" s="5" t="s">
        <v>27074</v>
      </c>
      <c r="J1296" s="2" t="s">
        <v>27075</v>
      </c>
      <c r="K1296" s="5" t="s">
        <v>27074</v>
      </c>
      <c r="L1296" s="2" t="s">
        <v>27075</v>
      </c>
      <c r="M1296" s="5" t="s">
        <v>24254</v>
      </c>
      <c r="N1296" s="5" t="s">
        <v>38</v>
      </c>
      <c r="O1296" s="5" t="s">
        <v>39</v>
      </c>
      <c r="P1296" s="5" t="s">
        <v>40</v>
      </c>
      <c r="Q1296" s="5" t="s">
        <v>24340</v>
      </c>
      <c r="R1296" s="5" t="s">
        <v>40</v>
      </c>
      <c r="S1296" s="5" t="s">
        <v>42</v>
      </c>
      <c r="T1296" s="2">
        <v>11.007999999999999</v>
      </c>
      <c r="U1296" s="2">
        <v>8.5909999999999993</v>
      </c>
      <c r="V1296" s="2">
        <v>0.13600000000000001</v>
      </c>
      <c r="W1296" s="2">
        <v>12</v>
      </c>
      <c r="X1296" s="2">
        <v>50</v>
      </c>
      <c r="Y1296" s="2">
        <v>227.4</v>
      </c>
      <c r="Z1296" s="5">
        <v>10</v>
      </c>
      <c r="AA1296" s="5" t="s">
        <v>43</v>
      </c>
      <c r="AB1296" s="5" t="s">
        <v>44</v>
      </c>
      <c r="AC1296" s="2" t="s">
        <v>29225</v>
      </c>
      <c r="AD1296" s="1"/>
    </row>
    <row r="1297" spans="1:30">
      <c r="A1297" s="5" t="s">
        <v>83578</v>
      </c>
      <c r="B1297" s="2" t="s">
        <v>87474</v>
      </c>
      <c r="C1297" s="14" t="s">
        <v>87475</v>
      </c>
      <c r="D1297" s="2" t="s">
        <v>87476</v>
      </c>
      <c r="E1297" s="2" t="s">
        <v>29169</v>
      </c>
      <c r="F1297" s="8">
        <v>439</v>
      </c>
      <c r="G1297" s="5">
        <v>20</v>
      </c>
      <c r="H1297" s="5" t="s">
        <v>69</v>
      </c>
      <c r="I1297" s="5" t="s">
        <v>27074</v>
      </c>
      <c r="J1297" s="2" t="s">
        <v>27075</v>
      </c>
      <c r="K1297" s="5" t="s">
        <v>27074</v>
      </c>
      <c r="L1297" s="2" t="s">
        <v>27075</v>
      </c>
      <c r="M1297" s="5" t="s">
        <v>24254</v>
      </c>
      <c r="N1297" s="5" t="s">
        <v>38</v>
      </c>
      <c r="O1297" s="5" t="s">
        <v>39</v>
      </c>
      <c r="P1297" s="5" t="s">
        <v>40</v>
      </c>
      <c r="Q1297" s="5" t="s">
        <v>24340</v>
      </c>
      <c r="R1297" s="5" t="s">
        <v>40</v>
      </c>
      <c r="S1297" s="5" t="s">
        <v>42</v>
      </c>
      <c r="T1297" s="2">
        <v>11.504</v>
      </c>
      <c r="U1297" s="2">
        <v>9.0869999999999997</v>
      </c>
      <c r="V1297" s="2">
        <v>0.13600000000000001</v>
      </c>
      <c r="W1297" s="2">
        <v>12</v>
      </c>
      <c r="X1297" s="2">
        <v>50</v>
      </c>
      <c r="Y1297" s="2">
        <v>227.4</v>
      </c>
      <c r="Z1297" s="5">
        <v>10</v>
      </c>
      <c r="AA1297" s="5" t="s">
        <v>43</v>
      </c>
      <c r="AB1297" s="5" t="s">
        <v>44</v>
      </c>
      <c r="AC1297" s="2" t="s">
        <v>29165</v>
      </c>
      <c r="AD1297" s="1"/>
    </row>
    <row r="1298" spans="1:30">
      <c r="A1298" s="5" t="s">
        <v>83578</v>
      </c>
      <c r="B1298" s="2" t="s">
        <v>87477</v>
      </c>
      <c r="C1298" s="14" t="s">
        <v>87478</v>
      </c>
      <c r="D1298" s="2" t="s">
        <v>87479</v>
      </c>
      <c r="E1298" s="2" t="s">
        <v>29173</v>
      </c>
      <c r="F1298" s="8">
        <v>439</v>
      </c>
      <c r="G1298" s="5">
        <v>20</v>
      </c>
      <c r="H1298" s="5" t="s">
        <v>69</v>
      </c>
      <c r="I1298" s="5" t="s">
        <v>27074</v>
      </c>
      <c r="J1298" s="2" t="s">
        <v>27075</v>
      </c>
      <c r="K1298" s="5" t="s">
        <v>27074</v>
      </c>
      <c r="L1298" s="2" t="s">
        <v>27075</v>
      </c>
      <c r="M1298" s="5" t="s">
        <v>24254</v>
      </c>
      <c r="N1298" s="5" t="s">
        <v>38</v>
      </c>
      <c r="O1298" s="5" t="s">
        <v>39</v>
      </c>
      <c r="P1298" s="5" t="s">
        <v>40</v>
      </c>
      <c r="Q1298" s="5" t="s">
        <v>24340</v>
      </c>
      <c r="R1298" s="5" t="s">
        <v>40</v>
      </c>
      <c r="S1298" s="5" t="s">
        <v>42</v>
      </c>
      <c r="T1298" s="2">
        <v>10.566000000000001</v>
      </c>
      <c r="U1298" s="2">
        <v>8.1489999999999991</v>
      </c>
      <c r="V1298" s="2">
        <v>0.13600000000000001</v>
      </c>
      <c r="W1298" s="2">
        <v>12</v>
      </c>
      <c r="X1298" s="2">
        <v>50</v>
      </c>
      <c r="Y1298" s="2">
        <v>227.4</v>
      </c>
      <c r="Z1298" s="5">
        <v>10</v>
      </c>
      <c r="AA1298" s="5" t="s">
        <v>43</v>
      </c>
      <c r="AB1298" s="5" t="s">
        <v>44</v>
      </c>
      <c r="AC1298" s="2" t="s">
        <v>29229</v>
      </c>
      <c r="AD1298" s="1"/>
    </row>
    <row r="1299" spans="1:30">
      <c r="A1299" s="5" t="s">
        <v>83578</v>
      </c>
      <c r="B1299" s="2" t="s">
        <v>87480</v>
      </c>
      <c r="C1299" s="14" t="s">
        <v>87481</v>
      </c>
      <c r="D1299" s="2" t="s">
        <v>87482</v>
      </c>
      <c r="E1299" s="2" t="s">
        <v>29173</v>
      </c>
      <c r="F1299" s="8">
        <v>439</v>
      </c>
      <c r="G1299" s="5">
        <v>20</v>
      </c>
      <c r="H1299" s="5" t="s">
        <v>69</v>
      </c>
      <c r="I1299" s="5" t="s">
        <v>27074</v>
      </c>
      <c r="J1299" s="2" t="s">
        <v>27075</v>
      </c>
      <c r="K1299" s="5" t="s">
        <v>27074</v>
      </c>
      <c r="L1299" s="2" t="s">
        <v>27075</v>
      </c>
      <c r="M1299" s="5" t="s">
        <v>24254</v>
      </c>
      <c r="N1299" s="5" t="s">
        <v>38</v>
      </c>
      <c r="O1299" s="5" t="s">
        <v>39</v>
      </c>
      <c r="P1299" s="5" t="s">
        <v>40</v>
      </c>
      <c r="Q1299" s="5" t="s">
        <v>24340</v>
      </c>
      <c r="R1299" s="5" t="s">
        <v>40</v>
      </c>
      <c r="S1299" s="5" t="s">
        <v>42</v>
      </c>
      <c r="T1299" s="2">
        <v>11.314</v>
      </c>
      <c r="U1299" s="2">
        <v>8.8970000000000002</v>
      </c>
      <c r="V1299" s="2">
        <v>0.13600000000000001</v>
      </c>
      <c r="W1299" s="2">
        <v>12</v>
      </c>
      <c r="X1299" s="2">
        <v>50</v>
      </c>
      <c r="Y1299" s="2">
        <v>227.4</v>
      </c>
      <c r="Z1299" s="5">
        <v>10</v>
      </c>
      <c r="AA1299" s="5" t="s">
        <v>43</v>
      </c>
      <c r="AB1299" s="5" t="s">
        <v>44</v>
      </c>
      <c r="AC1299" s="2" t="s">
        <v>28941</v>
      </c>
      <c r="AD1299" s="1"/>
    </row>
    <row r="1300" spans="1:30">
      <c r="A1300" s="5" t="s">
        <v>83578</v>
      </c>
      <c r="B1300" s="2" t="s">
        <v>87483</v>
      </c>
      <c r="C1300" s="14" t="s">
        <v>87484</v>
      </c>
      <c r="D1300" s="2" t="s">
        <v>87485</v>
      </c>
      <c r="E1300" s="2" t="s">
        <v>28940</v>
      </c>
      <c r="F1300" s="8">
        <v>439</v>
      </c>
      <c r="G1300" s="5">
        <v>20</v>
      </c>
      <c r="H1300" s="5" t="s">
        <v>69</v>
      </c>
      <c r="I1300" s="5" t="s">
        <v>27074</v>
      </c>
      <c r="J1300" s="2" t="s">
        <v>27075</v>
      </c>
      <c r="K1300" s="5" t="s">
        <v>27074</v>
      </c>
      <c r="L1300" s="2" t="s">
        <v>27075</v>
      </c>
      <c r="M1300" s="5" t="s">
        <v>24254</v>
      </c>
      <c r="N1300" s="5" t="s">
        <v>38</v>
      </c>
      <c r="O1300" s="5" t="s">
        <v>39</v>
      </c>
      <c r="P1300" s="5" t="s">
        <v>40</v>
      </c>
      <c r="Q1300" s="5" t="s">
        <v>24340</v>
      </c>
      <c r="R1300" s="5" t="s">
        <v>40</v>
      </c>
      <c r="S1300" s="5" t="s">
        <v>42</v>
      </c>
      <c r="T1300" s="2">
        <v>13.414999999999999</v>
      </c>
      <c r="U1300" s="2">
        <v>10.997999999999999</v>
      </c>
      <c r="V1300" s="2">
        <v>0.13600000000000001</v>
      </c>
      <c r="W1300" s="2">
        <v>12</v>
      </c>
      <c r="X1300" s="2">
        <v>50</v>
      </c>
      <c r="Y1300" s="2">
        <v>227.4</v>
      </c>
      <c r="Z1300" s="5">
        <v>10</v>
      </c>
      <c r="AA1300" s="5" t="s">
        <v>43</v>
      </c>
      <c r="AB1300" s="5" t="s">
        <v>44</v>
      </c>
      <c r="AC1300" s="2" t="s">
        <v>29229</v>
      </c>
      <c r="AD1300" s="1"/>
    </row>
    <row r="1301" spans="1:30">
      <c r="A1301" s="5" t="s">
        <v>83578</v>
      </c>
      <c r="B1301" s="2" t="s">
        <v>87486</v>
      </c>
      <c r="C1301" s="14" t="s">
        <v>87487</v>
      </c>
      <c r="D1301" s="2" t="s">
        <v>87488</v>
      </c>
      <c r="E1301" s="2" t="s">
        <v>28940</v>
      </c>
      <c r="F1301" s="8">
        <v>439</v>
      </c>
      <c r="G1301" s="5">
        <v>20</v>
      </c>
      <c r="H1301" s="5" t="s">
        <v>69</v>
      </c>
      <c r="I1301" s="5" t="s">
        <v>27074</v>
      </c>
      <c r="J1301" s="2" t="s">
        <v>27075</v>
      </c>
      <c r="K1301" s="5" t="s">
        <v>27074</v>
      </c>
      <c r="L1301" s="2" t="s">
        <v>27075</v>
      </c>
      <c r="M1301" s="5" t="s">
        <v>24254</v>
      </c>
      <c r="N1301" s="5" t="s">
        <v>38</v>
      </c>
      <c r="O1301" s="5" t="s">
        <v>39</v>
      </c>
      <c r="P1301" s="5" t="s">
        <v>40</v>
      </c>
      <c r="Q1301" s="5" t="s">
        <v>24340</v>
      </c>
      <c r="R1301" s="5" t="s">
        <v>40</v>
      </c>
      <c r="S1301" s="5" t="s">
        <v>42</v>
      </c>
      <c r="T1301" s="2">
        <v>14.321</v>
      </c>
      <c r="U1301" s="2">
        <v>11.904</v>
      </c>
      <c r="V1301" s="2">
        <v>0.13600000000000001</v>
      </c>
      <c r="W1301" s="2">
        <v>12</v>
      </c>
      <c r="X1301" s="2">
        <v>50</v>
      </c>
      <c r="Y1301" s="2">
        <v>227.4</v>
      </c>
      <c r="Z1301" s="5">
        <v>10</v>
      </c>
      <c r="AA1301" s="5" t="s">
        <v>43</v>
      </c>
      <c r="AB1301" s="5" t="s">
        <v>44</v>
      </c>
      <c r="AC1301" s="2" t="s">
        <v>28941</v>
      </c>
      <c r="AD1301" s="1"/>
    </row>
    <row r="1302" spans="1:30">
      <c r="A1302" s="5" t="s">
        <v>83578</v>
      </c>
      <c r="B1302" s="2" t="s">
        <v>87489</v>
      </c>
      <c r="C1302" s="14" t="s">
        <v>87490</v>
      </c>
      <c r="D1302" s="2" t="s">
        <v>87491</v>
      </c>
      <c r="E1302" s="2" t="s">
        <v>28959</v>
      </c>
      <c r="F1302" s="8">
        <v>439</v>
      </c>
      <c r="G1302" s="5">
        <v>20</v>
      </c>
      <c r="H1302" s="5" t="s">
        <v>69</v>
      </c>
      <c r="I1302" s="5" t="s">
        <v>27074</v>
      </c>
      <c r="J1302" s="2" t="s">
        <v>27075</v>
      </c>
      <c r="K1302" s="5" t="s">
        <v>27074</v>
      </c>
      <c r="L1302" s="2" t="s">
        <v>27075</v>
      </c>
      <c r="M1302" s="5" t="s">
        <v>24254</v>
      </c>
      <c r="N1302" s="5" t="s">
        <v>38</v>
      </c>
      <c r="O1302" s="5" t="s">
        <v>39</v>
      </c>
      <c r="P1302" s="5" t="s">
        <v>40</v>
      </c>
      <c r="Q1302" s="5" t="s">
        <v>25301</v>
      </c>
      <c r="R1302" s="5" t="s">
        <v>40</v>
      </c>
      <c r="S1302" s="5" t="s">
        <v>42</v>
      </c>
      <c r="T1302" s="2">
        <v>9.9079999999999995</v>
      </c>
      <c r="U1302" s="2">
        <v>7.4909999999999997</v>
      </c>
      <c r="V1302" s="2">
        <v>0.13600000000000001</v>
      </c>
      <c r="W1302" s="2">
        <v>12</v>
      </c>
      <c r="X1302" s="2">
        <v>50</v>
      </c>
      <c r="Y1302" s="2">
        <v>227.4</v>
      </c>
      <c r="Z1302" s="5">
        <v>10</v>
      </c>
      <c r="AA1302" s="5" t="s">
        <v>43</v>
      </c>
      <c r="AB1302" s="5" t="s">
        <v>44</v>
      </c>
      <c r="AC1302" s="2" t="s">
        <v>28955</v>
      </c>
      <c r="AD1302" s="1"/>
    </row>
    <row r="1303" spans="1:30">
      <c r="A1303" s="5" t="s">
        <v>83578</v>
      </c>
      <c r="B1303" s="2" t="s">
        <v>87492</v>
      </c>
      <c r="C1303" s="14" t="s">
        <v>87493</v>
      </c>
      <c r="D1303" s="2" t="s">
        <v>87494</v>
      </c>
      <c r="E1303" s="2" t="s">
        <v>28906</v>
      </c>
      <c r="F1303" s="8">
        <v>439</v>
      </c>
      <c r="G1303" s="5">
        <v>20</v>
      </c>
      <c r="H1303" s="5" t="s">
        <v>69</v>
      </c>
      <c r="I1303" s="5" t="s">
        <v>27074</v>
      </c>
      <c r="J1303" s="2" t="s">
        <v>27075</v>
      </c>
      <c r="K1303" s="5" t="s">
        <v>27074</v>
      </c>
      <c r="L1303" s="2" t="s">
        <v>27075</v>
      </c>
      <c r="M1303" s="5" t="s">
        <v>24254</v>
      </c>
      <c r="N1303" s="5" t="s">
        <v>38</v>
      </c>
      <c r="O1303" s="5" t="s">
        <v>39</v>
      </c>
      <c r="P1303" s="5" t="s">
        <v>40</v>
      </c>
      <c r="Q1303" s="5" t="s">
        <v>25301</v>
      </c>
      <c r="R1303" s="5" t="s">
        <v>40</v>
      </c>
      <c r="S1303" s="5" t="s">
        <v>42</v>
      </c>
      <c r="T1303" s="2">
        <v>12.375</v>
      </c>
      <c r="U1303" s="2">
        <v>9.9580000000000002</v>
      </c>
      <c r="V1303" s="2">
        <v>0.13600000000000001</v>
      </c>
      <c r="W1303" s="2">
        <v>12</v>
      </c>
      <c r="X1303" s="2">
        <v>50</v>
      </c>
      <c r="Y1303" s="2">
        <v>227.4</v>
      </c>
      <c r="Z1303" s="5">
        <v>10</v>
      </c>
      <c r="AA1303" s="5" t="s">
        <v>43</v>
      </c>
      <c r="AB1303" s="5" t="s">
        <v>44</v>
      </c>
      <c r="AC1303" s="2" t="s">
        <v>28907</v>
      </c>
      <c r="AD1303" s="1"/>
    </row>
    <row r="1304" spans="1:30">
      <c r="A1304" s="5" t="s">
        <v>83578</v>
      </c>
      <c r="B1304" s="2" t="s">
        <v>87495</v>
      </c>
      <c r="C1304" s="14" t="s">
        <v>87496</v>
      </c>
      <c r="D1304" s="2" t="s">
        <v>87497</v>
      </c>
      <c r="E1304" s="2" t="s">
        <v>28906</v>
      </c>
      <c r="F1304" s="8">
        <v>439</v>
      </c>
      <c r="G1304" s="5">
        <v>20</v>
      </c>
      <c r="H1304" s="5" t="s">
        <v>69</v>
      </c>
      <c r="I1304" s="5" t="s">
        <v>27074</v>
      </c>
      <c r="J1304" s="2" t="s">
        <v>27075</v>
      </c>
      <c r="K1304" s="5" t="s">
        <v>27074</v>
      </c>
      <c r="L1304" s="2" t="s">
        <v>27075</v>
      </c>
      <c r="M1304" s="5" t="s">
        <v>24254</v>
      </c>
      <c r="N1304" s="5" t="s">
        <v>38</v>
      </c>
      <c r="O1304" s="5" t="s">
        <v>39</v>
      </c>
      <c r="P1304" s="5" t="s">
        <v>40</v>
      </c>
      <c r="Q1304" s="5" t="s">
        <v>25301</v>
      </c>
      <c r="R1304" s="5" t="s">
        <v>40</v>
      </c>
      <c r="S1304" s="5" t="s">
        <v>42</v>
      </c>
      <c r="T1304" s="2">
        <v>13.173</v>
      </c>
      <c r="U1304" s="2">
        <v>10.756</v>
      </c>
      <c r="V1304" s="2">
        <v>0.13600000000000001</v>
      </c>
      <c r="W1304" s="2">
        <v>12</v>
      </c>
      <c r="X1304" s="2">
        <v>50</v>
      </c>
      <c r="Y1304" s="2">
        <v>227.4</v>
      </c>
      <c r="Z1304" s="5">
        <v>10</v>
      </c>
      <c r="AA1304" s="5" t="s">
        <v>43</v>
      </c>
      <c r="AB1304" s="5" t="s">
        <v>44</v>
      </c>
      <c r="AC1304" s="2" t="s">
        <v>28902</v>
      </c>
      <c r="AD1304" s="1"/>
    </row>
    <row r="1305" spans="1:30">
      <c r="A1305" s="5" t="s">
        <v>83578</v>
      </c>
      <c r="B1305" s="2" t="s">
        <v>87498</v>
      </c>
      <c r="C1305" s="14" t="s">
        <v>87499</v>
      </c>
      <c r="D1305" s="2" t="s">
        <v>87500</v>
      </c>
      <c r="E1305" s="2" t="s">
        <v>28927</v>
      </c>
      <c r="F1305" s="8">
        <v>444</v>
      </c>
      <c r="G1305" s="5">
        <v>20</v>
      </c>
      <c r="H1305" s="5" t="s">
        <v>69</v>
      </c>
      <c r="I1305" s="5" t="s">
        <v>27074</v>
      </c>
      <c r="J1305" s="2" t="s">
        <v>27075</v>
      </c>
      <c r="K1305" s="5" t="s">
        <v>27074</v>
      </c>
      <c r="L1305" s="2" t="s">
        <v>27075</v>
      </c>
      <c r="M1305" s="5" t="s">
        <v>24254</v>
      </c>
      <c r="N1305" s="5" t="s">
        <v>38</v>
      </c>
      <c r="O1305" s="5" t="s">
        <v>39</v>
      </c>
      <c r="P1305" s="5" t="s">
        <v>40</v>
      </c>
      <c r="Q1305" s="5" t="s">
        <v>24340</v>
      </c>
      <c r="R1305" s="5" t="s">
        <v>40</v>
      </c>
      <c r="S1305" s="5" t="s">
        <v>42</v>
      </c>
      <c r="T1305" s="2">
        <v>19.427</v>
      </c>
      <c r="U1305" s="2">
        <v>16.975999999999999</v>
      </c>
      <c r="V1305" s="2">
        <v>0.13600000000000001</v>
      </c>
      <c r="W1305" s="2">
        <v>12</v>
      </c>
      <c r="X1305" s="2">
        <v>50</v>
      </c>
      <c r="Y1305" s="2">
        <v>227.4</v>
      </c>
      <c r="Z1305" s="5">
        <v>8</v>
      </c>
      <c r="AA1305" s="5" t="s">
        <v>43</v>
      </c>
      <c r="AB1305" s="5" t="s">
        <v>44</v>
      </c>
      <c r="AC1305" s="2" t="s">
        <v>28928</v>
      </c>
      <c r="AD1305" s="1"/>
    </row>
    <row r="1306" spans="1:30">
      <c r="A1306" s="5" t="s">
        <v>83578</v>
      </c>
      <c r="B1306" s="2" t="s">
        <v>87501</v>
      </c>
      <c r="C1306" s="14" t="s">
        <v>87502</v>
      </c>
      <c r="D1306" s="2" t="s">
        <v>87503</v>
      </c>
      <c r="E1306" s="2" t="s">
        <v>28936</v>
      </c>
      <c r="F1306" s="8">
        <v>444</v>
      </c>
      <c r="G1306" s="5">
        <v>20</v>
      </c>
      <c r="H1306" s="5" t="s">
        <v>69</v>
      </c>
      <c r="I1306" s="5" t="s">
        <v>27074</v>
      </c>
      <c r="J1306" s="2" t="s">
        <v>27075</v>
      </c>
      <c r="K1306" s="5" t="s">
        <v>27074</v>
      </c>
      <c r="L1306" s="2" t="s">
        <v>27075</v>
      </c>
      <c r="M1306" s="5" t="s">
        <v>24254</v>
      </c>
      <c r="N1306" s="5" t="s">
        <v>38</v>
      </c>
      <c r="O1306" s="5" t="s">
        <v>39</v>
      </c>
      <c r="P1306" s="5" t="s">
        <v>40</v>
      </c>
      <c r="Q1306" s="5" t="s">
        <v>24340</v>
      </c>
      <c r="R1306" s="5" t="s">
        <v>40</v>
      </c>
      <c r="S1306" s="5" t="s">
        <v>42</v>
      </c>
      <c r="T1306" s="2">
        <v>13.61</v>
      </c>
      <c r="U1306" s="2">
        <v>11.193</v>
      </c>
      <c r="V1306" s="2">
        <v>0.13600000000000001</v>
      </c>
      <c r="W1306" s="2">
        <v>12</v>
      </c>
      <c r="X1306" s="2">
        <v>50</v>
      </c>
      <c r="Y1306" s="2">
        <v>227.4</v>
      </c>
      <c r="Z1306" s="5">
        <v>8</v>
      </c>
      <c r="AA1306" s="5" t="s">
        <v>43</v>
      </c>
      <c r="AB1306" s="5" t="s">
        <v>44</v>
      </c>
      <c r="AC1306" s="2" t="s">
        <v>28928</v>
      </c>
      <c r="AD1306" s="1"/>
    </row>
    <row r="1307" spans="1:30">
      <c r="A1307" s="5" t="s">
        <v>83578</v>
      </c>
      <c r="B1307" s="2" t="s">
        <v>87504</v>
      </c>
      <c r="C1307" s="14" t="s">
        <v>87505</v>
      </c>
      <c r="D1307" s="2" t="s">
        <v>87506</v>
      </c>
      <c r="E1307" s="2" t="s">
        <v>28887</v>
      </c>
      <c r="F1307" s="8">
        <v>444</v>
      </c>
      <c r="G1307" s="5">
        <v>20</v>
      </c>
      <c r="H1307" s="5" t="s">
        <v>69</v>
      </c>
      <c r="I1307" s="5" t="s">
        <v>27074</v>
      </c>
      <c r="J1307" s="2" t="s">
        <v>27075</v>
      </c>
      <c r="K1307" s="5" t="s">
        <v>27074</v>
      </c>
      <c r="L1307" s="2" t="s">
        <v>27075</v>
      </c>
      <c r="M1307" s="5" t="s">
        <v>24254</v>
      </c>
      <c r="N1307" s="5" t="s">
        <v>38</v>
      </c>
      <c r="O1307" s="5" t="s">
        <v>39</v>
      </c>
      <c r="P1307" s="5" t="s">
        <v>40</v>
      </c>
      <c r="Q1307" s="5" t="s">
        <v>25301</v>
      </c>
      <c r="R1307" s="5" t="s">
        <v>40</v>
      </c>
      <c r="S1307" s="5" t="s">
        <v>42</v>
      </c>
      <c r="T1307" s="2">
        <v>17.395</v>
      </c>
      <c r="U1307" s="2">
        <v>14.944000000000001</v>
      </c>
      <c r="V1307" s="2">
        <v>0.13600000000000001</v>
      </c>
      <c r="W1307" s="2">
        <v>12</v>
      </c>
      <c r="X1307" s="2">
        <v>50</v>
      </c>
      <c r="Y1307" s="2">
        <v>227.4</v>
      </c>
      <c r="Z1307" s="5">
        <v>8</v>
      </c>
      <c r="AA1307" s="5" t="s">
        <v>43</v>
      </c>
      <c r="AB1307" s="5" t="s">
        <v>44</v>
      </c>
      <c r="AC1307" s="2" t="s">
        <v>28888</v>
      </c>
      <c r="AD1307" s="1"/>
    </row>
    <row r="1308" spans="1:30">
      <c r="A1308" s="5" t="s">
        <v>83578</v>
      </c>
      <c r="B1308" s="2" t="s">
        <v>87507</v>
      </c>
      <c r="C1308" s="14" t="s">
        <v>87508</v>
      </c>
      <c r="D1308" s="2" t="s">
        <v>87509</v>
      </c>
      <c r="E1308" s="2" t="s">
        <v>28892</v>
      </c>
      <c r="F1308" s="8">
        <v>444</v>
      </c>
      <c r="G1308" s="5">
        <v>20</v>
      </c>
      <c r="H1308" s="5" t="s">
        <v>69</v>
      </c>
      <c r="I1308" s="5" t="s">
        <v>27074</v>
      </c>
      <c r="J1308" s="2" t="s">
        <v>27075</v>
      </c>
      <c r="K1308" s="5" t="s">
        <v>27074</v>
      </c>
      <c r="L1308" s="2" t="s">
        <v>27075</v>
      </c>
      <c r="M1308" s="5" t="s">
        <v>24254</v>
      </c>
      <c r="N1308" s="5" t="s">
        <v>38</v>
      </c>
      <c r="O1308" s="5" t="s">
        <v>39</v>
      </c>
      <c r="P1308" s="5" t="s">
        <v>40</v>
      </c>
      <c r="Q1308" s="5" t="s">
        <v>25301</v>
      </c>
      <c r="R1308" s="5" t="s">
        <v>40</v>
      </c>
      <c r="S1308" s="5" t="s">
        <v>42</v>
      </c>
      <c r="T1308" s="2">
        <v>12.427</v>
      </c>
      <c r="U1308" s="2">
        <v>10.01</v>
      </c>
      <c r="V1308" s="2">
        <v>0.13600000000000001</v>
      </c>
      <c r="W1308" s="2">
        <v>12</v>
      </c>
      <c r="X1308" s="2">
        <v>50</v>
      </c>
      <c r="Y1308" s="2">
        <v>227.4</v>
      </c>
      <c r="Z1308" s="5">
        <v>8</v>
      </c>
      <c r="AA1308" s="5" t="s">
        <v>43</v>
      </c>
      <c r="AB1308" s="5" t="s">
        <v>44</v>
      </c>
      <c r="AC1308" s="2" t="s">
        <v>28888</v>
      </c>
      <c r="AD1308" s="1"/>
    </row>
    <row r="1309" spans="1:30">
      <c r="A1309" s="5" t="s">
        <v>83578</v>
      </c>
      <c r="B1309" s="2" t="s">
        <v>87510</v>
      </c>
      <c r="C1309" s="14" t="s">
        <v>87511</v>
      </c>
      <c r="D1309" s="2" t="s">
        <v>87512</v>
      </c>
      <c r="E1309" s="2" t="s">
        <v>28927</v>
      </c>
      <c r="F1309" s="8">
        <v>425</v>
      </c>
      <c r="G1309" s="5">
        <v>20</v>
      </c>
      <c r="H1309" s="5" t="s">
        <v>69</v>
      </c>
      <c r="I1309" s="5" t="s">
        <v>27074</v>
      </c>
      <c r="J1309" s="2" t="s">
        <v>27075</v>
      </c>
      <c r="K1309" s="5" t="s">
        <v>27074</v>
      </c>
      <c r="L1309" s="2" t="s">
        <v>27075</v>
      </c>
      <c r="M1309" s="5" t="s">
        <v>24254</v>
      </c>
      <c r="N1309" s="5" t="s">
        <v>38</v>
      </c>
      <c r="O1309" s="5" t="s">
        <v>39</v>
      </c>
      <c r="P1309" s="5" t="s">
        <v>40</v>
      </c>
      <c r="Q1309" s="5" t="s">
        <v>24340</v>
      </c>
      <c r="R1309" s="5" t="s">
        <v>40</v>
      </c>
      <c r="S1309" s="5" t="s">
        <v>42</v>
      </c>
      <c r="T1309" s="2">
        <v>15.839</v>
      </c>
      <c r="U1309" s="2">
        <v>14.182</v>
      </c>
      <c r="V1309" s="2">
        <v>9.2999999999999999E-2</v>
      </c>
      <c r="W1309" s="2">
        <v>12</v>
      </c>
      <c r="X1309" s="2">
        <v>50</v>
      </c>
      <c r="Y1309" s="2">
        <v>154.4</v>
      </c>
      <c r="Z1309" s="5">
        <v>8</v>
      </c>
      <c r="AA1309" s="5" t="s">
        <v>43</v>
      </c>
      <c r="AB1309" s="5" t="s">
        <v>44</v>
      </c>
      <c r="AC1309" s="2" t="s">
        <v>28928</v>
      </c>
      <c r="AD1309" s="1"/>
    </row>
    <row r="1310" spans="1:30">
      <c r="A1310" s="5" t="s">
        <v>83578</v>
      </c>
      <c r="B1310" s="2" t="s">
        <v>87513</v>
      </c>
      <c r="C1310" s="14" t="s">
        <v>87514</v>
      </c>
      <c r="D1310" s="2" t="s">
        <v>87515</v>
      </c>
      <c r="E1310" s="2" t="s">
        <v>28932</v>
      </c>
      <c r="F1310" s="8">
        <v>425</v>
      </c>
      <c r="G1310" s="5">
        <v>20</v>
      </c>
      <c r="H1310" s="5" t="s">
        <v>69</v>
      </c>
      <c r="I1310" s="5" t="s">
        <v>27074</v>
      </c>
      <c r="J1310" s="2" t="s">
        <v>27075</v>
      </c>
      <c r="K1310" s="5" t="s">
        <v>27074</v>
      </c>
      <c r="L1310" s="2" t="s">
        <v>27075</v>
      </c>
      <c r="M1310" s="5" t="s">
        <v>24254</v>
      </c>
      <c r="N1310" s="5" t="s">
        <v>38</v>
      </c>
      <c r="O1310" s="5" t="s">
        <v>39</v>
      </c>
      <c r="P1310" s="5" t="s">
        <v>40</v>
      </c>
      <c r="Q1310" s="5" t="s">
        <v>24340</v>
      </c>
      <c r="R1310" s="5" t="s">
        <v>40</v>
      </c>
      <c r="S1310" s="5" t="s">
        <v>42</v>
      </c>
      <c r="T1310" s="2">
        <v>12.167999999999999</v>
      </c>
      <c r="U1310" s="2">
        <v>10.510999999999999</v>
      </c>
      <c r="V1310" s="2">
        <v>9.2999999999999999E-2</v>
      </c>
      <c r="W1310" s="2">
        <v>12</v>
      </c>
      <c r="X1310" s="2">
        <v>50</v>
      </c>
      <c r="Y1310" s="2">
        <v>154.4</v>
      </c>
      <c r="Z1310" s="5">
        <v>8</v>
      </c>
      <c r="AA1310" s="5" t="s">
        <v>43</v>
      </c>
      <c r="AB1310" s="5" t="s">
        <v>44</v>
      </c>
      <c r="AC1310" s="2" t="s">
        <v>28928</v>
      </c>
      <c r="AD1310" s="1"/>
    </row>
    <row r="1311" spans="1:30">
      <c r="A1311" s="5" t="s">
        <v>83578</v>
      </c>
      <c r="B1311" s="2" t="s">
        <v>87516</v>
      </c>
      <c r="C1311" s="14" t="s">
        <v>87517</v>
      </c>
      <c r="D1311" s="2" t="s">
        <v>87518</v>
      </c>
      <c r="E1311" s="2" t="s">
        <v>29164</v>
      </c>
      <c r="F1311" s="8">
        <v>425</v>
      </c>
      <c r="G1311" s="5">
        <v>20</v>
      </c>
      <c r="H1311" s="5" t="s">
        <v>69</v>
      </c>
      <c r="I1311" s="5" t="s">
        <v>27074</v>
      </c>
      <c r="J1311" s="2" t="s">
        <v>27075</v>
      </c>
      <c r="K1311" s="5" t="s">
        <v>27074</v>
      </c>
      <c r="L1311" s="2" t="s">
        <v>27075</v>
      </c>
      <c r="M1311" s="5" t="s">
        <v>24254</v>
      </c>
      <c r="N1311" s="5" t="s">
        <v>38</v>
      </c>
      <c r="O1311" s="5" t="s">
        <v>39</v>
      </c>
      <c r="P1311" s="5" t="s">
        <v>40</v>
      </c>
      <c r="Q1311" s="5" t="s">
        <v>24340</v>
      </c>
      <c r="R1311" s="5" t="s">
        <v>40</v>
      </c>
      <c r="S1311" s="5" t="s">
        <v>42</v>
      </c>
      <c r="T1311" s="2">
        <v>11.718999999999999</v>
      </c>
      <c r="U1311" s="2">
        <v>10.096</v>
      </c>
      <c r="V1311" s="2">
        <v>9.2999999999999999E-2</v>
      </c>
      <c r="W1311" s="2">
        <v>12</v>
      </c>
      <c r="X1311" s="2">
        <v>50</v>
      </c>
      <c r="Y1311" s="2">
        <v>154.4</v>
      </c>
      <c r="Z1311" s="5">
        <v>10</v>
      </c>
      <c r="AA1311" s="5" t="s">
        <v>43</v>
      </c>
      <c r="AB1311" s="5" t="s">
        <v>44</v>
      </c>
      <c r="AC1311" s="2" t="s">
        <v>29225</v>
      </c>
      <c r="AD1311" s="1"/>
    </row>
    <row r="1312" spans="1:30">
      <c r="A1312" s="5" t="s">
        <v>83578</v>
      </c>
      <c r="B1312" s="2" t="s">
        <v>87519</v>
      </c>
      <c r="C1312" s="14" t="s">
        <v>87520</v>
      </c>
      <c r="D1312" s="2" t="s">
        <v>87521</v>
      </c>
      <c r="E1312" s="2" t="s">
        <v>29164</v>
      </c>
      <c r="F1312" s="8">
        <v>425</v>
      </c>
      <c r="G1312" s="5">
        <v>20</v>
      </c>
      <c r="H1312" s="5" t="s">
        <v>69</v>
      </c>
      <c r="I1312" s="5" t="s">
        <v>27074</v>
      </c>
      <c r="J1312" s="2" t="s">
        <v>27075</v>
      </c>
      <c r="K1312" s="5" t="s">
        <v>27074</v>
      </c>
      <c r="L1312" s="2" t="s">
        <v>27075</v>
      </c>
      <c r="M1312" s="5" t="s">
        <v>24254</v>
      </c>
      <c r="N1312" s="5" t="s">
        <v>38</v>
      </c>
      <c r="O1312" s="5" t="s">
        <v>39</v>
      </c>
      <c r="P1312" s="5" t="s">
        <v>40</v>
      </c>
      <c r="Q1312" s="5" t="s">
        <v>24340</v>
      </c>
      <c r="R1312" s="5" t="s">
        <v>40</v>
      </c>
      <c r="S1312" s="5" t="s">
        <v>42</v>
      </c>
      <c r="T1312" s="2">
        <v>12.547000000000001</v>
      </c>
      <c r="U1312" s="2">
        <v>10.923999999999999</v>
      </c>
      <c r="V1312" s="2">
        <v>9.2999999999999999E-2</v>
      </c>
      <c r="W1312" s="2">
        <v>12</v>
      </c>
      <c r="X1312" s="2">
        <v>50</v>
      </c>
      <c r="Y1312" s="2">
        <v>154.4</v>
      </c>
      <c r="Z1312" s="5">
        <v>10</v>
      </c>
      <c r="AA1312" s="5" t="s">
        <v>43</v>
      </c>
      <c r="AB1312" s="5" t="s">
        <v>44</v>
      </c>
      <c r="AC1312" s="2" t="s">
        <v>29165</v>
      </c>
      <c r="AD1312" s="1"/>
    </row>
    <row r="1313" spans="1:30">
      <c r="A1313" s="5" t="s">
        <v>83578</v>
      </c>
      <c r="B1313" s="2" t="s">
        <v>87522</v>
      </c>
      <c r="C1313" s="14" t="s">
        <v>87523</v>
      </c>
      <c r="D1313" s="2" t="s">
        <v>87524</v>
      </c>
      <c r="E1313" s="2" t="s">
        <v>29169</v>
      </c>
      <c r="F1313" s="8">
        <v>425</v>
      </c>
      <c r="G1313" s="5">
        <v>20</v>
      </c>
      <c r="H1313" s="5" t="s">
        <v>69</v>
      </c>
      <c r="I1313" s="5" t="s">
        <v>27074</v>
      </c>
      <c r="J1313" s="2" t="s">
        <v>27075</v>
      </c>
      <c r="K1313" s="5" t="s">
        <v>27074</v>
      </c>
      <c r="L1313" s="2" t="s">
        <v>27075</v>
      </c>
      <c r="M1313" s="5" t="s">
        <v>24254</v>
      </c>
      <c r="N1313" s="5" t="s">
        <v>38</v>
      </c>
      <c r="O1313" s="5" t="s">
        <v>39</v>
      </c>
      <c r="P1313" s="5" t="s">
        <v>40</v>
      </c>
      <c r="Q1313" s="5" t="s">
        <v>24340</v>
      </c>
      <c r="R1313" s="5" t="s">
        <v>40</v>
      </c>
      <c r="S1313" s="5" t="s">
        <v>42</v>
      </c>
      <c r="T1313" s="2">
        <v>8.8580000000000005</v>
      </c>
      <c r="U1313" s="2">
        <v>7.2350000000000003</v>
      </c>
      <c r="V1313" s="2">
        <v>9.2999999999999999E-2</v>
      </c>
      <c r="W1313" s="2">
        <v>12</v>
      </c>
      <c r="X1313" s="2">
        <v>50</v>
      </c>
      <c r="Y1313" s="2">
        <v>154.4</v>
      </c>
      <c r="Z1313" s="5">
        <v>10</v>
      </c>
      <c r="AA1313" s="5" t="s">
        <v>43</v>
      </c>
      <c r="AB1313" s="5" t="s">
        <v>44</v>
      </c>
      <c r="AC1313" s="2" t="s">
        <v>29225</v>
      </c>
      <c r="AD1313" s="1"/>
    </row>
    <row r="1314" spans="1:30">
      <c r="A1314" s="5" t="s">
        <v>83578</v>
      </c>
      <c r="B1314" s="2" t="s">
        <v>87525</v>
      </c>
      <c r="C1314" s="14" t="s">
        <v>87526</v>
      </c>
      <c r="D1314" s="2" t="s">
        <v>87527</v>
      </c>
      <c r="E1314" s="2" t="s">
        <v>29169</v>
      </c>
      <c r="F1314" s="8">
        <v>425</v>
      </c>
      <c r="G1314" s="5">
        <v>20</v>
      </c>
      <c r="H1314" s="5" t="s">
        <v>69</v>
      </c>
      <c r="I1314" s="5" t="s">
        <v>27074</v>
      </c>
      <c r="J1314" s="2" t="s">
        <v>27075</v>
      </c>
      <c r="K1314" s="5" t="s">
        <v>27074</v>
      </c>
      <c r="L1314" s="2" t="s">
        <v>27075</v>
      </c>
      <c r="M1314" s="5" t="s">
        <v>24254</v>
      </c>
      <c r="N1314" s="5" t="s">
        <v>38</v>
      </c>
      <c r="O1314" s="5" t="s">
        <v>39</v>
      </c>
      <c r="P1314" s="5" t="s">
        <v>40</v>
      </c>
      <c r="Q1314" s="5" t="s">
        <v>24340</v>
      </c>
      <c r="R1314" s="5" t="s">
        <v>40</v>
      </c>
      <c r="S1314" s="5" t="s">
        <v>42</v>
      </c>
      <c r="T1314" s="2">
        <v>9.4420000000000002</v>
      </c>
      <c r="U1314" s="2">
        <v>7.819</v>
      </c>
      <c r="V1314" s="2">
        <v>9.2999999999999999E-2</v>
      </c>
      <c r="W1314" s="2">
        <v>12</v>
      </c>
      <c r="X1314" s="2">
        <v>50</v>
      </c>
      <c r="Y1314" s="2">
        <v>154.4</v>
      </c>
      <c r="Z1314" s="5">
        <v>10</v>
      </c>
      <c r="AA1314" s="5" t="s">
        <v>43</v>
      </c>
      <c r="AB1314" s="5" t="s">
        <v>44</v>
      </c>
      <c r="AC1314" s="2" t="s">
        <v>29165</v>
      </c>
      <c r="AD1314" s="1"/>
    </row>
    <row r="1315" spans="1:30">
      <c r="A1315" s="5" t="s">
        <v>83578</v>
      </c>
      <c r="B1315" s="2" t="s">
        <v>87528</v>
      </c>
      <c r="C1315" s="14" t="s">
        <v>87529</v>
      </c>
      <c r="D1315" s="2" t="s">
        <v>87530</v>
      </c>
      <c r="E1315" s="2" t="s">
        <v>29173</v>
      </c>
      <c r="F1315" s="8">
        <v>425</v>
      </c>
      <c r="G1315" s="5">
        <v>20</v>
      </c>
      <c r="H1315" s="5" t="s">
        <v>69</v>
      </c>
      <c r="I1315" s="5" t="s">
        <v>27074</v>
      </c>
      <c r="J1315" s="2" t="s">
        <v>27075</v>
      </c>
      <c r="K1315" s="5" t="s">
        <v>27074</v>
      </c>
      <c r="L1315" s="2" t="s">
        <v>27075</v>
      </c>
      <c r="M1315" s="5" t="s">
        <v>24254</v>
      </c>
      <c r="N1315" s="5" t="s">
        <v>38</v>
      </c>
      <c r="O1315" s="5" t="s">
        <v>39</v>
      </c>
      <c r="P1315" s="5" t="s">
        <v>40</v>
      </c>
      <c r="Q1315" s="5" t="s">
        <v>24340</v>
      </c>
      <c r="R1315" s="5" t="s">
        <v>40</v>
      </c>
      <c r="S1315" s="5" t="s">
        <v>42</v>
      </c>
      <c r="T1315" s="2">
        <v>8.5969999999999995</v>
      </c>
      <c r="U1315" s="2">
        <v>6.9740000000000002</v>
      </c>
      <c r="V1315" s="2">
        <v>9.2999999999999999E-2</v>
      </c>
      <c r="W1315" s="2">
        <v>12</v>
      </c>
      <c r="X1315" s="2">
        <v>50</v>
      </c>
      <c r="Y1315" s="2">
        <v>154.4</v>
      </c>
      <c r="Z1315" s="5">
        <v>10</v>
      </c>
      <c r="AA1315" s="5" t="s">
        <v>43</v>
      </c>
      <c r="AB1315" s="5" t="s">
        <v>44</v>
      </c>
      <c r="AC1315" s="2" t="s">
        <v>29229</v>
      </c>
      <c r="AD1315" s="1"/>
    </row>
    <row r="1316" spans="1:30">
      <c r="A1316" s="5" t="s">
        <v>83578</v>
      </c>
      <c r="B1316" s="2" t="s">
        <v>87531</v>
      </c>
      <c r="C1316" s="14" t="s">
        <v>87532</v>
      </c>
      <c r="D1316" s="2" t="s">
        <v>87533</v>
      </c>
      <c r="E1316" s="2" t="s">
        <v>29173</v>
      </c>
      <c r="F1316" s="8">
        <v>425</v>
      </c>
      <c r="G1316" s="5">
        <v>20</v>
      </c>
      <c r="H1316" s="5" t="s">
        <v>69</v>
      </c>
      <c r="I1316" s="5" t="s">
        <v>27074</v>
      </c>
      <c r="J1316" s="2" t="s">
        <v>27075</v>
      </c>
      <c r="K1316" s="5" t="s">
        <v>27074</v>
      </c>
      <c r="L1316" s="2" t="s">
        <v>27075</v>
      </c>
      <c r="M1316" s="5" t="s">
        <v>24254</v>
      </c>
      <c r="N1316" s="5" t="s">
        <v>38</v>
      </c>
      <c r="O1316" s="5" t="s">
        <v>39</v>
      </c>
      <c r="P1316" s="5" t="s">
        <v>40</v>
      </c>
      <c r="Q1316" s="5" t="s">
        <v>24340</v>
      </c>
      <c r="R1316" s="5" t="s">
        <v>40</v>
      </c>
      <c r="S1316" s="5" t="s">
        <v>42</v>
      </c>
      <c r="T1316" s="2">
        <v>9.4309999999999992</v>
      </c>
      <c r="U1316" s="2">
        <v>7.8079999999999998</v>
      </c>
      <c r="V1316" s="2">
        <v>9.2999999999999999E-2</v>
      </c>
      <c r="W1316" s="2">
        <v>12</v>
      </c>
      <c r="X1316" s="2">
        <v>50</v>
      </c>
      <c r="Y1316" s="2">
        <v>154.4</v>
      </c>
      <c r="Z1316" s="5">
        <v>10</v>
      </c>
      <c r="AA1316" s="5" t="s">
        <v>43</v>
      </c>
      <c r="AB1316" s="5" t="s">
        <v>44</v>
      </c>
      <c r="AC1316" s="2" t="s">
        <v>28941</v>
      </c>
      <c r="AD1316" s="1"/>
    </row>
    <row r="1317" spans="1:30">
      <c r="A1317" s="5" t="s">
        <v>83578</v>
      </c>
      <c r="B1317" s="2" t="s">
        <v>87534</v>
      </c>
      <c r="C1317" s="14" t="s">
        <v>87535</v>
      </c>
      <c r="D1317" s="2" t="s">
        <v>87536</v>
      </c>
      <c r="E1317" s="2" t="s">
        <v>28940</v>
      </c>
      <c r="F1317" s="8">
        <v>425</v>
      </c>
      <c r="G1317" s="5">
        <v>20</v>
      </c>
      <c r="H1317" s="5" t="s">
        <v>69</v>
      </c>
      <c r="I1317" s="5" t="s">
        <v>27074</v>
      </c>
      <c r="J1317" s="2" t="s">
        <v>27075</v>
      </c>
      <c r="K1317" s="5" t="s">
        <v>27074</v>
      </c>
      <c r="L1317" s="2" t="s">
        <v>27075</v>
      </c>
      <c r="M1317" s="5" t="s">
        <v>24254</v>
      </c>
      <c r="N1317" s="5" t="s">
        <v>38</v>
      </c>
      <c r="O1317" s="5" t="s">
        <v>39</v>
      </c>
      <c r="P1317" s="5" t="s">
        <v>40</v>
      </c>
      <c r="Q1317" s="5" t="s">
        <v>24340</v>
      </c>
      <c r="R1317" s="5" t="s">
        <v>40</v>
      </c>
      <c r="S1317" s="5" t="s">
        <v>42</v>
      </c>
      <c r="T1317" s="2">
        <v>10.773</v>
      </c>
      <c r="U1317" s="2">
        <v>9.15</v>
      </c>
      <c r="V1317" s="2">
        <v>9.2999999999999999E-2</v>
      </c>
      <c r="W1317" s="2">
        <v>12</v>
      </c>
      <c r="X1317" s="2">
        <v>50</v>
      </c>
      <c r="Y1317" s="2">
        <v>154.4</v>
      </c>
      <c r="Z1317" s="5">
        <v>10</v>
      </c>
      <c r="AA1317" s="5" t="s">
        <v>43</v>
      </c>
      <c r="AB1317" s="5" t="s">
        <v>44</v>
      </c>
      <c r="AC1317" s="2" t="s">
        <v>29229</v>
      </c>
      <c r="AD1317" s="1"/>
    </row>
    <row r="1318" spans="1:30">
      <c r="A1318" s="5" t="s">
        <v>83578</v>
      </c>
      <c r="B1318" s="2" t="s">
        <v>87537</v>
      </c>
      <c r="C1318" s="14" t="s">
        <v>87538</v>
      </c>
      <c r="D1318" s="2" t="s">
        <v>87539</v>
      </c>
      <c r="E1318" s="2" t="s">
        <v>28940</v>
      </c>
      <c r="F1318" s="8">
        <v>425</v>
      </c>
      <c r="G1318" s="5">
        <v>20</v>
      </c>
      <c r="H1318" s="5" t="s">
        <v>69</v>
      </c>
      <c r="I1318" s="5" t="s">
        <v>27074</v>
      </c>
      <c r="J1318" s="2" t="s">
        <v>27075</v>
      </c>
      <c r="K1318" s="5" t="s">
        <v>27074</v>
      </c>
      <c r="L1318" s="2" t="s">
        <v>27075</v>
      </c>
      <c r="M1318" s="5" t="s">
        <v>24254</v>
      </c>
      <c r="N1318" s="5" t="s">
        <v>38</v>
      </c>
      <c r="O1318" s="5" t="s">
        <v>39</v>
      </c>
      <c r="P1318" s="5" t="s">
        <v>40</v>
      </c>
      <c r="Q1318" s="5" t="s">
        <v>24340</v>
      </c>
      <c r="R1318" s="5" t="s">
        <v>40</v>
      </c>
      <c r="S1318" s="5" t="s">
        <v>42</v>
      </c>
      <c r="T1318" s="2">
        <v>11.757999999999999</v>
      </c>
      <c r="U1318" s="2">
        <v>10.135</v>
      </c>
      <c r="V1318" s="2">
        <v>9.2999999999999999E-2</v>
      </c>
      <c r="W1318" s="2">
        <v>12</v>
      </c>
      <c r="X1318" s="2">
        <v>50</v>
      </c>
      <c r="Y1318" s="2">
        <v>154.4</v>
      </c>
      <c r="Z1318" s="5">
        <v>10</v>
      </c>
      <c r="AA1318" s="5" t="s">
        <v>43</v>
      </c>
      <c r="AB1318" s="5" t="s">
        <v>44</v>
      </c>
      <c r="AC1318" s="2" t="s">
        <v>28941</v>
      </c>
      <c r="AD1318" s="1"/>
    </row>
    <row r="1319" spans="1:30">
      <c r="A1319" s="5" t="s">
        <v>83578</v>
      </c>
      <c r="B1319" s="2" t="s">
        <v>87540</v>
      </c>
      <c r="C1319" s="14" t="s">
        <v>87541</v>
      </c>
      <c r="D1319" s="2" t="s">
        <v>87542</v>
      </c>
      <c r="E1319" s="2" t="s">
        <v>28896</v>
      </c>
      <c r="F1319" s="8">
        <v>425</v>
      </c>
      <c r="G1319" s="5">
        <v>20</v>
      </c>
      <c r="H1319" s="5" t="s">
        <v>69</v>
      </c>
      <c r="I1319" s="5" t="s">
        <v>27074</v>
      </c>
      <c r="J1319" s="2" t="s">
        <v>27075</v>
      </c>
      <c r="K1319" s="5" t="s">
        <v>27074</v>
      </c>
      <c r="L1319" s="2" t="s">
        <v>27075</v>
      </c>
      <c r="M1319" s="5" t="s">
        <v>24254</v>
      </c>
      <c r="N1319" s="5" t="s">
        <v>38</v>
      </c>
      <c r="O1319" s="5" t="s">
        <v>39</v>
      </c>
      <c r="P1319" s="5" t="s">
        <v>40</v>
      </c>
      <c r="Q1319" s="5" t="s">
        <v>25301</v>
      </c>
      <c r="R1319" s="5" t="s">
        <v>40</v>
      </c>
      <c r="S1319" s="5" t="s">
        <v>42</v>
      </c>
      <c r="T1319" s="2">
        <v>11.132</v>
      </c>
      <c r="U1319" s="2">
        <v>9.5090000000000003</v>
      </c>
      <c r="V1319" s="2">
        <v>9.2999999999999999E-2</v>
      </c>
      <c r="W1319" s="2">
        <v>12</v>
      </c>
      <c r="X1319" s="2">
        <v>50</v>
      </c>
      <c r="Y1319" s="2">
        <v>154.4</v>
      </c>
      <c r="Z1319" s="5">
        <v>10</v>
      </c>
      <c r="AA1319" s="5" t="s">
        <v>43</v>
      </c>
      <c r="AB1319" s="5" t="s">
        <v>44</v>
      </c>
      <c r="AC1319" s="2" t="s">
        <v>28897</v>
      </c>
      <c r="AD1319" s="1"/>
    </row>
    <row r="1320" spans="1:30">
      <c r="A1320" s="5" t="s">
        <v>83578</v>
      </c>
      <c r="B1320" s="2" t="s">
        <v>87543</v>
      </c>
      <c r="C1320" s="14" t="s">
        <v>87544</v>
      </c>
      <c r="D1320" s="2" t="s">
        <v>87545</v>
      </c>
      <c r="E1320" s="2" t="s">
        <v>28959</v>
      </c>
      <c r="F1320" s="8">
        <v>425</v>
      </c>
      <c r="G1320" s="5">
        <v>20</v>
      </c>
      <c r="H1320" s="5" t="s">
        <v>69</v>
      </c>
      <c r="I1320" s="5" t="s">
        <v>27074</v>
      </c>
      <c r="J1320" s="2" t="s">
        <v>27075</v>
      </c>
      <c r="K1320" s="5" t="s">
        <v>27074</v>
      </c>
      <c r="L1320" s="2" t="s">
        <v>27075</v>
      </c>
      <c r="M1320" s="5" t="s">
        <v>24254</v>
      </c>
      <c r="N1320" s="5" t="s">
        <v>38</v>
      </c>
      <c r="O1320" s="5" t="s">
        <v>39</v>
      </c>
      <c r="P1320" s="5" t="s">
        <v>40</v>
      </c>
      <c r="Q1320" s="5" t="s">
        <v>25301</v>
      </c>
      <c r="R1320" s="5" t="s">
        <v>40</v>
      </c>
      <c r="S1320" s="5" t="s">
        <v>42</v>
      </c>
      <c r="T1320" s="2">
        <v>7.9530000000000003</v>
      </c>
      <c r="U1320" s="2">
        <v>6.33</v>
      </c>
      <c r="V1320" s="2">
        <v>9.2999999999999999E-2</v>
      </c>
      <c r="W1320" s="2">
        <v>12</v>
      </c>
      <c r="X1320" s="2">
        <v>50</v>
      </c>
      <c r="Y1320" s="2">
        <v>154.4</v>
      </c>
      <c r="Z1320" s="5">
        <v>10</v>
      </c>
      <c r="AA1320" s="5" t="s">
        <v>43</v>
      </c>
      <c r="AB1320" s="5" t="s">
        <v>44</v>
      </c>
      <c r="AC1320" s="2" t="s">
        <v>28955</v>
      </c>
      <c r="AD1320" s="1"/>
    </row>
    <row r="1321" spans="1:30">
      <c r="A1321" s="5" t="s">
        <v>83578</v>
      </c>
      <c r="B1321" s="2" t="s">
        <v>87546</v>
      </c>
      <c r="C1321" s="14" t="s">
        <v>87547</v>
      </c>
      <c r="D1321" s="2" t="s">
        <v>87548</v>
      </c>
      <c r="E1321" s="2" t="s">
        <v>28959</v>
      </c>
      <c r="F1321" s="8">
        <v>425</v>
      </c>
      <c r="G1321" s="5">
        <v>20</v>
      </c>
      <c r="H1321" s="5" t="s">
        <v>69</v>
      </c>
      <c r="I1321" s="5" t="s">
        <v>27074</v>
      </c>
      <c r="J1321" s="2" t="s">
        <v>27075</v>
      </c>
      <c r="K1321" s="5" t="s">
        <v>27074</v>
      </c>
      <c r="L1321" s="2" t="s">
        <v>27075</v>
      </c>
      <c r="M1321" s="5" t="s">
        <v>24254</v>
      </c>
      <c r="N1321" s="5" t="s">
        <v>38</v>
      </c>
      <c r="O1321" s="5" t="s">
        <v>39</v>
      </c>
      <c r="P1321" s="5" t="s">
        <v>40</v>
      </c>
      <c r="Q1321" s="5" t="s">
        <v>25301</v>
      </c>
      <c r="R1321" s="5" t="s">
        <v>40</v>
      </c>
      <c r="S1321" s="5" t="s">
        <v>42</v>
      </c>
      <c r="T1321" s="2">
        <v>8.42</v>
      </c>
      <c r="U1321" s="2">
        <v>6.7969999999999997</v>
      </c>
      <c r="V1321" s="2">
        <v>9.2999999999999999E-2</v>
      </c>
      <c r="W1321" s="2">
        <v>12</v>
      </c>
      <c r="X1321" s="2">
        <v>50</v>
      </c>
      <c r="Y1321" s="2">
        <v>154.4</v>
      </c>
      <c r="Z1321" s="5">
        <v>10</v>
      </c>
      <c r="AA1321" s="5" t="s">
        <v>43</v>
      </c>
      <c r="AB1321" s="5" t="s">
        <v>44</v>
      </c>
      <c r="AC1321" s="2" t="s">
        <v>28897</v>
      </c>
      <c r="AD1321" s="1"/>
    </row>
    <row r="1322" spans="1:30">
      <c r="A1322" s="5" t="s">
        <v>83578</v>
      </c>
      <c r="B1322" s="2" t="s">
        <v>87549</v>
      </c>
      <c r="C1322" s="14" t="s">
        <v>87550</v>
      </c>
      <c r="D1322" s="2" t="s">
        <v>87551</v>
      </c>
      <c r="E1322" s="2" t="s">
        <v>28901</v>
      </c>
      <c r="F1322" s="8">
        <v>425</v>
      </c>
      <c r="G1322" s="5">
        <v>20</v>
      </c>
      <c r="H1322" s="5" t="s">
        <v>69</v>
      </c>
      <c r="I1322" s="5" t="s">
        <v>27074</v>
      </c>
      <c r="J1322" s="2" t="s">
        <v>27075</v>
      </c>
      <c r="K1322" s="5" t="s">
        <v>27074</v>
      </c>
      <c r="L1322" s="2" t="s">
        <v>27075</v>
      </c>
      <c r="M1322" s="5" t="s">
        <v>24254</v>
      </c>
      <c r="N1322" s="5" t="s">
        <v>38</v>
      </c>
      <c r="O1322" s="5" t="s">
        <v>39</v>
      </c>
      <c r="P1322" s="5" t="s">
        <v>40</v>
      </c>
      <c r="Q1322" s="5" t="s">
        <v>25301</v>
      </c>
      <c r="R1322" s="5" t="s">
        <v>40</v>
      </c>
      <c r="S1322" s="5" t="s">
        <v>42</v>
      </c>
      <c r="T1322" s="2">
        <v>8.6129999999999995</v>
      </c>
      <c r="U1322" s="2">
        <v>6.99</v>
      </c>
      <c r="V1322" s="2">
        <v>9.2999999999999999E-2</v>
      </c>
      <c r="W1322" s="2">
        <v>12</v>
      </c>
      <c r="X1322" s="2">
        <v>50</v>
      </c>
      <c r="Y1322" s="2">
        <v>154.4</v>
      </c>
      <c r="Z1322" s="5">
        <v>10</v>
      </c>
      <c r="AA1322" s="5" t="s">
        <v>43</v>
      </c>
      <c r="AB1322" s="5" t="s">
        <v>44</v>
      </c>
      <c r="AC1322" s="2" t="s">
        <v>28902</v>
      </c>
      <c r="AD1322" s="1"/>
    </row>
    <row r="1323" spans="1:30">
      <c r="A1323" s="5" t="s">
        <v>83578</v>
      </c>
      <c r="B1323" s="2" t="s">
        <v>87552</v>
      </c>
      <c r="C1323" s="14" t="s">
        <v>87553</v>
      </c>
      <c r="D1323" s="2" t="s">
        <v>87554</v>
      </c>
      <c r="E1323" s="2" t="s">
        <v>28906</v>
      </c>
      <c r="F1323" s="8">
        <v>425</v>
      </c>
      <c r="G1323" s="5">
        <v>20</v>
      </c>
      <c r="H1323" s="5" t="s">
        <v>69</v>
      </c>
      <c r="I1323" s="5" t="s">
        <v>27074</v>
      </c>
      <c r="J1323" s="2" t="s">
        <v>27075</v>
      </c>
      <c r="K1323" s="5" t="s">
        <v>27074</v>
      </c>
      <c r="L1323" s="2" t="s">
        <v>27075</v>
      </c>
      <c r="M1323" s="5" t="s">
        <v>24254</v>
      </c>
      <c r="N1323" s="5" t="s">
        <v>38</v>
      </c>
      <c r="O1323" s="5" t="s">
        <v>39</v>
      </c>
      <c r="P1323" s="5" t="s">
        <v>40</v>
      </c>
      <c r="Q1323" s="5" t="s">
        <v>25301</v>
      </c>
      <c r="R1323" s="5" t="s">
        <v>40</v>
      </c>
      <c r="S1323" s="5" t="s">
        <v>42</v>
      </c>
      <c r="T1323" s="2">
        <v>10.791</v>
      </c>
      <c r="U1323" s="2">
        <v>9.1679999999999993</v>
      </c>
      <c r="V1323" s="2">
        <v>9.2999999999999999E-2</v>
      </c>
      <c r="W1323" s="2">
        <v>12</v>
      </c>
      <c r="X1323" s="2">
        <v>50</v>
      </c>
      <c r="Y1323" s="2">
        <v>154.4</v>
      </c>
      <c r="Z1323" s="5">
        <v>10</v>
      </c>
      <c r="AA1323" s="5" t="s">
        <v>43</v>
      </c>
      <c r="AB1323" s="5" t="s">
        <v>44</v>
      </c>
      <c r="AC1323" s="2" t="s">
        <v>28902</v>
      </c>
      <c r="AD1323" s="1"/>
    </row>
    <row r="1324" spans="1:30">
      <c r="A1324" s="5" t="s">
        <v>83578</v>
      </c>
      <c r="B1324" s="2" t="s">
        <v>87555</v>
      </c>
      <c r="C1324" s="14" t="s">
        <v>87556</v>
      </c>
      <c r="D1324" s="2" t="s">
        <v>87557</v>
      </c>
      <c r="E1324" s="2" t="s">
        <v>29164</v>
      </c>
      <c r="F1324" s="8">
        <v>439</v>
      </c>
      <c r="G1324" s="5">
        <v>20</v>
      </c>
      <c r="H1324" s="5" t="s">
        <v>69</v>
      </c>
      <c r="I1324" s="5" t="s">
        <v>27074</v>
      </c>
      <c r="J1324" s="2" t="s">
        <v>27075</v>
      </c>
      <c r="K1324" s="5" t="s">
        <v>27074</v>
      </c>
      <c r="L1324" s="2" t="s">
        <v>27075</v>
      </c>
      <c r="M1324" s="5" t="s">
        <v>24254</v>
      </c>
      <c r="N1324" s="5" t="s">
        <v>38</v>
      </c>
      <c r="O1324" s="5" t="s">
        <v>39</v>
      </c>
      <c r="P1324" s="5" t="s">
        <v>40</v>
      </c>
      <c r="Q1324" s="5" t="s">
        <v>24340</v>
      </c>
      <c r="R1324" s="5" t="s">
        <v>40</v>
      </c>
      <c r="S1324" s="5" t="s">
        <v>42</v>
      </c>
      <c r="T1324" s="2">
        <v>13.266999999999999</v>
      </c>
      <c r="U1324" s="2">
        <v>11.304</v>
      </c>
      <c r="V1324" s="2">
        <v>0.11600000000000001</v>
      </c>
      <c r="W1324" s="2">
        <v>12</v>
      </c>
      <c r="X1324" s="2">
        <v>50</v>
      </c>
      <c r="Y1324" s="2">
        <v>193.9</v>
      </c>
      <c r="Z1324" s="5">
        <v>10</v>
      </c>
      <c r="AA1324" s="5" t="s">
        <v>43</v>
      </c>
      <c r="AB1324" s="5" t="s">
        <v>44</v>
      </c>
      <c r="AC1324" s="2" t="s">
        <v>29225</v>
      </c>
      <c r="AD1324" s="1"/>
    </row>
    <row r="1325" spans="1:30">
      <c r="A1325" s="5" t="s">
        <v>83578</v>
      </c>
      <c r="B1325" s="2" t="s">
        <v>87558</v>
      </c>
      <c r="C1325" s="14" t="s">
        <v>87559</v>
      </c>
      <c r="D1325" s="2" t="s">
        <v>87560</v>
      </c>
      <c r="E1325" s="2" t="s">
        <v>29164</v>
      </c>
      <c r="F1325" s="8">
        <v>439</v>
      </c>
      <c r="G1325" s="5">
        <v>20</v>
      </c>
      <c r="H1325" s="5" t="s">
        <v>69</v>
      </c>
      <c r="I1325" s="5" t="s">
        <v>27074</v>
      </c>
      <c r="J1325" s="2" t="s">
        <v>27075</v>
      </c>
      <c r="K1325" s="5" t="s">
        <v>27074</v>
      </c>
      <c r="L1325" s="2" t="s">
        <v>27075</v>
      </c>
      <c r="M1325" s="5" t="s">
        <v>24254</v>
      </c>
      <c r="N1325" s="5" t="s">
        <v>38</v>
      </c>
      <c r="O1325" s="5" t="s">
        <v>39</v>
      </c>
      <c r="P1325" s="5" t="s">
        <v>40</v>
      </c>
      <c r="Q1325" s="5" t="s">
        <v>24340</v>
      </c>
      <c r="R1325" s="5" t="s">
        <v>40</v>
      </c>
      <c r="S1325" s="5" t="s">
        <v>42</v>
      </c>
      <c r="T1325" s="2">
        <v>14.095000000000001</v>
      </c>
      <c r="U1325" s="2">
        <v>12.132</v>
      </c>
      <c r="V1325" s="2">
        <v>0.11600000000000001</v>
      </c>
      <c r="W1325" s="2">
        <v>12</v>
      </c>
      <c r="X1325" s="2">
        <v>50</v>
      </c>
      <c r="Y1325" s="2">
        <v>193.9</v>
      </c>
      <c r="Z1325" s="5">
        <v>10</v>
      </c>
      <c r="AA1325" s="5" t="s">
        <v>43</v>
      </c>
      <c r="AB1325" s="5" t="s">
        <v>44</v>
      </c>
      <c r="AC1325" s="2" t="s">
        <v>29165</v>
      </c>
      <c r="AD1325" s="1"/>
    </row>
    <row r="1326" spans="1:30">
      <c r="A1326" s="5" t="s">
        <v>83578</v>
      </c>
      <c r="B1326" s="2" t="s">
        <v>87561</v>
      </c>
      <c r="C1326" s="14" t="s">
        <v>87562</v>
      </c>
      <c r="D1326" s="2" t="s">
        <v>87563</v>
      </c>
      <c r="E1326" s="2" t="s">
        <v>29169</v>
      </c>
      <c r="F1326" s="8">
        <v>439</v>
      </c>
      <c r="G1326" s="5">
        <v>20</v>
      </c>
      <c r="H1326" s="5" t="s">
        <v>69</v>
      </c>
      <c r="I1326" s="5" t="s">
        <v>27074</v>
      </c>
      <c r="J1326" s="2" t="s">
        <v>27075</v>
      </c>
      <c r="K1326" s="5" t="s">
        <v>27074</v>
      </c>
      <c r="L1326" s="2" t="s">
        <v>27075</v>
      </c>
      <c r="M1326" s="5" t="s">
        <v>24254</v>
      </c>
      <c r="N1326" s="5" t="s">
        <v>38</v>
      </c>
      <c r="O1326" s="5" t="s">
        <v>39</v>
      </c>
      <c r="P1326" s="5" t="s">
        <v>40</v>
      </c>
      <c r="Q1326" s="5" t="s">
        <v>24340</v>
      </c>
      <c r="R1326" s="5" t="s">
        <v>40</v>
      </c>
      <c r="S1326" s="5" t="s">
        <v>42</v>
      </c>
      <c r="T1326" s="2">
        <v>10.042</v>
      </c>
      <c r="U1326" s="2">
        <v>8.0790000000000006</v>
      </c>
      <c r="V1326" s="2">
        <v>0.11600000000000001</v>
      </c>
      <c r="W1326" s="2">
        <v>12</v>
      </c>
      <c r="X1326" s="2">
        <v>50</v>
      </c>
      <c r="Y1326" s="2">
        <v>193.9</v>
      </c>
      <c r="Z1326" s="5">
        <v>10</v>
      </c>
      <c r="AA1326" s="5" t="s">
        <v>43</v>
      </c>
      <c r="AB1326" s="5" t="s">
        <v>44</v>
      </c>
      <c r="AC1326" s="2" t="s">
        <v>29225</v>
      </c>
      <c r="AD1326" s="1"/>
    </row>
    <row r="1327" spans="1:30">
      <c r="A1327" s="5" t="s">
        <v>83578</v>
      </c>
      <c r="B1327" s="2" t="s">
        <v>87564</v>
      </c>
      <c r="C1327" s="14" t="s">
        <v>87565</v>
      </c>
      <c r="D1327" s="2" t="s">
        <v>87566</v>
      </c>
      <c r="E1327" s="2" t="s">
        <v>29169</v>
      </c>
      <c r="F1327" s="8">
        <v>439</v>
      </c>
      <c r="G1327" s="5">
        <v>20</v>
      </c>
      <c r="H1327" s="5" t="s">
        <v>69</v>
      </c>
      <c r="I1327" s="5" t="s">
        <v>27074</v>
      </c>
      <c r="J1327" s="2" t="s">
        <v>27075</v>
      </c>
      <c r="K1327" s="5" t="s">
        <v>27074</v>
      </c>
      <c r="L1327" s="2" t="s">
        <v>27075</v>
      </c>
      <c r="M1327" s="5" t="s">
        <v>24254</v>
      </c>
      <c r="N1327" s="5" t="s">
        <v>38</v>
      </c>
      <c r="O1327" s="5" t="s">
        <v>39</v>
      </c>
      <c r="P1327" s="5" t="s">
        <v>40</v>
      </c>
      <c r="Q1327" s="5" t="s">
        <v>24340</v>
      </c>
      <c r="R1327" s="5" t="s">
        <v>40</v>
      </c>
      <c r="S1327" s="5" t="s">
        <v>42</v>
      </c>
      <c r="T1327" s="2">
        <v>10.625</v>
      </c>
      <c r="U1327" s="2">
        <v>8.6620000000000008</v>
      </c>
      <c r="V1327" s="2">
        <v>0.11600000000000001</v>
      </c>
      <c r="W1327" s="2">
        <v>12</v>
      </c>
      <c r="X1327" s="2">
        <v>50</v>
      </c>
      <c r="Y1327" s="2">
        <v>193.9</v>
      </c>
      <c r="Z1327" s="5">
        <v>10</v>
      </c>
      <c r="AA1327" s="5" t="s">
        <v>43</v>
      </c>
      <c r="AB1327" s="5" t="s">
        <v>44</v>
      </c>
      <c r="AC1327" s="2" t="s">
        <v>29165</v>
      </c>
      <c r="AD1327" s="1"/>
    </row>
    <row r="1328" spans="1:30">
      <c r="A1328" s="5" t="s">
        <v>83578</v>
      </c>
      <c r="B1328" s="2" t="s">
        <v>87567</v>
      </c>
      <c r="C1328" s="14" t="s">
        <v>87568</v>
      </c>
      <c r="D1328" s="2" t="s">
        <v>87569</v>
      </c>
      <c r="E1328" s="2" t="s">
        <v>29173</v>
      </c>
      <c r="F1328" s="8">
        <v>439</v>
      </c>
      <c r="G1328" s="5">
        <v>20</v>
      </c>
      <c r="H1328" s="5" t="s">
        <v>69</v>
      </c>
      <c r="I1328" s="5" t="s">
        <v>27074</v>
      </c>
      <c r="J1328" s="2" t="s">
        <v>27075</v>
      </c>
      <c r="K1328" s="5" t="s">
        <v>27074</v>
      </c>
      <c r="L1328" s="2" t="s">
        <v>27075</v>
      </c>
      <c r="M1328" s="5" t="s">
        <v>24254</v>
      </c>
      <c r="N1328" s="5" t="s">
        <v>38</v>
      </c>
      <c r="O1328" s="5" t="s">
        <v>39</v>
      </c>
      <c r="P1328" s="5" t="s">
        <v>40</v>
      </c>
      <c r="Q1328" s="5" t="s">
        <v>24340</v>
      </c>
      <c r="R1328" s="5" t="s">
        <v>40</v>
      </c>
      <c r="S1328" s="5" t="s">
        <v>42</v>
      </c>
      <c r="T1328" s="2">
        <v>9.6999999999999993</v>
      </c>
      <c r="U1328" s="2">
        <v>7.7370000000000001</v>
      </c>
      <c r="V1328" s="2">
        <v>0.11600000000000001</v>
      </c>
      <c r="W1328" s="2">
        <v>12</v>
      </c>
      <c r="X1328" s="2">
        <v>50</v>
      </c>
      <c r="Y1328" s="2">
        <v>193.9</v>
      </c>
      <c r="Z1328" s="5">
        <v>10</v>
      </c>
      <c r="AA1328" s="5" t="s">
        <v>43</v>
      </c>
      <c r="AB1328" s="5" t="s">
        <v>44</v>
      </c>
      <c r="AC1328" s="2" t="s">
        <v>29229</v>
      </c>
      <c r="AD1328" s="1"/>
    </row>
    <row r="1329" spans="1:30">
      <c r="A1329" s="5" t="s">
        <v>83578</v>
      </c>
      <c r="B1329" s="2" t="s">
        <v>87570</v>
      </c>
      <c r="C1329" s="14" t="s">
        <v>87571</v>
      </c>
      <c r="D1329" s="2" t="s">
        <v>87572</v>
      </c>
      <c r="E1329" s="2" t="s">
        <v>29173</v>
      </c>
      <c r="F1329" s="8">
        <v>439</v>
      </c>
      <c r="G1329" s="5">
        <v>20</v>
      </c>
      <c r="H1329" s="5" t="s">
        <v>69</v>
      </c>
      <c r="I1329" s="5" t="s">
        <v>27074</v>
      </c>
      <c r="J1329" s="2" t="s">
        <v>27075</v>
      </c>
      <c r="K1329" s="5" t="s">
        <v>27074</v>
      </c>
      <c r="L1329" s="2" t="s">
        <v>27075</v>
      </c>
      <c r="M1329" s="5" t="s">
        <v>24254</v>
      </c>
      <c r="N1329" s="5" t="s">
        <v>38</v>
      </c>
      <c r="O1329" s="5" t="s">
        <v>39</v>
      </c>
      <c r="P1329" s="5" t="s">
        <v>40</v>
      </c>
      <c r="Q1329" s="5" t="s">
        <v>24340</v>
      </c>
      <c r="R1329" s="5" t="s">
        <v>40</v>
      </c>
      <c r="S1329" s="5" t="s">
        <v>42</v>
      </c>
      <c r="T1329" s="2">
        <v>10.534000000000001</v>
      </c>
      <c r="U1329" s="2">
        <v>8.5709999999999997</v>
      </c>
      <c r="V1329" s="2">
        <v>0.11600000000000001</v>
      </c>
      <c r="W1329" s="2">
        <v>12</v>
      </c>
      <c r="X1329" s="2">
        <v>50</v>
      </c>
      <c r="Y1329" s="2">
        <v>193.9</v>
      </c>
      <c r="Z1329" s="5">
        <v>10</v>
      </c>
      <c r="AA1329" s="5" t="s">
        <v>43</v>
      </c>
      <c r="AB1329" s="5" t="s">
        <v>44</v>
      </c>
      <c r="AC1329" s="2" t="s">
        <v>28941</v>
      </c>
      <c r="AD1329" s="1"/>
    </row>
    <row r="1330" spans="1:30">
      <c r="A1330" s="5" t="s">
        <v>83578</v>
      </c>
      <c r="B1330" s="2" t="s">
        <v>87573</v>
      </c>
      <c r="C1330" s="14" t="s">
        <v>87574</v>
      </c>
      <c r="D1330" s="2" t="s">
        <v>87575</v>
      </c>
      <c r="E1330" s="2" t="s">
        <v>28940</v>
      </c>
      <c r="F1330" s="8">
        <v>439</v>
      </c>
      <c r="G1330" s="5">
        <v>20</v>
      </c>
      <c r="H1330" s="5" t="s">
        <v>69</v>
      </c>
      <c r="I1330" s="5" t="s">
        <v>27074</v>
      </c>
      <c r="J1330" s="2" t="s">
        <v>27075</v>
      </c>
      <c r="K1330" s="5" t="s">
        <v>27074</v>
      </c>
      <c r="L1330" s="2" t="s">
        <v>27075</v>
      </c>
      <c r="M1330" s="5" t="s">
        <v>24254</v>
      </c>
      <c r="N1330" s="5" t="s">
        <v>38</v>
      </c>
      <c r="O1330" s="5" t="s">
        <v>39</v>
      </c>
      <c r="P1330" s="5" t="s">
        <v>40</v>
      </c>
      <c r="Q1330" s="5" t="s">
        <v>24340</v>
      </c>
      <c r="R1330" s="5" t="s">
        <v>40</v>
      </c>
      <c r="S1330" s="5" t="s">
        <v>42</v>
      </c>
      <c r="T1330" s="2">
        <v>13.194000000000001</v>
      </c>
      <c r="U1330" s="2">
        <v>11.231</v>
      </c>
      <c r="V1330" s="2">
        <v>0.11600000000000001</v>
      </c>
      <c r="W1330" s="2">
        <v>12</v>
      </c>
      <c r="X1330" s="2">
        <v>50</v>
      </c>
      <c r="Y1330" s="2">
        <v>193.9</v>
      </c>
      <c r="Z1330" s="5">
        <v>10</v>
      </c>
      <c r="AA1330" s="5" t="s">
        <v>43</v>
      </c>
      <c r="AB1330" s="5" t="s">
        <v>44</v>
      </c>
      <c r="AC1330" s="2" t="s">
        <v>28941</v>
      </c>
      <c r="AD1330" s="1"/>
    </row>
    <row r="1331" spans="1:30">
      <c r="A1331" s="5" t="s">
        <v>83578</v>
      </c>
      <c r="B1331" s="2" t="s">
        <v>87576</v>
      </c>
      <c r="C1331" s="14" t="s">
        <v>87577</v>
      </c>
      <c r="D1331" s="2" t="s">
        <v>87578</v>
      </c>
      <c r="E1331" s="2" t="s">
        <v>28896</v>
      </c>
      <c r="F1331" s="8">
        <v>439</v>
      </c>
      <c r="G1331" s="5">
        <v>20</v>
      </c>
      <c r="H1331" s="5" t="s">
        <v>69</v>
      </c>
      <c r="I1331" s="5" t="s">
        <v>27074</v>
      </c>
      <c r="J1331" s="2" t="s">
        <v>27075</v>
      </c>
      <c r="K1331" s="5" t="s">
        <v>27074</v>
      </c>
      <c r="L1331" s="2" t="s">
        <v>27075</v>
      </c>
      <c r="M1331" s="5" t="s">
        <v>24254</v>
      </c>
      <c r="N1331" s="5" t="s">
        <v>38</v>
      </c>
      <c r="O1331" s="5" t="s">
        <v>39</v>
      </c>
      <c r="P1331" s="5" t="s">
        <v>40</v>
      </c>
      <c r="Q1331" s="5" t="s">
        <v>25301</v>
      </c>
      <c r="R1331" s="5" t="s">
        <v>40</v>
      </c>
      <c r="S1331" s="5" t="s">
        <v>42</v>
      </c>
      <c r="T1331" s="2">
        <v>11.861000000000001</v>
      </c>
      <c r="U1331" s="2">
        <v>9.8979999999999997</v>
      </c>
      <c r="V1331" s="2">
        <v>0.11600000000000001</v>
      </c>
      <c r="W1331" s="2">
        <v>12</v>
      </c>
      <c r="X1331" s="2">
        <v>50</v>
      </c>
      <c r="Y1331" s="2">
        <v>193.9</v>
      </c>
      <c r="Z1331" s="5">
        <v>10</v>
      </c>
      <c r="AA1331" s="5" t="s">
        <v>43</v>
      </c>
      <c r="AB1331" s="5" t="s">
        <v>44</v>
      </c>
      <c r="AC1331" s="2" t="s">
        <v>28955</v>
      </c>
      <c r="AD1331" s="1"/>
    </row>
    <row r="1332" spans="1:30">
      <c r="A1332" s="5" t="s">
        <v>83578</v>
      </c>
      <c r="B1332" s="2" t="s">
        <v>87579</v>
      </c>
      <c r="C1332" s="14" t="s">
        <v>87580</v>
      </c>
      <c r="D1332" s="2" t="s">
        <v>87581</v>
      </c>
      <c r="E1332" s="2" t="s">
        <v>28896</v>
      </c>
      <c r="F1332" s="8">
        <v>439</v>
      </c>
      <c r="G1332" s="5">
        <v>20</v>
      </c>
      <c r="H1332" s="5" t="s">
        <v>69</v>
      </c>
      <c r="I1332" s="5" t="s">
        <v>27074</v>
      </c>
      <c r="J1332" s="2" t="s">
        <v>27075</v>
      </c>
      <c r="K1332" s="5" t="s">
        <v>27074</v>
      </c>
      <c r="L1332" s="2" t="s">
        <v>27075</v>
      </c>
      <c r="M1332" s="5" t="s">
        <v>24254</v>
      </c>
      <c r="N1332" s="5" t="s">
        <v>38</v>
      </c>
      <c r="O1332" s="5" t="s">
        <v>39</v>
      </c>
      <c r="P1332" s="5" t="s">
        <v>40</v>
      </c>
      <c r="Q1332" s="5" t="s">
        <v>25301</v>
      </c>
      <c r="R1332" s="5" t="s">
        <v>40</v>
      </c>
      <c r="S1332" s="5" t="s">
        <v>42</v>
      </c>
      <c r="T1332" s="2">
        <v>12.525</v>
      </c>
      <c r="U1332" s="2">
        <v>10.561999999999999</v>
      </c>
      <c r="V1332" s="2">
        <v>0.11600000000000001</v>
      </c>
      <c r="W1332" s="2">
        <v>12</v>
      </c>
      <c r="X1332" s="2">
        <v>50</v>
      </c>
      <c r="Y1332" s="2">
        <v>193.9</v>
      </c>
      <c r="Z1332" s="5">
        <v>10</v>
      </c>
      <c r="AA1332" s="5" t="s">
        <v>43</v>
      </c>
      <c r="AB1332" s="5" t="s">
        <v>44</v>
      </c>
      <c r="AC1332" s="2" t="s">
        <v>28897</v>
      </c>
      <c r="AD1332" s="1"/>
    </row>
    <row r="1333" spans="1:30">
      <c r="A1333" s="5" t="s">
        <v>83578</v>
      </c>
      <c r="B1333" s="2" t="s">
        <v>87582</v>
      </c>
      <c r="C1333" s="14" t="s">
        <v>87583</v>
      </c>
      <c r="D1333" s="2" t="s">
        <v>87584</v>
      </c>
      <c r="E1333" s="2" t="s">
        <v>28959</v>
      </c>
      <c r="F1333" s="8">
        <v>439</v>
      </c>
      <c r="G1333" s="5">
        <v>20</v>
      </c>
      <c r="H1333" s="5" t="s">
        <v>69</v>
      </c>
      <c r="I1333" s="5" t="s">
        <v>27074</v>
      </c>
      <c r="J1333" s="2" t="s">
        <v>27075</v>
      </c>
      <c r="K1333" s="5" t="s">
        <v>27074</v>
      </c>
      <c r="L1333" s="2" t="s">
        <v>27075</v>
      </c>
      <c r="M1333" s="5" t="s">
        <v>24254</v>
      </c>
      <c r="N1333" s="5" t="s">
        <v>38</v>
      </c>
      <c r="O1333" s="5" t="s">
        <v>39</v>
      </c>
      <c r="P1333" s="5" t="s">
        <v>40</v>
      </c>
      <c r="Q1333" s="5" t="s">
        <v>25301</v>
      </c>
      <c r="R1333" s="5" t="s">
        <v>40</v>
      </c>
      <c r="S1333" s="5" t="s">
        <v>42</v>
      </c>
      <c r="T1333" s="2">
        <v>9.0239999999999991</v>
      </c>
      <c r="U1333" s="2">
        <v>7.0609999999999999</v>
      </c>
      <c r="V1333" s="2">
        <v>0.11600000000000001</v>
      </c>
      <c r="W1333" s="2">
        <v>12</v>
      </c>
      <c r="X1333" s="2">
        <v>50</v>
      </c>
      <c r="Y1333" s="2">
        <v>193.9</v>
      </c>
      <c r="Z1333" s="5">
        <v>10</v>
      </c>
      <c r="AA1333" s="5" t="s">
        <v>43</v>
      </c>
      <c r="AB1333" s="5" t="s">
        <v>44</v>
      </c>
      <c r="AC1333" s="2" t="s">
        <v>28955</v>
      </c>
      <c r="AD1333" s="1"/>
    </row>
    <row r="1334" spans="1:30">
      <c r="A1334" s="5" t="s">
        <v>83578</v>
      </c>
      <c r="B1334" s="2" t="s">
        <v>87585</v>
      </c>
      <c r="C1334" s="14" t="s">
        <v>87586</v>
      </c>
      <c r="D1334" s="2" t="s">
        <v>87587</v>
      </c>
      <c r="E1334" s="2" t="s">
        <v>28959</v>
      </c>
      <c r="F1334" s="8">
        <v>439</v>
      </c>
      <c r="G1334" s="5">
        <v>20</v>
      </c>
      <c r="H1334" s="5" t="s">
        <v>69</v>
      </c>
      <c r="I1334" s="5" t="s">
        <v>27074</v>
      </c>
      <c r="J1334" s="2" t="s">
        <v>27075</v>
      </c>
      <c r="K1334" s="5" t="s">
        <v>27074</v>
      </c>
      <c r="L1334" s="2" t="s">
        <v>27075</v>
      </c>
      <c r="M1334" s="5" t="s">
        <v>24254</v>
      </c>
      <c r="N1334" s="5" t="s">
        <v>38</v>
      </c>
      <c r="O1334" s="5" t="s">
        <v>39</v>
      </c>
      <c r="P1334" s="5" t="s">
        <v>40</v>
      </c>
      <c r="Q1334" s="5" t="s">
        <v>25301</v>
      </c>
      <c r="R1334" s="5" t="s">
        <v>40</v>
      </c>
      <c r="S1334" s="5" t="s">
        <v>42</v>
      </c>
      <c r="T1334" s="2">
        <v>9.49</v>
      </c>
      <c r="U1334" s="2">
        <v>7.5270000000000001</v>
      </c>
      <c r="V1334" s="2">
        <v>0.11600000000000001</v>
      </c>
      <c r="W1334" s="2">
        <v>12</v>
      </c>
      <c r="X1334" s="2">
        <v>50</v>
      </c>
      <c r="Y1334" s="2">
        <v>193.9</v>
      </c>
      <c r="Z1334" s="5">
        <v>10</v>
      </c>
      <c r="AA1334" s="5" t="s">
        <v>43</v>
      </c>
      <c r="AB1334" s="5" t="s">
        <v>44</v>
      </c>
      <c r="AC1334" s="2" t="s">
        <v>28897</v>
      </c>
      <c r="AD1334" s="1"/>
    </row>
    <row r="1335" spans="1:30">
      <c r="A1335" s="5" t="s">
        <v>83578</v>
      </c>
      <c r="B1335" s="2" t="s">
        <v>87588</v>
      </c>
      <c r="C1335" s="14" t="s">
        <v>87589</v>
      </c>
      <c r="D1335" s="2" t="s">
        <v>87590</v>
      </c>
      <c r="E1335" s="2" t="s">
        <v>28901</v>
      </c>
      <c r="F1335" s="8">
        <v>439</v>
      </c>
      <c r="G1335" s="5">
        <v>20</v>
      </c>
      <c r="H1335" s="5" t="s">
        <v>69</v>
      </c>
      <c r="I1335" s="5" t="s">
        <v>27074</v>
      </c>
      <c r="J1335" s="2" t="s">
        <v>27075</v>
      </c>
      <c r="K1335" s="5" t="s">
        <v>27074</v>
      </c>
      <c r="L1335" s="2" t="s">
        <v>27075</v>
      </c>
      <c r="M1335" s="5" t="s">
        <v>24254</v>
      </c>
      <c r="N1335" s="5" t="s">
        <v>38</v>
      </c>
      <c r="O1335" s="5" t="s">
        <v>39</v>
      </c>
      <c r="P1335" s="5" t="s">
        <v>40</v>
      </c>
      <c r="Q1335" s="5" t="s">
        <v>25301</v>
      </c>
      <c r="R1335" s="5" t="s">
        <v>40</v>
      </c>
      <c r="S1335" s="5" t="s">
        <v>42</v>
      </c>
      <c r="T1335" s="2">
        <v>8.9819999999999993</v>
      </c>
      <c r="U1335" s="2">
        <v>7.0190000000000001</v>
      </c>
      <c r="V1335" s="2">
        <v>0.11600000000000001</v>
      </c>
      <c r="W1335" s="2">
        <v>12</v>
      </c>
      <c r="X1335" s="2">
        <v>50</v>
      </c>
      <c r="Y1335" s="2">
        <v>193.9</v>
      </c>
      <c r="Z1335" s="5">
        <v>10</v>
      </c>
      <c r="AA1335" s="5" t="s">
        <v>43</v>
      </c>
      <c r="AB1335" s="5" t="s">
        <v>44</v>
      </c>
      <c r="AC1335" s="2" t="s">
        <v>28907</v>
      </c>
      <c r="AD1335" s="1"/>
    </row>
    <row r="1336" spans="1:30">
      <c r="A1336" s="5" t="s">
        <v>83578</v>
      </c>
      <c r="B1336" s="2" t="s">
        <v>87591</v>
      </c>
      <c r="C1336" s="14" t="s">
        <v>87592</v>
      </c>
      <c r="D1336" s="2" t="s">
        <v>87593</v>
      </c>
      <c r="E1336" s="2" t="s">
        <v>28901</v>
      </c>
      <c r="F1336" s="8">
        <v>439</v>
      </c>
      <c r="G1336" s="5">
        <v>20</v>
      </c>
      <c r="H1336" s="5" t="s">
        <v>69</v>
      </c>
      <c r="I1336" s="5" t="s">
        <v>27074</v>
      </c>
      <c r="J1336" s="2" t="s">
        <v>27075</v>
      </c>
      <c r="K1336" s="5" t="s">
        <v>27074</v>
      </c>
      <c r="L1336" s="2" t="s">
        <v>27075</v>
      </c>
      <c r="M1336" s="5" t="s">
        <v>24254</v>
      </c>
      <c r="N1336" s="5" t="s">
        <v>38</v>
      </c>
      <c r="O1336" s="5" t="s">
        <v>39</v>
      </c>
      <c r="P1336" s="5" t="s">
        <v>40</v>
      </c>
      <c r="Q1336" s="5" t="s">
        <v>25301</v>
      </c>
      <c r="R1336" s="5" t="s">
        <v>40</v>
      </c>
      <c r="S1336" s="5" t="s">
        <v>42</v>
      </c>
      <c r="T1336" s="2">
        <v>9.65</v>
      </c>
      <c r="U1336" s="2">
        <v>7.6870000000000003</v>
      </c>
      <c r="V1336" s="2">
        <v>0.11600000000000001</v>
      </c>
      <c r="W1336" s="2">
        <v>12</v>
      </c>
      <c r="X1336" s="2">
        <v>50</v>
      </c>
      <c r="Y1336" s="2">
        <v>193.9</v>
      </c>
      <c r="Z1336" s="5">
        <v>10</v>
      </c>
      <c r="AA1336" s="5" t="s">
        <v>43</v>
      </c>
      <c r="AB1336" s="5" t="s">
        <v>44</v>
      </c>
      <c r="AC1336" s="2" t="s">
        <v>28902</v>
      </c>
      <c r="AD1336" s="1"/>
    </row>
    <row r="1337" spans="1:30">
      <c r="A1337" s="5" t="s">
        <v>83578</v>
      </c>
      <c r="B1337" s="2" t="s">
        <v>87594</v>
      </c>
      <c r="C1337" s="14" t="s">
        <v>87595</v>
      </c>
      <c r="D1337" s="2" t="s">
        <v>87596</v>
      </c>
      <c r="E1337" s="2" t="s">
        <v>28906</v>
      </c>
      <c r="F1337" s="8">
        <v>439</v>
      </c>
      <c r="G1337" s="5">
        <v>20</v>
      </c>
      <c r="H1337" s="5" t="s">
        <v>69</v>
      </c>
      <c r="I1337" s="5" t="s">
        <v>27074</v>
      </c>
      <c r="J1337" s="2" t="s">
        <v>27075</v>
      </c>
      <c r="K1337" s="5" t="s">
        <v>27074</v>
      </c>
      <c r="L1337" s="2" t="s">
        <v>27075</v>
      </c>
      <c r="M1337" s="5" t="s">
        <v>24254</v>
      </c>
      <c r="N1337" s="5" t="s">
        <v>38</v>
      </c>
      <c r="O1337" s="5" t="s">
        <v>39</v>
      </c>
      <c r="P1337" s="5" t="s">
        <v>40</v>
      </c>
      <c r="Q1337" s="5" t="s">
        <v>25301</v>
      </c>
      <c r="R1337" s="5" t="s">
        <v>40</v>
      </c>
      <c r="S1337" s="5" t="s">
        <v>42</v>
      </c>
      <c r="T1337" s="2">
        <v>12.119</v>
      </c>
      <c r="U1337" s="2">
        <v>10.156000000000001</v>
      </c>
      <c r="V1337" s="2">
        <v>0.11600000000000001</v>
      </c>
      <c r="W1337" s="2">
        <v>12</v>
      </c>
      <c r="X1337" s="2">
        <v>50</v>
      </c>
      <c r="Y1337" s="2">
        <v>193.9</v>
      </c>
      <c r="Z1337" s="5">
        <v>10</v>
      </c>
      <c r="AA1337" s="5" t="s">
        <v>43</v>
      </c>
      <c r="AB1337" s="5" t="s">
        <v>44</v>
      </c>
      <c r="AC1337" s="2" t="s">
        <v>28902</v>
      </c>
      <c r="AD1337" s="1"/>
    </row>
    <row r="1338" spans="1:30">
      <c r="A1338" s="5" t="s">
        <v>83578</v>
      </c>
      <c r="B1338" s="2" t="s">
        <v>87597</v>
      </c>
      <c r="C1338" s="14" t="s">
        <v>87598</v>
      </c>
      <c r="D1338" s="2" t="s">
        <v>87599</v>
      </c>
      <c r="E1338" s="2" t="s">
        <v>29164</v>
      </c>
      <c r="F1338" s="8">
        <v>456</v>
      </c>
      <c r="G1338" s="5">
        <v>20</v>
      </c>
      <c r="H1338" s="5" t="s">
        <v>69</v>
      </c>
      <c r="I1338" s="5" t="s">
        <v>27074</v>
      </c>
      <c r="J1338" s="2" t="s">
        <v>27075</v>
      </c>
      <c r="K1338" s="5" t="s">
        <v>27074</v>
      </c>
      <c r="L1338" s="2" t="s">
        <v>27075</v>
      </c>
      <c r="M1338" s="5" t="s">
        <v>24254</v>
      </c>
      <c r="N1338" s="5" t="s">
        <v>38</v>
      </c>
      <c r="O1338" s="5" t="s">
        <v>39</v>
      </c>
      <c r="P1338" s="5" t="s">
        <v>40</v>
      </c>
      <c r="Q1338" s="5" t="s">
        <v>24340</v>
      </c>
      <c r="R1338" s="5" t="s">
        <v>40</v>
      </c>
      <c r="S1338" s="5" t="s">
        <v>42</v>
      </c>
      <c r="T1338" s="2">
        <v>14.832000000000001</v>
      </c>
      <c r="U1338" s="2">
        <v>12.414999999999999</v>
      </c>
      <c r="V1338" s="2">
        <v>0.13600000000000001</v>
      </c>
      <c r="W1338" s="2">
        <v>12</v>
      </c>
      <c r="X1338" s="2">
        <v>50</v>
      </c>
      <c r="Y1338" s="2">
        <v>227.4</v>
      </c>
      <c r="Z1338" s="5">
        <v>10</v>
      </c>
      <c r="AA1338" s="5" t="s">
        <v>43</v>
      </c>
      <c r="AB1338" s="5" t="s">
        <v>44</v>
      </c>
      <c r="AC1338" s="2" t="s">
        <v>29225</v>
      </c>
      <c r="AD1338" s="1"/>
    </row>
    <row r="1339" spans="1:30">
      <c r="A1339" s="5" t="s">
        <v>83578</v>
      </c>
      <c r="B1339" s="2" t="s">
        <v>87600</v>
      </c>
      <c r="C1339" s="14" t="s">
        <v>87601</v>
      </c>
      <c r="D1339" s="2" t="s">
        <v>87602</v>
      </c>
      <c r="E1339" s="2" t="s">
        <v>29164</v>
      </c>
      <c r="F1339" s="8">
        <v>456</v>
      </c>
      <c r="G1339" s="5">
        <v>20</v>
      </c>
      <c r="H1339" s="5" t="s">
        <v>69</v>
      </c>
      <c r="I1339" s="5" t="s">
        <v>27074</v>
      </c>
      <c r="J1339" s="2" t="s">
        <v>27075</v>
      </c>
      <c r="K1339" s="5" t="s">
        <v>27074</v>
      </c>
      <c r="L1339" s="2" t="s">
        <v>27075</v>
      </c>
      <c r="M1339" s="5" t="s">
        <v>24254</v>
      </c>
      <c r="N1339" s="5" t="s">
        <v>38</v>
      </c>
      <c r="O1339" s="5" t="s">
        <v>39</v>
      </c>
      <c r="P1339" s="5" t="s">
        <v>40</v>
      </c>
      <c r="Q1339" s="5" t="s">
        <v>24340</v>
      </c>
      <c r="R1339" s="5" t="s">
        <v>40</v>
      </c>
      <c r="S1339" s="5" t="s">
        <v>42</v>
      </c>
      <c r="T1339" s="2">
        <v>15.66</v>
      </c>
      <c r="U1339" s="2">
        <v>13.243</v>
      </c>
      <c r="V1339" s="2">
        <v>0.13600000000000001</v>
      </c>
      <c r="W1339" s="2">
        <v>12</v>
      </c>
      <c r="X1339" s="2">
        <v>50</v>
      </c>
      <c r="Y1339" s="2">
        <v>227.4</v>
      </c>
      <c r="Z1339" s="5">
        <v>10</v>
      </c>
      <c r="AA1339" s="5" t="s">
        <v>43</v>
      </c>
      <c r="AB1339" s="5" t="s">
        <v>44</v>
      </c>
      <c r="AC1339" s="2" t="s">
        <v>29165</v>
      </c>
      <c r="AD1339" s="1"/>
    </row>
    <row r="1340" spans="1:30">
      <c r="A1340" s="5" t="s">
        <v>83578</v>
      </c>
      <c r="B1340" s="2" t="s">
        <v>87603</v>
      </c>
      <c r="C1340" s="14" t="s">
        <v>87604</v>
      </c>
      <c r="D1340" s="2" t="s">
        <v>87605</v>
      </c>
      <c r="E1340" s="2" t="s">
        <v>29169</v>
      </c>
      <c r="F1340" s="8">
        <v>456</v>
      </c>
      <c r="G1340" s="5">
        <v>20</v>
      </c>
      <c r="H1340" s="5" t="s">
        <v>69</v>
      </c>
      <c r="I1340" s="5" t="s">
        <v>27074</v>
      </c>
      <c r="J1340" s="2" t="s">
        <v>27075</v>
      </c>
      <c r="K1340" s="5" t="s">
        <v>27074</v>
      </c>
      <c r="L1340" s="2" t="s">
        <v>27075</v>
      </c>
      <c r="M1340" s="5" t="s">
        <v>24254</v>
      </c>
      <c r="N1340" s="5" t="s">
        <v>38</v>
      </c>
      <c r="O1340" s="5" t="s">
        <v>39</v>
      </c>
      <c r="P1340" s="5" t="s">
        <v>40</v>
      </c>
      <c r="Q1340" s="5" t="s">
        <v>24340</v>
      </c>
      <c r="R1340" s="5" t="s">
        <v>40</v>
      </c>
      <c r="S1340" s="5" t="s">
        <v>42</v>
      </c>
      <c r="T1340" s="2">
        <v>11.273</v>
      </c>
      <c r="U1340" s="2">
        <v>8.8559999999999999</v>
      </c>
      <c r="V1340" s="2">
        <v>0.13600000000000001</v>
      </c>
      <c r="W1340" s="2">
        <v>12</v>
      </c>
      <c r="X1340" s="2">
        <v>50</v>
      </c>
      <c r="Y1340" s="2">
        <v>227.4</v>
      </c>
      <c r="Z1340" s="5">
        <v>10</v>
      </c>
      <c r="AA1340" s="5" t="s">
        <v>43</v>
      </c>
      <c r="AB1340" s="5" t="s">
        <v>44</v>
      </c>
      <c r="AC1340" s="2" t="s">
        <v>29225</v>
      </c>
      <c r="AD1340" s="1"/>
    </row>
    <row r="1341" spans="1:30">
      <c r="A1341" s="5" t="s">
        <v>83578</v>
      </c>
      <c r="B1341" s="2" t="s">
        <v>87606</v>
      </c>
      <c r="C1341" s="14" t="s">
        <v>87607</v>
      </c>
      <c r="D1341" s="2" t="s">
        <v>87608</v>
      </c>
      <c r="E1341" s="2" t="s">
        <v>29169</v>
      </c>
      <c r="F1341" s="8">
        <v>456</v>
      </c>
      <c r="G1341" s="5">
        <v>20</v>
      </c>
      <c r="H1341" s="5" t="s">
        <v>69</v>
      </c>
      <c r="I1341" s="5" t="s">
        <v>27074</v>
      </c>
      <c r="J1341" s="2" t="s">
        <v>27075</v>
      </c>
      <c r="K1341" s="5" t="s">
        <v>27074</v>
      </c>
      <c r="L1341" s="2" t="s">
        <v>27075</v>
      </c>
      <c r="M1341" s="5" t="s">
        <v>24254</v>
      </c>
      <c r="N1341" s="5" t="s">
        <v>38</v>
      </c>
      <c r="O1341" s="5" t="s">
        <v>39</v>
      </c>
      <c r="P1341" s="5" t="s">
        <v>40</v>
      </c>
      <c r="Q1341" s="5" t="s">
        <v>24340</v>
      </c>
      <c r="R1341" s="5" t="s">
        <v>40</v>
      </c>
      <c r="S1341" s="5" t="s">
        <v>42</v>
      </c>
      <c r="T1341" s="2">
        <v>11.856999999999999</v>
      </c>
      <c r="U1341" s="2">
        <v>9.44</v>
      </c>
      <c r="V1341" s="2">
        <v>0.13600000000000001</v>
      </c>
      <c r="W1341" s="2">
        <v>12</v>
      </c>
      <c r="X1341" s="2">
        <v>50</v>
      </c>
      <c r="Y1341" s="2">
        <v>227.4</v>
      </c>
      <c r="Z1341" s="5">
        <v>10</v>
      </c>
      <c r="AA1341" s="5" t="s">
        <v>43</v>
      </c>
      <c r="AB1341" s="5" t="s">
        <v>44</v>
      </c>
      <c r="AC1341" s="2" t="s">
        <v>29165</v>
      </c>
      <c r="AD1341" s="1"/>
    </row>
    <row r="1342" spans="1:30">
      <c r="A1342" s="5" t="s">
        <v>83578</v>
      </c>
      <c r="B1342" s="2" t="s">
        <v>87609</v>
      </c>
      <c r="C1342" s="14" t="s">
        <v>87610</v>
      </c>
      <c r="D1342" s="2" t="s">
        <v>87611</v>
      </c>
      <c r="E1342" s="2" t="s">
        <v>29173</v>
      </c>
      <c r="F1342" s="8">
        <v>456</v>
      </c>
      <c r="G1342" s="5">
        <v>20</v>
      </c>
      <c r="H1342" s="5" t="s">
        <v>69</v>
      </c>
      <c r="I1342" s="5" t="s">
        <v>27074</v>
      </c>
      <c r="J1342" s="2" t="s">
        <v>27075</v>
      </c>
      <c r="K1342" s="5" t="s">
        <v>27074</v>
      </c>
      <c r="L1342" s="2" t="s">
        <v>27075</v>
      </c>
      <c r="M1342" s="5" t="s">
        <v>24254</v>
      </c>
      <c r="N1342" s="5" t="s">
        <v>38</v>
      </c>
      <c r="O1342" s="5" t="s">
        <v>39</v>
      </c>
      <c r="P1342" s="5" t="s">
        <v>40</v>
      </c>
      <c r="Q1342" s="5" t="s">
        <v>24340</v>
      </c>
      <c r="R1342" s="5" t="s">
        <v>40</v>
      </c>
      <c r="S1342" s="5" t="s">
        <v>42</v>
      </c>
      <c r="T1342" s="2">
        <v>10.858000000000001</v>
      </c>
      <c r="U1342" s="2">
        <v>8.4410000000000007</v>
      </c>
      <c r="V1342" s="2">
        <v>0.13600000000000001</v>
      </c>
      <c r="W1342" s="2">
        <v>12</v>
      </c>
      <c r="X1342" s="2">
        <v>50</v>
      </c>
      <c r="Y1342" s="2">
        <v>227.4</v>
      </c>
      <c r="Z1342" s="5">
        <v>10</v>
      </c>
      <c r="AA1342" s="5" t="s">
        <v>43</v>
      </c>
      <c r="AB1342" s="5" t="s">
        <v>44</v>
      </c>
      <c r="AC1342" s="2" t="s">
        <v>29229</v>
      </c>
      <c r="AD1342" s="1"/>
    </row>
    <row r="1343" spans="1:30">
      <c r="A1343" s="5" t="s">
        <v>83578</v>
      </c>
      <c r="B1343" s="2" t="s">
        <v>87612</v>
      </c>
      <c r="C1343" s="14" t="s">
        <v>87613</v>
      </c>
      <c r="D1343" s="2" t="s">
        <v>87614</v>
      </c>
      <c r="E1343" s="2" t="s">
        <v>29173</v>
      </c>
      <c r="F1343" s="8">
        <v>456</v>
      </c>
      <c r="G1343" s="5">
        <v>20</v>
      </c>
      <c r="H1343" s="5" t="s">
        <v>69</v>
      </c>
      <c r="I1343" s="5" t="s">
        <v>27074</v>
      </c>
      <c r="J1343" s="2" t="s">
        <v>27075</v>
      </c>
      <c r="K1343" s="5" t="s">
        <v>27074</v>
      </c>
      <c r="L1343" s="2" t="s">
        <v>27075</v>
      </c>
      <c r="M1343" s="5" t="s">
        <v>24254</v>
      </c>
      <c r="N1343" s="5" t="s">
        <v>38</v>
      </c>
      <c r="O1343" s="5" t="s">
        <v>39</v>
      </c>
      <c r="P1343" s="5" t="s">
        <v>40</v>
      </c>
      <c r="Q1343" s="5" t="s">
        <v>24340</v>
      </c>
      <c r="R1343" s="5" t="s">
        <v>40</v>
      </c>
      <c r="S1343" s="5" t="s">
        <v>42</v>
      </c>
      <c r="T1343" s="2">
        <v>11.692</v>
      </c>
      <c r="U1343" s="2">
        <v>9.2750000000000004</v>
      </c>
      <c r="V1343" s="2">
        <v>0.13600000000000001</v>
      </c>
      <c r="W1343" s="2">
        <v>12</v>
      </c>
      <c r="X1343" s="2">
        <v>50</v>
      </c>
      <c r="Y1343" s="2">
        <v>227.4</v>
      </c>
      <c r="Z1343" s="5">
        <v>10</v>
      </c>
      <c r="AA1343" s="5" t="s">
        <v>43</v>
      </c>
      <c r="AB1343" s="5" t="s">
        <v>44</v>
      </c>
      <c r="AC1343" s="2" t="s">
        <v>28941</v>
      </c>
      <c r="AD1343" s="1"/>
    </row>
    <row r="1344" spans="1:30">
      <c r="A1344" s="5" t="s">
        <v>83578</v>
      </c>
      <c r="B1344" s="2" t="s">
        <v>87615</v>
      </c>
      <c r="C1344" s="14" t="s">
        <v>87616</v>
      </c>
      <c r="D1344" s="2" t="s">
        <v>87617</v>
      </c>
      <c r="E1344" s="2" t="s">
        <v>28940</v>
      </c>
      <c r="F1344" s="8">
        <v>456</v>
      </c>
      <c r="G1344" s="5">
        <v>20</v>
      </c>
      <c r="H1344" s="5" t="s">
        <v>69</v>
      </c>
      <c r="I1344" s="5" t="s">
        <v>27074</v>
      </c>
      <c r="J1344" s="2" t="s">
        <v>27075</v>
      </c>
      <c r="K1344" s="5" t="s">
        <v>27074</v>
      </c>
      <c r="L1344" s="2" t="s">
        <v>27075</v>
      </c>
      <c r="M1344" s="5" t="s">
        <v>24254</v>
      </c>
      <c r="N1344" s="5" t="s">
        <v>38</v>
      </c>
      <c r="O1344" s="5" t="s">
        <v>39</v>
      </c>
      <c r="P1344" s="5" t="s">
        <v>40</v>
      </c>
      <c r="Q1344" s="5" t="s">
        <v>24340</v>
      </c>
      <c r="R1344" s="5" t="s">
        <v>40</v>
      </c>
      <c r="S1344" s="5" t="s">
        <v>42</v>
      </c>
      <c r="T1344" s="2">
        <v>13.673</v>
      </c>
      <c r="U1344" s="2">
        <v>11.256</v>
      </c>
      <c r="V1344" s="2">
        <v>0.13600000000000001</v>
      </c>
      <c r="W1344" s="2">
        <v>12</v>
      </c>
      <c r="X1344" s="2">
        <v>50</v>
      </c>
      <c r="Y1344" s="2">
        <v>227.4</v>
      </c>
      <c r="Z1344" s="5">
        <v>10</v>
      </c>
      <c r="AA1344" s="5" t="s">
        <v>43</v>
      </c>
      <c r="AB1344" s="5" t="s">
        <v>44</v>
      </c>
      <c r="AC1344" s="2" t="s">
        <v>29229</v>
      </c>
      <c r="AD1344" s="1"/>
    </row>
    <row r="1345" spans="1:30">
      <c r="A1345" s="5" t="s">
        <v>83578</v>
      </c>
      <c r="B1345" s="2" t="s">
        <v>87618</v>
      </c>
      <c r="C1345" s="14" t="s">
        <v>87619</v>
      </c>
      <c r="D1345" s="2" t="s">
        <v>87620</v>
      </c>
      <c r="E1345" s="2" t="s">
        <v>28940</v>
      </c>
      <c r="F1345" s="8">
        <v>456</v>
      </c>
      <c r="G1345" s="5">
        <v>20</v>
      </c>
      <c r="H1345" s="5" t="s">
        <v>69</v>
      </c>
      <c r="I1345" s="5" t="s">
        <v>27074</v>
      </c>
      <c r="J1345" s="2" t="s">
        <v>27075</v>
      </c>
      <c r="K1345" s="5" t="s">
        <v>27074</v>
      </c>
      <c r="L1345" s="2" t="s">
        <v>27075</v>
      </c>
      <c r="M1345" s="5" t="s">
        <v>24254</v>
      </c>
      <c r="N1345" s="5" t="s">
        <v>38</v>
      </c>
      <c r="O1345" s="5" t="s">
        <v>39</v>
      </c>
      <c r="P1345" s="5" t="s">
        <v>40</v>
      </c>
      <c r="Q1345" s="5" t="s">
        <v>24340</v>
      </c>
      <c r="R1345" s="5" t="s">
        <v>40</v>
      </c>
      <c r="S1345" s="5" t="s">
        <v>42</v>
      </c>
      <c r="T1345" s="2">
        <v>14.657999999999999</v>
      </c>
      <c r="U1345" s="2">
        <v>12.241</v>
      </c>
      <c r="V1345" s="2">
        <v>0.13600000000000001</v>
      </c>
      <c r="W1345" s="2">
        <v>12</v>
      </c>
      <c r="X1345" s="2">
        <v>50</v>
      </c>
      <c r="Y1345" s="2">
        <v>227.4</v>
      </c>
      <c r="Z1345" s="5">
        <v>10</v>
      </c>
      <c r="AA1345" s="5" t="s">
        <v>43</v>
      </c>
      <c r="AB1345" s="5" t="s">
        <v>44</v>
      </c>
      <c r="AC1345" s="2" t="s">
        <v>28941</v>
      </c>
      <c r="AD1345" s="1"/>
    </row>
    <row r="1346" spans="1:30">
      <c r="A1346" s="5" t="s">
        <v>83578</v>
      </c>
      <c r="B1346" s="2" t="s">
        <v>87621</v>
      </c>
      <c r="C1346" s="14" t="s">
        <v>87622</v>
      </c>
      <c r="D1346" s="2" t="s">
        <v>87623</v>
      </c>
      <c r="E1346" s="2" t="s">
        <v>28896</v>
      </c>
      <c r="F1346" s="8">
        <v>456</v>
      </c>
      <c r="G1346" s="5">
        <v>20</v>
      </c>
      <c r="H1346" s="5" t="s">
        <v>69</v>
      </c>
      <c r="I1346" s="5" t="s">
        <v>27074</v>
      </c>
      <c r="J1346" s="2" t="s">
        <v>27075</v>
      </c>
      <c r="K1346" s="5" t="s">
        <v>27074</v>
      </c>
      <c r="L1346" s="2" t="s">
        <v>27075</v>
      </c>
      <c r="M1346" s="5" t="s">
        <v>24254</v>
      </c>
      <c r="N1346" s="5" t="s">
        <v>38</v>
      </c>
      <c r="O1346" s="5" t="s">
        <v>39</v>
      </c>
      <c r="P1346" s="5" t="s">
        <v>40</v>
      </c>
      <c r="Q1346" s="5" t="s">
        <v>25301</v>
      </c>
      <c r="R1346" s="5" t="s">
        <v>40</v>
      </c>
      <c r="S1346" s="5" t="s">
        <v>42</v>
      </c>
      <c r="T1346" s="2">
        <v>13.284000000000001</v>
      </c>
      <c r="U1346" s="2">
        <v>10.867000000000001</v>
      </c>
      <c r="V1346" s="2">
        <v>0.13600000000000001</v>
      </c>
      <c r="W1346" s="2">
        <v>12</v>
      </c>
      <c r="X1346" s="2">
        <v>50</v>
      </c>
      <c r="Y1346" s="2">
        <v>227.4</v>
      </c>
      <c r="Z1346" s="5">
        <v>10</v>
      </c>
      <c r="AA1346" s="5" t="s">
        <v>43</v>
      </c>
      <c r="AB1346" s="5" t="s">
        <v>44</v>
      </c>
      <c r="AC1346" s="2" t="s">
        <v>28955</v>
      </c>
      <c r="AD1346" s="1"/>
    </row>
    <row r="1347" spans="1:30">
      <c r="A1347" s="5" t="s">
        <v>83578</v>
      </c>
      <c r="B1347" s="2" t="s">
        <v>87624</v>
      </c>
      <c r="C1347" s="14" t="s">
        <v>87625</v>
      </c>
      <c r="D1347" s="2" t="s">
        <v>87626</v>
      </c>
      <c r="E1347" s="2" t="s">
        <v>28896</v>
      </c>
      <c r="F1347" s="8">
        <v>456</v>
      </c>
      <c r="G1347" s="5">
        <v>20</v>
      </c>
      <c r="H1347" s="5" t="s">
        <v>69</v>
      </c>
      <c r="I1347" s="5" t="s">
        <v>27074</v>
      </c>
      <c r="J1347" s="2" t="s">
        <v>27075</v>
      </c>
      <c r="K1347" s="5" t="s">
        <v>27074</v>
      </c>
      <c r="L1347" s="2" t="s">
        <v>27075</v>
      </c>
      <c r="M1347" s="5" t="s">
        <v>24254</v>
      </c>
      <c r="N1347" s="5" t="s">
        <v>38</v>
      </c>
      <c r="O1347" s="5" t="s">
        <v>39</v>
      </c>
      <c r="P1347" s="5" t="s">
        <v>40</v>
      </c>
      <c r="Q1347" s="5" t="s">
        <v>25301</v>
      </c>
      <c r="R1347" s="5" t="s">
        <v>40</v>
      </c>
      <c r="S1347" s="5" t="s">
        <v>42</v>
      </c>
      <c r="T1347" s="2">
        <v>13.948</v>
      </c>
      <c r="U1347" s="2">
        <v>11.531000000000001</v>
      </c>
      <c r="V1347" s="2">
        <v>0.13600000000000001</v>
      </c>
      <c r="W1347" s="2">
        <v>12</v>
      </c>
      <c r="X1347" s="2">
        <v>50</v>
      </c>
      <c r="Y1347" s="2">
        <v>227.4</v>
      </c>
      <c r="Z1347" s="5">
        <v>10</v>
      </c>
      <c r="AA1347" s="5" t="s">
        <v>43</v>
      </c>
      <c r="AB1347" s="5" t="s">
        <v>44</v>
      </c>
      <c r="AC1347" s="2" t="s">
        <v>28897</v>
      </c>
      <c r="AD1347" s="1"/>
    </row>
    <row r="1348" spans="1:30">
      <c r="A1348" s="5" t="s">
        <v>83578</v>
      </c>
      <c r="B1348" s="2" t="s">
        <v>87627</v>
      </c>
      <c r="C1348" s="14" t="s">
        <v>87628</v>
      </c>
      <c r="D1348" s="2" t="s">
        <v>87629</v>
      </c>
      <c r="E1348" s="2" t="s">
        <v>28959</v>
      </c>
      <c r="F1348" s="8">
        <v>456</v>
      </c>
      <c r="G1348" s="5">
        <v>20</v>
      </c>
      <c r="H1348" s="5" t="s">
        <v>69</v>
      </c>
      <c r="I1348" s="5" t="s">
        <v>27074</v>
      </c>
      <c r="J1348" s="2" t="s">
        <v>27075</v>
      </c>
      <c r="K1348" s="5" t="s">
        <v>27074</v>
      </c>
      <c r="L1348" s="2" t="s">
        <v>27075</v>
      </c>
      <c r="M1348" s="5" t="s">
        <v>24254</v>
      </c>
      <c r="N1348" s="5" t="s">
        <v>38</v>
      </c>
      <c r="O1348" s="5" t="s">
        <v>39</v>
      </c>
      <c r="P1348" s="5" t="s">
        <v>40</v>
      </c>
      <c r="Q1348" s="5" t="s">
        <v>25301</v>
      </c>
      <c r="R1348" s="5" t="s">
        <v>40</v>
      </c>
      <c r="S1348" s="5" t="s">
        <v>42</v>
      </c>
      <c r="T1348" s="2">
        <v>10.15</v>
      </c>
      <c r="U1348" s="2">
        <v>7.7329999999999997</v>
      </c>
      <c r="V1348" s="2">
        <v>0.13600000000000001</v>
      </c>
      <c r="W1348" s="2">
        <v>12</v>
      </c>
      <c r="X1348" s="2">
        <v>50</v>
      </c>
      <c r="Y1348" s="2">
        <v>227.4</v>
      </c>
      <c r="Z1348" s="5">
        <v>10</v>
      </c>
      <c r="AA1348" s="5" t="s">
        <v>43</v>
      </c>
      <c r="AB1348" s="5" t="s">
        <v>44</v>
      </c>
      <c r="AC1348" s="2" t="s">
        <v>28955</v>
      </c>
      <c r="AD1348" s="1"/>
    </row>
    <row r="1349" spans="1:30">
      <c r="A1349" s="5" t="s">
        <v>83578</v>
      </c>
      <c r="B1349" s="2" t="s">
        <v>87630</v>
      </c>
      <c r="C1349" s="14" t="s">
        <v>87631</v>
      </c>
      <c r="D1349" s="2" t="s">
        <v>87632</v>
      </c>
      <c r="E1349" s="2" t="s">
        <v>28959</v>
      </c>
      <c r="F1349" s="8">
        <v>456</v>
      </c>
      <c r="G1349" s="5">
        <v>20</v>
      </c>
      <c r="H1349" s="5" t="s">
        <v>69</v>
      </c>
      <c r="I1349" s="5" t="s">
        <v>27074</v>
      </c>
      <c r="J1349" s="2" t="s">
        <v>27075</v>
      </c>
      <c r="K1349" s="5" t="s">
        <v>27074</v>
      </c>
      <c r="L1349" s="2" t="s">
        <v>27075</v>
      </c>
      <c r="M1349" s="5" t="s">
        <v>24254</v>
      </c>
      <c r="N1349" s="5" t="s">
        <v>38</v>
      </c>
      <c r="O1349" s="5" t="s">
        <v>39</v>
      </c>
      <c r="P1349" s="5" t="s">
        <v>40</v>
      </c>
      <c r="Q1349" s="5" t="s">
        <v>25301</v>
      </c>
      <c r="R1349" s="5" t="s">
        <v>40</v>
      </c>
      <c r="S1349" s="5" t="s">
        <v>42</v>
      </c>
      <c r="T1349" s="2">
        <v>10.617000000000001</v>
      </c>
      <c r="U1349" s="2">
        <v>8.1999999999999993</v>
      </c>
      <c r="V1349" s="2">
        <v>0.13600000000000001</v>
      </c>
      <c r="W1349" s="2">
        <v>12</v>
      </c>
      <c r="X1349" s="2">
        <v>50</v>
      </c>
      <c r="Y1349" s="2">
        <v>227.4</v>
      </c>
      <c r="Z1349" s="5">
        <v>10</v>
      </c>
      <c r="AA1349" s="5" t="s">
        <v>43</v>
      </c>
      <c r="AB1349" s="5" t="s">
        <v>44</v>
      </c>
      <c r="AC1349" s="2" t="s">
        <v>28897</v>
      </c>
      <c r="AD1349" s="1"/>
    </row>
    <row r="1350" spans="1:30">
      <c r="A1350" s="5" t="s">
        <v>83578</v>
      </c>
      <c r="B1350" s="2" t="s">
        <v>87633</v>
      </c>
      <c r="C1350" s="14" t="s">
        <v>87634</v>
      </c>
      <c r="D1350" s="2" t="s">
        <v>87635</v>
      </c>
      <c r="E1350" s="2" t="s">
        <v>28901</v>
      </c>
      <c r="F1350" s="8">
        <v>456</v>
      </c>
      <c r="G1350" s="5">
        <v>20</v>
      </c>
      <c r="H1350" s="5" t="s">
        <v>69</v>
      </c>
      <c r="I1350" s="5" t="s">
        <v>27074</v>
      </c>
      <c r="J1350" s="2" t="s">
        <v>27075</v>
      </c>
      <c r="K1350" s="5" t="s">
        <v>27074</v>
      </c>
      <c r="L1350" s="2" t="s">
        <v>27075</v>
      </c>
      <c r="M1350" s="5" t="s">
        <v>24254</v>
      </c>
      <c r="N1350" s="5" t="s">
        <v>38</v>
      </c>
      <c r="O1350" s="5" t="s">
        <v>39</v>
      </c>
      <c r="P1350" s="5" t="s">
        <v>40</v>
      </c>
      <c r="Q1350" s="5" t="s">
        <v>25301</v>
      </c>
      <c r="R1350" s="5" t="s">
        <v>40</v>
      </c>
      <c r="S1350" s="5" t="s">
        <v>42</v>
      </c>
      <c r="T1350" s="2">
        <v>10.079000000000001</v>
      </c>
      <c r="U1350" s="2">
        <v>7.6619999999999999</v>
      </c>
      <c r="V1350" s="2">
        <v>0.13600000000000001</v>
      </c>
      <c r="W1350" s="2">
        <v>12</v>
      </c>
      <c r="X1350" s="2">
        <v>50</v>
      </c>
      <c r="Y1350" s="2">
        <v>227.4</v>
      </c>
      <c r="Z1350" s="5">
        <v>10</v>
      </c>
      <c r="AA1350" s="5" t="s">
        <v>43</v>
      </c>
      <c r="AB1350" s="5" t="s">
        <v>44</v>
      </c>
      <c r="AC1350" s="2" t="s">
        <v>28907</v>
      </c>
      <c r="AD1350" s="1"/>
    </row>
    <row r="1351" spans="1:30">
      <c r="A1351" s="5" t="s">
        <v>83578</v>
      </c>
      <c r="B1351" s="2" t="s">
        <v>87636</v>
      </c>
      <c r="C1351" s="14" t="s">
        <v>87637</v>
      </c>
      <c r="D1351" s="2" t="s">
        <v>87638</v>
      </c>
      <c r="E1351" s="2" t="s">
        <v>28901</v>
      </c>
      <c r="F1351" s="8">
        <v>456</v>
      </c>
      <c r="G1351" s="5">
        <v>20</v>
      </c>
      <c r="H1351" s="5" t="s">
        <v>69</v>
      </c>
      <c r="I1351" s="5" t="s">
        <v>27074</v>
      </c>
      <c r="J1351" s="2" t="s">
        <v>27075</v>
      </c>
      <c r="K1351" s="5" t="s">
        <v>27074</v>
      </c>
      <c r="L1351" s="2" t="s">
        <v>27075</v>
      </c>
      <c r="M1351" s="5" t="s">
        <v>24254</v>
      </c>
      <c r="N1351" s="5" t="s">
        <v>38</v>
      </c>
      <c r="O1351" s="5" t="s">
        <v>39</v>
      </c>
      <c r="P1351" s="5" t="s">
        <v>40</v>
      </c>
      <c r="Q1351" s="5" t="s">
        <v>25301</v>
      </c>
      <c r="R1351" s="5" t="s">
        <v>40</v>
      </c>
      <c r="S1351" s="5" t="s">
        <v>42</v>
      </c>
      <c r="T1351" s="2">
        <v>10.747</v>
      </c>
      <c r="U1351" s="2">
        <v>8.33</v>
      </c>
      <c r="V1351" s="2">
        <v>0.13600000000000001</v>
      </c>
      <c r="W1351" s="2">
        <v>12</v>
      </c>
      <c r="X1351" s="2">
        <v>50</v>
      </c>
      <c r="Y1351" s="2">
        <v>227.4</v>
      </c>
      <c r="Z1351" s="5">
        <v>10</v>
      </c>
      <c r="AA1351" s="5" t="s">
        <v>43</v>
      </c>
      <c r="AB1351" s="5" t="s">
        <v>44</v>
      </c>
      <c r="AC1351" s="2" t="s">
        <v>28902</v>
      </c>
      <c r="AD1351" s="1"/>
    </row>
    <row r="1352" spans="1:30">
      <c r="A1352" s="5" t="s">
        <v>83578</v>
      </c>
      <c r="B1352" s="2" t="s">
        <v>87639</v>
      </c>
      <c r="C1352" s="14" t="s">
        <v>87640</v>
      </c>
      <c r="D1352" s="2" t="s">
        <v>87641</v>
      </c>
      <c r="E1352" s="2" t="s">
        <v>28906</v>
      </c>
      <c r="F1352" s="8">
        <v>456</v>
      </c>
      <c r="G1352" s="5">
        <v>20</v>
      </c>
      <c r="H1352" s="5" t="s">
        <v>69</v>
      </c>
      <c r="I1352" s="5" t="s">
        <v>27074</v>
      </c>
      <c r="J1352" s="2" t="s">
        <v>27075</v>
      </c>
      <c r="K1352" s="5" t="s">
        <v>27074</v>
      </c>
      <c r="L1352" s="2" t="s">
        <v>27075</v>
      </c>
      <c r="M1352" s="5" t="s">
        <v>24254</v>
      </c>
      <c r="N1352" s="5" t="s">
        <v>38</v>
      </c>
      <c r="O1352" s="5" t="s">
        <v>39</v>
      </c>
      <c r="P1352" s="5" t="s">
        <v>40</v>
      </c>
      <c r="Q1352" s="5" t="s">
        <v>25301</v>
      </c>
      <c r="R1352" s="5" t="s">
        <v>40</v>
      </c>
      <c r="S1352" s="5" t="s">
        <v>42</v>
      </c>
      <c r="T1352" s="2">
        <v>12.617000000000001</v>
      </c>
      <c r="U1352" s="2">
        <v>10.199999999999999</v>
      </c>
      <c r="V1352" s="2">
        <v>0.13600000000000001</v>
      </c>
      <c r="W1352" s="2">
        <v>12</v>
      </c>
      <c r="X1352" s="2">
        <v>50</v>
      </c>
      <c r="Y1352" s="2">
        <v>227.4</v>
      </c>
      <c r="Z1352" s="5">
        <v>10</v>
      </c>
      <c r="AA1352" s="5" t="s">
        <v>43</v>
      </c>
      <c r="AB1352" s="5" t="s">
        <v>44</v>
      </c>
      <c r="AC1352" s="2" t="s">
        <v>28907</v>
      </c>
      <c r="AD1352" s="1"/>
    </row>
    <row r="1353" spans="1:30">
      <c r="A1353" s="5" t="s">
        <v>83578</v>
      </c>
      <c r="B1353" s="2" t="s">
        <v>87642</v>
      </c>
      <c r="C1353" s="14" t="s">
        <v>87643</v>
      </c>
      <c r="D1353" s="2" t="s">
        <v>87644</v>
      </c>
      <c r="E1353" s="2" t="s">
        <v>28906</v>
      </c>
      <c r="F1353" s="8">
        <v>456</v>
      </c>
      <c r="G1353" s="5">
        <v>20</v>
      </c>
      <c r="H1353" s="5" t="s">
        <v>69</v>
      </c>
      <c r="I1353" s="5" t="s">
        <v>27074</v>
      </c>
      <c r="J1353" s="2" t="s">
        <v>27075</v>
      </c>
      <c r="K1353" s="5" t="s">
        <v>27074</v>
      </c>
      <c r="L1353" s="2" t="s">
        <v>27075</v>
      </c>
      <c r="M1353" s="5" t="s">
        <v>24254</v>
      </c>
      <c r="N1353" s="5" t="s">
        <v>38</v>
      </c>
      <c r="O1353" s="5" t="s">
        <v>39</v>
      </c>
      <c r="P1353" s="5" t="s">
        <v>40</v>
      </c>
      <c r="Q1353" s="5" t="s">
        <v>25301</v>
      </c>
      <c r="R1353" s="5" t="s">
        <v>40</v>
      </c>
      <c r="S1353" s="5" t="s">
        <v>42</v>
      </c>
      <c r="T1353" s="2">
        <v>13.484999999999999</v>
      </c>
      <c r="U1353" s="2">
        <v>11.068</v>
      </c>
      <c r="V1353" s="2">
        <v>0.13600000000000001</v>
      </c>
      <c r="W1353" s="2">
        <v>12</v>
      </c>
      <c r="X1353" s="2">
        <v>50</v>
      </c>
      <c r="Y1353" s="2">
        <v>227.4</v>
      </c>
      <c r="Z1353" s="5">
        <v>10</v>
      </c>
      <c r="AA1353" s="5" t="s">
        <v>43</v>
      </c>
      <c r="AB1353" s="5" t="s">
        <v>44</v>
      </c>
      <c r="AC1353" s="2" t="s">
        <v>28902</v>
      </c>
      <c r="AD1353" s="1"/>
    </row>
    <row r="1354" spans="1:30">
      <c r="A1354" s="5" t="s">
        <v>83578</v>
      </c>
      <c r="B1354" s="2" t="s">
        <v>87645</v>
      </c>
      <c r="C1354" s="14" t="s">
        <v>87646</v>
      </c>
      <c r="D1354" s="2" t="s">
        <v>87647</v>
      </c>
      <c r="E1354" s="2" t="s">
        <v>28932</v>
      </c>
      <c r="F1354" s="8">
        <v>439</v>
      </c>
      <c r="G1354" s="5">
        <v>20</v>
      </c>
      <c r="H1354" s="5" t="s">
        <v>69</v>
      </c>
      <c r="I1354" s="5" t="s">
        <v>27074</v>
      </c>
      <c r="J1354" s="2" t="s">
        <v>27075</v>
      </c>
      <c r="K1354" s="5" t="s">
        <v>27074</v>
      </c>
      <c r="L1354" s="2" t="s">
        <v>27075</v>
      </c>
      <c r="M1354" s="5" t="s">
        <v>24254</v>
      </c>
      <c r="N1354" s="5" t="s">
        <v>38</v>
      </c>
      <c r="O1354" s="5" t="s">
        <v>39</v>
      </c>
      <c r="P1354" s="5" t="s">
        <v>40</v>
      </c>
      <c r="Q1354" s="5" t="s">
        <v>24340</v>
      </c>
      <c r="R1354" s="5" t="s">
        <v>40</v>
      </c>
      <c r="S1354" s="5" t="s">
        <v>42</v>
      </c>
      <c r="T1354" s="2">
        <v>13.113</v>
      </c>
      <c r="U1354" s="2">
        <v>11.332000000000001</v>
      </c>
      <c r="V1354" s="2">
        <v>0.104</v>
      </c>
      <c r="W1354" s="2">
        <v>12</v>
      </c>
      <c r="X1354" s="2">
        <v>50</v>
      </c>
      <c r="Y1354" s="2">
        <v>173.9</v>
      </c>
      <c r="Z1354" s="5">
        <v>8</v>
      </c>
      <c r="AA1354" s="5" t="s">
        <v>43</v>
      </c>
      <c r="AB1354" s="5" t="s">
        <v>44</v>
      </c>
      <c r="AC1354" s="2" t="s">
        <v>28928</v>
      </c>
      <c r="AD1354" s="1"/>
    </row>
    <row r="1355" spans="1:30">
      <c r="A1355" s="5" t="s">
        <v>83578</v>
      </c>
      <c r="B1355" s="2" t="s">
        <v>87648</v>
      </c>
      <c r="C1355" s="14" t="s">
        <v>87649</v>
      </c>
      <c r="D1355" s="2" t="s">
        <v>87650</v>
      </c>
      <c r="E1355" s="2" t="s">
        <v>29164</v>
      </c>
      <c r="F1355" s="8">
        <v>439</v>
      </c>
      <c r="G1355" s="5">
        <v>20</v>
      </c>
      <c r="H1355" s="5" t="s">
        <v>69</v>
      </c>
      <c r="I1355" s="5" t="s">
        <v>27074</v>
      </c>
      <c r="J1355" s="2" t="s">
        <v>27075</v>
      </c>
      <c r="K1355" s="5" t="s">
        <v>27074</v>
      </c>
      <c r="L1355" s="2" t="s">
        <v>27075</v>
      </c>
      <c r="M1355" s="5" t="s">
        <v>24254</v>
      </c>
      <c r="N1355" s="5" t="s">
        <v>38</v>
      </c>
      <c r="O1355" s="5" t="s">
        <v>39</v>
      </c>
      <c r="P1355" s="5" t="s">
        <v>40</v>
      </c>
      <c r="Q1355" s="5" t="s">
        <v>24340</v>
      </c>
      <c r="R1355" s="5" t="s">
        <v>40</v>
      </c>
      <c r="S1355" s="5" t="s">
        <v>42</v>
      </c>
      <c r="T1355" s="2">
        <v>12.202999999999999</v>
      </c>
      <c r="U1355" s="2">
        <v>10.456</v>
      </c>
      <c r="V1355" s="2">
        <v>0.104</v>
      </c>
      <c r="W1355" s="2">
        <v>12</v>
      </c>
      <c r="X1355" s="2">
        <v>50</v>
      </c>
      <c r="Y1355" s="2">
        <v>173.9</v>
      </c>
      <c r="Z1355" s="5">
        <v>10</v>
      </c>
      <c r="AA1355" s="5" t="s">
        <v>43</v>
      </c>
      <c r="AB1355" s="5" t="s">
        <v>44</v>
      </c>
      <c r="AC1355" s="2" t="s">
        <v>29225</v>
      </c>
      <c r="AD1355" s="1"/>
    </row>
    <row r="1356" spans="1:30">
      <c r="A1356" s="5" t="s">
        <v>83578</v>
      </c>
      <c r="B1356" s="2" t="s">
        <v>87651</v>
      </c>
      <c r="C1356" s="14" t="s">
        <v>87652</v>
      </c>
      <c r="D1356" s="2" t="s">
        <v>87653</v>
      </c>
      <c r="E1356" s="2" t="s">
        <v>29164</v>
      </c>
      <c r="F1356" s="8">
        <v>439</v>
      </c>
      <c r="G1356" s="5">
        <v>20</v>
      </c>
      <c r="H1356" s="5" t="s">
        <v>69</v>
      </c>
      <c r="I1356" s="5" t="s">
        <v>27074</v>
      </c>
      <c r="J1356" s="2" t="s">
        <v>27075</v>
      </c>
      <c r="K1356" s="5" t="s">
        <v>27074</v>
      </c>
      <c r="L1356" s="2" t="s">
        <v>27075</v>
      </c>
      <c r="M1356" s="5" t="s">
        <v>24254</v>
      </c>
      <c r="N1356" s="5" t="s">
        <v>38</v>
      </c>
      <c r="O1356" s="5" t="s">
        <v>39</v>
      </c>
      <c r="P1356" s="5" t="s">
        <v>40</v>
      </c>
      <c r="Q1356" s="5" t="s">
        <v>24340</v>
      </c>
      <c r="R1356" s="5" t="s">
        <v>40</v>
      </c>
      <c r="S1356" s="5" t="s">
        <v>42</v>
      </c>
      <c r="T1356" s="2">
        <v>13.138</v>
      </c>
      <c r="U1356" s="2">
        <v>11.391</v>
      </c>
      <c r="V1356" s="2">
        <v>0.104</v>
      </c>
      <c r="W1356" s="2">
        <v>12</v>
      </c>
      <c r="X1356" s="2">
        <v>50</v>
      </c>
      <c r="Y1356" s="2">
        <v>173.9</v>
      </c>
      <c r="Z1356" s="5">
        <v>10</v>
      </c>
      <c r="AA1356" s="5" t="s">
        <v>43</v>
      </c>
      <c r="AB1356" s="5" t="s">
        <v>44</v>
      </c>
      <c r="AC1356" s="2" t="s">
        <v>29165</v>
      </c>
      <c r="AD1356" s="1"/>
    </row>
    <row r="1357" spans="1:30">
      <c r="A1357" s="5" t="s">
        <v>83578</v>
      </c>
      <c r="B1357" s="2" t="s">
        <v>87654</v>
      </c>
      <c r="C1357" s="14" t="s">
        <v>87655</v>
      </c>
      <c r="D1357" s="2" t="s">
        <v>87656</v>
      </c>
      <c r="E1357" s="2" t="s">
        <v>29169</v>
      </c>
      <c r="F1357" s="8">
        <v>439</v>
      </c>
      <c r="G1357" s="5">
        <v>20</v>
      </c>
      <c r="H1357" s="5" t="s">
        <v>69</v>
      </c>
      <c r="I1357" s="5" t="s">
        <v>27074</v>
      </c>
      <c r="J1357" s="2" t="s">
        <v>27075</v>
      </c>
      <c r="K1357" s="5" t="s">
        <v>27074</v>
      </c>
      <c r="L1357" s="2" t="s">
        <v>27075</v>
      </c>
      <c r="M1357" s="5" t="s">
        <v>24254</v>
      </c>
      <c r="N1357" s="5" t="s">
        <v>38</v>
      </c>
      <c r="O1357" s="5" t="s">
        <v>39</v>
      </c>
      <c r="P1357" s="5" t="s">
        <v>40</v>
      </c>
      <c r="Q1357" s="5" t="s">
        <v>24340</v>
      </c>
      <c r="R1357" s="5" t="s">
        <v>40</v>
      </c>
      <c r="S1357" s="5" t="s">
        <v>42</v>
      </c>
      <c r="T1357" s="2">
        <v>9.31</v>
      </c>
      <c r="U1357" s="2">
        <v>7.5629999999999997</v>
      </c>
      <c r="V1357" s="2">
        <v>0.104</v>
      </c>
      <c r="W1357" s="2">
        <v>12</v>
      </c>
      <c r="X1357" s="2">
        <v>50</v>
      </c>
      <c r="Y1357" s="2">
        <v>173.9</v>
      </c>
      <c r="Z1357" s="5">
        <v>10</v>
      </c>
      <c r="AA1357" s="5" t="s">
        <v>43</v>
      </c>
      <c r="AB1357" s="5" t="s">
        <v>44</v>
      </c>
      <c r="AC1357" s="2" t="s">
        <v>29225</v>
      </c>
      <c r="AD1357" s="1"/>
    </row>
    <row r="1358" spans="1:30">
      <c r="A1358" s="5" t="s">
        <v>83578</v>
      </c>
      <c r="B1358" s="2" t="s">
        <v>87657</v>
      </c>
      <c r="C1358" s="14" t="s">
        <v>87658</v>
      </c>
      <c r="D1358" s="2" t="s">
        <v>87659</v>
      </c>
      <c r="E1358" s="2" t="s">
        <v>29169</v>
      </c>
      <c r="F1358" s="8">
        <v>439</v>
      </c>
      <c r="G1358" s="5">
        <v>20</v>
      </c>
      <c r="H1358" s="5" t="s">
        <v>69</v>
      </c>
      <c r="I1358" s="5" t="s">
        <v>27074</v>
      </c>
      <c r="J1358" s="2" t="s">
        <v>27075</v>
      </c>
      <c r="K1358" s="5" t="s">
        <v>27074</v>
      </c>
      <c r="L1358" s="2" t="s">
        <v>27075</v>
      </c>
      <c r="M1358" s="5" t="s">
        <v>24254</v>
      </c>
      <c r="N1358" s="5" t="s">
        <v>38</v>
      </c>
      <c r="O1358" s="5" t="s">
        <v>39</v>
      </c>
      <c r="P1358" s="5" t="s">
        <v>40</v>
      </c>
      <c r="Q1358" s="5" t="s">
        <v>24340</v>
      </c>
      <c r="R1358" s="5" t="s">
        <v>40</v>
      </c>
      <c r="S1358" s="5" t="s">
        <v>42</v>
      </c>
      <c r="T1358" s="2">
        <v>10</v>
      </c>
      <c r="U1358" s="2">
        <v>8.2530000000000001</v>
      </c>
      <c r="V1358" s="2">
        <v>0.104</v>
      </c>
      <c r="W1358" s="2">
        <v>12</v>
      </c>
      <c r="X1358" s="2">
        <v>50</v>
      </c>
      <c r="Y1358" s="2">
        <v>173.9</v>
      </c>
      <c r="Z1358" s="5">
        <v>10</v>
      </c>
      <c r="AA1358" s="5" t="s">
        <v>43</v>
      </c>
      <c r="AB1358" s="5" t="s">
        <v>44</v>
      </c>
      <c r="AC1358" s="2" t="s">
        <v>29165</v>
      </c>
      <c r="AD1358" s="1"/>
    </row>
    <row r="1359" spans="1:30">
      <c r="A1359" s="5" t="s">
        <v>83578</v>
      </c>
      <c r="B1359" s="2" t="s">
        <v>87660</v>
      </c>
      <c r="C1359" s="14" t="s">
        <v>87661</v>
      </c>
      <c r="D1359" s="2" t="s">
        <v>87662</v>
      </c>
      <c r="E1359" s="2" t="s">
        <v>29173</v>
      </c>
      <c r="F1359" s="8">
        <v>439</v>
      </c>
      <c r="G1359" s="5">
        <v>20</v>
      </c>
      <c r="H1359" s="5" t="s">
        <v>69</v>
      </c>
      <c r="I1359" s="5" t="s">
        <v>27074</v>
      </c>
      <c r="J1359" s="2" t="s">
        <v>27075</v>
      </c>
      <c r="K1359" s="5" t="s">
        <v>27074</v>
      </c>
      <c r="L1359" s="2" t="s">
        <v>27075</v>
      </c>
      <c r="M1359" s="5" t="s">
        <v>24254</v>
      </c>
      <c r="N1359" s="5" t="s">
        <v>38</v>
      </c>
      <c r="O1359" s="5" t="s">
        <v>39</v>
      </c>
      <c r="P1359" s="5" t="s">
        <v>40</v>
      </c>
      <c r="Q1359" s="5" t="s">
        <v>24340</v>
      </c>
      <c r="R1359" s="5" t="s">
        <v>40</v>
      </c>
      <c r="S1359" s="5" t="s">
        <v>42</v>
      </c>
      <c r="T1359" s="2">
        <v>9.0809999999999995</v>
      </c>
      <c r="U1359" s="2">
        <v>7.3339999999999996</v>
      </c>
      <c r="V1359" s="2">
        <v>0.104</v>
      </c>
      <c r="W1359" s="2">
        <v>12</v>
      </c>
      <c r="X1359" s="2">
        <v>50</v>
      </c>
      <c r="Y1359" s="2">
        <v>173.9</v>
      </c>
      <c r="Z1359" s="5">
        <v>10</v>
      </c>
      <c r="AA1359" s="5" t="s">
        <v>43</v>
      </c>
      <c r="AB1359" s="5" t="s">
        <v>44</v>
      </c>
      <c r="AC1359" s="2" t="s">
        <v>29229</v>
      </c>
      <c r="AD1359" s="1"/>
    </row>
    <row r="1360" spans="1:30">
      <c r="A1360" s="5" t="s">
        <v>83578</v>
      </c>
      <c r="B1360" s="2" t="s">
        <v>87663</v>
      </c>
      <c r="C1360" s="14" t="s">
        <v>87664</v>
      </c>
      <c r="D1360" s="2" t="s">
        <v>87665</v>
      </c>
      <c r="E1360" s="2" t="s">
        <v>29173</v>
      </c>
      <c r="F1360" s="8">
        <v>439</v>
      </c>
      <c r="G1360" s="5">
        <v>20</v>
      </c>
      <c r="H1360" s="5" t="s">
        <v>69</v>
      </c>
      <c r="I1360" s="5" t="s">
        <v>27074</v>
      </c>
      <c r="J1360" s="2" t="s">
        <v>27075</v>
      </c>
      <c r="K1360" s="5" t="s">
        <v>27074</v>
      </c>
      <c r="L1360" s="2" t="s">
        <v>27075</v>
      </c>
      <c r="M1360" s="5" t="s">
        <v>24254</v>
      </c>
      <c r="N1360" s="5" t="s">
        <v>38</v>
      </c>
      <c r="O1360" s="5" t="s">
        <v>39</v>
      </c>
      <c r="P1360" s="5" t="s">
        <v>40</v>
      </c>
      <c r="Q1360" s="5" t="s">
        <v>24340</v>
      </c>
      <c r="R1360" s="5" t="s">
        <v>40</v>
      </c>
      <c r="S1360" s="5" t="s">
        <v>42</v>
      </c>
      <c r="T1360" s="2">
        <v>10.022</v>
      </c>
      <c r="U1360" s="2">
        <v>8.2750000000000004</v>
      </c>
      <c r="V1360" s="2">
        <v>0.104</v>
      </c>
      <c r="W1360" s="2">
        <v>12</v>
      </c>
      <c r="X1360" s="2">
        <v>50</v>
      </c>
      <c r="Y1360" s="2">
        <v>173.9</v>
      </c>
      <c r="Z1360" s="5">
        <v>10</v>
      </c>
      <c r="AA1360" s="5" t="s">
        <v>43</v>
      </c>
      <c r="AB1360" s="5" t="s">
        <v>44</v>
      </c>
      <c r="AC1360" s="2" t="s">
        <v>28941</v>
      </c>
      <c r="AD1360" s="1"/>
    </row>
    <row r="1361" spans="1:30">
      <c r="A1361" s="5" t="s">
        <v>83578</v>
      </c>
      <c r="B1361" s="2" t="s">
        <v>87666</v>
      </c>
      <c r="C1361" s="14" t="s">
        <v>87667</v>
      </c>
      <c r="D1361" s="2" t="s">
        <v>87668</v>
      </c>
      <c r="E1361" s="2" t="s">
        <v>28940</v>
      </c>
      <c r="F1361" s="8">
        <v>439</v>
      </c>
      <c r="G1361" s="5">
        <v>20</v>
      </c>
      <c r="H1361" s="5" t="s">
        <v>69</v>
      </c>
      <c r="I1361" s="5" t="s">
        <v>27074</v>
      </c>
      <c r="J1361" s="2" t="s">
        <v>27075</v>
      </c>
      <c r="K1361" s="5" t="s">
        <v>27074</v>
      </c>
      <c r="L1361" s="2" t="s">
        <v>27075</v>
      </c>
      <c r="M1361" s="5" t="s">
        <v>24254</v>
      </c>
      <c r="N1361" s="5" t="s">
        <v>38</v>
      </c>
      <c r="O1361" s="5" t="s">
        <v>39</v>
      </c>
      <c r="P1361" s="5" t="s">
        <v>40</v>
      </c>
      <c r="Q1361" s="5" t="s">
        <v>24340</v>
      </c>
      <c r="R1361" s="5" t="s">
        <v>40</v>
      </c>
      <c r="S1361" s="5" t="s">
        <v>42</v>
      </c>
      <c r="T1361" s="2">
        <v>11.215999999999999</v>
      </c>
      <c r="U1361" s="2">
        <v>9.4689999999999994</v>
      </c>
      <c r="V1361" s="2">
        <v>0.104</v>
      </c>
      <c r="W1361" s="2">
        <v>12</v>
      </c>
      <c r="X1361" s="2">
        <v>50</v>
      </c>
      <c r="Y1361" s="2">
        <v>173.9</v>
      </c>
      <c r="Z1361" s="5">
        <v>10</v>
      </c>
      <c r="AA1361" s="5" t="s">
        <v>43</v>
      </c>
      <c r="AB1361" s="5" t="s">
        <v>44</v>
      </c>
      <c r="AC1361" s="2" t="s">
        <v>29229</v>
      </c>
      <c r="AD1361" s="1"/>
    </row>
    <row r="1362" spans="1:30">
      <c r="A1362" s="5" t="s">
        <v>83578</v>
      </c>
      <c r="B1362" s="2" t="s">
        <v>87669</v>
      </c>
      <c r="C1362" s="14" t="s">
        <v>87670</v>
      </c>
      <c r="D1362" s="2" t="s">
        <v>87671</v>
      </c>
      <c r="E1362" s="2" t="s">
        <v>28940</v>
      </c>
      <c r="F1362" s="8">
        <v>439</v>
      </c>
      <c r="G1362" s="5">
        <v>20</v>
      </c>
      <c r="H1362" s="5" t="s">
        <v>69</v>
      </c>
      <c r="I1362" s="5" t="s">
        <v>27074</v>
      </c>
      <c r="J1362" s="2" t="s">
        <v>27075</v>
      </c>
      <c r="K1362" s="5" t="s">
        <v>27074</v>
      </c>
      <c r="L1362" s="2" t="s">
        <v>27075</v>
      </c>
      <c r="M1362" s="5" t="s">
        <v>24254</v>
      </c>
      <c r="N1362" s="5" t="s">
        <v>38</v>
      </c>
      <c r="O1362" s="5" t="s">
        <v>39</v>
      </c>
      <c r="P1362" s="5" t="s">
        <v>40</v>
      </c>
      <c r="Q1362" s="5" t="s">
        <v>24340</v>
      </c>
      <c r="R1362" s="5" t="s">
        <v>40</v>
      </c>
      <c r="S1362" s="5" t="s">
        <v>42</v>
      </c>
      <c r="T1362" s="2">
        <v>12.297000000000001</v>
      </c>
      <c r="U1362" s="2">
        <v>10.55</v>
      </c>
      <c r="V1362" s="2">
        <v>0.104</v>
      </c>
      <c r="W1362" s="2">
        <v>12</v>
      </c>
      <c r="X1362" s="2">
        <v>50</v>
      </c>
      <c r="Y1362" s="2">
        <v>173.9</v>
      </c>
      <c r="Z1362" s="5">
        <v>10</v>
      </c>
      <c r="AA1362" s="5" t="s">
        <v>43</v>
      </c>
      <c r="AB1362" s="5" t="s">
        <v>44</v>
      </c>
      <c r="AC1362" s="2" t="s">
        <v>28941</v>
      </c>
      <c r="AD1362" s="1"/>
    </row>
    <row r="1363" spans="1:30">
      <c r="A1363" s="5" t="s">
        <v>83578</v>
      </c>
      <c r="B1363" s="2" t="s">
        <v>87672</v>
      </c>
      <c r="C1363" s="14" t="s">
        <v>87673</v>
      </c>
      <c r="D1363" s="2" t="s">
        <v>87674</v>
      </c>
      <c r="E1363" s="2" t="s">
        <v>28896</v>
      </c>
      <c r="F1363" s="8">
        <v>439</v>
      </c>
      <c r="G1363" s="5">
        <v>20</v>
      </c>
      <c r="H1363" s="5" t="s">
        <v>69</v>
      </c>
      <c r="I1363" s="5" t="s">
        <v>27074</v>
      </c>
      <c r="J1363" s="2" t="s">
        <v>27075</v>
      </c>
      <c r="K1363" s="5" t="s">
        <v>27074</v>
      </c>
      <c r="L1363" s="2" t="s">
        <v>27075</v>
      </c>
      <c r="M1363" s="5" t="s">
        <v>24254</v>
      </c>
      <c r="N1363" s="5" t="s">
        <v>38</v>
      </c>
      <c r="O1363" s="5" t="s">
        <v>39</v>
      </c>
      <c r="P1363" s="5" t="s">
        <v>40</v>
      </c>
      <c r="Q1363" s="5" t="s">
        <v>25301</v>
      </c>
      <c r="R1363" s="5" t="s">
        <v>40</v>
      </c>
      <c r="S1363" s="5" t="s">
        <v>42</v>
      </c>
      <c r="T1363" s="2">
        <v>10.923999999999999</v>
      </c>
      <c r="U1363" s="2">
        <v>9.1769999999999996</v>
      </c>
      <c r="V1363" s="2">
        <v>0.104</v>
      </c>
      <c r="W1363" s="2">
        <v>12</v>
      </c>
      <c r="X1363" s="2">
        <v>50</v>
      </c>
      <c r="Y1363" s="2">
        <v>173.9</v>
      </c>
      <c r="Z1363" s="5">
        <v>10</v>
      </c>
      <c r="AA1363" s="5" t="s">
        <v>43</v>
      </c>
      <c r="AB1363" s="5" t="s">
        <v>44</v>
      </c>
      <c r="AC1363" s="2" t="s">
        <v>28955</v>
      </c>
      <c r="AD1363" s="1"/>
    </row>
    <row r="1364" spans="1:30">
      <c r="A1364" s="5" t="s">
        <v>83578</v>
      </c>
      <c r="B1364" s="2" t="s">
        <v>87675</v>
      </c>
      <c r="C1364" s="14" t="s">
        <v>87676</v>
      </c>
      <c r="D1364" s="2" t="s">
        <v>87677</v>
      </c>
      <c r="E1364" s="2" t="s">
        <v>28896</v>
      </c>
      <c r="F1364" s="8">
        <v>439</v>
      </c>
      <c r="G1364" s="5">
        <v>20</v>
      </c>
      <c r="H1364" s="5" t="s">
        <v>69</v>
      </c>
      <c r="I1364" s="5" t="s">
        <v>27074</v>
      </c>
      <c r="J1364" s="2" t="s">
        <v>27075</v>
      </c>
      <c r="K1364" s="5" t="s">
        <v>27074</v>
      </c>
      <c r="L1364" s="2" t="s">
        <v>27075</v>
      </c>
      <c r="M1364" s="5" t="s">
        <v>24254</v>
      </c>
      <c r="N1364" s="5" t="s">
        <v>38</v>
      </c>
      <c r="O1364" s="5" t="s">
        <v>39</v>
      </c>
      <c r="P1364" s="5" t="s">
        <v>40</v>
      </c>
      <c r="Q1364" s="5" t="s">
        <v>25301</v>
      </c>
      <c r="R1364" s="5" t="s">
        <v>40</v>
      </c>
      <c r="S1364" s="5" t="s">
        <v>42</v>
      </c>
      <c r="T1364" s="2">
        <v>11.673</v>
      </c>
      <c r="U1364" s="2">
        <v>9.9260000000000002</v>
      </c>
      <c r="V1364" s="2">
        <v>0.104</v>
      </c>
      <c r="W1364" s="2">
        <v>12</v>
      </c>
      <c r="X1364" s="2">
        <v>50</v>
      </c>
      <c r="Y1364" s="2">
        <v>173.9</v>
      </c>
      <c r="Z1364" s="5">
        <v>10</v>
      </c>
      <c r="AA1364" s="5" t="s">
        <v>43</v>
      </c>
      <c r="AB1364" s="5" t="s">
        <v>44</v>
      </c>
      <c r="AC1364" s="2" t="s">
        <v>28897</v>
      </c>
      <c r="AD1364" s="1"/>
    </row>
    <row r="1365" spans="1:30">
      <c r="A1365" s="5" t="s">
        <v>83578</v>
      </c>
      <c r="B1365" s="2" t="s">
        <v>87678</v>
      </c>
      <c r="C1365" s="14" t="s">
        <v>87679</v>
      </c>
      <c r="D1365" s="2" t="s">
        <v>87680</v>
      </c>
      <c r="E1365" s="2" t="s">
        <v>28959</v>
      </c>
      <c r="F1365" s="8">
        <v>439</v>
      </c>
      <c r="G1365" s="5">
        <v>20</v>
      </c>
      <c r="H1365" s="5" t="s">
        <v>69</v>
      </c>
      <c r="I1365" s="5" t="s">
        <v>27074</v>
      </c>
      <c r="J1365" s="2" t="s">
        <v>27075</v>
      </c>
      <c r="K1365" s="5" t="s">
        <v>27074</v>
      </c>
      <c r="L1365" s="2" t="s">
        <v>27075</v>
      </c>
      <c r="M1365" s="5" t="s">
        <v>24254</v>
      </c>
      <c r="N1365" s="5" t="s">
        <v>38</v>
      </c>
      <c r="O1365" s="5" t="s">
        <v>39</v>
      </c>
      <c r="P1365" s="5" t="s">
        <v>40</v>
      </c>
      <c r="Q1365" s="5" t="s">
        <v>25301</v>
      </c>
      <c r="R1365" s="5" t="s">
        <v>40</v>
      </c>
      <c r="S1365" s="5" t="s">
        <v>42</v>
      </c>
      <c r="T1365" s="2">
        <v>8.3759999999999994</v>
      </c>
      <c r="U1365" s="2">
        <v>6.6289999999999996</v>
      </c>
      <c r="V1365" s="2">
        <v>0.104</v>
      </c>
      <c r="W1365" s="2">
        <v>12</v>
      </c>
      <c r="X1365" s="2">
        <v>50</v>
      </c>
      <c r="Y1365" s="2">
        <v>173.9</v>
      </c>
      <c r="Z1365" s="5">
        <v>10</v>
      </c>
      <c r="AA1365" s="5" t="s">
        <v>43</v>
      </c>
      <c r="AB1365" s="5" t="s">
        <v>44</v>
      </c>
      <c r="AC1365" s="2" t="s">
        <v>28955</v>
      </c>
      <c r="AD1365" s="1"/>
    </row>
    <row r="1366" spans="1:30">
      <c r="A1366" s="5" t="s">
        <v>83578</v>
      </c>
      <c r="B1366" s="2" t="s">
        <v>87681</v>
      </c>
      <c r="C1366" s="14" t="s">
        <v>87682</v>
      </c>
      <c r="D1366" s="2" t="s">
        <v>87683</v>
      </c>
      <c r="E1366" s="2" t="s">
        <v>28959</v>
      </c>
      <c r="F1366" s="8">
        <v>439</v>
      </c>
      <c r="G1366" s="5">
        <v>20</v>
      </c>
      <c r="H1366" s="5" t="s">
        <v>69</v>
      </c>
      <c r="I1366" s="5" t="s">
        <v>27074</v>
      </c>
      <c r="J1366" s="2" t="s">
        <v>27075</v>
      </c>
      <c r="K1366" s="5" t="s">
        <v>27074</v>
      </c>
      <c r="L1366" s="2" t="s">
        <v>27075</v>
      </c>
      <c r="M1366" s="5" t="s">
        <v>24254</v>
      </c>
      <c r="N1366" s="5" t="s">
        <v>38</v>
      </c>
      <c r="O1366" s="5" t="s">
        <v>39</v>
      </c>
      <c r="P1366" s="5" t="s">
        <v>40</v>
      </c>
      <c r="Q1366" s="5" t="s">
        <v>25301</v>
      </c>
      <c r="R1366" s="5" t="s">
        <v>40</v>
      </c>
      <c r="S1366" s="5" t="s">
        <v>42</v>
      </c>
      <c r="T1366" s="2">
        <v>8.9280000000000008</v>
      </c>
      <c r="U1366" s="2">
        <v>7.181</v>
      </c>
      <c r="V1366" s="2">
        <v>0.104</v>
      </c>
      <c r="W1366" s="2">
        <v>12</v>
      </c>
      <c r="X1366" s="2">
        <v>50</v>
      </c>
      <c r="Y1366" s="2">
        <v>173.9</v>
      </c>
      <c r="Z1366" s="5">
        <v>10</v>
      </c>
      <c r="AA1366" s="5" t="s">
        <v>43</v>
      </c>
      <c r="AB1366" s="5" t="s">
        <v>44</v>
      </c>
      <c r="AC1366" s="2" t="s">
        <v>28897</v>
      </c>
      <c r="AD1366" s="1"/>
    </row>
    <row r="1367" spans="1:30">
      <c r="A1367" s="5" t="s">
        <v>83578</v>
      </c>
      <c r="B1367" s="2" t="s">
        <v>87684</v>
      </c>
      <c r="C1367" s="14" t="s">
        <v>87685</v>
      </c>
      <c r="D1367" s="2" t="s">
        <v>87686</v>
      </c>
      <c r="E1367" s="2" t="s">
        <v>28901</v>
      </c>
      <c r="F1367" s="8">
        <v>439</v>
      </c>
      <c r="G1367" s="5">
        <v>20</v>
      </c>
      <c r="H1367" s="5" t="s">
        <v>69</v>
      </c>
      <c r="I1367" s="5" t="s">
        <v>27074</v>
      </c>
      <c r="J1367" s="2" t="s">
        <v>27075</v>
      </c>
      <c r="K1367" s="5" t="s">
        <v>27074</v>
      </c>
      <c r="L1367" s="2" t="s">
        <v>27075</v>
      </c>
      <c r="M1367" s="5" t="s">
        <v>24254</v>
      </c>
      <c r="N1367" s="5" t="s">
        <v>38</v>
      </c>
      <c r="O1367" s="5" t="s">
        <v>39</v>
      </c>
      <c r="P1367" s="5" t="s">
        <v>40</v>
      </c>
      <c r="Q1367" s="5" t="s">
        <v>25301</v>
      </c>
      <c r="R1367" s="5" t="s">
        <v>40</v>
      </c>
      <c r="S1367" s="5" t="s">
        <v>42</v>
      </c>
      <c r="T1367" s="2">
        <v>8.4009999999999998</v>
      </c>
      <c r="U1367" s="2">
        <v>6.6539999999999999</v>
      </c>
      <c r="V1367" s="2">
        <v>0.104</v>
      </c>
      <c r="W1367" s="2">
        <v>12</v>
      </c>
      <c r="X1367" s="2">
        <v>50</v>
      </c>
      <c r="Y1367" s="2">
        <v>173.9</v>
      </c>
      <c r="Z1367" s="5">
        <v>10</v>
      </c>
      <c r="AA1367" s="5" t="s">
        <v>43</v>
      </c>
      <c r="AB1367" s="5" t="s">
        <v>44</v>
      </c>
      <c r="AC1367" s="2" t="s">
        <v>28907</v>
      </c>
      <c r="AD1367" s="1"/>
    </row>
    <row r="1368" spans="1:30">
      <c r="A1368" s="5" t="s">
        <v>83578</v>
      </c>
      <c r="B1368" s="2" t="s">
        <v>87687</v>
      </c>
      <c r="C1368" s="14" t="s">
        <v>87688</v>
      </c>
      <c r="D1368" s="2" t="s">
        <v>87689</v>
      </c>
      <c r="E1368" s="2" t="s">
        <v>28901</v>
      </c>
      <c r="F1368" s="8">
        <v>439</v>
      </c>
      <c r="G1368" s="5">
        <v>20</v>
      </c>
      <c r="H1368" s="5" t="s">
        <v>69</v>
      </c>
      <c r="I1368" s="5" t="s">
        <v>27074</v>
      </c>
      <c r="J1368" s="2" t="s">
        <v>27075</v>
      </c>
      <c r="K1368" s="5" t="s">
        <v>27074</v>
      </c>
      <c r="L1368" s="2" t="s">
        <v>27075</v>
      </c>
      <c r="M1368" s="5" t="s">
        <v>24254</v>
      </c>
      <c r="N1368" s="5" t="s">
        <v>38</v>
      </c>
      <c r="O1368" s="5" t="s">
        <v>39</v>
      </c>
      <c r="P1368" s="5" t="s">
        <v>40</v>
      </c>
      <c r="Q1368" s="5" t="s">
        <v>25301</v>
      </c>
      <c r="R1368" s="5" t="s">
        <v>40</v>
      </c>
      <c r="S1368" s="5" t="s">
        <v>42</v>
      </c>
      <c r="T1368" s="2">
        <v>9.1539999999999999</v>
      </c>
      <c r="U1368" s="2">
        <v>7.407</v>
      </c>
      <c r="V1368" s="2">
        <v>0.104</v>
      </c>
      <c r="W1368" s="2">
        <v>12</v>
      </c>
      <c r="X1368" s="2">
        <v>50</v>
      </c>
      <c r="Y1368" s="2">
        <v>173.9</v>
      </c>
      <c r="Z1368" s="5">
        <v>10</v>
      </c>
      <c r="AA1368" s="5" t="s">
        <v>43</v>
      </c>
      <c r="AB1368" s="5" t="s">
        <v>44</v>
      </c>
      <c r="AC1368" s="2" t="s">
        <v>28902</v>
      </c>
      <c r="AD1368" s="1"/>
    </row>
    <row r="1369" spans="1:30">
      <c r="A1369" s="5" t="s">
        <v>83578</v>
      </c>
      <c r="B1369" s="2" t="s">
        <v>87690</v>
      </c>
      <c r="C1369" s="14" t="s">
        <v>87691</v>
      </c>
      <c r="D1369" s="2" t="s">
        <v>87692</v>
      </c>
      <c r="E1369" s="2" t="s">
        <v>28906</v>
      </c>
      <c r="F1369" s="8">
        <v>439</v>
      </c>
      <c r="G1369" s="5">
        <v>20</v>
      </c>
      <c r="H1369" s="5" t="s">
        <v>69</v>
      </c>
      <c r="I1369" s="5" t="s">
        <v>27074</v>
      </c>
      <c r="J1369" s="2" t="s">
        <v>27075</v>
      </c>
      <c r="K1369" s="5" t="s">
        <v>27074</v>
      </c>
      <c r="L1369" s="2" t="s">
        <v>27075</v>
      </c>
      <c r="M1369" s="5" t="s">
        <v>24254</v>
      </c>
      <c r="N1369" s="5" t="s">
        <v>38</v>
      </c>
      <c r="O1369" s="5" t="s">
        <v>39</v>
      </c>
      <c r="P1369" s="5" t="s">
        <v>40</v>
      </c>
      <c r="Q1369" s="5" t="s">
        <v>25301</v>
      </c>
      <c r="R1369" s="5" t="s">
        <v>40</v>
      </c>
      <c r="S1369" s="5" t="s">
        <v>42</v>
      </c>
      <c r="T1369" s="2">
        <v>10.347</v>
      </c>
      <c r="U1369" s="2">
        <v>8.6</v>
      </c>
      <c r="V1369" s="2">
        <v>0.104</v>
      </c>
      <c r="W1369" s="2">
        <v>12</v>
      </c>
      <c r="X1369" s="2">
        <v>50</v>
      </c>
      <c r="Y1369" s="2">
        <v>173.9</v>
      </c>
      <c r="Z1369" s="5">
        <v>10</v>
      </c>
      <c r="AA1369" s="5" t="s">
        <v>43</v>
      </c>
      <c r="AB1369" s="5" t="s">
        <v>44</v>
      </c>
      <c r="AC1369" s="2" t="s">
        <v>28907</v>
      </c>
      <c r="AD1369" s="1"/>
    </row>
    <row r="1370" spans="1:30">
      <c r="A1370" s="5" t="s">
        <v>83578</v>
      </c>
      <c r="B1370" s="2" t="s">
        <v>87693</v>
      </c>
      <c r="C1370" s="14" t="s">
        <v>87694</v>
      </c>
      <c r="D1370" s="2" t="s">
        <v>87695</v>
      </c>
      <c r="E1370" s="2" t="s">
        <v>28906</v>
      </c>
      <c r="F1370" s="8">
        <v>439</v>
      </c>
      <c r="G1370" s="5">
        <v>20</v>
      </c>
      <c r="H1370" s="5" t="s">
        <v>69</v>
      </c>
      <c r="I1370" s="5" t="s">
        <v>27074</v>
      </c>
      <c r="J1370" s="2" t="s">
        <v>27075</v>
      </c>
      <c r="K1370" s="5" t="s">
        <v>27074</v>
      </c>
      <c r="L1370" s="2" t="s">
        <v>27075</v>
      </c>
      <c r="M1370" s="5" t="s">
        <v>24254</v>
      </c>
      <c r="N1370" s="5" t="s">
        <v>38</v>
      </c>
      <c r="O1370" s="5" t="s">
        <v>39</v>
      </c>
      <c r="P1370" s="5" t="s">
        <v>40</v>
      </c>
      <c r="Q1370" s="5" t="s">
        <v>25301</v>
      </c>
      <c r="R1370" s="5" t="s">
        <v>40</v>
      </c>
      <c r="S1370" s="5" t="s">
        <v>42</v>
      </c>
      <c r="T1370" s="2">
        <v>11.298999999999999</v>
      </c>
      <c r="U1370" s="2">
        <v>9.5519999999999996</v>
      </c>
      <c r="V1370" s="2">
        <v>0.104</v>
      </c>
      <c r="W1370" s="2">
        <v>12</v>
      </c>
      <c r="X1370" s="2">
        <v>50</v>
      </c>
      <c r="Y1370" s="2">
        <v>173.9</v>
      </c>
      <c r="Z1370" s="5">
        <v>10</v>
      </c>
      <c r="AA1370" s="5" t="s">
        <v>43</v>
      </c>
      <c r="AB1370" s="5" t="s">
        <v>44</v>
      </c>
      <c r="AC1370" s="2" t="s">
        <v>28902</v>
      </c>
      <c r="AD1370" s="1"/>
    </row>
    <row r="1371" spans="1:30">
      <c r="A1371" s="5" t="s">
        <v>83578</v>
      </c>
      <c r="B1371" s="2" t="s">
        <v>87696</v>
      </c>
      <c r="C1371" s="14" t="s">
        <v>87697</v>
      </c>
      <c r="D1371" s="2" t="s">
        <v>87698</v>
      </c>
      <c r="E1371" s="2" t="s">
        <v>29164</v>
      </c>
      <c r="F1371" s="8">
        <v>446</v>
      </c>
      <c r="G1371" s="5">
        <v>20</v>
      </c>
      <c r="H1371" s="5" t="s">
        <v>69</v>
      </c>
      <c r="I1371" s="5" t="s">
        <v>27074</v>
      </c>
      <c r="J1371" s="2" t="s">
        <v>27075</v>
      </c>
      <c r="K1371" s="5" t="s">
        <v>27074</v>
      </c>
      <c r="L1371" s="2" t="s">
        <v>27075</v>
      </c>
      <c r="M1371" s="5" t="s">
        <v>24254</v>
      </c>
      <c r="N1371" s="5" t="s">
        <v>38</v>
      </c>
      <c r="O1371" s="5" t="s">
        <v>39</v>
      </c>
      <c r="P1371" s="5" t="s">
        <v>40</v>
      </c>
      <c r="Q1371" s="5" t="s">
        <v>24340</v>
      </c>
      <c r="R1371" s="5" t="s">
        <v>40</v>
      </c>
      <c r="S1371" s="5" t="s">
        <v>42</v>
      </c>
      <c r="T1371" s="2">
        <v>13.625999999999999</v>
      </c>
      <c r="U1371" s="2">
        <v>11.663</v>
      </c>
      <c r="V1371" s="2">
        <v>0.11600000000000001</v>
      </c>
      <c r="W1371" s="2">
        <v>12</v>
      </c>
      <c r="X1371" s="2">
        <v>50</v>
      </c>
      <c r="Y1371" s="2">
        <v>193.9</v>
      </c>
      <c r="Z1371" s="5">
        <v>10</v>
      </c>
      <c r="AA1371" s="5" t="s">
        <v>43</v>
      </c>
      <c r="AB1371" s="5" t="s">
        <v>44</v>
      </c>
      <c r="AC1371" s="2" t="s">
        <v>29225</v>
      </c>
      <c r="AD1371" s="1"/>
    </row>
    <row r="1372" spans="1:30">
      <c r="A1372" s="5" t="s">
        <v>83578</v>
      </c>
      <c r="B1372" s="2" t="s">
        <v>87699</v>
      </c>
      <c r="C1372" s="14" t="s">
        <v>87700</v>
      </c>
      <c r="D1372" s="2" t="s">
        <v>87701</v>
      </c>
      <c r="E1372" s="2" t="s">
        <v>29164</v>
      </c>
      <c r="F1372" s="8">
        <v>446</v>
      </c>
      <c r="G1372" s="5">
        <v>20</v>
      </c>
      <c r="H1372" s="5" t="s">
        <v>69</v>
      </c>
      <c r="I1372" s="5" t="s">
        <v>27074</v>
      </c>
      <c r="J1372" s="2" t="s">
        <v>27075</v>
      </c>
      <c r="K1372" s="5" t="s">
        <v>27074</v>
      </c>
      <c r="L1372" s="2" t="s">
        <v>27075</v>
      </c>
      <c r="M1372" s="5" t="s">
        <v>24254</v>
      </c>
      <c r="N1372" s="5" t="s">
        <v>38</v>
      </c>
      <c r="O1372" s="5" t="s">
        <v>39</v>
      </c>
      <c r="P1372" s="5" t="s">
        <v>40</v>
      </c>
      <c r="Q1372" s="5" t="s">
        <v>24340</v>
      </c>
      <c r="R1372" s="5" t="s">
        <v>40</v>
      </c>
      <c r="S1372" s="5" t="s">
        <v>42</v>
      </c>
      <c r="T1372" s="2">
        <v>14.561</v>
      </c>
      <c r="U1372" s="2">
        <v>12.598000000000001</v>
      </c>
      <c r="V1372" s="2">
        <v>0.11600000000000001</v>
      </c>
      <c r="W1372" s="2">
        <v>12</v>
      </c>
      <c r="X1372" s="2">
        <v>50</v>
      </c>
      <c r="Y1372" s="2">
        <v>193.9</v>
      </c>
      <c r="Z1372" s="5">
        <v>10</v>
      </c>
      <c r="AA1372" s="5" t="s">
        <v>43</v>
      </c>
      <c r="AB1372" s="5" t="s">
        <v>44</v>
      </c>
      <c r="AC1372" s="2" t="s">
        <v>29165</v>
      </c>
      <c r="AD1372" s="1"/>
    </row>
    <row r="1373" spans="1:30">
      <c r="A1373" s="5" t="s">
        <v>83578</v>
      </c>
      <c r="B1373" s="2" t="s">
        <v>87702</v>
      </c>
      <c r="C1373" s="14" t="s">
        <v>87703</v>
      </c>
      <c r="D1373" s="2" t="s">
        <v>87704</v>
      </c>
      <c r="E1373" s="2" t="s">
        <v>29169</v>
      </c>
      <c r="F1373" s="8">
        <v>446</v>
      </c>
      <c r="G1373" s="5">
        <v>20</v>
      </c>
      <c r="H1373" s="5" t="s">
        <v>69</v>
      </c>
      <c r="I1373" s="5" t="s">
        <v>27074</v>
      </c>
      <c r="J1373" s="2" t="s">
        <v>27075</v>
      </c>
      <c r="K1373" s="5" t="s">
        <v>27074</v>
      </c>
      <c r="L1373" s="2" t="s">
        <v>27075</v>
      </c>
      <c r="M1373" s="5" t="s">
        <v>24254</v>
      </c>
      <c r="N1373" s="5" t="s">
        <v>38</v>
      </c>
      <c r="O1373" s="5" t="s">
        <v>39</v>
      </c>
      <c r="P1373" s="5" t="s">
        <v>40</v>
      </c>
      <c r="Q1373" s="5" t="s">
        <v>24340</v>
      </c>
      <c r="R1373" s="5" t="s">
        <v>40</v>
      </c>
      <c r="S1373" s="5" t="s">
        <v>42</v>
      </c>
      <c r="T1373" s="2">
        <v>10.369</v>
      </c>
      <c r="U1373" s="2">
        <v>8.4060000000000006</v>
      </c>
      <c r="V1373" s="2">
        <v>0.11600000000000001</v>
      </c>
      <c r="W1373" s="2">
        <v>12</v>
      </c>
      <c r="X1373" s="2">
        <v>50</v>
      </c>
      <c r="Y1373" s="2">
        <v>193.9</v>
      </c>
      <c r="Z1373" s="5">
        <v>10</v>
      </c>
      <c r="AA1373" s="5" t="s">
        <v>43</v>
      </c>
      <c r="AB1373" s="5" t="s">
        <v>44</v>
      </c>
      <c r="AC1373" s="2" t="s">
        <v>29225</v>
      </c>
      <c r="AD1373" s="1"/>
    </row>
    <row r="1374" spans="1:30">
      <c r="A1374" s="5" t="s">
        <v>83578</v>
      </c>
      <c r="B1374" s="2" t="s">
        <v>87705</v>
      </c>
      <c r="C1374" s="14" t="s">
        <v>87706</v>
      </c>
      <c r="D1374" s="2" t="s">
        <v>87707</v>
      </c>
      <c r="E1374" s="2" t="s">
        <v>29169</v>
      </c>
      <c r="F1374" s="8">
        <v>446</v>
      </c>
      <c r="G1374" s="5">
        <v>20</v>
      </c>
      <c r="H1374" s="5" t="s">
        <v>69</v>
      </c>
      <c r="I1374" s="5" t="s">
        <v>27074</v>
      </c>
      <c r="J1374" s="2" t="s">
        <v>27075</v>
      </c>
      <c r="K1374" s="5" t="s">
        <v>27074</v>
      </c>
      <c r="L1374" s="2" t="s">
        <v>27075</v>
      </c>
      <c r="M1374" s="5" t="s">
        <v>24254</v>
      </c>
      <c r="N1374" s="5" t="s">
        <v>38</v>
      </c>
      <c r="O1374" s="5" t="s">
        <v>39</v>
      </c>
      <c r="P1374" s="5" t="s">
        <v>40</v>
      </c>
      <c r="Q1374" s="5" t="s">
        <v>24340</v>
      </c>
      <c r="R1374" s="5" t="s">
        <v>40</v>
      </c>
      <c r="S1374" s="5" t="s">
        <v>42</v>
      </c>
      <c r="T1374" s="2">
        <v>11.058</v>
      </c>
      <c r="U1374" s="2">
        <v>9.0950000000000006</v>
      </c>
      <c r="V1374" s="2">
        <v>0.11600000000000001</v>
      </c>
      <c r="W1374" s="2">
        <v>12</v>
      </c>
      <c r="X1374" s="2">
        <v>50</v>
      </c>
      <c r="Y1374" s="2">
        <v>193.9</v>
      </c>
      <c r="Z1374" s="5">
        <v>10</v>
      </c>
      <c r="AA1374" s="5" t="s">
        <v>43</v>
      </c>
      <c r="AB1374" s="5" t="s">
        <v>44</v>
      </c>
      <c r="AC1374" s="2" t="s">
        <v>29165</v>
      </c>
      <c r="AD1374" s="1"/>
    </row>
    <row r="1375" spans="1:30">
      <c r="A1375" s="5" t="s">
        <v>83578</v>
      </c>
      <c r="B1375" s="2" t="s">
        <v>87708</v>
      </c>
      <c r="C1375" s="14" t="s">
        <v>87709</v>
      </c>
      <c r="D1375" s="2" t="s">
        <v>87710</v>
      </c>
      <c r="E1375" s="2" t="s">
        <v>29173</v>
      </c>
      <c r="F1375" s="8">
        <v>446</v>
      </c>
      <c r="G1375" s="5">
        <v>20</v>
      </c>
      <c r="H1375" s="5" t="s">
        <v>69</v>
      </c>
      <c r="I1375" s="5" t="s">
        <v>27074</v>
      </c>
      <c r="J1375" s="2" t="s">
        <v>27075</v>
      </c>
      <c r="K1375" s="5" t="s">
        <v>27074</v>
      </c>
      <c r="L1375" s="2" t="s">
        <v>27075</v>
      </c>
      <c r="M1375" s="5" t="s">
        <v>24254</v>
      </c>
      <c r="N1375" s="5" t="s">
        <v>38</v>
      </c>
      <c r="O1375" s="5" t="s">
        <v>39</v>
      </c>
      <c r="P1375" s="5" t="s">
        <v>40</v>
      </c>
      <c r="Q1375" s="5" t="s">
        <v>24340</v>
      </c>
      <c r="R1375" s="5" t="s">
        <v>40</v>
      </c>
      <c r="S1375" s="5" t="s">
        <v>42</v>
      </c>
      <c r="T1375" s="2">
        <v>10.058999999999999</v>
      </c>
      <c r="U1375" s="2">
        <v>8.0960000000000001</v>
      </c>
      <c r="V1375" s="2">
        <v>0.11600000000000001</v>
      </c>
      <c r="W1375" s="2">
        <v>12</v>
      </c>
      <c r="X1375" s="2">
        <v>50</v>
      </c>
      <c r="Y1375" s="2">
        <v>193.9</v>
      </c>
      <c r="Z1375" s="5">
        <v>10</v>
      </c>
      <c r="AA1375" s="5" t="s">
        <v>43</v>
      </c>
      <c r="AB1375" s="5" t="s">
        <v>44</v>
      </c>
      <c r="AC1375" s="2" t="s">
        <v>29229</v>
      </c>
      <c r="AD1375" s="1"/>
    </row>
    <row r="1376" spans="1:30">
      <c r="A1376" s="5" t="s">
        <v>83578</v>
      </c>
      <c r="B1376" s="2" t="s">
        <v>87711</v>
      </c>
      <c r="C1376" s="14" t="s">
        <v>87712</v>
      </c>
      <c r="D1376" s="2" t="s">
        <v>87713</v>
      </c>
      <c r="E1376" s="2" t="s">
        <v>29173</v>
      </c>
      <c r="F1376" s="8">
        <v>446</v>
      </c>
      <c r="G1376" s="5">
        <v>20</v>
      </c>
      <c r="H1376" s="5" t="s">
        <v>69</v>
      </c>
      <c r="I1376" s="5" t="s">
        <v>27074</v>
      </c>
      <c r="J1376" s="2" t="s">
        <v>27075</v>
      </c>
      <c r="K1376" s="5" t="s">
        <v>27074</v>
      </c>
      <c r="L1376" s="2" t="s">
        <v>27075</v>
      </c>
      <c r="M1376" s="5" t="s">
        <v>24254</v>
      </c>
      <c r="N1376" s="5" t="s">
        <v>38</v>
      </c>
      <c r="O1376" s="5" t="s">
        <v>39</v>
      </c>
      <c r="P1376" s="5" t="s">
        <v>40</v>
      </c>
      <c r="Q1376" s="5" t="s">
        <v>24340</v>
      </c>
      <c r="R1376" s="5" t="s">
        <v>40</v>
      </c>
      <c r="S1376" s="5" t="s">
        <v>42</v>
      </c>
      <c r="T1376" s="2">
        <v>11</v>
      </c>
      <c r="U1376" s="2">
        <v>9.0370000000000008</v>
      </c>
      <c r="V1376" s="2">
        <v>0.11600000000000001</v>
      </c>
      <c r="W1376" s="2">
        <v>12</v>
      </c>
      <c r="X1376" s="2">
        <v>50</v>
      </c>
      <c r="Y1376" s="2">
        <v>193.9</v>
      </c>
      <c r="Z1376" s="5">
        <v>10</v>
      </c>
      <c r="AA1376" s="5" t="s">
        <v>43</v>
      </c>
      <c r="AB1376" s="5" t="s">
        <v>44</v>
      </c>
      <c r="AC1376" s="2" t="s">
        <v>28941</v>
      </c>
      <c r="AD1376" s="1"/>
    </row>
    <row r="1377" spans="1:30">
      <c r="A1377" s="5" t="s">
        <v>83578</v>
      </c>
      <c r="B1377" s="2" t="s">
        <v>87714</v>
      </c>
      <c r="C1377" s="14" t="s">
        <v>87715</v>
      </c>
      <c r="D1377" s="2" t="s">
        <v>87716</v>
      </c>
      <c r="E1377" s="2" t="s">
        <v>28940</v>
      </c>
      <c r="F1377" s="8">
        <v>446</v>
      </c>
      <c r="G1377" s="5">
        <v>20</v>
      </c>
      <c r="H1377" s="5" t="s">
        <v>69</v>
      </c>
      <c r="I1377" s="5" t="s">
        <v>27074</v>
      </c>
      <c r="J1377" s="2" t="s">
        <v>27075</v>
      </c>
      <c r="K1377" s="5" t="s">
        <v>27074</v>
      </c>
      <c r="L1377" s="2" t="s">
        <v>27075</v>
      </c>
      <c r="M1377" s="5" t="s">
        <v>24254</v>
      </c>
      <c r="N1377" s="5" t="s">
        <v>38</v>
      </c>
      <c r="O1377" s="5" t="s">
        <v>39</v>
      </c>
      <c r="P1377" s="5" t="s">
        <v>40</v>
      </c>
      <c r="Q1377" s="5" t="s">
        <v>24340</v>
      </c>
      <c r="R1377" s="5" t="s">
        <v>40</v>
      </c>
      <c r="S1377" s="5" t="s">
        <v>42</v>
      </c>
      <c r="T1377" s="2">
        <v>12.526999999999999</v>
      </c>
      <c r="U1377" s="2">
        <v>10.564</v>
      </c>
      <c r="V1377" s="2">
        <v>0.11600000000000001</v>
      </c>
      <c r="W1377" s="2">
        <v>12</v>
      </c>
      <c r="X1377" s="2">
        <v>50</v>
      </c>
      <c r="Y1377" s="2">
        <v>193.9</v>
      </c>
      <c r="Z1377" s="5">
        <v>10</v>
      </c>
      <c r="AA1377" s="5" t="s">
        <v>43</v>
      </c>
      <c r="AB1377" s="5" t="s">
        <v>44</v>
      </c>
      <c r="AC1377" s="2" t="s">
        <v>29229</v>
      </c>
      <c r="AD1377" s="1"/>
    </row>
    <row r="1378" spans="1:30">
      <c r="A1378" s="5" t="s">
        <v>83578</v>
      </c>
      <c r="B1378" s="2" t="s">
        <v>87717</v>
      </c>
      <c r="C1378" s="14" t="s">
        <v>87718</v>
      </c>
      <c r="D1378" s="2" t="s">
        <v>87719</v>
      </c>
      <c r="E1378" s="2" t="s">
        <v>28896</v>
      </c>
      <c r="F1378" s="8">
        <v>446</v>
      </c>
      <c r="G1378" s="5">
        <v>20</v>
      </c>
      <c r="H1378" s="5" t="s">
        <v>69</v>
      </c>
      <c r="I1378" s="5" t="s">
        <v>27074</v>
      </c>
      <c r="J1378" s="2" t="s">
        <v>27075</v>
      </c>
      <c r="K1378" s="5" t="s">
        <v>27074</v>
      </c>
      <c r="L1378" s="2" t="s">
        <v>27075</v>
      </c>
      <c r="M1378" s="5" t="s">
        <v>24254</v>
      </c>
      <c r="N1378" s="5" t="s">
        <v>38</v>
      </c>
      <c r="O1378" s="5" t="s">
        <v>39</v>
      </c>
      <c r="P1378" s="5" t="s">
        <v>40</v>
      </c>
      <c r="Q1378" s="5" t="s">
        <v>25301</v>
      </c>
      <c r="R1378" s="5" t="s">
        <v>40</v>
      </c>
      <c r="S1378" s="5" t="s">
        <v>42</v>
      </c>
      <c r="T1378" s="2">
        <v>12.192</v>
      </c>
      <c r="U1378" s="2">
        <v>10.228999999999999</v>
      </c>
      <c r="V1378" s="2">
        <v>0.11600000000000001</v>
      </c>
      <c r="W1378" s="2">
        <v>12</v>
      </c>
      <c r="X1378" s="2">
        <v>50</v>
      </c>
      <c r="Y1378" s="2">
        <v>193.9</v>
      </c>
      <c r="Z1378" s="5">
        <v>10</v>
      </c>
      <c r="AA1378" s="5" t="s">
        <v>43</v>
      </c>
      <c r="AB1378" s="5" t="s">
        <v>44</v>
      </c>
      <c r="AC1378" s="2" t="s">
        <v>28955</v>
      </c>
      <c r="AD1378" s="1"/>
    </row>
    <row r="1379" spans="1:30">
      <c r="A1379" s="5" t="s">
        <v>83578</v>
      </c>
      <c r="B1379" s="2" t="s">
        <v>87720</v>
      </c>
      <c r="C1379" s="14" t="s">
        <v>87721</v>
      </c>
      <c r="D1379" s="2" t="s">
        <v>87722</v>
      </c>
      <c r="E1379" s="2" t="s">
        <v>28959</v>
      </c>
      <c r="F1379" s="8">
        <v>446</v>
      </c>
      <c r="G1379" s="5">
        <v>20</v>
      </c>
      <c r="H1379" s="5" t="s">
        <v>69</v>
      </c>
      <c r="I1379" s="5" t="s">
        <v>27074</v>
      </c>
      <c r="J1379" s="2" t="s">
        <v>27075</v>
      </c>
      <c r="K1379" s="5" t="s">
        <v>27074</v>
      </c>
      <c r="L1379" s="2" t="s">
        <v>27075</v>
      </c>
      <c r="M1379" s="5" t="s">
        <v>24254</v>
      </c>
      <c r="N1379" s="5" t="s">
        <v>38</v>
      </c>
      <c r="O1379" s="5" t="s">
        <v>39</v>
      </c>
      <c r="P1379" s="5" t="s">
        <v>40</v>
      </c>
      <c r="Q1379" s="5" t="s">
        <v>25301</v>
      </c>
      <c r="R1379" s="5" t="s">
        <v>40</v>
      </c>
      <c r="S1379" s="5" t="s">
        <v>42</v>
      </c>
      <c r="T1379" s="2">
        <v>9.3219999999999992</v>
      </c>
      <c r="U1379" s="2">
        <v>7.359</v>
      </c>
      <c r="V1379" s="2">
        <v>0.11600000000000001</v>
      </c>
      <c r="W1379" s="2">
        <v>12</v>
      </c>
      <c r="X1379" s="2">
        <v>50</v>
      </c>
      <c r="Y1379" s="2">
        <v>193.9</v>
      </c>
      <c r="Z1379" s="5">
        <v>10</v>
      </c>
      <c r="AA1379" s="5" t="s">
        <v>43</v>
      </c>
      <c r="AB1379" s="5" t="s">
        <v>44</v>
      </c>
      <c r="AC1379" s="2" t="s">
        <v>28955</v>
      </c>
      <c r="AD1379" s="1"/>
    </row>
    <row r="1380" spans="1:30">
      <c r="A1380" s="5" t="s">
        <v>83578</v>
      </c>
      <c r="B1380" s="2" t="s">
        <v>87723</v>
      </c>
      <c r="C1380" s="14" t="s">
        <v>87724</v>
      </c>
      <c r="D1380" s="2" t="s">
        <v>87725</v>
      </c>
      <c r="E1380" s="2" t="s">
        <v>28959</v>
      </c>
      <c r="F1380" s="8">
        <v>446</v>
      </c>
      <c r="G1380" s="5">
        <v>20</v>
      </c>
      <c r="H1380" s="5" t="s">
        <v>69</v>
      </c>
      <c r="I1380" s="5" t="s">
        <v>27074</v>
      </c>
      <c r="J1380" s="2" t="s">
        <v>27075</v>
      </c>
      <c r="K1380" s="5" t="s">
        <v>27074</v>
      </c>
      <c r="L1380" s="2" t="s">
        <v>27075</v>
      </c>
      <c r="M1380" s="5" t="s">
        <v>24254</v>
      </c>
      <c r="N1380" s="5" t="s">
        <v>38</v>
      </c>
      <c r="O1380" s="5" t="s">
        <v>39</v>
      </c>
      <c r="P1380" s="5" t="s">
        <v>40</v>
      </c>
      <c r="Q1380" s="5" t="s">
        <v>25301</v>
      </c>
      <c r="R1380" s="5" t="s">
        <v>40</v>
      </c>
      <c r="S1380" s="5" t="s">
        <v>42</v>
      </c>
      <c r="T1380" s="2">
        <v>9.8729999999999993</v>
      </c>
      <c r="U1380" s="2">
        <v>7.91</v>
      </c>
      <c r="V1380" s="2">
        <v>0.11600000000000001</v>
      </c>
      <c r="W1380" s="2">
        <v>12</v>
      </c>
      <c r="X1380" s="2">
        <v>50</v>
      </c>
      <c r="Y1380" s="2">
        <v>193.9</v>
      </c>
      <c r="Z1380" s="5">
        <v>10</v>
      </c>
      <c r="AA1380" s="5" t="s">
        <v>43</v>
      </c>
      <c r="AB1380" s="5" t="s">
        <v>44</v>
      </c>
      <c r="AC1380" s="2" t="s">
        <v>28897</v>
      </c>
      <c r="AD1380" s="1"/>
    </row>
    <row r="1381" spans="1:30">
      <c r="A1381" s="5" t="s">
        <v>83578</v>
      </c>
      <c r="B1381" s="2" t="s">
        <v>87726</v>
      </c>
      <c r="C1381" s="14" t="s">
        <v>87727</v>
      </c>
      <c r="D1381" s="2" t="s">
        <v>87728</v>
      </c>
      <c r="E1381" s="2" t="s">
        <v>28901</v>
      </c>
      <c r="F1381" s="8">
        <v>446</v>
      </c>
      <c r="G1381" s="5">
        <v>20</v>
      </c>
      <c r="H1381" s="5" t="s">
        <v>69</v>
      </c>
      <c r="I1381" s="5" t="s">
        <v>27074</v>
      </c>
      <c r="J1381" s="2" t="s">
        <v>27075</v>
      </c>
      <c r="K1381" s="5" t="s">
        <v>27074</v>
      </c>
      <c r="L1381" s="2" t="s">
        <v>27075</v>
      </c>
      <c r="M1381" s="5" t="s">
        <v>24254</v>
      </c>
      <c r="N1381" s="5" t="s">
        <v>38</v>
      </c>
      <c r="O1381" s="5" t="s">
        <v>39</v>
      </c>
      <c r="P1381" s="5" t="s">
        <v>40</v>
      </c>
      <c r="Q1381" s="5" t="s">
        <v>25301</v>
      </c>
      <c r="R1381" s="5" t="s">
        <v>40</v>
      </c>
      <c r="S1381" s="5" t="s">
        <v>42</v>
      </c>
      <c r="T1381" s="2">
        <v>9.3130000000000006</v>
      </c>
      <c r="U1381" s="2">
        <v>7.35</v>
      </c>
      <c r="V1381" s="2">
        <v>0.11600000000000001</v>
      </c>
      <c r="W1381" s="2">
        <v>12</v>
      </c>
      <c r="X1381" s="2">
        <v>50</v>
      </c>
      <c r="Y1381" s="2">
        <v>193.9</v>
      </c>
      <c r="Z1381" s="5">
        <v>10</v>
      </c>
      <c r="AA1381" s="5" t="s">
        <v>43</v>
      </c>
      <c r="AB1381" s="5" t="s">
        <v>44</v>
      </c>
      <c r="AC1381" s="2" t="s">
        <v>28907</v>
      </c>
      <c r="AD1381" s="1"/>
    </row>
    <row r="1382" spans="1:30">
      <c r="A1382" s="5" t="s">
        <v>83578</v>
      </c>
      <c r="B1382" s="2" t="s">
        <v>87729</v>
      </c>
      <c r="C1382" s="14" t="s">
        <v>87730</v>
      </c>
      <c r="D1382" s="2" t="s">
        <v>87731</v>
      </c>
      <c r="E1382" s="2" t="s">
        <v>29169</v>
      </c>
      <c r="F1382" s="8">
        <v>477</v>
      </c>
      <c r="G1382" s="5">
        <v>20</v>
      </c>
      <c r="H1382" s="5" t="s">
        <v>69</v>
      </c>
      <c r="I1382" s="5" t="s">
        <v>27074</v>
      </c>
      <c r="J1382" s="2" t="s">
        <v>27075</v>
      </c>
      <c r="K1382" s="5" t="s">
        <v>27074</v>
      </c>
      <c r="L1382" s="2" t="s">
        <v>27075</v>
      </c>
      <c r="M1382" s="5" t="s">
        <v>24254</v>
      </c>
      <c r="N1382" s="5" t="s">
        <v>38</v>
      </c>
      <c r="O1382" s="5" t="s">
        <v>39</v>
      </c>
      <c r="P1382" s="5" t="s">
        <v>40</v>
      </c>
      <c r="Q1382" s="5" t="s">
        <v>24340</v>
      </c>
      <c r="R1382" s="5" t="s">
        <v>40</v>
      </c>
      <c r="S1382" s="5" t="s">
        <v>42</v>
      </c>
      <c r="T1382" s="2">
        <v>11.601000000000001</v>
      </c>
      <c r="U1382" s="2">
        <v>9.1839999999999993</v>
      </c>
      <c r="V1382" s="2">
        <v>0.13600000000000001</v>
      </c>
      <c r="W1382" s="2">
        <v>12</v>
      </c>
      <c r="X1382" s="2">
        <v>50</v>
      </c>
      <c r="Y1382" s="2">
        <v>227.4</v>
      </c>
      <c r="Z1382" s="5">
        <v>10</v>
      </c>
      <c r="AA1382" s="5" t="s">
        <v>43</v>
      </c>
      <c r="AB1382" s="5" t="s">
        <v>44</v>
      </c>
      <c r="AC1382" s="2" t="s">
        <v>29225</v>
      </c>
      <c r="AD1382" s="1"/>
    </row>
    <row r="1383" spans="1:30">
      <c r="A1383" s="5" t="s">
        <v>83578</v>
      </c>
      <c r="B1383" s="2" t="s">
        <v>87732</v>
      </c>
      <c r="C1383" s="14" t="s">
        <v>87733</v>
      </c>
      <c r="D1383" s="2" t="s">
        <v>87734</v>
      </c>
      <c r="E1383" s="2" t="s">
        <v>29169</v>
      </c>
      <c r="F1383" s="8">
        <v>477</v>
      </c>
      <c r="G1383" s="5">
        <v>20</v>
      </c>
      <c r="H1383" s="5" t="s">
        <v>69</v>
      </c>
      <c r="I1383" s="5" t="s">
        <v>27074</v>
      </c>
      <c r="J1383" s="2" t="s">
        <v>27075</v>
      </c>
      <c r="K1383" s="5" t="s">
        <v>27074</v>
      </c>
      <c r="L1383" s="2" t="s">
        <v>27075</v>
      </c>
      <c r="M1383" s="5" t="s">
        <v>24254</v>
      </c>
      <c r="N1383" s="5" t="s">
        <v>38</v>
      </c>
      <c r="O1383" s="5" t="s">
        <v>39</v>
      </c>
      <c r="P1383" s="5" t="s">
        <v>40</v>
      </c>
      <c r="Q1383" s="5" t="s">
        <v>24340</v>
      </c>
      <c r="R1383" s="5" t="s">
        <v>40</v>
      </c>
      <c r="S1383" s="5" t="s">
        <v>42</v>
      </c>
      <c r="T1383" s="2">
        <v>12.291</v>
      </c>
      <c r="U1383" s="2">
        <v>9.8740000000000006</v>
      </c>
      <c r="V1383" s="2">
        <v>0.13600000000000001</v>
      </c>
      <c r="W1383" s="2">
        <v>12</v>
      </c>
      <c r="X1383" s="2">
        <v>50</v>
      </c>
      <c r="Y1383" s="2">
        <v>227.4</v>
      </c>
      <c r="Z1383" s="5">
        <v>10</v>
      </c>
      <c r="AA1383" s="5" t="s">
        <v>43</v>
      </c>
      <c r="AB1383" s="5" t="s">
        <v>44</v>
      </c>
      <c r="AC1383" s="2" t="s">
        <v>29165</v>
      </c>
      <c r="AD1383" s="1"/>
    </row>
    <row r="1384" spans="1:30">
      <c r="A1384" s="5" t="s">
        <v>83578</v>
      </c>
      <c r="B1384" s="2" t="s">
        <v>87735</v>
      </c>
      <c r="C1384" s="14" t="s">
        <v>87736</v>
      </c>
      <c r="D1384" s="2" t="s">
        <v>87737</v>
      </c>
      <c r="E1384" s="2" t="s">
        <v>28940</v>
      </c>
      <c r="F1384" s="8">
        <v>477</v>
      </c>
      <c r="G1384" s="5">
        <v>20</v>
      </c>
      <c r="H1384" s="5" t="s">
        <v>69</v>
      </c>
      <c r="I1384" s="5" t="s">
        <v>27074</v>
      </c>
      <c r="J1384" s="2" t="s">
        <v>27075</v>
      </c>
      <c r="K1384" s="5" t="s">
        <v>27074</v>
      </c>
      <c r="L1384" s="2" t="s">
        <v>27075</v>
      </c>
      <c r="M1384" s="5" t="s">
        <v>24254</v>
      </c>
      <c r="N1384" s="5" t="s">
        <v>38</v>
      </c>
      <c r="O1384" s="5" t="s">
        <v>39</v>
      </c>
      <c r="P1384" s="5" t="s">
        <v>40</v>
      </c>
      <c r="Q1384" s="5" t="s">
        <v>24340</v>
      </c>
      <c r="R1384" s="5" t="s">
        <v>40</v>
      </c>
      <c r="S1384" s="5" t="s">
        <v>42</v>
      </c>
      <c r="T1384" s="2">
        <v>13.991</v>
      </c>
      <c r="U1384" s="2">
        <v>11.574</v>
      </c>
      <c r="V1384" s="2">
        <v>0.13600000000000001</v>
      </c>
      <c r="W1384" s="2">
        <v>12</v>
      </c>
      <c r="X1384" s="2">
        <v>50</v>
      </c>
      <c r="Y1384" s="2">
        <v>227.4</v>
      </c>
      <c r="Z1384" s="5">
        <v>10</v>
      </c>
      <c r="AA1384" s="5" t="s">
        <v>43</v>
      </c>
      <c r="AB1384" s="5" t="s">
        <v>44</v>
      </c>
      <c r="AC1384" s="2" t="s">
        <v>29229</v>
      </c>
      <c r="AD1384" s="1"/>
    </row>
    <row r="1385" spans="1:30">
      <c r="A1385" s="5" t="s">
        <v>83578</v>
      </c>
      <c r="B1385" s="2" t="s">
        <v>87738</v>
      </c>
      <c r="C1385" s="14" t="s">
        <v>87739</v>
      </c>
      <c r="D1385" s="2" t="s">
        <v>87740</v>
      </c>
      <c r="E1385" s="2" t="s">
        <v>28940</v>
      </c>
      <c r="F1385" s="8">
        <v>477</v>
      </c>
      <c r="G1385" s="5">
        <v>20</v>
      </c>
      <c r="H1385" s="5" t="s">
        <v>69</v>
      </c>
      <c r="I1385" s="5" t="s">
        <v>27074</v>
      </c>
      <c r="J1385" s="2" t="s">
        <v>27075</v>
      </c>
      <c r="K1385" s="5" t="s">
        <v>27074</v>
      </c>
      <c r="L1385" s="2" t="s">
        <v>27075</v>
      </c>
      <c r="M1385" s="5" t="s">
        <v>24254</v>
      </c>
      <c r="N1385" s="5" t="s">
        <v>38</v>
      </c>
      <c r="O1385" s="5" t="s">
        <v>39</v>
      </c>
      <c r="P1385" s="5" t="s">
        <v>40</v>
      </c>
      <c r="Q1385" s="5" t="s">
        <v>24340</v>
      </c>
      <c r="R1385" s="5" t="s">
        <v>40</v>
      </c>
      <c r="S1385" s="5" t="s">
        <v>42</v>
      </c>
      <c r="T1385" s="2">
        <v>15.073</v>
      </c>
      <c r="U1385" s="2">
        <v>12.656000000000001</v>
      </c>
      <c r="V1385" s="2">
        <v>0.13600000000000001</v>
      </c>
      <c r="W1385" s="2">
        <v>12</v>
      </c>
      <c r="X1385" s="2">
        <v>50</v>
      </c>
      <c r="Y1385" s="2">
        <v>227.4</v>
      </c>
      <c r="Z1385" s="5">
        <v>10</v>
      </c>
      <c r="AA1385" s="5" t="s">
        <v>43</v>
      </c>
      <c r="AB1385" s="5" t="s">
        <v>44</v>
      </c>
      <c r="AC1385" s="2" t="s">
        <v>28941</v>
      </c>
      <c r="AD1385" s="1"/>
    </row>
    <row r="1386" spans="1:30">
      <c r="A1386" s="5" t="s">
        <v>83578</v>
      </c>
      <c r="B1386" s="2" t="s">
        <v>87741</v>
      </c>
      <c r="C1386" s="14" t="s">
        <v>87742</v>
      </c>
      <c r="D1386" s="2" t="s">
        <v>87743</v>
      </c>
      <c r="E1386" s="2" t="s">
        <v>28959</v>
      </c>
      <c r="F1386" s="8">
        <v>477</v>
      </c>
      <c r="G1386" s="5">
        <v>20</v>
      </c>
      <c r="H1386" s="5" t="s">
        <v>69</v>
      </c>
      <c r="I1386" s="5" t="s">
        <v>27074</v>
      </c>
      <c r="J1386" s="2" t="s">
        <v>27075</v>
      </c>
      <c r="K1386" s="5" t="s">
        <v>27074</v>
      </c>
      <c r="L1386" s="2" t="s">
        <v>27075</v>
      </c>
      <c r="M1386" s="5" t="s">
        <v>24254</v>
      </c>
      <c r="N1386" s="5" t="s">
        <v>38</v>
      </c>
      <c r="O1386" s="5" t="s">
        <v>39</v>
      </c>
      <c r="P1386" s="5" t="s">
        <v>40</v>
      </c>
      <c r="Q1386" s="5" t="s">
        <v>25301</v>
      </c>
      <c r="R1386" s="5" t="s">
        <v>40</v>
      </c>
      <c r="S1386" s="5" t="s">
        <v>42</v>
      </c>
      <c r="T1386" s="2">
        <v>10.449</v>
      </c>
      <c r="U1386" s="2">
        <v>8.032</v>
      </c>
      <c r="V1386" s="2">
        <v>0.13600000000000001</v>
      </c>
      <c r="W1386" s="2">
        <v>12</v>
      </c>
      <c r="X1386" s="2">
        <v>50</v>
      </c>
      <c r="Y1386" s="2">
        <v>227.4</v>
      </c>
      <c r="Z1386" s="5">
        <v>10</v>
      </c>
      <c r="AA1386" s="5" t="s">
        <v>43</v>
      </c>
      <c r="AB1386" s="5" t="s">
        <v>44</v>
      </c>
      <c r="AC1386" s="2" t="s">
        <v>28955</v>
      </c>
      <c r="AD1386" s="1"/>
    </row>
    <row r="1387" spans="1:30">
      <c r="A1387" s="5" t="s">
        <v>83578</v>
      </c>
      <c r="B1387" s="2" t="s">
        <v>87744</v>
      </c>
      <c r="C1387" s="14" t="s">
        <v>87745</v>
      </c>
      <c r="D1387" s="2" t="s">
        <v>87746</v>
      </c>
      <c r="E1387" s="2" t="s">
        <v>28959</v>
      </c>
      <c r="F1387" s="8">
        <v>477</v>
      </c>
      <c r="G1387" s="5">
        <v>20</v>
      </c>
      <c r="H1387" s="5" t="s">
        <v>69</v>
      </c>
      <c r="I1387" s="5" t="s">
        <v>27074</v>
      </c>
      <c r="J1387" s="2" t="s">
        <v>27075</v>
      </c>
      <c r="K1387" s="5" t="s">
        <v>27074</v>
      </c>
      <c r="L1387" s="2" t="s">
        <v>27075</v>
      </c>
      <c r="M1387" s="5" t="s">
        <v>24254</v>
      </c>
      <c r="N1387" s="5" t="s">
        <v>38</v>
      </c>
      <c r="O1387" s="5" t="s">
        <v>39</v>
      </c>
      <c r="P1387" s="5" t="s">
        <v>40</v>
      </c>
      <c r="Q1387" s="5" t="s">
        <v>25301</v>
      </c>
      <c r="R1387" s="5" t="s">
        <v>40</v>
      </c>
      <c r="S1387" s="5" t="s">
        <v>42</v>
      </c>
      <c r="T1387" s="2">
        <v>11.000999999999999</v>
      </c>
      <c r="U1387" s="2">
        <v>8.5839999999999996</v>
      </c>
      <c r="V1387" s="2">
        <v>0.13600000000000001</v>
      </c>
      <c r="W1387" s="2">
        <v>12</v>
      </c>
      <c r="X1387" s="2">
        <v>50</v>
      </c>
      <c r="Y1387" s="2">
        <v>227.4</v>
      </c>
      <c r="Z1387" s="5">
        <v>10</v>
      </c>
      <c r="AA1387" s="5" t="s">
        <v>43</v>
      </c>
      <c r="AB1387" s="5" t="s">
        <v>44</v>
      </c>
      <c r="AC1387" s="2" t="s">
        <v>28897</v>
      </c>
      <c r="AD1387" s="1"/>
    </row>
    <row r="1388" spans="1:30">
      <c r="A1388" s="5" t="s">
        <v>83578</v>
      </c>
      <c r="B1388" s="2" t="s">
        <v>87747</v>
      </c>
      <c r="C1388" s="14" t="s">
        <v>87748</v>
      </c>
      <c r="D1388" s="2" t="s">
        <v>87749</v>
      </c>
      <c r="E1388" s="2" t="s">
        <v>28906</v>
      </c>
      <c r="F1388" s="8">
        <v>477</v>
      </c>
      <c r="G1388" s="5">
        <v>20</v>
      </c>
      <c r="H1388" s="5" t="s">
        <v>69</v>
      </c>
      <c r="I1388" s="5" t="s">
        <v>27074</v>
      </c>
      <c r="J1388" s="2" t="s">
        <v>27075</v>
      </c>
      <c r="K1388" s="5" t="s">
        <v>27074</v>
      </c>
      <c r="L1388" s="2" t="s">
        <v>27075</v>
      </c>
      <c r="M1388" s="5" t="s">
        <v>24254</v>
      </c>
      <c r="N1388" s="5" t="s">
        <v>38</v>
      </c>
      <c r="O1388" s="5" t="s">
        <v>39</v>
      </c>
      <c r="P1388" s="5" t="s">
        <v>40</v>
      </c>
      <c r="Q1388" s="5" t="s">
        <v>25301</v>
      </c>
      <c r="R1388" s="5" t="s">
        <v>40</v>
      </c>
      <c r="S1388" s="5" t="s">
        <v>42</v>
      </c>
      <c r="T1388" s="2">
        <v>13.869</v>
      </c>
      <c r="U1388" s="2">
        <v>11.452</v>
      </c>
      <c r="V1388" s="2">
        <v>0.13600000000000001</v>
      </c>
      <c r="W1388" s="2">
        <v>12</v>
      </c>
      <c r="X1388" s="2">
        <v>50</v>
      </c>
      <c r="Y1388" s="2">
        <v>227.4</v>
      </c>
      <c r="Z1388" s="5">
        <v>10</v>
      </c>
      <c r="AA1388" s="5" t="s">
        <v>43</v>
      </c>
      <c r="AB1388" s="5" t="s">
        <v>44</v>
      </c>
      <c r="AC1388" s="2" t="s">
        <v>28902</v>
      </c>
      <c r="AD1388" s="1"/>
    </row>
    <row r="1389" spans="1:30">
      <c r="A1389" s="5" t="s">
        <v>83578</v>
      </c>
      <c r="B1389" s="2" t="s">
        <v>87750</v>
      </c>
      <c r="C1389" s="14" t="s">
        <v>87751</v>
      </c>
      <c r="D1389" s="2" t="s">
        <v>87752</v>
      </c>
      <c r="E1389" s="2" t="s">
        <v>28927</v>
      </c>
      <c r="F1389" s="8">
        <v>439</v>
      </c>
      <c r="G1389" s="5">
        <v>20</v>
      </c>
      <c r="H1389" s="5" t="s">
        <v>69</v>
      </c>
      <c r="I1389" s="5" t="s">
        <v>27074</v>
      </c>
      <c r="J1389" s="2" t="s">
        <v>27075</v>
      </c>
      <c r="K1389" s="5" t="s">
        <v>27074</v>
      </c>
      <c r="L1389" s="2" t="s">
        <v>27075</v>
      </c>
      <c r="M1389" s="5" t="s">
        <v>24254</v>
      </c>
      <c r="N1389" s="5" t="s">
        <v>38</v>
      </c>
      <c r="O1389" s="5" t="s">
        <v>39</v>
      </c>
      <c r="P1389" s="5" t="s">
        <v>40</v>
      </c>
      <c r="Q1389" s="5" t="s">
        <v>24340</v>
      </c>
      <c r="R1389" s="5" t="s">
        <v>40</v>
      </c>
      <c r="S1389" s="5" t="s">
        <v>42</v>
      </c>
      <c r="T1389" s="2">
        <v>16.599</v>
      </c>
      <c r="U1389" s="2">
        <v>14.818</v>
      </c>
      <c r="V1389" s="2">
        <v>0.104</v>
      </c>
      <c r="W1389" s="2">
        <v>12</v>
      </c>
      <c r="X1389" s="2">
        <v>50</v>
      </c>
      <c r="Y1389" s="2">
        <v>173.9</v>
      </c>
      <c r="Z1389" s="5">
        <v>8</v>
      </c>
      <c r="AA1389" s="5" t="s">
        <v>43</v>
      </c>
      <c r="AB1389" s="5" t="s">
        <v>44</v>
      </c>
      <c r="AC1389" s="2" t="s">
        <v>28928</v>
      </c>
      <c r="AD1389" s="1"/>
    </row>
    <row r="1390" spans="1:30">
      <c r="A1390" s="5" t="s">
        <v>83578</v>
      </c>
      <c r="B1390" s="2" t="s">
        <v>87753</v>
      </c>
      <c r="C1390" s="14" t="s">
        <v>87754</v>
      </c>
      <c r="D1390" s="2" t="s">
        <v>87755</v>
      </c>
      <c r="E1390" s="2" t="s">
        <v>28932</v>
      </c>
      <c r="F1390" s="8">
        <v>439</v>
      </c>
      <c r="G1390" s="5">
        <v>20</v>
      </c>
      <c r="H1390" s="5" t="s">
        <v>69</v>
      </c>
      <c r="I1390" s="5" t="s">
        <v>27074</v>
      </c>
      <c r="J1390" s="2" t="s">
        <v>27075</v>
      </c>
      <c r="K1390" s="5" t="s">
        <v>27074</v>
      </c>
      <c r="L1390" s="2" t="s">
        <v>27075</v>
      </c>
      <c r="M1390" s="5" t="s">
        <v>24254</v>
      </c>
      <c r="N1390" s="5" t="s">
        <v>38</v>
      </c>
      <c r="O1390" s="5" t="s">
        <v>39</v>
      </c>
      <c r="P1390" s="5" t="s">
        <v>40</v>
      </c>
      <c r="Q1390" s="5" t="s">
        <v>24340</v>
      </c>
      <c r="R1390" s="5" t="s">
        <v>40</v>
      </c>
      <c r="S1390" s="5" t="s">
        <v>42</v>
      </c>
      <c r="T1390" s="2">
        <v>13.093</v>
      </c>
      <c r="U1390" s="2">
        <v>11.311999999999999</v>
      </c>
      <c r="V1390" s="2">
        <v>0.104</v>
      </c>
      <c r="W1390" s="2">
        <v>12</v>
      </c>
      <c r="X1390" s="2">
        <v>50</v>
      </c>
      <c r="Y1390" s="2">
        <v>173.9</v>
      </c>
      <c r="Z1390" s="5">
        <v>8</v>
      </c>
      <c r="AA1390" s="5" t="s">
        <v>43</v>
      </c>
      <c r="AB1390" s="5" t="s">
        <v>44</v>
      </c>
      <c r="AC1390" s="2" t="s">
        <v>28928</v>
      </c>
      <c r="AD1390" s="1"/>
    </row>
    <row r="1391" spans="1:30">
      <c r="A1391" s="5" t="s">
        <v>83578</v>
      </c>
      <c r="B1391" s="2" t="s">
        <v>87756</v>
      </c>
      <c r="C1391" s="14" t="s">
        <v>87757</v>
      </c>
      <c r="D1391" s="2" t="s">
        <v>87758</v>
      </c>
      <c r="E1391" s="2" t="s">
        <v>28936</v>
      </c>
      <c r="F1391" s="8">
        <v>439</v>
      </c>
      <c r="G1391" s="5">
        <v>20</v>
      </c>
      <c r="H1391" s="5" t="s">
        <v>69</v>
      </c>
      <c r="I1391" s="5" t="s">
        <v>27074</v>
      </c>
      <c r="J1391" s="2" t="s">
        <v>27075</v>
      </c>
      <c r="K1391" s="5" t="s">
        <v>27074</v>
      </c>
      <c r="L1391" s="2" t="s">
        <v>27075</v>
      </c>
      <c r="M1391" s="5" t="s">
        <v>24254</v>
      </c>
      <c r="N1391" s="5" t="s">
        <v>38</v>
      </c>
      <c r="O1391" s="5" t="s">
        <v>39</v>
      </c>
      <c r="P1391" s="5" t="s">
        <v>40</v>
      </c>
      <c r="Q1391" s="5" t="s">
        <v>24340</v>
      </c>
      <c r="R1391" s="5" t="s">
        <v>40</v>
      </c>
      <c r="S1391" s="5" t="s">
        <v>42</v>
      </c>
      <c r="T1391" s="2">
        <v>12.249000000000001</v>
      </c>
      <c r="U1391" s="2">
        <v>10.502000000000001</v>
      </c>
      <c r="V1391" s="2">
        <v>0.104</v>
      </c>
      <c r="W1391" s="2">
        <v>12</v>
      </c>
      <c r="X1391" s="2">
        <v>50</v>
      </c>
      <c r="Y1391" s="2">
        <v>173.9</v>
      </c>
      <c r="Z1391" s="5">
        <v>8</v>
      </c>
      <c r="AA1391" s="5" t="s">
        <v>43</v>
      </c>
      <c r="AB1391" s="5" t="s">
        <v>44</v>
      </c>
      <c r="AC1391" s="2" t="s">
        <v>28928</v>
      </c>
      <c r="AD1391" s="1"/>
    </row>
    <row r="1392" spans="1:30">
      <c r="A1392" s="5" t="s">
        <v>83578</v>
      </c>
      <c r="B1392" s="2" t="s">
        <v>87759</v>
      </c>
      <c r="C1392" s="14" t="s">
        <v>87760</v>
      </c>
      <c r="D1392" s="2" t="s">
        <v>87761</v>
      </c>
      <c r="E1392" s="2" t="s">
        <v>29164</v>
      </c>
      <c r="F1392" s="8">
        <v>439</v>
      </c>
      <c r="G1392" s="5">
        <v>20</v>
      </c>
      <c r="H1392" s="5" t="s">
        <v>69</v>
      </c>
      <c r="I1392" s="5" t="s">
        <v>27074</v>
      </c>
      <c r="J1392" s="2" t="s">
        <v>27075</v>
      </c>
      <c r="K1392" s="5" t="s">
        <v>27074</v>
      </c>
      <c r="L1392" s="2" t="s">
        <v>27075</v>
      </c>
      <c r="M1392" s="5" t="s">
        <v>24254</v>
      </c>
      <c r="N1392" s="5" t="s">
        <v>38</v>
      </c>
      <c r="O1392" s="5" t="s">
        <v>39</v>
      </c>
      <c r="P1392" s="5" t="s">
        <v>40</v>
      </c>
      <c r="Q1392" s="5" t="s">
        <v>24340</v>
      </c>
      <c r="R1392" s="5" t="s">
        <v>40</v>
      </c>
      <c r="S1392" s="5" t="s">
        <v>42</v>
      </c>
      <c r="T1392" s="2">
        <v>12.516</v>
      </c>
      <c r="U1392" s="2">
        <v>10.769</v>
      </c>
      <c r="V1392" s="2">
        <v>0.104</v>
      </c>
      <c r="W1392" s="2">
        <v>12</v>
      </c>
      <c r="X1392" s="2">
        <v>50</v>
      </c>
      <c r="Y1392" s="2">
        <v>173.9</v>
      </c>
      <c r="Z1392" s="5">
        <v>10</v>
      </c>
      <c r="AA1392" s="5" t="s">
        <v>43</v>
      </c>
      <c r="AB1392" s="5" t="s">
        <v>44</v>
      </c>
      <c r="AC1392" s="2" t="s">
        <v>29165</v>
      </c>
      <c r="AD1392" s="1"/>
    </row>
    <row r="1393" spans="1:30">
      <c r="A1393" s="5" t="s">
        <v>83578</v>
      </c>
      <c r="B1393" s="2" t="s">
        <v>87762</v>
      </c>
      <c r="C1393" s="14" t="s">
        <v>87763</v>
      </c>
      <c r="D1393" s="2" t="s">
        <v>87764</v>
      </c>
      <c r="E1393" s="2" t="s">
        <v>29169</v>
      </c>
      <c r="F1393" s="8">
        <v>439</v>
      </c>
      <c r="G1393" s="5">
        <v>20</v>
      </c>
      <c r="H1393" s="5" t="s">
        <v>69</v>
      </c>
      <c r="I1393" s="5" t="s">
        <v>27074</v>
      </c>
      <c r="J1393" s="2" t="s">
        <v>27075</v>
      </c>
      <c r="K1393" s="5" t="s">
        <v>27074</v>
      </c>
      <c r="L1393" s="2" t="s">
        <v>27075</v>
      </c>
      <c r="M1393" s="5" t="s">
        <v>24254</v>
      </c>
      <c r="N1393" s="5" t="s">
        <v>38</v>
      </c>
      <c r="O1393" s="5" t="s">
        <v>39</v>
      </c>
      <c r="P1393" s="5" t="s">
        <v>40</v>
      </c>
      <c r="Q1393" s="5" t="s">
        <v>24340</v>
      </c>
      <c r="R1393" s="5" t="s">
        <v>40</v>
      </c>
      <c r="S1393" s="5" t="s">
        <v>42</v>
      </c>
      <c r="T1393" s="2">
        <v>8.8789999999999996</v>
      </c>
      <c r="U1393" s="2">
        <v>7.1319999999999997</v>
      </c>
      <c r="V1393" s="2">
        <v>0.104</v>
      </c>
      <c r="W1393" s="2">
        <v>12</v>
      </c>
      <c r="X1393" s="2">
        <v>50</v>
      </c>
      <c r="Y1393" s="2">
        <v>173.9</v>
      </c>
      <c r="Z1393" s="5">
        <v>10</v>
      </c>
      <c r="AA1393" s="5" t="s">
        <v>43</v>
      </c>
      <c r="AB1393" s="5" t="s">
        <v>44</v>
      </c>
      <c r="AC1393" s="2" t="s">
        <v>29225</v>
      </c>
      <c r="AD1393" s="1"/>
    </row>
    <row r="1394" spans="1:30">
      <c r="A1394" s="5" t="s">
        <v>83578</v>
      </c>
      <c r="B1394" s="2" t="s">
        <v>87765</v>
      </c>
      <c r="C1394" s="14" t="s">
        <v>87766</v>
      </c>
      <c r="D1394" s="2" t="s">
        <v>87767</v>
      </c>
      <c r="E1394" s="2" t="s">
        <v>29169</v>
      </c>
      <c r="F1394" s="8">
        <v>439</v>
      </c>
      <c r="G1394" s="5">
        <v>20</v>
      </c>
      <c r="H1394" s="5" t="s">
        <v>69</v>
      </c>
      <c r="I1394" s="5" t="s">
        <v>27074</v>
      </c>
      <c r="J1394" s="2" t="s">
        <v>27075</v>
      </c>
      <c r="K1394" s="5" t="s">
        <v>27074</v>
      </c>
      <c r="L1394" s="2" t="s">
        <v>27075</v>
      </c>
      <c r="M1394" s="5" t="s">
        <v>24254</v>
      </c>
      <c r="N1394" s="5" t="s">
        <v>38</v>
      </c>
      <c r="O1394" s="5" t="s">
        <v>39</v>
      </c>
      <c r="P1394" s="5" t="s">
        <v>40</v>
      </c>
      <c r="Q1394" s="5" t="s">
        <v>24340</v>
      </c>
      <c r="R1394" s="5" t="s">
        <v>40</v>
      </c>
      <c r="S1394" s="5" t="s">
        <v>42</v>
      </c>
      <c r="T1394" s="2">
        <v>9.6769999999999996</v>
      </c>
      <c r="U1394" s="2">
        <v>7.93</v>
      </c>
      <c r="V1394" s="2">
        <v>0.104</v>
      </c>
      <c r="W1394" s="2">
        <v>12</v>
      </c>
      <c r="X1394" s="2">
        <v>50</v>
      </c>
      <c r="Y1394" s="2">
        <v>173.9</v>
      </c>
      <c r="Z1394" s="5">
        <v>10</v>
      </c>
      <c r="AA1394" s="5" t="s">
        <v>43</v>
      </c>
      <c r="AB1394" s="5" t="s">
        <v>44</v>
      </c>
      <c r="AC1394" s="2" t="s">
        <v>29165</v>
      </c>
      <c r="AD1394" s="1"/>
    </row>
    <row r="1395" spans="1:30">
      <c r="A1395" s="5" t="s">
        <v>83578</v>
      </c>
      <c r="B1395" s="2" t="s">
        <v>87768</v>
      </c>
      <c r="C1395" s="14" t="s">
        <v>87769</v>
      </c>
      <c r="D1395" s="2" t="s">
        <v>87770</v>
      </c>
      <c r="E1395" s="2" t="s">
        <v>29173</v>
      </c>
      <c r="F1395" s="8">
        <v>439</v>
      </c>
      <c r="G1395" s="5">
        <v>20</v>
      </c>
      <c r="H1395" s="5" t="s">
        <v>69</v>
      </c>
      <c r="I1395" s="5" t="s">
        <v>27074</v>
      </c>
      <c r="J1395" s="2" t="s">
        <v>27075</v>
      </c>
      <c r="K1395" s="5" t="s">
        <v>27074</v>
      </c>
      <c r="L1395" s="2" t="s">
        <v>27075</v>
      </c>
      <c r="M1395" s="5" t="s">
        <v>24254</v>
      </c>
      <c r="N1395" s="5" t="s">
        <v>38</v>
      </c>
      <c r="O1395" s="5" t="s">
        <v>39</v>
      </c>
      <c r="P1395" s="5" t="s">
        <v>40</v>
      </c>
      <c r="Q1395" s="5" t="s">
        <v>24340</v>
      </c>
      <c r="R1395" s="5" t="s">
        <v>40</v>
      </c>
      <c r="S1395" s="5" t="s">
        <v>42</v>
      </c>
      <c r="T1395" s="2">
        <v>9.8019999999999996</v>
      </c>
      <c r="U1395" s="2">
        <v>8.0549999999999997</v>
      </c>
      <c r="V1395" s="2">
        <v>0.104</v>
      </c>
      <c r="W1395" s="2">
        <v>12</v>
      </c>
      <c r="X1395" s="2">
        <v>50</v>
      </c>
      <c r="Y1395" s="2">
        <v>173.9</v>
      </c>
      <c r="Z1395" s="5">
        <v>10</v>
      </c>
      <c r="AA1395" s="5" t="s">
        <v>43</v>
      </c>
      <c r="AB1395" s="5" t="s">
        <v>44</v>
      </c>
      <c r="AC1395" s="2" t="s">
        <v>28941</v>
      </c>
      <c r="AD1395" s="1"/>
    </row>
    <row r="1396" spans="1:30">
      <c r="A1396" s="5" t="s">
        <v>83578</v>
      </c>
      <c r="B1396" s="2" t="s">
        <v>87771</v>
      </c>
      <c r="C1396" s="14" t="s">
        <v>87772</v>
      </c>
      <c r="D1396" s="2" t="s">
        <v>87773</v>
      </c>
      <c r="E1396" s="2" t="s">
        <v>28940</v>
      </c>
      <c r="F1396" s="8">
        <v>439</v>
      </c>
      <c r="G1396" s="5">
        <v>20</v>
      </c>
      <c r="H1396" s="5" t="s">
        <v>69</v>
      </c>
      <c r="I1396" s="5" t="s">
        <v>27074</v>
      </c>
      <c r="J1396" s="2" t="s">
        <v>27075</v>
      </c>
      <c r="K1396" s="5" t="s">
        <v>27074</v>
      </c>
      <c r="L1396" s="2" t="s">
        <v>27075</v>
      </c>
      <c r="M1396" s="5" t="s">
        <v>24254</v>
      </c>
      <c r="N1396" s="5" t="s">
        <v>38</v>
      </c>
      <c r="O1396" s="5" t="s">
        <v>39</v>
      </c>
      <c r="P1396" s="5" t="s">
        <v>40</v>
      </c>
      <c r="Q1396" s="5" t="s">
        <v>24340</v>
      </c>
      <c r="R1396" s="5" t="s">
        <v>40</v>
      </c>
      <c r="S1396" s="5" t="s">
        <v>42</v>
      </c>
      <c r="T1396" s="2">
        <v>10.275</v>
      </c>
      <c r="U1396" s="2">
        <v>8.7959999999999994</v>
      </c>
      <c r="V1396" s="2">
        <v>0.104</v>
      </c>
      <c r="W1396" s="2">
        <v>12</v>
      </c>
      <c r="X1396" s="2">
        <v>50</v>
      </c>
      <c r="Y1396" s="2">
        <v>173.9</v>
      </c>
      <c r="Z1396" s="5">
        <v>10</v>
      </c>
      <c r="AA1396" s="5" t="s">
        <v>43</v>
      </c>
      <c r="AB1396" s="5" t="s">
        <v>44</v>
      </c>
      <c r="AC1396" s="2" t="s">
        <v>29229</v>
      </c>
      <c r="AD1396" s="1"/>
    </row>
    <row r="1397" spans="1:30">
      <c r="A1397" s="5" t="s">
        <v>83578</v>
      </c>
      <c r="B1397" s="2" t="s">
        <v>87774</v>
      </c>
      <c r="C1397" s="14" t="s">
        <v>87775</v>
      </c>
      <c r="D1397" s="2" t="s">
        <v>87776</v>
      </c>
      <c r="E1397" s="2" t="s">
        <v>28940</v>
      </c>
      <c r="F1397" s="8">
        <v>439</v>
      </c>
      <c r="G1397" s="5">
        <v>20</v>
      </c>
      <c r="H1397" s="5" t="s">
        <v>69</v>
      </c>
      <c r="I1397" s="5" t="s">
        <v>27074</v>
      </c>
      <c r="J1397" s="2" t="s">
        <v>27075</v>
      </c>
      <c r="K1397" s="5" t="s">
        <v>27074</v>
      </c>
      <c r="L1397" s="2" t="s">
        <v>27075</v>
      </c>
      <c r="M1397" s="5" t="s">
        <v>24254</v>
      </c>
      <c r="N1397" s="5" t="s">
        <v>38</v>
      </c>
      <c r="O1397" s="5" t="s">
        <v>39</v>
      </c>
      <c r="P1397" s="5" t="s">
        <v>40</v>
      </c>
      <c r="Q1397" s="5" t="s">
        <v>24340</v>
      </c>
      <c r="R1397" s="5" t="s">
        <v>40</v>
      </c>
      <c r="S1397" s="5" t="s">
        <v>42</v>
      </c>
      <c r="T1397" s="2">
        <v>11.455</v>
      </c>
      <c r="U1397" s="2">
        <v>9.9760000000000009</v>
      </c>
      <c r="V1397" s="2">
        <v>0.104</v>
      </c>
      <c r="W1397" s="2">
        <v>12</v>
      </c>
      <c r="X1397" s="2">
        <v>50</v>
      </c>
      <c r="Y1397" s="2">
        <v>173.9</v>
      </c>
      <c r="Z1397" s="5">
        <v>10</v>
      </c>
      <c r="AA1397" s="5" t="s">
        <v>43</v>
      </c>
      <c r="AB1397" s="5" t="s">
        <v>44</v>
      </c>
      <c r="AC1397" s="2" t="s">
        <v>28941</v>
      </c>
      <c r="AD1397" s="1"/>
    </row>
    <row r="1398" spans="1:30">
      <c r="A1398" s="5" t="s">
        <v>83578</v>
      </c>
      <c r="B1398" s="2" t="s">
        <v>87777</v>
      </c>
      <c r="C1398" s="14" t="s">
        <v>87778</v>
      </c>
      <c r="D1398" s="2" t="s">
        <v>87779</v>
      </c>
      <c r="E1398" s="2" t="s">
        <v>28896</v>
      </c>
      <c r="F1398" s="8">
        <v>439</v>
      </c>
      <c r="G1398" s="5">
        <v>20</v>
      </c>
      <c r="H1398" s="5" t="s">
        <v>69</v>
      </c>
      <c r="I1398" s="5" t="s">
        <v>27074</v>
      </c>
      <c r="J1398" s="2" t="s">
        <v>27075</v>
      </c>
      <c r="K1398" s="5" t="s">
        <v>27074</v>
      </c>
      <c r="L1398" s="2" t="s">
        <v>27075</v>
      </c>
      <c r="M1398" s="5" t="s">
        <v>24254</v>
      </c>
      <c r="N1398" s="5" t="s">
        <v>38</v>
      </c>
      <c r="O1398" s="5" t="s">
        <v>39</v>
      </c>
      <c r="P1398" s="5" t="s">
        <v>40</v>
      </c>
      <c r="Q1398" s="5" t="s">
        <v>25301</v>
      </c>
      <c r="R1398" s="5" t="s">
        <v>40</v>
      </c>
      <c r="S1398" s="5" t="s">
        <v>42</v>
      </c>
      <c r="T1398" s="2">
        <v>10.305</v>
      </c>
      <c r="U1398" s="2">
        <v>8.5579999999999998</v>
      </c>
      <c r="V1398" s="2">
        <v>0.104</v>
      </c>
      <c r="W1398" s="2">
        <v>12</v>
      </c>
      <c r="X1398" s="2">
        <v>50</v>
      </c>
      <c r="Y1398" s="2">
        <v>173.9</v>
      </c>
      <c r="Z1398" s="5">
        <v>10</v>
      </c>
      <c r="AA1398" s="5" t="s">
        <v>43</v>
      </c>
      <c r="AB1398" s="5" t="s">
        <v>44</v>
      </c>
      <c r="AC1398" s="2" t="s">
        <v>28955</v>
      </c>
      <c r="AD1398" s="1"/>
    </row>
    <row r="1399" spans="1:30">
      <c r="A1399" s="5" t="s">
        <v>83578</v>
      </c>
      <c r="B1399" s="2" t="s">
        <v>87780</v>
      </c>
      <c r="C1399" s="14" t="s">
        <v>87781</v>
      </c>
      <c r="D1399" s="2" t="s">
        <v>87782</v>
      </c>
      <c r="E1399" s="2" t="s">
        <v>28896</v>
      </c>
      <c r="F1399" s="8">
        <v>439</v>
      </c>
      <c r="G1399" s="5">
        <v>20</v>
      </c>
      <c r="H1399" s="5" t="s">
        <v>69</v>
      </c>
      <c r="I1399" s="5" t="s">
        <v>27074</v>
      </c>
      <c r="J1399" s="2" t="s">
        <v>27075</v>
      </c>
      <c r="K1399" s="5" t="s">
        <v>27074</v>
      </c>
      <c r="L1399" s="2" t="s">
        <v>27075</v>
      </c>
      <c r="M1399" s="5" t="s">
        <v>24254</v>
      </c>
      <c r="N1399" s="5" t="s">
        <v>38</v>
      </c>
      <c r="O1399" s="5" t="s">
        <v>39</v>
      </c>
      <c r="P1399" s="5" t="s">
        <v>40</v>
      </c>
      <c r="Q1399" s="5" t="s">
        <v>25301</v>
      </c>
      <c r="R1399" s="5" t="s">
        <v>40</v>
      </c>
      <c r="S1399" s="5" t="s">
        <v>42</v>
      </c>
      <c r="T1399" s="2">
        <v>11.14</v>
      </c>
      <c r="U1399" s="2">
        <v>9.3930000000000007</v>
      </c>
      <c r="V1399" s="2">
        <v>0.104</v>
      </c>
      <c r="W1399" s="2">
        <v>12</v>
      </c>
      <c r="X1399" s="2">
        <v>50</v>
      </c>
      <c r="Y1399" s="2">
        <v>173.9</v>
      </c>
      <c r="Z1399" s="5">
        <v>10</v>
      </c>
      <c r="AA1399" s="5" t="s">
        <v>43</v>
      </c>
      <c r="AB1399" s="5" t="s">
        <v>44</v>
      </c>
      <c r="AC1399" s="2" t="s">
        <v>28897</v>
      </c>
      <c r="AD1399" s="1"/>
    </row>
    <row r="1400" spans="1:30">
      <c r="A1400" s="5" t="s">
        <v>83578</v>
      </c>
      <c r="B1400" s="2" t="s">
        <v>87783</v>
      </c>
      <c r="C1400" s="14" t="s">
        <v>87784</v>
      </c>
      <c r="D1400" s="2" t="s">
        <v>87785</v>
      </c>
      <c r="E1400" s="2" t="s">
        <v>28959</v>
      </c>
      <c r="F1400" s="8">
        <v>439</v>
      </c>
      <c r="G1400" s="5">
        <v>20</v>
      </c>
      <c r="H1400" s="5" t="s">
        <v>69</v>
      </c>
      <c r="I1400" s="5" t="s">
        <v>27074</v>
      </c>
      <c r="J1400" s="2" t="s">
        <v>27075</v>
      </c>
      <c r="K1400" s="5" t="s">
        <v>27074</v>
      </c>
      <c r="L1400" s="2" t="s">
        <v>27075</v>
      </c>
      <c r="M1400" s="5" t="s">
        <v>24254</v>
      </c>
      <c r="N1400" s="5" t="s">
        <v>38</v>
      </c>
      <c r="O1400" s="5" t="s">
        <v>39</v>
      </c>
      <c r="P1400" s="5" t="s">
        <v>40</v>
      </c>
      <c r="Q1400" s="5" t="s">
        <v>25301</v>
      </c>
      <c r="R1400" s="5" t="s">
        <v>40</v>
      </c>
      <c r="S1400" s="5" t="s">
        <v>42</v>
      </c>
      <c r="T1400" s="2">
        <v>8.0190000000000001</v>
      </c>
      <c r="U1400" s="2">
        <v>6.2720000000000002</v>
      </c>
      <c r="V1400" s="2">
        <v>0.104</v>
      </c>
      <c r="W1400" s="2">
        <v>12</v>
      </c>
      <c r="X1400" s="2">
        <v>50</v>
      </c>
      <c r="Y1400" s="2">
        <v>173.9</v>
      </c>
      <c r="Z1400" s="5">
        <v>10</v>
      </c>
      <c r="AA1400" s="5" t="s">
        <v>43</v>
      </c>
      <c r="AB1400" s="5" t="s">
        <v>44</v>
      </c>
      <c r="AC1400" s="2" t="s">
        <v>28955</v>
      </c>
      <c r="AD1400" s="1"/>
    </row>
    <row r="1401" spans="1:30">
      <c r="A1401" s="5" t="s">
        <v>83578</v>
      </c>
      <c r="B1401" s="2" t="s">
        <v>87786</v>
      </c>
      <c r="C1401" s="14" t="s">
        <v>87787</v>
      </c>
      <c r="D1401" s="2" t="s">
        <v>87788</v>
      </c>
      <c r="E1401" s="2" t="s">
        <v>28959</v>
      </c>
      <c r="F1401" s="8">
        <v>439</v>
      </c>
      <c r="G1401" s="5">
        <v>20</v>
      </c>
      <c r="H1401" s="5" t="s">
        <v>69</v>
      </c>
      <c r="I1401" s="5" t="s">
        <v>27074</v>
      </c>
      <c r="J1401" s="2" t="s">
        <v>27075</v>
      </c>
      <c r="K1401" s="5" t="s">
        <v>27074</v>
      </c>
      <c r="L1401" s="2" t="s">
        <v>27075</v>
      </c>
      <c r="M1401" s="5" t="s">
        <v>24254</v>
      </c>
      <c r="N1401" s="5" t="s">
        <v>38</v>
      </c>
      <c r="O1401" s="5" t="s">
        <v>39</v>
      </c>
      <c r="P1401" s="5" t="s">
        <v>40</v>
      </c>
      <c r="Q1401" s="5" t="s">
        <v>25301</v>
      </c>
      <c r="R1401" s="5" t="s">
        <v>40</v>
      </c>
      <c r="S1401" s="5" t="s">
        <v>42</v>
      </c>
      <c r="T1401" s="2">
        <v>8.657</v>
      </c>
      <c r="U1401" s="2">
        <v>6.91</v>
      </c>
      <c r="V1401" s="2">
        <v>0.104</v>
      </c>
      <c r="W1401" s="2">
        <v>12</v>
      </c>
      <c r="X1401" s="2">
        <v>50</v>
      </c>
      <c r="Y1401" s="2">
        <v>173.9</v>
      </c>
      <c r="Z1401" s="5">
        <v>10</v>
      </c>
      <c r="AA1401" s="5" t="s">
        <v>43</v>
      </c>
      <c r="AB1401" s="5" t="s">
        <v>44</v>
      </c>
      <c r="AC1401" s="2" t="s">
        <v>28897</v>
      </c>
      <c r="AD1401" s="1"/>
    </row>
    <row r="1402" spans="1:30">
      <c r="A1402" s="5" t="s">
        <v>83578</v>
      </c>
      <c r="B1402" s="2" t="s">
        <v>87789</v>
      </c>
      <c r="C1402" s="14" t="s">
        <v>87790</v>
      </c>
      <c r="D1402" s="2" t="s">
        <v>87791</v>
      </c>
      <c r="E1402" s="2" t="s">
        <v>28901</v>
      </c>
      <c r="F1402" s="8">
        <v>439</v>
      </c>
      <c r="G1402" s="5">
        <v>20</v>
      </c>
      <c r="H1402" s="5" t="s">
        <v>69</v>
      </c>
      <c r="I1402" s="5" t="s">
        <v>27074</v>
      </c>
      <c r="J1402" s="2" t="s">
        <v>27075</v>
      </c>
      <c r="K1402" s="5" t="s">
        <v>27074</v>
      </c>
      <c r="L1402" s="2" t="s">
        <v>27075</v>
      </c>
      <c r="M1402" s="5" t="s">
        <v>24254</v>
      </c>
      <c r="N1402" s="5" t="s">
        <v>38</v>
      </c>
      <c r="O1402" s="5" t="s">
        <v>39</v>
      </c>
      <c r="P1402" s="5" t="s">
        <v>40</v>
      </c>
      <c r="Q1402" s="5" t="s">
        <v>25301</v>
      </c>
      <c r="R1402" s="5" t="s">
        <v>40</v>
      </c>
      <c r="S1402" s="5" t="s">
        <v>42</v>
      </c>
      <c r="T1402" s="2">
        <v>8.1039999999999992</v>
      </c>
      <c r="U1402" s="2">
        <v>6.3570000000000002</v>
      </c>
      <c r="V1402" s="2">
        <v>0.104</v>
      </c>
      <c r="W1402" s="2">
        <v>12</v>
      </c>
      <c r="X1402" s="2">
        <v>50</v>
      </c>
      <c r="Y1402" s="2">
        <v>173.9</v>
      </c>
      <c r="Z1402" s="5">
        <v>10</v>
      </c>
      <c r="AA1402" s="5" t="s">
        <v>43</v>
      </c>
      <c r="AB1402" s="5" t="s">
        <v>44</v>
      </c>
      <c r="AC1402" s="2" t="s">
        <v>28907</v>
      </c>
      <c r="AD1402" s="1"/>
    </row>
    <row r="1403" spans="1:30">
      <c r="A1403" s="5" t="s">
        <v>83578</v>
      </c>
      <c r="B1403" s="2" t="s">
        <v>87792</v>
      </c>
      <c r="C1403" s="14" t="s">
        <v>87793</v>
      </c>
      <c r="D1403" s="2" t="s">
        <v>87794</v>
      </c>
      <c r="E1403" s="2" t="s">
        <v>28901</v>
      </c>
      <c r="F1403" s="8">
        <v>439</v>
      </c>
      <c r="G1403" s="5">
        <v>20</v>
      </c>
      <c r="H1403" s="5" t="s">
        <v>69</v>
      </c>
      <c r="I1403" s="5" t="s">
        <v>27074</v>
      </c>
      <c r="J1403" s="2" t="s">
        <v>27075</v>
      </c>
      <c r="K1403" s="5" t="s">
        <v>27074</v>
      </c>
      <c r="L1403" s="2" t="s">
        <v>27075</v>
      </c>
      <c r="M1403" s="5" t="s">
        <v>24254</v>
      </c>
      <c r="N1403" s="5" t="s">
        <v>38</v>
      </c>
      <c r="O1403" s="5" t="s">
        <v>39</v>
      </c>
      <c r="P1403" s="5" t="s">
        <v>40</v>
      </c>
      <c r="Q1403" s="5" t="s">
        <v>25301</v>
      </c>
      <c r="R1403" s="5" t="s">
        <v>40</v>
      </c>
      <c r="S1403" s="5" t="s">
        <v>42</v>
      </c>
      <c r="T1403" s="2">
        <v>8.9429999999999996</v>
      </c>
      <c r="U1403" s="2">
        <v>7.1959999999999997</v>
      </c>
      <c r="V1403" s="2">
        <v>0.104</v>
      </c>
      <c r="W1403" s="2">
        <v>12</v>
      </c>
      <c r="X1403" s="2">
        <v>50</v>
      </c>
      <c r="Y1403" s="2">
        <v>173.9</v>
      </c>
      <c r="Z1403" s="5">
        <v>10</v>
      </c>
      <c r="AA1403" s="5" t="s">
        <v>43</v>
      </c>
      <c r="AB1403" s="5" t="s">
        <v>44</v>
      </c>
      <c r="AC1403" s="2" t="s">
        <v>28902</v>
      </c>
      <c r="AD1403" s="1"/>
    </row>
    <row r="1404" spans="1:30">
      <c r="A1404" s="5" t="s">
        <v>83578</v>
      </c>
      <c r="B1404" s="2" t="s">
        <v>87795</v>
      </c>
      <c r="C1404" s="14" t="s">
        <v>87796</v>
      </c>
      <c r="D1404" s="2" t="s">
        <v>87797</v>
      </c>
      <c r="E1404" s="2" t="s">
        <v>28906</v>
      </c>
      <c r="F1404" s="8">
        <v>439</v>
      </c>
      <c r="G1404" s="5">
        <v>20</v>
      </c>
      <c r="H1404" s="5" t="s">
        <v>69</v>
      </c>
      <c r="I1404" s="5" t="s">
        <v>27074</v>
      </c>
      <c r="J1404" s="2" t="s">
        <v>27075</v>
      </c>
      <c r="K1404" s="5" t="s">
        <v>27074</v>
      </c>
      <c r="L1404" s="2" t="s">
        <v>27075</v>
      </c>
      <c r="M1404" s="5" t="s">
        <v>24254</v>
      </c>
      <c r="N1404" s="5" t="s">
        <v>38</v>
      </c>
      <c r="O1404" s="5" t="s">
        <v>39</v>
      </c>
      <c r="P1404" s="5" t="s">
        <v>40</v>
      </c>
      <c r="Q1404" s="5" t="s">
        <v>25301</v>
      </c>
      <c r="R1404" s="5" t="s">
        <v>40</v>
      </c>
      <c r="S1404" s="5" t="s">
        <v>42</v>
      </c>
      <c r="T1404" s="2">
        <v>9.4849999999999994</v>
      </c>
      <c r="U1404" s="2">
        <v>8.0060000000000002</v>
      </c>
      <c r="V1404" s="2">
        <v>0.104</v>
      </c>
      <c r="W1404" s="2">
        <v>12</v>
      </c>
      <c r="X1404" s="2">
        <v>50</v>
      </c>
      <c r="Y1404" s="2">
        <v>173.9</v>
      </c>
      <c r="Z1404" s="5">
        <v>10</v>
      </c>
      <c r="AA1404" s="5" t="s">
        <v>43</v>
      </c>
      <c r="AB1404" s="5" t="s">
        <v>44</v>
      </c>
      <c r="AC1404" s="2" t="s">
        <v>28907</v>
      </c>
      <c r="AD1404" s="1"/>
    </row>
    <row r="1405" spans="1:30">
      <c r="A1405" s="5" t="s">
        <v>83578</v>
      </c>
      <c r="B1405" s="2" t="s">
        <v>87798</v>
      </c>
      <c r="C1405" s="14" t="s">
        <v>87799</v>
      </c>
      <c r="D1405" s="2" t="s">
        <v>87800</v>
      </c>
      <c r="E1405" s="2" t="s">
        <v>28906</v>
      </c>
      <c r="F1405" s="8">
        <v>439</v>
      </c>
      <c r="G1405" s="5">
        <v>20</v>
      </c>
      <c r="H1405" s="5" t="s">
        <v>69</v>
      </c>
      <c r="I1405" s="5" t="s">
        <v>27074</v>
      </c>
      <c r="J1405" s="2" t="s">
        <v>27075</v>
      </c>
      <c r="K1405" s="5" t="s">
        <v>27074</v>
      </c>
      <c r="L1405" s="2" t="s">
        <v>27075</v>
      </c>
      <c r="M1405" s="5" t="s">
        <v>24254</v>
      </c>
      <c r="N1405" s="5" t="s">
        <v>38</v>
      </c>
      <c r="O1405" s="5" t="s">
        <v>39</v>
      </c>
      <c r="P1405" s="5" t="s">
        <v>40</v>
      </c>
      <c r="Q1405" s="5" t="s">
        <v>25301</v>
      </c>
      <c r="R1405" s="5" t="s">
        <v>40</v>
      </c>
      <c r="S1405" s="5" t="s">
        <v>42</v>
      </c>
      <c r="T1405" s="2">
        <v>10.523999999999999</v>
      </c>
      <c r="U1405" s="2">
        <v>9.0449999999999999</v>
      </c>
      <c r="V1405" s="2">
        <v>0.104</v>
      </c>
      <c r="W1405" s="2">
        <v>12</v>
      </c>
      <c r="X1405" s="2">
        <v>50</v>
      </c>
      <c r="Y1405" s="2">
        <v>173.9</v>
      </c>
      <c r="Z1405" s="5">
        <v>10</v>
      </c>
      <c r="AA1405" s="5" t="s">
        <v>43</v>
      </c>
      <c r="AB1405" s="5" t="s">
        <v>44</v>
      </c>
      <c r="AC1405" s="2" t="s">
        <v>28902</v>
      </c>
      <c r="AD1405" s="1"/>
    </row>
    <row r="1406" spans="1:30">
      <c r="A1406" s="5" t="s">
        <v>83578</v>
      </c>
      <c r="B1406" s="2" t="s">
        <v>87801</v>
      </c>
      <c r="C1406" s="14" t="s">
        <v>87802</v>
      </c>
      <c r="D1406" s="2" t="s">
        <v>87803</v>
      </c>
      <c r="E1406" s="2" t="s">
        <v>28932</v>
      </c>
      <c r="F1406" s="8">
        <v>463</v>
      </c>
      <c r="G1406" s="5">
        <v>20</v>
      </c>
      <c r="H1406" s="5" t="s">
        <v>69</v>
      </c>
      <c r="I1406" s="5" t="s">
        <v>27074</v>
      </c>
      <c r="J1406" s="2" t="s">
        <v>27075</v>
      </c>
      <c r="K1406" s="5" t="s">
        <v>27074</v>
      </c>
      <c r="L1406" s="2" t="s">
        <v>27075</v>
      </c>
      <c r="M1406" s="5" t="s">
        <v>24254</v>
      </c>
      <c r="N1406" s="5" t="s">
        <v>38</v>
      </c>
      <c r="O1406" s="5" t="s">
        <v>39</v>
      </c>
      <c r="P1406" s="5" t="s">
        <v>40</v>
      </c>
      <c r="Q1406" s="5" t="s">
        <v>24340</v>
      </c>
      <c r="R1406" s="5" t="s">
        <v>40</v>
      </c>
      <c r="S1406" s="5" t="s">
        <v>42</v>
      </c>
      <c r="T1406" s="2">
        <v>14.914</v>
      </c>
      <c r="U1406" s="2">
        <v>12.917</v>
      </c>
      <c r="V1406" s="2">
        <v>0.11600000000000001</v>
      </c>
      <c r="W1406" s="2">
        <v>12</v>
      </c>
      <c r="X1406" s="2">
        <v>50</v>
      </c>
      <c r="Y1406" s="2">
        <v>193.9</v>
      </c>
      <c r="Z1406" s="5">
        <v>8</v>
      </c>
      <c r="AA1406" s="5" t="s">
        <v>43</v>
      </c>
      <c r="AB1406" s="5" t="s">
        <v>44</v>
      </c>
      <c r="AC1406" s="2" t="s">
        <v>28928</v>
      </c>
      <c r="AD1406" s="1"/>
    </row>
    <row r="1407" spans="1:30">
      <c r="A1407" s="5" t="s">
        <v>83578</v>
      </c>
      <c r="B1407" s="2" t="s">
        <v>87804</v>
      </c>
      <c r="C1407" s="14" t="s">
        <v>87805</v>
      </c>
      <c r="D1407" s="2" t="s">
        <v>87806</v>
      </c>
      <c r="E1407" s="2" t="s">
        <v>29164</v>
      </c>
      <c r="F1407" s="8">
        <v>463</v>
      </c>
      <c r="G1407" s="5">
        <v>20</v>
      </c>
      <c r="H1407" s="5" t="s">
        <v>69</v>
      </c>
      <c r="I1407" s="5" t="s">
        <v>27074</v>
      </c>
      <c r="J1407" s="2" t="s">
        <v>27075</v>
      </c>
      <c r="K1407" s="5" t="s">
        <v>27074</v>
      </c>
      <c r="L1407" s="2" t="s">
        <v>27075</v>
      </c>
      <c r="M1407" s="5" t="s">
        <v>24254</v>
      </c>
      <c r="N1407" s="5" t="s">
        <v>38</v>
      </c>
      <c r="O1407" s="5" t="s">
        <v>39</v>
      </c>
      <c r="P1407" s="5" t="s">
        <v>40</v>
      </c>
      <c r="Q1407" s="5" t="s">
        <v>24340</v>
      </c>
      <c r="R1407" s="5" t="s">
        <v>40</v>
      </c>
      <c r="S1407" s="5" t="s">
        <v>42</v>
      </c>
      <c r="T1407" s="2">
        <v>13.99</v>
      </c>
      <c r="U1407" s="2">
        <v>12.026999999999999</v>
      </c>
      <c r="V1407" s="2">
        <v>0.11600000000000001</v>
      </c>
      <c r="W1407" s="2">
        <v>12</v>
      </c>
      <c r="X1407" s="2">
        <v>50</v>
      </c>
      <c r="Y1407" s="2">
        <v>193.9</v>
      </c>
      <c r="Z1407" s="5">
        <v>10</v>
      </c>
      <c r="AA1407" s="5" t="s">
        <v>43</v>
      </c>
      <c r="AB1407" s="5" t="s">
        <v>44</v>
      </c>
      <c r="AC1407" s="2" t="s">
        <v>29225</v>
      </c>
      <c r="AD1407" s="1"/>
    </row>
    <row r="1408" spans="1:30">
      <c r="A1408" s="5" t="s">
        <v>83578</v>
      </c>
      <c r="B1408" s="2" t="s">
        <v>87807</v>
      </c>
      <c r="C1408" s="14" t="s">
        <v>87808</v>
      </c>
      <c r="D1408" s="2" t="s">
        <v>87809</v>
      </c>
      <c r="E1408" s="2" t="s">
        <v>29164</v>
      </c>
      <c r="F1408" s="8">
        <v>463</v>
      </c>
      <c r="G1408" s="5">
        <v>20</v>
      </c>
      <c r="H1408" s="5" t="s">
        <v>69</v>
      </c>
      <c r="I1408" s="5" t="s">
        <v>27074</v>
      </c>
      <c r="J1408" s="2" t="s">
        <v>27075</v>
      </c>
      <c r="K1408" s="5" t="s">
        <v>27074</v>
      </c>
      <c r="L1408" s="2" t="s">
        <v>27075</v>
      </c>
      <c r="M1408" s="5" t="s">
        <v>24254</v>
      </c>
      <c r="N1408" s="5" t="s">
        <v>38</v>
      </c>
      <c r="O1408" s="5" t="s">
        <v>39</v>
      </c>
      <c r="P1408" s="5" t="s">
        <v>40</v>
      </c>
      <c r="Q1408" s="5" t="s">
        <v>24340</v>
      </c>
      <c r="R1408" s="5" t="s">
        <v>40</v>
      </c>
      <c r="S1408" s="5" t="s">
        <v>42</v>
      </c>
      <c r="T1408" s="2">
        <v>15.032999999999999</v>
      </c>
      <c r="U1408" s="2">
        <v>13.07</v>
      </c>
      <c r="V1408" s="2">
        <v>0.11600000000000001</v>
      </c>
      <c r="W1408" s="2">
        <v>12</v>
      </c>
      <c r="X1408" s="2">
        <v>50</v>
      </c>
      <c r="Y1408" s="2">
        <v>193.9</v>
      </c>
      <c r="Z1408" s="5">
        <v>10</v>
      </c>
      <c r="AA1408" s="5" t="s">
        <v>43</v>
      </c>
      <c r="AB1408" s="5" t="s">
        <v>44</v>
      </c>
      <c r="AC1408" s="2" t="s">
        <v>29165</v>
      </c>
      <c r="AD1408" s="1"/>
    </row>
    <row r="1409" spans="1:30">
      <c r="A1409" s="5" t="s">
        <v>83578</v>
      </c>
      <c r="B1409" s="2" t="s">
        <v>87810</v>
      </c>
      <c r="C1409" s="14" t="s">
        <v>87811</v>
      </c>
      <c r="D1409" s="2" t="s">
        <v>87812</v>
      </c>
      <c r="E1409" s="2" t="s">
        <v>29169</v>
      </c>
      <c r="F1409" s="8">
        <v>463</v>
      </c>
      <c r="G1409" s="5">
        <v>20</v>
      </c>
      <c r="H1409" s="5" t="s">
        <v>69</v>
      </c>
      <c r="I1409" s="5" t="s">
        <v>27074</v>
      </c>
      <c r="J1409" s="2" t="s">
        <v>27075</v>
      </c>
      <c r="K1409" s="5" t="s">
        <v>27074</v>
      </c>
      <c r="L1409" s="2" t="s">
        <v>27075</v>
      </c>
      <c r="M1409" s="5" t="s">
        <v>24254</v>
      </c>
      <c r="N1409" s="5" t="s">
        <v>38</v>
      </c>
      <c r="O1409" s="5" t="s">
        <v>39</v>
      </c>
      <c r="P1409" s="5" t="s">
        <v>40</v>
      </c>
      <c r="Q1409" s="5" t="s">
        <v>24340</v>
      </c>
      <c r="R1409" s="5" t="s">
        <v>40</v>
      </c>
      <c r="S1409" s="5" t="s">
        <v>42</v>
      </c>
      <c r="T1409" s="2">
        <v>10.701000000000001</v>
      </c>
      <c r="U1409" s="2">
        <v>8.7379999999999995</v>
      </c>
      <c r="V1409" s="2">
        <v>0.11600000000000001</v>
      </c>
      <c r="W1409" s="2">
        <v>12</v>
      </c>
      <c r="X1409" s="2">
        <v>50</v>
      </c>
      <c r="Y1409" s="2">
        <v>193.9</v>
      </c>
      <c r="Z1409" s="5">
        <v>10</v>
      </c>
      <c r="AA1409" s="5" t="s">
        <v>43</v>
      </c>
      <c r="AB1409" s="5" t="s">
        <v>44</v>
      </c>
      <c r="AC1409" s="2" t="s">
        <v>29225</v>
      </c>
      <c r="AD1409" s="1"/>
    </row>
    <row r="1410" spans="1:30">
      <c r="A1410" s="5" t="s">
        <v>83578</v>
      </c>
      <c r="B1410" s="2" t="s">
        <v>87813</v>
      </c>
      <c r="C1410" s="14" t="s">
        <v>87814</v>
      </c>
      <c r="D1410" s="2" t="s">
        <v>87815</v>
      </c>
      <c r="E1410" s="2" t="s">
        <v>29169</v>
      </c>
      <c r="F1410" s="8">
        <v>463</v>
      </c>
      <c r="G1410" s="5">
        <v>20</v>
      </c>
      <c r="H1410" s="5" t="s">
        <v>69</v>
      </c>
      <c r="I1410" s="5" t="s">
        <v>27074</v>
      </c>
      <c r="J1410" s="2" t="s">
        <v>27075</v>
      </c>
      <c r="K1410" s="5" t="s">
        <v>27074</v>
      </c>
      <c r="L1410" s="2" t="s">
        <v>27075</v>
      </c>
      <c r="M1410" s="5" t="s">
        <v>24254</v>
      </c>
      <c r="N1410" s="5" t="s">
        <v>38</v>
      </c>
      <c r="O1410" s="5" t="s">
        <v>39</v>
      </c>
      <c r="P1410" s="5" t="s">
        <v>40</v>
      </c>
      <c r="Q1410" s="5" t="s">
        <v>24340</v>
      </c>
      <c r="R1410" s="5" t="s">
        <v>40</v>
      </c>
      <c r="S1410" s="5" t="s">
        <v>42</v>
      </c>
      <c r="T1410" s="2">
        <v>11.497999999999999</v>
      </c>
      <c r="U1410" s="2">
        <v>9.5350000000000001</v>
      </c>
      <c r="V1410" s="2">
        <v>0.11600000000000001</v>
      </c>
      <c r="W1410" s="2">
        <v>12</v>
      </c>
      <c r="X1410" s="2">
        <v>50</v>
      </c>
      <c r="Y1410" s="2">
        <v>193.9</v>
      </c>
      <c r="Z1410" s="5">
        <v>10</v>
      </c>
      <c r="AA1410" s="5" t="s">
        <v>43</v>
      </c>
      <c r="AB1410" s="5" t="s">
        <v>44</v>
      </c>
      <c r="AC1410" s="2" t="s">
        <v>29165</v>
      </c>
      <c r="AD1410" s="1"/>
    </row>
    <row r="1411" spans="1:30">
      <c r="A1411" s="5" t="s">
        <v>83578</v>
      </c>
      <c r="B1411" s="2" t="s">
        <v>87816</v>
      </c>
      <c r="C1411" s="14" t="s">
        <v>87817</v>
      </c>
      <c r="D1411" s="2" t="s">
        <v>87818</v>
      </c>
      <c r="E1411" s="2" t="s">
        <v>29173</v>
      </c>
      <c r="F1411" s="8">
        <v>463</v>
      </c>
      <c r="G1411" s="5">
        <v>20</v>
      </c>
      <c r="H1411" s="5" t="s">
        <v>69</v>
      </c>
      <c r="I1411" s="5" t="s">
        <v>27074</v>
      </c>
      <c r="J1411" s="2" t="s">
        <v>27075</v>
      </c>
      <c r="K1411" s="5" t="s">
        <v>27074</v>
      </c>
      <c r="L1411" s="2" t="s">
        <v>27075</v>
      </c>
      <c r="M1411" s="5" t="s">
        <v>24254</v>
      </c>
      <c r="N1411" s="5" t="s">
        <v>38</v>
      </c>
      <c r="O1411" s="5" t="s">
        <v>39</v>
      </c>
      <c r="P1411" s="5" t="s">
        <v>40</v>
      </c>
      <c r="Q1411" s="5" t="s">
        <v>24340</v>
      </c>
      <c r="R1411" s="5" t="s">
        <v>40</v>
      </c>
      <c r="S1411" s="5" t="s">
        <v>42</v>
      </c>
      <c r="T1411" s="2">
        <v>10.423999999999999</v>
      </c>
      <c r="U1411" s="2">
        <v>8.4610000000000003</v>
      </c>
      <c r="V1411" s="2">
        <v>0.11600000000000001</v>
      </c>
      <c r="W1411" s="2">
        <v>12</v>
      </c>
      <c r="X1411" s="2">
        <v>50</v>
      </c>
      <c r="Y1411" s="2">
        <v>193.9</v>
      </c>
      <c r="Z1411" s="5">
        <v>10</v>
      </c>
      <c r="AA1411" s="5" t="s">
        <v>43</v>
      </c>
      <c r="AB1411" s="5" t="s">
        <v>44</v>
      </c>
      <c r="AC1411" s="2" t="s">
        <v>29229</v>
      </c>
      <c r="AD1411" s="1"/>
    </row>
    <row r="1412" spans="1:30">
      <c r="A1412" s="5" t="s">
        <v>83578</v>
      </c>
      <c r="B1412" s="2" t="s">
        <v>87819</v>
      </c>
      <c r="C1412" s="14" t="s">
        <v>87820</v>
      </c>
      <c r="D1412" s="2" t="s">
        <v>87821</v>
      </c>
      <c r="E1412" s="2" t="s">
        <v>29173</v>
      </c>
      <c r="F1412" s="8">
        <v>463</v>
      </c>
      <c r="G1412" s="5">
        <v>20</v>
      </c>
      <c r="H1412" s="5" t="s">
        <v>69</v>
      </c>
      <c r="I1412" s="5" t="s">
        <v>27074</v>
      </c>
      <c r="J1412" s="2" t="s">
        <v>27075</v>
      </c>
      <c r="K1412" s="5" t="s">
        <v>27074</v>
      </c>
      <c r="L1412" s="2" t="s">
        <v>27075</v>
      </c>
      <c r="M1412" s="5" t="s">
        <v>24254</v>
      </c>
      <c r="N1412" s="5" t="s">
        <v>38</v>
      </c>
      <c r="O1412" s="5" t="s">
        <v>39</v>
      </c>
      <c r="P1412" s="5" t="s">
        <v>40</v>
      </c>
      <c r="Q1412" s="5" t="s">
        <v>24340</v>
      </c>
      <c r="R1412" s="5" t="s">
        <v>40</v>
      </c>
      <c r="S1412" s="5" t="s">
        <v>42</v>
      </c>
      <c r="T1412" s="2">
        <v>11.472</v>
      </c>
      <c r="U1412" s="2">
        <v>9.5090000000000003</v>
      </c>
      <c r="V1412" s="2">
        <v>0.11600000000000001</v>
      </c>
      <c r="W1412" s="2">
        <v>12</v>
      </c>
      <c r="X1412" s="2">
        <v>50</v>
      </c>
      <c r="Y1412" s="2">
        <v>193.9</v>
      </c>
      <c r="Z1412" s="5">
        <v>10</v>
      </c>
      <c r="AA1412" s="5" t="s">
        <v>43</v>
      </c>
      <c r="AB1412" s="5" t="s">
        <v>44</v>
      </c>
      <c r="AC1412" s="2" t="s">
        <v>28941</v>
      </c>
      <c r="AD1412" s="1"/>
    </row>
    <row r="1413" spans="1:30">
      <c r="A1413" s="5" t="s">
        <v>83578</v>
      </c>
      <c r="B1413" s="2" t="s">
        <v>87822</v>
      </c>
      <c r="C1413" s="14" t="s">
        <v>87823</v>
      </c>
      <c r="D1413" s="2" t="s">
        <v>87824</v>
      </c>
      <c r="E1413" s="2" t="s">
        <v>28940</v>
      </c>
      <c r="F1413" s="8">
        <v>463</v>
      </c>
      <c r="G1413" s="5">
        <v>20</v>
      </c>
      <c r="H1413" s="5" t="s">
        <v>69</v>
      </c>
      <c r="I1413" s="5" t="s">
        <v>27074</v>
      </c>
      <c r="J1413" s="2" t="s">
        <v>27075</v>
      </c>
      <c r="K1413" s="5" t="s">
        <v>27074</v>
      </c>
      <c r="L1413" s="2" t="s">
        <v>27075</v>
      </c>
      <c r="M1413" s="5" t="s">
        <v>24254</v>
      </c>
      <c r="N1413" s="5" t="s">
        <v>38</v>
      </c>
      <c r="O1413" s="5" t="s">
        <v>39</v>
      </c>
      <c r="P1413" s="5" t="s">
        <v>40</v>
      </c>
      <c r="Q1413" s="5" t="s">
        <v>24340</v>
      </c>
      <c r="R1413" s="5" t="s">
        <v>40</v>
      </c>
      <c r="S1413" s="5" t="s">
        <v>42</v>
      </c>
      <c r="T1413" s="2">
        <v>12.848000000000001</v>
      </c>
      <c r="U1413" s="2">
        <v>10.885</v>
      </c>
      <c r="V1413" s="2">
        <v>0.11600000000000001</v>
      </c>
      <c r="W1413" s="2">
        <v>12</v>
      </c>
      <c r="X1413" s="2">
        <v>50</v>
      </c>
      <c r="Y1413" s="2">
        <v>193.9</v>
      </c>
      <c r="Z1413" s="5">
        <v>10</v>
      </c>
      <c r="AA1413" s="5" t="s">
        <v>43</v>
      </c>
      <c r="AB1413" s="5" t="s">
        <v>44</v>
      </c>
      <c r="AC1413" s="2" t="s">
        <v>29229</v>
      </c>
      <c r="AD1413" s="1"/>
    </row>
    <row r="1414" spans="1:30">
      <c r="A1414" s="5" t="s">
        <v>83578</v>
      </c>
      <c r="B1414" s="2" t="s">
        <v>87825</v>
      </c>
      <c r="C1414" s="14" t="s">
        <v>87826</v>
      </c>
      <c r="D1414" s="2" t="s">
        <v>87827</v>
      </c>
      <c r="E1414" s="2" t="s">
        <v>28940</v>
      </c>
      <c r="F1414" s="8">
        <v>463</v>
      </c>
      <c r="G1414" s="5">
        <v>20</v>
      </c>
      <c r="H1414" s="5" t="s">
        <v>69</v>
      </c>
      <c r="I1414" s="5" t="s">
        <v>27074</v>
      </c>
      <c r="J1414" s="2" t="s">
        <v>27075</v>
      </c>
      <c r="K1414" s="5" t="s">
        <v>27074</v>
      </c>
      <c r="L1414" s="2" t="s">
        <v>27075</v>
      </c>
      <c r="M1414" s="5" t="s">
        <v>24254</v>
      </c>
      <c r="N1414" s="5" t="s">
        <v>38</v>
      </c>
      <c r="O1414" s="5" t="s">
        <v>39</v>
      </c>
      <c r="P1414" s="5" t="s">
        <v>40</v>
      </c>
      <c r="Q1414" s="5" t="s">
        <v>24340</v>
      </c>
      <c r="R1414" s="5" t="s">
        <v>40</v>
      </c>
      <c r="S1414" s="5" t="s">
        <v>42</v>
      </c>
      <c r="T1414" s="2">
        <v>14.028</v>
      </c>
      <c r="U1414" s="2">
        <v>12.065</v>
      </c>
      <c r="V1414" s="2">
        <v>0.11600000000000001</v>
      </c>
      <c r="W1414" s="2">
        <v>12</v>
      </c>
      <c r="X1414" s="2">
        <v>50</v>
      </c>
      <c r="Y1414" s="2">
        <v>193.9</v>
      </c>
      <c r="Z1414" s="5">
        <v>10</v>
      </c>
      <c r="AA1414" s="5" t="s">
        <v>43</v>
      </c>
      <c r="AB1414" s="5" t="s">
        <v>44</v>
      </c>
      <c r="AC1414" s="2" t="s">
        <v>28941</v>
      </c>
      <c r="AD1414" s="1"/>
    </row>
    <row r="1415" spans="1:30">
      <c r="A1415" s="5" t="s">
        <v>83578</v>
      </c>
      <c r="B1415" s="2" t="s">
        <v>87828</v>
      </c>
      <c r="C1415" s="14" t="s">
        <v>87829</v>
      </c>
      <c r="D1415" s="2" t="s">
        <v>87830</v>
      </c>
      <c r="E1415" s="2" t="s">
        <v>28896</v>
      </c>
      <c r="F1415" s="8">
        <v>463</v>
      </c>
      <c r="G1415" s="5">
        <v>20</v>
      </c>
      <c r="H1415" s="5" t="s">
        <v>69</v>
      </c>
      <c r="I1415" s="5" t="s">
        <v>27074</v>
      </c>
      <c r="J1415" s="2" t="s">
        <v>27075</v>
      </c>
      <c r="K1415" s="5" t="s">
        <v>27074</v>
      </c>
      <c r="L1415" s="2" t="s">
        <v>27075</v>
      </c>
      <c r="M1415" s="5" t="s">
        <v>24254</v>
      </c>
      <c r="N1415" s="5" t="s">
        <v>38</v>
      </c>
      <c r="O1415" s="5" t="s">
        <v>39</v>
      </c>
      <c r="P1415" s="5" t="s">
        <v>40</v>
      </c>
      <c r="Q1415" s="5" t="s">
        <v>25301</v>
      </c>
      <c r="R1415" s="5" t="s">
        <v>40</v>
      </c>
      <c r="S1415" s="5" t="s">
        <v>42</v>
      </c>
      <c r="T1415" s="2">
        <v>12.528</v>
      </c>
      <c r="U1415" s="2">
        <v>10.565</v>
      </c>
      <c r="V1415" s="2">
        <v>0.11600000000000001</v>
      </c>
      <c r="W1415" s="2">
        <v>12</v>
      </c>
      <c r="X1415" s="2">
        <v>50</v>
      </c>
      <c r="Y1415" s="2">
        <v>193.9</v>
      </c>
      <c r="Z1415" s="5">
        <v>10</v>
      </c>
      <c r="AA1415" s="5" t="s">
        <v>43</v>
      </c>
      <c r="AB1415" s="5" t="s">
        <v>44</v>
      </c>
      <c r="AC1415" s="2" t="s">
        <v>28955</v>
      </c>
      <c r="AD1415" s="1"/>
    </row>
    <row r="1416" spans="1:30">
      <c r="A1416" s="5" t="s">
        <v>83578</v>
      </c>
      <c r="B1416" s="2" t="s">
        <v>87831</v>
      </c>
      <c r="C1416" s="14" t="s">
        <v>87832</v>
      </c>
      <c r="D1416" s="2" t="s">
        <v>87833</v>
      </c>
      <c r="E1416" s="2" t="s">
        <v>28896</v>
      </c>
      <c r="F1416" s="8">
        <v>463</v>
      </c>
      <c r="G1416" s="5">
        <v>20</v>
      </c>
      <c r="H1416" s="5" t="s">
        <v>69</v>
      </c>
      <c r="I1416" s="5" t="s">
        <v>27074</v>
      </c>
      <c r="J1416" s="2" t="s">
        <v>27075</v>
      </c>
      <c r="K1416" s="5" t="s">
        <v>27074</v>
      </c>
      <c r="L1416" s="2" t="s">
        <v>27075</v>
      </c>
      <c r="M1416" s="5" t="s">
        <v>24254</v>
      </c>
      <c r="N1416" s="5" t="s">
        <v>38</v>
      </c>
      <c r="O1416" s="5" t="s">
        <v>39</v>
      </c>
      <c r="P1416" s="5" t="s">
        <v>40</v>
      </c>
      <c r="Q1416" s="5" t="s">
        <v>25301</v>
      </c>
      <c r="R1416" s="5" t="s">
        <v>40</v>
      </c>
      <c r="S1416" s="5" t="s">
        <v>42</v>
      </c>
      <c r="T1416" s="2">
        <v>13.363</v>
      </c>
      <c r="U1416" s="2">
        <v>11.4</v>
      </c>
      <c r="V1416" s="2">
        <v>0.11600000000000001</v>
      </c>
      <c r="W1416" s="2">
        <v>12</v>
      </c>
      <c r="X1416" s="2">
        <v>50</v>
      </c>
      <c r="Y1416" s="2">
        <v>193.9</v>
      </c>
      <c r="Z1416" s="5">
        <v>10</v>
      </c>
      <c r="AA1416" s="5" t="s">
        <v>43</v>
      </c>
      <c r="AB1416" s="5" t="s">
        <v>44</v>
      </c>
      <c r="AC1416" s="2" t="s">
        <v>28897</v>
      </c>
      <c r="AD1416" s="1"/>
    </row>
    <row r="1417" spans="1:30">
      <c r="A1417" s="5" t="s">
        <v>83578</v>
      </c>
      <c r="B1417" s="2" t="s">
        <v>87834</v>
      </c>
      <c r="C1417" s="14" t="s">
        <v>87835</v>
      </c>
      <c r="D1417" s="2" t="s">
        <v>87836</v>
      </c>
      <c r="E1417" s="2" t="s">
        <v>28959</v>
      </c>
      <c r="F1417" s="8">
        <v>463</v>
      </c>
      <c r="G1417" s="5">
        <v>20</v>
      </c>
      <c r="H1417" s="5" t="s">
        <v>69</v>
      </c>
      <c r="I1417" s="5" t="s">
        <v>27074</v>
      </c>
      <c r="J1417" s="2" t="s">
        <v>27075</v>
      </c>
      <c r="K1417" s="5" t="s">
        <v>27074</v>
      </c>
      <c r="L1417" s="2" t="s">
        <v>27075</v>
      </c>
      <c r="M1417" s="5" t="s">
        <v>24254</v>
      </c>
      <c r="N1417" s="5" t="s">
        <v>38</v>
      </c>
      <c r="O1417" s="5" t="s">
        <v>39</v>
      </c>
      <c r="P1417" s="5" t="s">
        <v>40</v>
      </c>
      <c r="Q1417" s="5" t="s">
        <v>25301</v>
      </c>
      <c r="R1417" s="5" t="s">
        <v>40</v>
      </c>
      <c r="S1417" s="5" t="s">
        <v>42</v>
      </c>
      <c r="T1417" s="2">
        <v>9.6259999999999994</v>
      </c>
      <c r="U1417" s="2">
        <v>7.6630000000000003</v>
      </c>
      <c r="V1417" s="2">
        <v>0.11600000000000001</v>
      </c>
      <c r="W1417" s="2">
        <v>12</v>
      </c>
      <c r="X1417" s="2">
        <v>50</v>
      </c>
      <c r="Y1417" s="2">
        <v>193.9</v>
      </c>
      <c r="Z1417" s="5">
        <v>10</v>
      </c>
      <c r="AA1417" s="5" t="s">
        <v>43</v>
      </c>
      <c r="AB1417" s="5" t="s">
        <v>44</v>
      </c>
      <c r="AC1417" s="2" t="s">
        <v>28955</v>
      </c>
      <c r="AD1417" s="1"/>
    </row>
    <row r="1418" spans="1:30">
      <c r="A1418" s="5" t="s">
        <v>83578</v>
      </c>
      <c r="B1418" s="2" t="s">
        <v>87837</v>
      </c>
      <c r="C1418" s="14" t="s">
        <v>87838</v>
      </c>
      <c r="D1418" s="2" t="s">
        <v>87839</v>
      </c>
      <c r="E1418" s="2" t="s">
        <v>28959</v>
      </c>
      <c r="F1418" s="8">
        <v>463</v>
      </c>
      <c r="G1418" s="5">
        <v>20</v>
      </c>
      <c r="H1418" s="5" t="s">
        <v>69</v>
      </c>
      <c r="I1418" s="5" t="s">
        <v>27074</v>
      </c>
      <c r="J1418" s="2" t="s">
        <v>27075</v>
      </c>
      <c r="K1418" s="5" t="s">
        <v>27074</v>
      </c>
      <c r="L1418" s="2" t="s">
        <v>27075</v>
      </c>
      <c r="M1418" s="5" t="s">
        <v>24254</v>
      </c>
      <c r="N1418" s="5" t="s">
        <v>38</v>
      </c>
      <c r="O1418" s="5" t="s">
        <v>39</v>
      </c>
      <c r="P1418" s="5" t="s">
        <v>40</v>
      </c>
      <c r="Q1418" s="5" t="s">
        <v>25301</v>
      </c>
      <c r="R1418" s="5" t="s">
        <v>40</v>
      </c>
      <c r="S1418" s="5" t="s">
        <v>42</v>
      </c>
      <c r="T1418" s="2">
        <v>10.263</v>
      </c>
      <c r="U1418" s="2">
        <v>8.3000000000000007</v>
      </c>
      <c r="V1418" s="2">
        <v>0.11600000000000001</v>
      </c>
      <c r="W1418" s="2">
        <v>12</v>
      </c>
      <c r="X1418" s="2">
        <v>50</v>
      </c>
      <c r="Y1418" s="2">
        <v>193.9</v>
      </c>
      <c r="Z1418" s="5">
        <v>10</v>
      </c>
      <c r="AA1418" s="5" t="s">
        <v>43</v>
      </c>
      <c r="AB1418" s="5" t="s">
        <v>44</v>
      </c>
      <c r="AC1418" s="2" t="s">
        <v>28897</v>
      </c>
      <c r="AD1418" s="1"/>
    </row>
    <row r="1419" spans="1:30">
      <c r="A1419" s="5" t="s">
        <v>83578</v>
      </c>
      <c r="B1419" s="2" t="s">
        <v>87840</v>
      </c>
      <c r="C1419" s="14" t="s">
        <v>87841</v>
      </c>
      <c r="D1419" s="2" t="s">
        <v>87842</v>
      </c>
      <c r="E1419" s="2" t="s">
        <v>28901</v>
      </c>
      <c r="F1419" s="8">
        <v>463</v>
      </c>
      <c r="G1419" s="5">
        <v>20</v>
      </c>
      <c r="H1419" s="5" t="s">
        <v>69</v>
      </c>
      <c r="I1419" s="5" t="s">
        <v>27074</v>
      </c>
      <c r="J1419" s="2" t="s">
        <v>27075</v>
      </c>
      <c r="K1419" s="5" t="s">
        <v>27074</v>
      </c>
      <c r="L1419" s="2" t="s">
        <v>27075</v>
      </c>
      <c r="M1419" s="5" t="s">
        <v>24254</v>
      </c>
      <c r="N1419" s="5" t="s">
        <v>38</v>
      </c>
      <c r="O1419" s="5" t="s">
        <v>39</v>
      </c>
      <c r="P1419" s="5" t="s">
        <v>40</v>
      </c>
      <c r="Q1419" s="5" t="s">
        <v>25301</v>
      </c>
      <c r="R1419" s="5" t="s">
        <v>40</v>
      </c>
      <c r="S1419" s="5" t="s">
        <v>42</v>
      </c>
      <c r="T1419" s="2">
        <v>9.6489999999999991</v>
      </c>
      <c r="U1419" s="2">
        <v>7.6859999999999999</v>
      </c>
      <c r="V1419" s="2">
        <v>0.11600000000000001</v>
      </c>
      <c r="W1419" s="2">
        <v>12</v>
      </c>
      <c r="X1419" s="2">
        <v>50</v>
      </c>
      <c r="Y1419" s="2">
        <v>193.9</v>
      </c>
      <c r="Z1419" s="5">
        <v>10</v>
      </c>
      <c r="AA1419" s="5" t="s">
        <v>43</v>
      </c>
      <c r="AB1419" s="5" t="s">
        <v>44</v>
      </c>
      <c r="AC1419" s="2" t="s">
        <v>28907</v>
      </c>
      <c r="AD1419" s="1"/>
    </row>
    <row r="1420" spans="1:30">
      <c r="A1420" s="5" t="s">
        <v>83578</v>
      </c>
      <c r="B1420" s="2" t="s">
        <v>87843</v>
      </c>
      <c r="C1420" s="14" t="s">
        <v>87844</v>
      </c>
      <c r="D1420" s="2" t="s">
        <v>87845</v>
      </c>
      <c r="E1420" s="2" t="s">
        <v>28901</v>
      </c>
      <c r="F1420" s="8">
        <v>463</v>
      </c>
      <c r="G1420" s="5">
        <v>20</v>
      </c>
      <c r="H1420" s="5" t="s">
        <v>69</v>
      </c>
      <c r="I1420" s="5" t="s">
        <v>27074</v>
      </c>
      <c r="J1420" s="2" t="s">
        <v>27075</v>
      </c>
      <c r="K1420" s="5" t="s">
        <v>27074</v>
      </c>
      <c r="L1420" s="2" t="s">
        <v>27075</v>
      </c>
      <c r="M1420" s="5" t="s">
        <v>24254</v>
      </c>
      <c r="N1420" s="5" t="s">
        <v>38</v>
      </c>
      <c r="O1420" s="5" t="s">
        <v>39</v>
      </c>
      <c r="P1420" s="5" t="s">
        <v>40</v>
      </c>
      <c r="Q1420" s="5" t="s">
        <v>25301</v>
      </c>
      <c r="R1420" s="5" t="s">
        <v>40</v>
      </c>
      <c r="S1420" s="5" t="s">
        <v>42</v>
      </c>
      <c r="T1420" s="2">
        <v>10.488</v>
      </c>
      <c r="U1420" s="2">
        <v>8.5250000000000004</v>
      </c>
      <c r="V1420" s="2">
        <v>0.11600000000000001</v>
      </c>
      <c r="W1420" s="2">
        <v>12</v>
      </c>
      <c r="X1420" s="2">
        <v>50</v>
      </c>
      <c r="Y1420" s="2">
        <v>193.9</v>
      </c>
      <c r="Z1420" s="5">
        <v>10</v>
      </c>
      <c r="AA1420" s="5" t="s">
        <v>43</v>
      </c>
      <c r="AB1420" s="5" t="s">
        <v>44</v>
      </c>
      <c r="AC1420" s="2" t="s">
        <v>28902</v>
      </c>
      <c r="AD1420" s="1"/>
    </row>
    <row r="1421" spans="1:30">
      <c r="A1421" s="5" t="s">
        <v>83578</v>
      </c>
      <c r="B1421" s="2" t="s">
        <v>87846</v>
      </c>
      <c r="C1421" s="14" t="s">
        <v>87847</v>
      </c>
      <c r="D1421" s="2" t="s">
        <v>87848</v>
      </c>
      <c r="E1421" s="2" t="s">
        <v>28906</v>
      </c>
      <c r="F1421" s="8">
        <v>463</v>
      </c>
      <c r="G1421" s="5">
        <v>20</v>
      </c>
      <c r="H1421" s="5" t="s">
        <v>69</v>
      </c>
      <c r="I1421" s="5" t="s">
        <v>27074</v>
      </c>
      <c r="J1421" s="2" t="s">
        <v>27075</v>
      </c>
      <c r="K1421" s="5" t="s">
        <v>27074</v>
      </c>
      <c r="L1421" s="2" t="s">
        <v>27075</v>
      </c>
      <c r="M1421" s="5" t="s">
        <v>24254</v>
      </c>
      <c r="N1421" s="5" t="s">
        <v>38</v>
      </c>
      <c r="O1421" s="5" t="s">
        <v>39</v>
      </c>
      <c r="P1421" s="5" t="s">
        <v>40</v>
      </c>
      <c r="Q1421" s="5" t="s">
        <v>25301</v>
      </c>
      <c r="R1421" s="5" t="s">
        <v>40</v>
      </c>
      <c r="S1421" s="5" t="s">
        <v>42</v>
      </c>
      <c r="T1421" s="2">
        <v>11.853999999999999</v>
      </c>
      <c r="U1421" s="2">
        <v>9.891</v>
      </c>
      <c r="V1421" s="2">
        <v>0.11600000000000001</v>
      </c>
      <c r="W1421" s="2">
        <v>12</v>
      </c>
      <c r="X1421" s="2">
        <v>50</v>
      </c>
      <c r="Y1421" s="2">
        <v>193.9</v>
      </c>
      <c r="Z1421" s="5">
        <v>10</v>
      </c>
      <c r="AA1421" s="5" t="s">
        <v>43</v>
      </c>
      <c r="AB1421" s="5" t="s">
        <v>44</v>
      </c>
      <c r="AC1421" s="2" t="s">
        <v>28907</v>
      </c>
      <c r="AD1421" s="1"/>
    </row>
    <row r="1422" spans="1:30">
      <c r="A1422" s="5" t="s">
        <v>83578</v>
      </c>
      <c r="B1422" s="2" t="s">
        <v>87849</v>
      </c>
      <c r="C1422" s="14" t="s">
        <v>87850</v>
      </c>
      <c r="D1422" s="2" t="s">
        <v>87851</v>
      </c>
      <c r="E1422" s="2" t="s">
        <v>28932</v>
      </c>
      <c r="F1422" s="8">
        <v>499</v>
      </c>
      <c r="G1422" s="5">
        <v>20</v>
      </c>
      <c r="H1422" s="5" t="s">
        <v>69</v>
      </c>
      <c r="I1422" s="5" t="s">
        <v>27074</v>
      </c>
      <c r="J1422" s="2" t="s">
        <v>27075</v>
      </c>
      <c r="K1422" s="5" t="s">
        <v>27074</v>
      </c>
      <c r="L1422" s="2" t="s">
        <v>27075</v>
      </c>
      <c r="M1422" s="5" t="s">
        <v>24254</v>
      </c>
      <c r="N1422" s="5" t="s">
        <v>38</v>
      </c>
      <c r="O1422" s="5" t="s">
        <v>39</v>
      </c>
      <c r="P1422" s="5" t="s">
        <v>40</v>
      </c>
      <c r="Q1422" s="5" t="s">
        <v>24340</v>
      </c>
      <c r="R1422" s="5" t="s">
        <v>40</v>
      </c>
      <c r="S1422" s="5" t="s">
        <v>42</v>
      </c>
      <c r="T1422" s="2">
        <v>16.146000000000001</v>
      </c>
      <c r="U1422" s="2">
        <v>13.695</v>
      </c>
      <c r="V1422" s="2">
        <v>0.13600000000000001</v>
      </c>
      <c r="W1422" s="2">
        <v>12</v>
      </c>
      <c r="X1422" s="2">
        <v>50</v>
      </c>
      <c r="Y1422" s="2">
        <v>227.4</v>
      </c>
      <c r="Z1422" s="5">
        <v>8</v>
      </c>
      <c r="AA1422" s="5" t="s">
        <v>43</v>
      </c>
      <c r="AB1422" s="5" t="s">
        <v>44</v>
      </c>
      <c r="AC1422" s="2" t="s">
        <v>28928</v>
      </c>
      <c r="AD1422" s="1"/>
    </row>
    <row r="1423" spans="1:30">
      <c r="A1423" s="5" t="s">
        <v>83578</v>
      </c>
      <c r="B1423" s="2" t="s">
        <v>87852</v>
      </c>
      <c r="C1423" s="14" t="s">
        <v>87853</v>
      </c>
      <c r="D1423" s="2" t="s">
        <v>87854</v>
      </c>
      <c r="E1423" s="2" t="s">
        <v>29164</v>
      </c>
      <c r="F1423" s="8">
        <v>499</v>
      </c>
      <c r="G1423" s="5">
        <v>20</v>
      </c>
      <c r="H1423" s="5" t="s">
        <v>69</v>
      </c>
      <c r="I1423" s="5" t="s">
        <v>27074</v>
      </c>
      <c r="J1423" s="2" t="s">
        <v>27075</v>
      </c>
      <c r="K1423" s="5" t="s">
        <v>27074</v>
      </c>
      <c r="L1423" s="2" t="s">
        <v>27075</v>
      </c>
      <c r="M1423" s="5" t="s">
        <v>24254</v>
      </c>
      <c r="N1423" s="5" t="s">
        <v>38</v>
      </c>
      <c r="O1423" s="5" t="s">
        <v>39</v>
      </c>
      <c r="P1423" s="5" t="s">
        <v>40</v>
      </c>
      <c r="Q1423" s="5" t="s">
        <v>24340</v>
      </c>
      <c r="R1423" s="5" t="s">
        <v>40</v>
      </c>
      <c r="S1423" s="5" t="s">
        <v>42</v>
      </c>
      <c r="T1423" s="2">
        <v>16.599</v>
      </c>
      <c r="U1423" s="2">
        <v>14.182</v>
      </c>
      <c r="V1423" s="2">
        <v>0.13600000000000001</v>
      </c>
      <c r="W1423" s="2">
        <v>12</v>
      </c>
      <c r="X1423" s="2">
        <v>50</v>
      </c>
      <c r="Y1423" s="2">
        <v>227.4</v>
      </c>
      <c r="Z1423" s="5">
        <v>10</v>
      </c>
      <c r="AA1423" s="5" t="s">
        <v>43</v>
      </c>
      <c r="AB1423" s="5" t="s">
        <v>44</v>
      </c>
      <c r="AC1423" s="2" t="s">
        <v>29165</v>
      </c>
      <c r="AD1423" s="1"/>
    </row>
    <row r="1424" spans="1:30">
      <c r="A1424" s="5" t="s">
        <v>83578</v>
      </c>
      <c r="B1424" s="2" t="s">
        <v>87855</v>
      </c>
      <c r="C1424" s="14" t="s">
        <v>87856</v>
      </c>
      <c r="D1424" s="2" t="s">
        <v>87857</v>
      </c>
      <c r="E1424" s="2" t="s">
        <v>29169</v>
      </c>
      <c r="F1424" s="8">
        <v>499</v>
      </c>
      <c r="G1424" s="5">
        <v>20</v>
      </c>
      <c r="H1424" s="5" t="s">
        <v>69</v>
      </c>
      <c r="I1424" s="5" t="s">
        <v>27074</v>
      </c>
      <c r="J1424" s="2" t="s">
        <v>27075</v>
      </c>
      <c r="K1424" s="5" t="s">
        <v>27074</v>
      </c>
      <c r="L1424" s="2" t="s">
        <v>27075</v>
      </c>
      <c r="M1424" s="5" t="s">
        <v>24254</v>
      </c>
      <c r="N1424" s="5" t="s">
        <v>38</v>
      </c>
      <c r="O1424" s="5" t="s">
        <v>39</v>
      </c>
      <c r="P1424" s="5" t="s">
        <v>40</v>
      </c>
      <c r="Q1424" s="5" t="s">
        <v>24340</v>
      </c>
      <c r="R1424" s="5" t="s">
        <v>40</v>
      </c>
      <c r="S1424" s="5" t="s">
        <v>42</v>
      </c>
      <c r="T1424" s="2">
        <v>11.933</v>
      </c>
      <c r="U1424" s="2">
        <v>9.516</v>
      </c>
      <c r="V1424" s="2">
        <v>0.13600000000000001</v>
      </c>
      <c r="W1424" s="2">
        <v>12</v>
      </c>
      <c r="X1424" s="2">
        <v>50</v>
      </c>
      <c r="Y1424" s="2">
        <v>227.4</v>
      </c>
      <c r="Z1424" s="5">
        <v>10</v>
      </c>
      <c r="AA1424" s="5" t="s">
        <v>43</v>
      </c>
      <c r="AB1424" s="5" t="s">
        <v>44</v>
      </c>
      <c r="AC1424" s="2" t="s">
        <v>29225</v>
      </c>
      <c r="AD1424" s="1"/>
    </row>
    <row r="1425" spans="1:30">
      <c r="A1425" s="5" t="s">
        <v>83578</v>
      </c>
      <c r="B1425" s="2" t="s">
        <v>87858</v>
      </c>
      <c r="C1425" s="14" t="s">
        <v>87859</v>
      </c>
      <c r="D1425" s="2" t="s">
        <v>87860</v>
      </c>
      <c r="E1425" s="2" t="s">
        <v>29169</v>
      </c>
      <c r="F1425" s="8">
        <v>499</v>
      </c>
      <c r="G1425" s="5">
        <v>20</v>
      </c>
      <c r="H1425" s="5" t="s">
        <v>69</v>
      </c>
      <c r="I1425" s="5" t="s">
        <v>27074</v>
      </c>
      <c r="J1425" s="2" t="s">
        <v>27075</v>
      </c>
      <c r="K1425" s="5" t="s">
        <v>27074</v>
      </c>
      <c r="L1425" s="2" t="s">
        <v>27075</v>
      </c>
      <c r="M1425" s="5" t="s">
        <v>24254</v>
      </c>
      <c r="N1425" s="5" t="s">
        <v>38</v>
      </c>
      <c r="O1425" s="5" t="s">
        <v>39</v>
      </c>
      <c r="P1425" s="5" t="s">
        <v>40</v>
      </c>
      <c r="Q1425" s="5" t="s">
        <v>24340</v>
      </c>
      <c r="R1425" s="5" t="s">
        <v>40</v>
      </c>
      <c r="S1425" s="5" t="s">
        <v>42</v>
      </c>
      <c r="T1425" s="2">
        <v>12.731</v>
      </c>
      <c r="U1425" s="2">
        <v>10.314</v>
      </c>
      <c r="V1425" s="2">
        <v>0.13600000000000001</v>
      </c>
      <c r="W1425" s="2">
        <v>12</v>
      </c>
      <c r="X1425" s="2">
        <v>50</v>
      </c>
      <c r="Y1425" s="2">
        <v>227.4</v>
      </c>
      <c r="Z1425" s="5">
        <v>10</v>
      </c>
      <c r="AA1425" s="5" t="s">
        <v>43</v>
      </c>
      <c r="AB1425" s="5" t="s">
        <v>44</v>
      </c>
      <c r="AC1425" s="2" t="s">
        <v>29165</v>
      </c>
      <c r="AD1425" s="1"/>
    </row>
    <row r="1426" spans="1:30">
      <c r="A1426" s="5" t="s">
        <v>83578</v>
      </c>
      <c r="B1426" s="2" t="s">
        <v>87861</v>
      </c>
      <c r="C1426" s="14" t="s">
        <v>87862</v>
      </c>
      <c r="D1426" s="2" t="s">
        <v>87863</v>
      </c>
      <c r="E1426" s="2" t="s">
        <v>29173</v>
      </c>
      <c r="F1426" s="8">
        <v>499</v>
      </c>
      <c r="G1426" s="5">
        <v>20</v>
      </c>
      <c r="H1426" s="5" t="s">
        <v>69</v>
      </c>
      <c r="I1426" s="5" t="s">
        <v>27074</v>
      </c>
      <c r="J1426" s="2" t="s">
        <v>27075</v>
      </c>
      <c r="K1426" s="5" t="s">
        <v>27074</v>
      </c>
      <c r="L1426" s="2" t="s">
        <v>27075</v>
      </c>
      <c r="M1426" s="5" t="s">
        <v>24254</v>
      </c>
      <c r="N1426" s="5" t="s">
        <v>38</v>
      </c>
      <c r="O1426" s="5" t="s">
        <v>39</v>
      </c>
      <c r="P1426" s="5" t="s">
        <v>40</v>
      </c>
      <c r="Q1426" s="5" t="s">
        <v>24340</v>
      </c>
      <c r="R1426" s="5" t="s">
        <v>40</v>
      </c>
      <c r="S1426" s="5" t="s">
        <v>42</v>
      </c>
      <c r="T1426" s="2">
        <v>12.631</v>
      </c>
      <c r="U1426" s="2">
        <v>10.214</v>
      </c>
      <c r="V1426" s="2">
        <v>0.13600000000000001</v>
      </c>
      <c r="W1426" s="2">
        <v>12</v>
      </c>
      <c r="X1426" s="2">
        <v>50</v>
      </c>
      <c r="Y1426" s="2">
        <v>227.4</v>
      </c>
      <c r="Z1426" s="5">
        <v>10</v>
      </c>
      <c r="AA1426" s="5" t="s">
        <v>43</v>
      </c>
      <c r="AB1426" s="5" t="s">
        <v>44</v>
      </c>
      <c r="AC1426" s="2" t="s">
        <v>28941</v>
      </c>
      <c r="AD1426" s="1"/>
    </row>
    <row r="1427" spans="1:30">
      <c r="A1427" s="5" t="s">
        <v>83578</v>
      </c>
      <c r="B1427" s="2" t="s">
        <v>87864</v>
      </c>
      <c r="C1427" s="14" t="s">
        <v>87865</v>
      </c>
      <c r="D1427" s="2" t="s">
        <v>87866</v>
      </c>
      <c r="E1427" s="2" t="s">
        <v>28940</v>
      </c>
      <c r="F1427" s="8">
        <v>499</v>
      </c>
      <c r="G1427" s="5">
        <v>20</v>
      </c>
      <c r="H1427" s="5" t="s">
        <v>69</v>
      </c>
      <c r="I1427" s="5" t="s">
        <v>27074</v>
      </c>
      <c r="J1427" s="2" t="s">
        <v>27075</v>
      </c>
      <c r="K1427" s="5" t="s">
        <v>27074</v>
      </c>
      <c r="L1427" s="2" t="s">
        <v>27075</v>
      </c>
      <c r="M1427" s="5" t="s">
        <v>24254</v>
      </c>
      <c r="N1427" s="5" t="s">
        <v>38</v>
      </c>
      <c r="O1427" s="5" t="s">
        <v>39</v>
      </c>
      <c r="P1427" s="5" t="s">
        <v>40</v>
      </c>
      <c r="Q1427" s="5" t="s">
        <v>24340</v>
      </c>
      <c r="R1427" s="5" t="s">
        <v>40</v>
      </c>
      <c r="S1427" s="5" t="s">
        <v>42</v>
      </c>
      <c r="T1427" s="2">
        <v>14.311999999999999</v>
      </c>
      <c r="U1427" s="2">
        <v>11.895</v>
      </c>
      <c r="V1427" s="2">
        <v>0.13600000000000001</v>
      </c>
      <c r="W1427" s="2">
        <v>12</v>
      </c>
      <c r="X1427" s="2">
        <v>50</v>
      </c>
      <c r="Y1427" s="2">
        <v>227.4</v>
      </c>
      <c r="Z1427" s="5">
        <v>10</v>
      </c>
      <c r="AA1427" s="5" t="s">
        <v>43</v>
      </c>
      <c r="AB1427" s="5" t="s">
        <v>44</v>
      </c>
      <c r="AC1427" s="2" t="s">
        <v>29229</v>
      </c>
      <c r="AD1427" s="1"/>
    </row>
    <row r="1428" spans="1:30">
      <c r="A1428" s="5" t="s">
        <v>83578</v>
      </c>
      <c r="B1428" s="2" t="s">
        <v>87867</v>
      </c>
      <c r="C1428" s="14" t="s">
        <v>87868</v>
      </c>
      <c r="D1428" s="2" t="s">
        <v>87869</v>
      </c>
      <c r="E1428" s="2" t="s">
        <v>28940</v>
      </c>
      <c r="F1428" s="8">
        <v>499</v>
      </c>
      <c r="G1428" s="5">
        <v>20</v>
      </c>
      <c r="H1428" s="5" t="s">
        <v>69</v>
      </c>
      <c r="I1428" s="5" t="s">
        <v>27074</v>
      </c>
      <c r="J1428" s="2" t="s">
        <v>27075</v>
      </c>
      <c r="K1428" s="5" t="s">
        <v>27074</v>
      </c>
      <c r="L1428" s="2" t="s">
        <v>27075</v>
      </c>
      <c r="M1428" s="5" t="s">
        <v>24254</v>
      </c>
      <c r="N1428" s="5" t="s">
        <v>38</v>
      </c>
      <c r="O1428" s="5" t="s">
        <v>39</v>
      </c>
      <c r="P1428" s="5" t="s">
        <v>40</v>
      </c>
      <c r="Q1428" s="5" t="s">
        <v>24340</v>
      </c>
      <c r="R1428" s="5" t="s">
        <v>40</v>
      </c>
      <c r="S1428" s="5" t="s">
        <v>42</v>
      </c>
      <c r="T1428" s="2">
        <v>15.492000000000001</v>
      </c>
      <c r="U1428" s="2">
        <v>13.074999999999999</v>
      </c>
      <c r="V1428" s="2">
        <v>0.13600000000000001</v>
      </c>
      <c r="W1428" s="2">
        <v>12</v>
      </c>
      <c r="X1428" s="2">
        <v>50</v>
      </c>
      <c r="Y1428" s="2">
        <v>227.4</v>
      </c>
      <c r="Z1428" s="5">
        <v>10</v>
      </c>
      <c r="AA1428" s="5" t="s">
        <v>43</v>
      </c>
      <c r="AB1428" s="5" t="s">
        <v>44</v>
      </c>
      <c r="AC1428" s="2" t="s">
        <v>28941</v>
      </c>
      <c r="AD1428" s="1"/>
    </row>
    <row r="1429" spans="1:30">
      <c r="A1429" s="5" t="s">
        <v>83578</v>
      </c>
      <c r="B1429" s="2" t="s">
        <v>87870</v>
      </c>
      <c r="C1429" s="14" t="s">
        <v>87871</v>
      </c>
      <c r="D1429" s="2" t="s">
        <v>87872</v>
      </c>
      <c r="E1429" s="2" t="s">
        <v>28948</v>
      </c>
      <c r="F1429" s="8">
        <v>499</v>
      </c>
      <c r="G1429" s="5">
        <v>20</v>
      </c>
      <c r="H1429" s="5" t="s">
        <v>69</v>
      </c>
      <c r="I1429" s="5" t="s">
        <v>27074</v>
      </c>
      <c r="J1429" s="2" t="s">
        <v>27075</v>
      </c>
      <c r="K1429" s="5" t="s">
        <v>27074</v>
      </c>
      <c r="L1429" s="2" t="s">
        <v>27075</v>
      </c>
      <c r="M1429" s="5" t="s">
        <v>24254</v>
      </c>
      <c r="N1429" s="5" t="s">
        <v>38</v>
      </c>
      <c r="O1429" s="5" t="s">
        <v>39</v>
      </c>
      <c r="P1429" s="5" t="s">
        <v>40</v>
      </c>
      <c r="Q1429" s="5" t="s">
        <v>25301</v>
      </c>
      <c r="R1429" s="5" t="s">
        <v>40</v>
      </c>
      <c r="S1429" s="5" t="s">
        <v>42</v>
      </c>
      <c r="T1429" s="2">
        <v>14.397</v>
      </c>
      <c r="U1429" s="2">
        <v>11.946</v>
      </c>
      <c r="V1429" s="2">
        <v>0.13600000000000001</v>
      </c>
      <c r="W1429" s="2">
        <v>12</v>
      </c>
      <c r="X1429" s="2">
        <v>50</v>
      </c>
      <c r="Y1429" s="2">
        <v>227.4</v>
      </c>
      <c r="Z1429" s="5">
        <v>8</v>
      </c>
      <c r="AA1429" s="5" t="s">
        <v>43</v>
      </c>
      <c r="AB1429" s="5" t="s">
        <v>44</v>
      </c>
      <c r="AC1429" s="2" t="s">
        <v>28888</v>
      </c>
      <c r="AD1429" s="1"/>
    </row>
    <row r="1430" spans="1:30">
      <c r="A1430" s="5" t="s">
        <v>83578</v>
      </c>
      <c r="B1430" s="2" t="s">
        <v>87873</v>
      </c>
      <c r="C1430" s="14" t="s">
        <v>87874</v>
      </c>
      <c r="D1430" s="2" t="s">
        <v>87875</v>
      </c>
      <c r="E1430" s="2" t="s">
        <v>28896</v>
      </c>
      <c r="F1430" s="8">
        <v>499</v>
      </c>
      <c r="G1430" s="5">
        <v>20</v>
      </c>
      <c r="H1430" s="5" t="s">
        <v>69</v>
      </c>
      <c r="I1430" s="5" t="s">
        <v>27074</v>
      </c>
      <c r="J1430" s="2" t="s">
        <v>27075</v>
      </c>
      <c r="K1430" s="5" t="s">
        <v>27074</v>
      </c>
      <c r="L1430" s="2" t="s">
        <v>27075</v>
      </c>
      <c r="M1430" s="5" t="s">
        <v>24254</v>
      </c>
      <c r="N1430" s="5" t="s">
        <v>38</v>
      </c>
      <c r="O1430" s="5" t="s">
        <v>39</v>
      </c>
      <c r="P1430" s="5" t="s">
        <v>40</v>
      </c>
      <c r="Q1430" s="5" t="s">
        <v>25301</v>
      </c>
      <c r="R1430" s="5" t="s">
        <v>40</v>
      </c>
      <c r="S1430" s="5" t="s">
        <v>42</v>
      </c>
      <c r="T1430" s="2">
        <v>13.952</v>
      </c>
      <c r="U1430" s="2">
        <v>11.535</v>
      </c>
      <c r="V1430" s="2">
        <v>0.13600000000000001</v>
      </c>
      <c r="W1430" s="2">
        <v>12</v>
      </c>
      <c r="X1430" s="2">
        <v>50</v>
      </c>
      <c r="Y1430" s="2">
        <v>227.4</v>
      </c>
      <c r="Z1430" s="5">
        <v>10</v>
      </c>
      <c r="AA1430" s="5" t="s">
        <v>43</v>
      </c>
      <c r="AB1430" s="5" t="s">
        <v>44</v>
      </c>
      <c r="AC1430" s="2" t="s">
        <v>28955</v>
      </c>
      <c r="AD1430" s="1"/>
    </row>
    <row r="1431" spans="1:30">
      <c r="A1431" s="5" t="s">
        <v>83578</v>
      </c>
      <c r="B1431" s="2" t="s">
        <v>87876</v>
      </c>
      <c r="C1431" s="14" t="s">
        <v>87877</v>
      </c>
      <c r="D1431" s="2" t="s">
        <v>87878</v>
      </c>
      <c r="E1431" s="2" t="s">
        <v>28959</v>
      </c>
      <c r="F1431" s="8">
        <v>499</v>
      </c>
      <c r="G1431" s="5">
        <v>20</v>
      </c>
      <c r="H1431" s="5" t="s">
        <v>69</v>
      </c>
      <c r="I1431" s="5" t="s">
        <v>27074</v>
      </c>
      <c r="J1431" s="2" t="s">
        <v>27075</v>
      </c>
      <c r="K1431" s="5" t="s">
        <v>27074</v>
      </c>
      <c r="L1431" s="2" t="s">
        <v>27075</v>
      </c>
      <c r="M1431" s="5" t="s">
        <v>24254</v>
      </c>
      <c r="N1431" s="5" t="s">
        <v>38</v>
      </c>
      <c r="O1431" s="5" t="s">
        <v>39</v>
      </c>
      <c r="P1431" s="5" t="s">
        <v>40</v>
      </c>
      <c r="Q1431" s="5" t="s">
        <v>25301</v>
      </c>
      <c r="R1431" s="5" t="s">
        <v>40</v>
      </c>
      <c r="S1431" s="5" t="s">
        <v>42</v>
      </c>
      <c r="T1431" s="2">
        <v>10.753</v>
      </c>
      <c r="U1431" s="2">
        <v>8.3360000000000003</v>
      </c>
      <c r="V1431" s="2">
        <v>0.13600000000000001</v>
      </c>
      <c r="W1431" s="2">
        <v>12</v>
      </c>
      <c r="X1431" s="2">
        <v>50</v>
      </c>
      <c r="Y1431" s="2">
        <v>227.4</v>
      </c>
      <c r="Z1431" s="5">
        <v>10</v>
      </c>
      <c r="AA1431" s="5" t="s">
        <v>43</v>
      </c>
      <c r="AB1431" s="5" t="s">
        <v>44</v>
      </c>
      <c r="AC1431" s="2" t="s">
        <v>28955</v>
      </c>
      <c r="AD1431" s="1"/>
    </row>
    <row r="1432" spans="1:30">
      <c r="A1432" s="5" t="s">
        <v>83578</v>
      </c>
      <c r="B1432" s="2" t="s">
        <v>87879</v>
      </c>
      <c r="C1432" s="14" t="s">
        <v>87880</v>
      </c>
      <c r="D1432" s="2" t="s">
        <v>87881</v>
      </c>
      <c r="E1432" s="2" t="s">
        <v>28959</v>
      </c>
      <c r="F1432" s="8">
        <v>499</v>
      </c>
      <c r="G1432" s="5">
        <v>20</v>
      </c>
      <c r="H1432" s="5" t="s">
        <v>69</v>
      </c>
      <c r="I1432" s="5" t="s">
        <v>27074</v>
      </c>
      <c r="J1432" s="2" t="s">
        <v>27075</v>
      </c>
      <c r="K1432" s="5" t="s">
        <v>27074</v>
      </c>
      <c r="L1432" s="2" t="s">
        <v>27075</v>
      </c>
      <c r="M1432" s="5" t="s">
        <v>24254</v>
      </c>
      <c r="N1432" s="5" t="s">
        <v>38</v>
      </c>
      <c r="O1432" s="5" t="s">
        <v>39</v>
      </c>
      <c r="P1432" s="5" t="s">
        <v>40</v>
      </c>
      <c r="Q1432" s="5" t="s">
        <v>25301</v>
      </c>
      <c r="R1432" s="5" t="s">
        <v>40</v>
      </c>
      <c r="S1432" s="5" t="s">
        <v>42</v>
      </c>
      <c r="T1432" s="2">
        <v>11.391</v>
      </c>
      <c r="U1432" s="2">
        <v>8.9740000000000002</v>
      </c>
      <c r="V1432" s="2">
        <v>0.13600000000000001</v>
      </c>
      <c r="W1432" s="2">
        <v>12</v>
      </c>
      <c r="X1432" s="2">
        <v>50</v>
      </c>
      <c r="Y1432" s="2">
        <v>227.4</v>
      </c>
      <c r="Z1432" s="5">
        <v>10</v>
      </c>
      <c r="AA1432" s="5" t="s">
        <v>43</v>
      </c>
      <c r="AB1432" s="5" t="s">
        <v>44</v>
      </c>
      <c r="AC1432" s="2" t="s">
        <v>28897</v>
      </c>
      <c r="AD1432" s="1"/>
    </row>
    <row r="1433" spans="1:30">
      <c r="A1433" s="5" t="s">
        <v>83578</v>
      </c>
      <c r="B1433" s="2" t="s">
        <v>87882</v>
      </c>
      <c r="C1433" s="14" t="s">
        <v>87883</v>
      </c>
      <c r="D1433" s="2" t="s">
        <v>87884</v>
      </c>
      <c r="E1433" s="2" t="s">
        <v>28901</v>
      </c>
      <c r="F1433" s="8">
        <v>499</v>
      </c>
      <c r="G1433" s="5">
        <v>20</v>
      </c>
      <c r="H1433" s="5" t="s">
        <v>69</v>
      </c>
      <c r="I1433" s="5" t="s">
        <v>27074</v>
      </c>
      <c r="J1433" s="2" t="s">
        <v>27075</v>
      </c>
      <c r="K1433" s="5" t="s">
        <v>27074</v>
      </c>
      <c r="L1433" s="2" t="s">
        <v>27075</v>
      </c>
      <c r="M1433" s="5" t="s">
        <v>24254</v>
      </c>
      <c r="N1433" s="5" t="s">
        <v>38</v>
      </c>
      <c r="O1433" s="5" t="s">
        <v>39</v>
      </c>
      <c r="P1433" s="5" t="s">
        <v>40</v>
      </c>
      <c r="Q1433" s="5" t="s">
        <v>25301</v>
      </c>
      <c r="R1433" s="5" t="s">
        <v>40</v>
      </c>
      <c r="S1433" s="5" t="s">
        <v>42</v>
      </c>
      <c r="T1433" s="2">
        <v>10.747</v>
      </c>
      <c r="U1433" s="2">
        <v>8.33</v>
      </c>
      <c r="V1433" s="2">
        <v>0.13600000000000001</v>
      </c>
      <c r="W1433" s="2">
        <v>12</v>
      </c>
      <c r="X1433" s="2">
        <v>50</v>
      </c>
      <c r="Y1433" s="2">
        <v>227.4</v>
      </c>
      <c r="Z1433" s="5">
        <v>10</v>
      </c>
      <c r="AA1433" s="5" t="s">
        <v>43</v>
      </c>
      <c r="AB1433" s="5" t="s">
        <v>44</v>
      </c>
      <c r="AC1433" s="2" t="s">
        <v>28907</v>
      </c>
      <c r="AD1433" s="1"/>
    </row>
    <row r="1434" spans="1:30">
      <c r="A1434" s="5" t="s">
        <v>83578</v>
      </c>
      <c r="B1434" s="2" t="s">
        <v>87885</v>
      </c>
      <c r="C1434" s="14" t="s">
        <v>87886</v>
      </c>
      <c r="D1434" s="2" t="s">
        <v>87887</v>
      </c>
      <c r="E1434" s="2" t="s">
        <v>28906</v>
      </c>
      <c r="F1434" s="8">
        <v>499</v>
      </c>
      <c r="G1434" s="5">
        <v>20</v>
      </c>
      <c r="H1434" s="5" t="s">
        <v>69</v>
      </c>
      <c r="I1434" s="5" t="s">
        <v>27074</v>
      </c>
      <c r="J1434" s="2" t="s">
        <v>27075</v>
      </c>
      <c r="K1434" s="5" t="s">
        <v>27074</v>
      </c>
      <c r="L1434" s="2" t="s">
        <v>27075</v>
      </c>
      <c r="M1434" s="5" t="s">
        <v>24254</v>
      </c>
      <c r="N1434" s="5" t="s">
        <v>38</v>
      </c>
      <c r="O1434" s="5" t="s">
        <v>39</v>
      </c>
      <c r="P1434" s="5" t="s">
        <v>40</v>
      </c>
      <c r="Q1434" s="5" t="s">
        <v>25301</v>
      </c>
      <c r="R1434" s="5" t="s">
        <v>40</v>
      </c>
      <c r="S1434" s="5" t="s">
        <v>42</v>
      </c>
      <c r="T1434" s="2">
        <v>13.22</v>
      </c>
      <c r="U1434" s="2">
        <v>10.803000000000001</v>
      </c>
      <c r="V1434" s="2">
        <v>0.13600000000000001</v>
      </c>
      <c r="W1434" s="2">
        <v>12</v>
      </c>
      <c r="X1434" s="2">
        <v>50</v>
      </c>
      <c r="Y1434" s="2">
        <v>227.4</v>
      </c>
      <c r="Z1434" s="5">
        <v>10</v>
      </c>
      <c r="AA1434" s="5" t="s">
        <v>43</v>
      </c>
      <c r="AB1434" s="5" t="s">
        <v>44</v>
      </c>
      <c r="AC1434" s="2" t="s">
        <v>28907</v>
      </c>
      <c r="AD1434" s="1"/>
    </row>
    <row r="1435" spans="1:30">
      <c r="A1435" s="5" t="s">
        <v>83578</v>
      </c>
      <c r="B1435" s="2" t="s">
        <v>87888</v>
      </c>
      <c r="C1435" s="14" t="s">
        <v>87889</v>
      </c>
      <c r="D1435" s="2" t="s">
        <v>87890</v>
      </c>
      <c r="E1435" s="2" t="s">
        <v>28906</v>
      </c>
      <c r="F1435" s="8">
        <v>499</v>
      </c>
      <c r="G1435" s="5">
        <v>20</v>
      </c>
      <c r="H1435" s="5" t="s">
        <v>69</v>
      </c>
      <c r="I1435" s="5" t="s">
        <v>27074</v>
      </c>
      <c r="J1435" s="2" t="s">
        <v>27075</v>
      </c>
      <c r="K1435" s="5" t="s">
        <v>27074</v>
      </c>
      <c r="L1435" s="2" t="s">
        <v>27075</v>
      </c>
      <c r="M1435" s="5" t="s">
        <v>24254</v>
      </c>
      <c r="N1435" s="5" t="s">
        <v>38</v>
      </c>
      <c r="O1435" s="5" t="s">
        <v>39</v>
      </c>
      <c r="P1435" s="5" t="s">
        <v>40</v>
      </c>
      <c r="Q1435" s="5" t="s">
        <v>25301</v>
      </c>
      <c r="R1435" s="5" t="s">
        <v>40</v>
      </c>
      <c r="S1435" s="5" t="s">
        <v>42</v>
      </c>
      <c r="T1435" s="2">
        <v>14.259</v>
      </c>
      <c r="U1435" s="2">
        <v>11.842000000000001</v>
      </c>
      <c r="V1435" s="2">
        <v>0.13600000000000001</v>
      </c>
      <c r="W1435" s="2">
        <v>12</v>
      </c>
      <c r="X1435" s="2">
        <v>50</v>
      </c>
      <c r="Y1435" s="2">
        <v>227.4</v>
      </c>
      <c r="Z1435" s="5">
        <v>10</v>
      </c>
      <c r="AA1435" s="5" t="s">
        <v>43</v>
      </c>
      <c r="AB1435" s="5" t="s">
        <v>44</v>
      </c>
      <c r="AC1435" s="2" t="s">
        <v>28902</v>
      </c>
      <c r="AD1435" s="1"/>
    </row>
    <row r="1436" spans="1:30">
      <c r="A1436" s="5" t="s">
        <v>83578</v>
      </c>
      <c r="B1436" s="2" t="s">
        <v>87891</v>
      </c>
      <c r="C1436" s="14" t="s">
        <v>87892</v>
      </c>
      <c r="D1436" s="2" t="s">
        <v>87893</v>
      </c>
      <c r="E1436" s="2" t="s">
        <v>87894</v>
      </c>
      <c r="F1436" s="8">
        <v>278</v>
      </c>
      <c r="G1436" s="5">
        <v>5</v>
      </c>
      <c r="H1436" s="5" t="s">
        <v>69</v>
      </c>
      <c r="I1436" s="5" t="s">
        <v>27074</v>
      </c>
      <c r="J1436" s="2" t="s">
        <v>27075</v>
      </c>
      <c r="K1436" s="5" t="s">
        <v>27074</v>
      </c>
      <c r="L1436" s="2" t="s">
        <v>27075</v>
      </c>
      <c r="M1436" s="5" t="s">
        <v>24254</v>
      </c>
      <c r="N1436" s="5" t="s">
        <v>38</v>
      </c>
      <c r="O1436" s="5" t="s">
        <v>39</v>
      </c>
      <c r="P1436" s="5" t="s">
        <v>40</v>
      </c>
      <c r="Q1436" s="5" t="s">
        <v>1487</v>
      </c>
      <c r="R1436" s="5"/>
      <c r="S1436" s="5" t="s">
        <v>42</v>
      </c>
      <c r="T1436" s="2">
        <v>0</v>
      </c>
      <c r="U1436" s="2">
        <v>0</v>
      </c>
      <c r="V1436" s="2">
        <v>0</v>
      </c>
      <c r="W1436" s="2">
        <v>0</v>
      </c>
      <c r="X1436" s="2">
        <v>0</v>
      </c>
      <c r="Y1436" s="2">
        <v>0</v>
      </c>
      <c r="Z1436" s="5"/>
      <c r="AA1436" s="5" t="s">
        <v>43</v>
      </c>
      <c r="AB1436" s="5" t="s">
        <v>44</v>
      </c>
      <c r="AC1436" s="2" t="s">
        <v>87895</v>
      </c>
      <c r="AD1436" s="1"/>
    </row>
    <row r="1437" spans="1:30">
      <c r="A1437" s="5" t="s">
        <v>83578</v>
      </c>
      <c r="B1437" s="2" t="s">
        <v>87896</v>
      </c>
      <c r="C1437" s="14" t="s">
        <v>87897</v>
      </c>
      <c r="D1437" s="2" t="s">
        <v>87898</v>
      </c>
      <c r="E1437" s="2" t="s">
        <v>87894</v>
      </c>
      <c r="F1437" s="8">
        <v>278</v>
      </c>
      <c r="G1437" s="5">
        <v>5</v>
      </c>
      <c r="H1437" s="5" t="s">
        <v>69</v>
      </c>
      <c r="I1437" s="5" t="s">
        <v>27074</v>
      </c>
      <c r="J1437" s="2" t="s">
        <v>27075</v>
      </c>
      <c r="K1437" s="5" t="s">
        <v>27074</v>
      </c>
      <c r="L1437" s="2" t="s">
        <v>27075</v>
      </c>
      <c r="M1437" s="5" t="s">
        <v>24254</v>
      </c>
      <c r="N1437" s="5" t="s">
        <v>38</v>
      </c>
      <c r="O1437" s="5" t="s">
        <v>39</v>
      </c>
      <c r="P1437" s="5" t="s">
        <v>40</v>
      </c>
      <c r="Q1437" s="5" t="s">
        <v>1487</v>
      </c>
      <c r="R1437" s="5"/>
      <c r="S1437" s="5" t="s">
        <v>42</v>
      </c>
      <c r="T1437" s="2">
        <v>0</v>
      </c>
      <c r="U1437" s="2">
        <v>0</v>
      </c>
      <c r="V1437" s="2">
        <v>0</v>
      </c>
      <c r="W1437" s="2">
        <v>0</v>
      </c>
      <c r="X1437" s="2">
        <v>0</v>
      </c>
      <c r="Y1437" s="2">
        <v>0</v>
      </c>
      <c r="Z1437" s="5"/>
      <c r="AA1437" s="5" t="s">
        <v>43</v>
      </c>
      <c r="AB1437" s="5" t="s">
        <v>44</v>
      </c>
      <c r="AC1437" s="2" t="s">
        <v>87899</v>
      </c>
      <c r="AD1437" s="1"/>
    </row>
    <row r="1438" spans="1:30">
      <c r="A1438" s="5" t="s">
        <v>83578</v>
      </c>
      <c r="B1438" s="2" t="s">
        <v>87900</v>
      </c>
      <c r="C1438" s="14" t="s">
        <v>87901</v>
      </c>
      <c r="D1438" s="2" t="s">
        <v>87902</v>
      </c>
      <c r="E1438" s="2" t="s">
        <v>87894</v>
      </c>
      <c r="F1438" s="8">
        <v>278</v>
      </c>
      <c r="G1438" s="5">
        <v>5</v>
      </c>
      <c r="H1438" s="5" t="s">
        <v>69</v>
      </c>
      <c r="I1438" s="5" t="s">
        <v>27074</v>
      </c>
      <c r="J1438" s="2" t="s">
        <v>27075</v>
      </c>
      <c r="K1438" s="5" t="s">
        <v>27074</v>
      </c>
      <c r="L1438" s="2" t="s">
        <v>27075</v>
      </c>
      <c r="M1438" s="5" t="s">
        <v>24254</v>
      </c>
      <c r="N1438" s="5" t="s">
        <v>38</v>
      </c>
      <c r="O1438" s="5" t="s">
        <v>39</v>
      </c>
      <c r="P1438" s="5" t="s">
        <v>40</v>
      </c>
      <c r="Q1438" s="5" t="s">
        <v>1487</v>
      </c>
      <c r="R1438" s="5"/>
      <c r="S1438" s="5" t="s">
        <v>42</v>
      </c>
      <c r="T1438" s="2">
        <v>0</v>
      </c>
      <c r="U1438" s="2">
        <v>0</v>
      </c>
      <c r="V1438" s="2">
        <v>0</v>
      </c>
      <c r="W1438" s="2">
        <v>0</v>
      </c>
      <c r="X1438" s="2">
        <v>0</v>
      </c>
      <c r="Y1438" s="2">
        <v>0</v>
      </c>
      <c r="Z1438" s="5"/>
      <c r="AA1438" s="5" t="s">
        <v>43</v>
      </c>
      <c r="AB1438" s="5" t="s">
        <v>44</v>
      </c>
      <c r="AC1438" s="2" t="s">
        <v>87903</v>
      </c>
      <c r="AD1438" s="1"/>
    </row>
    <row r="1439" spans="1:30">
      <c r="A1439" s="5" t="s">
        <v>83578</v>
      </c>
      <c r="B1439" s="2" t="s">
        <v>87904</v>
      </c>
      <c r="C1439" s="14" t="s">
        <v>87905</v>
      </c>
      <c r="D1439" s="2" t="s">
        <v>87906</v>
      </c>
      <c r="E1439" s="2"/>
      <c r="F1439" s="8">
        <v>209</v>
      </c>
      <c r="G1439" s="5">
        <v>25</v>
      </c>
      <c r="H1439" s="5" t="s">
        <v>69</v>
      </c>
      <c r="I1439" s="5" t="s">
        <v>27074</v>
      </c>
      <c r="J1439" s="2" t="s">
        <v>27075</v>
      </c>
      <c r="K1439" s="5" t="s">
        <v>27074</v>
      </c>
      <c r="L1439" s="2" t="s">
        <v>27075</v>
      </c>
      <c r="M1439" s="5" t="s">
        <v>24254</v>
      </c>
      <c r="N1439" s="5" t="s">
        <v>38</v>
      </c>
      <c r="O1439" s="5" t="s">
        <v>39</v>
      </c>
      <c r="P1439" s="5" t="s">
        <v>40</v>
      </c>
      <c r="Q1439" s="5" t="s">
        <v>24335</v>
      </c>
      <c r="R1439" s="5" t="s">
        <v>40</v>
      </c>
      <c r="S1439" s="5" t="s">
        <v>42</v>
      </c>
      <c r="T1439" s="2">
        <v>6.13</v>
      </c>
      <c r="U1439" s="2">
        <v>4.5250000000000004</v>
      </c>
      <c r="V1439" s="2">
        <v>0.10299999999999999</v>
      </c>
      <c r="W1439" s="2">
        <v>12</v>
      </c>
      <c r="X1439" s="2">
        <v>62</v>
      </c>
      <c r="Y1439" s="2">
        <v>137.9</v>
      </c>
      <c r="Z1439" s="5">
        <v>10</v>
      </c>
      <c r="AA1439" s="5" t="s">
        <v>43</v>
      </c>
      <c r="AB1439" s="5" t="s">
        <v>44</v>
      </c>
      <c r="AC1439" s="2" t="s">
        <v>29747</v>
      </c>
      <c r="AD1439" s="1"/>
    </row>
    <row r="1440" spans="1:30">
      <c r="A1440" s="5" t="s">
        <v>83578</v>
      </c>
      <c r="B1440" s="2" t="s">
        <v>87907</v>
      </c>
      <c r="C1440" s="14" t="s">
        <v>87908</v>
      </c>
      <c r="D1440" s="2" t="s">
        <v>87909</v>
      </c>
      <c r="E1440" s="2"/>
      <c r="F1440" s="8">
        <v>209</v>
      </c>
      <c r="G1440" s="5">
        <v>25</v>
      </c>
      <c r="H1440" s="5" t="s">
        <v>69</v>
      </c>
      <c r="I1440" s="5" t="s">
        <v>27074</v>
      </c>
      <c r="J1440" s="2" t="s">
        <v>27075</v>
      </c>
      <c r="K1440" s="5" t="s">
        <v>27074</v>
      </c>
      <c r="L1440" s="2" t="s">
        <v>27075</v>
      </c>
      <c r="M1440" s="5" t="s">
        <v>24254</v>
      </c>
      <c r="N1440" s="5" t="s">
        <v>38</v>
      </c>
      <c r="O1440" s="5" t="s">
        <v>39</v>
      </c>
      <c r="P1440" s="5" t="s">
        <v>40</v>
      </c>
      <c r="Q1440" s="5" t="s">
        <v>24335</v>
      </c>
      <c r="R1440" s="5" t="s">
        <v>40</v>
      </c>
      <c r="S1440" s="5" t="s">
        <v>42</v>
      </c>
      <c r="T1440" s="2">
        <v>5.0880000000000001</v>
      </c>
      <c r="U1440" s="2">
        <v>3.4830000000000001</v>
      </c>
      <c r="V1440" s="2">
        <v>0.10299999999999999</v>
      </c>
      <c r="W1440" s="2">
        <v>12</v>
      </c>
      <c r="X1440" s="2">
        <v>62</v>
      </c>
      <c r="Y1440" s="2">
        <v>137.9</v>
      </c>
      <c r="Z1440" s="5">
        <v>10</v>
      </c>
      <c r="AA1440" s="5" t="s">
        <v>43</v>
      </c>
      <c r="AB1440" s="5" t="s">
        <v>44</v>
      </c>
      <c r="AC1440" s="2" t="s">
        <v>29629</v>
      </c>
      <c r="AD1440" s="1"/>
    </row>
    <row r="1441" spans="1:30">
      <c r="A1441" s="5" t="s">
        <v>83578</v>
      </c>
      <c r="B1441" s="2" t="s">
        <v>87910</v>
      </c>
      <c r="C1441" s="14" t="s">
        <v>87911</v>
      </c>
      <c r="D1441" s="2" t="s">
        <v>87912</v>
      </c>
      <c r="E1441" s="2"/>
      <c r="F1441" s="8">
        <v>360</v>
      </c>
      <c r="G1441" s="5">
        <v>25</v>
      </c>
      <c r="H1441" s="5" t="s">
        <v>69</v>
      </c>
      <c r="I1441" s="5" t="s">
        <v>27074</v>
      </c>
      <c r="J1441" s="2" t="s">
        <v>27075</v>
      </c>
      <c r="K1441" s="5" t="s">
        <v>27074</v>
      </c>
      <c r="L1441" s="2" t="s">
        <v>27075</v>
      </c>
      <c r="M1441" s="5" t="s">
        <v>24254</v>
      </c>
      <c r="N1441" s="5" t="s">
        <v>38</v>
      </c>
      <c r="O1441" s="5" t="s">
        <v>39</v>
      </c>
      <c r="P1441" s="5" t="s">
        <v>40</v>
      </c>
      <c r="Q1441" s="5" t="s">
        <v>24340</v>
      </c>
      <c r="R1441" s="5" t="s">
        <v>40</v>
      </c>
      <c r="S1441" s="5" t="s">
        <v>42</v>
      </c>
      <c r="T1441" s="2">
        <v>12.420999999999999</v>
      </c>
      <c r="U1441" s="2">
        <v>10.782</v>
      </c>
      <c r="V1441" s="2">
        <v>0.10299999999999999</v>
      </c>
      <c r="W1441" s="2">
        <v>12</v>
      </c>
      <c r="X1441" s="2">
        <v>62</v>
      </c>
      <c r="Y1441" s="2">
        <v>137.9</v>
      </c>
      <c r="Z1441" s="5">
        <v>8</v>
      </c>
      <c r="AA1441" s="5" t="s">
        <v>43</v>
      </c>
      <c r="AB1441" s="5" t="s">
        <v>44</v>
      </c>
      <c r="AC1441" s="2" t="s">
        <v>29641</v>
      </c>
      <c r="AD1441" s="1"/>
    </row>
    <row r="1442" spans="1:30">
      <c r="A1442" s="5" t="s">
        <v>83578</v>
      </c>
      <c r="B1442" s="2" t="s">
        <v>87913</v>
      </c>
      <c r="C1442" s="14" t="s">
        <v>87914</v>
      </c>
      <c r="D1442" s="2" t="s">
        <v>87915</v>
      </c>
      <c r="E1442" s="2"/>
      <c r="F1442" s="8">
        <v>360</v>
      </c>
      <c r="G1442" s="5">
        <v>25</v>
      </c>
      <c r="H1442" s="5" t="s">
        <v>69</v>
      </c>
      <c r="I1442" s="5" t="s">
        <v>27074</v>
      </c>
      <c r="J1442" s="2" t="s">
        <v>27075</v>
      </c>
      <c r="K1442" s="5" t="s">
        <v>27074</v>
      </c>
      <c r="L1442" s="2" t="s">
        <v>27075</v>
      </c>
      <c r="M1442" s="5" t="s">
        <v>24254</v>
      </c>
      <c r="N1442" s="5" t="s">
        <v>38</v>
      </c>
      <c r="O1442" s="5" t="s">
        <v>39</v>
      </c>
      <c r="P1442" s="5" t="s">
        <v>40</v>
      </c>
      <c r="Q1442" s="5" t="s">
        <v>24340</v>
      </c>
      <c r="R1442" s="5" t="s">
        <v>40</v>
      </c>
      <c r="S1442" s="5" t="s">
        <v>42</v>
      </c>
      <c r="T1442" s="2">
        <v>9.0809999999999995</v>
      </c>
      <c r="U1442" s="2">
        <v>7.476</v>
      </c>
      <c r="V1442" s="2">
        <v>0.10299999999999999</v>
      </c>
      <c r="W1442" s="2">
        <v>12</v>
      </c>
      <c r="X1442" s="2">
        <v>62</v>
      </c>
      <c r="Y1442" s="2">
        <v>137.9</v>
      </c>
      <c r="Z1442" s="5">
        <v>10</v>
      </c>
      <c r="AA1442" s="5" t="s">
        <v>43</v>
      </c>
      <c r="AB1442" s="5" t="s">
        <v>44</v>
      </c>
      <c r="AC1442" s="2" t="s">
        <v>87916</v>
      </c>
      <c r="AD1442" s="1"/>
    </row>
    <row r="1443" spans="1:30">
      <c r="A1443" s="5" t="s">
        <v>83578</v>
      </c>
      <c r="B1443" s="2" t="s">
        <v>87917</v>
      </c>
      <c r="C1443" s="14" t="s">
        <v>87918</v>
      </c>
      <c r="D1443" s="2" t="s">
        <v>87919</v>
      </c>
      <c r="E1443" s="2"/>
      <c r="F1443" s="8">
        <v>360</v>
      </c>
      <c r="G1443" s="5">
        <v>25</v>
      </c>
      <c r="H1443" s="5" t="s">
        <v>69</v>
      </c>
      <c r="I1443" s="5" t="s">
        <v>27074</v>
      </c>
      <c r="J1443" s="2" t="s">
        <v>27075</v>
      </c>
      <c r="K1443" s="5" t="s">
        <v>27074</v>
      </c>
      <c r="L1443" s="2" t="s">
        <v>27075</v>
      </c>
      <c r="M1443" s="5" t="s">
        <v>24254</v>
      </c>
      <c r="N1443" s="5" t="s">
        <v>38</v>
      </c>
      <c r="O1443" s="5" t="s">
        <v>39</v>
      </c>
      <c r="P1443" s="5" t="s">
        <v>40</v>
      </c>
      <c r="Q1443" s="5" t="s">
        <v>24340</v>
      </c>
      <c r="R1443" s="5" t="s">
        <v>40</v>
      </c>
      <c r="S1443" s="5" t="s">
        <v>42</v>
      </c>
      <c r="T1443" s="2">
        <v>9.7929999999999993</v>
      </c>
      <c r="U1443" s="2">
        <v>8.1880000000000006</v>
      </c>
      <c r="V1443" s="2">
        <v>0.10299999999999999</v>
      </c>
      <c r="W1443" s="2">
        <v>12</v>
      </c>
      <c r="X1443" s="2">
        <v>62</v>
      </c>
      <c r="Y1443" s="2">
        <v>137.9</v>
      </c>
      <c r="Z1443" s="5">
        <v>10</v>
      </c>
      <c r="AA1443" s="5" t="s">
        <v>43</v>
      </c>
      <c r="AB1443" s="5" t="s">
        <v>44</v>
      </c>
      <c r="AC1443" s="2" t="s">
        <v>87920</v>
      </c>
      <c r="AD1443" s="1"/>
    </row>
    <row r="1444" spans="1:30">
      <c r="A1444" s="5" t="s">
        <v>83578</v>
      </c>
      <c r="B1444" s="2" t="s">
        <v>87921</v>
      </c>
      <c r="C1444" s="14" t="s">
        <v>87922</v>
      </c>
      <c r="D1444" s="2" t="s">
        <v>87923</v>
      </c>
      <c r="E1444" s="2"/>
      <c r="F1444" s="8">
        <v>360</v>
      </c>
      <c r="G1444" s="5">
        <v>25</v>
      </c>
      <c r="H1444" s="5" t="s">
        <v>69</v>
      </c>
      <c r="I1444" s="5" t="s">
        <v>27074</v>
      </c>
      <c r="J1444" s="2" t="s">
        <v>27075</v>
      </c>
      <c r="K1444" s="5" t="s">
        <v>27074</v>
      </c>
      <c r="L1444" s="2" t="s">
        <v>27075</v>
      </c>
      <c r="M1444" s="5" t="s">
        <v>24254</v>
      </c>
      <c r="N1444" s="5" t="s">
        <v>38</v>
      </c>
      <c r="O1444" s="5" t="s">
        <v>39</v>
      </c>
      <c r="P1444" s="5" t="s">
        <v>40</v>
      </c>
      <c r="Q1444" s="5" t="s">
        <v>24340</v>
      </c>
      <c r="R1444" s="5" t="s">
        <v>40</v>
      </c>
      <c r="S1444" s="5" t="s">
        <v>42</v>
      </c>
      <c r="T1444" s="2">
        <v>6.0620000000000003</v>
      </c>
      <c r="U1444" s="2">
        <v>4.4569999999999999</v>
      </c>
      <c r="V1444" s="2">
        <v>0.10299999999999999</v>
      </c>
      <c r="W1444" s="2">
        <v>12</v>
      </c>
      <c r="X1444" s="2">
        <v>62</v>
      </c>
      <c r="Y1444" s="2">
        <v>137.9</v>
      </c>
      <c r="Z1444" s="5">
        <v>10</v>
      </c>
      <c r="AA1444" s="5" t="s">
        <v>43</v>
      </c>
      <c r="AB1444" s="5" t="s">
        <v>44</v>
      </c>
      <c r="AC1444" s="2" t="s">
        <v>29648</v>
      </c>
      <c r="AD1444" s="1"/>
    </row>
    <row r="1445" spans="1:30">
      <c r="A1445" s="5" t="s">
        <v>83578</v>
      </c>
      <c r="B1445" s="2" t="s">
        <v>87924</v>
      </c>
      <c r="C1445" s="14" t="s">
        <v>87925</v>
      </c>
      <c r="D1445" s="2" t="s">
        <v>87926</v>
      </c>
      <c r="E1445" s="2"/>
      <c r="F1445" s="8">
        <v>360</v>
      </c>
      <c r="G1445" s="5">
        <v>25</v>
      </c>
      <c r="H1445" s="5" t="s">
        <v>69</v>
      </c>
      <c r="I1445" s="5" t="s">
        <v>27074</v>
      </c>
      <c r="J1445" s="2" t="s">
        <v>27075</v>
      </c>
      <c r="K1445" s="5" t="s">
        <v>27074</v>
      </c>
      <c r="L1445" s="2" t="s">
        <v>27075</v>
      </c>
      <c r="M1445" s="5" t="s">
        <v>24254</v>
      </c>
      <c r="N1445" s="5" t="s">
        <v>38</v>
      </c>
      <c r="O1445" s="5" t="s">
        <v>39</v>
      </c>
      <c r="P1445" s="5" t="s">
        <v>40</v>
      </c>
      <c r="Q1445" s="5" t="s">
        <v>24340</v>
      </c>
      <c r="R1445" s="5" t="s">
        <v>40</v>
      </c>
      <c r="S1445" s="5" t="s">
        <v>42</v>
      </c>
      <c r="T1445" s="2">
        <v>6.7770000000000001</v>
      </c>
      <c r="U1445" s="2">
        <v>5.1719999999999997</v>
      </c>
      <c r="V1445" s="2">
        <v>0.10299999999999999</v>
      </c>
      <c r="W1445" s="2">
        <v>12</v>
      </c>
      <c r="X1445" s="2">
        <v>62</v>
      </c>
      <c r="Y1445" s="2">
        <v>137.9</v>
      </c>
      <c r="Z1445" s="5">
        <v>10</v>
      </c>
      <c r="AA1445" s="5" t="s">
        <v>43</v>
      </c>
      <c r="AB1445" s="5" t="s">
        <v>44</v>
      </c>
      <c r="AC1445" s="2" t="s">
        <v>29923</v>
      </c>
      <c r="AD1445" s="1"/>
    </row>
    <row r="1446" spans="1:30">
      <c r="A1446" s="5" t="s">
        <v>83578</v>
      </c>
      <c r="B1446" s="2" t="s">
        <v>87927</v>
      </c>
      <c r="C1446" s="14" t="s">
        <v>87928</v>
      </c>
      <c r="D1446" s="2" t="s">
        <v>87929</v>
      </c>
      <c r="E1446" s="2"/>
      <c r="F1446" s="8">
        <v>360</v>
      </c>
      <c r="G1446" s="5">
        <v>25</v>
      </c>
      <c r="H1446" s="5" t="s">
        <v>69</v>
      </c>
      <c r="I1446" s="5" t="s">
        <v>27074</v>
      </c>
      <c r="J1446" s="2" t="s">
        <v>27075</v>
      </c>
      <c r="K1446" s="5" t="s">
        <v>27074</v>
      </c>
      <c r="L1446" s="2" t="s">
        <v>27075</v>
      </c>
      <c r="M1446" s="5" t="s">
        <v>24254</v>
      </c>
      <c r="N1446" s="5" t="s">
        <v>38</v>
      </c>
      <c r="O1446" s="5" t="s">
        <v>39</v>
      </c>
      <c r="P1446" s="5" t="s">
        <v>40</v>
      </c>
      <c r="Q1446" s="5" t="s">
        <v>24340</v>
      </c>
      <c r="R1446" s="5" t="s">
        <v>40</v>
      </c>
      <c r="S1446" s="5" t="s">
        <v>42</v>
      </c>
      <c r="T1446" s="2">
        <v>8.3569999999999993</v>
      </c>
      <c r="U1446" s="2">
        <v>6.7519999999999998</v>
      </c>
      <c r="V1446" s="2">
        <v>0.10299999999999999</v>
      </c>
      <c r="W1446" s="2">
        <v>12</v>
      </c>
      <c r="X1446" s="2">
        <v>62</v>
      </c>
      <c r="Y1446" s="2">
        <v>137.9</v>
      </c>
      <c r="Z1446" s="5">
        <v>10</v>
      </c>
      <c r="AA1446" s="5" t="s">
        <v>43</v>
      </c>
      <c r="AB1446" s="5" t="s">
        <v>44</v>
      </c>
      <c r="AC1446" s="2" t="s">
        <v>29923</v>
      </c>
      <c r="AD1446" s="1"/>
    </row>
    <row r="1447" spans="1:30">
      <c r="A1447" s="5" t="s">
        <v>83578</v>
      </c>
      <c r="B1447" s="2" t="s">
        <v>87930</v>
      </c>
      <c r="C1447" s="14" t="s">
        <v>87931</v>
      </c>
      <c r="D1447" s="2" t="s">
        <v>87932</v>
      </c>
      <c r="E1447" s="2"/>
      <c r="F1447" s="8">
        <v>360</v>
      </c>
      <c r="G1447" s="5">
        <v>25</v>
      </c>
      <c r="H1447" s="5" t="s">
        <v>69</v>
      </c>
      <c r="I1447" s="5" t="s">
        <v>27074</v>
      </c>
      <c r="J1447" s="2" t="s">
        <v>27075</v>
      </c>
      <c r="K1447" s="5" t="s">
        <v>27074</v>
      </c>
      <c r="L1447" s="2" t="s">
        <v>27075</v>
      </c>
      <c r="M1447" s="5" t="s">
        <v>24254</v>
      </c>
      <c r="N1447" s="5" t="s">
        <v>38</v>
      </c>
      <c r="O1447" s="5" t="s">
        <v>39</v>
      </c>
      <c r="P1447" s="5" t="s">
        <v>40</v>
      </c>
      <c r="Q1447" s="5" t="s">
        <v>25301</v>
      </c>
      <c r="R1447" s="5" t="s">
        <v>40</v>
      </c>
      <c r="S1447" s="5" t="s">
        <v>42</v>
      </c>
      <c r="T1447" s="2">
        <v>13.303000000000001</v>
      </c>
      <c r="U1447" s="2">
        <v>11.663</v>
      </c>
      <c r="V1447" s="2">
        <v>0.10299999999999999</v>
      </c>
      <c r="W1447" s="2">
        <v>12</v>
      </c>
      <c r="X1447" s="2">
        <v>62</v>
      </c>
      <c r="Y1447" s="2">
        <v>137.9</v>
      </c>
      <c r="Z1447" s="5">
        <v>8</v>
      </c>
      <c r="AA1447" s="5" t="s">
        <v>43</v>
      </c>
      <c r="AB1447" s="5" t="s">
        <v>44</v>
      </c>
      <c r="AC1447" s="2" t="s">
        <v>29820</v>
      </c>
      <c r="AD1447" s="1"/>
    </row>
    <row r="1448" spans="1:30">
      <c r="A1448" s="5" t="s">
        <v>83578</v>
      </c>
      <c r="B1448" s="2" t="s">
        <v>87933</v>
      </c>
      <c r="C1448" s="14" t="s">
        <v>87934</v>
      </c>
      <c r="D1448" s="2" t="s">
        <v>87935</v>
      </c>
      <c r="E1448" s="2"/>
      <c r="F1448" s="8">
        <v>360</v>
      </c>
      <c r="G1448" s="5">
        <v>25</v>
      </c>
      <c r="H1448" s="5" t="s">
        <v>69</v>
      </c>
      <c r="I1448" s="5" t="s">
        <v>27074</v>
      </c>
      <c r="J1448" s="2" t="s">
        <v>27075</v>
      </c>
      <c r="K1448" s="5" t="s">
        <v>27074</v>
      </c>
      <c r="L1448" s="2" t="s">
        <v>27075</v>
      </c>
      <c r="M1448" s="5" t="s">
        <v>24254</v>
      </c>
      <c r="N1448" s="5" t="s">
        <v>38</v>
      </c>
      <c r="O1448" s="5" t="s">
        <v>39</v>
      </c>
      <c r="P1448" s="5" t="s">
        <v>40</v>
      </c>
      <c r="Q1448" s="5" t="s">
        <v>25301</v>
      </c>
      <c r="R1448" s="5" t="s">
        <v>40</v>
      </c>
      <c r="S1448" s="5" t="s">
        <v>42</v>
      </c>
      <c r="T1448" s="2">
        <v>11.670999999999999</v>
      </c>
      <c r="U1448" s="2">
        <v>10.032</v>
      </c>
      <c r="V1448" s="2">
        <v>0.10299999999999999</v>
      </c>
      <c r="W1448" s="2">
        <v>12</v>
      </c>
      <c r="X1448" s="2">
        <v>62</v>
      </c>
      <c r="Y1448" s="2">
        <v>137.9</v>
      </c>
      <c r="Z1448" s="5">
        <v>8</v>
      </c>
      <c r="AA1448" s="5" t="s">
        <v>43</v>
      </c>
      <c r="AB1448" s="5" t="s">
        <v>44</v>
      </c>
      <c r="AC1448" s="2" t="s">
        <v>29820</v>
      </c>
      <c r="AD1448" s="1"/>
    </row>
    <row r="1449" spans="1:30">
      <c r="A1449" s="5" t="s">
        <v>83578</v>
      </c>
      <c r="B1449" s="2" t="s">
        <v>87936</v>
      </c>
      <c r="C1449" s="14" t="s">
        <v>87937</v>
      </c>
      <c r="D1449" s="2" t="s">
        <v>87938</v>
      </c>
      <c r="E1449" s="2"/>
      <c r="F1449" s="8">
        <v>360</v>
      </c>
      <c r="G1449" s="5">
        <v>25</v>
      </c>
      <c r="H1449" s="5" t="s">
        <v>69</v>
      </c>
      <c r="I1449" s="5" t="s">
        <v>27074</v>
      </c>
      <c r="J1449" s="2" t="s">
        <v>27075</v>
      </c>
      <c r="K1449" s="5" t="s">
        <v>27074</v>
      </c>
      <c r="L1449" s="2" t="s">
        <v>27075</v>
      </c>
      <c r="M1449" s="5" t="s">
        <v>24254</v>
      </c>
      <c r="N1449" s="5" t="s">
        <v>38</v>
      </c>
      <c r="O1449" s="5" t="s">
        <v>39</v>
      </c>
      <c r="P1449" s="5" t="s">
        <v>40</v>
      </c>
      <c r="Q1449" s="5" t="s">
        <v>25301</v>
      </c>
      <c r="R1449" s="5" t="s">
        <v>40</v>
      </c>
      <c r="S1449" s="5" t="s">
        <v>42</v>
      </c>
      <c r="T1449" s="2">
        <v>9.9250000000000007</v>
      </c>
      <c r="U1449" s="2">
        <v>8.3170000000000002</v>
      </c>
      <c r="V1449" s="2">
        <v>0.10299999999999999</v>
      </c>
      <c r="W1449" s="2">
        <v>12</v>
      </c>
      <c r="X1449" s="2">
        <v>62</v>
      </c>
      <c r="Y1449" s="2">
        <v>137.9</v>
      </c>
      <c r="Z1449" s="5">
        <v>8</v>
      </c>
      <c r="AA1449" s="5" t="s">
        <v>43</v>
      </c>
      <c r="AB1449" s="5" t="s">
        <v>44</v>
      </c>
      <c r="AC1449" s="2" t="s">
        <v>29820</v>
      </c>
      <c r="AD1449" s="1"/>
    </row>
    <row r="1450" spans="1:30">
      <c r="A1450" s="5" t="s">
        <v>83578</v>
      </c>
      <c r="B1450" s="2" t="s">
        <v>87939</v>
      </c>
      <c r="C1450" s="14" t="s">
        <v>87940</v>
      </c>
      <c r="D1450" s="2" t="s">
        <v>87941</v>
      </c>
      <c r="E1450" s="2"/>
      <c r="F1450" s="8">
        <v>360</v>
      </c>
      <c r="G1450" s="5">
        <v>25</v>
      </c>
      <c r="H1450" s="5" t="s">
        <v>69</v>
      </c>
      <c r="I1450" s="5" t="s">
        <v>27074</v>
      </c>
      <c r="J1450" s="2" t="s">
        <v>27075</v>
      </c>
      <c r="K1450" s="5" t="s">
        <v>27074</v>
      </c>
      <c r="L1450" s="2" t="s">
        <v>27075</v>
      </c>
      <c r="M1450" s="5" t="s">
        <v>24254</v>
      </c>
      <c r="N1450" s="5" t="s">
        <v>38</v>
      </c>
      <c r="O1450" s="5" t="s">
        <v>39</v>
      </c>
      <c r="P1450" s="5" t="s">
        <v>40</v>
      </c>
      <c r="Q1450" s="5" t="s">
        <v>25301</v>
      </c>
      <c r="R1450" s="5" t="s">
        <v>40</v>
      </c>
      <c r="S1450" s="5" t="s">
        <v>42</v>
      </c>
      <c r="T1450" s="2">
        <v>8.1370000000000005</v>
      </c>
      <c r="U1450" s="2">
        <v>6.532</v>
      </c>
      <c r="V1450" s="2">
        <v>0.10299999999999999</v>
      </c>
      <c r="W1450" s="2">
        <v>12</v>
      </c>
      <c r="X1450" s="2">
        <v>62</v>
      </c>
      <c r="Y1450" s="2">
        <v>137.9</v>
      </c>
      <c r="Z1450" s="5">
        <v>10</v>
      </c>
      <c r="AA1450" s="5" t="s">
        <v>43</v>
      </c>
      <c r="AB1450" s="5" t="s">
        <v>44</v>
      </c>
      <c r="AC1450" s="2" t="s">
        <v>87942</v>
      </c>
      <c r="AD1450" s="1"/>
    </row>
    <row r="1451" spans="1:30">
      <c r="A1451" s="5" t="s">
        <v>83578</v>
      </c>
      <c r="B1451" s="2" t="s">
        <v>87943</v>
      </c>
      <c r="C1451" s="14" t="s">
        <v>87944</v>
      </c>
      <c r="D1451" s="2" t="s">
        <v>87945</v>
      </c>
      <c r="E1451" s="2"/>
      <c r="F1451" s="8">
        <v>360</v>
      </c>
      <c r="G1451" s="5">
        <v>25</v>
      </c>
      <c r="H1451" s="5" t="s">
        <v>69</v>
      </c>
      <c r="I1451" s="5" t="s">
        <v>27074</v>
      </c>
      <c r="J1451" s="2" t="s">
        <v>27075</v>
      </c>
      <c r="K1451" s="5" t="s">
        <v>27074</v>
      </c>
      <c r="L1451" s="2" t="s">
        <v>27075</v>
      </c>
      <c r="M1451" s="5" t="s">
        <v>24254</v>
      </c>
      <c r="N1451" s="5" t="s">
        <v>38</v>
      </c>
      <c r="O1451" s="5" t="s">
        <v>39</v>
      </c>
      <c r="P1451" s="5" t="s">
        <v>40</v>
      </c>
      <c r="Q1451" s="5" t="s">
        <v>25301</v>
      </c>
      <c r="R1451" s="5" t="s">
        <v>40</v>
      </c>
      <c r="S1451" s="5" t="s">
        <v>42</v>
      </c>
      <c r="T1451" s="2">
        <v>8.7100000000000009</v>
      </c>
      <c r="U1451" s="2">
        <v>7.1050000000000004</v>
      </c>
      <c r="V1451" s="2">
        <v>0.10299999999999999</v>
      </c>
      <c r="W1451" s="2">
        <v>12</v>
      </c>
      <c r="X1451" s="2">
        <v>62</v>
      </c>
      <c r="Y1451" s="2">
        <v>137.9</v>
      </c>
      <c r="Z1451" s="5">
        <v>10</v>
      </c>
      <c r="AA1451" s="5" t="s">
        <v>43</v>
      </c>
      <c r="AB1451" s="5" t="s">
        <v>44</v>
      </c>
      <c r="AC1451" s="2" t="s">
        <v>30038</v>
      </c>
      <c r="AD1451" s="1"/>
    </row>
    <row r="1452" spans="1:30">
      <c r="A1452" s="5" t="s">
        <v>83578</v>
      </c>
      <c r="B1452" s="2" t="s">
        <v>87946</v>
      </c>
      <c r="C1452" s="14" t="s">
        <v>87947</v>
      </c>
      <c r="D1452" s="2" t="s">
        <v>87948</v>
      </c>
      <c r="E1452" s="2"/>
      <c r="F1452" s="8">
        <v>360</v>
      </c>
      <c r="G1452" s="5">
        <v>25</v>
      </c>
      <c r="H1452" s="5" t="s">
        <v>69</v>
      </c>
      <c r="I1452" s="5" t="s">
        <v>27074</v>
      </c>
      <c r="J1452" s="2" t="s">
        <v>27075</v>
      </c>
      <c r="K1452" s="5" t="s">
        <v>27074</v>
      </c>
      <c r="L1452" s="2" t="s">
        <v>27075</v>
      </c>
      <c r="M1452" s="5" t="s">
        <v>24254</v>
      </c>
      <c r="N1452" s="5" t="s">
        <v>38</v>
      </c>
      <c r="O1452" s="5" t="s">
        <v>39</v>
      </c>
      <c r="P1452" s="5" t="s">
        <v>40</v>
      </c>
      <c r="Q1452" s="5" t="s">
        <v>25301</v>
      </c>
      <c r="R1452" s="5" t="s">
        <v>40</v>
      </c>
      <c r="S1452" s="5" t="s">
        <v>42</v>
      </c>
      <c r="T1452" s="2">
        <v>5.64</v>
      </c>
      <c r="U1452" s="2">
        <v>4.0350000000000001</v>
      </c>
      <c r="V1452" s="2">
        <v>0.10299999999999999</v>
      </c>
      <c r="W1452" s="2">
        <v>12</v>
      </c>
      <c r="X1452" s="2">
        <v>62</v>
      </c>
      <c r="Y1452" s="2">
        <v>137.9</v>
      </c>
      <c r="Z1452" s="5">
        <v>10</v>
      </c>
      <c r="AA1452" s="5" t="s">
        <v>43</v>
      </c>
      <c r="AB1452" s="5" t="s">
        <v>44</v>
      </c>
      <c r="AC1452" s="2" t="s">
        <v>87949</v>
      </c>
      <c r="AD1452" s="1"/>
    </row>
    <row r="1453" spans="1:30">
      <c r="A1453" s="5" t="s">
        <v>83578</v>
      </c>
      <c r="B1453" s="2" t="s">
        <v>87950</v>
      </c>
      <c r="C1453" s="14" t="s">
        <v>87951</v>
      </c>
      <c r="D1453" s="2" t="s">
        <v>87952</v>
      </c>
      <c r="E1453" s="2"/>
      <c r="F1453" s="8">
        <v>360</v>
      </c>
      <c r="G1453" s="5">
        <v>25</v>
      </c>
      <c r="H1453" s="5" t="s">
        <v>69</v>
      </c>
      <c r="I1453" s="5" t="s">
        <v>27074</v>
      </c>
      <c r="J1453" s="2" t="s">
        <v>27075</v>
      </c>
      <c r="K1453" s="5" t="s">
        <v>27074</v>
      </c>
      <c r="L1453" s="2" t="s">
        <v>27075</v>
      </c>
      <c r="M1453" s="5" t="s">
        <v>24254</v>
      </c>
      <c r="N1453" s="5" t="s">
        <v>38</v>
      </c>
      <c r="O1453" s="5" t="s">
        <v>39</v>
      </c>
      <c r="P1453" s="5" t="s">
        <v>40</v>
      </c>
      <c r="Q1453" s="5" t="s">
        <v>25301</v>
      </c>
      <c r="R1453" s="5" t="s">
        <v>40</v>
      </c>
      <c r="S1453" s="5" t="s">
        <v>42</v>
      </c>
      <c r="T1453" s="2">
        <v>6.2149999999999999</v>
      </c>
      <c r="U1453" s="2">
        <v>4.6100000000000003</v>
      </c>
      <c r="V1453" s="2">
        <v>0.10299999999999999</v>
      </c>
      <c r="W1453" s="2">
        <v>12</v>
      </c>
      <c r="X1453" s="2">
        <v>62</v>
      </c>
      <c r="Y1453" s="2">
        <v>137.9</v>
      </c>
      <c r="Z1453" s="5">
        <v>10</v>
      </c>
      <c r="AA1453" s="5" t="s">
        <v>43</v>
      </c>
      <c r="AB1453" s="5" t="s">
        <v>44</v>
      </c>
      <c r="AC1453" s="2" t="s">
        <v>30042</v>
      </c>
      <c r="AD1453" s="1"/>
    </row>
    <row r="1454" spans="1:30">
      <c r="A1454" s="5" t="s">
        <v>83578</v>
      </c>
      <c r="B1454" s="2" t="s">
        <v>87953</v>
      </c>
      <c r="C1454" s="14" t="s">
        <v>87954</v>
      </c>
      <c r="D1454" s="2" t="s">
        <v>87955</v>
      </c>
      <c r="E1454" s="2"/>
      <c r="F1454" s="8">
        <v>360</v>
      </c>
      <c r="G1454" s="5">
        <v>25</v>
      </c>
      <c r="H1454" s="5" t="s">
        <v>69</v>
      </c>
      <c r="I1454" s="5" t="s">
        <v>27074</v>
      </c>
      <c r="J1454" s="2" t="s">
        <v>27075</v>
      </c>
      <c r="K1454" s="5" t="s">
        <v>27074</v>
      </c>
      <c r="L1454" s="2" t="s">
        <v>27075</v>
      </c>
      <c r="M1454" s="5" t="s">
        <v>24254</v>
      </c>
      <c r="N1454" s="5" t="s">
        <v>38</v>
      </c>
      <c r="O1454" s="5" t="s">
        <v>39</v>
      </c>
      <c r="P1454" s="5" t="s">
        <v>40</v>
      </c>
      <c r="Q1454" s="5" t="s">
        <v>25301</v>
      </c>
      <c r="R1454" s="5" t="s">
        <v>40</v>
      </c>
      <c r="S1454" s="5" t="s">
        <v>42</v>
      </c>
      <c r="T1454" s="2">
        <v>6.9039999999999999</v>
      </c>
      <c r="U1454" s="2">
        <v>5.2990000000000004</v>
      </c>
      <c r="V1454" s="2">
        <v>0.10299999999999999</v>
      </c>
      <c r="W1454" s="2">
        <v>12</v>
      </c>
      <c r="X1454" s="2">
        <v>62</v>
      </c>
      <c r="Y1454" s="2">
        <v>137.9</v>
      </c>
      <c r="Z1454" s="5">
        <v>10</v>
      </c>
      <c r="AA1454" s="5" t="s">
        <v>43</v>
      </c>
      <c r="AB1454" s="5" t="s">
        <v>44</v>
      </c>
      <c r="AC1454" s="2" t="s">
        <v>87949</v>
      </c>
      <c r="AD1454" s="1"/>
    </row>
    <row r="1455" spans="1:30">
      <c r="A1455" s="5" t="s">
        <v>83578</v>
      </c>
      <c r="B1455" s="2" t="s">
        <v>87956</v>
      </c>
      <c r="C1455" s="14" t="s">
        <v>87957</v>
      </c>
      <c r="D1455" s="2" t="s">
        <v>87958</v>
      </c>
      <c r="E1455" s="2"/>
      <c r="F1455" s="8">
        <v>360</v>
      </c>
      <c r="G1455" s="5">
        <v>25</v>
      </c>
      <c r="H1455" s="5" t="s">
        <v>69</v>
      </c>
      <c r="I1455" s="5" t="s">
        <v>27074</v>
      </c>
      <c r="J1455" s="2" t="s">
        <v>27075</v>
      </c>
      <c r="K1455" s="5" t="s">
        <v>27074</v>
      </c>
      <c r="L1455" s="2" t="s">
        <v>27075</v>
      </c>
      <c r="M1455" s="5" t="s">
        <v>24254</v>
      </c>
      <c r="N1455" s="5" t="s">
        <v>38</v>
      </c>
      <c r="O1455" s="5" t="s">
        <v>39</v>
      </c>
      <c r="P1455" s="5" t="s">
        <v>40</v>
      </c>
      <c r="Q1455" s="5" t="s">
        <v>25301</v>
      </c>
      <c r="R1455" s="5" t="s">
        <v>40</v>
      </c>
      <c r="S1455" s="5" t="s">
        <v>42</v>
      </c>
      <c r="T1455" s="2">
        <v>7.5629999999999997</v>
      </c>
      <c r="U1455" s="2">
        <v>5.9580000000000002</v>
      </c>
      <c r="V1455" s="2">
        <v>0.10299999999999999</v>
      </c>
      <c r="W1455" s="2">
        <v>12</v>
      </c>
      <c r="X1455" s="2">
        <v>62</v>
      </c>
      <c r="Y1455" s="2">
        <v>137.9</v>
      </c>
      <c r="Z1455" s="5">
        <v>10</v>
      </c>
      <c r="AA1455" s="5" t="s">
        <v>43</v>
      </c>
      <c r="AB1455" s="5" t="s">
        <v>44</v>
      </c>
      <c r="AC1455" s="2" t="s">
        <v>30042</v>
      </c>
      <c r="AD1455" s="1"/>
    </row>
    <row r="1456" spans="1:30">
      <c r="A1456" s="5" t="s">
        <v>83578</v>
      </c>
      <c r="B1456" s="2" t="s">
        <v>87959</v>
      </c>
      <c r="C1456" s="14" t="s">
        <v>87960</v>
      </c>
      <c r="D1456" s="2" t="s">
        <v>87961</v>
      </c>
      <c r="E1456" s="2" t="s">
        <v>87894</v>
      </c>
      <c r="F1456" s="8">
        <v>294</v>
      </c>
      <c r="G1456" s="5">
        <v>5</v>
      </c>
      <c r="H1456" s="5" t="s">
        <v>69</v>
      </c>
      <c r="I1456" s="5" t="s">
        <v>27074</v>
      </c>
      <c r="J1456" s="2" t="s">
        <v>27075</v>
      </c>
      <c r="K1456" s="5" t="s">
        <v>27074</v>
      </c>
      <c r="L1456" s="2" t="s">
        <v>27075</v>
      </c>
      <c r="M1456" s="5" t="s">
        <v>24254</v>
      </c>
      <c r="N1456" s="5" t="s">
        <v>38</v>
      </c>
      <c r="O1456" s="5" t="s">
        <v>39</v>
      </c>
      <c r="P1456" s="5" t="s">
        <v>40</v>
      </c>
      <c r="Q1456" s="5" t="s">
        <v>1487</v>
      </c>
      <c r="R1456" s="5"/>
      <c r="S1456" s="5" t="s">
        <v>42</v>
      </c>
      <c r="T1456" s="2">
        <v>0</v>
      </c>
      <c r="U1456" s="2">
        <v>0</v>
      </c>
      <c r="V1456" s="2">
        <v>0</v>
      </c>
      <c r="W1456" s="2">
        <v>0</v>
      </c>
      <c r="X1456" s="2">
        <v>0</v>
      </c>
      <c r="Y1456" s="2">
        <v>0</v>
      </c>
      <c r="Z1456" s="5"/>
      <c r="AA1456" s="5" t="s">
        <v>43</v>
      </c>
      <c r="AB1456" s="5" t="s">
        <v>44</v>
      </c>
      <c r="AC1456" s="2" t="s">
        <v>87895</v>
      </c>
      <c r="AD1456" s="1"/>
    </row>
    <row r="1457" spans="1:30">
      <c r="A1457" s="5" t="s">
        <v>83578</v>
      </c>
      <c r="B1457" s="2" t="s">
        <v>87962</v>
      </c>
      <c r="C1457" s="14" t="s">
        <v>87963</v>
      </c>
      <c r="D1457" s="2" t="s">
        <v>87964</v>
      </c>
      <c r="E1457" s="2" t="s">
        <v>87894</v>
      </c>
      <c r="F1457" s="8">
        <v>294</v>
      </c>
      <c r="G1457" s="5">
        <v>5</v>
      </c>
      <c r="H1457" s="5" t="s">
        <v>69</v>
      </c>
      <c r="I1457" s="5" t="s">
        <v>27074</v>
      </c>
      <c r="J1457" s="2" t="s">
        <v>27075</v>
      </c>
      <c r="K1457" s="5" t="s">
        <v>27074</v>
      </c>
      <c r="L1457" s="2" t="s">
        <v>27075</v>
      </c>
      <c r="M1457" s="5" t="s">
        <v>24254</v>
      </c>
      <c r="N1457" s="5" t="s">
        <v>38</v>
      </c>
      <c r="O1457" s="5" t="s">
        <v>39</v>
      </c>
      <c r="P1457" s="5" t="s">
        <v>40</v>
      </c>
      <c r="Q1457" s="5" t="s">
        <v>1487</v>
      </c>
      <c r="R1457" s="5"/>
      <c r="S1457" s="5" t="s">
        <v>42</v>
      </c>
      <c r="T1457" s="2">
        <v>0</v>
      </c>
      <c r="U1457" s="2">
        <v>0</v>
      </c>
      <c r="V1457" s="2">
        <v>0</v>
      </c>
      <c r="W1457" s="2">
        <v>0</v>
      </c>
      <c r="X1457" s="2">
        <v>0</v>
      </c>
      <c r="Y1457" s="2">
        <v>0</v>
      </c>
      <c r="Z1457" s="5"/>
      <c r="AA1457" s="5" t="s">
        <v>43</v>
      </c>
      <c r="AB1457" s="5" t="s">
        <v>44</v>
      </c>
      <c r="AC1457" s="2" t="s">
        <v>87899</v>
      </c>
      <c r="AD1457" s="1"/>
    </row>
    <row r="1458" spans="1:30">
      <c r="A1458" s="5" t="s">
        <v>83578</v>
      </c>
      <c r="B1458" s="2" t="s">
        <v>87965</v>
      </c>
      <c r="C1458" s="14" t="s">
        <v>87966</v>
      </c>
      <c r="D1458" s="2" t="s">
        <v>87967</v>
      </c>
      <c r="E1458" s="2" t="s">
        <v>87968</v>
      </c>
      <c r="F1458" s="8">
        <v>590</v>
      </c>
      <c r="G1458" s="5">
        <v>10</v>
      </c>
      <c r="H1458" s="5" t="s">
        <v>69</v>
      </c>
      <c r="I1458" s="5" t="s">
        <v>27074</v>
      </c>
      <c r="J1458" s="2" t="s">
        <v>27075</v>
      </c>
      <c r="K1458" s="5" t="s">
        <v>27074</v>
      </c>
      <c r="L1458" s="2" t="s">
        <v>27075</v>
      </c>
      <c r="M1458" s="5" t="s">
        <v>24254</v>
      </c>
      <c r="N1458" s="5" t="s">
        <v>38</v>
      </c>
      <c r="O1458" s="5" t="s">
        <v>39</v>
      </c>
      <c r="P1458" s="5" t="s">
        <v>40</v>
      </c>
      <c r="Q1458" s="5" t="s">
        <v>1487</v>
      </c>
      <c r="R1458" s="5"/>
      <c r="S1458" s="5" t="s">
        <v>130</v>
      </c>
      <c r="T1458" s="2">
        <v>0</v>
      </c>
      <c r="U1458" s="2">
        <v>0</v>
      </c>
      <c r="V1458" s="2">
        <v>0</v>
      </c>
      <c r="W1458" s="2">
        <v>0</v>
      </c>
      <c r="X1458" s="2">
        <v>0</v>
      </c>
      <c r="Y1458" s="2">
        <v>0</v>
      </c>
      <c r="Z1458" s="5"/>
      <c r="AA1458" s="5" t="s">
        <v>43</v>
      </c>
      <c r="AB1458" s="5" t="s">
        <v>44</v>
      </c>
      <c r="AC1458" s="2" t="s">
        <v>87969</v>
      </c>
      <c r="AD1458" s="1"/>
    </row>
    <row r="1459" spans="1:30">
      <c r="A1459" s="5" t="s">
        <v>83578</v>
      </c>
      <c r="B1459" s="2" t="s">
        <v>87970</v>
      </c>
      <c r="C1459" s="14" t="s">
        <v>87971</v>
      </c>
      <c r="D1459" s="2" t="s">
        <v>87972</v>
      </c>
      <c r="E1459" s="2" t="s">
        <v>87968</v>
      </c>
      <c r="F1459" s="8">
        <v>590</v>
      </c>
      <c r="G1459" s="5">
        <v>10</v>
      </c>
      <c r="H1459" s="5" t="s">
        <v>69</v>
      </c>
      <c r="I1459" s="5" t="s">
        <v>27074</v>
      </c>
      <c r="J1459" s="2" t="s">
        <v>27075</v>
      </c>
      <c r="K1459" s="5" t="s">
        <v>27074</v>
      </c>
      <c r="L1459" s="2" t="s">
        <v>27075</v>
      </c>
      <c r="M1459" s="5" t="s">
        <v>24254</v>
      </c>
      <c r="N1459" s="5" t="s">
        <v>38</v>
      </c>
      <c r="O1459" s="5" t="s">
        <v>39</v>
      </c>
      <c r="P1459" s="5" t="s">
        <v>40</v>
      </c>
      <c r="Q1459" s="5" t="s">
        <v>1487</v>
      </c>
      <c r="R1459" s="5"/>
      <c r="S1459" s="5" t="s">
        <v>130</v>
      </c>
      <c r="T1459" s="2">
        <v>0</v>
      </c>
      <c r="U1459" s="2">
        <v>0</v>
      </c>
      <c r="V1459" s="2">
        <v>0</v>
      </c>
      <c r="W1459" s="2">
        <v>0</v>
      </c>
      <c r="X1459" s="2">
        <v>0</v>
      </c>
      <c r="Y1459" s="2">
        <v>0</v>
      </c>
      <c r="Z1459" s="5"/>
      <c r="AA1459" s="5" t="s">
        <v>43</v>
      </c>
      <c r="AB1459" s="5" t="s">
        <v>44</v>
      </c>
      <c r="AC1459" s="2" t="s">
        <v>87973</v>
      </c>
      <c r="AD1459" s="1"/>
    </row>
    <row r="1460" spans="1:30">
      <c r="A1460" s="5" t="s">
        <v>83578</v>
      </c>
      <c r="B1460" s="2" t="s">
        <v>87974</v>
      </c>
      <c r="C1460" s="14" t="s">
        <v>87975</v>
      </c>
      <c r="D1460" s="2" t="s">
        <v>87976</v>
      </c>
      <c r="E1460" s="2"/>
      <c r="F1460" s="8">
        <v>222</v>
      </c>
      <c r="G1460" s="5">
        <v>25</v>
      </c>
      <c r="H1460" s="5" t="s">
        <v>69</v>
      </c>
      <c r="I1460" s="5" t="s">
        <v>27074</v>
      </c>
      <c r="J1460" s="2" t="s">
        <v>27075</v>
      </c>
      <c r="K1460" s="5" t="s">
        <v>27074</v>
      </c>
      <c r="L1460" s="2" t="s">
        <v>27075</v>
      </c>
      <c r="M1460" s="5" t="s">
        <v>24254</v>
      </c>
      <c r="N1460" s="5" t="s">
        <v>38</v>
      </c>
      <c r="O1460" s="5" t="s">
        <v>39</v>
      </c>
      <c r="P1460" s="5" t="s">
        <v>40</v>
      </c>
      <c r="Q1460" s="5" t="s">
        <v>24335</v>
      </c>
      <c r="R1460" s="5" t="s">
        <v>40</v>
      </c>
      <c r="S1460" s="5" t="s">
        <v>42</v>
      </c>
      <c r="T1460" s="2">
        <v>6.7690000000000001</v>
      </c>
      <c r="U1460" s="2">
        <v>4.9530000000000003</v>
      </c>
      <c r="V1460" s="2">
        <v>0.11899999999999999</v>
      </c>
      <c r="W1460" s="2">
        <v>12</v>
      </c>
      <c r="X1460" s="2">
        <v>62</v>
      </c>
      <c r="Y1460" s="2">
        <v>159.9</v>
      </c>
      <c r="Z1460" s="5">
        <v>10</v>
      </c>
      <c r="AA1460" s="5" t="s">
        <v>43</v>
      </c>
      <c r="AB1460" s="5" t="s">
        <v>44</v>
      </c>
      <c r="AC1460" s="2" t="s">
        <v>29747</v>
      </c>
      <c r="AD1460" s="1"/>
    </row>
    <row r="1461" spans="1:30">
      <c r="A1461" s="5" t="s">
        <v>83578</v>
      </c>
      <c r="B1461" s="2" t="s">
        <v>87977</v>
      </c>
      <c r="C1461" s="14" t="s">
        <v>87978</v>
      </c>
      <c r="D1461" s="2" t="s">
        <v>87979</v>
      </c>
      <c r="E1461" s="2"/>
      <c r="F1461" s="8">
        <v>222</v>
      </c>
      <c r="G1461" s="5">
        <v>25</v>
      </c>
      <c r="H1461" s="5" t="s">
        <v>69</v>
      </c>
      <c r="I1461" s="5" t="s">
        <v>27074</v>
      </c>
      <c r="J1461" s="2" t="s">
        <v>27075</v>
      </c>
      <c r="K1461" s="5" t="s">
        <v>27074</v>
      </c>
      <c r="L1461" s="2" t="s">
        <v>27075</v>
      </c>
      <c r="M1461" s="5" t="s">
        <v>24254</v>
      </c>
      <c r="N1461" s="5" t="s">
        <v>38</v>
      </c>
      <c r="O1461" s="5" t="s">
        <v>39</v>
      </c>
      <c r="P1461" s="5" t="s">
        <v>40</v>
      </c>
      <c r="Q1461" s="5" t="s">
        <v>24335</v>
      </c>
      <c r="R1461" s="5" t="s">
        <v>40</v>
      </c>
      <c r="S1461" s="5" t="s">
        <v>42</v>
      </c>
      <c r="T1461" s="2">
        <v>7.3419999999999996</v>
      </c>
      <c r="U1461" s="2">
        <v>5.5259999999999998</v>
      </c>
      <c r="V1461" s="2">
        <v>0.11899999999999999</v>
      </c>
      <c r="W1461" s="2">
        <v>12</v>
      </c>
      <c r="X1461" s="2">
        <v>62</v>
      </c>
      <c r="Y1461" s="2">
        <v>159.9</v>
      </c>
      <c r="Z1461" s="5">
        <v>10</v>
      </c>
      <c r="AA1461" s="5" t="s">
        <v>43</v>
      </c>
      <c r="AB1461" s="5" t="s">
        <v>44</v>
      </c>
      <c r="AC1461" s="2" t="s">
        <v>29621</v>
      </c>
      <c r="AD1461" s="1"/>
    </row>
    <row r="1462" spans="1:30">
      <c r="A1462" s="5" t="s">
        <v>83578</v>
      </c>
      <c r="B1462" s="2" t="s">
        <v>87980</v>
      </c>
      <c r="C1462" s="14" t="s">
        <v>87981</v>
      </c>
      <c r="D1462" s="2" t="s">
        <v>87982</v>
      </c>
      <c r="E1462" s="2"/>
      <c r="F1462" s="8">
        <v>222</v>
      </c>
      <c r="G1462" s="5">
        <v>25</v>
      </c>
      <c r="H1462" s="5" t="s">
        <v>69</v>
      </c>
      <c r="I1462" s="5" t="s">
        <v>27074</v>
      </c>
      <c r="J1462" s="2" t="s">
        <v>27075</v>
      </c>
      <c r="K1462" s="5" t="s">
        <v>27074</v>
      </c>
      <c r="L1462" s="2" t="s">
        <v>27075</v>
      </c>
      <c r="M1462" s="5" t="s">
        <v>24254</v>
      </c>
      <c r="N1462" s="5" t="s">
        <v>38</v>
      </c>
      <c r="O1462" s="5" t="s">
        <v>39</v>
      </c>
      <c r="P1462" s="5" t="s">
        <v>40</v>
      </c>
      <c r="Q1462" s="5" t="s">
        <v>24335</v>
      </c>
      <c r="R1462" s="5" t="s">
        <v>40</v>
      </c>
      <c r="S1462" s="5" t="s">
        <v>42</v>
      </c>
      <c r="T1462" s="2">
        <v>5.5289999999999999</v>
      </c>
      <c r="U1462" s="2">
        <v>3.7130000000000001</v>
      </c>
      <c r="V1462" s="2">
        <v>0.11899999999999999</v>
      </c>
      <c r="W1462" s="2">
        <v>12</v>
      </c>
      <c r="X1462" s="2">
        <v>62</v>
      </c>
      <c r="Y1462" s="2">
        <v>159.9</v>
      </c>
      <c r="Z1462" s="5">
        <v>10</v>
      </c>
      <c r="AA1462" s="5" t="s">
        <v>43</v>
      </c>
      <c r="AB1462" s="5" t="s">
        <v>44</v>
      </c>
      <c r="AC1462" s="2" t="s">
        <v>29629</v>
      </c>
      <c r="AD1462" s="1"/>
    </row>
    <row r="1463" spans="1:30">
      <c r="A1463" s="5" t="s">
        <v>83578</v>
      </c>
      <c r="B1463" s="2" t="s">
        <v>87983</v>
      </c>
      <c r="C1463" s="14" t="s">
        <v>87984</v>
      </c>
      <c r="D1463" s="2" t="s">
        <v>87985</v>
      </c>
      <c r="E1463" s="2"/>
      <c r="F1463" s="8">
        <v>222</v>
      </c>
      <c r="G1463" s="5">
        <v>25</v>
      </c>
      <c r="H1463" s="5" t="s">
        <v>69</v>
      </c>
      <c r="I1463" s="5" t="s">
        <v>27074</v>
      </c>
      <c r="J1463" s="2" t="s">
        <v>27075</v>
      </c>
      <c r="K1463" s="5" t="s">
        <v>27074</v>
      </c>
      <c r="L1463" s="2" t="s">
        <v>27075</v>
      </c>
      <c r="M1463" s="5" t="s">
        <v>24254</v>
      </c>
      <c r="N1463" s="5" t="s">
        <v>38</v>
      </c>
      <c r="O1463" s="5" t="s">
        <v>39</v>
      </c>
      <c r="P1463" s="5" t="s">
        <v>40</v>
      </c>
      <c r="Q1463" s="5" t="s">
        <v>24335</v>
      </c>
      <c r="R1463" s="5" t="s">
        <v>40</v>
      </c>
      <c r="S1463" s="5" t="s">
        <v>42</v>
      </c>
      <c r="T1463" s="2">
        <v>6.1040000000000001</v>
      </c>
      <c r="U1463" s="2">
        <v>4.2880000000000003</v>
      </c>
      <c r="V1463" s="2">
        <v>0.11899999999999999</v>
      </c>
      <c r="W1463" s="2">
        <v>12</v>
      </c>
      <c r="X1463" s="2">
        <v>62</v>
      </c>
      <c r="Y1463" s="2">
        <v>159.9</v>
      </c>
      <c r="Z1463" s="5">
        <v>10</v>
      </c>
      <c r="AA1463" s="5" t="s">
        <v>43</v>
      </c>
      <c r="AB1463" s="5" t="s">
        <v>44</v>
      </c>
      <c r="AC1463" s="2" t="s">
        <v>29625</v>
      </c>
      <c r="AD1463" s="1"/>
    </row>
    <row r="1464" spans="1:30">
      <c r="A1464" s="5" t="s">
        <v>83578</v>
      </c>
      <c r="B1464" s="2" t="s">
        <v>87986</v>
      </c>
      <c r="C1464" s="14" t="s">
        <v>87987</v>
      </c>
      <c r="D1464" s="2" t="s">
        <v>87988</v>
      </c>
      <c r="E1464" s="2"/>
      <c r="F1464" s="8">
        <v>222</v>
      </c>
      <c r="G1464" s="5">
        <v>25</v>
      </c>
      <c r="H1464" s="5" t="s">
        <v>69</v>
      </c>
      <c r="I1464" s="5" t="s">
        <v>27074</v>
      </c>
      <c r="J1464" s="2" t="s">
        <v>27075</v>
      </c>
      <c r="K1464" s="5" t="s">
        <v>27074</v>
      </c>
      <c r="L1464" s="2" t="s">
        <v>27075</v>
      </c>
      <c r="M1464" s="5" t="s">
        <v>24254</v>
      </c>
      <c r="N1464" s="5" t="s">
        <v>38</v>
      </c>
      <c r="O1464" s="5" t="s">
        <v>39</v>
      </c>
      <c r="P1464" s="5" t="s">
        <v>40</v>
      </c>
      <c r="Q1464" s="5" t="s">
        <v>24335</v>
      </c>
      <c r="R1464" s="5" t="s">
        <v>40</v>
      </c>
      <c r="S1464" s="5" t="s">
        <v>42</v>
      </c>
      <c r="T1464" s="2">
        <v>7.0389999999999997</v>
      </c>
      <c r="U1464" s="2">
        <v>5.2229999999999999</v>
      </c>
      <c r="V1464" s="2">
        <v>0.11899999999999999</v>
      </c>
      <c r="W1464" s="2">
        <v>12</v>
      </c>
      <c r="X1464" s="2">
        <v>62</v>
      </c>
      <c r="Y1464" s="2">
        <v>159.9</v>
      </c>
      <c r="Z1464" s="5">
        <v>10</v>
      </c>
      <c r="AA1464" s="5" t="s">
        <v>43</v>
      </c>
      <c r="AB1464" s="5" t="s">
        <v>44</v>
      </c>
      <c r="AC1464" s="2" t="s">
        <v>29625</v>
      </c>
      <c r="AD1464" s="1"/>
    </row>
    <row r="1465" spans="1:30">
      <c r="A1465" s="5" t="s">
        <v>83578</v>
      </c>
      <c r="B1465" s="2" t="s">
        <v>87989</v>
      </c>
      <c r="C1465" s="14" t="s">
        <v>87990</v>
      </c>
      <c r="D1465" s="2" t="s">
        <v>87991</v>
      </c>
      <c r="E1465" s="2"/>
      <c r="F1465" s="8">
        <v>373</v>
      </c>
      <c r="G1465" s="5">
        <v>25</v>
      </c>
      <c r="H1465" s="5" t="s">
        <v>69</v>
      </c>
      <c r="I1465" s="5" t="s">
        <v>27074</v>
      </c>
      <c r="J1465" s="2" t="s">
        <v>27075</v>
      </c>
      <c r="K1465" s="5" t="s">
        <v>27074</v>
      </c>
      <c r="L1465" s="2" t="s">
        <v>27075</v>
      </c>
      <c r="M1465" s="5" t="s">
        <v>24254</v>
      </c>
      <c r="N1465" s="5" t="s">
        <v>38</v>
      </c>
      <c r="O1465" s="5" t="s">
        <v>39</v>
      </c>
      <c r="P1465" s="5" t="s">
        <v>40</v>
      </c>
      <c r="Q1465" s="5" t="s">
        <v>24340</v>
      </c>
      <c r="R1465" s="5" t="s">
        <v>40</v>
      </c>
      <c r="S1465" s="5" t="s">
        <v>42</v>
      </c>
      <c r="T1465" s="2">
        <v>13.481</v>
      </c>
      <c r="U1465" s="2">
        <v>11.631</v>
      </c>
      <c r="V1465" s="2">
        <v>0.11899999999999999</v>
      </c>
      <c r="W1465" s="2">
        <v>12</v>
      </c>
      <c r="X1465" s="2">
        <v>62</v>
      </c>
      <c r="Y1465" s="2">
        <v>159.9</v>
      </c>
      <c r="Z1465" s="5">
        <v>8</v>
      </c>
      <c r="AA1465" s="5" t="s">
        <v>43</v>
      </c>
      <c r="AB1465" s="5" t="s">
        <v>44</v>
      </c>
      <c r="AC1465" s="2" t="s">
        <v>29641</v>
      </c>
      <c r="AD1465" s="1"/>
    </row>
    <row r="1466" spans="1:30">
      <c r="A1466" s="5" t="s">
        <v>83578</v>
      </c>
      <c r="B1466" s="2" t="s">
        <v>87992</v>
      </c>
      <c r="C1466" s="14" t="s">
        <v>87993</v>
      </c>
      <c r="D1466" s="2" t="s">
        <v>87994</v>
      </c>
      <c r="E1466" s="2"/>
      <c r="F1466" s="8">
        <v>373</v>
      </c>
      <c r="G1466" s="5">
        <v>25</v>
      </c>
      <c r="H1466" s="5" t="s">
        <v>69</v>
      </c>
      <c r="I1466" s="5" t="s">
        <v>27074</v>
      </c>
      <c r="J1466" s="2" t="s">
        <v>27075</v>
      </c>
      <c r="K1466" s="5" t="s">
        <v>27074</v>
      </c>
      <c r="L1466" s="2" t="s">
        <v>27075</v>
      </c>
      <c r="M1466" s="5" t="s">
        <v>24254</v>
      </c>
      <c r="N1466" s="5" t="s">
        <v>38</v>
      </c>
      <c r="O1466" s="5" t="s">
        <v>39</v>
      </c>
      <c r="P1466" s="5" t="s">
        <v>40</v>
      </c>
      <c r="Q1466" s="5" t="s">
        <v>24340</v>
      </c>
      <c r="R1466" s="5" t="s">
        <v>40</v>
      </c>
      <c r="S1466" s="5" t="s">
        <v>42</v>
      </c>
      <c r="T1466" s="2">
        <v>10.146000000000001</v>
      </c>
      <c r="U1466" s="2">
        <v>8.33</v>
      </c>
      <c r="V1466" s="2">
        <v>0.11899999999999999</v>
      </c>
      <c r="W1466" s="2">
        <v>12</v>
      </c>
      <c r="X1466" s="2">
        <v>62</v>
      </c>
      <c r="Y1466" s="2">
        <v>159.9</v>
      </c>
      <c r="Z1466" s="5">
        <v>10</v>
      </c>
      <c r="AA1466" s="5" t="s">
        <v>43</v>
      </c>
      <c r="AB1466" s="5" t="s">
        <v>44</v>
      </c>
      <c r="AC1466" s="2" t="s">
        <v>87916</v>
      </c>
      <c r="AD1466" s="1"/>
    </row>
    <row r="1467" spans="1:30">
      <c r="A1467" s="5" t="s">
        <v>83578</v>
      </c>
      <c r="B1467" s="2" t="s">
        <v>87995</v>
      </c>
      <c r="C1467" s="14" t="s">
        <v>87996</v>
      </c>
      <c r="D1467" s="2" t="s">
        <v>87997</v>
      </c>
      <c r="E1467" s="2"/>
      <c r="F1467" s="8">
        <v>373</v>
      </c>
      <c r="G1467" s="5">
        <v>25</v>
      </c>
      <c r="H1467" s="5" t="s">
        <v>69</v>
      </c>
      <c r="I1467" s="5" t="s">
        <v>27074</v>
      </c>
      <c r="J1467" s="2" t="s">
        <v>27075</v>
      </c>
      <c r="K1467" s="5" t="s">
        <v>27074</v>
      </c>
      <c r="L1467" s="2" t="s">
        <v>27075</v>
      </c>
      <c r="M1467" s="5" t="s">
        <v>24254</v>
      </c>
      <c r="N1467" s="5" t="s">
        <v>38</v>
      </c>
      <c r="O1467" s="5" t="s">
        <v>39</v>
      </c>
      <c r="P1467" s="5" t="s">
        <v>40</v>
      </c>
      <c r="Q1467" s="5" t="s">
        <v>24340</v>
      </c>
      <c r="R1467" s="5" t="s">
        <v>40</v>
      </c>
      <c r="S1467" s="5" t="s">
        <v>42</v>
      </c>
      <c r="T1467" s="2">
        <v>10.858000000000001</v>
      </c>
      <c r="U1467" s="2">
        <v>9.0419999999999998</v>
      </c>
      <c r="V1467" s="2">
        <v>0.11899999999999999</v>
      </c>
      <c r="W1467" s="2">
        <v>12</v>
      </c>
      <c r="X1467" s="2">
        <v>62</v>
      </c>
      <c r="Y1467" s="2">
        <v>159.9</v>
      </c>
      <c r="Z1467" s="5">
        <v>10</v>
      </c>
      <c r="AA1467" s="5" t="s">
        <v>43</v>
      </c>
      <c r="AB1467" s="5" t="s">
        <v>44</v>
      </c>
      <c r="AC1467" s="2" t="s">
        <v>87920</v>
      </c>
      <c r="AD1467" s="1"/>
    </row>
    <row r="1468" spans="1:30">
      <c r="A1468" s="5" t="s">
        <v>83578</v>
      </c>
      <c r="B1468" s="2" t="s">
        <v>87998</v>
      </c>
      <c r="C1468" s="14" t="s">
        <v>87999</v>
      </c>
      <c r="D1468" s="2" t="s">
        <v>88000</v>
      </c>
      <c r="E1468" s="2"/>
      <c r="F1468" s="8">
        <v>373</v>
      </c>
      <c r="G1468" s="5">
        <v>25</v>
      </c>
      <c r="H1468" s="5" t="s">
        <v>69</v>
      </c>
      <c r="I1468" s="5" t="s">
        <v>27074</v>
      </c>
      <c r="J1468" s="2" t="s">
        <v>27075</v>
      </c>
      <c r="K1468" s="5" t="s">
        <v>27074</v>
      </c>
      <c r="L1468" s="2" t="s">
        <v>27075</v>
      </c>
      <c r="M1468" s="5" t="s">
        <v>24254</v>
      </c>
      <c r="N1468" s="5" t="s">
        <v>38</v>
      </c>
      <c r="O1468" s="5" t="s">
        <v>39</v>
      </c>
      <c r="P1468" s="5" t="s">
        <v>40</v>
      </c>
      <c r="Q1468" s="5" t="s">
        <v>24340</v>
      </c>
      <c r="R1468" s="5" t="s">
        <v>40</v>
      </c>
      <c r="S1468" s="5" t="s">
        <v>42</v>
      </c>
      <c r="T1468" s="2">
        <v>6.5030000000000001</v>
      </c>
      <c r="U1468" s="2">
        <v>4.6870000000000003</v>
      </c>
      <c r="V1468" s="2">
        <v>0.11899999999999999</v>
      </c>
      <c r="W1468" s="2">
        <v>12</v>
      </c>
      <c r="X1468" s="2">
        <v>62</v>
      </c>
      <c r="Y1468" s="2">
        <v>159.9</v>
      </c>
      <c r="Z1468" s="5">
        <v>10</v>
      </c>
      <c r="AA1468" s="5" t="s">
        <v>43</v>
      </c>
      <c r="AB1468" s="5" t="s">
        <v>44</v>
      </c>
      <c r="AC1468" s="2" t="s">
        <v>29648</v>
      </c>
      <c r="AD1468" s="1"/>
    </row>
    <row r="1469" spans="1:30">
      <c r="A1469" s="5" t="s">
        <v>83578</v>
      </c>
      <c r="B1469" s="2" t="s">
        <v>88001</v>
      </c>
      <c r="C1469" s="14" t="s">
        <v>88002</v>
      </c>
      <c r="D1469" s="2" t="s">
        <v>88003</v>
      </c>
      <c r="E1469" s="2"/>
      <c r="F1469" s="8">
        <v>373</v>
      </c>
      <c r="G1469" s="5">
        <v>25</v>
      </c>
      <c r="H1469" s="5" t="s">
        <v>69</v>
      </c>
      <c r="I1469" s="5" t="s">
        <v>27074</v>
      </c>
      <c r="J1469" s="2" t="s">
        <v>27075</v>
      </c>
      <c r="K1469" s="5" t="s">
        <v>27074</v>
      </c>
      <c r="L1469" s="2" t="s">
        <v>27075</v>
      </c>
      <c r="M1469" s="5" t="s">
        <v>24254</v>
      </c>
      <c r="N1469" s="5" t="s">
        <v>38</v>
      </c>
      <c r="O1469" s="5" t="s">
        <v>39</v>
      </c>
      <c r="P1469" s="5" t="s">
        <v>40</v>
      </c>
      <c r="Q1469" s="5" t="s">
        <v>24340</v>
      </c>
      <c r="R1469" s="5" t="s">
        <v>40</v>
      </c>
      <c r="S1469" s="5" t="s">
        <v>42</v>
      </c>
      <c r="T1469" s="2">
        <v>7.218</v>
      </c>
      <c r="U1469" s="2">
        <v>5.4020000000000001</v>
      </c>
      <c r="V1469" s="2">
        <v>0.11899999999999999</v>
      </c>
      <c r="W1469" s="2">
        <v>12</v>
      </c>
      <c r="X1469" s="2">
        <v>62</v>
      </c>
      <c r="Y1469" s="2">
        <v>159.9</v>
      </c>
      <c r="Z1469" s="5">
        <v>10</v>
      </c>
      <c r="AA1469" s="5" t="s">
        <v>43</v>
      </c>
      <c r="AB1469" s="5" t="s">
        <v>44</v>
      </c>
      <c r="AC1469" s="2" t="s">
        <v>29923</v>
      </c>
      <c r="AD1469" s="1"/>
    </row>
    <row r="1470" spans="1:30">
      <c r="A1470" s="5" t="s">
        <v>83578</v>
      </c>
      <c r="B1470" s="2" t="s">
        <v>88004</v>
      </c>
      <c r="C1470" s="14" t="s">
        <v>88005</v>
      </c>
      <c r="D1470" s="2" t="s">
        <v>88006</v>
      </c>
      <c r="E1470" s="2"/>
      <c r="F1470" s="8">
        <v>373</v>
      </c>
      <c r="G1470" s="5">
        <v>25</v>
      </c>
      <c r="H1470" s="5" t="s">
        <v>69</v>
      </c>
      <c r="I1470" s="5" t="s">
        <v>27074</v>
      </c>
      <c r="J1470" s="2" t="s">
        <v>27075</v>
      </c>
      <c r="K1470" s="5" t="s">
        <v>27074</v>
      </c>
      <c r="L1470" s="2" t="s">
        <v>27075</v>
      </c>
      <c r="M1470" s="5" t="s">
        <v>24254</v>
      </c>
      <c r="N1470" s="5" t="s">
        <v>38</v>
      </c>
      <c r="O1470" s="5" t="s">
        <v>39</v>
      </c>
      <c r="P1470" s="5" t="s">
        <v>40</v>
      </c>
      <c r="Q1470" s="5" t="s">
        <v>24340</v>
      </c>
      <c r="R1470" s="5" t="s">
        <v>40</v>
      </c>
      <c r="S1470" s="5" t="s">
        <v>42</v>
      </c>
      <c r="T1470" s="2">
        <v>8.5730000000000004</v>
      </c>
      <c r="U1470" s="2">
        <v>6.7569999999999997</v>
      </c>
      <c r="V1470" s="2">
        <v>0.11899999999999999</v>
      </c>
      <c r="W1470" s="2">
        <v>12</v>
      </c>
      <c r="X1470" s="2">
        <v>62</v>
      </c>
      <c r="Y1470" s="2">
        <v>159.9</v>
      </c>
      <c r="Z1470" s="5">
        <v>10</v>
      </c>
      <c r="AA1470" s="5" t="s">
        <v>43</v>
      </c>
      <c r="AB1470" s="5" t="s">
        <v>44</v>
      </c>
      <c r="AC1470" s="2" t="s">
        <v>29648</v>
      </c>
      <c r="AD1470" s="1"/>
    </row>
    <row r="1471" spans="1:30">
      <c r="A1471" s="5" t="s">
        <v>83578</v>
      </c>
      <c r="B1471" s="2" t="s">
        <v>88007</v>
      </c>
      <c r="C1471" s="14" t="s">
        <v>88008</v>
      </c>
      <c r="D1471" s="2" t="s">
        <v>88009</v>
      </c>
      <c r="E1471" s="2"/>
      <c r="F1471" s="8">
        <v>373</v>
      </c>
      <c r="G1471" s="5">
        <v>25</v>
      </c>
      <c r="H1471" s="5" t="s">
        <v>69</v>
      </c>
      <c r="I1471" s="5" t="s">
        <v>27074</v>
      </c>
      <c r="J1471" s="2" t="s">
        <v>27075</v>
      </c>
      <c r="K1471" s="5" t="s">
        <v>27074</v>
      </c>
      <c r="L1471" s="2" t="s">
        <v>27075</v>
      </c>
      <c r="M1471" s="5" t="s">
        <v>24254</v>
      </c>
      <c r="N1471" s="5" t="s">
        <v>38</v>
      </c>
      <c r="O1471" s="5" t="s">
        <v>39</v>
      </c>
      <c r="P1471" s="5" t="s">
        <v>40</v>
      </c>
      <c r="Q1471" s="5" t="s">
        <v>24340</v>
      </c>
      <c r="R1471" s="5" t="s">
        <v>40</v>
      </c>
      <c r="S1471" s="5" t="s">
        <v>42</v>
      </c>
      <c r="T1471" s="2">
        <v>9.3889999999999993</v>
      </c>
      <c r="U1471" s="2">
        <v>7.5730000000000004</v>
      </c>
      <c r="V1471" s="2">
        <v>0.11899999999999999</v>
      </c>
      <c r="W1471" s="2">
        <v>12</v>
      </c>
      <c r="X1471" s="2">
        <v>62</v>
      </c>
      <c r="Y1471" s="2">
        <v>159.9</v>
      </c>
      <c r="Z1471" s="5">
        <v>10</v>
      </c>
      <c r="AA1471" s="5" t="s">
        <v>43</v>
      </c>
      <c r="AB1471" s="5" t="s">
        <v>44</v>
      </c>
      <c r="AC1471" s="2" t="s">
        <v>29923</v>
      </c>
      <c r="AD1471" s="1"/>
    </row>
    <row r="1472" spans="1:30">
      <c r="A1472" s="5" t="s">
        <v>83578</v>
      </c>
      <c r="B1472" s="2" t="s">
        <v>88010</v>
      </c>
      <c r="C1472" s="14" t="s">
        <v>88011</v>
      </c>
      <c r="D1472" s="2" t="s">
        <v>88012</v>
      </c>
      <c r="E1472" s="2"/>
      <c r="F1472" s="8">
        <v>373</v>
      </c>
      <c r="G1472" s="5">
        <v>25</v>
      </c>
      <c r="H1472" s="5" t="s">
        <v>69</v>
      </c>
      <c r="I1472" s="5" t="s">
        <v>27074</v>
      </c>
      <c r="J1472" s="2" t="s">
        <v>27075</v>
      </c>
      <c r="K1472" s="5" t="s">
        <v>27074</v>
      </c>
      <c r="L1472" s="2" t="s">
        <v>27075</v>
      </c>
      <c r="M1472" s="5" t="s">
        <v>24254</v>
      </c>
      <c r="N1472" s="5" t="s">
        <v>38</v>
      </c>
      <c r="O1472" s="5" t="s">
        <v>39</v>
      </c>
      <c r="P1472" s="5" t="s">
        <v>40</v>
      </c>
      <c r="Q1472" s="5" t="s">
        <v>25301</v>
      </c>
      <c r="R1472" s="5" t="s">
        <v>40</v>
      </c>
      <c r="S1472" s="5" t="s">
        <v>42</v>
      </c>
      <c r="T1472" s="2">
        <v>14.411</v>
      </c>
      <c r="U1472" s="2">
        <v>12.56</v>
      </c>
      <c r="V1472" s="2">
        <v>0.11899999999999999</v>
      </c>
      <c r="W1472" s="2">
        <v>12</v>
      </c>
      <c r="X1472" s="2">
        <v>62</v>
      </c>
      <c r="Y1472" s="2">
        <v>159.9</v>
      </c>
      <c r="Z1472" s="5">
        <v>8</v>
      </c>
      <c r="AA1472" s="5" t="s">
        <v>43</v>
      </c>
      <c r="AB1472" s="5" t="s">
        <v>44</v>
      </c>
      <c r="AC1472" s="2" t="s">
        <v>29820</v>
      </c>
      <c r="AD1472" s="1"/>
    </row>
    <row r="1473" spans="1:30">
      <c r="A1473" s="5" t="s">
        <v>83578</v>
      </c>
      <c r="B1473" s="2" t="s">
        <v>88013</v>
      </c>
      <c r="C1473" s="14" t="s">
        <v>88014</v>
      </c>
      <c r="D1473" s="2" t="s">
        <v>88015</v>
      </c>
      <c r="E1473" s="2"/>
      <c r="F1473" s="8">
        <v>373</v>
      </c>
      <c r="G1473" s="5">
        <v>25</v>
      </c>
      <c r="H1473" s="5" t="s">
        <v>69</v>
      </c>
      <c r="I1473" s="5" t="s">
        <v>27074</v>
      </c>
      <c r="J1473" s="2" t="s">
        <v>27075</v>
      </c>
      <c r="K1473" s="5" t="s">
        <v>27074</v>
      </c>
      <c r="L1473" s="2" t="s">
        <v>27075</v>
      </c>
      <c r="M1473" s="5" t="s">
        <v>24254</v>
      </c>
      <c r="N1473" s="5" t="s">
        <v>38</v>
      </c>
      <c r="O1473" s="5" t="s">
        <v>39</v>
      </c>
      <c r="P1473" s="5" t="s">
        <v>40</v>
      </c>
      <c r="Q1473" s="5" t="s">
        <v>25301</v>
      </c>
      <c r="R1473" s="5" t="s">
        <v>40</v>
      </c>
      <c r="S1473" s="5" t="s">
        <v>42</v>
      </c>
      <c r="T1473" s="2">
        <v>12.621</v>
      </c>
      <c r="U1473" s="2">
        <v>10.771000000000001</v>
      </c>
      <c r="V1473" s="2">
        <v>0.11899999999999999</v>
      </c>
      <c r="W1473" s="2">
        <v>12</v>
      </c>
      <c r="X1473" s="2">
        <v>62</v>
      </c>
      <c r="Y1473" s="2">
        <v>159.9</v>
      </c>
      <c r="Z1473" s="5">
        <v>8</v>
      </c>
      <c r="AA1473" s="5" t="s">
        <v>43</v>
      </c>
      <c r="AB1473" s="5" t="s">
        <v>44</v>
      </c>
      <c r="AC1473" s="2" t="s">
        <v>29820</v>
      </c>
      <c r="AD1473" s="1"/>
    </row>
    <row r="1474" spans="1:30">
      <c r="A1474" s="5" t="s">
        <v>83578</v>
      </c>
      <c r="B1474" s="2" t="s">
        <v>88016</v>
      </c>
      <c r="C1474" s="14" t="s">
        <v>88017</v>
      </c>
      <c r="D1474" s="2" t="s">
        <v>88018</v>
      </c>
      <c r="E1474" s="2"/>
      <c r="F1474" s="8">
        <v>373</v>
      </c>
      <c r="G1474" s="5">
        <v>25</v>
      </c>
      <c r="H1474" s="5" t="s">
        <v>69</v>
      </c>
      <c r="I1474" s="5" t="s">
        <v>27074</v>
      </c>
      <c r="J1474" s="2" t="s">
        <v>27075</v>
      </c>
      <c r="K1474" s="5" t="s">
        <v>27074</v>
      </c>
      <c r="L1474" s="2" t="s">
        <v>27075</v>
      </c>
      <c r="M1474" s="5" t="s">
        <v>24254</v>
      </c>
      <c r="N1474" s="5" t="s">
        <v>38</v>
      </c>
      <c r="O1474" s="5" t="s">
        <v>39</v>
      </c>
      <c r="P1474" s="5" t="s">
        <v>40</v>
      </c>
      <c r="Q1474" s="5" t="s">
        <v>25301</v>
      </c>
      <c r="R1474" s="5" t="s">
        <v>40</v>
      </c>
      <c r="S1474" s="5" t="s">
        <v>42</v>
      </c>
      <c r="T1474" s="2">
        <v>10.692</v>
      </c>
      <c r="U1474" s="2">
        <v>8.8729999999999993</v>
      </c>
      <c r="V1474" s="2">
        <v>0.11899999999999999</v>
      </c>
      <c r="W1474" s="2">
        <v>12</v>
      </c>
      <c r="X1474" s="2">
        <v>62</v>
      </c>
      <c r="Y1474" s="2">
        <v>159.9</v>
      </c>
      <c r="Z1474" s="5">
        <v>8</v>
      </c>
      <c r="AA1474" s="5" t="s">
        <v>43</v>
      </c>
      <c r="AB1474" s="5" t="s">
        <v>44</v>
      </c>
      <c r="AC1474" s="2" t="s">
        <v>29820</v>
      </c>
      <c r="AD1474" s="1"/>
    </row>
    <row r="1475" spans="1:30">
      <c r="A1475" s="5" t="s">
        <v>83578</v>
      </c>
      <c r="B1475" s="2" t="s">
        <v>88019</v>
      </c>
      <c r="C1475" s="14" t="s">
        <v>88020</v>
      </c>
      <c r="D1475" s="2" t="s">
        <v>88021</v>
      </c>
      <c r="E1475" s="2"/>
      <c r="F1475" s="8">
        <v>373</v>
      </c>
      <c r="G1475" s="5">
        <v>25</v>
      </c>
      <c r="H1475" s="5" t="s">
        <v>69</v>
      </c>
      <c r="I1475" s="5" t="s">
        <v>27074</v>
      </c>
      <c r="J1475" s="2" t="s">
        <v>27075</v>
      </c>
      <c r="K1475" s="5" t="s">
        <v>27074</v>
      </c>
      <c r="L1475" s="2" t="s">
        <v>27075</v>
      </c>
      <c r="M1475" s="5" t="s">
        <v>24254</v>
      </c>
      <c r="N1475" s="5" t="s">
        <v>38</v>
      </c>
      <c r="O1475" s="5" t="s">
        <v>39</v>
      </c>
      <c r="P1475" s="5" t="s">
        <v>40</v>
      </c>
      <c r="Q1475" s="5" t="s">
        <v>25301</v>
      </c>
      <c r="R1475" s="5" t="s">
        <v>40</v>
      </c>
      <c r="S1475" s="5" t="s">
        <v>42</v>
      </c>
      <c r="T1475" s="2">
        <v>9.093</v>
      </c>
      <c r="U1475" s="2">
        <v>7.2770000000000001</v>
      </c>
      <c r="V1475" s="2">
        <v>0.11899999999999999</v>
      </c>
      <c r="W1475" s="2">
        <v>12</v>
      </c>
      <c r="X1475" s="2">
        <v>62</v>
      </c>
      <c r="Y1475" s="2">
        <v>159.9</v>
      </c>
      <c r="Z1475" s="5">
        <v>10</v>
      </c>
      <c r="AA1475" s="5" t="s">
        <v>43</v>
      </c>
      <c r="AB1475" s="5" t="s">
        <v>44</v>
      </c>
      <c r="AC1475" s="2" t="s">
        <v>87942</v>
      </c>
      <c r="AD1475" s="1"/>
    </row>
    <row r="1476" spans="1:30">
      <c r="A1476" s="5" t="s">
        <v>83578</v>
      </c>
      <c r="B1476" s="2" t="s">
        <v>88022</v>
      </c>
      <c r="C1476" s="14" t="s">
        <v>88023</v>
      </c>
      <c r="D1476" s="2" t="s">
        <v>88024</v>
      </c>
      <c r="E1476" s="2"/>
      <c r="F1476" s="8">
        <v>373</v>
      </c>
      <c r="G1476" s="5">
        <v>25</v>
      </c>
      <c r="H1476" s="5" t="s">
        <v>69</v>
      </c>
      <c r="I1476" s="5" t="s">
        <v>27074</v>
      </c>
      <c r="J1476" s="2" t="s">
        <v>27075</v>
      </c>
      <c r="K1476" s="5" t="s">
        <v>27074</v>
      </c>
      <c r="L1476" s="2" t="s">
        <v>27075</v>
      </c>
      <c r="M1476" s="5" t="s">
        <v>24254</v>
      </c>
      <c r="N1476" s="5" t="s">
        <v>38</v>
      </c>
      <c r="O1476" s="5" t="s">
        <v>39</v>
      </c>
      <c r="P1476" s="5" t="s">
        <v>40</v>
      </c>
      <c r="Q1476" s="5" t="s">
        <v>25301</v>
      </c>
      <c r="R1476" s="5" t="s">
        <v>40</v>
      </c>
      <c r="S1476" s="5" t="s">
        <v>42</v>
      </c>
      <c r="T1476" s="2">
        <v>9.6660000000000004</v>
      </c>
      <c r="U1476" s="2">
        <v>7.85</v>
      </c>
      <c r="V1476" s="2">
        <v>0.11899999999999999</v>
      </c>
      <c r="W1476" s="2">
        <v>12</v>
      </c>
      <c r="X1476" s="2">
        <v>62</v>
      </c>
      <c r="Y1476" s="2">
        <v>159.9</v>
      </c>
      <c r="Z1476" s="5">
        <v>10</v>
      </c>
      <c r="AA1476" s="5" t="s">
        <v>43</v>
      </c>
      <c r="AB1476" s="5" t="s">
        <v>44</v>
      </c>
      <c r="AC1476" s="2" t="s">
        <v>30038</v>
      </c>
      <c r="AD1476" s="1"/>
    </row>
    <row r="1477" spans="1:30">
      <c r="A1477" s="5" t="s">
        <v>83578</v>
      </c>
      <c r="B1477" s="2" t="s">
        <v>88025</v>
      </c>
      <c r="C1477" s="14" t="s">
        <v>88026</v>
      </c>
      <c r="D1477" s="2" t="s">
        <v>88027</v>
      </c>
      <c r="E1477" s="2"/>
      <c r="F1477" s="8">
        <v>373</v>
      </c>
      <c r="G1477" s="5">
        <v>25</v>
      </c>
      <c r="H1477" s="5" t="s">
        <v>69</v>
      </c>
      <c r="I1477" s="5" t="s">
        <v>27074</v>
      </c>
      <c r="J1477" s="2" t="s">
        <v>27075</v>
      </c>
      <c r="K1477" s="5" t="s">
        <v>27074</v>
      </c>
      <c r="L1477" s="2" t="s">
        <v>27075</v>
      </c>
      <c r="M1477" s="5" t="s">
        <v>24254</v>
      </c>
      <c r="N1477" s="5" t="s">
        <v>38</v>
      </c>
      <c r="O1477" s="5" t="s">
        <v>39</v>
      </c>
      <c r="P1477" s="5" t="s">
        <v>40</v>
      </c>
      <c r="Q1477" s="5" t="s">
        <v>25301</v>
      </c>
      <c r="R1477" s="5" t="s">
        <v>40</v>
      </c>
      <c r="S1477" s="5" t="s">
        <v>42</v>
      </c>
      <c r="T1477" s="2">
        <v>6.0810000000000004</v>
      </c>
      <c r="U1477" s="2">
        <v>4.2649999999999997</v>
      </c>
      <c r="V1477" s="2">
        <v>0.11899999999999999</v>
      </c>
      <c r="W1477" s="2">
        <v>12</v>
      </c>
      <c r="X1477" s="2">
        <v>62</v>
      </c>
      <c r="Y1477" s="2">
        <v>159.9</v>
      </c>
      <c r="Z1477" s="5">
        <v>10</v>
      </c>
      <c r="AA1477" s="5" t="s">
        <v>43</v>
      </c>
      <c r="AB1477" s="5" t="s">
        <v>44</v>
      </c>
      <c r="AC1477" s="2" t="s">
        <v>87949</v>
      </c>
      <c r="AD1477" s="1"/>
    </row>
    <row r="1478" spans="1:30">
      <c r="A1478" s="5" t="s">
        <v>83578</v>
      </c>
      <c r="B1478" s="2" t="s">
        <v>88028</v>
      </c>
      <c r="C1478" s="14" t="s">
        <v>88029</v>
      </c>
      <c r="D1478" s="2" t="s">
        <v>88030</v>
      </c>
      <c r="E1478" s="2"/>
      <c r="F1478" s="8">
        <v>373</v>
      </c>
      <c r="G1478" s="5">
        <v>25</v>
      </c>
      <c r="H1478" s="5" t="s">
        <v>69</v>
      </c>
      <c r="I1478" s="5" t="s">
        <v>27074</v>
      </c>
      <c r="J1478" s="2" t="s">
        <v>27075</v>
      </c>
      <c r="K1478" s="5" t="s">
        <v>27074</v>
      </c>
      <c r="L1478" s="2" t="s">
        <v>27075</v>
      </c>
      <c r="M1478" s="5" t="s">
        <v>24254</v>
      </c>
      <c r="N1478" s="5" t="s">
        <v>38</v>
      </c>
      <c r="O1478" s="5" t="s">
        <v>39</v>
      </c>
      <c r="P1478" s="5" t="s">
        <v>40</v>
      </c>
      <c r="Q1478" s="5" t="s">
        <v>25301</v>
      </c>
      <c r="R1478" s="5" t="s">
        <v>40</v>
      </c>
      <c r="S1478" s="5" t="s">
        <v>42</v>
      </c>
      <c r="T1478" s="2">
        <v>6.6559999999999997</v>
      </c>
      <c r="U1478" s="2">
        <v>4.84</v>
      </c>
      <c r="V1478" s="2">
        <v>0.11899999999999999</v>
      </c>
      <c r="W1478" s="2">
        <v>12</v>
      </c>
      <c r="X1478" s="2">
        <v>62</v>
      </c>
      <c r="Y1478" s="2">
        <v>159.9</v>
      </c>
      <c r="Z1478" s="5">
        <v>10</v>
      </c>
      <c r="AA1478" s="5" t="s">
        <v>43</v>
      </c>
      <c r="AB1478" s="5" t="s">
        <v>44</v>
      </c>
      <c r="AC1478" s="2" t="s">
        <v>30042</v>
      </c>
      <c r="AD1478" s="1"/>
    </row>
    <row r="1479" spans="1:30">
      <c r="A1479" s="5" t="s">
        <v>83578</v>
      </c>
      <c r="B1479" s="2" t="s">
        <v>88031</v>
      </c>
      <c r="C1479" s="14" t="s">
        <v>88032</v>
      </c>
      <c r="D1479" s="2" t="s">
        <v>88033</v>
      </c>
      <c r="E1479" s="2"/>
      <c r="F1479" s="8">
        <v>373</v>
      </c>
      <c r="G1479" s="5">
        <v>25</v>
      </c>
      <c r="H1479" s="5" t="s">
        <v>69</v>
      </c>
      <c r="I1479" s="5" t="s">
        <v>27074</v>
      </c>
      <c r="J1479" s="2" t="s">
        <v>27075</v>
      </c>
      <c r="K1479" s="5" t="s">
        <v>27074</v>
      </c>
      <c r="L1479" s="2" t="s">
        <v>27075</v>
      </c>
      <c r="M1479" s="5" t="s">
        <v>24254</v>
      </c>
      <c r="N1479" s="5" t="s">
        <v>38</v>
      </c>
      <c r="O1479" s="5" t="s">
        <v>39</v>
      </c>
      <c r="P1479" s="5" t="s">
        <v>40</v>
      </c>
      <c r="Q1479" s="5" t="s">
        <v>25301</v>
      </c>
      <c r="R1479" s="5" t="s">
        <v>40</v>
      </c>
      <c r="S1479" s="5" t="s">
        <v>42</v>
      </c>
      <c r="T1479" s="2">
        <v>7.84</v>
      </c>
      <c r="U1479" s="2">
        <v>6.024</v>
      </c>
      <c r="V1479" s="2">
        <v>0.11899999999999999</v>
      </c>
      <c r="W1479" s="2">
        <v>12</v>
      </c>
      <c r="X1479" s="2">
        <v>62</v>
      </c>
      <c r="Y1479" s="2">
        <v>159.9</v>
      </c>
      <c r="Z1479" s="5">
        <v>10</v>
      </c>
      <c r="AA1479" s="5" t="s">
        <v>43</v>
      </c>
      <c r="AB1479" s="5" t="s">
        <v>44</v>
      </c>
      <c r="AC1479" s="2" t="s">
        <v>87949</v>
      </c>
      <c r="AD1479" s="1"/>
    </row>
    <row r="1480" spans="1:30">
      <c r="A1480" s="5" t="s">
        <v>83578</v>
      </c>
      <c r="B1480" s="2" t="s">
        <v>88034</v>
      </c>
      <c r="C1480" s="14" t="s">
        <v>88035</v>
      </c>
      <c r="D1480" s="2" t="s">
        <v>88036</v>
      </c>
      <c r="E1480" s="2"/>
      <c r="F1480" s="8">
        <v>373</v>
      </c>
      <c r="G1480" s="5">
        <v>25</v>
      </c>
      <c r="H1480" s="5" t="s">
        <v>69</v>
      </c>
      <c r="I1480" s="5" t="s">
        <v>27074</v>
      </c>
      <c r="J1480" s="2" t="s">
        <v>27075</v>
      </c>
      <c r="K1480" s="5" t="s">
        <v>27074</v>
      </c>
      <c r="L1480" s="2" t="s">
        <v>27075</v>
      </c>
      <c r="M1480" s="5" t="s">
        <v>24254</v>
      </c>
      <c r="N1480" s="5" t="s">
        <v>38</v>
      </c>
      <c r="O1480" s="5" t="s">
        <v>39</v>
      </c>
      <c r="P1480" s="5" t="s">
        <v>40</v>
      </c>
      <c r="Q1480" s="5" t="s">
        <v>25301</v>
      </c>
      <c r="R1480" s="5" t="s">
        <v>40</v>
      </c>
      <c r="S1480" s="5" t="s">
        <v>42</v>
      </c>
      <c r="T1480" s="2">
        <v>8.4990000000000006</v>
      </c>
      <c r="U1480" s="2">
        <v>6.6829999999999998</v>
      </c>
      <c r="V1480" s="2">
        <v>0.11899999999999999</v>
      </c>
      <c r="W1480" s="2">
        <v>12</v>
      </c>
      <c r="X1480" s="2">
        <v>62</v>
      </c>
      <c r="Y1480" s="2">
        <v>159.9</v>
      </c>
      <c r="Z1480" s="5">
        <v>10</v>
      </c>
      <c r="AA1480" s="5" t="s">
        <v>43</v>
      </c>
      <c r="AB1480" s="5" t="s">
        <v>44</v>
      </c>
      <c r="AC1480" s="2" t="s">
        <v>30042</v>
      </c>
      <c r="AD1480" s="1"/>
    </row>
    <row r="1481" spans="1:30">
      <c r="A1481" s="5" t="s">
        <v>83578</v>
      </c>
      <c r="B1481" s="2" t="s">
        <v>88037</v>
      </c>
      <c r="C1481" s="14" t="s">
        <v>88038</v>
      </c>
      <c r="D1481" s="2" t="s">
        <v>88039</v>
      </c>
      <c r="E1481" s="2" t="s">
        <v>87894</v>
      </c>
      <c r="F1481" s="8">
        <v>306</v>
      </c>
      <c r="G1481" s="5">
        <v>5</v>
      </c>
      <c r="H1481" s="5" t="s">
        <v>69</v>
      </c>
      <c r="I1481" s="5" t="s">
        <v>27074</v>
      </c>
      <c r="J1481" s="2" t="s">
        <v>27075</v>
      </c>
      <c r="K1481" s="5" t="s">
        <v>27074</v>
      </c>
      <c r="L1481" s="2" t="s">
        <v>27075</v>
      </c>
      <c r="M1481" s="5" t="s">
        <v>24254</v>
      </c>
      <c r="N1481" s="5" t="s">
        <v>38</v>
      </c>
      <c r="O1481" s="5" t="s">
        <v>39</v>
      </c>
      <c r="P1481" s="5" t="s">
        <v>40</v>
      </c>
      <c r="Q1481" s="5" t="s">
        <v>1487</v>
      </c>
      <c r="R1481" s="5"/>
      <c r="S1481" s="5" t="s">
        <v>42</v>
      </c>
      <c r="T1481" s="2">
        <v>0</v>
      </c>
      <c r="U1481" s="2">
        <v>0</v>
      </c>
      <c r="V1481" s="2">
        <v>0</v>
      </c>
      <c r="W1481" s="2">
        <v>0</v>
      </c>
      <c r="X1481" s="2">
        <v>0</v>
      </c>
      <c r="Y1481" s="2">
        <v>0</v>
      </c>
      <c r="Z1481" s="5"/>
      <c r="AA1481" s="5" t="s">
        <v>43</v>
      </c>
      <c r="AB1481" s="5" t="s">
        <v>44</v>
      </c>
      <c r="AC1481" s="2" t="s">
        <v>87895</v>
      </c>
      <c r="AD1481" s="1"/>
    </row>
    <row r="1482" spans="1:30">
      <c r="A1482" s="5" t="s">
        <v>83578</v>
      </c>
      <c r="B1482" s="2" t="s">
        <v>88040</v>
      </c>
      <c r="C1482" s="14" t="s">
        <v>88041</v>
      </c>
      <c r="D1482" s="2" t="s">
        <v>88042</v>
      </c>
      <c r="E1482" s="2" t="s">
        <v>87894</v>
      </c>
      <c r="F1482" s="8">
        <v>306</v>
      </c>
      <c r="G1482" s="5">
        <v>5</v>
      </c>
      <c r="H1482" s="5" t="s">
        <v>69</v>
      </c>
      <c r="I1482" s="5" t="s">
        <v>27074</v>
      </c>
      <c r="J1482" s="2" t="s">
        <v>27075</v>
      </c>
      <c r="K1482" s="5" t="s">
        <v>27074</v>
      </c>
      <c r="L1482" s="2" t="s">
        <v>27075</v>
      </c>
      <c r="M1482" s="5" t="s">
        <v>24254</v>
      </c>
      <c r="N1482" s="5" t="s">
        <v>38</v>
      </c>
      <c r="O1482" s="5" t="s">
        <v>39</v>
      </c>
      <c r="P1482" s="5" t="s">
        <v>40</v>
      </c>
      <c r="Q1482" s="5" t="s">
        <v>1487</v>
      </c>
      <c r="R1482" s="5"/>
      <c r="S1482" s="5" t="s">
        <v>42</v>
      </c>
      <c r="T1482" s="2">
        <v>0</v>
      </c>
      <c r="U1482" s="2">
        <v>0</v>
      </c>
      <c r="V1482" s="2">
        <v>0</v>
      </c>
      <c r="W1482" s="2">
        <v>0</v>
      </c>
      <c r="X1482" s="2">
        <v>0</v>
      </c>
      <c r="Y1482" s="2">
        <v>0</v>
      </c>
      <c r="Z1482" s="5"/>
      <c r="AA1482" s="5" t="s">
        <v>43</v>
      </c>
      <c r="AB1482" s="5" t="s">
        <v>44</v>
      </c>
      <c r="AC1482" s="2" t="s">
        <v>88043</v>
      </c>
      <c r="AD1482" s="1"/>
    </row>
    <row r="1483" spans="1:30">
      <c r="A1483" s="5" t="s">
        <v>83578</v>
      </c>
      <c r="B1483" s="2" t="s">
        <v>88044</v>
      </c>
      <c r="C1483" s="14" t="s">
        <v>88045</v>
      </c>
      <c r="D1483" s="2" t="s">
        <v>88046</v>
      </c>
      <c r="E1483" s="2" t="s">
        <v>87968</v>
      </c>
      <c r="F1483" s="8">
        <v>602</v>
      </c>
      <c r="G1483" s="5">
        <v>10</v>
      </c>
      <c r="H1483" s="5" t="s">
        <v>69</v>
      </c>
      <c r="I1483" s="5" t="s">
        <v>27074</v>
      </c>
      <c r="J1483" s="2" t="s">
        <v>27075</v>
      </c>
      <c r="K1483" s="5" t="s">
        <v>27074</v>
      </c>
      <c r="L1483" s="2" t="s">
        <v>27075</v>
      </c>
      <c r="M1483" s="5" t="s">
        <v>24254</v>
      </c>
      <c r="N1483" s="5" t="s">
        <v>38</v>
      </c>
      <c r="O1483" s="5" t="s">
        <v>39</v>
      </c>
      <c r="P1483" s="5" t="s">
        <v>40</v>
      </c>
      <c r="Q1483" s="5" t="s">
        <v>1487</v>
      </c>
      <c r="R1483" s="5"/>
      <c r="S1483" s="5" t="s">
        <v>130</v>
      </c>
      <c r="T1483" s="2">
        <v>0</v>
      </c>
      <c r="U1483" s="2">
        <v>0</v>
      </c>
      <c r="V1483" s="2">
        <v>0</v>
      </c>
      <c r="W1483" s="2">
        <v>0</v>
      </c>
      <c r="X1483" s="2">
        <v>0</v>
      </c>
      <c r="Y1483" s="2">
        <v>0</v>
      </c>
      <c r="Z1483" s="5"/>
      <c r="AA1483" s="5" t="s">
        <v>43</v>
      </c>
      <c r="AB1483" s="5" t="s">
        <v>44</v>
      </c>
      <c r="AC1483" s="2" t="s">
        <v>87973</v>
      </c>
      <c r="AD1483" s="1"/>
    </row>
    <row r="1484" spans="1:30">
      <c r="A1484" s="5" t="s">
        <v>83578</v>
      </c>
      <c r="B1484" s="2" t="s">
        <v>88047</v>
      </c>
      <c r="C1484" s="14" t="s">
        <v>88048</v>
      </c>
      <c r="D1484" s="2" t="s">
        <v>88049</v>
      </c>
      <c r="E1484" s="2"/>
      <c r="F1484" s="8">
        <v>230</v>
      </c>
      <c r="G1484" s="5">
        <v>25</v>
      </c>
      <c r="H1484" s="5" t="s">
        <v>69</v>
      </c>
      <c r="I1484" s="5" t="s">
        <v>27074</v>
      </c>
      <c r="J1484" s="2" t="s">
        <v>27075</v>
      </c>
      <c r="K1484" s="5" t="s">
        <v>27074</v>
      </c>
      <c r="L1484" s="2" t="s">
        <v>27075</v>
      </c>
      <c r="M1484" s="5" t="s">
        <v>24254</v>
      </c>
      <c r="N1484" s="5" t="s">
        <v>38</v>
      </c>
      <c r="O1484" s="5" t="s">
        <v>39</v>
      </c>
      <c r="P1484" s="5" t="s">
        <v>40</v>
      </c>
      <c r="Q1484" s="5" t="s">
        <v>24335</v>
      </c>
      <c r="R1484" s="5" t="s">
        <v>40</v>
      </c>
      <c r="S1484" s="5" t="s">
        <v>42</v>
      </c>
      <c r="T1484" s="2">
        <v>7.3860000000000001</v>
      </c>
      <c r="U1484" s="2">
        <v>5.4450000000000003</v>
      </c>
      <c r="V1484" s="2">
        <v>0.129</v>
      </c>
      <c r="W1484" s="2">
        <v>12</v>
      </c>
      <c r="X1484" s="2">
        <v>62</v>
      </c>
      <c r="Y1484" s="2">
        <v>172.9</v>
      </c>
      <c r="Z1484" s="5">
        <v>10</v>
      </c>
      <c r="AA1484" s="5" t="s">
        <v>43</v>
      </c>
      <c r="AB1484" s="5" t="s">
        <v>44</v>
      </c>
      <c r="AC1484" s="2" t="s">
        <v>29747</v>
      </c>
      <c r="AD1484" s="1"/>
    </row>
    <row r="1485" spans="1:30">
      <c r="A1485" s="5" t="s">
        <v>83578</v>
      </c>
      <c r="B1485" s="2" t="s">
        <v>88050</v>
      </c>
      <c r="C1485" s="14" t="s">
        <v>88051</v>
      </c>
      <c r="D1485" s="2" t="s">
        <v>88052</v>
      </c>
      <c r="E1485" s="2"/>
      <c r="F1485" s="8">
        <v>230</v>
      </c>
      <c r="G1485" s="5">
        <v>25</v>
      </c>
      <c r="H1485" s="5" t="s">
        <v>69</v>
      </c>
      <c r="I1485" s="5" t="s">
        <v>27074</v>
      </c>
      <c r="J1485" s="2" t="s">
        <v>27075</v>
      </c>
      <c r="K1485" s="5" t="s">
        <v>27074</v>
      </c>
      <c r="L1485" s="2" t="s">
        <v>27075</v>
      </c>
      <c r="M1485" s="5" t="s">
        <v>24254</v>
      </c>
      <c r="N1485" s="5" t="s">
        <v>38</v>
      </c>
      <c r="O1485" s="5" t="s">
        <v>39</v>
      </c>
      <c r="P1485" s="5" t="s">
        <v>40</v>
      </c>
      <c r="Q1485" s="5" t="s">
        <v>24335</v>
      </c>
      <c r="R1485" s="5" t="s">
        <v>40</v>
      </c>
      <c r="S1485" s="5" t="s">
        <v>42</v>
      </c>
      <c r="T1485" s="2">
        <v>7.9589999999999996</v>
      </c>
      <c r="U1485" s="2">
        <v>6.0179999999999998</v>
      </c>
      <c r="V1485" s="2">
        <v>0.129</v>
      </c>
      <c r="W1485" s="2">
        <v>12</v>
      </c>
      <c r="X1485" s="2">
        <v>62</v>
      </c>
      <c r="Y1485" s="2">
        <v>172.9</v>
      </c>
      <c r="Z1485" s="5">
        <v>10</v>
      </c>
      <c r="AA1485" s="5" t="s">
        <v>43</v>
      </c>
      <c r="AB1485" s="5" t="s">
        <v>44</v>
      </c>
      <c r="AC1485" s="2" t="s">
        <v>29621</v>
      </c>
      <c r="AD1485" s="1"/>
    </row>
    <row r="1486" spans="1:30">
      <c r="A1486" s="5" t="s">
        <v>83578</v>
      </c>
      <c r="B1486" s="2" t="s">
        <v>88053</v>
      </c>
      <c r="C1486" s="14" t="s">
        <v>88054</v>
      </c>
      <c r="D1486" s="2" t="s">
        <v>88055</v>
      </c>
      <c r="E1486" s="2"/>
      <c r="F1486" s="8">
        <v>230</v>
      </c>
      <c r="G1486" s="5">
        <v>25</v>
      </c>
      <c r="H1486" s="5" t="s">
        <v>69</v>
      </c>
      <c r="I1486" s="5" t="s">
        <v>27074</v>
      </c>
      <c r="J1486" s="2" t="s">
        <v>27075</v>
      </c>
      <c r="K1486" s="5" t="s">
        <v>27074</v>
      </c>
      <c r="L1486" s="2" t="s">
        <v>27075</v>
      </c>
      <c r="M1486" s="5" t="s">
        <v>24254</v>
      </c>
      <c r="N1486" s="5" t="s">
        <v>38</v>
      </c>
      <c r="O1486" s="5" t="s">
        <v>39</v>
      </c>
      <c r="P1486" s="5" t="s">
        <v>40</v>
      </c>
      <c r="Q1486" s="5" t="s">
        <v>24335</v>
      </c>
      <c r="R1486" s="5" t="s">
        <v>40</v>
      </c>
      <c r="S1486" s="5" t="s">
        <v>42</v>
      </c>
      <c r="T1486" s="2">
        <v>6.5209999999999999</v>
      </c>
      <c r="U1486" s="2">
        <v>4.58</v>
      </c>
      <c r="V1486" s="2">
        <v>0.129</v>
      </c>
      <c r="W1486" s="2">
        <v>12</v>
      </c>
      <c r="X1486" s="2">
        <v>62</v>
      </c>
      <c r="Y1486" s="2">
        <v>172.9</v>
      </c>
      <c r="Z1486" s="5">
        <v>10</v>
      </c>
      <c r="AA1486" s="5" t="s">
        <v>43</v>
      </c>
      <c r="AB1486" s="5" t="s">
        <v>44</v>
      </c>
      <c r="AC1486" s="2" t="s">
        <v>29625</v>
      </c>
      <c r="AD1486" s="1"/>
    </row>
    <row r="1487" spans="1:30">
      <c r="A1487" s="5" t="s">
        <v>83578</v>
      </c>
      <c r="B1487" s="2" t="s">
        <v>88056</v>
      </c>
      <c r="C1487" s="14" t="s">
        <v>88057</v>
      </c>
      <c r="D1487" s="2" t="s">
        <v>88058</v>
      </c>
      <c r="E1487" s="2"/>
      <c r="F1487" s="8">
        <v>230</v>
      </c>
      <c r="G1487" s="5">
        <v>25</v>
      </c>
      <c r="H1487" s="5" t="s">
        <v>69</v>
      </c>
      <c r="I1487" s="5" t="s">
        <v>27074</v>
      </c>
      <c r="J1487" s="2" t="s">
        <v>27075</v>
      </c>
      <c r="K1487" s="5" t="s">
        <v>27074</v>
      </c>
      <c r="L1487" s="2" t="s">
        <v>27075</v>
      </c>
      <c r="M1487" s="5" t="s">
        <v>24254</v>
      </c>
      <c r="N1487" s="5" t="s">
        <v>38</v>
      </c>
      <c r="O1487" s="5" t="s">
        <v>39</v>
      </c>
      <c r="P1487" s="5" t="s">
        <v>40</v>
      </c>
      <c r="Q1487" s="5" t="s">
        <v>24335</v>
      </c>
      <c r="R1487" s="5" t="s">
        <v>40</v>
      </c>
      <c r="S1487" s="5" t="s">
        <v>42</v>
      </c>
      <c r="T1487" s="2">
        <v>7.6020000000000003</v>
      </c>
      <c r="U1487" s="2">
        <v>5.6609999999999996</v>
      </c>
      <c r="V1487" s="2">
        <v>0.129</v>
      </c>
      <c r="W1487" s="2">
        <v>12</v>
      </c>
      <c r="X1487" s="2">
        <v>62</v>
      </c>
      <c r="Y1487" s="2">
        <v>172.9</v>
      </c>
      <c r="Z1487" s="5">
        <v>10</v>
      </c>
      <c r="AA1487" s="5" t="s">
        <v>43</v>
      </c>
      <c r="AB1487" s="5" t="s">
        <v>44</v>
      </c>
      <c r="AC1487" s="2" t="s">
        <v>29625</v>
      </c>
      <c r="AD1487" s="1"/>
    </row>
    <row r="1488" spans="1:30">
      <c r="A1488" s="5" t="s">
        <v>83578</v>
      </c>
      <c r="B1488" s="2" t="s">
        <v>88059</v>
      </c>
      <c r="C1488" s="14" t="s">
        <v>88060</v>
      </c>
      <c r="D1488" s="2" t="s">
        <v>88061</v>
      </c>
      <c r="E1488" s="2"/>
      <c r="F1488" s="8">
        <v>381</v>
      </c>
      <c r="G1488" s="5">
        <v>25</v>
      </c>
      <c r="H1488" s="5" t="s">
        <v>69</v>
      </c>
      <c r="I1488" s="5" t="s">
        <v>27074</v>
      </c>
      <c r="J1488" s="2" t="s">
        <v>27075</v>
      </c>
      <c r="K1488" s="5" t="s">
        <v>27074</v>
      </c>
      <c r="L1488" s="2" t="s">
        <v>27075</v>
      </c>
      <c r="M1488" s="5" t="s">
        <v>24254</v>
      </c>
      <c r="N1488" s="5" t="s">
        <v>38</v>
      </c>
      <c r="O1488" s="5" t="s">
        <v>39</v>
      </c>
      <c r="P1488" s="5" t="s">
        <v>40</v>
      </c>
      <c r="Q1488" s="5" t="s">
        <v>24340</v>
      </c>
      <c r="R1488" s="5" t="s">
        <v>40</v>
      </c>
      <c r="S1488" s="5" t="s">
        <v>42</v>
      </c>
      <c r="T1488" s="2">
        <v>14.467000000000001</v>
      </c>
      <c r="U1488" s="2">
        <v>12.492000000000001</v>
      </c>
      <c r="V1488" s="2">
        <v>0.129</v>
      </c>
      <c r="W1488" s="2">
        <v>12</v>
      </c>
      <c r="X1488" s="2">
        <v>62</v>
      </c>
      <c r="Y1488" s="2">
        <v>172.9</v>
      </c>
      <c r="Z1488" s="5">
        <v>8</v>
      </c>
      <c r="AA1488" s="5" t="s">
        <v>43</v>
      </c>
      <c r="AB1488" s="5" t="s">
        <v>44</v>
      </c>
      <c r="AC1488" s="2" t="s">
        <v>29641</v>
      </c>
      <c r="AD1488" s="1"/>
    </row>
    <row r="1489" spans="1:30">
      <c r="A1489" s="5" t="s">
        <v>83578</v>
      </c>
      <c r="B1489" s="2" t="s">
        <v>88062</v>
      </c>
      <c r="C1489" s="14" t="s">
        <v>88063</v>
      </c>
      <c r="D1489" s="2" t="s">
        <v>88064</v>
      </c>
      <c r="E1489" s="2"/>
      <c r="F1489" s="8">
        <v>381</v>
      </c>
      <c r="G1489" s="5">
        <v>25</v>
      </c>
      <c r="H1489" s="5" t="s">
        <v>69</v>
      </c>
      <c r="I1489" s="5" t="s">
        <v>27074</v>
      </c>
      <c r="J1489" s="2" t="s">
        <v>27075</v>
      </c>
      <c r="K1489" s="5" t="s">
        <v>27074</v>
      </c>
      <c r="L1489" s="2" t="s">
        <v>27075</v>
      </c>
      <c r="M1489" s="5" t="s">
        <v>24254</v>
      </c>
      <c r="N1489" s="5" t="s">
        <v>38</v>
      </c>
      <c r="O1489" s="5" t="s">
        <v>39</v>
      </c>
      <c r="P1489" s="5" t="s">
        <v>40</v>
      </c>
      <c r="Q1489" s="5" t="s">
        <v>24340</v>
      </c>
      <c r="R1489" s="5" t="s">
        <v>40</v>
      </c>
      <c r="S1489" s="5" t="s">
        <v>42</v>
      </c>
      <c r="T1489" s="2">
        <v>11.323</v>
      </c>
      <c r="U1489" s="2">
        <v>9.3819999999999997</v>
      </c>
      <c r="V1489" s="2">
        <v>0.129</v>
      </c>
      <c r="W1489" s="2">
        <v>12</v>
      </c>
      <c r="X1489" s="2">
        <v>62</v>
      </c>
      <c r="Y1489" s="2">
        <v>172.9</v>
      </c>
      <c r="Z1489" s="5">
        <v>10</v>
      </c>
      <c r="AA1489" s="5" t="s">
        <v>43</v>
      </c>
      <c r="AB1489" s="5" t="s">
        <v>44</v>
      </c>
      <c r="AC1489" s="2" t="s">
        <v>87916</v>
      </c>
      <c r="AD1489" s="1"/>
    </row>
    <row r="1490" spans="1:30">
      <c r="A1490" s="5" t="s">
        <v>83578</v>
      </c>
      <c r="B1490" s="2" t="s">
        <v>88065</v>
      </c>
      <c r="C1490" s="14" t="s">
        <v>88066</v>
      </c>
      <c r="D1490" s="2" t="s">
        <v>88067</v>
      </c>
      <c r="E1490" s="2"/>
      <c r="F1490" s="8">
        <v>381</v>
      </c>
      <c r="G1490" s="5">
        <v>25</v>
      </c>
      <c r="H1490" s="5" t="s">
        <v>69</v>
      </c>
      <c r="I1490" s="5" t="s">
        <v>27074</v>
      </c>
      <c r="J1490" s="2" t="s">
        <v>27075</v>
      </c>
      <c r="K1490" s="5" t="s">
        <v>27074</v>
      </c>
      <c r="L1490" s="2" t="s">
        <v>27075</v>
      </c>
      <c r="M1490" s="5" t="s">
        <v>24254</v>
      </c>
      <c r="N1490" s="5" t="s">
        <v>38</v>
      </c>
      <c r="O1490" s="5" t="s">
        <v>39</v>
      </c>
      <c r="P1490" s="5" t="s">
        <v>40</v>
      </c>
      <c r="Q1490" s="5" t="s">
        <v>24340</v>
      </c>
      <c r="R1490" s="5" t="s">
        <v>40</v>
      </c>
      <c r="S1490" s="5" t="s">
        <v>42</v>
      </c>
      <c r="T1490" s="2">
        <v>12.035</v>
      </c>
      <c r="U1490" s="2">
        <v>10.093999999999999</v>
      </c>
      <c r="V1490" s="2">
        <v>0.129</v>
      </c>
      <c r="W1490" s="2">
        <v>12</v>
      </c>
      <c r="X1490" s="2">
        <v>62</v>
      </c>
      <c r="Y1490" s="2">
        <v>172.9</v>
      </c>
      <c r="Z1490" s="5">
        <v>10</v>
      </c>
      <c r="AA1490" s="5" t="s">
        <v>43</v>
      </c>
      <c r="AB1490" s="5" t="s">
        <v>44</v>
      </c>
      <c r="AC1490" s="2" t="s">
        <v>87920</v>
      </c>
      <c r="AD1490" s="1"/>
    </row>
    <row r="1491" spans="1:30">
      <c r="A1491" s="5" t="s">
        <v>83578</v>
      </c>
      <c r="B1491" s="2" t="s">
        <v>88068</v>
      </c>
      <c r="C1491" s="14" t="s">
        <v>88069</v>
      </c>
      <c r="D1491" s="2" t="s">
        <v>88070</v>
      </c>
      <c r="E1491" s="2"/>
      <c r="F1491" s="8">
        <v>381</v>
      </c>
      <c r="G1491" s="5">
        <v>25</v>
      </c>
      <c r="H1491" s="5" t="s">
        <v>69</v>
      </c>
      <c r="I1491" s="5" t="s">
        <v>27074</v>
      </c>
      <c r="J1491" s="2" t="s">
        <v>27075</v>
      </c>
      <c r="K1491" s="5" t="s">
        <v>27074</v>
      </c>
      <c r="L1491" s="2" t="s">
        <v>27075</v>
      </c>
      <c r="M1491" s="5" t="s">
        <v>24254</v>
      </c>
      <c r="N1491" s="5" t="s">
        <v>38</v>
      </c>
      <c r="O1491" s="5" t="s">
        <v>39</v>
      </c>
      <c r="P1491" s="5" t="s">
        <v>40</v>
      </c>
      <c r="Q1491" s="5" t="s">
        <v>24340</v>
      </c>
      <c r="R1491" s="5" t="s">
        <v>40</v>
      </c>
      <c r="S1491" s="5" t="s">
        <v>42</v>
      </c>
      <c r="T1491" s="2">
        <v>7.0490000000000004</v>
      </c>
      <c r="U1491" s="2">
        <v>5.1079999999999997</v>
      </c>
      <c r="V1491" s="2">
        <v>0.129</v>
      </c>
      <c r="W1491" s="2">
        <v>12</v>
      </c>
      <c r="X1491" s="2">
        <v>62</v>
      </c>
      <c r="Y1491" s="2">
        <v>172.9</v>
      </c>
      <c r="Z1491" s="5">
        <v>10</v>
      </c>
      <c r="AA1491" s="5" t="s">
        <v>43</v>
      </c>
      <c r="AB1491" s="5" t="s">
        <v>44</v>
      </c>
      <c r="AC1491" s="2" t="s">
        <v>29648</v>
      </c>
      <c r="AD1491" s="1"/>
    </row>
    <row r="1492" spans="1:30">
      <c r="A1492" s="5" t="s">
        <v>83578</v>
      </c>
      <c r="B1492" s="2" t="s">
        <v>88071</v>
      </c>
      <c r="C1492" s="14" t="s">
        <v>88072</v>
      </c>
      <c r="D1492" s="2" t="s">
        <v>88073</v>
      </c>
      <c r="E1492" s="2"/>
      <c r="F1492" s="8">
        <v>381</v>
      </c>
      <c r="G1492" s="5">
        <v>25</v>
      </c>
      <c r="H1492" s="5" t="s">
        <v>69</v>
      </c>
      <c r="I1492" s="5" t="s">
        <v>27074</v>
      </c>
      <c r="J1492" s="2" t="s">
        <v>27075</v>
      </c>
      <c r="K1492" s="5" t="s">
        <v>27074</v>
      </c>
      <c r="L1492" s="2" t="s">
        <v>27075</v>
      </c>
      <c r="M1492" s="5" t="s">
        <v>24254</v>
      </c>
      <c r="N1492" s="5" t="s">
        <v>38</v>
      </c>
      <c r="O1492" s="5" t="s">
        <v>39</v>
      </c>
      <c r="P1492" s="5" t="s">
        <v>40</v>
      </c>
      <c r="Q1492" s="5" t="s">
        <v>24340</v>
      </c>
      <c r="R1492" s="5" t="s">
        <v>40</v>
      </c>
      <c r="S1492" s="5" t="s">
        <v>42</v>
      </c>
      <c r="T1492" s="2">
        <v>7.7640000000000002</v>
      </c>
      <c r="U1492" s="2">
        <v>5.8230000000000004</v>
      </c>
      <c r="V1492" s="2">
        <v>0.129</v>
      </c>
      <c r="W1492" s="2">
        <v>12</v>
      </c>
      <c r="X1492" s="2">
        <v>62</v>
      </c>
      <c r="Y1492" s="2">
        <v>172.9</v>
      </c>
      <c r="Z1492" s="5">
        <v>10</v>
      </c>
      <c r="AA1492" s="5" t="s">
        <v>43</v>
      </c>
      <c r="AB1492" s="5" t="s">
        <v>44</v>
      </c>
      <c r="AC1492" s="2" t="s">
        <v>29923</v>
      </c>
      <c r="AD1492" s="1"/>
    </row>
    <row r="1493" spans="1:30">
      <c r="A1493" s="5" t="s">
        <v>83578</v>
      </c>
      <c r="B1493" s="2" t="s">
        <v>88074</v>
      </c>
      <c r="C1493" s="14" t="s">
        <v>88075</v>
      </c>
      <c r="D1493" s="2" t="s">
        <v>88076</v>
      </c>
      <c r="E1493" s="2"/>
      <c r="F1493" s="8">
        <v>381</v>
      </c>
      <c r="G1493" s="5">
        <v>25</v>
      </c>
      <c r="H1493" s="5" t="s">
        <v>69</v>
      </c>
      <c r="I1493" s="5" t="s">
        <v>27074</v>
      </c>
      <c r="J1493" s="2" t="s">
        <v>27075</v>
      </c>
      <c r="K1493" s="5" t="s">
        <v>27074</v>
      </c>
      <c r="L1493" s="2" t="s">
        <v>27075</v>
      </c>
      <c r="M1493" s="5" t="s">
        <v>24254</v>
      </c>
      <c r="N1493" s="5" t="s">
        <v>38</v>
      </c>
      <c r="O1493" s="5" t="s">
        <v>39</v>
      </c>
      <c r="P1493" s="5" t="s">
        <v>40</v>
      </c>
      <c r="Q1493" s="5" t="s">
        <v>24340</v>
      </c>
      <c r="R1493" s="5" t="s">
        <v>40</v>
      </c>
      <c r="S1493" s="5" t="s">
        <v>42</v>
      </c>
      <c r="T1493" s="2">
        <v>9.5190000000000001</v>
      </c>
      <c r="U1493" s="2">
        <v>7.5780000000000003</v>
      </c>
      <c r="V1493" s="2">
        <v>0.129</v>
      </c>
      <c r="W1493" s="2">
        <v>12</v>
      </c>
      <c r="X1493" s="2">
        <v>62</v>
      </c>
      <c r="Y1493" s="2">
        <v>172.9</v>
      </c>
      <c r="Z1493" s="5">
        <v>10</v>
      </c>
      <c r="AA1493" s="5" t="s">
        <v>43</v>
      </c>
      <c r="AB1493" s="5" t="s">
        <v>44</v>
      </c>
      <c r="AC1493" s="2" t="s">
        <v>29648</v>
      </c>
      <c r="AD1493" s="1"/>
    </row>
    <row r="1494" spans="1:30">
      <c r="A1494" s="5" t="s">
        <v>83578</v>
      </c>
      <c r="B1494" s="2" t="s">
        <v>88077</v>
      </c>
      <c r="C1494" s="14" t="s">
        <v>88078</v>
      </c>
      <c r="D1494" s="2" t="s">
        <v>88079</v>
      </c>
      <c r="E1494" s="2"/>
      <c r="F1494" s="8">
        <v>381</v>
      </c>
      <c r="G1494" s="5">
        <v>25</v>
      </c>
      <c r="H1494" s="5" t="s">
        <v>69</v>
      </c>
      <c r="I1494" s="5" t="s">
        <v>27074</v>
      </c>
      <c r="J1494" s="2" t="s">
        <v>27075</v>
      </c>
      <c r="K1494" s="5" t="s">
        <v>27074</v>
      </c>
      <c r="L1494" s="2" t="s">
        <v>27075</v>
      </c>
      <c r="M1494" s="5" t="s">
        <v>24254</v>
      </c>
      <c r="N1494" s="5" t="s">
        <v>38</v>
      </c>
      <c r="O1494" s="5" t="s">
        <v>39</v>
      </c>
      <c r="P1494" s="5" t="s">
        <v>40</v>
      </c>
      <c r="Q1494" s="5" t="s">
        <v>24340</v>
      </c>
      <c r="R1494" s="5" t="s">
        <v>40</v>
      </c>
      <c r="S1494" s="5" t="s">
        <v>42</v>
      </c>
      <c r="T1494" s="2">
        <v>10.335000000000001</v>
      </c>
      <c r="U1494" s="2">
        <v>8.3940000000000001</v>
      </c>
      <c r="V1494" s="2">
        <v>0.129</v>
      </c>
      <c r="W1494" s="2">
        <v>12</v>
      </c>
      <c r="X1494" s="2">
        <v>62</v>
      </c>
      <c r="Y1494" s="2">
        <v>172.9</v>
      </c>
      <c r="Z1494" s="5">
        <v>10</v>
      </c>
      <c r="AA1494" s="5" t="s">
        <v>43</v>
      </c>
      <c r="AB1494" s="5" t="s">
        <v>44</v>
      </c>
      <c r="AC1494" s="2" t="s">
        <v>29923</v>
      </c>
      <c r="AD1494" s="1"/>
    </row>
    <row r="1495" spans="1:30">
      <c r="A1495" s="5" t="s">
        <v>83578</v>
      </c>
      <c r="B1495" s="2" t="s">
        <v>88080</v>
      </c>
      <c r="C1495" s="14" t="s">
        <v>88081</v>
      </c>
      <c r="D1495" s="2" t="s">
        <v>88082</v>
      </c>
      <c r="E1495" s="2"/>
      <c r="F1495" s="8">
        <v>381</v>
      </c>
      <c r="G1495" s="5">
        <v>25</v>
      </c>
      <c r="H1495" s="5" t="s">
        <v>69</v>
      </c>
      <c r="I1495" s="5" t="s">
        <v>27074</v>
      </c>
      <c r="J1495" s="2" t="s">
        <v>27075</v>
      </c>
      <c r="K1495" s="5" t="s">
        <v>27074</v>
      </c>
      <c r="L1495" s="2" t="s">
        <v>27075</v>
      </c>
      <c r="M1495" s="5" t="s">
        <v>24254</v>
      </c>
      <c r="N1495" s="5" t="s">
        <v>38</v>
      </c>
      <c r="O1495" s="5" t="s">
        <v>39</v>
      </c>
      <c r="P1495" s="5" t="s">
        <v>40</v>
      </c>
      <c r="Q1495" s="5" t="s">
        <v>25301</v>
      </c>
      <c r="R1495" s="5" t="s">
        <v>40</v>
      </c>
      <c r="S1495" s="5" t="s">
        <v>42</v>
      </c>
      <c r="T1495" s="2">
        <v>15.432</v>
      </c>
      <c r="U1495" s="2">
        <v>13.456</v>
      </c>
      <c r="V1495" s="2">
        <v>0.129</v>
      </c>
      <c r="W1495" s="2">
        <v>12</v>
      </c>
      <c r="X1495" s="2">
        <v>62</v>
      </c>
      <c r="Y1495" s="2">
        <v>172.9</v>
      </c>
      <c r="Z1495" s="5">
        <v>8</v>
      </c>
      <c r="AA1495" s="5" t="s">
        <v>43</v>
      </c>
      <c r="AB1495" s="5" t="s">
        <v>44</v>
      </c>
      <c r="AC1495" s="2" t="s">
        <v>29820</v>
      </c>
      <c r="AD1495" s="1"/>
    </row>
    <row r="1496" spans="1:30">
      <c r="A1496" s="5" t="s">
        <v>83578</v>
      </c>
      <c r="B1496" s="2" t="s">
        <v>88083</v>
      </c>
      <c r="C1496" s="14" t="s">
        <v>88084</v>
      </c>
      <c r="D1496" s="2" t="s">
        <v>88085</v>
      </c>
      <c r="E1496" s="2"/>
      <c r="F1496" s="8">
        <v>381</v>
      </c>
      <c r="G1496" s="5">
        <v>25</v>
      </c>
      <c r="H1496" s="5" t="s">
        <v>69</v>
      </c>
      <c r="I1496" s="5" t="s">
        <v>27074</v>
      </c>
      <c r="J1496" s="2" t="s">
        <v>27075</v>
      </c>
      <c r="K1496" s="5" t="s">
        <v>27074</v>
      </c>
      <c r="L1496" s="2" t="s">
        <v>27075</v>
      </c>
      <c r="M1496" s="5" t="s">
        <v>24254</v>
      </c>
      <c r="N1496" s="5" t="s">
        <v>38</v>
      </c>
      <c r="O1496" s="5" t="s">
        <v>39</v>
      </c>
      <c r="P1496" s="5" t="s">
        <v>40</v>
      </c>
      <c r="Q1496" s="5" t="s">
        <v>25301</v>
      </c>
      <c r="R1496" s="5" t="s">
        <v>40</v>
      </c>
      <c r="S1496" s="5" t="s">
        <v>42</v>
      </c>
      <c r="T1496" s="2">
        <v>13.488</v>
      </c>
      <c r="U1496" s="2">
        <v>11.513</v>
      </c>
      <c r="V1496" s="2">
        <v>0.129</v>
      </c>
      <c r="W1496" s="2">
        <v>12</v>
      </c>
      <c r="X1496" s="2">
        <v>62</v>
      </c>
      <c r="Y1496" s="2">
        <v>172.9</v>
      </c>
      <c r="Z1496" s="5">
        <v>8</v>
      </c>
      <c r="AA1496" s="5" t="s">
        <v>43</v>
      </c>
      <c r="AB1496" s="5" t="s">
        <v>44</v>
      </c>
      <c r="AC1496" s="2" t="s">
        <v>29820</v>
      </c>
      <c r="AD1496" s="1"/>
    </row>
    <row r="1497" spans="1:30">
      <c r="A1497" s="5" t="s">
        <v>83578</v>
      </c>
      <c r="B1497" s="2" t="s">
        <v>88086</v>
      </c>
      <c r="C1497" s="14" t="s">
        <v>88087</v>
      </c>
      <c r="D1497" s="2" t="s">
        <v>88088</v>
      </c>
      <c r="E1497" s="2"/>
      <c r="F1497" s="8">
        <v>381</v>
      </c>
      <c r="G1497" s="5">
        <v>25</v>
      </c>
      <c r="H1497" s="5" t="s">
        <v>69</v>
      </c>
      <c r="I1497" s="5" t="s">
        <v>27074</v>
      </c>
      <c r="J1497" s="2" t="s">
        <v>27075</v>
      </c>
      <c r="K1497" s="5" t="s">
        <v>27074</v>
      </c>
      <c r="L1497" s="2" t="s">
        <v>27075</v>
      </c>
      <c r="M1497" s="5" t="s">
        <v>24254</v>
      </c>
      <c r="N1497" s="5" t="s">
        <v>38</v>
      </c>
      <c r="O1497" s="5" t="s">
        <v>39</v>
      </c>
      <c r="P1497" s="5" t="s">
        <v>40</v>
      </c>
      <c r="Q1497" s="5" t="s">
        <v>25301</v>
      </c>
      <c r="R1497" s="5" t="s">
        <v>40</v>
      </c>
      <c r="S1497" s="5" t="s">
        <v>42</v>
      </c>
      <c r="T1497" s="2">
        <v>11.37</v>
      </c>
      <c r="U1497" s="2">
        <v>9.4260000000000002</v>
      </c>
      <c r="V1497" s="2">
        <v>0.129</v>
      </c>
      <c r="W1497" s="2">
        <v>12</v>
      </c>
      <c r="X1497" s="2">
        <v>62</v>
      </c>
      <c r="Y1497" s="2">
        <v>172.9</v>
      </c>
      <c r="Z1497" s="5">
        <v>8</v>
      </c>
      <c r="AA1497" s="5" t="s">
        <v>43</v>
      </c>
      <c r="AB1497" s="5" t="s">
        <v>44</v>
      </c>
      <c r="AC1497" s="2" t="s">
        <v>29820</v>
      </c>
      <c r="AD1497" s="1"/>
    </row>
    <row r="1498" spans="1:30">
      <c r="A1498" s="5" t="s">
        <v>83578</v>
      </c>
      <c r="B1498" s="2" t="s">
        <v>88089</v>
      </c>
      <c r="C1498" s="14" t="s">
        <v>88090</v>
      </c>
      <c r="D1498" s="2" t="s">
        <v>88091</v>
      </c>
      <c r="E1498" s="2"/>
      <c r="F1498" s="8">
        <v>381</v>
      </c>
      <c r="G1498" s="5">
        <v>25</v>
      </c>
      <c r="H1498" s="5" t="s">
        <v>69</v>
      </c>
      <c r="I1498" s="5" t="s">
        <v>27074</v>
      </c>
      <c r="J1498" s="2" t="s">
        <v>27075</v>
      </c>
      <c r="K1498" s="5" t="s">
        <v>27074</v>
      </c>
      <c r="L1498" s="2" t="s">
        <v>27075</v>
      </c>
      <c r="M1498" s="5" t="s">
        <v>24254</v>
      </c>
      <c r="N1498" s="5" t="s">
        <v>38</v>
      </c>
      <c r="O1498" s="5" t="s">
        <v>39</v>
      </c>
      <c r="P1498" s="5" t="s">
        <v>40</v>
      </c>
      <c r="Q1498" s="5" t="s">
        <v>25301</v>
      </c>
      <c r="R1498" s="5" t="s">
        <v>40</v>
      </c>
      <c r="S1498" s="5" t="s">
        <v>42</v>
      </c>
      <c r="T1498" s="2">
        <v>10.114000000000001</v>
      </c>
      <c r="U1498" s="2">
        <v>8.173</v>
      </c>
      <c r="V1498" s="2">
        <v>0.129</v>
      </c>
      <c r="W1498" s="2">
        <v>12</v>
      </c>
      <c r="X1498" s="2">
        <v>62</v>
      </c>
      <c r="Y1498" s="2">
        <v>172.9</v>
      </c>
      <c r="Z1498" s="5">
        <v>10</v>
      </c>
      <c r="AA1498" s="5" t="s">
        <v>43</v>
      </c>
      <c r="AB1498" s="5" t="s">
        <v>44</v>
      </c>
      <c r="AC1498" s="2" t="s">
        <v>87942</v>
      </c>
      <c r="AD1498" s="1"/>
    </row>
    <row r="1499" spans="1:30">
      <c r="A1499" s="5" t="s">
        <v>83578</v>
      </c>
      <c r="B1499" s="2" t="s">
        <v>88092</v>
      </c>
      <c r="C1499" s="14" t="s">
        <v>88093</v>
      </c>
      <c r="D1499" s="2" t="s">
        <v>88094</v>
      </c>
      <c r="E1499" s="2"/>
      <c r="F1499" s="8">
        <v>381</v>
      </c>
      <c r="G1499" s="5">
        <v>25</v>
      </c>
      <c r="H1499" s="5" t="s">
        <v>69</v>
      </c>
      <c r="I1499" s="5" t="s">
        <v>27074</v>
      </c>
      <c r="J1499" s="2" t="s">
        <v>27075</v>
      </c>
      <c r="K1499" s="5" t="s">
        <v>27074</v>
      </c>
      <c r="L1499" s="2" t="s">
        <v>27075</v>
      </c>
      <c r="M1499" s="5" t="s">
        <v>24254</v>
      </c>
      <c r="N1499" s="5" t="s">
        <v>38</v>
      </c>
      <c r="O1499" s="5" t="s">
        <v>39</v>
      </c>
      <c r="P1499" s="5" t="s">
        <v>40</v>
      </c>
      <c r="Q1499" s="5" t="s">
        <v>25301</v>
      </c>
      <c r="R1499" s="5" t="s">
        <v>40</v>
      </c>
      <c r="S1499" s="5" t="s">
        <v>42</v>
      </c>
      <c r="T1499" s="2">
        <v>10.686999999999999</v>
      </c>
      <c r="U1499" s="2">
        <v>8.7460000000000004</v>
      </c>
      <c r="V1499" s="2">
        <v>0.129</v>
      </c>
      <c r="W1499" s="2">
        <v>12</v>
      </c>
      <c r="X1499" s="2">
        <v>62</v>
      </c>
      <c r="Y1499" s="2">
        <v>172.9</v>
      </c>
      <c r="Z1499" s="5">
        <v>10</v>
      </c>
      <c r="AA1499" s="5" t="s">
        <v>43</v>
      </c>
      <c r="AB1499" s="5" t="s">
        <v>44</v>
      </c>
      <c r="AC1499" s="2" t="s">
        <v>30038</v>
      </c>
      <c r="AD1499" s="1"/>
    </row>
    <row r="1500" spans="1:30">
      <c r="A1500" s="5" t="s">
        <v>83578</v>
      </c>
      <c r="B1500" s="2" t="s">
        <v>88095</v>
      </c>
      <c r="C1500" s="14" t="s">
        <v>88096</v>
      </c>
      <c r="D1500" s="2" t="s">
        <v>88097</v>
      </c>
      <c r="E1500" s="2"/>
      <c r="F1500" s="8">
        <v>381</v>
      </c>
      <c r="G1500" s="5">
        <v>25</v>
      </c>
      <c r="H1500" s="5" t="s">
        <v>69</v>
      </c>
      <c r="I1500" s="5" t="s">
        <v>27074</v>
      </c>
      <c r="J1500" s="2" t="s">
        <v>27075</v>
      </c>
      <c r="K1500" s="5" t="s">
        <v>27074</v>
      </c>
      <c r="L1500" s="2" t="s">
        <v>27075</v>
      </c>
      <c r="M1500" s="5" t="s">
        <v>24254</v>
      </c>
      <c r="N1500" s="5" t="s">
        <v>38</v>
      </c>
      <c r="O1500" s="5" t="s">
        <v>39</v>
      </c>
      <c r="P1500" s="5" t="s">
        <v>40</v>
      </c>
      <c r="Q1500" s="5" t="s">
        <v>25301</v>
      </c>
      <c r="R1500" s="5" t="s">
        <v>40</v>
      </c>
      <c r="S1500" s="5" t="s">
        <v>42</v>
      </c>
      <c r="T1500" s="2">
        <v>6.59</v>
      </c>
      <c r="U1500" s="2">
        <v>4.649</v>
      </c>
      <c r="V1500" s="2">
        <v>0.129</v>
      </c>
      <c r="W1500" s="2">
        <v>12</v>
      </c>
      <c r="X1500" s="2">
        <v>62</v>
      </c>
      <c r="Y1500" s="2">
        <v>172.9</v>
      </c>
      <c r="Z1500" s="5">
        <v>10</v>
      </c>
      <c r="AA1500" s="5" t="s">
        <v>43</v>
      </c>
      <c r="AB1500" s="5" t="s">
        <v>44</v>
      </c>
      <c r="AC1500" s="2" t="s">
        <v>87949</v>
      </c>
      <c r="AD1500" s="1"/>
    </row>
    <row r="1501" spans="1:30">
      <c r="A1501" s="5" t="s">
        <v>83578</v>
      </c>
      <c r="B1501" s="2" t="s">
        <v>88098</v>
      </c>
      <c r="C1501" s="14" t="s">
        <v>88099</v>
      </c>
      <c r="D1501" s="2" t="s">
        <v>88100</v>
      </c>
      <c r="E1501" s="2"/>
      <c r="F1501" s="8">
        <v>381</v>
      </c>
      <c r="G1501" s="5">
        <v>25</v>
      </c>
      <c r="H1501" s="5" t="s">
        <v>69</v>
      </c>
      <c r="I1501" s="5" t="s">
        <v>27074</v>
      </c>
      <c r="J1501" s="2" t="s">
        <v>27075</v>
      </c>
      <c r="K1501" s="5" t="s">
        <v>27074</v>
      </c>
      <c r="L1501" s="2" t="s">
        <v>27075</v>
      </c>
      <c r="M1501" s="5" t="s">
        <v>24254</v>
      </c>
      <c r="N1501" s="5" t="s">
        <v>38</v>
      </c>
      <c r="O1501" s="5" t="s">
        <v>39</v>
      </c>
      <c r="P1501" s="5" t="s">
        <v>40</v>
      </c>
      <c r="Q1501" s="5" t="s">
        <v>25301</v>
      </c>
      <c r="R1501" s="5" t="s">
        <v>40</v>
      </c>
      <c r="S1501" s="5" t="s">
        <v>42</v>
      </c>
      <c r="T1501" s="2">
        <v>7.165</v>
      </c>
      <c r="U1501" s="2">
        <v>5.2240000000000002</v>
      </c>
      <c r="V1501" s="2">
        <v>0.129</v>
      </c>
      <c r="W1501" s="2">
        <v>12</v>
      </c>
      <c r="X1501" s="2">
        <v>62</v>
      </c>
      <c r="Y1501" s="2">
        <v>172.9</v>
      </c>
      <c r="Z1501" s="5">
        <v>10</v>
      </c>
      <c r="AA1501" s="5" t="s">
        <v>43</v>
      </c>
      <c r="AB1501" s="5" t="s">
        <v>44</v>
      </c>
      <c r="AC1501" s="2" t="s">
        <v>30042</v>
      </c>
      <c r="AD1501" s="1"/>
    </row>
    <row r="1502" spans="1:30">
      <c r="A1502" s="5" t="s">
        <v>83578</v>
      </c>
      <c r="B1502" s="2" t="s">
        <v>88101</v>
      </c>
      <c r="C1502" s="14" t="s">
        <v>88102</v>
      </c>
      <c r="D1502" s="2" t="s">
        <v>88103</v>
      </c>
      <c r="E1502" s="2"/>
      <c r="F1502" s="8">
        <v>381</v>
      </c>
      <c r="G1502" s="5">
        <v>25</v>
      </c>
      <c r="H1502" s="5" t="s">
        <v>69</v>
      </c>
      <c r="I1502" s="5" t="s">
        <v>27074</v>
      </c>
      <c r="J1502" s="2" t="s">
        <v>27075</v>
      </c>
      <c r="K1502" s="5" t="s">
        <v>27074</v>
      </c>
      <c r="L1502" s="2" t="s">
        <v>27075</v>
      </c>
      <c r="M1502" s="5" t="s">
        <v>24254</v>
      </c>
      <c r="N1502" s="5" t="s">
        <v>38</v>
      </c>
      <c r="O1502" s="5" t="s">
        <v>39</v>
      </c>
      <c r="P1502" s="5" t="s">
        <v>40</v>
      </c>
      <c r="Q1502" s="5" t="s">
        <v>25301</v>
      </c>
      <c r="R1502" s="5" t="s">
        <v>40</v>
      </c>
      <c r="S1502" s="5" t="s">
        <v>42</v>
      </c>
      <c r="T1502" s="2">
        <v>8.6790000000000003</v>
      </c>
      <c r="U1502" s="2">
        <v>6.7380000000000004</v>
      </c>
      <c r="V1502" s="2">
        <v>0.129</v>
      </c>
      <c r="W1502" s="2">
        <v>12</v>
      </c>
      <c r="X1502" s="2">
        <v>62</v>
      </c>
      <c r="Y1502" s="2">
        <v>172.9</v>
      </c>
      <c r="Z1502" s="5">
        <v>10</v>
      </c>
      <c r="AA1502" s="5" t="s">
        <v>43</v>
      </c>
      <c r="AB1502" s="5" t="s">
        <v>44</v>
      </c>
      <c r="AC1502" s="2" t="s">
        <v>87949</v>
      </c>
      <c r="AD1502" s="1"/>
    </row>
    <row r="1503" spans="1:30">
      <c r="A1503" s="5" t="s">
        <v>83578</v>
      </c>
      <c r="B1503" s="2" t="s">
        <v>88104</v>
      </c>
      <c r="C1503" s="14" t="s">
        <v>88105</v>
      </c>
      <c r="D1503" s="2" t="s">
        <v>88106</v>
      </c>
      <c r="E1503" s="2"/>
      <c r="F1503" s="8">
        <v>381</v>
      </c>
      <c r="G1503" s="5">
        <v>25</v>
      </c>
      <c r="H1503" s="5" t="s">
        <v>69</v>
      </c>
      <c r="I1503" s="5" t="s">
        <v>27074</v>
      </c>
      <c r="J1503" s="2" t="s">
        <v>27075</v>
      </c>
      <c r="K1503" s="5" t="s">
        <v>27074</v>
      </c>
      <c r="L1503" s="2" t="s">
        <v>27075</v>
      </c>
      <c r="M1503" s="5" t="s">
        <v>24254</v>
      </c>
      <c r="N1503" s="5" t="s">
        <v>38</v>
      </c>
      <c r="O1503" s="5" t="s">
        <v>39</v>
      </c>
      <c r="P1503" s="5" t="s">
        <v>40</v>
      </c>
      <c r="Q1503" s="5" t="s">
        <v>25301</v>
      </c>
      <c r="R1503" s="5" t="s">
        <v>40</v>
      </c>
      <c r="S1503" s="5" t="s">
        <v>42</v>
      </c>
      <c r="T1503" s="2">
        <v>9.3379999999999992</v>
      </c>
      <c r="U1503" s="2">
        <v>7.3970000000000002</v>
      </c>
      <c r="V1503" s="2">
        <v>0.129</v>
      </c>
      <c r="W1503" s="2">
        <v>12</v>
      </c>
      <c r="X1503" s="2">
        <v>62</v>
      </c>
      <c r="Y1503" s="2">
        <v>172.9</v>
      </c>
      <c r="Z1503" s="5">
        <v>10</v>
      </c>
      <c r="AA1503" s="5" t="s">
        <v>43</v>
      </c>
      <c r="AB1503" s="5" t="s">
        <v>44</v>
      </c>
      <c r="AC1503" s="2" t="s">
        <v>30042</v>
      </c>
      <c r="AD1503" s="1"/>
    </row>
    <row r="1504" spans="1:30">
      <c r="A1504" s="5" t="s">
        <v>83578</v>
      </c>
      <c r="B1504" s="2" t="s">
        <v>88107</v>
      </c>
      <c r="C1504" s="14" t="s">
        <v>88108</v>
      </c>
      <c r="D1504" s="2" t="s">
        <v>88109</v>
      </c>
      <c r="E1504" s="2"/>
      <c r="F1504" s="8">
        <v>381</v>
      </c>
      <c r="G1504" s="5">
        <v>25</v>
      </c>
      <c r="H1504" s="5" t="s">
        <v>69</v>
      </c>
      <c r="I1504" s="5" t="s">
        <v>27074</v>
      </c>
      <c r="J1504" s="2" t="s">
        <v>27075</v>
      </c>
      <c r="K1504" s="5" t="s">
        <v>27074</v>
      </c>
      <c r="L1504" s="2" t="s">
        <v>27075</v>
      </c>
      <c r="M1504" s="5" t="s">
        <v>24254</v>
      </c>
      <c r="N1504" s="5" t="s">
        <v>38</v>
      </c>
      <c r="O1504" s="5" t="s">
        <v>39</v>
      </c>
      <c r="P1504" s="5" t="s">
        <v>40</v>
      </c>
      <c r="Q1504" s="5" t="s">
        <v>24340</v>
      </c>
      <c r="R1504" s="5" t="s">
        <v>40</v>
      </c>
      <c r="S1504" s="5" t="s">
        <v>42</v>
      </c>
      <c r="T1504" s="2">
        <v>14.281000000000001</v>
      </c>
      <c r="U1504" s="2">
        <v>12.430999999999999</v>
      </c>
      <c r="V1504" s="2">
        <v>0.11899999999999999</v>
      </c>
      <c r="W1504" s="2">
        <v>12</v>
      </c>
      <c r="X1504" s="2">
        <v>62</v>
      </c>
      <c r="Y1504" s="2">
        <v>159.9</v>
      </c>
      <c r="Z1504" s="5">
        <v>8</v>
      </c>
      <c r="AA1504" s="5" t="s">
        <v>43</v>
      </c>
      <c r="AB1504" s="5" t="s">
        <v>44</v>
      </c>
      <c r="AC1504" s="2" t="s">
        <v>29641</v>
      </c>
      <c r="AD1504" s="1"/>
    </row>
    <row r="1505" spans="1:30">
      <c r="A1505" s="5" t="s">
        <v>83578</v>
      </c>
      <c r="B1505" s="2" t="s">
        <v>88110</v>
      </c>
      <c r="C1505" s="14" t="s">
        <v>88111</v>
      </c>
      <c r="D1505" s="2" t="s">
        <v>88112</v>
      </c>
      <c r="E1505" s="2"/>
      <c r="F1505" s="8">
        <v>381</v>
      </c>
      <c r="G1505" s="5">
        <v>25</v>
      </c>
      <c r="H1505" s="5" t="s">
        <v>69</v>
      </c>
      <c r="I1505" s="5" t="s">
        <v>27074</v>
      </c>
      <c r="J1505" s="2" t="s">
        <v>27075</v>
      </c>
      <c r="K1505" s="5" t="s">
        <v>27074</v>
      </c>
      <c r="L1505" s="2" t="s">
        <v>27075</v>
      </c>
      <c r="M1505" s="5" t="s">
        <v>24254</v>
      </c>
      <c r="N1505" s="5" t="s">
        <v>38</v>
      </c>
      <c r="O1505" s="5" t="s">
        <v>39</v>
      </c>
      <c r="P1505" s="5" t="s">
        <v>40</v>
      </c>
      <c r="Q1505" s="5" t="s">
        <v>24340</v>
      </c>
      <c r="R1505" s="5" t="s">
        <v>40</v>
      </c>
      <c r="S1505" s="5" t="s">
        <v>42</v>
      </c>
      <c r="T1505" s="2">
        <v>10.456</v>
      </c>
      <c r="U1505" s="2">
        <v>8.64</v>
      </c>
      <c r="V1505" s="2">
        <v>0.11899999999999999</v>
      </c>
      <c r="W1505" s="2">
        <v>12</v>
      </c>
      <c r="X1505" s="2">
        <v>62</v>
      </c>
      <c r="Y1505" s="2">
        <v>159.9</v>
      </c>
      <c r="Z1505" s="5">
        <v>10</v>
      </c>
      <c r="AA1505" s="5" t="s">
        <v>43</v>
      </c>
      <c r="AB1505" s="5" t="s">
        <v>44</v>
      </c>
      <c r="AC1505" s="2" t="s">
        <v>87916</v>
      </c>
      <c r="AD1505" s="1"/>
    </row>
    <row r="1506" spans="1:30">
      <c r="A1506" s="5" t="s">
        <v>83578</v>
      </c>
      <c r="B1506" s="2" t="s">
        <v>88113</v>
      </c>
      <c r="C1506" s="14" t="s">
        <v>88114</v>
      </c>
      <c r="D1506" s="2" t="s">
        <v>88115</v>
      </c>
      <c r="E1506" s="2"/>
      <c r="F1506" s="8">
        <v>381</v>
      </c>
      <c r="G1506" s="5">
        <v>25</v>
      </c>
      <c r="H1506" s="5" t="s">
        <v>69</v>
      </c>
      <c r="I1506" s="5" t="s">
        <v>27074</v>
      </c>
      <c r="J1506" s="2" t="s">
        <v>27075</v>
      </c>
      <c r="K1506" s="5" t="s">
        <v>27074</v>
      </c>
      <c r="L1506" s="2" t="s">
        <v>27075</v>
      </c>
      <c r="M1506" s="5" t="s">
        <v>24254</v>
      </c>
      <c r="N1506" s="5" t="s">
        <v>38</v>
      </c>
      <c r="O1506" s="5" t="s">
        <v>39</v>
      </c>
      <c r="P1506" s="5" t="s">
        <v>40</v>
      </c>
      <c r="Q1506" s="5" t="s">
        <v>24340</v>
      </c>
      <c r="R1506" s="5" t="s">
        <v>40</v>
      </c>
      <c r="S1506" s="5" t="s">
        <v>42</v>
      </c>
      <c r="T1506" s="2">
        <v>11.256</v>
      </c>
      <c r="U1506" s="2">
        <v>9.44</v>
      </c>
      <c r="V1506" s="2">
        <v>0.11899999999999999</v>
      </c>
      <c r="W1506" s="2">
        <v>12</v>
      </c>
      <c r="X1506" s="2">
        <v>62</v>
      </c>
      <c r="Y1506" s="2">
        <v>159.9</v>
      </c>
      <c r="Z1506" s="5">
        <v>10</v>
      </c>
      <c r="AA1506" s="5" t="s">
        <v>43</v>
      </c>
      <c r="AB1506" s="5" t="s">
        <v>44</v>
      </c>
      <c r="AC1506" s="2" t="s">
        <v>87920</v>
      </c>
      <c r="AD1506" s="1"/>
    </row>
    <row r="1507" spans="1:30">
      <c r="A1507" s="5" t="s">
        <v>83578</v>
      </c>
      <c r="B1507" s="2" t="s">
        <v>88116</v>
      </c>
      <c r="C1507" s="14" t="s">
        <v>88117</v>
      </c>
      <c r="D1507" s="2" t="s">
        <v>88118</v>
      </c>
      <c r="E1507" s="2"/>
      <c r="F1507" s="8">
        <v>381</v>
      </c>
      <c r="G1507" s="5">
        <v>25</v>
      </c>
      <c r="H1507" s="5" t="s">
        <v>69</v>
      </c>
      <c r="I1507" s="5" t="s">
        <v>27074</v>
      </c>
      <c r="J1507" s="2" t="s">
        <v>27075</v>
      </c>
      <c r="K1507" s="5" t="s">
        <v>27074</v>
      </c>
      <c r="L1507" s="2" t="s">
        <v>27075</v>
      </c>
      <c r="M1507" s="5" t="s">
        <v>24254</v>
      </c>
      <c r="N1507" s="5" t="s">
        <v>38</v>
      </c>
      <c r="O1507" s="5" t="s">
        <v>39</v>
      </c>
      <c r="P1507" s="5" t="s">
        <v>40</v>
      </c>
      <c r="Q1507" s="5" t="s">
        <v>24340</v>
      </c>
      <c r="R1507" s="5" t="s">
        <v>40</v>
      </c>
      <c r="S1507" s="5" t="s">
        <v>42</v>
      </c>
      <c r="T1507" s="2">
        <v>6.8129999999999997</v>
      </c>
      <c r="U1507" s="2">
        <v>4.9969999999999999</v>
      </c>
      <c r="V1507" s="2">
        <v>0.11899999999999999</v>
      </c>
      <c r="W1507" s="2">
        <v>12</v>
      </c>
      <c r="X1507" s="2">
        <v>62</v>
      </c>
      <c r="Y1507" s="2">
        <v>159.9</v>
      </c>
      <c r="Z1507" s="5">
        <v>10</v>
      </c>
      <c r="AA1507" s="5" t="s">
        <v>43</v>
      </c>
      <c r="AB1507" s="5" t="s">
        <v>44</v>
      </c>
      <c r="AC1507" s="2" t="s">
        <v>29648</v>
      </c>
      <c r="AD1507" s="1"/>
    </row>
    <row r="1508" spans="1:30">
      <c r="A1508" s="5" t="s">
        <v>83578</v>
      </c>
      <c r="B1508" s="2" t="s">
        <v>88119</v>
      </c>
      <c r="C1508" s="14" t="s">
        <v>88120</v>
      </c>
      <c r="D1508" s="2" t="s">
        <v>88121</v>
      </c>
      <c r="E1508" s="2"/>
      <c r="F1508" s="8">
        <v>381</v>
      </c>
      <c r="G1508" s="5">
        <v>25</v>
      </c>
      <c r="H1508" s="5" t="s">
        <v>69</v>
      </c>
      <c r="I1508" s="5" t="s">
        <v>27074</v>
      </c>
      <c r="J1508" s="2" t="s">
        <v>27075</v>
      </c>
      <c r="K1508" s="5" t="s">
        <v>27074</v>
      </c>
      <c r="L1508" s="2" t="s">
        <v>27075</v>
      </c>
      <c r="M1508" s="5" t="s">
        <v>24254</v>
      </c>
      <c r="N1508" s="5" t="s">
        <v>38</v>
      </c>
      <c r="O1508" s="5" t="s">
        <v>39</v>
      </c>
      <c r="P1508" s="5" t="s">
        <v>40</v>
      </c>
      <c r="Q1508" s="5" t="s">
        <v>24340</v>
      </c>
      <c r="R1508" s="5" t="s">
        <v>40</v>
      </c>
      <c r="S1508" s="5" t="s">
        <v>42</v>
      </c>
      <c r="T1508" s="2">
        <v>7.6159999999999997</v>
      </c>
      <c r="U1508" s="2">
        <v>5.8</v>
      </c>
      <c r="V1508" s="2">
        <v>0.11899999999999999</v>
      </c>
      <c r="W1508" s="2">
        <v>12</v>
      </c>
      <c r="X1508" s="2">
        <v>62</v>
      </c>
      <c r="Y1508" s="2">
        <v>159.9</v>
      </c>
      <c r="Z1508" s="5">
        <v>10</v>
      </c>
      <c r="AA1508" s="5" t="s">
        <v>43</v>
      </c>
      <c r="AB1508" s="5" t="s">
        <v>44</v>
      </c>
      <c r="AC1508" s="2" t="s">
        <v>29923</v>
      </c>
      <c r="AD1508" s="1"/>
    </row>
    <row r="1509" spans="1:30">
      <c r="A1509" s="5" t="s">
        <v>83578</v>
      </c>
      <c r="B1509" s="2" t="s">
        <v>88122</v>
      </c>
      <c r="C1509" s="14" t="s">
        <v>88123</v>
      </c>
      <c r="D1509" s="2" t="s">
        <v>88124</v>
      </c>
      <c r="E1509" s="2"/>
      <c r="F1509" s="8">
        <v>381</v>
      </c>
      <c r="G1509" s="5">
        <v>25</v>
      </c>
      <c r="H1509" s="5" t="s">
        <v>69</v>
      </c>
      <c r="I1509" s="5" t="s">
        <v>27074</v>
      </c>
      <c r="J1509" s="2" t="s">
        <v>27075</v>
      </c>
      <c r="K1509" s="5" t="s">
        <v>27074</v>
      </c>
      <c r="L1509" s="2" t="s">
        <v>27075</v>
      </c>
      <c r="M1509" s="5" t="s">
        <v>24254</v>
      </c>
      <c r="N1509" s="5" t="s">
        <v>38</v>
      </c>
      <c r="O1509" s="5" t="s">
        <v>39</v>
      </c>
      <c r="P1509" s="5" t="s">
        <v>40</v>
      </c>
      <c r="Q1509" s="5" t="s">
        <v>24340</v>
      </c>
      <c r="R1509" s="5" t="s">
        <v>40</v>
      </c>
      <c r="S1509" s="5" t="s">
        <v>42</v>
      </c>
      <c r="T1509" s="2">
        <v>8.8840000000000003</v>
      </c>
      <c r="U1509" s="2">
        <v>7.0679999999999996</v>
      </c>
      <c r="V1509" s="2">
        <v>0.11899999999999999</v>
      </c>
      <c r="W1509" s="2">
        <v>12</v>
      </c>
      <c r="X1509" s="2">
        <v>62</v>
      </c>
      <c r="Y1509" s="2">
        <v>159.9</v>
      </c>
      <c r="Z1509" s="5">
        <v>10</v>
      </c>
      <c r="AA1509" s="5" t="s">
        <v>43</v>
      </c>
      <c r="AB1509" s="5" t="s">
        <v>44</v>
      </c>
      <c r="AC1509" s="2" t="s">
        <v>29648</v>
      </c>
      <c r="AD1509" s="1"/>
    </row>
    <row r="1510" spans="1:30">
      <c r="A1510" s="5" t="s">
        <v>83578</v>
      </c>
      <c r="B1510" s="2" t="s">
        <v>88125</v>
      </c>
      <c r="C1510" s="14" t="s">
        <v>88126</v>
      </c>
      <c r="D1510" s="2" t="s">
        <v>88127</v>
      </c>
      <c r="E1510" s="2"/>
      <c r="F1510" s="8">
        <v>381</v>
      </c>
      <c r="G1510" s="5">
        <v>25</v>
      </c>
      <c r="H1510" s="5" t="s">
        <v>69</v>
      </c>
      <c r="I1510" s="5" t="s">
        <v>27074</v>
      </c>
      <c r="J1510" s="2" t="s">
        <v>27075</v>
      </c>
      <c r="K1510" s="5" t="s">
        <v>27074</v>
      </c>
      <c r="L1510" s="2" t="s">
        <v>27075</v>
      </c>
      <c r="M1510" s="5" t="s">
        <v>24254</v>
      </c>
      <c r="N1510" s="5" t="s">
        <v>38</v>
      </c>
      <c r="O1510" s="5" t="s">
        <v>39</v>
      </c>
      <c r="P1510" s="5" t="s">
        <v>40</v>
      </c>
      <c r="Q1510" s="5" t="s">
        <v>24340</v>
      </c>
      <c r="R1510" s="5" t="s">
        <v>40</v>
      </c>
      <c r="S1510" s="5" t="s">
        <v>42</v>
      </c>
      <c r="T1510" s="2">
        <v>9.7880000000000003</v>
      </c>
      <c r="U1510" s="2">
        <v>7.9720000000000004</v>
      </c>
      <c r="V1510" s="2">
        <v>0.11899999999999999</v>
      </c>
      <c r="W1510" s="2">
        <v>12</v>
      </c>
      <c r="X1510" s="2">
        <v>62</v>
      </c>
      <c r="Y1510" s="2">
        <v>159.9</v>
      </c>
      <c r="Z1510" s="5">
        <v>10</v>
      </c>
      <c r="AA1510" s="5" t="s">
        <v>43</v>
      </c>
      <c r="AB1510" s="5" t="s">
        <v>44</v>
      </c>
      <c r="AC1510" s="2" t="s">
        <v>29923</v>
      </c>
      <c r="AD1510" s="1"/>
    </row>
    <row r="1511" spans="1:30">
      <c r="A1511" s="5" t="s">
        <v>83578</v>
      </c>
      <c r="B1511" s="2" t="s">
        <v>88128</v>
      </c>
      <c r="C1511" s="14" t="s">
        <v>88129</v>
      </c>
      <c r="D1511" s="2" t="s">
        <v>88130</v>
      </c>
      <c r="E1511" s="2"/>
      <c r="F1511" s="8">
        <v>381</v>
      </c>
      <c r="G1511" s="5">
        <v>25</v>
      </c>
      <c r="H1511" s="5" t="s">
        <v>69</v>
      </c>
      <c r="I1511" s="5" t="s">
        <v>27074</v>
      </c>
      <c r="J1511" s="2" t="s">
        <v>27075</v>
      </c>
      <c r="K1511" s="5" t="s">
        <v>27074</v>
      </c>
      <c r="L1511" s="2" t="s">
        <v>27075</v>
      </c>
      <c r="M1511" s="5" t="s">
        <v>24254</v>
      </c>
      <c r="N1511" s="5" t="s">
        <v>38</v>
      </c>
      <c r="O1511" s="5" t="s">
        <v>39</v>
      </c>
      <c r="P1511" s="5" t="s">
        <v>40</v>
      </c>
      <c r="Q1511" s="5" t="s">
        <v>25301</v>
      </c>
      <c r="R1511" s="5" t="s">
        <v>40</v>
      </c>
      <c r="S1511" s="5" t="s">
        <v>42</v>
      </c>
      <c r="T1511" s="2">
        <v>15.414999999999999</v>
      </c>
      <c r="U1511" s="2">
        <v>13.564</v>
      </c>
      <c r="V1511" s="2">
        <v>0.11899999999999999</v>
      </c>
      <c r="W1511" s="2">
        <v>12</v>
      </c>
      <c r="X1511" s="2">
        <v>62</v>
      </c>
      <c r="Y1511" s="2">
        <v>159.9</v>
      </c>
      <c r="Z1511" s="5">
        <v>8</v>
      </c>
      <c r="AA1511" s="5" t="s">
        <v>43</v>
      </c>
      <c r="AB1511" s="5" t="s">
        <v>44</v>
      </c>
      <c r="AC1511" s="2" t="s">
        <v>29820</v>
      </c>
      <c r="AD1511" s="1"/>
    </row>
    <row r="1512" spans="1:30">
      <c r="A1512" s="5" t="s">
        <v>83578</v>
      </c>
      <c r="B1512" s="2" t="s">
        <v>88131</v>
      </c>
      <c r="C1512" s="14" t="s">
        <v>88132</v>
      </c>
      <c r="D1512" s="2" t="s">
        <v>88133</v>
      </c>
      <c r="E1512" s="2"/>
      <c r="F1512" s="8">
        <v>381</v>
      </c>
      <c r="G1512" s="5">
        <v>25</v>
      </c>
      <c r="H1512" s="5" t="s">
        <v>69</v>
      </c>
      <c r="I1512" s="5" t="s">
        <v>27074</v>
      </c>
      <c r="J1512" s="2" t="s">
        <v>27075</v>
      </c>
      <c r="K1512" s="5" t="s">
        <v>27074</v>
      </c>
      <c r="L1512" s="2" t="s">
        <v>27075</v>
      </c>
      <c r="M1512" s="5" t="s">
        <v>24254</v>
      </c>
      <c r="N1512" s="5" t="s">
        <v>38</v>
      </c>
      <c r="O1512" s="5" t="s">
        <v>39</v>
      </c>
      <c r="P1512" s="5" t="s">
        <v>40</v>
      </c>
      <c r="Q1512" s="5" t="s">
        <v>25301</v>
      </c>
      <c r="R1512" s="5" t="s">
        <v>40</v>
      </c>
      <c r="S1512" s="5" t="s">
        <v>42</v>
      </c>
      <c r="T1512" s="2">
        <v>13.183999999999999</v>
      </c>
      <c r="U1512" s="2">
        <v>11.334</v>
      </c>
      <c r="V1512" s="2">
        <v>0.11899999999999999</v>
      </c>
      <c r="W1512" s="2">
        <v>12</v>
      </c>
      <c r="X1512" s="2">
        <v>62</v>
      </c>
      <c r="Y1512" s="2">
        <v>159.9</v>
      </c>
      <c r="Z1512" s="5">
        <v>8</v>
      </c>
      <c r="AA1512" s="5" t="s">
        <v>43</v>
      </c>
      <c r="AB1512" s="5" t="s">
        <v>44</v>
      </c>
      <c r="AC1512" s="2" t="s">
        <v>29820</v>
      </c>
      <c r="AD1512" s="1"/>
    </row>
    <row r="1513" spans="1:30">
      <c r="A1513" s="5" t="s">
        <v>83578</v>
      </c>
      <c r="B1513" s="2" t="s">
        <v>88134</v>
      </c>
      <c r="C1513" s="14" t="s">
        <v>88135</v>
      </c>
      <c r="D1513" s="2" t="s">
        <v>88136</v>
      </c>
      <c r="E1513" s="2"/>
      <c r="F1513" s="8">
        <v>381</v>
      </c>
      <c r="G1513" s="5">
        <v>25</v>
      </c>
      <c r="H1513" s="5" t="s">
        <v>69</v>
      </c>
      <c r="I1513" s="5" t="s">
        <v>27074</v>
      </c>
      <c r="J1513" s="2" t="s">
        <v>27075</v>
      </c>
      <c r="K1513" s="5" t="s">
        <v>27074</v>
      </c>
      <c r="L1513" s="2" t="s">
        <v>27075</v>
      </c>
      <c r="M1513" s="5" t="s">
        <v>24254</v>
      </c>
      <c r="N1513" s="5" t="s">
        <v>38</v>
      </c>
      <c r="O1513" s="5" t="s">
        <v>39</v>
      </c>
      <c r="P1513" s="5" t="s">
        <v>40</v>
      </c>
      <c r="Q1513" s="5" t="s">
        <v>25301</v>
      </c>
      <c r="R1513" s="5" t="s">
        <v>40</v>
      </c>
      <c r="S1513" s="5" t="s">
        <v>42</v>
      </c>
      <c r="T1513" s="2">
        <v>11.257999999999999</v>
      </c>
      <c r="U1513" s="2">
        <v>9.4390000000000001</v>
      </c>
      <c r="V1513" s="2">
        <v>0.11899999999999999</v>
      </c>
      <c r="W1513" s="2">
        <v>12</v>
      </c>
      <c r="X1513" s="2">
        <v>62</v>
      </c>
      <c r="Y1513" s="2">
        <v>159.9</v>
      </c>
      <c r="Z1513" s="5">
        <v>8</v>
      </c>
      <c r="AA1513" s="5" t="s">
        <v>43</v>
      </c>
      <c r="AB1513" s="5" t="s">
        <v>44</v>
      </c>
      <c r="AC1513" s="2" t="s">
        <v>29820</v>
      </c>
      <c r="AD1513" s="1"/>
    </row>
    <row r="1514" spans="1:30">
      <c r="A1514" s="5" t="s">
        <v>83578</v>
      </c>
      <c r="B1514" s="2" t="s">
        <v>88137</v>
      </c>
      <c r="C1514" s="14" t="s">
        <v>88138</v>
      </c>
      <c r="D1514" s="2" t="s">
        <v>88139</v>
      </c>
      <c r="E1514" s="2"/>
      <c r="F1514" s="8">
        <v>381</v>
      </c>
      <c r="G1514" s="5">
        <v>25</v>
      </c>
      <c r="H1514" s="5" t="s">
        <v>69</v>
      </c>
      <c r="I1514" s="5" t="s">
        <v>27074</v>
      </c>
      <c r="J1514" s="2" t="s">
        <v>27075</v>
      </c>
      <c r="K1514" s="5" t="s">
        <v>27074</v>
      </c>
      <c r="L1514" s="2" t="s">
        <v>27075</v>
      </c>
      <c r="M1514" s="5" t="s">
        <v>24254</v>
      </c>
      <c r="N1514" s="5" t="s">
        <v>38</v>
      </c>
      <c r="O1514" s="5" t="s">
        <v>39</v>
      </c>
      <c r="P1514" s="5" t="s">
        <v>40</v>
      </c>
      <c r="Q1514" s="5" t="s">
        <v>25301</v>
      </c>
      <c r="R1514" s="5" t="s">
        <v>40</v>
      </c>
      <c r="S1514" s="5" t="s">
        <v>42</v>
      </c>
      <c r="T1514" s="2">
        <v>9.3780000000000001</v>
      </c>
      <c r="U1514" s="2">
        <v>7.5620000000000003</v>
      </c>
      <c r="V1514" s="2">
        <v>0.11899999999999999</v>
      </c>
      <c r="W1514" s="2">
        <v>12</v>
      </c>
      <c r="X1514" s="2">
        <v>62</v>
      </c>
      <c r="Y1514" s="2">
        <v>159.9</v>
      </c>
      <c r="Z1514" s="5">
        <v>10</v>
      </c>
      <c r="AA1514" s="5" t="s">
        <v>43</v>
      </c>
      <c r="AB1514" s="5" t="s">
        <v>44</v>
      </c>
      <c r="AC1514" s="2" t="s">
        <v>87942</v>
      </c>
      <c r="AD1514" s="1"/>
    </row>
    <row r="1515" spans="1:30">
      <c r="A1515" s="5" t="s">
        <v>83578</v>
      </c>
      <c r="B1515" s="2" t="s">
        <v>88140</v>
      </c>
      <c r="C1515" s="14" t="s">
        <v>88141</v>
      </c>
      <c r="D1515" s="2" t="s">
        <v>88142</v>
      </c>
      <c r="E1515" s="2"/>
      <c r="F1515" s="8">
        <v>381</v>
      </c>
      <c r="G1515" s="5">
        <v>25</v>
      </c>
      <c r="H1515" s="5" t="s">
        <v>69</v>
      </c>
      <c r="I1515" s="5" t="s">
        <v>27074</v>
      </c>
      <c r="J1515" s="2" t="s">
        <v>27075</v>
      </c>
      <c r="K1515" s="5" t="s">
        <v>27074</v>
      </c>
      <c r="L1515" s="2" t="s">
        <v>27075</v>
      </c>
      <c r="M1515" s="5" t="s">
        <v>24254</v>
      </c>
      <c r="N1515" s="5" t="s">
        <v>38</v>
      </c>
      <c r="O1515" s="5" t="s">
        <v>39</v>
      </c>
      <c r="P1515" s="5" t="s">
        <v>40</v>
      </c>
      <c r="Q1515" s="5" t="s">
        <v>25301</v>
      </c>
      <c r="R1515" s="5" t="s">
        <v>40</v>
      </c>
      <c r="S1515" s="5" t="s">
        <v>42</v>
      </c>
      <c r="T1515" s="2">
        <v>10.022</v>
      </c>
      <c r="U1515" s="2">
        <v>8.2059999999999995</v>
      </c>
      <c r="V1515" s="2">
        <v>0.11899999999999999</v>
      </c>
      <c r="W1515" s="2">
        <v>12</v>
      </c>
      <c r="X1515" s="2">
        <v>62</v>
      </c>
      <c r="Y1515" s="2">
        <v>159.9</v>
      </c>
      <c r="Z1515" s="5">
        <v>10</v>
      </c>
      <c r="AA1515" s="5" t="s">
        <v>43</v>
      </c>
      <c r="AB1515" s="5" t="s">
        <v>44</v>
      </c>
      <c r="AC1515" s="2" t="s">
        <v>30038</v>
      </c>
      <c r="AD1515" s="1"/>
    </row>
    <row r="1516" spans="1:30">
      <c r="A1516" s="5" t="s">
        <v>83578</v>
      </c>
      <c r="B1516" s="2" t="s">
        <v>88143</v>
      </c>
      <c r="C1516" s="14" t="s">
        <v>88144</v>
      </c>
      <c r="D1516" s="2" t="s">
        <v>88145</v>
      </c>
      <c r="E1516" s="2"/>
      <c r="F1516" s="8">
        <v>381</v>
      </c>
      <c r="G1516" s="5">
        <v>25</v>
      </c>
      <c r="H1516" s="5" t="s">
        <v>69</v>
      </c>
      <c r="I1516" s="5" t="s">
        <v>27074</v>
      </c>
      <c r="J1516" s="2" t="s">
        <v>27075</v>
      </c>
      <c r="K1516" s="5" t="s">
        <v>27074</v>
      </c>
      <c r="L1516" s="2" t="s">
        <v>27075</v>
      </c>
      <c r="M1516" s="5" t="s">
        <v>24254</v>
      </c>
      <c r="N1516" s="5" t="s">
        <v>38</v>
      </c>
      <c r="O1516" s="5" t="s">
        <v>39</v>
      </c>
      <c r="P1516" s="5" t="s">
        <v>40</v>
      </c>
      <c r="Q1516" s="5" t="s">
        <v>25301</v>
      </c>
      <c r="R1516" s="5" t="s">
        <v>40</v>
      </c>
      <c r="S1516" s="5" t="s">
        <v>42</v>
      </c>
      <c r="T1516" s="2">
        <v>6.3659999999999997</v>
      </c>
      <c r="U1516" s="2">
        <v>4.55</v>
      </c>
      <c r="V1516" s="2">
        <v>0.11899999999999999</v>
      </c>
      <c r="W1516" s="2">
        <v>12</v>
      </c>
      <c r="X1516" s="2">
        <v>62</v>
      </c>
      <c r="Y1516" s="2">
        <v>159.9</v>
      </c>
      <c r="Z1516" s="5">
        <v>10</v>
      </c>
      <c r="AA1516" s="5" t="s">
        <v>43</v>
      </c>
      <c r="AB1516" s="5" t="s">
        <v>44</v>
      </c>
      <c r="AC1516" s="2" t="s">
        <v>87949</v>
      </c>
      <c r="AD1516" s="1"/>
    </row>
    <row r="1517" spans="1:30">
      <c r="A1517" s="5" t="s">
        <v>83578</v>
      </c>
      <c r="B1517" s="2" t="s">
        <v>88146</v>
      </c>
      <c r="C1517" s="14" t="s">
        <v>88147</v>
      </c>
      <c r="D1517" s="2" t="s">
        <v>88148</v>
      </c>
      <c r="E1517" s="2"/>
      <c r="F1517" s="8">
        <v>381</v>
      </c>
      <c r="G1517" s="5">
        <v>25</v>
      </c>
      <c r="H1517" s="5" t="s">
        <v>69</v>
      </c>
      <c r="I1517" s="5" t="s">
        <v>27074</v>
      </c>
      <c r="J1517" s="2" t="s">
        <v>27075</v>
      </c>
      <c r="K1517" s="5" t="s">
        <v>27074</v>
      </c>
      <c r="L1517" s="2" t="s">
        <v>27075</v>
      </c>
      <c r="M1517" s="5" t="s">
        <v>24254</v>
      </c>
      <c r="N1517" s="5" t="s">
        <v>38</v>
      </c>
      <c r="O1517" s="5" t="s">
        <v>39</v>
      </c>
      <c r="P1517" s="5" t="s">
        <v>40</v>
      </c>
      <c r="Q1517" s="5" t="s">
        <v>25301</v>
      </c>
      <c r="R1517" s="5" t="s">
        <v>40</v>
      </c>
      <c r="S1517" s="5" t="s">
        <v>42</v>
      </c>
      <c r="T1517" s="2">
        <v>7.0119999999999996</v>
      </c>
      <c r="U1517" s="2">
        <v>5.1959999999999997</v>
      </c>
      <c r="V1517" s="2">
        <v>0.11899999999999999</v>
      </c>
      <c r="W1517" s="2">
        <v>12</v>
      </c>
      <c r="X1517" s="2">
        <v>62</v>
      </c>
      <c r="Y1517" s="2">
        <v>159.9</v>
      </c>
      <c r="Z1517" s="5">
        <v>10</v>
      </c>
      <c r="AA1517" s="5" t="s">
        <v>43</v>
      </c>
      <c r="AB1517" s="5" t="s">
        <v>44</v>
      </c>
      <c r="AC1517" s="2" t="s">
        <v>30042</v>
      </c>
      <c r="AD1517" s="1"/>
    </row>
    <row r="1518" spans="1:30">
      <c r="A1518" s="5" t="s">
        <v>83578</v>
      </c>
      <c r="B1518" s="2" t="s">
        <v>88149</v>
      </c>
      <c r="C1518" s="14" t="s">
        <v>88150</v>
      </c>
      <c r="D1518" s="2" t="s">
        <v>88151</v>
      </c>
      <c r="E1518" s="2"/>
      <c r="F1518" s="8">
        <v>381</v>
      </c>
      <c r="G1518" s="5">
        <v>25</v>
      </c>
      <c r="H1518" s="5" t="s">
        <v>69</v>
      </c>
      <c r="I1518" s="5" t="s">
        <v>27074</v>
      </c>
      <c r="J1518" s="2" t="s">
        <v>27075</v>
      </c>
      <c r="K1518" s="5" t="s">
        <v>27074</v>
      </c>
      <c r="L1518" s="2" t="s">
        <v>27075</v>
      </c>
      <c r="M1518" s="5" t="s">
        <v>24254</v>
      </c>
      <c r="N1518" s="5" t="s">
        <v>38</v>
      </c>
      <c r="O1518" s="5" t="s">
        <v>39</v>
      </c>
      <c r="P1518" s="5" t="s">
        <v>40</v>
      </c>
      <c r="Q1518" s="5" t="s">
        <v>25301</v>
      </c>
      <c r="R1518" s="5" t="s">
        <v>40</v>
      </c>
      <c r="S1518" s="5" t="s">
        <v>42</v>
      </c>
      <c r="T1518" s="2">
        <v>8.1259999999999994</v>
      </c>
      <c r="U1518" s="2">
        <v>6.31</v>
      </c>
      <c r="V1518" s="2">
        <v>0.11899999999999999</v>
      </c>
      <c r="W1518" s="2">
        <v>12</v>
      </c>
      <c r="X1518" s="2">
        <v>62</v>
      </c>
      <c r="Y1518" s="2">
        <v>159.9</v>
      </c>
      <c r="Z1518" s="5">
        <v>10</v>
      </c>
      <c r="AA1518" s="5" t="s">
        <v>43</v>
      </c>
      <c r="AB1518" s="5" t="s">
        <v>44</v>
      </c>
      <c r="AC1518" s="2" t="s">
        <v>87949</v>
      </c>
      <c r="AD1518" s="1"/>
    </row>
    <row r="1519" spans="1:30">
      <c r="A1519" s="5" t="s">
        <v>83578</v>
      </c>
      <c r="B1519" s="2" t="s">
        <v>88152</v>
      </c>
      <c r="C1519" s="14" t="s">
        <v>88153</v>
      </c>
      <c r="D1519" s="2" t="s">
        <v>88154</v>
      </c>
      <c r="E1519" s="2"/>
      <c r="F1519" s="8">
        <v>381</v>
      </c>
      <c r="G1519" s="5">
        <v>25</v>
      </c>
      <c r="H1519" s="5" t="s">
        <v>69</v>
      </c>
      <c r="I1519" s="5" t="s">
        <v>27074</v>
      </c>
      <c r="J1519" s="2" t="s">
        <v>27075</v>
      </c>
      <c r="K1519" s="5" t="s">
        <v>27074</v>
      </c>
      <c r="L1519" s="2" t="s">
        <v>27075</v>
      </c>
      <c r="M1519" s="5" t="s">
        <v>24254</v>
      </c>
      <c r="N1519" s="5" t="s">
        <v>38</v>
      </c>
      <c r="O1519" s="5" t="s">
        <v>39</v>
      </c>
      <c r="P1519" s="5" t="s">
        <v>40</v>
      </c>
      <c r="Q1519" s="5" t="s">
        <v>25301</v>
      </c>
      <c r="R1519" s="5" t="s">
        <v>40</v>
      </c>
      <c r="S1519" s="5" t="s">
        <v>42</v>
      </c>
      <c r="T1519" s="2">
        <v>8.8559999999999999</v>
      </c>
      <c r="U1519" s="2">
        <v>7.04</v>
      </c>
      <c r="V1519" s="2">
        <v>0.11899999999999999</v>
      </c>
      <c r="W1519" s="2">
        <v>12</v>
      </c>
      <c r="X1519" s="2">
        <v>62</v>
      </c>
      <c r="Y1519" s="2">
        <v>159.9</v>
      </c>
      <c r="Z1519" s="5">
        <v>10</v>
      </c>
      <c r="AA1519" s="5" t="s">
        <v>43</v>
      </c>
      <c r="AB1519" s="5" t="s">
        <v>44</v>
      </c>
      <c r="AC1519" s="2" t="s">
        <v>30042</v>
      </c>
      <c r="AD1519" s="1"/>
    </row>
    <row r="1520" spans="1:30">
      <c r="A1520" s="5" t="s">
        <v>83578</v>
      </c>
      <c r="B1520" s="2" t="s">
        <v>88155</v>
      </c>
      <c r="C1520" s="14" t="s">
        <v>88156</v>
      </c>
      <c r="D1520" s="2" t="s">
        <v>88157</v>
      </c>
      <c r="E1520" s="2" t="s">
        <v>87894</v>
      </c>
      <c r="F1520" s="8">
        <v>332</v>
      </c>
      <c r="G1520" s="5">
        <v>5</v>
      </c>
      <c r="H1520" s="5" t="s">
        <v>69</v>
      </c>
      <c r="I1520" s="5" t="s">
        <v>27074</v>
      </c>
      <c r="J1520" s="2" t="s">
        <v>27075</v>
      </c>
      <c r="K1520" s="5" t="s">
        <v>27074</v>
      </c>
      <c r="L1520" s="2" t="s">
        <v>27075</v>
      </c>
      <c r="M1520" s="5" t="s">
        <v>24254</v>
      </c>
      <c r="N1520" s="5" t="s">
        <v>38</v>
      </c>
      <c r="O1520" s="5" t="s">
        <v>39</v>
      </c>
      <c r="P1520" s="5" t="s">
        <v>40</v>
      </c>
      <c r="Q1520" s="5" t="s">
        <v>1487</v>
      </c>
      <c r="R1520" s="5"/>
      <c r="S1520" s="5" t="s">
        <v>42</v>
      </c>
      <c r="T1520" s="2">
        <v>0</v>
      </c>
      <c r="U1520" s="2">
        <v>0</v>
      </c>
      <c r="V1520" s="2">
        <v>0</v>
      </c>
      <c r="W1520" s="2">
        <v>0</v>
      </c>
      <c r="X1520" s="2">
        <v>0</v>
      </c>
      <c r="Y1520" s="2">
        <v>0</v>
      </c>
      <c r="Z1520" s="5"/>
      <c r="AA1520" s="5" t="s">
        <v>43</v>
      </c>
      <c r="AB1520" s="5" t="s">
        <v>44</v>
      </c>
      <c r="AC1520" s="2" t="s">
        <v>87895</v>
      </c>
      <c r="AD1520" s="1"/>
    </row>
    <row r="1521" spans="1:30">
      <c r="A1521" s="5" t="s">
        <v>83578</v>
      </c>
      <c r="B1521" s="2" t="s">
        <v>88158</v>
      </c>
      <c r="C1521" s="14" t="s">
        <v>88159</v>
      </c>
      <c r="D1521" s="2" t="s">
        <v>88160</v>
      </c>
      <c r="E1521" s="2" t="s">
        <v>87894</v>
      </c>
      <c r="F1521" s="8">
        <v>332</v>
      </c>
      <c r="G1521" s="5">
        <v>5</v>
      </c>
      <c r="H1521" s="5" t="s">
        <v>69</v>
      </c>
      <c r="I1521" s="5" t="s">
        <v>27074</v>
      </c>
      <c r="J1521" s="2" t="s">
        <v>27075</v>
      </c>
      <c r="K1521" s="5" t="s">
        <v>27074</v>
      </c>
      <c r="L1521" s="2" t="s">
        <v>27075</v>
      </c>
      <c r="M1521" s="5" t="s">
        <v>24254</v>
      </c>
      <c r="N1521" s="5" t="s">
        <v>38</v>
      </c>
      <c r="O1521" s="5" t="s">
        <v>39</v>
      </c>
      <c r="P1521" s="5" t="s">
        <v>40</v>
      </c>
      <c r="Q1521" s="5" t="s">
        <v>1487</v>
      </c>
      <c r="R1521" s="5"/>
      <c r="S1521" s="5" t="s">
        <v>42</v>
      </c>
      <c r="T1521" s="2">
        <v>0</v>
      </c>
      <c r="U1521" s="2">
        <v>0</v>
      </c>
      <c r="V1521" s="2">
        <v>0</v>
      </c>
      <c r="W1521" s="2">
        <v>0</v>
      </c>
      <c r="X1521" s="2">
        <v>0</v>
      </c>
      <c r="Y1521" s="2">
        <v>0</v>
      </c>
      <c r="Z1521" s="5"/>
      <c r="AA1521" s="5" t="s">
        <v>43</v>
      </c>
      <c r="AB1521" s="5" t="s">
        <v>44</v>
      </c>
      <c r="AC1521" s="2" t="s">
        <v>87899</v>
      </c>
      <c r="AD1521" s="1"/>
    </row>
    <row r="1522" spans="1:30">
      <c r="A1522" s="5" t="s">
        <v>83578</v>
      </c>
      <c r="B1522" s="2" t="s">
        <v>88161</v>
      </c>
      <c r="C1522" s="14" t="s">
        <v>88162</v>
      </c>
      <c r="D1522" s="2" t="s">
        <v>88163</v>
      </c>
      <c r="E1522" s="2" t="s">
        <v>87894</v>
      </c>
      <c r="F1522" s="8">
        <v>332</v>
      </c>
      <c r="G1522" s="5">
        <v>5</v>
      </c>
      <c r="H1522" s="5" t="s">
        <v>69</v>
      </c>
      <c r="I1522" s="5" t="s">
        <v>27074</v>
      </c>
      <c r="J1522" s="2" t="s">
        <v>27075</v>
      </c>
      <c r="K1522" s="5" t="s">
        <v>27074</v>
      </c>
      <c r="L1522" s="2" t="s">
        <v>27075</v>
      </c>
      <c r="M1522" s="5" t="s">
        <v>24254</v>
      </c>
      <c r="N1522" s="5" t="s">
        <v>38</v>
      </c>
      <c r="O1522" s="5" t="s">
        <v>39</v>
      </c>
      <c r="P1522" s="5" t="s">
        <v>40</v>
      </c>
      <c r="Q1522" s="5" t="s">
        <v>1487</v>
      </c>
      <c r="R1522" s="5"/>
      <c r="S1522" s="5" t="s">
        <v>42</v>
      </c>
      <c r="T1522" s="2">
        <v>0</v>
      </c>
      <c r="U1522" s="2">
        <v>0</v>
      </c>
      <c r="V1522" s="2">
        <v>0</v>
      </c>
      <c r="W1522" s="2">
        <v>0</v>
      </c>
      <c r="X1522" s="2">
        <v>0</v>
      </c>
      <c r="Y1522" s="2">
        <v>0</v>
      </c>
      <c r="Z1522" s="5"/>
      <c r="AA1522" s="5" t="s">
        <v>43</v>
      </c>
      <c r="AB1522" s="5" t="s">
        <v>44</v>
      </c>
      <c r="AC1522" s="2" t="s">
        <v>88043</v>
      </c>
      <c r="AD1522" s="1"/>
    </row>
    <row r="1523" spans="1:30">
      <c r="A1523" s="5" t="s">
        <v>83578</v>
      </c>
      <c r="B1523" s="2" t="s">
        <v>88164</v>
      </c>
      <c r="C1523" s="14" t="s">
        <v>88165</v>
      </c>
      <c r="D1523" s="2" t="s">
        <v>88166</v>
      </c>
      <c r="E1523" s="2"/>
      <c r="F1523" s="8">
        <v>251</v>
      </c>
      <c r="G1523" s="5">
        <v>25</v>
      </c>
      <c r="H1523" s="5" t="s">
        <v>69</v>
      </c>
      <c r="I1523" s="5" t="s">
        <v>27074</v>
      </c>
      <c r="J1523" s="2" t="s">
        <v>27075</v>
      </c>
      <c r="K1523" s="5" t="s">
        <v>27074</v>
      </c>
      <c r="L1523" s="2" t="s">
        <v>27075</v>
      </c>
      <c r="M1523" s="5" t="s">
        <v>24254</v>
      </c>
      <c r="N1523" s="5" t="s">
        <v>38</v>
      </c>
      <c r="O1523" s="5" t="s">
        <v>39</v>
      </c>
      <c r="P1523" s="5" t="s">
        <v>40</v>
      </c>
      <c r="Q1523" s="5" t="s">
        <v>24335</v>
      </c>
      <c r="R1523" s="5" t="s">
        <v>40</v>
      </c>
      <c r="S1523" s="5" t="s">
        <v>42</v>
      </c>
      <c r="T1523" s="2">
        <v>6.0910000000000002</v>
      </c>
      <c r="U1523" s="2">
        <v>4.2750000000000004</v>
      </c>
      <c r="V1523" s="2">
        <v>0.11899999999999999</v>
      </c>
      <c r="W1523" s="2">
        <v>12</v>
      </c>
      <c r="X1523" s="2">
        <v>62</v>
      </c>
      <c r="Y1523" s="2">
        <v>159.9</v>
      </c>
      <c r="Z1523" s="5">
        <v>10</v>
      </c>
      <c r="AA1523" s="5" t="s">
        <v>43</v>
      </c>
      <c r="AB1523" s="5" t="s">
        <v>44</v>
      </c>
      <c r="AC1523" s="2" t="s">
        <v>29629</v>
      </c>
      <c r="AD1523" s="1"/>
    </row>
    <row r="1524" spans="1:30">
      <c r="A1524" s="5" t="s">
        <v>83578</v>
      </c>
      <c r="B1524" s="2" t="s">
        <v>88167</v>
      </c>
      <c r="C1524" s="14" t="s">
        <v>88168</v>
      </c>
      <c r="D1524" s="2" t="s">
        <v>88169</v>
      </c>
      <c r="E1524" s="2"/>
      <c r="F1524" s="8">
        <v>402</v>
      </c>
      <c r="G1524" s="5">
        <v>25</v>
      </c>
      <c r="H1524" s="5" t="s">
        <v>69</v>
      </c>
      <c r="I1524" s="5" t="s">
        <v>27074</v>
      </c>
      <c r="J1524" s="2" t="s">
        <v>27075</v>
      </c>
      <c r="K1524" s="5" t="s">
        <v>27074</v>
      </c>
      <c r="L1524" s="2" t="s">
        <v>27075</v>
      </c>
      <c r="M1524" s="5" t="s">
        <v>24254</v>
      </c>
      <c r="N1524" s="5" t="s">
        <v>38</v>
      </c>
      <c r="O1524" s="5" t="s">
        <v>39</v>
      </c>
      <c r="P1524" s="5" t="s">
        <v>40</v>
      </c>
      <c r="Q1524" s="5" t="s">
        <v>24340</v>
      </c>
      <c r="R1524" s="5" t="s">
        <v>40</v>
      </c>
      <c r="S1524" s="5" t="s">
        <v>42</v>
      </c>
      <c r="T1524" s="2">
        <v>15.144</v>
      </c>
      <c r="U1524" s="2">
        <v>13.294</v>
      </c>
      <c r="V1524" s="2">
        <v>0.11899999999999999</v>
      </c>
      <c r="W1524" s="2">
        <v>12</v>
      </c>
      <c r="X1524" s="2">
        <v>62</v>
      </c>
      <c r="Y1524" s="2">
        <v>159.9</v>
      </c>
      <c r="Z1524" s="5">
        <v>8</v>
      </c>
      <c r="AA1524" s="5" t="s">
        <v>43</v>
      </c>
      <c r="AB1524" s="5" t="s">
        <v>44</v>
      </c>
      <c r="AC1524" s="2" t="s">
        <v>29641</v>
      </c>
      <c r="AD1524" s="1"/>
    </row>
    <row r="1525" spans="1:30">
      <c r="A1525" s="5" t="s">
        <v>83578</v>
      </c>
      <c r="B1525" s="2" t="s">
        <v>88170</v>
      </c>
      <c r="C1525" s="14" t="s">
        <v>88171</v>
      </c>
      <c r="D1525" s="2" t="s">
        <v>88172</v>
      </c>
      <c r="E1525" s="2"/>
      <c r="F1525" s="8">
        <v>402</v>
      </c>
      <c r="G1525" s="5">
        <v>25</v>
      </c>
      <c r="H1525" s="5" t="s">
        <v>69</v>
      </c>
      <c r="I1525" s="5" t="s">
        <v>27074</v>
      </c>
      <c r="J1525" s="2" t="s">
        <v>27075</v>
      </c>
      <c r="K1525" s="5" t="s">
        <v>27074</v>
      </c>
      <c r="L1525" s="2" t="s">
        <v>27075</v>
      </c>
      <c r="M1525" s="5" t="s">
        <v>24254</v>
      </c>
      <c r="N1525" s="5" t="s">
        <v>38</v>
      </c>
      <c r="O1525" s="5" t="s">
        <v>39</v>
      </c>
      <c r="P1525" s="5" t="s">
        <v>40</v>
      </c>
      <c r="Q1525" s="5" t="s">
        <v>24340</v>
      </c>
      <c r="R1525" s="5" t="s">
        <v>40</v>
      </c>
      <c r="S1525" s="5" t="s">
        <v>42</v>
      </c>
      <c r="T1525" s="2">
        <v>11.51</v>
      </c>
      <c r="U1525" s="2">
        <v>9.6940000000000008</v>
      </c>
      <c r="V1525" s="2">
        <v>0.11899999999999999</v>
      </c>
      <c r="W1525" s="2">
        <v>12</v>
      </c>
      <c r="X1525" s="2">
        <v>62</v>
      </c>
      <c r="Y1525" s="2">
        <v>159.9</v>
      </c>
      <c r="Z1525" s="5">
        <v>10</v>
      </c>
      <c r="AA1525" s="5" t="s">
        <v>43</v>
      </c>
      <c r="AB1525" s="5" t="s">
        <v>44</v>
      </c>
      <c r="AC1525" s="2" t="s">
        <v>87916</v>
      </c>
      <c r="AD1525" s="1"/>
    </row>
    <row r="1526" spans="1:30">
      <c r="A1526" s="5" t="s">
        <v>83578</v>
      </c>
      <c r="B1526" s="2" t="s">
        <v>88173</v>
      </c>
      <c r="C1526" s="14" t="s">
        <v>88174</v>
      </c>
      <c r="D1526" s="2" t="s">
        <v>88175</v>
      </c>
      <c r="E1526" s="2"/>
      <c r="F1526" s="8">
        <v>402</v>
      </c>
      <c r="G1526" s="5">
        <v>25</v>
      </c>
      <c r="H1526" s="5" t="s">
        <v>69</v>
      </c>
      <c r="I1526" s="5" t="s">
        <v>27074</v>
      </c>
      <c r="J1526" s="2" t="s">
        <v>27075</v>
      </c>
      <c r="K1526" s="5" t="s">
        <v>27074</v>
      </c>
      <c r="L1526" s="2" t="s">
        <v>27075</v>
      </c>
      <c r="M1526" s="5" t="s">
        <v>24254</v>
      </c>
      <c r="N1526" s="5" t="s">
        <v>38</v>
      </c>
      <c r="O1526" s="5" t="s">
        <v>39</v>
      </c>
      <c r="P1526" s="5" t="s">
        <v>40</v>
      </c>
      <c r="Q1526" s="5" t="s">
        <v>24340</v>
      </c>
      <c r="R1526" s="5" t="s">
        <v>40</v>
      </c>
      <c r="S1526" s="5" t="s">
        <v>42</v>
      </c>
      <c r="T1526" s="2">
        <v>12.31</v>
      </c>
      <c r="U1526" s="2">
        <v>10.494</v>
      </c>
      <c r="V1526" s="2">
        <v>0.11899999999999999</v>
      </c>
      <c r="W1526" s="2">
        <v>12</v>
      </c>
      <c r="X1526" s="2">
        <v>62</v>
      </c>
      <c r="Y1526" s="2">
        <v>159.9</v>
      </c>
      <c r="Z1526" s="5">
        <v>10</v>
      </c>
      <c r="AA1526" s="5" t="s">
        <v>43</v>
      </c>
      <c r="AB1526" s="5" t="s">
        <v>44</v>
      </c>
      <c r="AC1526" s="2" t="s">
        <v>87920</v>
      </c>
      <c r="AD1526" s="1"/>
    </row>
    <row r="1527" spans="1:30">
      <c r="A1527" s="5" t="s">
        <v>83578</v>
      </c>
      <c r="B1527" s="2" t="s">
        <v>88176</v>
      </c>
      <c r="C1527" s="14" t="s">
        <v>88177</v>
      </c>
      <c r="D1527" s="2" t="s">
        <v>88178</v>
      </c>
      <c r="E1527" s="2"/>
      <c r="F1527" s="8">
        <v>402</v>
      </c>
      <c r="G1527" s="5">
        <v>25</v>
      </c>
      <c r="H1527" s="5" t="s">
        <v>69</v>
      </c>
      <c r="I1527" s="5" t="s">
        <v>27074</v>
      </c>
      <c r="J1527" s="2" t="s">
        <v>27075</v>
      </c>
      <c r="K1527" s="5" t="s">
        <v>27074</v>
      </c>
      <c r="L1527" s="2" t="s">
        <v>27075</v>
      </c>
      <c r="M1527" s="5" t="s">
        <v>24254</v>
      </c>
      <c r="N1527" s="5" t="s">
        <v>38</v>
      </c>
      <c r="O1527" s="5" t="s">
        <v>39</v>
      </c>
      <c r="P1527" s="5" t="s">
        <v>40</v>
      </c>
      <c r="Q1527" s="5" t="s">
        <v>24340</v>
      </c>
      <c r="R1527" s="5" t="s">
        <v>40</v>
      </c>
      <c r="S1527" s="5" t="s">
        <v>42</v>
      </c>
      <c r="T1527" s="2">
        <v>7.2359999999999998</v>
      </c>
      <c r="U1527" s="2">
        <v>5.42</v>
      </c>
      <c r="V1527" s="2">
        <v>0.11899999999999999</v>
      </c>
      <c r="W1527" s="2">
        <v>12</v>
      </c>
      <c r="X1527" s="2">
        <v>62</v>
      </c>
      <c r="Y1527" s="2">
        <v>159.9</v>
      </c>
      <c r="Z1527" s="5">
        <v>10</v>
      </c>
      <c r="AA1527" s="5" t="s">
        <v>43</v>
      </c>
      <c r="AB1527" s="5" t="s">
        <v>44</v>
      </c>
      <c r="AC1527" s="2" t="s">
        <v>29648</v>
      </c>
      <c r="AD1527" s="1"/>
    </row>
    <row r="1528" spans="1:30">
      <c r="A1528" s="5" t="s">
        <v>83578</v>
      </c>
      <c r="B1528" s="2" t="s">
        <v>88179</v>
      </c>
      <c r="C1528" s="14" t="s">
        <v>88180</v>
      </c>
      <c r="D1528" s="2" t="s">
        <v>88181</v>
      </c>
      <c r="E1528" s="2"/>
      <c r="F1528" s="8">
        <v>402</v>
      </c>
      <c r="G1528" s="5">
        <v>25</v>
      </c>
      <c r="H1528" s="5" t="s">
        <v>69</v>
      </c>
      <c r="I1528" s="5" t="s">
        <v>27074</v>
      </c>
      <c r="J1528" s="2" t="s">
        <v>27075</v>
      </c>
      <c r="K1528" s="5" t="s">
        <v>27074</v>
      </c>
      <c r="L1528" s="2" t="s">
        <v>27075</v>
      </c>
      <c r="M1528" s="5" t="s">
        <v>24254</v>
      </c>
      <c r="N1528" s="5" t="s">
        <v>38</v>
      </c>
      <c r="O1528" s="5" t="s">
        <v>39</v>
      </c>
      <c r="P1528" s="5" t="s">
        <v>40</v>
      </c>
      <c r="Q1528" s="5" t="s">
        <v>24340</v>
      </c>
      <c r="R1528" s="5" t="s">
        <v>40</v>
      </c>
      <c r="S1528" s="5" t="s">
        <v>42</v>
      </c>
      <c r="T1528" s="2">
        <v>8.0389999999999997</v>
      </c>
      <c r="U1528" s="2">
        <v>6.2229999999999999</v>
      </c>
      <c r="V1528" s="2">
        <v>0.11899999999999999</v>
      </c>
      <c r="W1528" s="2">
        <v>12</v>
      </c>
      <c r="X1528" s="2">
        <v>62</v>
      </c>
      <c r="Y1528" s="2">
        <v>159.9</v>
      </c>
      <c r="Z1528" s="5">
        <v>10</v>
      </c>
      <c r="AA1528" s="5" t="s">
        <v>43</v>
      </c>
      <c r="AB1528" s="5" t="s">
        <v>44</v>
      </c>
      <c r="AC1528" s="2" t="s">
        <v>29923</v>
      </c>
      <c r="AD1528" s="1"/>
    </row>
    <row r="1529" spans="1:30">
      <c r="A1529" s="5" t="s">
        <v>83578</v>
      </c>
      <c r="B1529" s="2" t="s">
        <v>88182</v>
      </c>
      <c r="C1529" s="14" t="s">
        <v>88183</v>
      </c>
      <c r="D1529" s="2" t="s">
        <v>88184</v>
      </c>
      <c r="E1529" s="2"/>
      <c r="F1529" s="8">
        <v>402</v>
      </c>
      <c r="G1529" s="5">
        <v>25</v>
      </c>
      <c r="H1529" s="5" t="s">
        <v>69</v>
      </c>
      <c r="I1529" s="5" t="s">
        <v>27074</v>
      </c>
      <c r="J1529" s="2" t="s">
        <v>27075</v>
      </c>
      <c r="K1529" s="5" t="s">
        <v>27074</v>
      </c>
      <c r="L1529" s="2" t="s">
        <v>27075</v>
      </c>
      <c r="M1529" s="5" t="s">
        <v>24254</v>
      </c>
      <c r="N1529" s="5" t="s">
        <v>38</v>
      </c>
      <c r="O1529" s="5" t="s">
        <v>39</v>
      </c>
      <c r="P1529" s="5" t="s">
        <v>40</v>
      </c>
      <c r="Q1529" s="5" t="s">
        <v>24340</v>
      </c>
      <c r="R1529" s="5" t="s">
        <v>40</v>
      </c>
      <c r="S1529" s="5" t="s">
        <v>42</v>
      </c>
      <c r="T1529" s="2">
        <v>9.7050000000000001</v>
      </c>
      <c r="U1529" s="2">
        <v>7.8890000000000002</v>
      </c>
      <c r="V1529" s="2">
        <v>0.11899999999999999</v>
      </c>
      <c r="W1529" s="2">
        <v>12</v>
      </c>
      <c r="X1529" s="2">
        <v>62</v>
      </c>
      <c r="Y1529" s="2">
        <v>159.9</v>
      </c>
      <c r="Z1529" s="5">
        <v>10</v>
      </c>
      <c r="AA1529" s="5" t="s">
        <v>43</v>
      </c>
      <c r="AB1529" s="5" t="s">
        <v>44</v>
      </c>
      <c r="AC1529" s="2" t="s">
        <v>29648</v>
      </c>
      <c r="AD1529" s="1"/>
    </row>
    <row r="1530" spans="1:30">
      <c r="A1530" s="5" t="s">
        <v>83578</v>
      </c>
      <c r="B1530" s="2" t="s">
        <v>88185</v>
      </c>
      <c r="C1530" s="14" t="s">
        <v>88186</v>
      </c>
      <c r="D1530" s="2" t="s">
        <v>88187</v>
      </c>
      <c r="E1530" s="2"/>
      <c r="F1530" s="8">
        <v>402</v>
      </c>
      <c r="G1530" s="5">
        <v>25</v>
      </c>
      <c r="H1530" s="5" t="s">
        <v>69</v>
      </c>
      <c r="I1530" s="5" t="s">
        <v>27074</v>
      </c>
      <c r="J1530" s="2" t="s">
        <v>27075</v>
      </c>
      <c r="K1530" s="5" t="s">
        <v>27074</v>
      </c>
      <c r="L1530" s="2" t="s">
        <v>27075</v>
      </c>
      <c r="M1530" s="5" t="s">
        <v>24254</v>
      </c>
      <c r="N1530" s="5" t="s">
        <v>38</v>
      </c>
      <c r="O1530" s="5" t="s">
        <v>39</v>
      </c>
      <c r="P1530" s="5" t="s">
        <v>40</v>
      </c>
      <c r="Q1530" s="5" t="s">
        <v>24340</v>
      </c>
      <c r="R1530" s="5" t="s">
        <v>40</v>
      </c>
      <c r="S1530" s="5" t="s">
        <v>42</v>
      </c>
      <c r="T1530" s="2">
        <v>10.609</v>
      </c>
      <c r="U1530" s="2">
        <v>8.7929999999999993</v>
      </c>
      <c r="V1530" s="2">
        <v>0.11899999999999999</v>
      </c>
      <c r="W1530" s="2">
        <v>12</v>
      </c>
      <c r="X1530" s="2">
        <v>62</v>
      </c>
      <c r="Y1530" s="2">
        <v>159.9</v>
      </c>
      <c r="Z1530" s="5">
        <v>10</v>
      </c>
      <c r="AA1530" s="5" t="s">
        <v>43</v>
      </c>
      <c r="AB1530" s="5" t="s">
        <v>44</v>
      </c>
      <c r="AC1530" s="2" t="s">
        <v>29923</v>
      </c>
      <c r="AD1530" s="1"/>
    </row>
    <row r="1531" spans="1:30">
      <c r="A1531" s="5" t="s">
        <v>83578</v>
      </c>
      <c r="B1531" s="2" t="s">
        <v>88188</v>
      </c>
      <c r="C1531" s="14" t="s">
        <v>88189</v>
      </c>
      <c r="D1531" s="2" t="s">
        <v>88190</v>
      </c>
      <c r="E1531" s="2"/>
      <c r="F1531" s="8">
        <v>402</v>
      </c>
      <c r="G1531" s="5">
        <v>25</v>
      </c>
      <c r="H1531" s="5" t="s">
        <v>69</v>
      </c>
      <c r="I1531" s="5" t="s">
        <v>27074</v>
      </c>
      <c r="J1531" s="2" t="s">
        <v>27075</v>
      </c>
      <c r="K1531" s="5" t="s">
        <v>27074</v>
      </c>
      <c r="L1531" s="2" t="s">
        <v>27075</v>
      </c>
      <c r="M1531" s="5" t="s">
        <v>24254</v>
      </c>
      <c r="N1531" s="5" t="s">
        <v>38</v>
      </c>
      <c r="O1531" s="5" t="s">
        <v>39</v>
      </c>
      <c r="P1531" s="5" t="s">
        <v>40</v>
      </c>
      <c r="Q1531" s="5" t="s">
        <v>25301</v>
      </c>
      <c r="R1531" s="5" t="s">
        <v>40</v>
      </c>
      <c r="S1531" s="5" t="s">
        <v>42</v>
      </c>
      <c r="T1531" s="2">
        <v>10.276</v>
      </c>
      <c r="U1531" s="2">
        <v>8.4600000000000009</v>
      </c>
      <c r="V1531" s="2">
        <v>0.11899999999999999</v>
      </c>
      <c r="W1531" s="2">
        <v>12</v>
      </c>
      <c r="X1531" s="2">
        <v>62</v>
      </c>
      <c r="Y1531" s="2">
        <v>159.9</v>
      </c>
      <c r="Z1531" s="5">
        <v>10</v>
      </c>
      <c r="AA1531" s="5" t="s">
        <v>43</v>
      </c>
      <c r="AB1531" s="5" t="s">
        <v>44</v>
      </c>
      <c r="AC1531" s="2" t="s">
        <v>87942</v>
      </c>
      <c r="AD1531" s="1"/>
    </row>
    <row r="1532" spans="1:30">
      <c r="A1532" s="5" t="s">
        <v>83578</v>
      </c>
      <c r="B1532" s="2" t="s">
        <v>88191</v>
      </c>
      <c r="C1532" s="14" t="s">
        <v>88192</v>
      </c>
      <c r="D1532" s="2" t="s">
        <v>88193</v>
      </c>
      <c r="E1532" s="2"/>
      <c r="F1532" s="8">
        <v>402</v>
      </c>
      <c r="G1532" s="5">
        <v>25</v>
      </c>
      <c r="H1532" s="5" t="s">
        <v>69</v>
      </c>
      <c r="I1532" s="5" t="s">
        <v>27074</v>
      </c>
      <c r="J1532" s="2" t="s">
        <v>27075</v>
      </c>
      <c r="K1532" s="5" t="s">
        <v>27074</v>
      </c>
      <c r="L1532" s="2" t="s">
        <v>27075</v>
      </c>
      <c r="M1532" s="5" t="s">
        <v>24254</v>
      </c>
      <c r="N1532" s="5" t="s">
        <v>38</v>
      </c>
      <c r="O1532" s="5" t="s">
        <v>39</v>
      </c>
      <c r="P1532" s="5" t="s">
        <v>40</v>
      </c>
      <c r="Q1532" s="5" t="s">
        <v>25301</v>
      </c>
      <c r="R1532" s="5" t="s">
        <v>40</v>
      </c>
      <c r="S1532" s="5" t="s">
        <v>42</v>
      </c>
      <c r="T1532" s="2">
        <v>10.92</v>
      </c>
      <c r="U1532" s="2">
        <v>9.1039999999999992</v>
      </c>
      <c r="V1532" s="2">
        <v>0.11899999999999999</v>
      </c>
      <c r="W1532" s="2">
        <v>12</v>
      </c>
      <c r="X1532" s="2">
        <v>62</v>
      </c>
      <c r="Y1532" s="2">
        <v>159.9</v>
      </c>
      <c r="Z1532" s="5">
        <v>10</v>
      </c>
      <c r="AA1532" s="5" t="s">
        <v>43</v>
      </c>
      <c r="AB1532" s="5" t="s">
        <v>44</v>
      </c>
      <c r="AC1532" s="2" t="s">
        <v>30038</v>
      </c>
      <c r="AD1532" s="1"/>
    </row>
    <row r="1533" spans="1:30">
      <c r="A1533" s="5" t="s">
        <v>83578</v>
      </c>
      <c r="B1533" s="2" t="s">
        <v>88194</v>
      </c>
      <c r="C1533" s="14" t="s">
        <v>88195</v>
      </c>
      <c r="D1533" s="2" t="s">
        <v>88196</v>
      </c>
      <c r="E1533" s="2"/>
      <c r="F1533" s="8">
        <v>402</v>
      </c>
      <c r="G1533" s="5">
        <v>25</v>
      </c>
      <c r="H1533" s="5" t="s">
        <v>69</v>
      </c>
      <c r="I1533" s="5" t="s">
        <v>27074</v>
      </c>
      <c r="J1533" s="2" t="s">
        <v>27075</v>
      </c>
      <c r="K1533" s="5" t="s">
        <v>27074</v>
      </c>
      <c r="L1533" s="2" t="s">
        <v>27075</v>
      </c>
      <c r="M1533" s="5" t="s">
        <v>24254</v>
      </c>
      <c r="N1533" s="5" t="s">
        <v>38</v>
      </c>
      <c r="O1533" s="5" t="s">
        <v>39</v>
      </c>
      <c r="P1533" s="5" t="s">
        <v>40</v>
      </c>
      <c r="Q1533" s="5" t="s">
        <v>25301</v>
      </c>
      <c r="R1533" s="5" t="s">
        <v>40</v>
      </c>
      <c r="S1533" s="5" t="s">
        <v>42</v>
      </c>
      <c r="T1533" s="2">
        <v>6.7519999999999998</v>
      </c>
      <c r="U1533" s="2">
        <v>4.9359999999999999</v>
      </c>
      <c r="V1533" s="2">
        <v>0.11899999999999999</v>
      </c>
      <c r="W1533" s="2">
        <v>12</v>
      </c>
      <c r="X1533" s="2">
        <v>62</v>
      </c>
      <c r="Y1533" s="2">
        <v>159.9</v>
      </c>
      <c r="Z1533" s="5">
        <v>10</v>
      </c>
      <c r="AA1533" s="5" t="s">
        <v>43</v>
      </c>
      <c r="AB1533" s="5" t="s">
        <v>44</v>
      </c>
      <c r="AC1533" s="2" t="s">
        <v>87949</v>
      </c>
      <c r="AD1533" s="1"/>
    </row>
    <row r="1534" spans="1:30">
      <c r="A1534" s="5" t="s">
        <v>83578</v>
      </c>
      <c r="B1534" s="2" t="s">
        <v>88197</v>
      </c>
      <c r="C1534" s="14" t="s">
        <v>88198</v>
      </c>
      <c r="D1534" s="2" t="s">
        <v>88199</v>
      </c>
      <c r="E1534" s="2"/>
      <c r="F1534" s="8">
        <v>402</v>
      </c>
      <c r="G1534" s="5">
        <v>25</v>
      </c>
      <c r="H1534" s="5" t="s">
        <v>69</v>
      </c>
      <c r="I1534" s="5" t="s">
        <v>27074</v>
      </c>
      <c r="J1534" s="2" t="s">
        <v>27075</v>
      </c>
      <c r="K1534" s="5" t="s">
        <v>27074</v>
      </c>
      <c r="L1534" s="2" t="s">
        <v>27075</v>
      </c>
      <c r="M1534" s="5" t="s">
        <v>24254</v>
      </c>
      <c r="N1534" s="5" t="s">
        <v>38</v>
      </c>
      <c r="O1534" s="5" t="s">
        <v>39</v>
      </c>
      <c r="P1534" s="5" t="s">
        <v>40</v>
      </c>
      <c r="Q1534" s="5" t="s">
        <v>25301</v>
      </c>
      <c r="R1534" s="5" t="s">
        <v>40</v>
      </c>
      <c r="S1534" s="5" t="s">
        <v>42</v>
      </c>
      <c r="T1534" s="2">
        <v>7.3979999999999997</v>
      </c>
      <c r="U1534" s="2">
        <v>5.5819999999999999</v>
      </c>
      <c r="V1534" s="2">
        <v>0.11899999999999999</v>
      </c>
      <c r="W1534" s="2">
        <v>12</v>
      </c>
      <c r="X1534" s="2">
        <v>62</v>
      </c>
      <c r="Y1534" s="2">
        <v>159.9</v>
      </c>
      <c r="Z1534" s="5">
        <v>10</v>
      </c>
      <c r="AA1534" s="5" t="s">
        <v>43</v>
      </c>
      <c r="AB1534" s="5" t="s">
        <v>44</v>
      </c>
      <c r="AC1534" s="2" t="s">
        <v>30042</v>
      </c>
      <c r="AD1534" s="1"/>
    </row>
    <row r="1535" spans="1:30">
      <c r="A1535" s="5" t="s">
        <v>83578</v>
      </c>
      <c r="B1535" s="2" t="s">
        <v>88200</v>
      </c>
      <c r="C1535" s="14" t="s">
        <v>88201</v>
      </c>
      <c r="D1535" s="2" t="s">
        <v>88202</v>
      </c>
      <c r="E1535" s="2"/>
      <c r="F1535" s="8">
        <v>402</v>
      </c>
      <c r="G1535" s="5">
        <v>25</v>
      </c>
      <c r="H1535" s="5" t="s">
        <v>69</v>
      </c>
      <c r="I1535" s="5" t="s">
        <v>27074</v>
      </c>
      <c r="J1535" s="2" t="s">
        <v>27075</v>
      </c>
      <c r="K1535" s="5" t="s">
        <v>27074</v>
      </c>
      <c r="L1535" s="2" t="s">
        <v>27075</v>
      </c>
      <c r="M1535" s="5" t="s">
        <v>24254</v>
      </c>
      <c r="N1535" s="5" t="s">
        <v>38</v>
      </c>
      <c r="O1535" s="5" t="s">
        <v>39</v>
      </c>
      <c r="P1535" s="5" t="s">
        <v>40</v>
      </c>
      <c r="Q1535" s="5" t="s">
        <v>25301</v>
      </c>
      <c r="R1535" s="5" t="s">
        <v>40</v>
      </c>
      <c r="S1535" s="5" t="s">
        <v>42</v>
      </c>
      <c r="T1535" s="2">
        <v>8.84</v>
      </c>
      <c r="U1535" s="2">
        <v>7.024</v>
      </c>
      <c r="V1535" s="2">
        <v>0.11899999999999999</v>
      </c>
      <c r="W1535" s="2">
        <v>12</v>
      </c>
      <c r="X1535" s="2">
        <v>62</v>
      </c>
      <c r="Y1535" s="2">
        <v>159.9</v>
      </c>
      <c r="Z1535" s="5">
        <v>10</v>
      </c>
      <c r="AA1535" s="5" t="s">
        <v>43</v>
      </c>
      <c r="AB1535" s="5" t="s">
        <v>44</v>
      </c>
      <c r="AC1535" s="2" t="s">
        <v>87949</v>
      </c>
      <c r="AD1535" s="1"/>
    </row>
    <row r="1536" spans="1:30">
      <c r="A1536" s="5" t="s">
        <v>83578</v>
      </c>
      <c r="B1536" s="2" t="s">
        <v>88203</v>
      </c>
      <c r="C1536" s="14" t="s">
        <v>88204</v>
      </c>
      <c r="D1536" s="2" t="s">
        <v>88205</v>
      </c>
      <c r="E1536" s="2"/>
      <c r="F1536" s="8">
        <v>402</v>
      </c>
      <c r="G1536" s="5">
        <v>25</v>
      </c>
      <c r="H1536" s="5" t="s">
        <v>69</v>
      </c>
      <c r="I1536" s="5" t="s">
        <v>27074</v>
      </c>
      <c r="J1536" s="2" t="s">
        <v>27075</v>
      </c>
      <c r="K1536" s="5" t="s">
        <v>27074</v>
      </c>
      <c r="L1536" s="2" t="s">
        <v>27075</v>
      </c>
      <c r="M1536" s="5" t="s">
        <v>24254</v>
      </c>
      <c r="N1536" s="5" t="s">
        <v>38</v>
      </c>
      <c r="O1536" s="5" t="s">
        <v>39</v>
      </c>
      <c r="P1536" s="5" t="s">
        <v>40</v>
      </c>
      <c r="Q1536" s="5" t="s">
        <v>25301</v>
      </c>
      <c r="R1536" s="5" t="s">
        <v>40</v>
      </c>
      <c r="S1536" s="5" t="s">
        <v>42</v>
      </c>
      <c r="T1536" s="2">
        <v>9.57</v>
      </c>
      <c r="U1536" s="2">
        <v>7.7539999999999996</v>
      </c>
      <c r="V1536" s="2">
        <v>0.11899999999999999</v>
      </c>
      <c r="W1536" s="2">
        <v>12</v>
      </c>
      <c r="X1536" s="2">
        <v>62</v>
      </c>
      <c r="Y1536" s="2">
        <v>159.9</v>
      </c>
      <c r="Z1536" s="5">
        <v>10</v>
      </c>
      <c r="AA1536" s="5" t="s">
        <v>43</v>
      </c>
      <c r="AB1536" s="5" t="s">
        <v>44</v>
      </c>
      <c r="AC1536" s="2" t="s">
        <v>30042</v>
      </c>
      <c r="AD1536" s="1"/>
    </row>
    <row r="1537" spans="1:30">
      <c r="A1537" s="5" t="s">
        <v>83578</v>
      </c>
      <c r="B1537" s="2" t="s">
        <v>88206</v>
      </c>
      <c r="C1537" s="14" t="s">
        <v>88207</v>
      </c>
      <c r="D1537" s="2" t="s">
        <v>88208</v>
      </c>
      <c r="E1537" s="2" t="s">
        <v>87894</v>
      </c>
      <c r="F1537" s="8">
        <v>342</v>
      </c>
      <c r="G1537" s="5">
        <v>5</v>
      </c>
      <c r="H1537" s="5" t="s">
        <v>69</v>
      </c>
      <c r="I1537" s="5" t="s">
        <v>27074</v>
      </c>
      <c r="J1537" s="2" t="s">
        <v>27075</v>
      </c>
      <c r="K1537" s="5" t="s">
        <v>27074</v>
      </c>
      <c r="L1537" s="2" t="s">
        <v>27075</v>
      </c>
      <c r="M1537" s="5" t="s">
        <v>24254</v>
      </c>
      <c r="N1537" s="5" t="s">
        <v>38</v>
      </c>
      <c r="O1537" s="5" t="s">
        <v>39</v>
      </c>
      <c r="P1537" s="5" t="s">
        <v>40</v>
      </c>
      <c r="Q1537" s="5" t="s">
        <v>1487</v>
      </c>
      <c r="R1537" s="5"/>
      <c r="S1537" s="5" t="s">
        <v>42</v>
      </c>
      <c r="T1537" s="2">
        <v>0</v>
      </c>
      <c r="U1537" s="2">
        <v>0</v>
      </c>
      <c r="V1537" s="2">
        <v>0</v>
      </c>
      <c r="W1537" s="2">
        <v>0</v>
      </c>
      <c r="X1537" s="2">
        <v>0</v>
      </c>
      <c r="Y1537" s="2">
        <v>0</v>
      </c>
      <c r="Z1537" s="5"/>
      <c r="AA1537" s="5" t="s">
        <v>43</v>
      </c>
      <c r="AB1537" s="5" t="s">
        <v>44</v>
      </c>
      <c r="AC1537" s="2" t="s">
        <v>87895</v>
      </c>
      <c r="AD1537" s="1"/>
    </row>
    <row r="1538" spans="1:30">
      <c r="A1538" s="5" t="s">
        <v>83578</v>
      </c>
      <c r="B1538" s="2" t="s">
        <v>88209</v>
      </c>
      <c r="C1538" s="14" t="s">
        <v>88210</v>
      </c>
      <c r="D1538" s="2" t="s">
        <v>88211</v>
      </c>
      <c r="E1538" s="2" t="s">
        <v>87894</v>
      </c>
      <c r="F1538" s="8">
        <v>342</v>
      </c>
      <c r="G1538" s="5">
        <v>5</v>
      </c>
      <c r="H1538" s="5" t="s">
        <v>69</v>
      </c>
      <c r="I1538" s="5" t="s">
        <v>27074</v>
      </c>
      <c r="J1538" s="2" t="s">
        <v>27075</v>
      </c>
      <c r="K1538" s="5" t="s">
        <v>27074</v>
      </c>
      <c r="L1538" s="2" t="s">
        <v>27075</v>
      </c>
      <c r="M1538" s="5" t="s">
        <v>24254</v>
      </c>
      <c r="N1538" s="5" t="s">
        <v>38</v>
      </c>
      <c r="O1538" s="5" t="s">
        <v>39</v>
      </c>
      <c r="P1538" s="5" t="s">
        <v>40</v>
      </c>
      <c r="Q1538" s="5" t="s">
        <v>1487</v>
      </c>
      <c r="R1538" s="5"/>
      <c r="S1538" s="5" t="s">
        <v>42</v>
      </c>
      <c r="T1538" s="2">
        <v>0</v>
      </c>
      <c r="U1538" s="2">
        <v>0</v>
      </c>
      <c r="V1538" s="2">
        <v>0</v>
      </c>
      <c r="W1538" s="2">
        <v>0</v>
      </c>
      <c r="X1538" s="2">
        <v>0</v>
      </c>
      <c r="Y1538" s="2">
        <v>0</v>
      </c>
      <c r="Z1538" s="5"/>
      <c r="AA1538" s="5" t="s">
        <v>43</v>
      </c>
      <c r="AB1538" s="5" t="s">
        <v>44</v>
      </c>
      <c r="AC1538" s="2" t="s">
        <v>87899</v>
      </c>
      <c r="AD1538" s="1"/>
    </row>
    <row r="1539" spans="1:30">
      <c r="A1539" s="5" t="s">
        <v>83578</v>
      </c>
      <c r="B1539" s="2" t="s">
        <v>88212</v>
      </c>
      <c r="C1539" s="14" t="s">
        <v>88213</v>
      </c>
      <c r="D1539" s="2" t="s">
        <v>88214</v>
      </c>
      <c r="E1539" s="2" t="s">
        <v>87894</v>
      </c>
      <c r="F1539" s="8">
        <v>342</v>
      </c>
      <c r="G1539" s="5">
        <v>5</v>
      </c>
      <c r="H1539" s="5" t="s">
        <v>69</v>
      </c>
      <c r="I1539" s="5" t="s">
        <v>27074</v>
      </c>
      <c r="J1539" s="2" t="s">
        <v>27075</v>
      </c>
      <c r="K1539" s="5" t="s">
        <v>27074</v>
      </c>
      <c r="L1539" s="2" t="s">
        <v>27075</v>
      </c>
      <c r="M1539" s="5" t="s">
        <v>24254</v>
      </c>
      <c r="N1539" s="5" t="s">
        <v>38</v>
      </c>
      <c r="O1539" s="5" t="s">
        <v>39</v>
      </c>
      <c r="P1539" s="5" t="s">
        <v>40</v>
      </c>
      <c r="Q1539" s="5" t="s">
        <v>1487</v>
      </c>
      <c r="R1539" s="5"/>
      <c r="S1539" s="5" t="s">
        <v>42</v>
      </c>
      <c r="T1539" s="2">
        <v>0</v>
      </c>
      <c r="U1539" s="2">
        <v>0</v>
      </c>
      <c r="V1539" s="2">
        <v>0</v>
      </c>
      <c r="W1539" s="2">
        <v>0</v>
      </c>
      <c r="X1539" s="2">
        <v>0</v>
      </c>
      <c r="Y1539" s="2">
        <v>0</v>
      </c>
      <c r="Z1539" s="5"/>
      <c r="AA1539" s="5" t="s">
        <v>43</v>
      </c>
      <c r="AB1539" s="5" t="s">
        <v>44</v>
      </c>
      <c r="AC1539" s="2" t="s">
        <v>87903</v>
      </c>
      <c r="AD1539" s="1"/>
    </row>
    <row r="1540" spans="1:30">
      <c r="A1540" s="5" t="s">
        <v>83578</v>
      </c>
      <c r="B1540" s="2" t="s">
        <v>88215</v>
      </c>
      <c r="C1540" s="14" t="s">
        <v>88216</v>
      </c>
      <c r="D1540" s="2" t="s">
        <v>88217</v>
      </c>
      <c r="E1540" s="2" t="s">
        <v>87894</v>
      </c>
      <c r="F1540" s="8">
        <v>342</v>
      </c>
      <c r="G1540" s="5">
        <v>5</v>
      </c>
      <c r="H1540" s="5" t="s">
        <v>69</v>
      </c>
      <c r="I1540" s="5" t="s">
        <v>27074</v>
      </c>
      <c r="J1540" s="2" t="s">
        <v>27075</v>
      </c>
      <c r="K1540" s="5" t="s">
        <v>27074</v>
      </c>
      <c r="L1540" s="2" t="s">
        <v>27075</v>
      </c>
      <c r="M1540" s="5" t="s">
        <v>24254</v>
      </c>
      <c r="N1540" s="5" t="s">
        <v>38</v>
      </c>
      <c r="O1540" s="5" t="s">
        <v>39</v>
      </c>
      <c r="P1540" s="5" t="s">
        <v>40</v>
      </c>
      <c r="Q1540" s="5" t="s">
        <v>1487</v>
      </c>
      <c r="R1540" s="5"/>
      <c r="S1540" s="5" t="s">
        <v>42</v>
      </c>
      <c r="T1540" s="2">
        <v>0</v>
      </c>
      <c r="U1540" s="2">
        <v>0</v>
      </c>
      <c r="V1540" s="2">
        <v>0</v>
      </c>
      <c r="W1540" s="2">
        <v>0</v>
      </c>
      <c r="X1540" s="2">
        <v>0</v>
      </c>
      <c r="Y1540" s="2">
        <v>0</v>
      </c>
      <c r="Z1540" s="5"/>
      <c r="AA1540" s="5" t="s">
        <v>43</v>
      </c>
      <c r="AB1540" s="5" t="s">
        <v>44</v>
      </c>
      <c r="AC1540" s="2" t="s">
        <v>88043</v>
      </c>
      <c r="AD1540" s="1"/>
    </row>
    <row r="1541" spans="1:30">
      <c r="A1541" s="5" t="s">
        <v>83578</v>
      </c>
      <c r="B1541" s="2" t="s">
        <v>88218</v>
      </c>
      <c r="C1541" s="14" t="s">
        <v>88219</v>
      </c>
      <c r="D1541" s="2" t="s">
        <v>88220</v>
      </c>
      <c r="E1541" s="2"/>
      <c r="F1541" s="8">
        <v>258</v>
      </c>
      <c r="G1541" s="5">
        <v>25</v>
      </c>
      <c r="H1541" s="5" t="s">
        <v>69</v>
      </c>
      <c r="I1541" s="5" t="s">
        <v>27074</v>
      </c>
      <c r="J1541" s="2" t="s">
        <v>27075</v>
      </c>
      <c r="K1541" s="5" t="s">
        <v>27074</v>
      </c>
      <c r="L1541" s="2" t="s">
        <v>27075</v>
      </c>
      <c r="M1541" s="5" t="s">
        <v>24254</v>
      </c>
      <c r="N1541" s="5" t="s">
        <v>38</v>
      </c>
      <c r="O1541" s="5" t="s">
        <v>39</v>
      </c>
      <c r="P1541" s="5" t="s">
        <v>40</v>
      </c>
      <c r="Q1541" s="5" t="s">
        <v>24335</v>
      </c>
      <c r="R1541" s="5" t="s">
        <v>40</v>
      </c>
      <c r="S1541" s="5" t="s">
        <v>42</v>
      </c>
      <c r="T1541" s="2">
        <v>8.9809999999999999</v>
      </c>
      <c r="U1541" s="2">
        <v>6.2629999999999999</v>
      </c>
      <c r="V1541" s="2">
        <v>0.14899999999999999</v>
      </c>
      <c r="W1541" s="2">
        <v>12</v>
      </c>
      <c r="X1541" s="2">
        <v>62</v>
      </c>
      <c r="Y1541" s="2">
        <v>199.7</v>
      </c>
      <c r="Z1541" s="5">
        <v>10</v>
      </c>
      <c r="AA1541" s="5" t="s">
        <v>43</v>
      </c>
      <c r="AB1541" s="5" t="s">
        <v>44</v>
      </c>
      <c r="AC1541" s="2" t="s">
        <v>29747</v>
      </c>
      <c r="AD1541" s="1"/>
    </row>
    <row r="1542" spans="1:30">
      <c r="A1542" s="5" t="s">
        <v>83578</v>
      </c>
      <c r="B1542" s="2" t="s">
        <v>88221</v>
      </c>
      <c r="C1542" s="14" t="s">
        <v>88222</v>
      </c>
      <c r="D1542" s="2" t="s">
        <v>88223</v>
      </c>
      <c r="E1542" s="2"/>
      <c r="F1542" s="8">
        <v>258</v>
      </c>
      <c r="G1542" s="5">
        <v>25</v>
      </c>
      <c r="H1542" s="5" t="s">
        <v>69</v>
      </c>
      <c r="I1542" s="5" t="s">
        <v>27074</v>
      </c>
      <c r="J1542" s="2" t="s">
        <v>27075</v>
      </c>
      <c r="K1542" s="5" t="s">
        <v>27074</v>
      </c>
      <c r="L1542" s="2" t="s">
        <v>27075</v>
      </c>
      <c r="M1542" s="5" t="s">
        <v>24254</v>
      </c>
      <c r="N1542" s="5" t="s">
        <v>38</v>
      </c>
      <c r="O1542" s="5" t="s">
        <v>39</v>
      </c>
      <c r="P1542" s="5" t="s">
        <v>40</v>
      </c>
      <c r="Q1542" s="5" t="s">
        <v>24335</v>
      </c>
      <c r="R1542" s="5" t="s">
        <v>40</v>
      </c>
      <c r="S1542" s="5" t="s">
        <v>42</v>
      </c>
      <c r="T1542" s="2">
        <v>7.3230000000000004</v>
      </c>
      <c r="U1542" s="2">
        <v>4.6050000000000004</v>
      </c>
      <c r="V1542" s="2">
        <v>0.14899999999999999</v>
      </c>
      <c r="W1542" s="2">
        <v>12</v>
      </c>
      <c r="X1542" s="2">
        <v>62</v>
      </c>
      <c r="Y1542" s="2">
        <v>199.7</v>
      </c>
      <c r="Z1542" s="5">
        <v>10</v>
      </c>
      <c r="AA1542" s="5" t="s">
        <v>43</v>
      </c>
      <c r="AB1542" s="5" t="s">
        <v>44</v>
      </c>
      <c r="AC1542" s="2" t="s">
        <v>29629</v>
      </c>
      <c r="AD1542" s="1"/>
    </row>
    <row r="1543" spans="1:30">
      <c r="A1543" s="5" t="s">
        <v>83578</v>
      </c>
      <c r="B1543" s="2" t="s">
        <v>88224</v>
      </c>
      <c r="C1543" s="14" t="s">
        <v>88225</v>
      </c>
      <c r="D1543" s="2" t="s">
        <v>88226</v>
      </c>
      <c r="E1543" s="2"/>
      <c r="F1543" s="8">
        <v>409</v>
      </c>
      <c r="G1543" s="5">
        <v>25</v>
      </c>
      <c r="H1543" s="5" t="s">
        <v>69</v>
      </c>
      <c r="I1543" s="5" t="s">
        <v>27074</v>
      </c>
      <c r="J1543" s="2" t="s">
        <v>27075</v>
      </c>
      <c r="K1543" s="5" t="s">
        <v>27074</v>
      </c>
      <c r="L1543" s="2" t="s">
        <v>27075</v>
      </c>
      <c r="M1543" s="5" t="s">
        <v>24254</v>
      </c>
      <c r="N1543" s="5" t="s">
        <v>38</v>
      </c>
      <c r="O1543" s="5" t="s">
        <v>39</v>
      </c>
      <c r="P1543" s="5" t="s">
        <v>40</v>
      </c>
      <c r="Q1543" s="5" t="s">
        <v>24340</v>
      </c>
      <c r="R1543" s="5" t="s">
        <v>40</v>
      </c>
      <c r="S1543" s="5" t="s">
        <v>42</v>
      </c>
      <c r="T1543" s="2">
        <v>13.587999999999999</v>
      </c>
      <c r="U1543" s="2">
        <v>10.87</v>
      </c>
      <c r="V1543" s="2">
        <v>0.14899999999999999</v>
      </c>
      <c r="W1543" s="2">
        <v>12</v>
      </c>
      <c r="X1543" s="2">
        <v>62</v>
      </c>
      <c r="Y1543" s="2">
        <v>199.7</v>
      </c>
      <c r="Z1543" s="5">
        <v>10</v>
      </c>
      <c r="AA1543" s="5" t="s">
        <v>43</v>
      </c>
      <c r="AB1543" s="5" t="s">
        <v>44</v>
      </c>
      <c r="AC1543" s="2" t="s">
        <v>87916</v>
      </c>
      <c r="AD1543" s="1"/>
    </row>
    <row r="1544" spans="1:30">
      <c r="A1544" s="5" t="s">
        <v>83578</v>
      </c>
      <c r="B1544" s="2" t="s">
        <v>88227</v>
      </c>
      <c r="C1544" s="14" t="s">
        <v>88228</v>
      </c>
      <c r="D1544" s="2" t="s">
        <v>88229</v>
      </c>
      <c r="E1544" s="2"/>
      <c r="F1544" s="8">
        <v>409</v>
      </c>
      <c r="G1544" s="5">
        <v>25</v>
      </c>
      <c r="H1544" s="5" t="s">
        <v>69</v>
      </c>
      <c r="I1544" s="5" t="s">
        <v>27074</v>
      </c>
      <c r="J1544" s="2" t="s">
        <v>27075</v>
      </c>
      <c r="K1544" s="5" t="s">
        <v>27074</v>
      </c>
      <c r="L1544" s="2" t="s">
        <v>27075</v>
      </c>
      <c r="M1544" s="5" t="s">
        <v>24254</v>
      </c>
      <c r="N1544" s="5" t="s">
        <v>38</v>
      </c>
      <c r="O1544" s="5" t="s">
        <v>39</v>
      </c>
      <c r="P1544" s="5" t="s">
        <v>40</v>
      </c>
      <c r="Q1544" s="5" t="s">
        <v>24340</v>
      </c>
      <c r="R1544" s="5" t="s">
        <v>40</v>
      </c>
      <c r="S1544" s="5" t="s">
        <v>42</v>
      </c>
      <c r="T1544" s="2">
        <v>14.388</v>
      </c>
      <c r="U1544" s="2">
        <v>11.67</v>
      </c>
      <c r="V1544" s="2">
        <v>0.14899999999999999</v>
      </c>
      <c r="W1544" s="2">
        <v>12</v>
      </c>
      <c r="X1544" s="2">
        <v>62</v>
      </c>
      <c r="Y1544" s="2">
        <v>199.7</v>
      </c>
      <c r="Z1544" s="5">
        <v>10</v>
      </c>
      <c r="AA1544" s="5" t="s">
        <v>43</v>
      </c>
      <c r="AB1544" s="5" t="s">
        <v>44</v>
      </c>
      <c r="AC1544" s="2" t="s">
        <v>87920</v>
      </c>
      <c r="AD1544" s="1"/>
    </row>
    <row r="1545" spans="1:30">
      <c r="A1545" s="5" t="s">
        <v>83578</v>
      </c>
      <c r="B1545" s="2" t="s">
        <v>88230</v>
      </c>
      <c r="C1545" s="14" t="s">
        <v>88231</v>
      </c>
      <c r="D1545" s="2" t="s">
        <v>88232</v>
      </c>
      <c r="E1545" s="2"/>
      <c r="F1545" s="8">
        <v>409</v>
      </c>
      <c r="G1545" s="5">
        <v>25</v>
      </c>
      <c r="H1545" s="5" t="s">
        <v>69</v>
      </c>
      <c r="I1545" s="5" t="s">
        <v>27074</v>
      </c>
      <c r="J1545" s="2" t="s">
        <v>27075</v>
      </c>
      <c r="K1545" s="5" t="s">
        <v>27074</v>
      </c>
      <c r="L1545" s="2" t="s">
        <v>27075</v>
      </c>
      <c r="M1545" s="5" t="s">
        <v>24254</v>
      </c>
      <c r="N1545" s="5" t="s">
        <v>38</v>
      </c>
      <c r="O1545" s="5" t="s">
        <v>39</v>
      </c>
      <c r="P1545" s="5" t="s">
        <v>40</v>
      </c>
      <c r="Q1545" s="5" t="s">
        <v>24340</v>
      </c>
      <c r="R1545" s="5" t="s">
        <v>40</v>
      </c>
      <c r="S1545" s="5" t="s">
        <v>42</v>
      </c>
      <c r="T1545" s="2">
        <v>8.6370000000000005</v>
      </c>
      <c r="U1545" s="2">
        <v>5.9189999999999996</v>
      </c>
      <c r="V1545" s="2">
        <v>0.14899999999999999</v>
      </c>
      <c r="W1545" s="2">
        <v>12</v>
      </c>
      <c r="X1545" s="2">
        <v>62</v>
      </c>
      <c r="Y1545" s="2">
        <v>199.7</v>
      </c>
      <c r="Z1545" s="5">
        <v>10</v>
      </c>
      <c r="AA1545" s="5" t="s">
        <v>43</v>
      </c>
      <c r="AB1545" s="5" t="s">
        <v>44</v>
      </c>
      <c r="AC1545" s="2" t="s">
        <v>29648</v>
      </c>
      <c r="AD1545" s="1"/>
    </row>
    <row r="1546" spans="1:30">
      <c r="A1546" s="5" t="s">
        <v>83578</v>
      </c>
      <c r="B1546" s="2" t="s">
        <v>88233</v>
      </c>
      <c r="C1546" s="14" t="s">
        <v>88234</v>
      </c>
      <c r="D1546" s="2" t="s">
        <v>88235</v>
      </c>
      <c r="E1546" s="2"/>
      <c r="F1546" s="8">
        <v>409</v>
      </c>
      <c r="G1546" s="5">
        <v>25</v>
      </c>
      <c r="H1546" s="5" t="s">
        <v>69</v>
      </c>
      <c r="I1546" s="5" t="s">
        <v>27074</v>
      </c>
      <c r="J1546" s="2" t="s">
        <v>27075</v>
      </c>
      <c r="K1546" s="5" t="s">
        <v>27074</v>
      </c>
      <c r="L1546" s="2" t="s">
        <v>27075</v>
      </c>
      <c r="M1546" s="5" t="s">
        <v>24254</v>
      </c>
      <c r="N1546" s="5" t="s">
        <v>38</v>
      </c>
      <c r="O1546" s="5" t="s">
        <v>39</v>
      </c>
      <c r="P1546" s="5" t="s">
        <v>40</v>
      </c>
      <c r="Q1546" s="5" t="s">
        <v>24340</v>
      </c>
      <c r="R1546" s="5" t="s">
        <v>40</v>
      </c>
      <c r="S1546" s="5" t="s">
        <v>42</v>
      </c>
      <c r="T1546" s="2">
        <v>9.44</v>
      </c>
      <c r="U1546" s="2">
        <v>6.7220000000000004</v>
      </c>
      <c r="V1546" s="2">
        <v>0.14899999999999999</v>
      </c>
      <c r="W1546" s="2">
        <v>12</v>
      </c>
      <c r="X1546" s="2">
        <v>62</v>
      </c>
      <c r="Y1546" s="2">
        <v>199.7</v>
      </c>
      <c r="Z1546" s="5">
        <v>10</v>
      </c>
      <c r="AA1546" s="5" t="s">
        <v>43</v>
      </c>
      <c r="AB1546" s="5" t="s">
        <v>44</v>
      </c>
      <c r="AC1546" s="2" t="s">
        <v>29923</v>
      </c>
      <c r="AD1546" s="1"/>
    </row>
    <row r="1547" spans="1:30">
      <c r="A1547" s="5" t="s">
        <v>83578</v>
      </c>
      <c r="B1547" s="2" t="s">
        <v>88236</v>
      </c>
      <c r="C1547" s="14" t="s">
        <v>88237</v>
      </c>
      <c r="D1547" s="2" t="s">
        <v>88238</v>
      </c>
      <c r="E1547" s="2"/>
      <c r="F1547" s="8">
        <v>409</v>
      </c>
      <c r="G1547" s="5">
        <v>25</v>
      </c>
      <c r="H1547" s="5" t="s">
        <v>69</v>
      </c>
      <c r="I1547" s="5" t="s">
        <v>27074</v>
      </c>
      <c r="J1547" s="2" t="s">
        <v>27075</v>
      </c>
      <c r="K1547" s="5" t="s">
        <v>27074</v>
      </c>
      <c r="L1547" s="2" t="s">
        <v>27075</v>
      </c>
      <c r="M1547" s="5" t="s">
        <v>24254</v>
      </c>
      <c r="N1547" s="5" t="s">
        <v>38</v>
      </c>
      <c r="O1547" s="5" t="s">
        <v>39</v>
      </c>
      <c r="P1547" s="5" t="s">
        <v>40</v>
      </c>
      <c r="Q1547" s="5" t="s">
        <v>24340</v>
      </c>
      <c r="R1547" s="5" t="s">
        <v>40</v>
      </c>
      <c r="S1547" s="5" t="s">
        <v>42</v>
      </c>
      <c r="T1547" s="2">
        <v>11.554</v>
      </c>
      <c r="U1547" s="2">
        <v>8.8360000000000003</v>
      </c>
      <c r="V1547" s="2">
        <v>0.14899999999999999</v>
      </c>
      <c r="W1547" s="2">
        <v>12</v>
      </c>
      <c r="X1547" s="2">
        <v>62</v>
      </c>
      <c r="Y1547" s="2">
        <v>199.7</v>
      </c>
      <c r="Z1547" s="5">
        <v>10</v>
      </c>
      <c r="AA1547" s="5" t="s">
        <v>43</v>
      </c>
      <c r="AB1547" s="5" t="s">
        <v>44</v>
      </c>
      <c r="AC1547" s="2" t="s">
        <v>29648</v>
      </c>
      <c r="AD1547" s="1"/>
    </row>
    <row r="1548" spans="1:30">
      <c r="A1548" s="5" t="s">
        <v>83578</v>
      </c>
      <c r="B1548" s="2" t="s">
        <v>88239</v>
      </c>
      <c r="C1548" s="14" t="s">
        <v>88240</v>
      </c>
      <c r="D1548" s="2" t="s">
        <v>88241</v>
      </c>
      <c r="E1548" s="2"/>
      <c r="F1548" s="8">
        <v>409</v>
      </c>
      <c r="G1548" s="5">
        <v>25</v>
      </c>
      <c r="H1548" s="5" t="s">
        <v>69</v>
      </c>
      <c r="I1548" s="5" t="s">
        <v>27074</v>
      </c>
      <c r="J1548" s="2" t="s">
        <v>27075</v>
      </c>
      <c r="K1548" s="5" t="s">
        <v>27074</v>
      </c>
      <c r="L1548" s="2" t="s">
        <v>27075</v>
      </c>
      <c r="M1548" s="5" t="s">
        <v>24254</v>
      </c>
      <c r="N1548" s="5" t="s">
        <v>38</v>
      </c>
      <c r="O1548" s="5" t="s">
        <v>39</v>
      </c>
      <c r="P1548" s="5" t="s">
        <v>40</v>
      </c>
      <c r="Q1548" s="5" t="s">
        <v>24340</v>
      </c>
      <c r="R1548" s="5" t="s">
        <v>40</v>
      </c>
      <c r="S1548" s="5" t="s">
        <v>42</v>
      </c>
      <c r="T1548" s="2">
        <v>12.458</v>
      </c>
      <c r="U1548" s="2">
        <v>9.74</v>
      </c>
      <c r="V1548" s="2">
        <v>0.14899999999999999</v>
      </c>
      <c r="W1548" s="2">
        <v>12</v>
      </c>
      <c r="X1548" s="2">
        <v>62</v>
      </c>
      <c r="Y1548" s="2">
        <v>199.7</v>
      </c>
      <c r="Z1548" s="5">
        <v>10</v>
      </c>
      <c r="AA1548" s="5" t="s">
        <v>43</v>
      </c>
      <c r="AB1548" s="5" t="s">
        <v>44</v>
      </c>
      <c r="AC1548" s="2" t="s">
        <v>29923</v>
      </c>
      <c r="AD1548" s="1"/>
    </row>
    <row r="1549" spans="1:30">
      <c r="A1549" s="5" t="s">
        <v>83578</v>
      </c>
      <c r="B1549" s="2" t="s">
        <v>88242</v>
      </c>
      <c r="C1549" s="14" t="s">
        <v>88243</v>
      </c>
      <c r="D1549" s="2" t="s">
        <v>88244</v>
      </c>
      <c r="E1549" s="2"/>
      <c r="F1549" s="8">
        <v>409</v>
      </c>
      <c r="G1549" s="5">
        <v>25</v>
      </c>
      <c r="H1549" s="5" t="s">
        <v>69</v>
      </c>
      <c r="I1549" s="5" t="s">
        <v>27074</v>
      </c>
      <c r="J1549" s="2" t="s">
        <v>27075</v>
      </c>
      <c r="K1549" s="5" t="s">
        <v>27074</v>
      </c>
      <c r="L1549" s="2" t="s">
        <v>27075</v>
      </c>
      <c r="M1549" s="5" t="s">
        <v>24254</v>
      </c>
      <c r="N1549" s="5" t="s">
        <v>38</v>
      </c>
      <c r="O1549" s="5" t="s">
        <v>39</v>
      </c>
      <c r="P1549" s="5" t="s">
        <v>40</v>
      </c>
      <c r="Q1549" s="5" t="s">
        <v>25301</v>
      </c>
      <c r="R1549" s="5" t="s">
        <v>40</v>
      </c>
      <c r="S1549" s="5" t="s">
        <v>42</v>
      </c>
      <c r="T1549" s="2">
        <v>18.207000000000001</v>
      </c>
      <c r="U1549" s="2">
        <v>15.454000000000001</v>
      </c>
      <c r="V1549" s="2">
        <v>0.14899999999999999</v>
      </c>
      <c r="W1549" s="2">
        <v>12</v>
      </c>
      <c r="X1549" s="2">
        <v>62</v>
      </c>
      <c r="Y1549" s="2">
        <v>199.7</v>
      </c>
      <c r="Z1549" s="5">
        <v>8</v>
      </c>
      <c r="AA1549" s="5" t="s">
        <v>43</v>
      </c>
      <c r="AB1549" s="5" t="s">
        <v>44</v>
      </c>
      <c r="AC1549" s="2" t="s">
        <v>29820</v>
      </c>
      <c r="AD1549" s="1"/>
    </row>
    <row r="1550" spans="1:30">
      <c r="A1550" s="5" t="s">
        <v>83578</v>
      </c>
      <c r="B1550" s="2" t="s">
        <v>88245</v>
      </c>
      <c r="C1550" s="14" t="s">
        <v>88246</v>
      </c>
      <c r="D1550" s="2" t="s">
        <v>88247</v>
      </c>
      <c r="E1550" s="2"/>
      <c r="F1550" s="8">
        <v>409</v>
      </c>
      <c r="G1550" s="5">
        <v>25</v>
      </c>
      <c r="H1550" s="5" t="s">
        <v>69</v>
      </c>
      <c r="I1550" s="5" t="s">
        <v>27074</v>
      </c>
      <c r="J1550" s="2" t="s">
        <v>27075</v>
      </c>
      <c r="K1550" s="5" t="s">
        <v>27074</v>
      </c>
      <c r="L1550" s="2" t="s">
        <v>27075</v>
      </c>
      <c r="M1550" s="5" t="s">
        <v>24254</v>
      </c>
      <c r="N1550" s="5" t="s">
        <v>38</v>
      </c>
      <c r="O1550" s="5" t="s">
        <v>39</v>
      </c>
      <c r="P1550" s="5" t="s">
        <v>40</v>
      </c>
      <c r="Q1550" s="5" t="s">
        <v>25301</v>
      </c>
      <c r="R1550" s="5" t="s">
        <v>40</v>
      </c>
      <c r="S1550" s="5" t="s">
        <v>42</v>
      </c>
      <c r="T1550" s="2">
        <v>15.648999999999999</v>
      </c>
      <c r="U1550" s="2">
        <v>12.897</v>
      </c>
      <c r="V1550" s="2">
        <v>0.14899999999999999</v>
      </c>
      <c r="W1550" s="2">
        <v>12</v>
      </c>
      <c r="X1550" s="2">
        <v>62</v>
      </c>
      <c r="Y1550" s="2">
        <v>199.7</v>
      </c>
      <c r="Z1550" s="5">
        <v>8</v>
      </c>
      <c r="AA1550" s="5" t="s">
        <v>43</v>
      </c>
      <c r="AB1550" s="5" t="s">
        <v>44</v>
      </c>
      <c r="AC1550" s="2" t="s">
        <v>29820</v>
      </c>
      <c r="AD1550" s="1"/>
    </row>
    <row r="1551" spans="1:30">
      <c r="A1551" s="5" t="s">
        <v>83578</v>
      </c>
      <c r="B1551" s="2" t="s">
        <v>88248</v>
      </c>
      <c r="C1551" s="14" t="s">
        <v>88249</v>
      </c>
      <c r="D1551" s="2" t="s">
        <v>88250</v>
      </c>
      <c r="E1551" s="2"/>
      <c r="F1551" s="8">
        <v>409</v>
      </c>
      <c r="G1551" s="5">
        <v>25</v>
      </c>
      <c r="H1551" s="5" t="s">
        <v>69</v>
      </c>
      <c r="I1551" s="5" t="s">
        <v>27074</v>
      </c>
      <c r="J1551" s="2" t="s">
        <v>27075</v>
      </c>
      <c r="K1551" s="5" t="s">
        <v>27074</v>
      </c>
      <c r="L1551" s="2" t="s">
        <v>27075</v>
      </c>
      <c r="M1551" s="5" t="s">
        <v>24254</v>
      </c>
      <c r="N1551" s="5" t="s">
        <v>38</v>
      </c>
      <c r="O1551" s="5" t="s">
        <v>39</v>
      </c>
      <c r="P1551" s="5" t="s">
        <v>40</v>
      </c>
      <c r="Q1551" s="5" t="s">
        <v>25301</v>
      </c>
      <c r="R1551" s="5" t="s">
        <v>40</v>
      </c>
      <c r="S1551" s="5" t="s">
        <v>42</v>
      </c>
      <c r="T1551" s="2">
        <v>13.332000000000001</v>
      </c>
      <c r="U1551" s="2">
        <v>10.611000000000001</v>
      </c>
      <c r="V1551" s="2">
        <v>0.14899999999999999</v>
      </c>
      <c r="W1551" s="2">
        <v>12</v>
      </c>
      <c r="X1551" s="2">
        <v>62</v>
      </c>
      <c r="Y1551" s="2">
        <v>199.7</v>
      </c>
      <c r="Z1551" s="5">
        <v>8</v>
      </c>
      <c r="AA1551" s="5" t="s">
        <v>43</v>
      </c>
      <c r="AB1551" s="5" t="s">
        <v>44</v>
      </c>
      <c r="AC1551" s="2" t="s">
        <v>29820</v>
      </c>
      <c r="AD1551" s="1"/>
    </row>
    <row r="1552" spans="1:30">
      <c r="A1552" s="5" t="s">
        <v>83578</v>
      </c>
      <c r="B1552" s="2" t="s">
        <v>88251</v>
      </c>
      <c r="C1552" s="14" t="s">
        <v>88252</v>
      </c>
      <c r="D1552" s="2" t="s">
        <v>88253</v>
      </c>
      <c r="E1552" s="2"/>
      <c r="F1552" s="8">
        <v>409</v>
      </c>
      <c r="G1552" s="5">
        <v>25</v>
      </c>
      <c r="H1552" s="5" t="s">
        <v>69</v>
      </c>
      <c r="I1552" s="5" t="s">
        <v>27074</v>
      </c>
      <c r="J1552" s="2" t="s">
        <v>27075</v>
      </c>
      <c r="K1552" s="5" t="s">
        <v>27074</v>
      </c>
      <c r="L1552" s="2" t="s">
        <v>27075</v>
      </c>
      <c r="M1552" s="5" t="s">
        <v>24254</v>
      </c>
      <c r="N1552" s="5" t="s">
        <v>38</v>
      </c>
      <c r="O1552" s="5" t="s">
        <v>39</v>
      </c>
      <c r="P1552" s="5" t="s">
        <v>40</v>
      </c>
      <c r="Q1552" s="5" t="s">
        <v>25301</v>
      </c>
      <c r="R1552" s="5" t="s">
        <v>40</v>
      </c>
      <c r="S1552" s="5" t="s">
        <v>42</v>
      </c>
      <c r="T1552" s="2">
        <v>12.2</v>
      </c>
      <c r="U1552" s="2">
        <v>9.4819999999999993</v>
      </c>
      <c r="V1552" s="2">
        <v>0.14899999999999999</v>
      </c>
      <c r="W1552" s="2">
        <v>12</v>
      </c>
      <c r="X1552" s="2">
        <v>62</v>
      </c>
      <c r="Y1552" s="2">
        <v>199.7</v>
      </c>
      <c r="Z1552" s="5">
        <v>10</v>
      </c>
      <c r="AA1552" s="5" t="s">
        <v>43</v>
      </c>
      <c r="AB1552" s="5" t="s">
        <v>44</v>
      </c>
      <c r="AC1552" s="2" t="s">
        <v>87942</v>
      </c>
      <c r="AD1552" s="1"/>
    </row>
    <row r="1553" spans="1:30">
      <c r="A1553" s="5" t="s">
        <v>83578</v>
      </c>
      <c r="B1553" s="2" t="s">
        <v>88254</v>
      </c>
      <c r="C1553" s="14" t="s">
        <v>88255</v>
      </c>
      <c r="D1553" s="2" t="s">
        <v>88256</v>
      </c>
      <c r="E1553" s="2"/>
      <c r="F1553" s="8">
        <v>409</v>
      </c>
      <c r="G1553" s="5">
        <v>25</v>
      </c>
      <c r="H1553" s="5" t="s">
        <v>69</v>
      </c>
      <c r="I1553" s="5" t="s">
        <v>27074</v>
      </c>
      <c r="J1553" s="2" t="s">
        <v>27075</v>
      </c>
      <c r="K1553" s="5" t="s">
        <v>27074</v>
      </c>
      <c r="L1553" s="2" t="s">
        <v>27075</v>
      </c>
      <c r="M1553" s="5" t="s">
        <v>24254</v>
      </c>
      <c r="N1553" s="5" t="s">
        <v>38</v>
      </c>
      <c r="O1553" s="5" t="s">
        <v>39</v>
      </c>
      <c r="P1553" s="5" t="s">
        <v>40</v>
      </c>
      <c r="Q1553" s="5" t="s">
        <v>25301</v>
      </c>
      <c r="R1553" s="5" t="s">
        <v>40</v>
      </c>
      <c r="S1553" s="5" t="s">
        <v>42</v>
      </c>
      <c r="T1553" s="2">
        <v>12.843999999999999</v>
      </c>
      <c r="U1553" s="2">
        <v>10.125999999999999</v>
      </c>
      <c r="V1553" s="2">
        <v>0.14899999999999999</v>
      </c>
      <c r="W1553" s="2">
        <v>12</v>
      </c>
      <c r="X1553" s="2">
        <v>62</v>
      </c>
      <c r="Y1553" s="2">
        <v>199.7</v>
      </c>
      <c r="Z1553" s="5">
        <v>10</v>
      </c>
      <c r="AA1553" s="5" t="s">
        <v>43</v>
      </c>
      <c r="AB1553" s="5" t="s">
        <v>44</v>
      </c>
      <c r="AC1553" s="2" t="s">
        <v>30038</v>
      </c>
      <c r="AD1553" s="1"/>
    </row>
    <row r="1554" spans="1:30">
      <c r="A1554" s="5" t="s">
        <v>83578</v>
      </c>
      <c r="B1554" s="2" t="s">
        <v>88257</v>
      </c>
      <c r="C1554" s="14" t="s">
        <v>88258</v>
      </c>
      <c r="D1554" s="2" t="s">
        <v>88259</v>
      </c>
      <c r="E1554" s="2"/>
      <c r="F1554" s="8">
        <v>409</v>
      </c>
      <c r="G1554" s="5">
        <v>25</v>
      </c>
      <c r="H1554" s="5" t="s">
        <v>69</v>
      </c>
      <c r="I1554" s="5" t="s">
        <v>27074</v>
      </c>
      <c r="J1554" s="2" t="s">
        <v>27075</v>
      </c>
      <c r="K1554" s="5" t="s">
        <v>27074</v>
      </c>
      <c r="L1554" s="2" t="s">
        <v>27075</v>
      </c>
      <c r="M1554" s="5" t="s">
        <v>24254</v>
      </c>
      <c r="N1554" s="5" t="s">
        <v>38</v>
      </c>
      <c r="O1554" s="5" t="s">
        <v>39</v>
      </c>
      <c r="P1554" s="5" t="s">
        <v>40</v>
      </c>
      <c r="Q1554" s="5" t="s">
        <v>25301</v>
      </c>
      <c r="R1554" s="5" t="s">
        <v>40</v>
      </c>
      <c r="S1554" s="5" t="s">
        <v>42</v>
      </c>
      <c r="T1554" s="2">
        <v>8.1129999999999995</v>
      </c>
      <c r="U1554" s="2">
        <v>5.3949999999999996</v>
      </c>
      <c r="V1554" s="2">
        <v>0.14899999999999999</v>
      </c>
      <c r="W1554" s="2">
        <v>12</v>
      </c>
      <c r="X1554" s="2">
        <v>62</v>
      </c>
      <c r="Y1554" s="2">
        <v>199.7</v>
      </c>
      <c r="Z1554" s="5">
        <v>10</v>
      </c>
      <c r="AA1554" s="5" t="s">
        <v>43</v>
      </c>
      <c r="AB1554" s="5" t="s">
        <v>44</v>
      </c>
      <c r="AC1554" s="2" t="s">
        <v>87949</v>
      </c>
      <c r="AD1554" s="1"/>
    </row>
    <row r="1555" spans="1:30">
      <c r="A1555" s="5" t="s">
        <v>83578</v>
      </c>
      <c r="B1555" s="2" t="s">
        <v>88260</v>
      </c>
      <c r="C1555" s="14" t="s">
        <v>88261</v>
      </c>
      <c r="D1555" s="2" t="s">
        <v>88262</v>
      </c>
      <c r="E1555" s="2"/>
      <c r="F1555" s="8">
        <v>409</v>
      </c>
      <c r="G1555" s="5">
        <v>25</v>
      </c>
      <c r="H1555" s="5" t="s">
        <v>69</v>
      </c>
      <c r="I1555" s="5" t="s">
        <v>27074</v>
      </c>
      <c r="J1555" s="2" t="s">
        <v>27075</v>
      </c>
      <c r="K1555" s="5" t="s">
        <v>27074</v>
      </c>
      <c r="L1555" s="2" t="s">
        <v>27075</v>
      </c>
      <c r="M1555" s="5" t="s">
        <v>24254</v>
      </c>
      <c r="N1555" s="5" t="s">
        <v>38</v>
      </c>
      <c r="O1555" s="5" t="s">
        <v>39</v>
      </c>
      <c r="P1555" s="5" t="s">
        <v>40</v>
      </c>
      <c r="Q1555" s="5" t="s">
        <v>25301</v>
      </c>
      <c r="R1555" s="5" t="s">
        <v>40</v>
      </c>
      <c r="S1555" s="5" t="s">
        <v>42</v>
      </c>
      <c r="T1555" s="2">
        <v>8.7590000000000003</v>
      </c>
      <c r="U1555" s="2">
        <v>6.0410000000000004</v>
      </c>
      <c r="V1555" s="2">
        <v>0.14899999999999999</v>
      </c>
      <c r="W1555" s="2">
        <v>12</v>
      </c>
      <c r="X1555" s="2">
        <v>62</v>
      </c>
      <c r="Y1555" s="2">
        <v>199.7</v>
      </c>
      <c r="Z1555" s="5">
        <v>10</v>
      </c>
      <c r="AA1555" s="5" t="s">
        <v>43</v>
      </c>
      <c r="AB1555" s="5" t="s">
        <v>44</v>
      </c>
      <c r="AC1555" s="2" t="s">
        <v>30042</v>
      </c>
      <c r="AD1555" s="1"/>
    </row>
    <row r="1556" spans="1:30">
      <c r="A1556" s="5" t="s">
        <v>83578</v>
      </c>
      <c r="B1556" s="2" t="s">
        <v>88263</v>
      </c>
      <c r="C1556" s="14" t="s">
        <v>88264</v>
      </c>
      <c r="D1556" s="2" t="s">
        <v>88265</v>
      </c>
      <c r="E1556" s="2"/>
      <c r="F1556" s="8">
        <v>409</v>
      </c>
      <c r="G1556" s="5">
        <v>25</v>
      </c>
      <c r="H1556" s="5" t="s">
        <v>69</v>
      </c>
      <c r="I1556" s="5" t="s">
        <v>27074</v>
      </c>
      <c r="J1556" s="2" t="s">
        <v>27075</v>
      </c>
      <c r="K1556" s="5" t="s">
        <v>27074</v>
      </c>
      <c r="L1556" s="2" t="s">
        <v>27075</v>
      </c>
      <c r="M1556" s="5" t="s">
        <v>24254</v>
      </c>
      <c r="N1556" s="5" t="s">
        <v>38</v>
      </c>
      <c r="O1556" s="5" t="s">
        <v>39</v>
      </c>
      <c r="P1556" s="5" t="s">
        <v>40</v>
      </c>
      <c r="Q1556" s="5" t="s">
        <v>25301</v>
      </c>
      <c r="R1556" s="5" t="s">
        <v>40</v>
      </c>
      <c r="S1556" s="5" t="s">
        <v>42</v>
      </c>
      <c r="T1556" s="2">
        <v>10.592000000000001</v>
      </c>
      <c r="U1556" s="2">
        <v>7.8739999999999997</v>
      </c>
      <c r="V1556" s="2">
        <v>0.14899999999999999</v>
      </c>
      <c r="W1556" s="2">
        <v>12</v>
      </c>
      <c r="X1556" s="2">
        <v>62</v>
      </c>
      <c r="Y1556" s="2">
        <v>199.7</v>
      </c>
      <c r="Z1556" s="5">
        <v>10</v>
      </c>
      <c r="AA1556" s="5" t="s">
        <v>43</v>
      </c>
      <c r="AB1556" s="5" t="s">
        <v>44</v>
      </c>
      <c r="AC1556" s="2" t="s">
        <v>87949</v>
      </c>
      <c r="AD1556" s="1"/>
    </row>
    <row r="1557" spans="1:30">
      <c r="A1557" s="5" t="s">
        <v>83578</v>
      </c>
      <c r="B1557" s="2" t="s">
        <v>88266</v>
      </c>
      <c r="C1557" s="14" t="s">
        <v>88267</v>
      </c>
      <c r="D1557" s="2" t="s">
        <v>88268</v>
      </c>
      <c r="E1557" s="2"/>
      <c r="F1557" s="8">
        <v>409</v>
      </c>
      <c r="G1557" s="5">
        <v>25</v>
      </c>
      <c r="H1557" s="5" t="s">
        <v>69</v>
      </c>
      <c r="I1557" s="5" t="s">
        <v>27074</v>
      </c>
      <c r="J1557" s="2" t="s">
        <v>27075</v>
      </c>
      <c r="K1557" s="5" t="s">
        <v>27074</v>
      </c>
      <c r="L1557" s="2" t="s">
        <v>27075</v>
      </c>
      <c r="M1557" s="5" t="s">
        <v>24254</v>
      </c>
      <c r="N1557" s="5" t="s">
        <v>38</v>
      </c>
      <c r="O1557" s="5" t="s">
        <v>39</v>
      </c>
      <c r="P1557" s="5" t="s">
        <v>40</v>
      </c>
      <c r="Q1557" s="5" t="s">
        <v>25301</v>
      </c>
      <c r="R1557" s="5" t="s">
        <v>40</v>
      </c>
      <c r="S1557" s="5" t="s">
        <v>42</v>
      </c>
      <c r="T1557" s="2">
        <v>11.321999999999999</v>
      </c>
      <c r="U1557" s="2">
        <v>8.6039999999999992</v>
      </c>
      <c r="V1557" s="2">
        <v>0.14899999999999999</v>
      </c>
      <c r="W1557" s="2">
        <v>12</v>
      </c>
      <c r="X1557" s="2">
        <v>62</v>
      </c>
      <c r="Y1557" s="2">
        <v>199.7</v>
      </c>
      <c r="Z1557" s="5">
        <v>10</v>
      </c>
      <c r="AA1557" s="5" t="s">
        <v>43</v>
      </c>
      <c r="AB1557" s="5" t="s">
        <v>44</v>
      </c>
      <c r="AC1557" s="2" t="s">
        <v>30042</v>
      </c>
      <c r="AD1557" s="1"/>
    </row>
    <row r="1558" spans="1:30">
      <c r="A1558" s="5" t="s">
        <v>83578</v>
      </c>
      <c r="B1558" s="2" t="s">
        <v>88269</v>
      </c>
      <c r="C1558" s="14" t="s">
        <v>88270</v>
      </c>
      <c r="D1558" s="2" t="s">
        <v>88271</v>
      </c>
      <c r="E1558" s="2" t="s">
        <v>87894</v>
      </c>
      <c r="F1558" s="8">
        <v>326</v>
      </c>
      <c r="G1558" s="5">
        <v>5</v>
      </c>
      <c r="H1558" s="5" t="s">
        <v>69</v>
      </c>
      <c r="I1558" s="5" t="s">
        <v>27074</v>
      </c>
      <c r="J1558" s="2" t="s">
        <v>27075</v>
      </c>
      <c r="K1558" s="5" t="s">
        <v>27074</v>
      </c>
      <c r="L1558" s="2" t="s">
        <v>27075</v>
      </c>
      <c r="M1558" s="5" t="s">
        <v>24254</v>
      </c>
      <c r="N1558" s="5" t="s">
        <v>38</v>
      </c>
      <c r="O1558" s="5" t="s">
        <v>39</v>
      </c>
      <c r="P1558" s="5" t="s">
        <v>40</v>
      </c>
      <c r="Q1558" s="5" t="s">
        <v>1487</v>
      </c>
      <c r="R1558" s="5"/>
      <c r="S1558" s="5" t="s">
        <v>42</v>
      </c>
      <c r="T1558" s="2">
        <v>0</v>
      </c>
      <c r="U1558" s="2">
        <v>0</v>
      </c>
      <c r="V1558" s="2">
        <v>0</v>
      </c>
      <c r="W1558" s="2">
        <v>0</v>
      </c>
      <c r="X1558" s="2">
        <v>0</v>
      </c>
      <c r="Y1558" s="2">
        <v>0</v>
      </c>
      <c r="Z1558" s="5"/>
      <c r="AA1558" s="5" t="s">
        <v>43</v>
      </c>
      <c r="AB1558" s="5" t="s">
        <v>44</v>
      </c>
      <c r="AC1558" s="2" t="s">
        <v>87895</v>
      </c>
      <c r="AD1558" s="1"/>
    </row>
    <row r="1559" spans="1:30">
      <c r="A1559" s="5" t="s">
        <v>83578</v>
      </c>
      <c r="B1559" s="2" t="s">
        <v>88272</v>
      </c>
      <c r="C1559" s="14" t="s">
        <v>88273</v>
      </c>
      <c r="D1559" s="2" t="s">
        <v>88274</v>
      </c>
      <c r="E1559" s="2" t="s">
        <v>87894</v>
      </c>
      <c r="F1559" s="8">
        <v>326</v>
      </c>
      <c r="G1559" s="5">
        <v>5</v>
      </c>
      <c r="H1559" s="5" t="s">
        <v>69</v>
      </c>
      <c r="I1559" s="5" t="s">
        <v>27074</v>
      </c>
      <c r="J1559" s="2" t="s">
        <v>27075</v>
      </c>
      <c r="K1559" s="5" t="s">
        <v>27074</v>
      </c>
      <c r="L1559" s="2" t="s">
        <v>27075</v>
      </c>
      <c r="M1559" s="5" t="s">
        <v>24254</v>
      </c>
      <c r="N1559" s="5" t="s">
        <v>38</v>
      </c>
      <c r="O1559" s="5" t="s">
        <v>39</v>
      </c>
      <c r="P1559" s="5" t="s">
        <v>40</v>
      </c>
      <c r="Q1559" s="5" t="s">
        <v>1487</v>
      </c>
      <c r="R1559" s="5"/>
      <c r="S1559" s="5" t="s">
        <v>42</v>
      </c>
      <c r="T1559" s="2">
        <v>0</v>
      </c>
      <c r="U1559" s="2">
        <v>0</v>
      </c>
      <c r="V1559" s="2">
        <v>0</v>
      </c>
      <c r="W1559" s="2">
        <v>0</v>
      </c>
      <c r="X1559" s="2">
        <v>0</v>
      </c>
      <c r="Y1559" s="2">
        <v>0</v>
      </c>
      <c r="Z1559" s="5"/>
      <c r="AA1559" s="5" t="s">
        <v>43</v>
      </c>
      <c r="AB1559" s="5" t="s">
        <v>44</v>
      </c>
      <c r="AC1559" s="2" t="s">
        <v>87899</v>
      </c>
      <c r="AD1559" s="1"/>
    </row>
    <row r="1560" spans="1:30">
      <c r="A1560" s="5" t="s">
        <v>83578</v>
      </c>
      <c r="B1560" s="2" t="s">
        <v>88275</v>
      </c>
      <c r="C1560" s="14" t="s">
        <v>88276</v>
      </c>
      <c r="D1560" s="2" t="s">
        <v>88277</v>
      </c>
      <c r="E1560" s="2" t="s">
        <v>87968</v>
      </c>
      <c r="F1560" s="8">
        <v>622</v>
      </c>
      <c r="G1560" s="5">
        <v>10</v>
      </c>
      <c r="H1560" s="5" t="s">
        <v>69</v>
      </c>
      <c r="I1560" s="5" t="s">
        <v>27074</v>
      </c>
      <c r="J1560" s="2" t="s">
        <v>27075</v>
      </c>
      <c r="K1560" s="5" t="s">
        <v>27074</v>
      </c>
      <c r="L1560" s="2" t="s">
        <v>27075</v>
      </c>
      <c r="M1560" s="5" t="s">
        <v>24254</v>
      </c>
      <c r="N1560" s="5" t="s">
        <v>38</v>
      </c>
      <c r="O1560" s="5" t="s">
        <v>39</v>
      </c>
      <c r="P1560" s="5" t="s">
        <v>40</v>
      </c>
      <c r="Q1560" s="5" t="s">
        <v>1487</v>
      </c>
      <c r="R1560" s="5"/>
      <c r="S1560" s="5" t="s">
        <v>130</v>
      </c>
      <c r="T1560" s="2">
        <v>0</v>
      </c>
      <c r="U1560" s="2">
        <v>0</v>
      </c>
      <c r="V1560" s="2">
        <v>0</v>
      </c>
      <c r="W1560" s="2">
        <v>0</v>
      </c>
      <c r="X1560" s="2">
        <v>0</v>
      </c>
      <c r="Y1560" s="2">
        <v>0</v>
      </c>
      <c r="Z1560" s="5"/>
      <c r="AA1560" s="5" t="s">
        <v>43</v>
      </c>
      <c r="AB1560" s="5" t="s">
        <v>44</v>
      </c>
      <c r="AC1560" s="2" t="s">
        <v>88278</v>
      </c>
      <c r="AD1560" s="1"/>
    </row>
    <row r="1561" spans="1:30">
      <c r="A1561" s="5" t="s">
        <v>83578</v>
      </c>
      <c r="B1561" s="2" t="s">
        <v>88279</v>
      </c>
      <c r="C1561" s="14" t="s">
        <v>88280</v>
      </c>
      <c r="D1561" s="2" t="s">
        <v>88281</v>
      </c>
      <c r="E1561" s="2" t="s">
        <v>87968</v>
      </c>
      <c r="F1561" s="8">
        <v>622</v>
      </c>
      <c r="G1561" s="5">
        <v>10</v>
      </c>
      <c r="H1561" s="5" t="s">
        <v>69</v>
      </c>
      <c r="I1561" s="5" t="s">
        <v>27074</v>
      </c>
      <c r="J1561" s="2" t="s">
        <v>27075</v>
      </c>
      <c r="K1561" s="5" t="s">
        <v>27074</v>
      </c>
      <c r="L1561" s="2" t="s">
        <v>27075</v>
      </c>
      <c r="M1561" s="5" t="s">
        <v>24254</v>
      </c>
      <c r="N1561" s="5" t="s">
        <v>38</v>
      </c>
      <c r="O1561" s="5" t="s">
        <v>39</v>
      </c>
      <c r="P1561" s="5" t="s">
        <v>40</v>
      </c>
      <c r="Q1561" s="5" t="s">
        <v>1487</v>
      </c>
      <c r="R1561" s="5"/>
      <c r="S1561" s="5" t="s">
        <v>130</v>
      </c>
      <c r="T1561" s="2">
        <v>0</v>
      </c>
      <c r="U1561" s="2">
        <v>0</v>
      </c>
      <c r="V1561" s="2">
        <v>0</v>
      </c>
      <c r="W1561" s="2">
        <v>0</v>
      </c>
      <c r="X1561" s="2">
        <v>0</v>
      </c>
      <c r="Y1561" s="2">
        <v>0</v>
      </c>
      <c r="Z1561" s="5"/>
      <c r="AA1561" s="5" t="s">
        <v>43</v>
      </c>
      <c r="AB1561" s="5" t="s">
        <v>44</v>
      </c>
      <c r="AC1561" s="2" t="s">
        <v>87973</v>
      </c>
      <c r="AD1561" s="1"/>
    </row>
    <row r="1562" spans="1:30">
      <c r="A1562" s="5" t="s">
        <v>83578</v>
      </c>
      <c r="B1562" s="2" t="s">
        <v>88282</v>
      </c>
      <c r="C1562" s="14" t="s">
        <v>88283</v>
      </c>
      <c r="D1562" s="2" t="s">
        <v>88284</v>
      </c>
      <c r="E1562" s="2"/>
      <c r="F1562" s="8">
        <v>245</v>
      </c>
      <c r="G1562" s="5">
        <v>25</v>
      </c>
      <c r="H1562" s="5" t="s">
        <v>69</v>
      </c>
      <c r="I1562" s="5" t="s">
        <v>27074</v>
      </c>
      <c r="J1562" s="2" t="s">
        <v>27075</v>
      </c>
      <c r="K1562" s="5" t="s">
        <v>27074</v>
      </c>
      <c r="L1562" s="2" t="s">
        <v>27075</v>
      </c>
      <c r="M1562" s="5" t="s">
        <v>24254</v>
      </c>
      <c r="N1562" s="5" t="s">
        <v>38</v>
      </c>
      <c r="O1562" s="5" t="s">
        <v>39</v>
      </c>
      <c r="P1562" s="5" t="s">
        <v>40</v>
      </c>
      <c r="Q1562" s="5" t="s">
        <v>24335</v>
      </c>
      <c r="R1562" s="5" t="s">
        <v>40</v>
      </c>
      <c r="S1562" s="5" t="s">
        <v>42</v>
      </c>
      <c r="T1562" s="2">
        <v>6.8170000000000002</v>
      </c>
      <c r="U1562" s="2">
        <v>5.0010000000000003</v>
      </c>
      <c r="V1562" s="2">
        <v>0.11899999999999999</v>
      </c>
      <c r="W1562" s="2">
        <v>12</v>
      </c>
      <c r="X1562" s="2">
        <v>62</v>
      </c>
      <c r="Y1562" s="2">
        <v>159.9</v>
      </c>
      <c r="Z1562" s="5">
        <v>10</v>
      </c>
      <c r="AA1562" s="5" t="s">
        <v>43</v>
      </c>
      <c r="AB1562" s="5" t="s">
        <v>44</v>
      </c>
      <c r="AC1562" s="2" t="s">
        <v>29625</v>
      </c>
      <c r="AD1562" s="1"/>
    </row>
    <row r="1563" spans="1:30">
      <c r="A1563" s="5" t="s">
        <v>83578</v>
      </c>
      <c r="B1563" s="2" t="s">
        <v>88285</v>
      </c>
      <c r="C1563" s="14" t="s">
        <v>88286</v>
      </c>
      <c r="D1563" s="2" t="s">
        <v>88287</v>
      </c>
      <c r="E1563" s="2"/>
      <c r="F1563" s="8">
        <v>396</v>
      </c>
      <c r="G1563" s="5">
        <v>25</v>
      </c>
      <c r="H1563" s="5" t="s">
        <v>69</v>
      </c>
      <c r="I1563" s="5" t="s">
        <v>27074</v>
      </c>
      <c r="J1563" s="2" t="s">
        <v>27075</v>
      </c>
      <c r="K1563" s="5" t="s">
        <v>27074</v>
      </c>
      <c r="L1563" s="2" t="s">
        <v>27075</v>
      </c>
      <c r="M1563" s="5" t="s">
        <v>24254</v>
      </c>
      <c r="N1563" s="5" t="s">
        <v>38</v>
      </c>
      <c r="O1563" s="5" t="s">
        <v>39</v>
      </c>
      <c r="P1563" s="5" t="s">
        <v>40</v>
      </c>
      <c r="Q1563" s="5" t="s">
        <v>24340</v>
      </c>
      <c r="R1563" s="5" t="s">
        <v>40</v>
      </c>
      <c r="S1563" s="5" t="s">
        <v>42</v>
      </c>
      <c r="T1563" s="2">
        <v>15.214</v>
      </c>
      <c r="U1563" s="2">
        <v>13.364000000000001</v>
      </c>
      <c r="V1563" s="2">
        <v>0.11899999999999999</v>
      </c>
      <c r="W1563" s="2">
        <v>12</v>
      </c>
      <c r="X1563" s="2">
        <v>62</v>
      </c>
      <c r="Y1563" s="2">
        <v>159.9</v>
      </c>
      <c r="Z1563" s="5">
        <v>8</v>
      </c>
      <c r="AA1563" s="5" t="s">
        <v>43</v>
      </c>
      <c r="AB1563" s="5" t="s">
        <v>44</v>
      </c>
      <c r="AC1563" s="2" t="s">
        <v>29641</v>
      </c>
      <c r="AD1563" s="1"/>
    </row>
    <row r="1564" spans="1:30">
      <c r="A1564" s="5" t="s">
        <v>83578</v>
      </c>
      <c r="B1564" s="2" t="s">
        <v>88288</v>
      </c>
      <c r="C1564" s="14" t="s">
        <v>88289</v>
      </c>
      <c r="D1564" s="2" t="s">
        <v>88290</v>
      </c>
      <c r="E1564" s="2"/>
      <c r="F1564" s="8">
        <v>396</v>
      </c>
      <c r="G1564" s="5">
        <v>25</v>
      </c>
      <c r="H1564" s="5" t="s">
        <v>69</v>
      </c>
      <c r="I1564" s="5" t="s">
        <v>27074</v>
      </c>
      <c r="J1564" s="2" t="s">
        <v>27075</v>
      </c>
      <c r="K1564" s="5" t="s">
        <v>27074</v>
      </c>
      <c r="L1564" s="2" t="s">
        <v>27075</v>
      </c>
      <c r="M1564" s="5" t="s">
        <v>24254</v>
      </c>
      <c r="N1564" s="5" t="s">
        <v>38</v>
      </c>
      <c r="O1564" s="5" t="s">
        <v>39</v>
      </c>
      <c r="P1564" s="5" t="s">
        <v>40</v>
      </c>
      <c r="Q1564" s="5" t="s">
        <v>24340</v>
      </c>
      <c r="R1564" s="5" t="s">
        <v>40</v>
      </c>
      <c r="S1564" s="5" t="s">
        <v>42</v>
      </c>
      <c r="T1564" s="2">
        <v>10.798</v>
      </c>
      <c r="U1564" s="2">
        <v>8.9819999999999993</v>
      </c>
      <c r="V1564" s="2">
        <v>0.11899999999999999</v>
      </c>
      <c r="W1564" s="2">
        <v>12</v>
      </c>
      <c r="X1564" s="2">
        <v>62</v>
      </c>
      <c r="Y1564" s="2">
        <v>159.9</v>
      </c>
      <c r="Z1564" s="5">
        <v>10</v>
      </c>
      <c r="AA1564" s="5" t="s">
        <v>43</v>
      </c>
      <c r="AB1564" s="5" t="s">
        <v>44</v>
      </c>
      <c r="AC1564" s="2" t="s">
        <v>87916</v>
      </c>
      <c r="AD1564" s="1"/>
    </row>
    <row r="1565" spans="1:30">
      <c r="A1565" s="5" t="s">
        <v>83578</v>
      </c>
      <c r="B1565" s="2" t="s">
        <v>88291</v>
      </c>
      <c r="C1565" s="14" t="s">
        <v>88292</v>
      </c>
      <c r="D1565" s="2" t="s">
        <v>88293</v>
      </c>
      <c r="E1565" s="2"/>
      <c r="F1565" s="8">
        <v>396</v>
      </c>
      <c r="G1565" s="5">
        <v>25</v>
      </c>
      <c r="H1565" s="5" t="s">
        <v>69</v>
      </c>
      <c r="I1565" s="5" t="s">
        <v>27074</v>
      </c>
      <c r="J1565" s="2" t="s">
        <v>27075</v>
      </c>
      <c r="K1565" s="5" t="s">
        <v>27074</v>
      </c>
      <c r="L1565" s="2" t="s">
        <v>27075</v>
      </c>
      <c r="M1565" s="5" t="s">
        <v>24254</v>
      </c>
      <c r="N1565" s="5" t="s">
        <v>38</v>
      </c>
      <c r="O1565" s="5" t="s">
        <v>39</v>
      </c>
      <c r="P1565" s="5" t="s">
        <v>40</v>
      </c>
      <c r="Q1565" s="5" t="s">
        <v>24340</v>
      </c>
      <c r="R1565" s="5" t="s">
        <v>40</v>
      </c>
      <c r="S1565" s="5" t="s">
        <v>42</v>
      </c>
      <c r="T1565" s="2">
        <v>11.694000000000001</v>
      </c>
      <c r="U1565" s="2">
        <v>9.8780000000000001</v>
      </c>
      <c r="V1565" s="2">
        <v>0.11899999999999999</v>
      </c>
      <c r="W1565" s="2">
        <v>12</v>
      </c>
      <c r="X1565" s="2">
        <v>62</v>
      </c>
      <c r="Y1565" s="2">
        <v>159.9</v>
      </c>
      <c r="Z1565" s="5">
        <v>10</v>
      </c>
      <c r="AA1565" s="5" t="s">
        <v>43</v>
      </c>
      <c r="AB1565" s="5" t="s">
        <v>44</v>
      </c>
      <c r="AC1565" s="2" t="s">
        <v>87920</v>
      </c>
      <c r="AD1565" s="1"/>
    </row>
    <row r="1566" spans="1:30">
      <c r="A1566" s="5" t="s">
        <v>83578</v>
      </c>
      <c r="B1566" s="2" t="s">
        <v>88294</v>
      </c>
      <c r="C1566" s="14" t="s">
        <v>88295</v>
      </c>
      <c r="D1566" s="2" t="s">
        <v>88296</v>
      </c>
      <c r="E1566" s="2"/>
      <c r="F1566" s="8">
        <v>396</v>
      </c>
      <c r="G1566" s="5">
        <v>25</v>
      </c>
      <c r="H1566" s="5" t="s">
        <v>69</v>
      </c>
      <c r="I1566" s="5" t="s">
        <v>27074</v>
      </c>
      <c r="J1566" s="2" t="s">
        <v>27075</v>
      </c>
      <c r="K1566" s="5" t="s">
        <v>27074</v>
      </c>
      <c r="L1566" s="2" t="s">
        <v>27075</v>
      </c>
      <c r="M1566" s="5" t="s">
        <v>24254</v>
      </c>
      <c r="N1566" s="5" t="s">
        <v>38</v>
      </c>
      <c r="O1566" s="5" t="s">
        <v>39</v>
      </c>
      <c r="P1566" s="5" t="s">
        <v>40</v>
      </c>
      <c r="Q1566" s="5" t="s">
        <v>24340</v>
      </c>
      <c r="R1566" s="5" t="s">
        <v>40</v>
      </c>
      <c r="S1566" s="5" t="s">
        <v>42</v>
      </c>
      <c r="T1566" s="2">
        <v>7.1550000000000002</v>
      </c>
      <c r="U1566" s="2">
        <v>5.3390000000000004</v>
      </c>
      <c r="V1566" s="2">
        <v>0.11899999999999999</v>
      </c>
      <c r="W1566" s="2">
        <v>12</v>
      </c>
      <c r="X1566" s="2">
        <v>62</v>
      </c>
      <c r="Y1566" s="2">
        <v>159.9</v>
      </c>
      <c r="Z1566" s="5">
        <v>10</v>
      </c>
      <c r="AA1566" s="5" t="s">
        <v>43</v>
      </c>
      <c r="AB1566" s="5" t="s">
        <v>44</v>
      </c>
      <c r="AC1566" s="2" t="s">
        <v>29648</v>
      </c>
      <c r="AD1566" s="1"/>
    </row>
    <row r="1567" spans="1:30">
      <c r="A1567" s="5" t="s">
        <v>83578</v>
      </c>
      <c r="B1567" s="2" t="s">
        <v>88297</v>
      </c>
      <c r="C1567" s="14" t="s">
        <v>88298</v>
      </c>
      <c r="D1567" s="2" t="s">
        <v>88299</v>
      </c>
      <c r="E1567" s="2"/>
      <c r="F1567" s="8">
        <v>396</v>
      </c>
      <c r="G1567" s="5">
        <v>25</v>
      </c>
      <c r="H1567" s="5" t="s">
        <v>69</v>
      </c>
      <c r="I1567" s="5" t="s">
        <v>27074</v>
      </c>
      <c r="J1567" s="2" t="s">
        <v>27075</v>
      </c>
      <c r="K1567" s="5" t="s">
        <v>27074</v>
      </c>
      <c r="L1567" s="2" t="s">
        <v>27075</v>
      </c>
      <c r="M1567" s="5" t="s">
        <v>24254</v>
      </c>
      <c r="N1567" s="5" t="s">
        <v>38</v>
      </c>
      <c r="O1567" s="5" t="s">
        <v>39</v>
      </c>
      <c r="P1567" s="5" t="s">
        <v>40</v>
      </c>
      <c r="Q1567" s="5" t="s">
        <v>24340</v>
      </c>
      <c r="R1567" s="5" t="s">
        <v>40</v>
      </c>
      <c r="S1567" s="5" t="s">
        <v>42</v>
      </c>
      <c r="T1567" s="2">
        <v>8.0540000000000003</v>
      </c>
      <c r="U1567" s="2">
        <v>6.2380000000000004</v>
      </c>
      <c r="V1567" s="2">
        <v>0.11899999999999999</v>
      </c>
      <c r="W1567" s="2">
        <v>12</v>
      </c>
      <c r="X1567" s="2">
        <v>62</v>
      </c>
      <c r="Y1567" s="2">
        <v>159.9</v>
      </c>
      <c r="Z1567" s="5">
        <v>10</v>
      </c>
      <c r="AA1567" s="5" t="s">
        <v>43</v>
      </c>
      <c r="AB1567" s="5" t="s">
        <v>44</v>
      </c>
      <c r="AC1567" s="2" t="s">
        <v>29923</v>
      </c>
      <c r="AD1567" s="1"/>
    </row>
    <row r="1568" spans="1:30">
      <c r="A1568" s="5" t="s">
        <v>83578</v>
      </c>
      <c r="B1568" s="2" t="s">
        <v>88300</v>
      </c>
      <c r="C1568" s="14" t="s">
        <v>88301</v>
      </c>
      <c r="D1568" s="2" t="s">
        <v>88302</v>
      </c>
      <c r="E1568" s="2"/>
      <c r="F1568" s="8">
        <v>396</v>
      </c>
      <c r="G1568" s="5">
        <v>25</v>
      </c>
      <c r="H1568" s="5" t="s">
        <v>69</v>
      </c>
      <c r="I1568" s="5" t="s">
        <v>27074</v>
      </c>
      <c r="J1568" s="2" t="s">
        <v>27075</v>
      </c>
      <c r="K1568" s="5" t="s">
        <v>27074</v>
      </c>
      <c r="L1568" s="2" t="s">
        <v>27075</v>
      </c>
      <c r="M1568" s="5" t="s">
        <v>24254</v>
      </c>
      <c r="N1568" s="5" t="s">
        <v>38</v>
      </c>
      <c r="O1568" s="5" t="s">
        <v>39</v>
      </c>
      <c r="P1568" s="5" t="s">
        <v>40</v>
      </c>
      <c r="Q1568" s="5" t="s">
        <v>25301</v>
      </c>
      <c r="R1568" s="5" t="s">
        <v>40</v>
      </c>
      <c r="S1568" s="5" t="s">
        <v>42</v>
      </c>
      <c r="T1568" s="2">
        <v>14.028</v>
      </c>
      <c r="U1568" s="2">
        <v>12.178000000000001</v>
      </c>
      <c r="V1568" s="2">
        <v>0.11899999999999999</v>
      </c>
      <c r="W1568" s="2">
        <v>12</v>
      </c>
      <c r="X1568" s="2">
        <v>62</v>
      </c>
      <c r="Y1568" s="2">
        <v>159.9</v>
      </c>
      <c r="Z1568" s="5">
        <v>8</v>
      </c>
      <c r="AA1568" s="5" t="s">
        <v>43</v>
      </c>
      <c r="AB1568" s="5" t="s">
        <v>44</v>
      </c>
      <c r="AC1568" s="2" t="s">
        <v>29820</v>
      </c>
      <c r="AD1568" s="1"/>
    </row>
    <row r="1569" spans="1:30">
      <c r="A1569" s="5" t="s">
        <v>83578</v>
      </c>
      <c r="B1569" s="2" t="s">
        <v>88303</v>
      </c>
      <c r="C1569" s="14" t="s">
        <v>88304</v>
      </c>
      <c r="D1569" s="2" t="s">
        <v>88305</v>
      </c>
      <c r="E1569" s="2"/>
      <c r="F1569" s="8">
        <v>396</v>
      </c>
      <c r="G1569" s="5">
        <v>25</v>
      </c>
      <c r="H1569" s="5" t="s">
        <v>69</v>
      </c>
      <c r="I1569" s="5" t="s">
        <v>27074</v>
      </c>
      <c r="J1569" s="2" t="s">
        <v>27075</v>
      </c>
      <c r="K1569" s="5" t="s">
        <v>27074</v>
      </c>
      <c r="L1569" s="2" t="s">
        <v>27075</v>
      </c>
      <c r="M1569" s="5" t="s">
        <v>24254</v>
      </c>
      <c r="N1569" s="5" t="s">
        <v>38</v>
      </c>
      <c r="O1569" s="5" t="s">
        <v>39</v>
      </c>
      <c r="P1569" s="5" t="s">
        <v>40</v>
      </c>
      <c r="Q1569" s="5" t="s">
        <v>25301</v>
      </c>
      <c r="R1569" s="5" t="s">
        <v>40</v>
      </c>
      <c r="S1569" s="5" t="s">
        <v>42</v>
      </c>
      <c r="T1569" s="2">
        <v>9.6920000000000002</v>
      </c>
      <c r="U1569" s="2">
        <v>7.8760000000000003</v>
      </c>
      <c r="V1569" s="2">
        <v>0.11899999999999999</v>
      </c>
      <c r="W1569" s="2">
        <v>12</v>
      </c>
      <c r="X1569" s="2">
        <v>62</v>
      </c>
      <c r="Y1569" s="2">
        <v>159.9</v>
      </c>
      <c r="Z1569" s="5">
        <v>10</v>
      </c>
      <c r="AA1569" s="5" t="s">
        <v>43</v>
      </c>
      <c r="AB1569" s="5" t="s">
        <v>44</v>
      </c>
      <c r="AC1569" s="2" t="s">
        <v>87942</v>
      </c>
      <c r="AD1569" s="1"/>
    </row>
    <row r="1570" spans="1:30">
      <c r="A1570" s="5" t="s">
        <v>83578</v>
      </c>
      <c r="B1570" s="2" t="s">
        <v>88306</v>
      </c>
      <c r="C1570" s="14" t="s">
        <v>88307</v>
      </c>
      <c r="D1570" s="2" t="s">
        <v>88308</v>
      </c>
      <c r="E1570" s="2"/>
      <c r="F1570" s="8">
        <v>396</v>
      </c>
      <c r="G1570" s="5">
        <v>25</v>
      </c>
      <c r="H1570" s="5" t="s">
        <v>69</v>
      </c>
      <c r="I1570" s="5" t="s">
        <v>27074</v>
      </c>
      <c r="J1570" s="2" t="s">
        <v>27075</v>
      </c>
      <c r="K1570" s="5" t="s">
        <v>27074</v>
      </c>
      <c r="L1570" s="2" t="s">
        <v>27075</v>
      </c>
      <c r="M1570" s="5" t="s">
        <v>24254</v>
      </c>
      <c r="N1570" s="5" t="s">
        <v>38</v>
      </c>
      <c r="O1570" s="5" t="s">
        <v>39</v>
      </c>
      <c r="P1570" s="5" t="s">
        <v>40</v>
      </c>
      <c r="Q1570" s="5" t="s">
        <v>25301</v>
      </c>
      <c r="R1570" s="5" t="s">
        <v>40</v>
      </c>
      <c r="S1570" s="5" t="s">
        <v>42</v>
      </c>
      <c r="T1570" s="2">
        <v>10.414</v>
      </c>
      <c r="U1570" s="2">
        <v>8.5980000000000008</v>
      </c>
      <c r="V1570" s="2">
        <v>0.11899999999999999</v>
      </c>
      <c r="W1570" s="2">
        <v>12</v>
      </c>
      <c r="X1570" s="2">
        <v>62</v>
      </c>
      <c r="Y1570" s="2">
        <v>159.9</v>
      </c>
      <c r="Z1570" s="5">
        <v>10</v>
      </c>
      <c r="AA1570" s="5" t="s">
        <v>43</v>
      </c>
      <c r="AB1570" s="5" t="s">
        <v>44</v>
      </c>
      <c r="AC1570" s="2" t="s">
        <v>30038</v>
      </c>
      <c r="AD1570" s="1"/>
    </row>
    <row r="1571" spans="1:30">
      <c r="A1571" s="5" t="s">
        <v>83578</v>
      </c>
      <c r="B1571" s="2" t="s">
        <v>88309</v>
      </c>
      <c r="C1571" s="14" t="s">
        <v>88310</v>
      </c>
      <c r="D1571" s="2" t="s">
        <v>88311</v>
      </c>
      <c r="E1571" s="2"/>
      <c r="F1571" s="8">
        <v>396</v>
      </c>
      <c r="G1571" s="5">
        <v>25</v>
      </c>
      <c r="H1571" s="5" t="s">
        <v>69</v>
      </c>
      <c r="I1571" s="5" t="s">
        <v>27074</v>
      </c>
      <c r="J1571" s="2" t="s">
        <v>27075</v>
      </c>
      <c r="K1571" s="5" t="s">
        <v>27074</v>
      </c>
      <c r="L1571" s="2" t="s">
        <v>27075</v>
      </c>
      <c r="M1571" s="5" t="s">
        <v>24254</v>
      </c>
      <c r="N1571" s="5" t="s">
        <v>38</v>
      </c>
      <c r="O1571" s="5" t="s">
        <v>39</v>
      </c>
      <c r="P1571" s="5" t="s">
        <v>40</v>
      </c>
      <c r="Q1571" s="5" t="s">
        <v>25301</v>
      </c>
      <c r="R1571" s="5" t="s">
        <v>40</v>
      </c>
      <c r="S1571" s="5" t="s">
        <v>42</v>
      </c>
      <c r="T1571" s="2">
        <v>6.68</v>
      </c>
      <c r="U1571" s="2">
        <v>4.8639999999999999</v>
      </c>
      <c r="V1571" s="2">
        <v>0.11899999999999999</v>
      </c>
      <c r="W1571" s="2">
        <v>12</v>
      </c>
      <c r="X1571" s="2">
        <v>62</v>
      </c>
      <c r="Y1571" s="2">
        <v>159.9</v>
      </c>
      <c r="Z1571" s="5">
        <v>10</v>
      </c>
      <c r="AA1571" s="5" t="s">
        <v>43</v>
      </c>
      <c r="AB1571" s="5" t="s">
        <v>44</v>
      </c>
      <c r="AC1571" s="2" t="s">
        <v>87949</v>
      </c>
      <c r="AD1571" s="1"/>
    </row>
    <row r="1572" spans="1:30">
      <c r="A1572" s="5" t="s">
        <v>83578</v>
      </c>
      <c r="B1572" s="2" t="s">
        <v>88312</v>
      </c>
      <c r="C1572" s="14" t="s">
        <v>88313</v>
      </c>
      <c r="D1572" s="2" t="s">
        <v>88314</v>
      </c>
      <c r="E1572" s="2"/>
      <c r="F1572" s="8">
        <v>396</v>
      </c>
      <c r="G1572" s="5">
        <v>25</v>
      </c>
      <c r="H1572" s="5" t="s">
        <v>69</v>
      </c>
      <c r="I1572" s="5" t="s">
        <v>27074</v>
      </c>
      <c r="J1572" s="2" t="s">
        <v>27075</v>
      </c>
      <c r="K1572" s="5" t="s">
        <v>27074</v>
      </c>
      <c r="L1572" s="2" t="s">
        <v>27075</v>
      </c>
      <c r="M1572" s="5" t="s">
        <v>24254</v>
      </c>
      <c r="N1572" s="5" t="s">
        <v>38</v>
      </c>
      <c r="O1572" s="5" t="s">
        <v>39</v>
      </c>
      <c r="P1572" s="5" t="s">
        <v>40</v>
      </c>
      <c r="Q1572" s="5" t="s">
        <v>25301</v>
      </c>
      <c r="R1572" s="5" t="s">
        <v>40</v>
      </c>
      <c r="S1572" s="5" t="s">
        <v>42</v>
      </c>
      <c r="T1572" s="2">
        <v>7.4039999999999999</v>
      </c>
      <c r="U1572" s="2">
        <v>5.5880000000000001</v>
      </c>
      <c r="V1572" s="2">
        <v>0.11899999999999999</v>
      </c>
      <c r="W1572" s="2">
        <v>12</v>
      </c>
      <c r="X1572" s="2">
        <v>62</v>
      </c>
      <c r="Y1572" s="2">
        <v>159.9</v>
      </c>
      <c r="Z1572" s="5">
        <v>10</v>
      </c>
      <c r="AA1572" s="5" t="s">
        <v>43</v>
      </c>
      <c r="AB1572" s="5" t="s">
        <v>44</v>
      </c>
      <c r="AC1572" s="2" t="s">
        <v>30042</v>
      </c>
      <c r="AD1572" s="1"/>
    </row>
    <row r="1573" spans="1:30">
      <c r="A1573" s="5" t="s">
        <v>83578</v>
      </c>
      <c r="B1573" s="2" t="s">
        <v>88315</v>
      </c>
      <c r="C1573" s="14" t="s">
        <v>88316</v>
      </c>
      <c r="D1573" s="2" t="s">
        <v>88317</v>
      </c>
      <c r="E1573" s="2"/>
      <c r="F1573" s="8">
        <v>396</v>
      </c>
      <c r="G1573" s="5">
        <v>25</v>
      </c>
      <c r="H1573" s="5" t="s">
        <v>69</v>
      </c>
      <c r="I1573" s="5" t="s">
        <v>27074</v>
      </c>
      <c r="J1573" s="2" t="s">
        <v>27075</v>
      </c>
      <c r="K1573" s="5" t="s">
        <v>27074</v>
      </c>
      <c r="L1573" s="2" t="s">
        <v>27075</v>
      </c>
      <c r="M1573" s="5" t="s">
        <v>24254</v>
      </c>
      <c r="N1573" s="5" t="s">
        <v>38</v>
      </c>
      <c r="O1573" s="5" t="s">
        <v>39</v>
      </c>
      <c r="P1573" s="5" t="s">
        <v>40</v>
      </c>
      <c r="Q1573" s="5" t="s">
        <v>25301</v>
      </c>
      <c r="R1573" s="5" t="s">
        <v>40</v>
      </c>
      <c r="S1573" s="5" t="s">
        <v>42</v>
      </c>
      <c r="T1573" s="2">
        <v>8.4390000000000001</v>
      </c>
      <c r="U1573" s="2">
        <v>6.6230000000000002</v>
      </c>
      <c r="V1573" s="2">
        <v>0.11899999999999999</v>
      </c>
      <c r="W1573" s="2">
        <v>12</v>
      </c>
      <c r="X1573" s="2">
        <v>62</v>
      </c>
      <c r="Y1573" s="2">
        <v>159.9</v>
      </c>
      <c r="Z1573" s="5">
        <v>10</v>
      </c>
      <c r="AA1573" s="5" t="s">
        <v>43</v>
      </c>
      <c r="AB1573" s="5" t="s">
        <v>44</v>
      </c>
      <c r="AC1573" s="2" t="s">
        <v>87949</v>
      </c>
      <c r="AD1573" s="1"/>
    </row>
    <row r="1574" spans="1:30">
      <c r="A1574" s="5" t="s">
        <v>83578</v>
      </c>
      <c r="B1574" s="2" t="s">
        <v>88318</v>
      </c>
      <c r="C1574" s="14" t="s">
        <v>88319</v>
      </c>
      <c r="D1574" s="2" t="s">
        <v>88320</v>
      </c>
      <c r="E1574" s="2"/>
      <c r="F1574" s="8">
        <v>396</v>
      </c>
      <c r="G1574" s="5">
        <v>25</v>
      </c>
      <c r="H1574" s="5" t="s">
        <v>69</v>
      </c>
      <c r="I1574" s="5" t="s">
        <v>27074</v>
      </c>
      <c r="J1574" s="2" t="s">
        <v>27075</v>
      </c>
      <c r="K1574" s="5" t="s">
        <v>27074</v>
      </c>
      <c r="L1574" s="2" t="s">
        <v>27075</v>
      </c>
      <c r="M1574" s="5" t="s">
        <v>24254</v>
      </c>
      <c r="N1574" s="5" t="s">
        <v>38</v>
      </c>
      <c r="O1574" s="5" t="s">
        <v>39</v>
      </c>
      <c r="P1574" s="5" t="s">
        <v>40</v>
      </c>
      <c r="Q1574" s="5" t="s">
        <v>25301</v>
      </c>
      <c r="R1574" s="5" t="s">
        <v>40</v>
      </c>
      <c r="S1574" s="5" t="s">
        <v>42</v>
      </c>
      <c r="T1574" s="2">
        <v>9.2469999999999999</v>
      </c>
      <c r="U1574" s="2">
        <v>7.431</v>
      </c>
      <c r="V1574" s="2">
        <v>0.11899999999999999</v>
      </c>
      <c r="W1574" s="2">
        <v>12</v>
      </c>
      <c r="X1574" s="2">
        <v>62</v>
      </c>
      <c r="Y1574" s="2">
        <v>159.9</v>
      </c>
      <c r="Z1574" s="5">
        <v>10</v>
      </c>
      <c r="AA1574" s="5" t="s">
        <v>43</v>
      </c>
      <c r="AB1574" s="5" t="s">
        <v>44</v>
      </c>
      <c r="AC1574" s="2" t="s">
        <v>30042</v>
      </c>
      <c r="AD1574" s="1"/>
    </row>
    <row r="1575" spans="1:30">
      <c r="A1575" s="5" t="s">
        <v>83578</v>
      </c>
      <c r="B1575" s="2" t="s">
        <v>88321</v>
      </c>
      <c r="C1575" s="14" t="s">
        <v>88322</v>
      </c>
      <c r="D1575" s="2" t="s">
        <v>88323</v>
      </c>
      <c r="E1575" s="2" t="s">
        <v>87894</v>
      </c>
      <c r="F1575" s="8">
        <v>342</v>
      </c>
      <c r="G1575" s="5">
        <v>5</v>
      </c>
      <c r="H1575" s="5" t="s">
        <v>69</v>
      </c>
      <c r="I1575" s="5" t="s">
        <v>27074</v>
      </c>
      <c r="J1575" s="2" t="s">
        <v>27075</v>
      </c>
      <c r="K1575" s="5" t="s">
        <v>27074</v>
      </c>
      <c r="L1575" s="2" t="s">
        <v>27075</v>
      </c>
      <c r="M1575" s="5" t="s">
        <v>24254</v>
      </c>
      <c r="N1575" s="5" t="s">
        <v>38</v>
      </c>
      <c r="O1575" s="5" t="s">
        <v>39</v>
      </c>
      <c r="P1575" s="5" t="s">
        <v>40</v>
      </c>
      <c r="Q1575" s="5" t="s">
        <v>1487</v>
      </c>
      <c r="R1575" s="5"/>
      <c r="S1575" s="5" t="s">
        <v>42</v>
      </c>
      <c r="T1575" s="2">
        <v>0</v>
      </c>
      <c r="U1575" s="2">
        <v>0</v>
      </c>
      <c r="V1575" s="2">
        <v>0</v>
      </c>
      <c r="W1575" s="2">
        <v>0</v>
      </c>
      <c r="X1575" s="2">
        <v>0</v>
      </c>
      <c r="Y1575" s="2">
        <v>0</v>
      </c>
      <c r="Z1575" s="5"/>
      <c r="AA1575" s="5" t="s">
        <v>43</v>
      </c>
      <c r="AB1575" s="5" t="s">
        <v>44</v>
      </c>
      <c r="AC1575" s="2" t="s">
        <v>87895</v>
      </c>
      <c r="AD1575" s="1"/>
    </row>
    <row r="1576" spans="1:30">
      <c r="A1576" s="5" t="s">
        <v>83578</v>
      </c>
      <c r="B1576" s="2" t="s">
        <v>88324</v>
      </c>
      <c r="C1576" s="14" t="s">
        <v>88325</v>
      </c>
      <c r="D1576" s="2" t="s">
        <v>88326</v>
      </c>
      <c r="E1576" s="2" t="s">
        <v>87894</v>
      </c>
      <c r="F1576" s="8">
        <v>342</v>
      </c>
      <c r="G1576" s="5">
        <v>5</v>
      </c>
      <c r="H1576" s="5" t="s">
        <v>69</v>
      </c>
      <c r="I1576" s="5" t="s">
        <v>27074</v>
      </c>
      <c r="J1576" s="2" t="s">
        <v>27075</v>
      </c>
      <c r="K1576" s="5" t="s">
        <v>27074</v>
      </c>
      <c r="L1576" s="2" t="s">
        <v>27075</v>
      </c>
      <c r="M1576" s="5" t="s">
        <v>24254</v>
      </c>
      <c r="N1576" s="5" t="s">
        <v>38</v>
      </c>
      <c r="O1576" s="5" t="s">
        <v>39</v>
      </c>
      <c r="P1576" s="5" t="s">
        <v>40</v>
      </c>
      <c r="Q1576" s="5" t="s">
        <v>1487</v>
      </c>
      <c r="R1576" s="5"/>
      <c r="S1576" s="5" t="s">
        <v>42</v>
      </c>
      <c r="T1576" s="2">
        <v>0</v>
      </c>
      <c r="U1576" s="2">
        <v>0</v>
      </c>
      <c r="V1576" s="2">
        <v>0</v>
      </c>
      <c r="W1576" s="2">
        <v>0</v>
      </c>
      <c r="X1576" s="2">
        <v>0</v>
      </c>
      <c r="Y1576" s="2">
        <v>0</v>
      </c>
      <c r="Z1576" s="5"/>
      <c r="AA1576" s="5" t="s">
        <v>43</v>
      </c>
      <c r="AB1576" s="5" t="s">
        <v>44</v>
      </c>
      <c r="AC1576" s="2" t="s">
        <v>87899</v>
      </c>
      <c r="AD1576" s="1"/>
    </row>
    <row r="1577" spans="1:30">
      <c r="A1577" s="5" t="s">
        <v>83578</v>
      </c>
      <c r="B1577" s="2" t="s">
        <v>88327</v>
      </c>
      <c r="C1577" s="14" t="s">
        <v>88328</v>
      </c>
      <c r="D1577" s="2" t="s">
        <v>88329</v>
      </c>
      <c r="E1577" s="2" t="s">
        <v>87894</v>
      </c>
      <c r="F1577" s="8">
        <v>342</v>
      </c>
      <c r="G1577" s="5">
        <v>5</v>
      </c>
      <c r="H1577" s="5" t="s">
        <v>69</v>
      </c>
      <c r="I1577" s="5" t="s">
        <v>27074</v>
      </c>
      <c r="J1577" s="2" t="s">
        <v>27075</v>
      </c>
      <c r="K1577" s="5" t="s">
        <v>27074</v>
      </c>
      <c r="L1577" s="2" t="s">
        <v>27075</v>
      </c>
      <c r="M1577" s="5" t="s">
        <v>24254</v>
      </c>
      <c r="N1577" s="5" t="s">
        <v>38</v>
      </c>
      <c r="O1577" s="5" t="s">
        <v>39</v>
      </c>
      <c r="P1577" s="5" t="s">
        <v>40</v>
      </c>
      <c r="Q1577" s="5" t="s">
        <v>1487</v>
      </c>
      <c r="R1577" s="5"/>
      <c r="S1577" s="5" t="s">
        <v>42</v>
      </c>
      <c r="T1577" s="2">
        <v>0</v>
      </c>
      <c r="U1577" s="2">
        <v>0</v>
      </c>
      <c r="V1577" s="2">
        <v>0</v>
      </c>
      <c r="W1577" s="2">
        <v>0</v>
      </c>
      <c r="X1577" s="2">
        <v>0</v>
      </c>
      <c r="Y1577" s="2">
        <v>0</v>
      </c>
      <c r="Z1577" s="5"/>
      <c r="AA1577" s="5" t="s">
        <v>43</v>
      </c>
      <c r="AB1577" s="5" t="s">
        <v>44</v>
      </c>
      <c r="AC1577" s="2" t="s">
        <v>87903</v>
      </c>
      <c r="AD1577" s="1"/>
    </row>
    <row r="1578" spans="1:30">
      <c r="A1578" s="5" t="s">
        <v>83578</v>
      </c>
      <c r="B1578" s="2" t="s">
        <v>88330</v>
      </c>
      <c r="C1578" s="14" t="s">
        <v>88331</v>
      </c>
      <c r="D1578" s="2" t="s">
        <v>88332</v>
      </c>
      <c r="E1578" s="2" t="s">
        <v>87894</v>
      </c>
      <c r="F1578" s="8">
        <v>342</v>
      </c>
      <c r="G1578" s="5">
        <v>5</v>
      </c>
      <c r="H1578" s="5" t="s">
        <v>69</v>
      </c>
      <c r="I1578" s="5" t="s">
        <v>27074</v>
      </c>
      <c r="J1578" s="2" t="s">
        <v>27075</v>
      </c>
      <c r="K1578" s="5" t="s">
        <v>27074</v>
      </c>
      <c r="L1578" s="2" t="s">
        <v>27075</v>
      </c>
      <c r="M1578" s="5" t="s">
        <v>24254</v>
      </c>
      <c r="N1578" s="5" t="s">
        <v>38</v>
      </c>
      <c r="O1578" s="5" t="s">
        <v>39</v>
      </c>
      <c r="P1578" s="5" t="s">
        <v>40</v>
      </c>
      <c r="Q1578" s="5" t="s">
        <v>1487</v>
      </c>
      <c r="R1578" s="5"/>
      <c r="S1578" s="5" t="s">
        <v>42</v>
      </c>
      <c r="T1578" s="2">
        <v>0</v>
      </c>
      <c r="U1578" s="2">
        <v>0</v>
      </c>
      <c r="V1578" s="2">
        <v>0</v>
      </c>
      <c r="W1578" s="2">
        <v>0</v>
      </c>
      <c r="X1578" s="2">
        <v>0</v>
      </c>
      <c r="Y1578" s="2">
        <v>0</v>
      </c>
      <c r="Z1578" s="5"/>
      <c r="AA1578" s="5" t="s">
        <v>43</v>
      </c>
      <c r="AB1578" s="5" t="s">
        <v>44</v>
      </c>
      <c r="AC1578" s="2" t="s">
        <v>88043</v>
      </c>
      <c r="AD1578" s="1"/>
    </row>
    <row r="1579" spans="1:30">
      <c r="A1579" s="5" t="s">
        <v>83578</v>
      </c>
      <c r="B1579" s="2" t="s">
        <v>88333</v>
      </c>
      <c r="C1579" s="14" t="s">
        <v>88334</v>
      </c>
      <c r="D1579" s="2" t="s">
        <v>88335</v>
      </c>
      <c r="E1579" s="2" t="s">
        <v>87968</v>
      </c>
      <c r="F1579" s="8">
        <v>638</v>
      </c>
      <c r="G1579" s="5">
        <v>10</v>
      </c>
      <c r="H1579" s="5" t="s">
        <v>69</v>
      </c>
      <c r="I1579" s="5" t="s">
        <v>27074</v>
      </c>
      <c r="J1579" s="2" t="s">
        <v>27075</v>
      </c>
      <c r="K1579" s="5" t="s">
        <v>27074</v>
      </c>
      <c r="L1579" s="2" t="s">
        <v>27075</v>
      </c>
      <c r="M1579" s="5" t="s">
        <v>24254</v>
      </c>
      <c r="N1579" s="5" t="s">
        <v>38</v>
      </c>
      <c r="O1579" s="5" t="s">
        <v>39</v>
      </c>
      <c r="P1579" s="5" t="s">
        <v>40</v>
      </c>
      <c r="Q1579" s="5" t="s">
        <v>1487</v>
      </c>
      <c r="R1579" s="5"/>
      <c r="S1579" s="5" t="s">
        <v>130</v>
      </c>
      <c r="T1579" s="2">
        <v>0</v>
      </c>
      <c r="U1579" s="2">
        <v>0</v>
      </c>
      <c r="V1579" s="2">
        <v>0</v>
      </c>
      <c r="W1579" s="2">
        <v>0</v>
      </c>
      <c r="X1579" s="2">
        <v>0</v>
      </c>
      <c r="Y1579" s="2">
        <v>0</v>
      </c>
      <c r="Z1579" s="5"/>
      <c r="AA1579" s="5" t="s">
        <v>43</v>
      </c>
      <c r="AB1579" s="5" t="s">
        <v>44</v>
      </c>
      <c r="AC1579" s="2" t="s">
        <v>87973</v>
      </c>
      <c r="AD1579" s="1"/>
    </row>
    <row r="1580" spans="1:30">
      <c r="A1580" s="5" t="s">
        <v>83578</v>
      </c>
      <c r="B1580" s="2" t="s">
        <v>88336</v>
      </c>
      <c r="C1580" s="14" t="s">
        <v>88337</v>
      </c>
      <c r="D1580" s="2" t="s">
        <v>88338</v>
      </c>
      <c r="E1580" s="2"/>
      <c r="F1580" s="8">
        <v>409</v>
      </c>
      <c r="G1580" s="5">
        <v>25</v>
      </c>
      <c r="H1580" s="5" t="s">
        <v>69</v>
      </c>
      <c r="I1580" s="5" t="s">
        <v>27074</v>
      </c>
      <c r="J1580" s="2" t="s">
        <v>27075</v>
      </c>
      <c r="K1580" s="5" t="s">
        <v>27074</v>
      </c>
      <c r="L1580" s="2" t="s">
        <v>27075</v>
      </c>
      <c r="M1580" s="5" t="s">
        <v>24254</v>
      </c>
      <c r="N1580" s="5" t="s">
        <v>38</v>
      </c>
      <c r="O1580" s="5" t="s">
        <v>39</v>
      </c>
      <c r="P1580" s="5" t="s">
        <v>40</v>
      </c>
      <c r="Q1580" s="5" t="s">
        <v>24340</v>
      </c>
      <c r="R1580" s="5" t="s">
        <v>40</v>
      </c>
      <c r="S1580" s="5" t="s">
        <v>42</v>
      </c>
      <c r="T1580" s="2">
        <v>11.978</v>
      </c>
      <c r="U1580" s="2">
        <v>10.037000000000001</v>
      </c>
      <c r="V1580" s="2">
        <v>0.129</v>
      </c>
      <c r="W1580" s="2">
        <v>12</v>
      </c>
      <c r="X1580" s="2">
        <v>62</v>
      </c>
      <c r="Y1580" s="2">
        <v>172.9</v>
      </c>
      <c r="Z1580" s="5">
        <v>10</v>
      </c>
      <c r="AA1580" s="5" t="s">
        <v>43</v>
      </c>
      <c r="AB1580" s="5" t="s">
        <v>44</v>
      </c>
      <c r="AC1580" s="2" t="s">
        <v>87916</v>
      </c>
      <c r="AD1580" s="1"/>
    </row>
    <row r="1581" spans="1:30">
      <c r="A1581" s="5" t="s">
        <v>83578</v>
      </c>
      <c r="B1581" s="2" t="s">
        <v>88339</v>
      </c>
      <c r="C1581" s="14" t="s">
        <v>88340</v>
      </c>
      <c r="D1581" s="2" t="s">
        <v>88341</v>
      </c>
      <c r="E1581" s="2"/>
      <c r="F1581" s="8">
        <v>409</v>
      </c>
      <c r="G1581" s="5">
        <v>25</v>
      </c>
      <c r="H1581" s="5" t="s">
        <v>69</v>
      </c>
      <c r="I1581" s="5" t="s">
        <v>27074</v>
      </c>
      <c r="J1581" s="2" t="s">
        <v>27075</v>
      </c>
      <c r="K1581" s="5" t="s">
        <v>27074</v>
      </c>
      <c r="L1581" s="2" t="s">
        <v>27075</v>
      </c>
      <c r="M1581" s="5" t="s">
        <v>24254</v>
      </c>
      <c r="N1581" s="5" t="s">
        <v>38</v>
      </c>
      <c r="O1581" s="5" t="s">
        <v>39</v>
      </c>
      <c r="P1581" s="5" t="s">
        <v>40</v>
      </c>
      <c r="Q1581" s="5" t="s">
        <v>24340</v>
      </c>
      <c r="R1581" s="5" t="s">
        <v>40</v>
      </c>
      <c r="S1581" s="5" t="s">
        <v>42</v>
      </c>
      <c r="T1581" s="2">
        <v>12.874000000000001</v>
      </c>
      <c r="U1581" s="2">
        <v>10.933</v>
      </c>
      <c r="V1581" s="2">
        <v>0.129</v>
      </c>
      <c r="W1581" s="2">
        <v>12</v>
      </c>
      <c r="X1581" s="2">
        <v>62</v>
      </c>
      <c r="Y1581" s="2">
        <v>172.9</v>
      </c>
      <c r="Z1581" s="5">
        <v>10</v>
      </c>
      <c r="AA1581" s="5" t="s">
        <v>43</v>
      </c>
      <c r="AB1581" s="5" t="s">
        <v>44</v>
      </c>
      <c r="AC1581" s="2" t="s">
        <v>87920</v>
      </c>
      <c r="AD1581" s="1"/>
    </row>
    <row r="1582" spans="1:30">
      <c r="A1582" s="5" t="s">
        <v>83578</v>
      </c>
      <c r="B1582" s="2" t="s">
        <v>88342</v>
      </c>
      <c r="C1582" s="14" t="s">
        <v>88343</v>
      </c>
      <c r="D1582" s="2" t="s">
        <v>88344</v>
      </c>
      <c r="E1582" s="2"/>
      <c r="F1582" s="8">
        <v>409</v>
      </c>
      <c r="G1582" s="5">
        <v>25</v>
      </c>
      <c r="H1582" s="5" t="s">
        <v>69</v>
      </c>
      <c r="I1582" s="5" t="s">
        <v>27074</v>
      </c>
      <c r="J1582" s="2" t="s">
        <v>27075</v>
      </c>
      <c r="K1582" s="5" t="s">
        <v>27074</v>
      </c>
      <c r="L1582" s="2" t="s">
        <v>27075</v>
      </c>
      <c r="M1582" s="5" t="s">
        <v>24254</v>
      </c>
      <c r="N1582" s="5" t="s">
        <v>38</v>
      </c>
      <c r="O1582" s="5" t="s">
        <v>39</v>
      </c>
      <c r="P1582" s="5" t="s">
        <v>40</v>
      </c>
      <c r="Q1582" s="5" t="s">
        <v>24340</v>
      </c>
      <c r="R1582" s="5" t="s">
        <v>40</v>
      </c>
      <c r="S1582" s="5" t="s">
        <v>42</v>
      </c>
      <c r="T1582" s="2">
        <v>7.7039999999999997</v>
      </c>
      <c r="U1582" s="2">
        <v>5.7629999999999999</v>
      </c>
      <c r="V1582" s="2">
        <v>0.129</v>
      </c>
      <c r="W1582" s="2">
        <v>12</v>
      </c>
      <c r="X1582" s="2">
        <v>62</v>
      </c>
      <c r="Y1582" s="2">
        <v>172.9</v>
      </c>
      <c r="Z1582" s="5">
        <v>10</v>
      </c>
      <c r="AA1582" s="5" t="s">
        <v>43</v>
      </c>
      <c r="AB1582" s="5" t="s">
        <v>44</v>
      </c>
      <c r="AC1582" s="2" t="s">
        <v>29648</v>
      </c>
      <c r="AD1582" s="1"/>
    </row>
    <row r="1583" spans="1:30">
      <c r="A1583" s="5" t="s">
        <v>83578</v>
      </c>
      <c r="B1583" s="2" t="s">
        <v>88345</v>
      </c>
      <c r="C1583" s="14" t="s">
        <v>88346</v>
      </c>
      <c r="D1583" s="2" t="s">
        <v>88347</v>
      </c>
      <c r="E1583" s="2"/>
      <c r="F1583" s="8">
        <v>409</v>
      </c>
      <c r="G1583" s="5">
        <v>25</v>
      </c>
      <c r="H1583" s="5" t="s">
        <v>69</v>
      </c>
      <c r="I1583" s="5" t="s">
        <v>27074</v>
      </c>
      <c r="J1583" s="2" t="s">
        <v>27075</v>
      </c>
      <c r="K1583" s="5" t="s">
        <v>27074</v>
      </c>
      <c r="L1583" s="2" t="s">
        <v>27075</v>
      </c>
      <c r="M1583" s="5" t="s">
        <v>24254</v>
      </c>
      <c r="N1583" s="5" t="s">
        <v>38</v>
      </c>
      <c r="O1583" s="5" t="s">
        <v>39</v>
      </c>
      <c r="P1583" s="5" t="s">
        <v>40</v>
      </c>
      <c r="Q1583" s="5" t="s">
        <v>24340</v>
      </c>
      <c r="R1583" s="5" t="s">
        <v>40</v>
      </c>
      <c r="S1583" s="5" t="s">
        <v>42</v>
      </c>
      <c r="T1583" s="2">
        <v>8.6029999999999998</v>
      </c>
      <c r="U1583" s="2">
        <v>6.6619999999999999</v>
      </c>
      <c r="V1583" s="2">
        <v>0.129</v>
      </c>
      <c r="W1583" s="2">
        <v>12</v>
      </c>
      <c r="X1583" s="2">
        <v>62</v>
      </c>
      <c r="Y1583" s="2">
        <v>172.9</v>
      </c>
      <c r="Z1583" s="5">
        <v>10</v>
      </c>
      <c r="AA1583" s="5" t="s">
        <v>43</v>
      </c>
      <c r="AB1583" s="5" t="s">
        <v>44</v>
      </c>
      <c r="AC1583" s="2" t="s">
        <v>29923</v>
      </c>
      <c r="AD1583" s="1"/>
    </row>
    <row r="1584" spans="1:30">
      <c r="A1584" s="5" t="s">
        <v>83578</v>
      </c>
      <c r="B1584" s="2" t="s">
        <v>88348</v>
      </c>
      <c r="C1584" s="14" t="s">
        <v>88349</v>
      </c>
      <c r="D1584" s="2" t="s">
        <v>88350</v>
      </c>
      <c r="E1584" s="2"/>
      <c r="F1584" s="8">
        <v>409</v>
      </c>
      <c r="G1584" s="5">
        <v>25</v>
      </c>
      <c r="H1584" s="5" t="s">
        <v>69</v>
      </c>
      <c r="I1584" s="5" t="s">
        <v>27074</v>
      </c>
      <c r="J1584" s="2" t="s">
        <v>27075</v>
      </c>
      <c r="K1584" s="5" t="s">
        <v>27074</v>
      </c>
      <c r="L1584" s="2" t="s">
        <v>27075</v>
      </c>
      <c r="M1584" s="5" t="s">
        <v>24254</v>
      </c>
      <c r="N1584" s="5" t="s">
        <v>38</v>
      </c>
      <c r="O1584" s="5" t="s">
        <v>39</v>
      </c>
      <c r="P1584" s="5" t="s">
        <v>40</v>
      </c>
      <c r="Q1584" s="5" t="s">
        <v>24340</v>
      </c>
      <c r="R1584" s="5" t="s">
        <v>40</v>
      </c>
      <c r="S1584" s="5" t="s">
        <v>42</v>
      </c>
      <c r="T1584" s="2">
        <v>10.172000000000001</v>
      </c>
      <c r="U1584" s="2">
        <v>8.2309999999999999</v>
      </c>
      <c r="V1584" s="2">
        <v>0.129</v>
      </c>
      <c r="W1584" s="2">
        <v>12</v>
      </c>
      <c r="X1584" s="2">
        <v>62</v>
      </c>
      <c r="Y1584" s="2">
        <v>172.9</v>
      </c>
      <c r="Z1584" s="5">
        <v>10</v>
      </c>
      <c r="AA1584" s="5" t="s">
        <v>43</v>
      </c>
      <c r="AB1584" s="5" t="s">
        <v>44</v>
      </c>
      <c r="AC1584" s="2" t="s">
        <v>29648</v>
      </c>
      <c r="AD1584" s="1"/>
    </row>
    <row r="1585" spans="1:30">
      <c r="A1585" s="5" t="s">
        <v>83578</v>
      </c>
      <c r="B1585" s="2" t="s">
        <v>88351</v>
      </c>
      <c r="C1585" s="14" t="s">
        <v>88352</v>
      </c>
      <c r="D1585" s="2" t="s">
        <v>88353</v>
      </c>
      <c r="E1585" s="2"/>
      <c r="F1585" s="8">
        <v>409</v>
      </c>
      <c r="G1585" s="5">
        <v>25</v>
      </c>
      <c r="H1585" s="5" t="s">
        <v>69</v>
      </c>
      <c r="I1585" s="5" t="s">
        <v>27074</v>
      </c>
      <c r="J1585" s="2" t="s">
        <v>27075</v>
      </c>
      <c r="K1585" s="5" t="s">
        <v>27074</v>
      </c>
      <c r="L1585" s="2" t="s">
        <v>27075</v>
      </c>
      <c r="M1585" s="5" t="s">
        <v>24254</v>
      </c>
      <c r="N1585" s="5" t="s">
        <v>38</v>
      </c>
      <c r="O1585" s="5" t="s">
        <v>39</v>
      </c>
      <c r="P1585" s="5" t="s">
        <v>40</v>
      </c>
      <c r="Q1585" s="5" t="s">
        <v>24340</v>
      </c>
      <c r="R1585" s="5" t="s">
        <v>40</v>
      </c>
      <c r="S1585" s="5" t="s">
        <v>42</v>
      </c>
      <c r="T1585" s="2">
        <v>11.172000000000001</v>
      </c>
      <c r="U1585" s="2">
        <v>9.2309999999999999</v>
      </c>
      <c r="V1585" s="2">
        <v>0.129</v>
      </c>
      <c r="W1585" s="2">
        <v>12</v>
      </c>
      <c r="X1585" s="2">
        <v>62</v>
      </c>
      <c r="Y1585" s="2">
        <v>172.9</v>
      </c>
      <c r="Z1585" s="5">
        <v>10</v>
      </c>
      <c r="AA1585" s="5" t="s">
        <v>43</v>
      </c>
      <c r="AB1585" s="5" t="s">
        <v>44</v>
      </c>
      <c r="AC1585" s="2" t="s">
        <v>29923</v>
      </c>
      <c r="AD1585" s="1"/>
    </row>
    <row r="1586" spans="1:30">
      <c r="A1586" s="5" t="s">
        <v>83578</v>
      </c>
      <c r="B1586" s="2" t="s">
        <v>88354</v>
      </c>
      <c r="C1586" s="14" t="s">
        <v>88355</v>
      </c>
      <c r="D1586" s="2" t="s">
        <v>88356</v>
      </c>
      <c r="E1586" s="2"/>
      <c r="F1586" s="8">
        <v>409</v>
      </c>
      <c r="G1586" s="5">
        <v>25</v>
      </c>
      <c r="H1586" s="5" t="s">
        <v>69</v>
      </c>
      <c r="I1586" s="5" t="s">
        <v>27074</v>
      </c>
      <c r="J1586" s="2" t="s">
        <v>27075</v>
      </c>
      <c r="K1586" s="5" t="s">
        <v>27074</v>
      </c>
      <c r="L1586" s="2" t="s">
        <v>27075</v>
      </c>
      <c r="M1586" s="5" t="s">
        <v>24254</v>
      </c>
      <c r="N1586" s="5" t="s">
        <v>38</v>
      </c>
      <c r="O1586" s="5" t="s">
        <v>39</v>
      </c>
      <c r="P1586" s="5" t="s">
        <v>40</v>
      </c>
      <c r="Q1586" s="5" t="s">
        <v>25301</v>
      </c>
      <c r="R1586" s="5" t="s">
        <v>40</v>
      </c>
      <c r="S1586" s="5" t="s">
        <v>42</v>
      </c>
      <c r="T1586" s="2">
        <v>17.245000000000001</v>
      </c>
      <c r="U1586" s="2">
        <v>15.269</v>
      </c>
      <c r="V1586" s="2">
        <v>0.129</v>
      </c>
      <c r="W1586" s="2">
        <v>12</v>
      </c>
      <c r="X1586" s="2">
        <v>62</v>
      </c>
      <c r="Y1586" s="2">
        <v>172.9</v>
      </c>
      <c r="Z1586" s="5">
        <v>8</v>
      </c>
      <c r="AA1586" s="5" t="s">
        <v>43</v>
      </c>
      <c r="AB1586" s="5" t="s">
        <v>44</v>
      </c>
      <c r="AC1586" s="2" t="s">
        <v>29820</v>
      </c>
      <c r="AD1586" s="1"/>
    </row>
    <row r="1587" spans="1:30">
      <c r="A1587" s="5" t="s">
        <v>83578</v>
      </c>
      <c r="B1587" s="2" t="s">
        <v>88357</v>
      </c>
      <c r="C1587" s="14" t="s">
        <v>88358</v>
      </c>
      <c r="D1587" s="2" t="s">
        <v>88359</v>
      </c>
      <c r="E1587" s="2"/>
      <c r="F1587" s="8">
        <v>409</v>
      </c>
      <c r="G1587" s="5">
        <v>25</v>
      </c>
      <c r="H1587" s="5" t="s">
        <v>69</v>
      </c>
      <c r="I1587" s="5" t="s">
        <v>27074</v>
      </c>
      <c r="J1587" s="2" t="s">
        <v>27075</v>
      </c>
      <c r="K1587" s="5" t="s">
        <v>27074</v>
      </c>
      <c r="L1587" s="2" t="s">
        <v>27075</v>
      </c>
      <c r="M1587" s="5" t="s">
        <v>24254</v>
      </c>
      <c r="N1587" s="5" t="s">
        <v>38</v>
      </c>
      <c r="O1587" s="5" t="s">
        <v>39</v>
      </c>
      <c r="P1587" s="5" t="s">
        <v>40</v>
      </c>
      <c r="Q1587" s="5" t="s">
        <v>25301</v>
      </c>
      <c r="R1587" s="5" t="s">
        <v>40</v>
      </c>
      <c r="S1587" s="5" t="s">
        <v>42</v>
      </c>
      <c r="T1587" s="2">
        <v>14.896000000000001</v>
      </c>
      <c r="U1587" s="2">
        <v>12.920999999999999</v>
      </c>
      <c r="V1587" s="2">
        <v>0.129</v>
      </c>
      <c r="W1587" s="2">
        <v>12</v>
      </c>
      <c r="X1587" s="2">
        <v>62</v>
      </c>
      <c r="Y1587" s="2">
        <v>172.9</v>
      </c>
      <c r="Z1587" s="5">
        <v>8</v>
      </c>
      <c r="AA1587" s="5" t="s">
        <v>43</v>
      </c>
      <c r="AB1587" s="5" t="s">
        <v>44</v>
      </c>
      <c r="AC1587" s="2" t="s">
        <v>29820</v>
      </c>
      <c r="AD1587" s="1"/>
    </row>
    <row r="1588" spans="1:30">
      <c r="A1588" s="5" t="s">
        <v>83578</v>
      </c>
      <c r="B1588" s="2" t="s">
        <v>88360</v>
      </c>
      <c r="C1588" s="14" t="s">
        <v>88361</v>
      </c>
      <c r="D1588" s="2" t="s">
        <v>88362</v>
      </c>
      <c r="E1588" s="2"/>
      <c r="F1588" s="8">
        <v>409</v>
      </c>
      <c r="G1588" s="5">
        <v>25</v>
      </c>
      <c r="H1588" s="5" t="s">
        <v>69</v>
      </c>
      <c r="I1588" s="5" t="s">
        <v>27074</v>
      </c>
      <c r="J1588" s="2" t="s">
        <v>27075</v>
      </c>
      <c r="K1588" s="5" t="s">
        <v>27074</v>
      </c>
      <c r="L1588" s="2" t="s">
        <v>27075</v>
      </c>
      <c r="M1588" s="5" t="s">
        <v>24254</v>
      </c>
      <c r="N1588" s="5" t="s">
        <v>38</v>
      </c>
      <c r="O1588" s="5" t="s">
        <v>39</v>
      </c>
      <c r="P1588" s="5" t="s">
        <v>40</v>
      </c>
      <c r="Q1588" s="5" t="s">
        <v>25301</v>
      </c>
      <c r="R1588" s="5" t="s">
        <v>40</v>
      </c>
      <c r="S1588" s="5" t="s">
        <v>42</v>
      </c>
      <c r="T1588" s="2">
        <v>12.73</v>
      </c>
      <c r="U1588" s="2">
        <v>10.786</v>
      </c>
      <c r="V1588" s="2">
        <v>0.129</v>
      </c>
      <c r="W1588" s="2">
        <v>12</v>
      </c>
      <c r="X1588" s="2">
        <v>62</v>
      </c>
      <c r="Y1588" s="2">
        <v>172.9</v>
      </c>
      <c r="Z1588" s="5">
        <v>8</v>
      </c>
      <c r="AA1588" s="5" t="s">
        <v>43</v>
      </c>
      <c r="AB1588" s="5" t="s">
        <v>44</v>
      </c>
      <c r="AC1588" s="2" t="s">
        <v>29820</v>
      </c>
      <c r="AD1588" s="1"/>
    </row>
    <row r="1589" spans="1:30">
      <c r="A1589" s="5" t="s">
        <v>83578</v>
      </c>
      <c r="B1589" s="2" t="s">
        <v>88363</v>
      </c>
      <c r="C1589" s="14" t="s">
        <v>88364</v>
      </c>
      <c r="D1589" s="2" t="s">
        <v>88365</v>
      </c>
      <c r="E1589" s="2"/>
      <c r="F1589" s="8">
        <v>409</v>
      </c>
      <c r="G1589" s="5">
        <v>25</v>
      </c>
      <c r="H1589" s="5" t="s">
        <v>69</v>
      </c>
      <c r="I1589" s="5" t="s">
        <v>27074</v>
      </c>
      <c r="J1589" s="2" t="s">
        <v>27075</v>
      </c>
      <c r="K1589" s="5" t="s">
        <v>27074</v>
      </c>
      <c r="L1589" s="2" t="s">
        <v>27075</v>
      </c>
      <c r="M1589" s="5" t="s">
        <v>24254</v>
      </c>
      <c r="N1589" s="5" t="s">
        <v>38</v>
      </c>
      <c r="O1589" s="5" t="s">
        <v>39</v>
      </c>
      <c r="P1589" s="5" t="s">
        <v>40</v>
      </c>
      <c r="Q1589" s="5" t="s">
        <v>25301</v>
      </c>
      <c r="R1589" s="5" t="s">
        <v>40</v>
      </c>
      <c r="S1589" s="5" t="s">
        <v>42</v>
      </c>
      <c r="T1589" s="2">
        <v>10.715999999999999</v>
      </c>
      <c r="U1589" s="2">
        <v>8.7750000000000004</v>
      </c>
      <c r="V1589" s="2">
        <v>0.129</v>
      </c>
      <c r="W1589" s="2">
        <v>12</v>
      </c>
      <c r="X1589" s="2">
        <v>62</v>
      </c>
      <c r="Y1589" s="2">
        <v>172.9</v>
      </c>
      <c r="Z1589" s="5">
        <v>10</v>
      </c>
      <c r="AA1589" s="5" t="s">
        <v>43</v>
      </c>
      <c r="AB1589" s="5" t="s">
        <v>44</v>
      </c>
      <c r="AC1589" s="2" t="s">
        <v>87942</v>
      </c>
      <c r="AD1589" s="1"/>
    </row>
    <row r="1590" spans="1:30">
      <c r="A1590" s="5" t="s">
        <v>83578</v>
      </c>
      <c r="B1590" s="2" t="s">
        <v>88366</v>
      </c>
      <c r="C1590" s="14" t="s">
        <v>88367</v>
      </c>
      <c r="D1590" s="2" t="s">
        <v>88368</v>
      </c>
      <c r="E1590" s="2"/>
      <c r="F1590" s="8">
        <v>409</v>
      </c>
      <c r="G1590" s="5">
        <v>25</v>
      </c>
      <c r="H1590" s="5" t="s">
        <v>69</v>
      </c>
      <c r="I1590" s="5" t="s">
        <v>27074</v>
      </c>
      <c r="J1590" s="2" t="s">
        <v>27075</v>
      </c>
      <c r="K1590" s="5" t="s">
        <v>27074</v>
      </c>
      <c r="L1590" s="2" t="s">
        <v>27075</v>
      </c>
      <c r="M1590" s="5" t="s">
        <v>24254</v>
      </c>
      <c r="N1590" s="5" t="s">
        <v>38</v>
      </c>
      <c r="O1590" s="5" t="s">
        <v>39</v>
      </c>
      <c r="P1590" s="5" t="s">
        <v>40</v>
      </c>
      <c r="Q1590" s="5" t="s">
        <v>25301</v>
      </c>
      <c r="R1590" s="5" t="s">
        <v>40</v>
      </c>
      <c r="S1590" s="5" t="s">
        <v>42</v>
      </c>
      <c r="T1590" s="2">
        <v>11.438000000000001</v>
      </c>
      <c r="U1590" s="2">
        <v>9.4969999999999999</v>
      </c>
      <c r="V1590" s="2">
        <v>0.129</v>
      </c>
      <c r="W1590" s="2">
        <v>12</v>
      </c>
      <c r="X1590" s="2">
        <v>62</v>
      </c>
      <c r="Y1590" s="2">
        <v>172.9</v>
      </c>
      <c r="Z1590" s="5">
        <v>10</v>
      </c>
      <c r="AA1590" s="5" t="s">
        <v>43</v>
      </c>
      <c r="AB1590" s="5" t="s">
        <v>44</v>
      </c>
      <c r="AC1590" s="2" t="s">
        <v>30038</v>
      </c>
      <c r="AD1590" s="1"/>
    </row>
    <row r="1591" spans="1:30">
      <c r="A1591" s="5" t="s">
        <v>83578</v>
      </c>
      <c r="B1591" s="2" t="s">
        <v>88369</v>
      </c>
      <c r="C1591" s="14" t="s">
        <v>88370</v>
      </c>
      <c r="D1591" s="2" t="s">
        <v>88371</v>
      </c>
      <c r="E1591" s="2"/>
      <c r="F1591" s="8">
        <v>409</v>
      </c>
      <c r="G1591" s="5">
        <v>25</v>
      </c>
      <c r="H1591" s="5" t="s">
        <v>69</v>
      </c>
      <c r="I1591" s="5" t="s">
        <v>27074</v>
      </c>
      <c r="J1591" s="2" t="s">
        <v>27075</v>
      </c>
      <c r="K1591" s="5" t="s">
        <v>27074</v>
      </c>
      <c r="L1591" s="2" t="s">
        <v>27075</v>
      </c>
      <c r="M1591" s="5" t="s">
        <v>24254</v>
      </c>
      <c r="N1591" s="5" t="s">
        <v>38</v>
      </c>
      <c r="O1591" s="5" t="s">
        <v>39</v>
      </c>
      <c r="P1591" s="5" t="s">
        <v>40</v>
      </c>
      <c r="Q1591" s="5" t="s">
        <v>25301</v>
      </c>
      <c r="R1591" s="5" t="s">
        <v>40</v>
      </c>
      <c r="S1591" s="5" t="s">
        <v>42</v>
      </c>
      <c r="T1591" s="2">
        <v>7.1920000000000002</v>
      </c>
      <c r="U1591" s="2">
        <v>5.2510000000000003</v>
      </c>
      <c r="V1591" s="2">
        <v>0.129</v>
      </c>
      <c r="W1591" s="2">
        <v>12</v>
      </c>
      <c r="X1591" s="2">
        <v>62</v>
      </c>
      <c r="Y1591" s="2">
        <v>172.9</v>
      </c>
      <c r="Z1591" s="5">
        <v>10</v>
      </c>
      <c r="AA1591" s="5" t="s">
        <v>43</v>
      </c>
      <c r="AB1591" s="5" t="s">
        <v>44</v>
      </c>
      <c r="AC1591" s="2" t="s">
        <v>87949</v>
      </c>
      <c r="AD1591" s="1"/>
    </row>
    <row r="1592" spans="1:30">
      <c r="A1592" s="5" t="s">
        <v>83578</v>
      </c>
      <c r="B1592" s="2" t="s">
        <v>88372</v>
      </c>
      <c r="C1592" s="14" t="s">
        <v>88373</v>
      </c>
      <c r="D1592" s="2" t="s">
        <v>88374</v>
      </c>
      <c r="E1592" s="2"/>
      <c r="F1592" s="8">
        <v>409</v>
      </c>
      <c r="G1592" s="5">
        <v>25</v>
      </c>
      <c r="H1592" s="5" t="s">
        <v>69</v>
      </c>
      <c r="I1592" s="5" t="s">
        <v>27074</v>
      </c>
      <c r="J1592" s="2" t="s">
        <v>27075</v>
      </c>
      <c r="K1592" s="5" t="s">
        <v>27074</v>
      </c>
      <c r="L1592" s="2" t="s">
        <v>27075</v>
      </c>
      <c r="M1592" s="5" t="s">
        <v>24254</v>
      </c>
      <c r="N1592" s="5" t="s">
        <v>38</v>
      </c>
      <c r="O1592" s="5" t="s">
        <v>39</v>
      </c>
      <c r="P1592" s="5" t="s">
        <v>40</v>
      </c>
      <c r="Q1592" s="5" t="s">
        <v>25301</v>
      </c>
      <c r="R1592" s="5" t="s">
        <v>40</v>
      </c>
      <c r="S1592" s="5" t="s">
        <v>42</v>
      </c>
      <c r="T1592" s="2">
        <v>7.9160000000000004</v>
      </c>
      <c r="U1592" s="2">
        <v>5.9749999999999996</v>
      </c>
      <c r="V1592" s="2">
        <v>0.129</v>
      </c>
      <c r="W1592" s="2">
        <v>12</v>
      </c>
      <c r="X1592" s="2">
        <v>62</v>
      </c>
      <c r="Y1592" s="2">
        <v>172.9</v>
      </c>
      <c r="Z1592" s="5">
        <v>10</v>
      </c>
      <c r="AA1592" s="5" t="s">
        <v>43</v>
      </c>
      <c r="AB1592" s="5" t="s">
        <v>44</v>
      </c>
      <c r="AC1592" s="2" t="s">
        <v>30042</v>
      </c>
      <c r="AD1592" s="1"/>
    </row>
    <row r="1593" spans="1:30">
      <c r="A1593" s="5" t="s">
        <v>83578</v>
      </c>
      <c r="B1593" s="2" t="s">
        <v>88375</v>
      </c>
      <c r="C1593" s="14" t="s">
        <v>88376</v>
      </c>
      <c r="D1593" s="2" t="s">
        <v>88377</v>
      </c>
      <c r="E1593" s="2"/>
      <c r="F1593" s="8">
        <v>409</v>
      </c>
      <c r="G1593" s="5">
        <v>25</v>
      </c>
      <c r="H1593" s="5" t="s">
        <v>69</v>
      </c>
      <c r="I1593" s="5" t="s">
        <v>27074</v>
      </c>
      <c r="J1593" s="2" t="s">
        <v>27075</v>
      </c>
      <c r="K1593" s="5" t="s">
        <v>27074</v>
      </c>
      <c r="L1593" s="2" t="s">
        <v>27075</v>
      </c>
      <c r="M1593" s="5" t="s">
        <v>24254</v>
      </c>
      <c r="N1593" s="5" t="s">
        <v>38</v>
      </c>
      <c r="O1593" s="5" t="s">
        <v>39</v>
      </c>
      <c r="P1593" s="5" t="s">
        <v>40</v>
      </c>
      <c r="Q1593" s="5" t="s">
        <v>25301</v>
      </c>
      <c r="R1593" s="5" t="s">
        <v>40</v>
      </c>
      <c r="S1593" s="5" t="s">
        <v>42</v>
      </c>
      <c r="T1593" s="2">
        <v>9.2789999999999999</v>
      </c>
      <c r="U1593" s="2">
        <v>7.3380000000000001</v>
      </c>
      <c r="V1593" s="2">
        <v>0.129</v>
      </c>
      <c r="W1593" s="2">
        <v>12</v>
      </c>
      <c r="X1593" s="2">
        <v>62</v>
      </c>
      <c r="Y1593" s="2">
        <v>172.9</v>
      </c>
      <c r="Z1593" s="5">
        <v>10</v>
      </c>
      <c r="AA1593" s="5" t="s">
        <v>43</v>
      </c>
      <c r="AB1593" s="5" t="s">
        <v>44</v>
      </c>
      <c r="AC1593" s="2" t="s">
        <v>87949</v>
      </c>
      <c r="AD1593" s="1"/>
    </row>
    <row r="1594" spans="1:30">
      <c r="A1594" s="5" t="s">
        <v>83578</v>
      </c>
      <c r="B1594" s="2" t="s">
        <v>88378</v>
      </c>
      <c r="C1594" s="14" t="s">
        <v>88379</v>
      </c>
      <c r="D1594" s="2" t="s">
        <v>88380</v>
      </c>
      <c r="E1594" s="2"/>
      <c r="F1594" s="8">
        <v>409</v>
      </c>
      <c r="G1594" s="5">
        <v>25</v>
      </c>
      <c r="H1594" s="5" t="s">
        <v>69</v>
      </c>
      <c r="I1594" s="5" t="s">
        <v>27074</v>
      </c>
      <c r="J1594" s="2" t="s">
        <v>27075</v>
      </c>
      <c r="K1594" s="5" t="s">
        <v>27074</v>
      </c>
      <c r="L1594" s="2" t="s">
        <v>27075</v>
      </c>
      <c r="M1594" s="5" t="s">
        <v>24254</v>
      </c>
      <c r="N1594" s="5" t="s">
        <v>38</v>
      </c>
      <c r="O1594" s="5" t="s">
        <v>39</v>
      </c>
      <c r="P1594" s="5" t="s">
        <v>40</v>
      </c>
      <c r="Q1594" s="5" t="s">
        <v>25301</v>
      </c>
      <c r="R1594" s="5" t="s">
        <v>40</v>
      </c>
      <c r="S1594" s="5" t="s">
        <v>42</v>
      </c>
      <c r="T1594" s="2">
        <v>10.087</v>
      </c>
      <c r="U1594" s="2">
        <v>8.1460000000000008</v>
      </c>
      <c r="V1594" s="2">
        <v>0.129</v>
      </c>
      <c r="W1594" s="2">
        <v>12</v>
      </c>
      <c r="X1594" s="2">
        <v>62</v>
      </c>
      <c r="Y1594" s="2">
        <v>172.9</v>
      </c>
      <c r="Z1594" s="5">
        <v>10</v>
      </c>
      <c r="AA1594" s="5" t="s">
        <v>43</v>
      </c>
      <c r="AB1594" s="5" t="s">
        <v>44</v>
      </c>
      <c r="AC1594" s="2" t="s">
        <v>30042</v>
      </c>
      <c r="AD1594" s="1"/>
    </row>
    <row r="1595" spans="1:30">
      <c r="A1595" s="5" t="s">
        <v>83578</v>
      </c>
      <c r="B1595" s="2" t="s">
        <v>88381</v>
      </c>
      <c r="C1595" s="14" t="s">
        <v>88382</v>
      </c>
      <c r="D1595" s="2" t="s">
        <v>88383</v>
      </c>
      <c r="E1595" s="2" t="s">
        <v>87894</v>
      </c>
      <c r="F1595" s="8">
        <v>360</v>
      </c>
      <c r="G1595" s="5">
        <v>5</v>
      </c>
      <c r="H1595" s="5" t="s">
        <v>69</v>
      </c>
      <c r="I1595" s="5" t="s">
        <v>27074</v>
      </c>
      <c r="J1595" s="2" t="s">
        <v>27075</v>
      </c>
      <c r="K1595" s="5" t="s">
        <v>27074</v>
      </c>
      <c r="L1595" s="2" t="s">
        <v>27075</v>
      </c>
      <c r="M1595" s="5" t="s">
        <v>24254</v>
      </c>
      <c r="N1595" s="5" t="s">
        <v>38</v>
      </c>
      <c r="O1595" s="5" t="s">
        <v>39</v>
      </c>
      <c r="P1595" s="5" t="s">
        <v>40</v>
      </c>
      <c r="Q1595" s="5" t="s">
        <v>1487</v>
      </c>
      <c r="R1595" s="5"/>
      <c r="S1595" s="5" t="s">
        <v>42</v>
      </c>
      <c r="T1595" s="2">
        <v>0</v>
      </c>
      <c r="U1595" s="2">
        <v>0</v>
      </c>
      <c r="V1595" s="2">
        <v>0</v>
      </c>
      <c r="W1595" s="2">
        <v>0</v>
      </c>
      <c r="X1595" s="2">
        <v>0</v>
      </c>
      <c r="Y1595" s="2">
        <v>0</v>
      </c>
      <c r="Z1595" s="5"/>
      <c r="AA1595" s="5" t="s">
        <v>43</v>
      </c>
      <c r="AB1595" s="5" t="s">
        <v>44</v>
      </c>
      <c r="AC1595" s="2" t="s">
        <v>87895</v>
      </c>
      <c r="AD1595" s="1"/>
    </row>
    <row r="1596" spans="1:30">
      <c r="A1596" s="5" t="s">
        <v>83578</v>
      </c>
      <c r="B1596" s="2" t="s">
        <v>88384</v>
      </c>
      <c r="C1596" s="14" t="s">
        <v>88385</v>
      </c>
      <c r="D1596" s="2" t="s">
        <v>88386</v>
      </c>
      <c r="E1596" s="2" t="s">
        <v>87894</v>
      </c>
      <c r="F1596" s="8">
        <v>360</v>
      </c>
      <c r="G1596" s="5">
        <v>5</v>
      </c>
      <c r="H1596" s="5" t="s">
        <v>69</v>
      </c>
      <c r="I1596" s="5" t="s">
        <v>27074</v>
      </c>
      <c r="J1596" s="2" t="s">
        <v>27075</v>
      </c>
      <c r="K1596" s="5" t="s">
        <v>27074</v>
      </c>
      <c r="L1596" s="2" t="s">
        <v>27075</v>
      </c>
      <c r="M1596" s="5" t="s">
        <v>24254</v>
      </c>
      <c r="N1596" s="5" t="s">
        <v>38</v>
      </c>
      <c r="O1596" s="5" t="s">
        <v>39</v>
      </c>
      <c r="P1596" s="5" t="s">
        <v>40</v>
      </c>
      <c r="Q1596" s="5" t="s">
        <v>1487</v>
      </c>
      <c r="R1596" s="5"/>
      <c r="S1596" s="5" t="s">
        <v>42</v>
      </c>
      <c r="T1596" s="2">
        <v>0</v>
      </c>
      <c r="U1596" s="2">
        <v>0</v>
      </c>
      <c r="V1596" s="2">
        <v>0</v>
      </c>
      <c r="W1596" s="2">
        <v>0</v>
      </c>
      <c r="X1596" s="2">
        <v>0</v>
      </c>
      <c r="Y1596" s="2">
        <v>0</v>
      </c>
      <c r="Z1596" s="5"/>
      <c r="AA1596" s="5" t="s">
        <v>43</v>
      </c>
      <c r="AB1596" s="5" t="s">
        <v>44</v>
      </c>
      <c r="AC1596" s="2" t="s">
        <v>87899</v>
      </c>
      <c r="AD1596" s="1"/>
    </row>
    <row r="1597" spans="1:30">
      <c r="A1597" s="5" t="s">
        <v>83578</v>
      </c>
      <c r="B1597" s="2" t="s">
        <v>88387</v>
      </c>
      <c r="C1597" s="14" t="s">
        <v>88388</v>
      </c>
      <c r="D1597" s="2" t="s">
        <v>88389</v>
      </c>
      <c r="E1597" s="2" t="s">
        <v>87894</v>
      </c>
      <c r="F1597" s="8">
        <v>360</v>
      </c>
      <c r="G1597" s="5">
        <v>5</v>
      </c>
      <c r="H1597" s="5" t="s">
        <v>69</v>
      </c>
      <c r="I1597" s="5" t="s">
        <v>27074</v>
      </c>
      <c r="J1597" s="2" t="s">
        <v>27075</v>
      </c>
      <c r="K1597" s="5" t="s">
        <v>27074</v>
      </c>
      <c r="L1597" s="2" t="s">
        <v>27075</v>
      </c>
      <c r="M1597" s="5" t="s">
        <v>24254</v>
      </c>
      <c r="N1597" s="5" t="s">
        <v>38</v>
      </c>
      <c r="O1597" s="5" t="s">
        <v>39</v>
      </c>
      <c r="P1597" s="5" t="s">
        <v>40</v>
      </c>
      <c r="Q1597" s="5" t="s">
        <v>1487</v>
      </c>
      <c r="R1597" s="5"/>
      <c r="S1597" s="5" t="s">
        <v>42</v>
      </c>
      <c r="T1597" s="2">
        <v>0</v>
      </c>
      <c r="U1597" s="2">
        <v>0</v>
      </c>
      <c r="V1597" s="2">
        <v>0</v>
      </c>
      <c r="W1597" s="2">
        <v>0</v>
      </c>
      <c r="X1597" s="2">
        <v>0</v>
      </c>
      <c r="Y1597" s="2">
        <v>0</v>
      </c>
      <c r="Z1597" s="5"/>
      <c r="AA1597" s="5" t="s">
        <v>43</v>
      </c>
      <c r="AB1597" s="5" t="s">
        <v>44</v>
      </c>
      <c r="AC1597" s="2" t="s">
        <v>87903</v>
      </c>
      <c r="AD1597" s="1"/>
    </row>
    <row r="1598" spans="1:30">
      <c r="A1598" s="5" t="s">
        <v>83578</v>
      </c>
      <c r="B1598" s="2" t="s">
        <v>88390</v>
      </c>
      <c r="C1598" s="14" t="s">
        <v>88391</v>
      </c>
      <c r="D1598" s="2" t="s">
        <v>88392</v>
      </c>
      <c r="E1598" s="2" t="s">
        <v>87894</v>
      </c>
      <c r="F1598" s="8">
        <v>360</v>
      </c>
      <c r="G1598" s="5">
        <v>5</v>
      </c>
      <c r="H1598" s="5" t="s">
        <v>69</v>
      </c>
      <c r="I1598" s="5" t="s">
        <v>27074</v>
      </c>
      <c r="J1598" s="2" t="s">
        <v>27075</v>
      </c>
      <c r="K1598" s="5" t="s">
        <v>27074</v>
      </c>
      <c r="L1598" s="2" t="s">
        <v>27075</v>
      </c>
      <c r="M1598" s="5" t="s">
        <v>24254</v>
      </c>
      <c r="N1598" s="5" t="s">
        <v>38</v>
      </c>
      <c r="O1598" s="5" t="s">
        <v>39</v>
      </c>
      <c r="P1598" s="5" t="s">
        <v>40</v>
      </c>
      <c r="Q1598" s="5" t="s">
        <v>1487</v>
      </c>
      <c r="R1598" s="5"/>
      <c r="S1598" s="5" t="s">
        <v>42</v>
      </c>
      <c r="T1598" s="2">
        <v>0</v>
      </c>
      <c r="U1598" s="2">
        <v>0</v>
      </c>
      <c r="V1598" s="2">
        <v>0</v>
      </c>
      <c r="W1598" s="2">
        <v>0</v>
      </c>
      <c r="X1598" s="2">
        <v>0</v>
      </c>
      <c r="Y1598" s="2">
        <v>0</v>
      </c>
      <c r="Z1598" s="5"/>
      <c r="AA1598" s="5" t="s">
        <v>43</v>
      </c>
      <c r="AB1598" s="5" t="s">
        <v>44</v>
      </c>
      <c r="AC1598" s="2" t="s">
        <v>88043</v>
      </c>
      <c r="AD1598" s="1"/>
    </row>
    <row r="1599" spans="1:30">
      <c r="A1599" s="5" t="s">
        <v>83578</v>
      </c>
      <c r="B1599" s="2" t="s">
        <v>88393</v>
      </c>
      <c r="C1599" s="14" t="s">
        <v>88394</v>
      </c>
      <c r="D1599" s="2" t="s">
        <v>88395</v>
      </c>
      <c r="E1599" s="2"/>
      <c r="F1599" s="8">
        <v>422</v>
      </c>
      <c r="G1599" s="5">
        <v>25</v>
      </c>
      <c r="H1599" s="5" t="s">
        <v>69</v>
      </c>
      <c r="I1599" s="5" t="s">
        <v>27074</v>
      </c>
      <c r="J1599" s="2" t="s">
        <v>27075</v>
      </c>
      <c r="K1599" s="5" t="s">
        <v>27074</v>
      </c>
      <c r="L1599" s="2" t="s">
        <v>27075</v>
      </c>
      <c r="M1599" s="5" t="s">
        <v>24254</v>
      </c>
      <c r="N1599" s="5" t="s">
        <v>38</v>
      </c>
      <c r="O1599" s="5" t="s">
        <v>39</v>
      </c>
      <c r="P1599" s="5" t="s">
        <v>40</v>
      </c>
      <c r="Q1599" s="5" t="s">
        <v>24340</v>
      </c>
      <c r="R1599" s="5" t="s">
        <v>40</v>
      </c>
      <c r="S1599" s="5" t="s">
        <v>42</v>
      </c>
      <c r="T1599" s="2">
        <v>17.911999999999999</v>
      </c>
      <c r="U1599" s="2">
        <v>15.16</v>
      </c>
      <c r="V1599" s="2">
        <v>0.129</v>
      </c>
      <c r="W1599" s="2">
        <v>12</v>
      </c>
      <c r="X1599" s="2">
        <v>62</v>
      </c>
      <c r="Y1599" s="2">
        <v>172.9</v>
      </c>
      <c r="Z1599" s="5">
        <v>8</v>
      </c>
      <c r="AA1599" s="5" t="s">
        <v>43</v>
      </c>
      <c r="AB1599" s="5" t="s">
        <v>44</v>
      </c>
      <c r="AC1599" s="2" t="s">
        <v>29641</v>
      </c>
      <c r="AD1599" s="1"/>
    </row>
    <row r="1600" spans="1:30">
      <c r="A1600" s="5" t="s">
        <v>83578</v>
      </c>
      <c r="B1600" s="2" t="s">
        <v>88396</v>
      </c>
      <c r="C1600" s="14" t="s">
        <v>88397</v>
      </c>
      <c r="D1600" s="2" t="s">
        <v>88398</v>
      </c>
      <c r="E1600" s="2"/>
      <c r="F1600" s="8">
        <v>422</v>
      </c>
      <c r="G1600" s="5">
        <v>25</v>
      </c>
      <c r="H1600" s="5" t="s">
        <v>69</v>
      </c>
      <c r="I1600" s="5" t="s">
        <v>27074</v>
      </c>
      <c r="J1600" s="2" t="s">
        <v>27075</v>
      </c>
      <c r="K1600" s="5" t="s">
        <v>27074</v>
      </c>
      <c r="L1600" s="2" t="s">
        <v>27075</v>
      </c>
      <c r="M1600" s="5" t="s">
        <v>24254</v>
      </c>
      <c r="N1600" s="5" t="s">
        <v>38</v>
      </c>
      <c r="O1600" s="5" t="s">
        <v>39</v>
      </c>
      <c r="P1600" s="5" t="s">
        <v>40</v>
      </c>
      <c r="Q1600" s="5" t="s">
        <v>24340</v>
      </c>
      <c r="R1600" s="5" t="s">
        <v>40</v>
      </c>
      <c r="S1600" s="5" t="s">
        <v>42</v>
      </c>
      <c r="T1600" s="2">
        <v>13.93</v>
      </c>
      <c r="U1600" s="2">
        <v>11.212</v>
      </c>
      <c r="V1600" s="2">
        <v>0.14899999999999999</v>
      </c>
      <c r="W1600" s="2">
        <v>12</v>
      </c>
      <c r="X1600" s="2">
        <v>62</v>
      </c>
      <c r="Y1600" s="2">
        <v>199.7</v>
      </c>
      <c r="Z1600" s="5">
        <v>10</v>
      </c>
      <c r="AA1600" s="5" t="s">
        <v>43</v>
      </c>
      <c r="AB1600" s="5" t="s">
        <v>44</v>
      </c>
      <c r="AC1600" s="2" t="s">
        <v>87916</v>
      </c>
      <c r="AD1600" s="1"/>
    </row>
    <row r="1601" spans="1:30">
      <c r="A1601" s="5" t="s">
        <v>83578</v>
      </c>
      <c r="B1601" s="2" t="s">
        <v>88399</v>
      </c>
      <c r="C1601" s="14" t="s">
        <v>88400</v>
      </c>
      <c r="D1601" s="2" t="s">
        <v>88401</v>
      </c>
      <c r="E1601" s="2"/>
      <c r="F1601" s="8">
        <v>422</v>
      </c>
      <c r="G1601" s="5">
        <v>25</v>
      </c>
      <c r="H1601" s="5" t="s">
        <v>69</v>
      </c>
      <c r="I1601" s="5" t="s">
        <v>27074</v>
      </c>
      <c r="J1601" s="2" t="s">
        <v>27075</v>
      </c>
      <c r="K1601" s="5" t="s">
        <v>27074</v>
      </c>
      <c r="L1601" s="2" t="s">
        <v>27075</v>
      </c>
      <c r="M1601" s="5" t="s">
        <v>24254</v>
      </c>
      <c r="N1601" s="5" t="s">
        <v>38</v>
      </c>
      <c r="O1601" s="5" t="s">
        <v>39</v>
      </c>
      <c r="P1601" s="5" t="s">
        <v>40</v>
      </c>
      <c r="Q1601" s="5" t="s">
        <v>24340</v>
      </c>
      <c r="R1601" s="5" t="s">
        <v>40</v>
      </c>
      <c r="S1601" s="5" t="s">
        <v>42</v>
      </c>
      <c r="T1601" s="2">
        <v>14.826000000000001</v>
      </c>
      <c r="U1601" s="2">
        <v>12.108000000000001</v>
      </c>
      <c r="V1601" s="2">
        <v>0.14899999999999999</v>
      </c>
      <c r="W1601" s="2">
        <v>12</v>
      </c>
      <c r="X1601" s="2">
        <v>62</v>
      </c>
      <c r="Y1601" s="2">
        <v>199.7</v>
      </c>
      <c r="Z1601" s="5">
        <v>10</v>
      </c>
      <c r="AA1601" s="5" t="s">
        <v>43</v>
      </c>
      <c r="AB1601" s="5" t="s">
        <v>44</v>
      </c>
      <c r="AC1601" s="2" t="s">
        <v>87920</v>
      </c>
      <c r="AD1601" s="1"/>
    </row>
    <row r="1602" spans="1:30">
      <c r="A1602" s="5" t="s">
        <v>83578</v>
      </c>
      <c r="B1602" s="2" t="s">
        <v>88402</v>
      </c>
      <c r="C1602" s="14" t="s">
        <v>88403</v>
      </c>
      <c r="D1602" s="2" t="s">
        <v>88404</v>
      </c>
      <c r="E1602" s="2"/>
      <c r="F1602" s="8">
        <v>422</v>
      </c>
      <c r="G1602" s="5">
        <v>25</v>
      </c>
      <c r="H1602" s="5" t="s">
        <v>69</v>
      </c>
      <c r="I1602" s="5" t="s">
        <v>27074</v>
      </c>
      <c r="J1602" s="2" t="s">
        <v>27075</v>
      </c>
      <c r="K1602" s="5" t="s">
        <v>27074</v>
      </c>
      <c r="L1602" s="2" t="s">
        <v>27075</v>
      </c>
      <c r="M1602" s="5" t="s">
        <v>24254</v>
      </c>
      <c r="N1602" s="5" t="s">
        <v>38</v>
      </c>
      <c r="O1602" s="5" t="s">
        <v>39</v>
      </c>
      <c r="P1602" s="5" t="s">
        <v>40</v>
      </c>
      <c r="Q1602" s="5" t="s">
        <v>24340</v>
      </c>
      <c r="R1602" s="5" t="s">
        <v>40</v>
      </c>
      <c r="S1602" s="5" t="s">
        <v>42</v>
      </c>
      <c r="T1602" s="2">
        <v>8.202</v>
      </c>
      <c r="U1602" s="2">
        <v>6.2610000000000001</v>
      </c>
      <c r="V1602" s="2">
        <v>0.129</v>
      </c>
      <c r="W1602" s="2">
        <v>12</v>
      </c>
      <c r="X1602" s="2">
        <v>62</v>
      </c>
      <c r="Y1602" s="2">
        <v>172.9</v>
      </c>
      <c r="Z1602" s="5">
        <v>10</v>
      </c>
      <c r="AA1602" s="5" t="s">
        <v>43</v>
      </c>
      <c r="AB1602" s="5" t="s">
        <v>44</v>
      </c>
      <c r="AC1602" s="2" t="s">
        <v>29648</v>
      </c>
      <c r="AD1602" s="1"/>
    </row>
    <row r="1603" spans="1:30">
      <c r="A1603" s="5" t="s">
        <v>83578</v>
      </c>
      <c r="B1603" s="2" t="s">
        <v>88405</v>
      </c>
      <c r="C1603" s="14" t="s">
        <v>88406</v>
      </c>
      <c r="D1603" s="2" t="s">
        <v>88407</v>
      </c>
      <c r="E1603" s="2"/>
      <c r="F1603" s="8">
        <v>422</v>
      </c>
      <c r="G1603" s="5">
        <v>25</v>
      </c>
      <c r="H1603" s="5" t="s">
        <v>69</v>
      </c>
      <c r="I1603" s="5" t="s">
        <v>27074</v>
      </c>
      <c r="J1603" s="2" t="s">
        <v>27075</v>
      </c>
      <c r="K1603" s="5" t="s">
        <v>27074</v>
      </c>
      <c r="L1603" s="2" t="s">
        <v>27075</v>
      </c>
      <c r="M1603" s="5" t="s">
        <v>24254</v>
      </c>
      <c r="N1603" s="5" t="s">
        <v>38</v>
      </c>
      <c r="O1603" s="5" t="s">
        <v>39</v>
      </c>
      <c r="P1603" s="5" t="s">
        <v>40</v>
      </c>
      <c r="Q1603" s="5" t="s">
        <v>24340</v>
      </c>
      <c r="R1603" s="5" t="s">
        <v>40</v>
      </c>
      <c r="S1603" s="5" t="s">
        <v>42</v>
      </c>
      <c r="T1603" s="2">
        <v>9.1010000000000009</v>
      </c>
      <c r="U1603" s="2">
        <v>7.16</v>
      </c>
      <c r="V1603" s="2">
        <v>0.129</v>
      </c>
      <c r="W1603" s="2">
        <v>12</v>
      </c>
      <c r="X1603" s="2">
        <v>62</v>
      </c>
      <c r="Y1603" s="2">
        <v>172.9</v>
      </c>
      <c r="Z1603" s="5">
        <v>10</v>
      </c>
      <c r="AA1603" s="5" t="s">
        <v>43</v>
      </c>
      <c r="AB1603" s="5" t="s">
        <v>44</v>
      </c>
      <c r="AC1603" s="2" t="s">
        <v>29923</v>
      </c>
      <c r="AD1603" s="1"/>
    </row>
    <row r="1604" spans="1:30">
      <c r="A1604" s="5" t="s">
        <v>83578</v>
      </c>
      <c r="B1604" s="2" t="s">
        <v>88408</v>
      </c>
      <c r="C1604" s="14" t="s">
        <v>88409</v>
      </c>
      <c r="D1604" s="2" t="s">
        <v>88410</v>
      </c>
      <c r="E1604" s="2"/>
      <c r="F1604" s="8">
        <v>422</v>
      </c>
      <c r="G1604" s="5">
        <v>25</v>
      </c>
      <c r="H1604" s="5" t="s">
        <v>69</v>
      </c>
      <c r="I1604" s="5" t="s">
        <v>27074</v>
      </c>
      <c r="J1604" s="2" t="s">
        <v>27075</v>
      </c>
      <c r="K1604" s="5" t="s">
        <v>27074</v>
      </c>
      <c r="L1604" s="2" t="s">
        <v>27075</v>
      </c>
      <c r="M1604" s="5" t="s">
        <v>24254</v>
      </c>
      <c r="N1604" s="5" t="s">
        <v>38</v>
      </c>
      <c r="O1604" s="5" t="s">
        <v>39</v>
      </c>
      <c r="P1604" s="5" t="s">
        <v>40</v>
      </c>
      <c r="Q1604" s="5" t="s">
        <v>24340</v>
      </c>
      <c r="R1604" s="5" t="s">
        <v>40</v>
      </c>
      <c r="S1604" s="5" t="s">
        <v>42</v>
      </c>
      <c r="T1604" s="2">
        <v>11.119</v>
      </c>
      <c r="U1604" s="2">
        <v>9.1780000000000008</v>
      </c>
      <c r="V1604" s="2">
        <v>0.129</v>
      </c>
      <c r="W1604" s="2">
        <v>12</v>
      </c>
      <c r="X1604" s="2">
        <v>62</v>
      </c>
      <c r="Y1604" s="2">
        <v>172.9</v>
      </c>
      <c r="Z1604" s="5">
        <v>10</v>
      </c>
      <c r="AA1604" s="5" t="s">
        <v>43</v>
      </c>
      <c r="AB1604" s="5" t="s">
        <v>44</v>
      </c>
      <c r="AC1604" s="2" t="s">
        <v>29648</v>
      </c>
      <c r="AD1604" s="1"/>
    </row>
    <row r="1605" spans="1:30">
      <c r="A1605" s="5" t="s">
        <v>83578</v>
      </c>
      <c r="B1605" s="2" t="s">
        <v>88411</v>
      </c>
      <c r="C1605" s="14" t="s">
        <v>88412</v>
      </c>
      <c r="D1605" s="2" t="s">
        <v>88413</v>
      </c>
      <c r="E1605" s="2"/>
      <c r="F1605" s="8">
        <v>422</v>
      </c>
      <c r="G1605" s="5">
        <v>25</v>
      </c>
      <c r="H1605" s="5" t="s">
        <v>69</v>
      </c>
      <c r="I1605" s="5" t="s">
        <v>27074</v>
      </c>
      <c r="J1605" s="2" t="s">
        <v>27075</v>
      </c>
      <c r="K1605" s="5" t="s">
        <v>27074</v>
      </c>
      <c r="L1605" s="2" t="s">
        <v>27075</v>
      </c>
      <c r="M1605" s="5" t="s">
        <v>24254</v>
      </c>
      <c r="N1605" s="5" t="s">
        <v>38</v>
      </c>
      <c r="O1605" s="5" t="s">
        <v>39</v>
      </c>
      <c r="P1605" s="5" t="s">
        <v>40</v>
      </c>
      <c r="Q1605" s="5" t="s">
        <v>24340</v>
      </c>
      <c r="R1605" s="5" t="s">
        <v>40</v>
      </c>
      <c r="S1605" s="5" t="s">
        <v>42</v>
      </c>
      <c r="T1605" s="2">
        <v>12.119</v>
      </c>
      <c r="U1605" s="2">
        <v>10.178000000000001</v>
      </c>
      <c r="V1605" s="2">
        <v>0.129</v>
      </c>
      <c r="W1605" s="2">
        <v>12</v>
      </c>
      <c r="X1605" s="2">
        <v>62</v>
      </c>
      <c r="Y1605" s="2">
        <v>172.9</v>
      </c>
      <c r="Z1605" s="5">
        <v>10</v>
      </c>
      <c r="AA1605" s="5" t="s">
        <v>43</v>
      </c>
      <c r="AB1605" s="5" t="s">
        <v>44</v>
      </c>
      <c r="AC1605" s="2" t="s">
        <v>29923</v>
      </c>
      <c r="AD1605" s="1"/>
    </row>
    <row r="1606" spans="1:30">
      <c r="A1606" s="5" t="s">
        <v>83578</v>
      </c>
      <c r="B1606" s="2" t="s">
        <v>88414</v>
      </c>
      <c r="C1606" s="14" t="s">
        <v>88415</v>
      </c>
      <c r="D1606" s="2" t="s">
        <v>88416</v>
      </c>
      <c r="E1606" s="2"/>
      <c r="F1606" s="8">
        <v>422</v>
      </c>
      <c r="G1606" s="5">
        <v>25</v>
      </c>
      <c r="H1606" s="5" t="s">
        <v>69</v>
      </c>
      <c r="I1606" s="5" t="s">
        <v>27074</v>
      </c>
      <c r="J1606" s="2" t="s">
        <v>27075</v>
      </c>
      <c r="K1606" s="5" t="s">
        <v>27074</v>
      </c>
      <c r="L1606" s="2" t="s">
        <v>27075</v>
      </c>
      <c r="M1606" s="5" t="s">
        <v>24254</v>
      </c>
      <c r="N1606" s="5" t="s">
        <v>38</v>
      </c>
      <c r="O1606" s="5" t="s">
        <v>39</v>
      </c>
      <c r="P1606" s="5" t="s">
        <v>40</v>
      </c>
      <c r="Q1606" s="5" t="s">
        <v>25301</v>
      </c>
      <c r="R1606" s="5" t="s">
        <v>40</v>
      </c>
      <c r="S1606" s="5" t="s">
        <v>42</v>
      </c>
      <c r="T1606" s="2">
        <v>16.494</v>
      </c>
      <c r="U1606" s="2">
        <v>13.742000000000001</v>
      </c>
      <c r="V1606" s="2">
        <v>0.129</v>
      </c>
      <c r="W1606" s="2">
        <v>12</v>
      </c>
      <c r="X1606" s="2">
        <v>62</v>
      </c>
      <c r="Y1606" s="2">
        <v>172.9</v>
      </c>
      <c r="Z1606" s="5">
        <v>8</v>
      </c>
      <c r="AA1606" s="5" t="s">
        <v>43</v>
      </c>
      <c r="AB1606" s="5" t="s">
        <v>44</v>
      </c>
      <c r="AC1606" s="2" t="s">
        <v>29820</v>
      </c>
      <c r="AD1606" s="1"/>
    </row>
    <row r="1607" spans="1:30">
      <c r="A1607" s="5" t="s">
        <v>83578</v>
      </c>
      <c r="B1607" s="2" t="s">
        <v>88417</v>
      </c>
      <c r="C1607" s="14" t="s">
        <v>88418</v>
      </c>
      <c r="D1607" s="2" t="s">
        <v>88419</v>
      </c>
      <c r="E1607" s="2"/>
      <c r="F1607" s="8">
        <v>422</v>
      </c>
      <c r="G1607" s="5">
        <v>25</v>
      </c>
      <c r="H1607" s="5" t="s">
        <v>69</v>
      </c>
      <c r="I1607" s="5" t="s">
        <v>27074</v>
      </c>
      <c r="J1607" s="2" t="s">
        <v>27075</v>
      </c>
      <c r="K1607" s="5" t="s">
        <v>27074</v>
      </c>
      <c r="L1607" s="2" t="s">
        <v>27075</v>
      </c>
      <c r="M1607" s="5" t="s">
        <v>24254</v>
      </c>
      <c r="N1607" s="5" t="s">
        <v>38</v>
      </c>
      <c r="O1607" s="5" t="s">
        <v>39</v>
      </c>
      <c r="P1607" s="5" t="s">
        <v>40</v>
      </c>
      <c r="Q1607" s="5" t="s">
        <v>25301</v>
      </c>
      <c r="R1607" s="5" t="s">
        <v>40</v>
      </c>
      <c r="S1607" s="5" t="s">
        <v>42</v>
      </c>
      <c r="T1607" s="2">
        <v>12.513999999999999</v>
      </c>
      <c r="U1607" s="2">
        <v>9.7959999999999994</v>
      </c>
      <c r="V1607" s="2">
        <v>0.14899999999999999</v>
      </c>
      <c r="W1607" s="2">
        <v>12</v>
      </c>
      <c r="X1607" s="2">
        <v>62</v>
      </c>
      <c r="Y1607" s="2">
        <v>199.7</v>
      </c>
      <c r="Z1607" s="5">
        <v>10</v>
      </c>
      <c r="AA1607" s="5" t="s">
        <v>43</v>
      </c>
      <c r="AB1607" s="5" t="s">
        <v>44</v>
      </c>
      <c r="AC1607" s="2" t="s">
        <v>87942</v>
      </c>
      <c r="AD1607" s="1"/>
    </row>
    <row r="1608" spans="1:30">
      <c r="A1608" s="5" t="s">
        <v>83578</v>
      </c>
      <c r="B1608" s="2" t="s">
        <v>88420</v>
      </c>
      <c r="C1608" s="14" t="s">
        <v>88421</v>
      </c>
      <c r="D1608" s="2" t="s">
        <v>88422</v>
      </c>
      <c r="E1608" s="2"/>
      <c r="F1608" s="8">
        <v>422</v>
      </c>
      <c r="G1608" s="5">
        <v>25</v>
      </c>
      <c r="H1608" s="5" t="s">
        <v>69</v>
      </c>
      <c r="I1608" s="5" t="s">
        <v>27074</v>
      </c>
      <c r="J1608" s="2" t="s">
        <v>27075</v>
      </c>
      <c r="K1608" s="5" t="s">
        <v>27074</v>
      </c>
      <c r="L1608" s="2" t="s">
        <v>27075</v>
      </c>
      <c r="M1608" s="5" t="s">
        <v>24254</v>
      </c>
      <c r="N1608" s="5" t="s">
        <v>38</v>
      </c>
      <c r="O1608" s="5" t="s">
        <v>39</v>
      </c>
      <c r="P1608" s="5" t="s">
        <v>40</v>
      </c>
      <c r="Q1608" s="5" t="s">
        <v>25301</v>
      </c>
      <c r="R1608" s="5" t="s">
        <v>40</v>
      </c>
      <c r="S1608" s="5" t="s">
        <v>42</v>
      </c>
      <c r="T1608" s="2">
        <v>7.65</v>
      </c>
      <c r="U1608" s="2">
        <v>5.7089999999999996</v>
      </c>
      <c r="V1608" s="2">
        <v>0.129</v>
      </c>
      <c r="W1608" s="2">
        <v>12</v>
      </c>
      <c r="X1608" s="2">
        <v>62</v>
      </c>
      <c r="Y1608" s="2">
        <v>172.9</v>
      </c>
      <c r="Z1608" s="5">
        <v>10</v>
      </c>
      <c r="AA1608" s="5" t="s">
        <v>43</v>
      </c>
      <c r="AB1608" s="5" t="s">
        <v>44</v>
      </c>
      <c r="AC1608" s="2" t="s">
        <v>87949</v>
      </c>
      <c r="AD1608" s="1"/>
    </row>
    <row r="1609" spans="1:30">
      <c r="A1609" s="5" t="s">
        <v>83578</v>
      </c>
      <c r="B1609" s="2" t="s">
        <v>88423</v>
      </c>
      <c r="C1609" s="14" t="s">
        <v>88424</v>
      </c>
      <c r="D1609" s="2" t="s">
        <v>88425</v>
      </c>
      <c r="E1609" s="2"/>
      <c r="F1609" s="8">
        <v>422</v>
      </c>
      <c r="G1609" s="5">
        <v>25</v>
      </c>
      <c r="H1609" s="5" t="s">
        <v>69</v>
      </c>
      <c r="I1609" s="5" t="s">
        <v>27074</v>
      </c>
      <c r="J1609" s="2" t="s">
        <v>27075</v>
      </c>
      <c r="K1609" s="5" t="s">
        <v>27074</v>
      </c>
      <c r="L1609" s="2" t="s">
        <v>27075</v>
      </c>
      <c r="M1609" s="5" t="s">
        <v>24254</v>
      </c>
      <c r="N1609" s="5" t="s">
        <v>38</v>
      </c>
      <c r="O1609" s="5" t="s">
        <v>39</v>
      </c>
      <c r="P1609" s="5" t="s">
        <v>40</v>
      </c>
      <c r="Q1609" s="5" t="s">
        <v>25301</v>
      </c>
      <c r="R1609" s="5" t="s">
        <v>40</v>
      </c>
      <c r="S1609" s="5" t="s">
        <v>42</v>
      </c>
      <c r="T1609" s="2">
        <v>10.129</v>
      </c>
      <c r="U1609" s="2">
        <v>8.1880000000000006</v>
      </c>
      <c r="V1609" s="2">
        <v>0.129</v>
      </c>
      <c r="W1609" s="2">
        <v>12</v>
      </c>
      <c r="X1609" s="2">
        <v>62</v>
      </c>
      <c r="Y1609" s="2">
        <v>172.9</v>
      </c>
      <c r="Z1609" s="5">
        <v>10</v>
      </c>
      <c r="AA1609" s="5" t="s">
        <v>43</v>
      </c>
      <c r="AB1609" s="5" t="s">
        <v>44</v>
      </c>
      <c r="AC1609" s="2" t="s">
        <v>87949</v>
      </c>
      <c r="AD1609" s="1"/>
    </row>
    <row r="1610" spans="1:30">
      <c r="A1610" s="5" t="s">
        <v>83578</v>
      </c>
      <c r="B1610" s="2" t="s">
        <v>88426</v>
      </c>
      <c r="C1610" s="14" t="s">
        <v>88427</v>
      </c>
      <c r="D1610" s="2" t="s">
        <v>88428</v>
      </c>
      <c r="E1610" s="2" t="s">
        <v>87894</v>
      </c>
      <c r="F1610" s="8">
        <v>412</v>
      </c>
      <c r="G1610" s="5">
        <v>5</v>
      </c>
      <c r="H1610" s="5" t="s">
        <v>69</v>
      </c>
      <c r="I1610" s="5" t="s">
        <v>27074</v>
      </c>
      <c r="J1610" s="2" t="s">
        <v>27075</v>
      </c>
      <c r="K1610" s="5" t="s">
        <v>27074</v>
      </c>
      <c r="L1610" s="2" t="s">
        <v>27075</v>
      </c>
      <c r="M1610" s="5" t="s">
        <v>24254</v>
      </c>
      <c r="N1610" s="5" t="s">
        <v>38</v>
      </c>
      <c r="O1610" s="5" t="s">
        <v>39</v>
      </c>
      <c r="P1610" s="5" t="s">
        <v>40</v>
      </c>
      <c r="Q1610" s="5" t="s">
        <v>1487</v>
      </c>
      <c r="R1610" s="5"/>
      <c r="S1610" s="5" t="s">
        <v>42</v>
      </c>
      <c r="T1610" s="2">
        <v>0</v>
      </c>
      <c r="U1610" s="2">
        <v>0</v>
      </c>
      <c r="V1610" s="2">
        <v>0</v>
      </c>
      <c r="W1610" s="2">
        <v>0</v>
      </c>
      <c r="X1610" s="2">
        <v>0</v>
      </c>
      <c r="Y1610" s="2">
        <v>0</v>
      </c>
      <c r="Z1610" s="5"/>
      <c r="AA1610" s="5" t="s">
        <v>43</v>
      </c>
      <c r="AB1610" s="5" t="s">
        <v>44</v>
      </c>
      <c r="AC1610" s="2" t="s">
        <v>87895</v>
      </c>
      <c r="AD1610" s="1"/>
    </row>
    <row r="1611" spans="1:30">
      <c r="A1611" s="5" t="s">
        <v>83578</v>
      </c>
      <c r="B1611" s="2" t="s">
        <v>88429</v>
      </c>
      <c r="C1611" s="14" t="s">
        <v>88430</v>
      </c>
      <c r="D1611" s="2" t="s">
        <v>88431</v>
      </c>
      <c r="E1611" s="2" t="s">
        <v>87894</v>
      </c>
      <c r="F1611" s="8">
        <v>412</v>
      </c>
      <c r="G1611" s="5">
        <v>5</v>
      </c>
      <c r="H1611" s="5" t="s">
        <v>69</v>
      </c>
      <c r="I1611" s="5" t="s">
        <v>27074</v>
      </c>
      <c r="J1611" s="2" t="s">
        <v>27075</v>
      </c>
      <c r="K1611" s="5" t="s">
        <v>27074</v>
      </c>
      <c r="L1611" s="2" t="s">
        <v>27075</v>
      </c>
      <c r="M1611" s="5" t="s">
        <v>24254</v>
      </c>
      <c r="N1611" s="5" t="s">
        <v>38</v>
      </c>
      <c r="O1611" s="5" t="s">
        <v>39</v>
      </c>
      <c r="P1611" s="5" t="s">
        <v>40</v>
      </c>
      <c r="Q1611" s="5" t="s">
        <v>1487</v>
      </c>
      <c r="R1611" s="5"/>
      <c r="S1611" s="5" t="s">
        <v>42</v>
      </c>
      <c r="T1611" s="2">
        <v>0</v>
      </c>
      <c r="U1611" s="2">
        <v>0</v>
      </c>
      <c r="V1611" s="2">
        <v>0</v>
      </c>
      <c r="W1611" s="2">
        <v>0</v>
      </c>
      <c r="X1611" s="2">
        <v>0</v>
      </c>
      <c r="Y1611" s="2">
        <v>0</v>
      </c>
      <c r="Z1611" s="5"/>
      <c r="AA1611" s="5" t="s">
        <v>43</v>
      </c>
      <c r="AB1611" s="5" t="s">
        <v>44</v>
      </c>
      <c r="AC1611" s="2" t="s">
        <v>87899</v>
      </c>
      <c r="AD1611" s="1"/>
    </row>
    <row r="1612" spans="1:30">
      <c r="A1612" s="5" t="s">
        <v>83578</v>
      </c>
      <c r="B1612" s="2" t="s">
        <v>88432</v>
      </c>
      <c r="C1612" s="14" t="s">
        <v>88433</v>
      </c>
      <c r="D1612" s="2" t="s">
        <v>88434</v>
      </c>
      <c r="E1612" s="2" t="s">
        <v>87894</v>
      </c>
      <c r="F1612" s="8">
        <v>412</v>
      </c>
      <c r="G1612" s="5">
        <v>5</v>
      </c>
      <c r="H1612" s="5" t="s">
        <v>69</v>
      </c>
      <c r="I1612" s="5" t="s">
        <v>27074</v>
      </c>
      <c r="J1612" s="2" t="s">
        <v>27075</v>
      </c>
      <c r="K1612" s="5" t="s">
        <v>27074</v>
      </c>
      <c r="L1612" s="2" t="s">
        <v>27075</v>
      </c>
      <c r="M1612" s="5" t="s">
        <v>24254</v>
      </c>
      <c r="N1612" s="5" t="s">
        <v>38</v>
      </c>
      <c r="O1612" s="5" t="s">
        <v>39</v>
      </c>
      <c r="P1612" s="5" t="s">
        <v>40</v>
      </c>
      <c r="Q1612" s="5" t="s">
        <v>1487</v>
      </c>
      <c r="R1612" s="5"/>
      <c r="S1612" s="5" t="s">
        <v>42</v>
      </c>
      <c r="T1612" s="2">
        <v>0</v>
      </c>
      <c r="U1612" s="2">
        <v>0</v>
      </c>
      <c r="V1612" s="2">
        <v>0</v>
      </c>
      <c r="W1612" s="2">
        <v>0</v>
      </c>
      <c r="X1612" s="2">
        <v>0</v>
      </c>
      <c r="Y1612" s="2">
        <v>0</v>
      </c>
      <c r="Z1612" s="5"/>
      <c r="AA1612" s="5" t="s">
        <v>43</v>
      </c>
      <c r="AB1612" s="5" t="s">
        <v>44</v>
      </c>
      <c r="AC1612" s="2" t="s">
        <v>87903</v>
      </c>
      <c r="AD1612" s="1"/>
    </row>
    <row r="1613" spans="1:30">
      <c r="A1613" s="5" t="s">
        <v>83578</v>
      </c>
      <c r="B1613" s="2" t="s">
        <v>88435</v>
      </c>
      <c r="C1613" s="14" t="s">
        <v>88436</v>
      </c>
      <c r="D1613" s="2" t="s">
        <v>88437</v>
      </c>
      <c r="E1613" s="2" t="s">
        <v>87894</v>
      </c>
      <c r="F1613" s="8">
        <v>412</v>
      </c>
      <c r="G1613" s="5">
        <v>5</v>
      </c>
      <c r="H1613" s="5" t="s">
        <v>69</v>
      </c>
      <c r="I1613" s="5" t="s">
        <v>27074</v>
      </c>
      <c r="J1613" s="2" t="s">
        <v>27075</v>
      </c>
      <c r="K1613" s="5" t="s">
        <v>27074</v>
      </c>
      <c r="L1613" s="2" t="s">
        <v>27075</v>
      </c>
      <c r="M1613" s="5" t="s">
        <v>24254</v>
      </c>
      <c r="N1613" s="5" t="s">
        <v>38</v>
      </c>
      <c r="O1613" s="5" t="s">
        <v>39</v>
      </c>
      <c r="P1613" s="5" t="s">
        <v>40</v>
      </c>
      <c r="Q1613" s="5" t="s">
        <v>1487</v>
      </c>
      <c r="R1613" s="5"/>
      <c r="S1613" s="5" t="s">
        <v>42</v>
      </c>
      <c r="T1613" s="2">
        <v>0</v>
      </c>
      <c r="U1613" s="2">
        <v>0</v>
      </c>
      <c r="V1613" s="2">
        <v>0</v>
      </c>
      <c r="W1613" s="2">
        <v>0</v>
      </c>
      <c r="X1613" s="2">
        <v>0</v>
      </c>
      <c r="Y1613" s="2">
        <v>0</v>
      </c>
      <c r="Z1613" s="5"/>
      <c r="AA1613" s="5" t="s">
        <v>43</v>
      </c>
      <c r="AB1613" s="5" t="s">
        <v>44</v>
      </c>
      <c r="AC1613" s="2" t="s">
        <v>88043</v>
      </c>
      <c r="AD1613" s="1"/>
    </row>
    <row r="1614" spans="1:30">
      <c r="A1614" s="5" t="s">
        <v>83578</v>
      </c>
      <c r="B1614" s="2" t="s">
        <v>88438</v>
      </c>
      <c r="C1614" s="14" t="s">
        <v>88439</v>
      </c>
      <c r="D1614" s="2" t="s">
        <v>88440</v>
      </c>
      <c r="E1614" s="2"/>
      <c r="F1614" s="8">
        <v>310</v>
      </c>
      <c r="G1614" s="5">
        <v>25</v>
      </c>
      <c r="H1614" s="5" t="s">
        <v>69</v>
      </c>
      <c r="I1614" s="5" t="s">
        <v>27074</v>
      </c>
      <c r="J1614" s="2" t="s">
        <v>27075</v>
      </c>
      <c r="K1614" s="5" t="s">
        <v>27074</v>
      </c>
      <c r="L1614" s="2" t="s">
        <v>27075</v>
      </c>
      <c r="M1614" s="5" t="s">
        <v>24254</v>
      </c>
      <c r="N1614" s="5" t="s">
        <v>38</v>
      </c>
      <c r="O1614" s="5" t="s">
        <v>39</v>
      </c>
      <c r="P1614" s="5" t="s">
        <v>40</v>
      </c>
      <c r="Q1614" s="5" t="s">
        <v>24335</v>
      </c>
      <c r="R1614" s="5" t="s">
        <v>40</v>
      </c>
      <c r="S1614" s="5" t="s">
        <v>42</v>
      </c>
      <c r="T1614" s="2">
        <v>9.9280000000000008</v>
      </c>
      <c r="U1614" s="2">
        <v>7.7869999999999999</v>
      </c>
      <c r="V1614" s="2">
        <v>0.157</v>
      </c>
      <c r="W1614" s="2">
        <v>12</v>
      </c>
      <c r="X1614" s="2">
        <v>62</v>
      </c>
      <c r="Y1614" s="2">
        <v>210.9</v>
      </c>
      <c r="Z1614" s="5">
        <v>10</v>
      </c>
      <c r="AA1614" s="5" t="s">
        <v>43</v>
      </c>
      <c r="AB1614" s="5" t="s">
        <v>44</v>
      </c>
      <c r="AC1614" s="2" t="s">
        <v>29621</v>
      </c>
      <c r="AD1614" s="1"/>
    </row>
    <row r="1615" spans="1:30">
      <c r="A1615" s="5" t="s">
        <v>83578</v>
      </c>
      <c r="B1615" s="2" t="s">
        <v>88441</v>
      </c>
      <c r="C1615" s="14" t="s">
        <v>88442</v>
      </c>
      <c r="D1615" s="2" t="s">
        <v>88443</v>
      </c>
      <c r="E1615" s="2"/>
      <c r="F1615" s="8">
        <v>310</v>
      </c>
      <c r="G1615" s="5">
        <v>25</v>
      </c>
      <c r="H1615" s="5" t="s">
        <v>69</v>
      </c>
      <c r="I1615" s="5" t="s">
        <v>27074</v>
      </c>
      <c r="J1615" s="2" t="s">
        <v>27075</v>
      </c>
      <c r="K1615" s="5" t="s">
        <v>27074</v>
      </c>
      <c r="L1615" s="2" t="s">
        <v>27075</v>
      </c>
      <c r="M1615" s="5" t="s">
        <v>24254</v>
      </c>
      <c r="N1615" s="5" t="s">
        <v>38</v>
      </c>
      <c r="O1615" s="5" t="s">
        <v>39</v>
      </c>
      <c r="P1615" s="5" t="s">
        <v>40</v>
      </c>
      <c r="Q1615" s="5" t="s">
        <v>24335</v>
      </c>
      <c r="R1615" s="5" t="s">
        <v>40</v>
      </c>
      <c r="S1615" s="5" t="s">
        <v>42</v>
      </c>
      <c r="T1615" s="2">
        <v>6.0359999999999996</v>
      </c>
      <c r="U1615" s="2">
        <v>5.9269999999999996</v>
      </c>
      <c r="V1615" s="2">
        <v>0.129</v>
      </c>
      <c r="W1615" s="2">
        <v>12</v>
      </c>
      <c r="X1615" s="2">
        <v>62</v>
      </c>
      <c r="Y1615" s="2">
        <v>172.9</v>
      </c>
      <c r="Z1615" s="5">
        <v>10</v>
      </c>
      <c r="AA1615" s="5" t="s">
        <v>43</v>
      </c>
      <c r="AB1615" s="5" t="s">
        <v>44</v>
      </c>
      <c r="AC1615" s="2" t="s">
        <v>29625</v>
      </c>
      <c r="AD1615" s="1"/>
    </row>
    <row r="1616" spans="1:30">
      <c r="A1616" s="5" t="s">
        <v>83578</v>
      </c>
      <c r="B1616" s="2" t="s">
        <v>88444</v>
      </c>
      <c r="C1616" s="14" t="s">
        <v>88445</v>
      </c>
      <c r="D1616" s="2" t="s">
        <v>88446</v>
      </c>
      <c r="E1616" s="2"/>
      <c r="F1616" s="8">
        <v>461</v>
      </c>
      <c r="G1616" s="5">
        <v>25</v>
      </c>
      <c r="H1616" s="5" t="s">
        <v>69</v>
      </c>
      <c r="I1616" s="5" t="s">
        <v>27074</v>
      </c>
      <c r="J1616" s="2" t="s">
        <v>27075</v>
      </c>
      <c r="K1616" s="5" t="s">
        <v>27074</v>
      </c>
      <c r="L1616" s="2" t="s">
        <v>27075</v>
      </c>
      <c r="M1616" s="5" t="s">
        <v>24254</v>
      </c>
      <c r="N1616" s="5" t="s">
        <v>38</v>
      </c>
      <c r="O1616" s="5" t="s">
        <v>39</v>
      </c>
      <c r="P1616" s="5" t="s">
        <v>40</v>
      </c>
      <c r="Q1616" s="5" t="s">
        <v>24340</v>
      </c>
      <c r="R1616" s="5" t="s">
        <v>40</v>
      </c>
      <c r="S1616" s="5" t="s">
        <v>42</v>
      </c>
      <c r="T1616" s="2">
        <v>18.2</v>
      </c>
      <c r="U1616" s="2">
        <v>16.024999999999999</v>
      </c>
      <c r="V1616" s="2">
        <v>0.129</v>
      </c>
      <c r="W1616" s="2">
        <v>12</v>
      </c>
      <c r="X1616" s="2">
        <v>62</v>
      </c>
      <c r="Y1616" s="2">
        <v>172.9</v>
      </c>
      <c r="Z1616" s="5">
        <v>8</v>
      </c>
      <c r="AA1616" s="5" t="s">
        <v>43</v>
      </c>
      <c r="AB1616" s="5" t="s">
        <v>44</v>
      </c>
      <c r="AC1616" s="2" t="s">
        <v>29641</v>
      </c>
      <c r="AD1616" s="1"/>
    </row>
    <row r="1617" spans="1:30">
      <c r="A1617" s="5" t="s">
        <v>83578</v>
      </c>
      <c r="B1617" s="2" t="s">
        <v>88447</v>
      </c>
      <c r="C1617" s="14" t="s">
        <v>88448</v>
      </c>
      <c r="D1617" s="2" t="s">
        <v>88449</v>
      </c>
      <c r="E1617" s="2"/>
      <c r="F1617" s="8">
        <v>461</v>
      </c>
      <c r="G1617" s="5">
        <v>25</v>
      </c>
      <c r="H1617" s="5" t="s">
        <v>69</v>
      </c>
      <c r="I1617" s="5" t="s">
        <v>27074</v>
      </c>
      <c r="J1617" s="2" t="s">
        <v>27075</v>
      </c>
      <c r="K1617" s="5" t="s">
        <v>27074</v>
      </c>
      <c r="L1617" s="2" t="s">
        <v>27075</v>
      </c>
      <c r="M1617" s="5" t="s">
        <v>24254</v>
      </c>
      <c r="N1617" s="5" t="s">
        <v>38</v>
      </c>
      <c r="O1617" s="5" t="s">
        <v>39</v>
      </c>
      <c r="P1617" s="5" t="s">
        <v>40</v>
      </c>
      <c r="Q1617" s="5" t="s">
        <v>24340</v>
      </c>
      <c r="R1617" s="5" t="s">
        <v>40</v>
      </c>
      <c r="S1617" s="5" t="s">
        <v>42</v>
      </c>
      <c r="T1617" s="2">
        <v>14.401</v>
      </c>
      <c r="U1617" s="2">
        <v>12.26</v>
      </c>
      <c r="V1617" s="2">
        <v>0.157</v>
      </c>
      <c r="W1617" s="2">
        <v>12</v>
      </c>
      <c r="X1617" s="2">
        <v>62</v>
      </c>
      <c r="Y1617" s="2">
        <v>210.9</v>
      </c>
      <c r="Z1617" s="5">
        <v>10</v>
      </c>
      <c r="AA1617" s="5" t="s">
        <v>43</v>
      </c>
      <c r="AB1617" s="5" t="s">
        <v>44</v>
      </c>
      <c r="AC1617" s="2" t="s">
        <v>87916</v>
      </c>
      <c r="AD1617" s="1"/>
    </row>
    <row r="1618" spans="1:30">
      <c r="A1618" s="5" t="s">
        <v>83578</v>
      </c>
      <c r="B1618" s="2" t="s">
        <v>88450</v>
      </c>
      <c r="C1618" s="14" t="s">
        <v>88451</v>
      </c>
      <c r="D1618" s="2" t="s">
        <v>88452</v>
      </c>
      <c r="E1618" s="2"/>
      <c r="F1618" s="8">
        <v>461</v>
      </c>
      <c r="G1618" s="5">
        <v>25</v>
      </c>
      <c r="H1618" s="5" t="s">
        <v>69</v>
      </c>
      <c r="I1618" s="5" t="s">
        <v>27074</v>
      </c>
      <c r="J1618" s="2" t="s">
        <v>27075</v>
      </c>
      <c r="K1618" s="5" t="s">
        <v>27074</v>
      </c>
      <c r="L1618" s="2" t="s">
        <v>27075</v>
      </c>
      <c r="M1618" s="5" t="s">
        <v>24254</v>
      </c>
      <c r="N1618" s="5" t="s">
        <v>38</v>
      </c>
      <c r="O1618" s="5" t="s">
        <v>39</v>
      </c>
      <c r="P1618" s="5" t="s">
        <v>40</v>
      </c>
      <c r="Q1618" s="5" t="s">
        <v>24340</v>
      </c>
      <c r="R1618" s="5" t="s">
        <v>40</v>
      </c>
      <c r="S1618" s="5" t="s">
        <v>42</v>
      </c>
      <c r="T1618" s="2">
        <v>15.297000000000001</v>
      </c>
      <c r="U1618" s="2">
        <v>13.156000000000001</v>
      </c>
      <c r="V1618" s="2">
        <v>0.157</v>
      </c>
      <c r="W1618" s="2">
        <v>12</v>
      </c>
      <c r="X1618" s="2">
        <v>62</v>
      </c>
      <c r="Y1618" s="2">
        <v>210.9</v>
      </c>
      <c r="Z1618" s="5">
        <v>10</v>
      </c>
      <c r="AA1618" s="5" t="s">
        <v>43</v>
      </c>
      <c r="AB1618" s="5" t="s">
        <v>44</v>
      </c>
      <c r="AC1618" s="2" t="s">
        <v>87920</v>
      </c>
      <c r="AD1618" s="1"/>
    </row>
    <row r="1619" spans="1:30">
      <c r="A1619" s="5" t="s">
        <v>83578</v>
      </c>
      <c r="B1619" s="2" t="s">
        <v>88453</v>
      </c>
      <c r="C1619" s="14" t="s">
        <v>88454</v>
      </c>
      <c r="D1619" s="2" t="s">
        <v>88455</v>
      </c>
      <c r="E1619" s="2"/>
      <c r="F1619" s="8">
        <v>461</v>
      </c>
      <c r="G1619" s="5">
        <v>25</v>
      </c>
      <c r="H1619" s="5" t="s">
        <v>69</v>
      </c>
      <c r="I1619" s="5" t="s">
        <v>27074</v>
      </c>
      <c r="J1619" s="2" t="s">
        <v>27075</v>
      </c>
      <c r="K1619" s="5" t="s">
        <v>27074</v>
      </c>
      <c r="L1619" s="2" t="s">
        <v>27075</v>
      </c>
      <c r="M1619" s="5" t="s">
        <v>24254</v>
      </c>
      <c r="N1619" s="5" t="s">
        <v>38</v>
      </c>
      <c r="O1619" s="5" t="s">
        <v>39</v>
      </c>
      <c r="P1619" s="5" t="s">
        <v>40</v>
      </c>
      <c r="Q1619" s="5" t="s">
        <v>24340</v>
      </c>
      <c r="R1619" s="5" t="s">
        <v>40</v>
      </c>
      <c r="S1619" s="5" t="s">
        <v>42</v>
      </c>
      <c r="T1619" s="2">
        <v>6.7859999999999996</v>
      </c>
      <c r="U1619" s="2">
        <v>6.6769999999999996</v>
      </c>
      <c r="V1619" s="2">
        <v>0.129</v>
      </c>
      <c r="W1619" s="2">
        <v>12</v>
      </c>
      <c r="X1619" s="2">
        <v>62</v>
      </c>
      <c r="Y1619" s="2">
        <v>172.9</v>
      </c>
      <c r="Z1619" s="5">
        <v>10</v>
      </c>
      <c r="AA1619" s="5" t="s">
        <v>43</v>
      </c>
      <c r="AB1619" s="5" t="s">
        <v>44</v>
      </c>
      <c r="AC1619" s="2" t="s">
        <v>29648</v>
      </c>
      <c r="AD1619" s="1"/>
    </row>
    <row r="1620" spans="1:30">
      <c r="A1620" s="5" t="s">
        <v>83578</v>
      </c>
      <c r="B1620" s="2" t="s">
        <v>88456</v>
      </c>
      <c r="C1620" s="14" t="s">
        <v>88457</v>
      </c>
      <c r="D1620" s="2" t="s">
        <v>88458</v>
      </c>
      <c r="E1620" s="2"/>
      <c r="F1620" s="8">
        <v>461</v>
      </c>
      <c r="G1620" s="5">
        <v>25</v>
      </c>
      <c r="H1620" s="5" t="s">
        <v>69</v>
      </c>
      <c r="I1620" s="5" t="s">
        <v>27074</v>
      </c>
      <c r="J1620" s="2" t="s">
        <v>27075</v>
      </c>
      <c r="K1620" s="5" t="s">
        <v>27074</v>
      </c>
      <c r="L1620" s="2" t="s">
        <v>27075</v>
      </c>
      <c r="M1620" s="5" t="s">
        <v>24254</v>
      </c>
      <c r="N1620" s="5" t="s">
        <v>38</v>
      </c>
      <c r="O1620" s="5" t="s">
        <v>39</v>
      </c>
      <c r="P1620" s="5" t="s">
        <v>40</v>
      </c>
      <c r="Q1620" s="5" t="s">
        <v>24340</v>
      </c>
      <c r="R1620" s="5" t="s">
        <v>40</v>
      </c>
      <c r="S1620" s="5" t="s">
        <v>42</v>
      </c>
      <c r="T1620" s="2">
        <v>7.6849999999999996</v>
      </c>
      <c r="U1620" s="2">
        <v>7.5759999999999996</v>
      </c>
      <c r="V1620" s="2">
        <v>0.129</v>
      </c>
      <c r="W1620" s="2">
        <v>12</v>
      </c>
      <c r="X1620" s="2">
        <v>62</v>
      </c>
      <c r="Y1620" s="2">
        <v>172.9</v>
      </c>
      <c r="Z1620" s="5">
        <v>10</v>
      </c>
      <c r="AA1620" s="5" t="s">
        <v>43</v>
      </c>
      <c r="AB1620" s="5" t="s">
        <v>44</v>
      </c>
      <c r="AC1620" s="2" t="s">
        <v>29923</v>
      </c>
      <c r="AD1620" s="1"/>
    </row>
    <row r="1621" spans="1:30">
      <c r="A1621" s="5" t="s">
        <v>83578</v>
      </c>
      <c r="B1621" s="2" t="s">
        <v>88459</v>
      </c>
      <c r="C1621" s="14" t="s">
        <v>88460</v>
      </c>
      <c r="D1621" s="2" t="s">
        <v>88461</v>
      </c>
      <c r="E1621" s="2"/>
      <c r="F1621" s="8">
        <v>461</v>
      </c>
      <c r="G1621" s="5">
        <v>25</v>
      </c>
      <c r="H1621" s="5" t="s">
        <v>69</v>
      </c>
      <c r="I1621" s="5" t="s">
        <v>27074</v>
      </c>
      <c r="J1621" s="2" t="s">
        <v>27075</v>
      </c>
      <c r="K1621" s="5" t="s">
        <v>27074</v>
      </c>
      <c r="L1621" s="2" t="s">
        <v>27075</v>
      </c>
      <c r="M1621" s="5" t="s">
        <v>24254</v>
      </c>
      <c r="N1621" s="5" t="s">
        <v>38</v>
      </c>
      <c r="O1621" s="5" t="s">
        <v>39</v>
      </c>
      <c r="P1621" s="5" t="s">
        <v>40</v>
      </c>
      <c r="Q1621" s="5" t="s">
        <v>24340</v>
      </c>
      <c r="R1621" s="5" t="s">
        <v>40</v>
      </c>
      <c r="S1621" s="5" t="s">
        <v>42</v>
      </c>
      <c r="T1621" s="2">
        <v>11.914</v>
      </c>
      <c r="U1621" s="2">
        <v>9.9730000000000008</v>
      </c>
      <c r="V1621" s="2">
        <v>0.129</v>
      </c>
      <c r="W1621" s="2">
        <v>12</v>
      </c>
      <c r="X1621" s="2">
        <v>62</v>
      </c>
      <c r="Y1621" s="2">
        <v>172.9</v>
      </c>
      <c r="Z1621" s="5">
        <v>10</v>
      </c>
      <c r="AA1621" s="5" t="s">
        <v>43</v>
      </c>
      <c r="AB1621" s="5" t="s">
        <v>44</v>
      </c>
      <c r="AC1621" s="2" t="s">
        <v>29648</v>
      </c>
      <c r="AD1621" s="1"/>
    </row>
    <row r="1622" spans="1:30">
      <c r="A1622" s="5" t="s">
        <v>83578</v>
      </c>
      <c r="B1622" s="2" t="s">
        <v>88462</v>
      </c>
      <c r="C1622" s="14" t="s">
        <v>88463</v>
      </c>
      <c r="D1622" s="2" t="s">
        <v>88464</v>
      </c>
      <c r="E1622" s="2"/>
      <c r="F1622" s="8">
        <v>461</v>
      </c>
      <c r="G1622" s="5">
        <v>25</v>
      </c>
      <c r="H1622" s="5" t="s">
        <v>69</v>
      </c>
      <c r="I1622" s="5" t="s">
        <v>27074</v>
      </c>
      <c r="J1622" s="2" t="s">
        <v>27075</v>
      </c>
      <c r="K1622" s="5" t="s">
        <v>27074</v>
      </c>
      <c r="L1622" s="2" t="s">
        <v>27075</v>
      </c>
      <c r="M1622" s="5" t="s">
        <v>24254</v>
      </c>
      <c r="N1622" s="5" t="s">
        <v>38</v>
      </c>
      <c r="O1622" s="5" t="s">
        <v>39</v>
      </c>
      <c r="P1622" s="5" t="s">
        <v>40</v>
      </c>
      <c r="Q1622" s="5" t="s">
        <v>24340</v>
      </c>
      <c r="R1622" s="5" t="s">
        <v>40</v>
      </c>
      <c r="S1622" s="5" t="s">
        <v>42</v>
      </c>
      <c r="T1622" s="2">
        <v>12.914</v>
      </c>
      <c r="U1622" s="2">
        <v>10.973000000000001</v>
      </c>
      <c r="V1622" s="2">
        <v>0.129</v>
      </c>
      <c r="W1622" s="2">
        <v>12</v>
      </c>
      <c r="X1622" s="2">
        <v>62</v>
      </c>
      <c r="Y1622" s="2">
        <v>172.9</v>
      </c>
      <c r="Z1622" s="5">
        <v>10</v>
      </c>
      <c r="AA1622" s="5" t="s">
        <v>43</v>
      </c>
      <c r="AB1622" s="5" t="s">
        <v>44</v>
      </c>
      <c r="AC1622" s="2" t="s">
        <v>29923</v>
      </c>
      <c r="AD1622" s="1"/>
    </row>
    <row r="1623" spans="1:30">
      <c r="A1623" s="5" t="s">
        <v>83578</v>
      </c>
      <c r="B1623" s="2" t="s">
        <v>88465</v>
      </c>
      <c r="C1623" s="14" t="s">
        <v>88466</v>
      </c>
      <c r="D1623" s="2" t="s">
        <v>88467</v>
      </c>
      <c r="E1623" s="2"/>
      <c r="F1623" s="8">
        <v>461</v>
      </c>
      <c r="G1623" s="5">
        <v>25</v>
      </c>
      <c r="H1623" s="5" t="s">
        <v>69</v>
      </c>
      <c r="I1623" s="5" t="s">
        <v>27074</v>
      </c>
      <c r="J1623" s="2" t="s">
        <v>27075</v>
      </c>
      <c r="K1623" s="5" t="s">
        <v>27074</v>
      </c>
      <c r="L1623" s="2" t="s">
        <v>27075</v>
      </c>
      <c r="M1623" s="5" t="s">
        <v>24254</v>
      </c>
      <c r="N1623" s="5" t="s">
        <v>38</v>
      </c>
      <c r="O1623" s="5" t="s">
        <v>39</v>
      </c>
      <c r="P1623" s="5" t="s">
        <v>40</v>
      </c>
      <c r="Q1623" s="5" t="s">
        <v>25301</v>
      </c>
      <c r="R1623" s="5" t="s">
        <v>40</v>
      </c>
      <c r="S1623" s="5" t="s">
        <v>42</v>
      </c>
      <c r="T1623" s="2">
        <v>16.669</v>
      </c>
      <c r="U1623" s="2">
        <v>14.494</v>
      </c>
      <c r="V1623" s="2">
        <v>0.129</v>
      </c>
      <c r="W1623" s="2">
        <v>12</v>
      </c>
      <c r="X1623" s="2">
        <v>62</v>
      </c>
      <c r="Y1623" s="2">
        <v>172.9</v>
      </c>
      <c r="Z1623" s="5">
        <v>8</v>
      </c>
      <c r="AA1623" s="5" t="s">
        <v>43</v>
      </c>
      <c r="AB1623" s="5" t="s">
        <v>44</v>
      </c>
      <c r="AC1623" s="2" t="s">
        <v>29820</v>
      </c>
      <c r="AD1623" s="1"/>
    </row>
    <row r="1624" spans="1:30">
      <c r="A1624" s="5" t="s">
        <v>83578</v>
      </c>
      <c r="B1624" s="2" t="s">
        <v>88468</v>
      </c>
      <c r="C1624" s="14" t="s">
        <v>88469</v>
      </c>
      <c r="D1624" s="2" t="s">
        <v>88470</v>
      </c>
      <c r="E1624" s="2"/>
      <c r="F1624" s="8">
        <v>461</v>
      </c>
      <c r="G1624" s="5">
        <v>25</v>
      </c>
      <c r="H1624" s="5" t="s">
        <v>69</v>
      </c>
      <c r="I1624" s="5" t="s">
        <v>27074</v>
      </c>
      <c r="J1624" s="2" t="s">
        <v>27075</v>
      </c>
      <c r="K1624" s="5" t="s">
        <v>27074</v>
      </c>
      <c r="L1624" s="2" t="s">
        <v>27075</v>
      </c>
      <c r="M1624" s="5" t="s">
        <v>24254</v>
      </c>
      <c r="N1624" s="5" t="s">
        <v>38</v>
      </c>
      <c r="O1624" s="5" t="s">
        <v>39</v>
      </c>
      <c r="P1624" s="5" t="s">
        <v>40</v>
      </c>
      <c r="Q1624" s="5" t="s">
        <v>25301</v>
      </c>
      <c r="R1624" s="5" t="s">
        <v>40</v>
      </c>
      <c r="S1624" s="5" t="s">
        <v>42</v>
      </c>
      <c r="T1624" s="2">
        <v>12.835000000000001</v>
      </c>
      <c r="U1624" s="2">
        <v>10.694000000000001</v>
      </c>
      <c r="V1624" s="2">
        <v>0.157</v>
      </c>
      <c r="W1624" s="2">
        <v>12</v>
      </c>
      <c r="X1624" s="2">
        <v>62</v>
      </c>
      <c r="Y1624" s="2">
        <v>210.9</v>
      </c>
      <c r="Z1624" s="5">
        <v>10</v>
      </c>
      <c r="AA1624" s="5" t="s">
        <v>43</v>
      </c>
      <c r="AB1624" s="5" t="s">
        <v>44</v>
      </c>
      <c r="AC1624" s="2" t="s">
        <v>87942</v>
      </c>
      <c r="AD1624" s="1"/>
    </row>
    <row r="1625" spans="1:30">
      <c r="A1625" s="5" t="s">
        <v>83578</v>
      </c>
      <c r="B1625" s="2" t="s">
        <v>88471</v>
      </c>
      <c r="C1625" s="14" t="s">
        <v>88472</v>
      </c>
      <c r="D1625" s="2" t="s">
        <v>88473</v>
      </c>
      <c r="E1625" s="2"/>
      <c r="F1625" s="8">
        <v>461</v>
      </c>
      <c r="G1625" s="5">
        <v>25</v>
      </c>
      <c r="H1625" s="5" t="s">
        <v>69</v>
      </c>
      <c r="I1625" s="5" t="s">
        <v>27074</v>
      </c>
      <c r="J1625" s="2" t="s">
        <v>27075</v>
      </c>
      <c r="K1625" s="5" t="s">
        <v>27074</v>
      </c>
      <c r="L1625" s="2" t="s">
        <v>27075</v>
      </c>
      <c r="M1625" s="5" t="s">
        <v>24254</v>
      </c>
      <c r="N1625" s="5" t="s">
        <v>38</v>
      </c>
      <c r="O1625" s="5" t="s">
        <v>39</v>
      </c>
      <c r="P1625" s="5" t="s">
        <v>40</v>
      </c>
      <c r="Q1625" s="5" t="s">
        <v>25301</v>
      </c>
      <c r="R1625" s="5" t="s">
        <v>40</v>
      </c>
      <c r="S1625" s="5" t="s">
        <v>42</v>
      </c>
      <c r="T1625" s="2">
        <v>13.557</v>
      </c>
      <c r="U1625" s="2">
        <v>11.416</v>
      </c>
      <c r="V1625" s="2">
        <v>0.157</v>
      </c>
      <c r="W1625" s="2">
        <v>12</v>
      </c>
      <c r="X1625" s="2">
        <v>62</v>
      </c>
      <c r="Y1625" s="2">
        <v>210.9</v>
      </c>
      <c r="Z1625" s="5">
        <v>10</v>
      </c>
      <c r="AA1625" s="5" t="s">
        <v>43</v>
      </c>
      <c r="AB1625" s="5" t="s">
        <v>44</v>
      </c>
      <c r="AC1625" s="2" t="s">
        <v>30038</v>
      </c>
      <c r="AD1625" s="1"/>
    </row>
    <row r="1626" spans="1:30">
      <c r="A1626" s="5" t="s">
        <v>83578</v>
      </c>
      <c r="B1626" s="2" t="s">
        <v>88474</v>
      </c>
      <c r="C1626" s="14" t="s">
        <v>88475</v>
      </c>
      <c r="D1626" s="2" t="s">
        <v>88476</v>
      </c>
      <c r="E1626" s="2"/>
      <c r="F1626" s="8">
        <v>461</v>
      </c>
      <c r="G1626" s="5">
        <v>25</v>
      </c>
      <c r="H1626" s="5" t="s">
        <v>69</v>
      </c>
      <c r="I1626" s="5" t="s">
        <v>27074</v>
      </c>
      <c r="J1626" s="2" t="s">
        <v>27075</v>
      </c>
      <c r="K1626" s="5" t="s">
        <v>27074</v>
      </c>
      <c r="L1626" s="2" t="s">
        <v>27075</v>
      </c>
      <c r="M1626" s="5" t="s">
        <v>24254</v>
      </c>
      <c r="N1626" s="5" t="s">
        <v>38</v>
      </c>
      <c r="O1626" s="5" t="s">
        <v>39</v>
      </c>
      <c r="P1626" s="5" t="s">
        <v>40</v>
      </c>
      <c r="Q1626" s="5" t="s">
        <v>25301</v>
      </c>
      <c r="R1626" s="5" t="s">
        <v>40</v>
      </c>
      <c r="S1626" s="5" t="s">
        <v>42</v>
      </c>
      <c r="T1626" s="2">
        <v>6.1970000000000001</v>
      </c>
      <c r="U1626" s="2">
        <v>6.0880000000000001</v>
      </c>
      <c r="V1626" s="2">
        <v>0.129</v>
      </c>
      <c r="W1626" s="2">
        <v>12</v>
      </c>
      <c r="X1626" s="2">
        <v>62</v>
      </c>
      <c r="Y1626" s="2">
        <v>172.9</v>
      </c>
      <c r="Z1626" s="5">
        <v>10</v>
      </c>
      <c r="AA1626" s="5" t="s">
        <v>43</v>
      </c>
      <c r="AB1626" s="5" t="s">
        <v>44</v>
      </c>
      <c r="AC1626" s="2" t="s">
        <v>87949</v>
      </c>
      <c r="AD1626" s="1"/>
    </row>
    <row r="1627" spans="1:30">
      <c r="A1627" s="5" t="s">
        <v>83578</v>
      </c>
      <c r="B1627" s="2" t="s">
        <v>88477</v>
      </c>
      <c r="C1627" s="14" t="s">
        <v>88478</v>
      </c>
      <c r="D1627" s="2" t="s">
        <v>88479</v>
      </c>
      <c r="E1627" s="2"/>
      <c r="F1627" s="8">
        <v>461</v>
      </c>
      <c r="G1627" s="5">
        <v>25</v>
      </c>
      <c r="H1627" s="5" t="s">
        <v>69</v>
      </c>
      <c r="I1627" s="5" t="s">
        <v>27074</v>
      </c>
      <c r="J1627" s="2" t="s">
        <v>27075</v>
      </c>
      <c r="K1627" s="5" t="s">
        <v>27074</v>
      </c>
      <c r="L1627" s="2" t="s">
        <v>27075</v>
      </c>
      <c r="M1627" s="5" t="s">
        <v>24254</v>
      </c>
      <c r="N1627" s="5" t="s">
        <v>38</v>
      </c>
      <c r="O1627" s="5" t="s">
        <v>39</v>
      </c>
      <c r="P1627" s="5" t="s">
        <v>40</v>
      </c>
      <c r="Q1627" s="5" t="s">
        <v>25301</v>
      </c>
      <c r="R1627" s="5" t="s">
        <v>40</v>
      </c>
      <c r="S1627" s="5" t="s">
        <v>42</v>
      </c>
      <c r="T1627" s="2">
        <v>6.9210000000000003</v>
      </c>
      <c r="U1627" s="2">
        <v>6.8120000000000003</v>
      </c>
      <c r="V1627" s="2">
        <v>0.129</v>
      </c>
      <c r="W1627" s="2">
        <v>12</v>
      </c>
      <c r="X1627" s="2">
        <v>62</v>
      </c>
      <c r="Y1627" s="2">
        <v>172.9</v>
      </c>
      <c r="Z1627" s="5">
        <v>10</v>
      </c>
      <c r="AA1627" s="5" t="s">
        <v>43</v>
      </c>
      <c r="AB1627" s="5" t="s">
        <v>44</v>
      </c>
      <c r="AC1627" s="2" t="s">
        <v>30042</v>
      </c>
      <c r="AD1627" s="1"/>
    </row>
    <row r="1628" spans="1:30">
      <c r="A1628" s="5" t="s">
        <v>83578</v>
      </c>
      <c r="B1628" s="2" t="s">
        <v>88480</v>
      </c>
      <c r="C1628" s="14" t="s">
        <v>88481</v>
      </c>
      <c r="D1628" s="2" t="s">
        <v>88482</v>
      </c>
      <c r="E1628" s="2"/>
      <c r="F1628" s="8">
        <v>461</v>
      </c>
      <c r="G1628" s="5">
        <v>25</v>
      </c>
      <c r="H1628" s="5" t="s">
        <v>69</v>
      </c>
      <c r="I1628" s="5" t="s">
        <v>27074</v>
      </c>
      <c r="J1628" s="2" t="s">
        <v>27075</v>
      </c>
      <c r="K1628" s="5" t="s">
        <v>27074</v>
      </c>
      <c r="L1628" s="2" t="s">
        <v>27075</v>
      </c>
      <c r="M1628" s="5" t="s">
        <v>24254</v>
      </c>
      <c r="N1628" s="5" t="s">
        <v>38</v>
      </c>
      <c r="O1628" s="5" t="s">
        <v>39</v>
      </c>
      <c r="P1628" s="5" t="s">
        <v>40</v>
      </c>
      <c r="Q1628" s="5" t="s">
        <v>25301</v>
      </c>
      <c r="R1628" s="5" t="s">
        <v>40</v>
      </c>
      <c r="S1628" s="5" t="s">
        <v>42</v>
      </c>
      <c r="T1628" s="2">
        <v>10.826000000000001</v>
      </c>
      <c r="U1628" s="2">
        <v>8.8849999999999998</v>
      </c>
      <c r="V1628" s="2">
        <v>0.129</v>
      </c>
      <c r="W1628" s="2">
        <v>12</v>
      </c>
      <c r="X1628" s="2">
        <v>62</v>
      </c>
      <c r="Y1628" s="2">
        <v>172.9</v>
      </c>
      <c r="Z1628" s="5">
        <v>10</v>
      </c>
      <c r="AA1628" s="5" t="s">
        <v>43</v>
      </c>
      <c r="AB1628" s="5" t="s">
        <v>44</v>
      </c>
      <c r="AC1628" s="2" t="s">
        <v>87949</v>
      </c>
      <c r="AD1628" s="1"/>
    </row>
    <row r="1629" spans="1:30">
      <c r="A1629" s="5" t="s">
        <v>83578</v>
      </c>
      <c r="B1629" s="2" t="s">
        <v>88483</v>
      </c>
      <c r="C1629" s="14" t="s">
        <v>88484</v>
      </c>
      <c r="D1629" s="2" t="s">
        <v>88485</v>
      </c>
      <c r="E1629" s="2"/>
      <c r="F1629" s="8">
        <v>461</v>
      </c>
      <c r="G1629" s="5">
        <v>25</v>
      </c>
      <c r="H1629" s="5" t="s">
        <v>69</v>
      </c>
      <c r="I1629" s="5" t="s">
        <v>27074</v>
      </c>
      <c r="J1629" s="2" t="s">
        <v>27075</v>
      </c>
      <c r="K1629" s="5" t="s">
        <v>27074</v>
      </c>
      <c r="L1629" s="2" t="s">
        <v>27075</v>
      </c>
      <c r="M1629" s="5" t="s">
        <v>24254</v>
      </c>
      <c r="N1629" s="5" t="s">
        <v>38</v>
      </c>
      <c r="O1629" s="5" t="s">
        <v>39</v>
      </c>
      <c r="P1629" s="5" t="s">
        <v>40</v>
      </c>
      <c r="Q1629" s="5" t="s">
        <v>25301</v>
      </c>
      <c r="R1629" s="5" t="s">
        <v>40</v>
      </c>
      <c r="S1629" s="5" t="s">
        <v>42</v>
      </c>
      <c r="T1629" s="2">
        <v>11.634</v>
      </c>
      <c r="U1629" s="2">
        <v>9.6929999999999996</v>
      </c>
      <c r="V1629" s="2">
        <v>0.129</v>
      </c>
      <c r="W1629" s="2">
        <v>12</v>
      </c>
      <c r="X1629" s="2">
        <v>62</v>
      </c>
      <c r="Y1629" s="2">
        <v>172.9</v>
      </c>
      <c r="Z1629" s="5">
        <v>10</v>
      </c>
      <c r="AA1629" s="5" t="s">
        <v>43</v>
      </c>
      <c r="AB1629" s="5" t="s">
        <v>44</v>
      </c>
      <c r="AC1629" s="2" t="s">
        <v>30042</v>
      </c>
      <c r="AD1629" s="1"/>
    </row>
    <row r="1630" spans="1:30">
      <c r="A1630" s="5" t="s">
        <v>83578</v>
      </c>
      <c r="B1630" s="2" t="s">
        <v>88486</v>
      </c>
      <c r="C1630" s="14" t="s">
        <v>88487</v>
      </c>
      <c r="D1630" s="2" t="s">
        <v>88488</v>
      </c>
      <c r="E1630" s="2"/>
      <c r="F1630" s="8">
        <v>315</v>
      </c>
      <c r="G1630" s="5">
        <v>25</v>
      </c>
      <c r="H1630" s="5" t="s">
        <v>69</v>
      </c>
      <c r="I1630" s="5" t="s">
        <v>27074</v>
      </c>
      <c r="J1630" s="2" t="s">
        <v>27075</v>
      </c>
      <c r="K1630" s="5" t="s">
        <v>27074</v>
      </c>
      <c r="L1630" s="2" t="s">
        <v>27075</v>
      </c>
      <c r="M1630" s="5" t="s">
        <v>24254</v>
      </c>
      <c r="N1630" s="5" t="s">
        <v>38</v>
      </c>
      <c r="O1630" s="5" t="s">
        <v>39</v>
      </c>
      <c r="P1630" s="5" t="s">
        <v>40</v>
      </c>
      <c r="Q1630" s="5" t="s">
        <v>24335</v>
      </c>
      <c r="R1630" s="5" t="s">
        <v>40</v>
      </c>
      <c r="S1630" s="5" t="s">
        <v>42</v>
      </c>
      <c r="T1630" s="2">
        <v>7.67</v>
      </c>
      <c r="U1630" s="2">
        <v>7.5609999999999999</v>
      </c>
      <c r="V1630" s="2">
        <v>0.157</v>
      </c>
      <c r="W1630" s="2">
        <v>12</v>
      </c>
      <c r="X1630" s="2">
        <v>62</v>
      </c>
      <c r="Y1630" s="2">
        <v>210.9</v>
      </c>
      <c r="Z1630" s="5">
        <v>10</v>
      </c>
      <c r="AA1630" s="5" t="s">
        <v>43</v>
      </c>
      <c r="AB1630" s="5" t="s">
        <v>44</v>
      </c>
      <c r="AC1630" s="2" t="s">
        <v>29747</v>
      </c>
      <c r="AD1630" s="1"/>
    </row>
    <row r="1631" spans="1:30">
      <c r="A1631" s="5" t="s">
        <v>83578</v>
      </c>
      <c r="B1631" s="2" t="s">
        <v>88489</v>
      </c>
      <c r="C1631" s="14" t="s">
        <v>88490</v>
      </c>
      <c r="D1631" s="2" t="s">
        <v>88491</v>
      </c>
      <c r="E1631" s="2"/>
      <c r="F1631" s="8">
        <v>315</v>
      </c>
      <c r="G1631" s="5">
        <v>25</v>
      </c>
      <c r="H1631" s="5" t="s">
        <v>69</v>
      </c>
      <c r="I1631" s="5" t="s">
        <v>27074</v>
      </c>
      <c r="J1631" s="2" t="s">
        <v>27075</v>
      </c>
      <c r="K1631" s="5" t="s">
        <v>27074</v>
      </c>
      <c r="L1631" s="2" t="s">
        <v>27075</v>
      </c>
      <c r="M1631" s="5" t="s">
        <v>24254</v>
      </c>
      <c r="N1631" s="5" t="s">
        <v>38</v>
      </c>
      <c r="O1631" s="5" t="s">
        <v>39</v>
      </c>
      <c r="P1631" s="5" t="s">
        <v>40</v>
      </c>
      <c r="Q1631" s="5" t="s">
        <v>24335</v>
      </c>
      <c r="R1631" s="5" t="s">
        <v>40</v>
      </c>
      <c r="S1631" s="5" t="s">
        <v>42</v>
      </c>
      <c r="T1631" s="2">
        <v>5.6079999999999997</v>
      </c>
      <c r="U1631" s="2">
        <v>5.4989999999999997</v>
      </c>
      <c r="V1631" s="2">
        <v>0.14899999999999999</v>
      </c>
      <c r="W1631" s="2">
        <v>12</v>
      </c>
      <c r="X1631" s="2">
        <v>62</v>
      </c>
      <c r="Y1631" s="2">
        <v>199.7</v>
      </c>
      <c r="Z1631" s="5">
        <v>10</v>
      </c>
      <c r="AA1631" s="5" t="s">
        <v>43</v>
      </c>
      <c r="AB1631" s="5" t="s">
        <v>44</v>
      </c>
      <c r="AC1631" s="2" t="s">
        <v>29629</v>
      </c>
      <c r="AD1631" s="1"/>
    </row>
    <row r="1632" spans="1:30">
      <c r="A1632" s="5" t="s">
        <v>83578</v>
      </c>
      <c r="B1632" s="2" t="s">
        <v>88492</v>
      </c>
      <c r="C1632" s="14" t="s">
        <v>88493</v>
      </c>
      <c r="D1632" s="2" t="s">
        <v>88494</v>
      </c>
      <c r="E1632" s="2"/>
      <c r="F1632" s="8">
        <v>466</v>
      </c>
      <c r="G1632" s="5">
        <v>25</v>
      </c>
      <c r="H1632" s="5" t="s">
        <v>69</v>
      </c>
      <c r="I1632" s="5" t="s">
        <v>27074</v>
      </c>
      <c r="J1632" s="2" t="s">
        <v>27075</v>
      </c>
      <c r="K1632" s="5" t="s">
        <v>27074</v>
      </c>
      <c r="L1632" s="2" t="s">
        <v>27075</v>
      </c>
      <c r="M1632" s="5" t="s">
        <v>24254</v>
      </c>
      <c r="N1632" s="5" t="s">
        <v>38</v>
      </c>
      <c r="O1632" s="5" t="s">
        <v>39</v>
      </c>
      <c r="P1632" s="5" t="s">
        <v>40</v>
      </c>
      <c r="Q1632" s="5" t="s">
        <v>25301</v>
      </c>
      <c r="R1632" s="5" t="s">
        <v>40</v>
      </c>
      <c r="S1632" s="5" t="s">
        <v>42</v>
      </c>
      <c r="T1632" s="2">
        <v>20.454000000000001</v>
      </c>
      <c r="U1632" s="2">
        <v>20.309999999999999</v>
      </c>
      <c r="V1632" s="2">
        <v>0.17399999999999999</v>
      </c>
      <c r="W1632" s="2">
        <v>12</v>
      </c>
      <c r="X1632" s="2">
        <v>62</v>
      </c>
      <c r="Y1632" s="2">
        <v>234.1</v>
      </c>
      <c r="Z1632" s="5">
        <v>8</v>
      </c>
      <c r="AA1632" s="5" t="s">
        <v>43</v>
      </c>
      <c r="AB1632" s="5" t="s">
        <v>44</v>
      </c>
      <c r="AC1632" s="2" t="s">
        <v>29820</v>
      </c>
      <c r="AD1632" s="1"/>
    </row>
    <row r="1633" spans="1:30">
      <c r="A1633" s="5" t="s">
        <v>83578</v>
      </c>
      <c r="B1633" s="2" t="s">
        <v>88495</v>
      </c>
      <c r="C1633" s="14" t="s">
        <v>88496</v>
      </c>
      <c r="D1633" s="2" t="s">
        <v>88497</v>
      </c>
      <c r="E1633" s="2"/>
      <c r="F1633" s="8">
        <v>466</v>
      </c>
      <c r="G1633" s="5">
        <v>25</v>
      </c>
      <c r="H1633" s="5" t="s">
        <v>69</v>
      </c>
      <c r="I1633" s="5" t="s">
        <v>27074</v>
      </c>
      <c r="J1633" s="2" t="s">
        <v>27075</v>
      </c>
      <c r="K1633" s="5" t="s">
        <v>27074</v>
      </c>
      <c r="L1633" s="2" t="s">
        <v>27075</v>
      </c>
      <c r="M1633" s="5" t="s">
        <v>24254</v>
      </c>
      <c r="N1633" s="5" t="s">
        <v>38</v>
      </c>
      <c r="O1633" s="5" t="s">
        <v>39</v>
      </c>
      <c r="P1633" s="5" t="s">
        <v>40</v>
      </c>
      <c r="Q1633" s="5" t="s">
        <v>25301</v>
      </c>
      <c r="R1633" s="5" t="s">
        <v>40</v>
      </c>
      <c r="S1633" s="5" t="s">
        <v>42</v>
      </c>
      <c r="T1633" s="2">
        <v>17.617000000000001</v>
      </c>
      <c r="U1633" s="2">
        <v>17.474</v>
      </c>
      <c r="V1633" s="2">
        <v>0.17399999999999999</v>
      </c>
      <c r="W1633" s="2">
        <v>12</v>
      </c>
      <c r="X1633" s="2">
        <v>62</v>
      </c>
      <c r="Y1633" s="2">
        <v>234.1</v>
      </c>
      <c r="Z1633" s="5">
        <v>8</v>
      </c>
      <c r="AA1633" s="5" t="s">
        <v>43</v>
      </c>
      <c r="AB1633" s="5" t="s">
        <v>44</v>
      </c>
      <c r="AC1633" s="2" t="s">
        <v>29820</v>
      </c>
      <c r="AD1633" s="1"/>
    </row>
    <row r="1634" spans="1:30">
      <c r="A1634" s="5" t="s">
        <v>83578</v>
      </c>
      <c r="B1634" s="2" t="s">
        <v>88498</v>
      </c>
      <c r="C1634" s="14" t="s">
        <v>88499</v>
      </c>
      <c r="D1634" s="2" t="s">
        <v>88500</v>
      </c>
      <c r="E1634" s="2"/>
      <c r="F1634" s="8">
        <v>466</v>
      </c>
      <c r="G1634" s="5">
        <v>25</v>
      </c>
      <c r="H1634" s="5" t="s">
        <v>69</v>
      </c>
      <c r="I1634" s="5" t="s">
        <v>27074</v>
      </c>
      <c r="J1634" s="2" t="s">
        <v>27075</v>
      </c>
      <c r="K1634" s="5" t="s">
        <v>27074</v>
      </c>
      <c r="L1634" s="2" t="s">
        <v>27075</v>
      </c>
      <c r="M1634" s="5" t="s">
        <v>24254</v>
      </c>
      <c r="N1634" s="5" t="s">
        <v>38</v>
      </c>
      <c r="O1634" s="5" t="s">
        <v>39</v>
      </c>
      <c r="P1634" s="5" t="s">
        <v>40</v>
      </c>
      <c r="Q1634" s="5" t="s">
        <v>25301</v>
      </c>
      <c r="R1634" s="5" t="s">
        <v>40</v>
      </c>
      <c r="S1634" s="5" t="s">
        <v>42</v>
      </c>
      <c r="T1634" s="2">
        <v>14.875</v>
      </c>
      <c r="U1634" s="2">
        <v>14.763</v>
      </c>
      <c r="V1634" s="2">
        <v>0.17399999999999999</v>
      </c>
      <c r="W1634" s="2">
        <v>12</v>
      </c>
      <c r="X1634" s="2">
        <v>62</v>
      </c>
      <c r="Y1634" s="2">
        <v>234.1</v>
      </c>
      <c r="Z1634" s="5">
        <v>8</v>
      </c>
      <c r="AA1634" s="5" t="s">
        <v>43</v>
      </c>
      <c r="AB1634" s="5" t="s">
        <v>44</v>
      </c>
      <c r="AC1634" s="2" t="s">
        <v>29820</v>
      </c>
      <c r="AD1634" s="1"/>
    </row>
    <row r="1635" spans="1:30">
      <c r="A1635" s="5" t="s">
        <v>83578</v>
      </c>
      <c r="B1635" s="2" t="s">
        <v>88501</v>
      </c>
      <c r="C1635" s="14" t="s">
        <v>88502</v>
      </c>
      <c r="D1635" s="2" t="s">
        <v>88503</v>
      </c>
      <c r="E1635" s="2" t="s">
        <v>87894</v>
      </c>
      <c r="F1635" s="8">
        <v>390</v>
      </c>
      <c r="G1635" s="5">
        <v>5</v>
      </c>
      <c r="H1635" s="5" t="s">
        <v>69</v>
      </c>
      <c r="I1635" s="5" t="s">
        <v>27074</v>
      </c>
      <c r="J1635" s="2" t="s">
        <v>27075</v>
      </c>
      <c r="K1635" s="5" t="s">
        <v>27074</v>
      </c>
      <c r="L1635" s="2" t="s">
        <v>27075</v>
      </c>
      <c r="M1635" s="5" t="s">
        <v>24254</v>
      </c>
      <c r="N1635" s="5" t="s">
        <v>38</v>
      </c>
      <c r="O1635" s="5" t="s">
        <v>39</v>
      </c>
      <c r="P1635" s="5" t="s">
        <v>40</v>
      </c>
      <c r="Q1635" s="5" t="s">
        <v>1487</v>
      </c>
      <c r="R1635" s="5"/>
      <c r="S1635" s="5" t="s">
        <v>42</v>
      </c>
      <c r="T1635" s="2">
        <v>0</v>
      </c>
      <c r="U1635" s="2">
        <v>0</v>
      </c>
      <c r="V1635" s="2">
        <v>0</v>
      </c>
      <c r="W1635" s="2">
        <v>0</v>
      </c>
      <c r="X1635" s="2">
        <v>0</v>
      </c>
      <c r="Y1635" s="2">
        <v>0</v>
      </c>
      <c r="Z1635" s="5"/>
      <c r="AA1635" s="5" t="s">
        <v>43</v>
      </c>
      <c r="AB1635" s="5" t="s">
        <v>44</v>
      </c>
      <c r="AC1635" s="2" t="s">
        <v>87895</v>
      </c>
      <c r="AD1635" s="1"/>
    </row>
    <row r="1636" spans="1:30">
      <c r="A1636" s="5" t="s">
        <v>83578</v>
      </c>
      <c r="B1636" s="2" t="s">
        <v>88504</v>
      </c>
      <c r="C1636" s="14" t="s">
        <v>88505</v>
      </c>
      <c r="D1636" s="2" t="s">
        <v>88506</v>
      </c>
      <c r="E1636" s="2" t="s">
        <v>87894</v>
      </c>
      <c r="F1636" s="8">
        <v>390</v>
      </c>
      <c r="G1636" s="5">
        <v>5</v>
      </c>
      <c r="H1636" s="5" t="s">
        <v>69</v>
      </c>
      <c r="I1636" s="5" t="s">
        <v>27074</v>
      </c>
      <c r="J1636" s="2" t="s">
        <v>27075</v>
      </c>
      <c r="K1636" s="5" t="s">
        <v>27074</v>
      </c>
      <c r="L1636" s="2" t="s">
        <v>27075</v>
      </c>
      <c r="M1636" s="5" t="s">
        <v>24254</v>
      </c>
      <c r="N1636" s="5" t="s">
        <v>38</v>
      </c>
      <c r="O1636" s="5" t="s">
        <v>39</v>
      </c>
      <c r="P1636" s="5" t="s">
        <v>40</v>
      </c>
      <c r="Q1636" s="5" t="s">
        <v>1487</v>
      </c>
      <c r="R1636" s="5"/>
      <c r="S1636" s="5" t="s">
        <v>42</v>
      </c>
      <c r="T1636" s="2">
        <v>0</v>
      </c>
      <c r="U1636" s="2">
        <v>0</v>
      </c>
      <c r="V1636" s="2">
        <v>0</v>
      </c>
      <c r="W1636" s="2">
        <v>0</v>
      </c>
      <c r="X1636" s="2">
        <v>0</v>
      </c>
      <c r="Y1636" s="2">
        <v>0</v>
      </c>
      <c r="Z1636" s="5"/>
      <c r="AA1636" s="5" t="s">
        <v>43</v>
      </c>
      <c r="AB1636" s="5" t="s">
        <v>44</v>
      </c>
      <c r="AC1636" s="2" t="s">
        <v>87903</v>
      </c>
      <c r="AD1636" s="1"/>
    </row>
    <row r="1637" spans="1:30">
      <c r="A1637" s="5" t="s">
        <v>83578</v>
      </c>
      <c r="B1637" s="2" t="s">
        <v>88507</v>
      </c>
      <c r="C1637" s="14" t="s">
        <v>88508</v>
      </c>
      <c r="D1637" s="2" t="s">
        <v>88509</v>
      </c>
      <c r="E1637" s="2"/>
      <c r="F1637" s="8">
        <v>295</v>
      </c>
      <c r="G1637" s="5">
        <v>25</v>
      </c>
      <c r="H1637" s="5" t="s">
        <v>69</v>
      </c>
      <c r="I1637" s="5" t="s">
        <v>27074</v>
      </c>
      <c r="J1637" s="2" t="s">
        <v>27075</v>
      </c>
      <c r="K1637" s="5" t="s">
        <v>27074</v>
      </c>
      <c r="L1637" s="2" t="s">
        <v>27075</v>
      </c>
      <c r="M1637" s="5" t="s">
        <v>24254</v>
      </c>
      <c r="N1637" s="5" t="s">
        <v>38</v>
      </c>
      <c r="O1637" s="5" t="s">
        <v>39</v>
      </c>
      <c r="P1637" s="5" t="s">
        <v>40</v>
      </c>
      <c r="Q1637" s="5" t="s">
        <v>24335</v>
      </c>
      <c r="R1637" s="5" t="s">
        <v>40</v>
      </c>
      <c r="S1637" s="5" t="s">
        <v>42</v>
      </c>
      <c r="T1637" s="2">
        <v>8.3469999999999995</v>
      </c>
      <c r="U1637" s="2">
        <v>6.4059999999999997</v>
      </c>
      <c r="V1637" s="2">
        <v>0.129</v>
      </c>
      <c r="W1637" s="2">
        <v>12</v>
      </c>
      <c r="X1637" s="2">
        <v>62</v>
      </c>
      <c r="Y1637" s="2">
        <v>172.9</v>
      </c>
      <c r="Z1637" s="5">
        <v>10</v>
      </c>
      <c r="AA1637" s="5" t="s">
        <v>43</v>
      </c>
      <c r="AB1637" s="5" t="s">
        <v>44</v>
      </c>
      <c r="AC1637" s="2" t="s">
        <v>29747</v>
      </c>
      <c r="AD1637" s="1"/>
    </row>
    <row r="1638" spans="1:30">
      <c r="A1638" s="5" t="s">
        <v>83578</v>
      </c>
      <c r="B1638" s="2" t="s">
        <v>88510</v>
      </c>
      <c r="C1638" s="14" t="s">
        <v>88511</v>
      </c>
      <c r="D1638" s="2" t="s">
        <v>88512</v>
      </c>
      <c r="E1638" s="2"/>
      <c r="F1638" s="8">
        <v>295</v>
      </c>
      <c r="G1638" s="5">
        <v>25</v>
      </c>
      <c r="H1638" s="5" t="s">
        <v>69</v>
      </c>
      <c r="I1638" s="5" t="s">
        <v>27074</v>
      </c>
      <c r="J1638" s="2" t="s">
        <v>27075</v>
      </c>
      <c r="K1638" s="5" t="s">
        <v>27074</v>
      </c>
      <c r="L1638" s="2" t="s">
        <v>27075</v>
      </c>
      <c r="M1638" s="5" t="s">
        <v>24254</v>
      </c>
      <c r="N1638" s="5" t="s">
        <v>38</v>
      </c>
      <c r="O1638" s="5" t="s">
        <v>39</v>
      </c>
      <c r="P1638" s="5" t="s">
        <v>40</v>
      </c>
      <c r="Q1638" s="5" t="s">
        <v>24335</v>
      </c>
      <c r="R1638" s="5" t="s">
        <v>40</v>
      </c>
      <c r="S1638" s="5" t="s">
        <v>42</v>
      </c>
      <c r="T1638" s="2">
        <v>6.907</v>
      </c>
      <c r="U1638" s="2">
        <v>4.9660000000000002</v>
      </c>
      <c r="V1638" s="2">
        <v>0.129</v>
      </c>
      <c r="W1638" s="2">
        <v>12</v>
      </c>
      <c r="X1638" s="2">
        <v>62</v>
      </c>
      <c r="Y1638" s="2">
        <v>172.9</v>
      </c>
      <c r="Z1638" s="5">
        <v>10</v>
      </c>
      <c r="AA1638" s="5" t="s">
        <v>43</v>
      </c>
      <c r="AB1638" s="5" t="s">
        <v>44</v>
      </c>
      <c r="AC1638" s="2" t="s">
        <v>29629</v>
      </c>
      <c r="AD1638" s="1"/>
    </row>
    <row r="1639" spans="1:30">
      <c r="A1639" s="5" t="s">
        <v>83578</v>
      </c>
      <c r="B1639" s="2" t="s">
        <v>88513</v>
      </c>
      <c r="C1639" s="14" t="s">
        <v>88514</v>
      </c>
      <c r="D1639" s="2" t="s">
        <v>88515</v>
      </c>
      <c r="E1639" s="2"/>
      <c r="F1639" s="8">
        <v>446</v>
      </c>
      <c r="G1639" s="5">
        <v>25</v>
      </c>
      <c r="H1639" s="5" t="s">
        <v>69</v>
      </c>
      <c r="I1639" s="5" t="s">
        <v>27074</v>
      </c>
      <c r="J1639" s="2" t="s">
        <v>27075</v>
      </c>
      <c r="K1639" s="5" t="s">
        <v>27074</v>
      </c>
      <c r="L1639" s="2" t="s">
        <v>27075</v>
      </c>
      <c r="M1639" s="5" t="s">
        <v>24254</v>
      </c>
      <c r="N1639" s="5" t="s">
        <v>38</v>
      </c>
      <c r="O1639" s="5" t="s">
        <v>39</v>
      </c>
      <c r="P1639" s="5" t="s">
        <v>40</v>
      </c>
      <c r="Q1639" s="5" t="s">
        <v>24340</v>
      </c>
      <c r="R1639" s="5" t="s">
        <v>40</v>
      </c>
      <c r="S1639" s="5" t="s">
        <v>42</v>
      </c>
      <c r="T1639" s="2">
        <v>17.489999999999998</v>
      </c>
      <c r="U1639" s="2">
        <v>15.515000000000001</v>
      </c>
      <c r="V1639" s="2">
        <v>0.129</v>
      </c>
      <c r="W1639" s="2">
        <v>12</v>
      </c>
      <c r="X1639" s="2">
        <v>62</v>
      </c>
      <c r="Y1639" s="2">
        <v>172.9</v>
      </c>
      <c r="Z1639" s="5">
        <v>8</v>
      </c>
      <c r="AA1639" s="5" t="s">
        <v>43</v>
      </c>
      <c r="AB1639" s="5" t="s">
        <v>44</v>
      </c>
      <c r="AC1639" s="2" t="s">
        <v>29641</v>
      </c>
      <c r="AD1639" s="1"/>
    </row>
    <row r="1640" spans="1:30">
      <c r="A1640" s="5" t="s">
        <v>83578</v>
      </c>
      <c r="B1640" s="2" t="s">
        <v>88516</v>
      </c>
      <c r="C1640" s="14" t="s">
        <v>88517</v>
      </c>
      <c r="D1640" s="2" t="s">
        <v>88518</v>
      </c>
      <c r="E1640" s="2"/>
      <c r="F1640" s="8">
        <v>446</v>
      </c>
      <c r="G1640" s="5">
        <v>25</v>
      </c>
      <c r="H1640" s="5" t="s">
        <v>69</v>
      </c>
      <c r="I1640" s="5" t="s">
        <v>27074</v>
      </c>
      <c r="J1640" s="2" t="s">
        <v>27075</v>
      </c>
      <c r="K1640" s="5" t="s">
        <v>27074</v>
      </c>
      <c r="L1640" s="2" t="s">
        <v>27075</v>
      </c>
      <c r="M1640" s="5" t="s">
        <v>24254</v>
      </c>
      <c r="N1640" s="5" t="s">
        <v>38</v>
      </c>
      <c r="O1640" s="5" t="s">
        <v>39</v>
      </c>
      <c r="P1640" s="5" t="s">
        <v>40</v>
      </c>
      <c r="Q1640" s="5" t="s">
        <v>24340</v>
      </c>
      <c r="R1640" s="5" t="s">
        <v>40</v>
      </c>
      <c r="S1640" s="5" t="s">
        <v>42</v>
      </c>
      <c r="T1640" s="2">
        <v>12.435</v>
      </c>
      <c r="U1640" s="2">
        <v>10.494</v>
      </c>
      <c r="V1640" s="2">
        <v>0.129</v>
      </c>
      <c r="W1640" s="2">
        <v>12</v>
      </c>
      <c r="X1640" s="2">
        <v>62</v>
      </c>
      <c r="Y1640" s="2">
        <v>172.9</v>
      </c>
      <c r="Z1640" s="5">
        <v>10</v>
      </c>
      <c r="AA1640" s="5" t="s">
        <v>43</v>
      </c>
      <c r="AB1640" s="5" t="s">
        <v>44</v>
      </c>
      <c r="AC1640" s="2" t="s">
        <v>87916</v>
      </c>
      <c r="AD1640" s="1"/>
    </row>
    <row r="1641" spans="1:30">
      <c r="A1641" s="5" t="s">
        <v>83578</v>
      </c>
      <c r="B1641" s="2" t="s">
        <v>88519</v>
      </c>
      <c r="C1641" s="14" t="s">
        <v>88520</v>
      </c>
      <c r="D1641" s="2" t="s">
        <v>88521</v>
      </c>
      <c r="E1641" s="2"/>
      <c r="F1641" s="8">
        <v>446</v>
      </c>
      <c r="G1641" s="5">
        <v>25</v>
      </c>
      <c r="H1641" s="5" t="s">
        <v>69</v>
      </c>
      <c r="I1641" s="5" t="s">
        <v>27074</v>
      </c>
      <c r="J1641" s="2" t="s">
        <v>27075</v>
      </c>
      <c r="K1641" s="5" t="s">
        <v>27074</v>
      </c>
      <c r="L1641" s="2" t="s">
        <v>27075</v>
      </c>
      <c r="M1641" s="5" t="s">
        <v>24254</v>
      </c>
      <c r="N1641" s="5" t="s">
        <v>38</v>
      </c>
      <c r="O1641" s="5" t="s">
        <v>39</v>
      </c>
      <c r="P1641" s="5" t="s">
        <v>40</v>
      </c>
      <c r="Q1641" s="5" t="s">
        <v>24340</v>
      </c>
      <c r="R1641" s="5" t="s">
        <v>40</v>
      </c>
      <c r="S1641" s="5" t="s">
        <v>42</v>
      </c>
      <c r="T1641" s="2">
        <v>13.461</v>
      </c>
      <c r="U1641" s="2">
        <v>11.52</v>
      </c>
      <c r="V1641" s="2">
        <v>0.129</v>
      </c>
      <c r="W1641" s="2">
        <v>12</v>
      </c>
      <c r="X1641" s="2">
        <v>62</v>
      </c>
      <c r="Y1641" s="2">
        <v>172.9</v>
      </c>
      <c r="Z1641" s="5">
        <v>10</v>
      </c>
      <c r="AA1641" s="5" t="s">
        <v>43</v>
      </c>
      <c r="AB1641" s="5" t="s">
        <v>44</v>
      </c>
      <c r="AC1641" s="2" t="s">
        <v>87920</v>
      </c>
      <c r="AD1641" s="1"/>
    </row>
    <row r="1642" spans="1:30">
      <c r="A1642" s="5" t="s">
        <v>83578</v>
      </c>
      <c r="B1642" s="2" t="s">
        <v>88522</v>
      </c>
      <c r="C1642" s="14" t="s">
        <v>88523</v>
      </c>
      <c r="D1642" s="2" t="s">
        <v>88524</v>
      </c>
      <c r="E1642" s="2"/>
      <c r="F1642" s="8">
        <v>446</v>
      </c>
      <c r="G1642" s="5">
        <v>25</v>
      </c>
      <c r="H1642" s="5" t="s">
        <v>69</v>
      </c>
      <c r="I1642" s="5" t="s">
        <v>27074</v>
      </c>
      <c r="J1642" s="2" t="s">
        <v>27075</v>
      </c>
      <c r="K1642" s="5" t="s">
        <v>27074</v>
      </c>
      <c r="L1642" s="2" t="s">
        <v>27075</v>
      </c>
      <c r="M1642" s="5" t="s">
        <v>24254</v>
      </c>
      <c r="N1642" s="5" t="s">
        <v>38</v>
      </c>
      <c r="O1642" s="5" t="s">
        <v>39</v>
      </c>
      <c r="P1642" s="5" t="s">
        <v>40</v>
      </c>
      <c r="Q1642" s="5" t="s">
        <v>24340</v>
      </c>
      <c r="R1642" s="5" t="s">
        <v>40</v>
      </c>
      <c r="S1642" s="5" t="s">
        <v>42</v>
      </c>
      <c r="T1642" s="2">
        <v>8.1609999999999996</v>
      </c>
      <c r="U1642" s="2">
        <v>6.22</v>
      </c>
      <c r="V1642" s="2">
        <v>0.129</v>
      </c>
      <c r="W1642" s="2">
        <v>12</v>
      </c>
      <c r="X1642" s="2">
        <v>62</v>
      </c>
      <c r="Y1642" s="2">
        <v>172.9</v>
      </c>
      <c r="Z1642" s="5">
        <v>10</v>
      </c>
      <c r="AA1642" s="5" t="s">
        <v>43</v>
      </c>
      <c r="AB1642" s="5" t="s">
        <v>44</v>
      </c>
      <c r="AC1642" s="2" t="s">
        <v>29648</v>
      </c>
      <c r="AD1642" s="1"/>
    </row>
    <row r="1643" spans="1:30">
      <c r="A1643" s="5" t="s">
        <v>83578</v>
      </c>
      <c r="B1643" s="2" t="s">
        <v>88525</v>
      </c>
      <c r="C1643" s="14" t="s">
        <v>88526</v>
      </c>
      <c r="D1643" s="2" t="s">
        <v>88527</v>
      </c>
      <c r="E1643" s="2"/>
      <c r="F1643" s="8">
        <v>446</v>
      </c>
      <c r="G1643" s="5">
        <v>25</v>
      </c>
      <c r="H1643" s="5" t="s">
        <v>69</v>
      </c>
      <c r="I1643" s="5" t="s">
        <v>27074</v>
      </c>
      <c r="J1643" s="2" t="s">
        <v>27075</v>
      </c>
      <c r="K1643" s="5" t="s">
        <v>27074</v>
      </c>
      <c r="L1643" s="2" t="s">
        <v>27075</v>
      </c>
      <c r="M1643" s="5" t="s">
        <v>24254</v>
      </c>
      <c r="N1643" s="5" t="s">
        <v>38</v>
      </c>
      <c r="O1643" s="5" t="s">
        <v>39</v>
      </c>
      <c r="P1643" s="5" t="s">
        <v>40</v>
      </c>
      <c r="Q1643" s="5" t="s">
        <v>24340</v>
      </c>
      <c r="R1643" s="5" t="s">
        <v>40</v>
      </c>
      <c r="S1643" s="5" t="s">
        <v>42</v>
      </c>
      <c r="T1643" s="2">
        <v>9.19</v>
      </c>
      <c r="U1643" s="2">
        <v>7.2489999999999997</v>
      </c>
      <c r="V1643" s="2">
        <v>0.129</v>
      </c>
      <c r="W1643" s="2">
        <v>12</v>
      </c>
      <c r="X1643" s="2">
        <v>62</v>
      </c>
      <c r="Y1643" s="2">
        <v>172.9</v>
      </c>
      <c r="Z1643" s="5">
        <v>10</v>
      </c>
      <c r="AA1643" s="5" t="s">
        <v>43</v>
      </c>
      <c r="AB1643" s="5" t="s">
        <v>44</v>
      </c>
      <c r="AC1643" s="2" t="s">
        <v>29923</v>
      </c>
      <c r="AD1643" s="1"/>
    </row>
    <row r="1644" spans="1:30">
      <c r="A1644" s="5" t="s">
        <v>83578</v>
      </c>
      <c r="B1644" s="2" t="s">
        <v>88528</v>
      </c>
      <c r="C1644" s="14" t="s">
        <v>88529</v>
      </c>
      <c r="D1644" s="2" t="s">
        <v>88530</v>
      </c>
      <c r="E1644" s="2"/>
      <c r="F1644" s="8">
        <v>446</v>
      </c>
      <c r="G1644" s="5">
        <v>25</v>
      </c>
      <c r="H1644" s="5" t="s">
        <v>69</v>
      </c>
      <c r="I1644" s="5" t="s">
        <v>27074</v>
      </c>
      <c r="J1644" s="2" t="s">
        <v>27075</v>
      </c>
      <c r="K1644" s="5" t="s">
        <v>27074</v>
      </c>
      <c r="L1644" s="2" t="s">
        <v>27075</v>
      </c>
      <c r="M1644" s="5" t="s">
        <v>24254</v>
      </c>
      <c r="N1644" s="5" t="s">
        <v>38</v>
      </c>
      <c r="O1644" s="5" t="s">
        <v>39</v>
      </c>
      <c r="P1644" s="5" t="s">
        <v>40</v>
      </c>
      <c r="Q1644" s="5" t="s">
        <v>24340</v>
      </c>
      <c r="R1644" s="5" t="s">
        <v>40</v>
      </c>
      <c r="S1644" s="5" t="s">
        <v>42</v>
      </c>
      <c r="T1644" s="2">
        <v>10.628</v>
      </c>
      <c r="U1644" s="2">
        <v>8.6869999999999994</v>
      </c>
      <c r="V1644" s="2">
        <v>0.129</v>
      </c>
      <c r="W1644" s="2">
        <v>12</v>
      </c>
      <c r="X1644" s="2">
        <v>62</v>
      </c>
      <c r="Y1644" s="2">
        <v>172.9</v>
      </c>
      <c r="Z1644" s="5">
        <v>10</v>
      </c>
      <c r="AA1644" s="5" t="s">
        <v>43</v>
      </c>
      <c r="AB1644" s="5" t="s">
        <v>44</v>
      </c>
      <c r="AC1644" s="2" t="s">
        <v>29648</v>
      </c>
      <c r="AD1644" s="1"/>
    </row>
    <row r="1645" spans="1:30">
      <c r="A1645" s="5" t="s">
        <v>83578</v>
      </c>
      <c r="B1645" s="2" t="s">
        <v>88531</v>
      </c>
      <c r="C1645" s="14" t="s">
        <v>88532</v>
      </c>
      <c r="D1645" s="2" t="s">
        <v>88533</v>
      </c>
      <c r="E1645" s="2"/>
      <c r="F1645" s="8">
        <v>446</v>
      </c>
      <c r="G1645" s="5">
        <v>25</v>
      </c>
      <c r="H1645" s="5" t="s">
        <v>69</v>
      </c>
      <c r="I1645" s="5" t="s">
        <v>27074</v>
      </c>
      <c r="J1645" s="2" t="s">
        <v>27075</v>
      </c>
      <c r="K1645" s="5" t="s">
        <v>27074</v>
      </c>
      <c r="L1645" s="2" t="s">
        <v>27075</v>
      </c>
      <c r="M1645" s="5" t="s">
        <v>24254</v>
      </c>
      <c r="N1645" s="5" t="s">
        <v>38</v>
      </c>
      <c r="O1645" s="5" t="s">
        <v>39</v>
      </c>
      <c r="P1645" s="5" t="s">
        <v>40</v>
      </c>
      <c r="Q1645" s="5" t="s">
        <v>24340</v>
      </c>
      <c r="R1645" s="5" t="s">
        <v>40</v>
      </c>
      <c r="S1645" s="5" t="s">
        <v>42</v>
      </c>
      <c r="T1645" s="2">
        <v>11.757999999999999</v>
      </c>
      <c r="U1645" s="2">
        <v>9.8170000000000002</v>
      </c>
      <c r="V1645" s="2">
        <v>0.129</v>
      </c>
      <c r="W1645" s="2">
        <v>12</v>
      </c>
      <c r="X1645" s="2">
        <v>62</v>
      </c>
      <c r="Y1645" s="2">
        <v>172.9</v>
      </c>
      <c r="Z1645" s="5">
        <v>10</v>
      </c>
      <c r="AA1645" s="5" t="s">
        <v>43</v>
      </c>
      <c r="AB1645" s="5" t="s">
        <v>44</v>
      </c>
      <c r="AC1645" s="2" t="s">
        <v>29923</v>
      </c>
      <c r="AD1645" s="1"/>
    </row>
    <row r="1646" spans="1:30">
      <c r="A1646" s="5" t="s">
        <v>83578</v>
      </c>
      <c r="B1646" s="2" t="s">
        <v>88534</v>
      </c>
      <c r="C1646" s="14" t="s">
        <v>88535</v>
      </c>
      <c r="D1646" s="2" t="s">
        <v>88536</v>
      </c>
      <c r="E1646" s="2"/>
      <c r="F1646" s="8">
        <v>446</v>
      </c>
      <c r="G1646" s="5">
        <v>25</v>
      </c>
      <c r="H1646" s="5" t="s">
        <v>69</v>
      </c>
      <c r="I1646" s="5" t="s">
        <v>27074</v>
      </c>
      <c r="J1646" s="2" t="s">
        <v>27075</v>
      </c>
      <c r="K1646" s="5" t="s">
        <v>27074</v>
      </c>
      <c r="L1646" s="2" t="s">
        <v>27075</v>
      </c>
      <c r="M1646" s="5" t="s">
        <v>24254</v>
      </c>
      <c r="N1646" s="5" t="s">
        <v>38</v>
      </c>
      <c r="O1646" s="5" t="s">
        <v>39</v>
      </c>
      <c r="P1646" s="5" t="s">
        <v>40</v>
      </c>
      <c r="Q1646" s="5" t="s">
        <v>25301</v>
      </c>
      <c r="R1646" s="5" t="s">
        <v>40</v>
      </c>
      <c r="S1646" s="5" t="s">
        <v>42</v>
      </c>
      <c r="T1646" s="2">
        <v>11.137</v>
      </c>
      <c r="U1646" s="2">
        <v>9.1959999999999997</v>
      </c>
      <c r="V1646" s="2">
        <v>0.129</v>
      </c>
      <c r="W1646" s="2">
        <v>12</v>
      </c>
      <c r="X1646" s="2">
        <v>62</v>
      </c>
      <c r="Y1646" s="2">
        <v>172.9</v>
      </c>
      <c r="Z1646" s="5">
        <v>10</v>
      </c>
      <c r="AA1646" s="5" t="s">
        <v>43</v>
      </c>
      <c r="AB1646" s="5" t="s">
        <v>44</v>
      </c>
      <c r="AC1646" s="2" t="s">
        <v>87942</v>
      </c>
      <c r="AD1646" s="1"/>
    </row>
    <row r="1647" spans="1:30">
      <c r="A1647" s="5" t="s">
        <v>83578</v>
      </c>
      <c r="B1647" s="2" t="s">
        <v>88537</v>
      </c>
      <c r="C1647" s="14" t="s">
        <v>88538</v>
      </c>
      <c r="D1647" s="2" t="s">
        <v>88539</v>
      </c>
      <c r="E1647" s="2"/>
      <c r="F1647" s="8">
        <v>446</v>
      </c>
      <c r="G1647" s="5">
        <v>25</v>
      </c>
      <c r="H1647" s="5" t="s">
        <v>69</v>
      </c>
      <c r="I1647" s="5" t="s">
        <v>27074</v>
      </c>
      <c r="J1647" s="2" t="s">
        <v>27075</v>
      </c>
      <c r="K1647" s="5" t="s">
        <v>27074</v>
      </c>
      <c r="L1647" s="2" t="s">
        <v>27075</v>
      </c>
      <c r="M1647" s="5" t="s">
        <v>24254</v>
      </c>
      <c r="N1647" s="5" t="s">
        <v>38</v>
      </c>
      <c r="O1647" s="5" t="s">
        <v>39</v>
      </c>
      <c r="P1647" s="5" t="s">
        <v>40</v>
      </c>
      <c r="Q1647" s="5" t="s">
        <v>25301</v>
      </c>
      <c r="R1647" s="5" t="s">
        <v>40</v>
      </c>
      <c r="S1647" s="5" t="s">
        <v>42</v>
      </c>
      <c r="T1647" s="2">
        <v>11.964</v>
      </c>
      <c r="U1647" s="2">
        <v>10.023</v>
      </c>
      <c r="V1647" s="2">
        <v>0.129</v>
      </c>
      <c r="W1647" s="2">
        <v>12</v>
      </c>
      <c r="X1647" s="2">
        <v>62</v>
      </c>
      <c r="Y1647" s="2">
        <v>172.9</v>
      </c>
      <c r="Z1647" s="5">
        <v>10</v>
      </c>
      <c r="AA1647" s="5" t="s">
        <v>43</v>
      </c>
      <c r="AB1647" s="5" t="s">
        <v>44</v>
      </c>
      <c r="AC1647" s="2" t="s">
        <v>30038</v>
      </c>
      <c r="AD1647" s="1"/>
    </row>
    <row r="1648" spans="1:30">
      <c r="A1648" s="5" t="s">
        <v>83578</v>
      </c>
      <c r="B1648" s="2" t="s">
        <v>88540</v>
      </c>
      <c r="C1648" s="14" t="s">
        <v>88541</v>
      </c>
      <c r="D1648" s="2" t="s">
        <v>88542</v>
      </c>
      <c r="E1648" s="2"/>
      <c r="F1648" s="8">
        <v>446</v>
      </c>
      <c r="G1648" s="5">
        <v>25</v>
      </c>
      <c r="H1648" s="5" t="s">
        <v>69</v>
      </c>
      <c r="I1648" s="5" t="s">
        <v>27074</v>
      </c>
      <c r="J1648" s="2" t="s">
        <v>27075</v>
      </c>
      <c r="K1648" s="5" t="s">
        <v>27074</v>
      </c>
      <c r="L1648" s="2" t="s">
        <v>27075</v>
      </c>
      <c r="M1648" s="5" t="s">
        <v>24254</v>
      </c>
      <c r="N1648" s="5" t="s">
        <v>38</v>
      </c>
      <c r="O1648" s="5" t="s">
        <v>39</v>
      </c>
      <c r="P1648" s="5" t="s">
        <v>40</v>
      </c>
      <c r="Q1648" s="5" t="s">
        <v>25301</v>
      </c>
      <c r="R1648" s="5" t="s">
        <v>40</v>
      </c>
      <c r="S1648" s="5" t="s">
        <v>42</v>
      </c>
      <c r="T1648" s="2">
        <v>7.6130000000000004</v>
      </c>
      <c r="U1648" s="2">
        <v>5.6719999999999997</v>
      </c>
      <c r="V1648" s="2">
        <v>0.129</v>
      </c>
      <c r="W1648" s="2">
        <v>12</v>
      </c>
      <c r="X1648" s="2">
        <v>62</v>
      </c>
      <c r="Y1648" s="2">
        <v>172.9</v>
      </c>
      <c r="Z1648" s="5">
        <v>10</v>
      </c>
      <c r="AA1648" s="5" t="s">
        <v>43</v>
      </c>
      <c r="AB1648" s="5" t="s">
        <v>44</v>
      </c>
      <c r="AC1648" s="2" t="s">
        <v>87949</v>
      </c>
      <c r="AD1648" s="1"/>
    </row>
    <row r="1649" spans="1:30">
      <c r="A1649" s="5" t="s">
        <v>83578</v>
      </c>
      <c r="B1649" s="2" t="s">
        <v>88543</v>
      </c>
      <c r="C1649" s="14" t="s">
        <v>88544</v>
      </c>
      <c r="D1649" s="2" t="s">
        <v>88545</v>
      </c>
      <c r="E1649" s="2"/>
      <c r="F1649" s="8">
        <v>446</v>
      </c>
      <c r="G1649" s="5">
        <v>25</v>
      </c>
      <c r="H1649" s="5" t="s">
        <v>69</v>
      </c>
      <c r="I1649" s="5" t="s">
        <v>27074</v>
      </c>
      <c r="J1649" s="2" t="s">
        <v>27075</v>
      </c>
      <c r="K1649" s="5" t="s">
        <v>27074</v>
      </c>
      <c r="L1649" s="2" t="s">
        <v>27075</v>
      </c>
      <c r="M1649" s="5" t="s">
        <v>24254</v>
      </c>
      <c r="N1649" s="5" t="s">
        <v>38</v>
      </c>
      <c r="O1649" s="5" t="s">
        <v>39</v>
      </c>
      <c r="P1649" s="5" t="s">
        <v>40</v>
      </c>
      <c r="Q1649" s="5" t="s">
        <v>25301</v>
      </c>
      <c r="R1649" s="5" t="s">
        <v>40</v>
      </c>
      <c r="S1649" s="5" t="s">
        <v>42</v>
      </c>
      <c r="T1649" s="2">
        <v>8.4420000000000002</v>
      </c>
      <c r="U1649" s="2">
        <v>6.5010000000000003</v>
      </c>
      <c r="V1649" s="2">
        <v>0.129</v>
      </c>
      <c r="W1649" s="2">
        <v>12</v>
      </c>
      <c r="X1649" s="2">
        <v>62</v>
      </c>
      <c r="Y1649" s="2">
        <v>172.9</v>
      </c>
      <c r="Z1649" s="5">
        <v>10</v>
      </c>
      <c r="AA1649" s="5" t="s">
        <v>43</v>
      </c>
      <c r="AB1649" s="5" t="s">
        <v>44</v>
      </c>
      <c r="AC1649" s="2" t="s">
        <v>30042</v>
      </c>
      <c r="AD1649" s="1"/>
    </row>
    <row r="1650" spans="1:30">
      <c r="A1650" s="5" t="s">
        <v>83578</v>
      </c>
      <c r="B1650" s="2" t="s">
        <v>88546</v>
      </c>
      <c r="C1650" s="14" t="s">
        <v>88547</v>
      </c>
      <c r="D1650" s="2" t="s">
        <v>88548</v>
      </c>
      <c r="E1650" s="2"/>
      <c r="F1650" s="8">
        <v>446</v>
      </c>
      <c r="G1650" s="5">
        <v>25</v>
      </c>
      <c r="H1650" s="5" t="s">
        <v>69</v>
      </c>
      <c r="I1650" s="5" t="s">
        <v>27074</v>
      </c>
      <c r="J1650" s="2" t="s">
        <v>27075</v>
      </c>
      <c r="K1650" s="5" t="s">
        <v>27074</v>
      </c>
      <c r="L1650" s="2" t="s">
        <v>27075</v>
      </c>
      <c r="M1650" s="5" t="s">
        <v>24254</v>
      </c>
      <c r="N1650" s="5" t="s">
        <v>38</v>
      </c>
      <c r="O1650" s="5" t="s">
        <v>39</v>
      </c>
      <c r="P1650" s="5" t="s">
        <v>40</v>
      </c>
      <c r="Q1650" s="5" t="s">
        <v>25301</v>
      </c>
      <c r="R1650" s="5" t="s">
        <v>40</v>
      </c>
      <c r="S1650" s="5" t="s">
        <v>42</v>
      </c>
      <c r="T1650" s="2">
        <v>9.6989999999999998</v>
      </c>
      <c r="U1650" s="2">
        <v>7.758</v>
      </c>
      <c r="V1650" s="2">
        <v>0.129</v>
      </c>
      <c r="W1650" s="2">
        <v>12</v>
      </c>
      <c r="X1650" s="2">
        <v>62</v>
      </c>
      <c r="Y1650" s="2">
        <v>172.9</v>
      </c>
      <c r="Z1650" s="5">
        <v>10</v>
      </c>
      <c r="AA1650" s="5" t="s">
        <v>43</v>
      </c>
      <c r="AB1650" s="5" t="s">
        <v>44</v>
      </c>
      <c r="AC1650" s="2" t="s">
        <v>87949</v>
      </c>
      <c r="AD1650" s="1"/>
    </row>
    <row r="1651" spans="1:30">
      <c r="A1651" s="5" t="s">
        <v>83578</v>
      </c>
      <c r="B1651" s="2" t="s">
        <v>88549</v>
      </c>
      <c r="C1651" s="14" t="s">
        <v>88550</v>
      </c>
      <c r="D1651" s="2" t="s">
        <v>88551</v>
      </c>
      <c r="E1651" s="2"/>
      <c r="F1651" s="8">
        <v>446</v>
      </c>
      <c r="G1651" s="5">
        <v>25</v>
      </c>
      <c r="H1651" s="5" t="s">
        <v>69</v>
      </c>
      <c r="I1651" s="5" t="s">
        <v>27074</v>
      </c>
      <c r="J1651" s="2" t="s">
        <v>27075</v>
      </c>
      <c r="K1651" s="5" t="s">
        <v>27074</v>
      </c>
      <c r="L1651" s="2" t="s">
        <v>27075</v>
      </c>
      <c r="M1651" s="5" t="s">
        <v>24254</v>
      </c>
      <c r="N1651" s="5" t="s">
        <v>38</v>
      </c>
      <c r="O1651" s="5" t="s">
        <v>39</v>
      </c>
      <c r="P1651" s="5" t="s">
        <v>40</v>
      </c>
      <c r="Q1651" s="5" t="s">
        <v>25301</v>
      </c>
      <c r="R1651" s="5" t="s">
        <v>40</v>
      </c>
      <c r="S1651" s="5" t="s">
        <v>42</v>
      </c>
      <c r="T1651" s="2">
        <v>10.612</v>
      </c>
      <c r="U1651" s="2">
        <v>8.6709999999999994</v>
      </c>
      <c r="V1651" s="2">
        <v>0.129</v>
      </c>
      <c r="W1651" s="2">
        <v>12</v>
      </c>
      <c r="X1651" s="2">
        <v>62</v>
      </c>
      <c r="Y1651" s="2">
        <v>172.9</v>
      </c>
      <c r="Z1651" s="5">
        <v>10</v>
      </c>
      <c r="AA1651" s="5" t="s">
        <v>43</v>
      </c>
      <c r="AB1651" s="5" t="s">
        <v>44</v>
      </c>
      <c r="AC1651" s="2" t="s">
        <v>30042</v>
      </c>
      <c r="AD1651" s="1"/>
    </row>
    <row r="1652" spans="1:30">
      <c r="A1652" s="5" t="s">
        <v>83578</v>
      </c>
      <c r="B1652" s="2" t="s">
        <v>88552</v>
      </c>
      <c r="C1652" s="14" t="s">
        <v>88553</v>
      </c>
      <c r="D1652" s="2" t="s">
        <v>88554</v>
      </c>
      <c r="E1652" s="2" t="s">
        <v>87894</v>
      </c>
      <c r="F1652" s="8">
        <v>412</v>
      </c>
      <c r="G1652" s="5">
        <v>5</v>
      </c>
      <c r="H1652" s="5" t="s">
        <v>69</v>
      </c>
      <c r="I1652" s="5" t="s">
        <v>27074</v>
      </c>
      <c r="J1652" s="2" t="s">
        <v>27075</v>
      </c>
      <c r="K1652" s="5" t="s">
        <v>27074</v>
      </c>
      <c r="L1652" s="2" t="s">
        <v>27075</v>
      </c>
      <c r="M1652" s="5" t="s">
        <v>24254</v>
      </c>
      <c r="N1652" s="5" t="s">
        <v>38</v>
      </c>
      <c r="O1652" s="5" t="s">
        <v>39</v>
      </c>
      <c r="P1652" s="5" t="s">
        <v>40</v>
      </c>
      <c r="Q1652" s="5" t="s">
        <v>1487</v>
      </c>
      <c r="R1652" s="5"/>
      <c r="S1652" s="5" t="s">
        <v>42</v>
      </c>
      <c r="T1652" s="2">
        <v>0</v>
      </c>
      <c r="U1652" s="2">
        <v>0</v>
      </c>
      <c r="V1652" s="2">
        <v>0</v>
      </c>
      <c r="W1652" s="2">
        <v>0</v>
      </c>
      <c r="X1652" s="2">
        <v>0</v>
      </c>
      <c r="Y1652" s="2">
        <v>0</v>
      </c>
      <c r="Z1652" s="5"/>
      <c r="AA1652" s="5" t="s">
        <v>43</v>
      </c>
      <c r="AB1652" s="5" t="s">
        <v>44</v>
      </c>
      <c r="AC1652" s="2" t="s">
        <v>87895</v>
      </c>
      <c r="AD1652" s="1"/>
    </row>
    <row r="1653" spans="1:30">
      <c r="A1653" s="5" t="s">
        <v>83578</v>
      </c>
      <c r="B1653" s="2" t="s">
        <v>88555</v>
      </c>
      <c r="C1653" s="14" t="s">
        <v>88556</v>
      </c>
      <c r="D1653" s="2" t="s">
        <v>88557</v>
      </c>
      <c r="E1653" s="2" t="s">
        <v>87894</v>
      </c>
      <c r="F1653" s="8">
        <v>412</v>
      </c>
      <c r="G1653" s="5">
        <v>5</v>
      </c>
      <c r="H1653" s="5" t="s">
        <v>69</v>
      </c>
      <c r="I1653" s="5" t="s">
        <v>27074</v>
      </c>
      <c r="J1653" s="2" t="s">
        <v>27075</v>
      </c>
      <c r="K1653" s="5" t="s">
        <v>27074</v>
      </c>
      <c r="L1653" s="2" t="s">
        <v>27075</v>
      </c>
      <c r="M1653" s="5" t="s">
        <v>24254</v>
      </c>
      <c r="N1653" s="5" t="s">
        <v>38</v>
      </c>
      <c r="O1653" s="5" t="s">
        <v>39</v>
      </c>
      <c r="P1653" s="5" t="s">
        <v>40</v>
      </c>
      <c r="Q1653" s="5" t="s">
        <v>1487</v>
      </c>
      <c r="R1653" s="5"/>
      <c r="S1653" s="5" t="s">
        <v>42</v>
      </c>
      <c r="T1653" s="2">
        <v>0</v>
      </c>
      <c r="U1653" s="2">
        <v>0</v>
      </c>
      <c r="V1653" s="2">
        <v>0</v>
      </c>
      <c r="W1653" s="2">
        <v>0</v>
      </c>
      <c r="X1653" s="2">
        <v>0</v>
      </c>
      <c r="Y1653" s="2">
        <v>0</v>
      </c>
      <c r="Z1653" s="5"/>
      <c r="AA1653" s="5" t="s">
        <v>43</v>
      </c>
      <c r="AB1653" s="5" t="s">
        <v>44</v>
      </c>
      <c r="AC1653" s="2" t="s">
        <v>87899</v>
      </c>
      <c r="AD1653" s="1"/>
    </row>
    <row r="1654" spans="1:30">
      <c r="A1654" s="5" t="s">
        <v>83578</v>
      </c>
      <c r="B1654" s="2" t="s">
        <v>88558</v>
      </c>
      <c r="C1654" s="14" t="s">
        <v>88559</v>
      </c>
      <c r="D1654" s="2" t="s">
        <v>88560</v>
      </c>
      <c r="E1654" s="2" t="s">
        <v>87894</v>
      </c>
      <c r="F1654" s="8">
        <v>412</v>
      </c>
      <c r="G1654" s="5">
        <v>5</v>
      </c>
      <c r="H1654" s="5" t="s">
        <v>69</v>
      </c>
      <c r="I1654" s="5" t="s">
        <v>27074</v>
      </c>
      <c r="J1654" s="2" t="s">
        <v>27075</v>
      </c>
      <c r="K1654" s="5" t="s">
        <v>27074</v>
      </c>
      <c r="L1654" s="2" t="s">
        <v>27075</v>
      </c>
      <c r="M1654" s="5" t="s">
        <v>24254</v>
      </c>
      <c r="N1654" s="5" t="s">
        <v>38</v>
      </c>
      <c r="O1654" s="5" t="s">
        <v>39</v>
      </c>
      <c r="P1654" s="5" t="s">
        <v>40</v>
      </c>
      <c r="Q1654" s="5" t="s">
        <v>1487</v>
      </c>
      <c r="R1654" s="5"/>
      <c r="S1654" s="5" t="s">
        <v>42</v>
      </c>
      <c r="T1654" s="2">
        <v>0</v>
      </c>
      <c r="U1654" s="2">
        <v>0</v>
      </c>
      <c r="V1654" s="2">
        <v>0</v>
      </c>
      <c r="W1654" s="2">
        <v>0</v>
      </c>
      <c r="X1654" s="2">
        <v>0</v>
      </c>
      <c r="Y1654" s="2">
        <v>0</v>
      </c>
      <c r="Z1654" s="5"/>
      <c r="AA1654" s="5" t="s">
        <v>43</v>
      </c>
      <c r="AB1654" s="5" t="s">
        <v>44</v>
      </c>
      <c r="AC1654" s="2" t="s">
        <v>87903</v>
      </c>
      <c r="AD1654" s="1"/>
    </row>
    <row r="1655" spans="1:30">
      <c r="A1655" s="5" t="s">
        <v>83578</v>
      </c>
      <c r="B1655" s="2" t="s">
        <v>88561</v>
      </c>
      <c r="C1655" s="14" t="s">
        <v>88562</v>
      </c>
      <c r="D1655" s="2" t="s">
        <v>88563</v>
      </c>
      <c r="E1655" s="2" t="s">
        <v>87894</v>
      </c>
      <c r="F1655" s="8">
        <v>412</v>
      </c>
      <c r="G1655" s="5">
        <v>5</v>
      </c>
      <c r="H1655" s="5" t="s">
        <v>69</v>
      </c>
      <c r="I1655" s="5" t="s">
        <v>27074</v>
      </c>
      <c r="J1655" s="2" t="s">
        <v>27075</v>
      </c>
      <c r="K1655" s="5" t="s">
        <v>27074</v>
      </c>
      <c r="L1655" s="2" t="s">
        <v>27075</v>
      </c>
      <c r="M1655" s="5" t="s">
        <v>24254</v>
      </c>
      <c r="N1655" s="5" t="s">
        <v>38</v>
      </c>
      <c r="O1655" s="5" t="s">
        <v>39</v>
      </c>
      <c r="P1655" s="5" t="s">
        <v>40</v>
      </c>
      <c r="Q1655" s="5" t="s">
        <v>1487</v>
      </c>
      <c r="R1655" s="5"/>
      <c r="S1655" s="5" t="s">
        <v>42</v>
      </c>
      <c r="T1655" s="2">
        <v>0</v>
      </c>
      <c r="U1655" s="2">
        <v>0</v>
      </c>
      <c r="V1655" s="2">
        <v>0</v>
      </c>
      <c r="W1655" s="2">
        <v>0</v>
      </c>
      <c r="X1655" s="2">
        <v>0</v>
      </c>
      <c r="Y1655" s="2">
        <v>0</v>
      </c>
      <c r="Z1655" s="5"/>
      <c r="AA1655" s="5" t="s">
        <v>43</v>
      </c>
      <c r="AB1655" s="5" t="s">
        <v>44</v>
      </c>
      <c r="AC1655" s="2" t="s">
        <v>88043</v>
      </c>
      <c r="AD1655" s="1"/>
    </row>
    <row r="1656" spans="1:30">
      <c r="A1656" s="5" t="s">
        <v>83578</v>
      </c>
      <c r="B1656" s="2" t="s">
        <v>88564</v>
      </c>
      <c r="C1656" s="14" t="s">
        <v>88565</v>
      </c>
      <c r="D1656" s="2" t="s">
        <v>88566</v>
      </c>
      <c r="E1656" s="2"/>
      <c r="F1656" s="8">
        <v>461</v>
      </c>
      <c r="G1656" s="5">
        <v>25</v>
      </c>
      <c r="H1656" s="5" t="s">
        <v>69</v>
      </c>
      <c r="I1656" s="5" t="s">
        <v>27074</v>
      </c>
      <c r="J1656" s="2" t="s">
        <v>27075</v>
      </c>
      <c r="K1656" s="5" t="s">
        <v>27074</v>
      </c>
      <c r="L1656" s="2" t="s">
        <v>27075</v>
      </c>
      <c r="M1656" s="5" t="s">
        <v>24254</v>
      </c>
      <c r="N1656" s="5" t="s">
        <v>38</v>
      </c>
      <c r="O1656" s="5" t="s">
        <v>39</v>
      </c>
      <c r="P1656" s="5" t="s">
        <v>40</v>
      </c>
      <c r="Q1656" s="5" t="s">
        <v>24340</v>
      </c>
      <c r="R1656" s="5" t="s">
        <v>40</v>
      </c>
      <c r="S1656" s="5" t="s">
        <v>42</v>
      </c>
      <c r="T1656" s="2">
        <v>22.009</v>
      </c>
      <c r="U1656" s="2">
        <v>19.256</v>
      </c>
      <c r="V1656" s="2">
        <v>0.14899999999999999</v>
      </c>
      <c r="W1656" s="2">
        <v>12</v>
      </c>
      <c r="X1656" s="2">
        <v>62</v>
      </c>
      <c r="Y1656" s="2">
        <v>199.7</v>
      </c>
      <c r="Z1656" s="5">
        <v>8</v>
      </c>
      <c r="AA1656" s="5" t="s">
        <v>43</v>
      </c>
      <c r="AB1656" s="5" t="s">
        <v>44</v>
      </c>
      <c r="AC1656" s="2" t="s">
        <v>29641</v>
      </c>
      <c r="AD1656" s="1"/>
    </row>
    <row r="1657" spans="1:30">
      <c r="A1657" s="5" t="s">
        <v>83578</v>
      </c>
      <c r="B1657" s="2" t="s">
        <v>88567</v>
      </c>
      <c r="C1657" s="14" t="s">
        <v>88568</v>
      </c>
      <c r="D1657" s="2" t="s">
        <v>88569</v>
      </c>
      <c r="E1657" s="2"/>
      <c r="F1657" s="8">
        <v>461</v>
      </c>
      <c r="G1657" s="5">
        <v>25</v>
      </c>
      <c r="H1657" s="5" t="s">
        <v>69</v>
      </c>
      <c r="I1657" s="5" t="s">
        <v>27074</v>
      </c>
      <c r="J1657" s="2" t="s">
        <v>27075</v>
      </c>
      <c r="K1657" s="5" t="s">
        <v>27074</v>
      </c>
      <c r="L1657" s="2" t="s">
        <v>27075</v>
      </c>
      <c r="M1657" s="5" t="s">
        <v>24254</v>
      </c>
      <c r="N1657" s="5" t="s">
        <v>38</v>
      </c>
      <c r="O1657" s="5" t="s">
        <v>39</v>
      </c>
      <c r="P1657" s="5" t="s">
        <v>40</v>
      </c>
      <c r="Q1657" s="5" t="s">
        <v>24340</v>
      </c>
      <c r="R1657" s="5" t="s">
        <v>40</v>
      </c>
      <c r="S1657" s="5" t="s">
        <v>42</v>
      </c>
      <c r="T1657" s="2">
        <v>19.202000000000002</v>
      </c>
      <c r="U1657" s="2">
        <v>16.45</v>
      </c>
      <c r="V1657" s="2">
        <v>0.14899999999999999</v>
      </c>
      <c r="W1657" s="2">
        <v>12</v>
      </c>
      <c r="X1657" s="2">
        <v>62</v>
      </c>
      <c r="Y1657" s="2">
        <v>199.7</v>
      </c>
      <c r="Z1657" s="5">
        <v>8</v>
      </c>
      <c r="AA1657" s="5" t="s">
        <v>43</v>
      </c>
      <c r="AB1657" s="5" t="s">
        <v>44</v>
      </c>
      <c r="AC1657" s="2" t="s">
        <v>29641</v>
      </c>
      <c r="AD1657" s="1"/>
    </row>
    <row r="1658" spans="1:30">
      <c r="A1658" s="5" t="s">
        <v>83578</v>
      </c>
      <c r="B1658" s="2" t="s">
        <v>88570</v>
      </c>
      <c r="C1658" s="14" t="s">
        <v>88571</v>
      </c>
      <c r="D1658" s="2" t="s">
        <v>88572</v>
      </c>
      <c r="E1658" s="2"/>
      <c r="F1658" s="8">
        <v>461</v>
      </c>
      <c r="G1658" s="5">
        <v>25</v>
      </c>
      <c r="H1658" s="5" t="s">
        <v>69</v>
      </c>
      <c r="I1658" s="5" t="s">
        <v>27074</v>
      </c>
      <c r="J1658" s="2" t="s">
        <v>27075</v>
      </c>
      <c r="K1658" s="5" t="s">
        <v>27074</v>
      </c>
      <c r="L1658" s="2" t="s">
        <v>27075</v>
      </c>
      <c r="M1658" s="5" t="s">
        <v>24254</v>
      </c>
      <c r="N1658" s="5" t="s">
        <v>38</v>
      </c>
      <c r="O1658" s="5" t="s">
        <v>39</v>
      </c>
      <c r="P1658" s="5" t="s">
        <v>40</v>
      </c>
      <c r="Q1658" s="5" t="s">
        <v>24340</v>
      </c>
      <c r="R1658" s="5" t="s">
        <v>40</v>
      </c>
      <c r="S1658" s="5" t="s">
        <v>42</v>
      </c>
      <c r="T1658" s="2">
        <v>16.260999999999999</v>
      </c>
      <c r="U1658" s="2">
        <v>13.54</v>
      </c>
      <c r="V1658" s="2">
        <v>0.14899999999999999</v>
      </c>
      <c r="W1658" s="2">
        <v>12</v>
      </c>
      <c r="X1658" s="2">
        <v>62</v>
      </c>
      <c r="Y1658" s="2">
        <v>199.7</v>
      </c>
      <c r="Z1658" s="5">
        <v>8</v>
      </c>
      <c r="AA1658" s="5" t="s">
        <v>43</v>
      </c>
      <c r="AB1658" s="5" t="s">
        <v>44</v>
      </c>
      <c r="AC1658" s="2" t="s">
        <v>29641</v>
      </c>
      <c r="AD1658" s="1"/>
    </row>
    <row r="1659" spans="1:30">
      <c r="A1659" s="5" t="s">
        <v>83578</v>
      </c>
      <c r="B1659" s="2" t="s">
        <v>88573</v>
      </c>
      <c r="C1659" s="14" t="s">
        <v>88574</v>
      </c>
      <c r="D1659" s="2" t="s">
        <v>88575</v>
      </c>
      <c r="E1659" s="2"/>
      <c r="F1659" s="8">
        <v>461</v>
      </c>
      <c r="G1659" s="5">
        <v>25</v>
      </c>
      <c r="H1659" s="5" t="s">
        <v>69</v>
      </c>
      <c r="I1659" s="5" t="s">
        <v>27074</v>
      </c>
      <c r="J1659" s="2" t="s">
        <v>27075</v>
      </c>
      <c r="K1659" s="5" t="s">
        <v>27074</v>
      </c>
      <c r="L1659" s="2" t="s">
        <v>27075</v>
      </c>
      <c r="M1659" s="5" t="s">
        <v>24254</v>
      </c>
      <c r="N1659" s="5" t="s">
        <v>38</v>
      </c>
      <c r="O1659" s="5" t="s">
        <v>39</v>
      </c>
      <c r="P1659" s="5" t="s">
        <v>40</v>
      </c>
      <c r="Q1659" s="5" t="s">
        <v>24340</v>
      </c>
      <c r="R1659" s="5" t="s">
        <v>40</v>
      </c>
      <c r="S1659" s="5" t="s">
        <v>42</v>
      </c>
      <c r="T1659" s="2">
        <v>14.387</v>
      </c>
      <c r="U1659" s="2">
        <v>11.669</v>
      </c>
      <c r="V1659" s="2">
        <v>0.14899999999999999</v>
      </c>
      <c r="W1659" s="2">
        <v>12</v>
      </c>
      <c r="X1659" s="2">
        <v>62</v>
      </c>
      <c r="Y1659" s="2">
        <v>199.7</v>
      </c>
      <c r="Z1659" s="5">
        <v>10</v>
      </c>
      <c r="AA1659" s="5" t="s">
        <v>43</v>
      </c>
      <c r="AB1659" s="5" t="s">
        <v>44</v>
      </c>
      <c r="AC1659" s="2" t="s">
        <v>87916</v>
      </c>
      <c r="AD1659" s="1"/>
    </row>
    <row r="1660" spans="1:30">
      <c r="A1660" s="5" t="s">
        <v>83578</v>
      </c>
      <c r="B1660" s="2" t="s">
        <v>88576</v>
      </c>
      <c r="C1660" s="14" t="s">
        <v>88577</v>
      </c>
      <c r="D1660" s="2" t="s">
        <v>88578</v>
      </c>
      <c r="E1660" s="2"/>
      <c r="F1660" s="8">
        <v>461</v>
      </c>
      <c r="G1660" s="5">
        <v>25</v>
      </c>
      <c r="H1660" s="5" t="s">
        <v>69</v>
      </c>
      <c r="I1660" s="5" t="s">
        <v>27074</v>
      </c>
      <c r="J1660" s="2" t="s">
        <v>27075</v>
      </c>
      <c r="K1660" s="5" t="s">
        <v>27074</v>
      </c>
      <c r="L1660" s="2" t="s">
        <v>27075</v>
      </c>
      <c r="M1660" s="5" t="s">
        <v>24254</v>
      </c>
      <c r="N1660" s="5" t="s">
        <v>38</v>
      </c>
      <c r="O1660" s="5" t="s">
        <v>39</v>
      </c>
      <c r="P1660" s="5" t="s">
        <v>40</v>
      </c>
      <c r="Q1660" s="5" t="s">
        <v>24340</v>
      </c>
      <c r="R1660" s="5" t="s">
        <v>40</v>
      </c>
      <c r="S1660" s="5" t="s">
        <v>42</v>
      </c>
      <c r="T1660" s="2">
        <v>15.413</v>
      </c>
      <c r="U1660" s="2">
        <v>12.695</v>
      </c>
      <c r="V1660" s="2">
        <v>0.14899999999999999</v>
      </c>
      <c r="W1660" s="2">
        <v>12</v>
      </c>
      <c r="X1660" s="2">
        <v>62</v>
      </c>
      <c r="Y1660" s="2">
        <v>199.7</v>
      </c>
      <c r="Z1660" s="5">
        <v>10</v>
      </c>
      <c r="AA1660" s="5" t="s">
        <v>43</v>
      </c>
      <c r="AB1660" s="5" t="s">
        <v>44</v>
      </c>
      <c r="AC1660" s="2" t="s">
        <v>87920</v>
      </c>
      <c r="AD1660" s="1"/>
    </row>
    <row r="1661" spans="1:30">
      <c r="A1661" s="5" t="s">
        <v>83578</v>
      </c>
      <c r="B1661" s="2" t="s">
        <v>88579</v>
      </c>
      <c r="C1661" s="14" t="s">
        <v>88580</v>
      </c>
      <c r="D1661" s="2" t="s">
        <v>88581</v>
      </c>
      <c r="E1661" s="2"/>
      <c r="F1661" s="8">
        <v>461</v>
      </c>
      <c r="G1661" s="5">
        <v>25</v>
      </c>
      <c r="H1661" s="5" t="s">
        <v>69</v>
      </c>
      <c r="I1661" s="5" t="s">
        <v>27074</v>
      </c>
      <c r="J1661" s="2" t="s">
        <v>27075</v>
      </c>
      <c r="K1661" s="5" t="s">
        <v>27074</v>
      </c>
      <c r="L1661" s="2" t="s">
        <v>27075</v>
      </c>
      <c r="M1661" s="5" t="s">
        <v>24254</v>
      </c>
      <c r="N1661" s="5" t="s">
        <v>38</v>
      </c>
      <c r="O1661" s="5" t="s">
        <v>39</v>
      </c>
      <c r="P1661" s="5" t="s">
        <v>40</v>
      </c>
      <c r="Q1661" s="5" t="s">
        <v>24340</v>
      </c>
      <c r="R1661" s="5" t="s">
        <v>40</v>
      </c>
      <c r="S1661" s="5" t="s">
        <v>42</v>
      </c>
      <c r="T1661" s="2">
        <v>9.4359999999999999</v>
      </c>
      <c r="U1661" s="2">
        <v>6.718</v>
      </c>
      <c r="V1661" s="2">
        <v>0.14899999999999999</v>
      </c>
      <c r="W1661" s="2">
        <v>12</v>
      </c>
      <c r="X1661" s="2">
        <v>62</v>
      </c>
      <c r="Y1661" s="2">
        <v>199.7</v>
      </c>
      <c r="Z1661" s="5">
        <v>10</v>
      </c>
      <c r="AA1661" s="5" t="s">
        <v>43</v>
      </c>
      <c r="AB1661" s="5" t="s">
        <v>44</v>
      </c>
      <c r="AC1661" s="2" t="s">
        <v>29648</v>
      </c>
      <c r="AD1661" s="1"/>
    </row>
    <row r="1662" spans="1:30">
      <c r="A1662" s="5" t="s">
        <v>83578</v>
      </c>
      <c r="B1662" s="2" t="s">
        <v>88582</v>
      </c>
      <c r="C1662" s="14" t="s">
        <v>88583</v>
      </c>
      <c r="D1662" s="2" t="s">
        <v>88584</v>
      </c>
      <c r="E1662" s="2"/>
      <c r="F1662" s="8">
        <v>461</v>
      </c>
      <c r="G1662" s="5">
        <v>25</v>
      </c>
      <c r="H1662" s="5" t="s">
        <v>69</v>
      </c>
      <c r="I1662" s="5" t="s">
        <v>27074</v>
      </c>
      <c r="J1662" s="2" t="s">
        <v>27075</v>
      </c>
      <c r="K1662" s="5" t="s">
        <v>27074</v>
      </c>
      <c r="L1662" s="2" t="s">
        <v>27075</v>
      </c>
      <c r="M1662" s="5" t="s">
        <v>24254</v>
      </c>
      <c r="N1662" s="5" t="s">
        <v>38</v>
      </c>
      <c r="O1662" s="5" t="s">
        <v>39</v>
      </c>
      <c r="P1662" s="5" t="s">
        <v>40</v>
      </c>
      <c r="Q1662" s="5" t="s">
        <v>24340</v>
      </c>
      <c r="R1662" s="5" t="s">
        <v>40</v>
      </c>
      <c r="S1662" s="5" t="s">
        <v>42</v>
      </c>
      <c r="T1662" s="2">
        <v>10.465</v>
      </c>
      <c r="U1662" s="2">
        <v>7.7469999999999999</v>
      </c>
      <c r="V1662" s="2">
        <v>0.14899999999999999</v>
      </c>
      <c r="W1662" s="2">
        <v>12</v>
      </c>
      <c r="X1662" s="2">
        <v>62</v>
      </c>
      <c r="Y1662" s="2">
        <v>199.7</v>
      </c>
      <c r="Z1662" s="5">
        <v>10</v>
      </c>
      <c r="AA1662" s="5" t="s">
        <v>43</v>
      </c>
      <c r="AB1662" s="5" t="s">
        <v>44</v>
      </c>
      <c r="AC1662" s="2" t="s">
        <v>29923</v>
      </c>
      <c r="AD1662" s="1"/>
    </row>
    <row r="1663" spans="1:30">
      <c r="A1663" s="5" t="s">
        <v>83578</v>
      </c>
      <c r="B1663" s="2" t="s">
        <v>88585</v>
      </c>
      <c r="C1663" s="14" t="s">
        <v>88586</v>
      </c>
      <c r="D1663" s="2" t="s">
        <v>88587</v>
      </c>
      <c r="E1663" s="2"/>
      <c r="F1663" s="8">
        <v>461</v>
      </c>
      <c r="G1663" s="5">
        <v>25</v>
      </c>
      <c r="H1663" s="5" t="s">
        <v>69</v>
      </c>
      <c r="I1663" s="5" t="s">
        <v>27074</v>
      </c>
      <c r="J1663" s="2" t="s">
        <v>27075</v>
      </c>
      <c r="K1663" s="5" t="s">
        <v>27074</v>
      </c>
      <c r="L1663" s="2" t="s">
        <v>27075</v>
      </c>
      <c r="M1663" s="5" t="s">
        <v>24254</v>
      </c>
      <c r="N1663" s="5" t="s">
        <v>38</v>
      </c>
      <c r="O1663" s="5" t="s">
        <v>39</v>
      </c>
      <c r="P1663" s="5" t="s">
        <v>40</v>
      </c>
      <c r="Q1663" s="5" t="s">
        <v>24340</v>
      </c>
      <c r="R1663" s="5" t="s">
        <v>40</v>
      </c>
      <c r="S1663" s="5" t="s">
        <v>42</v>
      </c>
      <c r="T1663" s="2">
        <v>12.352</v>
      </c>
      <c r="U1663" s="2">
        <v>9.6340000000000003</v>
      </c>
      <c r="V1663" s="2">
        <v>0.14899999999999999</v>
      </c>
      <c r="W1663" s="2">
        <v>12</v>
      </c>
      <c r="X1663" s="2">
        <v>62</v>
      </c>
      <c r="Y1663" s="2">
        <v>199.7</v>
      </c>
      <c r="Z1663" s="5">
        <v>10</v>
      </c>
      <c r="AA1663" s="5" t="s">
        <v>43</v>
      </c>
      <c r="AB1663" s="5" t="s">
        <v>44</v>
      </c>
      <c r="AC1663" s="2" t="s">
        <v>29648</v>
      </c>
      <c r="AD1663" s="1"/>
    </row>
    <row r="1664" spans="1:30">
      <c r="A1664" s="5" t="s">
        <v>83578</v>
      </c>
      <c r="B1664" s="2" t="s">
        <v>88588</v>
      </c>
      <c r="C1664" s="14" t="s">
        <v>88589</v>
      </c>
      <c r="D1664" s="2" t="s">
        <v>88590</v>
      </c>
      <c r="E1664" s="2"/>
      <c r="F1664" s="8">
        <v>461</v>
      </c>
      <c r="G1664" s="5">
        <v>25</v>
      </c>
      <c r="H1664" s="5" t="s">
        <v>69</v>
      </c>
      <c r="I1664" s="5" t="s">
        <v>27074</v>
      </c>
      <c r="J1664" s="2" t="s">
        <v>27075</v>
      </c>
      <c r="K1664" s="5" t="s">
        <v>27074</v>
      </c>
      <c r="L1664" s="2" t="s">
        <v>27075</v>
      </c>
      <c r="M1664" s="5" t="s">
        <v>24254</v>
      </c>
      <c r="N1664" s="5" t="s">
        <v>38</v>
      </c>
      <c r="O1664" s="5" t="s">
        <v>39</v>
      </c>
      <c r="P1664" s="5" t="s">
        <v>40</v>
      </c>
      <c r="Q1664" s="5" t="s">
        <v>24340</v>
      </c>
      <c r="R1664" s="5" t="s">
        <v>40</v>
      </c>
      <c r="S1664" s="5" t="s">
        <v>42</v>
      </c>
      <c r="T1664" s="2">
        <v>13.481999999999999</v>
      </c>
      <c r="U1664" s="2">
        <v>10.763999999999999</v>
      </c>
      <c r="V1664" s="2">
        <v>0.14899999999999999</v>
      </c>
      <c r="W1664" s="2">
        <v>12</v>
      </c>
      <c r="X1664" s="2">
        <v>62</v>
      </c>
      <c r="Y1664" s="2">
        <v>199.7</v>
      </c>
      <c r="Z1664" s="5">
        <v>10</v>
      </c>
      <c r="AA1664" s="5" t="s">
        <v>43</v>
      </c>
      <c r="AB1664" s="5" t="s">
        <v>44</v>
      </c>
      <c r="AC1664" s="2" t="s">
        <v>29923</v>
      </c>
      <c r="AD1664" s="1"/>
    </row>
    <row r="1665" spans="1:30">
      <c r="A1665" s="5" t="s">
        <v>83578</v>
      </c>
      <c r="B1665" s="2" t="s">
        <v>88591</v>
      </c>
      <c r="C1665" s="14" t="s">
        <v>88592</v>
      </c>
      <c r="D1665" s="2" t="s">
        <v>88593</v>
      </c>
      <c r="E1665" s="2"/>
      <c r="F1665" s="8">
        <v>461</v>
      </c>
      <c r="G1665" s="5">
        <v>25</v>
      </c>
      <c r="H1665" s="5" t="s">
        <v>69</v>
      </c>
      <c r="I1665" s="5" t="s">
        <v>27074</v>
      </c>
      <c r="J1665" s="2" t="s">
        <v>27075</v>
      </c>
      <c r="K1665" s="5" t="s">
        <v>27074</v>
      </c>
      <c r="L1665" s="2" t="s">
        <v>27075</v>
      </c>
      <c r="M1665" s="5" t="s">
        <v>24254</v>
      </c>
      <c r="N1665" s="5" t="s">
        <v>38</v>
      </c>
      <c r="O1665" s="5" t="s">
        <v>39</v>
      </c>
      <c r="P1665" s="5" t="s">
        <v>40</v>
      </c>
      <c r="Q1665" s="5" t="s">
        <v>25301</v>
      </c>
      <c r="R1665" s="5" t="s">
        <v>40</v>
      </c>
      <c r="S1665" s="5" t="s">
        <v>42</v>
      </c>
      <c r="T1665" s="2">
        <v>20.100000000000001</v>
      </c>
      <c r="U1665" s="2">
        <v>17.347000000000001</v>
      </c>
      <c r="V1665" s="2">
        <v>0.14899999999999999</v>
      </c>
      <c r="W1665" s="2">
        <v>12</v>
      </c>
      <c r="X1665" s="2">
        <v>62</v>
      </c>
      <c r="Y1665" s="2">
        <v>199.7</v>
      </c>
      <c r="Z1665" s="5">
        <v>8</v>
      </c>
      <c r="AA1665" s="5" t="s">
        <v>43</v>
      </c>
      <c r="AB1665" s="5" t="s">
        <v>44</v>
      </c>
      <c r="AC1665" s="2" t="s">
        <v>29820</v>
      </c>
      <c r="AD1665" s="1"/>
    </row>
    <row r="1666" spans="1:30">
      <c r="A1666" s="5" t="s">
        <v>83578</v>
      </c>
      <c r="B1666" s="2" t="s">
        <v>88594</v>
      </c>
      <c r="C1666" s="14" t="s">
        <v>88595</v>
      </c>
      <c r="D1666" s="2" t="s">
        <v>88596</v>
      </c>
      <c r="E1666" s="2"/>
      <c r="F1666" s="8">
        <v>461</v>
      </c>
      <c r="G1666" s="5">
        <v>25</v>
      </c>
      <c r="H1666" s="5" t="s">
        <v>69</v>
      </c>
      <c r="I1666" s="5" t="s">
        <v>27074</v>
      </c>
      <c r="J1666" s="2" t="s">
        <v>27075</v>
      </c>
      <c r="K1666" s="5" t="s">
        <v>27074</v>
      </c>
      <c r="L1666" s="2" t="s">
        <v>27075</v>
      </c>
      <c r="M1666" s="5" t="s">
        <v>24254</v>
      </c>
      <c r="N1666" s="5" t="s">
        <v>38</v>
      </c>
      <c r="O1666" s="5" t="s">
        <v>39</v>
      </c>
      <c r="P1666" s="5" t="s">
        <v>40</v>
      </c>
      <c r="Q1666" s="5" t="s">
        <v>25301</v>
      </c>
      <c r="R1666" s="5" t="s">
        <v>40</v>
      </c>
      <c r="S1666" s="5" t="s">
        <v>42</v>
      </c>
      <c r="T1666" s="2">
        <v>17.62</v>
      </c>
      <c r="U1666" s="2">
        <v>14.868</v>
      </c>
      <c r="V1666" s="2">
        <v>0.14899999999999999</v>
      </c>
      <c r="W1666" s="2">
        <v>12</v>
      </c>
      <c r="X1666" s="2">
        <v>62</v>
      </c>
      <c r="Y1666" s="2">
        <v>199.7</v>
      </c>
      <c r="Z1666" s="5">
        <v>8</v>
      </c>
      <c r="AA1666" s="5" t="s">
        <v>43</v>
      </c>
      <c r="AB1666" s="5" t="s">
        <v>44</v>
      </c>
      <c r="AC1666" s="2" t="s">
        <v>29820</v>
      </c>
      <c r="AD1666" s="1"/>
    </row>
    <row r="1667" spans="1:30">
      <c r="A1667" s="5" t="s">
        <v>83578</v>
      </c>
      <c r="B1667" s="2" t="s">
        <v>88597</v>
      </c>
      <c r="C1667" s="14" t="s">
        <v>88598</v>
      </c>
      <c r="D1667" s="2" t="s">
        <v>88599</v>
      </c>
      <c r="E1667" s="2"/>
      <c r="F1667" s="8">
        <v>461</v>
      </c>
      <c r="G1667" s="5">
        <v>25</v>
      </c>
      <c r="H1667" s="5" t="s">
        <v>69</v>
      </c>
      <c r="I1667" s="5" t="s">
        <v>27074</v>
      </c>
      <c r="J1667" s="2" t="s">
        <v>27075</v>
      </c>
      <c r="K1667" s="5" t="s">
        <v>27074</v>
      </c>
      <c r="L1667" s="2" t="s">
        <v>27075</v>
      </c>
      <c r="M1667" s="5" t="s">
        <v>24254</v>
      </c>
      <c r="N1667" s="5" t="s">
        <v>38</v>
      </c>
      <c r="O1667" s="5" t="s">
        <v>39</v>
      </c>
      <c r="P1667" s="5" t="s">
        <v>40</v>
      </c>
      <c r="Q1667" s="5" t="s">
        <v>25301</v>
      </c>
      <c r="R1667" s="5" t="s">
        <v>40</v>
      </c>
      <c r="S1667" s="5" t="s">
        <v>42</v>
      </c>
      <c r="T1667" s="2">
        <v>15.143000000000001</v>
      </c>
      <c r="U1667" s="2">
        <v>12.422000000000001</v>
      </c>
      <c r="V1667" s="2">
        <v>0.14899999999999999</v>
      </c>
      <c r="W1667" s="2">
        <v>12</v>
      </c>
      <c r="X1667" s="2">
        <v>62</v>
      </c>
      <c r="Y1667" s="2">
        <v>199.7</v>
      </c>
      <c r="Z1667" s="5">
        <v>8</v>
      </c>
      <c r="AA1667" s="5" t="s">
        <v>43</v>
      </c>
      <c r="AB1667" s="5" t="s">
        <v>44</v>
      </c>
      <c r="AC1667" s="2" t="s">
        <v>29820</v>
      </c>
      <c r="AD1667" s="1"/>
    </row>
    <row r="1668" spans="1:30">
      <c r="A1668" s="5" t="s">
        <v>83578</v>
      </c>
      <c r="B1668" s="2" t="s">
        <v>88600</v>
      </c>
      <c r="C1668" s="14" t="s">
        <v>88601</v>
      </c>
      <c r="D1668" s="2" t="s">
        <v>88602</v>
      </c>
      <c r="E1668" s="2"/>
      <c r="F1668" s="8">
        <v>461</v>
      </c>
      <c r="G1668" s="5">
        <v>25</v>
      </c>
      <c r="H1668" s="5" t="s">
        <v>69</v>
      </c>
      <c r="I1668" s="5" t="s">
        <v>27074</v>
      </c>
      <c r="J1668" s="2" t="s">
        <v>27075</v>
      </c>
      <c r="K1668" s="5" t="s">
        <v>27074</v>
      </c>
      <c r="L1668" s="2" t="s">
        <v>27075</v>
      </c>
      <c r="M1668" s="5" t="s">
        <v>24254</v>
      </c>
      <c r="N1668" s="5" t="s">
        <v>38</v>
      </c>
      <c r="O1668" s="5" t="s">
        <v>39</v>
      </c>
      <c r="P1668" s="5" t="s">
        <v>40</v>
      </c>
      <c r="Q1668" s="5" t="s">
        <v>25301</v>
      </c>
      <c r="R1668" s="5" t="s">
        <v>40</v>
      </c>
      <c r="S1668" s="5" t="s">
        <v>42</v>
      </c>
      <c r="T1668" s="2">
        <v>12.935</v>
      </c>
      <c r="U1668" s="2">
        <v>10.217000000000001</v>
      </c>
      <c r="V1668" s="2">
        <v>0.14899999999999999</v>
      </c>
      <c r="W1668" s="2">
        <v>12</v>
      </c>
      <c r="X1668" s="2">
        <v>62</v>
      </c>
      <c r="Y1668" s="2">
        <v>199.7</v>
      </c>
      <c r="Z1668" s="5">
        <v>10</v>
      </c>
      <c r="AA1668" s="5" t="s">
        <v>43</v>
      </c>
      <c r="AB1668" s="5" t="s">
        <v>44</v>
      </c>
      <c r="AC1668" s="2" t="s">
        <v>87942</v>
      </c>
      <c r="AD1668" s="1"/>
    </row>
    <row r="1669" spans="1:30">
      <c r="A1669" s="5" t="s">
        <v>83578</v>
      </c>
      <c r="B1669" s="2" t="s">
        <v>88603</v>
      </c>
      <c r="C1669" s="14" t="s">
        <v>88604</v>
      </c>
      <c r="D1669" s="2" t="s">
        <v>88605</v>
      </c>
      <c r="E1669" s="2"/>
      <c r="F1669" s="8">
        <v>461</v>
      </c>
      <c r="G1669" s="5">
        <v>25</v>
      </c>
      <c r="H1669" s="5" t="s">
        <v>69</v>
      </c>
      <c r="I1669" s="5" t="s">
        <v>27074</v>
      </c>
      <c r="J1669" s="2" t="s">
        <v>27075</v>
      </c>
      <c r="K1669" s="5" t="s">
        <v>27074</v>
      </c>
      <c r="L1669" s="2" t="s">
        <v>27075</v>
      </c>
      <c r="M1669" s="5" t="s">
        <v>24254</v>
      </c>
      <c r="N1669" s="5" t="s">
        <v>38</v>
      </c>
      <c r="O1669" s="5" t="s">
        <v>39</v>
      </c>
      <c r="P1669" s="5" t="s">
        <v>40</v>
      </c>
      <c r="Q1669" s="5" t="s">
        <v>25301</v>
      </c>
      <c r="R1669" s="5" t="s">
        <v>40</v>
      </c>
      <c r="S1669" s="5" t="s">
        <v>42</v>
      </c>
      <c r="T1669" s="2">
        <v>13.762</v>
      </c>
      <c r="U1669" s="2">
        <v>11.044</v>
      </c>
      <c r="V1669" s="2">
        <v>0.14899999999999999</v>
      </c>
      <c r="W1669" s="2">
        <v>12</v>
      </c>
      <c r="X1669" s="2">
        <v>62</v>
      </c>
      <c r="Y1669" s="2">
        <v>199.7</v>
      </c>
      <c r="Z1669" s="5">
        <v>10</v>
      </c>
      <c r="AA1669" s="5" t="s">
        <v>43</v>
      </c>
      <c r="AB1669" s="5" t="s">
        <v>44</v>
      </c>
      <c r="AC1669" s="2" t="s">
        <v>30038</v>
      </c>
      <c r="AD1669" s="1"/>
    </row>
    <row r="1670" spans="1:30">
      <c r="A1670" s="5" t="s">
        <v>83578</v>
      </c>
      <c r="B1670" s="2" t="s">
        <v>88606</v>
      </c>
      <c r="C1670" s="14" t="s">
        <v>88607</v>
      </c>
      <c r="D1670" s="2" t="s">
        <v>88608</v>
      </c>
      <c r="E1670" s="2"/>
      <c r="F1670" s="8">
        <v>461</v>
      </c>
      <c r="G1670" s="5">
        <v>25</v>
      </c>
      <c r="H1670" s="5" t="s">
        <v>69</v>
      </c>
      <c r="I1670" s="5" t="s">
        <v>27074</v>
      </c>
      <c r="J1670" s="2" t="s">
        <v>27075</v>
      </c>
      <c r="K1670" s="5" t="s">
        <v>27074</v>
      </c>
      <c r="L1670" s="2" t="s">
        <v>27075</v>
      </c>
      <c r="M1670" s="5" t="s">
        <v>24254</v>
      </c>
      <c r="N1670" s="5" t="s">
        <v>38</v>
      </c>
      <c r="O1670" s="5" t="s">
        <v>39</v>
      </c>
      <c r="P1670" s="5" t="s">
        <v>40</v>
      </c>
      <c r="Q1670" s="5" t="s">
        <v>25301</v>
      </c>
      <c r="R1670" s="5" t="s">
        <v>40</v>
      </c>
      <c r="S1670" s="5" t="s">
        <v>42</v>
      </c>
      <c r="T1670" s="2">
        <v>8.8480000000000008</v>
      </c>
      <c r="U1670" s="2">
        <v>6.13</v>
      </c>
      <c r="V1670" s="2">
        <v>0.14899999999999999</v>
      </c>
      <c r="W1670" s="2">
        <v>12</v>
      </c>
      <c r="X1670" s="2">
        <v>62</v>
      </c>
      <c r="Y1670" s="2">
        <v>199.7</v>
      </c>
      <c r="Z1670" s="5">
        <v>10</v>
      </c>
      <c r="AA1670" s="5" t="s">
        <v>43</v>
      </c>
      <c r="AB1670" s="5" t="s">
        <v>44</v>
      </c>
      <c r="AC1670" s="2" t="s">
        <v>87949</v>
      </c>
      <c r="AD1670" s="1"/>
    </row>
    <row r="1671" spans="1:30">
      <c r="A1671" s="5" t="s">
        <v>83578</v>
      </c>
      <c r="B1671" s="2" t="s">
        <v>88609</v>
      </c>
      <c r="C1671" s="14" t="s">
        <v>88610</v>
      </c>
      <c r="D1671" s="2" t="s">
        <v>88611</v>
      </c>
      <c r="E1671" s="2"/>
      <c r="F1671" s="8">
        <v>461</v>
      </c>
      <c r="G1671" s="5">
        <v>25</v>
      </c>
      <c r="H1671" s="5" t="s">
        <v>69</v>
      </c>
      <c r="I1671" s="5" t="s">
        <v>27074</v>
      </c>
      <c r="J1671" s="2" t="s">
        <v>27075</v>
      </c>
      <c r="K1671" s="5" t="s">
        <v>27074</v>
      </c>
      <c r="L1671" s="2" t="s">
        <v>27075</v>
      </c>
      <c r="M1671" s="5" t="s">
        <v>24254</v>
      </c>
      <c r="N1671" s="5" t="s">
        <v>38</v>
      </c>
      <c r="O1671" s="5" t="s">
        <v>39</v>
      </c>
      <c r="P1671" s="5" t="s">
        <v>40</v>
      </c>
      <c r="Q1671" s="5" t="s">
        <v>25301</v>
      </c>
      <c r="R1671" s="5" t="s">
        <v>40</v>
      </c>
      <c r="S1671" s="5" t="s">
        <v>42</v>
      </c>
      <c r="T1671" s="2">
        <v>9.6769999999999996</v>
      </c>
      <c r="U1671" s="2">
        <v>6.9589999999999996</v>
      </c>
      <c r="V1671" s="2">
        <v>0.14899999999999999</v>
      </c>
      <c r="W1671" s="2">
        <v>12</v>
      </c>
      <c r="X1671" s="2">
        <v>62</v>
      </c>
      <c r="Y1671" s="2">
        <v>199.7</v>
      </c>
      <c r="Z1671" s="5">
        <v>10</v>
      </c>
      <c r="AA1671" s="5" t="s">
        <v>43</v>
      </c>
      <c r="AB1671" s="5" t="s">
        <v>44</v>
      </c>
      <c r="AC1671" s="2" t="s">
        <v>30042</v>
      </c>
      <c r="AD1671" s="1"/>
    </row>
    <row r="1672" spans="1:30">
      <c r="A1672" s="5" t="s">
        <v>83578</v>
      </c>
      <c r="B1672" s="2" t="s">
        <v>88612</v>
      </c>
      <c r="C1672" s="14" t="s">
        <v>88613</v>
      </c>
      <c r="D1672" s="2" t="s">
        <v>88614</v>
      </c>
      <c r="E1672" s="2"/>
      <c r="F1672" s="8">
        <v>461</v>
      </c>
      <c r="G1672" s="5">
        <v>25</v>
      </c>
      <c r="H1672" s="5" t="s">
        <v>69</v>
      </c>
      <c r="I1672" s="5" t="s">
        <v>27074</v>
      </c>
      <c r="J1672" s="2" t="s">
        <v>27075</v>
      </c>
      <c r="K1672" s="5" t="s">
        <v>27074</v>
      </c>
      <c r="L1672" s="2" t="s">
        <v>27075</v>
      </c>
      <c r="M1672" s="5" t="s">
        <v>24254</v>
      </c>
      <c r="N1672" s="5" t="s">
        <v>38</v>
      </c>
      <c r="O1672" s="5" t="s">
        <v>39</v>
      </c>
      <c r="P1672" s="5" t="s">
        <v>40</v>
      </c>
      <c r="Q1672" s="5" t="s">
        <v>25301</v>
      </c>
      <c r="R1672" s="5" t="s">
        <v>40</v>
      </c>
      <c r="S1672" s="5" t="s">
        <v>42</v>
      </c>
      <c r="T1672" s="2">
        <v>11.326000000000001</v>
      </c>
      <c r="U1672" s="2">
        <v>8.6080000000000005</v>
      </c>
      <c r="V1672" s="2">
        <v>0.14899999999999999</v>
      </c>
      <c r="W1672" s="2">
        <v>12</v>
      </c>
      <c r="X1672" s="2">
        <v>62</v>
      </c>
      <c r="Y1672" s="2">
        <v>199.7</v>
      </c>
      <c r="Z1672" s="5">
        <v>10</v>
      </c>
      <c r="AA1672" s="5" t="s">
        <v>43</v>
      </c>
      <c r="AB1672" s="5" t="s">
        <v>44</v>
      </c>
      <c r="AC1672" s="2" t="s">
        <v>87949</v>
      </c>
      <c r="AD1672" s="1"/>
    </row>
    <row r="1673" spans="1:30">
      <c r="A1673" s="5" t="s">
        <v>83578</v>
      </c>
      <c r="B1673" s="2" t="s">
        <v>88615</v>
      </c>
      <c r="C1673" s="14" t="s">
        <v>88616</v>
      </c>
      <c r="D1673" s="2" t="s">
        <v>88617</v>
      </c>
      <c r="E1673" s="2"/>
      <c r="F1673" s="8">
        <v>461</v>
      </c>
      <c r="G1673" s="5">
        <v>25</v>
      </c>
      <c r="H1673" s="5" t="s">
        <v>69</v>
      </c>
      <c r="I1673" s="5" t="s">
        <v>27074</v>
      </c>
      <c r="J1673" s="2" t="s">
        <v>27075</v>
      </c>
      <c r="K1673" s="5" t="s">
        <v>27074</v>
      </c>
      <c r="L1673" s="2" t="s">
        <v>27075</v>
      </c>
      <c r="M1673" s="5" t="s">
        <v>24254</v>
      </c>
      <c r="N1673" s="5" t="s">
        <v>38</v>
      </c>
      <c r="O1673" s="5" t="s">
        <v>39</v>
      </c>
      <c r="P1673" s="5" t="s">
        <v>40</v>
      </c>
      <c r="Q1673" s="5" t="s">
        <v>25301</v>
      </c>
      <c r="R1673" s="5" t="s">
        <v>40</v>
      </c>
      <c r="S1673" s="5" t="s">
        <v>42</v>
      </c>
      <c r="T1673" s="2">
        <v>12.239000000000001</v>
      </c>
      <c r="U1673" s="2">
        <v>9.5210000000000008</v>
      </c>
      <c r="V1673" s="2">
        <v>0.14899999999999999</v>
      </c>
      <c r="W1673" s="2">
        <v>12</v>
      </c>
      <c r="X1673" s="2">
        <v>62</v>
      </c>
      <c r="Y1673" s="2">
        <v>199.7</v>
      </c>
      <c r="Z1673" s="5">
        <v>10</v>
      </c>
      <c r="AA1673" s="5" t="s">
        <v>43</v>
      </c>
      <c r="AB1673" s="5" t="s">
        <v>44</v>
      </c>
      <c r="AC1673" s="2" t="s">
        <v>30042</v>
      </c>
      <c r="AD1673" s="1"/>
    </row>
    <row r="1674" spans="1:30">
      <c r="A1674" s="5" t="s">
        <v>83578</v>
      </c>
      <c r="B1674" s="2" t="s">
        <v>88618</v>
      </c>
      <c r="C1674" s="14" t="s">
        <v>88619</v>
      </c>
      <c r="D1674" s="2" t="s">
        <v>88620</v>
      </c>
      <c r="E1674" s="2" t="s">
        <v>87894</v>
      </c>
      <c r="F1674" s="8">
        <v>436</v>
      </c>
      <c r="G1674" s="5">
        <v>5</v>
      </c>
      <c r="H1674" s="5" t="s">
        <v>69</v>
      </c>
      <c r="I1674" s="5" t="s">
        <v>27074</v>
      </c>
      <c r="J1674" s="2" t="s">
        <v>27075</v>
      </c>
      <c r="K1674" s="5" t="s">
        <v>27074</v>
      </c>
      <c r="L1674" s="2" t="s">
        <v>27075</v>
      </c>
      <c r="M1674" s="5" t="s">
        <v>24254</v>
      </c>
      <c r="N1674" s="5" t="s">
        <v>38</v>
      </c>
      <c r="O1674" s="5" t="s">
        <v>39</v>
      </c>
      <c r="P1674" s="5" t="s">
        <v>40</v>
      </c>
      <c r="Q1674" s="5" t="s">
        <v>1487</v>
      </c>
      <c r="R1674" s="5"/>
      <c r="S1674" s="5" t="s">
        <v>42</v>
      </c>
      <c r="T1674" s="2">
        <v>0</v>
      </c>
      <c r="U1674" s="2">
        <v>0</v>
      </c>
      <c r="V1674" s="2">
        <v>0</v>
      </c>
      <c r="W1674" s="2">
        <v>0</v>
      </c>
      <c r="X1674" s="2">
        <v>0</v>
      </c>
      <c r="Y1674" s="2">
        <v>0</v>
      </c>
      <c r="Z1674" s="5"/>
      <c r="AA1674" s="5" t="s">
        <v>43</v>
      </c>
      <c r="AB1674" s="5" t="s">
        <v>44</v>
      </c>
      <c r="AC1674" s="2" t="s">
        <v>87895</v>
      </c>
      <c r="AD1674" s="1"/>
    </row>
    <row r="1675" spans="1:30">
      <c r="A1675" s="5" t="s">
        <v>83578</v>
      </c>
      <c r="B1675" s="2" t="s">
        <v>88621</v>
      </c>
      <c r="C1675" s="14" t="s">
        <v>88622</v>
      </c>
      <c r="D1675" s="2" t="s">
        <v>88623</v>
      </c>
      <c r="E1675" s="2" t="s">
        <v>87894</v>
      </c>
      <c r="F1675" s="8">
        <v>436</v>
      </c>
      <c r="G1675" s="5">
        <v>5</v>
      </c>
      <c r="H1675" s="5" t="s">
        <v>69</v>
      </c>
      <c r="I1675" s="5" t="s">
        <v>27074</v>
      </c>
      <c r="J1675" s="2" t="s">
        <v>27075</v>
      </c>
      <c r="K1675" s="5" t="s">
        <v>27074</v>
      </c>
      <c r="L1675" s="2" t="s">
        <v>27075</v>
      </c>
      <c r="M1675" s="5" t="s">
        <v>24254</v>
      </c>
      <c r="N1675" s="5" t="s">
        <v>38</v>
      </c>
      <c r="O1675" s="5" t="s">
        <v>39</v>
      </c>
      <c r="P1675" s="5" t="s">
        <v>40</v>
      </c>
      <c r="Q1675" s="5" t="s">
        <v>1487</v>
      </c>
      <c r="R1675" s="5"/>
      <c r="S1675" s="5" t="s">
        <v>42</v>
      </c>
      <c r="T1675" s="2">
        <v>0</v>
      </c>
      <c r="U1675" s="2">
        <v>0</v>
      </c>
      <c r="V1675" s="2">
        <v>0</v>
      </c>
      <c r="W1675" s="2">
        <v>0</v>
      </c>
      <c r="X1675" s="2">
        <v>0</v>
      </c>
      <c r="Y1675" s="2">
        <v>0</v>
      </c>
      <c r="Z1675" s="5"/>
      <c r="AA1675" s="5" t="s">
        <v>43</v>
      </c>
      <c r="AB1675" s="5" t="s">
        <v>44</v>
      </c>
      <c r="AC1675" s="2" t="s">
        <v>87899</v>
      </c>
      <c r="AD1675" s="1"/>
    </row>
    <row r="1676" spans="1:30">
      <c r="A1676" s="5" t="s">
        <v>83578</v>
      </c>
      <c r="B1676" s="2" t="s">
        <v>88624</v>
      </c>
      <c r="C1676" s="14" t="s">
        <v>88625</v>
      </c>
      <c r="D1676" s="2" t="s">
        <v>88626</v>
      </c>
      <c r="E1676" s="2"/>
      <c r="F1676" s="8">
        <v>328</v>
      </c>
      <c r="G1676" s="5">
        <v>25</v>
      </c>
      <c r="H1676" s="5" t="s">
        <v>69</v>
      </c>
      <c r="I1676" s="5" t="s">
        <v>27074</v>
      </c>
      <c r="J1676" s="2" t="s">
        <v>27075</v>
      </c>
      <c r="K1676" s="5" t="s">
        <v>27074</v>
      </c>
      <c r="L1676" s="2" t="s">
        <v>27075</v>
      </c>
      <c r="M1676" s="5" t="s">
        <v>24254</v>
      </c>
      <c r="N1676" s="5" t="s">
        <v>38</v>
      </c>
      <c r="O1676" s="5" t="s">
        <v>39</v>
      </c>
      <c r="P1676" s="5" t="s">
        <v>40</v>
      </c>
      <c r="Q1676" s="5" t="s">
        <v>24335</v>
      </c>
      <c r="R1676" s="5" t="s">
        <v>40</v>
      </c>
      <c r="S1676" s="5" t="s">
        <v>42</v>
      </c>
      <c r="T1676" s="2">
        <v>10.429</v>
      </c>
      <c r="U1676" s="2">
        <v>8.2880000000000003</v>
      </c>
      <c r="V1676" s="2">
        <v>0.157</v>
      </c>
      <c r="W1676" s="2">
        <v>12</v>
      </c>
      <c r="X1676" s="2">
        <v>62</v>
      </c>
      <c r="Y1676" s="2">
        <v>210.9</v>
      </c>
      <c r="Z1676" s="5">
        <v>10</v>
      </c>
      <c r="AA1676" s="5" t="s">
        <v>43</v>
      </c>
      <c r="AB1676" s="5" t="s">
        <v>44</v>
      </c>
      <c r="AC1676" s="2" t="s">
        <v>29621</v>
      </c>
      <c r="AD1676" s="1"/>
    </row>
    <row r="1677" spans="1:30">
      <c r="A1677" s="5" t="s">
        <v>83578</v>
      </c>
      <c r="B1677" s="2" t="s">
        <v>88627</v>
      </c>
      <c r="C1677" s="14" t="s">
        <v>88628</v>
      </c>
      <c r="D1677" s="2" t="s">
        <v>88629</v>
      </c>
      <c r="E1677" s="2"/>
      <c r="F1677" s="8">
        <v>328</v>
      </c>
      <c r="G1677" s="5">
        <v>25</v>
      </c>
      <c r="H1677" s="5" t="s">
        <v>69</v>
      </c>
      <c r="I1677" s="5" t="s">
        <v>27074</v>
      </c>
      <c r="J1677" s="2" t="s">
        <v>27075</v>
      </c>
      <c r="K1677" s="5" t="s">
        <v>27074</v>
      </c>
      <c r="L1677" s="2" t="s">
        <v>27075</v>
      </c>
      <c r="M1677" s="5" t="s">
        <v>24254</v>
      </c>
      <c r="N1677" s="5" t="s">
        <v>38</v>
      </c>
      <c r="O1677" s="5" t="s">
        <v>39</v>
      </c>
      <c r="P1677" s="5" t="s">
        <v>40</v>
      </c>
      <c r="Q1677" s="5" t="s">
        <v>24335</v>
      </c>
      <c r="R1677" s="5" t="s">
        <v>40</v>
      </c>
      <c r="S1677" s="5" t="s">
        <v>42</v>
      </c>
      <c r="T1677" s="2">
        <v>9.1460000000000008</v>
      </c>
      <c r="U1677" s="2">
        <v>6.4279999999999999</v>
      </c>
      <c r="V1677" s="2">
        <v>0.14899999999999999</v>
      </c>
      <c r="W1677" s="2">
        <v>12</v>
      </c>
      <c r="X1677" s="2">
        <v>62</v>
      </c>
      <c r="Y1677" s="2">
        <v>199.7</v>
      </c>
      <c r="Z1677" s="5">
        <v>10</v>
      </c>
      <c r="AA1677" s="5" t="s">
        <v>43</v>
      </c>
      <c r="AB1677" s="5" t="s">
        <v>44</v>
      </c>
      <c r="AC1677" s="2" t="s">
        <v>29625</v>
      </c>
      <c r="AD1677" s="1"/>
    </row>
    <row r="1678" spans="1:30">
      <c r="A1678" s="5" t="s">
        <v>83578</v>
      </c>
      <c r="B1678" s="2" t="s">
        <v>88630</v>
      </c>
      <c r="C1678" s="14" t="s">
        <v>88631</v>
      </c>
      <c r="D1678" s="2" t="s">
        <v>88632</v>
      </c>
      <c r="E1678" s="2"/>
      <c r="F1678" s="8">
        <v>479</v>
      </c>
      <c r="G1678" s="5">
        <v>25</v>
      </c>
      <c r="H1678" s="5" t="s">
        <v>69</v>
      </c>
      <c r="I1678" s="5" t="s">
        <v>27074</v>
      </c>
      <c r="J1678" s="2" t="s">
        <v>27075</v>
      </c>
      <c r="K1678" s="5" t="s">
        <v>27074</v>
      </c>
      <c r="L1678" s="2" t="s">
        <v>27075</v>
      </c>
      <c r="M1678" s="5" t="s">
        <v>24254</v>
      </c>
      <c r="N1678" s="5" t="s">
        <v>38</v>
      </c>
      <c r="O1678" s="5" t="s">
        <v>39</v>
      </c>
      <c r="P1678" s="5" t="s">
        <v>40</v>
      </c>
      <c r="Q1678" s="5" t="s">
        <v>24340</v>
      </c>
      <c r="R1678" s="5" t="s">
        <v>40</v>
      </c>
      <c r="S1678" s="5" t="s">
        <v>42</v>
      </c>
      <c r="T1678" s="2">
        <v>22.495000000000001</v>
      </c>
      <c r="U1678" s="2">
        <v>20.318999999999999</v>
      </c>
      <c r="V1678" s="2">
        <v>0.157</v>
      </c>
      <c r="W1678" s="2">
        <v>12</v>
      </c>
      <c r="X1678" s="2">
        <v>62</v>
      </c>
      <c r="Y1678" s="2">
        <v>210.9</v>
      </c>
      <c r="Z1678" s="5">
        <v>8</v>
      </c>
      <c r="AA1678" s="5" t="s">
        <v>43</v>
      </c>
      <c r="AB1678" s="5" t="s">
        <v>44</v>
      </c>
      <c r="AC1678" s="2" t="s">
        <v>29641</v>
      </c>
      <c r="AD1678" s="1"/>
    </row>
    <row r="1679" spans="1:30">
      <c r="A1679" s="5" t="s">
        <v>83578</v>
      </c>
      <c r="B1679" s="2" t="s">
        <v>88633</v>
      </c>
      <c r="C1679" s="14" t="s">
        <v>88634</v>
      </c>
      <c r="D1679" s="2" t="s">
        <v>88635</v>
      </c>
      <c r="E1679" s="2"/>
      <c r="F1679" s="8">
        <v>479</v>
      </c>
      <c r="G1679" s="5">
        <v>25</v>
      </c>
      <c r="H1679" s="5" t="s">
        <v>69</v>
      </c>
      <c r="I1679" s="5" t="s">
        <v>27074</v>
      </c>
      <c r="J1679" s="2" t="s">
        <v>27075</v>
      </c>
      <c r="K1679" s="5" t="s">
        <v>27074</v>
      </c>
      <c r="L1679" s="2" t="s">
        <v>27075</v>
      </c>
      <c r="M1679" s="5" t="s">
        <v>24254</v>
      </c>
      <c r="N1679" s="5" t="s">
        <v>38</v>
      </c>
      <c r="O1679" s="5" t="s">
        <v>39</v>
      </c>
      <c r="P1679" s="5" t="s">
        <v>40</v>
      </c>
      <c r="Q1679" s="5" t="s">
        <v>24340</v>
      </c>
      <c r="R1679" s="5" t="s">
        <v>40</v>
      </c>
      <c r="S1679" s="5" t="s">
        <v>42</v>
      </c>
      <c r="T1679" s="2">
        <v>19.489999999999998</v>
      </c>
      <c r="U1679" s="2">
        <v>17.315000000000001</v>
      </c>
      <c r="V1679" s="2">
        <v>0.157</v>
      </c>
      <c r="W1679" s="2">
        <v>12</v>
      </c>
      <c r="X1679" s="2">
        <v>62</v>
      </c>
      <c r="Y1679" s="2">
        <v>210.9</v>
      </c>
      <c r="Z1679" s="5">
        <v>8</v>
      </c>
      <c r="AA1679" s="5" t="s">
        <v>43</v>
      </c>
      <c r="AB1679" s="5" t="s">
        <v>44</v>
      </c>
      <c r="AC1679" s="2" t="s">
        <v>29641</v>
      </c>
      <c r="AD1679" s="1"/>
    </row>
    <row r="1680" spans="1:30">
      <c r="A1680" s="5" t="s">
        <v>83578</v>
      </c>
      <c r="B1680" s="2" t="s">
        <v>88636</v>
      </c>
      <c r="C1680" s="14" t="s">
        <v>88637</v>
      </c>
      <c r="D1680" s="2" t="s">
        <v>88638</v>
      </c>
      <c r="E1680" s="2"/>
      <c r="F1680" s="8">
        <v>479</v>
      </c>
      <c r="G1680" s="5">
        <v>25</v>
      </c>
      <c r="H1680" s="5" t="s">
        <v>69</v>
      </c>
      <c r="I1680" s="5" t="s">
        <v>27074</v>
      </c>
      <c r="J1680" s="2" t="s">
        <v>27075</v>
      </c>
      <c r="K1680" s="5" t="s">
        <v>27074</v>
      </c>
      <c r="L1680" s="2" t="s">
        <v>27075</v>
      </c>
      <c r="M1680" s="5" t="s">
        <v>24254</v>
      </c>
      <c r="N1680" s="5" t="s">
        <v>38</v>
      </c>
      <c r="O1680" s="5" t="s">
        <v>39</v>
      </c>
      <c r="P1680" s="5" t="s">
        <v>40</v>
      </c>
      <c r="Q1680" s="5" t="s">
        <v>24340</v>
      </c>
      <c r="R1680" s="5" t="s">
        <v>40</v>
      </c>
      <c r="S1680" s="5" t="s">
        <v>42</v>
      </c>
      <c r="T1680" s="2">
        <v>16.89</v>
      </c>
      <c r="U1680" s="2">
        <v>14.169</v>
      </c>
      <c r="V1680" s="2">
        <v>0.14899999999999999</v>
      </c>
      <c r="W1680" s="2">
        <v>12</v>
      </c>
      <c r="X1680" s="2">
        <v>62</v>
      </c>
      <c r="Y1680" s="2">
        <v>199.7</v>
      </c>
      <c r="Z1680" s="5">
        <v>8</v>
      </c>
      <c r="AA1680" s="5" t="s">
        <v>43</v>
      </c>
      <c r="AB1680" s="5" t="s">
        <v>44</v>
      </c>
      <c r="AC1680" s="2" t="s">
        <v>29641</v>
      </c>
      <c r="AD1680" s="1"/>
    </row>
    <row r="1681" spans="1:30">
      <c r="A1681" s="5" t="s">
        <v>83578</v>
      </c>
      <c r="B1681" s="2" t="s">
        <v>88639</v>
      </c>
      <c r="C1681" s="14" t="s">
        <v>88640</v>
      </c>
      <c r="D1681" s="2" t="s">
        <v>88641</v>
      </c>
      <c r="E1681" s="2"/>
      <c r="F1681" s="8">
        <v>479</v>
      </c>
      <c r="G1681" s="5">
        <v>25</v>
      </c>
      <c r="H1681" s="5" t="s">
        <v>69</v>
      </c>
      <c r="I1681" s="5" t="s">
        <v>27074</v>
      </c>
      <c r="J1681" s="2" t="s">
        <v>27075</v>
      </c>
      <c r="K1681" s="5" t="s">
        <v>27074</v>
      </c>
      <c r="L1681" s="2" t="s">
        <v>27075</v>
      </c>
      <c r="M1681" s="5" t="s">
        <v>24254</v>
      </c>
      <c r="N1681" s="5" t="s">
        <v>38</v>
      </c>
      <c r="O1681" s="5" t="s">
        <v>39</v>
      </c>
      <c r="P1681" s="5" t="s">
        <v>40</v>
      </c>
      <c r="Q1681" s="5" t="s">
        <v>24340</v>
      </c>
      <c r="R1681" s="5" t="s">
        <v>40</v>
      </c>
      <c r="S1681" s="5" t="s">
        <v>42</v>
      </c>
      <c r="T1681" s="2">
        <v>14.86</v>
      </c>
      <c r="U1681" s="2">
        <v>12.718999999999999</v>
      </c>
      <c r="V1681" s="2">
        <v>0.157</v>
      </c>
      <c r="W1681" s="2">
        <v>12</v>
      </c>
      <c r="X1681" s="2">
        <v>62</v>
      </c>
      <c r="Y1681" s="2">
        <v>210.9</v>
      </c>
      <c r="Z1681" s="5">
        <v>10</v>
      </c>
      <c r="AA1681" s="5" t="s">
        <v>43</v>
      </c>
      <c r="AB1681" s="5" t="s">
        <v>44</v>
      </c>
      <c r="AC1681" s="2" t="s">
        <v>87916</v>
      </c>
      <c r="AD1681" s="1"/>
    </row>
    <row r="1682" spans="1:30">
      <c r="A1682" s="5" t="s">
        <v>83578</v>
      </c>
      <c r="B1682" s="2" t="s">
        <v>88642</v>
      </c>
      <c r="C1682" s="14" t="s">
        <v>88643</v>
      </c>
      <c r="D1682" s="2" t="s">
        <v>88644</v>
      </c>
      <c r="E1682" s="2"/>
      <c r="F1682" s="8">
        <v>479</v>
      </c>
      <c r="G1682" s="5">
        <v>25</v>
      </c>
      <c r="H1682" s="5" t="s">
        <v>69</v>
      </c>
      <c r="I1682" s="5" t="s">
        <v>27074</v>
      </c>
      <c r="J1682" s="2" t="s">
        <v>27075</v>
      </c>
      <c r="K1682" s="5" t="s">
        <v>27074</v>
      </c>
      <c r="L1682" s="2" t="s">
        <v>27075</v>
      </c>
      <c r="M1682" s="5" t="s">
        <v>24254</v>
      </c>
      <c r="N1682" s="5" t="s">
        <v>38</v>
      </c>
      <c r="O1682" s="5" t="s">
        <v>39</v>
      </c>
      <c r="P1682" s="5" t="s">
        <v>40</v>
      </c>
      <c r="Q1682" s="5" t="s">
        <v>24340</v>
      </c>
      <c r="R1682" s="5" t="s">
        <v>40</v>
      </c>
      <c r="S1682" s="5" t="s">
        <v>42</v>
      </c>
      <c r="T1682" s="2">
        <v>15.885999999999999</v>
      </c>
      <c r="U1682" s="2">
        <v>13.744999999999999</v>
      </c>
      <c r="V1682" s="2">
        <v>0.157</v>
      </c>
      <c r="W1682" s="2">
        <v>12</v>
      </c>
      <c r="X1682" s="2">
        <v>62</v>
      </c>
      <c r="Y1682" s="2">
        <v>210.9</v>
      </c>
      <c r="Z1682" s="5">
        <v>10</v>
      </c>
      <c r="AA1682" s="5" t="s">
        <v>43</v>
      </c>
      <c r="AB1682" s="5" t="s">
        <v>44</v>
      </c>
      <c r="AC1682" s="2" t="s">
        <v>87920</v>
      </c>
      <c r="AD1682" s="1"/>
    </row>
    <row r="1683" spans="1:30">
      <c r="A1683" s="5" t="s">
        <v>83578</v>
      </c>
      <c r="B1683" s="2" t="s">
        <v>88645</v>
      </c>
      <c r="C1683" s="14" t="s">
        <v>88646</v>
      </c>
      <c r="D1683" s="2" t="s">
        <v>88647</v>
      </c>
      <c r="E1683" s="2"/>
      <c r="F1683" s="8">
        <v>479</v>
      </c>
      <c r="G1683" s="5">
        <v>25</v>
      </c>
      <c r="H1683" s="5" t="s">
        <v>69</v>
      </c>
      <c r="I1683" s="5" t="s">
        <v>27074</v>
      </c>
      <c r="J1683" s="2" t="s">
        <v>27075</v>
      </c>
      <c r="K1683" s="5" t="s">
        <v>27074</v>
      </c>
      <c r="L1683" s="2" t="s">
        <v>27075</v>
      </c>
      <c r="M1683" s="5" t="s">
        <v>24254</v>
      </c>
      <c r="N1683" s="5" t="s">
        <v>38</v>
      </c>
      <c r="O1683" s="5" t="s">
        <v>39</v>
      </c>
      <c r="P1683" s="5" t="s">
        <v>40</v>
      </c>
      <c r="Q1683" s="5" t="s">
        <v>24340</v>
      </c>
      <c r="R1683" s="5" t="s">
        <v>40</v>
      </c>
      <c r="S1683" s="5" t="s">
        <v>42</v>
      </c>
      <c r="T1683" s="2">
        <v>9.8539999999999992</v>
      </c>
      <c r="U1683" s="2">
        <v>7.1360000000000001</v>
      </c>
      <c r="V1683" s="2">
        <v>0.14899999999999999</v>
      </c>
      <c r="W1683" s="2">
        <v>12</v>
      </c>
      <c r="X1683" s="2">
        <v>62</v>
      </c>
      <c r="Y1683" s="2">
        <v>199.7</v>
      </c>
      <c r="Z1683" s="5">
        <v>10</v>
      </c>
      <c r="AA1683" s="5" t="s">
        <v>43</v>
      </c>
      <c r="AB1683" s="5" t="s">
        <v>44</v>
      </c>
      <c r="AC1683" s="2" t="s">
        <v>29648</v>
      </c>
      <c r="AD1683" s="1"/>
    </row>
    <row r="1684" spans="1:30">
      <c r="A1684" s="5" t="s">
        <v>83578</v>
      </c>
      <c r="B1684" s="2" t="s">
        <v>88648</v>
      </c>
      <c r="C1684" s="14" t="s">
        <v>88649</v>
      </c>
      <c r="D1684" s="2" t="s">
        <v>88650</v>
      </c>
      <c r="E1684" s="2"/>
      <c r="F1684" s="8">
        <v>479</v>
      </c>
      <c r="G1684" s="5">
        <v>25</v>
      </c>
      <c r="H1684" s="5" t="s">
        <v>69</v>
      </c>
      <c r="I1684" s="5" t="s">
        <v>27074</v>
      </c>
      <c r="J1684" s="2" t="s">
        <v>27075</v>
      </c>
      <c r="K1684" s="5" t="s">
        <v>27074</v>
      </c>
      <c r="L1684" s="2" t="s">
        <v>27075</v>
      </c>
      <c r="M1684" s="5" t="s">
        <v>24254</v>
      </c>
      <c r="N1684" s="5" t="s">
        <v>38</v>
      </c>
      <c r="O1684" s="5" t="s">
        <v>39</v>
      </c>
      <c r="P1684" s="5" t="s">
        <v>40</v>
      </c>
      <c r="Q1684" s="5" t="s">
        <v>24340</v>
      </c>
      <c r="R1684" s="5" t="s">
        <v>40</v>
      </c>
      <c r="S1684" s="5" t="s">
        <v>42</v>
      </c>
      <c r="T1684" s="2">
        <v>10.882999999999999</v>
      </c>
      <c r="U1684" s="2">
        <v>8.1649999999999991</v>
      </c>
      <c r="V1684" s="2">
        <v>0.14899999999999999</v>
      </c>
      <c r="W1684" s="2">
        <v>12</v>
      </c>
      <c r="X1684" s="2">
        <v>62</v>
      </c>
      <c r="Y1684" s="2">
        <v>199.7</v>
      </c>
      <c r="Z1684" s="5">
        <v>10</v>
      </c>
      <c r="AA1684" s="5" t="s">
        <v>43</v>
      </c>
      <c r="AB1684" s="5" t="s">
        <v>44</v>
      </c>
      <c r="AC1684" s="2" t="s">
        <v>29923</v>
      </c>
      <c r="AD1684" s="1"/>
    </row>
    <row r="1685" spans="1:30">
      <c r="A1685" s="5" t="s">
        <v>83578</v>
      </c>
      <c r="B1685" s="2" t="s">
        <v>88651</v>
      </c>
      <c r="C1685" s="14" t="s">
        <v>88652</v>
      </c>
      <c r="D1685" s="2" t="s">
        <v>88653</v>
      </c>
      <c r="E1685" s="2"/>
      <c r="F1685" s="8">
        <v>479</v>
      </c>
      <c r="G1685" s="5">
        <v>25</v>
      </c>
      <c r="H1685" s="5" t="s">
        <v>69</v>
      </c>
      <c r="I1685" s="5" t="s">
        <v>27074</v>
      </c>
      <c r="J1685" s="2" t="s">
        <v>27075</v>
      </c>
      <c r="K1685" s="5" t="s">
        <v>27074</v>
      </c>
      <c r="L1685" s="2" t="s">
        <v>27075</v>
      </c>
      <c r="M1685" s="5" t="s">
        <v>24254</v>
      </c>
      <c r="N1685" s="5" t="s">
        <v>38</v>
      </c>
      <c r="O1685" s="5" t="s">
        <v>39</v>
      </c>
      <c r="P1685" s="5" t="s">
        <v>40</v>
      </c>
      <c r="Q1685" s="5" t="s">
        <v>24340</v>
      </c>
      <c r="R1685" s="5" t="s">
        <v>40</v>
      </c>
      <c r="S1685" s="5" t="s">
        <v>42</v>
      </c>
      <c r="T1685" s="2">
        <v>13.148</v>
      </c>
      <c r="U1685" s="2">
        <v>10.43</v>
      </c>
      <c r="V1685" s="2">
        <v>0.14899999999999999</v>
      </c>
      <c r="W1685" s="2">
        <v>12</v>
      </c>
      <c r="X1685" s="2">
        <v>62</v>
      </c>
      <c r="Y1685" s="2">
        <v>199.7</v>
      </c>
      <c r="Z1685" s="5">
        <v>10</v>
      </c>
      <c r="AA1685" s="5" t="s">
        <v>43</v>
      </c>
      <c r="AB1685" s="5" t="s">
        <v>44</v>
      </c>
      <c r="AC1685" s="2" t="s">
        <v>29648</v>
      </c>
      <c r="AD1685" s="1"/>
    </row>
    <row r="1686" spans="1:30">
      <c r="A1686" s="5" t="s">
        <v>83578</v>
      </c>
      <c r="B1686" s="2" t="s">
        <v>88654</v>
      </c>
      <c r="C1686" s="14" t="s">
        <v>88655</v>
      </c>
      <c r="D1686" s="2" t="s">
        <v>88656</v>
      </c>
      <c r="E1686" s="2"/>
      <c r="F1686" s="8">
        <v>479</v>
      </c>
      <c r="G1686" s="5">
        <v>25</v>
      </c>
      <c r="H1686" s="5" t="s">
        <v>69</v>
      </c>
      <c r="I1686" s="5" t="s">
        <v>27074</v>
      </c>
      <c r="J1686" s="2" t="s">
        <v>27075</v>
      </c>
      <c r="K1686" s="5" t="s">
        <v>27074</v>
      </c>
      <c r="L1686" s="2" t="s">
        <v>27075</v>
      </c>
      <c r="M1686" s="5" t="s">
        <v>24254</v>
      </c>
      <c r="N1686" s="5" t="s">
        <v>38</v>
      </c>
      <c r="O1686" s="5" t="s">
        <v>39</v>
      </c>
      <c r="P1686" s="5" t="s">
        <v>40</v>
      </c>
      <c r="Q1686" s="5" t="s">
        <v>24340</v>
      </c>
      <c r="R1686" s="5" t="s">
        <v>40</v>
      </c>
      <c r="S1686" s="5" t="s">
        <v>42</v>
      </c>
      <c r="T1686" s="2">
        <v>14.278</v>
      </c>
      <c r="U1686" s="2">
        <v>11.56</v>
      </c>
      <c r="V1686" s="2">
        <v>0.14899999999999999</v>
      </c>
      <c r="W1686" s="2">
        <v>12</v>
      </c>
      <c r="X1686" s="2">
        <v>62</v>
      </c>
      <c r="Y1686" s="2">
        <v>199.7</v>
      </c>
      <c r="Z1686" s="5">
        <v>10</v>
      </c>
      <c r="AA1686" s="5" t="s">
        <v>43</v>
      </c>
      <c r="AB1686" s="5" t="s">
        <v>44</v>
      </c>
      <c r="AC1686" s="2" t="s">
        <v>29923</v>
      </c>
      <c r="AD1686" s="1"/>
    </row>
    <row r="1687" spans="1:30">
      <c r="A1687" s="5" t="s">
        <v>83578</v>
      </c>
      <c r="B1687" s="2" t="s">
        <v>88657</v>
      </c>
      <c r="C1687" s="14" t="s">
        <v>88658</v>
      </c>
      <c r="D1687" s="2" t="s">
        <v>88659</v>
      </c>
      <c r="E1687" s="2"/>
      <c r="F1687" s="8">
        <v>479</v>
      </c>
      <c r="G1687" s="5">
        <v>25</v>
      </c>
      <c r="H1687" s="5" t="s">
        <v>69</v>
      </c>
      <c r="I1687" s="5" t="s">
        <v>27074</v>
      </c>
      <c r="J1687" s="2" t="s">
        <v>27075</v>
      </c>
      <c r="K1687" s="5" t="s">
        <v>27074</v>
      </c>
      <c r="L1687" s="2" t="s">
        <v>27075</v>
      </c>
      <c r="M1687" s="5" t="s">
        <v>24254</v>
      </c>
      <c r="N1687" s="5" t="s">
        <v>38</v>
      </c>
      <c r="O1687" s="5" t="s">
        <v>39</v>
      </c>
      <c r="P1687" s="5" t="s">
        <v>40</v>
      </c>
      <c r="Q1687" s="5" t="s">
        <v>25301</v>
      </c>
      <c r="R1687" s="5" t="s">
        <v>40</v>
      </c>
      <c r="S1687" s="5" t="s">
        <v>42</v>
      </c>
      <c r="T1687" s="2">
        <v>17.795000000000002</v>
      </c>
      <c r="U1687" s="2">
        <v>15.62</v>
      </c>
      <c r="V1687" s="2">
        <v>0.157</v>
      </c>
      <c r="W1687" s="2">
        <v>12</v>
      </c>
      <c r="X1687" s="2">
        <v>62</v>
      </c>
      <c r="Y1687" s="2">
        <v>210.9</v>
      </c>
      <c r="Z1687" s="5">
        <v>8</v>
      </c>
      <c r="AA1687" s="5" t="s">
        <v>43</v>
      </c>
      <c r="AB1687" s="5" t="s">
        <v>44</v>
      </c>
      <c r="AC1687" s="2" t="s">
        <v>29820</v>
      </c>
      <c r="AD1687" s="1"/>
    </row>
    <row r="1688" spans="1:30">
      <c r="A1688" s="5" t="s">
        <v>83578</v>
      </c>
      <c r="B1688" s="2" t="s">
        <v>88660</v>
      </c>
      <c r="C1688" s="14" t="s">
        <v>88661</v>
      </c>
      <c r="D1688" s="2" t="s">
        <v>88662</v>
      </c>
      <c r="E1688" s="2"/>
      <c r="F1688" s="8">
        <v>479</v>
      </c>
      <c r="G1688" s="5">
        <v>25</v>
      </c>
      <c r="H1688" s="5" t="s">
        <v>69</v>
      </c>
      <c r="I1688" s="5" t="s">
        <v>27074</v>
      </c>
      <c r="J1688" s="2" t="s">
        <v>27075</v>
      </c>
      <c r="K1688" s="5" t="s">
        <v>27074</v>
      </c>
      <c r="L1688" s="2" t="s">
        <v>27075</v>
      </c>
      <c r="M1688" s="5" t="s">
        <v>24254</v>
      </c>
      <c r="N1688" s="5" t="s">
        <v>38</v>
      </c>
      <c r="O1688" s="5" t="s">
        <v>39</v>
      </c>
      <c r="P1688" s="5" t="s">
        <v>40</v>
      </c>
      <c r="Q1688" s="5" t="s">
        <v>25301</v>
      </c>
      <c r="R1688" s="5" t="s">
        <v>40</v>
      </c>
      <c r="S1688" s="5" t="s">
        <v>42</v>
      </c>
      <c r="T1688" s="2">
        <v>13.257999999999999</v>
      </c>
      <c r="U1688" s="2">
        <v>11.117000000000001</v>
      </c>
      <c r="V1688" s="2">
        <v>0.157</v>
      </c>
      <c r="W1688" s="2">
        <v>12</v>
      </c>
      <c r="X1688" s="2">
        <v>62</v>
      </c>
      <c r="Y1688" s="2">
        <v>210.9</v>
      </c>
      <c r="Z1688" s="5">
        <v>10</v>
      </c>
      <c r="AA1688" s="5" t="s">
        <v>43</v>
      </c>
      <c r="AB1688" s="5" t="s">
        <v>44</v>
      </c>
      <c r="AC1688" s="2" t="s">
        <v>87942</v>
      </c>
      <c r="AD1688" s="1"/>
    </row>
    <row r="1689" spans="1:30">
      <c r="A1689" s="5" t="s">
        <v>83578</v>
      </c>
      <c r="B1689" s="2" t="s">
        <v>88663</v>
      </c>
      <c r="C1689" s="14" t="s">
        <v>88664</v>
      </c>
      <c r="D1689" s="2" t="s">
        <v>88665</v>
      </c>
      <c r="E1689" s="2"/>
      <c r="F1689" s="8">
        <v>479</v>
      </c>
      <c r="G1689" s="5">
        <v>25</v>
      </c>
      <c r="H1689" s="5" t="s">
        <v>69</v>
      </c>
      <c r="I1689" s="5" t="s">
        <v>27074</v>
      </c>
      <c r="J1689" s="2" t="s">
        <v>27075</v>
      </c>
      <c r="K1689" s="5" t="s">
        <v>27074</v>
      </c>
      <c r="L1689" s="2" t="s">
        <v>27075</v>
      </c>
      <c r="M1689" s="5" t="s">
        <v>24254</v>
      </c>
      <c r="N1689" s="5" t="s">
        <v>38</v>
      </c>
      <c r="O1689" s="5" t="s">
        <v>39</v>
      </c>
      <c r="P1689" s="5" t="s">
        <v>40</v>
      </c>
      <c r="Q1689" s="5" t="s">
        <v>25301</v>
      </c>
      <c r="R1689" s="5" t="s">
        <v>40</v>
      </c>
      <c r="S1689" s="5" t="s">
        <v>42</v>
      </c>
      <c r="T1689" s="2">
        <v>14.085000000000001</v>
      </c>
      <c r="U1689" s="2">
        <v>11.944000000000001</v>
      </c>
      <c r="V1689" s="2">
        <v>0.157</v>
      </c>
      <c r="W1689" s="2">
        <v>12</v>
      </c>
      <c r="X1689" s="2">
        <v>62</v>
      </c>
      <c r="Y1689" s="2">
        <v>210.9</v>
      </c>
      <c r="Z1689" s="5">
        <v>10</v>
      </c>
      <c r="AA1689" s="5" t="s">
        <v>43</v>
      </c>
      <c r="AB1689" s="5" t="s">
        <v>44</v>
      </c>
      <c r="AC1689" s="2" t="s">
        <v>30038</v>
      </c>
      <c r="AD1689" s="1"/>
    </row>
    <row r="1690" spans="1:30">
      <c r="A1690" s="5" t="s">
        <v>83578</v>
      </c>
      <c r="B1690" s="2" t="s">
        <v>88666</v>
      </c>
      <c r="C1690" s="14" t="s">
        <v>88667</v>
      </c>
      <c r="D1690" s="2" t="s">
        <v>88668</v>
      </c>
      <c r="E1690" s="2"/>
      <c r="F1690" s="8">
        <v>479</v>
      </c>
      <c r="G1690" s="5">
        <v>25</v>
      </c>
      <c r="H1690" s="5" t="s">
        <v>69</v>
      </c>
      <c r="I1690" s="5" t="s">
        <v>27074</v>
      </c>
      <c r="J1690" s="2" t="s">
        <v>27075</v>
      </c>
      <c r="K1690" s="5" t="s">
        <v>27074</v>
      </c>
      <c r="L1690" s="2" t="s">
        <v>27075</v>
      </c>
      <c r="M1690" s="5" t="s">
        <v>24254</v>
      </c>
      <c r="N1690" s="5" t="s">
        <v>38</v>
      </c>
      <c r="O1690" s="5" t="s">
        <v>39</v>
      </c>
      <c r="P1690" s="5" t="s">
        <v>40</v>
      </c>
      <c r="Q1690" s="5" t="s">
        <v>25301</v>
      </c>
      <c r="R1690" s="5" t="s">
        <v>40</v>
      </c>
      <c r="S1690" s="5" t="s">
        <v>42</v>
      </c>
      <c r="T1690" s="2">
        <v>9.2289999999999992</v>
      </c>
      <c r="U1690" s="2">
        <v>6.5110000000000001</v>
      </c>
      <c r="V1690" s="2">
        <v>0.14899999999999999</v>
      </c>
      <c r="W1690" s="2">
        <v>12</v>
      </c>
      <c r="X1690" s="2">
        <v>62</v>
      </c>
      <c r="Y1690" s="2">
        <v>199.7</v>
      </c>
      <c r="Z1690" s="5">
        <v>10</v>
      </c>
      <c r="AA1690" s="5" t="s">
        <v>43</v>
      </c>
      <c r="AB1690" s="5" t="s">
        <v>44</v>
      </c>
      <c r="AC1690" s="2" t="s">
        <v>87949</v>
      </c>
      <c r="AD1690" s="1"/>
    </row>
    <row r="1691" spans="1:30">
      <c r="A1691" s="5" t="s">
        <v>83578</v>
      </c>
      <c r="B1691" s="2" t="s">
        <v>88669</v>
      </c>
      <c r="C1691" s="14" t="s">
        <v>88670</v>
      </c>
      <c r="D1691" s="2" t="s">
        <v>88671</v>
      </c>
      <c r="E1691" s="2"/>
      <c r="F1691" s="8">
        <v>479</v>
      </c>
      <c r="G1691" s="5">
        <v>25</v>
      </c>
      <c r="H1691" s="5" t="s">
        <v>69</v>
      </c>
      <c r="I1691" s="5" t="s">
        <v>27074</v>
      </c>
      <c r="J1691" s="2" t="s">
        <v>27075</v>
      </c>
      <c r="K1691" s="5" t="s">
        <v>27074</v>
      </c>
      <c r="L1691" s="2" t="s">
        <v>27075</v>
      </c>
      <c r="M1691" s="5" t="s">
        <v>24254</v>
      </c>
      <c r="N1691" s="5" t="s">
        <v>38</v>
      </c>
      <c r="O1691" s="5" t="s">
        <v>39</v>
      </c>
      <c r="P1691" s="5" t="s">
        <v>40</v>
      </c>
      <c r="Q1691" s="5" t="s">
        <v>25301</v>
      </c>
      <c r="R1691" s="5" t="s">
        <v>40</v>
      </c>
      <c r="S1691" s="5" t="s">
        <v>42</v>
      </c>
      <c r="T1691" s="2">
        <v>10.058</v>
      </c>
      <c r="U1691" s="2">
        <v>7.34</v>
      </c>
      <c r="V1691" s="2">
        <v>0.14899999999999999</v>
      </c>
      <c r="W1691" s="2">
        <v>12</v>
      </c>
      <c r="X1691" s="2">
        <v>62</v>
      </c>
      <c r="Y1691" s="2">
        <v>199.7</v>
      </c>
      <c r="Z1691" s="5">
        <v>10</v>
      </c>
      <c r="AA1691" s="5" t="s">
        <v>43</v>
      </c>
      <c r="AB1691" s="5" t="s">
        <v>44</v>
      </c>
      <c r="AC1691" s="2" t="s">
        <v>30042</v>
      </c>
      <c r="AD1691" s="1"/>
    </row>
    <row r="1692" spans="1:30">
      <c r="A1692" s="5" t="s">
        <v>83578</v>
      </c>
      <c r="B1692" s="2" t="s">
        <v>88672</v>
      </c>
      <c r="C1692" s="14" t="s">
        <v>88673</v>
      </c>
      <c r="D1692" s="2" t="s">
        <v>88674</v>
      </c>
      <c r="E1692" s="2"/>
      <c r="F1692" s="8">
        <v>479</v>
      </c>
      <c r="G1692" s="5">
        <v>25</v>
      </c>
      <c r="H1692" s="5" t="s">
        <v>69</v>
      </c>
      <c r="I1692" s="5" t="s">
        <v>27074</v>
      </c>
      <c r="J1692" s="2" t="s">
        <v>27075</v>
      </c>
      <c r="K1692" s="5" t="s">
        <v>27074</v>
      </c>
      <c r="L1692" s="2" t="s">
        <v>27075</v>
      </c>
      <c r="M1692" s="5" t="s">
        <v>24254</v>
      </c>
      <c r="N1692" s="5" t="s">
        <v>38</v>
      </c>
      <c r="O1692" s="5" t="s">
        <v>39</v>
      </c>
      <c r="P1692" s="5" t="s">
        <v>40</v>
      </c>
      <c r="Q1692" s="5" t="s">
        <v>25301</v>
      </c>
      <c r="R1692" s="5" t="s">
        <v>40</v>
      </c>
      <c r="S1692" s="5" t="s">
        <v>42</v>
      </c>
      <c r="T1692" s="2">
        <v>12.023999999999999</v>
      </c>
      <c r="U1692" s="2">
        <v>9.3059999999999992</v>
      </c>
      <c r="V1692" s="2">
        <v>0.14899999999999999</v>
      </c>
      <c r="W1692" s="2">
        <v>12</v>
      </c>
      <c r="X1692" s="2">
        <v>62</v>
      </c>
      <c r="Y1692" s="2">
        <v>199.7</v>
      </c>
      <c r="Z1692" s="5">
        <v>10</v>
      </c>
      <c r="AA1692" s="5" t="s">
        <v>43</v>
      </c>
      <c r="AB1692" s="5" t="s">
        <v>44</v>
      </c>
      <c r="AC1692" s="2" t="s">
        <v>87949</v>
      </c>
      <c r="AD1692" s="1"/>
    </row>
    <row r="1693" spans="1:30">
      <c r="A1693" s="5" t="s">
        <v>83578</v>
      </c>
      <c r="B1693" s="2" t="s">
        <v>88675</v>
      </c>
      <c r="C1693" s="14" t="s">
        <v>88676</v>
      </c>
      <c r="D1693" s="2" t="s">
        <v>88677</v>
      </c>
      <c r="E1693" s="2"/>
      <c r="F1693" s="8">
        <v>479</v>
      </c>
      <c r="G1693" s="5">
        <v>25</v>
      </c>
      <c r="H1693" s="5" t="s">
        <v>69</v>
      </c>
      <c r="I1693" s="5" t="s">
        <v>27074</v>
      </c>
      <c r="J1693" s="2" t="s">
        <v>27075</v>
      </c>
      <c r="K1693" s="5" t="s">
        <v>27074</v>
      </c>
      <c r="L1693" s="2" t="s">
        <v>27075</v>
      </c>
      <c r="M1693" s="5" t="s">
        <v>24254</v>
      </c>
      <c r="N1693" s="5" t="s">
        <v>38</v>
      </c>
      <c r="O1693" s="5" t="s">
        <v>39</v>
      </c>
      <c r="P1693" s="5" t="s">
        <v>40</v>
      </c>
      <c r="Q1693" s="5" t="s">
        <v>25301</v>
      </c>
      <c r="R1693" s="5" t="s">
        <v>40</v>
      </c>
      <c r="S1693" s="5" t="s">
        <v>42</v>
      </c>
      <c r="T1693" s="2">
        <v>12.936999999999999</v>
      </c>
      <c r="U1693" s="2">
        <v>10.218999999999999</v>
      </c>
      <c r="V1693" s="2">
        <v>0.14899999999999999</v>
      </c>
      <c r="W1693" s="2">
        <v>12</v>
      </c>
      <c r="X1693" s="2">
        <v>62</v>
      </c>
      <c r="Y1693" s="2">
        <v>199.7</v>
      </c>
      <c r="Z1693" s="5">
        <v>10</v>
      </c>
      <c r="AA1693" s="5" t="s">
        <v>43</v>
      </c>
      <c r="AB1693" s="5" t="s">
        <v>44</v>
      </c>
      <c r="AC1693" s="2" t="s">
        <v>30042</v>
      </c>
      <c r="AD1693" s="1"/>
    </row>
    <row r="1694" spans="1:30">
      <c r="A1694" s="5" t="s">
        <v>83578</v>
      </c>
      <c r="B1694" s="2" t="s">
        <v>88678</v>
      </c>
      <c r="C1694" s="14" t="s">
        <v>88679</v>
      </c>
      <c r="D1694" s="2" t="s">
        <v>88680</v>
      </c>
      <c r="E1694" s="2"/>
      <c r="F1694" s="8">
        <v>287</v>
      </c>
      <c r="G1694" s="5">
        <v>5</v>
      </c>
      <c r="H1694" s="5" t="s">
        <v>69</v>
      </c>
      <c r="I1694" s="5" t="s">
        <v>27074</v>
      </c>
      <c r="J1694" s="2" t="s">
        <v>27075</v>
      </c>
      <c r="K1694" s="5" t="s">
        <v>27074</v>
      </c>
      <c r="L1694" s="2" t="s">
        <v>27075</v>
      </c>
      <c r="M1694" s="5" t="s">
        <v>24254</v>
      </c>
      <c r="N1694" s="5" t="s">
        <v>38</v>
      </c>
      <c r="O1694" s="5" t="s">
        <v>39</v>
      </c>
      <c r="P1694" s="5" t="s">
        <v>40</v>
      </c>
      <c r="Q1694" s="5" t="s">
        <v>24335</v>
      </c>
      <c r="R1694" s="5" t="s">
        <v>40</v>
      </c>
      <c r="S1694" s="5" t="s">
        <v>42</v>
      </c>
      <c r="T1694" s="2">
        <v>10.179</v>
      </c>
      <c r="U1694" s="2">
        <v>8.0039999999999996</v>
      </c>
      <c r="V1694" s="2">
        <v>0.157</v>
      </c>
      <c r="W1694" s="2">
        <v>12</v>
      </c>
      <c r="X1694" s="2">
        <v>62</v>
      </c>
      <c r="Y1694" s="2">
        <v>210.9</v>
      </c>
      <c r="Z1694" s="5">
        <v>8</v>
      </c>
      <c r="AA1694" s="5" t="s">
        <v>43</v>
      </c>
      <c r="AB1694" s="5" t="s">
        <v>44</v>
      </c>
      <c r="AC1694" s="2" t="s">
        <v>29611</v>
      </c>
      <c r="AD1694" s="1"/>
    </row>
    <row r="1695" spans="1:30">
      <c r="A1695" s="5" t="s">
        <v>83578</v>
      </c>
      <c r="B1695" s="2" t="s">
        <v>88681</v>
      </c>
      <c r="C1695" s="14" t="s">
        <v>88682</v>
      </c>
      <c r="D1695" s="2" t="s">
        <v>88683</v>
      </c>
      <c r="E1695" s="2"/>
      <c r="F1695" s="8">
        <v>287</v>
      </c>
      <c r="G1695" s="5">
        <v>25</v>
      </c>
      <c r="H1695" s="5" t="s">
        <v>69</v>
      </c>
      <c r="I1695" s="5" t="s">
        <v>27074</v>
      </c>
      <c r="J1695" s="2" t="s">
        <v>27075</v>
      </c>
      <c r="K1695" s="5" t="s">
        <v>27074</v>
      </c>
      <c r="L1695" s="2" t="s">
        <v>27075</v>
      </c>
      <c r="M1695" s="5" t="s">
        <v>24254</v>
      </c>
      <c r="N1695" s="5" t="s">
        <v>38</v>
      </c>
      <c r="O1695" s="5" t="s">
        <v>39</v>
      </c>
      <c r="P1695" s="5" t="s">
        <v>40</v>
      </c>
      <c r="Q1695" s="5" t="s">
        <v>24335</v>
      </c>
      <c r="R1695" s="5" t="s">
        <v>40</v>
      </c>
      <c r="S1695" s="5" t="s">
        <v>42</v>
      </c>
      <c r="T1695" s="2">
        <v>6.806</v>
      </c>
      <c r="U1695" s="2">
        <v>4.99</v>
      </c>
      <c r="V1695" s="2">
        <v>0.11899999999999999</v>
      </c>
      <c r="W1695" s="2">
        <v>12</v>
      </c>
      <c r="X1695" s="2">
        <v>62</v>
      </c>
      <c r="Y1695" s="2">
        <v>159.9</v>
      </c>
      <c r="Z1695" s="5">
        <v>10</v>
      </c>
      <c r="AA1695" s="5" t="s">
        <v>43</v>
      </c>
      <c r="AB1695" s="5" t="s">
        <v>44</v>
      </c>
      <c r="AC1695" s="2" t="s">
        <v>29747</v>
      </c>
      <c r="AD1695" s="1"/>
    </row>
    <row r="1696" spans="1:30">
      <c r="A1696" s="5" t="s">
        <v>83578</v>
      </c>
      <c r="B1696" s="2" t="s">
        <v>88684</v>
      </c>
      <c r="C1696" s="14" t="s">
        <v>88685</v>
      </c>
      <c r="D1696" s="2" t="s">
        <v>88686</v>
      </c>
      <c r="E1696" s="2"/>
      <c r="F1696" s="8">
        <v>287</v>
      </c>
      <c r="G1696" s="5">
        <v>25</v>
      </c>
      <c r="H1696" s="5" t="s">
        <v>69</v>
      </c>
      <c r="I1696" s="5" t="s">
        <v>27074</v>
      </c>
      <c r="J1696" s="2" t="s">
        <v>27075</v>
      </c>
      <c r="K1696" s="5" t="s">
        <v>27074</v>
      </c>
      <c r="L1696" s="2" t="s">
        <v>27075</v>
      </c>
      <c r="M1696" s="5" t="s">
        <v>24254</v>
      </c>
      <c r="N1696" s="5" t="s">
        <v>38</v>
      </c>
      <c r="O1696" s="5" t="s">
        <v>39</v>
      </c>
      <c r="P1696" s="5" t="s">
        <v>40</v>
      </c>
      <c r="Q1696" s="5" t="s">
        <v>24335</v>
      </c>
      <c r="R1696" s="5" t="s">
        <v>40</v>
      </c>
      <c r="S1696" s="5" t="s">
        <v>42</v>
      </c>
      <c r="T1696" s="2">
        <v>6.0049999999999999</v>
      </c>
      <c r="U1696" s="2">
        <v>4.1920000000000002</v>
      </c>
      <c r="V1696" s="2">
        <v>0.11899999999999999</v>
      </c>
      <c r="W1696" s="2">
        <v>12</v>
      </c>
      <c r="X1696" s="2">
        <v>62</v>
      </c>
      <c r="Y1696" s="2">
        <v>159.9</v>
      </c>
      <c r="Z1696" s="5">
        <v>10</v>
      </c>
      <c r="AA1696" s="5" t="s">
        <v>43</v>
      </c>
      <c r="AB1696" s="5" t="s">
        <v>44</v>
      </c>
      <c r="AC1696" s="2" t="s">
        <v>29629</v>
      </c>
      <c r="AD1696" s="1"/>
    </row>
    <row r="1697" spans="1:30">
      <c r="A1697" s="5" t="s">
        <v>83578</v>
      </c>
      <c r="B1697" s="2" t="s">
        <v>88687</v>
      </c>
      <c r="C1697" s="14" t="s">
        <v>88688</v>
      </c>
      <c r="D1697" s="2" t="s">
        <v>88689</v>
      </c>
      <c r="E1697" s="2"/>
      <c r="F1697" s="8">
        <v>287</v>
      </c>
      <c r="G1697" s="5">
        <v>25</v>
      </c>
      <c r="H1697" s="5" t="s">
        <v>69</v>
      </c>
      <c r="I1697" s="5" t="s">
        <v>27074</v>
      </c>
      <c r="J1697" s="2" t="s">
        <v>27075</v>
      </c>
      <c r="K1697" s="5" t="s">
        <v>27074</v>
      </c>
      <c r="L1697" s="2" t="s">
        <v>27075</v>
      </c>
      <c r="M1697" s="5" t="s">
        <v>24254</v>
      </c>
      <c r="N1697" s="5" t="s">
        <v>38</v>
      </c>
      <c r="O1697" s="5" t="s">
        <v>39</v>
      </c>
      <c r="P1697" s="5" t="s">
        <v>40</v>
      </c>
      <c r="Q1697" s="5" t="s">
        <v>24335</v>
      </c>
      <c r="R1697" s="5" t="s">
        <v>40</v>
      </c>
      <c r="S1697" s="5" t="s">
        <v>42</v>
      </c>
      <c r="T1697" s="2">
        <v>6.3470000000000004</v>
      </c>
      <c r="U1697" s="2">
        <v>4.5309999999999997</v>
      </c>
      <c r="V1697" s="2">
        <v>0.11899999999999999</v>
      </c>
      <c r="W1697" s="2">
        <v>12</v>
      </c>
      <c r="X1697" s="2">
        <v>62</v>
      </c>
      <c r="Y1697" s="2">
        <v>159.9</v>
      </c>
      <c r="Z1697" s="5">
        <v>10</v>
      </c>
      <c r="AA1697" s="5" t="s">
        <v>43</v>
      </c>
      <c r="AB1697" s="5" t="s">
        <v>44</v>
      </c>
      <c r="AC1697" s="2" t="s">
        <v>29629</v>
      </c>
      <c r="AD1697" s="1"/>
    </row>
    <row r="1698" spans="1:30">
      <c r="A1698" s="5" t="s">
        <v>83578</v>
      </c>
      <c r="B1698" s="2" t="s">
        <v>88690</v>
      </c>
      <c r="C1698" s="14" t="s">
        <v>88691</v>
      </c>
      <c r="D1698" s="2" t="s">
        <v>88692</v>
      </c>
      <c r="E1698" s="2"/>
      <c r="F1698" s="8">
        <v>438</v>
      </c>
      <c r="G1698" s="5">
        <v>25</v>
      </c>
      <c r="H1698" s="5" t="s">
        <v>69</v>
      </c>
      <c r="I1698" s="5" t="s">
        <v>27074</v>
      </c>
      <c r="J1698" s="2" t="s">
        <v>27075</v>
      </c>
      <c r="K1698" s="5" t="s">
        <v>27074</v>
      </c>
      <c r="L1698" s="2" t="s">
        <v>27075</v>
      </c>
      <c r="M1698" s="5" t="s">
        <v>24254</v>
      </c>
      <c r="N1698" s="5" t="s">
        <v>38</v>
      </c>
      <c r="O1698" s="5" t="s">
        <v>39</v>
      </c>
      <c r="P1698" s="5" t="s">
        <v>40</v>
      </c>
      <c r="Q1698" s="5" t="s">
        <v>24340</v>
      </c>
      <c r="R1698" s="5" t="s">
        <v>40</v>
      </c>
      <c r="S1698" s="5" t="s">
        <v>42</v>
      </c>
      <c r="T1698" s="2">
        <v>16.827000000000002</v>
      </c>
      <c r="U1698" s="2">
        <v>14.976000000000001</v>
      </c>
      <c r="V1698" s="2">
        <v>0.11899999999999999</v>
      </c>
      <c r="W1698" s="2">
        <v>12</v>
      </c>
      <c r="X1698" s="2">
        <v>62</v>
      </c>
      <c r="Y1698" s="2">
        <v>159.9</v>
      </c>
      <c r="Z1698" s="5">
        <v>8</v>
      </c>
      <c r="AA1698" s="5" t="s">
        <v>43</v>
      </c>
      <c r="AB1698" s="5" t="s">
        <v>44</v>
      </c>
      <c r="AC1698" s="2" t="s">
        <v>29641</v>
      </c>
      <c r="AD1698" s="1"/>
    </row>
    <row r="1699" spans="1:30">
      <c r="A1699" s="5" t="s">
        <v>83578</v>
      </c>
      <c r="B1699" s="2" t="s">
        <v>88693</v>
      </c>
      <c r="C1699" s="14" t="s">
        <v>88694</v>
      </c>
      <c r="D1699" s="2" t="s">
        <v>88695</v>
      </c>
      <c r="E1699" s="2"/>
      <c r="F1699" s="8">
        <v>438</v>
      </c>
      <c r="G1699" s="5">
        <v>25</v>
      </c>
      <c r="H1699" s="5" t="s">
        <v>69</v>
      </c>
      <c r="I1699" s="5" t="s">
        <v>27074</v>
      </c>
      <c r="J1699" s="2" t="s">
        <v>27075</v>
      </c>
      <c r="K1699" s="5" t="s">
        <v>27074</v>
      </c>
      <c r="L1699" s="2" t="s">
        <v>27075</v>
      </c>
      <c r="M1699" s="5" t="s">
        <v>24254</v>
      </c>
      <c r="N1699" s="5" t="s">
        <v>38</v>
      </c>
      <c r="O1699" s="5" t="s">
        <v>39</v>
      </c>
      <c r="P1699" s="5" t="s">
        <v>40</v>
      </c>
      <c r="Q1699" s="5" t="s">
        <v>24340</v>
      </c>
      <c r="R1699" s="5" t="s">
        <v>40</v>
      </c>
      <c r="S1699" s="5" t="s">
        <v>42</v>
      </c>
      <c r="T1699" s="2">
        <v>14.634</v>
      </c>
      <c r="U1699" s="2">
        <v>12.784000000000001</v>
      </c>
      <c r="V1699" s="2">
        <v>0.11899999999999999</v>
      </c>
      <c r="W1699" s="2">
        <v>12</v>
      </c>
      <c r="X1699" s="2">
        <v>62</v>
      </c>
      <c r="Y1699" s="2">
        <v>159.9</v>
      </c>
      <c r="Z1699" s="5">
        <v>8</v>
      </c>
      <c r="AA1699" s="5" t="s">
        <v>43</v>
      </c>
      <c r="AB1699" s="5" t="s">
        <v>44</v>
      </c>
      <c r="AC1699" s="2" t="s">
        <v>29641</v>
      </c>
      <c r="AD1699" s="1"/>
    </row>
    <row r="1700" spans="1:30">
      <c r="A1700" s="5" t="s">
        <v>83578</v>
      </c>
      <c r="B1700" s="2" t="s">
        <v>88696</v>
      </c>
      <c r="C1700" s="14" t="s">
        <v>88697</v>
      </c>
      <c r="D1700" s="2" t="s">
        <v>88698</v>
      </c>
      <c r="E1700" s="2"/>
      <c r="F1700" s="8">
        <v>438</v>
      </c>
      <c r="G1700" s="5">
        <v>25</v>
      </c>
      <c r="H1700" s="5" t="s">
        <v>69</v>
      </c>
      <c r="I1700" s="5" t="s">
        <v>27074</v>
      </c>
      <c r="J1700" s="2" t="s">
        <v>27075</v>
      </c>
      <c r="K1700" s="5" t="s">
        <v>27074</v>
      </c>
      <c r="L1700" s="2" t="s">
        <v>27075</v>
      </c>
      <c r="M1700" s="5" t="s">
        <v>24254</v>
      </c>
      <c r="N1700" s="5" t="s">
        <v>38</v>
      </c>
      <c r="O1700" s="5" t="s">
        <v>39</v>
      </c>
      <c r="P1700" s="5" t="s">
        <v>40</v>
      </c>
      <c r="Q1700" s="5" t="s">
        <v>24340</v>
      </c>
      <c r="R1700" s="5" t="s">
        <v>40</v>
      </c>
      <c r="S1700" s="5" t="s">
        <v>42</v>
      </c>
      <c r="T1700" s="2">
        <v>12.895</v>
      </c>
      <c r="U1700" s="2">
        <v>11.079000000000001</v>
      </c>
      <c r="V1700" s="2">
        <v>0.11899999999999999</v>
      </c>
      <c r="W1700" s="2">
        <v>12</v>
      </c>
      <c r="X1700" s="2">
        <v>62</v>
      </c>
      <c r="Y1700" s="2">
        <v>159.9</v>
      </c>
      <c r="Z1700" s="5">
        <v>8</v>
      </c>
      <c r="AA1700" s="5" t="s">
        <v>43</v>
      </c>
      <c r="AB1700" s="5" t="s">
        <v>44</v>
      </c>
      <c r="AC1700" s="2" t="s">
        <v>29641</v>
      </c>
      <c r="AD1700" s="1"/>
    </row>
    <row r="1701" spans="1:30">
      <c r="A1701" s="5" t="s">
        <v>83578</v>
      </c>
      <c r="B1701" s="2" t="s">
        <v>88699</v>
      </c>
      <c r="C1701" s="14" t="s">
        <v>88700</v>
      </c>
      <c r="D1701" s="2" t="s">
        <v>88701</v>
      </c>
      <c r="E1701" s="2"/>
      <c r="F1701" s="8">
        <v>438</v>
      </c>
      <c r="G1701" s="5">
        <v>25</v>
      </c>
      <c r="H1701" s="5" t="s">
        <v>69</v>
      </c>
      <c r="I1701" s="5" t="s">
        <v>27074</v>
      </c>
      <c r="J1701" s="2" t="s">
        <v>27075</v>
      </c>
      <c r="K1701" s="5" t="s">
        <v>27074</v>
      </c>
      <c r="L1701" s="2" t="s">
        <v>27075</v>
      </c>
      <c r="M1701" s="5" t="s">
        <v>24254</v>
      </c>
      <c r="N1701" s="5" t="s">
        <v>38</v>
      </c>
      <c r="O1701" s="5" t="s">
        <v>39</v>
      </c>
      <c r="P1701" s="5" t="s">
        <v>40</v>
      </c>
      <c r="Q1701" s="5" t="s">
        <v>24340</v>
      </c>
      <c r="R1701" s="5" t="s">
        <v>40</v>
      </c>
      <c r="S1701" s="5" t="s">
        <v>42</v>
      </c>
      <c r="T1701" s="2">
        <v>7.7869999999999999</v>
      </c>
      <c r="U1701" s="2">
        <v>5.9710000000000001</v>
      </c>
      <c r="V1701" s="2">
        <v>0.11899999999999999</v>
      </c>
      <c r="W1701" s="2">
        <v>12</v>
      </c>
      <c r="X1701" s="2">
        <v>62</v>
      </c>
      <c r="Y1701" s="2">
        <v>159.9</v>
      </c>
      <c r="Z1701" s="5">
        <v>10</v>
      </c>
      <c r="AA1701" s="5" t="s">
        <v>43</v>
      </c>
      <c r="AB1701" s="5" t="s">
        <v>44</v>
      </c>
      <c r="AC1701" s="2" t="s">
        <v>87916</v>
      </c>
      <c r="AD1701" s="1"/>
    </row>
    <row r="1702" spans="1:30">
      <c r="A1702" s="5" t="s">
        <v>83578</v>
      </c>
      <c r="B1702" s="2" t="s">
        <v>88702</v>
      </c>
      <c r="C1702" s="14" t="s">
        <v>88703</v>
      </c>
      <c r="D1702" s="2" t="s">
        <v>88704</v>
      </c>
      <c r="E1702" s="2"/>
      <c r="F1702" s="8">
        <v>438</v>
      </c>
      <c r="G1702" s="5">
        <v>25</v>
      </c>
      <c r="H1702" s="5" t="s">
        <v>69</v>
      </c>
      <c r="I1702" s="5" t="s">
        <v>27074</v>
      </c>
      <c r="J1702" s="2" t="s">
        <v>27075</v>
      </c>
      <c r="K1702" s="5" t="s">
        <v>27074</v>
      </c>
      <c r="L1702" s="2" t="s">
        <v>27075</v>
      </c>
      <c r="M1702" s="5" t="s">
        <v>24254</v>
      </c>
      <c r="N1702" s="5" t="s">
        <v>38</v>
      </c>
      <c r="O1702" s="5" t="s">
        <v>39</v>
      </c>
      <c r="P1702" s="5" t="s">
        <v>40</v>
      </c>
      <c r="Q1702" s="5" t="s">
        <v>24340</v>
      </c>
      <c r="R1702" s="5" t="s">
        <v>40</v>
      </c>
      <c r="S1702" s="5" t="s">
        <v>42</v>
      </c>
      <c r="T1702" s="2">
        <v>7.13</v>
      </c>
      <c r="U1702" s="2">
        <v>5.3170000000000002</v>
      </c>
      <c r="V1702" s="2">
        <v>0.11899999999999999</v>
      </c>
      <c r="W1702" s="2">
        <v>12</v>
      </c>
      <c r="X1702" s="2">
        <v>62</v>
      </c>
      <c r="Y1702" s="2">
        <v>159.9</v>
      </c>
      <c r="Z1702" s="5">
        <v>10</v>
      </c>
      <c r="AA1702" s="5" t="s">
        <v>43</v>
      </c>
      <c r="AB1702" s="5" t="s">
        <v>44</v>
      </c>
      <c r="AC1702" s="2" t="s">
        <v>29648</v>
      </c>
      <c r="AD1702" s="1"/>
    </row>
    <row r="1703" spans="1:30">
      <c r="A1703" s="5" t="s">
        <v>83578</v>
      </c>
      <c r="B1703" s="2" t="s">
        <v>88705</v>
      </c>
      <c r="C1703" s="14" t="s">
        <v>88706</v>
      </c>
      <c r="D1703" s="2" t="s">
        <v>88707</v>
      </c>
      <c r="E1703" s="2"/>
      <c r="F1703" s="8">
        <v>438</v>
      </c>
      <c r="G1703" s="5">
        <v>25</v>
      </c>
      <c r="H1703" s="5" t="s">
        <v>69</v>
      </c>
      <c r="I1703" s="5" t="s">
        <v>27074</v>
      </c>
      <c r="J1703" s="2" t="s">
        <v>27075</v>
      </c>
      <c r="K1703" s="5" t="s">
        <v>27074</v>
      </c>
      <c r="L1703" s="2" t="s">
        <v>27075</v>
      </c>
      <c r="M1703" s="5" t="s">
        <v>24254</v>
      </c>
      <c r="N1703" s="5" t="s">
        <v>38</v>
      </c>
      <c r="O1703" s="5" t="s">
        <v>39</v>
      </c>
      <c r="P1703" s="5" t="s">
        <v>40</v>
      </c>
      <c r="Q1703" s="5" t="s">
        <v>24340</v>
      </c>
      <c r="R1703" s="5" t="s">
        <v>40</v>
      </c>
      <c r="S1703" s="5" t="s">
        <v>42</v>
      </c>
      <c r="T1703" s="2">
        <v>7.9240000000000004</v>
      </c>
      <c r="U1703" s="2">
        <v>6.1079999999999997</v>
      </c>
      <c r="V1703" s="2">
        <v>0.11899999999999999</v>
      </c>
      <c r="W1703" s="2">
        <v>12</v>
      </c>
      <c r="X1703" s="2">
        <v>62</v>
      </c>
      <c r="Y1703" s="2">
        <v>159.9</v>
      </c>
      <c r="Z1703" s="5">
        <v>10</v>
      </c>
      <c r="AA1703" s="5" t="s">
        <v>43</v>
      </c>
      <c r="AB1703" s="5" t="s">
        <v>44</v>
      </c>
      <c r="AC1703" s="2" t="s">
        <v>29648</v>
      </c>
      <c r="AD1703" s="1"/>
    </row>
    <row r="1704" spans="1:30">
      <c r="A1704" s="5" t="s">
        <v>83578</v>
      </c>
      <c r="B1704" s="2" t="s">
        <v>88708</v>
      </c>
      <c r="C1704" s="14" t="s">
        <v>88709</v>
      </c>
      <c r="D1704" s="2" t="s">
        <v>88710</v>
      </c>
      <c r="E1704" s="2"/>
      <c r="F1704" s="8">
        <v>438</v>
      </c>
      <c r="G1704" s="5">
        <v>25</v>
      </c>
      <c r="H1704" s="5" t="s">
        <v>69</v>
      </c>
      <c r="I1704" s="5" t="s">
        <v>27074</v>
      </c>
      <c r="J1704" s="2" t="s">
        <v>27075</v>
      </c>
      <c r="K1704" s="5" t="s">
        <v>27074</v>
      </c>
      <c r="L1704" s="2" t="s">
        <v>27075</v>
      </c>
      <c r="M1704" s="5" t="s">
        <v>24254</v>
      </c>
      <c r="N1704" s="5" t="s">
        <v>38</v>
      </c>
      <c r="O1704" s="5" t="s">
        <v>39</v>
      </c>
      <c r="P1704" s="5" t="s">
        <v>40</v>
      </c>
      <c r="Q1704" s="5" t="s">
        <v>25301</v>
      </c>
      <c r="R1704" s="5" t="s">
        <v>40</v>
      </c>
      <c r="S1704" s="5" t="s">
        <v>42</v>
      </c>
      <c r="T1704" s="2">
        <v>15.577</v>
      </c>
      <c r="U1704" s="2">
        <v>13.726000000000001</v>
      </c>
      <c r="V1704" s="2">
        <v>0.11899999999999999</v>
      </c>
      <c r="W1704" s="2">
        <v>12</v>
      </c>
      <c r="X1704" s="2">
        <v>62</v>
      </c>
      <c r="Y1704" s="2">
        <v>159.9</v>
      </c>
      <c r="Z1704" s="5">
        <v>8</v>
      </c>
      <c r="AA1704" s="5" t="s">
        <v>43</v>
      </c>
      <c r="AB1704" s="5" t="s">
        <v>44</v>
      </c>
      <c r="AC1704" s="2" t="s">
        <v>29820</v>
      </c>
      <c r="AD1704" s="1"/>
    </row>
    <row r="1705" spans="1:30">
      <c r="A1705" s="5" t="s">
        <v>83578</v>
      </c>
      <c r="B1705" s="2" t="s">
        <v>88711</v>
      </c>
      <c r="C1705" s="14" t="s">
        <v>88712</v>
      </c>
      <c r="D1705" s="2" t="s">
        <v>88713</v>
      </c>
      <c r="E1705" s="2"/>
      <c r="F1705" s="8">
        <v>438</v>
      </c>
      <c r="G1705" s="5">
        <v>25</v>
      </c>
      <c r="H1705" s="5" t="s">
        <v>69</v>
      </c>
      <c r="I1705" s="5" t="s">
        <v>27074</v>
      </c>
      <c r="J1705" s="2" t="s">
        <v>27075</v>
      </c>
      <c r="K1705" s="5" t="s">
        <v>27074</v>
      </c>
      <c r="L1705" s="2" t="s">
        <v>27075</v>
      </c>
      <c r="M1705" s="5" t="s">
        <v>24254</v>
      </c>
      <c r="N1705" s="5" t="s">
        <v>38</v>
      </c>
      <c r="O1705" s="5" t="s">
        <v>39</v>
      </c>
      <c r="P1705" s="5" t="s">
        <v>40</v>
      </c>
      <c r="Q1705" s="5" t="s">
        <v>25301</v>
      </c>
      <c r="R1705" s="5" t="s">
        <v>40</v>
      </c>
      <c r="S1705" s="5" t="s">
        <v>42</v>
      </c>
      <c r="T1705" s="2">
        <v>13.52</v>
      </c>
      <c r="U1705" s="2">
        <v>11.67</v>
      </c>
      <c r="V1705" s="2">
        <v>0.11899999999999999</v>
      </c>
      <c r="W1705" s="2">
        <v>12</v>
      </c>
      <c r="X1705" s="2">
        <v>62</v>
      </c>
      <c r="Y1705" s="2">
        <v>159.9</v>
      </c>
      <c r="Z1705" s="5">
        <v>8</v>
      </c>
      <c r="AA1705" s="5" t="s">
        <v>43</v>
      </c>
      <c r="AB1705" s="5" t="s">
        <v>44</v>
      </c>
      <c r="AC1705" s="2" t="s">
        <v>29820</v>
      </c>
      <c r="AD1705" s="1"/>
    </row>
    <row r="1706" spans="1:30">
      <c r="A1706" s="5" t="s">
        <v>83578</v>
      </c>
      <c r="B1706" s="2" t="s">
        <v>88714</v>
      </c>
      <c r="C1706" s="14" t="s">
        <v>88715</v>
      </c>
      <c r="D1706" s="2" t="s">
        <v>88716</v>
      </c>
      <c r="E1706" s="2"/>
      <c r="F1706" s="8">
        <v>438</v>
      </c>
      <c r="G1706" s="5">
        <v>25</v>
      </c>
      <c r="H1706" s="5" t="s">
        <v>69</v>
      </c>
      <c r="I1706" s="5" t="s">
        <v>27074</v>
      </c>
      <c r="J1706" s="2" t="s">
        <v>27075</v>
      </c>
      <c r="K1706" s="5" t="s">
        <v>27074</v>
      </c>
      <c r="L1706" s="2" t="s">
        <v>27075</v>
      </c>
      <c r="M1706" s="5" t="s">
        <v>24254</v>
      </c>
      <c r="N1706" s="5" t="s">
        <v>38</v>
      </c>
      <c r="O1706" s="5" t="s">
        <v>39</v>
      </c>
      <c r="P1706" s="5" t="s">
        <v>40</v>
      </c>
      <c r="Q1706" s="5" t="s">
        <v>25301</v>
      </c>
      <c r="R1706" s="5" t="s">
        <v>40</v>
      </c>
      <c r="S1706" s="5" t="s">
        <v>42</v>
      </c>
      <c r="T1706" s="2">
        <v>12.066000000000001</v>
      </c>
      <c r="U1706" s="2">
        <v>10.25</v>
      </c>
      <c r="V1706" s="2">
        <v>0.11899999999999999</v>
      </c>
      <c r="W1706" s="2">
        <v>12</v>
      </c>
      <c r="X1706" s="2">
        <v>62</v>
      </c>
      <c r="Y1706" s="2">
        <v>159.9</v>
      </c>
      <c r="Z1706" s="5">
        <v>8</v>
      </c>
      <c r="AA1706" s="5" t="s">
        <v>43</v>
      </c>
      <c r="AB1706" s="5" t="s">
        <v>44</v>
      </c>
      <c r="AC1706" s="2" t="s">
        <v>29820</v>
      </c>
      <c r="AD1706" s="1"/>
    </row>
    <row r="1707" spans="1:30">
      <c r="A1707" s="5" t="s">
        <v>83578</v>
      </c>
      <c r="B1707" s="2" t="s">
        <v>88717</v>
      </c>
      <c r="C1707" s="14" t="s">
        <v>88718</v>
      </c>
      <c r="D1707" s="2" t="s">
        <v>88719</v>
      </c>
      <c r="E1707" s="2" t="s">
        <v>87894</v>
      </c>
      <c r="F1707" s="8">
        <v>412</v>
      </c>
      <c r="G1707" s="5">
        <v>5</v>
      </c>
      <c r="H1707" s="5" t="s">
        <v>69</v>
      </c>
      <c r="I1707" s="5" t="s">
        <v>27074</v>
      </c>
      <c r="J1707" s="2" t="s">
        <v>27075</v>
      </c>
      <c r="K1707" s="5" t="s">
        <v>27074</v>
      </c>
      <c r="L1707" s="2" t="s">
        <v>27075</v>
      </c>
      <c r="M1707" s="5" t="s">
        <v>24254</v>
      </c>
      <c r="N1707" s="5" t="s">
        <v>38</v>
      </c>
      <c r="O1707" s="5" t="s">
        <v>39</v>
      </c>
      <c r="P1707" s="5" t="s">
        <v>40</v>
      </c>
      <c r="Q1707" s="5" t="s">
        <v>1487</v>
      </c>
      <c r="R1707" s="5"/>
      <c r="S1707" s="5" t="s">
        <v>42</v>
      </c>
      <c r="T1707" s="2">
        <v>0</v>
      </c>
      <c r="U1707" s="2">
        <v>0</v>
      </c>
      <c r="V1707" s="2">
        <v>0</v>
      </c>
      <c r="W1707" s="2">
        <v>0</v>
      </c>
      <c r="X1707" s="2">
        <v>0</v>
      </c>
      <c r="Y1707" s="2">
        <v>0</v>
      </c>
      <c r="Z1707" s="5"/>
      <c r="AA1707" s="5" t="s">
        <v>43</v>
      </c>
      <c r="AB1707" s="5" t="s">
        <v>44</v>
      </c>
      <c r="AC1707" s="2" t="s">
        <v>87895</v>
      </c>
      <c r="AD1707" s="1"/>
    </row>
    <row r="1708" spans="1:30">
      <c r="A1708" s="5" t="s">
        <v>83578</v>
      </c>
      <c r="B1708" s="2" t="s">
        <v>88720</v>
      </c>
      <c r="C1708" s="14" t="s">
        <v>88721</v>
      </c>
      <c r="D1708" s="2" t="s">
        <v>88722</v>
      </c>
      <c r="E1708" s="2"/>
      <c r="F1708" s="8">
        <v>461</v>
      </c>
      <c r="G1708" s="5">
        <v>25</v>
      </c>
      <c r="H1708" s="5" t="s">
        <v>69</v>
      </c>
      <c r="I1708" s="5" t="s">
        <v>27074</v>
      </c>
      <c r="J1708" s="2" t="s">
        <v>27075</v>
      </c>
      <c r="K1708" s="5" t="s">
        <v>27074</v>
      </c>
      <c r="L1708" s="2" t="s">
        <v>27075</v>
      </c>
      <c r="M1708" s="5" t="s">
        <v>24254</v>
      </c>
      <c r="N1708" s="5" t="s">
        <v>38</v>
      </c>
      <c r="O1708" s="5" t="s">
        <v>39</v>
      </c>
      <c r="P1708" s="5" t="s">
        <v>40</v>
      </c>
      <c r="Q1708" s="5" t="s">
        <v>24340</v>
      </c>
      <c r="R1708" s="5" t="s">
        <v>40</v>
      </c>
      <c r="S1708" s="5" t="s">
        <v>42</v>
      </c>
      <c r="T1708" s="2">
        <v>19.032</v>
      </c>
      <c r="U1708" s="2">
        <v>17.056999999999999</v>
      </c>
      <c r="V1708" s="2">
        <v>0.129</v>
      </c>
      <c r="W1708" s="2">
        <v>12</v>
      </c>
      <c r="X1708" s="2">
        <v>62</v>
      </c>
      <c r="Y1708" s="2">
        <v>172.9</v>
      </c>
      <c r="Z1708" s="5">
        <v>8</v>
      </c>
      <c r="AA1708" s="5" t="s">
        <v>43</v>
      </c>
      <c r="AB1708" s="5" t="s">
        <v>44</v>
      </c>
      <c r="AC1708" s="2" t="s">
        <v>29641</v>
      </c>
      <c r="AD1708" s="1"/>
    </row>
    <row r="1709" spans="1:30">
      <c r="A1709" s="5" t="s">
        <v>83578</v>
      </c>
      <c r="B1709" s="2" t="s">
        <v>88723</v>
      </c>
      <c r="C1709" s="14" t="s">
        <v>88724</v>
      </c>
      <c r="D1709" s="2" t="s">
        <v>88725</v>
      </c>
      <c r="E1709" s="2"/>
      <c r="F1709" s="8">
        <v>461</v>
      </c>
      <c r="G1709" s="5">
        <v>25</v>
      </c>
      <c r="H1709" s="5" t="s">
        <v>69</v>
      </c>
      <c r="I1709" s="5" t="s">
        <v>27074</v>
      </c>
      <c r="J1709" s="2" t="s">
        <v>27075</v>
      </c>
      <c r="K1709" s="5" t="s">
        <v>27074</v>
      </c>
      <c r="L1709" s="2" t="s">
        <v>27075</v>
      </c>
      <c r="M1709" s="5" t="s">
        <v>24254</v>
      </c>
      <c r="N1709" s="5" t="s">
        <v>38</v>
      </c>
      <c r="O1709" s="5" t="s">
        <v>39</v>
      </c>
      <c r="P1709" s="5" t="s">
        <v>40</v>
      </c>
      <c r="Q1709" s="5" t="s">
        <v>24340</v>
      </c>
      <c r="R1709" s="5" t="s">
        <v>40</v>
      </c>
      <c r="S1709" s="5" t="s">
        <v>42</v>
      </c>
      <c r="T1709" s="2">
        <v>12.999000000000001</v>
      </c>
      <c r="U1709" s="2">
        <v>11.058</v>
      </c>
      <c r="V1709" s="2">
        <v>0.129</v>
      </c>
      <c r="W1709" s="2">
        <v>12</v>
      </c>
      <c r="X1709" s="2">
        <v>62</v>
      </c>
      <c r="Y1709" s="2">
        <v>172.9</v>
      </c>
      <c r="Z1709" s="5">
        <v>10</v>
      </c>
      <c r="AA1709" s="5" t="s">
        <v>43</v>
      </c>
      <c r="AB1709" s="5" t="s">
        <v>44</v>
      </c>
      <c r="AC1709" s="2" t="s">
        <v>87916</v>
      </c>
      <c r="AD1709" s="1"/>
    </row>
    <row r="1710" spans="1:30">
      <c r="A1710" s="5" t="s">
        <v>83578</v>
      </c>
      <c r="B1710" s="2" t="s">
        <v>88726</v>
      </c>
      <c r="C1710" s="14" t="s">
        <v>88727</v>
      </c>
      <c r="D1710" s="2" t="s">
        <v>88728</v>
      </c>
      <c r="E1710" s="2"/>
      <c r="F1710" s="8">
        <v>461</v>
      </c>
      <c r="G1710" s="5">
        <v>25</v>
      </c>
      <c r="H1710" s="5" t="s">
        <v>69</v>
      </c>
      <c r="I1710" s="5" t="s">
        <v>27074</v>
      </c>
      <c r="J1710" s="2" t="s">
        <v>27075</v>
      </c>
      <c r="K1710" s="5" t="s">
        <v>27074</v>
      </c>
      <c r="L1710" s="2" t="s">
        <v>27075</v>
      </c>
      <c r="M1710" s="5" t="s">
        <v>24254</v>
      </c>
      <c r="N1710" s="5" t="s">
        <v>38</v>
      </c>
      <c r="O1710" s="5" t="s">
        <v>39</v>
      </c>
      <c r="P1710" s="5" t="s">
        <v>40</v>
      </c>
      <c r="Q1710" s="5" t="s">
        <v>24340</v>
      </c>
      <c r="R1710" s="5" t="s">
        <v>40</v>
      </c>
      <c r="S1710" s="5" t="s">
        <v>42</v>
      </c>
      <c r="T1710" s="2">
        <v>14.183</v>
      </c>
      <c r="U1710" s="2">
        <v>12.242000000000001</v>
      </c>
      <c r="V1710" s="2">
        <v>0.129</v>
      </c>
      <c r="W1710" s="2">
        <v>12</v>
      </c>
      <c r="X1710" s="2">
        <v>62</v>
      </c>
      <c r="Y1710" s="2">
        <v>172.9</v>
      </c>
      <c r="Z1710" s="5">
        <v>10</v>
      </c>
      <c r="AA1710" s="5" t="s">
        <v>43</v>
      </c>
      <c r="AB1710" s="5" t="s">
        <v>44</v>
      </c>
      <c r="AC1710" s="2" t="s">
        <v>87920</v>
      </c>
      <c r="AD1710" s="1"/>
    </row>
    <row r="1711" spans="1:30">
      <c r="A1711" s="5" t="s">
        <v>83578</v>
      </c>
      <c r="B1711" s="2" t="s">
        <v>88729</v>
      </c>
      <c r="C1711" s="14" t="s">
        <v>88730</v>
      </c>
      <c r="D1711" s="2" t="s">
        <v>88731</v>
      </c>
      <c r="E1711" s="2"/>
      <c r="F1711" s="8">
        <v>461</v>
      </c>
      <c r="G1711" s="5">
        <v>25</v>
      </c>
      <c r="H1711" s="5" t="s">
        <v>69</v>
      </c>
      <c r="I1711" s="5" t="s">
        <v>27074</v>
      </c>
      <c r="J1711" s="2" t="s">
        <v>27075</v>
      </c>
      <c r="K1711" s="5" t="s">
        <v>27074</v>
      </c>
      <c r="L1711" s="2" t="s">
        <v>27075</v>
      </c>
      <c r="M1711" s="5" t="s">
        <v>24254</v>
      </c>
      <c r="N1711" s="5" t="s">
        <v>38</v>
      </c>
      <c r="O1711" s="5" t="s">
        <v>39</v>
      </c>
      <c r="P1711" s="5" t="s">
        <v>40</v>
      </c>
      <c r="Q1711" s="5" t="s">
        <v>24340</v>
      </c>
      <c r="R1711" s="5" t="s">
        <v>40</v>
      </c>
      <c r="S1711" s="5" t="s">
        <v>42</v>
      </c>
      <c r="T1711" s="2">
        <v>8.7249999999999996</v>
      </c>
      <c r="U1711" s="2">
        <v>6.7839999999999998</v>
      </c>
      <c r="V1711" s="2">
        <v>0.129</v>
      </c>
      <c r="W1711" s="2">
        <v>12</v>
      </c>
      <c r="X1711" s="2">
        <v>62</v>
      </c>
      <c r="Y1711" s="2">
        <v>172.9</v>
      </c>
      <c r="Z1711" s="5">
        <v>10</v>
      </c>
      <c r="AA1711" s="5" t="s">
        <v>43</v>
      </c>
      <c r="AB1711" s="5" t="s">
        <v>44</v>
      </c>
      <c r="AC1711" s="2" t="s">
        <v>29648</v>
      </c>
      <c r="AD1711" s="1"/>
    </row>
    <row r="1712" spans="1:30">
      <c r="A1712" s="5" t="s">
        <v>83578</v>
      </c>
      <c r="B1712" s="2" t="s">
        <v>88732</v>
      </c>
      <c r="C1712" s="14" t="s">
        <v>88733</v>
      </c>
      <c r="D1712" s="2" t="s">
        <v>88734</v>
      </c>
      <c r="E1712" s="2"/>
      <c r="F1712" s="8">
        <v>461</v>
      </c>
      <c r="G1712" s="5">
        <v>25</v>
      </c>
      <c r="H1712" s="5" t="s">
        <v>69</v>
      </c>
      <c r="I1712" s="5" t="s">
        <v>27074</v>
      </c>
      <c r="J1712" s="2" t="s">
        <v>27075</v>
      </c>
      <c r="K1712" s="5" t="s">
        <v>27074</v>
      </c>
      <c r="L1712" s="2" t="s">
        <v>27075</v>
      </c>
      <c r="M1712" s="5" t="s">
        <v>24254</v>
      </c>
      <c r="N1712" s="5" t="s">
        <v>38</v>
      </c>
      <c r="O1712" s="5" t="s">
        <v>39</v>
      </c>
      <c r="P1712" s="5" t="s">
        <v>40</v>
      </c>
      <c r="Q1712" s="5" t="s">
        <v>24340</v>
      </c>
      <c r="R1712" s="5" t="s">
        <v>40</v>
      </c>
      <c r="S1712" s="5" t="s">
        <v>42</v>
      </c>
      <c r="T1712" s="2">
        <v>9.9120000000000008</v>
      </c>
      <c r="U1712" s="2">
        <v>7.9710000000000001</v>
      </c>
      <c r="V1712" s="2">
        <v>0.129</v>
      </c>
      <c r="W1712" s="2">
        <v>12</v>
      </c>
      <c r="X1712" s="2">
        <v>62</v>
      </c>
      <c r="Y1712" s="2">
        <v>172.9</v>
      </c>
      <c r="Z1712" s="5">
        <v>10</v>
      </c>
      <c r="AA1712" s="5" t="s">
        <v>43</v>
      </c>
      <c r="AB1712" s="5" t="s">
        <v>44</v>
      </c>
      <c r="AC1712" s="2" t="s">
        <v>29923</v>
      </c>
      <c r="AD1712" s="1"/>
    </row>
    <row r="1713" spans="1:30">
      <c r="A1713" s="5" t="s">
        <v>83578</v>
      </c>
      <c r="B1713" s="2" t="s">
        <v>88735</v>
      </c>
      <c r="C1713" s="14" t="s">
        <v>88736</v>
      </c>
      <c r="D1713" s="2" t="s">
        <v>88737</v>
      </c>
      <c r="E1713" s="2"/>
      <c r="F1713" s="8">
        <v>461</v>
      </c>
      <c r="G1713" s="5">
        <v>25</v>
      </c>
      <c r="H1713" s="5" t="s">
        <v>69</v>
      </c>
      <c r="I1713" s="5" t="s">
        <v>27074</v>
      </c>
      <c r="J1713" s="2" t="s">
        <v>27075</v>
      </c>
      <c r="K1713" s="5" t="s">
        <v>27074</v>
      </c>
      <c r="L1713" s="2" t="s">
        <v>27075</v>
      </c>
      <c r="M1713" s="5" t="s">
        <v>24254</v>
      </c>
      <c r="N1713" s="5" t="s">
        <v>38</v>
      </c>
      <c r="O1713" s="5" t="s">
        <v>39</v>
      </c>
      <c r="P1713" s="5" t="s">
        <v>40</v>
      </c>
      <c r="Q1713" s="5" t="s">
        <v>24340</v>
      </c>
      <c r="R1713" s="5" t="s">
        <v>40</v>
      </c>
      <c r="S1713" s="5" t="s">
        <v>42</v>
      </c>
      <c r="T1713" s="2">
        <v>11.191000000000001</v>
      </c>
      <c r="U1713" s="2">
        <v>9.25</v>
      </c>
      <c r="V1713" s="2">
        <v>0.129</v>
      </c>
      <c r="W1713" s="2">
        <v>12</v>
      </c>
      <c r="X1713" s="2">
        <v>62</v>
      </c>
      <c r="Y1713" s="2">
        <v>172.9</v>
      </c>
      <c r="Z1713" s="5">
        <v>10</v>
      </c>
      <c r="AA1713" s="5" t="s">
        <v>43</v>
      </c>
      <c r="AB1713" s="5" t="s">
        <v>44</v>
      </c>
      <c r="AC1713" s="2" t="s">
        <v>29648</v>
      </c>
      <c r="AD1713" s="1"/>
    </row>
    <row r="1714" spans="1:30">
      <c r="A1714" s="5" t="s">
        <v>83578</v>
      </c>
      <c r="B1714" s="2" t="s">
        <v>88738</v>
      </c>
      <c r="C1714" s="14" t="s">
        <v>88739</v>
      </c>
      <c r="D1714" s="2" t="s">
        <v>88740</v>
      </c>
      <c r="E1714" s="2"/>
      <c r="F1714" s="8">
        <v>461</v>
      </c>
      <c r="G1714" s="5">
        <v>25</v>
      </c>
      <c r="H1714" s="5" t="s">
        <v>69</v>
      </c>
      <c r="I1714" s="5" t="s">
        <v>27074</v>
      </c>
      <c r="J1714" s="2" t="s">
        <v>27075</v>
      </c>
      <c r="K1714" s="5" t="s">
        <v>27074</v>
      </c>
      <c r="L1714" s="2" t="s">
        <v>27075</v>
      </c>
      <c r="M1714" s="5" t="s">
        <v>24254</v>
      </c>
      <c r="N1714" s="5" t="s">
        <v>38</v>
      </c>
      <c r="O1714" s="5" t="s">
        <v>39</v>
      </c>
      <c r="P1714" s="5" t="s">
        <v>40</v>
      </c>
      <c r="Q1714" s="5" t="s">
        <v>24340</v>
      </c>
      <c r="R1714" s="5" t="s">
        <v>40</v>
      </c>
      <c r="S1714" s="5" t="s">
        <v>42</v>
      </c>
      <c r="T1714" s="2">
        <v>12.478999999999999</v>
      </c>
      <c r="U1714" s="2">
        <v>10.538</v>
      </c>
      <c r="V1714" s="2">
        <v>0.129</v>
      </c>
      <c r="W1714" s="2">
        <v>12</v>
      </c>
      <c r="X1714" s="2">
        <v>62</v>
      </c>
      <c r="Y1714" s="2">
        <v>172.9</v>
      </c>
      <c r="Z1714" s="5">
        <v>10</v>
      </c>
      <c r="AA1714" s="5" t="s">
        <v>43</v>
      </c>
      <c r="AB1714" s="5" t="s">
        <v>44</v>
      </c>
      <c r="AC1714" s="2" t="s">
        <v>29923</v>
      </c>
      <c r="AD1714" s="1"/>
    </row>
    <row r="1715" spans="1:30">
      <c r="A1715" s="5" t="s">
        <v>83578</v>
      </c>
      <c r="B1715" s="2" t="s">
        <v>88741</v>
      </c>
      <c r="C1715" s="14" t="s">
        <v>88742</v>
      </c>
      <c r="D1715" s="2" t="s">
        <v>88743</v>
      </c>
      <c r="E1715" s="2"/>
      <c r="F1715" s="8">
        <v>461</v>
      </c>
      <c r="G1715" s="5">
        <v>25</v>
      </c>
      <c r="H1715" s="5" t="s">
        <v>69</v>
      </c>
      <c r="I1715" s="5" t="s">
        <v>27074</v>
      </c>
      <c r="J1715" s="2" t="s">
        <v>27075</v>
      </c>
      <c r="K1715" s="5" t="s">
        <v>27074</v>
      </c>
      <c r="L1715" s="2" t="s">
        <v>27075</v>
      </c>
      <c r="M1715" s="5" t="s">
        <v>24254</v>
      </c>
      <c r="N1715" s="5" t="s">
        <v>38</v>
      </c>
      <c r="O1715" s="5" t="s">
        <v>39</v>
      </c>
      <c r="P1715" s="5" t="s">
        <v>40</v>
      </c>
      <c r="Q1715" s="5" t="s">
        <v>25301</v>
      </c>
      <c r="R1715" s="5" t="s">
        <v>40</v>
      </c>
      <c r="S1715" s="5" t="s">
        <v>42</v>
      </c>
      <c r="T1715" s="2">
        <v>19.856999999999999</v>
      </c>
      <c r="U1715" s="2">
        <v>17.881</v>
      </c>
      <c r="V1715" s="2">
        <v>0.129</v>
      </c>
      <c r="W1715" s="2">
        <v>12</v>
      </c>
      <c r="X1715" s="2">
        <v>62</v>
      </c>
      <c r="Y1715" s="2">
        <v>172.9</v>
      </c>
      <c r="Z1715" s="5">
        <v>8</v>
      </c>
      <c r="AA1715" s="5" t="s">
        <v>43</v>
      </c>
      <c r="AB1715" s="5" t="s">
        <v>44</v>
      </c>
      <c r="AC1715" s="2" t="s">
        <v>29820</v>
      </c>
      <c r="AD1715" s="1"/>
    </row>
    <row r="1716" spans="1:30">
      <c r="A1716" s="5" t="s">
        <v>83578</v>
      </c>
      <c r="B1716" s="2" t="s">
        <v>88744</v>
      </c>
      <c r="C1716" s="14" t="s">
        <v>88745</v>
      </c>
      <c r="D1716" s="2" t="s">
        <v>88746</v>
      </c>
      <c r="E1716" s="2"/>
      <c r="F1716" s="8">
        <v>461</v>
      </c>
      <c r="G1716" s="5">
        <v>25</v>
      </c>
      <c r="H1716" s="5" t="s">
        <v>69</v>
      </c>
      <c r="I1716" s="5" t="s">
        <v>27074</v>
      </c>
      <c r="J1716" s="2" t="s">
        <v>27075</v>
      </c>
      <c r="K1716" s="5" t="s">
        <v>27074</v>
      </c>
      <c r="L1716" s="2" t="s">
        <v>27075</v>
      </c>
      <c r="M1716" s="5" t="s">
        <v>24254</v>
      </c>
      <c r="N1716" s="5" t="s">
        <v>38</v>
      </c>
      <c r="O1716" s="5" t="s">
        <v>39</v>
      </c>
      <c r="P1716" s="5" t="s">
        <v>40</v>
      </c>
      <c r="Q1716" s="5" t="s">
        <v>25301</v>
      </c>
      <c r="R1716" s="5" t="s">
        <v>40</v>
      </c>
      <c r="S1716" s="5" t="s">
        <v>42</v>
      </c>
      <c r="T1716" s="2">
        <v>17.047000000000001</v>
      </c>
      <c r="U1716" s="2">
        <v>15.071999999999999</v>
      </c>
      <c r="V1716" s="2">
        <v>0.129</v>
      </c>
      <c r="W1716" s="2">
        <v>12</v>
      </c>
      <c r="X1716" s="2">
        <v>62</v>
      </c>
      <c r="Y1716" s="2">
        <v>172.9</v>
      </c>
      <c r="Z1716" s="5">
        <v>8</v>
      </c>
      <c r="AA1716" s="5" t="s">
        <v>43</v>
      </c>
      <c r="AB1716" s="5" t="s">
        <v>44</v>
      </c>
      <c r="AC1716" s="2" t="s">
        <v>29820</v>
      </c>
      <c r="AD1716" s="1"/>
    </row>
    <row r="1717" spans="1:30">
      <c r="A1717" s="5" t="s">
        <v>83578</v>
      </c>
      <c r="B1717" s="2" t="s">
        <v>88747</v>
      </c>
      <c r="C1717" s="14" t="s">
        <v>88748</v>
      </c>
      <c r="D1717" s="2" t="s">
        <v>88749</v>
      </c>
      <c r="E1717" s="2"/>
      <c r="F1717" s="8">
        <v>461</v>
      </c>
      <c r="G1717" s="5">
        <v>25</v>
      </c>
      <c r="H1717" s="5" t="s">
        <v>69</v>
      </c>
      <c r="I1717" s="5" t="s">
        <v>27074</v>
      </c>
      <c r="J1717" s="2" t="s">
        <v>27075</v>
      </c>
      <c r="K1717" s="5" t="s">
        <v>27074</v>
      </c>
      <c r="L1717" s="2" t="s">
        <v>27075</v>
      </c>
      <c r="M1717" s="5" t="s">
        <v>24254</v>
      </c>
      <c r="N1717" s="5" t="s">
        <v>38</v>
      </c>
      <c r="O1717" s="5" t="s">
        <v>39</v>
      </c>
      <c r="P1717" s="5" t="s">
        <v>40</v>
      </c>
      <c r="Q1717" s="5" t="s">
        <v>25301</v>
      </c>
      <c r="R1717" s="5" t="s">
        <v>40</v>
      </c>
      <c r="S1717" s="5" t="s">
        <v>42</v>
      </c>
      <c r="T1717" s="2">
        <v>12.673999999999999</v>
      </c>
      <c r="U1717" s="2">
        <v>10.73</v>
      </c>
      <c r="V1717" s="2">
        <v>0.129</v>
      </c>
      <c r="W1717" s="2">
        <v>12</v>
      </c>
      <c r="X1717" s="2">
        <v>62</v>
      </c>
      <c r="Y1717" s="2">
        <v>172.9</v>
      </c>
      <c r="Z1717" s="5">
        <v>8</v>
      </c>
      <c r="AA1717" s="5" t="s">
        <v>43</v>
      </c>
      <c r="AB1717" s="5" t="s">
        <v>44</v>
      </c>
      <c r="AC1717" s="2" t="s">
        <v>29820</v>
      </c>
      <c r="AD1717" s="1"/>
    </row>
    <row r="1718" spans="1:30">
      <c r="A1718" s="5" t="s">
        <v>83578</v>
      </c>
      <c r="B1718" s="2" t="s">
        <v>88750</v>
      </c>
      <c r="C1718" s="14" t="s">
        <v>88751</v>
      </c>
      <c r="D1718" s="2" t="s">
        <v>88752</v>
      </c>
      <c r="E1718" s="2"/>
      <c r="F1718" s="8">
        <v>461</v>
      </c>
      <c r="G1718" s="5">
        <v>25</v>
      </c>
      <c r="H1718" s="5" t="s">
        <v>69</v>
      </c>
      <c r="I1718" s="5" t="s">
        <v>27074</v>
      </c>
      <c r="J1718" s="2" t="s">
        <v>27075</v>
      </c>
      <c r="K1718" s="5" t="s">
        <v>27074</v>
      </c>
      <c r="L1718" s="2" t="s">
        <v>27075</v>
      </c>
      <c r="M1718" s="5" t="s">
        <v>24254</v>
      </c>
      <c r="N1718" s="5" t="s">
        <v>38</v>
      </c>
      <c r="O1718" s="5" t="s">
        <v>39</v>
      </c>
      <c r="P1718" s="5" t="s">
        <v>40</v>
      </c>
      <c r="Q1718" s="5" t="s">
        <v>25301</v>
      </c>
      <c r="R1718" s="5" t="s">
        <v>40</v>
      </c>
      <c r="S1718" s="5" t="s">
        <v>42</v>
      </c>
      <c r="T1718" s="2">
        <v>11.657</v>
      </c>
      <c r="U1718" s="2">
        <v>9.7159999999999993</v>
      </c>
      <c r="V1718" s="2">
        <v>0.129</v>
      </c>
      <c r="W1718" s="2">
        <v>12</v>
      </c>
      <c r="X1718" s="2">
        <v>62</v>
      </c>
      <c r="Y1718" s="2">
        <v>172.9</v>
      </c>
      <c r="Z1718" s="5">
        <v>10</v>
      </c>
      <c r="AA1718" s="5" t="s">
        <v>43</v>
      </c>
      <c r="AB1718" s="5" t="s">
        <v>44</v>
      </c>
      <c r="AC1718" s="2" t="s">
        <v>87942</v>
      </c>
      <c r="AD1718" s="1"/>
    </row>
    <row r="1719" spans="1:30">
      <c r="A1719" s="5" t="s">
        <v>83578</v>
      </c>
      <c r="B1719" s="2" t="s">
        <v>88753</v>
      </c>
      <c r="C1719" s="14" t="s">
        <v>88754</v>
      </c>
      <c r="D1719" s="2" t="s">
        <v>88755</v>
      </c>
      <c r="E1719" s="2"/>
      <c r="F1719" s="8">
        <v>461</v>
      </c>
      <c r="G1719" s="5">
        <v>25</v>
      </c>
      <c r="H1719" s="5" t="s">
        <v>69</v>
      </c>
      <c r="I1719" s="5" t="s">
        <v>27074</v>
      </c>
      <c r="J1719" s="2" t="s">
        <v>27075</v>
      </c>
      <c r="K1719" s="5" t="s">
        <v>27074</v>
      </c>
      <c r="L1719" s="2" t="s">
        <v>27075</v>
      </c>
      <c r="M1719" s="5" t="s">
        <v>24254</v>
      </c>
      <c r="N1719" s="5" t="s">
        <v>38</v>
      </c>
      <c r="O1719" s="5" t="s">
        <v>39</v>
      </c>
      <c r="P1719" s="5" t="s">
        <v>40</v>
      </c>
      <c r="Q1719" s="5" t="s">
        <v>25301</v>
      </c>
      <c r="R1719" s="5" t="s">
        <v>40</v>
      </c>
      <c r="S1719" s="5" t="s">
        <v>42</v>
      </c>
      <c r="T1719" s="2">
        <v>12.611000000000001</v>
      </c>
      <c r="U1719" s="2">
        <v>10.67</v>
      </c>
      <c r="V1719" s="2">
        <v>0.129</v>
      </c>
      <c r="W1719" s="2">
        <v>12</v>
      </c>
      <c r="X1719" s="2">
        <v>62</v>
      </c>
      <c r="Y1719" s="2">
        <v>172.9</v>
      </c>
      <c r="Z1719" s="5">
        <v>10</v>
      </c>
      <c r="AA1719" s="5" t="s">
        <v>43</v>
      </c>
      <c r="AB1719" s="5" t="s">
        <v>44</v>
      </c>
      <c r="AC1719" s="2" t="s">
        <v>30038</v>
      </c>
      <c r="AD1719" s="1"/>
    </row>
    <row r="1720" spans="1:30">
      <c r="A1720" s="5" t="s">
        <v>83578</v>
      </c>
      <c r="B1720" s="2" t="s">
        <v>88756</v>
      </c>
      <c r="C1720" s="14" t="s">
        <v>88757</v>
      </c>
      <c r="D1720" s="2" t="s">
        <v>88758</v>
      </c>
      <c r="E1720" s="2"/>
      <c r="F1720" s="8">
        <v>461</v>
      </c>
      <c r="G1720" s="5">
        <v>25</v>
      </c>
      <c r="H1720" s="5" t="s">
        <v>69</v>
      </c>
      <c r="I1720" s="5" t="s">
        <v>27074</v>
      </c>
      <c r="J1720" s="2" t="s">
        <v>27075</v>
      </c>
      <c r="K1720" s="5" t="s">
        <v>27074</v>
      </c>
      <c r="L1720" s="2" t="s">
        <v>27075</v>
      </c>
      <c r="M1720" s="5" t="s">
        <v>24254</v>
      </c>
      <c r="N1720" s="5" t="s">
        <v>38</v>
      </c>
      <c r="O1720" s="5" t="s">
        <v>39</v>
      </c>
      <c r="P1720" s="5" t="s">
        <v>40</v>
      </c>
      <c r="Q1720" s="5" t="s">
        <v>25301</v>
      </c>
      <c r="R1720" s="5" t="s">
        <v>40</v>
      </c>
      <c r="S1720" s="5" t="s">
        <v>42</v>
      </c>
      <c r="T1720" s="2">
        <v>8.1329999999999991</v>
      </c>
      <c r="U1720" s="2">
        <v>6.1920000000000002</v>
      </c>
      <c r="V1720" s="2">
        <v>0.129</v>
      </c>
      <c r="W1720" s="2">
        <v>12</v>
      </c>
      <c r="X1720" s="2">
        <v>62</v>
      </c>
      <c r="Y1720" s="2">
        <v>172.9</v>
      </c>
      <c r="Z1720" s="5">
        <v>10</v>
      </c>
      <c r="AA1720" s="5" t="s">
        <v>43</v>
      </c>
      <c r="AB1720" s="5" t="s">
        <v>44</v>
      </c>
      <c r="AC1720" s="2" t="s">
        <v>87949</v>
      </c>
      <c r="AD1720" s="1"/>
    </row>
    <row r="1721" spans="1:30">
      <c r="A1721" s="5" t="s">
        <v>83578</v>
      </c>
      <c r="B1721" s="2" t="s">
        <v>88759</v>
      </c>
      <c r="C1721" s="14" t="s">
        <v>88760</v>
      </c>
      <c r="D1721" s="2" t="s">
        <v>88761</v>
      </c>
      <c r="E1721" s="2"/>
      <c r="F1721" s="8">
        <v>461</v>
      </c>
      <c r="G1721" s="5">
        <v>25</v>
      </c>
      <c r="H1721" s="5" t="s">
        <v>69</v>
      </c>
      <c r="I1721" s="5" t="s">
        <v>27074</v>
      </c>
      <c r="J1721" s="2" t="s">
        <v>27075</v>
      </c>
      <c r="K1721" s="5" t="s">
        <v>27074</v>
      </c>
      <c r="L1721" s="2" t="s">
        <v>27075</v>
      </c>
      <c r="M1721" s="5" t="s">
        <v>24254</v>
      </c>
      <c r="N1721" s="5" t="s">
        <v>38</v>
      </c>
      <c r="O1721" s="5" t="s">
        <v>39</v>
      </c>
      <c r="P1721" s="5" t="s">
        <v>40</v>
      </c>
      <c r="Q1721" s="5" t="s">
        <v>25301</v>
      </c>
      <c r="R1721" s="5" t="s">
        <v>40</v>
      </c>
      <c r="S1721" s="5" t="s">
        <v>42</v>
      </c>
      <c r="T1721" s="2">
        <v>9.0890000000000004</v>
      </c>
      <c r="U1721" s="2">
        <v>7.1479999999999997</v>
      </c>
      <c r="V1721" s="2">
        <v>0.129</v>
      </c>
      <c r="W1721" s="2">
        <v>12</v>
      </c>
      <c r="X1721" s="2">
        <v>62</v>
      </c>
      <c r="Y1721" s="2">
        <v>172.9</v>
      </c>
      <c r="Z1721" s="5">
        <v>10</v>
      </c>
      <c r="AA1721" s="5" t="s">
        <v>43</v>
      </c>
      <c r="AB1721" s="5" t="s">
        <v>44</v>
      </c>
      <c r="AC1721" s="2" t="s">
        <v>30042</v>
      </c>
      <c r="AD1721" s="1"/>
    </row>
    <row r="1722" spans="1:30">
      <c r="A1722" s="5" t="s">
        <v>83578</v>
      </c>
      <c r="B1722" s="2" t="s">
        <v>88762</v>
      </c>
      <c r="C1722" s="14" t="s">
        <v>88763</v>
      </c>
      <c r="D1722" s="2" t="s">
        <v>88764</v>
      </c>
      <c r="E1722" s="2"/>
      <c r="F1722" s="8">
        <v>461</v>
      </c>
      <c r="G1722" s="5">
        <v>25</v>
      </c>
      <c r="H1722" s="5" t="s">
        <v>69</v>
      </c>
      <c r="I1722" s="5" t="s">
        <v>27074</v>
      </c>
      <c r="J1722" s="2" t="s">
        <v>27075</v>
      </c>
      <c r="K1722" s="5" t="s">
        <v>27074</v>
      </c>
      <c r="L1722" s="2" t="s">
        <v>27075</v>
      </c>
      <c r="M1722" s="5" t="s">
        <v>24254</v>
      </c>
      <c r="N1722" s="5" t="s">
        <v>38</v>
      </c>
      <c r="O1722" s="5" t="s">
        <v>39</v>
      </c>
      <c r="P1722" s="5" t="s">
        <v>40</v>
      </c>
      <c r="Q1722" s="5" t="s">
        <v>25301</v>
      </c>
      <c r="R1722" s="5" t="s">
        <v>40</v>
      </c>
      <c r="S1722" s="5" t="s">
        <v>42</v>
      </c>
      <c r="T1722" s="2">
        <v>10.218</v>
      </c>
      <c r="U1722" s="2">
        <v>8.2769999999999992</v>
      </c>
      <c r="V1722" s="2">
        <v>0.129</v>
      </c>
      <c r="W1722" s="2">
        <v>12</v>
      </c>
      <c r="X1722" s="2">
        <v>62</v>
      </c>
      <c r="Y1722" s="2">
        <v>172.9</v>
      </c>
      <c r="Z1722" s="5">
        <v>10</v>
      </c>
      <c r="AA1722" s="5" t="s">
        <v>43</v>
      </c>
      <c r="AB1722" s="5" t="s">
        <v>44</v>
      </c>
      <c r="AC1722" s="2" t="s">
        <v>87949</v>
      </c>
      <c r="AD1722" s="1"/>
    </row>
    <row r="1723" spans="1:30">
      <c r="A1723" s="5" t="s">
        <v>83578</v>
      </c>
      <c r="B1723" s="2" t="s">
        <v>88765</v>
      </c>
      <c r="C1723" s="14" t="s">
        <v>88766</v>
      </c>
      <c r="D1723" s="2" t="s">
        <v>88767</v>
      </c>
      <c r="E1723" s="2"/>
      <c r="F1723" s="8">
        <v>461</v>
      </c>
      <c r="G1723" s="5">
        <v>25</v>
      </c>
      <c r="H1723" s="5" t="s">
        <v>69</v>
      </c>
      <c r="I1723" s="5" t="s">
        <v>27074</v>
      </c>
      <c r="J1723" s="2" t="s">
        <v>27075</v>
      </c>
      <c r="K1723" s="5" t="s">
        <v>27074</v>
      </c>
      <c r="L1723" s="2" t="s">
        <v>27075</v>
      </c>
      <c r="M1723" s="5" t="s">
        <v>24254</v>
      </c>
      <c r="N1723" s="5" t="s">
        <v>38</v>
      </c>
      <c r="O1723" s="5" t="s">
        <v>39</v>
      </c>
      <c r="P1723" s="5" t="s">
        <v>40</v>
      </c>
      <c r="Q1723" s="5" t="s">
        <v>25301</v>
      </c>
      <c r="R1723" s="5" t="s">
        <v>40</v>
      </c>
      <c r="S1723" s="5" t="s">
        <v>42</v>
      </c>
      <c r="T1723" s="2">
        <v>11.257999999999999</v>
      </c>
      <c r="U1723" s="2">
        <v>9.3170000000000002</v>
      </c>
      <c r="V1723" s="2">
        <v>0.129</v>
      </c>
      <c r="W1723" s="2">
        <v>12</v>
      </c>
      <c r="X1723" s="2">
        <v>62</v>
      </c>
      <c r="Y1723" s="2">
        <v>172.9</v>
      </c>
      <c r="Z1723" s="5">
        <v>10</v>
      </c>
      <c r="AA1723" s="5" t="s">
        <v>43</v>
      </c>
      <c r="AB1723" s="5" t="s">
        <v>44</v>
      </c>
      <c r="AC1723" s="2" t="s">
        <v>30042</v>
      </c>
      <c r="AD1723" s="1"/>
    </row>
    <row r="1724" spans="1:30">
      <c r="A1724" s="5" t="s">
        <v>83578</v>
      </c>
      <c r="B1724" s="2" t="s">
        <v>88768</v>
      </c>
      <c r="C1724" s="14" t="s">
        <v>88769</v>
      </c>
      <c r="D1724" s="2" t="s">
        <v>88770</v>
      </c>
      <c r="E1724" s="2" t="s">
        <v>87894</v>
      </c>
      <c r="F1724" s="8">
        <v>422</v>
      </c>
      <c r="G1724" s="5">
        <v>5</v>
      </c>
      <c r="H1724" s="5" t="s">
        <v>69</v>
      </c>
      <c r="I1724" s="5" t="s">
        <v>27074</v>
      </c>
      <c r="J1724" s="2" t="s">
        <v>27075</v>
      </c>
      <c r="K1724" s="5" t="s">
        <v>27074</v>
      </c>
      <c r="L1724" s="2" t="s">
        <v>27075</v>
      </c>
      <c r="M1724" s="5" t="s">
        <v>24254</v>
      </c>
      <c r="N1724" s="5" t="s">
        <v>38</v>
      </c>
      <c r="O1724" s="5" t="s">
        <v>39</v>
      </c>
      <c r="P1724" s="5" t="s">
        <v>40</v>
      </c>
      <c r="Q1724" s="5" t="s">
        <v>1487</v>
      </c>
      <c r="R1724" s="5"/>
      <c r="S1724" s="5" t="s">
        <v>42</v>
      </c>
      <c r="T1724" s="2">
        <v>0</v>
      </c>
      <c r="U1724" s="2">
        <v>0</v>
      </c>
      <c r="V1724" s="2">
        <v>0</v>
      </c>
      <c r="W1724" s="2">
        <v>0</v>
      </c>
      <c r="X1724" s="2">
        <v>0</v>
      </c>
      <c r="Y1724" s="2">
        <v>0</v>
      </c>
      <c r="Z1724" s="5"/>
      <c r="AA1724" s="5" t="s">
        <v>43</v>
      </c>
      <c r="AB1724" s="5" t="s">
        <v>44</v>
      </c>
      <c r="AC1724" s="2" t="s">
        <v>87895</v>
      </c>
      <c r="AD1724" s="1"/>
    </row>
    <row r="1725" spans="1:30">
      <c r="A1725" s="5" t="s">
        <v>83578</v>
      </c>
      <c r="B1725" s="2" t="s">
        <v>88771</v>
      </c>
      <c r="C1725" s="14" t="s">
        <v>88772</v>
      </c>
      <c r="D1725" s="2" t="s">
        <v>88773</v>
      </c>
      <c r="E1725" s="2" t="s">
        <v>87894</v>
      </c>
      <c r="F1725" s="8">
        <v>422</v>
      </c>
      <c r="G1725" s="5">
        <v>5</v>
      </c>
      <c r="H1725" s="5" t="s">
        <v>69</v>
      </c>
      <c r="I1725" s="5" t="s">
        <v>27074</v>
      </c>
      <c r="J1725" s="2" t="s">
        <v>27075</v>
      </c>
      <c r="K1725" s="5" t="s">
        <v>27074</v>
      </c>
      <c r="L1725" s="2" t="s">
        <v>27075</v>
      </c>
      <c r="M1725" s="5" t="s">
        <v>24254</v>
      </c>
      <c r="N1725" s="5" t="s">
        <v>38</v>
      </c>
      <c r="O1725" s="5" t="s">
        <v>39</v>
      </c>
      <c r="P1725" s="5" t="s">
        <v>40</v>
      </c>
      <c r="Q1725" s="5" t="s">
        <v>1487</v>
      </c>
      <c r="R1725" s="5"/>
      <c r="S1725" s="5" t="s">
        <v>42</v>
      </c>
      <c r="T1725" s="2">
        <v>0</v>
      </c>
      <c r="U1725" s="2">
        <v>0</v>
      </c>
      <c r="V1725" s="2">
        <v>0</v>
      </c>
      <c r="W1725" s="2">
        <v>0</v>
      </c>
      <c r="X1725" s="2">
        <v>0</v>
      </c>
      <c r="Y1725" s="2">
        <v>0</v>
      </c>
      <c r="Z1725" s="5"/>
      <c r="AA1725" s="5" t="s">
        <v>43</v>
      </c>
      <c r="AB1725" s="5" t="s">
        <v>44</v>
      </c>
      <c r="AC1725" s="2" t="s">
        <v>87899</v>
      </c>
      <c r="AD1725" s="1"/>
    </row>
    <row r="1726" spans="1:30">
      <c r="A1726" s="5" t="s">
        <v>83578</v>
      </c>
      <c r="B1726" s="2" t="s">
        <v>88774</v>
      </c>
      <c r="C1726" s="14" t="s">
        <v>88775</v>
      </c>
      <c r="D1726" s="2" t="s">
        <v>88776</v>
      </c>
      <c r="E1726" s="2" t="s">
        <v>87894</v>
      </c>
      <c r="F1726" s="8">
        <v>422</v>
      </c>
      <c r="G1726" s="5">
        <v>5</v>
      </c>
      <c r="H1726" s="5" t="s">
        <v>69</v>
      </c>
      <c r="I1726" s="5" t="s">
        <v>27074</v>
      </c>
      <c r="J1726" s="2" t="s">
        <v>27075</v>
      </c>
      <c r="K1726" s="5" t="s">
        <v>27074</v>
      </c>
      <c r="L1726" s="2" t="s">
        <v>27075</v>
      </c>
      <c r="M1726" s="5" t="s">
        <v>24254</v>
      </c>
      <c r="N1726" s="5" t="s">
        <v>38</v>
      </c>
      <c r="O1726" s="5" t="s">
        <v>39</v>
      </c>
      <c r="P1726" s="5" t="s">
        <v>40</v>
      </c>
      <c r="Q1726" s="5" t="s">
        <v>1487</v>
      </c>
      <c r="R1726" s="5"/>
      <c r="S1726" s="5" t="s">
        <v>42</v>
      </c>
      <c r="T1726" s="2">
        <v>0</v>
      </c>
      <c r="U1726" s="2">
        <v>0</v>
      </c>
      <c r="V1726" s="2">
        <v>0</v>
      </c>
      <c r="W1726" s="2">
        <v>0</v>
      </c>
      <c r="X1726" s="2">
        <v>0</v>
      </c>
      <c r="Y1726" s="2">
        <v>0</v>
      </c>
      <c r="Z1726" s="5"/>
      <c r="AA1726" s="5" t="s">
        <v>43</v>
      </c>
      <c r="AB1726" s="5" t="s">
        <v>44</v>
      </c>
      <c r="AC1726" s="2" t="s">
        <v>88043</v>
      </c>
      <c r="AD1726" s="1"/>
    </row>
    <row r="1727" spans="1:30">
      <c r="A1727" s="5" t="s">
        <v>83578</v>
      </c>
      <c r="B1727" s="2" t="s">
        <v>88777</v>
      </c>
      <c r="C1727" s="14" t="s">
        <v>88778</v>
      </c>
      <c r="D1727" s="2" t="s">
        <v>88779</v>
      </c>
      <c r="E1727" s="2"/>
      <c r="F1727" s="8">
        <v>318</v>
      </c>
      <c r="G1727" s="5">
        <v>25</v>
      </c>
      <c r="H1727" s="5" t="s">
        <v>69</v>
      </c>
      <c r="I1727" s="5" t="s">
        <v>27074</v>
      </c>
      <c r="J1727" s="2" t="s">
        <v>27075</v>
      </c>
      <c r="K1727" s="5" t="s">
        <v>27074</v>
      </c>
      <c r="L1727" s="2" t="s">
        <v>27075</v>
      </c>
      <c r="M1727" s="5" t="s">
        <v>24254</v>
      </c>
      <c r="N1727" s="5" t="s">
        <v>38</v>
      </c>
      <c r="O1727" s="5" t="s">
        <v>39</v>
      </c>
      <c r="P1727" s="5" t="s">
        <v>40</v>
      </c>
      <c r="Q1727" s="5" t="s">
        <v>24335</v>
      </c>
      <c r="R1727" s="5" t="s">
        <v>40</v>
      </c>
      <c r="S1727" s="5" t="s">
        <v>42</v>
      </c>
      <c r="T1727" s="2">
        <v>10.161</v>
      </c>
      <c r="U1727" s="2">
        <v>7.4429999999999996</v>
      </c>
      <c r="V1727" s="2">
        <v>0.14899999999999999</v>
      </c>
      <c r="W1727" s="2">
        <v>12</v>
      </c>
      <c r="X1727" s="2">
        <v>62</v>
      </c>
      <c r="Y1727" s="2">
        <v>199.7</v>
      </c>
      <c r="Z1727" s="5">
        <v>10</v>
      </c>
      <c r="AA1727" s="5" t="s">
        <v>43</v>
      </c>
      <c r="AB1727" s="5" t="s">
        <v>44</v>
      </c>
      <c r="AC1727" s="2" t="s">
        <v>29747</v>
      </c>
      <c r="AD1727" s="1"/>
    </row>
    <row r="1728" spans="1:30">
      <c r="A1728" s="5" t="s">
        <v>83578</v>
      </c>
      <c r="B1728" s="2" t="s">
        <v>88780</v>
      </c>
      <c r="C1728" s="14" t="s">
        <v>88781</v>
      </c>
      <c r="D1728" s="2" t="s">
        <v>88782</v>
      </c>
      <c r="E1728" s="2"/>
      <c r="F1728" s="8">
        <v>318</v>
      </c>
      <c r="G1728" s="5">
        <v>25</v>
      </c>
      <c r="H1728" s="5" t="s">
        <v>69</v>
      </c>
      <c r="I1728" s="5" t="s">
        <v>27074</v>
      </c>
      <c r="J1728" s="2" t="s">
        <v>27075</v>
      </c>
      <c r="K1728" s="5" t="s">
        <v>27074</v>
      </c>
      <c r="L1728" s="2" t="s">
        <v>27075</v>
      </c>
      <c r="M1728" s="5" t="s">
        <v>24254</v>
      </c>
      <c r="N1728" s="5" t="s">
        <v>38</v>
      </c>
      <c r="O1728" s="5" t="s">
        <v>39</v>
      </c>
      <c r="P1728" s="5" t="s">
        <v>40</v>
      </c>
      <c r="Q1728" s="5" t="s">
        <v>24335</v>
      </c>
      <c r="R1728" s="5" t="s">
        <v>40</v>
      </c>
      <c r="S1728" s="5" t="s">
        <v>42</v>
      </c>
      <c r="T1728" s="2">
        <v>8.5030000000000001</v>
      </c>
      <c r="U1728" s="2">
        <v>5.7850000000000001</v>
      </c>
      <c r="V1728" s="2">
        <v>0.14899999999999999</v>
      </c>
      <c r="W1728" s="2">
        <v>12</v>
      </c>
      <c r="X1728" s="2">
        <v>62</v>
      </c>
      <c r="Y1728" s="2">
        <v>199.7</v>
      </c>
      <c r="Z1728" s="5">
        <v>10</v>
      </c>
      <c r="AA1728" s="5" t="s">
        <v>43</v>
      </c>
      <c r="AB1728" s="5" t="s">
        <v>44</v>
      </c>
      <c r="AC1728" s="2" t="s">
        <v>29629</v>
      </c>
      <c r="AD1728" s="1"/>
    </row>
    <row r="1729" spans="1:30">
      <c r="A1729" s="5" t="s">
        <v>83578</v>
      </c>
      <c r="B1729" s="2" t="s">
        <v>88783</v>
      </c>
      <c r="C1729" s="14" t="s">
        <v>88784</v>
      </c>
      <c r="D1729" s="2" t="s">
        <v>88785</v>
      </c>
      <c r="E1729" s="2"/>
      <c r="F1729" s="8">
        <v>469</v>
      </c>
      <c r="G1729" s="5">
        <v>25</v>
      </c>
      <c r="H1729" s="5" t="s">
        <v>69</v>
      </c>
      <c r="I1729" s="5" t="s">
        <v>27074</v>
      </c>
      <c r="J1729" s="2" t="s">
        <v>27075</v>
      </c>
      <c r="K1729" s="5" t="s">
        <v>27074</v>
      </c>
      <c r="L1729" s="2" t="s">
        <v>27075</v>
      </c>
      <c r="M1729" s="5" t="s">
        <v>24254</v>
      </c>
      <c r="N1729" s="5" t="s">
        <v>38</v>
      </c>
      <c r="O1729" s="5" t="s">
        <v>39</v>
      </c>
      <c r="P1729" s="5" t="s">
        <v>40</v>
      </c>
      <c r="Q1729" s="5" t="s">
        <v>24340</v>
      </c>
      <c r="R1729" s="5" t="s">
        <v>40</v>
      </c>
      <c r="S1729" s="5" t="s">
        <v>42</v>
      </c>
      <c r="T1729" s="2">
        <v>23.655000000000001</v>
      </c>
      <c r="U1729" s="2">
        <v>20.902000000000001</v>
      </c>
      <c r="V1729" s="2">
        <v>0.14899999999999999</v>
      </c>
      <c r="W1729" s="2">
        <v>12</v>
      </c>
      <c r="X1729" s="2">
        <v>62</v>
      </c>
      <c r="Y1729" s="2">
        <v>199.7</v>
      </c>
      <c r="Z1729" s="5">
        <v>8</v>
      </c>
      <c r="AA1729" s="5" t="s">
        <v>43</v>
      </c>
      <c r="AB1729" s="5" t="s">
        <v>44</v>
      </c>
      <c r="AC1729" s="2" t="s">
        <v>29641</v>
      </c>
      <c r="AD1729" s="1"/>
    </row>
    <row r="1730" spans="1:30">
      <c r="A1730" s="5" t="s">
        <v>83578</v>
      </c>
      <c r="B1730" s="2" t="s">
        <v>88786</v>
      </c>
      <c r="C1730" s="14" t="s">
        <v>88787</v>
      </c>
      <c r="D1730" s="2" t="s">
        <v>88788</v>
      </c>
      <c r="E1730" s="2"/>
      <c r="F1730" s="8">
        <v>469</v>
      </c>
      <c r="G1730" s="5">
        <v>25</v>
      </c>
      <c r="H1730" s="5" t="s">
        <v>69</v>
      </c>
      <c r="I1730" s="5" t="s">
        <v>27074</v>
      </c>
      <c r="J1730" s="2" t="s">
        <v>27075</v>
      </c>
      <c r="K1730" s="5" t="s">
        <v>27074</v>
      </c>
      <c r="L1730" s="2" t="s">
        <v>27075</v>
      </c>
      <c r="M1730" s="5" t="s">
        <v>24254</v>
      </c>
      <c r="N1730" s="5" t="s">
        <v>38</v>
      </c>
      <c r="O1730" s="5" t="s">
        <v>39</v>
      </c>
      <c r="P1730" s="5" t="s">
        <v>40</v>
      </c>
      <c r="Q1730" s="5" t="s">
        <v>24340</v>
      </c>
      <c r="R1730" s="5" t="s">
        <v>40</v>
      </c>
      <c r="S1730" s="5" t="s">
        <v>42</v>
      </c>
      <c r="T1730" s="2">
        <v>20.741</v>
      </c>
      <c r="U1730" s="2">
        <v>17.989000000000001</v>
      </c>
      <c r="V1730" s="2">
        <v>0.14899999999999999</v>
      </c>
      <c r="W1730" s="2">
        <v>12</v>
      </c>
      <c r="X1730" s="2">
        <v>62</v>
      </c>
      <c r="Y1730" s="2">
        <v>199.7</v>
      </c>
      <c r="Z1730" s="5">
        <v>8</v>
      </c>
      <c r="AA1730" s="5" t="s">
        <v>43</v>
      </c>
      <c r="AB1730" s="5" t="s">
        <v>44</v>
      </c>
      <c r="AC1730" s="2" t="s">
        <v>29641</v>
      </c>
      <c r="AD1730" s="1"/>
    </row>
    <row r="1731" spans="1:30">
      <c r="A1731" s="5" t="s">
        <v>83578</v>
      </c>
      <c r="B1731" s="2" t="s">
        <v>88789</v>
      </c>
      <c r="C1731" s="14" t="s">
        <v>88790</v>
      </c>
      <c r="D1731" s="2" t="s">
        <v>88791</v>
      </c>
      <c r="E1731" s="2"/>
      <c r="F1731" s="8">
        <v>469</v>
      </c>
      <c r="G1731" s="5">
        <v>25</v>
      </c>
      <c r="H1731" s="5" t="s">
        <v>69</v>
      </c>
      <c r="I1731" s="5" t="s">
        <v>27074</v>
      </c>
      <c r="J1731" s="2" t="s">
        <v>27075</v>
      </c>
      <c r="K1731" s="5" t="s">
        <v>27074</v>
      </c>
      <c r="L1731" s="2" t="s">
        <v>27075</v>
      </c>
      <c r="M1731" s="5" t="s">
        <v>24254</v>
      </c>
      <c r="N1731" s="5" t="s">
        <v>38</v>
      </c>
      <c r="O1731" s="5" t="s">
        <v>39</v>
      </c>
      <c r="P1731" s="5" t="s">
        <v>40</v>
      </c>
      <c r="Q1731" s="5" t="s">
        <v>24340</v>
      </c>
      <c r="R1731" s="5" t="s">
        <v>40</v>
      </c>
      <c r="S1731" s="5" t="s">
        <v>42</v>
      </c>
      <c r="T1731" s="2">
        <v>17.718</v>
      </c>
      <c r="U1731" s="2">
        <v>14.997</v>
      </c>
      <c r="V1731" s="2">
        <v>0.14899999999999999</v>
      </c>
      <c r="W1731" s="2">
        <v>12</v>
      </c>
      <c r="X1731" s="2">
        <v>62</v>
      </c>
      <c r="Y1731" s="2">
        <v>199.7</v>
      </c>
      <c r="Z1731" s="5">
        <v>8</v>
      </c>
      <c r="AA1731" s="5" t="s">
        <v>43</v>
      </c>
      <c r="AB1731" s="5" t="s">
        <v>44</v>
      </c>
      <c r="AC1731" s="2" t="s">
        <v>29641</v>
      </c>
      <c r="AD1731" s="1"/>
    </row>
    <row r="1732" spans="1:30">
      <c r="A1732" s="5" t="s">
        <v>83578</v>
      </c>
      <c r="B1732" s="2" t="s">
        <v>88792</v>
      </c>
      <c r="C1732" s="14" t="s">
        <v>88793</v>
      </c>
      <c r="D1732" s="2" t="s">
        <v>88794</v>
      </c>
      <c r="E1732" s="2"/>
      <c r="F1732" s="8">
        <v>469</v>
      </c>
      <c r="G1732" s="5">
        <v>25</v>
      </c>
      <c r="H1732" s="5" t="s">
        <v>69</v>
      </c>
      <c r="I1732" s="5" t="s">
        <v>27074</v>
      </c>
      <c r="J1732" s="2" t="s">
        <v>27075</v>
      </c>
      <c r="K1732" s="5" t="s">
        <v>27074</v>
      </c>
      <c r="L1732" s="2" t="s">
        <v>27075</v>
      </c>
      <c r="M1732" s="5" t="s">
        <v>24254</v>
      </c>
      <c r="N1732" s="5" t="s">
        <v>38</v>
      </c>
      <c r="O1732" s="5" t="s">
        <v>39</v>
      </c>
      <c r="P1732" s="5" t="s">
        <v>40</v>
      </c>
      <c r="Q1732" s="5" t="s">
        <v>24340</v>
      </c>
      <c r="R1732" s="5" t="s">
        <v>40</v>
      </c>
      <c r="S1732" s="5" t="s">
        <v>42</v>
      </c>
      <c r="T1732" s="2">
        <v>14.952</v>
      </c>
      <c r="U1732" s="2">
        <v>12.234</v>
      </c>
      <c r="V1732" s="2">
        <v>0.14899999999999999</v>
      </c>
      <c r="W1732" s="2">
        <v>12</v>
      </c>
      <c r="X1732" s="2">
        <v>62</v>
      </c>
      <c r="Y1732" s="2">
        <v>199.7</v>
      </c>
      <c r="Z1732" s="5">
        <v>10</v>
      </c>
      <c r="AA1732" s="5" t="s">
        <v>43</v>
      </c>
      <c r="AB1732" s="5" t="s">
        <v>44</v>
      </c>
      <c r="AC1732" s="2" t="s">
        <v>87916</v>
      </c>
      <c r="AD1732" s="1"/>
    </row>
    <row r="1733" spans="1:30">
      <c r="A1733" s="5" t="s">
        <v>83578</v>
      </c>
      <c r="B1733" s="2" t="s">
        <v>88795</v>
      </c>
      <c r="C1733" s="14" t="s">
        <v>88796</v>
      </c>
      <c r="D1733" s="2" t="s">
        <v>88797</v>
      </c>
      <c r="E1733" s="2"/>
      <c r="F1733" s="8">
        <v>469</v>
      </c>
      <c r="G1733" s="5">
        <v>25</v>
      </c>
      <c r="H1733" s="5" t="s">
        <v>69</v>
      </c>
      <c r="I1733" s="5" t="s">
        <v>27074</v>
      </c>
      <c r="J1733" s="2" t="s">
        <v>27075</v>
      </c>
      <c r="K1733" s="5" t="s">
        <v>27074</v>
      </c>
      <c r="L1733" s="2" t="s">
        <v>27075</v>
      </c>
      <c r="M1733" s="5" t="s">
        <v>24254</v>
      </c>
      <c r="N1733" s="5" t="s">
        <v>38</v>
      </c>
      <c r="O1733" s="5" t="s">
        <v>39</v>
      </c>
      <c r="P1733" s="5" t="s">
        <v>40</v>
      </c>
      <c r="Q1733" s="5" t="s">
        <v>24340</v>
      </c>
      <c r="R1733" s="5" t="s">
        <v>40</v>
      </c>
      <c r="S1733" s="5" t="s">
        <v>42</v>
      </c>
      <c r="T1733" s="2">
        <v>16.135999999999999</v>
      </c>
      <c r="U1733" s="2">
        <v>13.417999999999999</v>
      </c>
      <c r="V1733" s="2">
        <v>0.14899999999999999</v>
      </c>
      <c r="W1733" s="2">
        <v>12</v>
      </c>
      <c r="X1733" s="2">
        <v>62</v>
      </c>
      <c r="Y1733" s="2">
        <v>199.7</v>
      </c>
      <c r="Z1733" s="5">
        <v>10</v>
      </c>
      <c r="AA1733" s="5" t="s">
        <v>43</v>
      </c>
      <c r="AB1733" s="5" t="s">
        <v>44</v>
      </c>
      <c r="AC1733" s="2" t="s">
        <v>87920</v>
      </c>
      <c r="AD1733" s="1"/>
    </row>
    <row r="1734" spans="1:30">
      <c r="A1734" s="5" t="s">
        <v>83578</v>
      </c>
      <c r="B1734" s="2" t="s">
        <v>88798</v>
      </c>
      <c r="C1734" s="14" t="s">
        <v>88799</v>
      </c>
      <c r="D1734" s="2" t="s">
        <v>88800</v>
      </c>
      <c r="E1734" s="2"/>
      <c r="F1734" s="8">
        <v>469</v>
      </c>
      <c r="G1734" s="5">
        <v>25</v>
      </c>
      <c r="H1734" s="5" t="s">
        <v>69</v>
      </c>
      <c r="I1734" s="5" t="s">
        <v>27074</v>
      </c>
      <c r="J1734" s="2" t="s">
        <v>27075</v>
      </c>
      <c r="K1734" s="5" t="s">
        <v>27074</v>
      </c>
      <c r="L1734" s="2" t="s">
        <v>27075</v>
      </c>
      <c r="M1734" s="5" t="s">
        <v>24254</v>
      </c>
      <c r="N1734" s="5" t="s">
        <v>38</v>
      </c>
      <c r="O1734" s="5" t="s">
        <v>39</v>
      </c>
      <c r="P1734" s="5" t="s">
        <v>40</v>
      </c>
      <c r="Q1734" s="5" t="s">
        <v>24340</v>
      </c>
      <c r="R1734" s="5" t="s">
        <v>40</v>
      </c>
      <c r="S1734" s="5" t="s">
        <v>42</v>
      </c>
      <c r="T1734" s="2">
        <v>10.000999999999999</v>
      </c>
      <c r="U1734" s="2">
        <v>7.2830000000000004</v>
      </c>
      <c r="V1734" s="2">
        <v>0.14899999999999999</v>
      </c>
      <c r="W1734" s="2">
        <v>12</v>
      </c>
      <c r="X1734" s="2">
        <v>62</v>
      </c>
      <c r="Y1734" s="2">
        <v>199.7</v>
      </c>
      <c r="Z1734" s="5">
        <v>10</v>
      </c>
      <c r="AA1734" s="5" t="s">
        <v>43</v>
      </c>
      <c r="AB1734" s="5" t="s">
        <v>44</v>
      </c>
      <c r="AC1734" s="2" t="s">
        <v>29648</v>
      </c>
      <c r="AD1734" s="1"/>
    </row>
    <row r="1735" spans="1:30">
      <c r="A1735" s="5" t="s">
        <v>83578</v>
      </c>
      <c r="B1735" s="2" t="s">
        <v>88801</v>
      </c>
      <c r="C1735" s="14" t="s">
        <v>88802</v>
      </c>
      <c r="D1735" s="2" t="s">
        <v>88803</v>
      </c>
      <c r="E1735" s="2"/>
      <c r="F1735" s="8">
        <v>469</v>
      </c>
      <c r="G1735" s="5">
        <v>25</v>
      </c>
      <c r="H1735" s="5" t="s">
        <v>69</v>
      </c>
      <c r="I1735" s="5" t="s">
        <v>27074</v>
      </c>
      <c r="J1735" s="2" t="s">
        <v>27075</v>
      </c>
      <c r="K1735" s="5" t="s">
        <v>27074</v>
      </c>
      <c r="L1735" s="2" t="s">
        <v>27075</v>
      </c>
      <c r="M1735" s="5" t="s">
        <v>24254</v>
      </c>
      <c r="N1735" s="5" t="s">
        <v>38</v>
      </c>
      <c r="O1735" s="5" t="s">
        <v>39</v>
      </c>
      <c r="P1735" s="5" t="s">
        <v>40</v>
      </c>
      <c r="Q1735" s="5" t="s">
        <v>24340</v>
      </c>
      <c r="R1735" s="5" t="s">
        <v>40</v>
      </c>
      <c r="S1735" s="5" t="s">
        <v>42</v>
      </c>
      <c r="T1735" s="2">
        <v>11.188000000000001</v>
      </c>
      <c r="U1735" s="2">
        <v>8.4700000000000006</v>
      </c>
      <c r="V1735" s="2">
        <v>0.14899999999999999</v>
      </c>
      <c r="W1735" s="2">
        <v>12</v>
      </c>
      <c r="X1735" s="2">
        <v>62</v>
      </c>
      <c r="Y1735" s="2">
        <v>199.7</v>
      </c>
      <c r="Z1735" s="5">
        <v>10</v>
      </c>
      <c r="AA1735" s="5" t="s">
        <v>43</v>
      </c>
      <c r="AB1735" s="5" t="s">
        <v>44</v>
      </c>
      <c r="AC1735" s="2" t="s">
        <v>29923</v>
      </c>
      <c r="AD1735" s="1"/>
    </row>
    <row r="1736" spans="1:30">
      <c r="A1736" s="5" t="s">
        <v>83578</v>
      </c>
      <c r="B1736" s="2" t="s">
        <v>88804</v>
      </c>
      <c r="C1736" s="14" t="s">
        <v>88805</v>
      </c>
      <c r="D1736" s="2" t="s">
        <v>88806</v>
      </c>
      <c r="E1736" s="2"/>
      <c r="F1736" s="8">
        <v>469</v>
      </c>
      <c r="G1736" s="5">
        <v>25</v>
      </c>
      <c r="H1736" s="5" t="s">
        <v>69</v>
      </c>
      <c r="I1736" s="5" t="s">
        <v>27074</v>
      </c>
      <c r="J1736" s="2" t="s">
        <v>27075</v>
      </c>
      <c r="K1736" s="5" t="s">
        <v>27074</v>
      </c>
      <c r="L1736" s="2" t="s">
        <v>27075</v>
      </c>
      <c r="M1736" s="5" t="s">
        <v>24254</v>
      </c>
      <c r="N1736" s="5" t="s">
        <v>38</v>
      </c>
      <c r="O1736" s="5" t="s">
        <v>39</v>
      </c>
      <c r="P1736" s="5" t="s">
        <v>40</v>
      </c>
      <c r="Q1736" s="5" t="s">
        <v>24340</v>
      </c>
      <c r="R1736" s="5" t="s">
        <v>40</v>
      </c>
      <c r="S1736" s="5" t="s">
        <v>42</v>
      </c>
      <c r="T1736" s="2">
        <v>12.894</v>
      </c>
      <c r="U1736" s="2">
        <v>10.176</v>
      </c>
      <c r="V1736" s="2">
        <v>0.14899999999999999</v>
      </c>
      <c r="W1736" s="2">
        <v>12</v>
      </c>
      <c r="X1736" s="2">
        <v>62</v>
      </c>
      <c r="Y1736" s="2">
        <v>199.7</v>
      </c>
      <c r="Z1736" s="5">
        <v>10</v>
      </c>
      <c r="AA1736" s="5" t="s">
        <v>43</v>
      </c>
      <c r="AB1736" s="5" t="s">
        <v>44</v>
      </c>
      <c r="AC1736" s="2" t="s">
        <v>29648</v>
      </c>
      <c r="AD1736" s="1"/>
    </row>
    <row r="1737" spans="1:30">
      <c r="A1737" s="5" t="s">
        <v>83578</v>
      </c>
      <c r="B1737" s="2" t="s">
        <v>88807</v>
      </c>
      <c r="C1737" s="14" t="s">
        <v>88808</v>
      </c>
      <c r="D1737" s="2" t="s">
        <v>88809</v>
      </c>
      <c r="E1737" s="2"/>
      <c r="F1737" s="8">
        <v>469</v>
      </c>
      <c r="G1737" s="5">
        <v>25</v>
      </c>
      <c r="H1737" s="5" t="s">
        <v>69</v>
      </c>
      <c r="I1737" s="5" t="s">
        <v>27074</v>
      </c>
      <c r="J1737" s="2" t="s">
        <v>27075</v>
      </c>
      <c r="K1737" s="5" t="s">
        <v>27074</v>
      </c>
      <c r="L1737" s="2" t="s">
        <v>27075</v>
      </c>
      <c r="M1737" s="5" t="s">
        <v>24254</v>
      </c>
      <c r="N1737" s="5" t="s">
        <v>38</v>
      </c>
      <c r="O1737" s="5" t="s">
        <v>39</v>
      </c>
      <c r="P1737" s="5" t="s">
        <v>40</v>
      </c>
      <c r="Q1737" s="5" t="s">
        <v>24340</v>
      </c>
      <c r="R1737" s="5" t="s">
        <v>40</v>
      </c>
      <c r="S1737" s="5" t="s">
        <v>42</v>
      </c>
      <c r="T1737" s="2">
        <v>14.182</v>
      </c>
      <c r="U1737" s="2">
        <v>11.464</v>
      </c>
      <c r="V1737" s="2">
        <v>0.14899999999999999</v>
      </c>
      <c r="W1737" s="2">
        <v>12</v>
      </c>
      <c r="X1737" s="2">
        <v>62</v>
      </c>
      <c r="Y1737" s="2">
        <v>199.7</v>
      </c>
      <c r="Z1737" s="5">
        <v>10</v>
      </c>
      <c r="AA1737" s="5" t="s">
        <v>43</v>
      </c>
      <c r="AB1737" s="5" t="s">
        <v>44</v>
      </c>
      <c r="AC1737" s="2" t="s">
        <v>29923</v>
      </c>
      <c r="AD1737" s="1"/>
    </row>
    <row r="1738" spans="1:30">
      <c r="A1738" s="5" t="s">
        <v>83578</v>
      </c>
      <c r="B1738" s="2" t="s">
        <v>88810</v>
      </c>
      <c r="C1738" s="14" t="s">
        <v>88811</v>
      </c>
      <c r="D1738" s="2" t="s">
        <v>88812</v>
      </c>
      <c r="E1738" s="2"/>
      <c r="F1738" s="8">
        <v>469</v>
      </c>
      <c r="G1738" s="5">
        <v>25</v>
      </c>
      <c r="H1738" s="5" t="s">
        <v>69</v>
      </c>
      <c r="I1738" s="5" t="s">
        <v>27074</v>
      </c>
      <c r="J1738" s="2" t="s">
        <v>27075</v>
      </c>
      <c r="K1738" s="5" t="s">
        <v>27074</v>
      </c>
      <c r="L1738" s="2" t="s">
        <v>27075</v>
      </c>
      <c r="M1738" s="5" t="s">
        <v>24254</v>
      </c>
      <c r="N1738" s="5" t="s">
        <v>38</v>
      </c>
      <c r="O1738" s="5" t="s">
        <v>39</v>
      </c>
      <c r="P1738" s="5" t="s">
        <v>40</v>
      </c>
      <c r="Q1738" s="5" t="s">
        <v>25301</v>
      </c>
      <c r="R1738" s="5" t="s">
        <v>40</v>
      </c>
      <c r="S1738" s="5" t="s">
        <v>42</v>
      </c>
      <c r="T1738" s="2">
        <v>21.626000000000001</v>
      </c>
      <c r="U1738" s="2">
        <v>18.873000000000001</v>
      </c>
      <c r="V1738" s="2">
        <v>0.14899999999999999</v>
      </c>
      <c r="W1738" s="2">
        <v>12</v>
      </c>
      <c r="X1738" s="2">
        <v>62</v>
      </c>
      <c r="Y1738" s="2">
        <v>199.7</v>
      </c>
      <c r="Z1738" s="5">
        <v>8</v>
      </c>
      <c r="AA1738" s="5" t="s">
        <v>43</v>
      </c>
      <c r="AB1738" s="5" t="s">
        <v>44</v>
      </c>
      <c r="AC1738" s="2" t="s">
        <v>29820</v>
      </c>
      <c r="AD1738" s="1"/>
    </row>
    <row r="1739" spans="1:30">
      <c r="A1739" s="5" t="s">
        <v>83578</v>
      </c>
      <c r="B1739" s="2" t="s">
        <v>88813</v>
      </c>
      <c r="C1739" s="14" t="s">
        <v>88814</v>
      </c>
      <c r="D1739" s="2" t="s">
        <v>88815</v>
      </c>
      <c r="E1739" s="2"/>
      <c r="F1739" s="8">
        <v>469</v>
      </c>
      <c r="G1739" s="5">
        <v>25</v>
      </c>
      <c r="H1739" s="5" t="s">
        <v>69</v>
      </c>
      <c r="I1739" s="5" t="s">
        <v>27074</v>
      </c>
      <c r="J1739" s="2" t="s">
        <v>27075</v>
      </c>
      <c r="K1739" s="5" t="s">
        <v>27074</v>
      </c>
      <c r="L1739" s="2" t="s">
        <v>27075</v>
      </c>
      <c r="M1739" s="5" t="s">
        <v>24254</v>
      </c>
      <c r="N1739" s="5" t="s">
        <v>38</v>
      </c>
      <c r="O1739" s="5" t="s">
        <v>39</v>
      </c>
      <c r="P1739" s="5" t="s">
        <v>40</v>
      </c>
      <c r="Q1739" s="5" t="s">
        <v>25301</v>
      </c>
      <c r="R1739" s="5" t="s">
        <v>40</v>
      </c>
      <c r="S1739" s="5" t="s">
        <v>42</v>
      </c>
      <c r="T1739" s="2">
        <v>18.643000000000001</v>
      </c>
      <c r="U1739" s="2">
        <v>15.891</v>
      </c>
      <c r="V1739" s="2">
        <v>0.14899999999999999</v>
      </c>
      <c r="W1739" s="2">
        <v>12</v>
      </c>
      <c r="X1739" s="2">
        <v>62</v>
      </c>
      <c r="Y1739" s="2">
        <v>199.7</v>
      </c>
      <c r="Z1739" s="5">
        <v>8</v>
      </c>
      <c r="AA1739" s="5" t="s">
        <v>43</v>
      </c>
      <c r="AB1739" s="5" t="s">
        <v>44</v>
      </c>
      <c r="AC1739" s="2" t="s">
        <v>29820</v>
      </c>
      <c r="AD1739" s="1"/>
    </row>
    <row r="1740" spans="1:30">
      <c r="A1740" s="5" t="s">
        <v>83578</v>
      </c>
      <c r="B1740" s="2" t="s">
        <v>88816</v>
      </c>
      <c r="C1740" s="14" t="s">
        <v>88817</v>
      </c>
      <c r="D1740" s="2" t="s">
        <v>88818</v>
      </c>
      <c r="E1740" s="2"/>
      <c r="F1740" s="8">
        <v>469</v>
      </c>
      <c r="G1740" s="5">
        <v>25</v>
      </c>
      <c r="H1740" s="5" t="s">
        <v>69</v>
      </c>
      <c r="I1740" s="5" t="s">
        <v>27074</v>
      </c>
      <c r="J1740" s="2" t="s">
        <v>27075</v>
      </c>
      <c r="K1740" s="5" t="s">
        <v>27074</v>
      </c>
      <c r="L1740" s="2" t="s">
        <v>27075</v>
      </c>
      <c r="M1740" s="5" t="s">
        <v>24254</v>
      </c>
      <c r="N1740" s="5" t="s">
        <v>38</v>
      </c>
      <c r="O1740" s="5" t="s">
        <v>39</v>
      </c>
      <c r="P1740" s="5" t="s">
        <v>40</v>
      </c>
      <c r="Q1740" s="5" t="s">
        <v>25301</v>
      </c>
      <c r="R1740" s="5" t="s">
        <v>40</v>
      </c>
      <c r="S1740" s="5" t="s">
        <v>42</v>
      </c>
      <c r="T1740" s="2">
        <v>14.067</v>
      </c>
      <c r="U1740" s="2">
        <v>11.346</v>
      </c>
      <c r="V1740" s="2">
        <v>0.14899999999999999</v>
      </c>
      <c r="W1740" s="2">
        <v>12</v>
      </c>
      <c r="X1740" s="2">
        <v>62</v>
      </c>
      <c r="Y1740" s="2">
        <v>199.7</v>
      </c>
      <c r="Z1740" s="5">
        <v>8</v>
      </c>
      <c r="AA1740" s="5" t="s">
        <v>43</v>
      </c>
      <c r="AB1740" s="5" t="s">
        <v>44</v>
      </c>
      <c r="AC1740" s="2" t="s">
        <v>29820</v>
      </c>
      <c r="AD1740" s="1"/>
    </row>
    <row r="1741" spans="1:30">
      <c r="A1741" s="5" t="s">
        <v>83578</v>
      </c>
      <c r="B1741" s="2" t="s">
        <v>88819</v>
      </c>
      <c r="C1741" s="14" t="s">
        <v>88820</v>
      </c>
      <c r="D1741" s="2" t="s">
        <v>88821</v>
      </c>
      <c r="E1741" s="2"/>
      <c r="F1741" s="8">
        <v>469</v>
      </c>
      <c r="G1741" s="5">
        <v>25</v>
      </c>
      <c r="H1741" s="5" t="s">
        <v>69</v>
      </c>
      <c r="I1741" s="5" t="s">
        <v>27074</v>
      </c>
      <c r="J1741" s="2" t="s">
        <v>27075</v>
      </c>
      <c r="K1741" s="5" t="s">
        <v>27074</v>
      </c>
      <c r="L1741" s="2" t="s">
        <v>27075</v>
      </c>
      <c r="M1741" s="5" t="s">
        <v>24254</v>
      </c>
      <c r="N1741" s="5" t="s">
        <v>38</v>
      </c>
      <c r="O1741" s="5" t="s">
        <v>39</v>
      </c>
      <c r="P1741" s="5" t="s">
        <v>40</v>
      </c>
      <c r="Q1741" s="5" t="s">
        <v>25301</v>
      </c>
      <c r="R1741" s="5" t="s">
        <v>40</v>
      </c>
      <c r="S1741" s="5" t="s">
        <v>42</v>
      </c>
      <c r="T1741" s="2">
        <v>13.456</v>
      </c>
      <c r="U1741" s="2">
        <v>10.738</v>
      </c>
      <c r="V1741" s="2">
        <v>0.14899999999999999</v>
      </c>
      <c r="W1741" s="2">
        <v>12</v>
      </c>
      <c r="X1741" s="2">
        <v>62</v>
      </c>
      <c r="Y1741" s="2">
        <v>199.7</v>
      </c>
      <c r="Z1741" s="5">
        <v>10</v>
      </c>
      <c r="AA1741" s="5" t="s">
        <v>43</v>
      </c>
      <c r="AB1741" s="5" t="s">
        <v>44</v>
      </c>
      <c r="AC1741" s="2" t="s">
        <v>87942</v>
      </c>
      <c r="AD1741" s="1"/>
    </row>
    <row r="1742" spans="1:30">
      <c r="A1742" s="5" t="s">
        <v>83578</v>
      </c>
      <c r="B1742" s="2" t="s">
        <v>88822</v>
      </c>
      <c r="C1742" s="14" t="s">
        <v>88823</v>
      </c>
      <c r="D1742" s="2" t="s">
        <v>88824</v>
      </c>
      <c r="E1742" s="2"/>
      <c r="F1742" s="8">
        <v>469</v>
      </c>
      <c r="G1742" s="5">
        <v>25</v>
      </c>
      <c r="H1742" s="5" t="s">
        <v>69</v>
      </c>
      <c r="I1742" s="5" t="s">
        <v>27074</v>
      </c>
      <c r="J1742" s="2" t="s">
        <v>27075</v>
      </c>
      <c r="K1742" s="5" t="s">
        <v>27074</v>
      </c>
      <c r="L1742" s="2" t="s">
        <v>27075</v>
      </c>
      <c r="M1742" s="5" t="s">
        <v>24254</v>
      </c>
      <c r="N1742" s="5" t="s">
        <v>38</v>
      </c>
      <c r="O1742" s="5" t="s">
        <v>39</v>
      </c>
      <c r="P1742" s="5" t="s">
        <v>40</v>
      </c>
      <c r="Q1742" s="5" t="s">
        <v>25301</v>
      </c>
      <c r="R1742" s="5" t="s">
        <v>40</v>
      </c>
      <c r="S1742" s="5" t="s">
        <v>42</v>
      </c>
      <c r="T1742" s="2">
        <v>14.41</v>
      </c>
      <c r="U1742" s="2">
        <v>11.692</v>
      </c>
      <c r="V1742" s="2">
        <v>0.14899999999999999</v>
      </c>
      <c r="W1742" s="2">
        <v>12</v>
      </c>
      <c r="X1742" s="2">
        <v>62</v>
      </c>
      <c r="Y1742" s="2">
        <v>199.7</v>
      </c>
      <c r="Z1742" s="5">
        <v>10</v>
      </c>
      <c r="AA1742" s="5" t="s">
        <v>43</v>
      </c>
      <c r="AB1742" s="5" t="s">
        <v>44</v>
      </c>
      <c r="AC1742" s="2" t="s">
        <v>30038</v>
      </c>
      <c r="AD1742" s="1"/>
    </row>
    <row r="1743" spans="1:30">
      <c r="A1743" s="5" t="s">
        <v>83578</v>
      </c>
      <c r="B1743" s="2" t="s">
        <v>88825</v>
      </c>
      <c r="C1743" s="14" t="s">
        <v>88826</v>
      </c>
      <c r="D1743" s="2" t="s">
        <v>88827</v>
      </c>
      <c r="E1743" s="2"/>
      <c r="F1743" s="8">
        <v>469</v>
      </c>
      <c r="G1743" s="5">
        <v>25</v>
      </c>
      <c r="H1743" s="5" t="s">
        <v>69</v>
      </c>
      <c r="I1743" s="5" t="s">
        <v>27074</v>
      </c>
      <c r="J1743" s="2" t="s">
        <v>27075</v>
      </c>
      <c r="K1743" s="5" t="s">
        <v>27074</v>
      </c>
      <c r="L1743" s="2" t="s">
        <v>27075</v>
      </c>
      <c r="M1743" s="5" t="s">
        <v>24254</v>
      </c>
      <c r="N1743" s="5" t="s">
        <v>38</v>
      </c>
      <c r="O1743" s="5" t="s">
        <v>39</v>
      </c>
      <c r="P1743" s="5" t="s">
        <v>40</v>
      </c>
      <c r="Q1743" s="5" t="s">
        <v>25301</v>
      </c>
      <c r="R1743" s="5" t="s">
        <v>40</v>
      </c>
      <c r="S1743" s="5" t="s">
        <v>42</v>
      </c>
      <c r="T1743" s="2">
        <v>9.3689999999999998</v>
      </c>
      <c r="U1743" s="2">
        <v>6.6509999999999998</v>
      </c>
      <c r="V1743" s="2">
        <v>0.14899999999999999</v>
      </c>
      <c r="W1743" s="2">
        <v>12</v>
      </c>
      <c r="X1743" s="2">
        <v>62</v>
      </c>
      <c r="Y1743" s="2">
        <v>199.7</v>
      </c>
      <c r="Z1743" s="5">
        <v>10</v>
      </c>
      <c r="AA1743" s="5" t="s">
        <v>43</v>
      </c>
      <c r="AB1743" s="5" t="s">
        <v>44</v>
      </c>
      <c r="AC1743" s="2" t="s">
        <v>87949</v>
      </c>
      <c r="AD1743" s="1"/>
    </row>
    <row r="1744" spans="1:30">
      <c r="A1744" s="5" t="s">
        <v>83578</v>
      </c>
      <c r="B1744" s="2" t="s">
        <v>88828</v>
      </c>
      <c r="C1744" s="14" t="s">
        <v>88829</v>
      </c>
      <c r="D1744" s="2" t="s">
        <v>88830</v>
      </c>
      <c r="E1744" s="2"/>
      <c r="F1744" s="8">
        <v>469</v>
      </c>
      <c r="G1744" s="5">
        <v>25</v>
      </c>
      <c r="H1744" s="5" t="s">
        <v>69</v>
      </c>
      <c r="I1744" s="5" t="s">
        <v>27074</v>
      </c>
      <c r="J1744" s="2" t="s">
        <v>27075</v>
      </c>
      <c r="K1744" s="5" t="s">
        <v>27074</v>
      </c>
      <c r="L1744" s="2" t="s">
        <v>27075</v>
      </c>
      <c r="M1744" s="5" t="s">
        <v>24254</v>
      </c>
      <c r="N1744" s="5" t="s">
        <v>38</v>
      </c>
      <c r="O1744" s="5" t="s">
        <v>39</v>
      </c>
      <c r="P1744" s="5" t="s">
        <v>40</v>
      </c>
      <c r="Q1744" s="5" t="s">
        <v>25301</v>
      </c>
      <c r="R1744" s="5" t="s">
        <v>40</v>
      </c>
      <c r="S1744" s="5" t="s">
        <v>42</v>
      </c>
      <c r="T1744" s="2">
        <v>10.324999999999999</v>
      </c>
      <c r="U1744" s="2">
        <v>7.6070000000000002</v>
      </c>
      <c r="V1744" s="2">
        <v>0.14899999999999999</v>
      </c>
      <c r="W1744" s="2">
        <v>12</v>
      </c>
      <c r="X1744" s="2">
        <v>62</v>
      </c>
      <c r="Y1744" s="2">
        <v>199.7</v>
      </c>
      <c r="Z1744" s="5">
        <v>10</v>
      </c>
      <c r="AA1744" s="5" t="s">
        <v>43</v>
      </c>
      <c r="AB1744" s="5" t="s">
        <v>44</v>
      </c>
      <c r="AC1744" s="2" t="s">
        <v>30042</v>
      </c>
      <c r="AD1744" s="1"/>
    </row>
    <row r="1745" spans="1:30">
      <c r="A1745" s="5" t="s">
        <v>83578</v>
      </c>
      <c r="B1745" s="2" t="s">
        <v>88831</v>
      </c>
      <c r="C1745" s="14" t="s">
        <v>88832</v>
      </c>
      <c r="D1745" s="2" t="s">
        <v>88833</v>
      </c>
      <c r="E1745" s="2"/>
      <c r="F1745" s="8">
        <v>469</v>
      </c>
      <c r="G1745" s="5">
        <v>25</v>
      </c>
      <c r="H1745" s="5" t="s">
        <v>69</v>
      </c>
      <c r="I1745" s="5" t="s">
        <v>27074</v>
      </c>
      <c r="J1745" s="2" t="s">
        <v>27075</v>
      </c>
      <c r="K1745" s="5" t="s">
        <v>27074</v>
      </c>
      <c r="L1745" s="2" t="s">
        <v>27075</v>
      </c>
      <c r="M1745" s="5" t="s">
        <v>24254</v>
      </c>
      <c r="N1745" s="5" t="s">
        <v>38</v>
      </c>
      <c r="O1745" s="5" t="s">
        <v>39</v>
      </c>
      <c r="P1745" s="5" t="s">
        <v>40</v>
      </c>
      <c r="Q1745" s="5" t="s">
        <v>25301</v>
      </c>
      <c r="R1745" s="5" t="s">
        <v>40</v>
      </c>
      <c r="S1745" s="5" t="s">
        <v>42</v>
      </c>
      <c r="T1745" s="2">
        <v>11.824</v>
      </c>
      <c r="U1745" s="2">
        <v>9.1059999999999999</v>
      </c>
      <c r="V1745" s="2">
        <v>0.14899999999999999</v>
      </c>
      <c r="W1745" s="2">
        <v>12</v>
      </c>
      <c r="X1745" s="2">
        <v>62</v>
      </c>
      <c r="Y1745" s="2">
        <v>199.7</v>
      </c>
      <c r="Z1745" s="5">
        <v>10</v>
      </c>
      <c r="AA1745" s="5" t="s">
        <v>43</v>
      </c>
      <c r="AB1745" s="5" t="s">
        <v>44</v>
      </c>
      <c r="AC1745" s="2" t="s">
        <v>87949</v>
      </c>
      <c r="AD1745" s="1"/>
    </row>
    <row r="1746" spans="1:30">
      <c r="A1746" s="5" t="s">
        <v>83578</v>
      </c>
      <c r="B1746" s="2" t="s">
        <v>88834</v>
      </c>
      <c r="C1746" s="14" t="s">
        <v>88835</v>
      </c>
      <c r="D1746" s="2" t="s">
        <v>88836</v>
      </c>
      <c r="E1746" s="2"/>
      <c r="F1746" s="8">
        <v>469</v>
      </c>
      <c r="G1746" s="5">
        <v>25</v>
      </c>
      <c r="H1746" s="5" t="s">
        <v>69</v>
      </c>
      <c r="I1746" s="5" t="s">
        <v>27074</v>
      </c>
      <c r="J1746" s="2" t="s">
        <v>27075</v>
      </c>
      <c r="K1746" s="5" t="s">
        <v>27074</v>
      </c>
      <c r="L1746" s="2" t="s">
        <v>27075</v>
      </c>
      <c r="M1746" s="5" t="s">
        <v>24254</v>
      </c>
      <c r="N1746" s="5" t="s">
        <v>38</v>
      </c>
      <c r="O1746" s="5" t="s">
        <v>39</v>
      </c>
      <c r="P1746" s="5" t="s">
        <v>40</v>
      </c>
      <c r="Q1746" s="5" t="s">
        <v>25301</v>
      </c>
      <c r="R1746" s="5" t="s">
        <v>40</v>
      </c>
      <c r="S1746" s="5" t="s">
        <v>42</v>
      </c>
      <c r="T1746" s="2">
        <v>12.864000000000001</v>
      </c>
      <c r="U1746" s="2">
        <v>10.146000000000001</v>
      </c>
      <c r="V1746" s="2">
        <v>0.14899999999999999</v>
      </c>
      <c r="W1746" s="2">
        <v>12</v>
      </c>
      <c r="X1746" s="2">
        <v>62</v>
      </c>
      <c r="Y1746" s="2">
        <v>199.7</v>
      </c>
      <c r="Z1746" s="5">
        <v>10</v>
      </c>
      <c r="AA1746" s="5" t="s">
        <v>43</v>
      </c>
      <c r="AB1746" s="5" t="s">
        <v>44</v>
      </c>
      <c r="AC1746" s="2" t="s">
        <v>30042</v>
      </c>
      <c r="AD1746" s="1"/>
    </row>
    <row r="1747" spans="1:30">
      <c r="A1747" s="5" t="s">
        <v>83578</v>
      </c>
      <c r="B1747" s="2" t="s">
        <v>88837</v>
      </c>
      <c r="C1747" s="14" t="s">
        <v>88838</v>
      </c>
      <c r="D1747" s="2" t="s">
        <v>88839</v>
      </c>
      <c r="E1747" s="2" t="s">
        <v>87894</v>
      </c>
      <c r="F1747" s="8">
        <v>466</v>
      </c>
      <c r="G1747" s="5">
        <v>5</v>
      </c>
      <c r="H1747" s="5" t="s">
        <v>69</v>
      </c>
      <c r="I1747" s="5" t="s">
        <v>27074</v>
      </c>
      <c r="J1747" s="2" t="s">
        <v>27075</v>
      </c>
      <c r="K1747" s="5" t="s">
        <v>27074</v>
      </c>
      <c r="L1747" s="2" t="s">
        <v>27075</v>
      </c>
      <c r="M1747" s="5" t="s">
        <v>24254</v>
      </c>
      <c r="N1747" s="5" t="s">
        <v>38</v>
      </c>
      <c r="O1747" s="5" t="s">
        <v>39</v>
      </c>
      <c r="P1747" s="5" t="s">
        <v>40</v>
      </c>
      <c r="Q1747" s="5" t="s">
        <v>1487</v>
      </c>
      <c r="R1747" s="5"/>
      <c r="S1747" s="5" t="s">
        <v>42</v>
      </c>
      <c r="T1747" s="2">
        <v>0</v>
      </c>
      <c r="U1747" s="2">
        <v>0</v>
      </c>
      <c r="V1747" s="2">
        <v>0</v>
      </c>
      <c r="W1747" s="2">
        <v>0</v>
      </c>
      <c r="X1747" s="2">
        <v>0</v>
      </c>
      <c r="Y1747" s="2">
        <v>0</v>
      </c>
      <c r="Z1747" s="5"/>
      <c r="AA1747" s="5" t="s">
        <v>43</v>
      </c>
      <c r="AB1747" s="5" t="s">
        <v>44</v>
      </c>
      <c r="AC1747" s="2" t="s">
        <v>87895</v>
      </c>
      <c r="AD1747" s="1"/>
    </row>
    <row r="1748" spans="1:30">
      <c r="A1748" s="5" t="s">
        <v>83578</v>
      </c>
      <c r="B1748" s="2" t="s">
        <v>88840</v>
      </c>
      <c r="C1748" s="14" t="s">
        <v>88841</v>
      </c>
      <c r="D1748" s="2" t="s">
        <v>88842</v>
      </c>
      <c r="E1748" s="2" t="s">
        <v>87894</v>
      </c>
      <c r="F1748" s="8">
        <v>466</v>
      </c>
      <c r="G1748" s="5">
        <v>5</v>
      </c>
      <c r="H1748" s="5" t="s">
        <v>69</v>
      </c>
      <c r="I1748" s="5" t="s">
        <v>27074</v>
      </c>
      <c r="J1748" s="2" t="s">
        <v>27075</v>
      </c>
      <c r="K1748" s="5" t="s">
        <v>27074</v>
      </c>
      <c r="L1748" s="2" t="s">
        <v>27075</v>
      </c>
      <c r="M1748" s="5" t="s">
        <v>24254</v>
      </c>
      <c r="N1748" s="5" t="s">
        <v>38</v>
      </c>
      <c r="O1748" s="5" t="s">
        <v>39</v>
      </c>
      <c r="P1748" s="5" t="s">
        <v>40</v>
      </c>
      <c r="Q1748" s="5" t="s">
        <v>1487</v>
      </c>
      <c r="R1748" s="5"/>
      <c r="S1748" s="5" t="s">
        <v>42</v>
      </c>
      <c r="T1748" s="2">
        <v>0</v>
      </c>
      <c r="U1748" s="2">
        <v>0</v>
      </c>
      <c r="V1748" s="2">
        <v>0</v>
      </c>
      <c r="W1748" s="2">
        <v>0</v>
      </c>
      <c r="X1748" s="2">
        <v>0</v>
      </c>
      <c r="Y1748" s="2">
        <v>0</v>
      </c>
      <c r="Z1748" s="5"/>
      <c r="AA1748" s="5" t="s">
        <v>43</v>
      </c>
      <c r="AB1748" s="5" t="s">
        <v>44</v>
      </c>
      <c r="AC1748" s="2" t="s">
        <v>88043</v>
      </c>
      <c r="AD1748" s="1"/>
    </row>
    <row r="1749" spans="1:30">
      <c r="A1749" s="5" t="s">
        <v>83578</v>
      </c>
      <c r="B1749" s="2" t="s">
        <v>88843</v>
      </c>
      <c r="C1749" s="14" t="s">
        <v>88844</v>
      </c>
      <c r="D1749" s="2" t="s">
        <v>88845</v>
      </c>
      <c r="E1749" s="2"/>
      <c r="F1749" s="8">
        <v>502</v>
      </c>
      <c r="G1749" s="5">
        <v>25</v>
      </c>
      <c r="H1749" s="5" t="s">
        <v>69</v>
      </c>
      <c r="I1749" s="5" t="s">
        <v>27074</v>
      </c>
      <c r="J1749" s="2" t="s">
        <v>27075</v>
      </c>
      <c r="K1749" s="5" t="s">
        <v>27074</v>
      </c>
      <c r="L1749" s="2" t="s">
        <v>27075</v>
      </c>
      <c r="M1749" s="5" t="s">
        <v>24254</v>
      </c>
      <c r="N1749" s="5" t="s">
        <v>38</v>
      </c>
      <c r="O1749" s="5" t="s">
        <v>39</v>
      </c>
      <c r="P1749" s="5" t="s">
        <v>40</v>
      </c>
      <c r="Q1749" s="5" t="s">
        <v>24340</v>
      </c>
      <c r="R1749" s="5" t="s">
        <v>40</v>
      </c>
      <c r="S1749" s="5" t="s">
        <v>42</v>
      </c>
      <c r="T1749" s="2">
        <v>24.135999999999999</v>
      </c>
      <c r="U1749" s="2">
        <v>21.96</v>
      </c>
      <c r="V1749" s="2">
        <v>0.157</v>
      </c>
      <c r="W1749" s="2">
        <v>12</v>
      </c>
      <c r="X1749" s="2">
        <v>62</v>
      </c>
      <c r="Y1749" s="2">
        <v>210.9</v>
      </c>
      <c r="Z1749" s="5">
        <v>8</v>
      </c>
      <c r="AA1749" s="5" t="s">
        <v>43</v>
      </c>
      <c r="AB1749" s="5" t="s">
        <v>44</v>
      </c>
      <c r="AC1749" s="2" t="s">
        <v>29641</v>
      </c>
      <c r="AD1749" s="1"/>
    </row>
    <row r="1750" spans="1:30">
      <c r="A1750" s="5" t="s">
        <v>83578</v>
      </c>
      <c r="B1750" s="2" t="s">
        <v>88846</v>
      </c>
      <c r="C1750" s="14" t="s">
        <v>88847</v>
      </c>
      <c r="D1750" s="2" t="s">
        <v>88848</v>
      </c>
      <c r="E1750" s="2"/>
      <c r="F1750" s="8">
        <v>502</v>
      </c>
      <c r="G1750" s="5">
        <v>25</v>
      </c>
      <c r="H1750" s="5" t="s">
        <v>69</v>
      </c>
      <c r="I1750" s="5" t="s">
        <v>27074</v>
      </c>
      <c r="J1750" s="2" t="s">
        <v>27075</v>
      </c>
      <c r="K1750" s="5" t="s">
        <v>27074</v>
      </c>
      <c r="L1750" s="2" t="s">
        <v>27075</v>
      </c>
      <c r="M1750" s="5" t="s">
        <v>24254</v>
      </c>
      <c r="N1750" s="5" t="s">
        <v>38</v>
      </c>
      <c r="O1750" s="5" t="s">
        <v>39</v>
      </c>
      <c r="P1750" s="5" t="s">
        <v>40</v>
      </c>
      <c r="Q1750" s="5" t="s">
        <v>24340</v>
      </c>
      <c r="R1750" s="5" t="s">
        <v>40</v>
      </c>
      <c r="S1750" s="5" t="s">
        <v>42</v>
      </c>
      <c r="T1750" s="2">
        <v>17.766999999999999</v>
      </c>
      <c r="U1750" s="2">
        <v>15.622999999999999</v>
      </c>
      <c r="V1750" s="2">
        <v>0.14899999999999999</v>
      </c>
      <c r="W1750" s="2">
        <v>12</v>
      </c>
      <c r="X1750" s="2">
        <v>62</v>
      </c>
      <c r="Y1750" s="2">
        <v>199.7</v>
      </c>
      <c r="Z1750" s="5">
        <v>8</v>
      </c>
      <c r="AA1750" s="5" t="s">
        <v>43</v>
      </c>
      <c r="AB1750" s="5" t="s">
        <v>44</v>
      </c>
      <c r="AC1750" s="2" t="s">
        <v>29641</v>
      </c>
      <c r="AD1750" s="1"/>
    </row>
    <row r="1751" spans="1:30">
      <c r="A1751" s="5" t="s">
        <v>83578</v>
      </c>
      <c r="B1751" s="2" t="s">
        <v>88849</v>
      </c>
      <c r="C1751" s="14" t="s">
        <v>88850</v>
      </c>
      <c r="D1751" s="2" t="s">
        <v>88851</v>
      </c>
      <c r="E1751" s="2"/>
      <c r="F1751" s="8">
        <v>502</v>
      </c>
      <c r="G1751" s="5">
        <v>25</v>
      </c>
      <c r="H1751" s="5" t="s">
        <v>69</v>
      </c>
      <c r="I1751" s="5" t="s">
        <v>27074</v>
      </c>
      <c r="J1751" s="2" t="s">
        <v>27075</v>
      </c>
      <c r="K1751" s="5" t="s">
        <v>27074</v>
      </c>
      <c r="L1751" s="2" t="s">
        <v>27075</v>
      </c>
      <c r="M1751" s="5" t="s">
        <v>24254</v>
      </c>
      <c r="N1751" s="5" t="s">
        <v>38</v>
      </c>
      <c r="O1751" s="5" t="s">
        <v>39</v>
      </c>
      <c r="P1751" s="5" t="s">
        <v>40</v>
      </c>
      <c r="Q1751" s="5" t="s">
        <v>24340</v>
      </c>
      <c r="R1751" s="5" t="s">
        <v>40</v>
      </c>
      <c r="S1751" s="5" t="s">
        <v>42</v>
      </c>
      <c r="T1751" s="2">
        <v>15.422000000000001</v>
      </c>
      <c r="U1751" s="2">
        <v>13.281000000000001</v>
      </c>
      <c r="V1751" s="2">
        <v>0.157</v>
      </c>
      <c r="W1751" s="2">
        <v>12</v>
      </c>
      <c r="X1751" s="2">
        <v>62</v>
      </c>
      <c r="Y1751" s="2">
        <v>210.9</v>
      </c>
      <c r="Z1751" s="5">
        <v>10</v>
      </c>
      <c r="AA1751" s="5" t="s">
        <v>43</v>
      </c>
      <c r="AB1751" s="5" t="s">
        <v>44</v>
      </c>
      <c r="AC1751" s="2" t="s">
        <v>87916</v>
      </c>
      <c r="AD1751" s="1"/>
    </row>
    <row r="1752" spans="1:30">
      <c r="A1752" s="5" t="s">
        <v>83578</v>
      </c>
      <c r="B1752" s="2" t="s">
        <v>88852</v>
      </c>
      <c r="C1752" s="14" t="s">
        <v>88853</v>
      </c>
      <c r="D1752" s="2" t="s">
        <v>88854</v>
      </c>
      <c r="E1752" s="2"/>
      <c r="F1752" s="8">
        <v>502</v>
      </c>
      <c r="G1752" s="5">
        <v>25</v>
      </c>
      <c r="H1752" s="5" t="s">
        <v>69</v>
      </c>
      <c r="I1752" s="5" t="s">
        <v>27074</v>
      </c>
      <c r="J1752" s="2" t="s">
        <v>27075</v>
      </c>
      <c r="K1752" s="5" t="s">
        <v>27074</v>
      </c>
      <c r="L1752" s="2" t="s">
        <v>27075</v>
      </c>
      <c r="M1752" s="5" t="s">
        <v>24254</v>
      </c>
      <c r="N1752" s="5" t="s">
        <v>38</v>
      </c>
      <c r="O1752" s="5" t="s">
        <v>39</v>
      </c>
      <c r="P1752" s="5" t="s">
        <v>40</v>
      </c>
      <c r="Q1752" s="5" t="s">
        <v>24340</v>
      </c>
      <c r="R1752" s="5" t="s">
        <v>40</v>
      </c>
      <c r="S1752" s="5" t="s">
        <v>42</v>
      </c>
      <c r="T1752" s="2">
        <v>16.606000000000002</v>
      </c>
      <c r="U1752" s="2">
        <v>14.465</v>
      </c>
      <c r="V1752" s="2">
        <v>0.157</v>
      </c>
      <c r="W1752" s="2">
        <v>12</v>
      </c>
      <c r="X1752" s="2">
        <v>62</v>
      </c>
      <c r="Y1752" s="2">
        <v>210.9</v>
      </c>
      <c r="Z1752" s="5">
        <v>10</v>
      </c>
      <c r="AA1752" s="5" t="s">
        <v>43</v>
      </c>
      <c r="AB1752" s="5" t="s">
        <v>44</v>
      </c>
      <c r="AC1752" s="2" t="s">
        <v>87920</v>
      </c>
      <c r="AD1752" s="1"/>
    </row>
    <row r="1753" spans="1:30">
      <c r="A1753" s="5" t="s">
        <v>83578</v>
      </c>
      <c r="B1753" s="2" t="s">
        <v>88855</v>
      </c>
      <c r="C1753" s="14" t="s">
        <v>88856</v>
      </c>
      <c r="D1753" s="2" t="s">
        <v>88857</v>
      </c>
      <c r="E1753" s="2"/>
      <c r="F1753" s="8">
        <v>502</v>
      </c>
      <c r="G1753" s="5">
        <v>25</v>
      </c>
      <c r="H1753" s="5" t="s">
        <v>69</v>
      </c>
      <c r="I1753" s="5" t="s">
        <v>27074</v>
      </c>
      <c r="J1753" s="2" t="s">
        <v>27075</v>
      </c>
      <c r="K1753" s="5" t="s">
        <v>27074</v>
      </c>
      <c r="L1753" s="2" t="s">
        <v>27075</v>
      </c>
      <c r="M1753" s="5" t="s">
        <v>24254</v>
      </c>
      <c r="N1753" s="5" t="s">
        <v>38</v>
      </c>
      <c r="O1753" s="5" t="s">
        <v>39</v>
      </c>
      <c r="P1753" s="5" t="s">
        <v>40</v>
      </c>
      <c r="Q1753" s="5" t="s">
        <v>24340</v>
      </c>
      <c r="R1753" s="5" t="s">
        <v>40</v>
      </c>
      <c r="S1753" s="5" t="s">
        <v>42</v>
      </c>
      <c r="T1753" s="2">
        <v>10.416</v>
      </c>
      <c r="U1753" s="2">
        <v>7.6980000000000004</v>
      </c>
      <c r="V1753" s="2">
        <v>0.14899999999999999</v>
      </c>
      <c r="W1753" s="2">
        <v>12</v>
      </c>
      <c r="X1753" s="2">
        <v>62</v>
      </c>
      <c r="Y1753" s="2">
        <v>199.7</v>
      </c>
      <c r="Z1753" s="5">
        <v>10</v>
      </c>
      <c r="AA1753" s="5" t="s">
        <v>43</v>
      </c>
      <c r="AB1753" s="5" t="s">
        <v>44</v>
      </c>
      <c r="AC1753" s="2" t="s">
        <v>29648</v>
      </c>
      <c r="AD1753" s="1"/>
    </row>
    <row r="1754" spans="1:30">
      <c r="A1754" s="5" t="s">
        <v>83578</v>
      </c>
      <c r="B1754" s="2" t="s">
        <v>88858</v>
      </c>
      <c r="C1754" s="14" t="s">
        <v>88859</v>
      </c>
      <c r="D1754" s="2" t="s">
        <v>88860</v>
      </c>
      <c r="E1754" s="2"/>
      <c r="F1754" s="8">
        <v>502</v>
      </c>
      <c r="G1754" s="5">
        <v>25</v>
      </c>
      <c r="H1754" s="5" t="s">
        <v>69</v>
      </c>
      <c r="I1754" s="5" t="s">
        <v>27074</v>
      </c>
      <c r="J1754" s="2" t="s">
        <v>27075</v>
      </c>
      <c r="K1754" s="5" t="s">
        <v>27074</v>
      </c>
      <c r="L1754" s="2" t="s">
        <v>27075</v>
      </c>
      <c r="M1754" s="5" t="s">
        <v>24254</v>
      </c>
      <c r="N1754" s="5" t="s">
        <v>38</v>
      </c>
      <c r="O1754" s="5" t="s">
        <v>39</v>
      </c>
      <c r="P1754" s="5" t="s">
        <v>40</v>
      </c>
      <c r="Q1754" s="5" t="s">
        <v>24340</v>
      </c>
      <c r="R1754" s="5" t="s">
        <v>40</v>
      </c>
      <c r="S1754" s="5" t="s">
        <v>42</v>
      </c>
      <c r="T1754" s="2">
        <v>11.603</v>
      </c>
      <c r="U1754" s="2">
        <v>8.8849999999999998</v>
      </c>
      <c r="V1754" s="2">
        <v>0.14899999999999999</v>
      </c>
      <c r="W1754" s="2">
        <v>12</v>
      </c>
      <c r="X1754" s="2">
        <v>62</v>
      </c>
      <c r="Y1754" s="2">
        <v>199.7</v>
      </c>
      <c r="Z1754" s="5">
        <v>10</v>
      </c>
      <c r="AA1754" s="5" t="s">
        <v>43</v>
      </c>
      <c r="AB1754" s="5" t="s">
        <v>44</v>
      </c>
      <c r="AC1754" s="2" t="s">
        <v>29923</v>
      </c>
      <c r="AD1754" s="1"/>
    </row>
    <row r="1755" spans="1:30">
      <c r="A1755" s="5" t="s">
        <v>83578</v>
      </c>
      <c r="B1755" s="2" t="s">
        <v>88861</v>
      </c>
      <c r="C1755" s="14" t="s">
        <v>88862</v>
      </c>
      <c r="D1755" s="2" t="s">
        <v>88863</v>
      </c>
      <c r="E1755" s="2"/>
      <c r="F1755" s="8">
        <v>502</v>
      </c>
      <c r="G1755" s="5">
        <v>25</v>
      </c>
      <c r="H1755" s="5" t="s">
        <v>69</v>
      </c>
      <c r="I1755" s="5" t="s">
        <v>27074</v>
      </c>
      <c r="J1755" s="2" t="s">
        <v>27075</v>
      </c>
      <c r="K1755" s="5" t="s">
        <v>27074</v>
      </c>
      <c r="L1755" s="2" t="s">
        <v>27075</v>
      </c>
      <c r="M1755" s="5" t="s">
        <v>24254</v>
      </c>
      <c r="N1755" s="5" t="s">
        <v>38</v>
      </c>
      <c r="O1755" s="5" t="s">
        <v>39</v>
      </c>
      <c r="P1755" s="5" t="s">
        <v>40</v>
      </c>
      <c r="Q1755" s="5" t="s">
        <v>24340</v>
      </c>
      <c r="R1755" s="5" t="s">
        <v>40</v>
      </c>
      <c r="S1755" s="5" t="s">
        <v>42</v>
      </c>
      <c r="T1755" s="2">
        <v>13.709</v>
      </c>
      <c r="U1755" s="2">
        <v>10.991</v>
      </c>
      <c r="V1755" s="2">
        <v>0.14899999999999999</v>
      </c>
      <c r="W1755" s="2">
        <v>12</v>
      </c>
      <c r="X1755" s="2">
        <v>62</v>
      </c>
      <c r="Y1755" s="2">
        <v>199.7</v>
      </c>
      <c r="Z1755" s="5">
        <v>10</v>
      </c>
      <c r="AA1755" s="5" t="s">
        <v>43</v>
      </c>
      <c r="AB1755" s="5" t="s">
        <v>44</v>
      </c>
      <c r="AC1755" s="2" t="s">
        <v>29648</v>
      </c>
      <c r="AD1755" s="1"/>
    </row>
    <row r="1756" spans="1:30">
      <c r="A1756" s="5" t="s">
        <v>83578</v>
      </c>
      <c r="B1756" s="2" t="s">
        <v>88864</v>
      </c>
      <c r="C1756" s="14" t="s">
        <v>88865</v>
      </c>
      <c r="D1756" s="2" t="s">
        <v>88866</v>
      </c>
      <c r="E1756" s="2"/>
      <c r="F1756" s="8">
        <v>502</v>
      </c>
      <c r="G1756" s="5">
        <v>25</v>
      </c>
      <c r="H1756" s="5" t="s">
        <v>69</v>
      </c>
      <c r="I1756" s="5" t="s">
        <v>27074</v>
      </c>
      <c r="J1756" s="2" t="s">
        <v>27075</v>
      </c>
      <c r="K1756" s="5" t="s">
        <v>27074</v>
      </c>
      <c r="L1756" s="2" t="s">
        <v>27075</v>
      </c>
      <c r="M1756" s="5" t="s">
        <v>24254</v>
      </c>
      <c r="N1756" s="5" t="s">
        <v>38</v>
      </c>
      <c r="O1756" s="5" t="s">
        <v>39</v>
      </c>
      <c r="P1756" s="5" t="s">
        <v>40</v>
      </c>
      <c r="Q1756" s="5" t="s">
        <v>24340</v>
      </c>
      <c r="R1756" s="5" t="s">
        <v>40</v>
      </c>
      <c r="S1756" s="5" t="s">
        <v>42</v>
      </c>
      <c r="T1756" s="2">
        <v>14.997</v>
      </c>
      <c r="U1756" s="2">
        <v>12.279</v>
      </c>
      <c r="V1756" s="2">
        <v>0.14899999999999999</v>
      </c>
      <c r="W1756" s="2">
        <v>12</v>
      </c>
      <c r="X1756" s="2">
        <v>62</v>
      </c>
      <c r="Y1756" s="2">
        <v>199.7</v>
      </c>
      <c r="Z1756" s="5">
        <v>10</v>
      </c>
      <c r="AA1756" s="5" t="s">
        <v>43</v>
      </c>
      <c r="AB1756" s="5" t="s">
        <v>44</v>
      </c>
      <c r="AC1756" s="2" t="s">
        <v>29923</v>
      </c>
      <c r="AD1756" s="1"/>
    </row>
    <row r="1757" spans="1:30">
      <c r="A1757" s="5" t="s">
        <v>83578</v>
      </c>
      <c r="B1757" s="2" t="s">
        <v>88867</v>
      </c>
      <c r="C1757" s="14" t="s">
        <v>88868</v>
      </c>
      <c r="D1757" s="2" t="s">
        <v>88869</v>
      </c>
      <c r="E1757" s="2"/>
      <c r="F1757" s="8">
        <v>502</v>
      </c>
      <c r="G1757" s="5">
        <v>25</v>
      </c>
      <c r="H1757" s="5" t="s">
        <v>69</v>
      </c>
      <c r="I1757" s="5" t="s">
        <v>27074</v>
      </c>
      <c r="J1757" s="2" t="s">
        <v>27075</v>
      </c>
      <c r="K1757" s="5" t="s">
        <v>27074</v>
      </c>
      <c r="L1757" s="2" t="s">
        <v>27075</v>
      </c>
      <c r="M1757" s="5" t="s">
        <v>24254</v>
      </c>
      <c r="N1757" s="5" t="s">
        <v>38</v>
      </c>
      <c r="O1757" s="5" t="s">
        <v>39</v>
      </c>
      <c r="P1757" s="5" t="s">
        <v>40</v>
      </c>
      <c r="Q1757" s="5" t="s">
        <v>25301</v>
      </c>
      <c r="R1757" s="5" t="s">
        <v>40</v>
      </c>
      <c r="S1757" s="5" t="s">
        <v>42</v>
      </c>
      <c r="T1757" s="2">
        <v>21.957999999999998</v>
      </c>
      <c r="U1757" s="2">
        <v>19.782</v>
      </c>
      <c r="V1757" s="2">
        <v>0.157</v>
      </c>
      <c r="W1757" s="2">
        <v>12</v>
      </c>
      <c r="X1757" s="2">
        <v>62</v>
      </c>
      <c r="Y1757" s="2">
        <v>210.9</v>
      </c>
      <c r="Z1757" s="5">
        <v>8</v>
      </c>
      <c r="AA1757" s="5" t="s">
        <v>43</v>
      </c>
      <c r="AB1757" s="5" t="s">
        <v>44</v>
      </c>
      <c r="AC1757" s="2" t="s">
        <v>29820</v>
      </c>
      <c r="AD1757" s="1"/>
    </row>
    <row r="1758" spans="1:30">
      <c r="A1758" s="5" t="s">
        <v>83578</v>
      </c>
      <c r="B1758" s="2" t="s">
        <v>88870</v>
      </c>
      <c r="C1758" s="14" t="s">
        <v>88871</v>
      </c>
      <c r="D1758" s="2" t="s">
        <v>88872</v>
      </c>
      <c r="E1758" s="2"/>
      <c r="F1758" s="8">
        <v>502</v>
      </c>
      <c r="G1758" s="5">
        <v>25</v>
      </c>
      <c r="H1758" s="5" t="s">
        <v>69</v>
      </c>
      <c r="I1758" s="5" t="s">
        <v>27074</v>
      </c>
      <c r="J1758" s="2" t="s">
        <v>27075</v>
      </c>
      <c r="K1758" s="5" t="s">
        <v>27074</v>
      </c>
      <c r="L1758" s="2" t="s">
        <v>27075</v>
      </c>
      <c r="M1758" s="5" t="s">
        <v>24254</v>
      </c>
      <c r="N1758" s="5" t="s">
        <v>38</v>
      </c>
      <c r="O1758" s="5" t="s">
        <v>39</v>
      </c>
      <c r="P1758" s="5" t="s">
        <v>40</v>
      </c>
      <c r="Q1758" s="5" t="s">
        <v>25301</v>
      </c>
      <c r="R1758" s="5" t="s">
        <v>40</v>
      </c>
      <c r="S1758" s="5" t="s">
        <v>42</v>
      </c>
      <c r="T1758" s="2">
        <v>18.815999999999999</v>
      </c>
      <c r="U1758" s="2">
        <v>16.640999999999998</v>
      </c>
      <c r="V1758" s="2">
        <v>0.157</v>
      </c>
      <c r="W1758" s="2">
        <v>12</v>
      </c>
      <c r="X1758" s="2">
        <v>62</v>
      </c>
      <c r="Y1758" s="2">
        <v>210.9</v>
      </c>
      <c r="Z1758" s="5">
        <v>8</v>
      </c>
      <c r="AA1758" s="5" t="s">
        <v>43</v>
      </c>
      <c r="AB1758" s="5" t="s">
        <v>44</v>
      </c>
      <c r="AC1758" s="2" t="s">
        <v>29820</v>
      </c>
      <c r="AD1758" s="1"/>
    </row>
    <row r="1759" spans="1:30">
      <c r="A1759" s="5" t="s">
        <v>83578</v>
      </c>
      <c r="B1759" s="2" t="s">
        <v>88873</v>
      </c>
      <c r="C1759" s="14" t="s">
        <v>88874</v>
      </c>
      <c r="D1759" s="2" t="s">
        <v>88875</v>
      </c>
      <c r="E1759" s="2"/>
      <c r="F1759" s="8">
        <v>502</v>
      </c>
      <c r="G1759" s="5">
        <v>25</v>
      </c>
      <c r="H1759" s="5" t="s">
        <v>69</v>
      </c>
      <c r="I1759" s="5" t="s">
        <v>27074</v>
      </c>
      <c r="J1759" s="2" t="s">
        <v>27075</v>
      </c>
      <c r="K1759" s="5" t="s">
        <v>27074</v>
      </c>
      <c r="L1759" s="2" t="s">
        <v>27075</v>
      </c>
      <c r="M1759" s="5" t="s">
        <v>24254</v>
      </c>
      <c r="N1759" s="5" t="s">
        <v>38</v>
      </c>
      <c r="O1759" s="5" t="s">
        <v>39</v>
      </c>
      <c r="P1759" s="5" t="s">
        <v>40</v>
      </c>
      <c r="Q1759" s="5" t="s">
        <v>25301</v>
      </c>
      <c r="R1759" s="5" t="s">
        <v>40</v>
      </c>
      <c r="S1759" s="5" t="s">
        <v>42</v>
      </c>
      <c r="T1759" s="2">
        <v>14.055999999999999</v>
      </c>
      <c r="U1759" s="2">
        <v>11.912000000000001</v>
      </c>
      <c r="V1759" s="2">
        <v>0.14899999999999999</v>
      </c>
      <c r="W1759" s="2">
        <v>12</v>
      </c>
      <c r="X1759" s="2">
        <v>62</v>
      </c>
      <c r="Y1759" s="2">
        <v>199.7</v>
      </c>
      <c r="Z1759" s="5">
        <v>8</v>
      </c>
      <c r="AA1759" s="5" t="s">
        <v>43</v>
      </c>
      <c r="AB1759" s="5" t="s">
        <v>44</v>
      </c>
      <c r="AC1759" s="2" t="s">
        <v>29820</v>
      </c>
      <c r="AD1759" s="1"/>
    </row>
    <row r="1760" spans="1:30">
      <c r="A1760" s="5" t="s">
        <v>83578</v>
      </c>
      <c r="B1760" s="2" t="s">
        <v>88876</v>
      </c>
      <c r="C1760" s="14" t="s">
        <v>88877</v>
      </c>
      <c r="D1760" s="2" t="s">
        <v>88878</v>
      </c>
      <c r="E1760" s="2"/>
      <c r="F1760" s="8">
        <v>502</v>
      </c>
      <c r="G1760" s="5">
        <v>25</v>
      </c>
      <c r="H1760" s="5" t="s">
        <v>69</v>
      </c>
      <c r="I1760" s="5" t="s">
        <v>27074</v>
      </c>
      <c r="J1760" s="2" t="s">
        <v>27075</v>
      </c>
      <c r="K1760" s="5" t="s">
        <v>27074</v>
      </c>
      <c r="L1760" s="2" t="s">
        <v>27075</v>
      </c>
      <c r="M1760" s="5" t="s">
        <v>24254</v>
      </c>
      <c r="N1760" s="5" t="s">
        <v>38</v>
      </c>
      <c r="O1760" s="5" t="s">
        <v>39</v>
      </c>
      <c r="P1760" s="5" t="s">
        <v>40</v>
      </c>
      <c r="Q1760" s="5" t="s">
        <v>25301</v>
      </c>
      <c r="R1760" s="5" t="s">
        <v>40</v>
      </c>
      <c r="S1760" s="5" t="s">
        <v>42</v>
      </c>
      <c r="T1760" s="2">
        <v>13.776</v>
      </c>
      <c r="U1760" s="2">
        <v>11.635</v>
      </c>
      <c r="V1760" s="2">
        <v>0.157</v>
      </c>
      <c r="W1760" s="2">
        <v>12</v>
      </c>
      <c r="X1760" s="2">
        <v>62</v>
      </c>
      <c r="Y1760" s="2">
        <v>210.9</v>
      </c>
      <c r="Z1760" s="5">
        <v>10</v>
      </c>
      <c r="AA1760" s="5" t="s">
        <v>43</v>
      </c>
      <c r="AB1760" s="5" t="s">
        <v>44</v>
      </c>
      <c r="AC1760" s="2" t="s">
        <v>87942</v>
      </c>
      <c r="AD1760" s="1"/>
    </row>
    <row r="1761" spans="1:30">
      <c r="A1761" s="5" t="s">
        <v>83578</v>
      </c>
      <c r="B1761" s="2" t="s">
        <v>88879</v>
      </c>
      <c r="C1761" s="14" t="s">
        <v>88880</v>
      </c>
      <c r="D1761" s="2" t="s">
        <v>88881</v>
      </c>
      <c r="E1761" s="2"/>
      <c r="F1761" s="8">
        <v>502</v>
      </c>
      <c r="G1761" s="5">
        <v>25</v>
      </c>
      <c r="H1761" s="5" t="s">
        <v>69</v>
      </c>
      <c r="I1761" s="5" t="s">
        <v>27074</v>
      </c>
      <c r="J1761" s="2" t="s">
        <v>27075</v>
      </c>
      <c r="K1761" s="5" t="s">
        <v>27074</v>
      </c>
      <c r="L1761" s="2" t="s">
        <v>27075</v>
      </c>
      <c r="M1761" s="5" t="s">
        <v>24254</v>
      </c>
      <c r="N1761" s="5" t="s">
        <v>38</v>
      </c>
      <c r="O1761" s="5" t="s">
        <v>39</v>
      </c>
      <c r="P1761" s="5" t="s">
        <v>40</v>
      </c>
      <c r="Q1761" s="5" t="s">
        <v>25301</v>
      </c>
      <c r="R1761" s="5" t="s">
        <v>40</v>
      </c>
      <c r="S1761" s="5" t="s">
        <v>42</v>
      </c>
      <c r="T1761" s="2">
        <v>14.73</v>
      </c>
      <c r="U1761" s="2">
        <v>12.589</v>
      </c>
      <c r="V1761" s="2">
        <v>0.157</v>
      </c>
      <c r="W1761" s="2">
        <v>12</v>
      </c>
      <c r="X1761" s="2">
        <v>62</v>
      </c>
      <c r="Y1761" s="2">
        <v>210.9</v>
      </c>
      <c r="Z1761" s="5">
        <v>10</v>
      </c>
      <c r="AA1761" s="5" t="s">
        <v>43</v>
      </c>
      <c r="AB1761" s="5" t="s">
        <v>44</v>
      </c>
      <c r="AC1761" s="2" t="s">
        <v>30038</v>
      </c>
      <c r="AD1761" s="1"/>
    </row>
    <row r="1762" spans="1:30">
      <c r="A1762" s="5" t="s">
        <v>83578</v>
      </c>
      <c r="B1762" s="2" t="s">
        <v>88882</v>
      </c>
      <c r="C1762" s="14" t="s">
        <v>88883</v>
      </c>
      <c r="D1762" s="2" t="s">
        <v>88884</v>
      </c>
      <c r="E1762" s="2"/>
      <c r="F1762" s="8">
        <v>502</v>
      </c>
      <c r="G1762" s="5">
        <v>25</v>
      </c>
      <c r="H1762" s="5" t="s">
        <v>69</v>
      </c>
      <c r="I1762" s="5" t="s">
        <v>27074</v>
      </c>
      <c r="J1762" s="2" t="s">
        <v>27075</v>
      </c>
      <c r="K1762" s="5" t="s">
        <v>27074</v>
      </c>
      <c r="L1762" s="2" t="s">
        <v>27075</v>
      </c>
      <c r="M1762" s="5" t="s">
        <v>24254</v>
      </c>
      <c r="N1762" s="5" t="s">
        <v>38</v>
      </c>
      <c r="O1762" s="5" t="s">
        <v>39</v>
      </c>
      <c r="P1762" s="5" t="s">
        <v>40</v>
      </c>
      <c r="Q1762" s="5" t="s">
        <v>25301</v>
      </c>
      <c r="R1762" s="5" t="s">
        <v>40</v>
      </c>
      <c r="S1762" s="5" t="s">
        <v>42</v>
      </c>
      <c r="T1762" s="2">
        <v>9.7469999999999999</v>
      </c>
      <c r="U1762" s="2">
        <v>7.0289999999999999</v>
      </c>
      <c r="V1762" s="2">
        <v>0.14899999999999999</v>
      </c>
      <c r="W1762" s="2">
        <v>12</v>
      </c>
      <c r="X1762" s="2">
        <v>62</v>
      </c>
      <c r="Y1762" s="2">
        <v>199.7</v>
      </c>
      <c r="Z1762" s="5">
        <v>10</v>
      </c>
      <c r="AA1762" s="5" t="s">
        <v>43</v>
      </c>
      <c r="AB1762" s="5" t="s">
        <v>44</v>
      </c>
      <c r="AC1762" s="2" t="s">
        <v>87949</v>
      </c>
      <c r="AD1762" s="1"/>
    </row>
    <row r="1763" spans="1:30">
      <c r="A1763" s="5" t="s">
        <v>83578</v>
      </c>
      <c r="B1763" s="2" t="s">
        <v>88885</v>
      </c>
      <c r="C1763" s="14" t="s">
        <v>88886</v>
      </c>
      <c r="D1763" s="2" t="s">
        <v>88887</v>
      </c>
      <c r="E1763" s="2"/>
      <c r="F1763" s="8">
        <v>502</v>
      </c>
      <c r="G1763" s="5">
        <v>25</v>
      </c>
      <c r="H1763" s="5" t="s">
        <v>69</v>
      </c>
      <c r="I1763" s="5" t="s">
        <v>27074</v>
      </c>
      <c r="J1763" s="2" t="s">
        <v>27075</v>
      </c>
      <c r="K1763" s="5" t="s">
        <v>27074</v>
      </c>
      <c r="L1763" s="2" t="s">
        <v>27075</v>
      </c>
      <c r="M1763" s="5" t="s">
        <v>24254</v>
      </c>
      <c r="N1763" s="5" t="s">
        <v>38</v>
      </c>
      <c r="O1763" s="5" t="s">
        <v>39</v>
      </c>
      <c r="P1763" s="5" t="s">
        <v>40</v>
      </c>
      <c r="Q1763" s="5" t="s">
        <v>25301</v>
      </c>
      <c r="R1763" s="5" t="s">
        <v>40</v>
      </c>
      <c r="S1763" s="5" t="s">
        <v>42</v>
      </c>
      <c r="T1763" s="2">
        <v>10.702999999999999</v>
      </c>
      <c r="U1763" s="2">
        <v>7.9850000000000003</v>
      </c>
      <c r="V1763" s="2">
        <v>0.14899999999999999</v>
      </c>
      <c r="W1763" s="2">
        <v>12</v>
      </c>
      <c r="X1763" s="2">
        <v>62</v>
      </c>
      <c r="Y1763" s="2">
        <v>199.7</v>
      </c>
      <c r="Z1763" s="5">
        <v>10</v>
      </c>
      <c r="AA1763" s="5" t="s">
        <v>43</v>
      </c>
      <c r="AB1763" s="5" t="s">
        <v>44</v>
      </c>
      <c r="AC1763" s="2" t="s">
        <v>30042</v>
      </c>
      <c r="AD1763" s="1"/>
    </row>
    <row r="1764" spans="1:30">
      <c r="A1764" s="5" t="s">
        <v>83578</v>
      </c>
      <c r="B1764" s="2" t="s">
        <v>88888</v>
      </c>
      <c r="C1764" s="14" t="s">
        <v>88889</v>
      </c>
      <c r="D1764" s="2" t="s">
        <v>88890</v>
      </c>
      <c r="E1764" s="2"/>
      <c r="F1764" s="8">
        <v>502</v>
      </c>
      <c r="G1764" s="5">
        <v>25</v>
      </c>
      <c r="H1764" s="5" t="s">
        <v>69</v>
      </c>
      <c r="I1764" s="5" t="s">
        <v>27074</v>
      </c>
      <c r="J1764" s="2" t="s">
        <v>27075</v>
      </c>
      <c r="K1764" s="5" t="s">
        <v>27074</v>
      </c>
      <c r="L1764" s="2" t="s">
        <v>27075</v>
      </c>
      <c r="M1764" s="5" t="s">
        <v>24254</v>
      </c>
      <c r="N1764" s="5" t="s">
        <v>38</v>
      </c>
      <c r="O1764" s="5" t="s">
        <v>39</v>
      </c>
      <c r="P1764" s="5" t="s">
        <v>40</v>
      </c>
      <c r="Q1764" s="5" t="s">
        <v>25301</v>
      </c>
      <c r="R1764" s="5" t="s">
        <v>40</v>
      </c>
      <c r="S1764" s="5" t="s">
        <v>42</v>
      </c>
      <c r="T1764" s="2">
        <v>12.541</v>
      </c>
      <c r="U1764" s="2">
        <v>9.8230000000000004</v>
      </c>
      <c r="V1764" s="2">
        <v>0.14899999999999999</v>
      </c>
      <c r="W1764" s="2">
        <v>12</v>
      </c>
      <c r="X1764" s="2">
        <v>62</v>
      </c>
      <c r="Y1764" s="2">
        <v>199.7</v>
      </c>
      <c r="Z1764" s="5">
        <v>10</v>
      </c>
      <c r="AA1764" s="5" t="s">
        <v>43</v>
      </c>
      <c r="AB1764" s="5" t="s">
        <v>44</v>
      </c>
      <c r="AC1764" s="2" t="s">
        <v>87949</v>
      </c>
      <c r="AD1764" s="1"/>
    </row>
    <row r="1765" spans="1:30">
      <c r="A1765" s="5" t="s">
        <v>83578</v>
      </c>
      <c r="B1765" s="2" t="s">
        <v>88891</v>
      </c>
      <c r="C1765" s="14" t="s">
        <v>88892</v>
      </c>
      <c r="D1765" s="2" t="s">
        <v>88893</v>
      </c>
      <c r="E1765" s="2"/>
      <c r="F1765" s="8">
        <v>502</v>
      </c>
      <c r="G1765" s="5">
        <v>25</v>
      </c>
      <c r="H1765" s="5" t="s">
        <v>69</v>
      </c>
      <c r="I1765" s="5" t="s">
        <v>27074</v>
      </c>
      <c r="J1765" s="2" t="s">
        <v>27075</v>
      </c>
      <c r="K1765" s="5" t="s">
        <v>27074</v>
      </c>
      <c r="L1765" s="2" t="s">
        <v>27075</v>
      </c>
      <c r="M1765" s="5" t="s">
        <v>24254</v>
      </c>
      <c r="N1765" s="5" t="s">
        <v>38</v>
      </c>
      <c r="O1765" s="5" t="s">
        <v>39</v>
      </c>
      <c r="P1765" s="5" t="s">
        <v>40</v>
      </c>
      <c r="Q1765" s="5" t="s">
        <v>25301</v>
      </c>
      <c r="R1765" s="5" t="s">
        <v>40</v>
      </c>
      <c r="S1765" s="5" t="s">
        <v>42</v>
      </c>
      <c r="T1765" s="2">
        <v>13.581</v>
      </c>
      <c r="U1765" s="2">
        <v>10.863</v>
      </c>
      <c r="V1765" s="2">
        <v>0.14899999999999999</v>
      </c>
      <c r="W1765" s="2">
        <v>12</v>
      </c>
      <c r="X1765" s="2">
        <v>62</v>
      </c>
      <c r="Y1765" s="2">
        <v>199.7</v>
      </c>
      <c r="Z1765" s="5">
        <v>10</v>
      </c>
      <c r="AA1765" s="5" t="s">
        <v>43</v>
      </c>
      <c r="AB1765" s="5" t="s">
        <v>44</v>
      </c>
      <c r="AC1765" s="2" t="s">
        <v>30042</v>
      </c>
      <c r="AD1765" s="1"/>
    </row>
    <row r="1766" spans="1:30">
      <c r="A1766" s="5" t="s">
        <v>83578</v>
      </c>
      <c r="B1766" s="2" t="s">
        <v>88894</v>
      </c>
      <c r="C1766" s="14" t="s">
        <v>88895</v>
      </c>
      <c r="D1766" s="2" t="s">
        <v>88896</v>
      </c>
      <c r="E1766" s="2" t="s">
        <v>87894</v>
      </c>
      <c r="F1766" s="8">
        <v>412</v>
      </c>
      <c r="G1766" s="5">
        <v>5</v>
      </c>
      <c r="H1766" s="5" t="s">
        <v>69</v>
      </c>
      <c r="I1766" s="5" t="s">
        <v>27074</v>
      </c>
      <c r="J1766" s="2" t="s">
        <v>27075</v>
      </c>
      <c r="K1766" s="5" t="s">
        <v>27074</v>
      </c>
      <c r="L1766" s="2" t="s">
        <v>27075</v>
      </c>
      <c r="M1766" s="5" t="s">
        <v>24254</v>
      </c>
      <c r="N1766" s="5" t="s">
        <v>38</v>
      </c>
      <c r="O1766" s="5" t="s">
        <v>39</v>
      </c>
      <c r="P1766" s="5" t="s">
        <v>40</v>
      </c>
      <c r="Q1766" s="5" t="s">
        <v>1487</v>
      </c>
      <c r="R1766" s="5"/>
      <c r="S1766" s="5" t="s">
        <v>42</v>
      </c>
      <c r="T1766" s="2">
        <v>0</v>
      </c>
      <c r="U1766" s="2">
        <v>0</v>
      </c>
      <c r="V1766" s="2">
        <v>0</v>
      </c>
      <c r="W1766" s="2">
        <v>0</v>
      </c>
      <c r="X1766" s="2">
        <v>0</v>
      </c>
      <c r="Y1766" s="2">
        <v>0</v>
      </c>
      <c r="Z1766" s="5"/>
      <c r="AA1766" s="5" t="s">
        <v>43</v>
      </c>
      <c r="AB1766" s="5" t="s">
        <v>44</v>
      </c>
      <c r="AC1766" s="2" t="s">
        <v>87895</v>
      </c>
      <c r="AD1766" s="1"/>
    </row>
    <row r="1767" spans="1:30">
      <c r="A1767" s="5" t="s">
        <v>83578</v>
      </c>
      <c r="B1767" s="2" t="s">
        <v>88897</v>
      </c>
      <c r="C1767" s="14" t="s">
        <v>88898</v>
      </c>
      <c r="D1767" s="2" t="s">
        <v>88899</v>
      </c>
      <c r="E1767" s="2" t="s">
        <v>87968</v>
      </c>
      <c r="F1767" s="8">
        <v>708</v>
      </c>
      <c r="G1767" s="5">
        <v>10</v>
      </c>
      <c r="H1767" s="5" t="s">
        <v>69</v>
      </c>
      <c r="I1767" s="5" t="s">
        <v>27074</v>
      </c>
      <c r="J1767" s="2" t="s">
        <v>27075</v>
      </c>
      <c r="K1767" s="5" t="s">
        <v>27074</v>
      </c>
      <c r="L1767" s="2" t="s">
        <v>27075</v>
      </c>
      <c r="M1767" s="5" t="s">
        <v>24254</v>
      </c>
      <c r="N1767" s="5" t="s">
        <v>38</v>
      </c>
      <c r="O1767" s="5" t="s">
        <v>39</v>
      </c>
      <c r="P1767" s="5" t="s">
        <v>40</v>
      </c>
      <c r="Q1767" s="5" t="s">
        <v>1487</v>
      </c>
      <c r="R1767" s="5"/>
      <c r="S1767" s="5" t="s">
        <v>130</v>
      </c>
      <c r="T1767" s="2">
        <v>0</v>
      </c>
      <c r="U1767" s="2">
        <v>0</v>
      </c>
      <c r="V1767" s="2">
        <v>0</v>
      </c>
      <c r="W1767" s="2">
        <v>0</v>
      </c>
      <c r="X1767" s="2">
        <v>0</v>
      </c>
      <c r="Y1767" s="2">
        <v>0</v>
      </c>
      <c r="Z1767" s="5"/>
      <c r="AA1767" s="5" t="s">
        <v>43</v>
      </c>
      <c r="AB1767" s="5" t="s">
        <v>44</v>
      </c>
      <c r="AC1767" s="2" t="s">
        <v>88278</v>
      </c>
      <c r="AD1767" s="1"/>
    </row>
    <row r="1768" spans="1:30">
      <c r="A1768" s="5" t="s">
        <v>83578</v>
      </c>
      <c r="B1768" s="2" t="s">
        <v>88900</v>
      </c>
      <c r="C1768" s="14" t="s">
        <v>88901</v>
      </c>
      <c r="D1768" s="2" t="s">
        <v>88902</v>
      </c>
      <c r="E1768" s="2"/>
      <c r="F1768" s="8">
        <v>310</v>
      </c>
      <c r="G1768" s="5">
        <v>25</v>
      </c>
      <c r="H1768" s="5" t="s">
        <v>69</v>
      </c>
      <c r="I1768" s="5" t="s">
        <v>27074</v>
      </c>
      <c r="J1768" s="2" t="s">
        <v>27075</v>
      </c>
      <c r="K1768" s="5" t="s">
        <v>27074</v>
      </c>
      <c r="L1768" s="2" t="s">
        <v>27075</v>
      </c>
      <c r="M1768" s="5" t="s">
        <v>24254</v>
      </c>
      <c r="N1768" s="5" t="s">
        <v>38</v>
      </c>
      <c r="O1768" s="5" t="s">
        <v>39</v>
      </c>
      <c r="P1768" s="5" t="s">
        <v>40</v>
      </c>
      <c r="Q1768" s="5" t="s">
        <v>24335</v>
      </c>
      <c r="R1768" s="5" t="s">
        <v>40</v>
      </c>
      <c r="S1768" s="5" t="s">
        <v>42</v>
      </c>
      <c r="T1768" s="2">
        <v>9.6159999999999997</v>
      </c>
      <c r="U1768" s="2">
        <v>6.8979999999999997</v>
      </c>
      <c r="V1768" s="2">
        <v>0.14899999999999999</v>
      </c>
      <c r="W1768" s="2">
        <v>12</v>
      </c>
      <c r="X1768" s="2">
        <v>62</v>
      </c>
      <c r="Y1768" s="2">
        <v>199.7</v>
      </c>
      <c r="Z1768" s="5">
        <v>10</v>
      </c>
      <c r="AA1768" s="5" t="s">
        <v>43</v>
      </c>
      <c r="AB1768" s="5" t="s">
        <v>44</v>
      </c>
      <c r="AC1768" s="2" t="s">
        <v>29747</v>
      </c>
      <c r="AD1768" s="1"/>
    </row>
    <row r="1769" spans="1:30">
      <c r="A1769" s="5" t="s">
        <v>83578</v>
      </c>
      <c r="B1769" s="2" t="s">
        <v>88903</v>
      </c>
      <c r="C1769" s="14" t="s">
        <v>88904</v>
      </c>
      <c r="D1769" s="2" t="s">
        <v>88905</v>
      </c>
      <c r="E1769" s="2"/>
      <c r="F1769" s="8">
        <v>310</v>
      </c>
      <c r="G1769" s="5">
        <v>25</v>
      </c>
      <c r="H1769" s="5" t="s">
        <v>69</v>
      </c>
      <c r="I1769" s="5" t="s">
        <v>27074</v>
      </c>
      <c r="J1769" s="2" t="s">
        <v>27075</v>
      </c>
      <c r="K1769" s="5" t="s">
        <v>27074</v>
      </c>
      <c r="L1769" s="2" t="s">
        <v>27075</v>
      </c>
      <c r="M1769" s="5" t="s">
        <v>24254</v>
      </c>
      <c r="N1769" s="5" t="s">
        <v>38</v>
      </c>
      <c r="O1769" s="5" t="s">
        <v>39</v>
      </c>
      <c r="P1769" s="5" t="s">
        <v>40</v>
      </c>
      <c r="Q1769" s="5" t="s">
        <v>24335</v>
      </c>
      <c r="R1769" s="5" t="s">
        <v>40</v>
      </c>
      <c r="S1769" s="5" t="s">
        <v>42</v>
      </c>
      <c r="T1769" s="2">
        <v>8.3759999999999994</v>
      </c>
      <c r="U1769" s="2">
        <v>5.6580000000000004</v>
      </c>
      <c r="V1769" s="2">
        <v>0.14899999999999999</v>
      </c>
      <c r="W1769" s="2">
        <v>12</v>
      </c>
      <c r="X1769" s="2">
        <v>62</v>
      </c>
      <c r="Y1769" s="2">
        <v>199.7</v>
      </c>
      <c r="Z1769" s="5">
        <v>10</v>
      </c>
      <c r="AA1769" s="5" t="s">
        <v>43</v>
      </c>
      <c r="AB1769" s="5" t="s">
        <v>44</v>
      </c>
      <c r="AC1769" s="2" t="s">
        <v>29629</v>
      </c>
      <c r="AD1769" s="1"/>
    </row>
    <row r="1770" spans="1:30">
      <c r="A1770" s="5" t="s">
        <v>83578</v>
      </c>
      <c r="B1770" s="2" t="s">
        <v>88906</v>
      </c>
      <c r="C1770" s="14" t="s">
        <v>88907</v>
      </c>
      <c r="D1770" s="2" t="s">
        <v>88908</v>
      </c>
      <c r="E1770" s="2"/>
      <c r="F1770" s="8">
        <v>461</v>
      </c>
      <c r="G1770" s="5">
        <v>25</v>
      </c>
      <c r="H1770" s="5" t="s">
        <v>69</v>
      </c>
      <c r="I1770" s="5" t="s">
        <v>27074</v>
      </c>
      <c r="J1770" s="2" t="s">
        <v>27075</v>
      </c>
      <c r="K1770" s="5" t="s">
        <v>27074</v>
      </c>
      <c r="L1770" s="2" t="s">
        <v>27075</v>
      </c>
      <c r="M1770" s="5" t="s">
        <v>24254</v>
      </c>
      <c r="N1770" s="5" t="s">
        <v>38</v>
      </c>
      <c r="O1770" s="5" t="s">
        <v>39</v>
      </c>
      <c r="P1770" s="5" t="s">
        <v>40</v>
      </c>
      <c r="Q1770" s="5" t="s">
        <v>24340</v>
      </c>
      <c r="R1770" s="5" t="s">
        <v>40</v>
      </c>
      <c r="S1770" s="5" t="s">
        <v>42</v>
      </c>
      <c r="T1770" s="2">
        <v>20.405999999999999</v>
      </c>
      <c r="U1770" s="2">
        <v>17.654</v>
      </c>
      <c r="V1770" s="2">
        <v>0.14899999999999999</v>
      </c>
      <c r="W1770" s="2">
        <v>12</v>
      </c>
      <c r="X1770" s="2">
        <v>62</v>
      </c>
      <c r="Y1770" s="2">
        <v>199.7</v>
      </c>
      <c r="Z1770" s="5">
        <v>8</v>
      </c>
      <c r="AA1770" s="5" t="s">
        <v>43</v>
      </c>
      <c r="AB1770" s="5" t="s">
        <v>44</v>
      </c>
      <c r="AC1770" s="2" t="s">
        <v>29641</v>
      </c>
      <c r="AD1770" s="1"/>
    </row>
    <row r="1771" spans="1:30">
      <c r="A1771" s="5" t="s">
        <v>83578</v>
      </c>
      <c r="B1771" s="2" t="s">
        <v>88909</v>
      </c>
      <c r="C1771" s="14" t="s">
        <v>88910</v>
      </c>
      <c r="D1771" s="2" t="s">
        <v>88911</v>
      </c>
      <c r="E1771" s="2"/>
      <c r="F1771" s="8">
        <v>461</v>
      </c>
      <c r="G1771" s="5">
        <v>25</v>
      </c>
      <c r="H1771" s="5" t="s">
        <v>69</v>
      </c>
      <c r="I1771" s="5" t="s">
        <v>27074</v>
      </c>
      <c r="J1771" s="2" t="s">
        <v>27075</v>
      </c>
      <c r="K1771" s="5" t="s">
        <v>27074</v>
      </c>
      <c r="L1771" s="2" t="s">
        <v>27075</v>
      </c>
      <c r="M1771" s="5" t="s">
        <v>24254</v>
      </c>
      <c r="N1771" s="5" t="s">
        <v>38</v>
      </c>
      <c r="O1771" s="5" t="s">
        <v>39</v>
      </c>
      <c r="P1771" s="5" t="s">
        <v>40</v>
      </c>
      <c r="Q1771" s="5" t="s">
        <v>24340</v>
      </c>
      <c r="R1771" s="5" t="s">
        <v>40</v>
      </c>
      <c r="S1771" s="5" t="s">
        <v>42</v>
      </c>
      <c r="T1771" s="2">
        <v>13.295999999999999</v>
      </c>
      <c r="U1771" s="2">
        <v>10.577999999999999</v>
      </c>
      <c r="V1771" s="2">
        <v>0.14899999999999999</v>
      </c>
      <c r="W1771" s="2">
        <v>12</v>
      </c>
      <c r="X1771" s="2">
        <v>62</v>
      </c>
      <c r="Y1771" s="2">
        <v>199.7</v>
      </c>
      <c r="Z1771" s="5">
        <v>10</v>
      </c>
      <c r="AA1771" s="5" t="s">
        <v>43</v>
      </c>
      <c r="AB1771" s="5" t="s">
        <v>44</v>
      </c>
      <c r="AC1771" s="2" t="s">
        <v>87916</v>
      </c>
      <c r="AD1771" s="1"/>
    </row>
    <row r="1772" spans="1:30">
      <c r="A1772" s="5" t="s">
        <v>83578</v>
      </c>
      <c r="B1772" s="2" t="s">
        <v>88912</v>
      </c>
      <c r="C1772" s="14" t="s">
        <v>88913</v>
      </c>
      <c r="D1772" s="2" t="s">
        <v>88914</v>
      </c>
      <c r="E1772" s="2"/>
      <c r="F1772" s="8">
        <v>461</v>
      </c>
      <c r="G1772" s="5">
        <v>25</v>
      </c>
      <c r="H1772" s="5" t="s">
        <v>69</v>
      </c>
      <c r="I1772" s="5" t="s">
        <v>27074</v>
      </c>
      <c r="J1772" s="2" t="s">
        <v>27075</v>
      </c>
      <c r="K1772" s="5" t="s">
        <v>27074</v>
      </c>
      <c r="L1772" s="2" t="s">
        <v>27075</v>
      </c>
      <c r="M1772" s="5" t="s">
        <v>24254</v>
      </c>
      <c r="N1772" s="5" t="s">
        <v>38</v>
      </c>
      <c r="O1772" s="5" t="s">
        <v>39</v>
      </c>
      <c r="P1772" s="5" t="s">
        <v>40</v>
      </c>
      <c r="Q1772" s="5" t="s">
        <v>24340</v>
      </c>
      <c r="R1772" s="5" t="s">
        <v>40</v>
      </c>
      <c r="S1772" s="5" t="s">
        <v>42</v>
      </c>
      <c r="T1772" s="2">
        <v>14.641</v>
      </c>
      <c r="U1772" s="2">
        <v>11.923</v>
      </c>
      <c r="V1772" s="2">
        <v>0.14899999999999999</v>
      </c>
      <c r="W1772" s="2">
        <v>12</v>
      </c>
      <c r="X1772" s="2">
        <v>62</v>
      </c>
      <c r="Y1772" s="2">
        <v>199.7</v>
      </c>
      <c r="Z1772" s="5">
        <v>10</v>
      </c>
      <c r="AA1772" s="5" t="s">
        <v>43</v>
      </c>
      <c r="AB1772" s="5" t="s">
        <v>44</v>
      </c>
      <c r="AC1772" s="2" t="s">
        <v>87920</v>
      </c>
      <c r="AD1772" s="1"/>
    </row>
    <row r="1773" spans="1:30">
      <c r="A1773" s="5" t="s">
        <v>83578</v>
      </c>
      <c r="B1773" s="2" t="s">
        <v>88915</v>
      </c>
      <c r="C1773" s="14" t="s">
        <v>88916</v>
      </c>
      <c r="D1773" s="2" t="s">
        <v>88917</v>
      </c>
      <c r="E1773" s="2"/>
      <c r="F1773" s="8">
        <v>461</v>
      </c>
      <c r="G1773" s="5">
        <v>25</v>
      </c>
      <c r="H1773" s="5" t="s">
        <v>69</v>
      </c>
      <c r="I1773" s="5" t="s">
        <v>27074</v>
      </c>
      <c r="J1773" s="2" t="s">
        <v>27075</v>
      </c>
      <c r="K1773" s="5" t="s">
        <v>27074</v>
      </c>
      <c r="L1773" s="2" t="s">
        <v>27075</v>
      </c>
      <c r="M1773" s="5" t="s">
        <v>24254</v>
      </c>
      <c r="N1773" s="5" t="s">
        <v>38</v>
      </c>
      <c r="O1773" s="5" t="s">
        <v>39</v>
      </c>
      <c r="P1773" s="5" t="s">
        <v>40</v>
      </c>
      <c r="Q1773" s="5" t="s">
        <v>24340</v>
      </c>
      <c r="R1773" s="5" t="s">
        <v>40</v>
      </c>
      <c r="S1773" s="5" t="s">
        <v>42</v>
      </c>
      <c r="T1773" s="2">
        <v>9.6470000000000002</v>
      </c>
      <c r="U1773" s="2">
        <v>6.9290000000000003</v>
      </c>
      <c r="V1773" s="2">
        <v>0.14899999999999999</v>
      </c>
      <c r="W1773" s="2">
        <v>12</v>
      </c>
      <c r="X1773" s="2">
        <v>62</v>
      </c>
      <c r="Y1773" s="2">
        <v>199.7</v>
      </c>
      <c r="Z1773" s="5">
        <v>10</v>
      </c>
      <c r="AA1773" s="5" t="s">
        <v>43</v>
      </c>
      <c r="AB1773" s="5" t="s">
        <v>44</v>
      </c>
      <c r="AC1773" s="2" t="s">
        <v>29648</v>
      </c>
      <c r="AD1773" s="1"/>
    </row>
    <row r="1774" spans="1:30">
      <c r="A1774" s="5" t="s">
        <v>83578</v>
      </c>
      <c r="B1774" s="2" t="s">
        <v>88918</v>
      </c>
      <c r="C1774" s="14" t="s">
        <v>88919</v>
      </c>
      <c r="D1774" s="2" t="s">
        <v>88920</v>
      </c>
      <c r="E1774" s="2"/>
      <c r="F1774" s="8">
        <v>461</v>
      </c>
      <c r="G1774" s="5">
        <v>25</v>
      </c>
      <c r="H1774" s="5" t="s">
        <v>69</v>
      </c>
      <c r="I1774" s="5" t="s">
        <v>27074</v>
      </c>
      <c r="J1774" s="2" t="s">
        <v>27075</v>
      </c>
      <c r="K1774" s="5" t="s">
        <v>27074</v>
      </c>
      <c r="L1774" s="2" t="s">
        <v>27075</v>
      </c>
      <c r="M1774" s="5" t="s">
        <v>24254</v>
      </c>
      <c r="N1774" s="5" t="s">
        <v>38</v>
      </c>
      <c r="O1774" s="5" t="s">
        <v>39</v>
      </c>
      <c r="P1774" s="5" t="s">
        <v>40</v>
      </c>
      <c r="Q1774" s="5" t="s">
        <v>24340</v>
      </c>
      <c r="R1774" s="5" t="s">
        <v>40</v>
      </c>
      <c r="S1774" s="5" t="s">
        <v>42</v>
      </c>
      <c r="T1774" s="2">
        <v>10.992000000000001</v>
      </c>
      <c r="U1774" s="2">
        <v>8.2739999999999991</v>
      </c>
      <c r="V1774" s="2">
        <v>0.14899999999999999</v>
      </c>
      <c r="W1774" s="2">
        <v>12</v>
      </c>
      <c r="X1774" s="2">
        <v>62</v>
      </c>
      <c r="Y1774" s="2">
        <v>199.7</v>
      </c>
      <c r="Z1774" s="5">
        <v>10</v>
      </c>
      <c r="AA1774" s="5" t="s">
        <v>43</v>
      </c>
      <c r="AB1774" s="5" t="s">
        <v>44</v>
      </c>
      <c r="AC1774" s="2" t="s">
        <v>29923</v>
      </c>
      <c r="AD1774" s="1"/>
    </row>
    <row r="1775" spans="1:30">
      <c r="A1775" s="5" t="s">
        <v>83578</v>
      </c>
      <c r="B1775" s="2" t="s">
        <v>88921</v>
      </c>
      <c r="C1775" s="14" t="s">
        <v>88922</v>
      </c>
      <c r="D1775" s="2" t="s">
        <v>88923</v>
      </c>
      <c r="E1775" s="2"/>
      <c r="F1775" s="8">
        <v>461</v>
      </c>
      <c r="G1775" s="5">
        <v>25</v>
      </c>
      <c r="H1775" s="5" t="s">
        <v>69</v>
      </c>
      <c r="I1775" s="5" t="s">
        <v>27074</v>
      </c>
      <c r="J1775" s="2" t="s">
        <v>27075</v>
      </c>
      <c r="K1775" s="5" t="s">
        <v>27074</v>
      </c>
      <c r="L1775" s="2" t="s">
        <v>27075</v>
      </c>
      <c r="M1775" s="5" t="s">
        <v>24254</v>
      </c>
      <c r="N1775" s="5" t="s">
        <v>38</v>
      </c>
      <c r="O1775" s="5" t="s">
        <v>39</v>
      </c>
      <c r="P1775" s="5" t="s">
        <v>40</v>
      </c>
      <c r="Q1775" s="5" t="s">
        <v>24340</v>
      </c>
      <c r="R1775" s="5" t="s">
        <v>40</v>
      </c>
      <c r="S1775" s="5" t="s">
        <v>42</v>
      </c>
      <c r="T1775" s="2">
        <v>11.718999999999999</v>
      </c>
      <c r="U1775" s="2">
        <v>9.0009999999999994</v>
      </c>
      <c r="V1775" s="2">
        <v>0.14899999999999999</v>
      </c>
      <c r="W1775" s="2">
        <v>12</v>
      </c>
      <c r="X1775" s="2">
        <v>62</v>
      </c>
      <c r="Y1775" s="2">
        <v>199.7</v>
      </c>
      <c r="Z1775" s="5">
        <v>10</v>
      </c>
      <c r="AA1775" s="5" t="s">
        <v>43</v>
      </c>
      <c r="AB1775" s="5" t="s">
        <v>44</v>
      </c>
      <c r="AC1775" s="2" t="s">
        <v>29648</v>
      </c>
      <c r="AD1775" s="1"/>
    </row>
    <row r="1776" spans="1:30">
      <c r="A1776" s="5" t="s">
        <v>83578</v>
      </c>
      <c r="B1776" s="2" t="s">
        <v>88924</v>
      </c>
      <c r="C1776" s="14" t="s">
        <v>88925</v>
      </c>
      <c r="D1776" s="2" t="s">
        <v>88926</v>
      </c>
      <c r="E1776" s="2"/>
      <c r="F1776" s="8">
        <v>461</v>
      </c>
      <c r="G1776" s="5">
        <v>25</v>
      </c>
      <c r="H1776" s="5" t="s">
        <v>69</v>
      </c>
      <c r="I1776" s="5" t="s">
        <v>27074</v>
      </c>
      <c r="J1776" s="2" t="s">
        <v>27075</v>
      </c>
      <c r="K1776" s="5" t="s">
        <v>27074</v>
      </c>
      <c r="L1776" s="2" t="s">
        <v>27075</v>
      </c>
      <c r="M1776" s="5" t="s">
        <v>24254</v>
      </c>
      <c r="N1776" s="5" t="s">
        <v>38</v>
      </c>
      <c r="O1776" s="5" t="s">
        <v>39</v>
      </c>
      <c r="P1776" s="5" t="s">
        <v>40</v>
      </c>
      <c r="Q1776" s="5" t="s">
        <v>24340</v>
      </c>
      <c r="R1776" s="5" t="s">
        <v>40</v>
      </c>
      <c r="S1776" s="5" t="s">
        <v>42</v>
      </c>
      <c r="T1776" s="2">
        <v>13.167999999999999</v>
      </c>
      <c r="U1776" s="2">
        <v>10.45</v>
      </c>
      <c r="V1776" s="2">
        <v>0.14899999999999999</v>
      </c>
      <c r="W1776" s="2">
        <v>12</v>
      </c>
      <c r="X1776" s="2">
        <v>62</v>
      </c>
      <c r="Y1776" s="2">
        <v>199.7</v>
      </c>
      <c r="Z1776" s="5">
        <v>10</v>
      </c>
      <c r="AA1776" s="5" t="s">
        <v>43</v>
      </c>
      <c r="AB1776" s="5" t="s">
        <v>44</v>
      </c>
      <c r="AC1776" s="2" t="s">
        <v>29923</v>
      </c>
      <c r="AD1776" s="1"/>
    </row>
    <row r="1777" spans="1:30">
      <c r="A1777" s="5" t="s">
        <v>83578</v>
      </c>
      <c r="B1777" s="2" t="s">
        <v>88927</v>
      </c>
      <c r="C1777" s="14" t="s">
        <v>88928</v>
      </c>
      <c r="D1777" s="2" t="s">
        <v>88929</v>
      </c>
      <c r="E1777" s="2"/>
      <c r="F1777" s="8">
        <v>461</v>
      </c>
      <c r="G1777" s="5">
        <v>25</v>
      </c>
      <c r="H1777" s="5" t="s">
        <v>69</v>
      </c>
      <c r="I1777" s="5" t="s">
        <v>27074</v>
      </c>
      <c r="J1777" s="2" t="s">
        <v>27075</v>
      </c>
      <c r="K1777" s="5" t="s">
        <v>27074</v>
      </c>
      <c r="L1777" s="2" t="s">
        <v>27075</v>
      </c>
      <c r="M1777" s="5" t="s">
        <v>24254</v>
      </c>
      <c r="N1777" s="5" t="s">
        <v>38</v>
      </c>
      <c r="O1777" s="5" t="s">
        <v>39</v>
      </c>
      <c r="P1777" s="5" t="s">
        <v>40</v>
      </c>
      <c r="Q1777" s="5" t="s">
        <v>25301</v>
      </c>
      <c r="R1777" s="5" t="s">
        <v>40</v>
      </c>
      <c r="S1777" s="5" t="s">
        <v>42</v>
      </c>
      <c r="T1777" s="2">
        <v>21.088000000000001</v>
      </c>
      <c r="U1777" s="2">
        <v>18.335000000000001</v>
      </c>
      <c r="V1777" s="2">
        <v>0.14899999999999999</v>
      </c>
      <c r="W1777" s="2">
        <v>12</v>
      </c>
      <c r="X1777" s="2">
        <v>62</v>
      </c>
      <c r="Y1777" s="2">
        <v>199.7</v>
      </c>
      <c r="Z1777" s="5">
        <v>8</v>
      </c>
      <c r="AA1777" s="5" t="s">
        <v>43</v>
      </c>
      <c r="AB1777" s="5" t="s">
        <v>44</v>
      </c>
      <c r="AC1777" s="2" t="s">
        <v>29820</v>
      </c>
      <c r="AD1777" s="1"/>
    </row>
    <row r="1778" spans="1:30">
      <c r="A1778" s="5" t="s">
        <v>83578</v>
      </c>
      <c r="B1778" s="2" t="s">
        <v>88930</v>
      </c>
      <c r="C1778" s="14" t="s">
        <v>88931</v>
      </c>
      <c r="D1778" s="2" t="s">
        <v>88932</v>
      </c>
      <c r="E1778" s="2"/>
      <c r="F1778" s="8">
        <v>461</v>
      </c>
      <c r="G1778" s="5">
        <v>25</v>
      </c>
      <c r="H1778" s="5" t="s">
        <v>69</v>
      </c>
      <c r="I1778" s="5" t="s">
        <v>27074</v>
      </c>
      <c r="J1778" s="2" t="s">
        <v>27075</v>
      </c>
      <c r="K1778" s="5" t="s">
        <v>27074</v>
      </c>
      <c r="L1778" s="2" t="s">
        <v>27075</v>
      </c>
      <c r="M1778" s="5" t="s">
        <v>24254</v>
      </c>
      <c r="N1778" s="5" t="s">
        <v>38</v>
      </c>
      <c r="O1778" s="5" t="s">
        <v>39</v>
      </c>
      <c r="P1778" s="5" t="s">
        <v>40</v>
      </c>
      <c r="Q1778" s="5" t="s">
        <v>25301</v>
      </c>
      <c r="R1778" s="5" t="s">
        <v>40</v>
      </c>
      <c r="S1778" s="5" t="s">
        <v>42</v>
      </c>
      <c r="T1778" s="2">
        <v>18.757000000000001</v>
      </c>
      <c r="U1778" s="2">
        <v>16.004999999999999</v>
      </c>
      <c r="V1778" s="2">
        <v>0.14899999999999999</v>
      </c>
      <c r="W1778" s="2">
        <v>12</v>
      </c>
      <c r="X1778" s="2">
        <v>62</v>
      </c>
      <c r="Y1778" s="2">
        <v>199.7</v>
      </c>
      <c r="Z1778" s="5">
        <v>8</v>
      </c>
      <c r="AA1778" s="5" t="s">
        <v>43</v>
      </c>
      <c r="AB1778" s="5" t="s">
        <v>44</v>
      </c>
      <c r="AC1778" s="2" t="s">
        <v>29820</v>
      </c>
      <c r="AD1778" s="1"/>
    </row>
    <row r="1779" spans="1:30">
      <c r="A1779" s="5" t="s">
        <v>83578</v>
      </c>
      <c r="B1779" s="2" t="s">
        <v>88933</v>
      </c>
      <c r="C1779" s="14" t="s">
        <v>88934</v>
      </c>
      <c r="D1779" s="2" t="s">
        <v>88935</v>
      </c>
      <c r="E1779" s="2"/>
      <c r="F1779" s="8">
        <v>461</v>
      </c>
      <c r="G1779" s="5">
        <v>25</v>
      </c>
      <c r="H1779" s="5" t="s">
        <v>69</v>
      </c>
      <c r="I1779" s="5" t="s">
        <v>27074</v>
      </c>
      <c r="J1779" s="2" t="s">
        <v>27075</v>
      </c>
      <c r="K1779" s="5" t="s">
        <v>27074</v>
      </c>
      <c r="L1779" s="2" t="s">
        <v>27075</v>
      </c>
      <c r="M1779" s="5" t="s">
        <v>24254</v>
      </c>
      <c r="N1779" s="5" t="s">
        <v>38</v>
      </c>
      <c r="O1779" s="5" t="s">
        <v>39</v>
      </c>
      <c r="P1779" s="5" t="s">
        <v>40</v>
      </c>
      <c r="Q1779" s="5" t="s">
        <v>25301</v>
      </c>
      <c r="R1779" s="5" t="s">
        <v>40</v>
      </c>
      <c r="S1779" s="5" t="s">
        <v>42</v>
      </c>
      <c r="T1779" s="2">
        <v>16.600000000000001</v>
      </c>
      <c r="U1779" s="2">
        <v>13.879</v>
      </c>
      <c r="V1779" s="2">
        <v>0.14899999999999999</v>
      </c>
      <c r="W1779" s="2">
        <v>12</v>
      </c>
      <c r="X1779" s="2">
        <v>62</v>
      </c>
      <c r="Y1779" s="2">
        <v>199.7</v>
      </c>
      <c r="Z1779" s="5">
        <v>8</v>
      </c>
      <c r="AA1779" s="5" t="s">
        <v>43</v>
      </c>
      <c r="AB1779" s="5" t="s">
        <v>44</v>
      </c>
      <c r="AC1779" s="2" t="s">
        <v>29820</v>
      </c>
      <c r="AD1779" s="1"/>
    </row>
    <row r="1780" spans="1:30">
      <c r="A1780" s="5" t="s">
        <v>83578</v>
      </c>
      <c r="B1780" s="2" t="s">
        <v>88936</v>
      </c>
      <c r="C1780" s="14" t="s">
        <v>88937</v>
      </c>
      <c r="D1780" s="2" t="s">
        <v>88938</v>
      </c>
      <c r="E1780" s="2"/>
      <c r="F1780" s="8">
        <v>461</v>
      </c>
      <c r="G1780" s="5">
        <v>25</v>
      </c>
      <c r="H1780" s="5" t="s">
        <v>69</v>
      </c>
      <c r="I1780" s="5" t="s">
        <v>27074</v>
      </c>
      <c r="J1780" s="2" t="s">
        <v>27075</v>
      </c>
      <c r="K1780" s="5" t="s">
        <v>27074</v>
      </c>
      <c r="L1780" s="2" t="s">
        <v>27075</v>
      </c>
      <c r="M1780" s="5" t="s">
        <v>24254</v>
      </c>
      <c r="N1780" s="5" t="s">
        <v>38</v>
      </c>
      <c r="O1780" s="5" t="s">
        <v>39</v>
      </c>
      <c r="P1780" s="5" t="s">
        <v>40</v>
      </c>
      <c r="Q1780" s="5" t="s">
        <v>25301</v>
      </c>
      <c r="R1780" s="5" t="s">
        <v>40</v>
      </c>
      <c r="S1780" s="5" t="s">
        <v>42</v>
      </c>
      <c r="T1780" s="2">
        <v>12.065</v>
      </c>
      <c r="U1780" s="2">
        <v>9.3469999999999995</v>
      </c>
      <c r="V1780" s="2">
        <v>0.14899999999999999</v>
      </c>
      <c r="W1780" s="2">
        <v>12</v>
      </c>
      <c r="X1780" s="2">
        <v>62</v>
      </c>
      <c r="Y1780" s="2">
        <v>199.7</v>
      </c>
      <c r="Z1780" s="5">
        <v>10</v>
      </c>
      <c r="AA1780" s="5" t="s">
        <v>43</v>
      </c>
      <c r="AB1780" s="5" t="s">
        <v>44</v>
      </c>
      <c r="AC1780" s="2" t="s">
        <v>87942</v>
      </c>
      <c r="AD1780" s="1"/>
    </row>
    <row r="1781" spans="1:30">
      <c r="A1781" s="5" t="s">
        <v>83578</v>
      </c>
      <c r="B1781" s="2" t="s">
        <v>88939</v>
      </c>
      <c r="C1781" s="14" t="s">
        <v>88940</v>
      </c>
      <c r="D1781" s="2" t="s">
        <v>88941</v>
      </c>
      <c r="E1781" s="2"/>
      <c r="F1781" s="8">
        <v>461</v>
      </c>
      <c r="G1781" s="5">
        <v>25</v>
      </c>
      <c r="H1781" s="5" t="s">
        <v>69</v>
      </c>
      <c r="I1781" s="5" t="s">
        <v>27074</v>
      </c>
      <c r="J1781" s="2" t="s">
        <v>27075</v>
      </c>
      <c r="K1781" s="5" t="s">
        <v>27074</v>
      </c>
      <c r="L1781" s="2" t="s">
        <v>27075</v>
      </c>
      <c r="M1781" s="5" t="s">
        <v>24254</v>
      </c>
      <c r="N1781" s="5" t="s">
        <v>38</v>
      </c>
      <c r="O1781" s="5" t="s">
        <v>39</v>
      </c>
      <c r="P1781" s="5" t="s">
        <v>40</v>
      </c>
      <c r="Q1781" s="5" t="s">
        <v>25301</v>
      </c>
      <c r="R1781" s="5" t="s">
        <v>40</v>
      </c>
      <c r="S1781" s="5" t="s">
        <v>42</v>
      </c>
      <c r="T1781" s="2">
        <v>13.148999999999999</v>
      </c>
      <c r="U1781" s="2">
        <v>10.430999999999999</v>
      </c>
      <c r="V1781" s="2">
        <v>0.14899999999999999</v>
      </c>
      <c r="W1781" s="2">
        <v>12</v>
      </c>
      <c r="X1781" s="2">
        <v>62</v>
      </c>
      <c r="Y1781" s="2">
        <v>199.7</v>
      </c>
      <c r="Z1781" s="5">
        <v>10</v>
      </c>
      <c r="AA1781" s="5" t="s">
        <v>43</v>
      </c>
      <c r="AB1781" s="5" t="s">
        <v>44</v>
      </c>
      <c r="AC1781" s="2" t="s">
        <v>30038</v>
      </c>
      <c r="AD1781" s="1"/>
    </row>
    <row r="1782" spans="1:30">
      <c r="A1782" s="5" t="s">
        <v>83578</v>
      </c>
      <c r="B1782" s="2" t="s">
        <v>88942</v>
      </c>
      <c r="C1782" s="14" t="s">
        <v>88943</v>
      </c>
      <c r="D1782" s="2" t="s">
        <v>88944</v>
      </c>
      <c r="E1782" s="2"/>
      <c r="F1782" s="8">
        <v>461</v>
      </c>
      <c r="G1782" s="5">
        <v>25</v>
      </c>
      <c r="H1782" s="5" t="s">
        <v>69</v>
      </c>
      <c r="I1782" s="5" t="s">
        <v>27074</v>
      </c>
      <c r="J1782" s="2" t="s">
        <v>27075</v>
      </c>
      <c r="K1782" s="5" t="s">
        <v>27074</v>
      </c>
      <c r="L1782" s="2" t="s">
        <v>27075</v>
      </c>
      <c r="M1782" s="5" t="s">
        <v>24254</v>
      </c>
      <c r="N1782" s="5" t="s">
        <v>38</v>
      </c>
      <c r="O1782" s="5" t="s">
        <v>39</v>
      </c>
      <c r="P1782" s="5" t="s">
        <v>40</v>
      </c>
      <c r="Q1782" s="5" t="s">
        <v>25301</v>
      </c>
      <c r="R1782" s="5" t="s">
        <v>40</v>
      </c>
      <c r="S1782" s="5" t="s">
        <v>42</v>
      </c>
      <c r="T1782" s="2">
        <v>9.0530000000000008</v>
      </c>
      <c r="U1782" s="2">
        <v>6.335</v>
      </c>
      <c r="V1782" s="2">
        <v>0.14899999999999999</v>
      </c>
      <c r="W1782" s="2">
        <v>12</v>
      </c>
      <c r="X1782" s="2">
        <v>62</v>
      </c>
      <c r="Y1782" s="2">
        <v>199.7</v>
      </c>
      <c r="Z1782" s="5">
        <v>10</v>
      </c>
      <c r="AA1782" s="5" t="s">
        <v>43</v>
      </c>
      <c r="AB1782" s="5" t="s">
        <v>44</v>
      </c>
      <c r="AC1782" s="2" t="s">
        <v>87949</v>
      </c>
      <c r="AD1782" s="1"/>
    </row>
    <row r="1783" spans="1:30">
      <c r="A1783" s="5" t="s">
        <v>83578</v>
      </c>
      <c r="B1783" s="2" t="s">
        <v>88945</v>
      </c>
      <c r="C1783" s="14" t="s">
        <v>88946</v>
      </c>
      <c r="D1783" s="2" t="s">
        <v>88947</v>
      </c>
      <c r="E1783" s="2"/>
      <c r="F1783" s="8">
        <v>461</v>
      </c>
      <c r="G1783" s="5">
        <v>25</v>
      </c>
      <c r="H1783" s="5" t="s">
        <v>69</v>
      </c>
      <c r="I1783" s="5" t="s">
        <v>27074</v>
      </c>
      <c r="J1783" s="2" t="s">
        <v>27075</v>
      </c>
      <c r="K1783" s="5" t="s">
        <v>27074</v>
      </c>
      <c r="L1783" s="2" t="s">
        <v>27075</v>
      </c>
      <c r="M1783" s="5" t="s">
        <v>24254</v>
      </c>
      <c r="N1783" s="5" t="s">
        <v>38</v>
      </c>
      <c r="O1783" s="5" t="s">
        <v>39</v>
      </c>
      <c r="P1783" s="5" t="s">
        <v>40</v>
      </c>
      <c r="Q1783" s="5" t="s">
        <v>25301</v>
      </c>
      <c r="R1783" s="5" t="s">
        <v>40</v>
      </c>
      <c r="S1783" s="5" t="s">
        <v>42</v>
      </c>
      <c r="T1783" s="2">
        <v>10.138999999999999</v>
      </c>
      <c r="U1783" s="2">
        <v>7.4210000000000003</v>
      </c>
      <c r="V1783" s="2">
        <v>0.14899999999999999</v>
      </c>
      <c r="W1783" s="2">
        <v>12</v>
      </c>
      <c r="X1783" s="2">
        <v>62</v>
      </c>
      <c r="Y1783" s="2">
        <v>199.7</v>
      </c>
      <c r="Z1783" s="5">
        <v>10</v>
      </c>
      <c r="AA1783" s="5" t="s">
        <v>43</v>
      </c>
      <c r="AB1783" s="5" t="s">
        <v>44</v>
      </c>
      <c r="AC1783" s="2" t="s">
        <v>30042</v>
      </c>
      <c r="AD1783" s="1"/>
    </row>
    <row r="1784" spans="1:30">
      <c r="A1784" s="5" t="s">
        <v>83578</v>
      </c>
      <c r="B1784" s="2" t="s">
        <v>88948</v>
      </c>
      <c r="C1784" s="14" t="s">
        <v>88949</v>
      </c>
      <c r="D1784" s="2" t="s">
        <v>88950</v>
      </c>
      <c r="E1784" s="2"/>
      <c r="F1784" s="8">
        <v>461</v>
      </c>
      <c r="G1784" s="5">
        <v>25</v>
      </c>
      <c r="H1784" s="5" t="s">
        <v>69</v>
      </c>
      <c r="I1784" s="5" t="s">
        <v>27074</v>
      </c>
      <c r="J1784" s="2" t="s">
        <v>27075</v>
      </c>
      <c r="K1784" s="5" t="s">
        <v>27074</v>
      </c>
      <c r="L1784" s="2" t="s">
        <v>27075</v>
      </c>
      <c r="M1784" s="5" t="s">
        <v>24254</v>
      </c>
      <c r="N1784" s="5" t="s">
        <v>38</v>
      </c>
      <c r="O1784" s="5" t="s">
        <v>39</v>
      </c>
      <c r="P1784" s="5" t="s">
        <v>40</v>
      </c>
      <c r="Q1784" s="5" t="s">
        <v>25301</v>
      </c>
      <c r="R1784" s="5" t="s">
        <v>40</v>
      </c>
      <c r="S1784" s="5" t="s">
        <v>42</v>
      </c>
      <c r="T1784" s="2">
        <v>10.808</v>
      </c>
      <c r="U1784" s="2">
        <v>8.09</v>
      </c>
      <c r="V1784" s="2">
        <v>0.14899999999999999</v>
      </c>
      <c r="W1784" s="2">
        <v>12</v>
      </c>
      <c r="X1784" s="2">
        <v>62</v>
      </c>
      <c r="Y1784" s="2">
        <v>199.7</v>
      </c>
      <c r="Z1784" s="5">
        <v>10</v>
      </c>
      <c r="AA1784" s="5" t="s">
        <v>43</v>
      </c>
      <c r="AB1784" s="5" t="s">
        <v>44</v>
      </c>
      <c r="AC1784" s="2" t="s">
        <v>87949</v>
      </c>
      <c r="AD1784" s="1"/>
    </row>
    <row r="1785" spans="1:30">
      <c r="A1785" s="5" t="s">
        <v>83578</v>
      </c>
      <c r="B1785" s="2" t="s">
        <v>88951</v>
      </c>
      <c r="C1785" s="14" t="s">
        <v>88952</v>
      </c>
      <c r="D1785" s="2" t="s">
        <v>88953</v>
      </c>
      <c r="E1785" s="2"/>
      <c r="F1785" s="8">
        <v>461</v>
      </c>
      <c r="G1785" s="5">
        <v>25</v>
      </c>
      <c r="H1785" s="5" t="s">
        <v>69</v>
      </c>
      <c r="I1785" s="5" t="s">
        <v>27074</v>
      </c>
      <c r="J1785" s="2" t="s">
        <v>27075</v>
      </c>
      <c r="K1785" s="5" t="s">
        <v>27074</v>
      </c>
      <c r="L1785" s="2" t="s">
        <v>27075</v>
      </c>
      <c r="M1785" s="5" t="s">
        <v>24254</v>
      </c>
      <c r="N1785" s="5" t="s">
        <v>38</v>
      </c>
      <c r="O1785" s="5" t="s">
        <v>39</v>
      </c>
      <c r="P1785" s="5" t="s">
        <v>40</v>
      </c>
      <c r="Q1785" s="5" t="s">
        <v>25301</v>
      </c>
      <c r="R1785" s="5" t="s">
        <v>40</v>
      </c>
      <c r="S1785" s="5" t="s">
        <v>42</v>
      </c>
      <c r="T1785" s="2">
        <v>11.978</v>
      </c>
      <c r="U1785" s="2">
        <v>9.26</v>
      </c>
      <c r="V1785" s="2">
        <v>0.14899999999999999</v>
      </c>
      <c r="W1785" s="2">
        <v>12</v>
      </c>
      <c r="X1785" s="2">
        <v>62</v>
      </c>
      <c r="Y1785" s="2">
        <v>199.7</v>
      </c>
      <c r="Z1785" s="5">
        <v>10</v>
      </c>
      <c r="AA1785" s="5" t="s">
        <v>43</v>
      </c>
      <c r="AB1785" s="5" t="s">
        <v>44</v>
      </c>
      <c r="AC1785" s="2" t="s">
        <v>30042</v>
      </c>
      <c r="AD1785" s="1"/>
    </row>
    <row r="1786" spans="1:30">
      <c r="A1786" s="5" t="s">
        <v>83578</v>
      </c>
      <c r="B1786" s="2" t="s">
        <v>88954</v>
      </c>
      <c r="C1786" s="14" t="s">
        <v>88955</v>
      </c>
      <c r="D1786" s="2" t="s">
        <v>88956</v>
      </c>
      <c r="E1786" s="2" t="s">
        <v>87894</v>
      </c>
      <c r="F1786" s="8">
        <v>446</v>
      </c>
      <c r="G1786" s="5">
        <v>5</v>
      </c>
      <c r="H1786" s="5" t="s">
        <v>69</v>
      </c>
      <c r="I1786" s="5" t="s">
        <v>27074</v>
      </c>
      <c r="J1786" s="2" t="s">
        <v>27075</v>
      </c>
      <c r="K1786" s="5" t="s">
        <v>27074</v>
      </c>
      <c r="L1786" s="2" t="s">
        <v>27075</v>
      </c>
      <c r="M1786" s="5" t="s">
        <v>24254</v>
      </c>
      <c r="N1786" s="5" t="s">
        <v>38</v>
      </c>
      <c r="O1786" s="5" t="s">
        <v>39</v>
      </c>
      <c r="P1786" s="5" t="s">
        <v>40</v>
      </c>
      <c r="Q1786" s="5" t="s">
        <v>1487</v>
      </c>
      <c r="R1786" s="5"/>
      <c r="S1786" s="5" t="s">
        <v>42</v>
      </c>
      <c r="T1786" s="2">
        <v>0</v>
      </c>
      <c r="U1786" s="2">
        <v>0</v>
      </c>
      <c r="V1786" s="2">
        <v>0</v>
      </c>
      <c r="W1786" s="2">
        <v>0</v>
      </c>
      <c r="X1786" s="2">
        <v>0</v>
      </c>
      <c r="Y1786" s="2">
        <v>0</v>
      </c>
      <c r="Z1786" s="5"/>
      <c r="AA1786" s="5" t="s">
        <v>43</v>
      </c>
      <c r="AB1786" s="5" t="s">
        <v>44</v>
      </c>
      <c r="AC1786" s="2" t="s">
        <v>87895</v>
      </c>
      <c r="AD1786" s="1"/>
    </row>
    <row r="1787" spans="1:30">
      <c r="A1787" s="5" t="s">
        <v>83578</v>
      </c>
      <c r="B1787" s="2" t="s">
        <v>88957</v>
      </c>
      <c r="C1787" s="14" t="s">
        <v>88958</v>
      </c>
      <c r="D1787" s="2" t="s">
        <v>88959</v>
      </c>
      <c r="E1787" s="2"/>
      <c r="F1787" s="8">
        <v>336</v>
      </c>
      <c r="G1787" s="5">
        <v>25</v>
      </c>
      <c r="H1787" s="5" t="s">
        <v>69</v>
      </c>
      <c r="I1787" s="5" t="s">
        <v>27074</v>
      </c>
      <c r="J1787" s="2" t="s">
        <v>27075</v>
      </c>
      <c r="K1787" s="5" t="s">
        <v>27074</v>
      </c>
      <c r="L1787" s="2" t="s">
        <v>27075</v>
      </c>
      <c r="M1787" s="5" t="s">
        <v>24254</v>
      </c>
      <c r="N1787" s="5" t="s">
        <v>38</v>
      </c>
      <c r="O1787" s="5" t="s">
        <v>39</v>
      </c>
      <c r="P1787" s="5" t="s">
        <v>40</v>
      </c>
      <c r="Q1787" s="5" t="s">
        <v>24335</v>
      </c>
      <c r="R1787" s="5" t="s">
        <v>40</v>
      </c>
      <c r="S1787" s="5" t="s">
        <v>42</v>
      </c>
      <c r="T1787" s="2">
        <v>10.657</v>
      </c>
      <c r="U1787" s="2">
        <v>7.9390000000000001</v>
      </c>
      <c r="V1787" s="2">
        <v>0.14899999999999999</v>
      </c>
      <c r="W1787" s="2">
        <v>12</v>
      </c>
      <c r="X1787" s="2">
        <v>62</v>
      </c>
      <c r="Y1787" s="2">
        <v>199.7</v>
      </c>
      <c r="Z1787" s="5">
        <v>10</v>
      </c>
      <c r="AA1787" s="5" t="s">
        <v>43</v>
      </c>
      <c r="AB1787" s="5" t="s">
        <v>44</v>
      </c>
      <c r="AC1787" s="2" t="s">
        <v>29747</v>
      </c>
      <c r="AD1787" s="1"/>
    </row>
    <row r="1788" spans="1:30">
      <c r="A1788" s="5" t="s">
        <v>83578</v>
      </c>
      <c r="B1788" s="2" t="s">
        <v>88960</v>
      </c>
      <c r="C1788" s="14" t="s">
        <v>88961</v>
      </c>
      <c r="D1788" s="2" t="s">
        <v>88962</v>
      </c>
      <c r="E1788" s="2"/>
      <c r="F1788" s="8">
        <v>336</v>
      </c>
      <c r="G1788" s="5">
        <v>25</v>
      </c>
      <c r="H1788" s="5" t="s">
        <v>69</v>
      </c>
      <c r="I1788" s="5" t="s">
        <v>27074</v>
      </c>
      <c r="J1788" s="2" t="s">
        <v>27075</v>
      </c>
      <c r="K1788" s="5" t="s">
        <v>27074</v>
      </c>
      <c r="L1788" s="2" t="s">
        <v>27075</v>
      </c>
      <c r="M1788" s="5" t="s">
        <v>24254</v>
      </c>
      <c r="N1788" s="5" t="s">
        <v>38</v>
      </c>
      <c r="O1788" s="5" t="s">
        <v>39</v>
      </c>
      <c r="P1788" s="5" t="s">
        <v>40</v>
      </c>
      <c r="Q1788" s="5" t="s">
        <v>24335</v>
      </c>
      <c r="R1788" s="5" t="s">
        <v>40</v>
      </c>
      <c r="S1788" s="5" t="s">
        <v>42</v>
      </c>
      <c r="T1788" s="2">
        <v>11.741</v>
      </c>
      <c r="U1788" s="2">
        <v>9.0229999999999997</v>
      </c>
      <c r="V1788" s="2">
        <v>0.14899999999999999</v>
      </c>
      <c r="W1788" s="2">
        <v>12</v>
      </c>
      <c r="X1788" s="2">
        <v>62</v>
      </c>
      <c r="Y1788" s="2">
        <v>199.7</v>
      </c>
      <c r="Z1788" s="5">
        <v>10</v>
      </c>
      <c r="AA1788" s="5" t="s">
        <v>43</v>
      </c>
      <c r="AB1788" s="5" t="s">
        <v>44</v>
      </c>
      <c r="AC1788" s="2" t="s">
        <v>29621</v>
      </c>
      <c r="AD1788" s="1"/>
    </row>
    <row r="1789" spans="1:30">
      <c r="A1789" s="5" t="s">
        <v>83578</v>
      </c>
      <c r="B1789" s="2" t="s">
        <v>88963</v>
      </c>
      <c r="C1789" s="14" t="s">
        <v>88964</v>
      </c>
      <c r="D1789" s="2" t="s">
        <v>88965</v>
      </c>
      <c r="E1789" s="2"/>
      <c r="F1789" s="8">
        <v>336</v>
      </c>
      <c r="G1789" s="5">
        <v>25</v>
      </c>
      <c r="H1789" s="5" t="s">
        <v>69</v>
      </c>
      <c r="I1789" s="5" t="s">
        <v>27074</v>
      </c>
      <c r="J1789" s="2" t="s">
        <v>27075</v>
      </c>
      <c r="K1789" s="5" t="s">
        <v>27074</v>
      </c>
      <c r="L1789" s="2" t="s">
        <v>27075</v>
      </c>
      <c r="M1789" s="5" t="s">
        <v>24254</v>
      </c>
      <c r="N1789" s="5" t="s">
        <v>38</v>
      </c>
      <c r="O1789" s="5" t="s">
        <v>39</v>
      </c>
      <c r="P1789" s="5" t="s">
        <v>40</v>
      </c>
      <c r="Q1789" s="5" t="s">
        <v>24335</v>
      </c>
      <c r="R1789" s="5" t="s">
        <v>40</v>
      </c>
      <c r="S1789" s="5" t="s">
        <v>42</v>
      </c>
      <c r="T1789" s="2">
        <v>8.9990000000000006</v>
      </c>
      <c r="U1789" s="2">
        <v>6.2809999999999997</v>
      </c>
      <c r="V1789" s="2">
        <v>0.14899999999999999</v>
      </c>
      <c r="W1789" s="2">
        <v>12</v>
      </c>
      <c r="X1789" s="2">
        <v>62</v>
      </c>
      <c r="Y1789" s="2">
        <v>199.7</v>
      </c>
      <c r="Z1789" s="5">
        <v>10</v>
      </c>
      <c r="AA1789" s="5" t="s">
        <v>43</v>
      </c>
      <c r="AB1789" s="5" t="s">
        <v>44</v>
      </c>
      <c r="AC1789" s="2" t="s">
        <v>29629</v>
      </c>
      <c r="AD1789" s="1"/>
    </row>
    <row r="1790" spans="1:30">
      <c r="A1790" s="5" t="s">
        <v>83578</v>
      </c>
      <c r="B1790" s="2" t="s">
        <v>88966</v>
      </c>
      <c r="C1790" s="14" t="s">
        <v>88967</v>
      </c>
      <c r="D1790" s="2" t="s">
        <v>88968</v>
      </c>
      <c r="E1790" s="2"/>
      <c r="F1790" s="8">
        <v>336</v>
      </c>
      <c r="G1790" s="5">
        <v>25</v>
      </c>
      <c r="H1790" s="5" t="s">
        <v>69</v>
      </c>
      <c r="I1790" s="5" t="s">
        <v>27074</v>
      </c>
      <c r="J1790" s="2" t="s">
        <v>27075</v>
      </c>
      <c r="K1790" s="5" t="s">
        <v>27074</v>
      </c>
      <c r="L1790" s="2" t="s">
        <v>27075</v>
      </c>
      <c r="M1790" s="5" t="s">
        <v>24254</v>
      </c>
      <c r="N1790" s="5" t="s">
        <v>38</v>
      </c>
      <c r="O1790" s="5" t="s">
        <v>39</v>
      </c>
      <c r="P1790" s="5" t="s">
        <v>40</v>
      </c>
      <c r="Q1790" s="5" t="s">
        <v>24335</v>
      </c>
      <c r="R1790" s="5" t="s">
        <v>40</v>
      </c>
      <c r="S1790" s="5" t="s">
        <v>42</v>
      </c>
      <c r="T1790" s="2">
        <v>10.085000000000001</v>
      </c>
      <c r="U1790" s="2">
        <v>7.367</v>
      </c>
      <c r="V1790" s="2">
        <v>0.14899999999999999</v>
      </c>
      <c r="W1790" s="2">
        <v>12</v>
      </c>
      <c r="X1790" s="2">
        <v>62</v>
      </c>
      <c r="Y1790" s="2">
        <v>199.7</v>
      </c>
      <c r="Z1790" s="5">
        <v>10</v>
      </c>
      <c r="AA1790" s="5" t="s">
        <v>43</v>
      </c>
      <c r="AB1790" s="5" t="s">
        <v>44</v>
      </c>
      <c r="AC1790" s="2" t="s">
        <v>29625</v>
      </c>
      <c r="AD1790" s="1"/>
    </row>
    <row r="1791" spans="1:30">
      <c r="A1791" s="5" t="s">
        <v>83578</v>
      </c>
      <c r="B1791" s="2" t="s">
        <v>88969</v>
      </c>
      <c r="C1791" s="14" t="s">
        <v>88970</v>
      </c>
      <c r="D1791" s="2" t="s">
        <v>88971</v>
      </c>
      <c r="E1791" s="2"/>
      <c r="F1791" s="8">
        <v>487</v>
      </c>
      <c r="G1791" s="5">
        <v>25</v>
      </c>
      <c r="H1791" s="5" t="s">
        <v>69</v>
      </c>
      <c r="I1791" s="5" t="s">
        <v>27074</v>
      </c>
      <c r="J1791" s="2" t="s">
        <v>27075</v>
      </c>
      <c r="K1791" s="5" t="s">
        <v>27074</v>
      </c>
      <c r="L1791" s="2" t="s">
        <v>27075</v>
      </c>
      <c r="M1791" s="5" t="s">
        <v>24254</v>
      </c>
      <c r="N1791" s="5" t="s">
        <v>38</v>
      </c>
      <c r="O1791" s="5" t="s">
        <v>39</v>
      </c>
      <c r="P1791" s="5" t="s">
        <v>40</v>
      </c>
      <c r="Q1791" s="5" t="s">
        <v>24340</v>
      </c>
      <c r="R1791" s="5" t="s">
        <v>40</v>
      </c>
      <c r="S1791" s="5" t="s">
        <v>42</v>
      </c>
      <c r="T1791" s="2">
        <v>25.125</v>
      </c>
      <c r="U1791" s="2">
        <v>22.372</v>
      </c>
      <c r="V1791" s="2">
        <v>0.14899999999999999</v>
      </c>
      <c r="W1791" s="2">
        <v>12</v>
      </c>
      <c r="X1791" s="2">
        <v>62</v>
      </c>
      <c r="Y1791" s="2">
        <v>199.7</v>
      </c>
      <c r="Z1791" s="5">
        <v>8</v>
      </c>
      <c r="AA1791" s="5" t="s">
        <v>43</v>
      </c>
      <c r="AB1791" s="5" t="s">
        <v>44</v>
      </c>
      <c r="AC1791" s="2" t="s">
        <v>29641</v>
      </c>
      <c r="AD1791" s="1"/>
    </row>
    <row r="1792" spans="1:30">
      <c r="A1792" s="5" t="s">
        <v>83578</v>
      </c>
      <c r="B1792" s="2" t="s">
        <v>88972</v>
      </c>
      <c r="C1792" s="14" t="s">
        <v>88973</v>
      </c>
      <c r="D1792" s="2" t="s">
        <v>88974</v>
      </c>
      <c r="E1792" s="2"/>
      <c r="F1792" s="8">
        <v>487</v>
      </c>
      <c r="G1792" s="5">
        <v>25</v>
      </c>
      <c r="H1792" s="5" t="s">
        <v>69</v>
      </c>
      <c r="I1792" s="5" t="s">
        <v>27074</v>
      </c>
      <c r="J1792" s="2" t="s">
        <v>27075</v>
      </c>
      <c r="K1792" s="5" t="s">
        <v>27074</v>
      </c>
      <c r="L1792" s="2" t="s">
        <v>27075</v>
      </c>
      <c r="M1792" s="5" t="s">
        <v>24254</v>
      </c>
      <c r="N1792" s="5" t="s">
        <v>38</v>
      </c>
      <c r="O1792" s="5" t="s">
        <v>39</v>
      </c>
      <c r="P1792" s="5" t="s">
        <v>40</v>
      </c>
      <c r="Q1792" s="5" t="s">
        <v>24340</v>
      </c>
      <c r="R1792" s="5" t="s">
        <v>40</v>
      </c>
      <c r="S1792" s="5" t="s">
        <v>42</v>
      </c>
      <c r="T1792" s="2">
        <v>22.198</v>
      </c>
      <c r="U1792" s="2">
        <v>19.446000000000002</v>
      </c>
      <c r="V1792" s="2">
        <v>0.14899999999999999</v>
      </c>
      <c r="W1792" s="2">
        <v>12</v>
      </c>
      <c r="X1792" s="2">
        <v>62</v>
      </c>
      <c r="Y1792" s="2">
        <v>199.7</v>
      </c>
      <c r="Z1792" s="5">
        <v>8</v>
      </c>
      <c r="AA1792" s="5" t="s">
        <v>43</v>
      </c>
      <c r="AB1792" s="5" t="s">
        <v>44</v>
      </c>
      <c r="AC1792" s="2" t="s">
        <v>29641</v>
      </c>
      <c r="AD1792" s="1"/>
    </row>
    <row r="1793" spans="1:30">
      <c r="A1793" s="5" t="s">
        <v>83578</v>
      </c>
      <c r="B1793" s="2" t="s">
        <v>88975</v>
      </c>
      <c r="C1793" s="14" t="s">
        <v>88976</v>
      </c>
      <c r="D1793" s="2" t="s">
        <v>88977</v>
      </c>
      <c r="E1793" s="2"/>
      <c r="F1793" s="8">
        <v>487</v>
      </c>
      <c r="G1793" s="5">
        <v>25</v>
      </c>
      <c r="H1793" s="5" t="s">
        <v>69</v>
      </c>
      <c r="I1793" s="5" t="s">
        <v>27074</v>
      </c>
      <c r="J1793" s="2" t="s">
        <v>27075</v>
      </c>
      <c r="K1793" s="5" t="s">
        <v>27074</v>
      </c>
      <c r="L1793" s="2" t="s">
        <v>27075</v>
      </c>
      <c r="M1793" s="5" t="s">
        <v>24254</v>
      </c>
      <c r="N1793" s="5" t="s">
        <v>38</v>
      </c>
      <c r="O1793" s="5" t="s">
        <v>39</v>
      </c>
      <c r="P1793" s="5" t="s">
        <v>40</v>
      </c>
      <c r="Q1793" s="5" t="s">
        <v>24340</v>
      </c>
      <c r="R1793" s="5" t="s">
        <v>40</v>
      </c>
      <c r="S1793" s="5" t="s">
        <v>42</v>
      </c>
      <c r="T1793" s="2">
        <v>19.186</v>
      </c>
      <c r="U1793" s="2">
        <v>16.465</v>
      </c>
      <c r="V1793" s="2">
        <v>0.14899999999999999</v>
      </c>
      <c r="W1793" s="2">
        <v>12</v>
      </c>
      <c r="X1793" s="2">
        <v>62</v>
      </c>
      <c r="Y1793" s="2">
        <v>199.7</v>
      </c>
      <c r="Z1793" s="5">
        <v>8</v>
      </c>
      <c r="AA1793" s="5" t="s">
        <v>43</v>
      </c>
      <c r="AB1793" s="5" t="s">
        <v>44</v>
      </c>
      <c r="AC1793" s="2" t="s">
        <v>29641</v>
      </c>
      <c r="AD1793" s="1"/>
    </row>
    <row r="1794" spans="1:30">
      <c r="A1794" s="5" t="s">
        <v>83578</v>
      </c>
      <c r="B1794" s="2" t="s">
        <v>88978</v>
      </c>
      <c r="C1794" s="14" t="s">
        <v>88979</v>
      </c>
      <c r="D1794" s="2" t="s">
        <v>88980</v>
      </c>
      <c r="E1794" s="2"/>
      <c r="F1794" s="8">
        <v>487</v>
      </c>
      <c r="G1794" s="5">
        <v>25</v>
      </c>
      <c r="H1794" s="5" t="s">
        <v>69</v>
      </c>
      <c r="I1794" s="5" t="s">
        <v>27074</v>
      </c>
      <c r="J1794" s="2" t="s">
        <v>27075</v>
      </c>
      <c r="K1794" s="5" t="s">
        <v>27074</v>
      </c>
      <c r="L1794" s="2" t="s">
        <v>27075</v>
      </c>
      <c r="M1794" s="5" t="s">
        <v>24254</v>
      </c>
      <c r="N1794" s="5" t="s">
        <v>38</v>
      </c>
      <c r="O1794" s="5" t="s">
        <v>39</v>
      </c>
      <c r="P1794" s="5" t="s">
        <v>40</v>
      </c>
      <c r="Q1794" s="5" t="s">
        <v>24340</v>
      </c>
      <c r="R1794" s="5" t="s">
        <v>40</v>
      </c>
      <c r="S1794" s="5" t="s">
        <v>42</v>
      </c>
      <c r="T1794" s="2">
        <v>15.525</v>
      </c>
      <c r="U1794" s="2">
        <v>12.807</v>
      </c>
      <c r="V1794" s="2">
        <v>0.14899999999999999</v>
      </c>
      <c r="W1794" s="2">
        <v>12</v>
      </c>
      <c r="X1794" s="2">
        <v>62</v>
      </c>
      <c r="Y1794" s="2">
        <v>199.7</v>
      </c>
      <c r="Z1794" s="5">
        <v>10</v>
      </c>
      <c r="AA1794" s="5" t="s">
        <v>43</v>
      </c>
      <c r="AB1794" s="5" t="s">
        <v>44</v>
      </c>
      <c r="AC1794" s="2" t="s">
        <v>87916</v>
      </c>
      <c r="AD1794" s="1"/>
    </row>
    <row r="1795" spans="1:30">
      <c r="A1795" s="5" t="s">
        <v>83578</v>
      </c>
      <c r="B1795" s="2" t="s">
        <v>88981</v>
      </c>
      <c r="C1795" s="14" t="s">
        <v>88982</v>
      </c>
      <c r="D1795" s="2" t="s">
        <v>88983</v>
      </c>
      <c r="E1795" s="2"/>
      <c r="F1795" s="8">
        <v>487</v>
      </c>
      <c r="G1795" s="5">
        <v>25</v>
      </c>
      <c r="H1795" s="5" t="s">
        <v>69</v>
      </c>
      <c r="I1795" s="5" t="s">
        <v>27074</v>
      </c>
      <c r="J1795" s="2" t="s">
        <v>27075</v>
      </c>
      <c r="K1795" s="5" t="s">
        <v>27074</v>
      </c>
      <c r="L1795" s="2" t="s">
        <v>27075</v>
      </c>
      <c r="M1795" s="5" t="s">
        <v>24254</v>
      </c>
      <c r="N1795" s="5" t="s">
        <v>38</v>
      </c>
      <c r="O1795" s="5" t="s">
        <v>39</v>
      </c>
      <c r="P1795" s="5" t="s">
        <v>40</v>
      </c>
      <c r="Q1795" s="5" t="s">
        <v>24340</v>
      </c>
      <c r="R1795" s="5" t="s">
        <v>40</v>
      </c>
      <c r="S1795" s="5" t="s">
        <v>42</v>
      </c>
      <c r="T1795" s="2">
        <v>16.87</v>
      </c>
      <c r="U1795" s="2">
        <v>14.151999999999999</v>
      </c>
      <c r="V1795" s="2">
        <v>0.14899999999999999</v>
      </c>
      <c r="W1795" s="2">
        <v>12</v>
      </c>
      <c r="X1795" s="2">
        <v>62</v>
      </c>
      <c r="Y1795" s="2">
        <v>199.7</v>
      </c>
      <c r="Z1795" s="5">
        <v>10</v>
      </c>
      <c r="AA1795" s="5" t="s">
        <v>43</v>
      </c>
      <c r="AB1795" s="5" t="s">
        <v>44</v>
      </c>
      <c r="AC1795" s="2" t="s">
        <v>87920</v>
      </c>
      <c r="AD1795" s="1"/>
    </row>
    <row r="1796" spans="1:30">
      <c r="A1796" s="5" t="s">
        <v>83578</v>
      </c>
      <c r="B1796" s="2" t="s">
        <v>88984</v>
      </c>
      <c r="C1796" s="14" t="s">
        <v>88985</v>
      </c>
      <c r="D1796" s="2" t="s">
        <v>88986</v>
      </c>
      <c r="E1796" s="2"/>
      <c r="F1796" s="8">
        <v>487</v>
      </c>
      <c r="G1796" s="5">
        <v>25</v>
      </c>
      <c r="H1796" s="5" t="s">
        <v>69</v>
      </c>
      <c r="I1796" s="5" t="s">
        <v>27074</v>
      </c>
      <c r="J1796" s="2" t="s">
        <v>27075</v>
      </c>
      <c r="K1796" s="5" t="s">
        <v>27074</v>
      </c>
      <c r="L1796" s="2" t="s">
        <v>27075</v>
      </c>
      <c r="M1796" s="5" t="s">
        <v>24254</v>
      </c>
      <c r="N1796" s="5" t="s">
        <v>38</v>
      </c>
      <c r="O1796" s="5" t="s">
        <v>39</v>
      </c>
      <c r="P1796" s="5" t="s">
        <v>40</v>
      </c>
      <c r="Q1796" s="5" t="s">
        <v>24340</v>
      </c>
      <c r="R1796" s="5" t="s">
        <v>40</v>
      </c>
      <c r="S1796" s="5" t="s">
        <v>42</v>
      </c>
      <c r="T1796" s="2">
        <v>10.568</v>
      </c>
      <c r="U1796" s="2">
        <v>7.85</v>
      </c>
      <c r="V1796" s="2">
        <v>0.14899999999999999</v>
      </c>
      <c r="W1796" s="2">
        <v>12</v>
      </c>
      <c r="X1796" s="2">
        <v>62</v>
      </c>
      <c r="Y1796" s="2">
        <v>199.7</v>
      </c>
      <c r="Z1796" s="5">
        <v>10</v>
      </c>
      <c r="AA1796" s="5" t="s">
        <v>43</v>
      </c>
      <c r="AB1796" s="5" t="s">
        <v>44</v>
      </c>
      <c r="AC1796" s="2" t="s">
        <v>29648</v>
      </c>
      <c r="AD1796" s="1"/>
    </row>
    <row r="1797" spans="1:30">
      <c r="A1797" s="5" t="s">
        <v>83578</v>
      </c>
      <c r="B1797" s="2" t="s">
        <v>88987</v>
      </c>
      <c r="C1797" s="14" t="s">
        <v>88988</v>
      </c>
      <c r="D1797" s="2" t="s">
        <v>88989</v>
      </c>
      <c r="E1797" s="2"/>
      <c r="F1797" s="8">
        <v>487</v>
      </c>
      <c r="G1797" s="5">
        <v>25</v>
      </c>
      <c r="H1797" s="5" t="s">
        <v>69</v>
      </c>
      <c r="I1797" s="5" t="s">
        <v>27074</v>
      </c>
      <c r="J1797" s="2" t="s">
        <v>27075</v>
      </c>
      <c r="K1797" s="5" t="s">
        <v>27074</v>
      </c>
      <c r="L1797" s="2" t="s">
        <v>27075</v>
      </c>
      <c r="M1797" s="5" t="s">
        <v>24254</v>
      </c>
      <c r="N1797" s="5" t="s">
        <v>38</v>
      </c>
      <c r="O1797" s="5" t="s">
        <v>39</v>
      </c>
      <c r="P1797" s="5" t="s">
        <v>40</v>
      </c>
      <c r="Q1797" s="5" t="s">
        <v>24340</v>
      </c>
      <c r="R1797" s="5" t="s">
        <v>40</v>
      </c>
      <c r="S1797" s="5" t="s">
        <v>42</v>
      </c>
      <c r="T1797" s="2">
        <v>11.913</v>
      </c>
      <c r="U1797" s="2">
        <v>9.1950000000000003</v>
      </c>
      <c r="V1797" s="2">
        <v>0.14899999999999999</v>
      </c>
      <c r="W1797" s="2">
        <v>12</v>
      </c>
      <c r="X1797" s="2">
        <v>62</v>
      </c>
      <c r="Y1797" s="2">
        <v>199.7</v>
      </c>
      <c r="Z1797" s="5">
        <v>10</v>
      </c>
      <c r="AA1797" s="5" t="s">
        <v>43</v>
      </c>
      <c r="AB1797" s="5" t="s">
        <v>44</v>
      </c>
      <c r="AC1797" s="2" t="s">
        <v>29923</v>
      </c>
      <c r="AD1797" s="1"/>
    </row>
    <row r="1798" spans="1:30">
      <c r="A1798" s="5" t="s">
        <v>83578</v>
      </c>
      <c r="B1798" s="2" t="s">
        <v>88990</v>
      </c>
      <c r="C1798" s="14" t="s">
        <v>88991</v>
      </c>
      <c r="D1798" s="2" t="s">
        <v>88992</v>
      </c>
      <c r="E1798" s="2"/>
      <c r="F1798" s="8">
        <v>487</v>
      </c>
      <c r="G1798" s="5">
        <v>25</v>
      </c>
      <c r="H1798" s="5" t="s">
        <v>69</v>
      </c>
      <c r="I1798" s="5" t="s">
        <v>27074</v>
      </c>
      <c r="J1798" s="2" t="s">
        <v>27075</v>
      </c>
      <c r="K1798" s="5" t="s">
        <v>27074</v>
      </c>
      <c r="L1798" s="2" t="s">
        <v>27075</v>
      </c>
      <c r="M1798" s="5" t="s">
        <v>24254</v>
      </c>
      <c r="N1798" s="5" t="s">
        <v>38</v>
      </c>
      <c r="O1798" s="5" t="s">
        <v>39</v>
      </c>
      <c r="P1798" s="5" t="s">
        <v>40</v>
      </c>
      <c r="Q1798" s="5" t="s">
        <v>24340</v>
      </c>
      <c r="R1798" s="5" t="s">
        <v>40</v>
      </c>
      <c r="S1798" s="5" t="s">
        <v>42</v>
      </c>
      <c r="T1798" s="2">
        <v>14.92</v>
      </c>
      <c r="U1798" s="2">
        <v>12.202</v>
      </c>
      <c r="V1798" s="2">
        <v>0.14899999999999999</v>
      </c>
      <c r="W1798" s="2">
        <v>12</v>
      </c>
      <c r="X1798" s="2">
        <v>62</v>
      </c>
      <c r="Y1798" s="2">
        <v>199.7</v>
      </c>
      <c r="Z1798" s="5">
        <v>10</v>
      </c>
      <c r="AA1798" s="5" t="s">
        <v>43</v>
      </c>
      <c r="AB1798" s="5" t="s">
        <v>44</v>
      </c>
      <c r="AC1798" s="2" t="s">
        <v>29923</v>
      </c>
      <c r="AD1798" s="1"/>
    </row>
    <row r="1799" spans="1:30">
      <c r="A1799" s="5" t="s">
        <v>83578</v>
      </c>
      <c r="B1799" s="2" t="s">
        <v>88993</v>
      </c>
      <c r="C1799" s="14" t="s">
        <v>88994</v>
      </c>
      <c r="D1799" s="2" t="s">
        <v>88995</v>
      </c>
      <c r="E1799" s="2"/>
      <c r="F1799" s="8">
        <v>487</v>
      </c>
      <c r="G1799" s="5">
        <v>25</v>
      </c>
      <c r="H1799" s="5" t="s">
        <v>69</v>
      </c>
      <c r="I1799" s="5" t="s">
        <v>27074</v>
      </c>
      <c r="J1799" s="2" t="s">
        <v>27075</v>
      </c>
      <c r="K1799" s="5" t="s">
        <v>27074</v>
      </c>
      <c r="L1799" s="2" t="s">
        <v>27075</v>
      </c>
      <c r="M1799" s="5" t="s">
        <v>24254</v>
      </c>
      <c r="N1799" s="5" t="s">
        <v>38</v>
      </c>
      <c r="O1799" s="5" t="s">
        <v>39</v>
      </c>
      <c r="P1799" s="5" t="s">
        <v>40</v>
      </c>
      <c r="Q1799" s="5" t="s">
        <v>25301</v>
      </c>
      <c r="R1799" s="5" t="s">
        <v>40</v>
      </c>
      <c r="S1799" s="5" t="s">
        <v>42</v>
      </c>
      <c r="T1799" s="2">
        <v>22.975999999999999</v>
      </c>
      <c r="U1799" s="2">
        <v>20.222999999999999</v>
      </c>
      <c r="V1799" s="2">
        <v>0.14899999999999999</v>
      </c>
      <c r="W1799" s="2">
        <v>12</v>
      </c>
      <c r="X1799" s="2">
        <v>62</v>
      </c>
      <c r="Y1799" s="2">
        <v>199.7</v>
      </c>
      <c r="Z1799" s="5">
        <v>8</v>
      </c>
      <c r="AA1799" s="5" t="s">
        <v>43</v>
      </c>
      <c r="AB1799" s="5" t="s">
        <v>44</v>
      </c>
      <c r="AC1799" s="2" t="s">
        <v>29820</v>
      </c>
      <c r="AD1799" s="1"/>
    </row>
    <row r="1800" spans="1:30">
      <c r="A1800" s="5" t="s">
        <v>83578</v>
      </c>
      <c r="B1800" s="2" t="s">
        <v>88996</v>
      </c>
      <c r="C1800" s="14" t="s">
        <v>88997</v>
      </c>
      <c r="D1800" s="2" t="s">
        <v>88998</v>
      </c>
      <c r="E1800" s="2"/>
      <c r="F1800" s="8">
        <v>487</v>
      </c>
      <c r="G1800" s="5">
        <v>25</v>
      </c>
      <c r="H1800" s="5" t="s">
        <v>69</v>
      </c>
      <c r="I1800" s="5" t="s">
        <v>27074</v>
      </c>
      <c r="J1800" s="2" t="s">
        <v>27075</v>
      </c>
      <c r="K1800" s="5" t="s">
        <v>27074</v>
      </c>
      <c r="L1800" s="2" t="s">
        <v>27075</v>
      </c>
      <c r="M1800" s="5" t="s">
        <v>24254</v>
      </c>
      <c r="N1800" s="5" t="s">
        <v>38</v>
      </c>
      <c r="O1800" s="5" t="s">
        <v>39</v>
      </c>
      <c r="P1800" s="5" t="s">
        <v>40</v>
      </c>
      <c r="Q1800" s="5" t="s">
        <v>25301</v>
      </c>
      <c r="R1800" s="5" t="s">
        <v>40</v>
      </c>
      <c r="S1800" s="5" t="s">
        <v>42</v>
      </c>
      <c r="T1800" s="2">
        <v>20.317</v>
      </c>
      <c r="U1800" s="2">
        <v>17.565000000000001</v>
      </c>
      <c r="V1800" s="2">
        <v>0.14899999999999999</v>
      </c>
      <c r="W1800" s="2">
        <v>12</v>
      </c>
      <c r="X1800" s="2">
        <v>62</v>
      </c>
      <c r="Y1800" s="2">
        <v>199.7</v>
      </c>
      <c r="Z1800" s="5">
        <v>8</v>
      </c>
      <c r="AA1800" s="5" t="s">
        <v>43</v>
      </c>
      <c r="AB1800" s="5" t="s">
        <v>44</v>
      </c>
      <c r="AC1800" s="2" t="s">
        <v>29820</v>
      </c>
      <c r="AD1800" s="1"/>
    </row>
    <row r="1801" spans="1:30">
      <c r="A1801" s="5" t="s">
        <v>83578</v>
      </c>
      <c r="B1801" s="2" t="s">
        <v>88999</v>
      </c>
      <c r="C1801" s="14" t="s">
        <v>89000</v>
      </c>
      <c r="D1801" s="2" t="s">
        <v>89001</v>
      </c>
      <c r="E1801" s="2"/>
      <c r="F1801" s="8">
        <v>487</v>
      </c>
      <c r="G1801" s="5">
        <v>25</v>
      </c>
      <c r="H1801" s="5" t="s">
        <v>69</v>
      </c>
      <c r="I1801" s="5" t="s">
        <v>27074</v>
      </c>
      <c r="J1801" s="2" t="s">
        <v>27075</v>
      </c>
      <c r="K1801" s="5" t="s">
        <v>27074</v>
      </c>
      <c r="L1801" s="2" t="s">
        <v>27075</v>
      </c>
      <c r="M1801" s="5" t="s">
        <v>24254</v>
      </c>
      <c r="N1801" s="5" t="s">
        <v>38</v>
      </c>
      <c r="O1801" s="5" t="s">
        <v>39</v>
      </c>
      <c r="P1801" s="5" t="s">
        <v>40</v>
      </c>
      <c r="Q1801" s="5" t="s">
        <v>25301</v>
      </c>
      <c r="R1801" s="5" t="s">
        <v>40</v>
      </c>
      <c r="S1801" s="5" t="s">
        <v>42</v>
      </c>
      <c r="T1801" s="2">
        <v>17.768999999999998</v>
      </c>
      <c r="U1801" s="2">
        <v>15.048</v>
      </c>
      <c r="V1801" s="2">
        <v>0.14899999999999999</v>
      </c>
      <c r="W1801" s="2">
        <v>12</v>
      </c>
      <c r="X1801" s="2">
        <v>62</v>
      </c>
      <c r="Y1801" s="2">
        <v>199.7</v>
      </c>
      <c r="Z1801" s="5">
        <v>8</v>
      </c>
      <c r="AA1801" s="5" t="s">
        <v>43</v>
      </c>
      <c r="AB1801" s="5" t="s">
        <v>44</v>
      </c>
      <c r="AC1801" s="2" t="s">
        <v>29820</v>
      </c>
      <c r="AD1801" s="1"/>
    </row>
    <row r="1802" spans="1:30">
      <c r="A1802" s="5" t="s">
        <v>83578</v>
      </c>
      <c r="B1802" s="2" t="s">
        <v>89002</v>
      </c>
      <c r="C1802" s="14" t="s">
        <v>89003</v>
      </c>
      <c r="D1802" s="2" t="s">
        <v>89004</v>
      </c>
      <c r="E1802" s="2"/>
      <c r="F1802" s="8">
        <v>487</v>
      </c>
      <c r="G1802" s="5">
        <v>25</v>
      </c>
      <c r="H1802" s="5" t="s">
        <v>69</v>
      </c>
      <c r="I1802" s="5" t="s">
        <v>27074</v>
      </c>
      <c r="J1802" s="2" t="s">
        <v>27075</v>
      </c>
      <c r="K1802" s="5" t="s">
        <v>27074</v>
      </c>
      <c r="L1802" s="2" t="s">
        <v>27075</v>
      </c>
      <c r="M1802" s="5" t="s">
        <v>24254</v>
      </c>
      <c r="N1802" s="5" t="s">
        <v>38</v>
      </c>
      <c r="O1802" s="5" t="s">
        <v>39</v>
      </c>
      <c r="P1802" s="5" t="s">
        <v>40</v>
      </c>
      <c r="Q1802" s="5" t="s">
        <v>25301</v>
      </c>
      <c r="R1802" s="5" t="s">
        <v>40</v>
      </c>
      <c r="S1802" s="5" t="s">
        <v>42</v>
      </c>
      <c r="T1802" s="2">
        <v>13.984</v>
      </c>
      <c r="U1802" s="2">
        <v>11.266</v>
      </c>
      <c r="V1802" s="2">
        <v>0.14899999999999999</v>
      </c>
      <c r="W1802" s="2">
        <v>12</v>
      </c>
      <c r="X1802" s="2">
        <v>62</v>
      </c>
      <c r="Y1802" s="2">
        <v>199.7</v>
      </c>
      <c r="Z1802" s="5">
        <v>10</v>
      </c>
      <c r="AA1802" s="5" t="s">
        <v>43</v>
      </c>
      <c r="AB1802" s="5" t="s">
        <v>44</v>
      </c>
      <c r="AC1802" s="2" t="s">
        <v>87942</v>
      </c>
      <c r="AD1802" s="1"/>
    </row>
    <row r="1803" spans="1:30">
      <c r="A1803" s="5" t="s">
        <v>83578</v>
      </c>
      <c r="B1803" s="2" t="s">
        <v>89005</v>
      </c>
      <c r="C1803" s="14" t="s">
        <v>89006</v>
      </c>
      <c r="D1803" s="2" t="s">
        <v>89007</v>
      </c>
      <c r="E1803" s="2"/>
      <c r="F1803" s="8">
        <v>487</v>
      </c>
      <c r="G1803" s="5">
        <v>25</v>
      </c>
      <c r="H1803" s="5" t="s">
        <v>69</v>
      </c>
      <c r="I1803" s="5" t="s">
        <v>27074</v>
      </c>
      <c r="J1803" s="2" t="s">
        <v>27075</v>
      </c>
      <c r="K1803" s="5" t="s">
        <v>27074</v>
      </c>
      <c r="L1803" s="2" t="s">
        <v>27075</v>
      </c>
      <c r="M1803" s="5" t="s">
        <v>24254</v>
      </c>
      <c r="N1803" s="5" t="s">
        <v>38</v>
      </c>
      <c r="O1803" s="5" t="s">
        <v>39</v>
      </c>
      <c r="P1803" s="5" t="s">
        <v>40</v>
      </c>
      <c r="Q1803" s="5" t="s">
        <v>25301</v>
      </c>
      <c r="R1803" s="5" t="s">
        <v>40</v>
      </c>
      <c r="S1803" s="5" t="s">
        <v>42</v>
      </c>
      <c r="T1803" s="2">
        <v>15.068</v>
      </c>
      <c r="U1803" s="2">
        <v>12.35</v>
      </c>
      <c r="V1803" s="2">
        <v>0.14899999999999999</v>
      </c>
      <c r="W1803" s="2">
        <v>12</v>
      </c>
      <c r="X1803" s="2">
        <v>62</v>
      </c>
      <c r="Y1803" s="2">
        <v>199.7</v>
      </c>
      <c r="Z1803" s="5">
        <v>10</v>
      </c>
      <c r="AA1803" s="5" t="s">
        <v>43</v>
      </c>
      <c r="AB1803" s="5" t="s">
        <v>44</v>
      </c>
      <c r="AC1803" s="2" t="s">
        <v>30038</v>
      </c>
      <c r="AD1803" s="1"/>
    </row>
    <row r="1804" spans="1:30">
      <c r="A1804" s="5" t="s">
        <v>83578</v>
      </c>
      <c r="B1804" s="2" t="s">
        <v>89008</v>
      </c>
      <c r="C1804" s="14" t="s">
        <v>89009</v>
      </c>
      <c r="D1804" s="2" t="s">
        <v>89010</v>
      </c>
      <c r="E1804" s="2"/>
      <c r="F1804" s="8">
        <v>487</v>
      </c>
      <c r="G1804" s="5">
        <v>25</v>
      </c>
      <c r="H1804" s="5" t="s">
        <v>69</v>
      </c>
      <c r="I1804" s="5" t="s">
        <v>27074</v>
      </c>
      <c r="J1804" s="2" t="s">
        <v>27075</v>
      </c>
      <c r="K1804" s="5" t="s">
        <v>27074</v>
      </c>
      <c r="L1804" s="2" t="s">
        <v>27075</v>
      </c>
      <c r="M1804" s="5" t="s">
        <v>24254</v>
      </c>
      <c r="N1804" s="5" t="s">
        <v>38</v>
      </c>
      <c r="O1804" s="5" t="s">
        <v>39</v>
      </c>
      <c r="P1804" s="5" t="s">
        <v>40</v>
      </c>
      <c r="Q1804" s="5" t="s">
        <v>25301</v>
      </c>
      <c r="R1804" s="5" t="s">
        <v>40</v>
      </c>
      <c r="S1804" s="5" t="s">
        <v>42</v>
      </c>
      <c r="T1804" s="2">
        <v>9.8970000000000002</v>
      </c>
      <c r="U1804" s="2">
        <v>7.1790000000000003</v>
      </c>
      <c r="V1804" s="2">
        <v>0.14899999999999999</v>
      </c>
      <c r="W1804" s="2">
        <v>12</v>
      </c>
      <c r="X1804" s="2">
        <v>62</v>
      </c>
      <c r="Y1804" s="2">
        <v>199.7</v>
      </c>
      <c r="Z1804" s="5">
        <v>10</v>
      </c>
      <c r="AA1804" s="5" t="s">
        <v>43</v>
      </c>
      <c r="AB1804" s="5" t="s">
        <v>44</v>
      </c>
      <c r="AC1804" s="2" t="s">
        <v>87949</v>
      </c>
      <c r="AD1804" s="1"/>
    </row>
    <row r="1805" spans="1:30">
      <c r="A1805" s="5" t="s">
        <v>83578</v>
      </c>
      <c r="B1805" s="2" t="s">
        <v>89011</v>
      </c>
      <c r="C1805" s="14" t="s">
        <v>89012</v>
      </c>
      <c r="D1805" s="2" t="s">
        <v>89013</v>
      </c>
      <c r="E1805" s="2"/>
      <c r="F1805" s="8">
        <v>487</v>
      </c>
      <c r="G1805" s="5">
        <v>25</v>
      </c>
      <c r="H1805" s="5" t="s">
        <v>69</v>
      </c>
      <c r="I1805" s="5" t="s">
        <v>27074</v>
      </c>
      <c r="J1805" s="2" t="s">
        <v>27075</v>
      </c>
      <c r="K1805" s="5" t="s">
        <v>27074</v>
      </c>
      <c r="L1805" s="2" t="s">
        <v>27075</v>
      </c>
      <c r="M1805" s="5" t="s">
        <v>24254</v>
      </c>
      <c r="N1805" s="5" t="s">
        <v>38</v>
      </c>
      <c r="O1805" s="5" t="s">
        <v>39</v>
      </c>
      <c r="P1805" s="5" t="s">
        <v>40</v>
      </c>
      <c r="Q1805" s="5" t="s">
        <v>25301</v>
      </c>
      <c r="R1805" s="5" t="s">
        <v>40</v>
      </c>
      <c r="S1805" s="5" t="s">
        <v>42</v>
      </c>
      <c r="T1805" s="2">
        <v>10.983000000000001</v>
      </c>
      <c r="U1805" s="2">
        <v>8.2650000000000006</v>
      </c>
      <c r="V1805" s="2">
        <v>0.14899999999999999</v>
      </c>
      <c r="W1805" s="2">
        <v>12</v>
      </c>
      <c r="X1805" s="2">
        <v>62</v>
      </c>
      <c r="Y1805" s="2">
        <v>199.7</v>
      </c>
      <c r="Z1805" s="5">
        <v>10</v>
      </c>
      <c r="AA1805" s="5" t="s">
        <v>43</v>
      </c>
      <c r="AB1805" s="5" t="s">
        <v>44</v>
      </c>
      <c r="AC1805" s="2" t="s">
        <v>30042</v>
      </c>
      <c r="AD1805" s="1"/>
    </row>
    <row r="1806" spans="1:30">
      <c r="A1806" s="5" t="s">
        <v>83578</v>
      </c>
      <c r="B1806" s="2" t="s">
        <v>89014</v>
      </c>
      <c r="C1806" s="14" t="s">
        <v>89015</v>
      </c>
      <c r="D1806" s="2" t="s">
        <v>89016</v>
      </c>
      <c r="E1806" s="2"/>
      <c r="F1806" s="8">
        <v>487</v>
      </c>
      <c r="G1806" s="5">
        <v>25</v>
      </c>
      <c r="H1806" s="5" t="s">
        <v>69</v>
      </c>
      <c r="I1806" s="5" t="s">
        <v>27074</v>
      </c>
      <c r="J1806" s="2" t="s">
        <v>27075</v>
      </c>
      <c r="K1806" s="5" t="s">
        <v>27074</v>
      </c>
      <c r="L1806" s="2" t="s">
        <v>27075</v>
      </c>
      <c r="M1806" s="5" t="s">
        <v>24254</v>
      </c>
      <c r="N1806" s="5" t="s">
        <v>38</v>
      </c>
      <c r="O1806" s="5" t="s">
        <v>39</v>
      </c>
      <c r="P1806" s="5" t="s">
        <v>40</v>
      </c>
      <c r="Q1806" s="5" t="s">
        <v>25301</v>
      </c>
      <c r="R1806" s="5" t="s">
        <v>40</v>
      </c>
      <c r="S1806" s="5" t="s">
        <v>42</v>
      </c>
      <c r="T1806" s="2">
        <v>12.356</v>
      </c>
      <c r="U1806" s="2">
        <v>9.6379999999999999</v>
      </c>
      <c r="V1806" s="2">
        <v>0.14899999999999999</v>
      </c>
      <c r="W1806" s="2">
        <v>12</v>
      </c>
      <c r="X1806" s="2">
        <v>62</v>
      </c>
      <c r="Y1806" s="2">
        <v>199.7</v>
      </c>
      <c r="Z1806" s="5">
        <v>10</v>
      </c>
      <c r="AA1806" s="5" t="s">
        <v>43</v>
      </c>
      <c r="AB1806" s="5" t="s">
        <v>44</v>
      </c>
      <c r="AC1806" s="2" t="s">
        <v>87949</v>
      </c>
      <c r="AD1806" s="1"/>
    </row>
    <row r="1807" spans="1:30">
      <c r="A1807" s="5" t="s">
        <v>83578</v>
      </c>
      <c r="B1807" s="2" t="s">
        <v>89017</v>
      </c>
      <c r="C1807" s="14" t="s">
        <v>89018</v>
      </c>
      <c r="D1807" s="2" t="s">
        <v>89019</v>
      </c>
      <c r="E1807" s="2"/>
      <c r="F1807" s="8">
        <v>487</v>
      </c>
      <c r="G1807" s="5">
        <v>25</v>
      </c>
      <c r="H1807" s="5" t="s">
        <v>69</v>
      </c>
      <c r="I1807" s="5" t="s">
        <v>27074</v>
      </c>
      <c r="J1807" s="2" t="s">
        <v>27075</v>
      </c>
      <c r="K1807" s="5" t="s">
        <v>27074</v>
      </c>
      <c r="L1807" s="2" t="s">
        <v>27075</v>
      </c>
      <c r="M1807" s="5" t="s">
        <v>24254</v>
      </c>
      <c r="N1807" s="5" t="s">
        <v>38</v>
      </c>
      <c r="O1807" s="5" t="s">
        <v>39</v>
      </c>
      <c r="P1807" s="5" t="s">
        <v>40</v>
      </c>
      <c r="Q1807" s="5" t="s">
        <v>25301</v>
      </c>
      <c r="R1807" s="5" t="s">
        <v>40</v>
      </c>
      <c r="S1807" s="5" t="s">
        <v>42</v>
      </c>
      <c r="T1807" s="2">
        <v>13.526</v>
      </c>
      <c r="U1807" s="2">
        <v>10.808</v>
      </c>
      <c r="V1807" s="2">
        <v>0.14899999999999999</v>
      </c>
      <c r="W1807" s="2">
        <v>12</v>
      </c>
      <c r="X1807" s="2">
        <v>62</v>
      </c>
      <c r="Y1807" s="2">
        <v>199.7</v>
      </c>
      <c r="Z1807" s="5">
        <v>10</v>
      </c>
      <c r="AA1807" s="5" t="s">
        <v>43</v>
      </c>
      <c r="AB1807" s="5" t="s">
        <v>44</v>
      </c>
      <c r="AC1807" s="2" t="s">
        <v>30042</v>
      </c>
      <c r="AD1807" s="1"/>
    </row>
    <row r="1808" spans="1:30">
      <c r="A1808" s="5" t="s">
        <v>83578</v>
      </c>
      <c r="B1808" s="2" t="s">
        <v>89020</v>
      </c>
      <c r="C1808" s="14" t="s">
        <v>89021</v>
      </c>
      <c r="D1808" s="2" t="s">
        <v>89022</v>
      </c>
      <c r="E1808" s="2" t="s">
        <v>87894</v>
      </c>
      <c r="F1808" s="8">
        <v>498</v>
      </c>
      <c r="G1808" s="5">
        <v>5</v>
      </c>
      <c r="H1808" s="5" t="s">
        <v>69</v>
      </c>
      <c r="I1808" s="5" t="s">
        <v>27074</v>
      </c>
      <c r="J1808" s="2" t="s">
        <v>27075</v>
      </c>
      <c r="K1808" s="5" t="s">
        <v>27074</v>
      </c>
      <c r="L1808" s="2" t="s">
        <v>27075</v>
      </c>
      <c r="M1808" s="5" t="s">
        <v>24254</v>
      </c>
      <c r="N1808" s="5" t="s">
        <v>38</v>
      </c>
      <c r="O1808" s="5" t="s">
        <v>39</v>
      </c>
      <c r="P1808" s="5" t="s">
        <v>40</v>
      </c>
      <c r="Q1808" s="5" t="s">
        <v>1487</v>
      </c>
      <c r="R1808" s="5"/>
      <c r="S1808" s="5" t="s">
        <v>42</v>
      </c>
      <c r="T1808" s="2">
        <v>0</v>
      </c>
      <c r="U1808" s="2">
        <v>0</v>
      </c>
      <c r="V1808" s="2">
        <v>0</v>
      </c>
      <c r="W1808" s="2">
        <v>0</v>
      </c>
      <c r="X1808" s="2">
        <v>0</v>
      </c>
      <c r="Y1808" s="2">
        <v>0</v>
      </c>
      <c r="Z1808" s="5"/>
      <c r="AA1808" s="5" t="s">
        <v>43</v>
      </c>
      <c r="AB1808" s="5" t="s">
        <v>44</v>
      </c>
      <c r="AC1808" s="2" t="s">
        <v>88043</v>
      </c>
      <c r="AD1808" s="1"/>
    </row>
    <row r="1809" spans="1:30">
      <c r="A1809" s="5" t="s">
        <v>83578</v>
      </c>
      <c r="B1809" s="2" t="s">
        <v>89023</v>
      </c>
      <c r="C1809" s="14" t="s">
        <v>89024</v>
      </c>
      <c r="D1809" s="2" t="s">
        <v>89025</v>
      </c>
      <c r="E1809" s="2"/>
      <c r="F1809" s="8">
        <v>375</v>
      </c>
      <c r="G1809" s="5">
        <v>25</v>
      </c>
      <c r="H1809" s="5" t="s">
        <v>69</v>
      </c>
      <c r="I1809" s="5" t="s">
        <v>27074</v>
      </c>
      <c r="J1809" s="2" t="s">
        <v>27075</v>
      </c>
      <c r="K1809" s="5" t="s">
        <v>27074</v>
      </c>
      <c r="L1809" s="2" t="s">
        <v>27075</v>
      </c>
      <c r="M1809" s="5" t="s">
        <v>24254</v>
      </c>
      <c r="N1809" s="5" t="s">
        <v>38</v>
      </c>
      <c r="O1809" s="5" t="s">
        <v>39</v>
      </c>
      <c r="P1809" s="5" t="s">
        <v>40</v>
      </c>
      <c r="Q1809" s="5" t="s">
        <v>24335</v>
      </c>
      <c r="R1809" s="5" t="s">
        <v>40</v>
      </c>
      <c r="S1809" s="5" t="s">
        <v>42</v>
      </c>
      <c r="T1809" s="2">
        <v>10.587</v>
      </c>
      <c r="U1809" s="2">
        <v>8.4459999999999997</v>
      </c>
      <c r="V1809" s="2">
        <v>0.157</v>
      </c>
      <c r="W1809" s="2">
        <v>12</v>
      </c>
      <c r="X1809" s="2">
        <v>62</v>
      </c>
      <c r="Y1809" s="2">
        <v>210.9</v>
      </c>
      <c r="Z1809" s="5">
        <v>10</v>
      </c>
      <c r="AA1809" s="5" t="s">
        <v>43</v>
      </c>
      <c r="AB1809" s="5" t="s">
        <v>44</v>
      </c>
      <c r="AC1809" s="2" t="s">
        <v>29747</v>
      </c>
      <c r="AD1809" s="1"/>
    </row>
    <row r="1810" spans="1:30">
      <c r="A1810" s="5" t="s">
        <v>83578</v>
      </c>
      <c r="B1810" s="2" t="s">
        <v>89026</v>
      </c>
      <c r="C1810" s="14" t="s">
        <v>89027</v>
      </c>
      <c r="D1810" s="2" t="s">
        <v>89028</v>
      </c>
      <c r="E1810" s="2"/>
      <c r="F1810" s="8">
        <v>375</v>
      </c>
      <c r="G1810" s="5">
        <v>25</v>
      </c>
      <c r="H1810" s="5" t="s">
        <v>69</v>
      </c>
      <c r="I1810" s="5" t="s">
        <v>27074</v>
      </c>
      <c r="J1810" s="2" t="s">
        <v>27075</v>
      </c>
      <c r="K1810" s="5" t="s">
        <v>27074</v>
      </c>
      <c r="L1810" s="2" t="s">
        <v>27075</v>
      </c>
      <c r="M1810" s="5" t="s">
        <v>24254</v>
      </c>
      <c r="N1810" s="5" t="s">
        <v>38</v>
      </c>
      <c r="O1810" s="5" t="s">
        <v>39</v>
      </c>
      <c r="P1810" s="5" t="s">
        <v>40</v>
      </c>
      <c r="Q1810" s="5" t="s">
        <v>24335</v>
      </c>
      <c r="R1810" s="5" t="s">
        <v>40</v>
      </c>
      <c r="S1810" s="5" t="s">
        <v>42</v>
      </c>
      <c r="T1810" s="2">
        <v>9.3019999999999996</v>
      </c>
      <c r="U1810" s="2">
        <v>6.5839999999999996</v>
      </c>
      <c r="V1810" s="2">
        <v>0.14899999999999999</v>
      </c>
      <c r="W1810" s="2">
        <v>12</v>
      </c>
      <c r="X1810" s="2">
        <v>62</v>
      </c>
      <c r="Y1810" s="2">
        <v>199.7</v>
      </c>
      <c r="Z1810" s="5">
        <v>10</v>
      </c>
      <c r="AA1810" s="5" t="s">
        <v>43</v>
      </c>
      <c r="AB1810" s="5" t="s">
        <v>44</v>
      </c>
      <c r="AC1810" s="2" t="s">
        <v>29629</v>
      </c>
      <c r="AD1810" s="1"/>
    </row>
    <row r="1811" spans="1:30">
      <c r="A1811" s="5" t="s">
        <v>83578</v>
      </c>
      <c r="B1811" s="2" t="s">
        <v>89029</v>
      </c>
      <c r="C1811" s="14" t="s">
        <v>89030</v>
      </c>
      <c r="D1811" s="2" t="s">
        <v>89031</v>
      </c>
      <c r="E1811" s="2"/>
      <c r="F1811" s="8">
        <v>526</v>
      </c>
      <c r="G1811" s="5">
        <v>25</v>
      </c>
      <c r="H1811" s="5" t="s">
        <v>69</v>
      </c>
      <c r="I1811" s="5" t="s">
        <v>27074</v>
      </c>
      <c r="J1811" s="2" t="s">
        <v>27075</v>
      </c>
      <c r="K1811" s="5" t="s">
        <v>27074</v>
      </c>
      <c r="L1811" s="2" t="s">
        <v>27075</v>
      </c>
      <c r="M1811" s="5" t="s">
        <v>24254</v>
      </c>
      <c r="N1811" s="5" t="s">
        <v>38</v>
      </c>
      <c r="O1811" s="5" t="s">
        <v>39</v>
      </c>
      <c r="P1811" s="5" t="s">
        <v>40</v>
      </c>
      <c r="Q1811" s="5" t="s">
        <v>24340</v>
      </c>
      <c r="R1811" s="5" t="s">
        <v>40</v>
      </c>
      <c r="S1811" s="5" t="s">
        <v>42</v>
      </c>
      <c r="T1811" s="2">
        <v>25.608000000000001</v>
      </c>
      <c r="U1811" s="2">
        <v>23.431999999999999</v>
      </c>
      <c r="V1811" s="2">
        <v>0.157</v>
      </c>
      <c r="W1811" s="2">
        <v>12</v>
      </c>
      <c r="X1811" s="2">
        <v>62</v>
      </c>
      <c r="Y1811" s="2">
        <v>210.9</v>
      </c>
      <c r="Z1811" s="5">
        <v>8</v>
      </c>
      <c r="AA1811" s="5" t="s">
        <v>43</v>
      </c>
      <c r="AB1811" s="5" t="s">
        <v>44</v>
      </c>
      <c r="AC1811" s="2" t="s">
        <v>29641</v>
      </c>
      <c r="AD1811" s="1"/>
    </row>
    <row r="1812" spans="1:30">
      <c r="A1812" s="5" t="s">
        <v>83578</v>
      </c>
      <c r="B1812" s="2" t="s">
        <v>89032</v>
      </c>
      <c r="C1812" s="14" t="s">
        <v>89033</v>
      </c>
      <c r="D1812" s="2" t="s">
        <v>89034</v>
      </c>
      <c r="E1812" s="2"/>
      <c r="F1812" s="8">
        <v>526</v>
      </c>
      <c r="G1812" s="5">
        <v>25</v>
      </c>
      <c r="H1812" s="5" t="s">
        <v>69</v>
      </c>
      <c r="I1812" s="5" t="s">
        <v>27074</v>
      </c>
      <c r="J1812" s="2" t="s">
        <v>27075</v>
      </c>
      <c r="K1812" s="5" t="s">
        <v>27074</v>
      </c>
      <c r="L1812" s="2" t="s">
        <v>27075</v>
      </c>
      <c r="M1812" s="5" t="s">
        <v>24254</v>
      </c>
      <c r="N1812" s="5" t="s">
        <v>38</v>
      </c>
      <c r="O1812" s="5" t="s">
        <v>39</v>
      </c>
      <c r="P1812" s="5" t="s">
        <v>40</v>
      </c>
      <c r="Q1812" s="5" t="s">
        <v>24340</v>
      </c>
      <c r="R1812" s="5" t="s">
        <v>40</v>
      </c>
      <c r="S1812" s="5" t="s">
        <v>42</v>
      </c>
      <c r="T1812" s="2">
        <v>22.484999999999999</v>
      </c>
      <c r="U1812" s="2">
        <v>20.309999999999999</v>
      </c>
      <c r="V1812" s="2">
        <v>0.157</v>
      </c>
      <c r="W1812" s="2">
        <v>12</v>
      </c>
      <c r="X1812" s="2">
        <v>62</v>
      </c>
      <c r="Y1812" s="2">
        <v>210.9</v>
      </c>
      <c r="Z1812" s="5">
        <v>8</v>
      </c>
      <c r="AA1812" s="5" t="s">
        <v>43</v>
      </c>
      <c r="AB1812" s="5" t="s">
        <v>44</v>
      </c>
      <c r="AC1812" s="2" t="s">
        <v>29641</v>
      </c>
      <c r="AD1812" s="1"/>
    </row>
    <row r="1813" spans="1:30">
      <c r="A1813" s="5" t="s">
        <v>83578</v>
      </c>
      <c r="B1813" s="2" t="s">
        <v>89035</v>
      </c>
      <c r="C1813" s="14" t="s">
        <v>89036</v>
      </c>
      <c r="D1813" s="2" t="s">
        <v>89037</v>
      </c>
      <c r="E1813" s="2"/>
      <c r="F1813" s="8">
        <v>526</v>
      </c>
      <c r="G1813" s="5">
        <v>25</v>
      </c>
      <c r="H1813" s="5" t="s">
        <v>69</v>
      </c>
      <c r="I1813" s="5" t="s">
        <v>27074</v>
      </c>
      <c r="J1813" s="2" t="s">
        <v>27075</v>
      </c>
      <c r="K1813" s="5" t="s">
        <v>27074</v>
      </c>
      <c r="L1813" s="2" t="s">
        <v>27075</v>
      </c>
      <c r="M1813" s="5" t="s">
        <v>24254</v>
      </c>
      <c r="N1813" s="5" t="s">
        <v>38</v>
      </c>
      <c r="O1813" s="5" t="s">
        <v>39</v>
      </c>
      <c r="P1813" s="5" t="s">
        <v>40</v>
      </c>
      <c r="Q1813" s="5" t="s">
        <v>24340</v>
      </c>
      <c r="R1813" s="5" t="s">
        <v>40</v>
      </c>
      <c r="S1813" s="5" t="s">
        <v>42</v>
      </c>
      <c r="T1813" s="2">
        <v>19.234999999999999</v>
      </c>
      <c r="U1813" s="2">
        <v>17.091000000000001</v>
      </c>
      <c r="V1813" s="2">
        <v>0.14899999999999999</v>
      </c>
      <c r="W1813" s="2">
        <v>12</v>
      </c>
      <c r="X1813" s="2">
        <v>62</v>
      </c>
      <c r="Y1813" s="2">
        <v>199.7</v>
      </c>
      <c r="Z1813" s="5">
        <v>8</v>
      </c>
      <c r="AA1813" s="5" t="s">
        <v>43</v>
      </c>
      <c r="AB1813" s="5" t="s">
        <v>44</v>
      </c>
      <c r="AC1813" s="2" t="s">
        <v>29641</v>
      </c>
      <c r="AD1813" s="1"/>
    </row>
    <row r="1814" spans="1:30">
      <c r="A1814" s="5" t="s">
        <v>83578</v>
      </c>
      <c r="B1814" s="2" t="s">
        <v>89038</v>
      </c>
      <c r="C1814" s="14" t="s">
        <v>89039</v>
      </c>
      <c r="D1814" s="2" t="s">
        <v>89040</v>
      </c>
      <c r="E1814" s="2"/>
      <c r="F1814" s="8">
        <v>526</v>
      </c>
      <c r="G1814" s="5">
        <v>25</v>
      </c>
      <c r="H1814" s="5" t="s">
        <v>69</v>
      </c>
      <c r="I1814" s="5" t="s">
        <v>27074</v>
      </c>
      <c r="J1814" s="2" t="s">
        <v>27075</v>
      </c>
      <c r="K1814" s="5" t="s">
        <v>27074</v>
      </c>
      <c r="L1814" s="2" t="s">
        <v>27075</v>
      </c>
      <c r="M1814" s="5" t="s">
        <v>24254</v>
      </c>
      <c r="N1814" s="5" t="s">
        <v>38</v>
      </c>
      <c r="O1814" s="5" t="s">
        <v>39</v>
      </c>
      <c r="P1814" s="5" t="s">
        <v>40</v>
      </c>
      <c r="Q1814" s="5" t="s">
        <v>24340</v>
      </c>
      <c r="R1814" s="5" t="s">
        <v>40</v>
      </c>
      <c r="S1814" s="5" t="s">
        <v>42</v>
      </c>
      <c r="T1814" s="2">
        <v>15.997</v>
      </c>
      <c r="U1814" s="2">
        <v>13.856</v>
      </c>
      <c r="V1814" s="2">
        <v>0.157</v>
      </c>
      <c r="W1814" s="2">
        <v>12</v>
      </c>
      <c r="X1814" s="2">
        <v>62</v>
      </c>
      <c r="Y1814" s="2">
        <v>210.9</v>
      </c>
      <c r="Z1814" s="5">
        <v>10</v>
      </c>
      <c r="AA1814" s="5" t="s">
        <v>43</v>
      </c>
      <c r="AB1814" s="5" t="s">
        <v>44</v>
      </c>
      <c r="AC1814" s="2" t="s">
        <v>87916</v>
      </c>
      <c r="AD1814" s="1"/>
    </row>
    <row r="1815" spans="1:30">
      <c r="A1815" s="5" t="s">
        <v>83578</v>
      </c>
      <c r="B1815" s="2" t="s">
        <v>89041</v>
      </c>
      <c r="C1815" s="14" t="s">
        <v>89042</v>
      </c>
      <c r="D1815" s="2" t="s">
        <v>89043</v>
      </c>
      <c r="E1815" s="2"/>
      <c r="F1815" s="8">
        <v>526</v>
      </c>
      <c r="G1815" s="5">
        <v>25</v>
      </c>
      <c r="H1815" s="5" t="s">
        <v>69</v>
      </c>
      <c r="I1815" s="5" t="s">
        <v>27074</v>
      </c>
      <c r="J1815" s="2" t="s">
        <v>27075</v>
      </c>
      <c r="K1815" s="5" t="s">
        <v>27074</v>
      </c>
      <c r="L1815" s="2" t="s">
        <v>27075</v>
      </c>
      <c r="M1815" s="5" t="s">
        <v>24254</v>
      </c>
      <c r="N1815" s="5" t="s">
        <v>38</v>
      </c>
      <c r="O1815" s="5" t="s">
        <v>39</v>
      </c>
      <c r="P1815" s="5" t="s">
        <v>40</v>
      </c>
      <c r="Q1815" s="5" t="s">
        <v>24340</v>
      </c>
      <c r="R1815" s="5" t="s">
        <v>40</v>
      </c>
      <c r="S1815" s="5" t="s">
        <v>42</v>
      </c>
      <c r="T1815" s="2">
        <v>17.341999999999999</v>
      </c>
      <c r="U1815" s="2">
        <v>15.201000000000001</v>
      </c>
      <c r="V1815" s="2">
        <v>0.157</v>
      </c>
      <c r="W1815" s="2">
        <v>12</v>
      </c>
      <c r="X1815" s="2">
        <v>62</v>
      </c>
      <c r="Y1815" s="2">
        <v>210.9</v>
      </c>
      <c r="Z1815" s="5">
        <v>10</v>
      </c>
      <c r="AA1815" s="5" t="s">
        <v>43</v>
      </c>
      <c r="AB1815" s="5" t="s">
        <v>44</v>
      </c>
      <c r="AC1815" s="2" t="s">
        <v>87920</v>
      </c>
      <c r="AD1815" s="1"/>
    </row>
    <row r="1816" spans="1:30">
      <c r="A1816" s="5" t="s">
        <v>83578</v>
      </c>
      <c r="B1816" s="2" t="s">
        <v>89044</v>
      </c>
      <c r="C1816" s="14" t="s">
        <v>89045</v>
      </c>
      <c r="D1816" s="2" t="s">
        <v>89046</v>
      </c>
      <c r="E1816" s="2"/>
      <c r="F1816" s="8">
        <v>526</v>
      </c>
      <c r="G1816" s="5">
        <v>25</v>
      </c>
      <c r="H1816" s="5" t="s">
        <v>69</v>
      </c>
      <c r="I1816" s="5" t="s">
        <v>27074</v>
      </c>
      <c r="J1816" s="2" t="s">
        <v>27075</v>
      </c>
      <c r="K1816" s="5" t="s">
        <v>27074</v>
      </c>
      <c r="L1816" s="2" t="s">
        <v>27075</v>
      </c>
      <c r="M1816" s="5" t="s">
        <v>24254</v>
      </c>
      <c r="N1816" s="5" t="s">
        <v>38</v>
      </c>
      <c r="O1816" s="5" t="s">
        <v>39</v>
      </c>
      <c r="P1816" s="5" t="s">
        <v>40</v>
      </c>
      <c r="Q1816" s="5" t="s">
        <v>24340</v>
      </c>
      <c r="R1816" s="5" t="s">
        <v>40</v>
      </c>
      <c r="S1816" s="5" t="s">
        <v>42</v>
      </c>
      <c r="T1816" s="2">
        <v>10.984999999999999</v>
      </c>
      <c r="U1816" s="2">
        <v>8.2669999999999995</v>
      </c>
      <c r="V1816" s="2">
        <v>0.14899999999999999</v>
      </c>
      <c r="W1816" s="2">
        <v>12</v>
      </c>
      <c r="X1816" s="2">
        <v>62</v>
      </c>
      <c r="Y1816" s="2">
        <v>199.7</v>
      </c>
      <c r="Z1816" s="5">
        <v>10</v>
      </c>
      <c r="AA1816" s="5" t="s">
        <v>43</v>
      </c>
      <c r="AB1816" s="5" t="s">
        <v>44</v>
      </c>
      <c r="AC1816" s="2" t="s">
        <v>29648</v>
      </c>
      <c r="AD1816" s="1"/>
    </row>
    <row r="1817" spans="1:30">
      <c r="A1817" s="5" t="s">
        <v>83578</v>
      </c>
      <c r="B1817" s="2" t="s">
        <v>89047</v>
      </c>
      <c r="C1817" s="14" t="s">
        <v>89048</v>
      </c>
      <c r="D1817" s="2" t="s">
        <v>89049</v>
      </c>
      <c r="E1817" s="2"/>
      <c r="F1817" s="8">
        <v>526</v>
      </c>
      <c r="G1817" s="5">
        <v>25</v>
      </c>
      <c r="H1817" s="5" t="s">
        <v>69</v>
      </c>
      <c r="I1817" s="5" t="s">
        <v>27074</v>
      </c>
      <c r="J1817" s="2" t="s">
        <v>27075</v>
      </c>
      <c r="K1817" s="5" t="s">
        <v>27074</v>
      </c>
      <c r="L1817" s="2" t="s">
        <v>27075</v>
      </c>
      <c r="M1817" s="5" t="s">
        <v>24254</v>
      </c>
      <c r="N1817" s="5" t="s">
        <v>38</v>
      </c>
      <c r="O1817" s="5" t="s">
        <v>39</v>
      </c>
      <c r="P1817" s="5" t="s">
        <v>40</v>
      </c>
      <c r="Q1817" s="5" t="s">
        <v>24340</v>
      </c>
      <c r="R1817" s="5" t="s">
        <v>40</v>
      </c>
      <c r="S1817" s="5" t="s">
        <v>42</v>
      </c>
      <c r="T1817" s="2">
        <v>12.33</v>
      </c>
      <c r="U1817" s="2">
        <v>9.6120000000000001</v>
      </c>
      <c r="V1817" s="2">
        <v>0.14899999999999999</v>
      </c>
      <c r="W1817" s="2">
        <v>12</v>
      </c>
      <c r="X1817" s="2">
        <v>62</v>
      </c>
      <c r="Y1817" s="2">
        <v>199.7</v>
      </c>
      <c r="Z1817" s="5">
        <v>10</v>
      </c>
      <c r="AA1817" s="5" t="s">
        <v>43</v>
      </c>
      <c r="AB1817" s="5" t="s">
        <v>44</v>
      </c>
      <c r="AC1817" s="2" t="s">
        <v>29923</v>
      </c>
      <c r="AD1817" s="1"/>
    </row>
    <row r="1818" spans="1:30">
      <c r="A1818" s="5" t="s">
        <v>83578</v>
      </c>
      <c r="B1818" s="2" t="s">
        <v>89050</v>
      </c>
      <c r="C1818" s="14" t="s">
        <v>89051</v>
      </c>
      <c r="D1818" s="2" t="s">
        <v>89052</v>
      </c>
      <c r="E1818" s="2"/>
      <c r="F1818" s="8">
        <v>526</v>
      </c>
      <c r="G1818" s="5">
        <v>25</v>
      </c>
      <c r="H1818" s="5" t="s">
        <v>69</v>
      </c>
      <c r="I1818" s="5" t="s">
        <v>27074</v>
      </c>
      <c r="J1818" s="2" t="s">
        <v>27075</v>
      </c>
      <c r="K1818" s="5" t="s">
        <v>27074</v>
      </c>
      <c r="L1818" s="2" t="s">
        <v>27075</v>
      </c>
      <c r="M1818" s="5" t="s">
        <v>24254</v>
      </c>
      <c r="N1818" s="5" t="s">
        <v>38</v>
      </c>
      <c r="O1818" s="5" t="s">
        <v>39</v>
      </c>
      <c r="P1818" s="5" t="s">
        <v>40</v>
      </c>
      <c r="Q1818" s="5" t="s">
        <v>24340</v>
      </c>
      <c r="R1818" s="5" t="s">
        <v>40</v>
      </c>
      <c r="S1818" s="5" t="s">
        <v>42</v>
      </c>
      <c r="T1818" s="2">
        <v>14.282999999999999</v>
      </c>
      <c r="U1818" s="2">
        <v>11.565</v>
      </c>
      <c r="V1818" s="2">
        <v>0.14899999999999999</v>
      </c>
      <c r="W1818" s="2">
        <v>12</v>
      </c>
      <c r="X1818" s="2">
        <v>62</v>
      </c>
      <c r="Y1818" s="2">
        <v>199.7</v>
      </c>
      <c r="Z1818" s="5">
        <v>10</v>
      </c>
      <c r="AA1818" s="5" t="s">
        <v>43</v>
      </c>
      <c r="AB1818" s="5" t="s">
        <v>44</v>
      </c>
      <c r="AC1818" s="2" t="s">
        <v>29648</v>
      </c>
      <c r="AD1818" s="1"/>
    </row>
    <row r="1819" spans="1:30">
      <c r="A1819" s="5" t="s">
        <v>83578</v>
      </c>
      <c r="B1819" s="2" t="s">
        <v>89053</v>
      </c>
      <c r="C1819" s="14" t="s">
        <v>89054</v>
      </c>
      <c r="D1819" s="2" t="s">
        <v>89055</v>
      </c>
      <c r="E1819" s="2"/>
      <c r="F1819" s="8">
        <v>526</v>
      </c>
      <c r="G1819" s="5">
        <v>25</v>
      </c>
      <c r="H1819" s="5" t="s">
        <v>69</v>
      </c>
      <c r="I1819" s="5" t="s">
        <v>27074</v>
      </c>
      <c r="J1819" s="2" t="s">
        <v>27075</v>
      </c>
      <c r="K1819" s="5" t="s">
        <v>27074</v>
      </c>
      <c r="L1819" s="2" t="s">
        <v>27075</v>
      </c>
      <c r="M1819" s="5" t="s">
        <v>24254</v>
      </c>
      <c r="N1819" s="5" t="s">
        <v>38</v>
      </c>
      <c r="O1819" s="5" t="s">
        <v>39</v>
      </c>
      <c r="P1819" s="5" t="s">
        <v>40</v>
      </c>
      <c r="Q1819" s="5" t="s">
        <v>24340</v>
      </c>
      <c r="R1819" s="5" t="s">
        <v>40</v>
      </c>
      <c r="S1819" s="5" t="s">
        <v>42</v>
      </c>
      <c r="T1819" s="2">
        <v>15.731999999999999</v>
      </c>
      <c r="U1819" s="2">
        <v>13.013999999999999</v>
      </c>
      <c r="V1819" s="2">
        <v>0.14899999999999999</v>
      </c>
      <c r="W1819" s="2">
        <v>12</v>
      </c>
      <c r="X1819" s="2">
        <v>62</v>
      </c>
      <c r="Y1819" s="2">
        <v>199.7</v>
      </c>
      <c r="Z1819" s="5">
        <v>10</v>
      </c>
      <c r="AA1819" s="5" t="s">
        <v>43</v>
      </c>
      <c r="AB1819" s="5" t="s">
        <v>44</v>
      </c>
      <c r="AC1819" s="2" t="s">
        <v>29923</v>
      </c>
      <c r="AD1819" s="1"/>
    </row>
    <row r="1820" spans="1:30">
      <c r="A1820" s="5" t="s">
        <v>83578</v>
      </c>
      <c r="B1820" s="2" t="s">
        <v>89056</v>
      </c>
      <c r="C1820" s="14" t="s">
        <v>89057</v>
      </c>
      <c r="D1820" s="2" t="s">
        <v>89058</v>
      </c>
      <c r="E1820" s="2"/>
      <c r="F1820" s="8">
        <v>526</v>
      </c>
      <c r="G1820" s="5">
        <v>25</v>
      </c>
      <c r="H1820" s="5" t="s">
        <v>69</v>
      </c>
      <c r="I1820" s="5" t="s">
        <v>27074</v>
      </c>
      <c r="J1820" s="2" t="s">
        <v>27075</v>
      </c>
      <c r="K1820" s="5" t="s">
        <v>27074</v>
      </c>
      <c r="L1820" s="2" t="s">
        <v>27075</v>
      </c>
      <c r="M1820" s="5" t="s">
        <v>24254</v>
      </c>
      <c r="N1820" s="5" t="s">
        <v>38</v>
      </c>
      <c r="O1820" s="5" t="s">
        <v>39</v>
      </c>
      <c r="P1820" s="5" t="s">
        <v>40</v>
      </c>
      <c r="Q1820" s="5" t="s">
        <v>25301</v>
      </c>
      <c r="R1820" s="5" t="s">
        <v>40</v>
      </c>
      <c r="S1820" s="5" t="s">
        <v>42</v>
      </c>
      <c r="T1820" s="2">
        <v>23.31</v>
      </c>
      <c r="U1820" s="2">
        <v>21.134</v>
      </c>
      <c r="V1820" s="2">
        <v>0.157</v>
      </c>
      <c r="W1820" s="2">
        <v>12</v>
      </c>
      <c r="X1820" s="2">
        <v>62</v>
      </c>
      <c r="Y1820" s="2">
        <v>210.9</v>
      </c>
      <c r="Z1820" s="5">
        <v>8</v>
      </c>
      <c r="AA1820" s="5" t="s">
        <v>43</v>
      </c>
      <c r="AB1820" s="5" t="s">
        <v>44</v>
      </c>
      <c r="AC1820" s="2" t="s">
        <v>29820</v>
      </c>
      <c r="AD1820" s="1"/>
    </row>
    <row r="1821" spans="1:30">
      <c r="A1821" s="5" t="s">
        <v>83578</v>
      </c>
      <c r="B1821" s="2" t="s">
        <v>89059</v>
      </c>
      <c r="C1821" s="14" t="s">
        <v>89060</v>
      </c>
      <c r="D1821" s="2" t="s">
        <v>89061</v>
      </c>
      <c r="E1821" s="2"/>
      <c r="F1821" s="8">
        <v>526</v>
      </c>
      <c r="G1821" s="5">
        <v>25</v>
      </c>
      <c r="H1821" s="5" t="s">
        <v>69</v>
      </c>
      <c r="I1821" s="5" t="s">
        <v>27074</v>
      </c>
      <c r="J1821" s="2" t="s">
        <v>27075</v>
      </c>
      <c r="K1821" s="5" t="s">
        <v>27074</v>
      </c>
      <c r="L1821" s="2" t="s">
        <v>27075</v>
      </c>
      <c r="M1821" s="5" t="s">
        <v>24254</v>
      </c>
      <c r="N1821" s="5" t="s">
        <v>38</v>
      </c>
      <c r="O1821" s="5" t="s">
        <v>39</v>
      </c>
      <c r="P1821" s="5" t="s">
        <v>40</v>
      </c>
      <c r="Q1821" s="5" t="s">
        <v>25301</v>
      </c>
      <c r="R1821" s="5" t="s">
        <v>40</v>
      </c>
      <c r="S1821" s="5" t="s">
        <v>42</v>
      </c>
      <c r="T1821" s="2">
        <v>20.491</v>
      </c>
      <c r="U1821" s="2">
        <v>18.315999999999999</v>
      </c>
      <c r="V1821" s="2">
        <v>0.157</v>
      </c>
      <c r="W1821" s="2">
        <v>12</v>
      </c>
      <c r="X1821" s="2">
        <v>62</v>
      </c>
      <c r="Y1821" s="2">
        <v>210.9</v>
      </c>
      <c r="Z1821" s="5">
        <v>8</v>
      </c>
      <c r="AA1821" s="5" t="s">
        <v>43</v>
      </c>
      <c r="AB1821" s="5" t="s">
        <v>44</v>
      </c>
      <c r="AC1821" s="2" t="s">
        <v>29820</v>
      </c>
      <c r="AD1821" s="1"/>
    </row>
    <row r="1822" spans="1:30">
      <c r="A1822" s="5" t="s">
        <v>83578</v>
      </c>
      <c r="B1822" s="2" t="s">
        <v>89062</v>
      </c>
      <c r="C1822" s="14" t="s">
        <v>89063</v>
      </c>
      <c r="D1822" s="2" t="s">
        <v>89064</v>
      </c>
      <c r="E1822" s="2"/>
      <c r="F1822" s="8">
        <v>526</v>
      </c>
      <c r="G1822" s="5">
        <v>25</v>
      </c>
      <c r="H1822" s="5" t="s">
        <v>69</v>
      </c>
      <c r="I1822" s="5" t="s">
        <v>27074</v>
      </c>
      <c r="J1822" s="2" t="s">
        <v>27075</v>
      </c>
      <c r="K1822" s="5" t="s">
        <v>27074</v>
      </c>
      <c r="L1822" s="2" t="s">
        <v>27075</v>
      </c>
      <c r="M1822" s="5" t="s">
        <v>24254</v>
      </c>
      <c r="N1822" s="5" t="s">
        <v>38</v>
      </c>
      <c r="O1822" s="5" t="s">
        <v>39</v>
      </c>
      <c r="P1822" s="5" t="s">
        <v>40</v>
      </c>
      <c r="Q1822" s="5" t="s">
        <v>25301</v>
      </c>
      <c r="R1822" s="5" t="s">
        <v>40</v>
      </c>
      <c r="S1822" s="5" t="s">
        <v>42</v>
      </c>
      <c r="T1822" s="2">
        <v>17.757999999999999</v>
      </c>
      <c r="U1822" s="2">
        <v>15.614000000000001</v>
      </c>
      <c r="V1822" s="2">
        <v>0.14899999999999999</v>
      </c>
      <c r="W1822" s="2">
        <v>12</v>
      </c>
      <c r="X1822" s="2">
        <v>62</v>
      </c>
      <c r="Y1822" s="2">
        <v>199.7</v>
      </c>
      <c r="Z1822" s="5">
        <v>8</v>
      </c>
      <c r="AA1822" s="5" t="s">
        <v>43</v>
      </c>
      <c r="AB1822" s="5" t="s">
        <v>44</v>
      </c>
      <c r="AC1822" s="2" t="s">
        <v>29820</v>
      </c>
      <c r="AD1822" s="1"/>
    </row>
    <row r="1823" spans="1:30">
      <c r="A1823" s="5" t="s">
        <v>83578</v>
      </c>
      <c r="B1823" s="2" t="s">
        <v>89065</v>
      </c>
      <c r="C1823" s="14" t="s">
        <v>89066</v>
      </c>
      <c r="D1823" s="2" t="s">
        <v>89067</v>
      </c>
      <c r="E1823" s="2"/>
      <c r="F1823" s="8">
        <v>526</v>
      </c>
      <c r="G1823" s="5">
        <v>25</v>
      </c>
      <c r="H1823" s="5" t="s">
        <v>69</v>
      </c>
      <c r="I1823" s="5" t="s">
        <v>27074</v>
      </c>
      <c r="J1823" s="2" t="s">
        <v>27075</v>
      </c>
      <c r="K1823" s="5" t="s">
        <v>27074</v>
      </c>
      <c r="L1823" s="2" t="s">
        <v>27075</v>
      </c>
      <c r="M1823" s="5" t="s">
        <v>24254</v>
      </c>
      <c r="N1823" s="5" t="s">
        <v>38</v>
      </c>
      <c r="O1823" s="5" t="s">
        <v>39</v>
      </c>
      <c r="P1823" s="5" t="s">
        <v>40</v>
      </c>
      <c r="Q1823" s="5" t="s">
        <v>25301</v>
      </c>
      <c r="R1823" s="5" t="s">
        <v>40</v>
      </c>
      <c r="S1823" s="5" t="s">
        <v>42</v>
      </c>
      <c r="T1823" s="2">
        <v>14.305999999999999</v>
      </c>
      <c r="U1823" s="2">
        <v>12.164999999999999</v>
      </c>
      <c r="V1823" s="2">
        <v>0.157</v>
      </c>
      <c r="W1823" s="2">
        <v>12</v>
      </c>
      <c r="X1823" s="2">
        <v>62</v>
      </c>
      <c r="Y1823" s="2">
        <v>210.9</v>
      </c>
      <c r="Z1823" s="5">
        <v>10</v>
      </c>
      <c r="AA1823" s="5" t="s">
        <v>43</v>
      </c>
      <c r="AB1823" s="5" t="s">
        <v>44</v>
      </c>
      <c r="AC1823" s="2" t="s">
        <v>87942</v>
      </c>
      <c r="AD1823" s="1"/>
    </row>
    <row r="1824" spans="1:30">
      <c r="A1824" s="5" t="s">
        <v>83578</v>
      </c>
      <c r="B1824" s="2" t="s">
        <v>89068</v>
      </c>
      <c r="C1824" s="14" t="s">
        <v>89069</v>
      </c>
      <c r="D1824" s="2" t="s">
        <v>89070</v>
      </c>
      <c r="E1824" s="2"/>
      <c r="F1824" s="8">
        <v>526</v>
      </c>
      <c r="G1824" s="5">
        <v>25</v>
      </c>
      <c r="H1824" s="5" t="s">
        <v>69</v>
      </c>
      <c r="I1824" s="5" t="s">
        <v>27074</v>
      </c>
      <c r="J1824" s="2" t="s">
        <v>27075</v>
      </c>
      <c r="K1824" s="5" t="s">
        <v>27074</v>
      </c>
      <c r="L1824" s="2" t="s">
        <v>27075</v>
      </c>
      <c r="M1824" s="5" t="s">
        <v>24254</v>
      </c>
      <c r="N1824" s="5" t="s">
        <v>38</v>
      </c>
      <c r="O1824" s="5" t="s">
        <v>39</v>
      </c>
      <c r="P1824" s="5" t="s">
        <v>40</v>
      </c>
      <c r="Q1824" s="5" t="s">
        <v>25301</v>
      </c>
      <c r="R1824" s="5" t="s">
        <v>40</v>
      </c>
      <c r="S1824" s="5" t="s">
        <v>42</v>
      </c>
      <c r="T1824" s="2">
        <v>15.39</v>
      </c>
      <c r="U1824" s="2">
        <v>13.249000000000001</v>
      </c>
      <c r="V1824" s="2">
        <v>0.157</v>
      </c>
      <c r="W1824" s="2">
        <v>12</v>
      </c>
      <c r="X1824" s="2">
        <v>62</v>
      </c>
      <c r="Y1824" s="2">
        <v>210.9</v>
      </c>
      <c r="Z1824" s="5">
        <v>10</v>
      </c>
      <c r="AA1824" s="5" t="s">
        <v>43</v>
      </c>
      <c r="AB1824" s="5" t="s">
        <v>44</v>
      </c>
      <c r="AC1824" s="2" t="s">
        <v>30038</v>
      </c>
      <c r="AD1824" s="1"/>
    </row>
    <row r="1825" spans="1:30">
      <c r="A1825" s="5" t="s">
        <v>83578</v>
      </c>
      <c r="B1825" s="2" t="s">
        <v>89071</v>
      </c>
      <c r="C1825" s="14" t="s">
        <v>89072</v>
      </c>
      <c r="D1825" s="2" t="s">
        <v>89073</v>
      </c>
      <c r="E1825" s="2"/>
      <c r="F1825" s="8">
        <v>526</v>
      </c>
      <c r="G1825" s="5">
        <v>25</v>
      </c>
      <c r="H1825" s="5" t="s">
        <v>69</v>
      </c>
      <c r="I1825" s="5" t="s">
        <v>27074</v>
      </c>
      <c r="J1825" s="2" t="s">
        <v>27075</v>
      </c>
      <c r="K1825" s="5" t="s">
        <v>27074</v>
      </c>
      <c r="L1825" s="2" t="s">
        <v>27075</v>
      </c>
      <c r="M1825" s="5" t="s">
        <v>24254</v>
      </c>
      <c r="N1825" s="5" t="s">
        <v>38</v>
      </c>
      <c r="O1825" s="5" t="s">
        <v>39</v>
      </c>
      <c r="P1825" s="5" t="s">
        <v>40</v>
      </c>
      <c r="Q1825" s="5" t="s">
        <v>25301</v>
      </c>
      <c r="R1825" s="5" t="s">
        <v>40</v>
      </c>
      <c r="S1825" s="5" t="s">
        <v>42</v>
      </c>
      <c r="T1825" s="2">
        <v>10.276999999999999</v>
      </c>
      <c r="U1825" s="2">
        <v>7.5590000000000002</v>
      </c>
      <c r="V1825" s="2">
        <v>0.14899999999999999</v>
      </c>
      <c r="W1825" s="2">
        <v>12</v>
      </c>
      <c r="X1825" s="2">
        <v>62</v>
      </c>
      <c r="Y1825" s="2">
        <v>199.7</v>
      </c>
      <c r="Z1825" s="5">
        <v>10</v>
      </c>
      <c r="AA1825" s="5" t="s">
        <v>43</v>
      </c>
      <c r="AB1825" s="5" t="s">
        <v>44</v>
      </c>
      <c r="AC1825" s="2" t="s">
        <v>87949</v>
      </c>
      <c r="AD1825" s="1"/>
    </row>
    <row r="1826" spans="1:30">
      <c r="A1826" s="5" t="s">
        <v>83578</v>
      </c>
      <c r="B1826" s="2" t="s">
        <v>89074</v>
      </c>
      <c r="C1826" s="14" t="s">
        <v>89075</v>
      </c>
      <c r="D1826" s="2" t="s">
        <v>89076</v>
      </c>
      <c r="E1826" s="2"/>
      <c r="F1826" s="8">
        <v>526</v>
      </c>
      <c r="G1826" s="5">
        <v>25</v>
      </c>
      <c r="H1826" s="5" t="s">
        <v>69</v>
      </c>
      <c r="I1826" s="5" t="s">
        <v>27074</v>
      </c>
      <c r="J1826" s="2" t="s">
        <v>27075</v>
      </c>
      <c r="K1826" s="5" t="s">
        <v>27074</v>
      </c>
      <c r="L1826" s="2" t="s">
        <v>27075</v>
      </c>
      <c r="M1826" s="5" t="s">
        <v>24254</v>
      </c>
      <c r="N1826" s="5" t="s">
        <v>38</v>
      </c>
      <c r="O1826" s="5" t="s">
        <v>39</v>
      </c>
      <c r="P1826" s="5" t="s">
        <v>40</v>
      </c>
      <c r="Q1826" s="5" t="s">
        <v>25301</v>
      </c>
      <c r="R1826" s="5" t="s">
        <v>40</v>
      </c>
      <c r="S1826" s="5" t="s">
        <v>42</v>
      </c>
      <c r="T1826" s="2">
        <v>11.363</v>
      </c>
      <c r="U1826" s="2">
        <v>8.6449999999999996</v>
      </c>
      <c r="V1826" s="2">
        <v>0.14899999999999999</v>
      </c>
      <c r="W1826" s="2">
        <v>12</v>
      </c>
      <c r="X1826" s="2">
        <v>62</v>
      </c>
      <c r="Y1826" s="2">
        <v>199.7</v>
      </c>
      <c r="Z1826" s="5">
        <v>10</v>
      </c>
      <c r="AA1826" s="5" t="s">
        <v>43</v>
      </c>
      <c r="AB1826" s="5" t="s">
        <v>44</v>
      </c>
      <c r="AC1826" s="2" t="s">
        <v>30042</v>
      </c>
      <c r="AD1826" s="1"/>
    </row>
    <row r="1827" spans="1:30">
      <c r="A1827" s="5" t="s">
        <v>83578</v>
      </c>
      <c r="B1827" s="2" t="s">
        <v>89077</v>
      </c>
      <c r="C1827" s="14" t="s">
        <v>89078</v>
      </c>
      <c r="D1827" s="2" t="s">
        <v>89079</v>
      </c>
      <c r="E1827" s="2"/>
      <c r="F1827" s="8">
        <v>526</v>
      </c>
      <c r="G1827" s="5">
        <v>25</v>
      </c>
      <c r="H1827" s="5" t="s">
        <v>69</v>
      </c>
      <c r="I1827" s="5" t="s">
        <v>27074</v>
      </c>
      <c r="J1827" s="2" t="s">
        <v>27075</v>
      </c>
      <c r="K1827" s="5" t="s">
        <v>27074</v>
      </c>
      <c r="L1827" s="2" t="s">
        <v>27075</v>
      </c>
      <c r="M1827" s="5" t="s">
        <v>24254</v>
      </c>
      <c r="N1827" s="5" t="s">
        <v>38</v>
      </c>
      <c r="O1827" s="5" t="s">
        <v>39</v>
      </c>
      <c r="P1827" s="5" t="s">
        <v>40</v>
      </c>
      <c r="Q1827" s="5" t="s">
        <v>25301</v>
      </c>
      <c r="R1827" s="5" t="s">
        <v>40</v>
      </c>
      <c r="S1827" s="5" t="s">
        <v>42</v>
      </c>
      <c r="T1827" s="2">
        <v>13.07</v>
      </c>
      <c r="U1827" s="2">
        <v>10.352</v>
      </c>
      <c r="V1827" s="2">
        <v>0.14899999999999999</v>
      </c>
      <c r="W1827" s="2">
        <v>12</v>
      </c>
      <c r="X1827" s="2">
        <v>62</v>
      </c>
      <c r="Y1827" s="2">
        <v>199.7</v>
      </c>
      <c r="Z1827" s="5">
        <v>10</v>
      </c>
      <c r="AA1827" s="5" t="s">
        <v>43</v>
      </c>
      <c r="AB1827" s="5" t="s">
        <v>44</v>
      </c>
      <c r="AC1827" s="2" t="s">
        <v>87949</v>
      </c>
      <c r="AD1827" s="1"/>
    </row>
    <row r="1828" spans="1:30">
      <c r="A1828" s="5" t="s">
        <v>83578</v>
      </c>
      <c r="B1828" s="2" t="s">
        <v>89080</v>
      </c>
      <c r="C1828" s="14" t="s">
        <v>89081</v>
      </c>
      <c r="D1828" s="2" t="s">
        <v>89082</v>
      </c>
      <c r="E1828" s="2"/>
      <c r="F1828" s="8">
        <v>526</v>
      </c>
      <c r="G1828" s="5">
        <v>25</v>
      </c>
      <c r="H1828" s="5" t="s">
        <v>69</v>
      </c>
      <c r="I1828" s="5" t="s">
        <v>27074</v>
      </c>
      <c r="J1828" s="2" t="s">
        <v>27075</v>
      </c>
      <c r="K1828" s="5" t="s">
        <v>27074</v>
      </c>
      <c r="L1828" s="2" t="s">
        <v>27075</v>
      </c>
      <c r="M1828" s="5" t="s">
        <v>24254</v>
      </c>
      <c r="N1828" s="5" t="s">
        <v>38</v>
      </c>
      <c r="O1828" s="5" t="s">
        <v>39</v>
      </c>
      <c r="P1828" s="5" t="s">
        <v>40</v>
      </c>
      <c r="Q1828" s="5" t="s">
        <v>25301</v>
      </c>
      <c r="R1828" s="5" t="s">
        <v>40</v>
      </c>
      <c r="S1828" s="5" t="s">
        <v>42</v>
      </c>
      <c r="T1828" s="2">
        <v>14.24</v>
      </c>
      <c r="U1828" s="2">
        <v>11.522</v>
      </c>
      <c r="V1828" s="2">
        <v>0.14899999999999999</v>
      </c>
      <c r="W1828" s="2">
        <v>12</v>
      </c>
      <c r="X1828" s="2">
        <v>62</v>
      </c>
      <c r="Y1828" s="2">
        <v>199.7</v>
      </c>
      <c r="Z1828" s="5">
        <v>10</v>
      </c>
      <c r="AA1828" s="5" t="s">
        <v>43</v>
      </c>
      <c r="AB1828" s="5" t="s">
        <v>44</v>
      </c>
      <c r="AC1828" s="2" t="s">
        <v>30042</v>
      </c>
      <c r="AD1828" s="1"/>
    </row>
    <row r="1829" spans="1:30">
      <c r="A1829" s="5" t="s">
        <v>83578</v>
      </c>
      <c r="B1829" s="2" t="s">
        <v>89083</v>
      </c>
      <c r="C1829" s="14" t="s">
        <v>89084</v>
      </c>
      <c r="D1829" s="2" t="s">
        <v>89085</v>
      </c>
      <c r="E1829" s="2" t="s">
        <v>30524</v>
      </c>
      <c r="F1829" s="8">
        <v>300</v>
      </c>
      <c r="G1829" s="5">
        <v>10</v>
      </c>
      <c r="H1829" s="5" t="s">
        <v>69</v>
      </c>
      <c r="I1829" s="5" t="s">
        <v>27074</v>
      </c>
      <c r="J1829" s="2" t="s">
        <v>27075</v>
      </c>
      <c r="K1829" s="5" t="s">
        <v>27074</v>
      </c>
      <c r="L1829" s="2" t="s">
        <v>27075</v>
      </c>
      <c r="M1829" s="5" t="s">
        <v>24254</v>
      </c>
      <c r="N1829" s="5" t="s">
        <v>38</v>
      </c>
      <c r="O1829" s="5" t="s">
        <v>39</v>
      </c>
      <c r="P1829" s="5" t="s">
        <v>40</v>
      </c>
      <c r="Q1829" s="5" t="s">
        <v>24340</v>
      </c>
      <c r="R1829" s="5" t="s">
        <v>40</v>
      </c>
      <c r="S1829" s="5" t="s">
        <v>42</v>
      </c>
      <c r="T1829" s="2">
        <v>12.61</v>
      </c>
      <c r="U1829" s="2">
        <v>11.265000000000001</v>
      </c>
      <c r="V1829" s="2">
        <v>6.9000000000000006E-2</v>
      </c>
      <c r="W1829" s="2">
        <v>12</v>
      </c>
      <c r="X1829" s="2">
        <v>50</v>
      </c>
      <c r="Y1829" s="2">
        <v>114.9</v>
      </c>
      <c r="Z1829" s="5">
        <v>8</v>
      </c>
      <c r="AA1829" s="5" t="s">
        <v>43</v>
      </c>
      <c r="AB1829" s="5" t="s">
        <v>44</v>
      </c>
      <c r="AC1829" s="2" t="s">
        <v>30525</v>
      </c>
      <c r="AD1829" s="1"/>
    </row>
    <row r="1830" spans="1:30">
      <c r="A1830" s="5" t="s">
        <v>83578</v>
      </c>
      <c r="B1830" s="2" t="s">
        <v>89086</v>
      </c>
      <c r="C1830" s="14" t="s">
        <v>89087</v>
      </c>
      <c r="D1830" s="2" t="s">
        <v>89088</v>
      </c>
      <c r="E1830" s="2" t="s">
        <v>30595</v>
      </c>
      <c r="F1830" s="8">
        <v>300</v>
      </c>
      <c r="G1830" s="5">
        <v>10</v>
      </c>
      <c r="H1830" s="5" t="s">
        <v>69</v>
      </c>
      <c r="I1830" s="5" t="s">
        <v>27074</v>
      </c>
      <c r="J1830" s="2" t="s">
        <v>27075</v>
      </c>
      <c r="K1830" s="5" t="s">
        <v>27074</v>
      </c>
      <c r="L1830" s="2" t="s">
        <v>27075</v>
      </c>
      <c r="M1830" s="5" t="s">
        <v>24254</v>
      </c>
      <c r="N1830" s="5" t="s">
        <v>38</v>
      </c>
      <c r="O1830" s="5" t="s">
        <v>39</v>
      </c>
      <c r="P1830" s="5" t="s">
        <v>40</v>
      </c>
      <c r="Q1830" s="5" t="s">
        <v>24340</v>
      </c>
      <c r="R1830" s="5" t="s">
        <v>40</v>
      </c>
      <c r="S1830" s="5" t="s">
        <v>42</v>
      </c>
      <c r="T1830" s="2">
        <v>8.7769999999999992</v>
      </c>
      <c r="U1830" s="2">
        <v>7.4610000000000003</v>
      </c>
      <c r="V1830" s="2">
        <v>6.9000000000000006E-2</v>
      </c>
      <c r="W1830" s="2">
        <v>12</v>
      </c>
      <c r="X1830" s="2">
        <v>50</v>
      </c>
      <c r="Y1830" s="2">
        <v>114.9</v>
      </c>
      <c r="Z1830" s="5">
        <v>8</v>
      </c>
      <c r="AA1830" s="5" t="s">
        <v>43</v>
      </c>
      <c r="AB1830" s="5" t="s">
        <v>44</v>
      </c>
      <c r="AC1830" s="2" t="s">
        <v>30525</v>
      </c>
      <c r="AD1830" s="1"/>
    </row>
    <row r="1831" spans="1:30">
      <c r="A1831" s="5" t="s">
        <v>83578</v>
      </c>
      <c r="B1831" s="2" t="s">
        <v>89089</v>
      </c>
      <c r="C1831" s="14" t="s">
        <v>89090</v>
      </c>
      <c r="D1831" s="2" t="s">
        <v>89091</v>
      </c>
      <c r="E1831" s="2" t="s">
        <v>30529</v>
      </c>
      <c r="F1831" s="8">
        <v>300</v>
      </c>
      <c r="G1831" s="5">
        <v>10</v>
      </c>
      <c r="H1831" s="5" t="s">
        <v>69</v>
      </c>
      <c r="I1831" s="5" t="s">
        <v>27074</v>
      </c>
      <c r="J1831" s="2" t="s">
        <v>27075</v>
      </c>
      <c r="K1831" s="5" t="s">
        <v>27074</v>
      </c>
      <c r="L1831" s="2" t="s">
        <v>27075</v>
      </c>
      <c r="M1831" s="5" t="s">
        <v>24254</v>
      </c>
      <c r="N1831" s="5" t="s">
        <v>38</v>
      </c>
      <c r="O1831" s="5" t="s">
        <v>39</v>
      </c>
      <c r="P1831" s="5" t="s">
        <v>40</v>
      </c>
      <c r="Q1831" s="5" t="s">
        <v>24340</v>
      </c>
      <c r="R1831" s="5" t="s">
        <v>40</v>
      </c>
      <c r="S1831" s="5" t="s">
        <v>42</v>
      </c>
      <c r="T1831" s="2">
        <v>6.2320000000000002</v>
      </c>
      <c r="U1831" s="2">
        <v>4.9960000000000004</v>
      </c>
      <c r="V1831" s="2">
        <v>6.9000000000000006E-2</v>
      </c>
      <c r="W1831" s="2">
        <v>12</v>
      </c>
      <c r="X1831" s="2">
        <v>50</v>
      </c>
      <c r="Y1831" s="2">
        <v>114.9</v>
      </c>
      <c r="Z1831" s="5">
        <v>8</v>
      </c>
      <c r="AA1831" s="5" t="s">
        <v>43</v>
      </c>
      <c r="AB1831" s="5" t="s">
        <v>44</v>
      </c>
      <c r="AC1831" s="2" t="s">
        <v>30525</v>
      </c>
      <c r="AD1831" s="1"/>
    </row>
    <row r="1832" spans="1:30">
      <c r="A1832" s="5" t="s">
        <v>83578</v>
      </c>
      <c r="B1832" s="2" t="s">
        <v>89092</v>
      </c>
      <c r="C1832" s="14" t="s">
        <v>89093</v>
      </c>
      <c r="D1832" s="2" t="s">
        <v>89094</v>
      </c>
      <c r="E1832" s="2" t="s">
        <v>30650</v>
      </c>
      <c r="F1832" s="8">
        <v>300</v>
      </c>
      <c r="G1832" s="5">
        <v>10</v>
      </c>
      <c r="H1832" s="5" t="s">
        <v>69</v>
      </c>
      <c r="I1832" s="5" t="s">
        <v>27074</v>
      </c>
      <c r="J1832" s="2" t="s">
        <v>27075</v>
      </c>
      <c r="K1832" s="5" t="s">
        <v>27074</v>
      </c>
      <c r="L1832" s="2" t="s">
        <v>27075</v>
      </c>
      <c r="M1832" s="5" t="s">
        <v>24254</v>
      </c>
      <c r="N1832" s="5" t="s">
        <v>38</v>
      </c>
      <c r="O1832" s="5" t="s">
        <v>39</v>
      </c>
      <c r="P1832" s="5" t="s">
        <v>40</v>
      </c>
      <c r="Q1832" s="5" t="s">
        <v>24340</v>
      </c>
      <c r="R1832" s="5" t="s">
        <v>40</v>
      </c>
      <c r="S1832" s="5" t="s">
        <v>42</v>
      </c>
      <c r="T1832" s="2">
        <v>9.1449999999999996</v>
      </c>
      <c r="U1832" s="2">
        <v>7.8330000000000002</v>
      </c>
      <c r="V1832" s="2">
        <v>6.9000000000000006E-2</v>
      </c>
      <c r="W1832" s="2">
        <v>12</v>
      </c>
      <c r="X1832" s="2">
        <v>50</v>
      </c>
      <c r="Y1832" s="2">
        <v>114.9</v>
      </c>
      <c r="Z1832" s="5">
        <v>10</v>
      </c>
      <c r="AA1832" s="5" t="s">
        <v>43</v>
      </c>
      <c r="AB1832" s="5" t="s">
        <v>44</v>
      </c>
      <c r="AC1832" s="2" t="s">
        <v>30651</v>
      </c>
      <c r="AD1832" s="1"/>
    </row>
    <row r="1833" spans="1:30">
      <c r="A1833" s="5" t="s">
        <v>83578</v>
      </c>
      <c r="B1833" s="2" t="s">
        <v>89095</v>
      </c>
      <c r="C1833" s="14" t="s">
        <v>89096</v>
      </c>
      <c r="D1833" s="2" t="s">
        <v>89097</v>
      </c>
      <c r="E1833" s="2" t="s">
        <v>30650</v>
      </c>
      <c r="F1833" s="8">
        <v>300</v>
      </c>
      <c r="G1833" s="5">
        <v>10</v>
      </c>
      <c r="H1833" s="5" t="s">
        <v>69</v>
      </c>
      <c r="I1833" s="5" t="s">
        <v>27074</v>
      </c>
      <c r="J1833" s="2" t="s">
        <v>27075</v>
      </c>
      <c r="K1833" s="5" t="s">
        <v>27074</v>
      </c>
      <c r="L1833" s="2" t="s">
        <v>27075</v>
      </c>
      <c r="M1833" s="5" t="s">
        <v>24254</v>
      </c>
      <c r="N1833" s="5" t="s">
        <v>38</v>
      </c>
      <c r="O1833" s="5" t="s">
        <v>39</v>
      </c>
      <c r="P1833" s="5" t="s">
        <v>40</v>
      </c>
      <c r="Q1833" s="5" t="s">
        <v>24340</v>
      </c>
      <c r="R1833" s="5" t="s">
        <v>40</v>
      </c>
      <c r="S1833" s="5" t="s">
        <v>42</v>
      </c>
      <c r="T1833" s="2">
        <v>9.7739999999999991</v>
      </c>
      <c r="U1833" s="2">
        <v>8.3529999999999998</v>
      </c>
      <c r="V1833" s="2">
        <v>7.5999999999999998E-2</v>
      </c>
      <c r="W1833" s="2">
        <v>12</v>
      </c>
      <c r="X1833" s="2">
        <v>50</v>
      </c>
      <c r="Y1833" s="2">
        <v>125.9</v>
      </c>
      <c r="Z1833" s="5">
        <v>10</v>
      </c>
      <c r="AA1833" s="5" t="s">
        <v>43</v>
      </c>
      <c r="AB1833" s="5" t="s">
        <v>44</v>
      </c>
      <c r="AC1833" s="2" t="s">
        <v>30846</v>
      </c>
      <c r="AD1833" s="1"/>
    </row>
    <row r="1834" spans="1:30">
      <c r="A1834" s="5" t="s">
        <v>83578</v>
      </c>
      <c r="B1834" s="2" t="s">
        <v>89098</v>
      </c>
      <c r="C1834" s="14" t="s">
        <v>89099</v>
      </c>
      <c r="D1834" s="2" t="s">
        <v>89100</v>
      </c>
      <c r="E1834" s="2" t="s">
        <v>30655</v>
      </c>
      <c r="F1834" s="8">
        <v>300</v>
      </c>
      <c r="G1834" s="5">
        <v>10</v>
      </c>
      <c r="H1834" s="5" t="s">
        <v>69</v>
      </c>
      <c r="I1834" s="5" t="s">
        <v>27074</v>
      </c>
      <c r="J1834" s="2" t="s">
        <v>27075</v>
      </c>
      <c r="K1834" s="5" t="s">
        <v>27074</v>
      </c>
      <c r="L1834" s="2" t="s">
        <v>27075</v>
      </c>
      <c r="M1834" s="5" t="s">
        <v>24254</v>
      </c>
      <c r="N1834" s="5" t="s">
        <v>38</v>
      </c>
      <c r="O1834" s="5" t="s">
        <v>39</v>
      </c>
      <c r="P1834" s="5" t="s">
        <v>40</v>
      </c>
      <c r="Q1834" s="5" t="s">
        <v>24340</v>
      </c>
      <c r="R1834" s="5" t="s">
        <v>40</v>
      </c>
      <c r="S1834" s="5" t="s">
        <v>42</v>
      </c>
      <c r="T1834" s="2">
        <v>6.1580000000000004</v>
      </c>
      <c r="U1834" s="2">
        <v>4.8460000000000001</v>
      </c>
      <c r="V1834" s="2">
        <v>6.9000000000000006E-2</v>
      </c>
      <c r="W1834" s="2">
        <v>12</v>
      </c>
      <c r="X1834" s="2">
        <v>50</v>
      </c>
      <c r="Y1834" s="2">
        <v>114.9</v>
      </c>
      <c r="Z1834" s="5">
        <v>10</v>
      </c>
      <c r="AA1834" s="5" t="s">
        <v>43</v>
      </c>
      <c r="AB1834" s="5" t="s">
        <v>44</v>
      </c>
      <c r="AC1834" s="2" t="s">
        <v>30656</v>
      </c>
      <c r="AD1834" s="1"/>
    </row>
    <row r="1835" spans="1:30">
      <c r="A1835" s="5" t="s">
        <v>83578</v>
      </c>
      <c r="B1835" s="2" t="s">
        <v>89101</v>
      </c>
      <c r="C1835" s="14" t="s">
        <v>89102</v>
      </c>
      <c r="D1835" s="2" t="s">
        <v>89103</v>
      </c>
      <c r="E1835" s="2" t="s">
        <v>30655</v>
      </c>
      <c r="F1835" s="8">
        <v>300</v>
      </c>
      <c r="G1835" s="5">
        <v>10</v>
      </c>
      <c r="H1835" s="5" t="s">
        <v>69</v>
      </c>
      <c r="I1835" s="5" t="s">
        <v>27074</v>
      </c>
      <c r="J1835" s="2" t="s">
        <v>27075</v>
      </c>
      <c r="K1835" s="5" t="s">
        <v>27074</v>
      </c>
      <c r="L1835" s="2" t="s">
        <v>27075</v>
      </c>
      <c r="M1835" s="5" t="s">
        <v>24254</v>
      </c>
      <c r="N1835" s="5" t="s">
        <v>38</v>
      </c>
      <c r="O1835" s="5" t="s">
        <v>39</v>
      </c>
      <c r="P1835" s="5" t="s">
        <v>40</v>
      </c>
      <c r="Q1835" s="5" t="s">
        <v>24340</v>
      </c>
      <c r="R1835" s="5" t="s">
        <v>40</v>
      </c>
      <c r="S1835" s="5" t="s">
        <v>42</v>
      </c>
      <c r="T1835" s="2">
        <v>6.6859999999999999</v>
      </c>
      <c r="U1835" s="2">
        <v>5.3739999999999997</v>
      </c>
      <c r="V1835" s="2">
        <v>6.9000000000000006E-2</v>
      </c>
      <c r="W1835" s="2">
        <v>12</v>
      </c>
      <c r="X1835" s="2">
        <v>50</v>
      </c>
      <c r="Y1835" s="2">
        <v>114.9</v>
      </c>
      <c r="Z1835" s="5">
        <v>10</v>
      </c>
      <c r="AA1835" s="5" t="s">
        <v>43</v>
      </c>
      <c r="AB1835" s="5" t="s">
        <v>44</v>
      </c>
      <c r="AC1835" s="2" t="s">
        <v>30534</v>
      </c>
      <c r="AD1835" s="1"/>
    </row>
    <row r="1836" spans="1:30">
      <c r="A1836" s="5" t="s">
        <v>83578</v>
      </c>
      <c r="B1836" s="2" t="s">
        <v>89104</v>
      </c>
      <c r="C1836" s="14" t="s">
        <v>89105</v>
      </c>
      <c r="D1836" s="2" t="s">
        <v>89106</v>
      </c>
      <c r="E1836" s="2" t="s">
        <v>30533</v>
      </c>
      <c r="F1836" s="8">
        <v>300</v>
      </c>
      <c r="G1836" s="5">
        <v>10</v>
      </c>
      <c r="H1836" s="5" t="s">
        <v>69</v>
      </c>
      <c r="I1836" s="5" t="s">
        <v>27074</v>
      </c>
      <c r="J1836" s="2" t="s">
        <v>27075</v>
      </c>
      <c r="K1836" s="5" t="s">
        <v>27074</v>
      </c>
      <c r="L1836" s="2" t="s">
        <v>27075</v>
      </c>
      <c r="M1836" s="5" t="s">
        <v>24254</v>
      </c>
      <c r="N1836" s="5" t="s">
        <v>38</v>
      </c>
      <c r="O1836" s="5" t="s">
        <v>39</v>
      </c>
      <c r="P1836" s="5" t="s">
        <v>40</v>
      </c>
      <c r="Q1836" s="5" t="s">
        <v>24340</v>
      </c>
      <c r="R1836" s="5" t="s">
        <v>40</v>
      </c>
      <c r="S1836" s="5" t="s">
        <v>42</v>
      </c>
      <c r="T1836" s="2">
        <v>8.0879999999999992</v>
      </c>
      <c r="U1836" s="2">
        <v>6.6120000000000001</v>
      </c>
      <c r="V1836" s="2">
        <v>7.5999999999999998E-2</v>
      </c>
      <c r="W1836" s="2">
        <v>12</v>
      </c>
      <c r="X1836" s="2">
        <v>50</v>
      </c>
      <c r="Y1836" s="2">
        <v>125.9</v>
      </c>
      <c r="Z1836" s="5">
        <v>10</v>
      </c>
      <c r="AA1836" s="5" t="s">
        <v>43</v>
      </c>
      <c r="AB1836" s="5" t="s">
        <v>44</v>
      </c>
      <c r="AC1836" s="2" t="s">
        <v>30656</v>
      </c>
      <c r="AD1836" s="1"/>
    </row>
    <row r="1837" spans="1:30">
      <c r="A1837" s="5" t="s">
        <v>83578</v>
      </c>
      <c r="B1837" s="2" t="s">
        <v>89107</v>
      </c>
      <c r="C1837" s="14" t="s">
        <v>89108</v>
      </c>
      <c r="D1837" s="2" t="s">
        <v>89109</v>
      </c>
      <c r="E1837" s="2" t="s">
        <v>30533</v>
      </c>
      <c r="F1837" s="8">
        <v>300</v>
      </c>
      <c r="G1837" s="5">
        <v>10</v>
      </c>
      <c r="H1837" s="5" t="s">
        <v>69</v>
      </c>
      <c r="I1837" s="5" t="s">
        <v>27074</v>
      </c>
      <c r="J1837" s="2" t="s">
        <v>27075</v>
      </c>
      <c r="K1837" s="5" t="s">
        <v>27074</v>
      </c>
      <c r="L1837" s="2" t="s">
        <v>27075</v>
      </c>
      <c r="M1837" s="5" t="s">
        <v>24254</v>
      </c>
      <c r="N1837" s="5" t="s">
        <v>38</v>
      </c>
      <c r="O1837" s="5" t="s">
        <v>39</v>
      </c>
      <c r="P1837" s="5" t="s">
        <v>40</v>
      </c>
      <c r="Q1837" s="5" t="s">
        <v>24340</v>
      </c>
      <c r="R1837" s="5" t="s">
        <v>40</v>
      </c>
      <c r="S1837" s="5" t="s">
        <v>42</v>
      </c>
      <c r="T1837" s="2">
        <v>8.8580000000000005</v>
      </c>
      <c r="U1837" s="2">
        <v>7.3819999999999997</v>
      </c>
      <c r="V1837" s="2">
        <v>7.5999999999999998E-2</v>
      </c>
      <c r="W1837" s="2">
        <v>12</v>
      </c>
      <c r="X1837" s="2">
        <v>50</v>
      </c>
      <c r="Y1837" s="2">
        <v>125.9</v>
      </c>
      <c r="Z1837" s="5">
        <v>10</v>
      </c>
      <c r="AA1837" s="5" t="s">
        <v>43</v>
      </c>
      <c r="AB1837" s="5" t="s">
        <v>44</v>
      </c>
      <c r="AC1837" s="2" t="s">
        <v>30534</v>
      </c>
      <c r="AD1837" s="1"/>
    </row>
    <row r="1838" spans="1:30">
      <c r="A1838" s="5" t="s">
        <v>83578</v>
      </c>
      <c r="B1838" s="2" t="s">
        <v>89110</v>
      </c>
      <c r="C1838" s="14" t="s">
        <v>89111</v>
      </c>
      <c r="D1838" s="2" t="s">
        <v>89112</v>
      </c>
      <c r="E1838" s="2" t="s">
        <v>30541</v>
      </c>
      <c r="F1838" s="8">
        <v>300</v>
      </c>
      <c r="G1838" s="5">
        <v>10</v>
      </c>
      <c r="H1838" s="5" t="s">
        <v>69</v>
      </c>
      <c r="I1838" s="5" t="s">
        <v>27074</v>
      </c>
      <c r="J1838" s="2" t="s">
        <v>27075</v>
      </c>
      <c r="K1838" s="5" t="s">
        <v>27074</v>
      </c>
      <c r="L1838" s="2" t="s">
        <v>27075</v>
      </c>
      <c r="M1838" s="5" t="s">
        <v>24254</v>
      </c>
      <c r="N1838" s="5" t="s">
        <v>38</v>
      </c>
      <c r="O1838" s="5" t="s">
        <v>39</v>
      </c>
      <c r="P1838" s="5" t="s">
        <v>40</v>
      </c>
      <c r="Q1838" s="5" t="s">
        <v>25301</v>
      </c>
      <c r="R1838" s="5" t="s">
        <v>40</v>
      </c>
      <c r="S1838" s="5" t="s">
        <v>42</v>
      </c>
      <c r="T1838" s="2">
        <v>12.167999999999999</v>
      </c>
      <c r="U1838" s="2">
        <v>10.821999999999999</v>
      </c>
      <c r="V1838" s="2">
        <v>6.9000000000000006E-2</v>
      </c>
      <c r="W1838" s="2">
        <v>12</v>
      </c>
      <c r="X1838" s="2">
        <v>50</v>
      </c>
      <c r="Y1838" s="2">
        <v>114.9</v>
      </c>
      <c r="Z1838" s="5">
        <v>8</v>
      </c>
      <c r="AA1838" s="5" t="s">
        <v>43</v>
      </c>
      <c r="AB1838" s="5" t="s">
        <v>44</v>
      </c>
      <c r="AC1838" s="2" t="s">
        <v>30542</v>
      </c>
      <c r="AD1838" s="1"/>
    </row>
    <row r="1839" spans="1:30">
      <c r="A1839" s="5" t="s">
        <v>83578</v>
      </c>
      <c r="B1839" s="2" t="s">
        <v>89113</v>
      </c>
      <c r="C1839" s="14" t="s">
        <v>89114</v>
      </c>
      <c r="D1839" s="2" t="s">
        <v>89115</v>
      </c>
      <c r="E1839" s="2" t="s">
        <v>30862</v>
      </c>
      <c r="F1839" s="8">
        <v>300</v>
      </c>
      <c r="G1839" s="5">
        <v>10</v>
      </c>
      <c r="H1839" s="5" t="s">
        <v>69</v>
      </c>
      <c r="I1839" s="5" t="s">
        <v>27074</v>
      </c>
      <c r="J1839" s="2" t="s">
        <v>27075</v>
      </c>
      <c r="K1839" s="5" t="s">
        <v>27074</v>
      </c>
      <c r="L1839" s="2" t="s">
        <v>27075</v>
      </c>
      <c r="M1839" s="5" t="s">
        <v>24254</v>
      </c>
      <c r="N1839" s="5" t="s">
        <v>38</v>
      </c>
      <c r="O1839" s="5" t="s">
        <v>39</v>
      </c>
      <c r="P1839" s="5" t="s">
        <v>40</v>
      </c>
      <c r="Q1839" s="5" t="s">
        <v>25301</v>
      </c>
      <c r="R1839" s="5" t="s">
        <v>40</v>
      </c>
      <c r="S1839" s="5" t="s">
        <v>42</v>
      </c>
      <c r="T1839" s="2">
        <v>8.9329999999999998</v>
      </c>
      <c r="U1839" s="2">
        <v>7.6159999999999997</v>
      </c>
      <c r="V1839" s="2">
        <v>6.9000000000000006E-2</v>
      </c>
      <c r="W1839" s="2">
        <v>12</v>
      </c>
      <c r="X1839" s="2">
        <v>50</v>
      </c>
      <c r="Y1839" s="2">
        <v>114.9</v>
      </c>
      <c r="Z1839" s="5">
        <v>8</v>
      </c>
      <c r="AA1839" s="5" t="s">
        <v>43</v>
      </c>
      <c r="AB1839" s="5" t="s">
        <v>44</v>
      </c>
      <c r="AC1839" s="2" t="s">
        <v>30542</v>
      </c>
      <c r="AD1839" s="1"/>
    </row>
    <row r="1840" spans="1:30">
      <c r="A1840" s="5" t="s">
        <v>83578</v>
      </c>
      <c r="B1840" s="2" t="s">
        <v>89116</v>
      </c>
      <c r="C1840" s="14" t="s">
        <v>89117</v>
      </c>
      <c r="D1840" s="2" t="s">
        <v>89118</v>
      </c>
      <c r="E1840" s="2" t="s">
        <v>30546</v>
      </c>
      <c r="F1840" s="8">
        <v>300</v>
      </c>
      <c r="G1840" s="5">
        <v>10</v>
      </c>
      <c r="H1840" s="5" t="s">
        <v>69</v>
      </c>
      <c r="I1840" s="5" t="s">
        <v>27074</v>
      </c>
      <c r="J1840" s="2" t="s">
        <v>27075</v>
      </c>
      <c r="K1840" s="5" t="s">
        <v>27074</v>
      </c>
      <c r="L1840" s="2" t="s">
        <v>27075</v>
      </c>
      <c r="M1840" s="5" t="s">
        <v>24254</v>
      </c>
      <c r="N1840" s="5" t="s">
        <v>38</v>
      </c>
      <c r="O1840" s="5" t="s">
        <v>39</v>
      </c>
      <c r="P1840" s="5" t="s">
        <v>40</v>
      </c>
      <c r="Q1840" s="5" t="s">
        <v>25301</v>
      </c>
      <c r="R1840" s="5" t="s">
        <v>40</v>
      </c>
      <c r="S1840" s="5" t="s">
        <v>42</v>
      </c>
      <c r="T1840" s="2">
        <v>5.7670000000000003</v>
      </c>
      <c r="U1840" s="2">
        <v>4.53</v>
      </c>
      <c r="V1840" s="2">
        <v>6.9000000000000006E-2</v>
      </c>
      <c r="W1840" s="2">
        <v>12</v>
      </c>
      <c r="X1840" s="2">
        <v>50</v>
      </c>
      <c r="Y1840" s="2">
        <v>114.9</v>
      </c>
      <c r="Z1840" s="5">
        <v>8</v>
      </c>
      <c r="AA1840" s="5" t="s">
        <v>43</v>
      </c>
      <c r="AB1840" s="5" t="s">
        <v>44</v>
      </c>
      <c r="AC1840" s="2" t="s">
        <v>30542</v>
      </c>
      <c r="AD1840" s="1"/>
    </row>
    <row r="1841" spans="1:30">
      <c r="A1841" s="5" t="s">
        <v>83578</v>
      </c>
      <c r="B1841" s="2" t="s">
        <v>89119</v>
      </c>
      <c r="C1841" s="14" t="s">
        <v>89120</v>
      </c>
      <c r="D1841" s="2" t="s">
        <v>89121</v>
      </c>
      <c r="E1841" s="2" t="s">
        <v>31004</v>
      </c>
      <c r="F1841" s="8">
        <v>300</v>
      </c>
      <c r="G1841" s="5">
        <v>10</v>
      </c>
      <c r="H1841" s="5" t="s">
        <v>69</v>
      </c>
      <c r="I1841" s="5" t="s">
        <v>27074</v>
      </c>
      <c r="J1841" s="2" t="s">
        <v>27075</v>
      </c>
      <c r="K1841" s="5" t="s">
        <v>27074</v>
      </c>
      <c r="L1841" s="2" t="s">
        <v>27075</v>
      </c>
      <c r="M1841" s="5" t="s">
        <v>24254</v>
      </c>
      <c r="N1841" s="5" t="s">
        <v>38</v>
      </c>
      <c r="O1841" s="5" t="s">
        <v>39</v>
      </c>
      <c r="P1841" s="5" t="s">
        <v>40</v>
      </c>
      <c r="Q1841" s="5" t="s">
        <v>25301</v>
      </c>
      <c r="R1841" s="5" t="s">
        <v>40</v>
      </c>
      <c r="S1841" s="5" t="s">
        <v>42</v>
      </c>
      <c r="T1841" s="2">
        <v>7.9329999999999998</v>
      </c>
      <c r="U1841" s="2">
        <v>6.62</v>
      </c>
      <c r="V1841" s="2">
        <v>6.9000000000000006E-2</v>
      </c>
      <c r="W1841" s="2">
        <v>12</v>
      </c>
      <c r="X1841" s="2">
        <v>50</v>
      </c>
      <c r="Y1841" s="2">
        <v>114.9</v>
      </c>
      <c r="Z1841" s="5">
        <v>10</v>
      </c>
      <c r="AA1841" s="5" t="s">
        <v>43</v>
      </c>
      <c r="AB1841" s="5" t="s">
        <v>44</v>
      </c>
      <c r="AC1841" s="2" t="s">
        <v>31005</v>
      </c>
      <c r="AD1841" s="1"/>
    </row>
    <row r="1842" spans="1:30">
      <c r="A1842" s="5" t="s">
        <v>83578</v>
      </c>
      <c r="B1842" s="2" t="s">
        <v>89122</v>
      </c>
      <c r="C1842" s="14" t="s">
        <v>89123</v>
      </c>
      <c r="D1842" s="2" t="s">
        <v>89124</v>
      </c>
      <c r="E1842" s="2" t="s">
        <v>31004</v>
      </c>
      <c r="F1842" s="8">
        <v>300</v>
      </c>
      <c r="G1842" s="5">
        <v>10</v>
      </c>
      <c r="H1842" s="5" t="s">
        <v>69</v>
      </c>
      <c r="I1842" s="5" t="s">
        <v>27074</v>
      </c>
      <c r="J1842" s="2" t="s">
        <v>27075</v>
      </c>
      <c r="K1842" s="5" t="s">
        <v>27074</v>
      </c>
      <c r="L1842" s="2" t="s">
        <v>27075</v>
      </c>
      <c r="M1842" s="5" t="s">
        <v>24254</v>
      </c>
      <c r="N1842" s="5" t="s">
        <v>38</v>
      </c>
      <c r="O1842" s="5" t="s">
        <v>39</v>
      </c>
      <c r="P1842" s="5" t="s">
        <v>40</v>
      </c>
      <c r="Q1842" s="5" t="s">
        <v>25301</v>
      </c>
      <c r="R1842" s="5" t="s">
        <v>40</v>
      </c>
      <c r="S1842" s="5" t="s">
        <v>42</v>
      </c>
      <c r="T1842" s="2">
        <v>8.5960000000000001</v>
      </c>
      <c r="U1842" s="2">
        <v>7.1740000000000004</v>
      </c>
      <c r="V1842" s="2">
        <v>7.5999999999999998E-2</v>
      </c>
      <c r="W1842" s="2">
        <v>12</v>
      </c>
      <c r="X1842" s="2">
        <v>50</v>
      </c>
      <c r="Y1842" s="2">
        <v>125.9</v>
      </c>
      <c r="Z1842" s="5">
        <v>10</v>
      </c>
      <c r="AA1842" s="5" t="s">
        <v>43</v>
      </c>
      <c r="AB1842" s="5" t="s">
        <v>44</v>
      </c>
      <c r="AC1842" s="2" t="s">
        <v>31468</v>
      </c>
      <c r="AD1842" s="1"/>
    </row>
    <row r="1843" spans="1:30">
      <c r="A1843" s="5" t="s">
        <v>83578</v>
      </c>
      <c r="B1843" s="2" t="s">
        <v>89125</v>
      </c>
      <c r="C1843" s="14" t="s">
        <v>89126</v>
      </c>
      <c r="D1843" s="2" t="s">
        <v>89127</v>
      </c>
      <c r="E1843" s="2" t="s">
        <v>31009</v>
      </c>
      <c r="F1843" s="8">
        <v>300</v>
      </c>
      <c r="G1843" s="5">
        <v>10</v>
      </c>
      <c r="H1843" s="5" t="s">
        <v>69</v>
      </c>
      <c r="I1843" s="5" t="s">
        <v>27074</v>
      </c>
      <c r="J1843" s="2" t="s">
        <v>27075</v>
      </c>
      <c r="K1843" s="5" t="s">
        <v>27074</v>
      </c>
      <c r="L1843" s="2" t="s">
        <v>27075</v>
      </c>
      <c r="M1843" s="5" t="s">
        <v>24254</v>
      </c>
      <c r="N1843" s="5" t="s">
        <v>38</v>
      </c>
      <c r="O1843" s="5" t="s">
        <v>39</v>
      </c>
      <c r="P1843" s="5" t="s">
        <v>40</v>
      </c>
      <c r="Q1843" s="5" t="s">
        <v>25301</v>
      </c>
      <c r="R1843" s="5" t="s">
        <v>40</v>
      </c>
      <c r="S1843" s="5" t="s">
        <v>42</v>
      </c>
      <c r="T1843" s="2">
        <v>6.32</v>
      </c>
      <c r="U1843" s="2">
        <v>5.0069999999999997</v>
      </c>
      <c r="V1843" s="2">
        <v>6.9000000000000006E-2</v>
      </c>
      <c r="W1843" s="2">
        <v>12</v>
      </c>
      <c r="X1843" s="2">
        <v>50</v>
      </c>
      <c r="Y1843" s="2">
        <v>114.9</v>
      </c>
      <c r="Z1843" s="5">
        <v>10</v>
      </c>
      <c r="AA1843" s="5" t="s">
        <v>43</v>
      </c>
      <c r="AB1843" s="5" t="s">
        <v>44</v>
      </c>
      <c r="AC1843" s="2" t="s">
        <v>31010</v>
      </c>
      <c r="AD1843" s="1"/>
    </row>
    <row r="1844" spans="1:30">
      <c r="A1844" s="5" t="s">
        <v>83578</v>
      </c>
      <c r="B1844" s="2" t="s">
        <v>89128</v>
      </c>
      <c r="C1844" s="14" t="s">
        <v>89129</v>
      </c>
      <c r="D1844" s="2" t="s">
        <v>89130</v>
      </c>
      <c r="E1844" s="2" t="s">
        <v>31009</v>
      </c>
      <c r="F1844" s="8">
        <v>300</v>
      </c>
      <c r="G1844" s="5">
        <v>10</v>
      </c>
      <c r="H1844" s="5" t="s">
        <v>69</v>
      </c>
      <c r="I1844" s="5" t="s">
        <v>27074</v>
      </c>
      <c r="J1844" s="2" t="s">
        <v>27075</v>
      </c>
      <c r="K1844" s="5" t="s">
        <v>27074</v>
      </c>
      <c r="L1844" s="2" t="s">
        <v>27075</v>
      </c>
      <c r="M1844" s="5" t="s">
        <v>24254</v>
      </c>
      <c r="N1844" s="5" t="s">
        <v>38</v>
      </c>
      <c r="O1844" s="5" t="s">
        <v>39</v>
      </c>
      <c r="P1844" s="5" t="s">
        <v>40</v>
      </c>
      <c r="Q1844" s="5" t="s">
        <v>25301</v>
      </c>
      <c r="R1844" s="5" t="s">
        <v>40</v>
      </c>
      <c r="S1844" s="5" t="s">
        <v>42</v>
      </c>
      <c r="T1844" s="2">
        <v>6.0519999999999996</v>
      </c>
      <c r="U1844" s="2">
        <v>4.7389999999999999</v>
      </c>
      <c r="V1844" s="2">
        <v>6.9000000000000006E-2</v>
      </c>
      <c r="W1844" s="2">
        <v>12</v>
      </c>
      <c r="X1844" s="2">
        <v>50</v>
      </c>
      <c r="Y1844" s="2">
        <v>114.9</v>
      </c>
      <c r="Z1844" s="5">
        <v>10</v>
      </c>
      <c r="AA1844" s="5" t="s">
        <v>43</v>
      </c>
      <c r="AB1844" s="5" t="s">
        <v>44</v>
      </c>
      <c r="AC1844" s="2" t="s">
        <v>31472</v>
      </c>
      <c r="AD1844" s="1"/>
    </row>
    <row r="1845" spans="1:30">
      <c r="A1845" s="5" t="s">
        <v>83578</v>
      </c>
      <c r="B1845" s="2" t="s">
        <v>89131</v>
      </c>
      <c r="C1845" s="14" t="s">
        <v>89132</v>
      </c>
      <c r="D1845" s="2" t="s">
        <v>89133</v>
      </c>
      <c r="E1845" s="2" t="s">
        <v>31191</v>
      </c>
      <c r="F1845" s="8">
        <v>300</v>
      </c>
      <c r="G1845" s="5">
        <v>10</v>
      </c>
      <c r="H1845" s="5" t="s">
        <v>69</v>
      </c>
      <c r="I1845" s="5" t="s">
        <v>27074</v>
      </c>
      <c r="J1845" s="2" t="s">
        <v>27075</v>
      </c>
      <c r="K1845" s="5" t="s">
        <v>27074</v>
      </c>
      <c r="L1845" s="2" t="s">
        <v>27075</v>
      </c>
      <c r="M1845" s="5" t="s">
        <v>24254</v>
      </c>
      <c r="N1845" s="5" t="s">
        <v>38</v>
      </c>
      <c r="O1845" s="5" t="s">
        <v>39</v>
      </c>
      <c r="P1845" s="5" t="s">
        <v>40</v>
      </c>
      <c r="Q1845" s="5" t="s">
        <v>25301</v>
      </c>
      <c r="R1845" s="5" t="s">
        <v>40</v>
      </c>
      <c r="S1845" s="5" t="s">
        <v>42</v>
      </c>
      <c r="T1845" s="2">
        <v>7.2519999999999998</v>
      </c>
      <c r="U1845" s="2">
        <v>5.7750000000000004</v>
      </c>
      <c r="V1845" s="2">
        <v>7.5999999999999998E-2</v>
      </c>
      <c r="W1845" s="2">
        <v>12</v>
      </c>
      <c r="X1845" s="2">
        <v>50</v>
      </c>
      <c r="Y1845" s="2">
        <v>125.9</v>
      </c>
      <c r="Z1845" s="5">
        <v>10</v>
      </c>
      <c r="AA1845" s="5" t="s">
        <v>43</v>
      </c>
      <c r="AB1845" s="5" t="s">
        <v>44</v>
      </c>
      <c r="AC1845" s="2" t="s">
        <v>31010</v>
      </c>
      <c r="AD1845" s="1"/>
    </row>
    <row r="1846" spans="1:30">
      <c r="A1846" s="5" t="s">
        <v>83578</v>
      </c>
      <c r="B1846" s="2" t="s">
        <v>89134</v>
      </c>
      <c r="C1846" s="14" t="s">
        <v>89135</v>
      </c>
      <c r="D1846" s="2" t="s">
        <v>89136</v>
      </c>
      <c r="E1846" s="2" t="s">
        <v>31191</v>
      </c>
      <c r="F1846" s="8">
        <v>300</v>
      </c>
      <c r="G1846" s="5">
        <v>10</v>
      </c>
      <c r="H1846" s="5" t="s">
        <v>69</v>
      </c>
      <c r="I1846" s="5" t="s">
        <v>27074</v>
      </c>
      <c r="J1846" s="2" t="s">
        <v>27075</v>
      </c>
      <c r="K1846" s="5" t="s">
        <v>27074</v>
      </c>
      <c r="L1846" s="2" t="s">
        <v>27075</v>
      </c>
      <c r="M1846" s="5" t="s">
        <v>24254</v>
      </c>
      <c r="N1846" s="5" t="s">
        <v>38</v>
      </c>
      <c r="O1846" s="5" t="s">
        <v>39</v>
      </c>
      <c r="P1846" s="5" t="s">
        <v>40</v>
      </c>
      <c r="Q1846" s="5" t="s">
        <v>25301</v>
      </c>
      <c r="R1846" s="5" t="s">
        <v>40</v>
      </c>
      <c r="S1846" s="5" t="s">
        <v>42</v>
      </c>
      <c r="T1846" s="2">
        <v>7.851</v>
      </c>
      <c r="U1846" s="2">
        <v>6.3739999999999997</v>
      </c>
      <c r="V1846" s="2">
        <v>7.5999999999999998E-2</v>
      </c>
      <c r="W1846" s="2">
        <v>12</v>
      </c>
      <c r="X1846" s="2">
        <v>50</v>
      </c>
      <c r="Y1846" s="2">
        <v>125.9</v>
      </c>
      <c r="Z1846" s="5">
        <v>10</v>
      </c>
      <c r="AA1846" s="5" t="s">
        <v>43</v>
      </c>
      <c r="AB1846" s="5" t="s">
        <v>44</v>
      </c>
      <c r="AC1846" s="2" t="s">
        <v>31472</v>
      </c>
      <c r="AD1846" s="1"/>
    </row>
    <row r="1847" spans="1:30">
      <c r="A1847" s="5" t="s">
        <v>83578</v>
      </c>
      <c r="B1847" s="2" t="s">
        <v>89137</v>
      </c>
      <c r="C1847" s="14" t="s">
        <v>89138</v>
      </c>
      <c r="D1847" s="2" t="s">
        <v>89139</v>
      </c>
      <c r="E1847" s="2" t="s">
        <v>30595</v>
      </c>
      <c r="F1847" s="8">
        <v>310</v>
      </c>
      <c r="G1847" s="5">
        <v>10</v>
      </c>
      <c r="H1847" s="5" t="s">
        <v>69</v>
      </c>
      <c r="I1847" s="5" t="s">
        <v>27074</v>
      </c>
      <c r="J1847" s="2" t="s">
        <v>27075</v>
      </c>
      <c r="K1847" s="5" t="s">
        <v>27074</v>
      </c>
      <c r="L1847" s="2" t="s">
        <v>27075</v>
      </c>
      <c r="M1847" s="5" t="s">
        <v>24254</v>
      </c>
      <c r="N1847" s="5" t="s">
        <v>38</v>
      </c>
      <c r="O1847" s="5" t="s">
        <v>39</v>
      </c>
      <c r="P1847" s="5" t="s">
        <v>40</v>
      </c>
      <c r="Q1847" s="5" t="s">
        <v>24340</v>
      </c>
      <c r="R1847" s="5" t="s">
        <v>40</v>
      </c>
      <c r="S1847" s="5" t="s">
        <v>42</v>
      </c>
      <c r="T1847" s="2">
        <v>9.7360000000000007</v>
      </c>
      <c r="U1847" s="2">
        <v>8.2230000000000008</v>
      </c>
      <c r="V1847" s="2">
        <v>8.3000000000000004E-2</v>
      </c>
      <c r="W1847" s="2">
        <v>12</v>
      </c>
      <c r="X1847" s="2">
        <v>50</v>
      </c>
      <c r="Y1847" s="2">
        <v>137.9</v>
      </c>
      <c r="Z1847" s="5">
        <v>8</v>
      </c>
      <c r="AA1847" s="5" t="s">
        <v>43</v>
      </c>
      <c r="AB1847" s="5" t="s">
        <v>44</v>
      </c>
      <c r="AC1847" s="2" t="s">
        <v>30525</v>
      </c>
      <c r="AD1847" s="1"/>
    </row>
    <row r="1848" spans="1:30">
      <c r="A1848" s="5" t="s">
        <v>83578</v>
      </c>
      <c r="B1848" s="2" t="s">
        <v>89140</v>
      </c>
      <c r="C1848" s="14" t="s">
        <v>89141</v>
      </c>
      <c r="D1848" s="2" t="s">
        <v>89142</v>
      </c>
      <c r="E1848" s="2" t="s">
        <v>30650</v>
      </c>
      <c r="F1848" s="8">
        <v>310</v>
      </c>
      <c r="G1848" s="5">
        <v>10</v>
      </c>
      <c r="H1848" s="5" t="s">
        <v>69</v>
      </c>
      <c r="I1848" s="5" t="s">
        <v>27074</v>
      </c>
      <c r="J1848" s="2" t="s">
        <v>27075</v>
      </c>
      <c r="K1848" s="5" t="s">
        <v>27074</v>
      </c>
      <c r="L1848" s="2" t="s">
        <v>27075</v>
      </c>
      <c r="M1848" s="5" t="s">
        <v>24254</v>
      </c>
      <c r="N1848" s="5" t="s">
        <v>38</v>
      </c>
      <c r="O1848" s="5" t="s">
        <v>39</v>
      </c>
      <c r="P1848" s="5" t="s">
        <v>40</v>
      </c>
      <c r="Q1848" s="5" t="s">
        <v>24340</v>
      </c>
      <c r="R1848" s="5" t="s">
        <v>40</v>
      </c>
      <c r="S1848" s="5" t="s">
        <v>42</v>
      </c>
      <c r="T1848" s="2">
        <v>10.135999999999999</v>
      </c>
      <c r="U1848" s="2">
        <v>8.6270000000000007</v>
      </c>
      <c r="V1848" s="2">
        <v>8.3000000000000004E-2</v>
      </c>
      <c r="W1848" s="2">
        <v>12</v>
      </c>
      <c r="X1848" s="2">
        <v>50</v>
      </c>
      <c r="Y1848" s="2">
        <v>137.9</v>
      </c>
      <c r="Z1848" s="5">
        <v>10</v>
      </c>
      <c r="AA1848" s="5" t="s">
        <v>43</v>
      </c>
      <c r="AB1848" s="5" t="s">
        <v>44</v>
      </c>
      <c r="AC1848" s="2" t="s">
        <v>30651</v>
      </c>
      <c r="AD1848" s="1"/>
    </row>
    <row r="1849" spans="1:30">
      <c r="A1849" s="5" t="s">
        <v>83578</v>
      </c>
      <c r="B1849" s="2" t="s">
        <v>89143</v>
      </c>
      <c r="C1849" s="14" t="s">
        <v>89144</v>
      </c>
      <c r="D1849" s="2" t="s">
        <v>89145</v>
      </c>
      <c r="E1849" s="2" t="s">
        <v>30650</v>
      </c>
      <c r="F1849" s="8">
        <v>310</v>
      </c>
      <c r="G1849" s="5">
        <v>10</v>
      </c>
      <c r="H1849" s="5" t="s">
        <v>69</v>
      </c>
      <c r="I1849" s="5" t="s">
        <v>27074</v>
      </c>
      <c r="J1849" s="2" t="s">
        <v>27075</v>
      </c>
      <c r="K1849" s="5" t="s">
        <v>27074</v>
      </c>
      <c r="L1849" s="2" t="s">
        <v>27075</v>
      </c>
      <c r="M1849" s="5" t="s">
        <v>24254</v>
      </c>
      <c r="N1849" s="5" t="s">
        <v>38</v>
      </c>
      <c r="O1849" s="5" t="s">
        <v>39</v>
      </c>
      <c r="P1849" s="5" t="s">
        <v>40</v>
      </c>
      <c r="Q1849" s="5" t="s">
        <v>24340</v>
      </c>
      <c r="R1849" s="5" t="s">
        <v>40</v>
      </c>
      <c r="S1849" s="5" t="s">
        <v>42</v>
      </c>
      <c r="T1849" s="2">
        <v>10.656000000000001</v>
      </c>
      <c r="U1849" s="2">
        <v>9.1470000000000002</v>
      </c>
      <c r="V1849" s="2">
        <v>8.3000000000000004E-2</v>
      </c>
      <c r="W1849" s="2">
        <v>12</v>
      </c>
      <c r="X1849" s="2">
        <v>50</v>
      </c>
      <c r="Y1849" s="2">
        <v>137.9</v>
      </c>
      <c r="Z1849" s="5">
        <v>10</v>
      </c>
      <c r="AA1849" s="5" t="s">
        <v>43</v>
      </c>
      <c r="AB1849" s="5" t="s">
        <v>44</v>
      </c>
      <c r="AC1849" s="2" t="s">
        <v>30846</v>
      </c>
      <c r="AD1849" s="1"/>
    </row>
    <row r="1850" spans="1:30">
      <c r="A1850" s="5" t="s">
        <v>83578</v>
      </c>
      <c r="B1850" s="2" t="s">
        <v>89146</v>
      </c>
      <c r="C1850" s="14" t="s">
        <v>89147</v>
      </c>
      <c r="D1850" s="2" t="s">
        <v>89148</v>
      </c>
      <c r="E1850" s="2" t="s">
        <v>30655</v>
      </c>
      <c r="F1850" s="8">
        <v>310</v>
      </c>
      <c r="G1850" s="5">
        <v>10</v>
      </c>
      <c r="H1850" s="5" t="s">
        <v>69</v>
      </c>
      <c r="I1850" s="5" t="s">
        <v>27074</v>
      </c>
      <c r="J1850" s="2" t="s">
        <v>27075</v>
      </c>
      <c r="K1850" s="5" t="s">
        <v>27074</v>
      </c>
      <c r="L1850" s="2" t="s">
        <v>27075</v>
      </c>
      <c r="M1850" s="5" t="s">
        <v>24254</v>
      </c>
      <c r="N1850" s="5" t="s">
        <v>38</v>
      </c>
      <c r="O1850" s="5" t="s">
        <v>39</v>
      </c>
      <c r="P1850" s="5" t="s">
        <v>40</v>
      </c>
      <c r="Q1850" s="5" t="s">
        <v>24340</v>
      </c>
      <c r="R1850" s="5" t="s">
        <v>40</v>
      </c>
      <c r="S1850" s="5" t="s">
        <v>42</v>
      </c>
      <c r="T1850" s="2">
        <v>6.7329999999999997</v>
      </c>
      <c r="U1850" s="2">
        <v>5.2240000000000002</v>
      </c>
      <c r="V1850" s="2">
        <v>8.3000000000000004E-2</v>
      </c>
      <c r="W1850" s="2">
        <v>12</v>
      </c>
      <c r="X1850" s="2">
        <v>50</v>
      </c>
      <c r="Y1850" s="2">
        <v>137.9</v>
      </c>
      <c r="Z1850" s="5">
        <v>10</v>
      </c>
      <c r="AA1850" s="5" t="s">
        <v>43</v>
      </c>
      <c r="AB1850" s="5" t="s">
        <v>44</v>
      </c>
      <c r="AC1850" s="2" t="s">
        <v>30656</v>
      </c>
      <c r="AD1850" s="1"/>
    </row>
    <row r="1851" spans="1:30">
      <c r="A1851" s="5" t="s">
        <v>83578</v>
      </c>
      <c r="B1851" s="2" t="s">
        <v>89149</v>
      </c>
      <c r="C1851" s="14" t="s">
        <v>89150</v>
      </c>
      <c r="D1851" s="2" t="s">
        <v>89151</v>
      </c>
      <c r="E1851" s="2" t="s">
        <v>30655</v>
      </c>
      <c r="F1851" s="8">
        <v>310</v>
      </c>
      <c r="G1851" s="5">
        <v>10</v>
      </c>
      <c r="H1851" s="5" t="s">
        <v>69</v>
      </c>
      <c r="I1851" s="5" t="s">
        <v>27074</v>
      </c>
      <c r="J1851" s="2" t="s">
        <v>27075</v>
      </c>
      <c r="K1851" s="5" t="s">
        <v>27074</v>
      </c>
      <c r="L1851" s="2" t="s">
        <v>27075</v>
      </c>
      <c r="M1851" s="5" t="s">
        <v>24254</v>
      </c>
      <c r="N1851" s="5" t="s">
        <v>38</v>
      </c>
      <c r="O1851" s="5" t="s">
        <v>39</v>
      </c>
      <c r="P1851" s="5" t="s">
        <v>40</v>
      </c>
      <c r="Q1851" s="5" t="s">
        <v>24340</v>
      </c>
      <c r="R1851" s="5" t="s">
        <v>40</v>
      </c>
      <c r="S1851" s="5" t="s">
        <v>42</v>
      </c>
      <c r="T1851" s="2">
        <v>7.2610000000000001</v>
      </c>
      <c r="U1851" s="2">
        <v>5.7519999999999998</v>
      </c>
      <c r="V1851" s="2">
        <v>8.3000000000000004E-2</v>
      </c>
      <c r="W1851" s="2">
        <v>12</v>
      </c>
      <c r="X1851" s="2">
        <v>50</v>
      </c>
      <c r="Y1851" s="2">
        <v>137.9</v>
      </c>
      <c r="Z1851" s="5">
        <v>10</v>
      </c>
      <c r="AA1851" s="5" t="s">
        <v>43</v>
      </c>
      <c r="AB1851" s="5" t="s">
        <v>44</v>
      </c>
      <c r="AC1851" s="2" t="s">
        <v>30534</v>
      </c>
      <c r="AD1851" s="1"/>
    </row>
    <row r="1852" spans="1:30">
      <c r="A1852" s="5" t="s">
        <v>83578</v>
      </c>
      <c r="B1852" s="2" t="s">
        <v>89152</v>
      </c>
      <c r="C1852" s="14" t="s">
        <v>89153</v>
      </c>
      <c r="D1852" s="2" t="s">
        <v>89154</v>
      </c>
      <c r="E1852" s="2" t="s">
        <v>30533</v>
      </c>
      <c r="F1852" s="8">
        <v>310</v>
      </c>
      <c r="G1852" s="5">
        <v>10</v>
      </c>
      <c r="H1852" s="5" t="s">
        <v>69</v>
      </c>
      <c r="I1852" s="5" t="s">
        <v>27074</v>
      </c>
      <c r="J1852" s="2" t="s">
        <v>27075</v>
      </c>
      <c r="K1852" s="5" t="s">
        <v>27074</v>
      </c>
      <c r="L1852" s="2" t="s">
        <v>27075</v>
      </c>
      <c r="M1852" s="5" t="s">
        <v>24254</v>
      </c>
      <c r="N1852" s="5" t="s">
        <v>38</v>
      </c>
      <c r="O1852" s="5" t="s">
        <v>39</v>
      </c>
      <c r="P1852" s="5" t="s">
        <v>40</v>
      </c>
      <c r="Q1852" s="5" t="s">
        <v>24340</v>
      </c>
      <c r="R1852" s="5" t="s">
        <v>40</v>
      </c>
      <c r="S1852" s="5" t="s">
        <v>42</v>
      </c>
      <c r="T1852" s="2">
        <v>9.1219999999999999</v>
      </c>
      <c r="U1852" s="2">
        <v>7.5579999999999998</v>
      </c>
      <c r="V1852" s="2">
        <v>8.3000000000000004E-2</v>
      </c>
      <c r="W1852" s="2">
        <v>12</v>
      </c>
      <c r="X1852" s="2">
        <v>50</v>
      </c>
      <c r="Y1852" s="2">
        <v>137.9</v>
      </c>
      <c r="Z1852" s="5">
        <v>10</v>
      </c>
      <c r="AA1852" s="5" t="s">
        <v>43</v>
      </c>
      <c r="AB1852" s="5" t="s">
        <v>44</v>
      </c>
      <c r="AC1852" s="2" t="s">
        <v>30656</v>
      </c>
      <c r="AD1852" s="1"/>
    </row>
    <row r="1853" spans="1:30">
      <c r="A1853" s="5" t="s">
        <v>83578</v>
      </c>
      <c r="B1853" s="2" t="s">
        <v>89155</v>
      </c>
      <c r="C1853" s="14" t="s">
        <v>89156</v>
      </c>
      <c r="D1853" s="2" t="s">
        <v>89157</v>
      </c>
      <c r="E1853" s="2" t="s">
        <v>30862</v>
      </c>
      <c r="F1853" s="8">
        <v>310</v>
      </c>
      <c r="G1853" s="5">
        <v>10</v>
      </c>
      <c r="H1853" s="5" t="s">
        <v>69</v>
      </c>
      <c r="I1853" s="5" t="s">
        <v>27074</v>
      </c>
      <c r="J1853" s="2" t="s">
        <v>27075</v>
      </c>
      <c r="K1853" s="5" t="s">
        <v>27074</v>
      </c>
      <c r="L1853" s="2" t="s">
        <v>27075</v>
      </c>
      <c r="M1853" s="5" t="s">
        <v>24254</v>
      </c>
      <c r="N1853" s="5" t="s">
        <v>38</v>
      </c>
      <c r="O1853" s="5" t="s">
        <v>39</v>
      </c>
      <c r="P1853" s="5" t="s">
        <v>40</v>
      </c>
      <c r="Q1853" s="5" t="s">
        <v>25301</v>
      </c>
      <c r="R1853" s="5" t="s">
        <v>40</v>
      </c>
      <c r="S1853" s="5" t="s">
        <v>42</v>
      </c>
      <c r="T1853" s="2">
        <v>8.7889999999999997</v>
      </c>
      <c r="U1853" s="2">
        <v>7.2750000000000004</v>
      </c>
      <c r="V1853" s="2">
        <v>8.3000000000000004E-2</v>
      </c>
      <c r="W1853" s="2">
        <v>12</v>
      </c>
      <c r="X1853" s="2">
        <v>50</v>
      </c>
      <c r="Y1853" s="2">
        <v>137.9</v>
      </c>
      <c r="Z1853" s="5">
        <v>8</v>
      </c>
      <c r="AA1853" s="5" t="s">
        <v>43</v>
      </c>
      <c r="AB1853" s="5" t="s">
        <v>44</v>
      </c>
      <c r="AC1853" s="2" t="s">
        <v>30542</v>
      </c>
      <c r="AD1853" s="1"/>
    </row>
    <row r="1854" spans="1:30">
      <c r="A1854" s="5" t="s">
        <v>83578</v>
      </c>
      <c r="B1854" s="2" t="s">
        <v>89158</v>
      </c>
      <c r="C1854" s="14" t="s">
        <v>89159</v>
      </c>
      <c r="D1854" s="2" t="s">
        <v>89160</v>
      </c>
      <c r="E1854" s="2" t="s">
        <v>31004</v>
      </c>
      <c r="F1854" s="8">
        <v>310</v>
      </c>
      <c r="G1854" s="5">
        <v>10</v>
      </c>
      <c r="H1854" s="5" t="s">
        <v>69</v>
      </c>
      <c r="I1854" s="5" t="s">
        <v>27074</v>
      </c>
      <c r="J1854" s="2" t="s">
        <v>27075</v>
      </c>
      <c r="K1854" s="5" t="s">
        <v>27074</v>
      </c>
      <c r="L1854" s="2" t="s">
        <v>27075</v>
      </c>
      <c r="M1854" s="5" t="s">
        <v>24254</v>
      </c>
      <c r="N1854" s="5" t="s">
        <v>38</v>
      </c>
      <c r="O1854" s="5" t="s">
        <v>39</v>
      </c>
      <c r="P1854" s="5" t="s">
        <v>40</v>
      </c>
      <c r="Q1854" s="5" t="s">
        <v>25301</v>
      </c>
      <c r="R1854" s="5" t="s">
        <v>40</v>
      </c>
      <c r="S1854" s="5" t="s">
        <v>42</v>
      </c>
      <c r="T1854" s="2">
        <v>8.82</v>
      </c>
      <c r="U1854" s="2">
        <v>7.31</v>
      </c>
      <c r="V1854" s="2">
        <v>8.3000000000000004E-2</v>
      </c>
      <c r="W1854" s="2">
        <v>12</v>
      </c>
      <c r="X1854" s="2">
        <v>50</v>
      </c>
      <c r="Y1854" s="2">
        <v>137.9</v>
      </c>
      <c r="Z1854" s="5">
        <v>10</v>
      </c>
      <c r="AA1854" s="5" t="s">
        <v>43</v>
      </c>
      <c r="AB1854" s="5" t="s">
        <v>44</v>
      </c>
      <c r="AC1854" s="2" t="s">
        <v>31005</v>
      </c>
      <c r="AD1854" s="1"/>
    </row>
    <row r="1855" spans="1:30">
      <c r="A1855" s="5" t="s">
        <v>83578</v>
      </c>
      <c r="B1855" s="2" t="s">
        <v>89161</v>
      </c>
      <c r="C1855" s="14" t="s">
        <v>89162</v>
      </c>
      <c r="D1855" s="2" t="s">
        <v>89163</v>
      </c>
      <c r="E1855" s="2" t="s">
        <v>31004</v>
      </c>
      <c r="F1855" s="8">
        <v>310</v>
      </c>
      <c r="G1855" s="5">
        <v>10</v>
      </c>
      <c r="H1855" s="5" t="s">
        <v>69</v>
      </c>
      <c r="I1855" s="5" t="s">
        <v>27074</v>
      </c>
      <c r="J1855" s="2" t="s">
        <v>27075</v>
      </c>
      <c r="K1855" s="5" t="s">
        <v>27074</v>
      </c>
      <c r="L1855" s="2" t="s">
        <v>27075</v>
      </c>
      <c r="M1855" s="5" t="s">
        <v>24254</v>
      </c>
      <c r="N1855" s="5" t="s">
        <v>38</v>
      </c>
      <c r="O1855" s="5" t="s">
        <v>39</v>
      </c>
      <c r="P1855" s="5" t="s">
        <v>40</v>
      </c>
      <c r="Q1855" s="5" t="s">
        <v>25301</v>
      </c>
      <c r="R1855" s="5" t="s">
        <v>40</v>
      </c>
      <c r="S1855" s="5" t="s">
        <v>42</v>
      </c>
      <c r="T1855" s="2">
        <v>9.3740000000000006</v>
      </c>
      <c r="U1855" s="2">
        <v>7.8639999999999999</v>
      </c>
      <c r="V1855" s="2">
        <v>8.3000000000000004E-2</v>
      </c>
      <c r="W1855" s="2">
        <v>12</v>
      </c>
      <c r="X1855" s="2">
        <v>50</v>
      </c>
      <c r="Y1855" s="2">
        <v>137.9</v>
      </c>
      <c r="Z1855" s="5">
        <v>10</v>
      </c>
      <c r="AA1855" s="5" t="s">
        <v>43</v>
      </c>
      <c r="AB1855" s="5" t="s">
        <v>44</v>
      </c>
      <c r="AC1855" s="2" t="s">
        <v>31468</v>
      </c>
      <c r="AD1855" s="1"/>
    </row>
    <row r="1856" spans="1:30">
      <c r="A1856" s="5" t="s">
        <v>83578</v>
      </c>
      <c r="B1856" s="2" t="s">
        <v>89164</v>
      </c>
      <c r="C1856" s="14" t="s">
        <v>89165</v>
      </c>
      <c r="D1856" s="2" t="s">
        <v>89166</v>
      </c>
      <c r="E1856" s="2" t="s">
        <v>31009</v>
      </c>
      <c r="F1856" s="8">
        <v>310</v>
      </c>
      <c r="G1856" s="5">
        <v>10</v>
      </c>
      <c r="H1856" s="5" t="s">
        <v>69</v>
      </c>
      <c r="I1856" s="5" t="s">
        <v>27074</v>
      </c>
      <c r="J1856" s="2" t="s">
        <v>27075</v>
      </c>
      <c r="K1856" s="5" t="s">
        <v>27074</v>
      </c>
      <c r="L1856" s="2" t="s">
        <v>27075</v>
      </c>
      <c r="M1856" s="5" t="s">
        <v>24254</v>
      </c>
      <c r="N1856" s="5" t="s">
        <v>38</v>
      </c>
      <c r="O1856" s="5" t="s">
        <v>39</v>
      </c>
      <c r="P1856" s="5" t="s">
        <v>40</v>
      </c>
      <c r="Q1856" s="5" t="s">
        <v>25301</v>
      </c>
      <c r="R1856" s="5" t="s">
        <v>40</v>
      </c>
      <c r="S1856" s="5" t="s">
        <v>42</v>
      </c>
      <c r="T1856" s="2">
        <v>6.8710000000000004</v>
      </c>
      <c r="U1856" s="2">
        <v>5.3609999999999998</v>
      </c>
      <c r="V1856" s="2">
        <v>8.3000000000000004E-2</v>
      </c>
      <c r="W1856" s="2">
        <v>12</v>
      </c>
      <c r="X1856" s="2">
        <v>50</v>
      </c>
      <c r="Y1856" s="2">
        <v>137.9</v>
      </c>
      <c r="Z1856" s="5">
        <v>10</v>
      </c>
      <c r="AA1856" s="5" t="s">
        <v>43</v>
      </c>
      <c r="AB1856" s="5" t="s">
        <v>44</v>
      </c>
      <c r="AC1856" s="2" t="s">
        <v>31010</v>
      </c>
      <c r="AD1856" s="1"/>
    </row>
    <row r="1857" spans="1:30">
      <c r="A1857" s="5" t="s">
        <v>83578</v>
      </c>
      <c r="B1857" s="2" t="s">
        <v>89167</v>
      </c>
      <c r="C1857" s="14" t="s">
        <v>89168</v>
      </c>
      <c r="D1857" s="2" t="s">
        <v>89169</v>
      </c>
      <c r="E1857" s="2" t="s">
        <v>31009</v>
      </c>
      <c r="F1857" s="8">
        <v>310</v>
      </c>
      <c r="G1857" s="5">
        <v>10</v>
      </c>
      <c r="H1857" s="5" t="s">
        <v>69</v>
      </c>
      <c r="I1857" s="5" t="s">
        <v>27074</v>
      </c>
      <c r="J1857" s="2" t="s">
        <v>27075</v>
      </c>
      <c r="K1857" s="5" t="s">
        <v>27074</v>
      </c>
      <c r="L1857" s="2" t="s">
        <v>27075</v>
      </c>
      <c r="M1857" s="5" t="s">
        <v>24254</v>
      </c>
      <c r="N1857" s="5" t="s">
        <v>38</v>
      </c>
      <c r="O1857" s="5" t="s">
        <v>39</v>
      </c>
      <c r="P1857" s="5" t="s">
        <v>40</v>
      </c>
      <c r="Q1857" s="5" t="s">
        <v>25301</v>
      </c>
      <c r="R1857" s="5" t="s">
        <v>40</v>
      </c>
      <c r="S1857" s="5" t="s">
        <v>42</v>
      </c>
      <c r="T1857" s="2">
        <v>6.6029999999999998</v>
      </c>
      <c r="U1857" s="2">
        <v>5.093</v>
      </c>
      <c r="V1857" s="2">
        <v>8.3000000000000004E-2</v>
      </c>
      <c r="W1857" s="2">
        <v>12</v>
      </c>
      <c r="X1857" s="2">
        <v>50</v>
      </c>
      <c r="Y1857" s="2">
        <v>137.9</v>
      </c>
      <c r="Z1857" s="5">
        <v>10</v>
      </c>
      <c r="AA1857" s="5" t="s">
        <v>43</v>
      </c>
      <c r="AB1857" s="5" t="s">
        <v>44</v>
      </c>
      <c r="AC1857" s="2" t="s">
        <v>31472</v>
      </c>
      <c r="AD1857" s="1"/>
    </row>
    <row r="1858" spans="1:30">
      <c r="A1858" s="5" t="s">
        <v>83578</v>
      </c>
      <c r="B1858" s="2" t="s">
        <v>89170</v>
      </c>
      <c r="C1858" s="14" t="s">
        <v>89171</v>
      </c>
      <c r="D1858" s="2" t="s">
        <v>89172</v>
      </c>
      <c r="E1858" s="2" t="s">
        <v>31191</v>
      </c>
      <c r="F1858" s="8">
        <v>310</v>
      </c>
      <c r="G1858" s="5">
        <v>10</v>
      </c>
      <c r="H1858" s="5" t="s">
        <v>69</v>
      </c>
      <c r="I1858" s="5" t="s">
        <v>27074</v>
      </c>
      <c r="J1858" s="2" t="s">
        <v>27075</v>
      </c>
      <c r="K1858" s="5" t="s">
        <v>27074</v>
      </c>
      <c r="L1858" s="2" t="s">
        <v>27075</v>
      </c>
      <c r="M1858" s="5" t="s">
        <v>24254</v>
      </c>
      <c r="N1858" s="5" t="s">
        <v>38</v>
      </c>
      <c r="O1858" s="5" t="s">
        <v>39</v>
      </c>
      <c r="P1858" s="5" t="s">
        <v>40</v>
      </c>
      <c r="Q1858" s="5" t="s">
        <v>25301</v>
      </c>
      <c r="R1858" s="5" t="s">
        <v>40</v>
      </c>
      <c r="S1858" s="5" t="s">
        <v>42</v>
      </c>
      <c r="T1858" s="2">
        <v>8.15</v>
      </c>
      <c r="U1858" s="2">
        <v>6.585</v>
      </c>
      <c r="V1858" s="2">
        <v>8.3000000000000004E-2</v>
      </c>
      <c r="W1858" s="2">
        <v>12</v>
      </c>
      <c r="X1858" s="2">
        <v>50</v>
      </c>
      <c r="Y1858" s="2">
        <v>137.9</v>
      </c>
      <c r="Z1858" s="5">
        <v>10</v>
      </c>
      <c r="AA1858" s="5" t="s">
        <v>43</v>
      </c>
      <c r="AB1858" s="5" t="s">
        <v>44</v>
      </c>
      <c r="AC1858" s="2" t="s">
        <v>31010</v>
      </c>
      <c r="AD1858" s="1"/>
    </row>
    <row r="1859" spans="1:30">
      <c r="A1859" s="5" t="s">
        <v>83578</v>
      </c>
      <c r="B1859" s="2" t="s">
        <v>89173</v>
      </c>
      <c r="C1859" s="14" t="s">
        <v>89174</v>
      </c>
      <c r="D1859" s="2" t="s">
        <v>89175</v>
      </c>
      <c r="E1859" s="2" t="s">
        <v>31191</v>
      </c>
      <c r="F1859" s="8">
        <v>310</v>
      </c>
      <c r="G1859" s="5">
        <v>10</v>
      </c>
      <c r="H1859" s="5" t="s">
        <v>69</v>
      </c>
      <c r="I1859" s="5" t="s">
        <v>27074</v>
      </c>
      <c r="J1859" s="2" t="s">
        <v>27075</v>
      </c>
      <c r="K1859" s="5" t="s">
        <v>27074</v>
      </c>
      <c r="L1859" s="2" t="s">
        <v>27075</v>
      </c>
      <c r="M1859" s="5" t="s">
        <v>24254</v>
      </c>
      <c r="N1859" s="5" t="s">
        <v>38</v>
      </c>
      <c r="O1859" s="5" t="s">
        <v>39</v>
      </c>
      <c r="P1859" s="5" t="s">
        <v>40</v>
      </c>
      <c r="Q1859" s="5" t="s">
        <v>25301</v>
      </c>
      <c r="R1859" s="5" t="s">
        <v>40</v>
      </c>
      <c r="S1859" s="5" t="s">
        <v>42</v>
      </c>
      <c r="T1859" s="2">
        <v>8.7490000000000006</v>
      </c>
      <c r="U1859" s="2">
        <v>7.1840000000000002</v>
      </c>
      <c r="V1859" s="2">
        <v>8.3000000000000004E-2</v>
      </c>
      <c r="W1859" s="2">
        <v>12</v>
      </c>
      <c r="X1859" s="2">
        <v>50</v>
      </c>
      <c r="Y1859" s="2">
        <v>137.9</v>
      </c>
      <c r="Z1859" s="5">
        <v>10</v>
      </c>
      <c r="AA1859" s="5" t="s">
        <v>43</v>
      </c>
      <c r="AB1859" s="5" t="s">
        <v>44</v>
      </c>
      <c r="AC1859" s="2" t="s">
        <v>31472</v>
      </c>
      <c r="AD1859" s="1"/>
    </row>
    <row r="1860" spans="1:30">
      <c r="A1860" s="5" t="s">
        <v>83578</v>
      </c>
      <c r="B1860" s="2" t="s">
        <v>89176</v>
      </c>
      <c r="C1860" s="14" t="s">
        <v>89177</v>
      </c>
      <c r="D1860" s="2" t="s">
        <v>89178</v>
      </c>
      <c r="E1860" s="2" t="s">
        <v>30431</v>
      </c>
      <c r="F1860" s="8">
        <v>164</v>
      </c>
      <c r="G1860" s="5">
        <v>5</v>
      </c>
      <c r="H1860" s="5" t="s">
        <v>69</v>
      </c>
      <c r="I1860" s="5" t="s">
        <v>27074</v>
      </c>
      <c r="J1860" s="2" t="s">
        <v>27075</v>
      </c>
      <c r="K1860" s="5" t="s">
        <v>27074</v>
      </c>
      <c r="L1860" s="2" t="s">
        <v>27075</v>
      </c>
      <c r="M1860" s="5" t="s">
        <v>24254</v>
      </c>
      <c r="N1860" s="5" t="s">
        <v>38</v>
      </c>
      <c r="O1860" s="5" t="s">
        <v>39</v>
      </c>
      <c r="P1860" s="5" t="s">
        <v>40</v>
      </c>
      <c r="Q1860" s="5" t="s">
        <v>24335</v>
      </c>
      <c r="R1860" s="5" t="s">
        <v>40</v>
      </c>
      <c r="S1860" s="5" t="s">
        <v>42</v>
      </c>
      <c r="T1860" s="2">
        <v>6.407</v>
      </c>
      <c r="U1860" s="2">
        <v>4.766</v>
      </c>
      <c r="V1860" s="2">
        <v>9.2999999999999999E-2</v>
      </c>
      <c r="W1860" s="2">
        <v>12</v>
      </c>
      <c r="X1860" s="2">
        <v>50</v>
      </c>
      <c r="Y1860" s="2">
        <v>154.4</v>
      </c>
      <c r="Z1860" s="5">
        <v>10</v>
      </c>
      <c r="AA1860" s="5" t="s">
        <v>43</v>
      </c>
      <c r="AB1860" s="5" t="s">
        <v>44</v>
      </c>
      <c r="AC1860" s="2" t="s">
        <v>30436</v>
      </c>
      <c r="AD1860" s="1"/>
    </row>
    <row r="1861" spans="1:30">
      <c r="A1861" s="5" t="s">
        <v>83578</v>
      </c>
      <c r="B1861" s="2" t="s">
        <v>89179</v>
      </c>
      <c r="C1861" s="14" t="s">
        <v>89180</v>
      </c>
      <c r="D1861" s="2" t="s">
        <v>89181</v>
      </c>
      <c r="E1861" s="2" t="s">
        <v>30440</v>
      </c>
      <c r="F1861" s="8">
        <v>164</v>
      </c>
      <c r="G1861" s="5">
        <v>5</v>
      </c>
      <c r="H1861" s="5" t="s">
        <v>69</v>
      </c>
      <c r="I1861" s="5" t="s">
        <v>27074</v>
      </c>
      <c r="J1861" s="2" t="s">
        <v>27075</v>
      </c>
      <c r="K1861" s="5" t="s">
        <v>27074</v>
      </c>
      <c r="L1861" s="2" t="s">
        <v>27075</v>
      </c>
      <c r="M1861" s="5" t="s">
        <v>24254</v>
      </c>
      <c r="N1861" s="5" t="s">
        <v>38</v>
      </c>
      <c r="O1861" s="5" t="s">
        <v>39</v>
      </c>
      <c r="P1861" s="5" t="s">
        <v>40</v>
      </c>
      <c r="Q1861" s="5" t="s">
        <v>24335</v>
      </c>
      <c r="R1861" s="5" t="s">
        <v>40</v>
      </c>
      <c r="S1861" s="5" t="s">
        <v>42</v>
      </c>
      <c r="T1861" s="2">
        <v>4.9790000000000001</v>
      </c>
      <c r="U1861" s="2">
        <v>3.4820000000000002</v>
      </c>
      <c r="V1861" s="2">
        <v>8.3000000000000004E-2</v>
      </c>
      <c r="W1861" s="2">
        <v>12</v>
      </c>
      <c r="X1861" s="2">
        <v>50</v>
      </c>
      <c r="Y1861" s="2">
        <v>137.9</v>
      </c>
      <c r="Z1861" s="5">
        <v>10</v>
      </c>
      <c r="AA1861" s="5" t="s">
        <v>43</v>
      </c>
      <c r="AB1861" s="5" t="s">
        <v>44</v>
      </c>
      <c r="AC1861" s="2" t="s">
        <v>30445</v>
      </c>
      <c r="AD1861" s="1"/>
    </row>
    <row r="1862" spans="1:30">
      <c r="A1862" s="5" t="s">
        <v>83578</v>
      </c>
      <c r="B1862" s="2" t="s">
        <v>89182</v>
      </c>
      <c r="C1862" s="14" t="s">
        <v>89183</v>
      </c>
      <c r="D1862" s="2" t="s">
        <v>89184</v>
      </c>
      <c r="E1862" s="2" t="s">
        <v>30650</v>
      </c>
      <c r="F1862" s="8">
        <v>315</v>
      </c>
      <c r="G1862" s="5">
        <v>10</v>
      </c>
      <c r="H1862" s="5" t="s">
        <v>69</v>
      </c>
      <c r="I1862" s="5" t="s">
        <v>27074</v>
      </c>
      <c r="J1862" s="2" t="s">
        <v>27075</v>
      </c>
      <c r="K1862" s="5" t="s">
        <v>27074</v>
      </c>
      <c r="L1862" s="2" t="s">
        <v>27075</v>
      </c>
      <c r="M1862" s="5" t="s">
        <v>24254</v>
      </c>
      <c r="N1862" s="5" t="s">
        <v>38</v>
      </c>
      <c r="O1862" s="5" t="s">
        <v>39</v>
      </c>
      <c r="P1862" s="5" t="s">
        <v>40</v>
      </c>
      <c r="Q1862" s="5" t="s">
        <v>24340</v>
      </c>
      <c r="R1862" s="5" t="s">
        <v>40</v>
      </c>
      <c r="S1862" s="5" t="s">
        <v>42</v>
      </c>
      <c r="T1862" s="2">
        <v>11.507999999999999</v>
      </c>
      <c r="U1862" s="2">
        <v>9.9990000000000006</v>
      </c>
      <c r="V1862" s="2">
        <v>8.3000000000000004E-2</v>
      </c>
      <c r="W1862" s="2">
        <v>12</v>
      </c>
      <c r="X1862" s="2">
        <v>50</v>
      </c>
      <c r="Y1862" s="2">
        <v>137.9</v>
      </c>
      <c r="Z1862" s="5">
        <v>10</v>
      </c>
      <c r="AA1862" s="5" t="s">
        <v>43</v>
      </c>
      <c r="AB1862" s="5" t="s">
        <v>44</v>
      </c>
      <c r="AC1862" s="2" t="s">
        <v>30651</v>
      </c>
      <c r="AD1862" s="1"/>
    </row>
    <row r="1863" spans="1:30">
      <c r="A1863" s="5" t="s">
        <v>83578</v>
      </c>
      <c r="B1863" s="2" t="s">
        <v>89185</v>
      </c>
      <c r="C1863" s="14" t="s">
        <v>89186</v>
      </c>
      <c r="D1863" s="2" t="s">
        <v>89187</v>
      </c>
      <c r="E1863" s="2" t="s">
        <v>30650</v>
      </c>
      <c r="F1863" s="8">
        <v>315</v>
      </c>
      <c r="G1863" s="5">
        <v>10</v>
      </c>
      <c r="H1863" s="5" t="s">
        <v>69</v>
      </c>
      <c r="I1863" s="5" t="s">
        <v>27074</v>
      </c>
      <c r="J1863" s="2" t="s">
        <v>27075</v>
      </c>
      <c r="K1863" s="5" t="s">
        <v>27074</v>
      </c>
      <c r="L1863" s="2" t="s">
        <v>27075</v>
      </c>
      <c r="M1863" s="5" t="s">
        <v>24254</v>
      </c>
      <c r="N1863" s="5" t="s">
        <v>38</v>
      </c>
      <c r="O1863" s="5" t="s">
        <v>39</v>
      </c>
      <c r="P1863" s="5" t="s">
        <v>40</v>
      </c>
      <c r="Q1863" s="5" t="s">
        <v>24340</v>
      </c>
      <c r="R1863" s="5" t="s">
        <v>40</v>
      </c>
      <c r="S1863" s="5" t="s">
        <v>42</v>
      </c>
      <c r="T1863" s="2">
        <v>12.172000000000001</v>
      </c>
      <c r="U1863" s="2">
        <v>10.519</v>
      </c>
      <c r="V1863" s="2">
        <v>9.2999999999999999E-2</v>
      </c>
      <c r="W1863" s="2">
        <v>12</v>
      </c>
      <c r="X1863" s="2">
        <v>50</v>
      </c>
      <c r="Y1863" s="2">
        <v>154.4</v>
      </c>
      <c r="Z1863" s="5">
        <v>10</v>
      </c>
      <c r="AA1863" s="5" t="s">
        <v>43</v>
      </c>
      <c r="AB1863" s="5" t="s">
        <v>44</v>
      </c>
      <c r="AC1863" s="2" t="s">
        <v>30846</v>
      </c>
      <c r="AD1863" s="1"/>
    </row>
    <row r="1864" spans="1:30">
      <c r="A1864" s="5" t="s">
        <v>83578</v>
      </c>
      <c r="B1864" s="2" t="s">
        <v>89188</v>
      </c>
      <c r="C1864" s="14" t="s">
        <v>89189</v>
      </c>
      <c r="D1864" s="2" t="s">
        <v>89190</v>
      </c>
      <c r="E1864" s="2" t="s">
        <v>30655</v>
      </c>
      <c r="F1864" s="8">
        <v>315</v>
      </c>
      <c r="G1864" s="5">
        <v>10</v>
      </c>
      <c r="H1864" s="5" t="s">
        <v>69</v>
      </c>
      <c r="I1864" s="5" t="s">
        <v>27074</v>
      </c>
      <c r="J1864" s="2" t="s">
        <v>27075</v>
      </c>
      <c r="K1864" s="5" t="s">
        <v>27074</v>
      </c>
      <c r="L1864" s="2" t="s">
        <v>27075</v>
      </c>
      <c r="M1864" s="5" t="s">
        <v>24254</v>
      </c>
      <c r="N1864" s="5" t="s">
        <v>38</v>
      </c>
      <c r="O1864" s="5" t="s">
        <v>39</v>
      </c>
      <c r="P1864" s="5" t="s">
        <v>40</v>
      </c>
      <c r="Q1864" s="5" t="s">
        <v>24340</v>
      </c>
      <c r="R1864" s="5" t="s">
        <v>40</v>
      </c>
      <c r="S1864" s="5" t="s">
        <v>42</v>
      </c>
      <c r="T1864" s="2">
        <v>7.6879999999999997</v>
      </c>
      <c r="U1864" s="2">
        <v>6.1790000000000003</v>
      </c>
      <c r="V1864" s="2">
        <v>8.3000000000000004E-2</v>
      </c>
      <c r="W1864" s="2">
        <v>12</v>
      </c>
      <c r="X1864" s="2">
        <v>50</v>
      </c>
      <c r="Y1864" s="2">
        <v>137.9</v>
      </c>
      <c r="Z1864" s="5">
        <v>10</v>
      </c>
      <c r="AA1864" s="5" t="s">
        <v>43</v>
      </c>
      <c r="AB1864" s="5" t="s">
        <v>44</v>
      </c>
      <c r="AC1864" s="2" t="s">
        <v>30656</v>
      </c>
      <c r="AD1864" s="1"/>
    </row>
    <row r="1865" spans="1:30">
      <c r="A1865" s="5" t="s">
        <v>83578</v>
      </c>
      <c r="B1865" s="2" t="s">
        <v>89191</v>
      </c>
      <c r="C1865" s="14" t="s">
        <v>89192</v>
      </c>
      <c r="D1865" s="2" t="s">
        <v>89193</v>
      </c>
      <c r="E1865" s="2" t="s">
        <v>30655</v>
      </c>
      <c r="F1865" s="8">
        <v>315</v>
      </c>
      <c r="G1865" s="5">
        <v>10</v>
      </c>
      <c r="H1865" s="5" t="s">
        <v>69</v>
      </c>
      <c r="I1865" s="5" t="s">
        <v>27074</v>
      </c>
      <c r="J1865" s="2" t="s">
        <v>27075</v>
      </c>
      <c r="K1865" s="5" t="s">
        <v>27074</v>
      </c>
      <c r="L1865" s="2" t="s">
        <v>27075</v>
      </c>
      <c r="M1865" s="5" t="s">
        <v>24254</v>
      </c>
      <c r="N1865" s="5" t="s">
        <v>38</v>
      </c>
      <c r="O1865" s="5" t="s">
        <v>39</v>
      </c>
      <c r="P1865" s="5" t="s">
        <v>40</v>
      </c>
      <c r="Q1865" s="5" t="s">
        <v>24340</v>
      </c>
      <c r="R1865" s="5" t="s">
        <v>40</v>
      </c>
      <c r="S1865" s="5" t="s">
        <v>42</v>
      </c>
      <c r="T1865" s="2">
        <v>8.2159999999999993</v>
      </c>
      <c r="U1865" s="2">
        <v>6.7069999999999999</v>
      </c>
      <c r="V1865" s="2">
        <v>8.3000000000000004E-2</v>
      </c>
      <c r="W1865" s="2">
        <v>12</v>
      </c>
      <c r="X1865" s="2">
        <v>50</v>
      </c>
      <c r="Y1865" s="2">
        <v>137.9</v>
      </c>
      <c r="Z1865" s="5">
        <v>10</v>
      </c>
      <c r="AA1865" s="5" t="s">
        <v>43</v>
      </c>
      <c r="AB1865" s="5" t="s">
        <v>44</v>
      </c>
      <c r="AC1865" s="2" t="s">
        <v>30534</v>
      </c>
      <c r="AD1865" s="1"/>
    </row>
    <row r="1866" spans="1:30">
      <c r="A1866" s="5" t="s">
        <v>83578</v>
      </c>
      <c r="B1866" s="2" t="s">
        <v>89194</v>
      </c>
      <c r="C1866" s="14" t="s">
        <v>89195</v>
      </c>
      <c r="D1866" s="2" t="s">
        <v>89196</v>
      </c>
      <c r="E1866" s="2" t="s">
        <v>30533</v>
      </c>
      <c r="F1866" s="8">
        <v>315</v>
      </c>
      <c r="G1866" s="5">
        <v>10</v>
      </c>
      <c r="H1866" s="5" t="s">
        <v>69</v>
      </c>
      <c r="I1866" s="5" t="s">
        <v>27074</v>
      </c>
      <c r="J1866" s="2" t="s">
        <v>27075</v>
      </c>
      <c r="K1866" s="5" t="s">
        <v>27074</v>
      </c>
      <c r="L1866" s="2" t="s">
        <v>27075</v>
      </c>
      <c r="M1866" s="5" t="s">
        <v>24254</v>
      </c>
      <c r="N1866" s="5" t="s">
        <v>38</v>
      </c>
      <c r="O1866" s="5" t="s">
        <v>39</v>
      </c>
      <c r="P1866" s="5" t="s">
        <v>40</v>
      </c>
      <c r="Q1866" s="5" t="s">
        <v>24340</v>
      </c>
      <c r="R1866" s="5" t="s">
        <v>40</v>
      </c>
      <c r="S1866" s="5" t="s">
        <v>42</v>
      </c>
      <c r="T1866" s="2">
        <v>10.209</v>
      </c>
      <c r="U1866" s="2">
        <v>8.5009999999999994</v>
      </c>
      <c r="V1866" s="2">
        <v>9.2999999999999999E-2</v>
      </c>
      <c r="W1866" s="2">
        <v>12</v>
      </c>
      <c r="X1866" s="2">
        <v>50</v>
      </c>
      <c r="Y1866" s="2">
        <v>154.4</v>
      </c>
      <c r="Z1866" s="5">
        <v>10</v>
      </c>
      <c r="AA1866" s="5" t="s">
        <v>43</v>
      </c>
      <c r="AB1866" s="5" t="s">
        <v>44</v>
      </c>
      <c r="AC1866" s="2" t="s">
        <v>30656</v>
      </c>
      <c r="AD1866" s="1"/>
    </row>
    <row r="1867" spans="1:30">
      <c r="A1867" s="5" t="s">
        <v>83578</v>
      </c>
      <c r="B1867" s="2" t="s">
        <v>89197</v>
      </c>
      <c r="C1867" s="14" t="s">
        <v>89198</v>
      </c>
      <c r="D1867" s="2" t="s">
        <v>89199</v>
      </c>
      <c r="E1867" s="2" t="s">
        <v>30533</v>
      </c>
      <c r="F1867" s="8">
        <v>315</v>
      </c>
      <c r="G1867" s="5">
        <v>10</v>
      </c>
      <c r="H1867" s="5" t="s">
        <v>69</v>
      </c>
      <c r="I1867" s="5" t="s">
        <v>27074</v>
      </c>
      <c r="J1867" s="2" t="s">
        <v>27075</v>
      </c>
      <c r="K1867" s="5" t="s">
        <v>27074</v>
      </c>
      <c r="L1867" s="2" t="s">
        <v>27075</v>
      </c>
      <c r="M1867" s="5" t="s">
        <v>24254</v>
      </c>
      <c r="N1867" s="5" t="s">
        <v>38</v>
      </c>
      <c r="O1867" s="5" t="s">
        <v>39</v>
      </c>
      <c r="P1867" s="5" t="s">
        <v>40</v>
      </c>
      <c r="Q1867" s="5" t="s">
        <v>24340</v>
      </c>
      <c r="R1867" s="5" t="s">
        <v>40</v>
      </c>
      <c r="S1867" s="5" t="s">
        <v>42</v>
      </c>
      <c r="T1867" s="2">
        <v>10.978999999999999</v>
      </c>
      <c r="U1867" s="2">
        <v>9.2710000000000008</v>
      </c>
      <c r="V1867" s="2">
        <v>9.2999999999999999E-2</v>
      </c>
      <c r="W1867" s="2">
        <v>12</v>
      </c>
      <c r="X1867" s="2">
        <v>50</v>
      </c>
      <c r="Y1867" s="2">
        <v>154.4</v>
      </c>
      <c r="Z1867" s="5">
        <v>10</v>
      </c>
      <c r="AA1867" s="5" t="s">
        <v>43</v>
      </c>
      <c r="AB1867" s="5" t="s">
        <v>44</v>
      </c>
      <c r="AC1867" s="2" t="s">
        <v>30534</v>
      </c>
      <c r="AD1867" s="1"/>
    </row>
    <row r="1868" spans="1:30">
      <c r="A1868" s="5" t="s">
        <v>83578</v>
      </c>
      <c r="B1868" s="2" t="s">
        <v>89200</v>
      </c>
      <c r="C1868" s="14" t="s">
        <v>89201</v>
      </c>
      <c r="D1868" s="2" t="s">
        <v>89202</v>
      </c>
      <c r="E1868" s="2" t="s">
        <v>30541</v>
      </c>
      <c r="F1868" s="8">
        <v>315</v>
      </c>
      <c r="G1868" s="5">
        <v>10</v>
      </c>
      <c r="H1868" s="5" t="s">
        <v>69</v>
      </c>
      <c r="I1868" s="5" t="s">
        <v>27074</v>
      </c>
      <c r="J1868" s="2" t="s">
        <v>27075</v>
      </c>
      <c r="K1868" s="5" t="s">
        <v>27074</v>
      </c>
      <c r="L1868" s="2" t="s">
        <v>27075</v>
      </c>
      <c r="M1868" s="5" t="s">
        <v>24254</v>
      </c>
      <c r="N1868" s="5" t="s">
        <v>38</v>
      </c>
      <c r="O1868" s="5" t="s">
        <v>39</v>
      </c>
      <c r="P1868" s="5" t="s">
        <v>40</v>
      </c>
      <c r="Q1868" s="5" t="s">
        <v>25301</v>
      </c>
      <c r="R1868" s="5" t="s">
        <v>40</v>
      </c>
      <c r="S1868" s="5" t="s">
        <v>42</v>
      </c>
      <c r="T1868" s="2">
        <v>13.65</v>
      </c>
      <c r="U1868" s="2">
        <v>12.106999999999999</v>
      </c>
      <c r="V1868" s="2">
        <v>8.3000000000000004E-2</v>
      </c>
      <c r="W1868" s="2">
        <v>12</v>
      </c>
      <c r="X1868" s="2">
        <v>50</v>
      </c>
      <c r="Y1868" s="2">
        <v>137.9</v>
      </c>
      <c r="Z1868" s="5">
        <v>8</v>
      </c>
      <c r="AA1868" s="5" t="s">
        <v>43</v>
      </c>
      <c r="AB1868" s="5" t="s">
        <v>44</v>
      </c>
      <c r="AC1868" s="2" t="s">
        <v>30542</v>
      </c>
      <c r="AD1868" s="1"/>
    </row>
    <row r="1869" spans="1:30">
      <c r="A1869" s="5" t="s">
        <v>83578</v>
      </c>
      <c r="B1869" s="2" t="s">
        <v>89203</v>
      </c>
      <c r="C1869" s="14" t="s">
        <v>89204</v>
      </c>
      <c r="D1869" s="2" t="s">
        <v>89205</v>
      </c>
      <c r="E1869" s="2" t="s">
        <v>30862</v>
      </c>
      <c r="F1869" s="8">
        <v>315</v>
      </c>
      <c r="G1869" s="5">
        <v>10</v>
      </c>
      <c r="H1869" s="5" t="s">
        <v>69</v>
      </c>
      <c r="I1869" s="5" t="s">
        <v>27074</v>
      </c>
      <c r="J1869" s="2" t="s">
        <v>27075</v>
      </c>
      <c r="K1869" s="5" t="s">
        <v>27074</v>
      </c>
      <c r="L1869" s="2" t="s">
        <v>27075</v>
      </c>
      <c r="M1869" s="5" t="s">
        <v>24254</v>
      </c>
      <c r="N1869" s="5" t="s">
        <v>38</v>
      </c>
      <c r="O1869" s="5" t="s">
        <v>39</v>
      </c>
      <c r="P1869" s="5" t="s">
        <v>40</v>
      </c>
      <c r="Q1869" s="5" t="s">
        <v>25301</v>
      </c>
      <c r="R1869" s="5" t="s">
        <v>40</v>
      </c>
      <c r="S1869" s="5" t="s">
        <v>42</v>
      </c>
      <c r="T1869" s="2">
        <v>9.5939999999999994</v>
      </c>
      <c r="U1869" s="2">
        <v>7.9359999999999999</v>
      </c>
      <c r="V1869" s="2">
        <v>9.2999999999999999E-2</v>
      </c>
      <c r="W1869" s="2">
        <v>12</v>
      </c>
      <c r="X1869" s="2">
        <v>50</v>
      </c>
      <c r="Y1869" s="2">
        <v>154.4</v>
      </c>
      <c r="Z1869" s="5">
        <v>8</v>
      </c>
      <c r="AA1869" s="5" t="s">
        <v>43</v>
      </c>
      <c r="AB1869" s="5" t="s">
        <v>44</v>
      </c>
      <c r="AC1869" s="2" t="s">
        <v>30542</v>
      </c>
      <c r="AD1869" s="1"/>
    </row>
    <row r="1870" spans="1:30">
      <c r="A1870" s="5" t="s">
        <v>83578</v>
      </c>
      <c r="B1870" s="2" t="s">
        <v>89206</v>
      </c>
      <c r="C1870" s="14" t="s">
        <v>89207</v>
      </c>
      <c r="D1870" s="2" t="s">
        <v>89208</v>
      </c>
      <c r="E1870" s="2" t="s">
        <v>30546</v>
      </c>
      <c r="F1870" s="8">
        <v>315</v>
      </c>
      <c r="G1870" s="5">
        <v>10</v>
      </c>
      <c r="H1870" s="5" t="s">
        <v>69</v>
      </c>
      <c r="I1870" s="5" t="s">
        <v>27074</v>
      </c>
      <c r="J1870" s="2" t="s">
        <v>27075</v>
      </c>
      <c r="K1870" s="5" t="s">
        <v>27074</v>
      </c>
      <c r="L1870" s="2" t="s">
        <v>27075</v>
      </c>
      <c r="M1870" s="5" t="s">
        <v>24254</v>
      </c>
      <c r="N1870" s="5" t="s">
        <v>38</v>
      </c>
      <c r="O1870" s="5" t="s">
        <v>39</v>
      </c>
      <c r="P1870" s="5" t="s">
        <v>40</v>
      </c>
      <c r="Q1870" s="5" t="s">
        <v>25301</v>
      </c>
      <c r="R1870" s="5" t="s">
        <v>40</v>
      </c>
      <c r="S1870" s="5" t="s">
        <v>42</v>
      </c>
      <c r="T1870" s="2">
        <v>6.673</v>
      </c>
      <c r="U1870" s="2">
        <v>5.2389999999999999</v>
      </c>
      <c r="V1870" s="2">
        <v>8.3000000000000004E-2</v>
      </c>
      <c r="W1870" s="2">
        <v>12</v>
      </c>
      <c r="X1870" s="2">
        <v>50</v>
      </c>
      <c r="Y1870" s="2">
        <v>137.9</v>
      </c>
      <c r="Z1870" s="5">
        <v>8</v>
      </c>
      <c r="AA1870" s="5" t="s">
        <v>43</v>
      </c>
      <c r="AB1870" s="5" t="s">
        <v>44</v>
      </c>
      <c r="AC1870" s="2" t="s">
        <v>30542</v>
      </c>
      <c r="AD1870" s="1"/>
    </row>
    <row r="1871" spans="1:30">
      <c r="A1871" s="5" t="s">
        <v>83578</v>
      </c>
      <c r="B1871" s="2" t="s">
        <v>89209</v>
      </c>
      <c r="C1871" s="14" t="s">
        <v>89210</v>
      </c>
      <c r="D1871" s="2" t="s">
        <v>89211</v>
      </c>
      <c r="E1871" s="2" t="s">
        <v>31004</v>
      </c>
      <c r="F1871" s="8">
        <v>315</v>
      </c>
      <c r="G1871" s="5">
        <v>10</v>
      </c>
      <c r="H1871" s="5" t="s">
        <v>69</v>
      </c>
      <c r="I1871" s="5" t="s">
        <v>27074</v>
      </c>
      <c r="J1871" s="2" t="s">
        <v>27075</v>
      </c>
      <c r="K1871" s="5" t="s">
        <v>27074</v>
      </c>
      <c r="L1871" s="2" t="s">
        <v>27075</v>
      </c>
      <c r="M1871" s="5" t="s">
        <v>24254</v>
      </c>
      <c r="N1871" s="5" t="s">
        <v>38</v>
      </c>
      <c r="O1871" s="5" t="s">
        <v>39</v>
      </c>
      <c r="P1871" s="5" t="s">
        <v>40</v>
      </c>
      <c r="Q1871" s="5" t="s">
        <v>25301</v>
      </c>
      <c r="R1871" s="5" t="s">
        <v>40</v>
      </c>
      <c r="S1871" s="5" t="s">
        <v>42</v>
      </c>
      <c r="T1871" s="2">
        <v>9.9779999999999998</v>
      </c>
      <c r="U1871" s="2">
        <v>8.468</v>
      </c>
      <c r="V1871" s="2">
        <v>8.3000000000000004E-2</v>
      </c>
      <c r="W1871" s="2">
        <v>12</v>
      </c>
      <c r="X1871" s="2">
        <v>50</v>
      </c>
      <c r="Y1871" s="2">
        <v>137.9</v>
      </c>
      <c r="Z1871" s="5">
        <v>10</v>
      </c>
      <c r="AA1871" s="5" t="s">
        <v>43</v>
      </c>
      <c r="AB1871" s="5" t="s">
        <v>44</v>
      </c>
      <c r="AC1871" s="2" t="s">
        <v>31005</v>
      </c>
      <c r="AD1871" s="1"/>
    </row>
    <row r="1872" spans="1:30">
      <c r="A1872" s="5" t="s">
        <v>83578</v>
      </c>
      <c r="B1872" s="2" t="s">
        <v>89212</v>
      </c>
      <c r="C1872" s="14" t="s">
        <v>89213</v>
      </c>
      <c r="D1872" s="2" t="s">
        <v>89214</v>
      </c>
      <c r="E1872" s="2" t="s">
        <v>31004</v>
      </c>
      <c r="F1872" s="8">
        <v>315</v>
      </c>
      <c r="G1872" s="5">
        <v>10</v>
      </c>
      <c r="H1872" s="5" t="s">
        <v>69</v>
      </c>
      <c r="I1872" s="5" t="s">
        <v>27074</v>
      </c>
      <c r="J1872" s="2" t="s">
        <v>27075</v>
      </c>
      <c r="K1872" s="5" t="s">
        <v>27074</v>
      </c>
      <c r="L1872" s="2" t="s">
        <v>27075</v>
      </c>
      <c r="M1872" s="5" t="s">
        <v>24254</v>
      </c>
      <c r="N1872" s="5" t="s">
        <v>38</v>
      </c>
      <c r="O1872" s="5" t="s">
        <v>39</v>
      </c>
      <c r="P1872" s="5" t="s">
        <v>40</v>
      </c>
      <c r="Q1872" s="5" t="s">
        <v>25301</v>
      </c>
      <c r="R1872" s="5" t="s">
        <v>40</v>
      </c>
      <c r="S1872" s="5" t="s">
        <v>42</v>
      </c>
      <c r="T1872" s="2">
        <v>10.676</v>
      </c>
      <c r="U1872" s="2">
        <v>9.0220000000000002</v>
      </c>
      <c r="V1872" s="2">
        <v>9.2999999999999999E-2</v>
      </c>
      <c r="W1872" s="2">
        <v>12</v>
      </c>
      <c r="X1872" s="2">
        <v>50</v>
      </c>
      <c r="Y1872" s="2">
        <v>154.4</v>
      </c>
      <c r="Z1872" s="5">
        <v>10</v>
      </c>
      <c r="AA1872" s="5" t="s">
        <v>43</v>
      </c>
      <c r="AB1872" s="5" t="s">
        <v>44</v>
      </c>
      <c r="AC1872" s="2" t="s">
        <v>31468</v>
      </c>
      <c r="AD1872" s="1"/>
    </row>
    <row r="1873" spans="1:30">
      <c r="A1873" s="5" t="s">
        <v>83578</v>
      </c>
      <c r="B1873" s="2" t="s">
        <v>89215</v>
      </c>
      <c r="C1873" s="14" t="s">
        <v>89216</v>
      </c>
      <c r="D1873" s="2" t="s">
        <v>89217</v>
      </c>
      <c r="E1873" s="2" t="s">
        <v>31009</v>
      </c>
      <c r="F1873" s="8">
        <v>315</v>
      </c>
      <c r="G1873" s="5">
        <v>10</v>
      </c>
      <c r="H1873" s="5" t="s">
        <v>69</v>
      </c>
      <c r="I1873" s="5" t="s">
        <v>27074</v>
      </c>
      <c r="J1873" s="2" t="s">
        <v>27075</v>
      </c>
      <c r="K1873" s="5" t="s">
        <v>27074</v>
      </c>
      <c r="L1873" s="2" t="s">
        <v>27075</v>
      </c>
      <c r="M1873" s="5" t="s">
        <v>24254</v>
      </c>
      <c r="N1873" s="5" t="s">
        <v>38</v>
      </c>
      <c r="O1873" s="5" t="s">
        <v>39</v>
      </c>
      <c r="P1873" s="5" t="s">
        <v>40</v>
      </c>
      <c r="Q1873" s="5" t="s">
        <v>25301</v>
      </c>
      <c r="R1873" s="5" t="s">
        <v>40</v>
      </c>
      <c r="S1873" s="5" t="s">
        <v>42</v>
      </c>
      <c r="T1873" s="2">
        <v>7.6920000000000002</v>
      </c>
      <c r="U1873" s="2">
        <v>6.1820000000000004</v>
      </c>
      <c r="V1873" s="2">
        <v>8.3000000000000004E-2</v>
      </c>
      <c r="W1873" s="2">
        <v>12</v>
      </c>
      <c r="X1873" s="2">
        <v>50</v>
      </c>
      <c r="Y1873" s="2">
        <v>137.9</v>
      </c>
      <c r="Z1873" s="5">
        <v>10</v>
      </c>
      <c r="AA1873" s="5" t="s">
        <v>43</v>
      </c>
      <c r="AB1873" s="5" t="s">
        <v>44</v>
      </c>
      <c r="AC1873" s="2" t="s">
        <v>31010</v>
      </c>
      <c r="AD1873" s="1"/>
    </row>
    <row r="1874" spans="1:30">
      <c r="A1874" s="5" t="s">
        <v>83578</v>
      </c>
      <c r="B1874" s="2" t="s">
        <v>89218</v>
      </c>
      <c r="C1874" s="14" t="s">
        <v>89219</v>
      </c>
      <c r="D1874" s="2" t="s">
        <v>89220</v>
      </c>
      <c r="E1874" s="2" t="s">
        <v>31009</v>
      </c>
      <c r="F1874" s="8">
        <v>315</v>
      </c>
      <c r="G1874" s="5">
        <v>10</v>
      </c>
      <c r="H1874" s="5" t="s">
        <v>69</v>
      </c>
      <c r="I1874" s="5" t="s">
        <v>27074</v>
      </c>
      <c r="J1874" s="2" t="s">
        <v>27075</v>
      </c>
      <c r="K1874" s="5" t="s">
        <v>27074</v>
      </c>
      <c r="L1874" s="2" t="s">
        <v>27075</v>
      </c>
      <c r="M1874" s="5" t="s">
        <v>24254</v>
      </c>
      <c r="N1874" s="5" t="s">
        <v>38</v>
      </c>
      <c r="O1874" s="5" t="s">
        <v>39</v>
      </c>
      <c r="P1874" s="5" t="s">
        <v>40</v>
      </c>
      <c r="Q1874" s="5" t="s">
        <v>25301</v>
      </c>
      <c r="R1874" s="5" t="s">
        <v>40</v>
      </c>
      <c r="S1874" s="5" t="s">
        <v>42</v>
      </c>
      <c r="T1874" s="2">
        <v>7.4240000000000004</v>
      </c>
      <c r="U1874" s="2">
        <v>5.9139999999999997</v>
      </c>
      <c r="V1874" s="2">
        <v>8.3000000000000004E-2</v>
      </c>
      <c r="W1874" s="2">
        <v>12</v>
      </c>
      <c r="X1874" s="2">
        <v>50</v>
      </c>
      <c r="Y1874" s="2">
        <v>137.9</v>
      </c>
      <c r="Z1874" s="5">
        <v>10</v>
      </c>
      <c r="AA1874" s="5" t="s">
        <v>43</v>
      </c>
      <c r="AB1874" s="5" t="s">
        <v>44</v>
      </c>
      <c r="AC1874" s="2" t="s">
        <v>31472</v>
      </c>
      <c r="AD1874" s="1"/>
    </row>
    <row r="1875" spans="1:30">
      <c r="A1875" s="5" t="s">
        <v>83578</v>
      </c>
      <c r="B1875" s="2" t="s">
        <v>89221</v>
      </c>
      <c r="C1875" s="14" t="s">
        <v>89222</v>
      </c>
      <c r="D1875" s="2" t="s">
        <v>89223</v>
      </c>
      <c r="E1875" s="2" t="s">
        <v>31191</v>
      </c>
      <c r="F1875" s="8">
        <v>315</v>
      </c>
      <c r="G1875" s="5">
        <v>10</v>
      </c>
      <c r="H1875" s="5" t="s">
        <v>69</v>
      </c>
      <c r="I1875" s="5" t="s">
        <v>27074</v>
      </c>
      <c r="J1875" s="2" t="s">
        <v>27075</v>
      </c>
      <c r="K1875" s="5" t="s">
        <v>27074</v>
      </c>
      <c r="L1875" s="2" t="s">
        <v>27075</v>
      </c>
      <c r="M1875" s="5" t="s">
        <v>24254</v>
      </c>
      <c r="N1875" s="5" t="s">
        <v>38</v>
      </c>
      <c r="O1875" s="5" t="s">
        <v>39</v>
      </c>
      <c r="P1875" s="5" t="s">
        <v>40</v>
      </c>
      <c r="Q1875" s="5" t="s">
        <v>25301</v>
      </c>
      <c r="R1875" s="5" t="s">
        <v>40</v>
      </c>
      <c r="S1875" s="5" t="s">
        <v>42</v>
      </c>
      <c r="T1875" s="2">
        <v>9.1029999999999998</v>
      </c>
      <c r="U1875" s="2">
        <v>7.3940000000000001</v>
      </c>
      <c r="V1875" s="2">
        <v>9.2999999999999999E-2</v>
      </c>
      <c r="W1875" s="2">
        <v>12</v>
      </c>
      <c r="X1875" s="2">
        <v>50</v>
      </c>
      <c r="Y1875" s="2">
        <v>154.4</v>
      </c>
      <c r="Z1875" s="5">
        <v>10</v>
      </c>
      <c r="AA1875" s="5" t="s">
        <v>43</v>
      </c>
      <c r="AB1875" s="5" t="s">
        <v>44</v>
      </c>
      <c r="AC1875" s="2" t="s">
        <v>31010</v>
      </c>
      <c r="AD1875" s="1"/>
    </row>
    <row r="1876" spans="1:30">
      <c r="A1876" s="5" t="s">
        <v>83578</v>
      </c>
      <c r="B1876" s="2" t="s">
        <v>89224</v>
      </c>
      <c r="C1876" s="14" t="s">
        <v>89225</v>
      </c>
      <c r="D1876" s="2" t="s">
        <v>89226</v>
      </c>
      <c r="E1876" s="2" t="s">
        <v>31191</v>
      </c>
      <c r="F1876" s="8">
        <v>315</v>
      </c>
      <c r="G1876" s="5">
        <v>10</v>
      </c>
      <c r="H1876" s="5" t="s">
        <v>69</v>
      </c>
      <c r="I1876" s="5" t="s">
        <v>27074</v>
      </c>
      <c r="J1876" s="2" t="s">
        <v>27075</v>
      </c>
      <c r="K1876" s="5" t="s">
        <v>27074</v>
      </c>
      <c r="L1876" s="2" t="s">
        <v>27075</v>
      </c>
      <c r="M1876" s="5" t="s">
        <v>24254</v>
      </c>
      <c r="N1876" s="5" t="s">
        <v>38</v>
      </c>
      <c r="O1876" s="5" t="s">
        <v>39</v>
      </c>
      <c r="P1876" s="5" t="s">
        <v>40</v>
      </c>
      <c r="Q1876" s="5" t="s">
        <v>25301</v>
      </c>
      <c r="R1876" s="5" t="s">
        <v>40</v>
      </c>
      <c r="S1876" s="5" t="s">
        <v>42</v>
      </c>
      <c r="T1876" s="2">
        <v>9.702</v>
      </c>
      <c r="U1876" s="2">
        <v>7.9930000000000003</v>
      </c>
      <c r="V1876" s="2">
        <v>9.2999999999999999E-2</v>
      </c>
      <c r="W1876" s="2">
        <v>12</v>
      </c>
      <c r="X1876" s="2">
        <v>50</v>
      </c>
      <c r="Y1876" s="2">
        <v>154.4</v>
      </c>
      <c r="Z1876" s="5">
        <v>10</v>
      </c>
      <c r="AA1876" s="5" t="s">
        <v>43</v>
      </c>
      <c r="AB1876" s="5" t="s">
        <v>44</v>
      </c>
      <c r="AC1876" s="2" t="s">
        <v>31472</v>
      </c>
      <c r="AD1876" s="1"/>
    </row>
    <row r="1877" spans="1:30">
      <c r="A1877" s="5" t="s">
        <v>83578</v>
      </c>
      <c r="B1877" s="2" t="s">
        <v>89227</v>
      </c>
      <c r="C1877" s="14" t="s">
        <v>89228</v>
      </c>
      <c r="D1877" s="2" t="s">
        <v>89229</v>
      </c>
      <c r="E1877" s="2" t="s">
        <v>30431</v>
      </c>
      <c r="F1877" s="8">
        <v>164</v>
      </c>
      <c r="G1877" s="5">
        <v>5</v>
      </c>
      <c r="H1877" s="5" t="s">
        <v>69</v>
      </c>
      <c r="I1877" s="5" t="s">
        <v>27074</v>
      </c>
      <c r="J1877" s="2" t="s">
        <v>27075</v>
      </c>
      <c r="K1877" s="5" t="s">
        <v>27074</v>
      </c>
      <c r="L1877" s="2" t="s">
        <v>27075</v>
      </c>
      <c r="M1877" s="5" t="s">
        <v>24254</v>
      </c>
      <c r="N1877" s="5" t="s">
        <v>38</v>
      </c>
      <c r="O1877" s="5" t="s">
        <v>39</v>
      </c>
      <c r="P1877" s="5" t="s">
        <v>40</v>
      </c>
      <c r="Q1877" s="5" t="s">
        <v>24335</v>
      </c>
      <c r="R1877" s="5" t="s">
        <v>40</v>
      </c>
      <c r="S1877" s="5" t="s">
        <v>42</v>
      </c>
      <c r="T1877" s="2">
        <v>6.1189999999999998</v>
      </c>
      <c r="U1877" s="2">
        <v>4.3419999999999996</v>
      </c>
      <c r="V1877" s="2">
        <v>8.3000000000000004E-2</v>
      </c>
      <c r="W1877" s="2">
        <v>12</v>
      </c>
      <c r="X1877" s="2">
        <v>50</v>
      </c>
      <c r="Y1877" s="2">
        <v>137.9</v>
      </c>
      <c r="Z1877" s="5">
        <v>10</v>
      </c>
      <c r="AA1877" s="5" t="s">
        <v>43</v>
      </c>
      <c r="AB1877" s="5" t="s">
        <v>44</v>
      </c>
      <c r="AC1877" s="2" t="s">
        <v>30436</v>
      </c>
      <c r="AD1877" s="1"/>
    </row>
    <row r="1878" spans="1:30">
      <c r="A1878" s="5" t="s">
        <v>83578</v>
      </c>
      <c r="B1878" s="2" t="s">
        <v>89230</v>
      </c>
      <c r="C1878" s="14" t="s">
        <v>89231</v>
      </c>
      <c r="D1878" s="2" t="s">
        <v>89232</v>
      </c>
      <c r="E1878" s="2" t="s">
        <v>30440</v>
      </c>
      <c r="F1878" s="8">
        <v>164</v>
      </c>
      <c r="G1878" s="5">
        <v>5</v>
      </c>
      <c r="H1878" s="5" t="s">
        <v>69</v>
      </c>
      <c r="I1878" s="5" t="s">
        <v>27074</v>
      </c>
      <c r="J1878" s="2" t="s">
        <v>27075</v>
      </c>
      <c r="K1878" s="5" t="s">
        <v>27074</v>
      </c>
      <c r="L1878" s="2" t="s">
        <v>27075</v>
      </c>
      <c r="M1878" s="5" t="s">
        <v>24254</v>
      </c>
      <c r="N1878" s="5" t="s">
        <v>38</v>
      </c>
      <c r="O1878" s="5" t="s">
        <v>39</v>
      </c>
      <c r="P1878" s="5" t="s">
        <v>40</v>
      </c>
      <c r="Q1878" s="5" t="s">
        <v>24335</v>
      </c>
      <c r="R1878" s="5" t="s">
        <v>40</v>
      </c>
      <c r="S1878" s="5" t="s">
        <v>42</v>
      </c>
      <c r="T1878" s="2">
        <v>4.8920000000000003</v>
      </c>
      <c r="U1878" s="2">
        <v>3.1150000000000002</v>
      </c>
      <c r="V1878" s="2">
        <v>8.3000000000000004E-2</v>
      </c>
      <c r="W1878" s="2">
        <v>12</v>
      </c>
      <c r="X1878" s="2">
        <v>50</v>
      </c>
      <c r="Y1878" s="2">
        <v>137.9</v>
      </c>
      <c r="Z1878" s="5">
        <v>10</v>
      </c>
      <c r="AA1878" s="5" t="s">
        <v>43</v>
      </c>
      <c r="AB1878" s="5" t="s">
        <v>44</v>
      </c>
      <c r="AC1878" s="2" t="s">
        <v>30445</v>
      </c>
      <c r="AD1878" s="1"/>
    </row>
    <row r="1879" spans="1:30">
      <c r="A1879" s="5" t="s">
        <v>83578</v>
      </c>
      <c r="B1879" s="2" t="s">
        <v>89233</v>
      </c>
      <c r="C1879" s="14" t="s">
        <v>89234</v>
      </c>
      <c r="D1879" s="2" t="s">
        <v>89235</v>
      </c>
      <c r="E1879" s="2" t="s">
        <v>30449</v>
      </c>
      <c r="F1879" s="8">
        <v>164</v>
      </c>
      <c r="G1879" s="5">
        <v>5</v>
      </c>
      <c r="H1879" s="5" t="s">
        <v>69</v>
      </c>
      <c r="I1879" s="5" t="s">
        <v>27074</v>
      </c>
      <c r="J1879" s="2" t="s">
        <v>27075</v>
      </c>
      <c r="K1879" s="5" t="s">
        <v>27074</v>
      </c>
      <c r="L1879" s="2" t="s">
        <v>27075</v>
      </c>
      <c r="M1879" s="5" t="s">
        <v>24254</v>
      </c>
      <c r="N1879" s="5" t="s">
        <v>38</v>
      </c>
      <c r="O1879" s="5" t="s">
        <v>39</v>
      </c>
      <c r="P1879" s="5" t="s">
        <v>40</v>
      </c>
      <c r="Q1879" s="5" t="s">
        <v>24335</v>
      </c>
      <c r="R1879" s="5" t="s">
        <v>40</v>
      </c>
      <c r="S1879" s="5" t="s">
        <v>42</v>
      </c>
      <c r="T1879" s="2">
        <v>5.79</v>
      </c>
      <c r="U1879" s="2">
        <v>3.9590000000000001</v>
      </c>
      <c r="V1879" s="2">
        <v>8.3000000000000004E-2</v>
      </c>
      <c r="W1879" s="2">
        <v>12</v>
      </c>
      <c r="X1879" s="2">
        <v>50</v>
      </c>
      <c r="Y1879" s="2">
        <v>137.9</v>
      </c>
      <c r="Z1879" s="5">
        <v>10</v>
      </c>
      <c r="AA1879" s="5" t="s">
        <v>43</v>
      </c>
      <c r="AB1879" s="5" t="s">
        <v>44</v>
      </c>
      <c r="AC1879" s="2" t="s">
        <v>30445</v>
      </c>
      <c r="AD1879" s="1"/>
    </row>
    <row r="1880" spans="1:30">
      <c r="A1880" s="5" t="s">
        <v>83578</v>
      </c>
      <c r="B1880" s="2" t="s">
        <v>89236</v>
      </c>
      <c r="C1880" s="14" t="s">
        <v>89237</v>
      </c>
      <c r="D1880" s="2" t="s">
        <v>89238</v>
      </c>
      <c r="E1880" s="2" t="s">
        <v>30595</v>
      </c>
      <c r="F1880" s="8">
        <v>315</v>
      </c>
      <c r="G1880" s="5">
        <v>10</v>
      </c>
      <c r="H1880" s="5" t="s">
        <v>69</v>
      </c>
      <c r="I1880" s="5" t="s">
        <v>27074</v>
      </c>
      <c r="J1880" s="2" t="s">
        <v>27075</v>
      </c>
      <c r="K1880" s="5" t="s">
        <v>27074</v>
      </c>
      <c r="L1880" s="2" t="s">
        <v>27075</v>
      </c>
      <c r="M1880" s="5" t="s">
        <v>24254</v>
      </c>
      <c r="N1880" s="5" t="s">
        <v>38</v>
      </c>
      <c r="O1880" s="5" t="s">
        <v>39</v>
      </c>
      <c r="P1880" s="5" t="s">
        <v>40</v>
      </c>
      <c r="Q1880" s="5" t="s">
        <v>24340</v>
      </c>
      <c r="R1880" s="5" t="s">
        <v>40</v>
      </c>
      <c r="S1880" s="5" t="s">
        <v>42</v>
      </c>
      <c r="T1880" s="2">
        <v>10.147</v>
      </c>
      <c r="U1880" s="2">
        <v>8.6340000000000003</v>
      </c>
      <c r="V1880" s="2">
        <v>8.3000000000000004E-2</v>
      </c>
      <c r="W1880" s="2">
        <v>12</v>
      </c>
      <c r="X1880" s="2">
        <v>50</v>
      </c>
      <c r="Y1880" s="2">
        <v>137.9</v>
      </c>
      <c r="Z1880" s="5">
        <v>8</v>
      </c>
      <c r="AA1880" s="5" t="s">
        <v>43</v>
      </c>
      <c r="AB1880" s="5" t="s">
        <v>44</v>
      </c>
      <c r="AC1880" s="2" t="s">
        <v>30525</v>
      </c>
      <c r="AD1880" s="1"/>
    </row>
    <row r="1881" spans="1:30">
      <c r="A1881" s="5" t="s">
        <v>83578</v>
      </c>
      <c r="B1881" s="2" t="s">
        <v>89239</v>
      </c>
      <c r="C1881" s="14" t="s">
        <v>89240</v>
      </c>
      <c r="D1881" s="2" t="s">
        <v>89241</v>
      </c>
      <c r="E1881" s="2" t="s">
        <v>30650</v>
      </c>
      <c r="F1881" s="8">
        <v>315</v>
      </c>
      <c r="G1881" s="5">
        <v>10</v>
      </c>
      <c r="H1881" s="5" t="s">
        <v>69</v>
      </c>
      <c r="I1881" s="5" t="s">
        <v>27074</v>
      </c>
      <c r="J1881" s="2" t="s">
        <v>27075</v>
      </c>
      <c r="K1881" s="5" t="s">
        <v>27074</v>
      </c>
      <c r="L1881" s="2" t="s">
        <v>27075</v>
      </c>
      <c r="M1881" s="5" t="s">
        <v>24254</v>
      </c>
      <c r="N1881" s="5" t="s">
        <v>38</v>
      </c>
      <c r="O1881" s="5" t="s">
        <v>39</v>
      </c>
      <c r="P1881" s="5" t="s">
        <v>40</v>
      </c>
      <c r="Q1881" s="5" t="s">
        <v>24340</v>
      </c>
      <c r="R1881" s="5" t="s">
        <v>40</v>
      </c>
      <c r="S1881" s="5" t="s">
        <v>42</v>
      </c>
      <c r="T1881" s="2">
        <v>11.022</v>
      </c>
      <c r="U1881" s="2">
        <v>9.5129999999999999</v>
      </c>
      <c r="V1881" s="2">
        <v>8.3000000000000004E-2</v>
      </c>
      <c r="W1881" s="2">
        <v>12</v>
      </c>
      <c r="X1881" s="2">
        <v>50</v>
      </c>
      <c r="Y1881" s="2">
        <v>137.9</v>
      </c>
      <c r="Z1881" s="5">
        <v>10</v>
      </c>
      <c r="AA1881" s="5" t="s">
        <v>43</v>
      </c>
      <c r="AB1881" s="5" t="s">
        <v>44</v>
      </c>
      <c r="AC1881" s="2" t="s">
        <v>30846</v>
      </c>
      <c r="AD1881" s="1"/>
    </row>
    <row r="1882" spans="1:30">
      <c r="A1882" s="5" t="s">
        <v>83578</v>
      </c>
      <c r="B1882" s="2" t="s">
        <v>89242</v>
      </c>
      <c r="C1882" s="14" t="s">
        <v>89243</v>
      </c>
      <c r="D1882" s="2" t="s">
        <v>89244</v>
      </c>
      <c r="E1882" s="2" t="s">
        <v>30655</v>
      </c>
      <c r="F1882" s="8">
        <v>315</v>
      </c>
      <c r="G1882" s="5">
        <v>10</v>
      </c>
      <c r="H1882" s="5" t="s">
        <v>69</v>
      </c>
      <c r="I1882" s="5" t="s">
        <v>27074</v>
      </c>
      <c r="J1882" s="2" t="s">
        <v>27075</v>
      </c>
      <c r="K1882" s="5" t="s">
        <v>27074</v>
      </c>
      <c r="L1882" s="2" t="s">
        <v>27075</v>
      </c>
      <c r="M1882" s="5" t="s">
        <v>24254</v>
      </c>
      <c r="N1882" s="5" t="s">
        <v>38</v>
      </c>
      <c r="O1882" s="5" t="s">
        <v>39</v>
      </c>
      <c r="P1882" s="5" t="s">
        <v>40</v>
      </c>
      <c r="Q1882" s="5" t="s">
        <v>24340</v>
      </c>
      <c r="R1882" s="5" t="s">
        <v>40</v>
      </c>
      <c r="S1882" s="5" t="s">
        <v>42</v>
      </c>
      <c r="T1882" s="2">
        <v>7.4240000000000004</v>
      </c>
      <c r="U1882" s="2">
        <v>5.915</v>
      </c>
      <c r="V1882" s="2">
        <v>8.3000000000000004E-2</v>
      </c>
      <c r="W1882" s="2">
        <v>12</v>
      </c>
      <c r="X1882" s="2">
        <v>50</v>
      </c>
      <c r="Y1882" s="2">
        <v>137.9</v>
      </c>
      <c r="Z1882" s="5">
        <v>10</v>
      </c>
      <c r="AA1882" s="5" t="s">
        <v>43</v>
      </c>
      <c r="AB1882" s="5" t="s">
        <v>44</v>
      </c>
      <c r="AC1882" s="2" t="s">
        <v>30534</v>
      </c>
      <c r="AD1882" s="1"/>
    </row>
    <row r="1883" spans="1:30">
      <c r="A1883" s="5" t="s">
        <v>83578</v>
      </c>
      <c r="B1883" s="2" t="s">
        <v>89245</v>
      </c>
      <c r="C1883" s="14" t="s">
        <v>89246</v>
      </c>
      <c r="D1883" s="2" t="s">
        <v>89247</v>
      </c>
      <c r="E1883" s="2" t="s">
        <v>30533</v>
      </c>
      <c r="F1883" s="8">
        <v>315</v>
      </c>
      <c r="G1883" s="5">
        <v>10</v>
      </c>
      <c r="H1883" s="5" t="s">
        <v>69</v>
      </c>
      <c r="I1883" s="5" t="s">
        <v>27074</v>
      </c>
      <c r="J1883" s="2" t="s">
        <v>27075</v>
      </c>
      <c r="K1883" s="5" t="s">
        <v>27074</v>
      </c>
      <c r="L1883" s="2" t="s">
        <v>27075</v>
      </c>
      <c r="M1883" s="5" t="s">
        <v>24254</v>
      </c>
      <c r="N1883" s="5" t="s">
        <v>38</v>
      </c>
      <c r="O1883" s="5" t="s">
        <v>39</v>
      </c>
      <c r="P1883" s="5" t="s">
        <v>40</v>
      </c>
      <c r="Q1883" s="5" t="s">
        <v>24340</v>
      </c>
      <c r="R1883" s="5" t="s">
        <v>40</v>
      </c>
      <c r="S1883" s="5" t="s">
        <v>42</v>
      </c>
      <c r="T1883" s="2">
        <v>10.250999999999999</v>
      </c>
      <c r="U1883" s="2">
        <v>8.6760000000000002</v>
      </c>
      <c r="V1883" s="2">
        <v>8.3000000000000004E-2</v>
      </c>
      <c r="W1883" s="2">
        <v>12</v>
      </c>
      <c r="X1883" s="2">
        <v>50</v>
      </c>
      <c r="Y1883" s="2">
        <v>137.9</v>
      </c>
      <c r="Z1883" s="5">
        <v>10</v>
      </c>
      <c r="AA1883" s="5" t="s">
        <v>43</v>
      </c>
      <c r="AB1883" s="5" t="s">
        <v>44</v>
      </c>
      <c r="AC1883" s="2" t="s">
        <v>30534</v>
      </c>
      <c r="AD1883" s="1"/>
    </row>
    <row r="1884" spans="1:30">
      <c r="A1884" s="5" t="s">
        <v>83578</v>
      </c>
      <c r="B1884" s="2" t="s">
        <v>89248</v>
      </c>
      <c r="C1884" s="14" t="s">
        <v>89249</v>
      </c>
      <c r="D1884" s="2" t="s">
        <v>89250</v>
      </c>
      <c r="E1884" s="2" t="s">
        <v>30541</v>
      </c>
      <c r="F1884" s="8">
        <v>315</v>
      </c>
      <c r="G1884" s="5">
        <v>10</v>
      </c>
      <c r="H1884" s="5" t="s">
        <v>69</v>
      </c>
      <c r="I1884" s="5" t="s">
        <v>27074</v>
      </c>
      <c r="J1884" s="2" t="s">
        <v>27075</v>
      </c>
      <c r="K1884" s="5" t="s">
        <v>27074</v>
      </c>
      <c r="L1884" s="2" t="s">
        <v>27075</v>
      </c>
      <c r="M1884" s="5" t="s">
        <v>24254</v>
      </c>
      <c r="N1884" s="5" t="s">
        <v>38</v>
      </c>
      <c r="O1884" s="5" t="s">
        <v>39</v>
      </c>
      <c r="P1884" s="5" t="s">
        <v>40</v>
      </c>
      <c r="Q1884" s="5" t="s">
        <v>25301</v>
      </c>
      <c r="R1884" s="5" t="s">
        <v>40</v>
      </c>
      <c r="S1884" s="5" t="s">
        <v>42</v>
      </c>
      <c r="T1884" s="2">
        <v>13.162000000000001</v>
      </c>
      <c r="U1884" s="2">
        <v>11.619</v>
      </c>
      <c r="V1884" s="2">
        <v>8.3000000000000004E-2</v>
      </c>
      <c r="W1884" s="2">
        <v>12</v>
      </c>
      <c r="X1884" s="2">
        <v>50</v>
      </c>
      <c r="Y1884" s="2">
        <v>137.9</v>
      </c>
      <c r="Z1884" s="5">
        <v>8</v>
      </c>
      <c r="AA1884" s="5" t="s">
        <v>43</v>
      </c>
      <c r="AB1884" s="5" t="s">
        <v>44</v>
      </c>
      <c r="AC1884" s="2" t="s">
        <v>30542</v>
      </c>
      <c r="AD1884" s="1"/>
    </row>
    <row r="1885" spans="1:30">
      <c r="A1885" s="5" t="s">
        <v>83578</v>
      </c>
      <c r="B1885" s="2" t="s">
        <v>89251</v>
      </c>
      <c r="C1885" s="14" t="s">
        <v>89252</v>
      </c>
      <c r="D1885" s="2" t="s">
        <v>89253</v>
      </c>
      <c r="E1885" s="2" t="s">
        <v>30862</v>
      </c>
      <c r="F1885" s="8">
        <v>315</v>
      </c>
      <c r="G1885" s="5">
        <v>10</v>
      </c>
      <c r="H1885" s="5" t="s">
        <v>69</v>
      </c>
      <c r="I1885" s="5" t="s">
        <v>27074</v>
      </c>
      <c r="J1885" s="2" t="s">
        <v>27075</v>
      </c>
      <c r="K1885" s="5" t="s">
        <v>27074</v>
      </c>
      <c r="L1885" s="2" t="s">
        <v>27075</v>
      </c>
      <c r="M1885" s="5" t="s">
        <v>24254</v>
      </c>
      <c r="N1885" s="5" t="s">
        <v>38</v>
      </c>
      <c r="O1885" s="5" t="s">
        <v>39</v>
      </c>
      <c r="P1885" s="5" t="s">
        <v>40</v>
      </c>
      <c r="Q1885" s="5" t="s">
        <v>25301</v>
      </c>
      <c r="R1885" s="5" t="s">
        <v>40</v>
      </c>
      <c r="S1885" s="5" t="s">
        <v>42</v>
      </c>
      <c r="T1885" s="2">
        <v>9.1609999999999996</v>
      </c>
      <c r="U1885" s="2">
        <v>7.6470000000000002</v>
      </c>
      <c r="V1885" s="2">
        <v>8.3000000000000004E-2</v>
      </c>
      <c r="W1885" s="2">
        <v>12</v>
      </c>
      <c r="X1885" s="2">
        <v>50</v>
      </c>
      <c r="Y1885" s="2">
        <v>137.9</v>
      </c>
      <c r="Z1885" s="5">
        <v>8</v>
      </c>
      <c r="AA1885" s="5" t="s">
        <v>43</v>
      </c>
      <c r="AB1885" s="5" t="s">
        <v>44</v>
      </c>
      <c r="AC1885" s="2" t="s">
        <v>30542</v>
      </c>
      <c r="AD1885" s="1"/>
    </row>
    <row r="1886" spans="1:30">
      <c r="A1886" s="5" t="s">
        <v>83578</v>
      </c>
      <c r="B1886" s="2" t="s">
        <v>89254</v>
      </c>
      <c r="C1886" s="14" t="s">
        <v>89255</v>
      </c>
      <c r="D1886" s="2" t="s">
        <v>89256</v>
      </c>
      <c r="E1886" s="2" t="s">
        <v>30546</v>
      </c>
      <c r="F1886" s="8">
        <v>315</v>
      </c>
      <c r="G1886" s="5">
        <v>10</v>
      </c>
      <c r="H1886" s="5" t="s">
        <v>69</v>
      </c>
      <c r="I1886" s="5" t="s">
        <v>27074</v>
      </c>
      <c r="J1886" s="2" t="s">
        <v>27075</v>
      </c>
      <c r="K1886" s="5" t="s">
        <v>27074</v>
      </c>
      <c r="L1886" s="2" t="s">
        <v>27075</v>
      </c>
      <c r="M1886" s="5" t="s">
        <v>24254</v>
      </c>
      <c r="N1886" s="5" t="s">
        <v>38</v>
      </c>
      <c r="O1886" s="5" t="s">
        <v>39</v>
      </c>
      <c r="P1886" s="5" t="s">
        <v>40</v>
      </c>
      <c r="Q1886" s="5" t="s">
        <v>25301</v>
      </c>
      <c r="R1886" s="5" t="s">
        <v>40</v>
      </c>
      <c r="S1886" s="5" t="s">
        <v>42</v>
      </c>
      <c r="T1886" s="2">
        <v>6.7080000000000002</v>
      </c>
      <c r="U1886" s="2">
        <v>5.274</v>
      </c>
      <c r="V1886" s="2">
        <v>8.3000000000000004E-2</v>
      </c>
      <c r="W1886" s="2">
        <v>12</v>
      </c>
      <c r="X1886" s="2">
        <v>50</v>
      </c>
      <c r="Y1886" s="2">
        <v>137.9</v>
      </c>
      <c r="Z1886" s="5">
        <v>8</v>
      </c>
      <c r="AA1886" s="5" t="s">
        <v>43</v>
      </c>
      <c r="AB1886" s="5" t="s">
        <v>44</v>
      </c>
      <c r="AC1886" s="2" t="s">
        <v>30542</v>
      </c>
      <c r="AD1886" s="1"/>
    </row>
    <row r="1887" spans="1:30">
      <c r="A1887" s="5" t="s">
        <v>83578</v>
      </c>
      <c r="B1887" s="2" t="s">
        <v>89257</v>
      </c>
      <c r="C1887" s="14" t="s">
        <v>89258</v>
      </c>
      <c r="D1887" s="2" t="s">
        <v>89259</v>
      </c>
      <c r="E1887" s="2" t="s">
        <v>31004</v>
      </c>
      <c r="F1887" s="8">
        <v>315</v>
      </c>
      <c r="G1887" s="5">
        <v>10</v>
      </c>
      <c r="H1887" s="5" t="s">
        <v>69</v>
      </c>
      <c r="I1887" s="5" t="s">
        <v>27074</v>
      </c>
      <c r="J1887" s="2" t="s">
        <v>27075</v>
      </c>
      <c r="K1887" s="5" t="s">
        <v>27074</v>
      </c>
      <c r="L1887" s="2" t="s">
        <v>27075</v>
      </c>
      <c r="M1887" s="5" t="s">
        <v>24254</v>
      </c>
      <c r="N1887" s="5" t="s">
        <v>38</v>
      </c>
      <c r="O1887" s="5" t="s">
        <v>39</v>
      </c>
      <c r="P1887" s="5" t="s">
        <v>40</v>
      </c>
      <c r="Q1887" s="5" t="s">
        <v>25301</v>
      </c>
      <c r="R1887" s="5" t="s">
        <v>40</v>
      </c>
      <c r="S1887" s="5" t="s">
        <v>42</v>
      </c>
      <c r="T1887" s="2">
        <v>9.07</v>
      </c>
      <c r="U1887" s="2">
        <v>7.56</v>
      </c>
      <c r="V1887" s="2">
        <v>8.3000000000000004E-2</v>
      </c>
      <c r="W1887" s="2">
        <v>12</v>
      </c>
      <c r="X1887" s="2">
        <v>50</v>
      </c>
      <c r="Y1887" s="2">
        <v>137.9</v>
      </c>
      <c r="Z1887" s="5">
        <v>10</v>
      </c>
      <c r="AA1887" s="5" t="s">
        <v>43</v>
      </c>
      <c r="AB1887" s="5" t="s">
        <v>44</v>
      </c>
      <c r="AC1887" s="2" t="s">
        <v>31005</v>
      </c>
      <c r="AD1887" s="1"/>
    </row>
    <row r="1888" spans="1:30">
      <c r="A1888" s="5" t="s">
        <v>83578</v>
      </c>
      <c r="B1888" s="2" t="s">
        <v>89260</v>
      </c>
      <c r="C1888" s="14" t="s">
        <v>89261</v>
      </c>
      <c r="D1888" s="2" t="s">
        <v>89262</v>
      </c>
      <c r="E1888" s="2" t="s">
        <v>31004</v>
      </c>
      <c r="F1888" s="8">
        <v>315</v>
      </c>
      <c r="G1888" s="5">
        <v>10</v>
      </c>
      <c r="H1888" s="5" t="s">
        <v>69</v>
      </c>
      <c r="I1888" s="5" t="s">
        <v>27074</v>
      </c>
      <c r="J1888" s="2" t="s">
        <v>27075</v>
      </c>
      <c r="K1888" s="5" t="s">
        <v>27074</v>
      </c>
      <c r="L1888" s="2" t="s">
        <v>27075</v>
      </c>
      <c r="M1888" s="5" t="s">
        <v>24254</v>
      </c>
      <c r="N1888" s="5" t="s">
        <v>38</v>
      </c>
      <c r="O1888" s="5" t="s">
        <v>39</v>
      </c>
      <c r="P1888" s="5" t="s">
        <v>40</v>
      </c>
      <c r="Q1888" s="5" t="s">
        <v>25301</v>
      </c>
      <c r="R1888" s="5" t="s">
        <v>40</v>
      </c>
      <c r="S1888" s="5" t="s">
        <v>42</v>
      </c>
      <c r="T1888" s="2">
        <v>9.6950000000000003</v>
      </c>
      <c r="U1888" s="2">
        <v>8.1850000000000005</v>
      </c>
      <c r="V1888" s="2">
        <v>8.3000000000000004E-2</v>
      </c>
      <c r="W1888" s="2">
        <v>12</v>
      </c>
      <c r="X1888" s="2">
        <v>50</v>
      </c>
      <c r="Y1888" s="2">
        <v>137.9</v>
      </c>
      <c r="Z1888" s="5">
        <v>10</v>
      </c>
      <c r="AA1888" s="5" t="s">
        <v>43</v>
      </c>
      <c r="AB1888" s="5" t="s">
        <v>44</v>
      </c>
      <c r="AC1888" s="2" t="s">
        <v>31468</v>
      </c>
      <c r="AD1888" s="1"/>
    </row>
    <row r="1889" spans="1:30">
      <c r="A1889" s="5" t="s">
        <v>83578</v>
      </c>
      <c r="B1889" s="2" t="s">
        <v>89263</v>
      </c>
      <c r="C1889" s="14" t="s">
        <v>89264</v>
      </c>
      <c r="D1889" s="2" t="s">
        <v>89265</v>
      </c>
      <c r="E1889" s="2" t="s">
        <v>31009</v>
      </c>
      <c r="F1889" s="8">
        <v>315</v>
      </c>
      <c r="G1889" s="5">
        <v>10</v>
      </c>
      <c r="H1889" s="5" t="s">
        <v>69</v>
      </c>
      <c r="I1889" s="5" t="s">
        <v>27074</v>
      </c>
      <c r="J1889" s="2" t="s">
        <v>27075</v>
      </c>
      <c r="K1889" s="5" t="s">
        <v>27074</v>
      </c>
      <c r="L1889" s="2" t="s">
        <v>27075</v>
      </c>
      <c r="M1889" s="5" t="s">
        <v>24254</v>
      </c>
      <c r="N1889" s="5" t="s">
        <v>38</v>
      </c>
      <c r="O1889" s="5" t="s">
        <v>39</v>
      </c>
      <c r="P1889" s="5" t="s">
        <v>40</v>
      </c>
      <c r="Q1889" s="5" t="s">
        <v>25301</v>
      </c>
      <c r="R1889" s="5" t="s">
        <v>40</v>
      </c>
      <c r="S1889" s="5" t="s">
        <v>42</v>
      </c>
      <c r="T1889" s="2">
        <v>6.915</v>
      </c>
      <c r="U1889" s="2">
        <v>5.4050000000000002</v>
      </c>
      <c r="V1889" s="2">
        <v>8.3000000000000004E-2</v>
      </c>
      <c r="W1889" s="2">
        <v>12</v>
      </c>
      <c r="X1889" s="2">
        <v>50</v>
      </c>
      <c r="Y1889" s="2">
        <v>137.9</v>
      </c>
      <c r="Z1889" s="5">
        <v>10</v>
      </c>
      <c r="AA1889" s="5" t="s">
        <v>43</v>
      </c>
      <c r="AB1889" s="5" t="s">
        <v>44</v>
      </c>
      <c r="AC1889" s="2" t="s">
        <v>31010</v>
      </c>
      <c r="AD1889" s="1"/>
    </row>
    <row r="1890" spans="1:30">
      <c r="A1890" s="5" t="s">
        <v>83578</v>
      </c>
      <c r="B1890" s="2" t="s">
        <v>89266</v>
      </c>
      <c r="C1890" s="14" t="s">
        <v>89267</v>
      </c>
      <c r="D1890" s="2" t="s">
        <v>89268</v>
      </c>
      <c r="E1890" s="2" t="s">
        <v>31009</v>
      </c>
      <c r="F1890" s="8">
        <v>315</v>
      </c>
      <c r="G1890" s="5">
        <v>10</v>
      </c>
      <c r="H1890" s="5" t="s">
        <v>69</v>
      </c>
      <c r="I1890" s="5" t="s">
        <v>27074</v>
      </c>
      <c r="J1890" s="2" t="s">
        <v>27075</v>
      </c>
      <c r="K1890" s="5" t="s">
        <v>27074</v>
      </c>
      <c r="L1890" s="2" t="s">
        <v>27075</v>
      </c>
      <c r="M1890" s="5" t="s">
        <v>24254</v>
      </c>
      <c r="N1890" s="5" t="s">
        <v>38</v>
      </c>
      <c r="O1890" s="5" t="s">
        <v>39</v>
      </c>
      <c r="P1890" s="5" t="s">
        <v>40</v>
      </c>
      <c r="Q1890" s="5" t="s">
        <v>25301</v>
      </c>
      <c r="R1890" s="5" t="s">
        <v>40</v>
      </c>
      <c r="S1890" s="5" t="s">
        <v>42</v>
      </c>
      <c r="T1890" s="2">
        <v>6.76</v>
      </c>
      <c r="U1890" s="2">
        <v>5.25</v>
      </c>
      <c r="V1890" s="2">
        <v>8.3000000000000004E-2</v>
      </c>
      <c r="W1890" s="2">
        <v>12</v>
      </c>
      <c r="X1890" s="2">
        <v>50</v>
      </c>
      <c r="Y1890" s="2">
        <v>137.9</v>
      </c>
      <c r="Z1890" s="5">
        <v>10</v>
      </c>
      <c r="AA1890" s="5" t="s">
        <v>43</v>
      </c>
      <c r="AB1890" s="5" t="s">
        <v>44</v>
      </c>
      <c r="AC1890" s="2" t="s">
        <v>31472</v>
      </c>
      <c r="AD1890" s="1"/>
    </row>
    <row r="1891" spans="1:30">
      <c r="A1891" s="5" t="s">
        <v>83578</v>
      </c>
      <c r="B1891" s="2" t="s">
        <v>89269</v>
      </c>
      <c r="C1891" s="14" t="s">
        <v>89270</v>
      </c>
      <c r="D1891" s="2" t="s">
        <v>89271</v>
      </c>
      <c r="E1891" s="2" t="s">
        <v>31191</v>
      </c>
      <c r="F1891" s="8">
        <v>315</v>
      </c>
      <c r="G1891" s="5">
        <v>10</v>
      </c>
      <c r="H1891" s="5" t="s">
        <v>69</v>
      </c>
      <c r="I1891" s="5" t="s">
        <v>27074</v>
      </c>
      <c r="J1891" s="2" t="s">
        <v>27075</v>
      </c>
      <c r="K1891" s="5" t="s">
        <v>27074</v>
      </c>
      <c r="L1891" s="2" t="s">
        <v>27075</v>
      </c>
      <c r="M1891" s="5" t="s">
        <v>24254</v>
      </c>
      <c r="N1891" s="5" t="s">
        <v>38</v>
      </c>
      <c r="O1891" s="5" t="s">
        <v>39</v>
      </c>
      <c r="P1891" s="5" t="s">
        <v>40</v>
      </c>
      <c r="Q1891" s="5" t="s">
        <v>25301</v>
      </c>
      <c r="R1891" s="5" t="s">
        <v>40</v>
      </c>
      <c r="S1891" s="5" t="s">
        <v>42</v>
      </c>
      <c r="T1891" s="2">
        <v>8.3930000000000007</v>
      </c>
      <c r="U1891" s="2">
        <v>6.8170000000000002</v>
      </c>
      <c r="V1891" s="2">
        <v>8.3000000000000004E-2</v>
      </c>
      <c r="W1891" s="2">
        <v>12</v>
      </c>
      <c r="X1891" s="2">
        <v>50</v>
      </c>
      <c r="Y1891" s="2">
        <v>137.9</v>
      </c>
      <c r="Z1891" s="5">
        <v>10</v>
      </c>
      <c r="AA1891" s="5" t="s">
        <v>43</v>
      </c>
      <c r="AB1891" s="5" t="s">
        <v>44</v>
      </c>
      <c r="AC1891" s="2" t="s">
        <v>31010</v>
      </c>
      <c r="AD1891" s="1"/>
    </row>
    <row r="1892" spans="1:30">
      <c r="A1892" s="5" t="s">
        <v>83578</v>
      </c>
      <c r="B1892" s="2" t="s">
        <v>89272</v>
      </c>
      <c r="C1892" s="14" t="s">
        <v>89273</v>
      </c>
      <c r="D1892" s="2" t="s">
        <v>89274</v>
      </c>
      <c r="E1892" s="2" t="s">
        <v>31191</v>
      </c>
      <c r="F1892" s="8">
        <v>315</v>
      </c>
      <c r="G1892" s="5">
        <v>10</v>
      </c>
      <c r="H1892" s="5" t="s">
        <v>69</v>
      </c>
      <c r="I1892" s="5" t="s">
        <v>27074</v>
      </c>
      <c r="J1892" s="2" t="s">
        <v>27075</v>
      </c>
      <c r="K1892" s="5" t="s">
        <v>27074</v>
      </c>
      <c r="L1892" s="2" t="s">
        <v>27075</v>
      </c>
      <c r="M1892" s="5" t="s">
        <v>24254</v>
      </c>
      <c r="N1892" s="5" t="s">
        <v>38</v>
      </c>
      <c r="O1892" s="5" t="s">
        <v>39</v>
      </c>
      <c r="P1892" s="5" t="s">
        <v>40</v>
      </c>
      <c r="Q1892" s="5" t="s">
        <v>25301</v>
      </c>
      <c r="R1892" s="5" t="s">
        <v>40</v>
      </c>
      <c r="S1892" s="5" t="s">
        <v>42</v>
      </c>
      <c r="T1892" s="2">
        <v>9.0630000000000006</v>
      </c>
      <c r="U1892" s="2">
        <v>7.4870000000000001</v>
      </c>
      <c r="V1892" s="2">
        <v>8.3000000000000004E-2</v>
      </c>
      <c r="W1892" s="2">
        <v>12</v>
      </c>
      <c r="X1892" s="2">
        <v>50</v>
      </c>
      <c r="Y1892" s="2">
        <v>137.9</v>
      </c>
      <c r="Z1892" s="5">
        <v>10</v>
      </c>
      <c r="AA1892" s="5" t="s">
        <v>43</v>
      </c>
      <c r="AB1892" s="5" t="s">
        <v>44</v>
      </c>
      <c r="AC1892" s="2" t="s">
        <v>31472</v>
      </c>
      <c r="AD1892" s="1"/>
    </row>
    <row r="1893" spans="1:30">
      <c r="A1893" s="5" t="s">
        <v>83578</v>
      </c>
      <c r="B1893" s="2" t="s">
        <v>89275</v>
      </c>
      <c r="C1893" s="14" t="s">
        <v>89276</v>
      </c>
      <c r="D1893" s="2" t="s">
        <v>89277</v>
      </c>
      <c r="E1893" s="2" t="s">
        <v>30449</v>
      </c>
      <c r="F1893" s="8">
        <v>179</v>
      </c>
      <c r="G1893" s="5">
        <v>5</v>
      </c>
      <c r="H1893" s="5" t="s">
        <v>69</v>
      </c>
      <c r="I1893" s="5" t="s">
        <v>27074</v>
      </c>
      <c r="J1893" s="2" t="s">
        <v>27075</v>
      </c>
      <c r="K1893" s="5" t="s">
        <v>27074</v>
      </c>
      <c r="L1893" s="2" t="s">
        <v>27075</v>
      </c>
      <c r="M1893" s="5" t="s">
        <v>24254</v>
      </c>
      <c r="N1893" s="5" t="s">
        <v>38</v>
      </c>
      <c r="O1893" s="5" t="s">
        <v>39</v>
      </c>
      <c r="P1893" s="5" t="s">
        <v>40</v>
      </c>
      <c r="Q1893" s="5" t="s">
        <v>24335</v>
      </c>
      <c r="R1893" s="5" t="s">
        <v>40</v>
      </c>
      <c r="S1893" s="5" t="s">
        <v>42</v>
      </c>
      <c r="T1893" s="2">
        <v>6.2080000000000002</v>
      </c>
      <c r="U1893" s="2">
        <v>4.3769999999999998</v>
      </c>
      <c r="V1893" s="2">
        <v>0.104</v>
      </c>
      <c r="W1893" s="2">
        <v>12</v>
      </c>
      <c r="X1893" s="2">
        <v>50</v>
      </c>
      <c r="Y1893" s="2">
        <v>173.9</v>
      </c>
      <c r="Z1893" s="5">
        <v>10</v>
      </c>
      <c r="AA1893" s="5" t="s">
        <v>43</v>
      </c>
      <c r="AB1893" s="5" t="s">
        <v>44</v>
      </c>
      <c r="AC1893" s="2" t="s">
        <v>30445</v>
      </c>
      <c r="AD1893" s="1"/>
    </row>
    <row r="1894" spans="1:30">
      <c r="A1894" s="5" t="s">
        <v>83578</v>
      </c>
      <c r="B1894" s="2" t="s">
        <v>89278</v>
      </c>
      <c r="C1894" s="14" t="s">
        <v>89279</v>
      </c>
      <c r="D1894" s="2" t="s">
        <v>89280</v>
      </c>
      <c r="E1894" s="2" t="s">
        <v>30650</v>
      </c>
      <c r="F1894" s="8">
        <v>330</v>
      </c>
      <c r="G1894" s="5">
        <v>10</v>
      </c>
      <c r="H1894" s="5" t="s">
        <v>69</v>
      </c>
      <c r="I1894" s="5" t="s">
        <v>27074</v>
      </c>
      <c r="J1894" s="2" t="s">
        <v>27075</v>
      </c>
      <c r="K1894" s="5" t="s">
        <v>27074</v>
      </c>
      <c r="L1894" s="2" t="s">
        <v>27075</v>
      </c>
      <c r="M1894" s="5" t="s">
        <v>24254</v>
      </c>
      <c r="N1894" s="5" t="s">
        <v>38</v>
      </c>
      <c r="O1894" s="5" t="s">
        <v>39</v>
      </c>
      <c r="P1894" s="5" t="s">
        <v>40</v>
      </c>
      <c r="Q1894" s="5" t="s">
        <v>24340</v>
      </c>
      <c r="R1894" s="5" t="s">
        <v>40</v>
      </c>
      <c r="S1894" s="5" t="s">
        <v>42</v>
      </c>
      <c r="T1894" s="2">
        <v>11.839</v>
      </c>
      <c r="U1894" s="2">
        <v>10.061999999999999</v>
      </c>
      <c r="V1894" s="2">
        <v>0.104</v>
      </c>
      <c r="W1894" s="2">
        <v>12</v>
      </c>
      <c r="X1894" s="2">
        <v>50</v>
      </c>
      <c r="Y1894" s="2">
        <v>173.9</v>
      </c>
      <c r="Z1894" s="5">
        <v>10</v>
      </c>
      <c r="AA1894" s="5" t="s">
        <v>43</v>
      </c>
      <c r="AB1894" s="5" t="s">
        <v>44</v>
      </c>
      <c r="AC1894" s="2" t="s">
        <v>30651</v>
      </c>
      <c r="AD1894" s="1"/>
    </row>
    <row r="1895" spans="1:30">
      <c r="A1895" s="5" t="s">
        <v>83578</v>
      </c>
      <c r="B1895" s="2" t="s">
        <v>89281</v>
      </c>
      <c r="C1895" s="14" t="s">
        <v>89282</v>
      </c>
      <c r="D1895" s="2" t="s">
        <v>89283</v>
      </c>
      <c r="E1895" s="2" t="s">
        <v>30650</v>
      </c>
      <c r="F1895" s="8">
        <v>330</v>
      </c>
      <c r="G1895" s="5">
        <v>10</v>
      </c>
      <c r="H1895" s="5" t="s">
        <v>69</v>
      </c>
      <c r="I1895" s="5" t="s">
        <v>27074</v>
      </c>
      <c r="J1895" s="2" t="s">
        <v>27075</v>
      </c>
      <c r="K1895" s="5" t="s">
        <v>27074</v>
      </c>
      <c r="L1895" s="2" t="s">
        <v>27075</v>
      </c>
      <c r="M1895" s="5" t="s">
        <v>24254</v>
      </c>
      <c r="N1895" s="5" t="s">
        <v>38</v>
      </c>
      <c r="O1895" s="5" t="s">
        <v>39</v>
      </c>
      <c r="P1895" s="5" t="s">
        <v>40</v>
      </c>
      <c r="Q1895" s="5" t="s">
        <v>24340</v>
      </c>
      <c r="R1895" s="5" t="s">
        <v>40</v>
      </c>
      <c r="S1895" s="5" t="s">
        <v>42</v>
      </c>
      <c r="T1895" s="2">
        <v>12.663</v>
      </c>
      <c r="U1895" s="2">
        <v>10.885999999999999</v>
      </c>
      <c r="V1895" s="2">
        <v>0.104</v>
      </c>
      <c r="W1895" s="2">
        <v>12</v>
      </c>
      <c r="X1895" s="2">
        <v>50</v>
      </c>
      <c r="Y1895" s="2">
        <v>173.9</v>
      </c>
      <c r="Z1895" s="5">
        <v>10</v>
      </c>
      <c r="AA1895" s="5" t="s">
        <v>43</v>
      </c>
      <c r="AB1895" s="5" t="s">
        <v>44</v>
      </c>
      <c r="AC1895" s="2" t="s">
        <v>30846</v>
      </c>
      <c r="AD1895" s="1"/>
    </row>
    <row r="1896" spans="1:30">
      <c r="A1896" s="5" t="s">
        <v>83578</v>
      </c>
      <c r="B1896" s="2" t="s">
        <v>89284</v>
      </c>
      <c r="C1896" s="14" t="s">
        <v>89285</v>
      </c>
      <c r="D1896" s="2" t="s">
        <v>89286</v>
      </c>
      <c r="E1896" s="2" t="s">
        <v>30655</v>
      </c>
      <c r="F1896" s="8">
        <v>330</v>
      </c>
      <c r="G1896" s="5">
        <v>10</v>
      </c>
      <c r="H1896" s="5" t="s">
        <v>69</v>
      </c>
      <c r="I1896" s="5" t="s">
        <v>27074</v>
      </c>
      <c r="J1896" s="2" t="s">
        <v>27075</v>
      </c>
      <c r="K1896" s="5" t="s">
        <v>27074</v>
      </c>
      <c r="L1896" s="2" t="s">
        <v>27075</v>
      </c>
      <c r="M1896" s="5" t="s">
        <v>24254</v>
      </c>
      <c r="N1896" s="5" t="s">
        <v>38</v>
      </c>
      <c r="O1896" s="5" t="s">
        <v>39</v>
      </c>
      <c r="P1896" s="5" t="s">
        <v>40</v>
      </c>
      <c r="Q1896" s="5" t="s">
        <v>24340</v>
      </c>
      <c r="R1896" s="5" t="s">
        <v>40</v>
      </c>
      <c r="S1896" s="5" t="s">
        <v>42</v>
      </c>
      <c r="T1896" s="2">
        <v>8.1199999999999992</v>
      </c>
      <c r="U1896" s="2">
        <v>6.343</v>
      </c>
      <c r="V1896" s="2">
        <v>0.104</v>
      </c>
      <c r="W1896" s="2">
        <v>12</v>
      </c>
      <c r="X1896" s="2">
        <v>50</v>
      </c>
      <c r="Y1896" s="2">
        <v>173.9</v>
      </c>
      <c r="Z1896" s="5">
        <v>10</v>
      </c>
      <c r="AA1896" s="5" t="s">
        <v>43</v>
      </c>
      <c r="AB1896" s="5" t="s">
        <v>44</v>
      </c>
      <c r="AC1896" s="2" t="s">
        <v>30656</v>
      </c>
      <c r="AD1896" s="1"/>
    </row>
    <row r="1897" spans="1:30">
      <c r="A1897" s="5" t="s">
        <v>83578</v>
      </c>
      <c r="B1897" s="2" t="s">
        <v>89287</v>
      </c>
      <c r="C1897" s="14" t="s">
        <v>89288</v>
      </c>
      <c r="D1897" s="2" t="s">
        <v>89289</v>
      </c>
      <c r="E1897" s="2" t="s">
        <v>30655</v>
      </c>
      <c r="F1897" s="8">
        <v>330</v>
      </c>
      <c r="G1897" s="5">
        <v>10</v>
      </c>
      <c r="H1897" s="5" t="s">
        <v>69</v>
      </c>
      <c r="I1897" s="5" t="s">
        <v>27074</v>
      </c>
      <c r="J1897" s="2" t="s">
        <v>27075</v>
      </c>
      <c r="K1897" s="5" t="s">
        <v>27074</v>
      </c>
      <c r="L1897" s="2" t="s">
        <v>27075</v>
      </c>
      <c r="M1897" s="5" t="s">
        <v>24254</v>
      </c>
      <c r="N1897" s="5" t="s">
        <v>38</v>
      </c>
      <c r="O1897" s="5" t="s">
        <v>39</v>
      </c>
      <c r="P1897" s="5" t="s">
        <v>40</v>
      </c>
      <c r="Q1897" s="5" t="s">
        <v>24340</v>
      </c>
      <c r="R1897" s="5" t="s">
        <v>40</v>
      </c>
      <c r="S1897" s="5" t="s">
        <v>42</v>
      </c>
      <c r="T1897" s="2">
        <v>8.6479999999999997</v>
      </c>
      <c r="U1897" s="2">
        <v>6.8710000000000004</v>
      </c>
      <c r="V1897" s="2">
        <v>0.104</v>
      </c>
      <c r="W1897" s="2">
        <v>12</v>
      </c>
      <c r="X1897" s="2">
        <v>50</v>
      </c>
      <c r="Y1897" s="2">
        <v>173.9</v>
      </c>
      <c r="Z1897" s="5">
        <v>10</v>
      </c>
      <c r="AA1897" s="5" t="s">
        <v>43</v>
      </c>
      <c r="AB1897" s="5" t="s">
        <v>44</v>
      </c>
      <c r="AC1897" s="2" t="s">
        <v>30534</v>
      </c>
      <c r="AD1897" s="1"/>
    </row>
    <row r="1898" spans="1:30">
      <c r="A1898" s="5" t="s">
        <v>83578</v>
      </c>
      <c r="B1898" s="2" t="s">
        <v>89290</v>
      </c>
      <c r="C1898" s="14" t="s">
        <v>89291</v>
      </c>
      <c r="D1898" s="2" t="s">
        <v>89292</v>
      </c>
      <c r="E1898" s="2" t="s">
        <v>30862</v>
      </c>
      <c r="F1898" s="8">
        <v>330</v>
      </c>
      <c r="G1898" s="5">
        <v>10</v>
      </c>
      <c r="H1898" s="5" t="s">
        <v>69</v>
      </c>
      <c r="I1898" s="5" t="s">
        <v>27074</v>
      </c>
      <c r="J1898" s="2" t="s">
        <v>27075</v>
      </c>
      <c r="K1898" s="5" t="s">
        <v>27074</v>
      </c>
      <c r="L1898" s="2" t="s">
        <v>27075</v>
      </c>
      <c r="M1898" s="5" t="s">
        <v>24254</v>
      </c>
      <c r="N1898" s="5" t="s">
        <v>38</v>
      </c>
      <c r="O1898" s="5" t="s">
        <v>39</v>
      </c>
      <c r="P1898" s="5" t="s">
        <v>40</v>
      </c>
      <c r="Q1898" s="5" t="s">
        <v>25301</v>
      </c>
      <c r="R1898" s="5" t="s">
        <v>40</v>
      </c>
      <c r="S1898" s="5" t="s">
        <v>42</v>
      </c>
      <c r="T1898" s="2">
        <v>10.090999999999999</v>
      </c>
      <c r="U1898" s="2">
        <v>8.3089999999999993</v>
      </c>
      <c r="V1898" s="2">
        <v>0.104</v>
      </c>
      <c r="W1898" s="2">
        <v>12</v>
      </c>
      <c r="X1898" s="2">
        <v>50</v>
      </c>
      <c r="Y1898" s="2">
        <v>173.9</v>
      </c>
      <c r="Z1898" s="5">
        <v>8</v>
      </c>
      <c r="AA1898" s="5" t="s">
        <v>43</v>
      </c>
      <c r="AB1898" s="5" t="s">
        <v>44</v>
      </c>
      <c r="AC1898" s="2" t="s">
        <v>30542</v>
      </c>
      <c r="AD1898" s="1"/>
    </row>
    <row r="1899" spans="1:30">
      <c r="A1899" s="5" t="s">
        <v>83578</v>
      </c>
      <c r="B1899" s="2" t="s">
        <v>89293</v>
      </c>
      <c r="C1899" s="14" t="s">
        <v>89294</v>
      </c>
      <c r="D1899" s="2" t="s">
        <v>89295</v>
      </c>
      <c r="E1899" s="2" t="s">
        <v>31004</v>
      </c>
      <c r="F1899" s="8">
        <v>330</v>
      </c>
      <c r="G1899" s="5">
        <v>10</v>
      </c>
      <c r="H1899" s="5" t="s">
        <v>69</v>
      </c>
      <c r="I1899" s="5" t="s">
        <v>27074</v>
      </c>
      <c r="J1899" s="2" t="s">
        <v>27075</v>
      </c>
      <c r="K1899" s="5" t="s">
        <v>27074</v>
      </c>
      <c r="L1899" s="2" t="s">
        <v>27075</v>
      </c>
      <c r="M1899" s="5" t="s">
        <v>24254</v>
      </c>
      <c r="N1899" s="5" t="s">
        <v>38</v>
      </c>
      <c r="O1899" s="5" t="s">
        <v>39</v>
      </c>
      <c r="P1899" s="5" t="s">
        <v>40</v>
      </c>
      <c r="Q1899" s="5" t="s">
        <v>25301</v>
      </c>
      <c r="R1899" s="5" t="s">
        <v>40</v>
      </c>
      <c r="S1899" s="5" t="s">
        <v>42</v>
      </c>
      <c r="T1899" s="2">
        <v>10.497</v>
      </c>
      <c r="U1899" s="2">
        <v>8.7189999999999994</v>
      </c>
      <c r="V1899" s="2">
        <v>0.104</v>
      </c>
      <c r="W1899" s="2">
        <v>12</v>
      </c>
      <c r="X1899" s="2">
        <v>50</v>
      </c>
      <c r="Y1899" s="2">
        <v>173.9</v>
      </c>
      <c r="Z1899" s="5">
        <v>10</v>
      </c>
      <c r="AA1899" s="5" t="s">
        <v>43</v>
      </c>
      <c r="AB1899" s="5" t="s">
        <v>44</v>
      </c>
      <c r="AC1899" s="2" t="s">
        <v>31005</v>
      </c>
      <c r="AD1899" s="1"/>
    </row>
    <row r="1900" spans="1:30">
      <c r="A1900" s="5" t="s">
        <v>83578</v>
      </c>
      <c r="B1900" s="2" t="s">
        <v>89296</v>
      </c>
      <c r="C1900" s="14" t="s">
        <v>89297</v>
      </c>
      <c r="D1900" s="2" t="s">
        <v>89298</v>
      </c>
      <c r="E1900" s="2" t="s">
        <v>31004</v>
      </c>
      <c r="F1900" s="8">
        <v>330</v>
      </c>
      <c r="G1900" s="5">
        <v>10</v>
      </c>
      <c r="H1900" s="5" t="s">
        <v>69</v>
      </c>
      <c r="I1900" s="5" t="s">
        <v>27074</v>
      </c>
      <c r="J1900" s="2" t="s">
        <v>27075</v>
      </c>
      <c r="K1900" s="5" t="s">
        <v>27074</v>
      </c>
      <c r="L1900" s="2" t="s">
        <v>27075</v>
      </c>
      <c r="M1900" s="5" t="s">
        <v>24254</v>
      </c>
      <c r="N1900" s="5" t="s">
        <v>38</v>
      </c>
      <c r="O1900" s="5" t="s">
        <v>39</v>
      </c>
      <c r="P1900" s="5" t="s">
        <v>40</v>
      </c>
      <c r="Q1900" s="5" t="s">
        <v>25301</v>
      </c>
      <c r="R1900" s="5" t="s">
        <v>40</v>
      </c>
      <c r="S1900" s="5" t="s">
        <v>42</v>
      </c>
      <c r="T1900" s="2">
        <v>11.122</v>
      </c>
      <c r="U1900" s="2">
        <v>9.3439999999999994</v>
      </c>
      <c r="V1900" s="2">
        <v>0.104</v>
      </c>
      <c r="W1900" s="2">
        <v>12</v>
      </c>
      <c r="X1900" s="2">
        <v>50</v>
      </c>
      <c r="Y1900" s="2">
        <v>173.9</v>
      </c>
      <c r="Z1900" s="5">
        <v>10</v>
      </c>
      <c r="AA1900" s="5" t="s">
        <v>43</v>
      </c>
      <c r="AB1900" s="5" t="s">
        <v>44</v>
      </c>
      <c r="AC1900" s="2" t="s">
        <v>31468</v>
      </c>
      <c r="AD1900" s="1"/>
    </row>
    <row r="1901" spans="1:30">
      <c r="A1901" s="5" t="s">
        <v>83578</v>
      </c>
      <c r="B1901" s="2" t="s">
        <v>89299</v>
      </c>
      <c r="C1901" s="14" t="s">
        <v>89300</v>
      </c>
      <c r="D1901" s="2" t="s">
        <v>89301</v>
      </c>
      <c r="E1901" s="2" t="s">
        <v>31009</v>
      </c>
      <c r="F1901" s="8">
        <v>330</v>
      </c>
      <c r="G1901" s="5">
        <v>10</v>
      </c>
      <c r="H1901" s="5" t="s">
        <v>69</v>
      </c>
      <c r="I1901" s="5" t="s">
        <v>27074</v>
      </c>
      <c r="J1901" s="2" t="s">
        <v>27075</v>
      </c>
      <c r="K1901" s="5" t="s">
        <v>27074</v>
      </c>
      <c r="L1901" s="2" t="s">
        <v>27075</v>
      </c>
      <c r="M1901" s="5" t="s">
        <v>24254</v>
      </c>
      <c r="N1901" s="5" t="s">
        <v>38</v>
      </c>
      <c r="O1901" s="5" t="s">
        <v>39</v>
      </c>
      <c r="P1901" s="5" t="s">
        <v>40</v>
      </c>
      <c r="Q1901" s="5" t="s">
        <v>25301</v>
      </c>
      <c r="R1901" s="5" t="s">
        <v>40</v>
      </c>
      <c r="S1901" s="5" t="s">
        <v>42</v>
      </c>
      <c r="T1901" s="2">
        <v>8.0050000000000008</v>
      </c>
      <c r="U1901" s="2">
        <v>6.2270000000000003</v>
      </c>
      <c r="V1901" s="2">
        <v>0.104</v>
      </c>
      <c r="W1901" s="2">
        <v>12</v>
      </c>
      <c r="X1901" s="2">
        <v>50</v>
      </c>
      <c r="Y1901" s="2">
        <v>173.9</v>
      </c>
      <c r="Z1901" s="5">
        <v>10</v>
      </c>
      <c r="AA1901" s="5" t="s">
        <v>43</v>
      </c>
      <c r="AB1901" s="5" t="s">
        <v>44</v>
      </c>
      <c r="AC1901" s="2" t="s">
        <v>31010</v>
      </c>
      <c r="AD1901" s="1"/>
    </row>
    <row r="1902" spans="1:30">
      <c r="A1902" s="5" t="s">
        <v>83578</v>
      </c>
      <c r="B1902" s="2" t="s">
        <v>89302</v>
      </c>
      <c r="C1902" s="14" t="s">
        <v>89303</v>
      </c>
      <c r="D1902" s="2" t="s">
        <v>89304</v>
      </c>
      <c r="E1902" s="2" t="s">
        <v>31009</v>
      </c>
      <c r="F1902" s="8">
        <v>330</v>
      </c>
      <c r="G1902" s="5">
        <v>10</v>
      </c>
      <c r="H1902" s="5" t="s">
        <v>69</v>
      </c>
      <c r="I1902" s="5" t="s">
        <v>27074</v>
      </c>
      <c r="J1902" s="2" t="s">
        <v>27075</v>
      </c>
      <c r="K1902" s="5" t="s">
        <v>27074</v>
      </c>
      <c r="L1902" s="2" t="s">
        <v>27075</v>
      </c>
      <c r="M1902" s="5" t="s">
        <v>24254</v>
      </c>
      <c r="N1902" s="5" t="s">
        <v>38</v>
      </c>
      <c r="O1902" s="5" t="s">
        <v>39</v>
      </c>
      <c r="P1902" s="5" t="s">
        <v>40</v>
      </c>
      <c r="Q1902" s="5" t="s">
        <v>25301</v>
      </c>
      <c r="R1902" s="5" t="s">
        <v>40</v>
      </c>
      <c r="S1902" s="5" t="s">
        <v>42</v>
      </c>
      <c r="T1902" s="2">
        <v>7.85</v>
      </c>
      <c r="U1902" s="2">
        <v>6.0720000000000001</v>
      </c>
      <c r="V1902" s="2">
        <v>0.104</v>
      </c>
      <c r="W1902" s="2">
        <v>12</v>
      </c>
      <c r="X1902" s="2">
        <v>50</v>
      </c>
      <c r="Y1902" s="2">
        <v>173.9</v>
      </c>
      <c r="Z1902" s="5">
        <v>10</v>
      </c>
      <c r="AA1902" s="5" t="s">
        <v>43</v>
      </c>
      <c r="AB1902" s="5" t="s">
        <v>44</v>
      </c>
      <c r="AC1902" s="2" t="s">
        <v>31472</v>
      </c>
      <c r="AD1902" s="1"/>
    </row>
    <row r="1903" spans="1:30">
      <c r="A1903" s="5" t="s">
        <v>83578</v>
      </c>
      <c r="B1903" s="2" t="s">
        <v>89305</v>
      </c>
      <c r="C1903" s="14" t="s">
        <v>89306</v>
      </c>
      <c r="D1903" s="2" t="s">
        <v>89307</v>
      </c>
      <c r="E1903" s="2" t="s">
        <v>31191</v>
      </c>
      <c r="F1903" s="8">
        <v>330</v>
      </c>
      <c r="G1903" s="5">
        <v>10</v>
      </c>
      <c r="H1903" s="5" t="s">
        <v>69</v>
      </c>
      <c r="I1903" s="5" t="s">
        <v>27074</v>
      </c>
      <c r="J1903" s="2" t="s">
        <v>27075</v>
      </c>
      <c r="K1903" s="5" t="s">
        <v>27074</v>
      </c>
      <c r="L1903" s="2" t="s">
        <v>27075</v>
      </c>
      <c r="M1903" s="5" t="s">
        <v>24254</v>
      </c>
      <c r="N1903" s="5" t="s">
        <v>38</v>
      </c>
      <c r="O1903" s="5" t="s">
        <v>39</v>
      </c>
      <c r="P1903" s="5" t="s">
        <v>40</v>
      </c>
      <c r="Q1903" s="5" t="s">
        <v>25301</v>
      </c>
      <c r="R1903" s="5" t="s">
        <v>40</v>
      </c>
      <c r="S1903" s="5" t="s">
        <v>42</v>
      </c>
      <c r="T1903" s="2">
        <v>9.4710000000000001</v>
      </c>
      <c r="U1903" s="2">
        <v>7.6269999999999998</v>
      </c>
      <c r="V1903" s="2">
        <v>0.104</v>
      </c>
      <c r="W1903" s="2">
        <v>12</v>
      </c>
      <c r="X1903" s="2">
        <v>50</v>
      </c>
      <c r="Y1903" s="2">
        <v>173.9</v>
      </c>
      <c r="Z1903" s="5">
        <v>10</v>
      </c>
      <c r="AA1903" s="5" t="s">
        <v>43</v>
      </c>
      <c r="AB1903" s="5" t="s">
        <v>44</v>
      </c>
      <c r="AC1903" s="2" t="s">
        <v>31010</v>
      </c>
      <c r="AD1903" s="1"/>
    </row>
    <row r="1904" spans="1:30">
      <c r="A1904" s="5" t="s">
        <v>83578</v>
      </c>
      <c r="B1904" s="2" t="s">
        <v>89308</v>
      </c>
      <c r="C1904" s="14" t="s">
        <v>89309</v>
      </c>
      <c r="D1904" s="2" t="s">
        <v>89310</v>
      </c>
      <c r="E1904" s="2" t="s">
        <v>31191</v>
      </c>
      <c r="F1904" s="8">
        <v>330</v>
      </c>
      <c r="G1904" s="5">
        <v>10</v>
      </c>
      <c r="H1904" s="5" t="s">
        <v>69</v>
      </c>
      <c r="I1904" s="5" t="s">
        <v>27074</v>
      </c>
      <c r="J1904" s="2" t="s">
        <v>27075</v>
      </c>
      <c r="K1904" s="5" t="s">
        <v>27074</v>
      </c>
      <c r="L1904" s="2" t="s">
        <v>27075</v>
      </c>
      <c r="M1904" s="5" t="s">
        <v>24254</v>
      </c>
      <c r="N1904" s="5" t="s">
        <v>38</v>
      </c>
      <c r="O1904" s="5" t="s">
        <v>39</v>
      </c>
      <c r="P1904" s="5" t="s">
        <v>40</v>
      </c>
      <c r="Q1904" s="5" t="s">
        <v>25301</v>
      </c>
      <c r="R1904" s="5" t="s">
        <v>40</v>
      </c>
      <c r="S1904" s="5" t="s">
        <v>42</v>
      </c>
      <c r="T1904" s="2">
        <v>10.141</v>
      </c>
      <c r="U1904" s="2">
        <v>8.2970000000000006</v>
      </c>
      <c r="V1904" s="2">
        <v>0.104</v>
      </c>
      <c r="W1904" s="2">
        <v>12</v>
      </c>
      <c r="X1904" s="2">
        <v>50</v>
      </c>
      <c r="Y1904" s="2">
        <v>173.9</v>
      </c>
      <c r="Z1904" s="5">
        <v>10</v>
      </c>
      <c r="AA1904" s="5" t="s">
        <v>43</v>
      </c>
      <c r="AB1904" s="5" t="s">
        <v>44</v>
      </c>
      <c r="AC1904" s="2" t="s">
        <v>31472</v>
      </c>
      <c r="AD1904" s="1"/>
    </row>
    <row r="1905" spans="1:30">
      <c r="A1905" s="5" t="s">
        <v>83578</v>
      </c>
      <c r="B1905" s="2" t="s">
        <v>89311</v>
      </c>
      <c r="C1905" s="14" t="s">
        <v>89312</v>
      </c>
      <c r="D1905" s="2" t="s">
        <v>89313</v>
      </c>
      <c r="E1905" s="2" t="s">
        <v>30431</v>
      </c>
      <c r="F1905" s="8">
        <v>185</v>
      </c>
      <c r="G1905" s="5">
        <v>5</v>
      </c>
      <c r="H1905" s="5" t="s">
        <v>69</v>
      </c>
      <c r="I1905" s="5" t="s">
        <v>27074</v>
      </c>
      <c r="J1905" s="2" t="s">
        <v>27075</v>
      </c>
      <c r="K1905" s="5" t="s">
        <v>27074</v>
      </c>
      <c r="L1905" s="2" t="s">
        <v>27075</v>
      </c>
      <c r="M1905" s="5" t="s">
        <v>24254</v>
      </c>
      <c r="N1905" s="5" t="s">
        <v>38</v>
      </c>
      <c r="O1905" s="5" t="s">
        <v>39</v>
      </c>
      <c r="P1905" s="5" t="s">
        <v>40</v>
      </c>
      <c r="Q1905" s="5" t="s">
        <v>24335</v>
      </c>
      <c r="R1905" s="5" t="s">
        <v>40</v>
      </c>
      <c r="S1905" s="5" t="s">
        <v>42</v>
      </c>
      <c r="T1905" s="2">
        <v>7.1459999999999999</v>
      </c>
      <c r="U1905" s="2">
        <v>5.3810000000000002</v>
      </c>
      <c r="V1905" s="2">
        <v>0.104</v>
      </c>
      <c r="W1905" s="2">
        <v>12</v>
      </c>
      <c r="X1905" s="2">
        <v>50</v>
      </c>
      <c r="Y1905" s="2">
        <v>173.9</v>
      </c>
      <c r="Z1905" s="5">
        <v>10</v>
      </c>
      <c r="AA1905" s="5" t="s">
        <v>43</v>
      </c>
      <c r="AB1905" s="5" t="s">
        <v>44</v>
      </c>
      <c r="AC1905" s="2" t="s">
        <v>30436</v>
      </c>
      <c r="AD1905" s="1"/>
    </row>
    <row r="1906" spans="1:30">
      <c r="A1906" s="5" t="s">
        <v>83578</v>
      </c>
      <c r="B1906" s="2" t="s">
        <v>89314</v>
      </c>
      <c r="C1906" s="14" t="s">
        <v>89315</v>
      </c>
      <c r="D1906" s="2" t="s">
        <v>89316</v>
      </c>
      <c r="E1906" s="2" t="s">
        <v>30440</v>
      </c>
      <c r="F1906" s="8">
        <v>185</v>
      </c>
      <c r="G1906" s="5">
        <v>5</v>
      </c>
      <c r="H1906" s="5" t="s">
        <v>69</v>
      </c>
      <c r="I1906" s="5" t="s">
        <v>27074</v>
      </c>
      <c r="J1906" s="2" t="s">
        <v>27075</v>
      </c>
      <c r="K1906" s="5" t="s">
        <v>27074</v>
      </c>
      <c r="L1906" s="2" t="s">
        <v>27075</v>
      </c>
      <c r="M1906" s="5" t="s">
        <v>24254</v>
      </c>
      <c r="N1906" s="5" t="s">
        <v>38</v>
      </c>
      <c r="O1906" s="5" t="s">
        <v>39</v>
      </c>
      <c r="P1906" s="5" t="s">
        <v>40</v>
      </c>
      <c r="Q1906" s="5" t="s">
        <v>24335</v>
      </c>
      <c r="R1906" s="5" t="s">
        <v>40</v>
      </c>
      <c r="S1906" s="5" t="s">
        <v>42</v>
      </c>
      <c r="T1906" s="2">
        <v>5.6539999999999999</v>
      </c>
      <c r="U1906" s="2">
        <v>3.8889999999999998</v>
      </c>
      <c r="V1906" s="2">
        <v>0.104</v>
      </c>
      <c r="W1906" s="2">
        <v>12</v>
      </c>
      <c r="X1906" s="2">
        <v>50</v>
      </c>
      <c r="Y1906" s="2">
        <v>173.9</v>
      </c>
      <c r="Z1906" s="5">
        <v>10</v>
      </c>
      <c r="AA1906" s="5" t="s">
        <v>43</v>
      </c>
      <c r="AB1906" s="5" t="s">
        <v>44</v>
      </c>
      <c r="AC1906" s="2" t="s">
        <v>30445</v>
      </c>
      <c r="AD1906" s="1"/>
    </row>
    <row r="1907" spans="1:30">
      <c r="A1907" s="5" t="s">
        <v>83578</v>
      </c>
      <c r="B1907" s="2" t="s">
        <v>89317</v>
      </c>
      <c r="C1907" s="14" t="s">
        <v>89318</v>
      </c>
      <c r="D1907" s="2" t="s">
        <v>89319</v>
      </c>
      <c r="E1907" s="2" t="s">
        <v>30524</v>
      </c>
      <c r="F1907" s="8">
        <v>336</v>
      </c>
      <c r="G1907" s="5">
        <v>10</v>
      </c>
      <c r="H1907" s="5" t="s">
        <v>69</v>
      </c>
      <c r="I1907" s="5" t="s">
        <v>27074</v>
      </c>
      <c r="J1907" s="2" t="s">
        <v>27075</v>
      </c>
      <c r="K1907" s="5" t="s">
        <v>27074</v>
      </c>
      <c r="L1907" s="2" t="s">
        <v>27075</v>
      </c>
      <c r="M1907" s="5" t="s">
        <v>24254</v>
      </c>
      <c r="N1907" s="5" t="s">
        <v>38</v>
      </c>
      <c r="O1907" s="5" t="s">
        <v>39</v>
      </c>
      <c r="P1907" s="5" t="s">
        <v>40</v>
      </c>
      <c r="Q1907" s="5" t="s">
        <v>24340</v>
      </c>
      <c r="R1907" s="5" t="s">
        <v>40</v>
      </c>
      <c r="S1907" s="5" t="s">
        <v>42</v>
      </c>
      <c r="T1907" s="2">
        <v>17.917000000000002</v>
      </c>
      <c r="U1907" s="2">
        <v>16.106999999999999</v>
      </c>
      <c r="V1907" s="2">
        <v>0.104</v>
      </c>
      <c r="W1907" s="2">
        <v>12</v>
      </c>
      <c r="X1907" s="2">
        <v>50</v>
      </c>
      <c r="Y1907" s="2">
        <v>173.9</v>
      </c>
      <c r="Z1907" s="5">
        <v>8</v>
      </c>
      <c r="AA1907" s="5" t="s">
        <v>43</v>
      </c>
      <c r="AB1907" s="5" t="s">
        <v>44</v>
      </c>
      <c r="AC1907" s="2" t="s">
        <v>30525</v>
      </c>
      <c r="AD1907" s="1"/>
    </row>
    <row r="1908" spans="1:30">
      <c r="A1908" s="5" t="s">
        <v>83578</v>
      </c>
      <c r="B1908" s="2" t="s">
        <v>89320</v>
      </c>
      <c r="C1908" s="14" t="s">
        <v>89321</v>
      </c>
      <c r="D1908" s="2" t="s">
        <v>89322</v>
      </c>
      <c r="E1908" s="2" t="s">
        <v>30595</v>
      </c>
      <c r="F1908" s="8">
        <v>336</v>
      </c>
      <c r="G1908" s="5">
        <v>10</v>
      </c>
      <c r="H1908" s="5" t="s">
        <v>69</v>
      </c>
      <c r="I1908" s="5" t="s">
        <v>27074</v>
      </c>
      <c r="J1908" s="2" t="s">
        <v>27075</v>
      </c>
      <c r="K1908" s="5" t="s">
        <v>27074</v>
      </c>
      <c r="L1908" s="2" t="s">
        <v>27075</v>
      </c>
      <c r="M1908" s="5" t="s">
        <v>24254</v>
      </c>
      <c r="N1908" s="5" t="s">
        <v>38</v>
      </c>
      <c r="O1908" s="5" t="s">
        <v>39</v>
      </c>
      <c r="P1908" s="5" t="s">
        <v>40</v>
      </c>
      <c r="Q1908" s="5" t="s">
        <v>24340</v>
      </c>
      <c r="R1908" s="5" t="s">
        <v>40</v>
      </c>
      <c r="S1908" s="5" t="s">
        <v>42</v>
      </c>
      <c r="T1908" s="2">
        <v>12.013999999999999</v>
      </c>
      <c r="U1908" s="2">
        <v>10.233000000000001</v>
      </c>
      <c r="V1908" s="2">
        <v>0.104</v>
      </c>
      <c r="W1908" s="2">
        <v>12</v>
      </c>
      <c r="X1908" s="2">
        <v>50</v>
      </c>
      <c r="Y1908" s="2">
        <v>173.9</v>
      </c>
      <c r="Z1908" s="5">
        <v>8</v>
      </c>
      <c r="AA1908" s="5" t="s">
        <v>43</v>
      </c>
      <c r="AB1908" s="5" t="s">
        <v>44</v>
      </c>
      <c r="AC1908" s="2" t="s">
        <v>30525</v>
      </c>
      <c r="AD1908" s="1"/>
    </row>
    <row r="1909" spans="1:30">
      <c r="A1909" s="5" t="s">
        <v>83578</v>
      </c>
      <c r="B1909" s="2" t="s">
        <v>89323</v>
      </c>
      <c r="C1909" s="14" t="s">
        <v>89324</v>
      </c>
      <c r="D1909" s="2" t="s">
        <v>89325</v>
      </c>
      <c r="E1909" s="2" t="s">
        <v>30650</v>
      </c>
      <c r="F1909" s="8">
        <v>336</v>
      </c>
      <c r="G1909" s="5">
        <v>10</v>
      </c>
      <c r="H1909" s="5" t="s">
        <v>69</v>
      </c>
      <c r="I1909" s="5" t="s">
        <v>27074</v>
      </c>
      <c r="J1909" s="2" t="s">
        <v>27075</v>
      </c>
      <c r="K1909" s="5" t="s">
        <v>27074</v>
      </c>
      <c r="L1909" s="2" t="s">
        <v>27075</v>
      </c>
      <c r="M1909" s="5" t="s">
        <v>24254</v>
      </c>
      <c r="N1909" s="5" t="s">
        <v>38</v>
      </c>
      <c r="O1909" s="5" t="s">
        <v>39</v>
      </c>
      <c r="P1909" s="5" t="s">
        <v>40</v>
      </c>
      <c r="Q1909" s="5" t="s">
        <v>24340</v>
      </c>
      <c r="R1909" s="5" t="s">
        <v>40</v>
      </c>
      <c r="S1909" s="5" t="s">
        <v>42</v>
      </c>
      <c r="T1909" s="2">
        <v>12.712999999999999</v>
      </c>
      <c r="U1909" s="2">
        <v>10.936</v>
      </c>
      <c r="V1909" s="2">
        <v>0.104</v>
      </c>
      <c r="W1909" s="2">
        <v>12</v>
      </c>
      <c r="X1909" s="2">
        <v>50</v>
      </c>
      <c r="Y1909" s="2">
        <v>173.9</v>
      </c>
      <c r="Z1909" s="5">
        <v>10</v>
      </c>
      <c r="AA1909" s="5" t="s">
        <v>43</v>
      </c>
      <c r="AB1909" s="5" t="s">
        <v>44</v>
      </c>
      <c r="AC1909" s="2" t="s">
        <v>30651</v>
      </c>
      <c r="AD1909" s="1"/>
    </row>
    <row r="1910" spans="1:30">
      <c r="A1910" s="5" t="s">
        <v>83578</v>
      </c>
      <c r="B1910" s="2" t="s">
        <v>89326</v>
      </c>
      <c r="C1910" s="14" t="s">
        <v>89327</v>
      </c>
      <c r="D1910" s="2" t="s">
        <v>89328</v>
      </c>
      <c r="E1910" s="2" t="s">
        <v>30650</v>
      </c>
      <c r="F1910" s="8">
        <v>336</v>
      </c>
      <c r="G1910" s="5">
        <v>10</v>
      </c>
      <c r="H1910" s="5" t="s">
        <v>69</v>
      </c>
      <c r="I1910" s="5" t="s">
        <v>27074</v>
      </c>
      <c r="J1910" s="2" t="s">
        <v>27075</v>
      </c>
      <c r="K1910" s="5" t="s">
        <v>27074</v>
      </c>
      <c r="L1910" s="2" t="s">
        <v>27075</v>
      </c>
      <c r="M1910" s="5" t="s">
        <v>24254</v>
      </c>
      <c r="N1910" s="5" t="s">
        <v>38</v>
      </c>
      <c r="O1910" s="5" t="s">
        <v>39</v>
      </c>
      <c r="P1910" s="5" t="s">
        <v>40</v>
      </c>
      <c r="Q1910" s="5" t="s">
        <v>24340</v>
      </c>
      <c r="R1910" s="5" t="s">
        <v>40</v>
      </c>
      <c r="S1910" s="5" t="s">
        <v>42</v>
      </c>
      <c r="T1910" s="2">
        <v>13.537000000000001</v>
      </c>
      <c r="U1910" s="2">
        <v>11.76</v>
      </c>
      <c r="V1910" s="2">
        <v>0.104</v>
      </c>
      <c r="W1910" s="2">
        <v>12</v>
      </c>
      <c r="X1910" s="2">
        <v>50</v>
      </c>
      <c r="Y1910" s="2">
        <v>173.9</v>
      </c>
      <c r="Z1910" s="5">
        <v>10</v>
      </c>
      <c r="AA1910" s="5" t="s">
        <v>43</v>
      </c>
      <c r="AB1910" s="5" t="s">
        <v>44</v>
      </c>
      <c r="AC1910" s="2" t="s">
        <v>30846</v>
      </c>
      <c r="AD1910" s="1"/>
    </row>
    <row r="1911" spans="1:30">
      <c r="A1911" s="5" t="s">
        <v>83578</v>
      </c>
      <c r="B1911" s="2" t="s">
        <v>89329</v>
      </c>
      <c r="C1911" s="14" t="s">
        <v>89330</v>
      </c>
      <c r="D1911" s="2" t="s">
        <v>89331</v>
      </c>
      <c r="E1911" s="2" t="s">
        <v>30655</v>
      </c>
      <c r="F1911" s="8">
        <v>336</v>
      </c>
      <c r="G1911" s="5">
        <v>10</v>
      </c>
      <c r="H1911" s="5" t="s">
        <v>69</v>
      </c>
      <c r="I1911" s="5" t="s">
        <v>27074</v>
      </c>
      <c r="J1911" s="2" t="s">
        <v>27075</v>
      </c>
      <c r="K1911" s="5" t="s">
        <v>27074</v>
      </c>
      <c r="L1911" s="2" t="s">
        <v>27075</v>
      </c>
      <c r="M1911" s="5" t="s">
        <v>24254</v>
      </c>
      <c r="N1911" s="5" t="s">
        <v>38</v>
      </c>
      <c r="O1911" s="5" t="s">
        <v>39</v>
      </c>
      <c r="P1911" s="5" t="s">
        <v>40</v>
      </c>
      <c r="Q1911" s="5" t="s">
        <v>24340</v>
      </c>
      <c r="R1911" s="5" t="s">
        <v>40</v>
      </c>
      <c r="S1911" s="5" t="s">
        <v>42</v>
      </c>
      <c r="T1911" s="2">
        <v>8.5359999999999996</v>
      </c>
      <c r="U1911" s="2">
        <v>6.7590000000000003</v>
      </c>
      <c r="V1911" s="2">
        <v>0.104</v>
      </c>
      <c r="W1911" s="2">
        <v>12</v>
      </c>
      <c r="X1911" s="2">
        <v>50</v>
      </c>
      <c r="Y1911" s="2">
        <v>173.9</v>
      </c>
      <c r="Z1911" s="5">
        <v>10</v>
      </c>
      <c r="AA1911" s="5" t="s">
        <v>43</v>
      </c>
      <c r="AB1911" s="5" t="s">
        <v>44</v>
      </c>
      <c r="AC1911" s="2" t="s">
        <v>30656</v>
      </c>
      <c r="AD1911" s="1"/>
    </row>
    <row r="1912" spans="1:30">
      <c r="A1912" s="5" t="s">
        <v>83578</v>
      </c>
      <c r="B1912" s="2" t="s">
        <v>89332</v>
      </c>
      <c r="C1912" s="14" t="s">
        <v>89333</v>
      </c>
      <c r="D1912" s="2" t="s">
        <v>89334</v>
      </c>
      <c r="E1912" s="2" t="s">
        <v>30655</v>
      </c>
      <c r="F1912" s="8">
        <v>336</v>
      </c>
      <c r="G1912" s="5">
        <v>10</v>
      </c>
      <c r="H1912" s="5" t="s">
        <v>69</v>
      </c>
      <c r="I1912" s="5" t="s">
        <v>27074</v>
      </c>
      <c r="J1912" s="2" t="s">
        <v>27075</v>
      </c>
      <c r="K1912" s="5" t="s">
        <v>27074</v>
      </c>
      <c r="L1912" s="2" t="s">
        <v>27075</v>
      </c>
      <c r="M1912" s="5" t="s">
        <v>24254</v>
      </c>
      <c r="N1912" s="5" t="s">
        <v>38</v>
      </c>
      <c r="O1912" s="5" t="s">
        <v>39</v>
      </c>
      <c r="P1912" s="5" t="s">
        <v>40</v>
      </c>
      <c r="Q1912" s="5" t="s">
        <v>24340</v>
      </c>
      <c r="R1912" s="5" t="s">
        <v>40</v>
      </c>
      <c r="S1912" s="5" t="s">
        <v>42</v>
      </c>
      <c r="T1912" s="2">
        <v>9.0640000000000001</v>
      </c>
      <c r="U1912" s="2">
        <v>7.2869999999999999</v>
      </c>
      <c r="V1912" s="2">
        <v>0.104</v>
      </c>
      <c r="W1912" s="2">
        <v>12</v>
      </c>
      <c r="X1912" s="2">
        <v>50</v>
      </c>
      <c r="Y1912" s="2">
        <v>173.9</v>
      </c>
      <c r="Z1912" s="5">
        <v>10</v>
      </c>
      <c r="AA1912" s="5" t="s">
        <v>43</v>
      </c>
      <c r="AB1912" s="5" t="s">
        <v>44</v>
      </c>
      <c r="AC1912" s="2" t="s">
        <v>30534</v>
      </c>
      <c r="AD1912" s="1"/>
    </row>
    <row r="1913" spans="1:30">
      <c r="A1913" s="5" t="s">
        <v>83578</v>
      </c>
      <c r="B1913" s="2" t="s">
        <v>89335</v>
      </c>
      <c r="C1913" s="14" t="s">
        <v>89336</v>
      </c>
      <c r="D1913" s="2" t="s">
        <v>89337</v>
      </c>
      <c r="E1913" s="2" t="s">
        <v>30533</v>
      </c>
      <c r="F1913" s="8">
        <v>336</v>
      </c>
      <c r="G1913" s="5">
        <v>10</v>
      </c>
      <c r="H1913" s="5" t="s">
        <v>69</v>
      </c>
      <c r="I1913" s="5" t="s">
        <v>27074</v>
      </c>
      <c r="J1913" s="2" t="s">
        <v>27075</v>
      </c>
      <c r="K1913" s="5" t="s">
        <v>27074</v>
      </c>
      <c r="L1913" s="2" t="s">
        <v>27075</v>
      </c>
      <c r="M1913" s="5" t="s">
        <v>24254</v>
      </c>
      <c r="N1913" s="5" t="s">
        <v>38</v>
      </c>
      <c r="O1913" s="5" t="s">
        <v>39</v>
      </c>
      <c r="P1913" s="5" t="s">
        <v>40</v>
      </c>
      <c r="Q1913" s="5" t="s">
        <v>24340</v>
      </c>
      <c r="R1913" s="5" t="s">
        <v>40</v>
      </c>
      <c r="S1913" s="5" t="s">
        <v>42</v>
      </c>
      <c r="T1913" s="2">
        <v>11.576000000000001</v>
      </c>
      <c r="U1913" s="2">
        <v>9.7330000000000005</v>
      </c>
      <c r="V1913" s="2">
        <v>0.104</v>
      </c>
      <c r="W1913" s="2">
        <v>12</v>
      </c>
      <c r="X1913" s="2">
        <v>50</v>
      </c>
      <c r="Y1913" s="2">
        <v>173.9</v>
      </c>
      <c r="Z1913" s="5">
        <v>10</v>
      </c>
      <c r="AA1913" s="5" t="s">
        <v>43</v>
      </c>
      <c r="AB1913" s="5" t="s">
        <v>44</v>
      </c>
      <c r="AC1913" s="2" t="s">
        <v>30656</v>
      </c>
      <c r="AD1913" s="1"/>
    </row>
    <row r="1914" spans="1:30">
      <c r="A1914" s="5" t="s">
        <v>83578</v>
      </c>
      <c r="B1914" s="2" t="s">
        <v>89338</v>
      </c>
      <c r="C1914" s="14" t="s">
        <v>89339</v>
      </c>
      <c r="D1914" s="2" t="s">
        <v>89340</v>
      </c>
      <c r="E1914" s="2" t="s">
        <v>30533</v>
      </c>
      <c r="F1914" s="8">
        <v>336</v>
      </c>
      <c r="G1914" s="5">
        <v>10</v>
      </c>
      <c r="H1914" s="5" t="s">
        <v>69</v>
      </c>
      <c r="I1914" s="5" t="s">
        <v>27074</v>
      </c>
      <c r="J1914" s="2" t="s">
        <v>27075</v>
      </c>
      <c r="K1914" s="5" t="s">
        <v>27074</v>
      </c>
      <c r="L1914" s="2" t="s">
        <v>27075</v>
      </c>
      <c r="M1914" s="5" t="s">
        <v>24254</v>
      </c>
      <c r="N1914" s="5" t="s">
        <v>38</v>
      </c>
      <c r="O1914" s="5" t="s">
        <v>39</v>
      </c>
      <c r="P1914" s="5" t="s">
        <v>40</v>
      </c>
      <c r="Q1914" s="5" t="s">
        <v>24340</v>
      </c>
      <c r="R1914" s="5" t="s">
        <v>40</v>
      </c>
      <c r="S1914" s="5" t="s">
        <v>42</v>
      </c>
      <c r="T1914" s="2">
        <v>12.444000000000001</v>
      </c>
      <c r="U1914" s="2">
        <v>10.601000000000001</v>
      </c>
      <c r="V1914" s="2">
        <v>0.104</v>
      </c>
      <c r="W1914" s="2">
        <v>12</v>
      </c>
      <c r="X1914" s="2">
        <v>50</v>
      </c>
      <c r="Y1914" s="2">
        <v>173.9</v>
      </c>
      <c r="Z1914" s="5">
        <v>10</v>
      </c>
      <c r="AA1914" s="5" t="s">
        <v>43</v>
      </c>
      <c r="AB1914" s="5" t="s">
        <v>44</v>
      </c>
      <c r="AC1914" s="2" t="s">
        <v>30534</v>
      </c>
      <c r="AD1914" s="1"/>
    </row>
    <row r="1915" spans="1:30">
      <c r="A1915" s="5" t="s">
        <v>83578</v>
      </c>
      <c r="B1915" s="2" t="s">
        <v>89341</v>
      </c>
      <c r="C1915" s="14" t="s">
        <v>89342</v>
      </c>
      <c r="D1915" s="2" t="s">
        <v>89343</v>
      </c>
      <c r="E1915" s="2" t="s">
        <v>30862</v>
      </c>
      <c r="F1915" s="8">
        <v>336</v>
      </c>
      <c r="G1915" s="5">
        <v>10</v>
      </c>
      <c r="H1915" s="5" t="s">
        <v>69</v>
      </c>
      <c r="I1915" s="5" t="s">
        <v>27074</v>
      </c>
      <c r="J1915" s="2" t="s">
        <v>27075</v>
      </c>
      <c r="K1915" s="5" t="s">
        <v>27074</v>
      </c>
      <c r="L1915" s="2" t="s">
        <v>27075</v>
      </c>
      <c r="M1915" s="5" t="s">
        <v>24254</v>
      </c>
      <c r="N1915" s="5" t="s">
        <v>38</v>
      </c>
      <c r="O1915" s="5" t="s">
        <v>39</v>
      </c>
      <c r="P1915" s="5" t="s">
        <v>40</v>
      </c>
      <c r="Q1915" s="5" t="s">
        <v>25301</v>
      </c>
      <c r="R1915" s="5" t="s">
        <v>40</v>
      </c>
      <c r="S1915" s="5" t="s">
        <v>42</v>
      </c>
      <c r="T1915" s="2">
        <v>10.82</v>
      </c>
      <c r="U1915" s="2">
        <v>9.0380000000000003</v>
      </c>
      <c r="V1915" s="2">
        <v>0.104</v>
      </c>
      <c r="W1915" s="2">
        <v>12</v>
      </c>
      <c r="X1915" s="2">
        <v>50</v>
      </c>
      <c r="Y1915" s="2">
        <v>173.9</v>
      </c>
      <c r="Z1915" s="5">
        <v>8</v>
      </c>
      <c r="AA1915" s="5" t="s">
        <v>43</v>
      </c>
      <c r="AB1915" s="5" t="s">
        <v>44</v>
      </c>
      <c r="AC1915" s="2" t="s">
        <v>30542</v>
      </c>
      <c r="AD1915" s="1"/>
    </row>
    <row r="1916" spans="1:30">
      <c r="A1916" s="5" t="s">
        <v>83578</v>
      </c>
      <c r="B1916" s="2" t="s">
        <v>89344</v>
      </c>
      <c r="C1916" s="14" t="s">
        <v>89345</v>
      </c>
      <c r="D1916" s="2" t="s">
        <v>89346</v>
      </c>
      <c r="E1916" s="2" t="s">
        <v>31004</v>
      </c>
      <c r="F1916" s="8">
        <v>336</v>
      </c>
      <c r="G1916" s="5">
        <v>10</v>
      </c>
      <c r="H1916" s="5" t="s">
        <v>69</v>
      </c>
      <c r="I1916" s="5" t="s">
        <v>27074</v>
      </c>
      <c r="J1916" s="2" t="s">
        <v>27075</v>
      </c>
      <c r="K1916" s="5" t="s">
        <v>27074</v>
      </c>
      <c r="L1916" s="2" t="s">
        <v>27075</v>
      </c>
      <c r="M1916" s="5" t="s">
        <v>24254</v>
      </c>
      <c r="N1916" s="5" t="s">
        <v>38</v>
      </c>
      <c r="O1916" s="5" t="s">
        <v>39</v>
      </c>
      <c r="P1916" s="5" t="s">
        <v>40</v>
      </c>
      <c r="Q1916" s="5" t="s">
        <v>25301</v>
      </c>
      <c r="R1916" s="5" t="s">
        <v>40</v>
      </c>
      <c r="S1916" s="5" t="s">
        <v>42</v>
      </c>
      <c r="T1916" s="2">
        <v>11.257</v>
      </c>
      <c r="U1916" s="2">
        <v>9.4789999999999992</v>
      </c>
      <c r="V1916" s="2">
        <v>0.104</v>
      </c>
      <c r="W1916" s="2">
        <v>12</v>
      </c>
      <c r="X1916" s="2">
        <v>50</v>
      </c>
      <c r="Y1916" s="2">
        <v>173.9</v>
      </c>
      <c r="Z1916" s="5">
        <v>10</v>
      </c>
      <c r="AA1916" s="5" t="s">
        <v>43</v>
      </c>
      <c r="AB1916" s="5" t="s">
        <v>44</v>
      </c>
      <c r="AC1916" s="2" t="s">
        <v>31005</v>
      </c>
      <c r="AD1916" s="1"/>
    </row>
    <row r="1917" spans="1:30">
      <c r="A1917" s="5" t="s">
        <v>83578</v>
      </c>
      <c r="B1917" s="2" t="s">
        <v>89347</v>
      </c>
      <c r="C1917" s="14" t="s">
        <v>89348</v>
      </c>
      <c r="D1917" s="2" t="s">
        <v>89349</v>
      </c>
      <c r="E1917" s="2" t="s">
        <v>31004</v>
      </c>
      <c r="F1917" s="8">
        <v>336</v>
      </c>
      <c r="G1917" s="5">
        <v>10</v>
      </c>
      <c r="H1917" s="5" t="s">
        <v>69</v>
      </c>
      <c r="I1917" s="5" t="s">
        <v>27074</v>
      </c>
      <c r="J1917" s="2" t="s">
        <v>27075</v>
      </c>
      <c r="K1917" s="5" t="s">
        <v>27074</v>
      </c>
      <c r="L1917" s="2" t="s">
        <v>27075</v>
      </c>
      <c r="M1917" s="5" t="s">
        <v>24254</v>
      </c>
      <c r="N1917" s="5" t="s">
        <v>38</v>
      </c>
      <c r="O1917" s="5" t="s">
        <v>39</v>
      </c>
      <c r="P1917" s="5" t="s">
        <v>40</v>
      </c>
      <c r="Q1917" s="5" t="s">
        <v>25301</v>
      </c>
      <c r="R1917" s="5" t="s">
        <v>40</v>
      </c>
      <c r="S1917" s="5" t="s">
        <v>42</v>
      </c>
      <c r="T1917" s="2">
        <v>11.882</v>
      </c>
      <c r="U1917" s="2">
        <v>10.103999999999999</v>
      </c>
      <c r="V1917" s="2">
        <v>0.104</v>
      </c>
      <c r="W1917" s="2">
        <v>12</v>
      </c>
      <c r="X1917" s="2">
        <v>50</v>
      </c>
      <c r="Y1917" s="2">
        <v>173.9</v>
      </c>
      <c r="Z1917" s="5">
        <v>10</v>
      </c>
      <c r="AA1917" s="5" t="s">
        <v>43</v>
      </c>
      <c r="AB1917" s="5" t="s">
        <v>44</v>
      </c>
      <c r="AC1917" s="2" t="s">
        <v>31468</v>
      </c>
      <c r="AD1917" s="1"/>
    </row>
    <row r="1918" spans="1:30">
      <c r="A1918" s="5" t="s">
        <v>83578</v>
      </c>
      <c r="B1918" s="2" t="s">
        <v>89350</v>
      </c>
      <c r="C1918" s="14" t="s">
        <v>89351</v>
      </c>
      <c r="D1918" s="2" t="s">
        <v>89352</v>
      </c>
      <c r="E1918" s="2" t="s">
        <v>31009</v>
      </c>
      <c r="F1918" s="8">
        <v>336</v>
      </c>
      <c r="G1918" s="5">
        <v>10</v>
      </c>
      <c r="H1918" s="5" t="s">
        <v>69</v>
      </c>
      <c r="I1918" s="5" t="s">
        <v>27074</v>
      </c>
      <c r="J1918" s="2" t="s">
        <v>27075</v>
      </c>
      <c r="K1918" s="5" t="s">
        <v>27074</v>
      </c>
      <c r="L1918" s="2" t="s">
        <v>27075</v>
      </c>
      <c r="M1918" s="5" t="s">
        <v>24254</v>
      </c>
      <c r="N1918" s="5" t="s">
        <v>38</v>
      </c>
      <c r="O1918" s="5" t="s">
        <v>39</v>
      </c>
      <c r="P1918" s="5" t="s">
        <v>40</v>
      </c>
      <c r="Q1918" s="5" t="s">
        <v>25301</v>
      </c>
      <c r="R1918" s="5" t="s">
        <v>40</v>
      </c>
      <c r="S1918" s="5" t="s">
        <v>42</v>
      </c>
      <c r="T1918" s="2">
        <v>8.3970000000000002</v>
      </c>
      <c r="U1918" s="2">
        <v>6.6189999999999998</v>
      </c>
      <c r="V1918" s="2">
        <v>0.104</v>
      </c>
      <c r="W1918" s="2">
        <v>12</v>
      </c>
      <c r="X1918" s="2">
        <v>50</v>
      </c>
      <c r="Y1918" s="2">
        <v>173.9</v>
      </c>
      <c r="Z1918" s="5">
        <v>10</v>
      </c>
      <c r="AA1918" s="5" t="s">
        <v>43</v>
      </c>
      <c r="AB1918" s="5" t="s">
        <v>44</v>
      </c>
      <c r="AC1918" s="2" t="s">
        <v>31010</v>
      </c>
      <c r="AD1918" s="1"/>
    </row>
    <row r="1919" spans="1:30">
      <c r="A1919" s="5" t="s">
        <v>83578</v>
      </c>
      <c r="B1919" s="2" t="s">
        <v>89353</v>
      </c>
      <c r="C1919" s="14" t="s">
        <v>89354</v>
      </c>
      <c r="D1919" s="2" t="s">
        <v>89355</v>
      </c>
      <c r="E1919" s="2" t="s">
        <v>31009</v>
      </c>
      <c r="F1919" s="8">
        <v>336</v>
      </c>
      <c r="G1919" s="5">
        <v>10</v>
      </c>
      <c r="H1919" s="5" t="s">
        <v>69</v>
      </c>
      <c r="I1919" s="5" t="s">
        <v>27074</v>
      </c>
      <c r="J1919" s="2" t="s">
        <v>27075</v>
      </c>
      <c r="K1919" s="5" t="s">
        <v>27074</v>
      </c>
      <c r="L1919" s="2" t="s">
        <v>27075</v>
      </c>
      <c r="M1919" s="5" t="s">
        <v>24254</v>
      </c>
      <c r="N1919" s="5" t="s">
        <v>38</v>
      </c>
      <c r="O1919" s="5" t="s">
        <v>39</v>
      </c>
      <c r="P1919" s="5" t="s">
        <v>40</v>
      </c>
      <c r="Q1919" s="5" t="s">
        <v>25301</v>
      </c>
      <c r="R1919" s="5" t="s">
        <v>40</v>
      </c>
      <c r="S1919" s="5" t="s">
        <v>42</v>
      </c>
      <c r="T1919" s="2">
        <v>8.2420000000000009</v>
      </c>
      <c r="U1919" s="2">
        <v>6.4640000000000004</v>
      </c>
      <c r="V1919" s="2">
        <v>0.104</v>
      </c>
      <c r="W1919" s="2">
        <v>12</v>
      </c>
      <c r="X1919" s="2">
        <v>50</v>
      </c>
      <c r="Y1919" s="2">
        <v>173.9</v>
      </c>
      <c r="Z1919" s="5">
        <v>10</v>
      </c>
      <c r="AA1919" s="5" t="s">
        <v>43</v>
      </c>
      <c r="AB1919" s="5" t="s">
        <v>44</v>
      </c>
      <c r="AC1919" s="2" t="s">
        <v>31472</v>
      </c>
      <c r="AD1919" s="1"/>
    </row>
    <row r="1920" spans="1:30">
      <c r="A1920" s="5" t="s">
        <v>83578</v>
      </c>
      <c r="B1920" s="2" t="s">
        <v>89356</v>
      </c>
      <c r="C1920" s="14" t="s">
        <v>89357</v>
      </c>
      <c r="D1920" s="2" t="s">
        <v>89358</v>
      </c>
      <c r="E1920" s="2" t="s">
        <v>31191</v>
      </c>
      <c r="F1920" s="8">
        <v>336</v>
      </c>
      <c r="G1920" s="5">
        <v>10</v>
      </c>
      <c r="H1920" s="5" t="s">
        <v>69</v>
      </c>
      <c r="I1920" s="5" t="s">
        <v>27074</v>
      </c>
      <c r="J1920" s="2" t="s">
        <v>27075</v>
      </c>
      <c r="K1920" s="5" t="s">
        <v>27074</v>
      </c>
      <c r="L1920" s="2" t="s">
        <v>27075</v>
      </c>
      <c r="M1920" s="5" t="s">
        <v>24254</v>
      </c>
      <c r="N1920" s="5" t="s">
        <v>38</v>
      </c>
      <c r="O1920" s="5" t="s">
        <v>39</v>
      </c>
      <c r="P1920" s="5" t="s">
        <v>40</v>
      </c>
      <c r="Q1920" s="5" t="s">
        <v>25301</v>
      </c>
      <c r="R1920" s="5" t="s">
        <v>40</v>
      </c>
      <c r="S1920" s="5" t="s">
        <v>42</v>
      </c>
      <c r="T1920" s="2">
        <v>10.316000000000001</v>
      </c>
      <c r="U1920" s="2">
        <v>8.4719999999999995</v>
      </c>
      <c r="V1920" s="2">
        <v>0.104</v>
      </c>
      <c r="W1920" s="2">
        <v>12</v>
      </c>
      <c r="X1920" s="2">
        <v>50</v>
      </c>
      <c r="Y1920" s="2">
        <v>173.9</v>
      </c>
      <c r="Z1920" s="5">
        <v>10</v>
      </c>
      <c r="AA1920" s="5" t="s">
        <v>43</v>
      </c>
      <c r="AB1920" s="5" t="s">
        <v>44</v>
      </c>
      <c r="AC1920" s="2" t="s">
        <v>31010</v>
      </c>
      <c r="AD1920" s="1"/>
    </row>
    <row r="1921" spans="1:30">
      <c r="A1921" s="5" t="s">
        <v>83578</v>
      </c>
      <c r="B1921" s="2" t="s">
        <v>89359</v>
      </c>
      <c r="C1921" s="14" t="s">
        <v>89360</v>
      </c>
      <c r="D1921" s="2" t="s">
        <v>89361</v>
      </c>
      <c r="E1921" s="2" t="s">
        <v>31191</v>
      </c>
      <c r="F1921" s="8">
        <v>336</v>
      </c>
      <c r="G1921" s="5">
        <v>10</v>
      </c>
      <c r="H1921" s="5" t="s">
        <v>69</v>
      </c>
      <c r="I1921" s="5" t="s">
        <v>27074</v>
      </c>
      <c r="J1921" s="2" t="s">
        <v>27075</v>
      </c>
      <c r="K1921" s="5" t="s">
        <v>27074</v>
      </c>
      <c r="L1921" s="2" t="s">
        <v>27075</v>
      </c>
      <c r="M1921" s="5" t="s">
        <v>24254</v>
      </c>
      <c r="N1921" s="5" t="s">
        <v>38</v>
      </c>
      <c r="O1921" s="5" t="s">
        <v>39</v>
      </c>
      <c r="P1921" s="5" t="s">
        <v>40</v>
      </c>
      <c r="Q1921" s="5" t="s">
        <v>25301</v>
      </c>
      <c r="R1921" s="5" t="s">
        <v>40</v>
      </c>
      <c r="S1921" s="5" t="s">
        <v>42</v>
      </c>
      <c r="T1921" s="2">
        <v>10.986000000000001</v>
      </c>
      <c r="U1921" s="2">
        <v>9.1419999999999995</v>
      </c>
      <c r="V1921" s="2">
        <v>0.104</v>
      </c>
      <c r="W1921" s="2">
        <v>12</v>
      </c>
      <c r="X1921" s="2">
        <v>50</v>
      </c>
      <c r="Y1921" s="2">
        <v>173.9</v>
      </c>
      <c r="Z1921" s="5">
        <v>10</v>
      </c>
      <c r="AA1921" s="5" t="s">
        <v>43</v>
      </c>
      <c r="AB1921" s="5" t="s">
        <v>44</v>
      </c>
      <c r="AC1921" s="2" t="s">
        <v>31472</v>
      </c>
      <c r="AD1921" s="1"/>
    </row>
    <row r="1922" spans="1:30">
      <c r="A1922" s="5" t="s">
        <v>83578</v>
      </c>
      <c r="B1922" s="2" t="s">
        <v>89362</v>
      </c>
      <c r="C1922" s="14" t="s">
        <v>89363</v>
      </c>
      <c r="D1922" s="2" t="s">
        <v>89364</v>
      </c>
      <c r="E1922" s="2" t="s">
        <v>30595</v>
      </c>
      <c r="F1922" s="8">
        <v>326</v>
      </c>
      <c r="G1922" s="5">
        <v>10</v>
      </c>
      <c r="H1922" s="5" t="s">
        <v>69</v>
      </c>
      <c r="I1922" s="5" t="s">
        <v>27074</v>
      </c>
      <c r="J1922" s="2" t="s">
        <v>27075</v>
      </c>
      <c r="K1922" s="5" t="s">
        <v>27074</v>
      </c>
      <c r="L1922" s="2" t="s">
        <v>27075</v>
      </c>
      <c r="M1922" s="5" t="s">
        <v>24254</v>
      </c>
      <c r="N1922" s="5" t="s">
        <v>38</v>
      </c>
      <c r="O1922" s="5" t="s">
        <v>39</v>
      </c>
      <c r="P1922" s="5" t="s">
        <v>40</v>
      </c>
      <c r="Q1922" s="5" t="s">
        <v>24340</v>
      </c>
      <c r="R1922" s="5" t="s">
        <v>40</v>
      </c>
      <c r="S1922" s="5" t="s">
        <v>42</v>
      </c>
      <c r="T1922" s="2">
        <v>10.648999999999999</v>
      </c>
      <c r="U1922" s="2">
        <v>9.1359999999999992</v>
      </c>
      <c r="V1922" s="2">
        <v>8.3000000000000004E-2</v>
      </c>
      <c r="W1922" s="2">
        <v>12</v>
      </c>
      <c r="X1922" s="2">
        <v>50</v>
      </c>
      <c r="Y1922" s="2">
        <v>137.9</v>
      </c>
      <c r="Z1922" s="5">
        <v>8</v>
      </c>
      <c r="AA1922" s="5" t="s">
        <v>43</v>
      </c>
      <c r="AB1922" s="5" t="s">
        <v>44</v>
      </c>
      <c r="AC1922" s="2" t="s">
        <v>30525</v>
      </c>
      <c r="AD1922" s="1"/>
    </row>
    <row r="1923" spans="1:30">
      <c r="A1923" s="5" t="s">
        <v>83578</v>
      </c>
      <c r="B1923" s="2" t="s">
        <v>89365</v>
      </c>
      <c r="C1923" s="14" t="s">
        <v>89366</v>
      </c>
      <c r="D1923" s="2" t="s">
        <v>89367</v>
      </c>
      <c r="E1923" s="2" t="s">
        <v>30533</v>
      </c>
      <c r="F1923" s="8">
        <v>326</v>
      </c>
      <c r="G1923" s="5">
        <v>10</v>
      </c>
      <c r="H1923" s="5" t="s">
        <v>69</v>
      </c>
      <c r="I1923" s="5" t="s">
        <v>27074</v>
      </c>
      <c r="J1923" s="2" t="s">
        <v>27075</v>
      </c>
      <c r="K1923" s="5" t="s">
        <v>27074</v>
      </c>
      <c r="L1923" s="2" t="s">
        <v>27075</v>
      </c>
      <c r="M1923" s="5" t="s">
        <v>24254</v>
      </c>
      <c r="N1923" s="5" t="s">
        <v>38</v>
      </c>
      <c r="O1923" s="5" t="s">
        <v>39</v>
      </c>
      <c r="P1923" s="5" t="s">
        <v>40</v>
      </c>
      <c r="Q1923" s="5" t="s">
        <v>24340</v>
      </c>
      <c r="R1923" s="5" t="s">
        <v>40</v>
      </c>
      <c r="S1923" s="5" t="s">
        <v>42</v>
      </c>
      <c r="T1923" s="2">
        <v>9.6690000000000005</v>
      </c>
      <c r="U1923" s="2">
        <v>8.0809999999999995</v>
      </c>
      <c r="V1923" s="2">
        <v>8.3000000000000004E-2</v>
      </c>
      <c r="W1923" s="2">
        <v>12</v>
      </c>
      <c r="X1923" s="2">
        <v>50</v>
      </c>
      <c r="Y1923" s="2">
        <v>137.9</v>
      </c>
      <c r="Z1923" s="5">
        <v>10</v>
      </c>
      <c r="AA1923" s="5" t="s">
        <v>43</v>
      </c>
      <c r="AB1923" s="5" t="s">
        <v>44</v>
      </c>
      <c r="AC1923" s="2" t="s">
        <v>30656</v>
      </c>
      <c r="AD1923" s="1"/>
    </row>
    <row r="1924" spans="1:30">
      <c r="A1924" s="5" t="s">
        <v>83578</v>
      </c>
      <c r="B1924" s="2" t="s">
        <v>89368</v>
      </c>
      <c r="C1924" s="14" t="s">
        <v>89369</v>
      </c>
      <c r="D1924" s="2" t="s">
        <v>89370</v>
      </c>
      <c r="E1924" s="2" t="s">
        <v>30533</v>
      </c>
      <c r="F1924" s="8">
        <v>326</v>
      </c>
      <c r="G1924" s="5">
        <v>10</v>
      </c>
      <c r="H1924" s="5" t="s">
        <v>69</v>
      </c>
      <c r="I1924" s="5" t="s">
        <v>27074</v>
      </c>
      <c r="J1924" s="2" t="s">
        <v>27075</v>
      </c>
      <c r="K1924" s="5" t="s">
        <v>27074</v>
      </c>
      <c r="L1924" s="2" t="s">
        <v>27075</v>
      </c>
      <c r="M1924" s="5" t="s">
        <v>24254</v>
      </c>
      <c r="N1924" s="5" t="s">
        <v>38</v>
      </c>
      <c r="O1924" s="5" t="s">
        <v>39</v>
      </c>
      <c r="P1924" s="5" t="s">
        <v>40</v>
      </c>
      <c r="Q1924" s="5" t="s">
        <v>24340</v>
      </c>
      <c r="R1924" s="5" t="s">
        <v>40</v>
      </c>
      <c r="S1924" s="5" t="s">
        <v>42</v>
      </c>
      <c r="T1924" s="2">
        <v>10.644</v>
      </c>
      <c r="U1924" s="2">
        <v>9.0559999999999992</v>
      </c>
      <c r="V1924" s="2">
        <v>8.3000000000000004E-2</v>
      </c>
      <c r="W1924" s="2">
        <v>12</v>
      </c>
      <c r="X1924" s="2">
        <v>50</v>
      </c>
      <c r="Y1924" s="2">
        <v>137.9</v>
      </c>
      <c r="Z1924" s="5">
        <v>10</v>
      </c>
      <c r="AA1924" s="5" t="s">
        <v>43</v>
      </c>
      <c r="AB1924" s="5" t="s">
        <v>44</v>
      </c>
      <c r="AC1924" s="2" t="s">
        <v>30534</v>
      </c>
      <c r="AD1924" s="1"/>
    </row>
    <row r="1925" spans="1:30">
      <c r="A1925" s="5" t="s">
        <v>83578</v>
      </c>
      <c r="B1925" s="2" t="s">
        <v>89371</v>
      </c>
      <c r="C1925" s="14" t="s">
        <v>89372</v>
      </c>
      <c r="D1925" s="2" t="s">
        <v>89373</v>
      </c>
      <c r="E1925" s="2" t="s">
        <v>31004</v>
      </c>
      <c r="F1925" s="8">
        <v>326</v>
      </c>
      <c r="G1925" s="5">
        <v>10</v>
      </c>
      <c r="H1925" s="5" t="s">
        <v>69</v>
      </c>
      <c r="I1925" s="5" t="s">
        <v>27074</v>
      </c>
      <c r="J1925" s="2" t="s">
        <v>27075</v>
      </c>
      <c r="K1925" s="5" t="s">
        <v>27074</v>
      </c>
      <c r="L1925" s="2" t="s">
        <v>27075</v>
      </c>
      <c r="M1925" s="5" t="s">
        <v>24254</v>
      </c>
      <c r="N1925" s="5" t="s">
        <v>38</v>
      </c>
      <c r="O1925" s="5" t="s">
        <v>39</v>
      </c>
      <c r="P1925" s="5" t="s">
        <v>40</v>
      </c>
      <c r="Q1925" s="5" t="s">
        <v>25301</v>
      </c>
      <c r="R1925" s="5" t="s">
        <v>40</v>
      </c>
      <c r="S1925" s="5" t="s">
        <v>42</v>
      </c>
      <c r="T1925" s="2">
        <v>9.3390000000000004</v>
      </c>
      <c r="U1925" s="2">
        <v>7.8289999999999997</v>
      </c>
      <c r="V1925" s="2">
        <v>8.3000000000000004E-2</v>
      </c>
      <c r="W1925" s="2">
        <v>12</v>
      </c>
      <c r="X1925" s="2">
        <v>50</v>
      </c>
      <c r="Y1925" s="2">
        <v>137.9</v>
      </c>
      <c r="Z1925" s="5">
        <v>10</v>
      </c>
      <c r="AA1925" s="5" t="s">
        <v>43</v>
      </c>
      <c r="AB1925" s="5" t="s">
        <v>44</v>
      </c>
      <c r="AC1925" s="2" t="s">
        <v>31005</v>
      </c>
      <c r="AD1925" s="1"/>
    </row>
    <row r="1926" spans="1:30">
      <c r="A1926" s="5" t="s">
        <v>83578</v>
      </c>
      <c r="B1926" s="2" t="s">
        <v>89374</v>
      </c>
      <c r="C1926" s="14" t="s">
        <v>89375</v>
      </c>
      <c r="D1926" s="2" t="s">
        <v>89376</v>
      </c>
      <c r="E1926" s="2" t="s">
        <v>31004</v>
      </c>
      <c r="F1926" s="8">
        <v>326</v>
      </c>
      <c r="G1926" s="5">
        <v>10</v>
      </c>
      <c r="H1926" s="5" t="s">
        <v>69</v>
      </c>
      <c r="I1926" s="5" t="s">
        <v>27074</v>
      </c>
      <c r="J1926" s="2" t="s">
        <v>27075</v>
      </c>
      <c r="K1926" s="5" t="s">
        <v>27074</v>
      </c>
      <c r="L1926" s="2" t="s">
        <v>27075</v>
      </c>
      <c r="M1926" s="5" t="s">
        <v>24254</v>
      </c>
      <c r="N1926" s="5" t="s">
        <v>38</v>
      </c>
      <c r="O1926" s="5" t="s">
        <v>39</v>
      </c>
      <c r="P1926" s="5" t="s">
        <v>40</v>
      </c>
      <c r="Q1926" s="5" t="s">
        <v>25301</v>
      </c>
      <c r="R1926" s="5" t="s">
        <v>40</v>
      </c>
      <c r="S1926" s="5" t="s">
        <v>42</v>
      </c>
      <c r="T1926" s="2">
        <v>10.042</v>
      </c>
      <c r="U1926" s="2">
        <v>8.532</v>
      </c>
      <c r="V1926" s="2">
        <v>8.3000000000000004E-2</v>
      </c>
      <c r="W1926" s="2">
        <v>12</v>
      </c>
      <c r="X1926" s="2">
        <v>50</v>
      </c>
      <c r="Y1926" s="2">
        <v>137.9</v>
      </c>
      <c r="Z1926" s="5">
        <v>10</v>
      </c>
      <c r="AA1926" s="5" t="s">
        <v>43</v>
      </c>
      <c r="AB1926" s="5" t="s">
        <v>44</v>
      </c>
      <c r="AC1926" s="2" t="s">
        <v>31468</v>
      </c>
      <c r="AD1926" s="1"/>
    </row>
    <row r="1927" spans="1:30">
      <c r="A1927" s="5" t="s">
        <v>83578</v>
      </c>
      <c r="B1927" s="2" t="s">
        <v>89377</v>
      </c>
      <c r="C1927" s="14" t="s">
        <v>89378</v>
      </c>
      <c r="D1927" s="2" t="s">
        <v>89379</v>
      </c>
      <c r="E1927" s="2" t="s">
        <v>31009</v>
      </c>
      <c r="F1927" s="8">
        <v>326</v>
      </c>
      <c r="G1927" s="5">
        <v>10</v>
      </c>
      <c r="H1927" s="5" t="s">
        <v>69</v>
      </c>
      <c r="I1927" s="5" t="s">
        <v>27074</v>
      </c>
      <c r="J1927" s="2" t="s">
        <v>27075</v>
      </c>
      <c r="K1927" s="5" t="s">
        <v>27074</v>
      </c>
      <c r="L1927" s="2" t="s">
        <v>27075</v>
      </c>
      <c r="M1927" s="5" t="s">
        <v>24254</v>
      </c>
      <c r="N1927" s="5" t="s">
        <v>38</v>
      </c>
      <c r="O1927" s="5" t="s">
        <v>39</v>
      </c>
      <c r="P1927" s="5" t="s">
        <v>40</v>
      </c>
      <c r="Q1927" s="5" t="s">
        <v>25301</v>
      </c>
      <c r="R1927" s="5" t="s">
        <v>40</v>
      </c>
      <c r="S1927" s="5" t="s">
        <v>42</v>
      </c>
      <c r="T1927" s="2">
        <v>7.1840000000000002</v>
      </c>
      <c r="U1927" s="2">
        <v>5.6740000000000004</v>
      </c>
      <c r="V1927" s="2">
        <v>8.3000000000000004E-2</v>
      </c>
      <c r="W1927" s="2">
        <v>12</v>
      </c>
      <c r="X1927" s="2">
        <v>50</v>
      </c>
      <c r="Y1927" s="2">
        <v>137.9</v>
      </c>
      <c r="Z1927" s="5">
        <v>10</v>
      </c>
      <c r="AA1927" s="5" t="s">
        <v>43</v>
      </c>
      <c r="AB1927" s="5" t="s">
        <v>44</v>
      </c>
      <c r="AC1927" s="2" t="s">
        <v>31010</v>
      </c>
      <c r="AD1927" s="1"/>
    </row>
    <row r="1928" spans="1:30">
      <c r="A1928" s="5" t="s">
        <v>83578</v>
      </c>
      <c r="B1928" s="2" t="s">
        <v>89380</v>
      </c>
      <c r="C1928" s="14" t="s">
        <v>89381</v>
      </c>
      <c r="D1928" s="2" t="s">
        <v>89382</v>
      </c>
      <c r="E1928" s="2" t="s">
        <v>31009</v>
      </c>
      <c r="F1928" s="8">
        <v>326</v>
      </c>
      <c r="G1928" s="5">
        <v>10</v>
      </c>
      <c r="H1928" s="5" t="s">
        <v>69</v>
      </c>
      <c r="I1928" s="5" t="s">
        <v>27074</v>
      </c>
      <c r="J1928" s="2" t="s">
        <v>27075</v>
      </c>
      <c r="K1928" s="5" t="s">
        <v>27074</v>
      </c>
      <c r="L1928" s="2" t="s">
        <v>27075</v>
      </c>
      <c r="M1928" s="5" t="s">
        <v>24254</v>
      </c>
      <c r="N1928" s="5" t="s">
        <v>38</v>
      </c>
      <c r="O1928" s="5" t="s">
        <v>39</v>
      </c>
      <c r="P1928" s="5" t="s">
        <v>40</v>
      </c>
      <c r="Q1928" s="5" t="s">
        <v>25301</v>
      </c>
      <c r="R1928" s="5" t="s">
        <v>40</v>
      </c>
      <c r="S1928" s="5" t="s">
        <v>42</v>
      </c>
      <c r="T1928" s="2">
        <v>6.9290000000000003</v>
      </c>
      <c r="U1928" s="2">
        <v>5.4189999999999996</v>
      </c>
      <c r="V1928" s="2">
        <v>8.3000000000000004E-2</v>
      </c>
      <c r="W1928" s="2">
        <v>12</v>
      </c>
      <c r="X1928" s="2">
        <v>50</v>
      </c>
      <c r="Y1928" s="2">
        <v>137.9</v>
      </c>
      <c r="Z1928" s="5">
        <v>10</v>
      </c>
      <c r="AA1928" s="5" t="s">
        <v>43</v>
      </c>
      <c r="AB1928" s="5" t="s">
        <v>44</v>
      </c>
      <c r="AC1928" s="2" t="s">
        <v>31472</v>
      </c>
      <c r="AD1928" s="1"/>
    </row>
    <row r="1929" spans="1:30">
      <c r="A1929" s="5" t="s">
        <v>83578</v>
      </c>
      <c r="B1929" s="2" t="s">
        <v>89383</v>
      </c>
      <c r="C1929" s="14" t="s">
        <v>89384</v>
      </c>
      <c r="D1929" s="2" t="s">
        <v>89385</v>
      </c>
      <c r="E1929" s="2" t="s">
        <v>31191</v>
      </c>
      <c r="F1929" s="8">
        <v>326</v>
      </c>
      <c r="G1929" s="5">
        <v>10</v>
      </c>
      <c r="H1929" s="5" t="s">
        <v>69</v>
      </c>
      <c r="I1929" s="5" t="s">
        <v>27074</v>
      </c>
      <c r="J1929" s="2" t="s">
        <v>27075</v>
      </c>
      <c r="K1929" s="5" t="s">
        <v>27074</v>
      </c>
      <c r="L1929" s="2" t="s">
        <v>27075</v>
      </c>
      <c r="M1929" s="5" t="s">
        <v>24254</v>
      </c>
      <c r="N1929" s="5" t="s">
        <v>38</v>
      </c>
      <c r="O1929" s="5" t="s">
        <v>39</v>
      </c>
      <c r="P1929" s="5" t="s">
        <v>40</v>
      </c>
      <c r="Q1929" s="5" t="s">
        <v>25301</v>
      </c>
      <c r="R1929" s="5" t="s">
        <v>40</v>
      </c>
      <c r="S1929" s="5" t="s">
        <v>42</v>
      </c>
      <c r="T1929" s="2">
        <v>8.6560000000000006</v>
      </c>
      <c r="U1929" s="2">
        <v>7.0670000000000002</v>
      </c>
      <c r="V1929" s="2">
        <v>8.3000000000000004E-2</v>
      </c>
      <c r="W1929" s="2">
        <v>12</v>
      </c>
      <c r="X1929" s="2">
        <v>50</v>
      </c>
      <c r="Y1929" s="2">
        <v>137.9</v>
      </c>
      <c r="Z1929" s="5">
        <v>10</v>
      </c>
      <c r="AA1929" s="5" t="s">
        <v>43</v>
      </c>
      <c r="AB1929" s="5" t="s">
        <v>44</v>
      </c>
      <c r="AC1929" s="2" t="s">
        <v>31010</v>
      </c>
      <c r="AD1929" s="1"/>
    </row>
    <row r="1930" spans="1:30">
      <c r="A1930" s="5" t="s">
        <v>83578</v>
      </c>
      <c r="B1930" s="2" t="s">
        <v>89386</v>
      </c>
      <c r="C1930" s="14" t="s">
        <v>89387</v>
      </c>
      <c r="D1930" s="2" t="s">
        <v>89388</v>
      </c>
      <c r="E1930" s="2" t="s">
        <v>31191</v>
      </c>
      <c r="F1930" s="8">
        <v>326</v>
      </c>
      <c r="G1930" s="5">
        <v>10</v>
      </c>
      <c r="H1930" s="5" t="s">
        <v>69</v>
      </c>
      <c r="I1930" s="5" t="s">
        <v>27074</v>
      </c>
      <c r="J1930" s="2" t="s">
        <v>27075</v>
      </c>
      <c r="K1930" s="5" t="s">
        <v>27074</v>
      </c>
      <c r="L1930" s="2" t="s">
        <v>27075</v>
      </c>
      <c r="M1930" s="5" t="s">
        <v>24254</v>
      </c>
      <c r="N1930" s="5" t="s">
        <v>38</v>
      </c>
      <c r="O1930" s="5" t="s">
        <v>39</v>
      </c>
      <c r="P1930" s="5" t="s">
        <v>40</v>
      </c>
      <c r="Q1930" s="5" t="s">
        <v>25301</v>
      </c>
      <c r="R1930" s="5" t="s">
        <v>40</v>
      </c>
      <c r="S1930" s="5" t="s">
        <v>42</v>
      </c>
      <c r="T1930" s="2">
        <v>9.4039999999999999</v>
      </c>
      <c r="U1930" s="2">
        <v>7.8150000000000004</v>
      </c>
      <c r="V1930" s="2">
        <v>8.3000000000000004E-2</v>
      </c>
      <c r="W1930" s="2">
        <v>12</v>
      </c>
      <c r="X1930" s="2">
        <v>50</v>
      </c>
      <c r="Y1930" s="2">
        <v>137.9</v>
      </c>
      <c r="Z1930" s="5">
        <v>10</v>
      </c>
      <c r="AA1930" s="5" t="s">
        <v>43</v>
      </c>
      <c r="AB1930" s="5" t="s">
        <v>44</v>
      </c>
      <c r="AC1930" s="2" t="s">
        <v>31472</v>
      </c>
      <c r="AD1930" s="1"/>
    </row>
    <row r="1931" spans="1:30">
      <c r="A1931" s="5" t="s">
        <v>83578</v>
      </c>
      <c r="B1931" s="2" t="s">
        <v>89389</v>
      </c>
      <c r="C1931" s="14" t="s">
        <v>89390</v>
      </c>
      <c r="D1931" s="2" t="s">
        <v>89391</v>
      </c>
      <c r="E1931" s="2" t="s">
        <v>30524</v>
      </c>
      <c r="F1931" s="8">
        <v>336</v>
      </c>
      <c r="G1931" s="5">
        <v>10</v>
      </c>
      <c r="H1931" s="5" t="s">
        <v>69</v>
      </c>
      <c r="I1931" s="5" t="s">
        <v>27074</v>
      </c>
      <c r="J1931" s="2" t="s">
        <v>27075</v>
      </c>
      <c r="K1931" s="5" t="s">
        <v>27074</v>
      </c>
      <c r="L1931" s="2" t="s">
        <v>27075</v>
      </c>
      <c r="M1931" s="5" t="s">
        <v>24254</v>
      </c>
      <c r="N1931" s="5" t="s">
        <v>38</v>
      </c>
      <c r="O1931" s="5" t="s">
        <v>39</v>
      </c>
      <c r="P1931" s="5" t="s">
        <v>40</v>
      </c>
      <c r="Q1931" s="5" t="s">
        <v>24340</v>
      </c>
      <c r="R1931" s="5" t="s">
        <v>40</v>
      </c>
      <c r="S1931" s="5" t="s">
        <v>42</v>
      </c>
      <c r="T1931" s="2">
        <v>16.948</v>
      </c>
      <c r="U1931" s="2">
        <v>15.138</v>
      </c>
      <c r="V1931" s="2">
        <v>0.104</v>
      </c>
      <c r="W1931" s="2">
        <v>12</v>
      </c>
      <c r="X1931" s="2">
        <v>50</v>
      </c>
      <c r="Y1931" s="2">
        <v>173.9</v>
      </c>
      <c r="Z1931" s="5">
        <v>8</v>
      </c>
      <c r="AA1931" s="5" t="s">
        <v>43</v>
      </c>
      <c r="AB1931" s="5" t="s">
        <v>44</v>
      </c>
      <c r="AC1931" s="2" t="s">
        <v>30525</v>
      </c>
      <c r="AD1931" s="1"/>
    </row>
    <row r="1932" spans="1:30">
      <c r="A1932" s="5" t="s">
        <v>83578</v>
      </c>
      <c r="B1932" s="2" t="s">
        <v>89392</v>
      </c>
      <c r="C1932" s="14" t="s">
        <v>89393</v>
      </c>
      <c r="D1932" s="2" t="s">
        <v>89394</v>
      </c>
      <c r="E1932" s="2" t="s">
        <v>30529</v>
      </c>
      <c r="F1932" s="8">
        <v>336</v>
      </c>
      <c r="G1932" s="5">
        <v>10</v>
      </c>
      <c r="H1932" s="5" t="s">
        <v>69</v>
      </c>
      <c r="I1932" s="5" t="s">
        <v>27074</v>
      </c>
      <c r="J1932" s="2" t="s">
        <v>27075</v>
      </c>
      <c r="K1932" s="5" t="s">
        <v>27074</v>
      </c>
      <c r="L1932" s="2" t="s">
        <v>27075</v>
      </c>
      <c r="M1932" s="5" t="s">
        <v>24254</v>
      </c>
      <c r="N1932" s="5" t="s">
        <v>38</v>
      </c>
      <c r="O1932" s="5" t="s">
        <v>39</v>
      </c>
      <c r="P1932" s="5" t="s">
        <v>40</v>
      </c>
      <c r="Q1932" s="5" t="s">
        <v>24340</v>
      </c>
      <c r="R1932" s="5" t="s">
        <v>40</v>
      </c>
      <c r="S1932" s="5" t="s">
        <v>42</v>
      </c>
      <c r="T1932" s="2">
        <v>8.3480000000000008</v>
      </c>
      <c r="U1932" s="2">
        <v>6.6470000000000002</v>
      </c>
      <c r="V1932" s="2">
        <v>0.104</v>
      </c>
      <c r="W1932" s="2">
        <v>12</v>
      </c>
      <c r="X1932" s="2">
        <v>50</v>
      </c>
      <c r="Y1932" s="2">
        <v>173.9</v>
      </c>
      <c r="Z1932" s="5">
        <v>8</v>
      </c>
      <c r="AA1932" s="5" t="s">
        <v>43</v>
      </c>
      <c r="AB1932" s="5" t="s">
        <v>44</v>
      </c>
      <c r="AC1932" s="2" t="s">
        <v>30525</v>
      </c>
      <c r="AD1932" s="1"/>
    </row>
    <row r="1933" spans="1:30">
      <c r="A1933" s="5" t="s">
        <v>83578</v>
      </c>
      <c r="B1933" s="2" t="s">
        <v>89395</v>
      </c>
      <c r="C1933" s="14" t="s">
        <v>89396</v>
      </c>
      <c r="D1933" s="2" t="s">
        <v>89397</v>
      </c>
      <c r="E1933" s="2" t="s">
        <v>30650</v>
      </c>
      <c r="F1933" s="8">
        <v>336</v>
      </c>
      <c r="G1933" s="5">
        <v>10</v>
      </c>
      <c r="H1933" s="5" t="s">
        <v>69</v>
      </c>
      <c r="I1933" s="5" t="s">
        <v>27074</v>
      </c>
      <c r="J1933" s="2" t="s">
        <v>27075</v>
      </c>
      <c r="K1933" s="5" t="s">
        <v>27074</v>
      </c>
      <c r="L1933" s="2" t="s">
        <v>27075</v>
      </c>
      <c r="M1933" s="5" t="s">
        <v>24254</v>
      </c>
      <c r="N1933" s="5" t="s">
        <v>38</v>
      </c>
      <c r="O1933" s="5" t="s">
        <v>39</v>
      </c>
      <c r="P1933" s="5" t="s">
        <v>40</v>
      </c>
      <c r="Q1933" s="5" t="s">
        <v>24340</v>
      </c>
      <c r="R1933" s="5" t="s">
        <v>40</v>
      </c>
      <c r="S1933" s="5" t="s">
        <v>42</v>
      </c>
      <c r="T1933" s="2">
        <v>12.131</v>
      </c>
      <c r="U1933" s="2">
        <v>10.353999999999999</v>
      </c>
      <c r="V1933" s="2">
        <v>0.104</v>
      </c>
      <c r="W1933" s="2">
        <v>12</v>
      </c>
      <c r="X1933" s="2">
        <v>50</v>
      </c>
      <c r="Y1933" s="2">
        <v>173.9</v>
      </c>
      <c r="Z1933" s="5">
        <v>10</v>
      </c>
      <c r="AA1933" s="5" t="s">
        <v>43</v>
      </c>
      <c r="AB1933" s="5" t="s">
        <v>44</v>
      </c>
      <c r="AC1933" s="2" t="s">
        <v>30651</v>
      </c>
      <c r="AD1933" s="1"/>
    </row>
    <row r="1934" spans="1:30">
      <c r="A1934" s="5" t="s">
        <v>83578</v>
      </c>
      <c r="B1934" s="2" t="s">
        <v>89398</v>
      </c>
      <c r="C1934" s="14" t="s">
        <v>89399</v>
      </c>
      <c r="D1934" s="2" t="s">
        <v>89400</v>
      </c>
      <c r="E1934" s="2" t="s">
        <v>30650</v>
      </c>
      <c r="F1934" s="8">
        <v>336</v>
      </c>
      <c r="G1934" s="5">
        <v>10</v>
      </c>
      <c r="H1934" s="5" t="s">
        <v>69</v>
      </c>
      <c r="I1934" s="5" t="s">
        <v>27074</v>
      </c>
      <c r="J1934" s="2" t="s">
        <v>27075</v>
      </c>
      <c r="K1934" s="5" t="s">
        <v>27074</v>
      </c>
      <c r="L1934" s="2" t="s">
        <v>27075</v>
      </c>
      <c r="M1934" s="5" t="s">
        <v>24254</v>
      </c>
      <c r="N1934" s="5" t="s">
        <v>38</v>
      </c>
      <c r="O1934" s="5" t="s">
        <v>39</v>
      </c>
      <c r="P1934" s="5" t="s">
        <v>40</v>
      </c>
      <c r="Q1934" s="5" t="s">
        <v>24340</v>
      </c>
      <c r="R1934" s="5" t="s">
        <v>40</v>
      </c>
      <c r="S1934" s="5" t="s">
        <v>42</v>
      </c>
      <c r="T1934" s="2">
        <v>13.061999999999999</v>
      </c>
      <c r="U1934" s="2">
        <v>11.285</v>
      </c>
      <c r="V1934" s="2">
        <v>0.104</v>
      </c>
      <c r="W1934" s="2">
        <v>12</v>
      </c>
      <c r="X1934" s="2">
        <v>50</v>
      </c>
      <c r="Y1934" s="2">
        <v>173.9</v>
      </c>
      <c r="Z1934" s="5">
        <v>10</v>
      </c>
      <c r="AA1934" s="5" t="s">
        <v>43</v>
      </c>
      <c r="AB1934" s="5" t="s">
        <v>44</v>
      </c>
      <c r="AC1934" s="2" t="s">
        <v>30846</v>
      </c>
      <c r="AD1934" s="1"/>
    </row>
    <row r="1935" spans="1:30">
      <c r="A1935" s="5" t="s">
        <v>83578</v>
      </c>
      <c r="B1935" s="2" t="s">
        <v>89401</v>
      </c>
      <c r="C1935" s="14" t="s">
        <v>89402</v>
      </c>
      <c r="D1935" s="2" t="s">
        <v>89403</v>
      </c>
      <c r="E1935" s="2" t="s">
        <v>30655</v>
      </c>
      <c r="F1935" s="8">
        <v>336</v>
      </c>
      <c r="G1935" s="5">
        <v>10</v>
      </c>
      <c r="H1935" s="5" t="s">
        <v>69</v>
      </c>
      <c r="I1935" s="5" t="s">
        <v>27074</v>
      </c>
      <c r="J1935" s="2" t="s">
        <v>27075</v>
      </c>
      <c r="K1935" s="5" t="s">
        <v>27074</v>
      </c>
      <c r="L1935" s="2" t="s">
        <v>27075</v>
      </c>
      <c r="M1935" s="5" t="s">
        <v>24254</v>
      </c>
      <c r="N1935" s="5" t="s">
        <v>38</v>
      </c>
      <c r="O1935" s="5" t="s">
        <v>39</v>
      </c>
      <c r="P1935" s="5" t="s">
        <v>40</v>
      </c>
      <c r="Q1935" s="5" t="s">
        <v>24340</v>
      </c>
      <c r="R1935" s="5" t="s">
        <v>40</v>
      </c>
      <c r="S1935" s="5" t="s">
        <v>42</v>
      </c>
      <c r="T1935" s="2">
        <v>8.298</v>
      </c>
      <c r="U1935" s="2">
        <v>6.5209999999999999</v>
      </c>
      <c r="V1935" s="2">
        <v>0.104</v>
      </c>
      <c r="W1935" s="2">
        <v>12</v>
      </c>
      <c r="X1935" s="2">
        <v>50</v>
      </c>
      <c r="Y1935" s="2">
        <v>173.9</v>
      </c>
      <c r="Z1935" s="5">
        <v>10</v>
      </c>
      <c r="AA1935" s="5" t="s">
        <v>43</v>
      </c>
      <c r="AB1935" s="5" t="s">
        <v>44</v>
      </c>
      <c r="AC1935" s="2" t="s">
        <v>30656</v>
      </c>
      <c r="AD1935" s="1"/>
    </row>
    <row r="1936" spans="1:30">
      <c r="A1936" s="5" t="s">
        <v>83578</v>
      </c>
      <c r="B1936" s="2" t="s">
        <v>89404</v>
      </c>
      <c r="C1936" s="14" t="s">
        <v>89405</v>
      </c>
      <c r="D1936" s="2" t="s">
        <v>89406</v>
      </c>
      <c r="E1936" s="2" t="s">
        <v>30655</v>
      </c>
      <c r="F1936" s="8">
        <v>336</v>
      </c>
      <c r="G1936" s="5">
        <v>10</v>
      </c>
      <c r="H1936" s="5" t="s">
        <v>69</v>
      </c>
      <c r="I1936" s="5" t="s">
        <v>27074</v>
      </c>
      <c r="J1936" s="2" t="s">
        <v>27075</v>
      </c>
      <c r="K1936" s="5" t="s">
        <v>27074</v>
      </c>
      <c r="L1936" s="2" t="s">
        <v>27075</v>
      </c>
      <c r="M1936" s="5" t="s">
        <v>24254</v>
      </c>
      <c r="N1936" s="5" t="s">
        <v>38</v>
      </c>
      <c r="O1936" s="5" t="s">
        <v>39</v>
      </c>
      <c r="P1936" s="5" t="s">
        <v>40</v>
      </c>
      <c r="Q1936" s="5" t="s">
        <v>24340</v>
      </c>
      <c r="R1936" s="5" t="s">
        <v>40</v>
      </c>
      <c r="S1936" s="5" t="s">
        <v>42</v>
      </c>
      <c r="T1936" s="2">
        <v>8.8260000000000005</v>
      </c>
      <c r="U1936" s="2">
        <v>7.0490000000000004</v>
      </c>
      <c r="V1936" s="2">
        <v>0.104</v>
      </c>
      <c r="W1936" s="2">
        <v>12</v>
      </c>
      <c r="X1936" s="2">
        <v>50</v>
      </c>
      <c r="Y1936" s="2">
        <v>173.9</v>
      </c>
      <c r="Z1936" s="5">
        <v>10</v>
      </c>
      <c r="AA1936" s="5" t="s">
        <v>43</v>
      </c>
      <c r="AB1936" s="5" t="s">
        <v>44</v>
      </c>
      <c r="AC1936" s="2" t="s">
        <v>30534</v>
      </c>
      <c r="AD1936" s="1"/>
    </row>
    <row r="1937" spans="1:30">
      <c r="A1937" s="5" t="s">
        <v>83578</v>
      </c>
      <c r="B1937" s="2" t="s">
        <v>89407</v>
      </c>
      <c r="C1937" s="14" t="s">
        <v>89408</v>
      </c>
      <c r="D1937" s="2" t="s">
        <v>89409</v>
      </c>
      <c r="E1937" s="2" t="s">
        <v>30533</v>
      </c>
      <c r="F1937" s="8">
        <v>336</v>
      </c>
      <c r="G1937" s="5">
        <v>10</v>
      </c>
      <c r="H1937" s="5" t="s">
        <v>69</v>
      </c>
      <c r="I1937" s="5" t="s">
        <v>27074</v>
      </c>
      <c r="J1937" s="2" t="s">
        <v>27075</v>
      </c>
      <c r="K1937" s="5" t="s">
        <v>27074</v>
      </c>
      <c r="L1937" s="2" t="s">
        <v>27075</v>
      </c>
      <c r="M1937" s="5" t="s">
        <v>24254</v>
      </c>
      <c r="N1937" s="5" t="s">
        <v>38</v>
      </c>
      <c r="O1937" s="5" t="s">
        <v>39</v>
      </c>
      <c r="P1937" s="5" t="s">
        <v>40</v>
      </c>
      <c r="Q1937" s="5" t="s">
        <v>24340</v>
      </c>
      <c r="R1937" s="5" t="s">
        <v>40</v>
      </c>
      <c r="S1937" s="5" t="s">
        <v>42</v>
      </c>
      <c r="T1937" s="2">
        <v>10.881</v>
      </c>
      <c r="U1937" s="2">
        <v>9.0250000000000004</v>
      </c>
      <c r="V1937" s="2">
        <v>0.104</v>
      </c>
      <c r="W1937" s="2">
        <v>12</v>
      </c>
      <c r="X1937" s="2">
        <v>50</v>
      </c>
      <c r="Y1937" s="2">
        <v>173.9</v>
      </c>
      <c r="Z1937" s="5">
        <v>10</v>
      </c>
      <c r="AA1937" s="5" t="s">
        <v>43</v>
      </c>
      <c r="AB1937" s="5" t="s">
        <v>44</v>
      </c>
      <c r="AC1937" s="2" t="s">
        <v>30656</v>
      </c>
      <c r="AD1937" s="1"/>
    </row>
    <row r="1938" spans="1:30">
      <c r="A1938" s="5" t="s">
        <v>83578</v>
      </c>
      <c r="B1938" s="2" t="s">
        <v>89410</v>
      </c>
      <c r="C1938" s="14" t="s">
        <v>89411</v>
      </c>
      <c r="D1938" s="2" t="s">
        <v>89412</v>
      </c>
      <c r="E1938" s="2" t="s">
        <v>30533</v>
      </c>
      <c r="F1938" s="8">
        <v>336</v>
      </c>
      <c r="G1938" s="5">
        <v>10</v>
      </c>
      <c r="H1938" s="5" t="s">
        <v>69</v>
      </c>
      <c r="I1938" s="5" t="s">
        <v>27074</v>
      </c>
      <c r="J1938" s="2" t="s">
        <v>27075</v>
      </c>
      <c r="K1938" s="5" t="s">
        <v>27074</v>
      </c>
      <c r="L1938" s="2" t="s">
        <v>27075</v>
      </c>
      <c r="M1938" s="5" t="s">
        <v>24254</v>
      </c>
      <c r="N1938" s="5" t="s">
        <v>38</v>
      </c>
      <c r="O1938" s="5" t="s">
        <v>39</v>
      </c>
      <c r="P1938" s="5" t="s">
        <v>40</v>
      </c>
      <c r="Q1938" s="5" t="s">
        <v>24340</v>
      </c>
      <c r="R1938" s="5" t="s">
        <v>40</v>
      </c>
      <c r="S1938" s="5" t="s">
        <v>42</v>
      </c>
      <c r="T1938" s="2">
        <v>11.856</v>
      </c>
      <c r="U1938" s="2">
        <v>10</v>
      </c>
      <c r="V1938" s="2">
        <v>0.104</v>
      </c>
      <c r="W1938" s="2">
        <v>12</v>
      </c>
      <c r="X1938" s="2">
        <v>50</v>
      </c>
      <c r="Y1938" s="2">
        <v>173.9</v>
      </c>
      <c r="Z1938" s="5">
        <v>10</v>
      </c>
      <c r="AA1938" s="5" t="s">
        <v>43</v>
      </c>
      <c r="AB1938" s="5" t="s">
        <v>44</v>
      </c>
      <c r="AC1938" s="2" t="s">
        <v>30534</v>
      </c>
      <c r="AD1938" s="1"/>
    </row>
    <row r="1939" spans="1:30">
      <c r="A1939" s="5" t="s">
        <v>83578</v>
      </c>
      <c r="B1939" s="2" t="s">
        <v>89413</v>
      </c>
      <c r="C1939" s="14" t="s">
        <v>89414</v>
      </c>
      <c r="D1939" s="2" t="s">
        <v>89415</v>
      </c>
      <c r="E1939" s="2" t="s">
        <v>31004</v>
      </c>
      <c r="F1939" s="8">
        <v>336</v>
      </c>
      <c r="G1939" s="5">
        <v>10</v>
      </c>
      <c r="H1939" s="5" t="s">
        <v>69</v>
      </c>
      <c r="I1939" s="5" t="s">
        <v>27074</v>
      </c>
      <c r="J1939" s="2" t="s">
        <v>27075</v>
      </c>
      <c r="K1939" s="5" t="s">
        <v>27074</v>
      </c>
      <c r="L1939" s="2" t="s">
        <v>27075</v>
      </c>
      <c r="M1939" s="5" t="s">
        <v>24254</v>
      </c>
      <c r="N1939" s="5" t="s">
        <v>38</v>
      </c>
      <c r="O1939" s="5" t="s">
        <v>39</v>
      </c>
      <c r="P1939" s="5" t="s">
        <v>40</v>
      </c>
      <c r="Q1939" s="5" t="s">
        <v>25301</v>
      </c>
      <c r="R1939" s="5" t="s">
        <v>40</v>
      </c>
      <c r="S1939" s="5" t="s">
        <v>42</v>
      </c>
      <c r="T1939" s="2">
        <v>10.766</v>
      </c>
      <c r="U1939" s="2">
        <v>8.9879999999999995</v>
      </c>
      <c r="V1939" s="2">
        <v>0.104</v>
      </c>
      <c r="W1939" s="2">
        <v>12</v>
      </c>
      <c r="X1939" s="2">
        <v>50</v>
      </c>
      <c r="Y1939" s="2">
        <v>173.9</v>
      </c>
      <c r="Z1939" s="5">
        <v>10</v>
      </c>
      <c r="AA1939" s="5" t="s">
        <v>43</v>
      </c>
      <c r="AB1939" s="5" t="s">
        <v>44</v>
      </c>
      <c r="AC1939" s="2" t="s">
        <v>31005</v>
      </c>
      <c r="AD1939" s="1"/>
    </row>
    <row r="1940" spans="1:30">
      <c r="A1940" s="5" t="s">
        <v>83578</v>
      </c>
      <c r="B1940" s="2" t="s">
        <v>89416</v>
      </c>
      <c r="C1940" s="14" t="s">
        <v>89417</v>
      </c>
      <c r="D1940" s="2" t="s">
        <v>89418</v>
      </c>
      <c r="E1940" s="2" t="s">
        <v>31004</v>
      </c>
      <c r="F1940" s="8">
        <v>336</v>
      </c>
      <c r="G1940" s="5">
        <v>10</v>
      </c>
      <c r="H1940" s="5" t="s">
        <v>69</v>
      </c>
      <c r="I1940" s="5" t="s">
        <v>27074</v>
      </c>
      <c r="J1940" s="2" t="s">
        <v>27075</v>
      </c>
      <c r="K1940" s="5" t="s">
        <v>27074</v>
      </c>
      <c r="L1940" s="2" t="s">
        <v>27075</v>
      </c>
      <c r="M1940" s="5" t="s">
        <v>24254</v>
      </c>
      <c r="N1940" s="5" t="s">
        <v>38</v>
      </c>
      <c r="O1940" s="5" t="s">
        <v>39</v>
      </c>
      <c r="P1940" s="5" t="s">
        <v>40</v>
      </c>
      <c r="Q1940" s="5" t="s">
        <v>25301</v>
      </c>
      <c r="R1940" s="5" t="s">
        <v>40</v>
      </c>
      <c r="S1940" s="5" t="s">
        <v>42</v>
      </c>
      <c r="T1940" s="2">
        <v>11.468999999999999</v>
      </c>
      <c r="U1940" s="2">
        <v>9.6910000000000007</v>
      </c>
      <c r="V1940" s="2">
        <v>0.104</v>
      </c>
      <c r="W1940" s="2">
        <v>12</v>
      </c>
      <c r="X1940" s="2">
        <v>50</v>
      </c>
      <c r="Y1940" s="2">
        <v>173.9</v>
      </c>
      <c r="Z1940" s="5">
        <v>10</v>
      </c>
      <c r="AA1940" s="5" t="s">
        <v>43</v>
      </c>
      <c r="AB1940" s="5" t="s">
        <v>44</v>
      </c>
      <c r="AC1940" s="2" t="s">
        <v>31468</v>
      </c>
      <c r="AD1940" s="1"/>
    </row>
    <row r="1941" spans="1:30">
      <c r="A1941" s="5" t="s">
        <v>83578</v>
      </c>
      <c r="B1941" s="2" t="s">
        <v>89419</v>
      </c>
      <c r="C1941" s="14" t="s">
        <v>89420</v>
      </c>
      <c r="D1941" s="2" t="s">
        <v>89421</v>
      </c>
      <c r="E1941" s="2" t="s">
        <v>31009</v>
      </c>
      <c r="F1941" s="8">
        <v>336</v>
      </c>
      <c r="G1941" s="5">
        <v>10</v>
      </c>
      <c r="H1941" s="5" t="s">
        <v>69</v>
      </c>
      <c r="I1941" s="5" t="s">
        <v>27074</v>
      </c>
      <c r="J1941" s="2" t="s">
        <v>27075</v>
      </c>
      <c r="K1941" s="5" t="s">
        <v>27074</v>
      </c>
      <c r="L1941" s="2" t="s">
        <v>27075</v>
      </c>
      <c r="M1941" s="5" t="s">
        <v>24254</v>
      </c>
      <c r="N1941" s="5" t="s">
        <v>38</v>
      </c>
      <c r="O1941" s="5" t="s">
        <v>39</v>
      </c>
      <c r="P1941" s="5" t="s">
        <v>40</v>
      </c>
      <c r="Q1941" s="5" t="s">
        <v>25301</v>
      </c>
      <c r="R1941" s="5" t="s">
        <v>40</v>
      </c>
      <c r="S1941" s="5" t="s">
        <v>42</v>
      </c>
      <c r="T1941" s="2">
        <v>8.2739999999999991</v>
      </c>
      <c r="U1941" s="2">
        <v>6.4960000000000004</v>
      </c>
      <c r="V1941" s="2">
        <v>0.104</v>
      </c>
      <c r="W1941" s="2">
        <v>12</v>
      </c>
      <c r="X1941" s="2">
        <v>50</v>
      </c>
      <c r="Y1941" s="2">
        <v>173.9</v>
      </c>
      <c r="Z1941" s="5">
        <v>10</v>
      </c>
      <c r="AA1941" s="5" t="s">
        <v>43</v>
      </c>
      <c r="AB1941" s="5" t="s">
        <v>44</v>
      </c>
      <c r="AC1941" s="2" t="s">
        <v>31010</v>
      </c>
      <c r="AD1941" s="1"/>
    </row>
    <row r="1942" spans="1:30">
      <c r="A1942" s="5" t="s">
        <v>83578</v>
      </c>
      <c r="B1942" s="2" t="s">
        <v>89422</v>
      </c>
      <c r="C1942" s="14" t="s">
        <v>89423</v>
      </c>
      <c r="D1942" s="2" t="s">
        <v>89424</v>
      </c>
      <c r="E1942" s="2" t="s">
        <v>31009</v>
      </c>
      <c r="F1942" s="8">
        <v>336</v>
      </c>
      <c r="G1942" s="5">
        <v>10</v>
      </c>
      <c r="H1942" s="5" t="s">
        <v>69</v>
      </c>
      <c r="I1942" s="5" t="s">
        <v>27074</v>
      </c>
      <c r="J1942" s="2" t="s">
        <v>27075</v>
      </c>
      <c r="K1942" s="5" t="s">
        <v>27074</v>
      </c>
      <c r="L1942" s="2" t="s">
        <v>27075</v>
      </c>
      <c r="M1942" s="5" t="s">
        <v>24254</v>
      </c>
      <c r="N1942" s="5" t="s">
        <v>38</v>
      </c>
      <c r="O1942" s="5" t="s">
        <v>39</v>
      </c>
      <c r="P1942" s="5" t="s">
        <v>40</v>
      </c>
      <c r="Q1942" s="5" t="s">
        <v>25301</v>
      </c>
      <c r="R1942" s="5" t="s">
        <v>40</v>
      </c>
      <c r="S1942" s="5" t="s">
        <v>42</v>
      </c>
      <c r="T1942" s="2">
        <v>8.0190000000000001</v>
      </c>
      <c r="U1942" s="2">
        <v>6.2409999999999997</v>
      </c>
      <c r="V1942" s="2">
        <v>0.104</v>
      </c>
      <c r="W1942" s="2">
        <v>12</v>
      </c>
      <c r="X1942" s="2">
        <v>50</v>
      </c>
      <c r="Y1942" s="2">
        <v>173.9</v>
      </c>
      <c r="Z1942" s="5">
        <v>10</v>
      </c>
      <c r="AA1942" s="5" t="s">
        <v>43</v>
      </c>
      <c r="AB1942" s="5" t="s">
        <v>44</v>
      </c>
      <c r="AC1942" s="2" t="s">
        <v>31472</v>
      </c>
      <c r="AD1942" s="1"/>
    </row>
    <row r="1943" spans="1:30">
      <c r="A1943" s="5" t="s">
        <v>83578</v>
      </c>
      <c r="B1943" s="2" t="s">
        <v>89425</v>
      </c>
      <c r="C1943" s="14" t="s">
        <v>89426</v>
      </c>
      <c r="D1943" s="2" t="s">
        <v>89427</v>
      </c>
      <c r="E1943" s="2" t="s">
        <v>31191</v>
      </c>
      <c r="F1943" s="8">
        <v>336</v>
      </c>
      <c r="G1943" s="5">
        <v>10</v>
      </c>
      <c r="H1943" s="5" t="s">
        <v>69</v>
      </c>
      <c r="I1943" s="5" t="s">
        <v>27074</v>
      </c>
      <c r="J1943" s="2" t="s">
        <v>27075</v>
      </c>
      <c r="K1943" s="5" t="s">
        <v>27074</v>
      </c>
      <c r="L1943" s="2" t="s">
        <v>27075</v>
      </c>
      <c r="M1943" s="5" t="s">
        <v>24254</v>
      </c>
      <c r="N1943" s="5" t="s">
        <v>38</v>
      </c>
      <c r="O1943" s="5" t="s">
        <v>39</v>
      </c>
      <c r="P1943" s="5" t="s">
        <v>40</v>
      </c>
      <c r="Q1943" s="5" t="s">
        <v>25301</v>
      </c>
      <c r="R1943" s="5" t="s">
        <v>40</v>
      </c>
      <c r="S1943" s="5" t="s">
        <v>42</v>
      </c>
      <c r="T1943" s="2">
        <v>9.734</v>
      </c>
      <c r="U1943" s="2">
        <v>7.8769999999999998</v>
      </c>
      <c r="V1943" s="2">
        <v>0.104</v>
      </c>
      <c r="W1943" s="2">
        <v>12</v>
      </c>
      <c r="X1943" s="2">
        <v>50</v>
      </c>
      <c r="Y1943" s="2">
        <v>173.9</v>
      </c>
      <c r="Z1943" s="5">
        <v>10</v>
      </c>
      <c r="AA1943" s="5" t="s">
        <v>43</v>
      </c>
      <c r="AB1943" s="5" t="s">
        <v>44</v>
      </c>
      <c r="AC1943" s="2" t="s">
        <v>31010</v>
      </c>
      <c r="AD1943" s="1"/>
    </row>
    <row r="1944" spans="1:30">
      <c r="A1944" s="5" t="s">
        <v>83578</v>
      </c>
      <c r="B1944" s="2" t="s">
        <v>89428</v>
      </c>
      <c r="C1944" s="14" t="s">
        <v>89429</v>
      </c>
      <c r="D1944" s="2" t="s">
        <v>89430</v>
      </c>
      <c r="E1944" s="2" t="s">
        <v>31191</v>
      </c>
      <c r="F1944" s="8">
        <v>336</v>
      </c>
      <c r="G1944" s="5">
        <v>10</v>
      </c>
      <c r="H1944" s="5" t="s">
        <v>69</v>
      </c>
      <c r="I1944" s="5" t="s">
        <v>27074</v>
      </c>
      <c r="J1944" s="2" t="s">
        <v>27075</v>
      </c>
      <c r="K1944" s="5" t="s">
        <v>27074</v>
      </c>
      <c r="L1944" s="2" t="s">
        <v>27075</v>
      </c>
      <c r="M1944" s="5" t="s">
        <v>24254</v>
      </c>
      <c r="N1944" s="5" t="s">
        <v>38</v>
      </c>
      <c r="O1944" s="5" t="s">
        <v>39</v>
      </c>
      <c r="P1944" s="5" t="s">
        <v>40</v>
      </c>
      <c r="Q1944" s="5" t="s">
        <v>25301</v>
      </c>
      <c r="R1944" s="5" t="s">
        <v>40</v>
      </c>
      <c r="S1944" s="5" t="s">
        <v>42</v>
      </c>
      <c r="T1944" s="2">
        <v>10.481999999999999</v>
      </c>
      <c r="U1944" s="2">
        <v>8.625</v>
      </c>
      <c r="V1944" s="2">
        <v>0.104</v>
      </c>
      <c r="W1944" s="2">
        <v>12</v>
      </c>
      <c r="X1944" s="2">
        <v>50</v>
      </c>
      <c r="Y1944" s="2">
        <v>173.9</v>
      </c>
      <c r="Z1944" s="5">
        <v>10</v>
      </c>
      <c r="AA1944" s="5" t="s">
        <v>43</v>
      </c>
      <c r="AB1944" s="5" t="s">
        <v>44</v>
      </c>
      <c r="AC1944" s="2" t="s">
        <v>31472</v>
      </c>
      <c r="AD1944" s="1"/>
    </row>
    <row r="1945" spans="1:30">
      <c r="A1945" s="5" t="s">
        <v>83578</v>
      </c>
      <c r="B1945" s="2" t="s">
        <v>89431</v>
      </c>
      <c r="C1945" s="14" t="s">
        <v>89432</v>
      </c>
      <c r="D1945" s="2" t="s">
        <v>89433</v>
      </c>
      <c r="E1945" s="2" t="s">
        <v>30650</v>
      </c>
      <c r="F1945" s="8">
        <v>345</v>
      </c>
      <c r="G1945" s="5">
        <v>10</v>
      </c>
      <c r="H1945" s="5" t="s">
        <v>69</v>
      </c>
      <c r="I1945" s="5" t="s">
        <v>27074</v>
      </c>
      <c r="J1945" s="2" t="s">
        <v>27075</v>
      </c>
      <c r="K1945" s="5" t="s">
        <v>27074</v>
      </c>
      <c r="L1945" s="2" t="s">
        <v>27075</v>
      </c>
      <c r="M1945" s="5" t="s">
        <v>24254</v>
      </c>
      <c r="N1945" s="5" t="s">
        <v>38</v>
      </c>
      <c r="O1945" s="5" t="s">
        <v>39</v>
      </c>
      <c r="P1945" s="5" t="s">
        <v>40</v>
      </c>
      <c r="Q1945" s="5" t="s">
        <v>24340</v>
      </c>
      <c r="R1945" s="5" t="s">
        <v>40</v>
      </c>
      <c r="S1945" s="5" t="s">
        <v>42</v>
      </c>
      <c r="T1945" s="2">
        <v>13.006</v>
      </c>
      <c r="U1945" s="2">
        <v>11.228999999999999</v>
      </c>
      <c r="V1945" s="2">
        <v>0.104</v>
      </c>
      <c r="W1945" s="2">
        <v>12</v>
      </c>
      <c r="X1945" s="2">
        <v>50</v>
      </c>
      <c r="Y1945" s="2">
        <v>173.9</v>
      </c>
      <c r="Z1945" s="5">
        <v>10</v>
      </c>
      <c r="AA1945" s="5" t="s">
        <v>43</v>
      </c>
      <c r="AB1945" s="5" t="s">
        <v>44</v>
      </c>
      <c r="AC1945" s="2" t="s">
        <v>30651</v>
      </c>
      <c r="AD1945" s="1"/>
    </row>
    <row r="1946" spans="1:30">
      <c r="A1946" s="5" t="s">
        <v>83578</v>
      </c>
      <c r="B1946" s="2" t="s">
        <v>89434</v>
      </c>
      <c r="C1946" s="14" t="s">
        <v>89435</v>
      </c>
      <c r="D1946" s="2" t="s">
        <v>89436</v>
      </c>
      <c r="E1946" s="2" t="s">
        <v>30650</v>
      </c>
      <c r="F1946" s="8">
        <v>345</v>
      </c>
      <c r="G1946" s="5">
        <v>10</v>
      </c>
      <c r="H1946" s="5" t="s">
        <v>69</v>
      </c>
      <c r="I1946" s="5" t="s">
        <v>27074</v>
      </c>
      <c r="J1946" s="2" t="s">
        <v>27075</v>
      </c>
      <c r="K1946" s="5" t="s">
        <v>27074</v>
      </c>
      <c r="L1946" s="2" t="s">
        <v>27075</v>
      </c>
      <c r="M1946" s="5" t="s">
        <v>24254</v>
      </c>
      <c r="N1946" s="5" t="s">
        <v>38</v>
      </c>
      <c r="O1946" s="5" t="s">
        <v>39</v>
      </c>
      <c r="P1946" s="5" t="s">
        <v>40</v>
      </c>
      <c r="Q1946" s="5" t="s">
        <v>24340</v>
      </c>
      <c r="R1946" s="5" t="s">
        <v>40</v>
      </c>
      <c r="S1946" s="5" t="s">
        <v>42</v>
      </c>
      <c r="T1946" s="2">
        <v>13.936999999999999</v>
      </c>
      <c r="U1946" s="2">
        <v>12.16</v>
      </c>
      <c r="V1946" s="2">
        <v>0.104</v>
      </c>
      <c r="W1946" s="2">
        <v>12</v>
      </c>
      <c r="X1946" s="2">
        <v>50</v>
      </c>
      <c r="Y1946" s="2">
        <v>173.9</v>
      </c>
      <c r="Z1946" s="5">
        <v>10</v>
      </c>
      <c r="AA1946" s="5" t="s">
        <v>43</v>
      </c>
      <c r="AB1946" s="5" t="s">
        <v>44</v>
      </c>
      <c r="AC1946" s="2" t="s">
        <v>30846</v>
      </c>
      <c r="AD1946" s="1"/>
    </row>
    <row r="1947" spans="1:30">
      <c r="A1947" s="5" t="s">
        <v>83578</v>
      </c>
      <c r="B1947" s="2" t="s">
        <v>89437</v>
      </c>
      <c r="C1947" s="14" t="s">
        <v>89438</v>
      </c>
      <c r="D1947" s="2" t="s">
        <v>89439</v>
      </c>
      <c r="E1947" s="2" t="s">
        <v>30655</v>
      </c>
      <c r="F1947" s="8">
        <v>345</v>
      </c>
      <c r="G1947" s="5">
        <v>10</v>
      </c>
      <c r="H1947" s="5" t="s">
        <v>69</v>
      </c>
      <c r="I1947" s="5" t="s">
        <v>27074</v>
      </c>
      <c r="J1947" s="2" t="s">
        <v>27075</v>
      </c>
      <c r="K1947" s="5" t="s">
        <v>27074</v>
      </c>
      <c r="L1947" s="2" t="s">
        <v>27075</v>
      </c>
      <c r="M1947" s="5" t="s">
        <v>24254</v>
      </c>
      <c r="N1947" s="5" t="s">
        <v>38</v>
      </c>
      <c r="O1947" s="5" t="s">
        <v>39</v>
      </c>
      <c r="P1947" s="5" t="s">
        <v>40</v>
      </c>
      <c r="Q1947" s="5" t="s">
        <v>24340</v>
      </c>
      <c r="R1947" s="5" t="s">
        <v>40</v>
      </c>
      <c r="S1947" s="5" t="s">
        <v>42</v>
      </c>
      <c r="T1947" s="2">
        <v>8.7149999999999999</v>
      </c>
      <c r="U1947" s="2">
        <v>6.9379999999999997</v>
      </c>
      <c r="V1947" s="2">
        <v>0.104</v>
      </c>
      <c r="W1947" s="2">
        <v>12</v>
      </c>
      <c r="X1947" s="2">
        <v>50</v>
      </c>
      <c r="Y1947" s="2">
        <v>173.9</v>
      </c>
      <c r="Z1947" s="5">
        <v>10</v>
      </c>
      <c r="AA1947" s="5" t="s">
        <v>43</v>
      </c>
      <c r="AB1947" s="5" t="s">
        <v>44</v>
      </c>
      <c r="AC1947" s="2" t="s">
        <v>30656</v>
      </c>
      <c r="AD1947" s="1"/>
    </row>
    <row r="1948" spans="1:30">
      <c r="A1948" s="5" t="s">
        <v>83578</v>
      </c>
      <c r="B1948" s="2" t="s">
        <v>89440</v>
      </c>
      <c r="C1948" s="14" t="s">
        <v>89441</v>
      </c>
      <c r="D1948" s="2" t="s">
        <v>89442</v>
      </c>
      <c r="E1948" s="2" t="s">
        <v>30655</v>
      </c>
      <c r="F1948" s="8">
        <v>345</v>
      </c>
      <c r="G1948" s="5">
        <v>10</v>
      </c>
      <c r="H1948" s="5" t="s">
        <v>69</v>
      </c>
      <c r="I1948" s="5" t="s">
        <v>27074</v>
      </c>
      <c r="J1948" s="2" t="s">
        <v>27075</v>
      </c>
      <c r="K1948" s="5" t="s">
        <v>27074</v>
      </c>
      <c r="L1948" s="2" t="s">
        <v>27075</v>
      </c>
      <c r="M1948" s="5" t="s">
        <v>24254</v>
      </c>
      <c r="N1948" s="5" t="s">
        <v>38</v>
      </c>
      <c r="O1948" s="5" t="s">
        <v>39</v>
      </c>
      <c r="P1948" s="5" t="s">
        <v>40</v>
      </c>
      <c r="Q1948" s="5" t="s">
        <v>24340</v>
      </c>
      <c r="R1948" s="5" t="s">
        <v>40</v>
      </c>
      <c r="S1948" s="5" t="s">
        <v>42</v>
      </c>
      <c r="T1948" s="2">
        <v>9.2430000000000003</v>
      </c>
      <c r="U1948" s="2">
        <v>7.4660000000000002</v>
      </c>
      <c r="V1948" s="2">
        <v>0.104</v>
      </c>
      <c r="W1948" s="2">
        <v>12</v>
      </c>
      <c r="X1948" s="2">
        <v>50</v>
      </c>
      <c r="Y1948" s="2">
        <v>173.9</v>
      </c>
      <c r="Z1948" s="5">
        <v>10</v>
      </c>
      <c r="AA1948" s="5" t="s">
        <v>43</v>
      </c>
      <c r="AB1948" s="5" t="s">
        <v>44</v>
      </c>
      <c r="AC1948" s="2" t="s">
        <v>30534</v>
      </c>
      <c r="AD1948" s="1"/>
    </row>
    <row r="1949" spans="1:30">
      <c r="A1949" s="5" t="s">
        <v>83578</v>
      </c>
      <c r="B1949" s="2" t="s">
        <v>89443</v>
      </c>
      <c r="C1949" s="14" t="s">
        <v>89444</v>
      </c>
      <c r="D1949" s="2" t="s">
        <v>89445</v>
      </c>
      <c r="E1949" s="2" t="s">
        <v>30533</v>
      </c>
      <c r="F1949" s="8">
        <v>345</v>
      </c>
      <c r="G1949" s="5">
        <v>10</v>
      </c>
      <c r="H1949" s="5" t="s">
        <v>69</v>
      </c>
      <c r="I1949" s="5" t="s">
        <v>27074</v>
      </c>
      <c r="J1949" s="2" t="s">
        <v>27075</v>
      </c>
      <c r="K1949" s="5" t="s">
        <v>27074</v>
      </c>
      <c r="L1949" s="2" t="s">
        <v>27075</v>
      </c>
      <c r="M1949" s="5" t="s">
        <v>24254</v>
      </c>
      <c r="N1949" s="5" t="s">
        <v>38</v>
      </c>
      <c r="O1949" s="5" t="s">
        <v>39</v>
      </c>
      <c r="P1949" s="5" t="s">
        <v>40</v>
      </c>
      <c r="Q1949" s="5" t="s">
        <v>24340</v>
      </c>
      <c r="R1949" s="5" t="s">
        <v>40</v>
      </c>
      <c r="S1949" s="5" t="s">
        <v>42</v>
      </c>
      <c r="T1949" s="2">
        <v>12.837999999999999</v>
      </c>
      <c r="U1949" s="2">
        <v>10.981999999999999</v>
      </c>
      <c r="V1949" s="2">
        <v>0.104</v>
      </c>
      <c r="W1949" s="2">
        <v>12</v>
      </c>
      <c r="X1949" s="2">
        <v>50</v>
      </c>
      <c r="Y1949" s="2">
        <v>173.9</v>
      </c>
      <c r="Z1949" s="5">
        <v>10</v>
      </c>
      <c r="AA1949" s="5" t="s">
        <v>43</v>
      </c>
      <c r="AB1949" s="5" t="s">
        <v>44</v>
      </c>
      <c r="AC1949" s="2" t="s">
        <v>30534</v>
      </c>
      <c r="AD1949" s="1"/>
    </row>
    <row r="1950" spans="1:30">
      <c r="A1950" s="5" t="s">
        <v>83578</v>
      </c>
      <c r="B1950" s="2" t="s">
        <v>89446</v>
      </c>
      <c r="C1950" s="14" t="s">
        <v>89447</v>
      </c>
      <c r="D1950" s="2" t="s">
        <v>89448</v>
      </c>
      <c r="E1950" s="2" t="s">
        <v>31004</v>
      </c>
      <c r="F1950" s="8">
        <v>345</v>
      </c>
      <c r="G1950" s="5">
        <v>10</v>
      </c>
      <c r="H1950" s="5" t="s">
        <v>69</v>
      </c>
      <c r="I1950" s="5" t="s">
        <v>27074</v>
      </c>
      <c r="J1950" s="2" t="s">
        <v>27075</v>
      </c>
      <c r="K1950" s="5" t="s">
        <v>27074</v>
      </c>
      <c r="L1950" s="2" t="s">
        <v>27075</v>
      </c>
      <c r="M1950" s="5" t="s">
        <v>24254</v>
      </c>
      <c r="N1950" s="5" t="s">
        <v>38</v>
      </c>
      <c r="O1950" s="5" t="s">
        <v>39</v>
      </c>
      <c r="P1950" s="5" t="s">
        <v>40</v>
      </c>
      <c r="Q1950" s="5" t="s">
        <v>25301</v>
      </c>
      <c r="R1950" s="5" t="s">
        <v>40</v>
      </c>
      <c r="S1950" s="5" t="s">
        <v>42</v>
      </c>
      <c r="T1950" s="2">
        <v>12.23</v>
      </c>
      <c r="U1950" s="2">
        <v>10.452</v>
      </c>
      <c r="V1950" s="2">
        <v>0.104</v>
      </c>
      <c r="W1950" s="2">
        <v>12</v>
      </c>
      <c r="X1950" s="2">
        <v>50</v>
      </c>
      <c r="Y1950" s="2">
        <v>173.9</v>
      </c>
      <c r="Z1950" s="5">
        <v>10</v>
      </c>
      <c r="AA1950" s="5" t="s">
        <v>43</v>
      </c>
      <c r="AB1950" s="5" t="s">
        <v>44</v>
      </c>
      <c r="AC1950" s="2" t="s">
        <v>31468</v>
      </c>
      <c r="AD1950" s="1"/>
    </row>
    <row r="1951" spans="1:30">
      <c r="A1951" s="5" t="s">
        <v>83578</v>
      </c>
      <c r="B1951" s="2" t="s">
        <v>89449</v>
      </c>
      <c r="C1951" s="14" t="s">
        <v>89450</v>
      </c>
      <c r="D1951" s="2" t="s">
        <v>89451</v>
      </c>
      <c r="E1951" s="2" t="s">
        <v>31009</v>
      </c>
      <c r="F1951" s="8">
        <v>345</v>
      </c>
      <c r="G1951" s="5">
        <v>10</v>
      </c>
      <c r="H1951" s="5" t="s">
        <v>69</v>
      </c>
      <c r="I1951" s="5" t="s">
        <v>27074</v>
      </c>
      <c r="J1951" s="2" t="s">
        <v>27075</v>
      </c>
      <c r="K1951" s="5" t="s">
        <v>27074</v>
      </c>
      <c r="L1951" s="2" t="s">
        <v>27075</v>
      </c>
      <c r="M1951" s="5" t="s">
        <v>24254</v>
      </c>
      <c r="N1951" s="5" t="s">
        <v>38</v>
      </c>
      <c r="O1951" s="5" t="s">
        <v>39</v>
      </c>
      <c r="P1951" s="5" t="s">
        <v>40</v>
      </c>
      <c r="Q1951" s="5" t="s">
        <v>25301</v>
      </c>
      <c r="R1951" s="5" t="s">
        <v>40</v>
      </c>
      <c r="S1951" s="5" t="s">
        <v>42</v>
      </c>
      <c r="T1951" s="2">
        <v>8.4120000000000008</v>
      </c>
      <c r="U1951" s="2">
        <v>6.6340000000000003</v>
      </c>
      <c r="V1951" s="2">
        <v>0.104</v>
      </c>
      <c r="W1951" s="2">
        <v>12</v>
      </c>
      <c r="X1951" s="2">
        <v>50</v>
      </c>
      <c r="Y1951" s="2">
        <v>173.9</v>
      </c>
      <c r="Z1951" s="5">
        <v>10</v>
      </c>
      <c r="AA1951" s="5" t="s">
        <v>43</v>
      </c>
      <c r="AB1951" s="5" t="s">
        <v>44</v>
      </c>
      <c r="AC1951" s="2" t="s">
        <v>31472</v>
      </c>
      <c r="AD1951" s="1"/>
    </row>
    <row r="1952" spans="1:30">
      <c r="A1952" s="5" t="s">
        <v>83578</v>
      </c>
      <c r="B1952" s="2" t="s">
        <v>89452</v>
      </c>
      <c r="C1952" s="14" t="s">
        <v>89453</v>
      </c>
      <c r="D1952" s="2" t="s">
        <v>89454</v>
      </c>
      <c r="E1952" s="2" t="s">
        <v>31191</v>
      </c>
      <c r="F1952" s="8">
        <v>345</v>
      </c>
      <c r="G1952" s="5">
        <v>10</v>
      </c>
      <c r="H1952" s="5" t="s">
        <v>69</v>
      </c>
      <c r="I1952" s="5" t="s">
        <v>27074</v>
      </c>
      <c r="J1952" s="2" t="s">
        <v>27075</v>
      </c>
      <c r="K1952" s="5" t="s">
        <v>27074</v>
      </c>
      <c r="L1952" s="2" t="s">
        <v>27075</v>
      </c>
      <c r="M1952" s="5" t="s">
        <v>24254</v>
      </c>
      <c r="N1952" s="5" t="s">
        <v>38</v>
      </c>
      <c r="O1952" s="5" t="s">
        <v>39</v>
      </c>
      <c r="P1952" s="5" t="s">
        <v>40</v>
      </c>
      <c r="Q1952" s="5" t="s">
        <v>25301</v>
      </c>
      <c r="R1952" s="5" t="s">
        <v>40</v>
      </c>
      <c r="S1952" s="5" t="s">
        <v>42</v>
      </c>
      <c r="T1952" s="2">
        <v>10.58</v>
      </c>
      <c r="U1952" s="2">
        <v>8.7230000000000008</v>
      </c>
      <c r="V1952" s="2">
        <v>0.104</v>
      </c>
      <c r="W1952" s="2">
        <v>12</v>
      </c>
      <c r="X1952" s="2">
        <v>50</v>
      </c>
      <c r="Y1952" s="2">
        <v>173.9</v>
      </c>
      <c r="Z1952" s="5">
        <v>10</v>
      </c>
      <c r="AA1952" s="5" t="s">
        <v>43</v>
      </c>
      <c r="AB1952" s="5" t="s">
        <v>44</v>
      </c>
      <c r="AC1952" s="2" t="s">
        <v>31010</v>
      </c>
      <c r="AD1952" s="1"/>
    </row>
    <row r="1953" spans="1:30">
      <c r="A1953" s="5" t="s">
        <v>83578</v>
      </c>
      <c r="B1953" s="2" t="s">
        <v>89455</v>
      </c>
      <c r="C1953" s="14" t="s">
        <v>89456</v>
      </c>
      <c r="D1953" s="2" t="s">
        <v>89457</v>
      </c>
      <c r="E1953" s="2" t="s">
        <v>31191</v>
      </c>
      <c r="F1953" s="8">
        <v>345</v>
      </c>
      <c r="G1953" s="5">
        <v>10</v>
      </c>
      <c r="H1953" s="5" t="s">
        <v>69</v>
      </c>
      <c r="I1953" s="5" t="s">
        <v>27074</v>
      </c>
      <c r="J1953" s="2" t="s">
        <v>27075</v>
      </c>
      <c r="K1953" s="5" t="s">
        <v>27074</v>
      </c>
      <c r="L1953" s="2" t="s">
        <v>27075</v>
      </c>
      <c r="M1953" s="5" t="s">
        <v>24254</v>
      </c>
      <c r="N1953" s="5" t="s">
        <v>38</v>
      </c>
      <c r="O1953" s="5" t="s">
        <v>39</v>
      </c>
      <c r="P1953" s="5" t="s">
        <v>40</v>
      </c>
      <c r="Q1953" s="5" t="s">
        <v>25301</v>
      </c>
      <c r="R1953" s="5" t="s">
        <v>40</v>
      </c>
      <c r="S1953" s="5" t="s">
        <v>42</v>
      </c>
      <c r="T1953" s="2">
        <v>11.327999999999999</v>
      </c>
      <c r="U1953" s="2">
        <v>9.4710000000000001</v>
      </c>
      <c r="V1953" s="2">
        <v>0.104</v>
      </c>
      <c r="W1953" s="2">
        <v>12</v>
      </c>
      <c r="X1953" s="2">
        <v>50</v>
      </c>
      <c r="Y1953" s="2">
        <v>173.9</v>
      </c>
      <c r="Z1953" s="5">
        <v>10</v>
      </c>
      <c r="AA1953" s="5" t="s">
        <v>43</v>
      </c>
      <c r="AB1953" s="5" t="s">
        <v>44</v>
      </c>
      <c r="AC1953" s="2" t="s">
        <v>31472</v>
      </c>
      <c r="AD1953" s="1"/>
    </row>
    <row r="1954" spans="1:30">
      <c r="A1954" s="5" t="s">
        <v>83578</v>
      </c>
      <c r="B1954" s="2" t="s">
        <v>89458</v>
      </c>
      <c r="C1954" s="14" t="s">
        <v>89459</v>
      </c>
      <c r="D1954" s="2" t="s">
        <v>89460</v>
      </c>
      <c r="E1954" s="2" t="s">
        <v>30524</v>
      </c>
      <c r="F1954" s="8">
        <v>372</v>
      </c>
      <c r="G1954" s="5">
        <v>10</v>
      </c>
      <c r="H1954" s="5" t="s">
        <v>69</v>
      </c>
      <c r="I1954" s="5" t="s">
        <v>27074</v>
      </c>
      <c r="J1954" s="2" t="s">
        <v>27075</v>
      </c>
      <c r="K1954" s="5" t="s">
        <v>27074</v>
      </c>
      <c r="L1954" s="2" t="s">
        <v>27075</v>
      </c>
      <c r="M1954" s="5" t="s">
        <v>24254</v>
      </c>
      <c r="N1954" s="5" t="s">
        <v>38</v>
      </c>
      <c r="O1954" s="5" t="s">
        <v>39</v>
      </c>
      <c r="P1954" s="5" t="s">
        <v>40</v>
      </c>
      <c r="Q1954" s="5" t="s">
        <v>24340</v>
      </c>
      <c r="R1954" s="5" t="s">
        <v>40</v>
      </c>
      <c r="S1954" s="5" t="s">
        <v>42</v>
      </c>
      <c r="T1954" s="2">
        <v>19.826000000000001</v>
      </c>
      <c r="U1954" s="2">
        <v>17.945</v>
      </c>
      <c r="V1954" s="2">
        <v>0.126</v>
      </c>
      <c r="W1954" s="2">
        <v>12</v>
      </c>
      <c r="X1954" s="2">
        <v>50</v>
      </c>
      <c r="Y1954" s="2">
        <v>210</v>
      </c>
      <c r="Z1954" s="5">
        <v>8</v>
      </c>
      <c r="AA1954" s="5" t="s">
        <v>43</v>
      </c>
      <c r="AB1954" s="5" t="s">
        <v>44</v>
      </c>
      <c r="AC1954" s="2" t="s">
        <v>30525</v>
      </c>
      <c r="AD1954" s="1"/>
    </row>
    <row r="1955" spans="1:30">
      <c r="A1955" s="5" t="s">
        <v>83578</v>
      </c>
      <c r="B1955" s="2" t="s">
        <v>89461</v>
      </c>
      <c r="C1955" s="14" t="s">
        <v>89462</v>
      </c>
      <c r="D1955" s="2" t="s">
        <v>89463</v>
      </c>
      <c r="E1955" s="2" t="s">
        <v>30595</v>
      </c>
      <c r="F1955" s="8">
        <v>372</v>
      </c>
      <c r="G1955" s="5">
        <v>10</v>
      </c>
      <c r="H1955" s="5" t="s">
        <v>69</v>
      </c>
      <c r="I1955" s="5" t="s">
        <v>27074</v>
      </c>
      <c r="J1955" s="2" t="s">
        <v>27075</v>
      </c>
      <c r="K1955" s="5" t="s">
        <v>27074</v>
      </c>
      <c r="L1955" s="2" t="s">
        <v>27075</v>
      </c>
      <c r="M1955" s="5" t="s">
        <v>24254</v>
      </c>
      <c r="N1955" s="5" t="s">
        <v>38</v>
      </c>
      <c r="O1955" s="5" t="s">
        <v>39</v>
      </c>
      <c r="P1955" s="5" t="s">
        <v>40</v>
      </c>
      <c r="Q1955" s="5" t="s">
        <v>24340</v>
      </c>
      <c r="R1955" s="5" t="s">
        <v>40</v>
      </c>
      <c r="S1955" s="5" t="s">
        <v>42</v>
      </c>
      <c r="T1955" s="2">
        <v>13.363</v>
      </c>
      <c r="U1955" s="2">
        <v>11.510999999999999</v>
      </c>
      <c r="V1955" s="2">
        <v>0.126</v>
      </c>
      <c r="W1955" s="2">
        <v>12</v>
      </c>
      <c r="X1955" s="2">
        <v>50</v>
      </c>
      <c r="Y1955" s="2">
        <v>210</v>
      </c>
      <c r="Z1955" s="5">
        <v>8</v>
      </c>
      <c r="AA1955" s="5" t="s">
        <v>43</v>
      </c>
      <c r="AB1955" s="5" t="s">
        <v>44</v>
      </c>
      <c r="AC1955" s="2" t="s">
        <v>30525</v>
      </c>
      <c r="AD1955" s="1"/>
    </row>
    <row r="1956" spans="1:30">
      <c r="A1956" s="5" t="s">
        <v>83578</v>
      </c>
      <c r="B1956" s="2" t="s">
        <v>89464</v>
      </c>
      <c r="C1956" s="14" t="s">
        <v>89465</v>
      </c>
      <c r="D1956" s="2" t="s">
        <v>89466</v>
      </c>
      <c r="E1956" s="2" t="s">
        <v>30529</v>
      </c>
      <c r="F1956" s="8">
        <v>372</v>
      </c>
      <c r="G1956" s="5">
        <v>10</v>
      </c>
      <c r="H1956" s="5" t="s">
        <v>69</v>
      </c>
      <c r="I1956" s="5" t="s">
        <v>27074</v>
      </c>
      <c r="J1956" s="2" t="s">
        <v>27075</v>
      </c>
      <c r="K1956" s="5" t="s">
        <v>27074</v>
      </c>
      <c r="L1956" s="2" t="s">
        <v>27075</v>
      </c>
      <c r="M1956" s="5" t="s">
        <v>24254</v>
      </c>
      <c r="N1956" s="5" t="s">
        <v>38</v>
      </c>
      <c r="O1956" s="5" t="s">
        <v>39</v>
      </c>
      <c r="P1956" s="5" t="s">
        <v>40</v>
      </c>
      <c r="Q1956" s="5" t="s">
        <v>24340</v>
      </c>
      <c r="R1956" s="5" t="s">
        <v>40</v>
      </c>
      <c r="S1956" s="5" t="s">
        <v>42</v>
      </c>
      <c r="T1956" s="2">
        <v>9.2249999999999996</v>
      </c>
      <c r="U1956" s="2">
        <v>7.4530000000000003</v>
      </c>
      <c r="V1956" s="2">
        <v>0.11600000000000001</v>
      </c>
      <c r="W1956" s="2">
        <v>12</v>
      </c>
      <c r="X1956" s="2">
        <v>50</v>
      </c>
      <c r="Y1956" s="2">
        <v>193.9</v>
      </c>
      <c r="Z1956" s="5">
        <v>8</v>
      </c>
      <c r="AA1956" s="5" t="s">
        <v>43</v>
      </c>
      <c r="AB1956" s="5" t="s">
        <v>44</v>
      </c>
      <c r="AC1956" s="2" t="s">
        <v>30525</v>
      </c>
      <c r="AD1956" s="1"/>
    </row>
    <row r="1957" spans="1:30">
      <c r="A1957" s="5" t="s">
        <v>83578</v>
      </c>
      <c r="B1957" s="2" t="s">
        <v>89467</v>
      </c>
      <c r="C1957" s="14" t="s">
        <v>89468</v>
      </c>
      <c r="D1957" s="2" t="s">
        <v>89469</v>
      </c>
      <c r="E1957" s="2" t="s">
        <v>30650</v>
      </c>
      <c r="F1957" s="8">
        <v>372</v>
      </c>
      <c r="G1957" s="5">
        <v>10</v>
      </c>
      <c r="H1957" s="5" t="s">
        <v>69</v>
      </c>
      <c r="I1957" s="5" t="s">
        <v>27074</v>
      </c>
      <c r="J1957" s="2" t="s">
        <v>27075</v>
      </c>
      <c r="K1957" s="5" t="s">
        <v>27074</v>
      </c>
      <c r="L1957" s="2" t="s">
        <v>27075</v>
      </c>
      <c r="M1957" s="5" t="s">
        <v>24254</v>
      </c>
      <c r="N1957" s="5" t="s">
        <v>38</v>
      </c>
      <c r="O1957" s="5" t="s">
        <v>39</v>
      </c>
      <c r="P1957" s="5" t="s">
        <v>40</v>
      </c>
      <c r="Q1957" s="5" t="s">
        <v>24340</v>
      </c>
      <c r="R1957" s="5" t="s">
        <v>40</v>
      </c>
      <c r="S1957" s="5" t="s">
        <v>42</v>
      </c>
      <c r="T1957" s="2">
        <v>14.464</v>
      </c>
      <c r="U1957" s="2">
        <v>12.616</v>
      </c>
      <c r="V1957" s="2">
        <v>0.126</v>
      </c>
      <c r="W1957" s="2">
        <v>12</v>
      </c>
      <c r="X1957" s="2">
        <v>50</v>
      </c>
      <c r="Y1957" s="2">
        <v>210</v>
      </c>
      <c r="Z1957" s="5">
        <v>10</v>
      </c>
      <c r="AA1957" s="5" t="s">
        <v>43</v>
      </c>
      <c r="AB1957" s="5" t="s">
        <v>44</v>
      </c>
      <c r="AC1957" s="2" t="s">
        <v>30651</v>
      </c>
      <c r="AD1957" s="1"/>
    </row>
    <row r="1958" spans="1:30">
      <c r="A1958" s="5" t="s">
        <v>83578</v>
      </c>
      <c r="B1958" s="2" t="s">
        <v>89470</v>
      </c>
      <c r="C1958" s="14" t="s">
        <v>89471</v>
      </c>
      <c r="D1958" s="2" t="s">
        <v>89472</v>
      </c>
      <c r="E1958" s="2" t="s">
        <v>30650</v>
      </c>
      <c r="F1958" s="8">
        <v>372</v>
      </c>
      <c r="G1958" s="5">
        <v>10</v>
      </c>
      <c r="H1958" s="5" t="s">
        <v>69</v>
      </c>
      <c r="I1958" s="5" t="s">
        <v>27074</v>
      </c>
      <c r="J1958" s="2" t="s">
        <v>27075</v>
      </c>
      <c r="K1958" s="5" t="s">
        <v>27074</v>
      </c>
      <c r="L1958" s="2" t="s">
        <v>27075</v>
      </c>
      <c r="M1958" s="5" t="s">
        <v>24254</v>
      </c>
      <c r="N1958" s="5" t="s">
        <v>38</v>
      </c>
      <c r="O1958" s="5" t="s">
        <v>39</v>
      </c>
      <c r="P1958" s="5" t="s">
        <v>40</v>
      </c>
      <c r="Q1958" s="5" t="s">
        <v>24340</v>
      </c>
      <c r="R1958" s="5" t="s">
        <v>40</v>
      </c>
      <c r="S1958" s="5" t="s">
        <v>42</v>
      </c>
      <c r="T1958" s="2">
        <v>15.395</v>
      </c>
      <c r="U1958" s="2">
        <v>13.547000000000001</v>
      </c>
      <c r="V1958" s="2">
        <v>0.126</v>
      </c>
      <c r="W1958" s="2">
        <v>12</v>
      </c>
      <c r="X1958" s="2">
        <v>50</v>
      </c>
      <c r="Y1958" s="2">
        <v>210</v>
      </c>
      <c r="Z1958" s="5">
        <v>10</v>
      </c>
      <c r="AA1958" s="5" t="s">
        <v>43</v>
      </c>
      <c r="AB1958" s="5" t="s">
        <v>44</v>
      </c>
      <c r="AC1958" s="2" t="s">
        <v>30846</v>
      </c>
      <c r="AD1958" s="1"/>
    </row>
    <row r="1959" spans="1:30">
      <c r="A1959" s="5" t="s">
        <v>83578</v>
      </c>
      <c r="B1959" s="2" t="s">
        <v>89473</v>
      </c>
      <c r="C1959" s="14" t="s">
        <v>89474</v>
      </c>
      <c r="D1959" s="2" t="s">
        <v>89475</v>
      </c>
      <c r="E1959" s="2" t="s">
        <v>30655</v>
      </c>
      <c r="F1959" s="8">
        <v>372</v>
      </c>
      <c r="G1959" s="5">
        <v>10</v>
      </c>
      <c r="H1959" s="5" t="s">
        <v>69</v>
      </c>
      <c r="I1959" s="5" t="s">
        <v>27074</v>
      </c>
      <c r="J1959" s="2" t="s">
        <v>27075</v>
      </c>
      <c r="K1959" s="5" t="s">
        <v>27074</v>
      </c>
      <c r="L1959" s="2" t="s">
        <v>27075</v>
      </c>
      <c r="M1959" s="5" t="s">
        <v>24254</v>
      </c>
      <c r="N1959" s="5" t="s">
        <v>38</v>
      </c>
      <c r="O1959" s="5" t="s">
        <v>39</v>
      </c>
      <c r="P1959" s="5" t="s">
        <v>40</v>
      </c>
      <c r="Q1959" s="5" t="s">
        <v>24340</v>
      </c>
      <c r="R1959" s="5" t="s">
        <v>40</v>
      </c>
      <c r="S1959" s="5" t="s">
        <v>42</v>
      </c>
      <c r="T1959" s="2">
        <v>9.7520000000000007</v>
      </c>
      <c r="U1959" s="2">
        <v>7.9039999999999999</v>
      </c>
      <c r="V1959" s="2">
        <v>0.11600000000000001</v>
      </c>
      <c r="W1959" s="2">
        <v>12</v>
      </c>
      <c r="X1959" s="2">
        <v>50</v>
      </c>
      <c r="Y1959" s="2">
        <v>193.9</v>
      </c>
      <c r="Z1959" s="5">
        <v>10</v>
      </c>
      <c r="AA1959" s="5" t="s">
        <v>43</v>
      </c>
      <c r="AB1959" s="5" t="s">
        <v>44</v>
      </c>
      <c r="AC1959" s="2" t="s">
        <v>30656</v>
      </c>
      <c r="AD1959" s="1"/>
    </row>
    <row r="1960" spans="1:30">
      <c r="A1960" s="5" t="s">
        <v>83578</v>
      </c>
      <c r="B1960" s="2" t="s">
        <v>89476</v>
      </c>
      <c r="C1960" s="14" t="s">
        <v>89477</v>
      </c>
      <c r="D1960" s="2" t="s">
        <v>89478</v>
      </c>
      <c r="E1960" s="2" t="s">
        <v>30655</v>
      </c>
      <c r="F1960" s="8">
        <v>372</v>
      </c>
      <c r="G1960" s="5">
        <v>10</v>
      </c>
      <c r="H1960" s="5" t="s">
        <v>69</v>
      </c>
      <c r="I1960" s="5" t="s">
        <v>27074</v>
      </c>
      <c r="J1960" s="2" t="s">
        <v>27075</v>
      </c>
      <c r="K1960" s="5" t="s">
        <v>27074</v>
      </c>
      <c r="L1960" s="2" t="s">
        <v>27075</v>
      </c>
      <c r="M1960" s="5" t="s">
        <v>24254</v>
      </c>
      <c r="N1960" s="5" t="s">
        <v>38</v>
      </c>
      <c r="O1960" s="5" t="s">
        <v>39</v>
      </c>
      <c r="P1960" s="5" t="s">
        <v>40</v>
      </c>
      <c r="Q1960" s="5" t="s">
        <v>24340</v>
      </c>
      <c r="R1960" s="5" t="s">
        <v>40</v>
      </c>
      <c r="S1960" s="5" t="s">
        <v>42</v>
      </c>
      <c r="T1960" s="2">
        <v>10.28</v>
      </c>
      <c r="U1960" s="2">
        <v>8.4320000000000004</v>
      </c>
      <c r="V1960" s="2">
        <v>0.11600000000000001</v>
      </c>
      <c r="W1960" s="2">
        <v>12</v>
      </c>
      <c r="X1960" s="2">
        <v>50</v>
      </c>
      <c r="Y1960" s="2">
        <v>193.9</v>
      </c>
      <c r="Z1960" s="5">
        <v>10</v>
      </c>
      <c r="AA1960" s="5" t="s">
        <v>43</v>
      </c>
      <c r="AB1960" s="5" t="s">
        <v>44</v>
      </c>
      <c r="AC1960" s="2" t="s">
        <v>30534</v>
      </c>
      <c r="AD1960" s="1"/>
    </row>
    <row r="1961" spans="1:30">
      <c r="A1961" s="5" t="s">
        <v>83578</v>
      </c>
      <c r="B1961" s="2" t="s">
        <v>89479</v>
      </c>
      <c r="C1961" s="14" t="s">
        <v>89480</v>
      </c>
      <c r="D1961" s="2" t="s">
        <v>89481</v>
      </c>
      <c r="E1961" s="2" t="s">
        <v>30533</v>
      </c>
      <c r="F1961" s="8">
        <v>372</v>
      </c>
      <c r="G1961" s="5">
        <v>10</v>
      </c>
      <c r="H1961" s="5" t="s">
        <v>69</v>
      </c>
      <c r="I1961" s="5" t="s">
        <v>27074</v>
      </c>
      <c r="J1961" s="2" t="s">
        <v>27075</v>
      </c>
      <c r="K1961" s="5" t="s">
        <v>27074</v>
      </c>
      <c r="L1961" s="2" t="s">
        <v>27075</v>
      </c>
      <c r="M1961" s="5" t="s">
        <v>24254</v>
      </c>
      <c r="N1961" s="5" t="s">
        <v>38</v>
      </c>
      <c r="O1961" s="5" t="s">
        <v>39</v>
      </c>
      <c r="P1961" s="5" t="s">
        <v>40</v>
      </c>
      <c r="Q1961" s="5" t="s">
        <v>24340</v>
      </c>
      <c r="R1961" s="5" t="s">
        <v>40</v>
      </c>
      <c r="S1961" s="5" t="s">
        <v>42</v>
      </c>
      <c r="T1961" s="2">
        <v>13.032999999999999</v>
      </c>
      <c r="U1961" s="2">
        <v>10.961</v>
      </c>
      <c r="V1961" s="2">
        <v>0.11600000000000001</v>
      </c>
      <c r="W1961" s="2">
        <v>12</v>
      </c>
      <c r="X1961" s="2">
        <v>50</v>
      </c>
      <c r="Y1961" s="2">
        <v>193.9</v>
      </c>
      <c r="Z1961" s="5">
        <v>10</v>
      </c>
      <c r="AA1961" s="5" t="s">
        <v>43</v>
      </c>
      <c r="AB1961" s="5" t="s">
        <v>44</v>
      </c>
      <c r="AC1961" s="2" t="s">
        <v>30656</v>
      </c>
      <c r="AD1961" s="1"/>
    </row>
    <row r="1962" spans="1:30">
      <c r="A1962" s="5" t="s">
        <v>83578</v>
      </c>
      <c r="B1962" s="2" t="s">
        <v>89482</v>
      </c>
      <c r="C1962" s="14" t="s">
        <v>89483</v>
      </c>
      <c r="D1962" s="2" t="s">
        <v>89484</v>
      </c>
      <c r="E1962" s="2" t="s">
        <v>30533</v>
      </c>
      <c r="F1962" s="8">
        <v>372</v>
      </c>
      <c r="G1962" s="5">
        <v>10</v>
      </c>
      <c r="H1962" s="5" t="s">
        <v>69</v>
      </c>
      <c r="I1962" s="5" t="s">
        <v>27074</v>
      </c>
      <c r="J1962" s="2" t="s">
        <v>27075</v>
      </c>
      <c r="K1962" s="5" t="s">
        <v>27074</v>
      </c>
      <c r="L1962" s="2" t="s">
        <v>27075</v>
      </c>
      <c r="M1962" s="5" t="s">
        <v>24254</v>
      </c>
      <c r="N1962" s="5" t="s">
        <v>38</v>
      </c>
      <c r="O1962" s="5" t="s">
        <v>39</v>
      </c>
      <c r="P1962" s="5" t="s">
        <v>40</v>
      </c>
      <c r="Q1962" s="5" t="s">
        <v>24340</v>
      </c>
      <c r="R1962" s="5" t="s">
        <v>40</v>
      </c>
      <c r="S1962" s="5" t="s">
        <v>42</v>
      </c>
      <c r="T1962" s="2">
        <v>14.007999999999999</v>
      </c>
      <c r="U1962" s="2">
        <v>11.936</v>
      </c>
      <c r="V1962" s="2">
        <v>0.11600000000000001</v>
      </c>
      <c r="W1962" s="2">
        <v>12</v>
      </c>
      <c r="X1962" s="2">
        <v>50</v>
      </c>
      <c r="Y1962" s="2">
        <v>193.9</v>
      </c>
      <c r="Z1962" s="5">
        <v>10</v>
      </c>
      <c r="AA1962" s="5" t="s">
        <v>43</v>
      </c>
      <c r="AB1962" s="5" t="s">
        <v>44</v>
      </c>
      <c r="AC1962" s="2" t="s">
        <v>30534</v>
      </c>
      <c r="AD1962" s="1"/>
    </row>
    <row r="1963" spans="1:30">
      <c r="A1963" s="5" t="s">
        <v>83578</v>
      </c>
      <c r="B1963" s="2" t="s">
        <v>89485</v>
      </c>
      <c r="C1963" s="14" t="s">
        <v>89486</v>
      </c>
      <c r="D1963" s="2" t="s">
        <v>89487</v>
      </c>
      <c r="E1963" s="2" t="s">
        <v>30862</v>
      </c>
      <c r="F1963" s="8">
        <v>372</v>
      </c>
      <c r="G1963" s="5">
        <v>10</v>
      </c>
      <c r="H1963" s="5" t="s">
        <v>69</v>
      </c>
      <c r="I1963" s="5" t="s">
        <v>27074</v>
      </c>
      <c r="J1963" s="2" t="s">
        <v>27075</v>
      </c>
      <c r="K1963" s="5" t="s">
        <v>27074</v>
      </c>
      <c r="L1963" s="2" t="s">
        <v>27075</v>
      </c>
      <c r="M1963" s="5" t="s">
        <v>24254</v>
      </c>
      <c r="N1963" s="5" t="s">
        <v>38</v>
      </c>
      <c r="O1963" s="5" t="s">
        <v>39</v>
      </c>
      <c r="P1963" s="5" t="s">
        <v>40</v>
      </c>
      <c r="Q1963" s="5" t="s">
        <v>25301</v>
      </c>
      <c r="R1963" s="5" t="s">
        <v>40</v>
      </c>
      <c r="S1963" s="5" t="s">
        <v>42</v>
      </c>
      <c r="T1963" s="2">
        <v>12.506</v>
      </c>
      <c r="U1963" s="2">
        <v>10.653</v>
      </c>
      <c r="V1963" s="2">
        <v>0.126</v>
      </c>
      <c r="W1963" s="2">
        <v>12</v>
      </c>
      <c r="X1963" s="2">
        <v>50</v>
      </c>
      <c r="Y1963" s="2">
        <v>210</v>
      </c>
      <c r="Z1963" s="5">
        <v>8</v>
      </c>
      <c r="AA1963" s="5" t="s">
        <v>43</v>
      </c>
      <c r="AB1963" s="5" t="s">
        <v>44</v>
      </c>
      <c r="AC1963" s="2" t="s">
        <v>30542</v>
      </c>
      <c r="AD1963" s="1"/>
    </row>
    <row r="1964" spans="1:30">
      <c r="A1964" s="5" t="s">
        <v>83578</v>
      </c>
      <c r="B1964" s="2" t="s">
        <v>89488</v>
      </c>
      <c r="C1964" s="14" t="s">
        <v>89489</v>
      </c>
      <c r="D1964" s="2" t="s">
        <v>89490</v>
      </c>
      <c r="E1964" s="2" t="s">
        <v>31004</v>
      </c>
      <c r="F1964" s="8">
        <v>372</v>
      </c>
      <c r="G1964" s="5">
        <v>10</v>
      </c>
      <c r="H1964" s="5" t="s">
        <v>69</v>
      </c>
      <c r="I1964" s="5" t="s">
        <v>27074</v>
      </c>
      <c r="J1964" s="2" t="s">
        <v>27075</v>
      </c>
      <c r="K1964" s="5" t="s">
        <v>27074</v>
      </c>
      <c r="L1964" s="2" t="s">
        <v>27075</v>
      </c>
      <c r="M1964" s="5" t="s">
        <v>24254</v>
      </c>
      <c r="N1964" s="5" t="s">
        <v>38</v>
      </c>
      <c r="O1964" s="5" t="s">
        <v>39</v>
      </c>
      <c r="P1964" s="5" t="s">
        <v>40</v>
      </c>
      <c r="Q1964" s="5" t="s">
        <v>25301</v>
      </c>
      <c r="R1964" s="5" t="s">
        <v>40</v>
      </c>
      <c r="S1964" s="5" t="s">
        <v>42</v>
      </c>
      <c r="T1964" s="2">
        <v>13.233000000000001</v>
      </c>
      <c r="U1964" s="2">
        <v>11.384</v>
      </c>
      <c r="V1964" s="2">
        <v>0.126</v>
      </c>
      <c r="W1964" s="2">
        <v>12</v>
      </c>
      <c r="X1964" s="2">
        <v>50</v>
      </c>
      <c r="Y1964" s="2">
        <v>210</v>
      </c>
      <c r="Z1964" s="5">
        <v>10</v>
      </c>
      <c r="AA1964" s="5" t="s">
        <v>43</v>
      </c>
      <c r="AB1964" s="5" t="s">
        <v>44</v>
      </c>
      <c r="AC1964" s="2" t="s">
        <v>31005</v>
      </c>
      <c r="AD1964" s="1"/>
    </row>
    <row r="1965" spans="1:30">
      <c r="A1965" s="5" t="s">
        <v>83578</v>
      </c>
      <c r="B1965" s="2" t="s">
        <v>89491</v>
      </c>
      <c r="C1965" s="14" t="s">
        <v>89492</v>
      </c>
      <c r="D1965" s="2" t="s">
        <v>89493</v>
      </c>
      <c r="E1965" s="2" t="s">
        <v>31004</v>
      </c>
      <c r="F1965" s="8">
        <v>372</v>
      </c>
      <c r="G1965" s="5">
        <v>10</v>
      </c>
      <c r="H1965" s="5" t="s">
        <v>69</v>
      </c>
      <c r="I1965" s="5" t="s">
        <v>27074</v>
      </c>
      <c r="J1965" s="2" t="s">
        <v>27075</v>
      </c>
      <c r="K1965" s="5" t="s">
        <v>27074</v>
      </c>
      <c r="L1965" s="2" t="s">
        <v>27075</v>
      </c>
      <c r="M1965" s="5" t="s">
        <v>24254</v>
      </c>
      <c r="N1965" s="5" t="s">
        <v>38</v>
      </c>
      <c r="O1965" s="5" t="s">
        <v>39</v>
      </c>
      <c r="P1965" s="5" t="s">
        <v>40</v>
      </c>
      <c r="Q1965" s="5" t="s">
        <v>25301</v>
      </c>
      <c r="R1965" s="5" t="s">
        <v>40</v>
      </c>
      <c r="S1965" s="5" t="s">
        <v>42</v>
      </c>
      <c r="T1965" s="2">
        <v>13.936</v>
      </c>
      <c r="U1965" s="2">
        <v>12.087</v>
      </c>
      <c r="V1965" s="2">
        <v>0.126</v>
      </c>
      <c r="W1965" s="2">
        <v>12</v>
      </c>
      <c r="X1965" s="2">
        <v>50</v>
      </c>
      <c r="Y1965" s="2">
        <v>210</v>
      </c>
      <c r="Z1965" s="5">
        <v>10</v>
      </c>
      <c r="AA1965" s="5" t="s">
        <v>43</v>
      </c>
      <c r="AB1965" s="5" t="s">
        <v>44</v>
      </c>
      <c r="AC1965" s="2" t="s">
        <v>31468</v>
      </c>
      <c r="AD1965" s="1"/>
    </row>
    <row r="1966" spans="1:30">
      <c r="A1966" s="5" t="s">
        <v>83578</v>
      </c>
      <c r="B1966" s="2" t="s">
        <v>89494</v>
      </c>
      <c r="C1966" s="14" t="s">
        <v>89495</v>
      </c>
      <c r="D1966" s="2" t="s">
        <v>89496</v>
      </c>
      <c r="E1966" s="2" t="s">
        <v>31009</v>
      </c>
      <c r="F1966" s="8">
        <v>372</v>
      </c>
      <c r="G1966" s="5">
        <v>10</v>
      </c>
      <c r="H1966" s="5" t="s">
        <v>69</v>
      </c>
      <c r="I1966" s="5" t="s">
        <v>27074</v>
      </c>
      <c r="J1966" s="2" t="s">
        <v>27075</v>
      </c>
      <c r="K1966" s="5" t="s">
        <v>27074</v>
      </c>
      <c r="L1966" s="2" t="s">
        <v>27075</v>
      </c>
      <c r="M1966" s="5" t="s">
        <v>24254</v>
      </c>
      <c r="N1966" s="5" t="s">
        <v>38</v>
      </c>
      <c r="O1966" s="5" t="s">
        <v>39</v>
      </c>
      <c r="P1966" s="5" t="s">
        <v>40</v>
      </c>
      <c r="Q1966" s="5" t="s">
        <v>25301</v>
      </c>
      <c r="R1966" s="5" t="s">
        <v>40</v>
      </c>
      <c r="S1966" s="5" t="s">
        <v>42</v>
      </c>
      <c r="T1966" s="2">
        <v>9.5679999999999996</v>
      </c>
      <c r="U1966" s="2">
        <v>7.7190000000000003</v>
      </c>
      <c r="V1966" s="2">
        <v>0.11600000000000001</v>
      </c>
      <c r="W1966" s="2">
        <v>12</v>
      </c>
      <c r="X1966" s="2">
        <v>50</v>
      </c>
      <c r="Y1966" s="2">
        <v>193.9</v>
      </c>
      <c r="Z1966" s="5">
        <v>10</v>
      </c>
      <c r="AA1966" s="5" t="s">
        <v>43</v>
      </c>
      <c r="AB1966" s="5" t="s">
        <v>44</v>
      </c>
      <c r="AC1966" s="2" t="s">
        <v>31010</v>
      </c>
      <c r="AD1966" s="1"/>
    </row>
    <row r="1967" spans="1:30">
      <c r="A1967" s="5" t="s">
        <v>83578</v>
      </c>
      <c r="B1967" s="2" t="s">
        <v>89497</v>
      </c>
      <c r="C1967" s="14" t="s">
        <v>89498</v>
      </c>
      <c r="D1967" s="2" t="s">
        <v>89499</v>
      </c>
      <c r="E1967" s="2" t="s">
        <v>31009</v>
      </c>
      <c r="F1967" s="8">
        <v>372</v>
      </c>
      <c r="G1967" s="5">
        <v>10</v>
      </c>
      <c r="H1967" s="5" t="s">
        <v>69</v>
      </c>
      <c r="I1967" s="5" t="s">
        <v>27074</v>
      </c>
      <c r="J1967" s="2" t="s">
        <v>27075</v>
      </c>
      <c r="K1967" s="5" t="s">
        <v>27074</v>
      </c>
      <c r="L1967" s="2" t="s">
        <v>27075</v>
      </c>
      <c r="M1967" s="5" t="s">
        <v>24254</v>
      </c>
      <c r="N1967" s="5" t="s">
        <v>38</v>
      </c>
      <c r="O1967" s="5" t="s">
        <v>39</v>
      </c>
      <c r="P1967" s="5" t="s">
        <v>40</v>
      </c>
      <c r="Q1967" s="5" t="s">
        <v>25301</v>
      </c>
      <c r="R1967" s="5" t="s">
        <v>40</v>
      </c>
      <c r="S1967" s="5" t="s">
        <v>42</v>
      </c>
      <c r="T1967" s="2">
        <v>9.3130000000000006</v>
      </c>
      <c r="U1967" s="2">
        <v>7.4640000000000004</v>
      </c>
      <c r="V1967" s="2">
        <v>0.11600000000000001</v>
      </c>
      <c r="W1967" s="2">
        <v>12</v>
      </c>
      <c r="X1967" s="2">
        <v>50</v>
      </c>
      <c r="Y1967" s="2">
        <v>193.9</v>
      </c>
      <c r="Z1967" s="5">
        <v>10</v>
      </c>
      <c r="AA1967" s="5" t="s">
        <v>43</v>
      </c>
      <c r="AB1967" s="5" t="s">
        <v>44</v>
      </c>
      <c r="AC1967" s="2" t="s">
        <v>31472</v>
      </c>
      <c r="AD1967" s="1"/>
    </row>
    <row r="1968" spans="1:30">
      <c r="A1968" s="5" t="s">
        <v>83578</v>
      </c>
      <c r="B1968" s="2" t="s">
        <v>89500</v>
      </c>
      <c r="C1968" s="14" t="s">
        <v>89501</v>
      </c>
      <c r="D1968" s="2" t="s">
        <v>89502</v>
      </c>
      <c r="E1968" s="2" t="s">
        <v>31191</v>
      </c>
      <c r="F1968" s="8">
        <v>372</v>
      </c>
      <c r="G1968" s="5">
        <v>10</v>
      </c>
      <c r="H1968" s="5" t="s">
        <v>69</v>
      </c>
      <c r="I1968" s="5" t="s">
        <v>27074</v>
      </c>
      <c r="J1968" s="2" t="s">
        <v>27075</v>
      </c>
      <c r="K1968" s="5" t="s">
        <v>27074</v>
      </c>
      <c r="L1968" s="2" t="s">
        <v>27075</v>
      </c>
      <c r="M1968" s="5" t="s">
        <v>24254</v>
      </c>
      <c r="N1968" s="5" t="s">
        <v>38</v>
      </c>
      <c r="O1968" s="5" t="s">
        <v>39</v>
      </c>
      <c r="P1968" s="5" t="s">
        <v>40</v>
      </c>
      <c r="Q1968" s="5" t="s">
        <v>25301</v>
      </c>
      <c r="R1968" s="5" t="s">
        <v>40</v>
      </c>
      <c r="S1968" s="5" t="s">
        <v>42</v>
      </c>
      <c r="T1968" s="2">
        <v>11.614000000000001</v>
      </c>
      <c r="U1968" s="2">
        <v>9.5410000000000004</v>
      </c>
      <c r="V1968" s="2">
        <v>0.11600000000000001</v>
      </c>
      <c r="W1968" s="2">
        <v>12</v>
      </c>
      <c r="X1968" s="2">
        <v>50</v>
      </c>
      <c r="Y1968" s="2">
        <v>193.9</v>
      </c>
      <c r="Z1968" s="5">
        <v>10</v>
      </c>
      <c r="AA1968" s="5" t="s">
        <v>43</v>
      </c>
      <c r="AB1968" s="5" t="s">
        <v>44</v>
      </c>
      <c r="AC1968" s="2" t="s">
        <v>31010</v>
      </c>
      <c r="AD1968" s="1"/>
    </row>
    <row r="1969" spans="1:30">
      <c r="A1969" s="5" t="s">
        <v>83578</v>
      </c>
      <c r="B1969" s="2" t="s">
        <v>89503</v>
      </c>
      <c r="C1969" s="14" t="s">
        <v>89504</v>
      </c>
      <c r="D1969" s="2" t="s">
        <v>89505</v>
      </c>
      <c r="E1969" s="2" t="s">
        <v>31191</v>
      </c>
      <c r="F1969" s="8">
        <v>372</v>
      </c>
      <c r="G1969" s="5">
        <v>10</v>
      </c>
      <c r="H1969" s="5" t="s">
        <v>69</v>
      </c>
      <c r="I1969" s="5" t="s">
        <v>27074</v>
      </c>
      <c r="J1969" s="2" t="s">
        <v>27075</v>
      </c>
      <c r="K1969" s="5" t="s">
        <v>27074</v>
      </c>
      <c r="L1969" s="2" t="s">
        <v>27075</v>
      </c>
      <c r="M1969" s="5" t="s">
        <v>24254</v>
      </c>
      <c r="N1969" s="5" t="s">
        <v>38</v>
      </c>
      <c r="O1969" s="5" t="s">
        <v>39</v>
      </c>
      <c r="P1969" s="5" t="s">
        <v>40</v>
      </c>
      <c r="Q1969" s="5" t="s">
        <v>25301</v>
      </c>
      <c r="R1969" s="5" t="s">
        <v>40</v>
      </c>
      <c r="S1969" s="5" t="s">
        <v>42</v>
      </c>
      <c r="T1969" s="2">
        <v>12.362</v>
      </c>
      <c r="U1969" s="2">
        <v>10.289</v>
      </c>
      <c r="V1969" s="2">
        <v>0.11600000000000001</v>
      </c>
      <c r="W1969" s="2">
        <v>12</v>
      </c>
      <c r="X1969" s="2">
        <v>50</v>
      </c>
      <c r="Y1969" s="2">
        <v>193.9</v>
      </c>
      <c r="Z1969" s="5">
        <v>10</v>
      </c>
      <c r="AA1969" s="5" t="s">
        <v>43</v>
      </c>
      <c r="AB1969" s="5" t="s">
        <v>44</v>
      </c>
      <c r="AC1969" s="2" t="s">
        <v>31472</v>
      </c>
      <c r="AD1969" s="1"/>
    </row>
    <row r="1970" spans="1:30">
      <c r="A1970" s="5" t="s">
        <v>83578</v>
      </c>
      <c r="B1970" s="2" t="s">
        <v>89506</v>
      </c>
      <c r="C1970" s="14" t="s">
        <v>89507</v>
      </c>
      <c r="D1970" s="2" t="s">
        <v>89508</v>
      </c>
      <c r="E1970" s="2" t="s">
        <v>30524</v>
      </c>
      <c r="F1970" s="8">
        <v>361</v>
      </c>
      <c r="G1970" s="5">
        <v>10</v>
      </c>
      <c r="H1970" s="5" t="s">
        <v>69</v>
      </c>
      <c r="I1970" s="5" t="s">
        <v>27074</v>
      </c>
      <c r="J1970" s="2" t="s">
        <v>27075</v>
      </c>
      <c r="K1970" s="5" t="s">
        <v>27074</v>
      </c>
      <c r="L1970" s="2" t="s">
        <v>27075</v>
      </c>
      <c r="M1970" s="5" t="s">
        <v>24254</v>
      </c>
      <c r="N1970" s="5" t="s">
        <v>38</v>
      </c>
      <c r="O1970" s="5" t="s">
        <v>39</v>
      </c>
      <c r="P1970" s="5" t="s">
        <v>40</v>
      </c>
      <c r="Q1970" s="5" t="s">
        <v>24340</v>
      </c>
      <c r="R1970" s="5" t="s">
        <v>40</v>
      </c>
      <c r="S1970" s="5" t="s">
        <v>42</v>
      </c>
      <c r="T1970" s="2">
        <v>17.573</v>
      </c>
      <c r="U1970" s="2">
        <v>15.763</v>
      </c>
      <c r="V1970" s="2">
        <v>0.104</v>
      </c>
      <c r="W1970" s="2">
        <v>12</v>
      </c>
      <c r="X1970" s="2">
        <v>50</v>
      </c>
      <c r="Y1970" s="2">
        <v>173.9</v>
      </c>
      <c r="Z1970" s="5">
        <v>8</v>
      </c>
      <c r="AA1970" s="5" t="s">
        <v>43</v>
      </c>
      <c r="AB1970" s="5" t="s">
        <v>44</v>
      </c>
      <c r="AC1970" s="2" t="s">
        <v>30525</v>
      </c>
      <c r="AD1970" s="1"/>
    </row>
    <row r="1971" spans="1:30">
      <c r="A1971" s="5" t="s">
        <v>83578</v>
      </c>
      <c r="B1971" s="2" t="s">
        <v>89509</v>
      </c>
      <c r="C1971" s="14" t="s">
        <v>89510</v>
      </c>
      <c r="D1971" s="2" t="s">
        <v>89511</v>
      </c>
      <c r="E1971" s="2" t="s">
        <v>30595</v>
      </c>
      <c r="F1971" s="8">
        <v>361</v>
      </c>
      <c r="G1971" s="5">
        <v>10</v>
      </c>
      <c r="H1971" s="5" t="s">
        <v>69</v>
      </c>
      <c r="I1971" s="5" t="s">
        <v>27074</v>
      </c>
      <c r="J1971" s="2" t="s">
        <v>27075</v>
      </c>
      <c r="K1971" s="5" t="s">
        <v>27074</v>
      </c>
      <c r="L1971" s="2" t="s">
        <v>27075</v>
      </c>
      <c r="M1971" s="5" t="s">
        <v>24254</v>
      </c>
      <c r="N1971" s="5" t="s">
        <v>38</v>
      </c>
      <c r="O1971" s="5" t="s">
        <v>39</v>
      </c>
      <c r="P1971" s="5" t="s">
        <v>40</v>
      </c>
      <c r="Q1971" s="5" t="s">
        <v>24340</v>
      </c>
      <c r="R1971" s="5" t="s">
        <v>40</v>
      </c>
      <c r="S1971" s="5" t="s">
        <v>42</v>
      </c>
      <c r="T1971" s="2">
        <v>12.387</v>
      </c>
      <c r="U1971" s="2">
        <v>10.606</v>
      </c>
      <c r="V1971" s="2">
        <v>0.104</v>
      </c>
      <c r="W1971" s="2">
        <v>12</v>
      </c>
      <c r="X1971" s="2">
        <v>50</v>
      </c>
      <c r="Y1971" s="2">
        <v>173.9</v>
      </c>
      <c r="Z1971" s="5">
        <v>8</v>
      </c>
      <c r="AA1971" s="5" t="s">
        <v>43</v>
      </c>
      <c r="AB1971" s="5" t="s">
        <v>44</v>
      </c>
      <c r="AC1971" s="2" t="s">
        <v>30525</v>
      </c>
      <c r="AD1971" s="1"/>
    </row>
    <row r="1972" spans="1:30">
      <c r="A1972" s="5" t="s">
        <v>83578</v>
      </c>
      <c r="B1972" s="2" t="s">
        <v>89512</v>
      </c>
      <c r="C1972" s="14" t="s">
        <v>89513</v>
      </c>
      <c r="D1972" s="2" t="s">
        <v>89514</v>
      </c>
      <c r="E1972" s="2" t="s">
        <v>30650</v>
      </c>
      <c r="F1972" s="8">
        <v>361</v>
      </c>
      <c r="G1972" s="5">
        <v>10</v>
      </c>
      <c r="H1972" s="5" t="s">
        <v>69</v>
      </c>
      <c r="I1972" s="5" t="s">
        <v>27074</v>
      </c>
      <c r="J1972" s="2" t="s">
        <v>27075</v>
      </c>
      <c r="K1972" s="5" t="s">
        <v>27074</v>
      </c>
      <c r="L1972" s="2" t="s">
        <v>27075</v>
      </c>
      <c r="M1972" s="5" t="s">
        <v>24254</v>
      </c>
      <c r="N1972" s="5" t="s">
        <v>38</v>
      </c>
      <c r="O1972" s="5" t="s">
        <v>39</v>
      </c>
      <c r="P1972" s="5" t="s">
        <v>40</v>
      </c>
      <c r="Q1972" s="5" t="s">
        <v>24340</v>
      </c>
      <c r="R1972" s="5" t="s">
        <v>40</v>
      </c>
      <c r="S1972" s="5" t="s">
        <v>42</v>
      </c>
      <c r="T1972" s="2">
        <v>12.519</v>
      </c>
      <c r="U1972" s="2">
        <v>10.742000000000001</v>
      </c>
      <c r="V1972" s="2">
        <v>0.104</v>
      </c>
      <c r="W1972" s="2">
        <v>12</v>
      </c>
      <c r="X1972" s="2">
        <v>50</v>
      </c>
      <c r="Y1972" s="2">
        <v>173.9</v>
      </c>
      <c r="Z1972" s="5">
        <v>10</v>
      </c>
      <c r="AA1972" s="5" t="s">
        <v>43</v>
      </c>
      <c r="AB1972" s="5" t="s">
        <v>44</v>
      </c>
      <c r="AC1972" s="2" t="s">
        <v>30651</v>
      </c>
      <c r="AD1972" s="1"/>
    </row>
    <row r="1973" spans="1:30">
      <c r="A1973" s="5" t="s">
        <v>83578</v>
      </c>
      <c r="B1973" s="2" t="s">
        <v>89515</v>
      </c>
      <c r="C1973" s="14" t="s">
        <v>89516</v>
      </c>
      <c r="D1973" s="2" t="s">
        <v>89517</v>
      </c>
      <c r="E1973" s="2" t="s">
        <v>30650</v>
      </c>
      <c r="F1973" s="8">
        <v>361</v>
      </c>
      <c r="G1973" s="5">
        <v>10</v>
      </c>
      <c r="H1973" s="5" t="s">
        <v>69</v>
      </c>
      <c r="I1973" s="5" t="s">
        <v>27074</v>
      </c>
      <c r="J1973" s="2" t="s">
        <v>27075</v>
      </c>
      <c r="K1973" s="5" t="s">
        <v>27074</v>
      </c>
      <c r="L1973" s="2" t="s">
        <v>27075</v>
      </c>
      <c r="M1973" s="5" t="s">
        <v>24254</v>
      </c>
      <c r="N1973" s="5" t="s">
        <v>38</v>
      </c>
      <c r="O1973" s="5" t="s">
        <v>39</v>
      </c>
      <c r="P1973" s="5" t="s">
        <v>40</v>
      </c>
      <c r="Q1973" s="5" t="s">
        <v>24340</v>
      </c>
      <c r="R1973" s="5" t="s">
        <v>40</v>
      </c>
      <c r="S1973" s="5" t="s">
        <v>42</v>
      </c>
      <c r="T1973" s="2">
        <v>13.596</v>
      </c>
      <c r="U1973" s="2">
        <v>11.819000000000001</v>
      </c>
      <c r="V1973" s="2">
        <v>0.104</v>
      </c>
      <c r="W1973" s="2">
        <v>12</v>
      </c>
      <c r="X1973" s="2">
        <v>50</v>
      </c>
      <c r="Y1973" s="2">
        <v>173.9</v>
      </c>
      <c r="Z1973" s="5">
        <v>10</v>
      </c>
      <c r="AA1973" s="5" t="s">
        <v>43</v>
      </c>
      <c r="AB1973" s="5" t="s">
        <v>44</v>
      </c>
      <c r="AC1973" s="2" t="s">
        <v>30846</v>
      </c>
      <c r="AD1973" s="1"/>
    </row>
    <row r="1974" spans="1:30">
      <c r="A1974" s="5" t="s">
        <v>83578</v>
      </c>
      <c r="B1974" s="2" t="s">
        <v>89518</v>
      </c>
      <c r="C1974" s="14" t="s">
        <v>89519</v>
      </c>
      <c r="D1974" s="2" t="s">
        <v>89520</v>
      </c>
      <c r="E1974" s="2" t="s">
        <v>30655</v>
      </c>
      <c r="F1974" s="8">
        <v>361</v>
      </c>
      <c r="G1974" s="5">
        <v>10</v>
      </c>
      <c r="H1974" s="5" t="s">
        <v>69</v>
      </c>
      <c r="I1974" s="5" t="s">
        <v>27074</v>
      </c>
      <c r="J1974" s="2" t="s">
        <v>27075</v>
      </c>
      <c r="K1974" s="5" t="s">
        <v>27074</v>
      </c>
      <c r="L1974" s="2" t="s">
        <v>27075</v>
      </c>
      <c r="M1974" s="5" t="s">
        <v>24254</v>
      </c>
      <c r="N1974" s="5" t="s">
        <v>38</v>
      </c>
      <c r="O1974" s="5" t="s">
        <v>39</v>
      </c>
      <c r="P1974" s="5" t="s">
        <v>40</v>
      </c>
      <c r="Q1974" s="5" t="s">
        <v>24340</v>
      </c>
      <c r="R1974" s="5" t="s">
        <v>40</v>
      </c>
      <c r="S1974" s="5" t="s">
        <v>42</v>
      </c>
      <c r="T1974" s="2">
        <v>8.5329999999999995</v>
      </c>
      <c r="U1974" s="2">
        <v>6.7560000000000002</v>
      </c>
      <c r="V1974" s="2">
        <v>0.104</v>
      </c>
      <c r="W1974" s="2">
        <v>12</v>
      </c>
      <c r="X1974" s="2">
        <v>50</v>
      </c>
      <c r="Y1974" s="2">
        <v>173.9</v>
      </c>
      <c r="Z1974" s="5">
        <v>10</v>
      </c>
      <c r="AA1974" s="5" t="s">
        <v>43</v>
      </c>
      <c r="AB1974" s="5" t="s">
        <v>44</v>
      </c>
      <c r="AC1974" s="2" t="s">
        <v>30656</v>
      </c>
      <c r="AD1974" s="1"/>
    </row>
    <row r="1975" spans="1:30">
      <c r="A1975" s="5" t="s">
        <v>83578</v>
      </c>
      <c r="B1975" s="2" t="s">
        <v>89521</v>
      </c>
      <c r="C1975" s="14" t="s">
        <v>89522</v>
      </c>
      <c r="D1975" s="2" t="s">
        <v>89523</v>
      </c>
      <c r="E1975" s="2" t="s">
        <v>30655</v>
      </c>
      <c r="F1975" s="8">
        <v>361</v>
      </c>
      <c r="G1975" s="5">
        <v>10</v>
      </c>
      <c r="H1975" s="5" t="s">
        <v>69</v>
      </c>
      <c r="I1975" s="5" t="s">
        <v>27074</v>
      </c>
      <c r="J1975" s="2" t="s">
        <v>27075</v>
      </c>
      <c r="K1975" s="5" t="s">
        <v>27074</v>
      </c>
      <c r="L1975" s="2" t="s">
        <v>27075</v>
      </c>
      <c r="M1975" s="5" t="s">
        <v>24254</v>
      </c>
      <c r="N1975" s="5" t="s">
        <v>38</v>
      </c>
      <c r="O1975" s="5" t="s">
        <v>39</v>
      </c>
      <c r="P1975" s="5" t="s">
        <v>40</v>
      </c>
      <c r="Q1975" s="5" t="s">
        <v>24340</v>
      </c>
      <c r="R1975" s="5" t="s">
        <v>40</v>
      </c>
      <c r="S1975" s="5" t="s">
        <v>42</v>
      </c>
      <c r="T1975" s="2">
        <v>9.0609999999999999</v>
      </c>
      <c r="U1975" s="2">
        <v>7.2839999999999998</v>
      </c>
      <c r="V1975" s="2">
        <v>0.104</v>
      </c>
      <c r="W1975" s="2">
        <v>12</v>
      </c>
      <c r="X1975" s="2">
        <v>50</v>
      </c>
      <c r="Y1975" s="2">
        <v>173.9</v>
      </c>
      <c r="Z1975" s="5">
        <v>10</v>
      </c>
      <c r="AA1975" s="5" t="s">
        <v>43</v>
      </c>
      <c r="AB1975" s="5" t="s">
        <v>44</v>
      </c>
      <c r="AC1975" s="2" t="s">
        <v>30534</v>
      </c>
      <c r="AD1975" s="1"/>
    </row>
    <row r="1976" spans="1:30">
      <c r="A1976" s="5" t="s">
        <v>83578</v>
      </c>
      <c r="B1976" s="2" t="s">
        <v>89524</v>
      </c>
      <c r="C1976" s="14" t="s">
        <v>89525</v>
      </c>
      <c r="D1976" s="2" t="s">
        <v>89526</v>
      </c>
      <c r="E1976" s="2" t="s">
        <v>30533</v>
      </c>
      <c r="F1976" s="8">
        <v>361</v>
      </c>
      <c r="G1976" s="5">
        <v>10</v>
      </c>
      <c r="H1976" s="5" t="s">
        <v>69</v>
      </c>
      <c r="I1976" s="5" t="s">
        <v>27074</v>
      </c>
      <c r="J1976" s="2" t="s">
        <v>27075</v>
      </c>
      <c r="K1976" s="5" t="s">
        <v>27074</v>
      </c>
      <c r="L1976" s="2" t="s">
        <v>27075</v>
      </c>
      <c r="M1976" s="5" t="s">
        <v>24254</v>
      </c>
      <c r="N1976" s="5" t="s">
        <v>38</v>
      </c>
      <c r="O1976" s="5" t="s">
        <v>39</v>
      </c>
      <c r="P1976" s="5" t="s">
        <v>40</v>
      </c>
      <c r="Q1976" s="5" t="s">
        <v>24340</v>
      </c>
      <c r="R1976" s="5" t="s">
        <v>40</v>
      </c>
      <c r="S1976" s="5" t="s">
        <v>42</v>
      </c>
      <c r="T1976" s="2">
        <v>12.38</v>
      </c>
      <c r="U1976" s="2">
        <v>10.507999999999999</v>
      </c>
      <c r="V1976" s="2">
        <v>0.104</v>
      </c>
      <c r="W1976" s="2">
        <v>12</v>
      </c>
      <c r="X1976" s="2">
        <v>50</v>
      </c>
      <c r="Y1976" s="2">
        <v>173.9</v>
      </c>
      <c r="Z1976" s="5">
        <v>10</v>
      </c>
      <c r="AA1976" s="5" t="s">
        <v>43</v>
      </c>
      <c r="AB1976" s="5" t="s">
        <v>44</v>
      </c>
      <c r="AC1976" s="2" t="s">
        <v>30534</v>
      </c>
      <c r="AD1976" s="1"/>
    </row>
    <row r="1977" spans="1:30">
      <c r="A1977" s="5" t="s">
        <v>83578</v>
      </c>
      <c r="B1977" s="2" t="s">
        <v>89527</v>
      </c>
      <c r="C1977" s="14" t="s">
        <v>89528</v>
      </c>
      <c r="D1977" s="2" t="s">
        <v>89529</v>
      </c>
      <c r="E1977" s="2" t="s">
        <v>30541</v>
      </c>
      <c r="F1977" s="8">
        <v>361</v>
      </c>
      <c r="G1977" s="5">
        <v>10</v>
      </c>
      <c r="H1977" s="5" t="s">
        <v>69</v>
      </c>
      <c r="I1977" s="5" t="s">
        <v>27074</v>
      </c>
      <c r="J1977" s="2" t="s">
        <v>27075</v>
      </c>
      <c r="K1977" s="5" t="s">
        <v>27074</v>
      </c>
      <c r="L1977" s="2" t="s">
        <v>27075</v>
      </c>
      <c r="M1977" s="5" t="s">
        <v>24254</v>
      </c>
      <c r="N1977" s="5" t="s">
        <v>38</v>
      </c>
      <c r="O1977" s="5" t="s">
        <v>39</v>
      </c>
      <c r="P1977" s="5" t="s">
        <v>40</v>
      </c>
      <c r="Q1977" s="5" t="s">
        <v>25301</v>
      </c>
      <c r="R1977" s="5" t="s">
        <v>40</v>
      </c>
      <c r="S1977" s="5" t="s">
        <v>42</v>
      </c>
      <c r="T1977" s="2">
        <v>15.567</v>
      </c>
      <c r="U1977" s="2">
        <v>13.756</v>
      </c>
      <c r="V1977" s="2">
        <v>0.104</v>
      </c>
      <c r="W1977" s="2">
        <v>12</v>
      </c>
      <c r="X1977" s="2">
        <v>50</v>
      </c>
      <c r="Y1977" s="2">
        <v>173.9</v>
      </c>
      <c r="Z1977" s="5">
        <v>8</v>
      </c>
      <c r="AA1977" s="5" t="s">
        <v>43</v>
      </c>
      <c r="AB1977" s="5" t="s">
        <v>44</v>
      </c>
      <c r="AC1977" s="2" t="s">
        <v>30542</v>
      </c>
      <c r="AD1977" s="1"/>
    </row>
    <row r="1978" spans="1:30">
      <c r="A1978" s="5" t="s">
        <v>83578</v>
      </c>
      <c r="B1978" s="2" t="s">
        <v>89530</v>
      </c>
      <c r="C1978" s="14" t="s">
        <v>89531</v>
      </c>
      <c r="D1978" s="2" t="s">
        <v>89532</v>
      </c>
      <c r="E1978" s="2" t="s">
        <v>30862</v>
      </c>
      <c r="F1978" s="8">
        <v>361</v>
      </c>
      <c r="G1978" s="5">
        <v>10</v>
      </c>
      <c r="H1978" s="5" t="s">
        <v>69</v>
      </c>
      <c r="I1978" s="5" t="s">
        <v>27074</v>
      </c>
      <c r="J1978" s="2" t="s">
        <v>27075</v>
      </c>
      <c r="K1978" s="5" t="s">
        <v>27074</v>
      </c>
      <c r="L1978" s="2" t="s">
        <v>27075</v>
      </c>
      <c r="M1978" s="5" t="s">
        <v>24254</v>
      </c>
      <c r="N1978" s="5" t="s">
        <v>38</v>
      </c>
      <c r="O1978" s="5" t="s">
        <v>39</v>
      </c>
      <c r="P1978" s="5" t="s">
        <v>40</v>
      </c>
      <c r="Q1978" s="5" t="s">
        <v>25301</v>
      </c>
      <c r="R1978" s="5" t="s">
        <v>40</v>
      </c>
      <c r="S1978" s="5" t="s">
        <v>42</v>
      </c>
      <c r="T1978" s="2">
        <v>11.202999999999999</v>
      </c>
      <c r="U1978" s="2">
        <v>9.4209999999999994</v>
      </c>
      <c r="V1978" s="2">
        <v>0.104</v>
      </c>
      <c r="W1978" s="2">
        <v>12</v>
      </c>
      <c r="X1978" s="2">
        <v>50</v>
      </c>
      <c r="Y1978" s="2">
        <v>173.9</v>
      </c>
      <c r="Z1978" s="5">
        <v>8</v>
      </c>
      <c r="AA1978" s="5" t="s">
        <v>43</v>
      </c>
      <c r="AB1978" s="5" t="s">
        <v>44</v>
      </c>
      <c r="AC1978" s="2" t="s">
        <v>30542</v>
      </c>
      <c r="AD1978" s="1"/>
    </row>
    <row r="1979" spans="1:30">
      <c r="A1979" s="5" t="s">
        <v>83578</v>
      </c>
      <c r="B1979" s="2" t="s">
        <v>89533</v>
      </c>
      <c r="C1979" s="14" t="s">
        <v>89534</v>
      </c>
      <c r="D1979" s="2" t="s">
        <v>89535</v>
      </c>
      <c r="E1979" s="2" t="s">
        <v>30546</v>
      </c>
      <c r="F1979" s="8">
        <v>361</v>
      </c>
      <c r="G1979" s="5">
        <v>10</v>
      </c>
      <c r="H1979" s="5" t="s">
        <v>69</v>
      </c>
      <c r="I1979" s="5" t="s">
        <v>27074</v>
      </c>
      <c r="J1979" s="2" t="s">
        <v>27075</v>
      </c>
      <c r="K1979" s="5" t="s">
        <v>27074</v>
      </c>
      <c r="L1979" s="2" t="s">
        <v>27075</v>
      </c>
      <c r="M1979" s="5" t="s">
        <v>24254</v>
      </c>
      <c r="N1979" s="5" t="s">
        <v>38</v>
      </c>
      <c r="O1979" s="5" t="s">
        <v>39</v>
      </c>
      <c r="P1979" s="5" t="s">
        <v>40</v>
      </c>
      <c r="Q1979" s="5" t="s">
        <v>25301</v>
      </c>
      <c r="R1979" s="5" t="s">
        <v>40</v>
      </c>
      <c r="S1979" s="5" t="s">
        <v>42</v>
      </c>
      <c r="T1979" s="2">
        <v>8.3239999999999998</v>
      </c>
      <c r="U1979" s="2">
        <v>6.6219999999999999</v>
      </c>
      <c r="V1979" s="2">
        <v>0.104</v>
      </c>
      <c r="W1979" s="2">
        <v>12</v>
      </c>
      <c r="X1979" s="2">
        <v>50</v>
      </c>
      <c r="Y1979" s="2">
        <v>173.9</v>
      </c>
      <c r="Z1979" s="5">
        <v>8</v>
      </c>
      <c r="AA1979" s="5" t="s">
        <v>43</v>
      </c>
      <c r="AB1979" s="5" t="s">
        <v>44</v>
      </c>
      <c r="AC1979" s="2" t="s">
        <v>30542</v>
      </c>
      <c r="AD1979" s="1"/>
    </row>
    <row r="1980" spans="1:30">
      <c r="A1980" s="5" t="s">
        <v>83578</v>
      </c>
      <c r="B1980" s="2" t="s">
        <v>89536</v>
      </c>
      <c r="C1980" s="14" t="s">
        <v>89537</v>
      </c>
      <c r="D1980" s="2" t="s">
        <v>89538</v>
      </c>
      <c r="E1980" s="2" t="s">
        <v>31004</v>
      </c>
      <c r="F1980" s="8">
        <v>361</v>
      </c>
      <c r="G1980" s="5">
        <v>10</v>
      </c>
      <c r="H1980" s="5" t="s">
        <v>69</v>
      </c>
      <c r="I1980" s="5" t="s">
        <v>27074</v>
      </c>
      <c r="J1980" s="2" t="s">
        <v>27075</v>
      </c>
      <c r="K1980" s="5" t="s">
        <v>27074</v>
      </c>
      <c r="L1980" s="2" t="s">
        <v>27075</v>
      </c>
      <c r="M1980" s="5" t="s">
        <v>24254</v>
      </c>
      <c r="N1980" s="5" t="s">
        <v>38</v>
      </c>
      <c r="O1980" s="5" t="s">
        <v>39</v>
      </c>
      <c r="P1980" s="5" t="s">
        <v>40</v>
      </c>
      <c r="Q1980" s="5" t="s">
        <v>25301</v>
      </c>
      <c r="R1980" s="5" t="s">
        <v>40</v>
      </c>
      <c r="S1980" s="5" t="s">
        <v>42</v>
      </c>
      <c r="T1980" s="2">
        <v>11.127000000000001</v>
      </c>
      <c r="U1980" s="2">
        <v>9.3490000000000002</v>
      </c>
      <c r="V1980" s="2">
        <v>0.104</v>
      </c>
      <c r="W1980" s="2">
        <v>12</v>
      </c>
      <c r="X1980" s="2">
        <v>50</v>
      </c>
      <c r="Y1980" s="2">
        <v>173.9</v>
      </c>
      <c r="Z1980" s="5">
        <v>10</v>
      </c>
      <c r="AA1980" s="5" t="s">
        <v>43</v>
      </c>
      <c r="AB1980" s="5" t="s">
        <v>44</v>
      </c>
      <c r="AC1980" s="2" t="s">
        <v>31005</v>
      </c>
      <c r="AD1980" s="1"/>
    </row>
    <row r="1981" spans="1:30">
      <c r="A1981" s="5" t="s">
        <v>83578</v>
      </c>
      <c r="B1981" s="2" t="s">
        <v>89539</v>
      </c>
      <c r="C1981" s="14" t="s">
        <v>89540</v>
      </c>
      <c r="D1981" s="2" t="s">
        <v>89541</v>
      </c>
      <c r="E1981" s="2" t="s">
        <v>31004</v>
      </c>
      <c r="F1981" s="8">
        <v>361</v>
      </c>
      <c r="G1981" s="5">
        <v>10</v>
      </c>
      <c r="H1981" s="5" t="s">
        <v>69</v>
      </c>
      <c r="I1981" s="5" t="s">
        <v>27074</v>
      </c>
      <c r="J1981" s="2" t="s">
        <v>27075</v>
      </c>
      <c r="K1981" s="5" t="s">
        <v>27074</v>
      </c>
      <c r="L1981" s="2" t="s">
        <v>27075</v>
      </c>
      <c r="M1981" s="5" t="s">
        <v>24254</v>
      </c>
      <c r="N1981" s="5" t="s">
        <v>38</v>
      </c>
      <c r="O1981" s="5" t="s">
        <v>39</v>
      </c>
      <c r="P1981" s="5" t="s">
        <v>40</v>
      </c>
      <c r="Q1981" s="5" t="s">
        <v>25301</v>
      </c>
      <c r="R1981" s="5" t="s">
        <v>40</v>
      </c>
      <c r="S1981" s="5" t="s">
        <v>42</v>
      </c>
      <c r="T1981" s="2">
        <v>11.936999999999999</v>
      </c>
      <c r="U1981" s="2">
        <v>10.159000000000001</v>
      </c>
      <c r="V1981" s="2">
        <v>0.104</v>
      </c>
      <c r="W1981" s="2">
        <v>12</v>
      </c>
      <c r="X1981" s="2">
        <v>50</v>
      </c>
      <c r="Y1981" s="2">
        <v>173.9</v>
      </c>
      <c r="Z1981" s="5">
        <v>10</v>
      </c>
      <c r="AA1981" s="5" t="s">
        <v>43</v>
      </c>
      <c r="AB1981" s="5" t="s">
        <v>44</v>
      </c>
      <c r="AC1981" s="2" t="s">
        <v>31468</v>
      </c>
      <c r="AD1981" s="1"/>
    </row>
    <row r="1982" spans="1:30">
      <c r="A1982" s="5" t="s">
        <v>83578</v>
      </c>
      <c r="B1982" s="2" t="s">
        <v>89542</v>
      </c>
      <c r="C1982" s="14" t="s">
        <v>89543</v>
      </c>
      <c r="D1982" s="2" t="s">
        <v>89544</v>
      </c>
      <c r="E1982" s="2" t="s">
        <v>31009</v>
      </c>
      <c r="F1982" s="8">
        <v>361</v>
      </c>
      <c r="G1982" s="5">
        <v>10</v>
      </c>
      <c r="H1982" s="5" t="s">
        <v>69</v>
      </c>
      <c r="I1982" s="5" t="s">
        <v>27074</v>
      </c>
      <c r="J1982" s="2" t="s">
        <v>27075</v>
      </c>
      <c r="K1982" s="5" t="s">
        <v>27074</v>
      </c>
      <c r="L1982" s="2" t="s">
        <v>27075</v>
      </c>
      <c r="M1982" s="5" t="s">
        <v>24254</v>
      </c>
      <c r="N1982" s="5" t="s">
        <v>38</v>
      </c>
      <c r="O1982" s="5" t="s">
        <v>39</v>
      </c>
      <c r="P1982" s="5" t="s">
        <v>40</v>
      </c>
      <c r="Q1982" s="5" t="s">
        <v>25301</v>
      </c>
      <c r="R1982" s="5" t="s">
        <v>40</v>
      </c>
      <c r="S1982" s="5" t="s">
        <v>42</v>
      </c>
      <c r="T1982" s="2">
        <v>8.6349999999999998</v>
      </c>
      <c r="U1982" s="2">
        <v>6.8570000000000002</v>
      </c>
      <c r="V1982" s="2">
        <v>0.104</v>
      </c>
      <c r="W1982" s="2">
        <v>12</v>
      </c>
      <c r="X1982" s="2">
        <v>50</v>
      </c>
      <c r="Y1982" s="2">
        <v>173.9</v>
      </c>
      <c r="Z1982" s="5">
        <v>10</v>
      </c>
      <c r="AA1982" s="5" t="s">
        <v>43</v>
      </c>
      <c r="AB1982" s="5" t="s">
        <v>44</v>
      </c>
      <c r="AC1982" s="2" t="s">
        <v>31010</v>
      </c>
      <c r="AD1982" s="1"/>
    </row>
    <row r="1983" spans="1:30">
      <c r="A1983" s="5" t="s">
        <v>83578</v>
      </c>
      <c r="B1983" s="2" t="s">
        <v>89545</v>
      </c>
      <c r="C1983" s="14" t="s">
        <v>89546</v>
      </c>
      <c r="D1983" s="2" t="s">
        <v>89547</v>
      </c>
      <c r="E1983" s="2" t="s">
        <v>31009</v>
      </c>
      <c r="F1983" s="8">
        <v>361</v>
      </c>
      <c r="G1983" s="5">
        <v>10</v>
      </c>
      <c r="H1983" s="5" t="s">
        <v>69</v>
      </c>
      <c r="I1983" s="5" t="s">
        <v>27074</v>
      </c>
      <c r="J1983" s="2" t="s">
        <v>27075</v>
      </c>
      <c r="K1983" s="5" t="s">
        <v>27074</v>
      </c>
      <c r="L1983" s="2" t="s">
        <v>27075</v>
      </c>
      <c r="M1983" s="5" t="s">
        <v>24254</v>
      </c>
      <c r="N1983" s="5" t="s">
        <v>38</v>
      </c>
      <c r="O1983" s="5" t="s">
        <v>39</v>
      </c>
      <c r="P1983" s="5" t="s">
        <v>40</v>
      </c>
      <c r="Q1983" s="5" t="s">
        <v>25301</v>
      </c>
      <c r="R1983" s="5" t="s">
        <v>40</v>
      </c>
      <c r="S1983" s="5" t="s">
        <v>42</v>
      </c>
      <c r="T1983" s="2">
        <v>8.2449999999999992</v>
      </c>
      <c r="U1983" s="2">
        <v>6.4669999999999996</v>
      </c>
      <c r="V1983" s="2">
        <v>0.104</v>
      </c>
      <c r="W1983" s="2">
        <v>12</v>
      </c>
      <c r="X1983" s="2">
        <v>50</v>
      </c>
      <c r="Y1983" s="2">
        <v>173.9</v>
      </c>
      <c r="Z1983" s="5">
        <v>10</v>
      </c>
      <c r="AA1983" s="5" t="s">
        <v>43</v>
      </c>
      <c r="AB1983" s="5" t="s">
        <v>44</v>
      </c>
      <c r="AC1983" s="2" t="s">
        <v>31472</v>
      </c>
      <c r="AD1983" s="1"/>
    </row>
    <row r="1984" spans="1:30">
      <c r="A1984" s="5" t="s">
        <v>83578</v>
      </c>
      <c r="B1984" s="2" t="s">
        <v>89548</v>
      </c>
      <c r="C1984" s="14" t="s">
        <v>89549</v>
      </c>
      <c r="D1984" s="2" t="s">
        <v>89550</v>
      </c>
      <c r="E1984" s="2" t="s">
        <v>31191</v>
      </c>
      <c r="F1984" s="8">
        <v>361</v>
      </c>
      <c r="G1984" s="5">
        <v>10</v>
      </c>
      <c r="H1984" s="5" t="s">
        <v>69</v>
      </c>
      <c r="I1984" s="5" t="s">
        <v>27074</v>
      </c>
      <c r="J1984" s="2" t="s">
        <v>27075</v>
      </c>
      <c r="K1984" s="5" t="s">
        <v>27074</v>
      </c>
      <c r="L1984" s="2" t="s">
        <v>27075</v>
      </c>
      <c r="M1984" s="5" t="s">
        <v>24254</v>
      </c>
      <c r="N1984" s="5" t="s">
        <v>38</v>
      </c>
      <c r="O1984" s="5" t="s">
        <v>39</v>
      </c>
      <c r="P1984" s="5" t="s">
        <v>40</v>
      </c>
      <c r="Q1984" s="5" t="s">
        <v>25301</v>
      </c>
      <c r="R1984" s="5" t="s">
        <v>40</v>
      </c>
      <c r="S1984" s="5" t="s">
        <v>42</v>
      </c>
      <c r="T1984" s="2">
        <v>10.085000000000001</v>
      </c>
      <c r="U1984" s="2">
        <v>8.2119999999999997</v>
      </c>
      <c r="V1984" s="2">
        <v>0.104</v>
      </c>
      <c r="W1984" s="2">
        <v>12</v>
      </c>
      <c r="X1984" s="2">
        <v>50</v>
      </c>
      <c r="Y1984" s="2">
        <v>173.9</v>
      </c>
      <c r="Z1984" s="5">
        <v>10</v>
      </c>
      <c r="AA1984" s="5" t="s">
        <v>43</v>
      </c>
      <c r="AB1984" s="5" t="s">
        <v>44</v>
      </c>
      <c r="AC1984" s="2" t="s">
        <v>31010</v>
      </c>
      <c r="AD1984" s="1"/>
    </row>
    <row r="1985" spans="1:30">
      <c r="A1985" s="5" t="s">
        <v>83578</v>
      </c>
      <c r="B1985" s="2" t="s">
        <v>89551</v>
      </c>
      <c r="C1985" s="14" t="s">
        <v>89552</v>
      </c>
      <c r="D1985" s="2" t="s">
        <v>89553</v>
      </c>
      <c r="E1985" s="2" t="s">
        <v>31191</v>
      </c>
      <c r="F1985" s="8">
        <v>361</v>
      </c>
      <c r="G1985" s="5">
        <v>10</v>
      </c>
      <c r="H1985" s="5" t="s">
        <v>69</v>
      </c>
      <c r="I1985" s="5" t="s">
        <v>27074</v>
      </c>
      <c r="J1985" s="2" t="s">
        <v>27075</v>
      </c>
      <c r="K1985" s="5" t="s">
        <v>27074</v>
      </c>
      <c r="L1985" s="2" t="s">
        <v>27075</v>
      </c>
      <c r="M1985" s="5" t="s">
        <v>24254</v>
      </c>
      <c r="N1985" s="5" t="s">
        <v>38</v>
      </c>
      <c r="O1985" s="5" t="s">
        <v>39</v>
      </c>
      <c r="P1985" s="5" t="s">
        <v>40</v>
      </c>
      <c r="Q1985" s="5" t="s">
        <v>25301</v>
      </c>
      <c r="R1985" s="5" t="s">
        <v>40</v>
      </c>
      <c r="S1985" s="5" t="s">
        <v>42</v>
      </c>
      <c r="T1985" s="2">
        <v>10.94</v>
      </c>
      <c r="U1985" s="2">
        <v>9.0670000000000002</v>
      </c>
      <c r="V1985" s="2">
        <v>0.104</v>
      </c>
      <c r="W1985" s="2">
        <v>12</v>
      </c>
      <c r="X1985" s="2">
        <v>50</v>
      </c>
      <c r="Y1985" s="2">
        <v>173.9</v>
      </c>
      <c r="Z1985" s="5">
        <v>10</v>
      </c>
      <c r="AA1985" s="5" t="s">
        <v>43</v>
      </c>
      <c r="AB1985" s="5" t="s">
        <v>44</v>
      </c>
      <c r="AC1985" s="2" t="s">
        <v>31472</v>
      </c>
      <c r="AD1985" s="1"/>
    </row>
    <row r="1986" spans="1:30">
      <c r="A1986" s="5" t="s">
        <v>83578</v>
      </c>
      <c r="B1986" s="2" t="s">
        <v>89554</v>
      </c>
      <c r="C1986" s="14" t="s">
        <v>89555</v>
      </c>
      <c r="D1986" s="2" t="s">
        <v>89556</v>
      </c>
      <c r="E1986" s="2" t="s">
        <v>30524</v>
      </c>
      <c r="F1986" s="8">
        <v>372</v>
      </c>
      <c r="G1986" s="5">
        <v>10</v>
      </c>
      <c r="H1986" s="5" t="s">
        <v>69</v>
      </c>
      <c r="I1986" s="5" t="s">
        <v>27074</v>
      </c>
      <c r="J1986" s="2" t="s">
        <v>27075</v>
      </c>
      <c r="K1986" s="5" t="s">
        <v>27074</v>
      </c>
      <c r="L1986" s="2" t="s">
        <v>27075</v>
      </c>
      <c r="M1986" s="5" t="s">
        <v>24254</v>
      </c>
      <c r="N1986" s="5" t="s">
        <v>38</v>
      </c>
      <c r="O1986" s="5" t="s">
        <v>39</v>
      </c>
      <c r="P1986" s="5" t="s">
        <v>40</v>
      </c>
      <c r="Q1986" s="5" t="s">
        <v>24340</v>
      </c>
      <c r="R1986" s="5" t="s">
        <v>40</v>
      </c>
      <c r="S1986" s="5" t="s">
        <v>42</v>
      </c>
      <c r="T1986" s="2">
        <v>19.009</v>
      </c>
      <c r="U1986" s="2">
        <v>17.199000000000002</v>
      </c>
      <c r="V1986" s="2">
        <v>0.104</v>
      </c>
      <c r="W1986" s="2">
        <v>12</v>
      </c>
      <c r="X1986" s="2">
        <v>50</v>
      </c>
      <c r="Y1986" s="2">
        <v>173.9</v>
      </c>
      <c r="Z1986" s="5">
        <v>8</v>
      </c>
      <c r="AA1986" s="5" t="s">
        <v>43</v>
      </c>
      <c r="AB1986" s="5" t="s">
        <v>44</v>
      </c>
      <c r="AC1986" s="2" t="s">
        <v>30525</v>
      </c>
      <c r="AD1986" s="1"/>
    </row>
    <row r="1987" spans="1:30">
      <c r="A1987" s="5" t="s">
        <v>83578</v>
      </c>
      <c r="B1987" s="2" t="s">
        <v>89557</v>
      </c>
      <c r="C1987" s="14" t="s">
        <v>89558</v>
      </c>
      <c r="D1987" s="2" t="s">
        <v>89559</v>
      </c>
      <c r="E1987" s="2" t="s">
        <v>30595</v>
      </c>
      <c r="F1987" s="8">
        <v>372</v>
      </c>
      <c r="G1987" s="5">
        <v>10</v>
      </c>
      <c r="H1987" s="5" t="s">
        <v>69</v>
      </c>
      <c r="I1987" s="5" t="s">
        <v>27074</v>
      </c>
      <c r="J1987" s="2" t="s">
        <v>27075</v>
      </c>
      <c r="K1987" s="5" t="s">
        <v>27074</v>
      </c>
      <c r="L1987" s="2" t="s">
        <v>27075</v>
      </c>
      <c r="M1987" s="5" t="s">
        <v>24254</v>
      </c>
      <c r="N1987" s="5" t="s">
        <v>38</v>
      </c>
      <c r="O1987" s="5" t="s">
        <v>39</v>
      </c>
      <c r="P1987" s="5" t="s">
        <v>40</v>
      </c>
      <c r="Q1987" s="5" t="s">
        <v>24340</v>
      </c>
      <c r="R1987" s="5" t="s">
        <v>40</v>
      </c>
      <c r="S1987" s="5" t="s">
        <v>42</v>
      </c>
      <c r="T1987" s="2">
        <v>13.226000000000001</v>
      </c>
      <c r="U1987" s="2">
        <v>11.445</v>
      </c>
      <c r="V1987" s="2">
        <v>0.104</v>
      </c>
      <c r="W1987" s="2">
        <v>12</v>
      </c>
      <c r="X1987" s="2">
        <v>50</v>
      </c>
      <c r="Y1987" s="2">
        <v>173.9</v>
      </c>
      <c r="Z1987" s="5">
        <v>8</v>
      </c>
      <c r="AA1987" s="5" t="s">
        <v>43</v>
      </c>
      <c r="AB1987" s="5" t="s">
        <v>44</v>
      </c>
      <c r="AC1987" s="2" t="s">
        <v>30525</v>
      </c>
      <c r="AD1987" s="1"/>
    </row>
    <row r="1988" spans="1:30">
      <c r="A1988" s="5" t="s">
        <v>83578</v>
      </c>
      <c r="B1988" s="2" t="s">
        <v>89560</v>
      </c>
      <c r="C1988" s="14" t="s">
        <v>89561</v>
      </c>
      <c r="D1988" s="2" t="s">
        <v>89562</v>
      </c>
      <c r="E1988" s="2" t="s">
        <v>30529</v>
      </c>
      <c r="F1988" s="8">
        <v>372</v>
      </c>
      <c r="G1988" s="5">
        <v>10</v>
      </c>
      <c r="H1988" s="5" t="s">
        <v>69</v>
      </c>
      <c r="I1988" s="5" t="s">
        <v>27074</v>
      </c>
      <c r="J1988" s="2" t="s">
        <v>27075</v>
      </c>
      <c r="K1988" s="5" t="s">
        <v>27074</v>
      </c>
      <c r="L1988" s="2" t="s">
        <v>27075</v>
      </c>
      <c r="M1988" s="5" t="s">
        <v>24254</v>
      </c>
      <c r="N1988" s="5" t="s">
        <v>38</v>
      </c>
      <c r="O1988" s="5" t="s">
        <v>39</v>
      </c>
      <c r="P1988" s="5" t="s">
        <v>40</v>
      </c>
      <c r="Q1988" s="5" t="s">
        <v>24340</v>
      </c>
      <c r="R1988" s="5" t="s">
        <v>40</v>
      </c>
      <c r="S1988" s="5" t="s">
        <v>42</v>
      </c>
      <c r="T1988" s="2">
        <v>9.39</v>
      </c>
      <c r="U1988" s="2">
        <v>7.6890000000000001</v>
      </c>
      <c r="V1988" s="2">
        <v>0.104</v>
      </c>
      <c r="W1988" s="2">
        <v>12</v>
      </c>
      <c r="X1988" s="2">
        <v>50</v>
      </c>
      <c r="Y1988" s="2">
        <v>173.9</v>
      </c>
      <c r="Z1988" s="5">
        <v>8</v>
      </c>
      <c r="AA1988" s="5" t="s">
        <v>43</v>
      </c>
      <c r="AB1988" s="5" t="s">
        <v>44</v>
      </c>
      <c r="AC1988" s="2" t="s">
        <v>30525</v>
      </c>
      <c r="AD1988" s="1"/>
    </row>
    <row r="1989" spans="1:30">
      <c r="A1989" s="5" t="s">
        <v>83578</v>
      </c>
      <c r="B1989" s="2" t="s">
        <v>89563</v>
      </c>
      <c r="C1989" s="14" t="s">
        <v>89564</v>
      </c>
      <c r="D1989" s="2" t="s">
        <v>89565</v>
      </c>
      <c r="E1989" s="2" t="s">
        <v>30650</v>
      </c>
      <c r="F1989" s="8">
        <v>372</v>
      </c>
      <c r="G1989" s="5">
        <v>10</v>
      </c>
      <c r="H1989" s="5" t="s">
        <v>69</v>
      </c>
      <c r="I1989" s="5" t="s">
        <v>27074</v>
      </c>
      <c r="J1989" s="2" t="s">
        <v>27075</v>
      </c>
      <c r="K1989" s="5" t="s">
        <v>27074</v>
      </c>
      <c r="L1989" s="2" t="s">
        <v>27075</v>
      </c>
      <c r="M1989" s="5" t="s">
        <v>24254</v>
      </c>
      <c r="N1989" s="5" t="s">
        <v>38</v>
      </c>
      <c r="O1989" s="5" t="s">
        <v>39</v>
      </c>
      <c r="P1989" s="5" t="s">
        <v>40</v>
      </c>
      <c r="Q1989" s="5" t="s">
        <v>24340</v>
      </c>
      <c r="R1989" s="5" t="s">
        <v>40</v>
      </c>
      <c r="S1989" s="5" t="s">
        <v>42</v>
      </c>
      <c r="T1989" s="2">
        <v>13.394</v>
      </c>
      <c r="U1989" s="2">
        <v>11.617000000000001</v>
      </c>
      <c r="V1989" s="2">
        <v>0.104</v>
      </c>
      <c r="W1989" s="2">
        <v>12</v>
      </c>
      <c r="X1989" s="2">
        <v>50</v>
      </c>
      <c r="Y1989" s="2">
        <v>173.9</v>
      </c>
      <c r="Z1989" s="5">
        <v>10</v>
      </c>
      <c r="AA1989" s="5" t="s">
        <v>43</v>
      </c>
      <c r="AB1989" s="5" t="s">
        <v>44</v>
      </c>
      <c r="AC1989" s="2" t="s">
        <v>30651</v>
      </c>
      <c r="AD1989" s="1"/>
    </row>
    <row r="1990" spans="1:30">
      <c r="A1990" s="5" t="s">
        <v>83578</v>
      </c>
      <c r="B1990" s="2" t="s">
        <v>89566</v>
      </c>
      <c r="C1990" s="14" t="s">
        <v>89567</v>
      </c>
      <c r="D1990" s="2" t="s">
        <v>89568</v>
      </c>
      <c r="E1990" s="2" t="s">
        <v>30650</v>
      </c>
      <c r="F1990" s="8">
        <v>372</v>
      </c>
      <c r="G1990" s="5">
        <v>10</v>
      </c>
      <c r="H1990" s="5" t="s">
        <v>69</v>
      </c>
      <c r="I1990" s="5" t="s">
        <v>27074</v>
      </c>
      <c r="J1990" s="2" t="s">
        <v>27075</v>
      </c>
      <c r="K1990" s="5" t="s">
        <v>27074</v>
      </c>
      <c r="L1990" s="2" t="s">
        <v>27075</v>
      </c>
      <c r="M1990" s="5" t="s">
        <v>24254</v>
      </c>
      <c r="N1990" s="5" t="s">
        <v>38</v>
      </c>
      <c r="O1990" s="5" t="s">
        <v>39</v>
      </c>
      <c r="P1990" s="5" t="s">
        <v>40</v>
      </c>
      <c r="Q1990" s="5" t="s">
        <v>24340</v>
      </c>
      <c r="R1990" s="5" t="s">
        <v>40</v>
      </c>
      <c r="S1990" s="5" t="s">
        <v>42</v>
      </c>
      <c r="T1990" s="2">
        <v>14.471</v>
      </c>
      <c r="U1990" s="2">
        <v>12.694000000000001</v>
      </c>
      <c r="V1990" s="2">
        <v>0.104</v>
      </c>
      <c r="W1990" s="2">
        <v>12</v>
      </c>
      <c r="X1990" s="2">
        <v>50</v>
      </c>
      <c r="Y1990" s="2">
        <v>173.9</v>
      </c>
      <c r="Z1990" s="5">
        <v>10</v>
      </c>
      <c r="AA1990" s="5" t="s">
        <v>43</v>
      </c>
      <c r="AB1990" s="5" t="s">
        <v>44</v>
      </c>
      <c r="AC1990" s="2" t="s">
        <v>30846</v>
      </c>
      <c r="AD1990" s="1"/>
    </row>
    <row r="1991" spans="1:30">
      <c r="A1991" s="5" t="s">
        <v>83578</v>
      </c>
      <c r="B1991" s="2" t="s">
        <v>89569</v>
      </c>
      <c r="C1991" s="14" t="s">
        <v>89570</v>
      </c>
      <c r="D1991" s="2" t="s">
        <v>89571</v>
      </c>
      <c r="E1991" s="2" t="s">
        <v>30655</v>
      </c>
      <c r="F1991" s="8">
        <v>372</v>
      </c>
      <c r="G1991" s="5">
        <v>10</v>
      </c>
      <c r="H1991" s="5" t="s">
        <v>69</v>
      </c>
      <c r="I1991" s="5" t="s">
        <v>27074</v>
      </c>
      <c r="J1991" s="2" t="s">
        <v>27075</v>
      </c>
      <c r="K1991" s="5" t="s">
        <v>27074</v>
      </c>
      <c r="L1991" s="2" t="s">
        <v>27075</v>
      </c>
      <c r="M1991" s="5" t="s">
        <v>24254</v>
      </c>
      <c r="N1991" s="5" t="s">
        <v>38</v>
      </c>
      <c r="O1991" s="5" t="s">
        <v>39</v>
      </c>
      <c r="P1991" s="5" t="s">
        <v>40</v>
      </c>
      <c r="Q1991" s="5" t="s">
        <v>24340</v>
      </c>
      <c r="R1991" s="5" t="s">
        <v>40</v>
      </c>
      <c r="S1991" s="5" t="s">
        <v>42</v>
      </c>
      <c r="T1991" s="2">
        <v>8.9499999999999993</v>
      </c>
      <c r="U1991" s="2">
        <v>7.173</v>
      </c>
      <c r="V1991" s="2">
        <v>0.104</v>
      </c>
      <c r="W1991" s="2">
        <v>12</v>
      </c>
      <c r="X1991" s="2">
        <v>50</v>
      </c>
      <c r="Y1991" s="2">
        <v>173.9</v>
      </c>
      <c r="Z1991" s="5">
        <v>10</v>
      </c>
      <c r="AA1991" s="5" t="s">
        <v>43</v>
      </c>
      <c r="AB1991" s="5" t="s">
        <v>44</v>
      </c>
      <c r="AC1991" s="2" t="s">
        <v>30656</v>
      </c>
      <c r="AD1991" s="1"/>
    </row>
    <row r="1992" spans="1:30">
      <c r="A1992" s="5" t="s">
        <v>83578</v>
      </c>
      <c r="B1992" s="2" t="s">
        <v>89572</v>
      </c>
      <c r="C1992" s="14" t="s">
        <v>89573</v>
      </c>
      <c r="D1992" s="2" t="s">
        <v>89574</v>
      </c>
      <c r="E1992" s="2" t="s">
        <v>30655</v>
      </c>
      <c r="F1992" s="8">
        <v>372</v>
      </c>
      <c r="G1992" s="5">
        <v>10</v>
      </c>
      <c r="H1992" s="5" t="s">
        <v>69</v>
      </c>
      <c r="I1992" s="5" t="s">
        <v>27074</v>
      </c>
      <c r="J1992" s="2" t="s">
        <v>27075</v>
      </c>
      <c r="K1992" s="5" t="s">
        <v>27074</v>
      </c>
      <c r="L1992" s="2" t="s">
        <v>27075</v>
      </c>
      <c r="M1992" s="5" t="s">
        <v>24254</v>
      </c>
      <c r="N1992" s="5" t="s">
        <v>38</v>
      </c>
      <c r="O1992" s="5" t="s">
        <v>39</v>
      </c>
      <c r="P1992" s="5" t="s">
        <v>40</v>
      </c>
      <c r="Q1992" s="5" t="s">
        <v>24340</v>
      </c>
      <c r="R1992" s="5" t="s">
        <v>40</v>
      </c>
      <c r="S1992" s="5" t="s">
        <v>42</v>
      </c>
      <c r="T1992" s="2">
        <v>9.4779999999999998</v>
      </c>
      <c r="U1992" s="2">
        <v>7.7009999999999996</v>
      </c>
      <c r="V1992" s="2">
        <v>0.104</v>
      </c>
      <c r="W1992" s="2">
        <v>12</v>
      </c>
      <c r="X1992" s="2">
        <v>50</v>
      </c>
      <c r="Y1992" s="2">
        <v>173.9</v>
      </c>
      <c r="Z1992" s="5">
        <v>10</v>
      </c>
      <c r="AA1992" s="5" t="s">
        <v>43</v>
      </c>
      <c r="AB1992" s="5" t="s">
        <v>44</v>
      </c>
      <c r="AC1992" s="2" t="s">
        <v>30534</v>
      </c>
      <c r="AD1992" s="1"/>
    </row>
    <row r="1993" spans="1:30">
      <c r="A1993" s="5" t="s">
        <v>83578</v>
      </c>
      <c r="B1993" s="2" t="s">
        <v>89575</v>
      </c>
      <c r="C1993" s="14" t="s">
        <v>89576</v>
      </c>
      <c r="D1993" s="2" t="s">
        <v>89577</v>
      </c>
      <c r="E1993" s="2" t="s">
        <v>30533</v>
      </c>
      <c r="F1993" s="8">
        <v>372</v>
      </c>
      <c r="G1993" s="5">
        <v>10</v>
      </c>
      <c r="H1993" s="5" t="s">
        <v>69</v>
      </c>
      <c r="I1993" s="5" t="s">
        <v>27074</v>
      </c>
      <c r="J1993" s="2" t="s">
        <v>27075</v>
      </c>
      <c r="K1993" s="5" t="s">
        <v>27074</v>
      </c>
      <c r="L1993" s="2" t="s">
        <v>27075</v>
      </c>
      <c r="M1993" s="5" t="s">
        <v>24254</v>
      </c>
      <c r="N1993" s="5" t="s">
        <v>38</v>
      </c>
      <c r="O1993" s="5" t="s">
        <v>39</v>
      </c>
      <c r="P1993" s="5" t="s">
        <v>40</v>
      </c>
      <c r="Q1993" s="5" t="s">
        <v>24340</v>
      </c>
      <c r="R1993" s="5" t="s">
        <v>40</v>
      </c>
      <c r="S1993" s="5" t="s">
        <v>42</v>
      </c>
      <c r="T1993" s="2">
        <v>12.241</v>
      </c>
      <c r="U1993" s="2">
        <v>10.369</v>
      </c>
      <c r="V1993" s="2">
        <v>0.104</v>
      </c>
      <c r="W1993" s="2">
        <v>12</v>
      </c>
      <c r="X1993" s="2">
        <v>50</v>
      </c>
      <c r="Y1993" s="2">
        <v>173.9</v>
      </c>
      <c r="Z1993" s="5">
        <v>10</v>
      </c>
      <c r="AA1993" s="5" t="s">
        <v>43</v>
      </c>
      <c r="AB1993" s="5" t="s">
        <v>44</v>
      </c>
      <c r="AC1993" s="2" t="s">
        <v>30656</v>
      </c>
      <c r="AD1993" s="1"/>
    </row>
    <row r="1994" spans="1:30">
      <c r="A1994" s="5" t="s">
        <v>83578</v>
      </c>
      <c r="B1994" s="2" t="s">
        <v>89578</v>
      </c>
      <c r="C1994" s="14" t="s">
        <v>89579</v>
      </c>
      <c r="D1994" s="2" t="s">
        <v>89580</v>
      </c>
      <c r="E1994" s="2" t="s">
        <v>30533</v>
      </c>
      <c r="F1994" s="8">
        <v>372</v>
      </c>
      <c r="G1994" s="5">
        <v>10</v>
      </c>
      <c r="H1994" s="5" t="s">
        <v>69</v>
      </c>
      <c r="I1994" s="5" t="s">
        <v>27074</v>
      </c>
      <c r="J1994" s="2" t="s">
        <v>27075</v>
      </c>
      <c r="K1994" s="5" t="s">
        <v>27074</v>
      </c>
      <c r="L1994" s="2" t="s">
        <v>27075</v>
      </c>
      <c r="M1994" s="5" t="s">
        <v>24254</v>
      </c>
      <c r="N1994" s="5" t="s">
        <v>38</v>
      </c>
      <c r="O1994" s="5" t="s">
        <v>39</v>
      </c>
      <c r="P1994" s="5" t="s">
        <v>40</v>
      </c>
      <c r="Q1994" s="5" t="s">
        <v>24340</v>
      </c>
      <c r="R1994" s="5" t="s">
        <v>40</v>
      </c>
      <c r="S1994" s="5" t="s">
        <v>42</v>
      </c>
      <c r="T1994" s="2">
        <v>13.362</v>
      </c>
      <c r="U1994" s="2">
        <v>11.49</v>
      </c>
      <c r="V1994" s="2">
        <v>0.104</v>
      </c>
      <c r="W1994" s="2">
        <v>12</v>
      </c>
      <c r="X1994" s="2">
        <v>50</v>
      </c>
      <c r="Y1994" s="2">
        <v>173.9</v>
      </c>
      <c r="Z1994" s="5">
        <v>10</v>
      </c>
      <c r="AA1994" s="5" t="s">
        <v>43</v>
      </c>
      <c r="AB1994" s="5" t="s">
        <v>44</v>
      </c>
      <c r="AC1994" s="2" t="s">
        <v>30534</v>
      </c>
      <c r="AD1994" s="1"/>
    </row>
    <row r="1995" spans="1:30">
      <c r="A1995" s="5" t="s">
        <v>83578</v>
      </c>
      <c r="B1995" s="2" t="s">
        <v>89581</v>
      </c>
      <c r="C1995" s="14" t="s">
        <v>89582</v>
      </c>
      <c r="D1995" s="2" t="s">
        <v>89583</v>
      </c>
      <c r="E1995" s="2" t="s">
        <v>30461</v>
      </c>
      <c r="F1995" s="8">
        <v>704</v>
      </c>
      <c r="G1995" s="5">
        <v>10</v>
      </c>
      <c r="H1995" s="5" t="s">
        <v>69</v>
      </c>
      <c r="I1995" s="5" t="s">
        <v>27074</v>
      </c>
      <c r="J1995" s="2" t="s">
        <v>27075</v>
      </c>
      <c r="K1995" s="5" t="s">
        <v>27074</v>
      </c>
      <c r="L1995" s="2" t="s">
        <v>27075</v>
      </c>
      <c r="M1995" s="5" t="s">
        <v>24254</v>
      </c>
      <c r="N1995" s="5" t="s">
        <v>38</v>
      </c>
      <c r="O1995" s="5" t="s">
        <v>39</v>
      </c>
      <c r="P1995" s="5" t="s">
        <v>40</v>
      </c>
      <c r="Q1995" s="5" t="s">
        <v>24340</v>
      </c>
      <c r="R1995" s="5" t="s">
        <v>40</v>
      </c>
      <c r="S1995" s="5" t="s">
        <v>42</v>
      </c>
      <c r="T1995" s="2">
        <v>27.597000000000001</v>
      </c>
      <c r="U1995" s="2">
        <v>24.867999999999999</v>
      </c>
      <c r="V1995" s="2">
        <v>0.16</v>
      </c>
      <c r="W1995" s="2">
        <v>12</v>
      </c>
      <c r="X1995" s="2">
        <v>77</v>
      </c>
      <c r="Y1995" s="2">
        <v>173.4</v>
      </c>
      <c r="Z1995" s="5">
        <v>8</v>
      </c>
      <c r="AA1995" s="5" t="s">
        <v>43</v>
      </c>
      <c r="AB1995" s="5" t="s">
        <v>44</v>
      </c>
      <c r="AC1995" s="2" t="s">
        <v>30462</v>
      </c>
      <c r="AD1995" s="1"/>
    </row>
    <row r="1996" spans="1:30">
      <c r="A1996" s="5" t="s">
        <v>83578</v>
      </c>
      <c r="B1996" s="2" t="s">
        <v>89584</v>
      </c>
      <c r="C1996" s="14" t="s">
        <v>89585</v>
      </c>
      <c r="D1996" s="2" t="s">
        <v>89586</v>
      </c>
      <c r="E1996" s="2" t="s">
        <v>30541</v>
      </c>
      <c r="F1996" s="8">
        <v>372</v>
      </c>
      <c r="G1996" s="5">
        <v>10</v>
      </c>
      <c r="H1996" s="5" t="s">
        <v>69</v>
      </c>
      <c r="I1996" s="5" t="s">
        <v>27074</v>
      </c>
      <c r="J1996" s="2" t="s">
        <v>27075</v>
      </c>
      <c r="K1996" s="5" t="s">
        <v>27074</v>
      </c>
      <c r="L1996" s="2" t="s">
        <v>27075</v>
      </c>
      <c r="M1996" s="5" t="s">
        <v>24254</v>
      </c>
      <c r="N1996" s="5" t="s">
        <v>38</v>
      </c>
      <c r="O1996" s="5" t="s">
        <v>39</v>
      </c>
      <c r="P1996" s="5" t="s">
        <v>40</v>
      </c>
      <c r="Q1996" s="5" t="s">
        <v>25301</v>
      </c>
      <c r="R1996" s="5" t="s">
        <v>40</v>
      </c>
      <c r="S1996" s="5" t="s">
        <v>42</v>
      </c>
      <c r="T1996" s="2">
        <v>16.782</v>
      </c>
      <c r="U1996" s="2">
        <v>14.971</v>
      </c>
      <c r="V1996" s="2">
        <v>0.104</v>
      </c>
      <c r="W1996" s="2">
        <v>12</v>
      </c>
      <c r="X1996" s="2">
        <v>50</v>
      </c>
      <c r="Y1996" s="2">
        <v>173.9</v>
      </c>
      <c r="Z1996" s="5">
        <v>8</v>
      </c>
      <c r="AA1996" s="5" t="s">
        <v>43</v>
      </c>
      <c r="AB1996" s="5" t="s">
        <v>44</v>
      </c>
      <c r="AC1996" s="2" t="s">
        <v>30542</v>
      </c>
      <c r="AD1996" s="1"/>
    </row>
    <row r="1997" spans="1:30">
      <c r="A1997" s="5" t="s">
        <v>83578</v>
      </c>
      <c r="B1997" s="2" t="s">
        <v>89587</v>
      </c>
      <c r="C1997" s="14" t="s">
        <v>89588</v>
      </c>
      <c r="D1997" s="2" t="s">
        <v>89589</v>
      </c>
      <c r="E1997" s="2" t="s">
        <v>30862</v>
      </c>
      <c r="F1997" s="8">
        <v>372</v>
      </c>
      <c r="G1997" s="5">
        <v>10</v>
      </c>
      <c r="H1997" s="5" t="s">
        <v>69</v>
      </c>
      <c r="I1997" s="5" t="s">
        <v>27074</v>
      </c>
      <c r="J1997" s="2" t="s">
        <v>27075</v>
      </c>
      <c r="K1997" s="5" t="s">
        <v>27074</v>
      </c>
      <c r="L1997" s="2" t="s">
        <v>27075</v>
      </c>
      <c r="M1997" s="5" t="s">
        <v>24254</v>
      </c>
      <c r="N1997" s="5" t="s">
        <v>38</v>
      </c>
      <c r="O1997" s="5" t="s">
        <v>39</v>
      </c>
      <c r="P1997" s="5" t="s">
        <v>40</v>
      </c>
      <c r="Q1997" s="5" t="s">
        <v>25301</v>
      </c>
      <c r="R1997" s="5" t="s">
        <v>40</v>
      </c>
      <c r="S1997" s="5" t="s">
        <v>42</v>
      </c>
      <c r="T1997" s="2">
        <v>11.933</v>
      </c>
      <c r="U1997" s="2">
        <v>10.151</v>
      </c>
      <c r="V1997" s="2">
        <v>0.104</v>
      </c>
      <c r="W1997" s="2">
        <v>12</v>
      </c>
      <c r="X1997" s="2">
        <v>50</v>
      </c>
      <c r="Y1997" s="2">
        <v>173.9</v>
      </c>
      <c r="Z1997" s="5">
        <v>8</v>
      </c>
      <c r="AA1997" s="5" t="s">
        <v>43</v>
      </c>
      <c r="AB1997" s="5" t="s">
        <v>44</v>
      </c>
      <c r="AC1997" s="2" t="s">
        <v>30542</v>
      </c>
      <c r="AD1997" s="1"/>
    </row>
    <row r="1998" spans="1:30">
      <c r="A1998" s="5" t="s">
        <v>83578</v>
      </c>
      <c r="B1998" s="2" t="s">
        <v>89590</v>
      </c>
      <c r="C1998" s="14" t="s">
        <v>89591</v>
      </c>
      <c r="D1998" s="2" t="s">
        <v>89592</v>
      </c>
      <c r="E1998" s="2" t="s">
        <v>30546</v>
      </c>
      <c r="F1998" s="8">
        <v>372</v>
      </c>
      <c r="G1998" s="5">
        <v>10</v>
      </c>
      <c r="H1998" s="5" t="s">
        <v>69</v>
      </c>
      <c r="I1998" s="5" t="s">
        <v>27074</v>
      </c>
      <c r="J1998" s="2" t="s">
        <v>27075</v>
      </c>
      <c r="K1998" s="5" t="s">
        <v>27074</v>
      </c>
      <c r="L1998" s="2" t="s">
        <v>27075</v>
      </c>
      <c r="M1998" s="5" t="s">
        <v>24254</v>
      </c>
      <c r="N1998" s="5" t="s">
        <v>38</v>
      </c>
      <c r="O1998" s="5" t="s">
        <v>39</v>
      </c>
      <c r="P1998" s="5" t="s">
        <v>40</v>
      </c>
      <c r="Q1998" s="5" t="s">
        <v>25301</v>
      </c>
      <c r="R1998" s="5" t="s">
        <v>40</v>
      </c>
      <c r="S1998" s="5" t="s">
        <v>42</v>
      </c>
      <c r="T1998" s="2">
        <v>8.7170000000000005</v>
      </c>
      <c r="U1998" s="2">
        <v>7.0149999999999997</v>
      </c>
      <c r="V1998" s="2">
        <v>0.104</v>
      </c>
      <c r="W1998" s="2">
        <v>12</v>
      </c>
      <c r="X1998" s="2">
        <v>50</v>
      </c>
      <c r="Y1998" s="2">
        <v>173.9</v>
      </c>
      <c r="Z1998" s="5">
        <v>8</v>
      </c>
      <c r="AA1998" s="5" t="s">
        <v>43</v>
      </c>
      <c r="AB1998" s="5" t="s">
        <v>44</v>
      </c>
      <c r="AC1998" s="2" t="s">
        <v>30542</v>
      </c>
      <c r="AD1998" s="1"/>
    </row>
    <row r="1999" spans="1:30">
      <c r="A1999" s="5" t="s">
        <v>83578</v>
      </c>
      <c r="B1999" s="2" t="s">
        <v>89593</v>
      </c>
      <c r="C1999" s="14" t="s">
        <v>89594</v>
      </c>
      <c r="D1999" s="2" t="s">
        <v>89595</v>
      </c>
      <c r="E1999" s="2" t="s">
        <v>31004</v>
      </c>
      <c r="F1999" s="8">
        <v>372</v>
      </c>
      <c r="G1999" s="5">
        <v>10</v>
      </c>
      <c r="H1999" s="5" t="s">
        <v>69</v>
      </c>
      <c r="I1999" s="5" t="s">
        <v>27074</v>
      </c>
      <c r="J1999" s="2" t="s">
        <v>27075</v>
      </c>
      <c r="K1999" s="5" t="s">
        <v>27074</v>
      </c>
      <c r="L1999" s="2" t="s">
        <v>27075</v>
      </c>
      <c r="M1999" s="5" t="s">
        <v>24254</v>
      </c>
      <c r="N1999" s="5" t="s">
        <v>38</v>
      </c>
      <c r="O1999" s="5" t="s">
        <v>39</v>
      </c>
      <c r="P1999" s="5" t="s">
        <v>40</v>
      </c>
      <c r="Q1999" s="5" t="s">
        <v>25301</v>
      </c>
      <c r="R1999" s="5" t="s">
        <v>40</v>
      </c>
      <c r="S1999" s="5" t="s">
        <v>42</v>
      </c>
      <c r="T1999" s="2">
        <v>11.888</v>
      </c>
      <c r="U1999" s="2">
        <v>10.11</v>
      </c>
      <c r="V1999" s="2">
        <v>0.104</v>
      </c>
      <c r="W1999" s="2">
        <v>12</v>
      </c>
      <c r="X1999" s="2">
        <v>50</v>
      </c>
      <c r="Y1999" s="2">
        <v>173.9</v>
      </c>
      <c r="Z1999" s="5">
        <v>10</v>
      </c>
      <c r="AA1999" s="5" t="s">
        <v>43</v>
      </c>
      <c r="AB1999" s="5" t="s">
        <v>44</v>
      </c>
      <c r="AC1999" s="2" t="s">
        <v>31005</v>
      </c>
      <c r="AD1999" s="1"/>
    </row>
    <row r="2000" spans="1:30">
      <c r="A2000" s="5" t="s">
        <v>83578</v>
      </c>
      <c r="B2000" s="2" t="s">
        <v>89596</v>
      </c>
      <c r="C2000" s="14" t="s">
        <v>89597</v>
      </c>
      <c r="D2000" s="2" t="s">
        <v>89598</v>
      </c>
      <c r="E2000" s="2" t="s">
        <v>31004</v>
      </c>
      <c r="F2000" s="8">
        <v>372</v>
      </c>
      <c r="G2000" s="5">
        <v>10</v>
      </c>
      <c r="H2000" s="5" t="s">
        <v>69</v>
      </c>
      <c r="I2000" s="5" t="s">
        <v>27074</v>
      </c>
      <c r="J2000" s="2" t="s">
        <v>27075</v>
      </c>
      <c r="K2000" s="5" t="s">
        <v>27074</v>
      </c>
      <c r="L2000" s="2" t="s">
        <v>27075</v>
      </c>
      <c r="M2000" s="5" t="s">
        <v>24254</v>
      </c>
      <c r="N2000" s="5" t="s">
        <v>38</v>
      </c>
      <c r="O2000" s="5" t="s">
        <v>39</v>
      </c>
      <c r="P2000" s="5" t="s">
        <v>40</v>
      </c>
      <c r="Q2000" s="5" t="s">
        <v>25301</v>
      </c>
      <c r="R2000" s="5" t="s">
        <v>40</v>
      </c>
      <c r="S2000" s="5" t="s">
        <v>42</v>
      </c>
      <c r="T2000" s="2">
        <v>12.698</v>
      </c>
      <c r="U2000" s="2">
        <v>10.92</v>
      </c>
      <c r="V2000" s="2">
        <v>0.104</v>
      </c>
      <c r="W2000" s="2">
        <v>12</v>
      </c>
      <c r="X2000" s="2">
        <v>50</v>
      </c>
      <c r="Y2000" s="2">
        <v>173.9</v>
      </c>
      <c r="Z2000" s="5">
        <v>10</v>
      </c>
      <c r="AA2000" s="5" t="s">
        <v>43</v>
      </c>
      <c r="AB2000" s="5" t="s">
        <v>44</v>
      </c>
      <c r="AC2000" s="2" t="s">
        <v>31468</v>
      </c>
      <c r="AD2000" s="1"/>
    </row>
    <row r="2001" spans="1:30">
      <c r="A2001" s="5" t="s">
        <v>83578</v>
      </c>
      <c r="B2001" s="2" t="s">
        <v>89599</v>
      </c>
      <c r="C2001" s="14" t="s">
        <v>89600</v>
      </c>
      <c r="D2001" s="2" t="s">
        <v>89601</v>
      </c>
      <c r="E2001" s="2" t="s">
        <v>31009</v>
      </c>
      <c r="F2001" s="8">
        <v>372</v>
      </c>
      <c r="G2001" s="5">
        <v>10</v>
      </c>
      <c r="H2001" s="5" t="s">
        <v>69</v>
      </c>
      <c r="I2001" s="5" t="s">
        <v>27074</v>
      </c>
      <c r="J2001" s="2" t="s">
        <v>27075</v>
      </c>
      <c r="K2001" s="5" t="s">
        <v>27074</v>
      </c>
      <c r="L2001" s="2" t="s">
        <v>27075</v>
      </c>
      <c r="M2001" s="5" t="s">
        <v>24254</v>
      </c>
      <c r="N2001" s="5" t="s">
        <v>38</v>
      </c>
      <c r="O2001" s="5" t="s">
        <v>39</v>
      </c>
      <c r="P2001" s="5" t="s">
        <v>40</v>
      </c>
      <c r="Q2001" s="5" t="s">
        <v>25301</v>
      </c>
      <c r="R2001" s="5" t="s">
        <v>40</v>
      </c>
      <c r="S2001" s="5" t="s">
        <v>42</v>
      </c>
      <c r="T2001" s="2">
        <v>9.0280000000000005</v>
      </c>
      <c r="U2001" s="2">
        <v>7.25</v>
      </c>
      <c r="V2001" s="2">
        <v>0.104</v>
      </c>
      <c r="W2001" s="2">
        <v>12</v>
      </c>
      <c r="X2001" s="2">
        <v>50</v>
      </c>
      <c r="Y2001" s="2">
        <v>173.9</v>
      </c>
      <c r="Z2001" s="5">
        <v>10</v>
      </c>
      <c r="AA2001" s="5" t="s">
        <v>43</v>
      </c>
      <c r="AB2001" s="5" t="s">
        <v>44</v>
      </c>
      <c r="AC2001" s="2" t="s">
        <v>31010</v>
      </c>
      <c r="AD2001" s="1"/>
    </row>
    <row r="2002" spans="1:30">
      <c r="A2002" s="5" t="s">
        <v>83578</v>
      </c>
      <c r="B2002" s="2" t="s">
        <v>89602</v>
      </c>
      <c r="C2002" s="14" t="s">
        <v>89603</v>
      </c>
      <c r="D2002" s="2" t="s">
        <v>89604</v>
      </c>
      <c r="E2002" s="2" t="s">
        <v>31009</v>
      </c>
      <c r="F2002" s="8">
        <v>372</v>
      </c>
      <c r="G2002" s="5">
        <v>10</v>
      </c>
      <c r="H2002" s="5" t="s">
        <v>69</v>
      </c>
      <c r="I2002" s="5" t="s">
        <v>27074</v>
      </c>
      <c r="J2002" s="2" t="s">
        <v>27075</v>
      </c>
      <c r="K2002" s="5" t="s">
        <v>27074</v>
      </c>
      <c r="L2002" s="2" t="s">
        <v>27075</v>
      </c>
      <c r="M2002" s="5" t="s">
        <v>24254</v>
      </c>
      <c r="N2002" s="5" t="s">
        <v>38</v>
      </c>
      <c r="O2002" s="5" t="s">
        <v>39</v>
      </c>
      <c r="P2002" s="5" t="s">
        <v>40</v>
      </c>
      <c r="Q2002" s="5" t="s">
        <v>25301</v>
      </c>
      <c r="R2002" s="5" t="s">
        <v>40</v>
      </c>
      <c r="S2002" s="5" t="s">
        <v>42</v>
      </c>
      <c r="T2002" s="2">
        <v>8.6379999999999999</v>
      </c>
      <c r="U2002" s="2">
        <v>6.86</v>
      </c>
      <c r="V2002" s="2">
        <v>0.104</v>
      </c>
      <c r="W2002" s="2">
        <v>12</v>
      </c>
      <c r="X2002" s="2">
        <v>50</v>
      </c>
      <c r="Y2002" s="2">
        <v>173.9</v>
      </c>
      <c r="Z2002" s="5">
        <v>10</v>
      </c>
      <c r="AA2002" s="5" t="s">
        <v>43</v>
      </c>
      <c r="AB2002" s="5" t="s">
        <v>44</v>
      </c>
      <c r="AC2002" s="2" t="s">
        <v>31472</v>
      </c>
      <c r="AD2002" s="1"/>
    </row>
    <row r="2003" spans="1:30">
      <c r="A2003" s="5" t="s">
        <v>83578</v>
      </c>
      <c r="B2003" s="2" t="s">
        <v>89605</v>
      </c>
      <c r="C2003" s="14" t="s">
        <v>89606</v>
      </c>
      <c r="D2003" s="2" t="s">
        <v>89607</v>
      </c>
      <c r="E2003" s="2" t="s">
        <v>31191</v>
      </c>
      <c r="F2003" s="8">
        <v>372</v>
      </c>
      <c r="G2003" s="5">
        <v>10</v>
      </c>
      <c r="H2003" s="5" t="s">
        <v>69</v>
      </c>
      <c r="I2003" s="5" t="s">
        <v>27074</v>
      </c>
      <c r="J2003" s="2" t="s">
        <v>27075</v>
      </c>
      <c r="K2003" s="5" t="s">
        <v>27074</v>
      </c>
      <c r="L2003" s="2" t="s">
        <v>27075</v>
      </c>
      <c r="M2003" s="5" t="s">
        <v>24254</v>
      </c>
      <c r="N2003" s="5" t="s">
        <v>38</v>
      </c>
      <c r="O2003" s="5" t="s">
        <v>39</v>
      </c>
      <c r="P2003" s="5" t="s">
        <v>40</v>
      </c>
      <c r="Q2003" s="5" t="s">
        <v>25301</v>
      </c>
      <c r="R2003" s="5" t="s">
        <v>40</v>
      </c>
      <c r="S2003" s="5" t="s">
        <v>42</v>
      </c>
      <c r="T2003" s="2">
        <v>11.786</v>
      </c>
      <c r="U2003" s="2">
        <v>9.9130000000000003</v>
      </c>
      <c r="V2003" s="2">
        <v>0.104</v>
      </c>
      <c r="W2003" s="2">
        <v>12</v>
      </c>
      <c r="X2003" s="2">
        <v>50</v>
      </c>
      <c r="Y2003" s="2">
        <v>173.9</v>
      </c>
      <c r="Z2003" s="5">
        <v>10</v>
      </c>
      <c r="AA2003" s="5" t="s">
        <v>43</v>
      </c>
      <c r="AB2003" s="5" t="s">
        <v>44</v>
      </c>
      <c r="AC2003" s="2" t="s">
        <v>31472</v>
      </c>
      <c r="AD2003" s="1"/>
    </row>
    <row r="2004" spans="1:30">
      <c r="A2004" s="5" t="s">
        <v>83578</v>
      </c>
      <c r="B2004" s="2" t="s">
        <v>89608</v>
      </c>
      <c r="C2004" s="14" t="s">
        <v>89609</v>
      </c>
      <c r="D2004" s="2" t="s">
        <v>89610</v>
      </c>
      <c r="E2004" s="2" t="s">
        <v>30650</v>
      </c>
      <c r="F2004" s="8">
        <v>385</v>
      </c>
      <c r="G2004" s="5">
        <v>10</v>
      </c>
      <c r="H2004" s="5" t="s">
        <v>69</v>
      </c>
      <c r="I2004" s="5" t="s">
        <v>27074</v>
      </c>
      <c r="J2004" s="2" t="s">
        <v>27075</v>
      </c>
      <c r="K2004" s="5" t="s">
        <v>27074</v>
      </c>
      <c r="L2004" s="2" t="s">
        <v>27075</v>
      </c>
      <c r="M2004" s="5" t="s">
        <v>24254</v>
      </c>
      <c r="N2004" s="5" t="s">
        <v>38</v>
      </c>
      <c r="O2004" s="5" t="s">
        <v>39</v>
      </c>
      <c r="P2004" s="5" t="s">
        <v>40</v>
      </c>
      <c r="Q2004" s="5" t="s">
        <v>24340</v>
      </c>
      <c r="R2004" s="5" t="s">
        <v>40</v>
      </c>
      <c r="S2004" s="5" t="s">
        <v>42</v>
      </c>
      <c r="T2004" s="2">
        <v>14.851000000000001</v>
      </c>
      <c r="U2004" s="2">
        <v>13.003</v>
      </c>
      <c r="V2004" s="2">
        <v>0.126</v>
      </c>
      <c r="W2004" s="2">
        <v>12</v>
      </c>
      <c r="X2004" s="2">
        <v>50</v>
      </c>
      <c r="Y2004" s="2">
        <v>210</v>
      </c>
      <c r="Z2004" s="5">
        <v>10</v>
      </c>
      <c r="AA2004" s="5" t="s">
        <v>43</v>
      </c>
      <c r="AB2004" s="5" t="s">
        <v>44</v>
      </c>
      <c r="AC2004" s="2" t="s">
        <v>30651</v>
      </c>
      <c r="AD2004" s="1"/>
    </row>
    <row r="2005" spans="1:30">
      <c r="A2005" s="5" t="s">
        <v>83578</v>
      </c>
      <c r="B2005" s="2" t="s">
        <v>89611</v>
      </c>
      <c r="C2005" s="14" t="s">
        <v>89612</v>
      </c>
      <c r="D2005" s="2" t="s">
        <v>89613</v>
      </c>
      <c r="E2005" s="2" t="s">
        <v>30650</v>
      </c>
      <c r="F2005" s="8">
        <v>385</v>
      </c>
      <c r="G2005" s="5">
        <v>10</v>
      </c>
      <c r="H2005" s="5" t="s">
        <v>69</v>
      </c>
      <c r="I2005" s="5" t="s">
        <v>27074</v>
      </c>
      <c r="J2005" s="2" t="s">
        <v>27075</v>
      </c>
      <c r="K2005" s="5" t="s">
        <v>27074</v>
      </c>
      <c r="L2005" s="2" t="s">
        <v>27075</v>
      </c>
      <c r="M2005" s="5" t="s">
        <v>24254</v>
      </c>
      <c r="N2005" s="5" t="s">
        <v>38</v>
      </c>
      <c r="O2005" s="5" t="s">
        <v>39</v>
      </c>
      <c r="P2005" s="5" t="s">
        <v>40</v>
      </c>
      <c r="Q2005" s="5" t="s">
        <v>24340</v>
      </c>
      <c r="R2005" s="5" t="s">
        <v>40</v>
      </c>
      <c r="S2005" s="5" t="s">
        <v>42</v>
      </c>
      <c r="T2005" s="2">
        <v>15.928000000000001</v>
      </c>
      <c r="U2005" s="2">
        <v>14.08</v>
      </c>
      <c r="V2005" s="2">
        <v>0.126</v>
      </c>
      <c r="W2005" s="2">
        <v>12</v>
      </c>
      <c r="X2005" s="2">
        <v>50</v>
      </c>
      <c r="Y2005" s="2">
        <v>210</v>
      </c>
      <c r="Z2005" s="5">
        <v>10</v>
      </c>
      <c r="AA2005" s="5" t="s">
        <v>43</v>
      </c>
      <c r="AB2005" s="5" t="s">
        <v>44</v>
      </c>
      <c r="AC2005" s="2" t="s">
        <v>30846</v>
      </c>
      <c r="AD2005" s="1"/>
    </row>
    <row r="2006" spans="1:30">
      <c r="A2006" s="5" t="s">
        <v>83578</v>
      </c>
      <c r="B2006" s="2" t="s">
        <v>89614</v>
      </c>
      <c r="C2006" s="14" t="s">
        <v>89615</v>
      </c>
      <c r="D2006" s="2" t="s">
        <v>89616</v>
      </c>
      <c r="E2006" s="2" t="s">
        <v>30655</v>
      </c>
      <c r="F2006" s="8">
        <v>385</v>
      </c>
      <c r="G2006" s="5">
        <v>10</v>
      </c>
      <c r="H2006" s="5" t="s">
        <v>69</v>
      </c>
      <c r="I2006" s="5" t="s">
        <v>27074</v>
      </c>
      <c r="J2006" s="2" t="s">
        <v>27075</v>
      </c>
      <c r="K2006" s="5" t="s">
        <v>27074</v>
      </c>
      <c r="L2006" s="2" t="s">
        <v>27075</v>
      </c>
      <c r="M2006" s="5" t="s">
        <v>24254</v>
      </c>
      <c r="N2006" s="5" t="s">
        <v>38</v>
      </c>
      <c r="O2006" s="5" t="s">
        <v>39</v>
      </c>
      <c r="P2006" s="5" t="s">
        <v>40</v>
      </c>
      <c r="Q2006" s="5" t="s">
        <v>24340</v>
      </c>
      <c r="R2006" s="5" t="s">
        <v>40</v>
      </c>
      <c r="S2006" s="5" t="s">
        <v>42</v>
      </c>
      <c r="T2006" s="2">
        <v>9.9860000000000007</v>
      </c>
      <c r="U2006" s="2">
        <v>8.1379999999999999</v>
      </c>
      <c r="V2006" s="2">
        <v>0.11600000000000001</v>
      </c>
      <c r="W2006" s="2">
        <v>12</v>
      </c>
      <c r="X2006" s="2">
        <v>50</v>
      </c>
      <c r="Y2006" s="2">
        <v>193.9</v>
      </c>
      <c r="Z2006" s="5">
        <v>10</v>
      </c>
      <c r="AA2006" s="5" t="s">
        <v>43</v>
      </c>
      <c r="AB2006" s="5" t="s">
        <v>44</v>
      </c>
      <c r="AC2006" s="2" t="s">
        <v>30656</v>
      </c>
      <c r="AD2006" s="1"/>
    </row>
    <row r="2007" spans="1:30">
      <c r="A2007" s="5" t="s">
        <v>83578</v>
      </c>
      <c r="B2007" s="2" t="s">
        <v>89617</v>
      </c>
      <c r="C2007" s="14" t="s">
        <v>89618</v>
      </c>
      <c r="D2007" s="2" t="s">
        <v>89619</v>
      </c>
      <c r="E2007" s="2" t="s">
        <v>30655</v>
      </c>
      <c r="F2007" s="8">
        <v>385</v>
      </c>
      <c r="G2007" s="5">
        <v>10</v>
      </c>
      <c r="H2007" s="5" t="s">
        <v>69</v>
      </c>
      <c r="I2007" s="5" t="s">
        <v>27074</v>
      </c>
      <c r="J2007" s="2" t="s">
        <v>27075</v>
      </c>
      <c r="K2007" s="5" t="s">
        <v>27074</v>
      </c>
      <c r="L2007" s="2" t="s">
        <v>27075</v>
      </c>
      <c r="M2007" s="5" t="s">
        <v>24254</v>
      </c>
      <c r="N2007" s="5" t="s">
        <v>38</v>
      </c>
      <c r="O2007" s="5" t="s">
        <v>39</v>
      </c>
      <c r="P2007" s="5" t="s">
        <v>40</v>
      </c>
      <c r="Q2007" s="5" t="s">
        <v>24340</v>
      </c>
      <c r="R2007" s="5" t="s">
        <v>40</v>
      </c>
      <c r="S2007" s="5" t="s">
        <v>42</v>
      </c>
      <c r="T2007" s="2">
        <v>10.513999999999999</v>
      </c>
      <c r="U2007" s="2">
        <v>8.6660000000000004</v>
      </c>
      <c r="V2007" s="2">
        <v>0.11600000000000001</v>
      </c>
      <c r="W2007" s="2">
        <v>12</v>
      </c>
      <c r="X2007" s="2">
        <v>50</v>
      </c>
      <c r="Y2007" s="2">
        <v>193.9</v>
      </c>
      <c r="Z2007" s="5">
        <v>10</v>
      </c>
      <c r="AA2007" s="5" t="s">
        <v>43</v>
      </c>
      <c r="AB2007" s="5" t="s">
        <v>44</v>
      </c>
      <c r="AC2007" s="2" t="s">
        <v>30534</v>
      </c>
      <c r="AD2007" s="1"/>
    </row>
    <row r="2008" spans="1:30">
      <c r="A2008" s="5" t="s">
        <v>83578</v>
      </c>
      <c r="B2008" s="2" t="s">
        <v>89620</v>
      </c>
      <c r="C2008" s="14" t="s">
        <v>89621</v>
      </c>
      <c r="D2008" s="2" t="s">
        <v>89622</v>
      </c>
      <c r="E2008" s="2" t="s">
        <v>30533</v>
      </c>
      <c r="F2008" s="8">
        <v>385</v>
      </c>
      <c r="G2008" s="5">
        <v>10</v>
      </c>
      <c r="H2008" s="5" t="s">
        <v>69</v>
      </c>
      <c r="I2008" s="5" t="s">
        <v>27074</v>
      </c>
      <c r="J2008" s="2" t="s">
        <v>27075</v>
      </c>
      <c r="K2008" s="5" t="s">
        <v>27074</v>
      </c>
      <c r="L2008" s="2" t="s">
        <v>27075</v>
      </c>
      <c r="M2008" s="5" t="s">
        <v>24254</v>
      </c>
      <c r="N2008" s="5" t="s">
        <v>38</v>
      </c>
      <c r="O2008" s="5" t="s">
        <v>39</v>
      </c>
      <c r="P2008" s="5" t="s">
        <v>40</v>
      </c>
      <c r="Q2008" s="5" t="s">
        <v>24340</v>
      </c>
      <c r="R2008" s="5" t="s">
        <v>40</v>
      </c>
      <c r="S2008" s="5" t="s">
        <v>42</v>
      </c>
      <c r="T2008" s="2">
        <v>13.41</v>
      </c>
      <c r="U2008" s="2">
        <v>11.321999999999999</v>
      </c>
      <c r="V2008" s="2">
        <v>0.11600000000000001</v>
      </c>
      <c r="W2008" s="2">
        <v>12</v>
      </c>
      <c r="X2008" s="2">
        <v>50</v>
      </c>
      <c r="Y2008" s="2">
        <v>193.9</v>
      </c>
      <c r="Z2008" s="5">
        <v>10</v>
      </c>
      <c r="AA2008" s="5" t="s">
        <v>43</v>
      </c>
      <c r="AB2008" s="5" t="s">
        <v>44</v>
      </c>
      <c r="AC2008" s="2" t="s">
        <v>30656</v>
      </c>
      <c r="AD2008" s="1"/>
    </row>
    <row r="2009" spans="1:30">
      <c r="A2009" s="5" t="s">
        <v>83578</v>
      </c>
      <c r="B2009" s="2" t="s">
        <v>89623</v>
      </c>
      <c r="C2009" s="14" t="s">
        <v>89624</v>
      </c>
      <c r="D2009" s="2" t="s">
        <v>89625</v>
      </c>
      <c r="E2009" s="2" t="s">
        <v>30533</v>
      </c>
      <c r="F2009" s="8">
        <v>385</v>
      </c>
      <c r="G2009" s="5">
        <v>10</v>
      </c>
      <c r="H2009" s="5" t="s">
        <v>69</v>
      </c>
      <c r="I2009" s="5" t="s">
        <v>27074</v>
      </c>
      <c r="J2009" s="2" t="s">
        <v>27075</v>
      </c>
      <c r="K2009" s="5" t="s">
        <v>27074</v>
      </c>
      <c r="L2009" s="2" t="s">
        <v>27075</v>
      </c>
      <c r="M2009" s="5" t="s">
        <v>24254</v>
      </c>
      <c r="N2009" s="5" t="s">
        <v>38</v>
      </c>
      <c r="O2009" s="5" t="s">
        <v>39</v>
      </c>
      <c r="P2009" s="5" t="s">
        <v>40</v>
      </c>
      <c r="Q2009" s="5" t="s">
        <v>24340</v>
      </c>
      <c r="R2009" s="5" t="s">
        <v>40</v>
      </c>
      <c r="S2009" s="5" t="s">
        <v>42</v>
      </c>
      <c r="T2009" s="2">
        <v>14.531000000000001</v>
      </c>
      <c r="U2009" s="2">
        <v>12.443</v>
      </c>
      <c r="V2009" s="2">
        <v>0.11600000000000001</v>
      </c>
      <c r="W2009" s="2">
        <v>12</v>
      </c>
      <c r="X2009" s="2">
        <v>50</v>
      </c>
      <c r="Y2009" s="2">
        <v>193.9</v>
      </c>
      <c r="Z2009" s="5">
        <v>10</v>
      </c>
      <c r="AA2009" s="5" t="s">
        <v>43</v>
      </c>
      <c r="AB2009" s="5" t="s">
        <v>44</v>
      </c>
      <c r="AC2009" s="2" t="s">
        <v>30534</v>
      </c>
      <c r="AD2009" s="1"/>
    </row>
    <row r="2010" spans="1:30">
      <c r="A2010" s="5" t="s">
        <v>83578</v>
      </c>
      <c r="B2010" s="2" t="s">
        <v>89626</v>
      </c>
      <c r="C2010" s="14" t="s">
        <v>89627</v>
      </c>
      <c r="D2010" s="2" t="s">
        <v>89628</v>
      </c>
      <c r="E2010" s="2" t="s">
        <v>30862</v>
      </c>
      <c r="F2010" s="8">
        <v>385</v>
      </c>
      <c r="G2010" s="5">
        <v>10</v>
      </c>
      <c r="H2010" s="5" t="s">
        <v>69</v>
      </c>
      <c r="I2010" s="5" t="s">
        <v>27074</v>
      </c>
      <c r="J2010" s="2" t="s">
        <v>27075</v>
      </c>
      <c r="K2010" s="5" t="s">
        <v>27074</v>
      </c>
      <c r="L2010" s="2" t="s">
        <v>27075</v>
      </c>
      <c r="M2010" s="5" t="s">
        <v>24254</v>
      </c>
      <c r="N2010" s="5" t="s">
        <v>38</v>
      </c>
      <c r="O2010" s="5" t="s">
        <v>39</v>
      </c>
      <c r="P2010" s="5" t="s">
        <v>40</v>
      </c>
      <c r="Q2010" s="5" t="s">
        <v>25301</v>
      </c>
      <c r="R2010" s="5" t="s">
        <v>40</v>
      </c>
      <c r="S2010" s="5" t="s">
        <v>42</v>
      </c>
      <c r="T2010" s="2">
        <v>13.157999999999999</v>
      </c>
      <c r="U2010" s="2">
        <v>11.305</v>
      </c>
      <c r="V2010" s="2">
        <v>0.126</v>
      </c>
      <c r="W2010" s="2">
        <v>12</v>
      </c>
      <c r="X2010" s="2">
        <v>50</v>
      </c>
      <c r="Y2010" s="2">
        <v>210</v>
      </c>
      <c r="Z2010" s="5">
        <v>8</v>
      </c>
      <c r="AA2010" s="5" t="s">
        <v>43</v>
      </c>
      <c r="AB2010" s="5" t="s">
        <v>44</v>
      </c>
      <c r="AC2010" s="2" t="s">
        <v>30542</v>
      </c>
      <c r="AD2010" s="1"/>
    </row>
    <row r="2011" spans="1:30">
      <c r="A2011" s="5" t="s">
        <v>83578</v>
      </c>
      <c r="B2011" s="2" t="s">
        <v>89629</v>
      </c>
      <c r="C2011" s="14" t="s">
        <v>89630</v>
      </c>
      <c r="D2011" s="2" t="s">
        <v>89631</v>
      </c>
      <c r="E2011" s="2" t="s">
        <v>31004</v>
      </c>
      <c r="F2011" s="8">
        <v>385</v>
      </c>
      <c r="G2011" s="5">
        <v>10</v>
      </c>
      <c r="H2011" s="5" t="s">
        <v>69</v>
      </c>
      <c r="I2011" s="5" t="s">
        <v>27074</v>
      </c>
      <c r="J2011" s="2" t="s">
        <v>27075</v>
      </c>
      <c r="K2011" s="5" t="s">
        <v>27074</v>
      </c>
      <c r="L2011" s="2" t="s">
        <v>27075</v>
      </c>
      <c r="M2011" s="5" t="s">
        <v>24254</v>
      </c>
      <c r="N2011" s="5" t="s">
        <v>38</v>
      </c>
      <c r="O2011" s="5" t="s">
        <v>39</v>
      </c>
      <c r="P2011" s="5" t="s">
        <v>40</v>
      </c>
      <c r="Q2011" s="5" t="s">
        <v>25301</v>
      </c>
      <c r="R2011" s="5" t="s">
        <v>40</v>
      </c>
      <c r="S2011" s="5" t="s">
        <v>42</v>
      </c>
      <c r="T2011" s="2">
        <v>13.593</v>
      </c>
      <c r="U2011" s="2">
        <v>11.744</v>
      </c>
      <c r="V2011" s="2">
        <v>0.126</v>
      </c>
      <c r="W2011" s="2">
        <v>12</v>
      </c>
      <c r="X2011" s="2">
        <v>50</v>
      </c>
      <c r="Y2011" s="2">
        <v>210</v>
      </c>
      <c r="Z2011" s="5">
        <v>10</v>
      </c>
      <c r="AA2011" s="5" t="s">
        <v>43</v>
      </c>
      <c r="AB2011" s="5" t="s">
        <v>44</v>
      </c>
      <c r="AC2011" s="2" t="s">
        <v>31005</v>
      </c>
      <c r="AD2011" s="1"/>
    </row>
    <row r="2012" spans="1:30">
      <c r="A2012" s="5" t="s">
        <v>83578</v>
      </c>
      <c r="B2012" s="2" t="s">
        <v>89632</v>
      </c>
      <c r="C2012" s="14" t="s">
        <v>89633</v>
      </c>
      <c r="D2012" s="2" t="s">
        <v>89634</v>
      </c>
      <c r="E2012" s="2" t="s">
        <v>31004</v>
      </c>
      <c r="F2012" s="8">
        <v>385</v>
      </c>
      <c r="G2012" s="5">
        <v>10</v>
      </c>
      <c r="H2012" s="5" t="s">
        <v>69</v>
      </c>
      <c r="I2012" s="5" t="s">
        <v>27074</v>
      </c>
      <c r="J2012" s="2" t="s">
        <v>27075</v>
      </c>
      <c r="K2012" s="5" t="s">
        <v>27074</v>
      </c>
      <c r="L2012" s="2" t="s">
        <v>27075</v>
      </c>
      <c r="M2012" s="5" t="s">
        <v>24254</v>
      </c>
      <c r="N2012" s="5" t="s">
        <v>38</v>
      </c>
      <c r="O2012" s="5" t="s">
        <v>39</v>
      </c>
      <c r="P2012" s="5" t="s">
        <v>40</v>
      </c>
      <c r="Q2012" s="5" t="s">
        <v>25301</v>
      </c>
      <c r="R2012" s="5" t="s">
        <v>40</v>
      </c>
      <c r="S2012" s="5" t="s">
        <v>42</v>
      </c>
      <c r="T2012" s="2">
        <v>14.403</v>
      </c>
      <c r="U2012" s="2">
        <v>12.554</v>
      </c>
      <c r="V2012" s="2">
        <v>0.126</v>
      </c>
      <c r="W2012" s="2">
        <v>12</v>
      </c>
      <c r="X2012" s="2">
        <v>50</v>
      </c>
      <c r="Y2012" s="2">
        <v>210</v>
      </c>
      <c r="Z2012" s="5">
        <v>10</v>
      </c>
      <c r="AA2012" s="5" t="s">
        <v>43</v>
      </c>
      <c r="AB2012" s="5" t="s">
        <v>44</v>
      </c>
      <c r="AC2012" s="2" t="s">
        <v>31468</v>
      </c>
      <c r="AD2012" s="1"/>
    </row>
    <row r="2013" spans="1:30">
      <c r="A2013" s="5" t="s">
        <v>83578</v>
      </c>
      <c r="B2013" s="2" t="s">
        <v>89635</v>
      </c>
      <c r="C2013" s="14" t="s">
        <v>89636</v>
      </c>
      <c r="D2013" s="2" t="s">
        <v>89637</v>
      </c>
      <c r="E2013" s="2" t="s">
        <v>31009</v>
      </c>
      <c r="F2013" s="8">
        <v>385</v>
      </c>
      <c r="G2013" s="5">
        <v>10</v>
      </c>
      <c r="H2013" s="5" t="s">
        <v>69</v>
      </c>
      <c r="I2013" s="5" t="s">
        <v>27074</v>
      </c>
      <c r="J2013" s="2" t="s">
        <v>27075</v>
      </c>
      <c r="K2013" s="5" t="s">
        <v>27074</v>
      </c>
      <c r="L2013" s="2" t="s">
        <v>27075</v>
      </c>
      <c r="M2013" s="5" t="s">
        <v>24254</v>
      </c>
      <c r="N2013" s="5" t="s">
        <v>38</v>
      </c>
      <c r="O2013" s="5" t="s">
        <v>39</v>
      </c>
      <c r="P2013" s="5" t="s">
        <v>40</v>
      </c>
      <c r="Q2013" s="5" t="s">
        <v>25301</v>
      </c>
      <c r="R2013" s="5" t="s">
        <v>40</v>
      </c>
      <c r="S2013" s="5" t="s">
        <v>42</v>
      </c>
      <c r="T2013" s="2">
        <v>9.9280000000000008</v>
      </c>
      <c r="U2013" s="2">
        <v>8.0790000000000006</v>
      </c>
      <c r="V2013" s="2">
        <v>0.11600000000000001</v>
      </c>
      <c r="W2013" s="2">
        <v>12</v>
      </c>
      <c r="X2013" s="2">
        <v>50</v>
      </c>
      <c r="Y2013" s="2">
        <v>193.9</v>
      </c>
      <c r="Z2013" s="5">
        <v>10</v>
      </c>
      <c r="AA2013" s="5" t="s">
        <v>43</v>
      </c>
      <c r="AB2013" s="5" t="s">
        <v>44</v>
      </c>
      <c r="AC2013" s="2" t="s">
        <v>31010</v>
      </c>
      <c r="AD2013" s="1"/>
    </row>
    <row r="2014" spans="1:30">
      <c r="A2014" s="5" t="s">
        <v>83578</v>
      </c>
      <c r="B2014" s="2" t="s">
        <v>89638</v>
      </c>
      <c r="C2014" s="14" t="s">
        <v>89639</v>
      </c>
      <c r="D2014" s="2" t="s">
        <v>89640</v>
      </c>
      <c r="E2014" s="2" t="s">
        <v>31009</v>
      </c>
      <c r="F2014" s="8">
        <v>385</v>
      </c>
      <c r="G2014" s="5">
        <v>10</v>
      </c>
      <c r="H2014" s="5" t="s">
        <v>69</v>
      </c>
      <c r="I2014" s="5" t="s">
        <v>27074</v>
      </c>
      <c r="J2014" s="2" t="s">
        <v>27075</v>
      </c>
      <c r="K2014" s="5" t="s">
        <v>27074</v>
      </c>
      <c r="L2014" s="2" t="s">
        <v>27075</v>
      </c>
      <c r="M2014" s="5" t="s">
        <v>24254</v>
      </c>
      <c r="N2014" s="5" t="s">
        <v>38</v>
      </c>
      <c r="O2014" s="5" t="s">
        <v>39</v>
      </c>
      <c r="P2014" s="5" t="s">
        <v>40</v>
      </c>
      <c r="Q2014" s="5" t="s">
        <v>25301</v>
      </c>
      <c r="R2014" s="5" t="s">
        <v>40</v>
      </c>
      <c r="S2014" s="5" t="s">
        <v>42</v>
      </c>
      <c r="T2014" s="2">
        <v>9.5380000000000003</v>
      </c>
      <c r="U2014" s="2">
        <v>7.6890000000000001</v>
      </c>
      <c r="V2014" s="2">
        <v>0.11600000000000001</v>
      </c>
      <c r="W2014" s="2">
        <v>12</v>
      </c>
      <c r="X2014" s="2">
        <v>50</v>
      </c>
      <c r="Y2014" s="2">
        <v>193.9</v>
      </c>
      <c r="Z2014" s="5">
        <v>10</v>
      </c>
      <c r="AA2014" s="5" t="s">
        <v>43</v>
      </c>
      <c r="AB2014" s="5" t="s">
        <v>44</v>
      </c>
      <c r="AC2014" s="2" t="s">
        <v>31472</v>
      </c>
      <c r="AD2014" s="1"/>
    </row>
    <row r="2015" spans="1:30">
      <c r="A2015" s="5" t="s">
        <v>83578</v>
      </c>
      <c r="B2015" s="2" t="s">
        <v>89641</v>
      </c>
      <c r="C2015" s="14" t="s">
        <v>89642</v>
      </c>
      <c r="D2015" s="2" t="s">
        <v>89643</v>
      </c>
      <c r="E2015" s="2" t="s">
        <v>31191</v>
      </c>
      <c r="F2015" s="8">
        <v>385</v>
      </c>
      <c r="G2015" s="5">
        <v>10</v>
      </c>
      <c r="H2015" s="5" t="s">
        <v>69</v>
      </c>
      <c r="I2015" s="5" t="s">
        <v>27074</v>
      </c>
      <c r="J2015" s="2" t="s">
        <v>27075</v>
      </c>
      <c r="K2015" s="5" t="s">
        <v>27074</v>
      </c>
      <c r="L2015" s="2" t="s">
        <v>27075</v>
      </c>
      <c r="M2015" s="5" t="s">
        <v>24254</v>
      </c>
      <c r="N2015" s="5" t="s">
        <v>38</v>
      </c>
      <c r="O2015" s="5" t="s">
        <v>39</v>
      </c>
      <c r="P2015" s="5" t="s">
        <v>40</v>
      </c>
      <c r="Q2015" s="5" t="s">
        <v>25301</v>
      </c>
      <c r="R2015" s="5" t="s">
        <v>40</v>
      </c>
      <c r="S2015" s="5" t="s">
        <v>42</v>
      </c>
      <c r="T2015" s="2">
        <v>11.964</v>
      </c>
      <c r="U2015" s="2">
        <v>9.875</v>
      </c>
      <c r="V2015" s="2">
        <v>0.11600000000000001</v>
      </c>
      <c r="W2015" s="2">
        <v>12</v>
      </c>
      <c r="X2015" s="2">
        <v>50</v>
      </c>
      <c r="Y2015" s="2">
        <v>193.9</v>
      </c>
      <c r="Z2015" s="5">
        <v>10</v>
      </c>
      <c r="AA2015" s="5" t="s">
        <v>43</v>
      </c>
      <c r="AB2015" s="5" t="s">
        <v>44</v>
      </c>
      <c r="AC2015" s="2" t="s">
        <v>31010</v>
      </c>
      <c r="AD2015" s="1"/>
    </row>
    <row r="2016" spans="1:30">
      <c r="A2016" s="5" t="s">
        <v>83578</v>
      </c>
      <c r="B2016" s="2" t="s">
        <v>89644</v>
      </c>
      <c r="C2016" s="14" t="s">
        <v>89645</v>
      </c>
      <c r="D2016" s="2" t="s">
        <v>89646</v>
      </c>
      <c r="E2016" s="2" t="s">
        <v>31191</v>
      </c>
      <c r="F2016" s="8">
        <v>385</v>
      </c>
      <c r="G2016" s="5">
        <v>10</v>
      </c>
      <c r="H2016" s="5" t="s">
        <v>69</v>
      </c>
      <c r="I2016" s="5" t="s">
        <v>27074</v>
      </c>
      <c r="J2016" s="2" t="s">
        <v>27075</v>
      </c>
      <c r="K2016" s="5" t="s">
        <v>27074</v>
      </c>
      <c r="L2016" s="2" t="s">
        <v>27075</v>
      </c>
      <c r="M2016" s="5" t="s">
        <v>24254</v>
      </c>
      <c r="N2016" s="5" t="s">
        <v>38</v>
      </c>
      <c r="O2016" s="5" t="s">
        <v>39</v>
      </c>
      <c r="P2016" s="5" t="s">
        <v>40</v>
      </c>
      <c r="Q2016" s="5" t="s">
        <v>25301</v>
      </c>
      <c r="R2016" s="5" t="s">
        <v>40</v>
      </c>
      <c r="S2016" s="5" t="s">
        <v>42</v>
      </c>
      <c r="T2016" s="2">
        <v>12.819000000000001</v>
      </c>
      <c r="U2016" s="2">
        <v>10.73</v>
      </c>
      <c r="V2016" s="2">
        <v>0.11600000000000001</v>
      </c>
      <c r="W2016" s="2">
        <v>12</v>
      </c>
      <c r="X2016" s="2">
        <v>50</v>
      </c>
      <c r="Y2016" s="2">
        <v>193.9</v>
      </c>
      <c r="Z2016" s="5">
        <v>10</v>
      </c>
      <c r="AA2016" s="5" t="s">
        <v>43</v>
      </c>
      <c r="AB2016" s="5" t="s">
        <v>44</v>
      </c>
      <c r="AC2016" s="2" t="s">
        <v>31472</v>
      </c>
      <c r="AD2016" s="1"/>
    </row>
    <row r="2017" spans="1:30">
      <c r="A2017" s="5" t="s">
        <v>83578</v>
      </c>
      <c r="B2017" s="2" t="s">
        <v>89647</v>
      </c>
      <c r="C2017" s="14" t="s">
        <v>89648</v>
      </c>
      <c r="D2017" s="2" t="s">
        <v>89649</v>
      </c>
      <c r="E2017" s="2" t="s">
        <v>30524</v>
      </c>
      <c r="F2017" s="8">
        <v>372</v>
      </c>
      <c r="G2017" s="5">
        <v>10</v>
      </c>
      <c r="H2017" s="5" t="s">
        <v>69</v>
      </c>
      <c r="I2017" s="5" t="s">
        <v>27074</v>
      </c>
      <c r="J2017" s="2" t="s">
        <v>27075</v>
      </c>
      <c r="K2017" s="5" t="s">
        <v>27074</v>
      </c>
      <c r="L2017" s="2" t="s">
        <v>27075</v>
      </c>
      <c r="M2017" s="5" t="s">
        <v>24254</v>
      </c>
      <c r="N2017" s="5" t="s">
        <v>38</v>
      </c>
      <c r="O2017" s="5" t="s">
        <v>39</v>
      </c>
      <c r="P2017" s="5" t="s">
        <v>40</v>
      </c>
      <c r="Q2017" s="5" t="s">
        <v>24340</v>
      </c>
      <c r="R2017" s="5" t="s">
        <v>40</v>
      </c>
      <c r="S2017" s="5" t="s">
        <v>42</v>
      </c>
      <c r="T2017" s="2">
        <v>18.532</v>
      </c>
      <c r="U2017" s="2">
        <v>16.722000000000001</v>
      </c>
      <c r="V2017" s="2">
        <v>0.104</v>
      </c>
      <c r="W2017" s="2">
        <v>12</v>
      </c>
      <c r="X2017" s="2">
        <v>50</v>
      </c>
      <c r="Y2017" s="2">
        <v>173.9</v>
      </c>
      <c r="Z2017" s="5">
        <v>8</v>
      </c>
      <c r="AA2017" s="5" t="s">
        <v>43</v>
      </c>
      <c r="AB2017" s="5" t="s">
        <v>44</v>
      </c>
      <c r="AC2017" s="2" t="s">
        <v>30525</v>
      </c>
      <c r="AD2017" s="1"/>
    </row>
    <row r="2018" spans="1:30">
      <c r="A2018" s="5" t="s">
        <v>83578</v>
      </c>
      <c r="B2018" s="2" t="s">
        <v>89650</v>
      </c>
      <c r="C2018" s="14" t="s">
        <v>89651</v>
      </c>
      <c r="D2018" s="2" t="s">
        <v>89652</v>
      </c>
      <c r="E2018" s="2" t="s">
        <v>30650</v>
      </c>
      <c r="F2018" s="8">
        <v>372</v>
      </c>
      <c r="G2018" s="5">
        <v>10</v>
      </c>
      <c r="H2018" s="5" t="s">
        <v>69</v>
      </c>
      <c r="I2018" s="5" t="s">
        <v>27074</v>
      </c>
      <c r="J2018" s="2" t="s">
        <v>27075</v>
      </c>
      <c r="K2018" s="5" t="s">
        <v>27074</v>
      </c>
      <c r="L2018" s="2" t="s">
        <v>27075</v>
      </c>
      <c r="M2018" s="5" t="s">
        <v>24254</v>
      </c>
      <c r="N2018" s="5" t="s">
        <v>38</v>
      </c>
      <c r="O2018" s="5" t="s">
        <v>39</v>
      </c>
      <c r="P2018" s="5" t="s">
        <v>40</v>
      </c>
      <c r="Q2018" s="5" t="s">
        <v>24340</v>
      </c>
      <c r="R2018" s="5" t="s">
        <v>40</v>
      </c>
      <c r="S2018" s="5" t="s">
        <v>42</v>
      </c>
      <c r="T2018" s="2">
        <v>12.999000000000001</v>
      </c>
      <c r="U2018" s="2">
        <v>11.222</v>
      </c>
      <c r="V2018" s="2">
        <v>0.104</v>
      </c>
      <c r="W2018" s="2">
        <v>12</v>
      </c>
      <c r="X2018" s="2">
        <v>50</v>
      </c>
      <c r="Y2018" s="2">
        <v>173.9</v>
      </c>
      <c r="Z2018" s="5">
        <v>10</v>
      </c>
      <c r="AA2018" s="5" t="s">
        <v>43</v>
      </c>
      <c r="AB2018" s="5" t="s">
        <v>44</v>
      </c>
      <c r="AC2018" s="2" t="s">
        <v>30651</v>
      </c>
      <c r="AD2018" s="1"/>
    </row>
    <row r="2019" spans="1:30">
      <c r="A2019" s="5" t="s">
        <v>83578</v>
      </c>
      <c r="B2019" s="2" t="s">
        <v>89653</v>
      </c>
      <c r="C2019" s="14" t="s">
        <v>89654</v>
      </c>
      <c r="D2019" s="2" t="s">
        <v>89655</v>
      </c>
      <c r="E2019" s="2" t="s">
        <v>30650</v>
      </c>
      <c r="F2019" s="8">
        <v>372</v>
      </c>
      <c r="G2019" s="5">
        <v>10</v>
      </c>
      <c r="H2019" s="5" t="s">
        <v>69</v>
      </c>
      <c r="I2019" s="5" t="s">
        <v>27074</v>
      </c>
      <c r="J2019" s="2" t="s">
        <v>27075</v>
      </c>
      <c r="K2019" s="5" t="s">
        <v>27074</v>
      </c>
      <c r="L2019" s="2" t="s">
        <v>27075</v>
      </c>
      <c r="M2019" s="5" t="s">
        <v>24254</v>
      </c>
      <c r="N2019" s="5" t="s">
        <v>38</v>
      </c>
      <c r="O2019" s="5" t="s">
        <v>39</v>
      </c>
      <c r="P2019" s="5" t="s">
        <v>40</v>
      </c>
      <c r="Q2019" s="5" t="s">
        <v>24340</v>
      </c>
      <c r="R2019" s="5" t="s">
        <v>40</v>
      </c>
      <c r="S2019" s="5" t="s">
        <v>42</v>
      </c>
      <c r="T2019" s="2">
        <v>14.252000000000001</v>
      </c>
      <c r="U2019" s="2">
        <v>12.475</v>
      </c>
      <c r="V2019" s="2">
        <v>0.104</v>
      </c>
      <c r="W2019" s="2">
        <v>12</v>
      </c>
      <c r="X2019" s="2">
        <v>50</v>
      </c>
      <c r="Y2019" s="2">
        <v>173.9</v>
      </c>
      <c r="Z2019" s="5">
        <v>10</v>
      </c>
      <c r="AA2019" s="5" t="s">
        <v>43</v>
      </c>
      <c r="AB2019" s="5" t="s">
        <v>44</v>
      </c>
      <c r="AC2019" s="2" t="s">
        <v>30846</v>
      </c>
      <c r="AD2019" s="1"/>
    </row>
    <row r="2020" spans="1:30">
      <c r="A2020" s="5" t="s">
        <v>83578</v>
      </c>
      <c r="B2020" s="2" t="s">
        <v>89656</v>
      </c>
      <c r="C2020" s="14" t="s">
        <v>89657</v>
      </c>
      <c r="D2020" s="2" t="s">
        <v>89658</v>
      </c>
      <c r="E2020" s="2" t="s">
        <v>30655</v>
      </c>
      <c r="F2020" s="8">
        <v>372</v>
      </c>
      <c r="G2020" s="5">
        <v>10</v>
      </c>
      <c r="H2020" s="5" t="s">
        <v>69</v>
      </c>
      <c r="I2020" s="5" t="s">
        <v>27074</v>
      </c>
      <c r="J2020" s="2" t="s">
        <v>27075</v>
      </c>
      <c r="K2020" s="5" t="s">
        <v>27074</v>
      </c>
      <c r="L2020" s="2" t="s">
        <v>27075</v>
      </c>
      <c r="M2020" s="5" t="s">
        <v>24254</v>
      </c>
      <c r="N2020" s="5" t="s">
        <v>38</v>
      </c>
      <c r="O2020" s="5" t="s">
        <v>39</v>
      </c>
      <c r="P2020" s="5" t="s">
        <v>40</v>
      </c>
      <c r="Q2020" s="5" t="s">
        <v>24340</v>
      </c>
      <c r="R2020" s="5" t="s">
        <v>40</v>
      </c>
      <c r="S2020" s="5" t="s">
        <v>42</v>
      </c>
      <c r="T2020" s="2">
        <v>8.8239999999999998</v>
      </c>
      <c r="U2020" s="2">
        <v>7.0469999999999997</v>
      </c>
      <c r="V2020" s="2">
        <v>0.104</v>
      </c>
      <c r="W2020" s="2">
        <v>12</v>
      </c>
      <c r="X2020" s="2">
        <v>50</v>
      </c>
      <c r="Y2020" s="2">
        <v>173.9</v>
      </c>
      <c r="Z2020" s="5">
        <v>10</v>
      </c>
      <c r="AA2020" s="5" t="s">
        <v>43</v>
      </c>
      <c r="AB2020" s="5" t="s">
        <v>44</v>
      </c>
      <c r="AC2020" s="2" t="s">
        <v>30656</v>
      </c>
      <c r="AD2020" s="1"/>
    </row>
    <row r="2021" spans="1:30">
      <c r="A2021" s="5" t="s">
        <v>83578</v>
      </c>
      <c r="B2021" s="2" t="s">
        <v>89659</v>
      </c>
      <c r="C2021" s="14" t="s">
        <v>89660</v>
      </c>
      <c r="D2021" s="2" t="s">
        <v>89661</v>
      </c>
      <c r="E2021" s="2" t="s">
        <v>30655</v>
      </c>
      <c r="F2021" s="8">
        <v>372</v>
      </c>
      <c r="G2021" s="5">
        <v>10</v>
      </c>
      <c r="H2021" s="5" t="s">
        <v>69</v>
      </c>
      <c r="I2021" s="5" t="s">
        <v>27074</v>
      </c>
      <c r="J2021" s="2" t="s">
        <v>27075</v>
      </c>
      <c r="K2021" s="5" t="s">
        <v>27074</v>
      </c>
      <c r="L2021" s="2" t="s">
        <v>27075</v>
      </c>
      <c r="M2021" s="5" t="s">
        <v>24254</v>
      </c>
      <c r="N2021" s="5" t="s">
        <v>38</v>
      </c>
      <c r="O2021" s="5" t="s">
        <v>39</v>
      </c>
      <c r="P2021" s="5" t="s">
        <v>40</v>
      </c>
      <c r="Q2021" s="5" t="s">
        <v>24340</v>
      </c>
      <c r="R2021" s="5" t="s">
        <v>40</v>
      </c>
      <c r="S2021" s="5" t="s">
        <v>42</v>
      </c>
      <c r="T2021" s="2">
        <v>9.3520000000000003</v>
      </c>
      <c r="U2021" s="2">
        <v>7.5750000000000002</v>
      </c>
      <c r="V2021" s="2">
        <v>0.104</v>
      </c>
      <c r="W2021" s="2">
        <v>12</v>
      </c>
      <c r="X2021" s="2">
        <v>50</v>
      </c>
      <c r="Y2021" s="2">
        <v>173.9</v>
      </c>
      <c r="Z2021" s="5">
        <v>10</v>
      </c>
      <c r="AA2021" s="5" t="s">
        <v>43</v>
      </c>
      <c r="AB2021" s="5" t="s">
        <v>44</v>
      </c>
      <c r="AC2021" s="2" t="s">
        <v>30534</v>
      </c>
      <c r="AD2021" s="1"/>
    </row>
    <row r="2022" spans="1:30">
      <c r="A2022" s="5" t="s">
        <v>83578</v>
      </c>
      <c r="B2022" s="2" t="s">
        <v>89662</v>
      </c>
      <c r="C2022" s="14" t="s">
        <v>89663</v>
      </c>
      <c r="D2022" s="2" t="s">
        <v>89664</v>
      </c>
      <c r="E2022" s="2" t="s">
        <v>30533</v>
      </c>
      <c r="F2022" s="8">
        <v>372</v>
      </c>
      <c r="G2022" s="5">
        <v>10</v>
      </c>
      <c r="H2022" s="5" t="s">
        <v>69</v>
      </c>
      <c r="I2022" s="5" t="s">
        <v>27074</v>
      </c>
      <c r="J2022" s="2" t="s">
        <v>27075</v>
      </c>
      <c r="K2022" s="5" t="s">
        <v>27074</v>
      </c>
      <c r="L2022" s="2" t="s">
        <v>27075</v>
      </c>
      <c r="M2022" s="5" t="s">
        <v>24254</v>
      </c>
      <c r="N2022" s="5" t="s">
        <v>38</v>
      </c>
      <c r="O2022" s="5" t="s">
        <v>39</v>
      </c>
      <c r="P2022" s="5" t="s">
        <v>40</v>
      </c>
      <c r="Q2022" s="5" t="s">
        <v>24340</v>
      </c>
      <c r="R2022" s="5" t="s">
        <v>40</v>
      </c>
      <c r="S2022" s="5" t="s">
        <v>42</v>
      </c>
      <c r="T2022" s="2">
        <v>11.726000000000001</v>
      </c>
      <c r="U2022" s="2">
        <v>9.8339999999999996</v>
      </c>
      <c r="V2022" s="2">
        <v>0.104</v>
      </c>
      <c r="W2022" s="2">
        <v>12</v>
      </c>
      <c r="X2022" s="2">
        <v>50</v>
      </c>
      <c r="Y2022" s="2">
        <v>173.9</v>
      </c>
      <c r="Z2022" s="5">
        <v>10</v>
      </c>
      <c r="AA2022" s="5" t="s">
        <v>43</v>
      </c>
      <c r="AB2022" s="5" t="s">
        <v>44</v>
      </c>
      <c r="AC2022" s="2" t="s">
        <v>30656</v>
      </c>
      <c r="AD2022" s="1"/>
    </row>
    <row r="2023" spans="1:30">
      <c r="A2023" s="5" t="s">
        <v>83578</v>
      </c>
      <c r="B2023" s="2" t="s">
        <v>89665</v>
      </c>
      <c r="C2023" s="14" t="s">
        <v>89666</v>
      </c>
      <c r="D2023" s="2" t="s">
        <v>89667</v>
      </c>
      <c r="E2023" s="2" t="s">
        <v>30533</v>
      </c>
      <c r="F2023" s="8">
        <v>372</v>
      </c>
      <c r="G2023" s="5">
        <v>10</v>
      </c>
      <c r="H2023" s="5" t="s">
        <v>69</v>
      </c>
      <c r="I2023" s="5" t="s">
        <v>27074</v>
      </c>
      <c r="J2023" s="2" t="s">
        <v>27075</v>
      </c>
      <c r="K2023" s="5" t="s">
        <v>27074</v>
      </c>
      <c r="L2023" s="2" t="s">
        <v>27075</v>
      </c>
      <c r="M2023" s="5" t="s">
        <v>24254</v>
      </c>
      <c r="N2023" s="5" t="s">
        <v>38</v>
      </c>
      <c r="O2023" s="5" t="s">
        <v>39</v>
      </c>
      <c r="P2023" s="5" t="s">
        <v>40</v>
      </c>
      <c r="Q2023" s="5" t="s">
        <v>24340</v>
      </c>
      <c r="R2023" s="5" t="s">
        <v>40</v>
      </c>
      <c r="S2023" s="5" t="s">
        <v>42</v>
      </c>
      <c r="T2023" s="2">
        <v>13.023</v>
      </c>
      <c r="U2023" s="2">
        <v>11.131</v>
      </c>
      <c r="V2023" s="2">
        <v>0.104</v>
      </c>
      <c r="W2023" s="2">
        <v>12</v>
      </c>
      <c r="X2023" s="2">
        <v>50</v>
      </c>
      <c r="Y2023" s="2">
        <v>173.9</v>
      </c>
      <c r="Z2023" s="5">
        <v>10</v>
      </c>
      <c r="AA2023" s="5" t="s">
        <v>43</v>
      </c>
      <c r="AB2023" s="5" t="s">
        <v>44</v>
      </c>
      <c r="AC2023" s="2" t="s">
        <v>30534</v>
      </c>
      <c r="AD2023" s="1"/>
    </row>
    <row r="2024" spans="1:30">
      <c r="A2024" s="5" t="s">
        <v>83578</v>
      </c>
      <c r="B2024" s="2" t="s">
        <v>89668</v>
      </c>
      <c r="C2024" s="14" t="s">
        <v>89669</v>
      </c>
      <c r="D2024" s="2" t="s">
        <v>89670</v>
      </c>
      <c r="E2024" s="2" t="s">
        <v>30862</v>
      </c>
      <c r="F2024" s="8">
        <v>372</v>
      </c>
      <c r="G2024" s="5">
        <v>10</v>
      </c>
      <c r="H2024" s="5" t="s">
        <v>69</v>
      </c>
      <c r="I2024" s="5" t="s">
        <v>27074</v>
      </c>
      <c r="J2024" s="2" t="s">
        <v>27075</v>
      </c>
      <c r="K2024" s="5" t="s">
        <v>27074</v>
      </c>
      <c r="L2024" s="2" t="s">
        <v>27075</v>
      </c>
      <c r="M2024" s="5" t="s">
        <v>24254</v>
      </c>
      <c r="N2024" s="5" t="s">
        <v>38</v>
      </c>
      <c r="O2024" s="5" t="s">
        <v>39</v>
      </c>
      <c r="P2024" s="5" t="s">
        <v>40</v>
      </c>
      <c r="Q2024" s="5" t="s">
        <v>25301</v>
      </c>
      <c r="R2024" s="5" t="s">
        <v>40</v>
      </c>
      <c r="S2024" s="5" t="s">
        <v>42</v>
      </c>
      <c r="T2024" s="2">
        <v>11.958</v>
      </c>
      <c r="U2024" s="2">
        <v>10.176</v>
      </c>
      <c r="V2024" s="2">
        <v>0.104</v>
      </c>
      <c r="W2024" s="2">
        <v>12</v>
      </c>
      <c r="X2024" s="2">
        <v>50</v>
      </c>
      <c r="Y2024" s="2">
        <v>173.9</v>
      </c>
      <c r="Z2024" s="5">
        <v>8</v>
      </c>
      <c r="AA2024" s="5" t="s">
        <v>43</v>
      </c>
      <c r="AB2024" s="5" t="s">
        <v>44</v>
      </c>
      <c r="AC2024" s="2" t="s">
        <v>30542</v>
      </c>
      <c r="AD2024" s="1"/>
    </row>
    <row r="2025" spans="1:30">
      <c r="A2025" s="5" t="s">
        <v>83578</v>
      </c>
      <c r="B2025" s="2" t="s">
        <v>89671</v>
      </c>
      <c r="C2025" s="14" t="s">
        <v>89672</v>
      </c>
      <c r="D2025" s="2" t="s">
        <v>89673</v>
      </c>
      <c r="E2025" s="2" t="s">
        <v>31004</v>
      </c>
      <c r="F2025" s="8">
        <v>372</v>
      </c>
      <c r="G2025" s="5">
        <v>10</v>
      </c>
      <c r="H2025" s="5" t="s">
        <v>69</v>
      </c>
      <c r="I2025" s="5" t="s">
        <v>27074</v>
      </c>
      <c r="J2025" s="2" t="s">
        <v>27075</v>
      </c>
      <c r="K2025" s="5" t="s">
        <v>27074</v>
      </c>
      <c r="L2025" s="2" t="s">
        <v>27075</v>
      </c>
      <c r="M2025" s="5" t="s">
        <v>24254</v>
      </c>
      <c r="N2025" s="5" t="s">
        <v>38</v>
      </c>
      <c r="O2025" s="5" t="s">
        <v>39</v>
      </c>
      <c r="P2025" s="5" t="s">
        <v>40</v>
      </c>
      <c r="Q2025" s="5" t="s">
        <v>25301</v>
      </c>
      <c r="R2025" s="5" t="s">
        <v>40</v>
      </c>
      <c r="S2025" s="5" t="s">
        <v>42</v>
      </c>
      <c r="T2025" s="2">
        <v>11.571999999999999</v>
      </c>
      <c r="U2025" s="2">
        <v>9.7940000000000005</v>
      </c>
      <c r="V2025" s="2">
        <v>0.104</v>
      </c>
      <c r="W2025" s="2">
        <v>12</v>
      </c>
      <c r="X2025" s="2">
        <v>50</v>
      </c>
      <c r="Y2025" s="2">
        <v>173.9</v>
      </c>
      <c r="Z2025" s="5">
        <v>10</v>
      </c>
      <c r="AA2025" s="5" t="s">
        <v>43</v>
      </c>
      <c r="AB2025" s="5" t="s">
        <v>44</v>
      </c>
      <c r="AC2025" s="2" t="s">
        <v>31005</v>
      </c>
      <c r="AD2025" s="1"/>
    </row>
    <row r="2026" spans="1:30">
      <c r="A2026" s="5" t="s">
        <v>83578</v>
      </c>
      <c r="B2026" s="2" t="s">
        <v>89674</v>
      </c>
      <c r="C2026" s="14" t="s">
        <v>89675</v>
      </c>
      <c r="D2026" s="2" t="s">
        <v>89676</v>
      </c>
      <c r="E2026" s="2" t="s">
        <v>31004</v>
      </c>
      <c r="F2026" s="8">
        <v>372</v>
      </c>
      <c r="G2026" s="5">
        <v>10</v>
      </c>
      <c r="H2026" s="5" t="s">
        <v>69</v>
      </c>
      <c r="I2026" s="5" t="s">
        <v>27074</v>
      </c>
      <c r="J2026" s="2" t="s">
        <v>27075</v>
      </c>
      <c r="K2026" s="5" t="s">
        <v>27074</v>
      </c>
      <c r="L2026" s="2" t="s">
        <v>27075</v>
      </c>
      <c r="M2026" s="5" t="s">
        <v>24254</v>
      </c>
      <c r="N2026" s="5" t="s">
        <v>38</v>
      </c>
      <c r="O2026" s="5" t="s">
        <v>39</v>
      </c>
      <c r="P2026" s="5" t="s">
        <v>40</v>
      </c>
      <c r="Q2026" s="5" t="s">
        <v>25301</v>
      </c>
      <c r="R2026" s="5" t="s">
        <v>40</v>
      </c>
      <c r="S2026" s="5" t="s">
        <v>42</v>
      </c>
      <c r="T2026" s="2">
        <v>12.510999999999999</v>
      </c>
      <c r="U2026" s="2">
        <v>10.733000000000001</v>
      </c>
      <c r="V2026" s="2">
        <v>0.104</v>
      </c>
      <c r="W2026" s="2">
        <v>12</v>
      </c>
      <c r="X2026" s="2">
        <v>50</v>
      </c>
      <c r="Y2026" s="2">
        <v>173.9</v>
      </c>
      <c r="Z2026" s="5">
        <v>10</v>
      </c>
      <c r="AA2026" s="5" t="s">
        <v>43</v>
      </c>
      <c r="AB2026" s="5" t="s">
        <v>44</v>
      </c>
      <c r="AC2026" s="2" t="s">
        <v>31468</v>
      </c>
      <c r="AD2026" s="1"/>
    </row>
    <row r="2027" spans="1:30">
      <c r="A2027" s="5" t="s">
        <v>83578</v>
      </c>
      <c r="B2027" s="2" t="s">
        <v>89677</v>
      </c>
      <c r="C2027" s="14" t="s">
        <v>89678</v>
      </c>
      <c r="D2027" s="2" t="s">
        <v>89679</v>
      </c>
      <c r="E2027" s="2" t="s">
        <v>31009</v>
      </c>
      <c r="F2027" s="8">
        <v>372</v>
      </c>
      <c r="G2027" s="5">
        <v>10</v>
      </c>
      <c r="H2027" s="5" t="s">
        <v>69</v>
      </c>
      <c r="I2027" s="5" t="s">
        <v>27074</v>
      </c>
      <c r="J2027" s="2" t="s">
        <v>27075</v>
      </c>
      <c r="K2027" s="5" t="s">
        <v>27074</v>
      </c>
      <c r="L2027" s="2" t="s">
        <v>27075</v>
      </c>
      <c r="M2027" s="5" t="s">
        <v>24254</v>
      </c>
      <c r="N2027" s="5" t="s">
        <v>38</v>
      </c>
      <c r="O2027" s="5" t="s">
        <v>39</v>
      </c>
      <c r="P2027" s="5" t="s">
        <v>40</v>
      </c>
      <c r="Q2027" s="5" t="s">
        <v>25301</v>
      </c>
      <c r="R2027" s="5" t="s">
        <v>40</v>
      </c>
      <c r="S2027" s="5" t="s">
        <v>42</v>
      </c>
      <c r="T2027" s="2">
        <v>9.08</v>
      </c>
      <c r="U2027" s="2">
        <v>7.3019999999999996</v>
      </c>
      <c r="V2027" s="2">
        <v>0.104</v>
      </c>
      <c r="W2027" s="2">
        <v>12</v>
      </c>
      <c r="X2027" s="2">
        <v>50</v>
      </c>
      <c r="Y2027" s="2">
        <v>173.9</v>
      </c>
      <c r="Z2027" s="5">
        <v>10</v>
      </c>
      <c r="AA2027" s="5" t="s">
        <v>43</v>
      </c>
      <c r="AB2027" s="5" t="s">
        <v>44</v>
      </c>
      <c r="AC2027" s="2" t="s">
        <v>31010</v>
      </c>
      <c r="AD2027" s="1"/>
    </row>
    <row r="2028" spans="1:30">
      <c r="A2028" s="5" t="s">
        <v>83578</v>
      </c>
      <c r="B2028" s="2" t="s">
        <v>89680</v>
      </c>
      <c r="C2028" s="14" t="s">
        <v>89681</v>
      </c>
      <c r="D2028" s="2" t="s">
        <v>89682</v>
      </c>
      <c r="E2028" s="2" t="s">
        <v>31009</v>
      </c>
      <c r="F2028" s="8">
        <v>372</v>
      </c>
      <c r="G2028" s="5">
        <v>10</v>
      </c>
      <c r="H2028" s="5" t="s">
        <v>69</v>
      </c>
      <c r="I2028" s="5" t="s">
        <v>27074</v>
      </c>
      <c r="J2028" s="2" t="s">
        <v>27075</v>
      </c>
      <c r="K2028" s="5" t="s">
        <v>27074</v>
      </c>
      <c r="L2028" s="2" t="s">
        <v>27075</v>
      </c>
      <c r="M2028" s="5" t="s">
        <v>24254</v>
      </c>
      <c r="N2028" s="5" t="s">
        <v>38</v>
      </c>
      <c r="O2028" s="5" t="s">
        <v>39</v>
      </c>
      <c r="P2028" s="5" t="s">
        <v>40</v>
      </c>
      <c r="Q2028" s="5" t="s">
        <v>25301</v>
      </c>
      <c r="R2028" s="5" t="s">
        <v>40</v>
      </c>
      <c r="S2028" s="5" t="s">
        <v>42</v>
      </c>
      <c r="T2028" s="2">
        <v>8.5239999999999991</v>
      </c>
      <c r="U2028" s="2">
        <v>6.7460000000000004</v>
      </c>
      <c r="V2028" s="2">
        <v>0.104</v>
      </c>
      <c r="W2028" s="2">
        <v>12</v>
      </c>
      <c r="X2028" s="2">
        <v>50</v>
      </c>
      <c r="Y2028" s="2">
        <v>173.9</v>
      </c>
      <c r="Z2028" s="5">
        <v>10</v>
      </c>
      <c r="AA2028" s="5" t="s">
        <v>43</v>
      </c>
      <c r="AB2028" s="5" t="s">
        <v>44</v>
      </c>
      <c r="AC2028" s="2" t="s">
        <v>31472</v>
      </c>
      <c r="AD2028" s="1"/>
    </row>
    <row r="2029" spans="1:30">
      <c r="A2029" s="5" t="s">
        <v>83578</v>
      </c>
      <c r="B2029" s="2" t="s">
        <v>89683</v>
      </c>
      <c r="C2029" s="14" t="s">
        <v>89684</v>
      </c>
      <c r="D2029" s="2" t="s">
        <v>89685</v>
      </c>
      <c r="E2029" s="2" t="s">
        <v>31191</v>
      </c>
      <c r="F2029" s="8">
        <v>372</v>
      </c>
      <c r="G2029" s="5">
        <v>10</v>
      </c>
      <c r="H2029" s="5" t="s">
        <v>69</v>
      </c>
      <c r="I2029" s="5" t="s">
        <v>27074</v>
      </c>
      <c r="J2029" s="2" t="s">
        <v>27075</v>
      </c>
      <c r="K2029" s="5" t="s">
        <v>27074</v>
      </c>
      <c r="L2029" s="2" t="s">
        <v>27075</v>
      </c>
      <c r="M2029" s="5" t="s">
        <v>24254</v>
      </c>
      <c r="N2029" s="5" t="s">
        <v>38</v>
      </c>
      <c r="O2029" s="5" t="s">
        <v>39</v>
      </c>
      <c r="P2029" s="5" t="s">
        <v>40</v>
      </c>
      <c r="Q2029" s="5" t="s">
        <v>25301</v>
      </c>
      <c r="R2029" s="5" t="s">
        <v>40</v>
      </c>
      <c r="S2029" s="5" t="s">
        <v>42</v>
      </c>
      <c r="T2029" s="2">
        <v>10.516999999999999</v>
      </c>
      <c r="U2029" s="2">
        <v>8.6240000000000006</v>
      </c>
      <c r="V2029" s="2">
        <v>0.104</v>
      </c>
      <c r="W2029" s="2">
        <v>12</v>
      </c>
      <c r="X2029" s="2">
        <v>50</v>
      </c>
      <c r="Y2029" s="2">
        <v>173.9</v>
      </c>
      <c r="Z2029" s="5">
        <v>10</v>
      </c>
      <c r="AA2029" s="5" t="s">
        <v>43</v>
      </c>
      <c r="AB2029" s="5" t="s">
        <v>44</v>
      </c>
      <c r="AC2029" s="2" t="s">
        <v>31010</v>
      </c>
      <c r="AD2029" s="1"/>
    </row>
    <row r="2030" spans="1:30">
      <c r="A2030" s="5" t="s">
        <v>83578</v>
      </c>
      <c r="B2030" s="2" t="s">
        <v>89686</v>
      </c>
      <c r="C2030" s="14" t="s">
        <v>89687</v>
      </c>
      <c r="D2030" s="2" t="s">
        <v>89688</v>
      </c>
      <c r="E2030" s="2" t="s">
        <v>31191</v>
      </c>
      <c r="F2030" s="8">
        <v>372</v>
      </c>
      <c r="G2030" s="5">
        <v>10</v>
      </c>
      <c r="H2030" s="5" t="s">
        <v>69</v>
      </c>
      <c r="I2030" s="5" t="s">
        <v>27074</v>
      </c>
      <c r="J2030" s="2" t="s">
        <v>27075</v>
      </c>
      <c r="K2030" s="5" t="s">
        <v>27074</v>
      </c>
      <c r="L2030" s="2" t="s">
        <v>27075</v>
      </c>
      <c r="M2030" s="5" t="s">
        <v>24254</v>
      </c>
      <c r="N2030" s="5" t="s">
        <v>38</v>
      </c>
      <c r="O2030" s="5" t="s">
        <v>39</v>
      </c>
      <c r="P2030" s="5" t="s">
        <v>40</v>
      </c>
      <c r="Q2030" s="5" t="s">
        <v>25301</v>
      </c>
      <c r="R2030" s="5" t="s">
        <v>40</v>
      </c>
      <c r="S2030" s="5" t="s">
        <v>42</v>
      </c>
      <c r="T2030" s="2">
        <v>11.500999999999999</v>
      </c>
      <c r="U2030" s="2">
        <v>9.6080000000000005</v>
      </c>
      <c r="V2030" s="2">
        <v>0.104</v>
      </c>
      <c r="W2030" s="2">
        <v>12</v>
      </c>
      <c r="X2030" s="2">
        <v>50</v>
      </c>
      <c r="Y2030" s="2">
        <v>173.9</v>
      </c>
      <c r="Z2030" s="5">
        <v>10</v>
      </c>
      <c r="AA2030" s="5" t="s">
        <v>43</v>
      </c>
      <c r="AB2030" s="5" t="s">
        <v>44</v>
      </c>
      <c r="AC2030" s="2" t="s">
        <v>31472</v>
      </c>
      <c r="AD2030" s="1"/>
    </row>
    <row r="2031" spans="1:30">
      <c r="A2031" s="5" t="s">
        <v>83578</v>
      </c>
      <c r="B2031" s="2" t="s">
        <v>89689</v>
      </c>
      <c r="C2031" s="14" t="s">
        <v>89690</v>
      </c>
      <c r="D2031" s="2" t="s">
        <v>89691</v>
      </c>
      <c r="E2031" s="2" t="s">
        <v>30529</v>
      </c>
      <c r="F2031" s="8">
        <v>378</v>
      </c>
      <c r="G2031" s="5">
        <v>10</v>
      </c>
      <c r="H2031" s="5" t="s">
        <v>69</v>
      </c>
      <c r="I2031" s="5" t="s">
        <v>27074</v>
      </c>
      <c r="J2031" s="2" t="s">
        <v>27075</v>
      </c>
      <c r="K2031" s="5" t="s">
        <v>27074</v>
      </c>
      <c r="L2031" s="2" t="s">
        <v>27075</v>
      </c>
      <c r="M2031" s="5" t="s">
        <v>24254</v>
      </c>
      <c r="N2031" s="5" t="s">
        <v>38</v>
      </c>
      <c r="O2031" s="5" t="s">
        <v>39</v>
      </c>
      <c r="P2031" s="5" t="s">
        <v>40</v>
      </c>
      <c r="Q2031" s="5" t="s">
        <v>24340</v>
      </c>
      <c r="R2031" s="5" t="s">
        <v>40</v>
      </c>
      <c r="S2031" s="5" t="s">
        <v>42</v>
      </c>
      <c r="T2031" s="2">
        <v>10.157999999999999</v>
      </c>
      <c r="U2031" s="2">
        <v>8.4570000000000007</v>
      </c>
      <c r="V2031" s="2">
        <v>0.104</v>
      </c>
      <c r="W2031" s="2">
        <v>12</v>
      </c>
      <c r="X2031" s="2">
        <v>50</v>
      </c>
      <c r="Y2031" s="2">
        <v>173.9</v>
      </c>
      <c r="Z2031" s="5">
        <v>8</v>
      </c>
      <c r="AA2031" s="5" t="s">
        <v>43</v>
      </c>
      <c r="AB2031" s="5" t="s">
        <v>44</v>
      </c>
      <c r="AC2031" s="2" t="s">
        <v>30525</v>
      </c>
      <c r="AD2031" s="1"/>
    </row>
    <row r="2032" spans="1:30">
      <c r="A2032" s="5" t="s">
        <v>83578</v>
      </c>
      <c r="B2032" s="2" t="s">
        <v>89692</v>
      </c>
      <c r="C2032" s="14" t="s">
        <v>89693</v>
      </c>
      <c r="D2032" s="2" t="s">
        <v>89694</v>
      </c>
      <c r="E2032" s="2" t="s">
        <v>30650</v>
      </c>
      <c r="F2032" s="8">
        <v>378</v>
      </c>
      <c r="G2032" s="5">
        <v>10</v>
      </c>
      <c r="H2032" s="5" t="s">
        <v>69</v>
      </c>
      <c r="I2032" s="5" t="s">
        <v>27074</v>
      </c>
      <c r="J2032" s="2" t="s">
        <v>27075</v>
      </c>
      <c r="K2032" s="5" t="s">
        <v>27074</v>
      </c>
      <c r="L2032" s="2" t="s">
        <v>27075</v>
      </c>
      <c r="M2032" s="5" t="s">
        <v>24254</v>
      </c>
      <c r="N2032" s="5" t="s">
        <v>38</v>
      </c>
      <c r="O2032" s="5" t="s">
        <v>39</v>
      </c>
      <c r="P2032" s="5" t="s">
        <v>40</v>
      </c>
      <c r="Q2032" s="5" t="s">
        <v>24340</v>
      </c>
      <c r="R2032" s="5" t="s">
        <v>40</v>
      </c>
      <c r="S2032" s="5" t="s">
        <v>42</v>
      </c>
      <c r="T2032" s="2">
        <v>13.872999999999999</v>
      </c>
      <c r="U2032" s="2">
        <v>12.096</v>
      </c>
      <c r="V2032" s="2">
        <v>0.104</v>
      </c>
      <c r="W2032" s="2">
        <v>12</v>
      </c>
      <c r="X2032" s="2">
        <v>50</v>
      </c>
      <c r="Y2032" s="2">
        <v>173.9</v>
      </c>
      <c r="Z2032" s="5">
        <v>10</v>
      </c>
      <c r="AA2032" s="5" t="s">
        <v>43</v>
      </c>
      <c r="AB2032" s="5" t="s">
        <v>44</v>
      </c>
      <c r="AC2032" s="2" t="s">
        <v>30651</v>
      </c>
      <c r="AD2032" s="1"/>
    </row>
    <row r="2033" spans="1:30">
      <c r="A2033" s="5" t="s">
        <v>83578</v>
      </c>
      <c r="B2033" s="2" t="s">
        <v>89695</v>
      </c>
      <c r="C2033" s="14" t="s">
        <v>89696</v>
      </c>
      <c r="D2033" s="2" t="s">
        <v>89697</v>
      </c>
      <c r="E2033" s="2" t="s">
        <v>30650</v>
      </c>
      <c r="F2033" s="8">
        <v>378</v>
      </c>
      <c r="G2033" s="5">
        <v>10</v>
      </c>
      <c r="H2033" s="5" t="s">
        <v>69</v>
      </c>
      <c r="I2033" s="5" t="s">
        <v>27074</v>
      </c>
      <c r="J2033" s="2" t="s">
        <v>27075</v>
      </c>
      <c r="K2033" s="5" t="s">
        <v>27074</v>
      </c>
      <c r="L2033" s="2" t="s">
        <v>27075</v>
      </c>
      <c r="M2033" s="5" t="s">
        <v>24254</v>
      </c>
      <c r="N2033" s="5" t="s">
        <v>38</v>
      </c>
      <c r="O2033" s="5" t="s">
        <v>39</v>
      </c>
      <c r="P2033" s="5" t="s">
        <v>40</v>
      </c>
      <c r="Q2033" s="5" t="s">
        <v>24340</v>
      </c>
      <c r="R2033" s="5" t="s">
        <v>40</v>
      </c>
      <c r="S2033" s="5" t="s">
        <v>42</v>
      </c>
      <c r="T2033" s="2">
        <v>15.125999999999999</v>
      </c>
      <c r="U2033" s="2">
        <v>13.349</v>
      </c>
      <c r="V2033" s="2">
        <v>0.104</v>
      </c>
      <c r="W2033" s="2">
        <v>12</v>
      </c>
      <c r="X2033" s="2">
        <v>50</v>
      </c>
      <c r="Y2033" s="2">
        <v>173.9</v>
      </c>
      <c r="Z2033" s="5">
        <v>10</v>
      </c>
      <c r="AA2033" s="5" t="s">
        <v>43</v>
      </c>
      <c r="AB2033" s="5" t="s">
        <v>44</v>
      </c>
      <c r="AC2033" s="2" t="s">
        <v>30846</v>
      </c>
      <c r="AD2033" s="1"/>
    </row>
    <row r="2034" spans="1:30">
      <c r="A2034" s="5" t="s">
        <v>83578</v>
      </c>
      <c r="B2034" s="2" t="s">
        <v>89698</v>
      </c>
      <c r="C2034" s="14" t="s">
        <v>89699</v>
      </c>
      <c r="D2034" s="2" t="s">
        <v>89700</v>
      </c>
      <c r="E2034" s="2" t="s">
        <v>30655</v>
      </c>
      <c r="F2034" s="8">
        <v>378</v>
      </c>
      <c r="G2034" s="5">
        <v>10</v>
      </c>
      <c r="H2034" s="5" t="s">
        <v>69</v>
      </c>
      <c r="I2034" s="5" t="s">
        <v>27074</v>
      </c>
      <c r="J2034" s="2" t="s">
        <v>27075</v>
      </c>
      <c r="K2034" s="5" t="s">
        <v>27074</v>
      </c>
      <c r="L2034" s="2" t="s">
        <v>27075</v>
      </c>
      <c r="M2034" s="5" t="s">
        <v>24254</v>
      </c>
      <c r="N2034" s="5" t="s">
        <v>38</v>
      </c>
      <c r="O2034" s="5" t="s">
        <v>39</v>
      </c>
      <c r="P2034" s="5" t="s">
        <v>40</v>
      </c>
      <c r="Q2034" s="5" t="s">
        <v>24340</v>
      </c>
      <c r="R2034" s="5" t="s">
        <v>40</v>
      </c>
      <c r="S2034" s="5" t="s">
        <v>42</v>
      </c>
      <c r="T2034" s="2">
        <v>9.24</v>
      </c>
      <c r="U2034" s="2">
        <v>7.4630000000000001</v>
      </c>
      <c r="V2034" s="2">
        <v>0.104</v>
      </c>
      <c r="W2034" s="2">
        <v>12</v>
      </c>
      <c r="X2034" s="2">
        <v>50</v>
      </c>
      <c r="Y2034" s="2">
        <v>173.9</v>
      </c>
      <c r="Z2034" s="5">
        <v>10</v>
      </c>
      <c r="AA2034" s="5" t="s">
        <v>43</v>
      </c>
      <c r="AB2034" s="5" t="s">
        <v>44</v>
      </c>
      <c r="AC2034" s="2" t="s">
        <v>30656</v>
      </c>
      <c r="AD2034" s="1"/>
    </row>
    <row r="2035" spans="1:30">
      <c r="A2035" s="5" t="s">
        <v>83578</v>
      </c>
      <c r="B2035" s="2" t="s">
        <v>89701</v>
      </c>
      <c r="C2035" s="14" t="s">
        <v>89702</v>
      </c>
      <c r="D2035" s="2" t="s">
        <v>89703</v>
      </c>
      <c r="E2035" s="2" t="s">
        <v>30655</v>
      </c>
      <c r="F2035" s="8">
        <v>378</v>
      </c>
      <c r="G2035" s="5">
        <v>10</v>
      </c>
      <c r="H2035" s="5" t="s">
        <v>69</v>
      </c>
      <c r="I2035" s="5" t="s">
        <v>27074</v>
      </c>
      <c r="J2035" s="2" t="s">
        <v>27075</v>
      </c>
      <c r="K2035" s="5" t="s">
        <v>27074</v>
      </c>
      <c r="L2035" s="2" t="s">
        <v>27075</v>
      </c>
      <c r="M2035" s="5" t="s">
        <v>24254</v>
      </c>
      <c r="N2035" s="5" t="s">
        <v>38</v>
      </c>
      <c r="O2035" s="5" t="s">
        <v>39</v>
      </c>
      <c r="P2035" s="5" t="s">
        <v>40</v>
      </c>
      <c r="Q2035" s="5" t="s">
        <v>24340</v>
      </c>
      <c r="R2035" s="5" t="s">
        <v>40</v>
      </c>
      <c r="S2035" s="5" t="s">
        <v>42</v>
      </c>
      <c r="T2035" s="2">
        <v>9.7680000000000007</v>
      </c>
      <c r="U2035" s="2">
        <v>7.9909999999999997</v>
      </c>
      <c r="V2035" s="2">
        <v>0.104</v>
      </c>
      <c r="W2035" s="2">
        <v>12</v>
      </c>
      <c r="X2035" s="2">
        <v>50</v>
      </c>
      <c r="Y2035" s="2">
        <v>173.9</v>
      </c>
      <c r="Z2035" s="5">
        <v>10</v>
      </c>
      <c r="AA2035" s="5" t="s">
        <v>43</v>
      </c>
      <c r="AB2035" s="5" t="s">
        <v>44</v>
      </c>
      <c r="AC2035" s="2" t="s">
        <v>30534</v>
      </c>
      <c r="AD2035" s="1"/>
    </row>
    <row r="2036" spans="1:30">
      <c r="A2036" s="5" t="s">
        <v>83578</v>
      </c>
      <c r="B2036" s="2" t="s">
        <v>89704</v>
      </c>
      <c r="C2036" s="14" t="s">
        <v>89705</v>
      </c>
      <c r="D2036" s="2" t="s">
        <v>89706</v>
      </c>
      <c r="E2036" s="2" t="s">
        <v>30533</v>
      </c>
      <c r="F2036" s="8">
        <v>378</v>
      </c>
      <c r="G2036" s="5">
        <v>10</v>
      </c>
      <c r="H2036" s="5" t="s">
        <v>69</v>
      </c>
      <c r="I2036" s="5" t="s">
        <v>27074</v>
      </c>
      <c r="J2036" s="2" t="s">
        <v>27075</v>
      </c>
      <c r="K2036" s="5" t="s">
        <v>27074</v>
      </c>
      <c r="L2036" s="2" t="s">
        <v>27075</v>
      </c>
      <c r="M2036" s="5" t="s">
        <v>24254</v>
      </c>
      <c r="N2036" s="5" t="s">
        <v>38</v>
      </c>
      <c r="O2036" s="5" t="s">
        <v>39</v>
      </c>
      <c r="P2036" s="5" t="s">
        <v>40</v>
      </c>
      <c r="Q2036" s="5" t="s">
        <v>24340</v>
      </c>
      <c r="R2036" s="5" t="s">
        <v>40</v>
      </c>
      <c r="S2036" s="5" t="s">
        <v>42</v>
      </c>
      <c r="T2036" s="2">
        <v>12.707000000000001</v>
      </c>
      <c r="U2036" s="2">
        <v>10.815</v>
      </c>
      <c r="V2036" s="2">
        <v>0.104</v>
      </c>
      <c r="W2036" s="2">
        <v>12</v>
      </c>
      <c r="X2036" s="2">
        <v>50</v>
      </c>
      <c r="Y2036" s="2">
        <v>173.9</v>
      </c>
      <c r="Z2036" s="5">
        <v>10</v>
      </c>
      <c r="AA2036" s="5" t="s">
        <v>43</v>
      </c>
      <c r="AB2036" s="5" t="s">
        <v>44</v>
      </c>
      <c r="AC2036" s="2" t="s">
        <v>30656</v>
      </c>
      <c r="AD2036" s="1"/>
    </row>
    <row r="2037" spans="1:30">
      <c r="A2037" s="5" t="s">
        <v>83578</v>
      </c>
      <c r="B2037" s="2" t="s">
        <v>89707</v>
      </c>
      <c r="C2037" s="14" t="s">
        <v>89708</v>
      </c>
      <c r="D2037" s="2" t="s">
        <v>89709</v>
      </c>
      <c r="E2037" s="2" t="s">
        <v>30533</v>
      </c>
      <c r="F2037" s="8">
        <v>378</v>
      </c>
      <c r="G2037" s="5">
        <v>10</v>
      </c>
      <c r="H2037" s="5" t="s">
        <v>69</v>
      </c>
      <c r="I2037" s="5" t="s">
        <v>27074</v>
      </c>
      <c r="J2037" s="2" t="s">
        <v>27075</v>
      </c>
      <c r="K2037" s="5" t="s">
        <v>27074</v>
      </c>
      <c r="L2037" s="2" t="s">
        <v>27075</v>
      </c>
      <c r="M2037" s="5" t="s">
        <v>24254</v>
      </c>
      <c r="N2037" s="5" t="s">
        <v>38</v>
      </c>
      <c r="O2037" s="5" t="s">
        <v>39</v>
      </c>
      <c r="P2037" s="5" t="s">
        <v>40</v>
      </c>
      <c r="Q2037" s="5" t="s">
        <v>24340</v>
      </c>
      <c r="R2037" s="5" t="s">
        <v>40</v>
      </c>
      <c r="S2037" s="5" t="s">
        <v>42</v>
      </c>
      <c r="T2037" s="2">
        <v>14.004</v>
      </c>
      <c r="U2037" s="2">
        <v>12.112</v>
      </c>
      <c r="V2037" s="2">
        <v>0.104</v>
      </c>
      <c r="W2037" s="2">
        <v>12</v>
      </c>
      <c r="X2037" s="2">
        <v>50</v>
      </c>
      <c r="Y2037" s="2">
        <v>173.9</v>
      </c>
      <c r="Z2037" s="5">
        <v>10</v>
      </c>
      <c r="AA2037" s="5" t="s">
        <v>43</v>
      </c>
      <c r="AB2037" s="5" t="s">
        <v>44</v>
      </c>
      <c r="AC2037" s="2" t="s">
        <v>30534</v>
      </c>
      <c r="AD2037" s="1"/>
    </row>
    <row r="2038" spans="1:30">
      <c r="A2038" s="5" t="s">
        <v>83578</v>
      </c>
      <c r="B2038" s="2" t="s">
        <v>89710</v>
      </c>
      <c r="C2038" s="14" t="s">
        <v>89711</v>
      </c>
      <c r="D2038" s="2" t="s">
        <v>89712</v>
      </c>
      <c r="E2038" s="2" t="s">
        <v>30862</v>
      </c>
      <c r="F2038" s="8">
        <v>378</v>
      </c>
      <c r="G2038" s="5">
        <v>10</v>
      </c>
      <c r="H2038" s="5" t="s">
        <v>69</v>
      </c>
      <c r="I2038" s="5" t="s">
        <v>27074</v>
      </c>
      <c r="J2038" s="2" t="s">
        <v>27075</v>
      </c>
      <c r="K2038" s="5" t="s">
        <v>27074</v>
      </c>
      <c r="L2038" s="2" t="s">
        <v>27075</v>
      </c>
      <c r="M2038" s="5" t="s">
        <v>24254</v>
      </c>
      <c r="N2038" s="5" t="s">
        <v>38</v>
      </c>
      <c r="O2038" s="5" t="s">
        <v>39</v>
      </c>
      <c r="P2038" s="5" t="s">
        <v>40</v>
      </c>
      <c r="Q2038" s="5" t="s">
        <v>25301</v>
      </c>
      <c r="R2038" s="5" t="s">
        <v>40</v>
      </c>
      <c r="S2038" s="5" t="s">
        <v>42</v>
      </c>
      <c r="T2038" s="2">
        <v>12.686999999999999</v>
      </c>
      <c r="U2038" s="2">
        <v>10.904999999999999</v>
      </c>
      <c r="V2038" s="2">
        <v>0.104</v>
      </c>
      <c r="W2038" s="2">
        <v>12</v>
      </c>
      <c r="X2038" s="2">
        <v>50</v>
      </c>
      <c r="Y2038" s="2">
        <v>173.9</v>
      </c>
      <c r="Z2038" s="5">
        <v>8</v>
      </c>
      <c r="AA2038" s="5" t="s">
        <v>43</v>
      </c>
      <c r="AB2038" s="5" t="s">
        <v>44</v>
      </c>
      <c r="AC2038" s="2" t="s">
        <v>30542</v>
      </c>
      <c r="AD2038" s="1"/>
    </row>
    <row r="2039" spans="1:30">
      <c r="A2039" s="5" t="s">
        <v>83578</v>
      </c>
      <c r="B2039" s="2" t="s">
        <v>89713</v>
      </c>
      <c r="C2039" s="14" t="s">
        <v>89714</v>
      </c>
      <c r="D2039" s="2" t="s">
        <v>89715</v>
      </c>
      <c r="E2039" s="2" t="s">
        <v>31004</v>
      </c>
      <c r="F2039" s="8">
        <v>378</v>
      </c>
      <c r="G2039" s="5">
        <v>10</v>
      </c>
      <c r="H2039" s="5" t="s">
        <v>69</v>
      </c>
      <c r="I2039" s="5" t="s">
        <v>27074</v>
      </c>
      <c r="J2039" s="2" t="s">
        <v>27075</v>
      </c>
      <c r="K2039" s="5" t="s">
        <v>27074</v>
      </c>
      <c r="L2039" s="2" t="s">
        <v>27075</v>
      </c>
      <c r="M2039" s="5" t="s">
        <v>24254</v>
      </c>
      <c r="N2039" s="5" t="s">
        <v>38</v>
      </c>
      <c r="O2039" s="5" t="s">
        <v>39</v>
      </c>
      <c r="P2039" s="5" t="s">
        <v>40</v>
      </c>
      <c r="Q2039" s="5" t="s">
        <v>25301</v>
      </c>
      <c r="R2039" s="5" t="s">
        <v>40</v>
      </c>
      <c r="S2039" s="5" t="s">
        <v>42</v>
      </c>
      <c r="T2039" s="2">
        <v>12.332000000000001</v>
      </c>
      <c r="U2039" s="2">
        <v>10.554</v>
      </c>
      <c r="V2039" s="2">
        <v>0.104</v>
      </c>
      <c r="W2039" s="2">
        <v>12</v>
      </c>
      <c r="X2039" s="2">
        <v>50</v>
      </c>
      <c r="Y2039" s="2">
        <v>173.9</v>
      </c>
      <c r="Z2039" s="5">
        <v>10</v>
      </c>
      <c r="AA2039" s="5" t="s">
        <v>43</v>
      </c>
      <c r="AB2039" s="5" t="s">
        <v>44</v>
      </c>
      <c r="AC2039" s="2" t="s">
        <v>31005</v>
      </c>
      <c r="AD2039" s="1"/>
    </row>
    <row r="2040" spans="1:30">
      <c r="A2040" s="5" t="s">
        <v>83578</v>
      </c>
      <c r="B2040" s="2" t="s">
        <v>89716</v>
      </c>
      <c r="C2040" s="14" t="s">
        <v>89717</v>
      </c>
      <c r="D2040" s="2" t="s">
        <v>89718</v>
      </c>
      <c r="E2040" s="2" t="s">
        <v>31004</v>
      </c>
      <c r="F2040" s="8">
        <v>378</v>
      </c>
      <c r="G2040" s="5">
        <v>10</v>
      </c>
      <c r="H2040" s="5" t="s">
        <v>69</v>
      </c>
      <c r="I2040" s="5" t="s">
        <v>27074</v>
      </c>
      <c r="J2040" s="2" t="s">
        <v>27075</v>
      </c>
      <c r="K2040" s="5" t="s">
        <v>27074</v>
      </c>
      <c r="L2040" s="2" t="s">
        <v>27075</v>
      </c>
      <c r="M2040" s="5" t="s">
        <v>24254</v>
      </c>
      <c r="N2040" s="5" t="s">
        <v>38</v>
      </c>
      <c r="O2040" s="5" t="s">
        <v>39</v>
      </c>
      <c r="P2040" s="5" t="s">
        <v>40</v>
      </c>
      <c r="Q2040" s="5" t="s">
        <v>25301</v>
      </c>
      <c r="R2040" s="5" t="s">
        <v>40</v>
      </c>
      <c r="S2040" s="5" t="s">
        <v>42</v>
      </c>
      <c r="T2040" s="2">
        <v>13.271000000000001</v>
      </c>
      <c r="U2040" s="2">
        <v>11.493</v>
      </c>
      <c r="V2040" s="2">
        <v>0.104</v>
      </c>
      <c r="W2040" s="2">
        <v>12</v>
      </c>
      <c r="X2040" s="2">
        <v>50</v>
      </c>
      <c r="Y2040" s="2">
        <v>173.9</v>
      </c>
      <c r="Z2040" s="5">
        <v>10</v>
      </c>
      <c r="AA2040" s="5" t="s">
        <v>43</v>
      </c>
      <c r="AB2040" s="5" t="s">
        <v>44</v>
      </c>
      <c r="AC2040" s="2" t="s">
        <v>31468</v>
      </c>
      <c r="AD2040" s="1"/>
    </row>
    <row r="2041" spans="1:30">
      <c r="A2041" s="5" t="s">
        <v>83578</v>
      </c>
      <c r="B2041" s="2" t="s">
        <v>89719</v>
      </c>
      <c r="C2041" s="14" t="s">
        <v>89720</v>
      </c>
      <c r="D2041" s="2" t="s">
        <v>89721</v>
      </c>
      <c r="E2041" s="2" t="s">
        <v>31009</v>
      </c>
      <c r="F2041" s="8">
        <v>378</v>
      </c>
      <c r="G2041" s="5">
        <v>10</v>
      </c>
      <c r="H2041" s="5" t="s">
        <v>69</v>
      </c>
      <c r="I2041" s="5" t="s">
        <v>27074</v>
      </c>
      <c r="J2041" s="2" t="s">
        <v>27075</v>
      </c>
      <c r="K2041" s="5" t="s">
        <v>27074</v>
      </c>
      <c r="L2041" s="2" t="s">
        <v>27075</v>
      </c>
      <c r="M2041" s="5" t="s">
        <v>24254</v>
      </c>
      <c r="N2041" s="5" t="s">
        <v>38</v>
      </c>
      <c r="O2041" s="5" t="s">
        <v>39</v>
      </c>
      <c r="P2041" s="5" t="s">
        <v>40</v>
      </c>
      <c r="Q2041" s="5" t="s">
        <v>25301</v>
      </c>
      <c r="R2041" s="5" t="s">
        <v>40</v>
      </c>
      <c r="S2041" s="5" t="s">
        <v>42</v>
      </c>
      <c r="T2041" s="2">
        <v>9.4719999999999995</v>
      </c>
      <c r="U2041" s="2">
        <v>7.694</v>
      </c>
      <c r="V2041" s="2">
        <v>0.104</v>
      </c>
      <c r="W2041" s="2">
        <v>12</v>
      </c>
      <c r="X2041" s="2">
        <v>50</v>
      </c>
      <c r="Y2041" s="2">
        <v>173.9</v>
      </c>
      <c r="Z2041" s="5">
        <v>10</v>
      </c>
      <c r="AA2041" s="5" t="s">
        <v>43</v>
      </c>
      <c r="AB2041" s="5" t="s">
        <v>44</v>
      </c>
      <c r="AC2041" s="2" t="s">
        <v>31010</v>
      </c>
      <c r="AD2041" s="1"/>
    </row>
    <row r="2042" spans="1:30">
      <c r="A2042" s="5" t="s">
        <v>83578</v>
      </c>
      <c r="B2042" s="2" t="s">
        <v>89722</v>
      </c>
      <c r="C2042" s="14" t="s">
        <v>89723</v>
      </c>
      <c r="D2042" s="2" t="s">
        <v>89724</v>
      </c>
      <c r="E2042" s="2" t="s">
        <v>31009</v>
      </c>
      <c r="F2042" s="8">
        <v>378</v>
      </c>
      <c r="G2042" s="5">
        <v>10</v>
      </c>
      <c r="H2042" s="5" t="s">
        <v>69</v>
      </c>
      <c r="I2042" s="5" t="s">
        <v>27074</v>
      </c>
      <c r="J2042" s="2" t="s">
        <v>27075</v>
      </c>
      <c r="K2042" s="5" t="s">
        <v>27074</v>
      </c>
      <c r="L2042" s="2" t="s">
        <v>27075</v>
      </c>
      <c r="M2042" s="5" t="s">
        <v>24254</v>
      </c>
      <c r="N2042" s="5" t="s">
        <v>38</v>
      </c>
      <c r="O2042" s="5" t="s">
        <v>39</v>
      </c>
      <c r="P2042" s="5" t="s">
        <v>40</v>
      </c>
      <c r="Q2042" s="5" t="s">
        <v>25301</v>
      </c>
      <c r="R2042" s="5" t="s">
        <v>40</v>
      </c>
      <c r="S2042" s="5" t="s">
        <v>42</v>
      </c>
      <c r="T2042" s="2">
        <v>8.9160000000000004</v>
      </c>
      <c r="U2042" s="2">
        <v>7.1379999999999999</v>
      </c>
      <c r="V2042" s="2">
        <v>0.104</v>
      </c>
      <c r="W2042" s="2">
        <v>12</v>
      </c>
      <c r="X2042" s="2">
        <v>50</v>
      </c>
      <c r="Y2042" s="2">
        <v>173.9</v>
      </c>
      <c r="Z2042" s="5">
        <v>10</v>
      </c>
      <c r="AA2042" s="5" t="s">
        <v>43</v>
      </c>
      <c r="AB2042" s="5" t="s">
        <v>44</v>
      </c>
      <c r="AC2042" s="2" t="s">
        <v>31472</v>
      </c>
      <c r="AD2042" s="1"/>
    </row>
    <row r="2043" spans="1:30">
      <c r="A2043" s="5" t="s">
        <v>83578</v>
      </c>
      <c r="B2043" s="2" t="s">
        <v>89725</v>
      </c>
      <c r="C2043" s="14" t="s">
        <v>89726</v>
      </c>
      <c r="D2043" s="2" t="s">
        <v>89727</v>
      </c>
      <c r="E2043" s="2" t="s">
        <v>31191</v>
      </c>
      <c r="F2043" s="8">
        <v>378</v>
      </c>
      <c r="G2043" s="5">
        <v>10</v>
      </c>
      <c r="H2043" s="5" t="s">
        <v>69</v>
      </c>
      <c r="I2043" s="5" t="s">
        <v>27074</v>
      </c>
      <c r="J2043" s="2" t="s">
        <v>27075</v>
      </c>
      <c r="K2043" s="5" t="s">
        <v>27074</v>
      </c>
      <c r="L2043" s="2" t="s">
        <v>27075</v>
      </c>
      <c r="M2043" s="5" t="s">
        <v>24254</v>
      </c>
      <c r="N2043" s="5" t="s">
        <v>38</v>
      </c>
      <c r="O2043" s="5" t="s">
        <v>39</v>
      </c>
      <c r="P2043" s="5" t="s">
        <v>40</v>
      </c>
      <c r="Q2043" s="5" t="s">
        <v>25301</v>
      </c>
      <c r="R2043" s="5" t="s">
        <v>40</v>
      </c>
      <c r="S2043" s="5" t="s">
        <v>42</v>
      </c>
      <c r="T2043" s="2">
        <v>11.362</v>
      </c>
      <c r="U2043" s="2">
        <v>9.4689999999999994</v>
      </c>
      <c r="V2043" s="2">
        <v>0.104</v>
      </c>
      <c r="W2043" s="2">
        <v>12</v>
      </c>
      <c r="X2043" s="2">
        <v>50</v>
      </c>
      <c r="Y2043" s="2">
        <v>173.9</v>
      </c>
      <c r="Z2043" s="5">
        <v>10</v>
      </c>
      <c r="AA2043" s="5" t="s">
        <v>43</v>
      </c>
      <c r="AB2043" s="5" t="s">
        <v>44</v>
      </c>
      <c r="AC2043" s="2" t="s">
        <v>31010</v>
      </c>
      <c r="AD2043" s="1"/>
    </row>
    <row r="2044" spans="1:30">
      <c r="A2044" s="5" t="s">
        <v>83578</v>
      </c>
      <c r="B2044" s="2" t="s">
        <v>89728</v>
      </c>
      <c r="C2044" s="14" t="s">
        <v>89729</v>
      </c>
      <c r="D2044" s="2" t="s">
        <v>89730</v>
      </c>
      <c r="E2044" s="2" t="s">
        <v>31191</v>
      </c>
      <c r="F2044" s="8">
        <v>378</v>
      </c>
      <c r="G2044" s="5">
        <v>10</v>
      </c>
      <c r="H2044" s="5" t="s">
        <v>69</v>
      </c>
      <c r="I2044" s="5" t="s">
        <v>27074</v>
      </c>
      <c r="J2044" s="2" t="s">
        <v>27075</v>
      </c>
      <c r="K2044" s="5" t="s">
        <v>27074</v>
      </c>
      <c r="L2044" s="2" t="s">
        <v>27075</v>
      </c>
      <c r="M2044" s="5" t="s">
        <v>24254</v>
      </c>
      <c r="N2044" s="5" t="s">
        <v>38</v>
      </c>
      <c r="O2044" s="5" t="s">
        <v>39</v>
      </c>
      <c r="P2044" s="5" t="s">
        <v>40</v>
      </c>
      <c r="Q2044" s="5" t="s">
        <v>25301</v>
      </c>
      <c r="R2044" s="5" t="s">
        <v>40</v>
      </c>
      <c r="S2044" s="5" t="s">
        <v>42</v>
      </c>
      <c r="T2044" s="2">
        <v>12.346</v>
      </c>
      <c r="U2044" s="2">
        <v>10.452999999999999</v>
      </c>
      <c r="V2044" s="2">
        <v>0.104</v>
      </c>
      <c r="W2044" s="2">
        <v>12</v>
      </c>
      <c r="X2044" s="2">
        <v>50</v>
      </c>
      <c r="Y2044" s="2">
        <v>173.9</v>
      </c>
      <c r="Z2044" s="5">
        <v>10</v>
      </c>
      <c r="AA2044" s="5" t="s">
        <v>43</v>
      </c>
      <c r="AB2044" s="5" t="s">
        <v>44</v>
      </c>
      <c r="AC2044" s="2" t="s">
        <v>31472</v>
      </c>
      <c r="AD2044" s="1"/>
    </row>
    <row r="2045" spans="1:30">
      <c r="A2045" s="5" t="s">
        <v>83578</v>
      </c>
      <c r="B2045" s="2" t="s">
        <v>89731</v>
      </c>
      <c r="C2045" s="14" t="s">
        <v>89732</v>
      </c>
      <c r="D2045" s="2" t="s">
        <v>89733</v>
      </c>
      <c r="E2045" s="2" t="s">
        <v>30524</v>
      </c>
      <c r="F2045" s="8">
        <v>402</v>
      </c>
      <c r="G2045" s="5">
        <v>10</v>
      </c>
      <c r="H2045" s="5" t="s">
        <v>69</v>
      </c>
      <c r="I2045" s="5" t="s">
        <v>27074</v>
      </c>
      <c r="J2045" s="2" t="s">
        <v>27075</v>
      </c>
      <c r="K2045" s="5" t="s">
        <v>27074</v>
      </c>
      <c r="L2045" s="2" t="s">
        <v>27075</v>
      </c>
      <c r="M2045" s="5" t="s">
        <v>24254</v>
      </c>
      <c r="N2045" s="5" t="s">
        <v>38</v>
      </c>
      <c r="O2045" s="5" t="s">
        <v>39</v>
      </c>
      <c r="P2045" s="5" t="s">
        <v>40</v>
      </c>
      <c r="Q2045" s="5" t="s">
        <v>24340</v>
      </c>
      <c r="R2045" s="5" t="s">
        <v>40</v>
      </c>
      <c r="S2045" s="5" t="s">
        <v>42</v>
      </c>
      <c r="T2045" s="2">
        <v>21.408000000000001</v>
      </c>
      <c r="U2045" s="2">
        <v>19.527000000000001</v>
      </c>
      <c r="V2045" s="2">
        <v>0.126</v>
      </c>
      <c r="W2045" s="2">
        <v>12</v>
      </c>
      <c r="X2045" s="2">
        <v>50</v>
      </c>
      <c r="Y2045" s="2">
        <v>210</v>
      </c>
      <c r="Z2045" s="5">
        <v>8</v>
      </c>
      <c r="AA2045" s="5" t="s">
        <v>43</v>
      </c>
      <c r="AB2045" s="5" t="s">
        <v>44</v>
      </c>
      <c r="AC2045" s="2" t="s">
        <v>30525</v>
      </c>
      <c r="AD2045" s="1"/>
    </row>
    <row r="2046" spans="1:30">
      <c r="A2046" s="5" t="s">
        <v>83578</v>
      </c>
      <c r="B2046" s="2" t="s">
        <v>89734</v>
      </c>
      <c r="C2046" s="14" t="s">
        <v>89735</v>
      </c>
      <c r="D2046" s="2" t="s">
        <v>89736</v>
      </c>
      <c r="E2046" s="2" t="s">
        <v>30595</v>
      </c>
      <c r="F2046" s="8">
        <v>402</v>
      </c>
      <c r="G2046" s="5">
        <v>10</v>
      </c>
      <c r="H2046" s="5" t="s">
        <v>69</v>
      </c>
      <c r="I2046" s="5" t="s">
        <v>27074</v>
      </c>
      <c r="J2046" s="2" t="s">
        <v>27075</v>
      </c>
      <c r="K2046" s="5" t="s">
        <v>27074</v>
      </c>
      <c r="L2046" s="2" t="s">
        <v>27075</v>
      </c>
      <c r="M2046" s="5" t="s">
        <v>24254</v>
      </c>
      <c r="N2046" s="5" t="s">
        <v>38</v>
      </c>
      <c r="O2046" s="5" t="s">
        <v>39</v>
      </c>
      <c r="P2046" s="5" t="s">
        <v>40</v>
      </c>
      <c r="Q2046" s="5" t="s">
        <v>24340</v>
      </c>
      <c r="R2046" s="5" t="s">
        <v>40</v>
      </c>
      <c r="S2046" s="5" t="s">
        <v>42</v>
      </c>
      <c r="T2046" s="2">
        <v>14.895</v>
      </c>
      <c r="U2046" s="2">
        <v>13.042999999999999</v>
      </c>
      <c r="V2046" s="2">
        <v>0.126</v>
      </c>
      <c r="W2046" s="2">
        <v>12</v>
      </c>
      <c r="X2046" s="2">
        <v>50</v>
      </c>
      <c r="Y2046" s="2">
        <v>210</v>
      </c>
      <c r="Z2046" s="5">
        <v>8</v>
      </c>
      <c r="AA2046" s="5" t="s">
        <v>43</v>
      </c>
      <c r="AB2046" s="5" t="s">
        <v>44</v>
      </c>
      <c r="AC2046" s="2" t="s">
        <v>30525</v>
      </c>
      <c r="AD2046" s="1"/>
    </row>
    <row r="2047" spans="1:30">
      <c r="A2047" s="5" t="s">
        <v>83578</v>
      </c>
      <c r="B2047" s="2" t="s">
        <v>89737</v>
      </c>
      <c r="C2047" s="14" t="s">
        <v>89738</v>
      </c>
      <c r="D2047" s="2" t="s">
        <v>89739</v>
      </c>
      <c r="E2047" s="2" t="s">
        <v>30529</v>
      </c>
      <c r="F2047" s="8">
        <v>402</v>
      </c>
      <c r="G2047" s="5">
        <v>10</v>
      </c>
      <c r="H2047" s="5" t="s">
        <v>69</v>
      </c>
      <c r="I2047" s="5" t="s">
        <v>27074</v>
      </c>
      <c r="J2047" s="2" t="s">
        <v>27075</v>
      </c>
      <c r="K2047" s="5" t="s">
        <v>27074</v>
      </c>
      <c r="L2047" s="2" t="s">
        <v>27075</v>
      </c>
      <c r="M2047" s="5" t="s">
        <v>24254</v>
      </c>
      <c r="N2047" s="5" t="s">
        <v>38</v>
      </c>
      <c r="O2047" s="5" t="s">
        <v>39</v>
      </c>
      <c r="P2047" s="5" t="s">
        <v>40</v>
      </c>
      <c r="Q2047" s="5" t="s">
        <v>24340</v>
      </c>
      <c r="R2047" s="5" t="s">
        <v>40</v>
      </c>
      <c r="S2047" s="5" t="s">
        <v>42</v>
      </c>
      <c r="T2047" s="2">
        <v>10.617000000000001</v>
      </c>
      <c r="U2047" s="2">
        <v>8.8450000000000006</v>
      </c>
      <c r="V2047" s="2">
        <v>0.01</v>
      </c>
      <c r="W2047" s="2">
        <v>1</v>
      </c>
      <c r="X2047" s="2">
        <v>50</v>
      </c>
      <c r="Y2047" s="2">
        <v>193.9</v>
      </c>
      <c r="Z2047" s="5">
        <v>8</v>
      </c>
      <c r="AA2047" s="5" t="s">
        <v>43</v>
      </c>
      <c r="AB2047" s="5" t="s">
        <v>44</v>
      </c>
      <c r="AC2047" s="2" t="s">
        <v>30525</v>
      </c>
      <c r="AD2047" s="1"/>
    </row>
    <row r="2048" spans="1:30">
      <c r="A2048" s="5" t="s">
        <v>83578</v>
      </c>
      <c r="B2048" s="2" t="s">
        <v>89740</v>
      </c>
      <c r="C2048" s="14" t="s">
        <v>89741</v>
      </c>
      <c r="D2048" s="2" t="s">
        <v>89742</v>
      </c>
      <c r="E2048" s="2" t="s">
        <v>30650</v>
      </c>
      <c r="F2048" s="8">
        <v>402</v>
      </c>
      <c r="G2048" s="5">
        <v>10</v>
      </c>
      <c r="H2048" s="5" t="s">
        <v>69</v>
      </c>
      <c r="I2048" s="5" t="s">
        <v>27074</v>
      </c>
      <c r="J2048" s="2" t="s">
        <v>27075</v>
      </c>
      <c r="K2048" s="5" t="s">
        <v>27074</v>
      </c>
      <c r="L2048" s="2" t="s">
        <v>27075</v>
      </c>
      <c r="M2048" s="5" t="s">
        <v>24254</v>
      </c>
      <c r="N2048" s="5" t="s">
        <v>38</v>
      </c>
      <c r="O2048" s="5" t="s">
        <v>39</v>
      </c>
      <c r="P2048" s="5" t="s">
        <v>40</v>
      </c>
      <c r="Q2048" s="5" t="s">
        <v>24340</v>
      </c>
      <c r="R2048" s="5" t="s">
        <v>40</v>
      </c>
      <c r="S2048" s="5" t="s">
        <v>42</v>
      </c>
      <c r="T2048" s="2">
        <v>15.331</v>
      </c>
      <c r="U2048" s="2">
        <v>13.483000000000001</v>
      </c>
      <c r="V2048" s="2">
        <v>0.126</v>
      </c>
      <c r="W2048" s="2">
        <v>12</v>
      </c>
      <c r="X2048" s="2">
        <v>50</v>
      </c>
      <c r="Y2048" s="2">
        <v>210</v>
      </c>
      <c r="Z2048" s="5">
        <v>10</v>
      </c>
      <c r="AA2048" s="5" t="s">
        <v>43</v>
      </c>
      <c r="AB2048" s="5" t="s">
        <v>44</v>
      </c>
      <c r="AC2048" s="2" t="s">
        <v>30651</v>
      </c>
      <c r="AD2048" s="1"/>
    </row>
    <row r="2049" spans="1:30">
      <c r="A2049" s="5" t="s">
        <v>83578</v>
      </c>
      <c r="B2049" s="2" t="s">
        <v>89743</v>
      </c>
      <c r="C2049" s="14" t="s">
        <v>89744</v>
      </c>
      <c r="D2049" s="2" t="s">
        <v>89745</v>
      </c>
      <c r="E2049" s="2" t="s">
        <v>30650</v>
      </c>
      <c r="F2049" s="8">
        <v>402</v>
      </c>
      <c r="G2049" s="5">
        <v>10</v>
      </c>
      <c r="H2049" s="5" t="s">
        <v>69</v>
      </c>
      <c r="I2049" s="5" t="s">
        <v>27074</v>
      </c>
      <c r="J2049" s="2" t="s">
        <v>27075</v>
      </c>
      <c r="K2049" s="5" t="s">
        <v>27074</v>
      </c>
      <c r="L2049" s="2" t="s">
        <v>27075</v>
      </c>
      <c r="M2049" s="5" t="s">
        <v>24254</v>
      </c>
      <c r="N2049" s="5" t="s">
        <v>38</v>
      </c>
      <c r="O2049" s="5" t="s">
        <v>39</v>
      </c>
      <c r="P2049" s="5" t="s">
        <v>40</v>
      </c>
      <c r="Q2049" s="5" t="s">
        <v>24340</v>
      </c>
      <c r="R2049" s="5" t="s">
        <v>40</v>
      </c>
      <c r="S2049" s="5" t="s">
        <v>42</v>
      </c>
      <c r="T2049" s="2">
        <v>16.584</v>
      </c>
      <c r="U2049" s="2">
        <v>14.736000000000001</v>
      </c>
      <c r="V2049" s="2">
        <v>0.126</v>
      </c>
      <c r="W2049" s="2">
        <v>12</v>
      </c>
      <c r="X2049" s="2">
        <v>50</v>
      </c>
      <c r="Y2049" s="2">
        <v>210</v>
      </c>
      <c r="Z2049" s="5">
        <v>10</v>
      </c>
      <c r="AA2049" s="5" t="s">
        <v>43</v>
      </c>
      <c r="AB2049" s="5" t="s">
        <v>44</v>
      </c>
      <c r="AC2049" s="2" t="s">
        <v>30846</v>
      </c>
      <c r="AD2049" s="1"/>
    </row>
    <row r="2050" spans="1:30">
      <c r="A2050" s="5" t="s">
        <v>83578</v>
      </c>
      <c r="B2050" s="2" t="s">
        <v>89746</v>
      </c>
      <c r="C2050" s="14" t="s">
        <v>89747</v>
      </c>
      <c r="D2050" s="2" t="s">
        <v>89748</v>
      </c>
      <c r="E2050" s="2" t="s">
        <v>30655</v>
      </c>
      <c r="F2050" s="8">
        <v>402</v>
      </c>
      <c r="G2050" s="5">
        <v>10</v>
      </c>
      <c r="H2050" s="5" t="s">
        <v>69</v>
      </c>
      <c r="I2050" s="5" t="s">
        <v>27074</v>
      </c>
      <c r="J2050" s="2" t="s">
        <v>27075</v>
      </c>
      <c r="K2050" s="5" t="s">
        <v>27074</v>
      </c>
      <c r="L2050" s="2" t="s">
        <v>27075</v>
      </c>
      <c r="M2050" s="5" t="s">
        <v>24254</v>
      </c>
      <c r="N2050" s="5" t="s">
        <v>38</v>
      </c>
      <c r="O2050" s="5" t="s">
        <v>39</v>
      </c>
      <c r="P2050" s="5" t="s">
        <v>40</v>
      </c>
      <c r="Q2050" s="5" t="s">
        <v>24340</v>
      </c>
      <c r="R2050" s="5" t="s">
        <v>40</v>
      </c>
      <c r="S2050" s="5" t="s">
        <v>42</v>
      </c>
      <c r="T2050" s="2">
        <v>10.276999999999999</v>
      </c>
      <c r="U2050" s="2">
        <v>8.4290000000000003</v>
      </c>
      <c r="V2050" s="2">
        <v>0.11600000000000001</v>
      </c>
      <c r="W2050" s="2">
        <v>12</v>
      </c>
      <c r="X2050" s="2">
        <v>50</v>
      </c>
      <c r="Y2050" s="2">
        <v>193.9</v>
      </c>
      <c r="Z2050" s="5">
        <v>10</v>
      </c>
      <c r="AA2050" s="5" t="s">
        <v>43</v>
      </c>
      <c r="AB2050" s="5" t="s">
        <v>44</v>
      </c>
      <c r="AC2050" s="2" t="s">
        <v>30656</v>
      </c>
      <c r="AD2050" s="1"/>
    </row>
    <row r="2051" spans="1:30">
      <c r="A2051" s="5" t="s">
        <v>83578</v>
      </c>
      <c r="B2051" s="2" t="s">
        <v>89749</v>
      </c>
      <c r="C2051" s="14" t="s">
        <v>89750</v>
      </c>
      <c r="D2051" s="2" t="s">
        <v>89751</v>
      </c>
      <c r="E2051" s="2" t="s">
        <v>30655</v>
      </c>
      <c r="F2051" s="8">
        <v>402</v>
      </c>
      <c r="G2051" s="5">
        <v>10</v>
      </c>
      <c r="H2051" s="5" t="s">
        <v>69</v>
      </c>
      <c r="I2051" s="5" t="s">
        <v>27074</v>
      </c>
      <c r="J2051" s="2" t="s">
        <v>27075</v>
      </c>
      <c r="K2051" s="5" t="s">
        <v>27074</v>
      </c>
      <c r="L2051" s="2" t="s">
        <v>27075</v>
      </c>
      <c r="M2051" s="5" t="s">
        <v>24254</v>
      </c>
      <c r="N2051" s="5" t="s">
        <v>38</v>
      </c>
      <c r="O2051" s="5" t="s">
        <v>39</v>
      </c>
      <c r="P2051" s="5" t="s">
        <v>40</v>
      </c>
      <c r="Q2051" s="5" t="s">
        <v>24340</v>
      </c>
      <c r="R2051" s="5" t="s">
        <v>40</v>
      </c>
      <c r="S2051" s="5" t="s">
        <v>42</v>
      </c>
      <c r="T2051" s="2">
        <v>10.805</v>
      </c>
      <c r="U2051" s="2">
        <v>8.9570000000000007</v>
      </c>
      <c r="V2051" s="2">
        <v>0.11600000000000001</v>
      </c>
      <c r="W2051" s="2">
        <v>12</v>
      </c>
      <c r="X2051" s="2">
        <v>50</v>
      </c>
      <c r="Y2051" s="2">
        <v>193.9</v>
      </c>
      <c r="Z2051" s="5">
        <v>10</v>
      </c>
      <c r="AA2051" s="5" t="s">
        <v>43</v>
      </c>
      <c r="AB2051" s="5" t="s">
        <v>44</v>
      </c>
      <c r="AC2051" s="2" t="s">
        <v>30534</v>
      </c>
      <c r="AD2051" s="1"/>
    </row>
    <row r="2052" spans="1:30">
      <c r="A2052" s="5" t="s">
        <v>83578</v>
      </c>
      <c r="B2052" s="2" t="s">
        <v>89752</v>
      </c>
      <c r="C2052" s="14" t="s">
        <v>89753</v>
      </c>
      <c r="D2052" s="2" t="s">
        <v>89754</v>
      </c>
      <c r="E2052" s="2" t="s">
        <v>30533</v>
      </c>
      <c r="F2052" s="8">
        <v>402</v>
      </c>
      <c r="G2052" s="5">
        <v>10</v>
      </c>
      <c r="H2052" s="5" t="s">
        <v>69</v>
      </c>
      <c r="I2052" s="5" t="s">
        <v>27074</v>
      </c>
      <c r="J2052" s="2" t="s">
        <v>27075</v>
      </c>
      <c r="K2052" s="5" t="s">
        <v>27074</v>
      </c>
      <c r="L2052" s="2" t="s">
        <v>27075</v>
      </c>
      <c r="M2052" s="5" t="s">
        <v>24254</v>
      </c>
      <c r="N2052" s="5" t="s">
        <v>38</v>
      </c>
      <c r="O2052" s="5" t="s">
        <v>39</v>
      </c>
      <c r="P2052" s="5" t="s">
        <v>40</v>
      </c>
      <c r="Q2052" s="5" t="s">
        <v>24340</v>
      </c>
      <c r="R2052" s="5" t="s">
        <v>40</v>
      </c>
      <c r="S2052" s="5" t="s">
        <v>42</v>
      </c>
      <c r="T2052" s="2">
        <v>13.877000000000001</v>
      </c>
      <c r="U2052" s="2">
        <v>11.769</v>
      </c>
      <c r="V2052" s="2">
        <v>0.11600000000000001</v>
      </c>
      <c r="W2052" s="2">
        <v>12</v>
      </c>
      <c r="X2052" s="2">
        <v>50</v>
      </c>
      <c r="Y2052" s="2">
        <v>193.9</v>
      </c>
      <c r="Z2052" s="5">
        <v>10</v>
      </c>
      <c r="AA2052" s="5" t="s">
        <v>43</v>
      </c>
      <c r="AB2052" s="5" t="s">
        <v>44</v>
      </c>
      <c r="AC2052" s="2" t="s">
        <v>30656</v>
      </c>
      <c r="AD2052" s="1"/>
    </row>
    <row r="2053" spans="1:30">
      <c r="A2053" s="5" t="s">
        <v>83578</v>
      </c>
      <c r="B2053" s="2" t="s">
        <v>89755</v>
      </c>
      <c r="C2053" s="14" t="s">
        <v>89756</v>
      </c>
      <c r="D2053" s="2" t="s">
        <v>89757</v>
      </c>
      <c r="E2053" s="2" t="s">
        <v>30533</v>
      </c>
      <c r="F2053" s="8">
        <v>402</v>
      </c>
      <c r="G2053" s="5">
        <v>10</v>
      </c>
      <c r="H2053" s="5" t="s">
        <v>69</v>
      </c>
      <c r="I2053" s="5" t="s">
        <v>27074</v>
      </c>
      <c r="J2053" s="2" t="s">
        <v>27075</v>
      </c>
      <c r="K2053" s="5" t="s">
        <v>27074</v>
      </c>
      <c r="L2053" s="2" t="s">
        <v>27075</v>
      </c>
      <c r="M2053" s="5" t="s">
        <v>24254</v>
      </c>
      <c r="N2053" s="5" t="s">
        <v>38</v>
      </c>
      <c r="O2053" s="5" t="s">
        <v>39</v>
      </c>
      <c r="P2053" s="5" t="s">
        <v>40</v>
      </c>
      <c r="Q2053" s="5" t="s">
        <v>24340</v>
      </c>
      <c r="R2053" s="5" t="s">
        <v>40</v>
      </c>
      <c r="S2053" s="5" t="s">
        <v>42</v>
      </c>
      <c r="T2053" s="2">
        <v>15.173999999999999</v>
      </c>
      <c r="U2053" s="2">
        <v>13.066000000000001</v>
      </c>
      <c r="V2053" s="2">
        <v>0.11600000000000001</v>
      </c>
      <c r="W2053" s="2">
        <v>12</v>
      </c>
      <c r="X2053" s="2">
        <v>50</v>
      </c>
      <c r="Y2053" s="2">
        <v>193.9</v>
      </c>
      <c r="Z2053" s="5">
        <v>10</v>
      </c>
      <c r="AA2053" s="5" t="s">
        <v>43</v>
      </c>
      <c r="AB2053" s="5" t="s">
        <v>44</v>
      </c>
      <c r="AC2053" s="2" t="s">
        <v>30534</v>
      </c>
      <c r="AD2053" s="1"/>
    </row>
    <row r="2054" spans="1:30">
      <c r="A2054" s="5" t="s">
        <v>83578</v>
      </c>
      <c r="B2054" s="2" t="s">
        <v>89758</v>
      </c>
      <c r="C2054" s="14" t="s">
        <v>89759</v>
      </c>
      <c r="D2054" s="2" t="s">
        <v>89760</v>
      </c>
      <c r="E2054" s="2" t="s">
        <v>30541</v>
      </c>
      <c r="F2054" s="8">
        <v>402</v>
      </c>
      <c r="G2054" s="5">
        <v>10</v>
      </c>
      <c r="H2054" s="5" t="s">
        <v>69</v>
      </c>
      <c r="I2054" s="5" t="s">
        <v>27074</v>
      </c>
      <c r="J2054" s="2" t="s">
        <v>27075</v>
      </c>
      <c r="K2054" s="5" t="s">
        <v>27074</v>
      </c>
      <c r="L2054" s="2" t="s">
        <v>27075</v>
      </c>
      <c r="M2054" s="5" t="s">
        <v>24254</v>
      </c>
      <c r="N2054" s="5" t="s">
        <v>38</v>
      </c>
      <c r="O2054" s="5" t="s">
        <v>39</v>
      </c>
      <c r="P2054" s="5" t="s">
        <v>40</v>
      </c>
      <c r="Q2054" s="5" t="s">
        <v>25301</v>
      </c>
      <c r="R2054" s="5" t="s">
        <v>40</v>
      </c>
      <c r="S2054" s="5" t="s">
        <v>42</v>
      </c>
      <c r="T2054" s="2">
        <v>19.38</v>
      </c>
      <c r="U2054" s="2">
        <v>17.498000000000001</v>
      </c>
      <c r="V2054" s="2">
        <v>0.126</v>
      </c>
      <c r="W2054" s="2">
        <v>12</v>
      </c>
      <c r="X2054" s="2">
        <v>50</v>
      </c>
      <c r="Y2054" s="2">
        <v>210</v>
      </c>
      <c r="Z2054" s="5">
        <v>8</v>
      </c>
      <c r="AA2054" s="5" t="s">
        <v>43</v>
      </c>
      <c r="AB2054" s="5" t="s">
        <v>44</v>
      </c>
      <c r="AC2054" s="2" t="s">
        <v>30542</v>
      </c>
      <c r="AD2054" s="1"/>
    </row>
    <row r="2055" spans="1:30">
      <c r="A2055" s="5" t="s">
        <v>83578</v>
      </c>
      <c r="B2055" s="2" t="s">
        <v>89761</v>
      </c>
      <c r="C2055" s="14" t="s">
        <v>89762</v>
      </c>
      <c r="D2055" s="2" t="s">
        <v>89763</v>
      </c>
      <c r="E2055" s="2" t="s">
        <v>30862</v>
      </c>
      <c r="F2055" s="8">
        <v>402</v>
      </c>
      <c r="G2055" s="5">
        <v>10</v>
      </c>
      <c r="H2055" s="5" t="s">
        <v>69</v>
      </c>
      <c r="I2055" s="5" t="s">
        <v>27074</v>
      </c>
      <c r="J2055" s="2" t="s">
        <v>27075</v>
      </c>
      <c r="K2055" s="5" t="s">
        <v>27074</v>
      </c>
      <c r="L2055" s="2" t="s">
        <v>27075</v>
      </c>
      <c r="M2055" s="5" t="s">
        <v>24254</v>
      </c>
      <c r="N2055" s="5" t="s">
        <v>38</v>
      </c>
      <c r="O2055" s="5" t="s">
        <v>39</v>
      </c>
      <c r="P2055" s="5" t="s">
        <v>40</v>
      </c>
      <c r="Q2055" s="5" t="s">
        <v>25301</v>
      </c>
      <c r="R2055" s="5" t="s">
        <v>40</v>
      </c>
      <c r="S2055" s="5" t="s">
        <v>42</v>
      </c>
      <c r="T2055" s="2">
        <v>13.913</v>
      </c>
      <c r="U2055" s="2">
        <v>12.06</v>
      </c>
      <c r="V2055" s="2">
        <v>0.126</v>
      </c>
      <c r="W2055" s="2">
        <v>12</v>
      </c>
      <c r="X2055" s="2">
        <v>50</v>
      </c>
      <c r="Y2055" s="2">
        <v>210</v>
      </c>
      <c r="Z2055" s="5">
        <v>8</v>
      </c>
      <c r="AA2055" s="5" t="s">
        <v>43</v>
      </c>
      <c r="AB2055" s="5" t="s">
        <v>44</v>
      </c>
      <c r="AC2055" s="2" t="s">
        <v>30542</v>
      </c>
      <c r="AD2055" s="1"/>
    </row>
    <row r="2056" spans="1:30">
      <c r="A2056" s="5" t="s">
        <v>83578</v>
      </c>
      <c r="B2056" s="2" t="s">
        <v>89764</v>
      </c>
      <c r="C2056" s="14" t="s">
        <v>89765</v>
      </c>
      <c r="D2056" s="2" t="s">
        <v>89766</v>
      </c>
      <c r="E2056" s="2" t="s">
        <v>31004</v>
      </c>
      <c r="F2056" s="8">
        <v>402</v>
      </c>
      <c r="G2056" s="5">
        <v>10</v>
      </c>
      <c r="H2056" s="5" t="s">
        <v>69</v>
      </c>
      <c r="I2056" s="5" t="s">
        <v>27074</v>
      </c>
      <c r="J2056" s="2" t="s">
        <v>27075</v>
      </c>
      <c r="K2056" s="5" t="s">
        <v>27074</v>
      </c>
      <c r="L2056" s="2" t="s">
        <v>27075</v>
      </c>
      <c r="M2056" s="5" t="s">
        <v>24254</v>
      </c>
      <c r="N2056" s="5" t="s">
        <v>38</v>
      </c>
      <c r="O2056" s="5" t="s">
        <v>39</v>
      </c>
      <c r="P2056" s="5" t="s">
        <v>40</v>
      </c>
      <c r="Q2056" s="5" t="s">
        <v>25301</v>
      </c>
      <c r="R2056" s="5" t="s">
        <v>40</v>
      </c>
      <c r="S2056" s="5" t="s">
        <v>42</v>
      </c>
      <c r="T2056" s="2">
        <v>14.038</v>
      </c>
      <c r="U2056" s="2">
        <v>12.189</v>
      </c>
      <c r="V2056" s="2">
        <v>0.126</v>
      </c>
      <c r="W2056" s="2">
        <v>12</v>
      </c>
      <c r="X2056" s="2">
        <v>50</v>
      </c>
      <c r="Y2056" s="2">
        <v>210</v>
      </c>
      <c r="Z2056" s="5">
        <v>10</v>
      </c>
      <c r="AA2056" s="5" t="s">
        <v>43</v>
      </c>
      <c r="AB2056" s="5" t="s">
        <v>44</v>
      </c>
      <c r="AC2056" s="2" t="s">
        <v>31005</v>
      </c>
      <c r="AD2056" s="1"/>
    </row>
    <row r="2057" spans="1:30">
      <c r="A2057" s="5" t="s">
        <v>83578</v>
      </c>
      <c r="B2057" s="2" t="s">
        <v>89767</v>
      </c>
      <c r="C2057" s="14" t="s">
        <v>89768</v>
      </c>
      <c r="D2057" s="2" t="s">
        <v>89769</v>
      </c>
      <c r="E2057" s="2" t="s">
        <v>31004</v>
      </c>
      <c r="F2057" s="8">
        <v>402</v>
      </c>
      <c r="G2057" s="5">
        <v>10</v>
      </c>
      <c r="H2057" s="5" t="s">
        <v>69</v>
      </c>
      <c r="I2057" s="5" t="s">
        <v>27074</v>
      </c>
      <c r="J2057" s="2" t="s">
        <v>27075</v>
      </c>
      <c r="K2057" s="5" t="s">
        <v>27074</v>
      </c>
      <c r="L2057" s="2" t="s">
        <v>27075</v>
      </c>
      <c r="M2057" s="5" t="s">
        <v>24254</v>
      </c>
      <c r="N2057" s="5" t="s">
        <v>38</v>
      </c>
      <c r="O2057" s="5" t="s">
        <v>39</v>
      </c>
      <c r="P2057" s="5" t="s">
        <v>40</v>
      </c>
      <c r="Q2057" s="5" t="s">
        <v>25301</v>
      </c>
      <c r="R2057" s="5" t="s">
        <v>40</v>
      </c>
      <c r="S2057" s="5" t="s">
        <v>42</v>
      </c>
      <c r="T2057" s="2">
        <v>14.977</v>
      </c>
      <c r="U2057" s="2">
        <v>13.128</v>
      </c>
      <c r="V2057" s="2">
        <v>0.126</v>
      </c>
      <c r="W2057" s="2">
        <v>12</v>
      </c>
      <c r="X2057" s="2">
        <v>50</v>
      </c>
      <c r="Y2057" s="2">
        <v>210</v>
      </c>
      <c r="Z2057" s="5">
        <v>10</v>
      </c>
      <c r="AA2057" s="5" t="s">
        <v>43</v>
      </c>
      <c r="AB2057" s="5" t="s">
        <v>44</v>
      </c>
      <c r="AC2057" s="2" t="s">
        <v>31468</v>
      </c>
      <c r="AD2057" s="1"/>
    </row>
    <row r="2058" spans="1:30">
      <c r="A2058" s="5" t="s">
        <v>83578</v>
      </c>
      <c r="B2058" s="2" t="s">
        <v>89770</v>
      </c>
      <c r="C2058" s="14" t="s">
        <v>89771</v>
      </c>
      <c r="D2058" s="2" t="s">
        <v>89772</v>
      </c>
      <c r="E2058" s="2" t="s">
        <v>31009</v>
      </c>
      <c r="F2058" s="8">
        <v>402</v>
      </c>
      <c r="G2058" s="5">
        <v>10</v>
      </c>
      <c r="H2058" s="5" t="s">
        <v>69</v>
      </c>
      <c r="I2058" s="5" t="s">
        <v>27074</v>
      </c>
      <c r="J2058" s="2" t="s">
        <v>27075</v>
      </c>
      <c r="K2058" s="5" t="s">
        <v>27074</v>
      </c>
      <c r="L2058" s="2" t="s">
        <v>27075</v>
      </c>
      <c r="M2058" s="5" t="s">
        <v>24254</v>
      </c>
      <c r="N2058" s="5" t="s">
        <v>38</v>
      </c>
      <c r="O2058" s="5" t="s">
        <v>39</v>
      </c>
      <c r="P2058" s="5" t="s">
        <v>40</v>
      </c>
      <c r="Q2058" s="5" t="s">
        <v>25301</v>
      </c>
      <c r="R2058" s="5" t="s">
        <v>40</v>
      </c>
      <c r="S2058" s="5" t="s">
        <v>42</v>
      </c>
      <c r="T2058" s="2">
        <v>10.372999999999999</v>
      </c>
      <c r="U2058" s="2">
        <v>8.5239999999999991</v>
      </c>
      <c r="V2058" s="2">
        <v>0.11600000000000001</v>
      </c>
      <c r="W2058" s="2">
        <v>12</v>
      </c>
      <c r="X2058" s="2">
        <v>50</v>
      </c>
      <c r="Y2058" s="2">
        <v>193.9</v>
      </c>
      <c r="Z2058" s="5">
        <v>10</v>
      </c>
      <c r="AA2058" s="5" t="s">
        <v>43</v>
      </c>
      <c r="AB2058" s="5" t="s">
        <v>44</v>
      </c>
      <c r="AC2058" s="2" t="s">
        <v>31010</v>
      </c>
      <c r="AD2058" s="1"/>
    </row>
    <row r="2059" spans="1:30">
      <c r="A2059" s="5" t="s">
        <v>83578</v>
      </c>
      <c r="B2059" s="2" t="s">
        <v>89773</v>
      </c>
      <c r="C2059" s="14" t="s">
        <v>89774</v>
      </c>
      <c r="D2059" s="2" t="s">
        <v>89775</v>
      </c>
      <c r="E2059" s="2" t="s">
        <v>31009</v>
      </c>
      <c r="F2059" s="8">
        <v>402</v>
      </c>
      <c r="G2059" s="5">
        <v>10</v>
      </c>
      <c r="H2059" s="5" t="s">
        <v>69</v>
      </c>
      <c r="I2059" s="5" t="s">
        <v>27074</v>
      </c>
      <c r="J2059" s="2" t="s">
        <v>27075</v>
      </c>
      <c r="K2059" s="5" t="s">
        <v>27074</v>
      </c>
      <c r="L2059" s="2" t="s">
        <v>27075</v>
      </c>
      <c r="M2059" s="5" t="s">
        <v>24254</v>
      </c>
      <c r="N2059" s="5" t="s">
        <v>38</v>
      </c>
      <c r="O2059" s="5" t="s">
        <v>39</v>
      </c>
      <c r="P2059" s="5" t="s">
        <v>40</v>
      </c>
      <c r="Q2059" s="5" t="s">
        <v>25301</v>
      </c>
      <c r="R2059" s="5" t="s">
        <v>40</v>
      </c>
      <c r="S2059" s="5" t="s">
        <v>42</v>
      </c>
      <c r="T2059" s="2">
        <v>9.8170000000000002</v>
      </c>
      <c r="U2059" s="2">
        <v>7.968</v>
      </c>
      <c r="V2059" s="2">
        <v>0.11600000000000001</v>
      </c>
      <c r="W2059" s="2">
        <v>12</v>
      </c>
      <c r="X2059" s="2">
        <v>50</v>
      </c>
      <c r="Y2059" s="2">
        <v>193.9</v>
      </c>
      <c r="Z2059" s="5">
        <v>10</v>
      </c>
      <c r="AA2059" s="5" t="s">
        <v>43</v>
      </c>
      <c r="AB2059" s="5" t="s">
        <v>44</v>
      </c>
      <c r="AC2059" s="2" t="s">
        <v>31472</v>
      </c>
      <c r="AD2059" s="1"/>
    </row>
    <row r="2060" spans="1:30">
      <c r="A2060" s="5" t="s">
        <v>83578</v>
      </c>
      <c r="B2060" s="2" t="s">
        <v>89776</v>
      </c>
      <c r="C2060" s="14" t="s">
        <v>89777</v>
      </c>
      <c r="D2060" s="2" t="s">
        <v>89778</v>
      </c>
      <c r="E2060" s="2" t="s">
        <v>31191</v>
      </c>
      <c r="F2060" s="8">
        <v>402</v>
      </c>
      <c r="G2060" s="5">
        <v>10</v>
      </c>
      <c r="H2060" s="5" t="s">
        <v>69</v>
      </c>
      <c r="I2060" s="5" t="s">
        <v>27074</v>
      </c>
      <c r="J2060" s="2" t="s">
        <v>27075</v>
      </c>
      <c r="K2060" s="5" t="s">
        <v>27074</v>
      </c>
      <c r="L2060" s="2" t="s">
        <v>27075</v>
      </c>
      <c r="M2060" s="5" t="s">
        <v>24254</v>
      </c>
      <c r="N2060" s="5" t="s">
        <v>38</v>
      </c>
      <c r="O2060" s="5" t="s">
        <v>39</v>
      </c>
      <c r="P2060" s="5" t="s">
        <v>40</v>
      </c>
      <c r="Q2060" s="5" t="s">
        <v>25301</v>
      </c>
      <c r="R2060" s="5" t="s">
        <v>40</v>
      </c>
      <c r="S2060" s="5" t="s">
        <v>42</v>
      </c>
      <c r="T2060" s="2">
        <v>12.396000000000001</v>
      </c>
      <c r="U2060" s="2">
        <v>10.287000000000001</v>
      </c>
      <c r="V2060" s="2">
        <v>0.11600000000000001</v>
      </c>
      <c r="W2060" s="2">
        <v>12</v>
      </c>
      <c r="X2060" s="2">
        <v>50</v>
      </c>
      <c r="Y2060" s="2">
        <v>193.9</v>
      </c>
      <c r="Z2060" s="5">
        <v>10</v>
      </c>
      <c r="AA2060" s="5" t="s">
        <v>43</v>
      </c>
      <c r="AB2060" s="5" t="s">
        <v>44</v>
      </c>
      <c r="AC2060" s="2" t="s">
        <v>31010</v>
      </c>
      <c r="AD2060" s="1"/>
    </row>
    <row r="2061" spans="1:30">
      <c r="A2061" s="5" t="s">
        <v>83578</v>
      </c>
      <c r="B2061" s="2" t="s">
        <v>89779</v>
      </c>
      <c r="C2061" s="14" t="s">
        <v>89780</v>
      </c>
      <c r="D2061" s="2" t="s">
        <v>89781</v>
      </c>
      <c r="E2061" s="2" t="s">
        <v>31191</v>
      </c>
      <c r="F2061" s="8">
        <v>402</v>
      </c>
      <c r="G2061" s="5">
        <v>10</v>
      </c>
      <c r="H2061" s="5" t="s">
        <v>69</v>
      </c>
      <c r="I2061" s="5" t="s">
        <v>27074</v>
      </c>
      <c r="J2061" s="2" t="s">
        <v>27075</v>
      </c>
      <c r="K2061" s="5" t="s">
        <v>27074</v>
      </c>
      <c r="L2061" s="2" t="s">
        <v>27075</v>
      </c>
      <c r="M2061" s="5" t="s">
        <v>24254</v>
      </c>
      <c r="N2061" s="5" t="s">
        <v>38</v>
      </c>
      <c r="O2061" s="5" t="s">
        <v>39</v>
      </c>
      <c r="P2061" s="5" t="s">
        <v>40</v>
      </c>
      <c r="Q2061" s="5" t="s">
        <v>25301</v>
      </c>
      <c r="R2061" s="5" t="s">
        <v>40</v>
      </c>
      <c r="S2061" s="5" t="s">
        <v>42</v>
      </c>
      <c r="T2061" s="2">
        <v>13.38</v>
      </c>
      <c r="U2061" s="2">
        <v>11.271000000000001</v>
      </c>
      <c r="V2061" s="2">
        <v>0.11600000000000001</v>
      </c>
      <c r="W2061" s="2">
        <v>12</v>
      </c>
      <c r="X2061" s="2">
        <v>50</v>
      </c>
      <c r="Y2061" s="2">
        <v>193.9</v>
      </c>
      <c r="Z2061" s="5">
        <v>10</v>
      </c>
      <c r="AA2061" s="5" t="s">
        <v>43</v>
      </c>
      <c r="AB2061" s="5" t="s">
        <v>44</v>
      </c>
      <c r="AC2061" s="2" t="s">
        <v>31472</v>
      </c>
      <c r="AD2061" s="1"/>
    </row>
    <row r="2062" spans="1:30">
      <c r="A2062" s="5" t="s">
        <v>83578</v>
      </c>
      <c r="B2062" s="2" t="s">
        <v>89782</v>
      </c>
      <c r="C2062" s="14" t="s">
        <v>89783</v>
      </c>
      <c r="D2062" s="2" t="s">
        <v>89784</v>
      </c>
      <c r="E2062" s="2" t="s">
        <v>30524</v>
      </c>
      <c r="F2062" s="8">
        <v>372</v>
      </c>
      <c r="G2062" s="5">
        <v>10</v>
      </c>
      <c r="H2062" s="5" t="s">
        <v>69</v>
      </c>
      <c r="I2062" s="5" t="s">
        <v>27074</v>
      </c>
      <c r="J2062" s="2" t="s">
        <v>27075</v>
      </c>
      <c r="K2062" s="5" t="s">
        <v>27074</v>
      </c>
      <c r="L2062" s="2" t="s">
        <v>27075</v>
      </c>
      <c r="M2062" s="5" t="s">
        <v>24254</v>
      </c>
      <c r="N2062" s="5" t="s">
        <v>38</v>
      </c>
      <c r="O2062" s="5" t="s">
        <v>39</v>
      </c>
      <c r="P2062" s="5" t="s">
        <v>40</v>
      </c>
      <c r="Q2062" s="5" t="s">
        <v>24340</v>
      </c>
      <c r="R2062" s="5" t="s">
        <v>40</v>
      </c>
      <c r="S2062" s="5" t="s">
        <v>42</v>
      </c>
      <c r="T2062" s="2">
        <v>17.95</v>
      </c>
      <c r="U2062" s="2">
        <v>16.14</v>
      </c>
      <c r="V2062" s="2">
        <v>0.104</v>
      </c>
      <c r="W2062" s="2">
        <v>12</v>
      </c>
      <c r="X2062" s="2">
        <v>50</v>
      </c>
      <c r="Y2062" s="2">
        <v>173.9</v>
      </c>
      <c r="Z2062" s="5">
        <v>8</v>
      </c>
      <c r="AA2062" s="5" t="s">
        <v>43</v>
      </c>
      <c r="AB2062" s="5" t="s">
        <v>44</v>
      </c>
      <c r="AC2062" s="2" t="s">
        <v>30525</v>
      </c>
      <c r="AD2062" s="1"/>
    </row>
    <row r="2063" spans="1:30">
      <c r="A2063" s="5" t="s">
        <v>83578</v>
      </c>
      <c r="B2063" s="2" t="s">
        <v>89785</v>
      </c>
      <c r="C2063" s="14" t="s">
        <v>89786</v>
      </c>
      <c r="D2063" s="2" t="s">
        <v>89787</v>
      </c>
      <c r="E2063" s="2" t="s">
        <v>30529</v>
      </c>
      <c r="F2063" s="8">
        <v>372</v>
      </c>
      <c r="G2063" s="5">
        <v>10</v>
      </c>
      <c r="H2063" s="5" t="s">
        <v>69</v>
      </c>
      <c r="I2063" s="5" t="s">
        <v>27074</v>
      </c>
      <c r="J2063" s="2" t="s">
        <v>27075</v>
      </c>
      <c r="K2063" s="5" t="s">
        <v>27074</v>
      </c>
      <c r="L2063" s="2" t="s">
        <v>27075</v>
      </c>
      <c r="M2063" s="5" t="s">
        <v>24254</v>
      </c>
      <c r="N2063" s="5" t="s">
        <v>38</v>
      </c>
      <c r="O2063" s="5" t="s">
        <v>39</v>
      </c>
      <c r="P2063" s="5" t="s">
        <v>40</v>
      </c>
      <c r="Q2063" s="5" t="s">
        <v>24340</v>
      </c>
      <c r="R2063" s="5" t="s">
        <v>40</v>
      </c>
      <c r="S2063" s="5" t="s">
        <v>42</v>
      </c>
      <c r="T2063" s="2">
        <v>10.138</v>
      </c>
      <c r="U2063" s="2">
        <v>8.4369999999999994</v>
      </c>
      <c r="V2063" s="2">
        <v>0.104</v>
      </c>
      <c r="W2063" s="2">
        <v>12</v>
      </c>
      <c r="X2063" s="2">
        <v>50</v>
      </c>
      <c r="Y2063" s="2">
        <v>173.9</v>
      </c>
      <c r="Z2063" s="5">
        <v>8</v>
      </c>
      <c r="AA2063" s="5" t="s">
        <v>43</v>
      </c>
      <c r="AB2063" s="5" t="s">
        <v>44</v>
      </c>
      <c r="AC2063" s="2" t="s">
        <v>30525</v>
      </c>
      <c r="AD2063" s="1"/>
    </row>
    <row r="2064" spans="1:30">
      <c r="A2064" s="5" t="s">
        <v>83578</v>
      </c>
      <c r="B2064" s="2" t="s">
        <v>89788</v>
      </c>
      <c r="C2064" s="14" t="s">
        <v>89789</v>
      </c>
      <c r="D2064" s="2" t="s">
        <v>89790</v>
      </c>
      <c r="E2064" s="2" t="s">
        <v>30650</v>
      </c>
      <c r="F2064" s="8">
        <v>372</v>
      </c>
      <c r="G2064" s="5">
        <v>10</v>
      </c>
      <c r="H2064" s="5" t="s">
        <v>69</v>
      </c>
      <c r="I2064" s="5" t="s">
        <v>27074</v>
      </c>
      <c r="J2064" s="2" t="s">
        <v>27075</v>
      </c>
      <c r="K2064" s="5" t="s">
        <v>27074</v>
      </c>
      <c r="L2064" s="2" t="s">
        <v>27075</v>
      </c>
      <c r="M2064" s="5" t="s">
        <v>24254</v>
      </c>
      <c r="N2064" s="5" t="s">
        <v>38</v>
      </c>
      <c r="O2064" s="5" t="s">
        <v>39</v>
      </c>
      <c r="P2064" s="5" t="s">
        <v>40</v>
      </c>
      <c r="Q2064" s="5" t="s">
        <v>24340</v>
      </c>
      <c r="R2064" s="5" t="s">
        <v>40</v>
      </c>
      <c r="S2064" s="5" t="s">
        <v>42</v>
      </c>
      <c r="T2064" s="2">
        <v>12.109</v>
      </c>
      <c r="U2064" s="2">
        <v>10.332000000000001</v>
      </c>
      <c r="V2064" s="2">
        <v>0.104</v>
      </c>
      <c r="W2064" s="2">
        <v>12</v>
      </c>
      <c r="X2064" s="2">
        <v>50</v>
      </c>
      <c r="Y2064" s="2">
        <v>173.9</v>
      </c>
      <c r="Z2064" s="5">
        <v>10</v>
      </c>
      <c r="AA2064" s="5" t="s">
        <v>43</v>
      </c>
      <c r="AB2064" s="5" t="s">
        <v>44</v>
      </c>
      <c r="AC2064" s="2" t="s">
        <v>30651</v>
      </c>
      <c r="AD2064" s="1"/>
    </row>
    <row r="2065" spans="1:30">
      <c r="A2065" s="5" t="s">
        <v>83578</v>
      </c>
      <c r="B2065" s="2" t="s">
        <v>89791</v>
      </c>
      <c r="C2065" s="14" t="s">
        <v>89792</v>
      </c>
      <c r="D2065" s="2" t="s">
        <v>89793</v>
      </c>
      <c r="E2065" s="2" t="s">
        <v>30650</v>
      </c>
      <c r="F2065" s="8">
        <v>372</v>
      </c>
      <c r="G2065" s="5">
        <v>10</v>
      </c>
      <c r="H2065" s="5" t="s">
        <v>69</v>
      </c>
      <c r="I2065" s="5" t="s">
        <v>27074</v>
      </c>
      <c r="J2065" s="2" t="s">
        <v>27075</v>
      </c>
      <c r="K2065" s="5" t="s">
        <v>27074</v>
      </c>
      <c r="L2065" s="2" t="s">
        <v>27075</v>
      </c>
      <c r="M2065" s="5" t="s">
        <v>24254</v>
      </c>
      <c r="N2065" s="5" t="s">
        <v>38</v>
      </c>
      <c r="O2065" s="5" t="s">
        <v>39</v>
      </c>
      <c r="P2065" s="5" t="s">
        <v>40</v>
      </c>
      <c r="Q2065" s="5" t="s">
        <v>24340</v>
      </c>
      <c r="R2065" s="5" t="s">
        <v>40</v>
      </c>
      <c r="S2065" s="5" t="s">
        <v>42</v>
      </c>
      <c r="T2065" s="2">
        <v>13.541</v>
      </c>
      <c r="U2065" s="2">
        <v>11.763999999999999</v>
      </c>
      <c r="V2065" s="2">
        <v>0.104</v>
      </c>
      <c r="W2065" s="2">
        <v>12</v>
      </c>
      <c r="X2065" s="2">
        <v>50</v>
      </c>
      <c r="Y2065" s="2">
        <v>173.9</v>
      </c>
      <c r="Z2065" s="5">
        <v>10</v>
      </c>
      <c r="AA2065" s="5" t="s">
        <v>43</v>
      </c>
      <c r="AB2065" s="5" t="s">
        <v>44</v>
      </c>
      <c r="AC2065" s="2" t="s">
        <v>30846</v>
      </c>
      <c r="AD2065" s="1"/>
    </row>
    <row r="2066" spans="1:30">
      <c r="A2066" s="5" t="s">
        <v>83578</v>
      </c>
      <c r="B2066" s="2" t="s">
        <v>89794</v>
      </c>
      <c r="C2066" s="14" t="s">
        <v>89795</v>
      </c>
      <c r="D2066" s="2" t="s">
        <v>89796</v>
      </c>
      <c r="E2066" s="2" t="s">
        <v>30655</v>
      </c>
      <c r="F2066" s="8">
        <v>372</v>
      </c>
      <c r="G2066" s="5">
        <v>10</v>
      </c>
      <c r="H2066" s="5" t="s">
        <v>69</v>
      </c>
      <c r="I2066" s="5" t="s">
        <v>27074</v>
      </c>
      <c r="J2066" s="2" t="s">
        <v>27075</v>
      </c>
      <c r="K2066" s="5" t="s">
        <v>27074</v>
      </c>
      <c r="L2066" s="2" t="s">
        <v>27075</v>
      </c>
      <c r="M2066" s="5" t="s">
        <v>24254</v>
      </c>
      <c r="N2066" s="5" t="s">
        <v>38</v>
      </c>
      <c r="O2066" s="5" t="s">
        <v>39</v>
      </c>
      <c r="P2066" s="5" t="s">
        <v>40</v>
      </c>
      <c r="Q2066" s="5" t="s">
        <v>24340</v>
      </c>
      <c r="R2066" s="5" t="s">
        <v>40</v>
      </c>
      <c r="S2066" s="5" t="s">
        <v>42</v>
      </c>
      <c r="T2066" s="2">
        <v>8.1609999999999996</v>
      </c>
      <c r="U2066" s="2">
        <v>6.3840000000000003</v>
      </c>
      <c r="V2066" s="2">
        <v>0.104</v>
      </c>
      <c r="W2066" s="2">
        <v>12</v>
      </c>
      <c r="X2066" s="2">
        <v>50</v>
      </c>
      <c r="Y2066" s="2">
        <v>173.9</v>
      </c>
      <c r="Z2066" s="5">
        <v>10</v>
      </c>
      <c r="AA2066" s="5" t="s">
        <v>43</v>
      </c>
      <c r="AB2066" s="5" t="s">
        <v>44</v>
      </c>
      <c r="AC2066" s="2" t="s">
        <v>30656</v>
      </c>
      <c r="AD2066" s="1"/>
    </row>
    <row r="2067" spans="1:30">
      <c r="A2067" s="5" t="s">
        <v>83578</v>
      </c>
      <c r="B2067" s="2" t="s">
        <v>89797</v>
      </c>
      <c r="C2067" s="14" t="s">
        <v>89798</v>
      </c>
      <c r="D2067" s="2" t="s">
        <v>89799</v>
      </c>
      <c r="E2067" s="2" t="s">
        <v>30655</v>
      </c>
      <c r="F2067" s="8">
        <v>372</v>
      </c>
      <c r="G2067" s="5">
        <v>10</v>
      </c>
      <c r="H2067" s="5" t="s">
        <v>69</v>
      </c>
      <c r="I2067" s="5" t="s">
        <v>27074</v>
      </c>
      <c r="J2067" s="2" t="s">
        <v>27075</v>
      </c>
      <c r="K2067" s="5" t="s">
        <v>27074</v>
      </c>
      <c r="L2067" s="2" t="s">
        <v>27075</v>
      </c>
      <c r="M2067" s="5" t="s">
        <v>24254</v>
      </c>
      <c r="N2067" s="5" t="s">
        <v>38</v>
      </c>
      <c r="O2067" s="5" t="s">
        <v>39</v>
      </c>
      <c r="P2067" s="5" t="s">
        <v>40</v>
      </c>
      <c r="Q2067" s="5" t="s">
        <v>24340</v>
      </c>
      <c r="R2067" s="5" t="s">
        <v>40</v>
      </c>
      <c r="S2067" s="5" t="s">
        <v>42</v>
      </c>
      <c r="T2067" s="2">
        <v>8.6890000000000001</v>
      </c>
      <c r="U2067" s="2">
        <v>6.9119999999999999</v>
      </c>
      <c r="V2067" s="2">
        <v>0.104</v>
      </c>
      <c r="W2067" s="2">
        <v>12</v>
      </c>
      <c r="X2067" s="2">
        <v>50</v>
      </c>
      <c r="Y2067" s="2">
        <v>173.9</v>
      </c>
      <c r="Z2067" s="5">
        <v>10</v>
      </c>
      <c r="AA2067" s="5" t="s">
        <v>43</v>
      </c>
      <c r="AB2067" s="5" t="s">
        <v>44</v>
      </c>
      <c r="AC2067" s="2" t="s">
        <v>30534</v>
      </c>
      <c r="AD2067" s="1"/>
    </row>
    <row r="2068" spans="1:30">
      <c r="A2068" s="5" t="s">
        <v>83578</v>
      </c>
      <c r="B2068" s="2" t="s">
        <v>89800</v>
      </c>
      <c r="C2068" s="14" t="s">
        <v>89801</v>
      </c>
      <c r="D2068" s="2" t="s">
        <v>89802</v>
      </c>
      <c r="E2068" s="2" t="s">
        <v>30533</v>
      </c>
      <c r="F2068" s="8">
        <v>372</v>
      </c>
      <c r="G2068" s="5">
        <v>10</v>
      </c>
      <c r="H2068" s="5" t="s">
        <v>69</v>
      </c>
      <c r="I2068" s="5" t="s">
        <v>27074</v>
      </c>
      <c r="J2068" s="2" t="s">
        <v>27075</v>
      </c>
      <c r="K2068" s="5" t="s">
        <v>27074</v>
      </c>
      <c r="L2068" s="2" t="s">
        <v>27075</v>
      </c>
      <c r="M2068" s="5" t="s">
        <v>24254</v>
      </c>
      <c r="N2068" s="5" t="s">
        <v>38</v>
      </c>
      <c r="O2068" s="5" t="s">
        <v>39</v>
      </c>
      <c r="P2068" s="5" t="s">
        <v>40</v>
      </c>
      <c r="Q2068" s="5" t="s">
        <v>24340</v>
      </c>
      <c r="R2068" s="5" t="s">
        <v>40</v>
      </c>
      <c r="S2068" s="5" t="s">
        <v>42</v>
      </c>
      <c r="T2068" s="2">
        <v>11.254</v>
      </c>
      <c r="U2068" s="2">
        <v>9.3420000000000005</v>
      </c>
      <c r="V2068" s="2">
        <v>0.104</v>
      </c>
      <c r="W2068" s="2">
        <v>12</v>
      </c>
      <c r="X2068" s="2">
        <v>50</v>
      </c>
      <c r="Y2068" s="2">
        <v>173.9</v>
      </c>
      <c r="Z2068" s="5">
        <v>10</v>
      </c>
      <c r="AA2068" s="5" t="s">
        <v>43</v>
      </c>
      <c r="AB2068" s="5" t="s">
        <v>44</v>
      </c>
      <c r="AC2068" s="2" t="s">
        <v>30656</v>
      </c>
      <c r="AD2068" s="1"/>
    </row>
    <row r="2069" spans="1:30">
      <c r="A2069" s="5" t="s">
        <v>83578</v>
      </c>
      <c r="B2069" s="2" t="s">
        <v>89803</v>
      </c>
      <c r="C2069" s="14" t="s">
        <v>89804</v>
      </c>
      <c r="D2069" s="2" t="s">
        <v>89805</v>
      </c>
      <c r="E2069" s="2" t="s">
        <v>30533</v>
      </c>
      <c r="F2069" s="8">
        <v>372</v>
      </c>
      <c r="G2069" s="5">
        <v>10</v>
      </c>
      <c r="H2069" s="5" t="s">
        <v>69</v>
      </c>
      <c r="I2069" s="5" t="s">
        <v>27074</v>
      </c>
      <c r="J2069" s="2" t="s">
        <v>27075</v>
      </c>
      <c r="K2069" s="5" t="s">
        <v>27074</v>
      </c>
      <c r="L2069" s="2" t="s">
        <v>27075</v>
      </c>
      <c r="M2069" s="5" t="s">
        <v>24254</v>
      </c>
      <c r="N2069" s="5" t="s">
        <v>38</v>
      </c>
      <c r="O2069" s="5" t="s">
        <v>39</v>
      </c>
      <c r="P2069" s="5" t="s">
        <v>40</v>
      </c>
      <c r="Q2069" s="5" t="s">
        <v>24340</v>
      </c>
      <c r="R2069" s="5" t="s">
        <v>40</v>
      </c>
      <c r="S2069" s="5" t="s">
        <v>42</v>
      </c>
      <c r="T2069" s="2">
        <v>12.73</v>
      </c>
      <c r="U2069" s="2">
        <v>10.818</v>
      </c>
      <c r="V2069" s="2">
        <v>0.104</v>
      </c>
      <c r="W2069" s="2">
        <v>12</v>
      </c>
      <c r="X2069" s="2">
        <v>50</v>
      </c>
      <c r="Y2069" s="2">
        <v>173.9</v>
      </c>
      <c r="Z2069" s="5">
        <v>10</v>
      </c>
      <c r="AA2069" s="5" t="s">
        <v>43</v>
      </c>
      <c r="AB2069" s="5" t="s">
        <v>44</v>
      </c>
      <c r="AC2069" s="2" t="s">
        <v>30534</v>
      </c>
      <c r="AD2069" s="1"/>
    </row>
    <row r="2070" spans="1:30">
      <c r="A2070" s="5" t="s">
        <v>83578</v>
      </c>
      <c r="B2070" s="2" t="s">
        <v>89806</v>
      </c>
      <c r="C2070" s="14" t="s">
        <v>89807</v>
      </c>
      <c r="D2070" s="2" t="s">
        <v>89808</v>
      </c>
      <c r="E2070" s="2" t="s">
        <v>30541</v>
      </c>
      <c r="F2070" s="8">
        <v>372</v>
      </c>
      <c r="G2070" s="5">
        <v>10</v>
      </c>
      <c r="H2070" s="5" t="s">
        <v>69</v>
      </c>
      <c r="I2070" s="5" t="s">
        <v>27074</v>
      </c>
      <c r="J2070" s="2" t="s">
        <v>27075</v>
      </c>
      <c r="K2070" s="5" t="s">
        <v>27074</v>
      </c>
      <c r="L2070" s="2" t="s">
        <v>27075</v>
      </c>
      <c r="M2070" s="5" t="s">
        <v>24254</v>
      </c>
      <c r="N2070" s="5" t="s">
        <v>38</v>
      </c>
      <c r="O2070" s="5" t="s">
        <v>39</v>
      </c>
      <c r="P2070" s="5" t="s">
        <v>40</v>
      </c>
      <c r="Q2070" s="5" t="s">
        <v>25301</v>
      </c>
      <c r="R2070" s="5" t="s">
        <v>40</v>
      </c>
      <c r="S2070" s="5" t="s">
        <v>42</v>
      </c>
      <c r="T2070" s="2">
        <v>16.016999999999999</v>
      </c>
      <c r="U2070" s="2">
        <v>14.206</v>
      </c>
      <c r="V2070" s="2">
        <v>0.104</v>
      </c>
      <c r="W2070" s="2">
        <v>12</v>
      </c>
      <c r="X2070" s="2">
        <v>50</v>
      </c>
      <c r="Y2070" s="2">
        <v>173.9</v>
      </c>
      <c r="Z2070" s="5">
        <v>8</v>
      </c>
      <c r="AA2070" s="5" t="s">
        <v>43</v>
      </c>
      <c r="AB2070" s="5" t="s">
        <v>44</v>
      </c>
      <c r="AC2070" s="2" t="s">
        <v>30542</v>
      </c>
      <c r="AD2070" s="1"/>
    </row>
    <row r="2071" spans="1:30">
      <c r="A2071" s="5" t="s">
        <v>83578</v>
      </c>
      <c r="B2071" s="2" t="s">
        <v>89809</v>
      </c>
      <c r="C2071" s="14" t="s">
        <v>89810</v>
      </c>
      <c r="D2071" s="2" t="s">
        <v>89811</v>
      </c>
      <c r="E2071" s="2" t="s">
        <v>30546</v>
      </c>
      <c r="F2071" s="8">
        <v>372</v>
      </c>
      <c r="G2071" s="5">
        <v>10</v>
      </c>
      <c r="H2071" s="5" t="s">
        <v>69</v>
      </c>
      <c r="I2071" s="5" t="s">
        <v>27074</v>
      </c>
      <c r="J2071" s="2" t="s">
        <v>27075</v>
      </c>
      <c r="K2071" s="5" t="s">
        <v>27074</v>
      </c>
      <c r="L2071" s="2" t="s">
        <v>27075</v>
      </c>
      <c r="M2071" s="5" t="s">
        <v>24254</v>
      </c>
      <c r="N2071" s="5" t="s">
        <v>38</v>
      </c>
      <c r="O2071" s="5" t="s">
        <v>39</v>
      </c>
      <c r="P2071" s="5" t="s">
        <v>40</v>
      </c>
      <c r="Q2071" s="5" t="s">
        <v>25301</v>
      </c>
      <c r="R2071" s="5" t="s">
        <v>40</v>
      </c>
      <c r="S2071" s="5" t="s">
        <v>42</v>
      </c>
      <c r="T2071" s="2">
        <v>9.3729999999999993</v>
      </c>
      <c r="U2071" s="2">
        <v>7.6710000000000003</v>
      </c>
      <c r="V2071" s="2">
        <v>0.104</v>
      </c>
      <c r="W2071" s="2">
        <v>12</v>
      </c>
      <c r="X2071" s="2">
        <v>50</v>
      </c>
      <c r="Y2071" s="2">
        <v>173.9</v>
      </c>
      <c r="Z2071" s="5">
        <v>8</v>
      </c>
      <c r="AA2071" s="5" t="s">
        <v>43</v>
      </c>
      <c r="AB2071" s="5" t="s">
        <v>44</v>
      </c>
      <c r="AC2071" s="2" t="s">
        <v>30542</v>
      </c>
      <c r="AD2071" s="1"/>
    </row>
    <row r="2072" spans="1:30">
      <c r="A2072" s="5" t="s">
        <v>83578</v>
      </c>
      <c r="B2072" s="2" t="s">
        <v>89812</v>
      </c>
      <c r="C2072" s="14" t="s">
        <v>89813</v>
      </c>
      <c r="D2072" s="2" t="s">
        <v>89814</v>
      </c>
      <c r="E2072" s="2" t="s">
        <v>31004</v>
      </c>
      <c r="F2072" s="8">
        <v>372</v>
      </c>
      <c r="G2072" s="5">
        <v>10</v>
      </c>
      <c r="H2072" s="5" t="s">
        <v>69</v>
      </c>
      <c r="I2072" s="5" t="s">
        <v>27074</v>
      </c>
      <c r="J2072" s="2" t="s">
        <v>27075</v>
      </c>
      <c r="K2072" s="5" t="s">
        <v>27074</v>
      </c>
      <c r="L2072" s="2" t="s">
        <v>27075</v>
      </c>
      <c r="M2072" s="5" t="s">
        <v>24254</v>
      </c>
      <c r="N2072" s="5" t="s">
        <v>38</v>
      </c>
      <c r="O2072" s="5" t="s">
        <v>39</v>
      </c>
      <c r="P2072" s="5" t="s">
        <v>40</v>
      </c>
      <c r="Q2072" s="5" t="s">
        <v>25301</v>
      </c>
      <c r="R2072" s="5" t="s">
        <v>40</v>
      </c>
      <c r="S2072" s="5" t="s">
        <v>42</v>
      </c>
      <c r="T2072" s="2">
        <v>10.863</v>
      </c>
      <c r="U2072" s="2">
        <v>9.0850000000000009</v>
      </c>
      <c r="V2072" s="2">
        <v>0.104</v>
      </c>
      <c r="W2072" s="2">
        <v>12</v>
      </c>
      <c r="X2072" s="2">
        <v>50</v>
      </c>
      <c r="Y2072" s="2">
        <v>173.9</v>
      </c>
      <c r="Z2072" s="5">
        <v>10</v>
      </c>
      <c r="AA2072" s="5" t="s">
        <v>43</v>
      </c>
      <c r="AB2072" s="5" t="s">
        <v>44</v>
      </c>
      <c r="AC2072" s="2" t="s">
        <v>31005</v>
      </c>
      <c r="AD2072" s="1"/>
    </row>
    <row r="2073" spans="1:30">
      <c r="A2073" s="5" t="s">
        <v>83578</v>
      </c>
      <c r="B2073" s="2" t="s">
        <v>89815</v>
      </c>
      <c r="C2073" s="14" t="s">
        <v>89816</v>
      </c>
      <c r="D2073" s="2" t="s">
        <v>89817</v>
      </c>
      <c r="E2073" s="2" t="s">
        <v>31009</v>
      </c>
      <c r="F2073" s="8">
        <v>372</v>
      </c>
      <c r="G2073" s="5">
        <v>10</v>
      </c>
      <c r="H2073" s="5" t="s">
        <v>69</v>
      </c>
      <c r="I2073" s="5" t="s">
        <v>27074</v>
      </c>
      <c r="J2073" s="2" t="s">
        <v>27075</v>
      </c>
      <c r="K2073" s="5" t="s">
        <v>27074</v>
      </c>
      <c r="L2073" s="2" t="s">
        <v>27075</v>
      </c>
      <c r="M2073" s="5" t="s">
        <v>24254</v>
      </c>
      <c r="N2073" s="5" t="s">
        <v>38</v>
      </c>
      <c r="O2073" s="5" t="s">
        <v>39</v>
      </c>
      <c r="P2073" s="5" t="s">
        <v>40</v>
      </c>
      <c r="Q2073" s="5" t="s">
        <v>25301</v>
      </c>
      <c r="R2073" s="5" t="s">
        <v>40</v>
      </c>
      <c r="S2073" s="5" t="s">
        <v>42</v>
      </c>
      <c r="T2073" s="2">
        <v>8.7080000000000002</v>
      </c>
      <c r="U2073" s="2">
        <v>6.93</v>
      </c>
      <c r="V2073" s="2">
        <v>0.104</v>
      </c>
      <c r="W2073" s="2">
        <v>12</v>
      </c>
      <c r="X2073" s="2">
        <v>50</v>
      </c>
      <c r="Y2073" s="2">
        <v>173.9</v>
      </c>
      <c r="Z2073" s="5">
        <v>10</v>
      </c>
      <c r="AA2073" s="5" t="s">
        <v>43</v>
      </c>
      <c r="AB2073" s="5" t="s">
        <v>44</v>
      </c>
      <c r="AC2073" s="2" t="s">
        <v>31010</v>
      </c>
      <c r="AD2073" s="1"/>
    </row>
    <row r="2074" spans="1:30">
      <c r="A2074" s="5" t="s">
        <v>83578</v>
      </c>
      <c r="B2074" s="2" t="s">
        <v>89818</v>
      </c>
      <c r="C2074" s="14" t="s">
        <v>89819</v>
      </c>
      <c r="D2074" s="2" t="s">
        <v>89820</v>
      </c>
      <c r="E2074" s="2" t="s">
        <v>31009</v>
      </c>
      <c r="F2074" s="8">
        <v>372</v>
      </c>
      <c r="G2074" s="5">
        <v>10</v>
      </c>
      <c r="H2074" s="5" t="s">
        <v>69</v>
      </c>
      <c r="I2074" s="5" t="s">
        <v>27074</v>
      </c>
      <c r="J2074" s="2" t="s">
        <v>27075</v>
      </c>
      <c r="K2074" s="5" t="s">
        <v>27074</v>
      </c>
      <c r="L2074" s="2" t="s">
        <v>27075</v>
      </c>
      <c r="M2074" s="5" t="s">
        <v>24254</v>
      </c>
      <c r="N2074" s="5" t="s">
        <v>38</v>
      </c>
      <c r="O2074" s="5" t="s">
        <v>39</v>
      </c>
      <c r="P2074" s="5" t="s">
        <v>40</v>
      </c>
      <c r="Q2074" s="5" t="s">
        <v>25301</v>
      </c>
      <c r="R2074" s="5" t="s">
        <v>40</v>
      </c>
      <c r="S2074" s="5" t="s">
        <v>42</v>
      </c>
      <c r="T2074" s="2">
        <v>7.984</v>
      </c>
      <c r="U2074" s="2">
        <v>6.2060000000000004</v>
      </c>
      <c r="V2074" s="2">
        <v>0.104</v>
      </c>
      <c r="W2074" s="2">
        <v>12</v>
      </c>
      <c r="X2074" s="2">
        <v>50</v>
      </c>
      <c r="Y2074" s="2">
        <v>173.9</v>
      </c>
      <c r="Z2074" s="5">
        <v>10</v>
      </c>
      <c r="AA2074" s="5" t="s">
        <v>43</v>
      </c>
      <c r="AB2074" s="5" t="s">
        <v>44</v>
      </c>
      <c r="AC2074" s="2" t="s">
        <v>31472</v>
      </c>
      <c r="AD2074" s="1"/>
    </row>
    <row r="2075" spans="1:30">
      <c r="A2075" s="5" t="s">
        <v>83578</v>
      </c>
      <c r="B2075" s="2" t="s">
        <v>89821</v>
      </c>
      <c r="C2075" s="14" t="s">
        <v>89822</v>
      </c>
      <c r="D2075" s="2" t="s">
        <v>89823</v>
      </c>
      <c r="E2075" s="2" t="s">
        <v>31191</v>
      </c>
      <c r="F2075" s="8">
        <v>372</v>
      </c>
      <c r="G2075" s="5">
        <v>10</v>
      </c>
      <c r="H2075" s="5" t="s">
        <v>69</v>
      </c>
      <c r="I2075" s="5" t="s">
        <v>27074</v>
      </c>
      <c r="J2075" s="2" t="s">
        <v>27075</v>
      </c>
      <c r="K2075" s="5" t="s">
        <v>27074</v>
      </c>
      <c r="L2075" s="2" t="s">
        <v>27075</v>
      </c>
      <c r="M2075" s="5" t="s">
        <v>24254</v>
      </c>
      <c r="N2075" s="5" t="s">
        <v>38</v>
      </c>
      <c r="O2075" s="5" t="s">
        <v>39</v>
      </c>
      <c r="P2075" s="5" t="s">
        <v>40</v>
      </c>
      <c r="Q2075" s="5" t="s">
        <v>25301</v>
      </c>
      <c r="R2075" s="5" t="s">
        <v>40</v>
      </c>
      <c r="S2075" s="5" t="s">
        <v>42</v>
      </c>
      <c r="T2075" s="2">
        <v>10.146000000000001</v>
      </c>
      <c r="U2075" s="2">
        <v>8.2330000000000005</v>
      </c>
      <c r="V2075" s="2">
        <v>0.104</v>
      </c>
      <c r="W2075" s="2">
        <v>12</v>
      </c>
      <c r="X2075" s="2">
        <v>50</v>
      </c>
      <c r="Y2075" s="2">
        <v>173.9</v>
      </c>
      <c r="Z2075" s="5">
        <v>10</v>
      </c>
      <c r="AA2075" s="5" t="s">
        <v>43</v>
      </c>
      <c r="AB2075" s="5" t="s">
        <v>44</v>
      </c>
      <c r="AC2075" s="2" t="s">
        <v>31010</v>
      </c>
      <c r="AD2075" s="1"/>
    </row>
    <row r="2076" spans="1:30">
      <c r="A2076" s="5" t="s">
        <v>83578</v>
      </c>
      <c r="B2076" s="2" t="s">
        <v>89824</v>
      </c>
      <c r="C2076" s="14" t="s">
        <v>89825</v>
      </c>
      <c r="D2076" s="2" t="s">
        <v>89826</v>
      </c>
      <c r="E2076" s="2" t="s">
        <v>30524</v>
      </c>
      <c r="F2076" s="8">
        <v>391</v>
      </c>
      <c r="G2076" s="5">
        <v>10</v>
      </c>
      <c r="H2076" s="5" t="s">
        <v>69</v>
      </c>
      <c r="I2076" s="5" t="s">
        <v>27074</v>
      </c>
      <c r="J2076" s="2" t="s">
        <v>27075</v>
      </c>
      <c r="K2076" s="5" t="s">
        <v>27074</v>
      </c>
      <c r="L2076" s="2" t="s">
        <v>27075</v>
      </c>
      <c r="M2076" s="5" t="s">
        <v>24254</v>
      </c>
      <c r="N2076" s="5" t="s">
        <v>38</v>
      </c>
      <c r="O2076" s="5" t="s">
        <v>39</v>
      </c>
      <c r="P2076" s="5" t="s">
        <v>40</v>
      </c>
      <c r="Q2076" s="5" t="s">
        <v>24340</v>
      </c>
      <c r="R2076" s="5" t="s">
        <v>40</v>
      </c>
      <c r="S2076" s="5" t="s">
        <v>42</v>
      </c>
      <c r="T2076" s="2">
        <v>20.741</v>
      </c>
      <c r="U2076" s="2">
        <v>18.931000000000001</v>
      </c>
      <c r="V2076" s="2">
        <v>0.104</v>
      </c>
      <c r="W2076" s="2">
        <v>12</v>
      </c>
      <c r="X2076" s="2">
        <v>50</v>
      </c>
      <c r="Y2076" s="2">
        <v>173.9</v>
      </c>
      <c r="Z2076" s="5">
        <v>8</v>
      </c>
      <c r="AA2076" s="5" t="s">
        <v>43</v>
      </c>
      <c r="AB2076" s="5" t="s">
        <v>44</v>
      </c>
      <c r="AC2076" s="2" t="s">
        <v>30525</v>
      </c>
      <c r="AD2076" s="1"/>
    </row>
    <row r="2077" spans="1:30">
      <c r="A2077" s="5" t="s">
        <v>83578</v>
      </c>
      <c r="B2077" s="2" t="s">
        <v>89827</v>
      </c>
      <c r="C2077" s="14" t="s">
        <v>89828</v>
      </c>
      <c r="D2077" s="2" t="s">
        <v>89829</v>
      </c>
      <c r="E2077" s="2" t="s">
        <v>30595</v>
      </c>
      <c r="F2077" s="8">
        <v>391</v>
      </c>
      <c r="G2077" s="5">
        <v>10</v>
      </c>
      <c r="H2077" s="5" t="s">
        <v>69</v>
      </c>
      <c r="I2077" s="5" t="s">
        <v>27074</v>
      </c>
      <c r="J2077" s="2" t="s">
        <v>27075</v>
      </c>
      <c r="K2077" s="5" t="s">
        <v>27074</v>
      </c>
      <c r="L2077" s="2" t="s">
        <v>27075</v>
      </c>
      <c r="M2077" s="5" t="s">
        <v>24254</v>
      </c>
      <c r="N2077" s="5" t="s">
        <v>38</v>
      </c>
      <c r="O2077" s="5" t="s">
        <v>39</v>
      </c>
      <c r="P2077" s="5" t="s">
        <v>40</v>
      </c>
      <c r="Q2077" s="5" t="s">
        <v>24340</v>
      </c>
      <c r="R2077" s="5" t="s">
        <v>40</v>
      </c>
      <c r="S2077" s="5" t="s">
        <v>42</v>
      </c>
      <c r="T2077" s="2">
        <v>14.791</v>
      </c>
      <c r="U2077" s="2">
        <v>13.01</v>
      </c>
      <c r="V2077" s="2">
        <v>0.104</v>
      </c>
      <c r="W2077" s="2">
        <v>12</v>
      </c>
      <c r="X2077" s="2">
        <v>50</v>
      </c>
      <c r="Y2077" s="2">
        <v>173.9</v>
      </c>
      <c r="Z2077" s="5">
        <v>8</v>
      </c>
      <c r="AA2077" s="5" t="s">
        <v>43</v>
      </c>
      <c r="AB2077" s="5" t="s">
        <v>44</v>
      </c>
      <c r="AC2077" s="2" t="s">
        <v>30525</v>
      </c>
      <c r="AD2077" s="1"/>
    </row>
    <row r="2078" spans="1:30">
      <c r="A2078" s="5" t="s">
        <v>83578</v>
      </c>
      <c r="B2078" s="2" t="s">
        <v>89830</v>
      </c>
      <c r="C2078" s="14" t="s">
        <v>89831</v>
      </c>
      <c r="D2078" s="2" t="s">
        <v>89832</v>
      </c>
      <c r="E2078" s="2" t="s">
        <v>30529</v>
      </c>
      <c r="F2078" s="8">
        <v>391</v>
      </c>
      <c r="G2078" s="5">
        <v>10</v>
      </c>
      <c r="H2078" s="5" t="s">
        <v>69</v>
      </c>
      <c r="I2078" s="5" t="s">
        <v>27074</v>
      </c>
      <c r="J2078" s="2" t="s">
        <v>27075</v>
      </c>
      <c r="K2078" s="5" t="s">
        <v>27074</v>
      </c>
      <c r="L2078" s="2" t="s">
        <v>27075</v>
      </c>
      <c r="M2078" s="5" t="s">
        <v>24254</v>
      </c>
      <c r="N2078" s="5" t="s">
        <v>38</v>
      </c>
      <c r="O2078" s="5" t="s">
        <v>39</v>
      </c>
      <c r="P2078" s="5" t="s">
        <v>40</v>
      </c>
      <c r="Q2078" s="5" t="s">
        <v>24340</v>
      </c>
      <c r="R2078" s="5" t="s">
        <v>40</v>
      </c>
      <c r="S2078" s="5" t="s">
        <v>42</v>
      </c>
      <c r="T2078" s="2">
        <v>10.932</v>
      </c>
      <c r="U2078" s="2">
        <v>9.2309999999999999</v>
      </c>
      <c r="V2078" s="2">
        <v>0.104</v>
      </c>
      <c r="W2078" s="2">
        <v>12</v>
      </c>
      <c r="X2078" s="2">
        <v>50</v>
      </c>
      <c r="Y2078" s="2">
        <v>173.9</v>
      </c>
      <c r="Z2078" s="5">
        <v>8</v>
      </c>
      <c r="AA2078" s="5" t="s">
        <v>43</v>
      </c>
      <c r="AB2078" s="5" t="s">
        <v>44</v>
      </c>
      <c r="AC2078" s="2" t="s">
        <v>30525</v>
      </c>
      <c r="AD2078" s="1"/>
    </row>
    <row r="2079" spans="1:30">
      <c r="A2079" s="5" t="s">
        <v>83578</v>
      </c>
      <c r="B2079" s="2" t="s">
        <v>89833</v>
      </c>
      <c r="C2079" s="14" t="s">
        <v>89834</v>
      </c>
      <c r="D2079" s="2" t="s">
        <v>89835</v>
      </c>
      <c r="E2079" s="2" t="s">
        <v>30650</v>
      </c>
      <c r="F2079" s="8">
        <v>391</v>
      </c>
      <c r="G2079" s="5">
        <v>10</v>
      </c>
      <c r="H2079" s="5" t="s">
        <v>69</v>
      </c>
      <c r="I2079" s="5" t="s">
        <v>27074</v>
      </c>
      <c r="J2079" s="2" t="s">
        <v>27075</v>
      </c>
      <c r="K2079" s="5" t="s">
        <v>27074</v>
      </c>
      <c r="L2079" s="2" t="s">
        <v>27075</v>
      </c>
      <c r="M2079" s="5" t="s">
        <v>24254</v>
      </c>
      <c r="N2079" s="5" t="s">
        <v>38</v>
      </c>
      <c r="O2079" s="5" t="s">
        <v>39</v>
      </c>
      <c r="P2079" s="5" t="s">
        <v>40</v>
      </c>
      <c r="Q2079" s="5" t="s">
        <v>24340</v>
      </c>
      <c r="R2079" s="5" t="s">
        <v>40</v>
      </c>
      <c r="S2079" s="5" t="s">
        <v>42</v>
      </c>
      <c r="T2079" s="2">
        <v>14.356</v>
      </c>
      <c r="U2079" s="2">
        <v>12.579000000000001</v>
      </c>
      <c r="V2079" s="2">
        <v>0.104</v>
      </c>
      <c r="W2079" s="2">
        <v>12</v>
      </c>
      <c r="X2079" s="2">
        <v>50</v>
      </c>
      <c r="Y2079" s="2">
        <v>173.9</v>
      </c>
      <c r="Z2079" s="5">
        <v>10</v>
      </c>
      <c r="AA2079" s="5" t="s">
        <v>43</v>
      </c>
      <c r="AB2079" s="5" t="s">
        <v>44</v>
      </c>
      <c r="AC2079" s="2" t="s">
        <v>30651</v>
      </c>
      <c r="AD2079" s="1"/>
    </row>
    <row r="2080" spans="1:30">
      <c r="A2080" s="5" t="s">
        <v>83578</v>
      </c>
      <c r="B2080" s="2" t="s">
        <v>89836</v>
      </c>
      <c r="C2080" s="14" t="s">
        <v>89837</v>
      </c>
      <c r="D2080" s="2" t="s">
        <v>89838</v>
      </c>
      <c r="E2080" s="2" t="s">
        <v>30650</v>
      </c>
      <c r="F2080" s="8">
        <v>391</v>
      </c>
      <c r="G2080" s="5">
        <v>10</v>
      </c>
      <c r="H2080" s="5" t="s">
        <v>69</v>
      </c>
      <c r="I2080" s="5" t="s">
        <v>27074</v>
      </c>
      <c r="J2080" s="2" t="s">
        <v>27075</v>
      </c>
      <c r="K2080" s="5" t="s">
        <v>27074</v>
      </c>
      <c r="L2080" s="2" t="s">
        <v>27075</v>
      </c>
      <c r="M2080" s="5" t="s">
        <v>24254</v>
      </c>
      <c r="N2080" s="5" t="s">
        <v>38</v>
      </c>
      <c r="O2080" s="5" t="s">
        <v>39</v>
      </c>
      <c r="P2080" s="5" t="s">
        <v>40</v>
      </c>
      <c r="Q2080" s="5" t="s">
        <v>24340</v>
      </c>
      <c r="R2080" s="5" t="s">
        <v>40</v>
      </c>
      <c r="S2080" s="5" t="s">
        <v>42</v>
      </c>
      <c r="T2080" s="2">
        <v>15.788</v>
      </c>
      <c r="U2080" s="2">
        <v>14.010999999999999</v>
      </c>
      <c r="V2080" s="2">
        <v>0.104</v>
      </c>
      <c r="W2080" s="2">
        <v>12</v>
      </c>
      <c r="X2080" s="2">
        <v>50</v>
      </c>
      <c r="Y2080" s="2">
        <v>173.9</v>
      </c>
      <c r="Z2080" s="5">
        <v>10</v>
      </c>
      <c r="AA2080" s="5" t="s">
        <v>43</v>
      </c>
      <c r="AB2080" s="5" t="s">
        <v>44</v>
      </c>
      <c r="AC2080" s="2" t="s">
        <v>30846</v>
      </c>
      <c r="AD2080" s="1"/>
    </row>
    <row r="2081" spans="1:30">
      <c r="A2081" s="5" t="s">
        <v>83578</v>
      </c>
      <c r="B2081" s="2" t="s">
        <v>89839</v>
      </c>
      <c r="C2081" s="14" t="s">
        <v>89840</v>
      </c>
      <c r="D2081" s="2" t="s">
        <v>89841</v>
      </c>
      <c r="E2081" s="2" t="s">
        <v>30655</v>
      </c>
      <c r="F2081" s="8">
        <v>391</v>
      </c>
      <c r="G2081" s="5">
        <v>10</v>
      </c>
      <c r="H2081" s="5" t="s">
        <v>69</v>
      </c>
      <c r="I2081" s="5" t="s">
        <v>27074</v>
      </c>
      <c r="J2081" s="2" t="s">
        <v>27075</v>
      </c>
      <c r="K2081" s="5" t="s">
        <v>27074</v>
      </c>
      <c r="L2081" s="2" t="s">
        <v>27075</v>
      </c>
      <c r="M2081" s="5" t="s">
        <v>24254</v>
      </c>
      <c r="N2081" s="5" t="s">
        <v>38</v>
      </c>
      <c r="O2081" s="5" t="s">
        <v>39</v>
      </c>
      <c r="P2081" s="5" t="s">
        <v>40</v>
      </c>
      <c r="Q2081" s="5" t="s">
        <v>24340</v>
      </c>
      <c r="R2081" s="5" t="s">
        <v>40</v>
      </c>
      <c r="S2081" s="5" t="s">
        <v>42</v>
      </c>
      <c r="T2081" s="2">
        <v>9.5329999999999995</v>
      </c>
      <c r="U2081" s="2">
        <v>7.7560000000000002</v>
      </c>
      <c r="V2081" s="2">
        <v>0.104</v>
      </c>
      <c r="W2081" s="2">
        <v>12</v>
      </c>
      <c r="X2081" s="2">
        <v>50</v>
      </c>
      <c r="Y2081" s="2">
        <v>173.9</v>
      </c>
      <c r="Z2081" s="5">
        <v>10</v>
      </c>
      <c r="AA2081" s="5" t="s">
        <v>43</v>
      </c>
      <c r="AB2081" s="5" t="s">
        <v>44</v>
      </c>
      <c r="AC2081" s="2" t="s">
        <v>30656</v>
      </c>
      <c r="AD2081" s="1"/>
    </row>
    <row r="2082" spans="1:30">
      <c r="A2082" s="5" t="s">
        <v>83578</v>
      </c>
      <c r="B2082" s="2" t="s">
        <v>89842</v>
      </c>
      <c r="C2082" s="14" t="s">
        <v>89843</v>
      </c>
      <c r="D2082" s="2" t="s">
        <v>89844</v>
      </c>
      <c r="E2082" s="2" t="s">
        <v>30655</v>
      </c>
      <c r="F2082" s="8">
        <v>391</v>
      </c>
      <c r="G2082" s="5">
        <v>10</v>
      </c>
      <c r="H2082" s="5" t="s">
        <v>69</v>
      </c>
      <c r="I2082" s="5" t="s">
        <v>27074</v>
      </c>
      <c r="J2082" s="2" t="s">
        <v>27075</v>
      </c>
      <c r="K2082" s="5" t="s">
        <v>27074</v>
      </c>
      <c r="L2082" s="2" t="s">
        <v>27075</v>
      </c>
      <c r="M2082" s="5" t="s">
        <v>24254</v>
      </c>
      <c r="N2082" s="5" t="s">
        <v>38</v>
      </c>
      <c r="O2082" s="5" t="s">
        <v>39</v>
      </c>
      <c r="P2082" s="5" t="s">
        <v>40</v>
      </c>
      <c r="Q2082" s="5" t="s">
        <v>24340</v>
      </c>
      <c r="R2082" s="5" t="s">
        <v>40</v>
      </c>
      <c r="S2082" s="5" t="s">
        <v>42</v>
      </c>
      <c r="T2082" s="2">
        <v>10.061</v>
      </c>
      <c r="U2082" s="2">
        <v>8.2840000000000007</v>
      </c>
      <c r="V2082" s="2">
        <v>0.104</v>
      </c>
      <c r="W2082" s="2">
        <v>12</v>
      </c>
      <c r="X2082" s="2">
        <v>50</v>
      </c>
      <c r="Y2082" s="2">
        <v>173.9</v>
      </c>
      <c r="Z2082" s="5">
        <v>10</v>
      </c>
      <c r="AA2082" s="5" t="s">
        <v>43</v>
      </c>
      <c r="AB2082" s="5" t="s">
        <v>44</v>
      </c>
      <c r="AC2082" s="2" t="s">
        <v>30534</v>
      </c>
      <c r="AD2082" s="1"/>
    </row>
    <row r="2083" spans="1:30">
      <c r="A2083" s="5" t="s">
        <v>83578</v>
      </c>
      <c r="B2083" s="2" t="s">
        <v>89845</v>
      </c>
      <c r="C2083" s="14" t="s">
        <v>89846</v>
      </c>
      <c r="D2083" s="2" t="s">
        <v>89847</v>
      </c>
      <c r="E2083" s="2" t="s">
        <v>30541</v>
      </c>
      <c r="F2083" s="8">
        <v>391</v>
      </c>
      <c r="G2083" s="5">
        <v>10</v>
      </c>
      <c r="H2083" s="5" t="s">
        <v>69</v>
      </c>
      <c r="I2083" s="5" t="s">
        <v>27074</v>
      </c>
      <c r="J2083" s="2" t="s">
        <v>27075</v>
      </c>
      <c r="K2083" s="5" t="s">
        <v>27074</v>
      </c>
      <c r="L2083" s="2" t="s">
        <v>27075</v>
      </c>
      <c r="M2083" s="5" t="s">
        <v>24254</v>
      </c>
      <c r="N2083" s="5" t="s">
        <v>38</v>
      </c>
      <c r="O2083" s="5" t="s">
        <v>39</v>
      </c>
      <c r="P2083" s="5" t="s">
        <v>40</v>
      </c>
      <c r="Q2083" s="5" t="s">
        <v>25301</v>
      </c>
      <c r="R2083" s="5" t="s">
        <v>40</v>
      </c>
      <c r="S2083" s="5" t="s">
        <v>42</v>
      </c>
      <c r="T2083" s="2">
        <v>18.376000000000001</v>
      </c>
      <c r="U2083" s="2">
        <v>16.565000000000001</v>
      </c>
      <c r="V2083" s="2">
        <v>0.104</v>
      </c>
      <c r="W2083" s="2">
        <v>12</v>
      </c>
      <c r="X2083" s="2">
        <v>50</v>
      </c>
      <c r="Y2083" s="2">
        <v>173.9</v>
      </c>
      <c r="Z2083" s="5">
        <v>8</v>
      </c>
      <c r="AA2083" s="5" t="s">
        <v>43</v>
      </c>
      <c r="AB2083" s="5" t="s">
        <v>44</v>
      </c>
      <c r="AC2083" s="2" t="s">
        <v>30542</v>
      </c>
      <c r="AD2083" s="1"/>
    </row>
    <row r="2084" spans="1:30">
      <c r="A2084" s="5" t="s">
        <v>83578</v>
      </c>
      <c r="B2084" s="2" t="s">
        <v>89848</v>
      </c>
      <c r="C2084" s="14" t="s">
        <v>89849</v>
      </c>
      <c r="D2084" s="2" t="s">
        <v>89850</v>
      </c>
      <c r="E2084" s="2" t="s">
        <v>30862</v>
      </c>
      <c r="F2084" s="8">
        <v>391</v>
      </c>
      <c r="G2084" s="5">
        <v>10</v>
      </c>
      <c r="H2084" s="5" t="s">
        <v>69</v>
      </c>
      <c r="I2084" s="5" t="s">
        <v>27074</v>
      </c>
      <c r="J2084" s="2" t="s">
        <v>27075</v>
      </c>
      <c r="K2084" s="5" t="s">
        <v>27074</v>
      </c>
      <c r="L2084" s="2" t="s">
        <v>27075</v>
      </c>
      <c r="M2084" s="5" t="s">
        <v>24254</v>
      </c>
      <c r="N2084" s="5" t="s">
        <v>38</v>
      </c>
      <c r="O2084" s="5" t="s">
        <v>39</v>
      </c>
      <c r="P2084" s="5" t="s">
        <v>40</v>
      </c>
      <c r="Q2084" s="5" t="s">
        <v>25301</v>
      </c>
      <c r="R2084" s="5" t="s">
        <v>40</v>
      </c>
      <c r="S2084" s="5" t="s">
        <v>42</v>
      </c>
      <c r="T2084" s="2">
        <v>13.36</v>
      </c>
      <c r="U2084" s="2">
        <v>11.577999999999999</v>
      </c>
      <c r="V2084" s="2">
        <v>0.104</v>
      </c>
      <c r="W2084" s="2">
        <v>12</v>
      </c>
      <c r="X2084" s="2">
        <v>50</v>
      </c>
      <c r="Y2084" s="2">
        <v>173.9</v>
      </c>
      <c r="Z2084" s="5">
        <v>8</v>
      </c>
      <c r="AA2084" s="5" t="s">
        <v>43</v>
      </c>
      <c r="AB2084" s="5" t="s">
        <v>44</v>
      </c>
      <c r="AC2084" s="2" t="s">
        <v>30542</v>
      </c>
      <c r="AD2084" s="1"/>
    </row>
    <row r="2085" spans="1:30">
      <c r="A2085" s="5" t="s">
        <v>83578</v>
      </c>
      <c r="B2085" s="2" t="s">
        <v>89851</v>
      </c>
      <c r="C2085" s="14" t="s">
        <v>89852</v>
      </c>
      <c r="D2085" s="2" t="s">
        <v>89853</v>
      </c>
      <c r="E2085" s="2" t="s">
        <v>30546</v>
      </c>
      <c r="F2085" s="8">
        <v>391</v>
      </c>
      <c r="G2085" s="5">
        <v>10</v>
      </c>
      <c r="H2085" s="5" t="s">
        <v>69</v>
      </c>
      <c r="I2085" s="5" t="s">
        <v>27074</v>
      </c>
      <c r="J2085" s="2" t="s">
        <v>27075</v>
      </c>
      <c r="K2085" s="5" t="s">
        <v>27074</v>
      </c>
      <c r="L2085" s="2" t="s">
        <v>27075</v>
      </c>
      <c r="M2085" s="5" t="s">
        <v>24254</v>
      </c>
      <c r="N2085" s="5" t="s">
        <v>38</v>
      </c>
      <c r="O2085" s="5" t="s">
        <v>39</v>
      </c>
      <c r="P2085" s="5" t="s">
        <v>40</v>
      </c>
      <c r="Q2085" s="5" t="s">
        <v>25301</v>
      </c>
      <c r="R2085" s="5" t="s">
        <v>40</v>
      </c>
      <c r="S2085" s="5" t="s">
        <v>42</v>
      </c>
      <c r="T2085" s="2">
        <v>10.121</v>
      </c>
      <c r="U2085" s="2">
        <v>8.4190000000000005</v>
      </c>
      <c r="V2085" s="2">
        <v>0.104</v>
      </c>
      <c r="W2085" s="2">
        <v>12</v>
      </c>
      <c r="X2085" s="2">
        <v>50</v>
      </c>
      <c r="Y2085" s="2">
        <v>173.9</v>
      </c>
      <c r="Z2085" s="5">
        <v>8</v>
      </c>
      <c r="AA2085" s="5" t="s">
        <v>43</v>
      </c>
      <c r="AB2085" s="5" t="s">
        <v>44</v>
      </c>
      <c r="AC2085" s="2" t="s">
        <v>30542</v>
      </c>
      <c r="AD2085" s="1"/>
    </row>
    <row r="2086" spans="1:30">
      <c r="A2086" s="5" t="s">
        <v>83578</v>
      </c>
      <c r="B2086" s="2" t="s">
        <v>89854</v>
      </c>
      <c r="C2086" s="14" t="s">
        <v>89855</v>
      </c>
      <c r="D2086" s="2" t="s">
        <v>89856</v>
      </c>
      <c r="E2086" s="2" t="s">
        <v>31004</v>
      </c>
      <c r="F2086" s="8">
        <v>391</v>
      </c>
      <c r="G2086" s="5">
        <v>10</v>
      </c>
      <c r="H2086" s="5" t="s">
        <v>69</v>
      </c>
      <c r="I2086" s="5" t="s">
        <v>27074</v>
      </c>
      <c r="J2086" s="2" t="s">
        <v>27075</v>
      </c>
      <c r="K2086" s="5" t="s">
        <v>27074</v>
      </c>
      <c r="L2086" s="2" t="s">
        <v>27075</v>
      </c>
      <c r="M2086" s="5" t="s">
        <v>24254</v>
      </c>
      <c r="N2086" s="5" t="s">
        <v>38</v>
      </c>
      <c r="O2086" s="5" t="s">
        <v>39</v>
      </c>
      <c r="P2086" s="5" t="s">
        <v>40</v>
      </c>
      <c r="Q2086" s="5" t="s">
        <v>25301</v>
      </c>
      <c r="R2086" s="5" t="s">
        <v>40</v>
      </c>
      <c r="S2086" s="5" t="s">
        <v>42</v>
      </c>
      <c r="T2086" s="2">
        <v>12.782</v>
      </c>
      <c r="U2086" s="2">
        <v>11.004</v>
      </c>
      <c r="V2086" s="2">
        <v>0.104</v>
      </c>
      <c r="W2086" s="2">
        <v>12</v>
      </c>
      <c r="X2086" s="2">
        <v>50</v>
      </c>
      <c r="Y2086" s="2">
        <v>173.9</v>
      </c>
      <c r="Z2086" s="5">
        <v>10</v>
      </c>
      <c r="AA2086" s="5" t="s">
        <v>43</v>
      </c>
      <c r="AB2086" s="5" t="s">
        <v>44</v>
      </c>
      <c r="AC2086" s="2" t="s">
        <v>31005</v>
      </c>
      <c r="AD2086" s="1"/>
    </row>
    <row r="2087" spans="1:30">
      <c r="A2087" s="5" t="s">
        <v>83578</v>
      </c>
      <c r="B2087" s="2" t="s">
        <v>89857</v>
      </c>
      <c r="C2087" s="14" t="s">
        <v>89858</v>
      </c>
      <c r="D2087" s="2" t="s">
        <v>89859</v>
      </c>
      <c r="E2087" s="2" t="s">
        <v>31004</v>
      </c>
      <c r="F2087" s="8">
        <v>391</v>
      </c>
      <c r="G2087" s="5">
        <v>10</v>
      </c>
      <c r="H2087" s="5" t="s">
        <v>69</v>
      </c>
      <c r="I2087" s="5" t="s">
        <v>27074</v>
      </c>
      <c r="J2087" s="2" t="s">
        <v>27075</v>
      </c>
      <c r="K2087" s="5" t="s">
        <v>27074</v>
      </c>
      <c r="L2087" s="2" t="s">
        <v>27075</v>
      </c>
      <c r="M2087" s="5" t="s">
        <v>24254</v>
      </c>
      <c r="N2087" s="5" t="s">
        <v>38</v>
      </c>
      <c r="O2087" s="5" t="s">
        <v>39</v>
      </c>
      <c r="P2087" s="5" t="s">
        <v>40</v>
      </c>
      <c r="Q2087" s="5" t="s">
        <v>25301</v>
      </c>
      <c r="R2087" s="5" t="s">
        <v>40</v>
      </c>
      <c r="S2087" s="5" t="s">
        <v>42</v>
      </c>
      <c r="T2087" s="2">
        <v>13.851000000000001</v>
      </c>
      <c r="U2087" s="2">
        <v>12.073</v>
      </c>
      <c r="V2087" s="2">
        <v>0.104</v>
      </c>
      <c r="W2087" s="2">
        <v>12</v>
      </c>
      <c r="X2087" s="2">
        <v>50</v>
      </c>
      <c r="Y2087" s="2">
        <v>173.9</v>
      </c>
      <c r="Z2087" s="5">
        <v>10</v>
      </c>
      <c r="AA2087" s="5" t="s">
        <v>43</v>
      </c>
      <c r="AB2087" s="5" t="s">
        <v>44</v>
      </c>
      <c r="AC2087" s="2" t="s">
        <v>31468</v>
      </c>
      <c r="AD2087" s="1"/>
    </row>
    <row r="2088" spans="1:30">
      <c r="A2088" s="5" t="s">
        <v>83578</v>
      </c>
      <c r="B2088" s="2" t="s">
        <v>89860</v>
      </c>
      <c r="C2088" s="14" t="s">
        <v>89861</v>
      </c>
      <c r="D2088" s="2" t="s">
        <v>89862</v>
      </c>
      <c r="E2088" s="2" t="s">
        <v>31009</v>
      </c>
      <c r="F2088" s="8">
        <v>391</v>
      </c>
      <c r="G2088" s="5">
        <v>10</v>
      </c>
      <c r="H2088" s="5" t="s">
        <v>69</v>
      </c>
      <c r="I2088" s="5" t="s">
        <v>27074</v>
      </c>
      <c r="J2088" s="2" t="s">
        <v>27075</v>
      </c>
      <c r="K2088" s="5" t="s">
        <v>27074</v>
      </c>
      <c r="L2088" s="2" t="s">
        <v>27075</v>
      </c>
      <c r="M2088" s="5" t="s">
        <v>24254</v>
      </c>
      <c r="N2088" s="5" t="s">
        <v>38</v>
      </c>
      <c r="O2088" s="5" t="s">
        <v>39</v>
      </c>
      <c r="P2088" s="5" t="s">
        <v>40</v>
      </c>
      <c r="Q2088" s="5" t="s">
        <v>25301</v>
      </c>
      <c r="R2088" s="5" t="s">
        <v>40</v>
      </c>
      <c r="S2088" s="5" t="s">
        <v>42</v>
      </c>
      <c r="T2088" s="2">
        <v>9.9220000000000006</v>
      </c>
      <c r="U2088" s="2">
        <v>8.1440000000000001</v>
      </c>
      <c r="V2088" s="2">
        <v>0.104</v>
      </c>
      <c r="W2088" s="2">
        <v>12</v>
      </c>
      <c r="X2088" s="2">
        <v>50</v>
      </c>
      <c r="Y2088" s="2">
        <v>173.9</v>
      </c>
      <c r="Z2088" s="5">
        <v>10</v>
      </c>
      <c r="AA2088" s="5" t="s">
        <v>43</v>
      </c>
      <c r="AB2088" s="5" t="s">
        <v>44</v>
      </c>
      <c r="AC2088" s="2" t="s">
        <v>31010</v>
      </c>
      <c r="AD2088" s="1"/>
    </row>
    <row r="2089" spans="1:30">
      <c r="A2089" s="5" t="s">
        <v>83578</v>
      </c>
      <c r="B2089" s="2" t="s">
        <v>89863</v>
      </c>
      <c r="C2089" s="14" t="s">
        <v>89864</v>
      </c>
      <c r="D2089" s="2" t="s">
        <v>89865</v>
      </c>
      <c r="E2089" s="2" t="s">
        <v>31009</v>
      </c>
      <c r="F2089" s="8">
        <v>391</v>
      </c>
      <c r="G2089" s="5">
        <v>10</v>
      </c>
      <c r="H2089" s="5" t="s">
        <v>69</v>
      </c>
      <c r="I2089" s="5" t="s">
        <v>27074</v>
      </c>
      <c r="J2089" s="2" t="s">
        <v>27075</v>
      </c>
      <c r="K2089" s="5" t="s">
        <v>27074</v>
      </c>
      <c r="L2089" s="2" t="s">
        <v>27075</v>
      </c>
      <c r="M2089" s="5" t="s">
        <v>24254</v>
      </c>
      <c r="N2089" s="5" t="s">
        <v>38</v>
      </c>
      <c r="O2089" s="5" t="s">
        <v>39</v>
      </c>
      <c r="P2089" s="5" t="s">
        <v>40</v>
      </c>
      <c r="Q2089" s="5" t="s">
        <v>25301</v>
      </c>
      <c r="R2089" s="5" t="s">
        <v>40</v>
      </c>
      <c r="S2089" s="5" t="s">
        <v>42</v>
      </c>
      <c r="T2089" s="2">
        <v>9.1980000000000004</v>
      </c>
      <c r="U2089" s="2">
        <v>7.42</v>
      </c>
      <c r="V2089" s="2">
        <v>0.104</v>
      </c>
      <c r="W2089" s="2">
        <v>12</v>
      </c>
      <c r="X2089" s="2">
        <v>50</v>
      </c>
      <c r="Y2089" s="2">
        <v>173.9</v>
      </c>
      <c r="Z2089" s="5">
        <v>10</v>
      </c>
      <c r="AA2089" s="5" t="s">
        <v>43</v>
      </c>
      <c r="AB2089" s="5" t="s">
        <v>44</v>
      </c>
      <c r="AC2089" s="2" t="s">
        <v>31472</v>
      </c>
      <c r="AD2089" s="1"/>
    </row>
    <row r="2090" spans="1:30">
      <c r="A2090" s="5" t="s">
        <v>83578</v>
      </c>
      <c r="B2090" s="2" t="s">
        <v>89866</v>
      </c>
      <c r="C2090" s="14" t="s">
        <v>89867</v>
      </c>
      <c r="D2090" s="2" t="s">
        <v>89868</v>
      </c>
      <c r="E2090" s="2" t="s">
        <v>31191</v>
      </c>
      <c r="F2090" s="8">
        <v>391</v>
      </c>
      <c r="G2090" s="5">
        <v>10</v>
      </c>
      <c r="H2090" s="5" t="s">
        <v>69</v>
      </c>
      <c r="I2090" s="5" t="s">
        <v>27074</v>
      </c>
      <c r="J2090" s="2" t="s">
        <v>27075</v>
      </c>
      <c r="K2090" s="5" t="s">
        <v>27074</v>
      </c>
      <c r="L2090" s="2" t="s">
        <v>27075</v>
      </c>
      <c r="M2090" s="5" t="s">
        <v>24254</v>
      </c>
      <c r="N2090" s="5" t="s">
        <v>38</v>
      </c>
      <c r="O2090" s="5" t="s">
        <v>39</v>
      </c>
      <c r="P2090" s="5" t="s">
        <v>40</v>
      </c>
      <c r="Q2090" s="5" t="s">
        <v>25301</v>
      </c>
      <c r="R2090" s="5" t="s">
        <v>40</v>
      </c>
      <c r="S2090" s="5" t="s">
        <v>42</v>
      </c>
      <c r="T2090" s="2">
        <v>11.801</v>
      </c>
      <c r="U2090" s="2">
        <v>9.8879999999999999</v>
      </c>
      <c r="V2090" s="2">
        <v>0.104</v>
      </c>
      <c r="W2090" s="2">
        <v>12</v>
      </c>
      <c r="X2090" s="2">
        <v>50</v>
      </c>
      <c r="Y2090" s="2">
        <v>173.9</v>
      </c>
      <c r="Z2090" s="5">
        <v>10</v>
      </c>
      <c r="AA2090" s="5" t="s">
        <v>43</v>
      </c>
      <c r="AB2090" s="5" t="s">
        <v>44</v>
      </c>
      <c r="AC2090" s="2" t="s">
        <v>31010</v>
      </c>
      <c r="AD2090" s="1"/>
    </row>
    <row r="2091" spans="1:30">
      <c r="A2091" s="5" t="s">
        <v>83578</v>
      </c>
      <c r="B2091" s="2" t="s">
        <v>89869</v>
      </c>
      <c r="C2091" s="14" t="s">
        <v>89870</v>
      </c>
      <c r="D2091" s="2" t="s">
        <v>89871</v>
      </c>
      <c r="E2091" s="2" t="s">
        <v>31191</v>
      </c>
      <c r="F2091" s="8">
        <v>391</v>
      </c>
      <c r="G2091" s="5">
        <v>10</v>
      </c>
      <c r="H2091" s="5" t="s">
        <v>69</v>
      </c>
      <c r="I2091" s="5" t="s">
        <v>27074</v>
      </c>
      <c r="J2091" s="2" t="s">
        <v>27075</v>
      </c>
      <c r="K2091" s="5" t="s">
        <v>27074</v>
      </c>
      <c r="L2091" s="2" t="s">
        <v>27075</v>
      </c>
      <c r="M2091" s="5" t="s">
        <v>24254</v>
      </c>
      <c r="N2091" s="5" t="s">
        <v>38</v>
      </c>
      <c r="O2091" s="5" t="s">
        <v>39</v>
      </c>
      <c r="P2091" s="5" t="s">
        <v>40</v>
      </c>
      <c r="Q2091" s="5" t="s">
        <v>25301</v>
      </c>
      <c r="R2091" s="5" t="s">
        <v>40</v>
      </c>
      <c r="S2091" s="5" t="s">
        <v>42</v>
      </c>
      <c r="T2091" s="2">
        <v>12.914999999999999</v>
      </c>
      <c r="U2091" s="2">
        <v>11.002000000000001</v>
      </c>
      <c r="V2091" s="2">
        <v>0.104</v>
      </c>
      <c r="W2091" s="2">
        <v>12</v>
      </c>
      <c r="X2091" s="2">
        <v>50</v>
      </c>
      <c r="Y2091" s="2">
        <v>173.9</v>
      </c>
      <c r="Z2091" s="5">
        <v>10</v>
      </c>
      <c r="AA2091" s="5" t="s">
        <v>43</v>
      </c>
      <c r="AB2091" s="5" t="s">
        <v>44</v>
      </c>
      <c r="AC2091" s="2" t="s">
        <v>31472</v>
      </c>
      <c r="AD2091" s="1"/>
    </row>
    <row r="2092" spans="1:30">
      <c r="A2092" s="5" t="s">
        <v>83578</v>
      </c>
      <c r="B2092" s="2" t="s">
        <v>89872</v>
      </c>
      <c r="C2092" s="14" t="s">
        <v>89873</v>
      </c>
      <c r="D2092" s="2" t="s">
        <v>89874</v>
      </c>
      <c r="E2092" s="2" t="s">
        <v>30524</v>
      </c>
      <c r="F2092" s="8">
        <v>419</v>
      </c>
      <c r="G2092" s="5">
        <v>10</v>
      </c>
      <c r="H2092" s="5" t="s">
        <v>69</v>
      </c>
      <c r="I2092" s="5" t="s">
        <v>27074</v>
      </c>
      <c r="J2092" s="2" t="s">
        <v>27075</v>
      </c>
      <c r="K2092" s="5" t="s">
        <v>27074</v>
      </c>
      <c r="L2092" s="2" t="s">
        <v>27075</v>
      </c>
      <c r="M2092" s="5" t="s">
        <v>24254</v>
      </c>
      <c r="N2092" s="5" t="s">
        <v>38</v>
      </c>
      <c r="O2092" s="5" t="s">
        <v>39</v>
      </c>
      <c r="P2092" s="5" t="s">
        <v>40</v>
      </c>
      <c r="Q2092" s="5" t="s">
        <v>24340</v>
      </c>
      <c r="R2092" s="5" t="s">
        <v>40</v>
      </c>
      <c r="S2092" s="5" t="s">
        <v>42</v>
      </c>
      <c r="T2092" s="2">
        <v>22.181999999999999</v>
      </c>
      <c r="U2092" s="2">
        <v>20.300999999999998</v>
      </c>
      <c r="V2092" s="2">
        <v>0.126</v>
      </c>
      <c r="W2092" s="2">
        <v>12</v>
      </c>
      <c r="X2092" s="2">
        <v>50</v>
      </c>
      <c r="Y2092" s="2">
        <v>210</v>
      </c>
      <c r="Z2092" s="5">
        <v>8</v>
      </c>
      <c r="AA2092" s="5" t="s">
        <v>43</v>
      </c>
      <c r="AB2092" s="5" t="s">
        <v>44</v>
      </c>
      <c r="AC2092" s="2" t="s">
        <v>30525</v>
      </c>
      <c r="AD2092" s="1"/>
    </row>
    <row r="2093" spans="1:30">
      <c r="A2093" s="5" t="s">
        <v>83578</v>
      </c>
      <c r="B2093" s="2" t="s">
        <v>89875</v>
      </c>
      <c r="C2093" s="14" t="s">
        <v>89876</v>
      </c>
      <c r="D2093" s="2" t="s">
        <v>89877</v>
      </c>
      <c r="E2093" s="2" t="s">
        <v>30595</v>
      </c>
      <c r="F2093" s="8">
        <v>419</v>
      </c>
      <c r="G2093" s="5">
        <v>10</v>
      </c>
      <c r="H2093" s="5" t="s">
        <v>69</v>
      </c>
      <c r="I2093" s="5" t="s">
        <v>27074</v>
      </c>
      <c r="J2093" s="2" t="s">
        <v>27075</v>
      </c>
      <c r="K2093" s="5" t="s">
        <v>27074</v>
      </c>
      <c r="L2093" s="2" t="s">
        <v>27075</v>
      </c>
      <c r="M2093" s="5" t="s">
        <v>24254</v>
      </c>
      <c r="N2093" s="5" t="s">
        <v>38</v>
      </c>
      <c r="O2093" s="5" t="s">
        <v>39</v>
      </c>
      <c r="P2093" s="5" t="s">
        <v>40</v>
      </c>
      <c r="Q2093" s="5" t="s">
        <v>24340</v>
      </c>
      <c r="R2093" s="5" t="s">
        <v>40</v>
      </c>
      <c r="S2093" s="5" t="s">
        <v>42</v>
      </c>
      <c r="T2093" s="2">
        <v>15.637</v>
      </c>
      <c r="U2093" s="2">
        <v>13.785</v>
      </c>
      <c r="V2093" s="2">
        <v>0.126</v>
      </c>
      <c r="W2093" s="2">
        <v>12</v>
      </c>
      <c r="X2093" s="2">
        <v>50</v>
      </c>
      <c r="Y2093" s="2">
        <v>210</v>
      </c>
      <c r="Z2093" s="5">
        <v>8</v>
      </c>
      <c r="AA2093" s="5" t="s">
        <v>43</v>
      </c>
      <c r="AB2093" s="5" t="s">
        <v>44</v>
      </c>
      <c r="AC2093" s="2" t="s">
        <v>30525</v>
      </c>
      <c r="AD2093" s="1"/>
    </row>
    <row r="2094" spans="1:30">
      <c r="A2094" s="5" t="s">
        <v>83578</v>
      </c>
      <c r="B2094" s="2" t="s">
        <v>89878</v>
      </c>
      <c r="C2094" s="14" t="s">
        <v>89879</v>
      </c>
      <c r="D2094" s="2" t="s">
        <v>89880</v>
      </c>
      <c r="E2094" s="2" t="s">
        <v>30529</v>
      </c>
      <c r="F2094" s="8">
        <v>419</v>
      </c>
      <c r="G2094" s="5">
        <v>10</v>
      </c>
      <c r="H2094" s="5" t="s">
        <v>69</v>
      </c>
      <c r="I2094" s="5" t="s">
        <v>27074</v>
      </c>
      <c r="J2094" s="2" t="s">
        <v>27075</v>
      </c>
      <c r="K2094" s="5" t="s">
        <v>27074</v>
      </c>
      <c r="L2094" s="2" t="s">
        <v>27075</v>
      </c>
      <c r="M2094" s="5" t="s">
        <v>24254</v>
      </c>
      <c r="N2094" s="5" t="s">
        <v>38</v>
      </c>
      <c r="O2094" s="5" t="s">
        <v>39</v>
      </c>
      <c r="P2094" s="5" t="s">
        <v>40</v>
      </c>
      <c r="Q2094" s="5" t="s">
        <v>24340</v>
      </c>
      <c r="R2094" s="5" t="s">
        <v>40</v>
      </c>
      <c r="S2094" s="5" t="s">
        <v>42</v>
      </c>
      <c r="T2094" s="2">
        <v>11.391</v>
      </c>
      <c r="U2094" s="2">
        <v>9.6189999999999998</v>
      </c>
      <c r="V2094" s="2">
        <v>0.11600000000000001</v>
      </c>
      <c r="W2094" s="2">
        <v>12</v>
      </c>
      <c r="X2094" s="2">
        <v>50</v>
      </c>
      <c r="Y2094" s="2">
        <v>193.9</v>
      </c>
      <c r="Z2094" s="5">
        <v>8</v>
      </c>
      <c r="AA2094" s="5" t="s">
        <v>43</v>
      </c>
      <c r="AB2094" s="5" t="s">
        <v>44</v>
      </c>
      <c r="AC2094" s="2" t="s">
        <v>30525</v>
      </c>
      <c r="AD2094" s="1"/>
    </row>
    <row r="2095" spans="1:30">
      <c r="A2095" s="5" t="s">
        <v>83578</v>
      </c>
      <c r="B2095" s="2" t="s">
        <v>89881</v>
      </c>
      <c r="C2095" s="14" t="s">
        <v>89882</v>
      </c>
      <c r="D2095" s="2" t="s">
        <v>89883</v>
      </c>
      <c r="E2095" s="2" t="s">
        <v>30650</v>
      </c>
      <c r="F2095" s="8">
        <v>419</v>
      </c>
      <c r="G2095" s="5">
        <v>10</v>
      </c>
      <c r="H2095" s="5" t="s">
        <v>69</v>
      </c>
      <c r="I2095" s="5" t="s">
        <v>27074</v>
      </c>
      <c r="J2095" s="2" t="s">
        <v>27075</v>
      </c>
      <c r="K2095" s="5" t="s">
        <v>27074</v>
      </c>
      <c r="L2095" s="2" t="s">
        <v>27075</v>
      </c>
      <c r="M2095" s="5" t="s">
        <v>24254</v>
      </c>
      <c r="N2095" s="5" t="s">
        <v>38</v>
      </c>
      <c r="O2095" s="5" t="s">
        <v>39</v>
      </c>
      <c r="P2095" s="5" t="s">
        <v>40</v>
      </c>
      <c r="Q2095" s="5" t="s">
        <v>24340</v>
      </c>
      <c r="R2095" s="5" t="s">
        <v>40</v>
      </c>
      <c r="S2095" s="5" t="s">
        <v>42</v>
      </c>
      <c r="T2095" s="2">
        <v>15.814</v>
      </c>
      <c r="U2095" s="2">
        <v>13.965999999999999</v>
      </c>
      <c r="V2095" s="2">
        <v>0.126</v>
      </c>
      <c r="W2095" s="2">
        <v>12</v>
      </c>
      <c r="X2095" s="2">
        <v>50</v>
      </c>
      <c r="Y2095" s="2">
        <v>210</v>
      </c>
      <c r="Z2095" s="5">
        <v>10</v>
      </c>
      <c r="AA2095" s="5" t="s">
        <v>43</v>
      </c>
      <c r="AB2095" s="5" t="s">
        <v>44</v>
      </c>
      <c r="AC2095" s="2" t="s">
        <v>30651</v>
      </c>
      <c r="AD2095" s="1"/>
    </row>
    <row r="2096" spans="1:30">
      <c r="A2096" s="5" t="s">
        <v>83578</v>
      </c>
      <c r="B2096" s="2" t="s">
        <v>89884</v>
      </c>
      <c r="C2096" s="14" t="s">
        <v>89885</v>
      </c>
      <c r="D2096" s="2" t="s">
        <v>89886</v>
      </c>
      <c r="E2096" s="2" t="s">
        <v>30650</v>
      </c>
      <c r="F2096" s="8">
        <v>419</v>
      </c>
      <c r="G2096" s="5">
        <v>10</v>
      </c>
      <c r="H2096" s="5" t="s">
        <v>69</v>
      </c>
      <c r="I2096" s="5" t="s">
        <v>27074</v>
      </c>
      <c r="J2096" s="2" t="s">
        <v>27075</v>
      </c>
      <c r="K2096" s="5" t="s">
        <v>27074</v>
      </c>
      <c r="L2096" s="2" t="s">
        <v>27075</v>
      </c>
      <c r="M2096" s="5" t="s">
        <v>24254</v>
      </c>
      <c r="N2096" s="5" t="s">
        <v>38</v>
      </c>
      <c r="O2096" s="5" t="s">
        <v>39</v>
      </c>
      <c r="P2096" s="5" t="s">
        <v>40</v>
      </c>
      <c r="Q2096" s="5" t="s">
        <v>24340</v>
      </c>
      <c r="R2096" s="5" t="s">
        <v>40</v>
      </c>
      <c r="S2096" s="5" t="s">
        <v>42</v>
      </c>
      <c r="T2096" s="2">
        <v>17.245999999999999</v>
      </c>
      <c r="U2096" s="2">
        <v>15.398</v>
      </c>
      <c r="V2096" s="2">
        <v>0.126</v>
      </c>
      <c r="W2096" s="2">
        <v>12</v>
      </c>
      <c r="X2096" s="2">
        <v>50</v>
      </c>
      <c r="Y2096" s="2">
        <v>210</v>
      </c>
      <c r="Z2096" s="5">
        <v>10</v>
      </c>
      <c r="AA2096" s="5" t="s">
        <v>43</v>
      </c>
      <c r="AB2096" s="5" t="s">
        <v>44</v>
      </c>
      <c r="AC2096" s="2" t="s">
        <v>30846</v>
      </c>
      <c r="AD2096" s="1"/>
    </row>
    <row r="2097" spans="1:30">
      <c r="A2097" s="5" t="s">
        <v>83578</v>
      </c>
      <c r="B2097" s="2" t="s">
        <v>89887</v>
      </c>
      <c r="C2097" s="14" t="s">
        <v>89888</v>
      </c>
      <c r="D2097" s="2" t="s">
        <v>89889</v>
      </c>
      <c r="E2097" s="2" t="s">
        <v>30655</v>
      </c>
      <c r="F2097" s="8">
        <v>419</v>
      </c>
      <c r="G2097" s="5">
        <v>10</v>
      </c>
      <c r="H2097" s="5" t="s">
        <v>69</v>
      </c>
      <c r="I2097" s="5" t="s">
        <v>27074</v>
      </c>
      <c r="J2097" s="2" t="s">
        <v>27075</v>
      </c>
      <c r="K2097" s="5" t="s">
        <v>27074</v>
      </c>
      <c r="L2097" s="2" t="s">
        <v>27075</v>
      </c>
      <c r="M2097" s="5" t="s">
        <v>24254</v>
      </c>
      <c r="N2097" s="5" t="s">
        <v>38</v>
      </c>
      <c r="O2097" s="5" t="s">
        <v>39</v>
      </c>
      <c r="P2097" s="5" t="s">
        <v>40</v>
      </c>
      <c r="Q2097" s="5" t="s">
        <v>24340</v>
      </c>
      <c r="R2097" s="5" t="s">
        <v>40</v>
      </c>
      <c r="S2097" s="5" t="s">
        <v>42</v>
      </c>
      <c r="T2097" s="2">
        <v>10.57</v>
      </c>
      <c r="U2097" s="2">
        <v>8.7219999999999995</v>
      </c>
      <c r="V2097" s="2">
        <v>0.11600000000000001</v>
      </c>
      <c r="W2097" s="2">
        <v>12</v>
      </c>
      <c r="X2097" s="2">
        <v>50</v>
      </c>
      <c r="Y2097" s="2">
        <v>193.9</v>
      </c>
      <c r="Z2097" s="5">
        <v>10</v>
      </c>
      <c r="AA2097" s="5" t="s">
        <v>43</v>
      </c>
      <c r="AB2097" s="5" t="s">
        <v>44</v>
      </c>
      <c r="AC2097" s="2" t="s">
        <v>30656</v>
      </c>
      <c r="AD2097" s="1"/>
    </row>
    <row r="2098" spans="1:30">
      <c r="A2098" s="5" t="s">
        <v>83578</v>
      </c>
      <c r="B2098" s="2" t="s">
        <v>89890</v>
      </c>
      <c r="C2098" s="14" t="s">
        <v>89891</v>
      </c>
      <c r="D2098" s="2" t="s">
        <v>89892</v>
      </c>
      <c r="E2098" s="2" t="s">
        <v>30655</v>
      </c>
      <c r="F2098" s="8">
        <v>419</v>
      </c>
      <c r="G2098" s="5">
        <v>10</v>
      </c>
      <c r="H2098" s="5" t="s">
        <v>69</v>
      </c>
      <c r="I2098" s="5" t="s">
        <v>27074</v>
      </c>
      <c r="J2098" s="2" t="s">
        <v>27075</v>
      </c>
      <c r="K2098" s="5" t="s">
        <v>27074</v>
      </c>
      <c r="L2098" s="2" t="s">
        <v>27075</v>
      </c>
      <c r="M2098" s="5" t="s">
        <v>24254</v>
      </c>
      <c r="N2098" s="5" t="s">
        <v>38</v>
      </c>
      <c r="O2098" s="5" t="s">
        <v>39</v>
      </c>
      <c r="P2098" s="5" t="s">
        <v>40</v>
      </c>
      <c r="Q2098" s="5" t="s">
        <v>24340</v>
      </c>
      <c r="R2098" s="5" t="s">
        <v>40</v>
      </c>
      <c r="S2098" s="5" t="s">
        <v>42</v>
      </c>
      <c r="T2098" s="2">
        <v>11.098000000000001</v>
      </c>
      <c r="U2098" s="2">
        <v>9.25</v>
      </c>
      <c r="V2098" s="2">
        <v>0.11600000000000001</v>
      </c>
      <c r="W2098" s="2">
        <v>12</v>
      </c>
      <c r="X2098" s="2">
        <v>50</v>
      </c>
      <c r="Y2098" s="2">
        <v>193.9</v>
      </c>
      <c r="Z2098" s="5">
        <v>10</v>
      </c>
      <c r="AA2098" s="5" t="s">
        <v>43</v>
      </c>
      <c r="AB2098" s="5" t="s">
        <v>44</v>
      </c>
      <c r="AC2098" s="2" t="s">
        <v>30534</v>
      </c>
      <c r="AD2098" s="1"/>
    </row>
    <row r="2099" spans="1:30">
      <c r="A2099" s="5" t="s">
        <v>83578</v>
      </c>
      <c r="B2099" s="2" t="s">
        <v>89893</v>
      </c>
      <c r="C2099" s="14" t="s">
        <v>89894</v>
      </c>
      <c r="D2099" s="2" t="s">
        <v>89895</v>
      </c>
      <c r="E2099" s="2" t="s">
        <v>30533</v>
      </c>
      <c r="F2099" s="8">
        <v>419</v>
      </c>
      <c r="G2099" s="5">
        <v>10</v>
      </c>
      <c r="H2099" s="5" t="s">
        <v>69</v>
      </c>
      <c r="I2099" s="5" t="s">
        <v>27074</v>
      </c>
      <c r="J2099" s="2" t="s">
        <v>27075</v>
      </c>
      <c r="K2099" s="5" t="s">
        <v>27074</v>
      </c>
      <c r="L2099" s="2" t="s">
        <v>27075</v>
      </c>
      <c r="M2099" s="5" t="s">
        <v>24254</v>
      </c>
      <c r="N2099" s="5" t="s">
        <v>38</v>
      </c>
      <c r="O2099" s="5" t="s">
        <v>39</v>
      </c>
      <c r="P2099" s="5" t="s">
        <v>40</v>
      </c>
      <c r="Q2099" s="5" t="s">
        <v>24340</v>
      </c>
      <c r="R2099" s="5" t="s">
        <v>40</v>
      </c>
      <c r="S2099" s="5" t="s">
        <v>42</v>
      </c>
      <c r="T2099" s="2">
        <v>14.349</v>
      </c>
      <c r="U2099" s="2">
        <v>12.221</v>
      </c>
      <c r="V2099" s="2">
        <v>0.11600000000000001</v>
      </c>
      <c r="W2099" s="2">
        <v>12</v>
      </c>
      <c r="X2099" s="2">
        <v>50</v>
      </c>
      <c r="Y2099" s="2">
        <v>193.9</v>
      </c>
      <c r="Z2099" s="5">
        <v>10</v>
      </c>
      <c r="AA2099" s="5" t="s">
        <v>43</v>
      </c>
      <c r="AB2099" s="5" t="s">
        <v>44</v>
      </c>
      <c r="AC2099" s="2" t="s">
        <v>30656</v>
      </c>
      <c r="AD2099" s="1"/>
    </row>
    <row r="2100" spans="1:30">
      <c r="A2100" s="5" t="s">
        <v>83578</v>
      </c>
      <c r="B2100" s="2" t="s">
        <v>89896</v>
      </c>
      <c r="C2100" s="14" t="s">
        <v>89897</v>
      </c>
      <c r="D2100" s="2" t="s">
        <v>89898</v>
      </c>
      <c r="E2100" s="2" t="s">
        <v>30533</v>
      </c>
      <c r="F2100" s="8">
        <v>419</v>
      </c>
      <c r="G2100" s="5">
        <v>10</v>
      </c>
      <c r="H2100" s="5" t="s">
        <v>69</v>
      </c>
      <c r="I2100" s="5" t="s">
        <v>27074</v>
      </c>
      <c r="J2100" s="2" t="s">
        <v>27075</v>
      </c>
      <c r="K2100" s="5" t="s">
        <v>27074</v>
      </c>
      <c r="L2100" s="2" t="s">
        <v>27075</v>
      </c>
      <c r="M2100" s="5" t="s">
        <v>24254</v>
      </c>
      <c r="N2100" s="5" t="s">
        <v>38</v>
      </c>
      <c r="O2100" s="5" t="s">
        <v>39</v>
      </c>
      <c r="P2100" s="5" t="s">
        <v>40</v>
      </c>
      <c r="Q2100" s="5" t="s">
        <v>24340</v>
      </c>
      <c r="R2100" s="5" t="s">
        <v>40</v>
      </c>
      <c r="S2100" s="5" t="s">
        <v>42</v>
      </c>
      <c r="T2100" s="2">
        <v>15.824999999999999</v>
      </c>
      <c r="U2100" s="2">
        <v>13.696999999999999</v>
      </c>
      <c r="V2100" s="2">
        <v>0.11600000000000001</v>
      </c>
      <c r="W2100" s="2">
        <v>12</v>
      </c>
      <c r="X2100" s="2">
        <v>50</v>
      </c>
      <c r="Y2100" s="2">
        <v>193.9</v>
      </c>
      <c r="Z2100" s="5">
        <v>10</v>
      </c>
      <c r="AA2100" s="5" t="s">
        <v>43</v>
      </c>
      <c r="AB2100" s="5" t="s">
        <v>44</v>
      </c>
      <c r="AC2100" s="2" t="s">
        <v>30534</v>
      </c>
      <c r="AD2100" s="1"/>
    </row>
    <row r="2101" spans="1:30">
      <c r="A2101" s="5" t="s">
        <v>83578</v>
      </c>
      <c r="B2101" s="2" t="s">
        <v>89899</v>
      </c>
      <c r="C2101" s="14" t="s">
        <v>89900</v>
      </c>
      <c r="D2101" s="2" t="s">
        <v>89901</v>
      </c>
      <c r="E2101" s="2" t="s">
        <v>30541</v>
      </c>
      <c r="F2101" s="8">
        <v>419</v>
      </c>
      <c r="G2101" s="5">
        <v>10</v>
      </c>
      <c r="H2101" s="5" t="s">
        <v>69</v>
      </c>
      <c r="I2101" s="5" t="s">
        <v>27074</v>
      </c>
      <c r="J2101" s="2" t="s">
        <v>27075</v>
      </c>
      <c r="K2101" s="5" t="s">
        <v>27074</v>
      </c>
      <c r="L2101" s="2" t="s">
        <v>27075</v>
      </c>
      <c r="M2101" s="5" t="s">
        <v>24254</v>
      </c>
      <c r="N2101" s="5" t="s">
        <v>38</v>
      </c>
      <c r="O2101" s="5" t="s">
        <v>39</v>
      </c>
      <c r="P2101" s="5" t="s">
        <v>40</v>
      </c>
      <c r="Q2101" s="5" t="s">
        <v>25301</v>
      </c>
      <c r="R2101" s="5" t="s">
        <v>40</v>
      </c>
      <c r="S2101" s="5" t="s">
        <v>42</v>
      </c>
      <c r="T2101" s="2">
        <v>20.085000000000001</v>
      </c>
      <c r="U2101" s="2">
        <v>18.202999999999999</v>
      </c>
      <c r="V2101" s="2">
        <v>0.126</v>
      </c>
      <c r="W2101" s="2">
        <v>12</v>
      </c>
      <c r="X2101" s="2">
        <v>50</v>
      </c>
      <c r="Y2101" s="2">
        <v>210</v>
      </c>
      <c r="Z2101" s="5">
        <v>8</v>
      </c>
      <c r="AA2101" s="5" t="s">
        <v>43</v>
      </c>
      <c r="AB2101" s="5" t="s">
        <v>44</v>
      </c>
      <c r="AC2101" s="2" t="s">
        <v>30542</v>
      </c>
      <c r="AD2101" s="1"/>
    </row>
    <row r="2102" spans="1:30">
      <c r="A2102" s="5" t="s">
        <v>83578</v>
      </c>
      <c r="B2102" s="2" t="s">
        <v>89902</v>
      </c>
      <c r="C2102" s="14" t="s">
        <v>89903</v>
      </c>
      <c r="D2102" s="2" t="s">
        <v>89904</v>
      </c>
      <c r="E2102" s="2" t="s">
        <v>30862</v>
      </c>
      <c r="F2102" s="8">
        <v>419</v>
      </c>
      <c r="G2102" s="5">
        <v>10</v>
      </c>
      <c r="H2102" s="5" t="s">
        <v>69</v>
      </c>
      <c r="I2102" s="5" t="s">
        <v>27074</v>
      </c>
      <c r="J2102" s="2" t="s">
        <v>27075</v>
      </c>
      <c r="K2102" s="5" t="s">
        <v>27074</v>
      </c>
      <c r="L2102" s="2" t="s">
        <v>27075</v>
      </c>
      <c r="M2102" s="5" t="s">
        <v>24254</v>
      </c>
      <c r="N2102" s="5" t="s">
        <v>38</v>
      </c>
      <c r="O2102" s="5" t="s">
        <v>39</v>
      </c>
      <c r="P2102" s="5" t="s">
        <v>40</v>
      </c>
      <c r="Q2102" s="5" t="s">
        <v>25301</v>
      </c>
      <c r="R2102" s="5" t="s">
        <v>40</v>
      </c>
      <c r="S2102" s="5" t="s">
        <v>42</v>
      </c>
      <c r="T2102" s="2">
        <v>14.586</v>
      </c>
      <c r="U2102" s="2">
        <v>12.733000000000001</v>
      </c>
      <c r="V2102" s="2">
        <v>0.126</v>
      </c>
      <c r="W2102" s="2">
        <v>12</v>
      </c>
      <c r="X2102" s="2">
        <v>50</v>
      </c>
      <c r="Y2102" s="2">
        <v>210</v>
      </c>
      <c r="Z2102" s="5">
        <v>8</v>
      </c>
      <c r="AA2102" s="5" t="s">
        <v>43</v>
      </c>
      <c r="AB2102" s="5" t="s">
        <v>44</v>
      </c>
      <c r="AC2102" s="2" t="s">
        <v>30542</v>
      </c>
      <c r="AD2102" s="1"/>
    </row>
    <row r="2103" spans="1:30">
      <c r="A2103" s="5" t="s">
        <v>83578</v>
      </c>
      <c r="B2103" s="2" t="s">
        <v>89905</v>
      </c>
      <c r="C2103" s="14" t="s">
        <v>89906</v>
      </c>
      <c r="D2103" s="2" t="s">
        <v>89907</v>
      </c>
      <c r="E2103" s="2" t="s">
        <v>30546</v>
      </c>
      <c r="F2103" s="8">
        <v>419</v>
      </c>
      <c r="G2103" s="5">
        <v>10</v>
      </c>
      <c r="H2103" s="5" t="s">
        <v>69</v>
      </c>
      <c r="I2103" s="5" t="s">
        <v>27074</v>
      </c>
      <c r="J2103" s="2" t="s">
        <v>27075</v>
      </c>
      <c r="K2103" s="5" t="s">
        <v>27074</v>
      </c>
      <c r="L2103" s="2" t="s">
        <v>27075</v>
      </c>
      <c r="M2103" s="5" t="s">
        <v>24254</v>
      </c>
      <c r="N2103" s="5" t="s">
        <v>38</v>
      </c>
      <c r="O2103" s="5" t="s">
        <v>39</v>
      </c>
      <c r="P2103" s="5" t="s">
        <v>40</v>
      </c>
      <c r="Q2103" s="5" t="s">
        <v>25301</v>
      </c>
      <c r="R2103" s="5" t="s">
        <v>40</v>
      </c>
      <c r="S2103" s="5" t="s">
        <v>42</v>
      </c>
      <c r="T2103" s="2">
        <v>10.555999999999999</v>
      </c>
      <c r="U2103" s="2">
        <v>8.7829999999999995</v>
      </c>
      <c r="V2103" s="2">
        <v>0.11600000000000001</v>
      </c>
      <c r="W2103" s="2">
        <v>12</v>
      </c>
      <c r="X2103" s="2">
        <v>50</v>
      </c>
      <c r="Y2103" s="2">
        <v>193.9</v>
      </c>
      <c r="Z2103" s="5">
        <v>8</v>
      </c>
      <c r="AA2103" s="5" t="s">
        <v>43</v>
      </c>
      <c r="AB2103" s="5" t="s">
        <v>44</v>
      </c>
      <c r="AC2103" s="2" t="s">
        <v>30542</v>
      </c>
      <c r="AD2103" s="1"/>
    </row>
    <row r="2104" spans="1:30">
      <c r="A2104" s="5" t="s">
        <v>83578</v>
      </c>
      <c r="B2104" s="2" t="s">
        <v>89908</v>
      </c>
      <c r="C2104" s="14" t="s">
        <v>89909</v>
      </c>
      <c r="D2104" s="2" t="s">
        <v>89910</v>
      </c>
      <c r="E2104" s="2" t="s">
        <v>31004</v>
      </c>
      <c r="F2104" s="8">
        <v>419</v>
      </c>
      <c r="G2104" s="5">
        <v>10</v>
      </c>
      <c r="H2104" s="5" t="s">
        <v>69</v>
      </c>
      <c r="I2104" s="5" t="s">
        <v>27074</v>
      </c>
      <c r="J2104" s="2" t="s">
        <v>27075</v>
      </c>
      <c r="K2104" s="5" t="s">
        <v>27074</v>
      </c>
      <c r="L2104" s="2" t="s">
        <v>27075</v>
      </c>
      <c r="M2104" s="5" t="s">
        <v>24254</v>
      </c>
      <c r="N2104" s="5" t="s">
        <v>38</v>
      </c>
      <c r="O2104" s="5" t="s">
        <v>39</v>
      </c>
      <c r="P2104" s="5" t="s">
        <v>40</v>
      </c>
      <c r="Q2104" s="5" t="s">
        <v>25301</v>
      </c>
      <c r="R2104" s="5" t="s">
        <v>40</v>
      </c>
      <c r="S2104" s="5" t="s">
        <v>42</v>
      </c>
      <c r="T2104" s="2">
        <v>14.488</v>
      </c>
      <c r="U2104" s="2">
        <v>12.638999999999999</v>
      </c>
      <c r="V2104" s="2">
        <v>0.126</v>
      </c>
      <c r="W2104" s="2">
        <v>12</v>
      </c>
      <c r="X2104" s="2">
        <v>50</v>
      </c>
      <c r="Y2104" s="2">
        <v>210</v>
      </c>
      <c r="Z2104" s="5">
        <v>10</v>
      </c>
      <c r="AA2104" s="5" t="s">
        <v>43</v>
      </c>
      <c r="AB2104" s="5" t="s">
        <v>44</v>
      </c>
      <c r="AC2104" s="2" t="s">
        <v>31005</v>
      </c>
      <c r="AD2104" s="1"/>
    </row>
    <row r="2105" spans="1:30">
      <c r="A2105" s="5" t="s">
        <v>83578</v>
      </c>
      <c r="B2105" s="2" t="s">
        <v>89911</v>
      </c>
      <c r="C2105" s="14" t="s">
        <v>89912</v>
      </c>
      <c r="D2105" s="2" t="s">
        <v>89913</v>
      </c>
      <c r="E2105" s="2" t="s">
        <v>31004</v>
      </c>
      <c r="F2105" s="8">
        <v>419</v>
      </c>
      <c r="G2105" s="5">
        <v>10</v>
      </c>
      <c r="H2105" s="5" t="s">
        <v>69</v>
      </c>
      <c r="I2105" s="5" t="s">
        <v>27074</v>
      </c>
      <c r="J2105" s="2" t="s">
        <v>27075</v>
      </c>
      <c r="K2105" s="5" t="s">
        <v>27074</v>
      </c>
      <c r="L2105" s="2" t="s">
        <v>27075</v>
      </c>
      <c r="M2105" s="5" t="s">
        <v>24254</v>
      </c>
      <c r="N2105" s="5" t="s">
        <v>38</v>
      </c>
      <c r="O2105" s="5" t="s">
        <v>39</v>
      </c>
      <c r="P2105" s="5" t="s">
        <v>40</v>
      </c>
      <c r="Q2105" s="5" t="s">
        <v>25301</v>
      </c>
      <c r="R2105" s="5" t="s">
        <v>40</v>
      </c>
      <c r="S2105" s="5" t="s">
        <v>42</v>
      </c>
      <c r="T2105" s="2">
        <v>15.557</v>
      </c>
      <c r="U2105" s="2">
        <v>13.708</v>
      </c>
      <c r="V2105" s="2">
        <v>0.126</v>
      </c>
      <c r="W2105" s="2">
        <v>12</v>
      </c>
      <c r="X2105" s="2">
        <v>50</v>
      </c>
      <c r="Y2105" s="2">
        <v>210</v>
      </c>
      <c r="Z2105" s="5">
        <v>10</v>
      </c>
      <c r="AA2105" s="5" t="s">
        <v>43</v>
      </c>
      <c r="AB2105" s="5" t="s">
        <v>44</v>
      </c>
      <c r="AC2105" s="2" t="s">
        <v>31468</v>
      </c>
      <c r="AD2105" s="1"/>
    </row>
    <row r="2106" spans="1:30">
      <c r="A2106" s="5" t="s">
        <v>83578</v>
      </c>
      <c r="B2106" s="2" t="s">
        <v>89914</v>
      </c>
      <c r="C2106" s="14" t="s">
        <v>89915</v>
      </c>
      <c r="D2106" s="2" t="s">
        <v>89916</v>
      </c>
      <c r="E2106" s="2" t="s">
        <v>31009</v>
      </c>
      <c r="F2106" s="8">
        <v>419</v>
      </c>
      <c r="G2106" s="5">
        <v>10</v>
      </c>
      <c r="H2106" s="5" t="s">
        <v>69</v>
      </c>
      <c r="I2106" s="5" t="s">
        <v>27074</v>
      </c>
      <c r="J2106" s="2" t="s">
        <v>27075</v>
      </c>
      <c r="K2106" s="5" t="s">
        <v>27074</v>
      </c>
      <c r="L2106" s="2" t="s">
        <v>27075</v>
      </c>
      <c r="M2106" s="5" t="s">
        <v>24254</v>
      </c>
      <c r="N2106" s="5" t="s">
        <v>38</v>
      </c>
      <c r="O2106" s="5" t="s">
        <v>39</v>
      </c>
      <c r="P2106" s="5" t="s">
        <v>40</v>
      </c>
      <c r="Q2106" s="5" t="s">
        <v>25301</v>
      </c>
      <c r="R2106" s="5" t="s">
        <v>40</v>
      </c>
      <c r="S2106" s="5" t="s">
        <v>42</v>
      </c>
      <c r="T2106" s="2">
        <v>10.823</v>
      </c>
      <c r="U2106" s="2">
        <v>8.9740000000000002</v>
      </c>
      <c r="V2106" s="2">
        <v>0.11600000000000001</v>
      </c>
      <c r="W2106" s="2">
        <v>12</v>
      </c>
      <c r="X2106" s="2">
        <v>50</v>
      </c>
      <c r="Y2106" s="2">
        <v>193.9</v>
      </c>
      <c r="Z2106" s="5">
        <v>10</v>
      </c>
      <c r="AA2106" s="5" t="s">
        <v>43</v>
      </c>
      <c r="AB2106" s="5" t="s">
        <v>44</v>
      </c>
      <c r="AC2106" s="2" t="s">
        <v>31010</v>
      </c>
      <c r="AD2106" s="1"/>
    </row>
    <row r="2107" spans="1:30">
      <c r="A2107" s="5" t="s">
        <v>83578</v>
      </c>
      <c r="B2107" s="2" t="s">
        <v>89917</v>
      </c>
      <c r="C2107" s="14" t="s">
        <v>89918</v>
      </c>
      <c r="D2107" s="2" t="s">
        <v>89919</v>
      </c>
      <c r="E2107" s="2" t="s">
        <v>31009</v>
      </c>
      <c r="F2107" s="8">
        <v>419</v>
      </c>
      <c r="G2107" s="5">
        <v>10</v>
      </c>
      <c r="H2107" s="5" t="s">
        <v>69</v>
      </c>
      <c r="I2107" s="5" t="s">
        <v>27074</v>
      </c>
      <c r="J2107" s="2" t="s">
        <v>27075</v>
      </c>
      <c r="K2107" s="5" t="s">
        <v>27074</v>
      </c>
      <c r="L2107" s="2" t="s">
        <v>27075</v>
      </c>
      <c r="M2107" s="5" t="s">
        <v>24254</v>
      </c>
      <c r="N2107" s="5" t="s">
        <v>38</v>
      </c>
      <c r="O2107" s="5" t="s">
        <v>39</v>
      </c>
      <c r="P2107" s="5" t="s">
        <v>40</v>
      </c>
      <c r="Q2107" s="5" t="s">
        <v>25301</v>
      </c>
      <c r="R2107" s="5" t="s">
        <v>40</v>
      </c>
      <c r="S2107" s="5" t="s">
        <v>42</v>
      </c>
      <c r="T2107" s="2">
        <v>10.099</v>
      </c>
      <c r="U2107" s="2">
        <v>8.25</v>
      </c>
      <c r="V2107" s="2">
        <v>0.11600000000000001</v>
      </c>
      <c r="W2107" s="2">
        <v>12</v>
      </c>
      <c r="X2107" s="2">
        <v>50</v>
      </c>
      <c r="Y2107" s="2">
        <v>193.9</v>
      </c>
      <c r="Z2107" s="5">
        <v>10</v>
      </c>
      <c r="AA2107" s="5" t="s">
        <v>43</v>
      </c>
      <c r="AB2107" s="5" t="s">
        <v>44</v>
      </c>
      <c r="AC2107" s="2" t="s">
        <v>31472</v>
      </c>
      <c r="AD2107" s="1"/>
    </row>
    <row r="2108" spans="1:30">
      <c r="A2108" s="5" t="s">
        <v>83578</v>
      </c>
      <c r="B2108" s="2" t="s">
        <v>89920</v>
      </c>
      <c r="C2108" s="14" t="s">
        <v>89921</v>
      </c>
      <c r="D2108" s="2" t="s">
        <v>89922</v>
      </c>
      <c r="E2108" s="2" t="s">
        <v>31191</v>
      </c>
      <c r="F2108" s="8">
        <v>419</v>
      </c>
      <c r="G2108" s="5">
        <v>10</v>
      </c>
      <c r="H2108" s="5" t="s">
        <v>69</v>
      </c>
      <c r="I2108" s="5" t="s">
        <v>27074</v>
      </c>
      <c r="J2108" s="2" t="s">
        <v>27075</v>
      </c>
      <c r="K2108" s="5" t="s">
        <v>27074</v>
      </c>
      <c r="L2108" s="2" t="s">
        <v>27075</v>
      </c>
      <c r="M2108" s="5" t="s">
        <v>24254</v>
      </c>
      <c r="N2108" s="5" t="s">
        <v>38</v>
      </c>
      <c r="O2108" s="5" t="s">
        <v>39</v>
      </c>
      <c r="P2108" s="5" t="s">
        <v>40</v>
      </c>
      <c r="Q2108" s="5" t="s">
        <v>25301</v>
      </c>
      <c r="R2108" s="5" t="s">
        <v>40</v>
      </c>
      <c r="S2108" s="5" t="s">
        <v>42</v>
      </c>
      <c r="T2108" s="2">
        <v>12.835000000000001</v>
      </c>
      <c r="U2108" s="2">
        <v>10.706</v>
      </c>
      <c r="V2108" s="2">
        <v>0.11600000000000001</v>
      </c>
      <c r="W2108" s="2">
        <v>12</v>
      </c>
      <c r="X2108" s="2">
        <v>50</v>
      </c>
      <c r="Y2108" s="2">
        <v>193.9</v>
      </c>
      <c r="Z2108" s="5">
        <v>10</v>
      </c>
      <c r="AA2108" s="5" t="s">
        <v>43</v>
      </c>
      <c r="AB2108" s="5" t="s">
        <v>44</v>
      </c>
      <c r="AC2108" s="2" t="s">
        <v>31010</v>
      </c>
      <c r="AD2108" s="1"/>
    </row>
    <row r="2109" spans="1:30">
      <c r="A2109" s="5" t="s">
        <v>83578</v>
      </c>
      <c r="B2109" s="2" t="s">
        <v>89923</v>
      </c>
      <c r="C2109" s="14" t="s">
        <v>89924</v>
      </c>
      <c r="D2109" s="2" t="s">
        <v>89925</v>
      </c>
      <c r="E2109" s="2" t="s">
        <v>31191</v>
      </c>
      <c r="F2109" s="8">
        <v>419</v>
      </c>
      <c r="G2109" s="5">
        <v>10</v>
      </c>
      <c r="H2109" s="5" t="s">
        <v>69</v>
      </c>
      <c r="I2109" s="5" t="s">
        <v>27074</v>
      </c>
      <c r="J2109" s="2" t="s">
        <v>27075</v>
      </c>
      <c r="K2109" s="5" t="s">
        <v>27074</v>
      </c>
      <c r="L2109" s="2" t="s">
        <v>27075</v>
      </c>
      <c r="M2109" s="5" t="s">
        <v>24254</v>
      </c>
      <c r="N2109" s="5" t="s">
        <v>38</v>
      </c>
      <c r="O2109" s="5" t="s">
        <v>39</v>
      </c>
      <c r="P2109" s="5" t="s">
        <v>40</v>
      </c>
      <c r="Q2109" s="5" t="s">
        <v>25301</v>
      </c>
      <c r="R2109" s="5" t="s">
        <v>40</v>
      </c>
      <c r="S2109" s="5" t="s">
        <v>42</v>
      </c>
      <c r="T2109" s="2">
        <v>13.949</v>
      </c>
      <c r="U2109" s="2">
        <v>11.82</v>
      </c>
      <c r="V2109" s="2">
        <v>0.11600000000000001</v>
      </c>
      <c r="W2109" s="2">
        <v>12</v>
      </c>
      <c r="X2109" s="2">
        <v>50</v>
      </c>
      <c r="Y2109" s="2">
        <v>193.9</v>
      </c>
      <c r="Z2109" s="5">
        <v>10</v>
      </c>
      <c r="AA2109" s="5" t="s">
        <v>43</v>
      </c>
      <c r="AB2109" s="5" t="s">
        <v>44</v>
      </c>
      <c r="AC2109" s="2" t="s">
        <v>31472</v>
      </c>
      <c r="AD2109" s="1"/>
    </row>
    <row r="2110" spans="1:30">
      <c r="A2110" s="5" t="s">
        <v>83578</v>
      </c>
      <c r="B2110" s="2" t="s">
        <v>89926</v>
      </c>
      <c r="C2110" s="14" t="s">
        <v>89927</v>
      </c>
      <c r="D2110" s="2" t="s">
        <v>89928</v>
      </c>
      <c r="E2110" s="2" t="s">
        <v>89929</v>
      </c>
      <c r="F2110" s="8">
        <v>250</v>
      </c>
      <c r="G2110" s="5">
        <v>5</v>
      </c>
      <c r="H2110" s="5" t="s">
        <v>69</v>
      </c>
      <c r="I2110" s="5" t="s">
        <v>27074</v>
      </c>
      <c r="J2110" s="2" t="s">
        <v>27075</v>
      </c>
      <c r="K2110" s="5" t="s">
        <v>27074</v>
      </c>
      <c r="L2110" s="2" t="s">
        <v>27075</v>
      </c>
      <c r="M2110" s="5" t="s">
        <v>24254</v>
      </c>
      <c r="N2110" s="5" t="s">
        <v>38</v>
      </c>
      <c r="O2110" s="5" t="s">
        <v>39</v>
      </c>
      <c r="P2110" s="5" t="s">
        <v>40</v>
      </c>
      <c r="Q2110" s="5" t="s">
        <v>1487</v>
      </c>
      <c r="R2110" s="5"/>
      <c r="S2110" s="5" t="s">
        <v>42</v>
      </c>
      <c r="T2110" s="2">
        <v>0</v>
      </c>
      <c r="U2110" s="2">
        <v>0</v>
      </c>
      <c r="V2110" s="2">
        <v>0</v>
      </c>
      <c r="W2110" s="2">
        <v>0</v>
      </c>
      <c r="X2110" s="2">
        <v>0</v>
      </c>
      <c r="Y2110" s="2">
        <v>0</v>
      </c>
      <c r="Z2110" s="5"/>
      <c r="AA2110" s="5" t="s">
        <v>43</v>
      </c>
      <c r="AB2110" s="5" t="s">
        <v>44</v>
      </c>
      <c r="AC2110" s="2" t="s">
        <v>89930</v>
      </c>
      <c r="AD2110" s="1"/>
    </row>
    <row r="2111" spans="1:30">
      <c r="A2111" s="5" t="s">
        <v>83578</v>
      </c>
      <c r="B2111" s="2" t="s">
        <v>89931</v>
      </c>
      <c r="C2111" s="14" t="s">
        <v>89932</v>
      </c>
      <c r="D2111" s="2" t="s">
        <v>89933</v>
      </c>
      <c r="E2111" s="2"/>
      <c r="F2111" s="8">
        <v>188</v>
      </c>
      <c r="G2111" s="5">
        <v>25</v>
      </c>
      <c r="H2111" s="5" t="s">
        <v>69</v>
      </c>
      <c r="I2111" s="5" t="s">
        <v>27074</v>
      </c>
      <c r="J2111" s="2" t="s">
        <v>27075</v>
      </c>
      <c r="K2111" s="5" t="s">
        <v>27074</v>
      </c>
      <c r="L2111" s="2" t="s">
        <v>27075</v>
      </c>
      <c r="M2111" s="5" t="s">
        <v>24254</v>
      </c>
      <c r="N2111" s="5" t="s">
        <v>38</v>
      </c>
      <c r="O2111" s="5" t="s">
        <v>39</v>
      </c>
      <c r="P2111" s="5" t="s">
        <v>40</v>
      </c>
      <c r="Q2111" s="5" t="s">
        <v>24335</v>
      </c>
      <c r="R2111" s="5" t="s">
        <v>40</v>
      </c>
      <c r="S2111" s="5" t="s">
        <v>42</v>
      </c>
      <c r="T2111" s="2">
        <v>6.3310000000000004</v>
      </c>
      <c r="U2111" s="2">
        <v>4.6959999999999997</v>
      </c>
      <c r="V2111" s="2">
        <v>0.10299999999999999</v>
      </c>
      <c r="W2111" s="2">
        <v>12</v>
      </c>
      <c r="X2111" s="2">
        <v>62</v>
      </c>
      <c r="Y2111" s="2">
        <v>137.9</v>
      </c>
      <c r="Z2111" s="5">
        <v>10</v>
      </c>
      <c r="AA2111" s="5" t="s">
        <v>43</v>
      </c>
      <c r="AB2111" s="5" t="s">
        <v>44</v>
      </c>
      <c r="AC2111" s="2" t="s">
        <v>31737</v>
      </c>
      <c r="AD2111" s="1"/>
    </row>
    <row r="2112" spans="1:30">
      <c r="A2112" s="5" t="s">
        <v>83578</v>
      </c>
      <c r="B2112" s="2" t="s">
        <v>89934</v>
      </c>
      <c r="C2112" s="14" t="s">
        <v>89935</v>
      </c>
      <c r="D2112" s="2" t="s">
        <v>89936</v>
      </c>
      <c r="E2112" s="2"/>
      <c r="F2112" s="8">
        <v>188</v>
      </c>
      <c r="G2112" s="5">
        <v>25</v>
      </c>
      <c r="H2112" s="5" t="s">
        <v>69</v>
      </c>
      <c r="I2112" s="5" t="s">
        <v>27074</v>
      </c>
      <c r="J2112" s="2" t="s">
        <v>27075</v>
      </c>
      <c r="K2112" s="5" t="s">
        <v>27074</v>
      </c>
      <c r="L2112" s="2" t="s">
        <v>27075</v>
      </c>
      <c r="M2112" s="5" t="s">
        <v>24254</v>
      </c>
      <c r="N2112" s="5" t="s">
        <v>38</v>
      </c>
      <c r="O2112" s="5" t="s">
        <v>39</v>
      </c>
      <c r="P2112" s="5" t="s">
        <v>40</v>
      </c>
      <c r="Q2112" s="5" t="s">
        <v>24335</v>
      </c>
      <c r="R2112" s="5" t="s">
        <v>40</v>
      </c>
      <c r="S2112" s="5" t="s">
        <v>42</v>
      </c>
      <c r="T2112" s="2">
        <v>5.0949999999999998</v>
      </c>
      <c r="U2112" s="2">
        <v>3.4990000000000001</v>
      </c>
      <c r="V2112" s="2">
        <v>0.10299999999999999</v>
      </c>
      <c r="W2112" s="2">
        <v>12</v>
      </c>
      <c r="X2112" s="2">
        <v>62</v>
      </c>
      <c r="Y2112" s="2">
        <v>137.9</v>
      </c>
      <c r="Z2112" s="5">
        <v>10</v>
      </c>
      <c r="AA2112" s="5" t="s">
        <v>43</v>
      </c>
      <c r="AB2112" s="5" t="s">
        <v>44</v>
      </c>
      <c r="AC2112" s="2" t="s">
        <v>31590</v>
      </c>
      <c r="AD2112" s="1"/>
    </row>
    <row r="2113" spans="1:30">
      <c r="A2113" s="5" t="s">
        <v>83578</v>
      </c>
      <c r="B2113" s="2" t="s">
        <v>89937</v>
      </c>
      <c r="C2113" s="14" t="s">
        <v>89938</v>
      </c>
      <c r="D2113" s="2" t="s">
        <v>89939</v>
      </c>
      <c r="E2113" s="2" t="s">
        <v>89929</v>
      </c>
      <c r="F2113" s="8">
        <v>266</v>
      </c>
      <c r="G2113" s="5">
        <v>5</v>
      </c>
      <c r="H2113" s="5" t="s">
        <v>69</v>
      </c>
      <c r="I2113" s="5" t="s">
        <v>27074</v>
      </c>
      <c r="J2113" s="2" t="s">
        <v>27075</v>
      </c>
      <c r="K2113" s="5" t="s">
        <v>27074</v>
      </c>
      <c r="L2113" s="2" t="s">
        <v>27075</v>
      </c>
      <c r="M2113" s="5" t="s">
        <v>24254</v>
      </c>
      <c r="N2113" s="5" t="s">
        <v>38</v>
      </c>
      <c r="O2113" s="5" t="s">
        <v>39</v>
      </c>
      <c r="P2113" s="5" t="s">
        <v>40</v>
      </c>
      <c r="Q2113" s="5" t="s">
        <v>1487</v>
      </c>
      <c r="R2113" s="5"/>
      <c r="S2113" s="5" t="s">
        <v>42</v>
      </c>
      <c r="T2113" s="2">
        <v>0</v>
      </c>
      <c r="U2113" s="2">
        <v>0</v>
      </c>
      <c r="V2113" s="2">
        <v>0</v>
      </c>
      <c r="W2113" s="2">
        <v>0</v>
      </c>
      <c r="X2113" s="2">
        <v>0</v>
      </c>
      <c r="Y2113" s="2">
        <v>0</v>
      </c>
      <c r="Z2113" s="5"/>
      <c r="AA2113" s="5" t="s">
        <v>43</v>
      </c>
      <c r="AB2113" s="5" t="s">
        <v>44</v>
      </c>
      <c r="AC2113" s="2" t="s">
        <v>89930</v>
      </c>
      <c r="AD2113" s="1"/>
    </row>
    <row r="2114" spans="1:30">
      <c r="A2114" s="5" t="s">
        <v>83578</v>
      </c>
      <c r="B2114" s="2" t="s">
        <v>89940</v>
      </c>
      <c r="C2114" s="14" t="s">
        <v>89941</v>
      </c>
      <c r="D2114" s="2" t="s">
        <v>89942</v>
      </c>
      <c r="E2114" s="2"/>
      <c r="F2114" s="8">
        <v>200</v>
      </c>
      <c r="G2114" s="5">
        <v>25</v>
      </c>
      <c r="H2114" s="5" t="s">
        <v>69</v>
      </c>
      <c r="I2114" s="5" t="s">
        <v>27074</v>
      </c>
      <c r="J2114" s="2" t="s">
        <v>27075</v>
      </c>
      <c r="K2114" s="5" t="s">
        <v>27074</v>
      </c>
      <c r="L2114" s="2" t="s">
        <v>27075</v>
      </c>
      <c r="M2114" s="5" t="s">
        <v>24254</v>
      </c>
      <c r="N2114" s="5" t="s">
        <v>38</v>
      </c>
      <c r="O2114" s="5" t="s">
        <v>39</v>
      </c>
      <c r="P2114" s="5" t="s">
        <v>40</v>
      </c>
      <c r="Q2114" s="5" t="s">
        <v>24335</v>
      </c>
      <c r="R2114" s="5" t="s">
        <v>40</v>
      </c>
      <c r="S2114" s="5" t="s">
        <v>42</v>
      </c>
      <c r="T2114" s="2">
        <v>6.97</v>
      </c>
      <c r="U2114" s="2">
        <v>5.1239999999999997</v>
      </c>
      <c r="V2114" s="2">
        <v>0.11899999999999999</v>
      </c>
      <c r="W2114" s="2">
        <v>12</v>
      </c>
      <c r="X2114" s="2">
        <v>62</v>
      </c>
      <c r="Y2114" s="2">
        <v>159.9</v>
      </c>
      <c r="Z2114" s="5">
        <v>10</v>
      </c>
      <c r="AA2114" s="5" t="s">
        <v>43</v>
      </c>
      <c r="AB2114" s="5" t="s">
        <v>44</v>
      </c>
      <c r="AC2114" s="2" t="s">
        <v>31737</v>
      </c>
      <c r="AD2114" s="1"/>
    </row>
    <row r="2115" spans="1:30">
      <c r="A2115" s="5" t="s">
        <v>83578</v>
      </c>
      <c r="B2115" s="2" t="s">
        <v>89943</v>
      </c>
      <c r="C2115" s="14" t="s">
        <v>89944</v>
      </c>
      <c r="D2115" s="2" t="s">
        <v>89945</v>
      </c>
      <c r="E2115" s="2"/>
      <c r="F2115" s="8">
        <v>200</v>
      </c>
      <c r="G2115" s="5">
        <v>25</v>
      </c>
      <c r="H2115" s="5" t="s">
        <v>69</v>
      </c>
      <c r="I2115" s="5" t="s">
        <v>27074</v>
      </c>
      <c r="J2115" s="2" t="s">
        <v>27075</v>
      </c>
      <c r="K2115" s="5" t="s">
        <v>27074</v>
      </c>
      <c r="L2115" s="2" t="s">
        <v>27075</v>
      </c>
      <c r="M2115" s="5" t="s">
        <v>24254</v>
      </c>
      <c r="N2115" s="5" t="s">
        <v>38</v>
      </c>
      <c r="O2115" s="5" t="s">
        <v>39</v>
      </c>
      <c r="P2115" s="5" t="s">
        <v>40</v>
      </c>
      <c r="Q2115" s="5" t="s">
        <v>24335</v>
      </c>
      <c r="R2115" s="5" t="s">
        <v>40</v>
      </c>
      <c r="S2115" s="5" t="s">
        <v>42</v>
      </c>
      <c r="T2115" s="2">
        <v>7.5039999999999996</v>
      </c>
      <c r="U2115" s="2">
        <v>5.6580000000000004</v>
      </c>
      <c r="V2115" s="2">
        <v>0.11899999999999999</v>
      </c>
      <c r="W2115" s="2">
        <v>12</v>
      </c>
      <c r="X2115" s="2">
        <v>62</v>
      </c>
      <c r="Y2115" s="2">
        <v>159.9</v>
      </c>
      <c r="Z2115" s="5">
        <v>10</v>
      </c>
      <c r="AA2115" s="5" t="s">
        <v>43</v>
      </c>
      <c r="AB2115" s="5" t="s">
        <v>44</v>
      </c>
      <c r="AC2115" s="2" t="s">
        <v>31582</v>
      </c>
      <c r="AD2115" s="1"/>
    </row>
    <row r="2116" spans="1:30">
      <c r="A2116" s="5" t="s">
        <v>83578</v>
      </c>
      <c r="B2116" s="2" t="s">
        <v>89946</v>
      </c>
      <c r="C2116" s="14" t="s">
        <v>89947</v>
      </c>
      <c r="D2116" s="2" t="s">
        <v>89948</v>
      </c>
      <c r="E2116" s="2"/>
      <c r="F2116" s="8">
        <v>200</v>
      </c>
      <c r="G2116" s="5">
        <v>25</v>
      </c>
      <c r="H2116" s="5" t="s">
        <v>69</v>
      </c>
      <c r="I2116" s="5" t="s">
        <v>27074</v>
      </c>
      <c r="J2116" s="2" t="s">
        <v>27075</v>
      </c>
      <c r="K2116" s="5" t="s">
        <v>27074</v>
      </c>
      <c r="L2116" s="2" t="s">
        <v>27075</v>
      </c>
      <c r="M2116" s="5" t="s">
        <v>24254</v>
      </c>
      <c r="N2116" s="5" t="s">
        <v>38</v>
      </c>
      <c r="O2116" s="5" t="s">
        <v>39</v>
      </c>
      <c r="P2116" s="5" t="s">
        <v>40</v>
      </c>
      <c r="Q2116" s="5" t="s">
        <v>24335</v>
      </c>
      <c r="R2116" s="5" t="s">
        <v>40</v>
      </c>
      <c r="S2116" s="5" t="s">
        <v>42</v>
      </c>
      <c r="T2116" s="2">
        <v>5.6120000000000001</v>
      </c>
      <c r="U2116" s="2">
        <v>3.8050000000000002</v>
      </c>
      <c r="V2116" s="2">
        <v>0.11899999999999999</v>
      </c>
      <c r="W2116" s="2">
        <v>12</v>
      </c>
      <c r="X2116" s="2">
        <v>62</v>
      </c>
      <c r="Y2116" s="2">
        <v>159.9</v>
      </c>
      <c r="Z2116" s="5">
        <v>10</v>
      </c>
      <c r="AA2116" s="5" t="s">
        <v>43</v>
      </c>
      <c r="AB2116" s="5" t="s">
        <v>44</v>
      </c>
      <c r="AC2116" s="2" t="s">
        <v>31590</v>
      </c>
      <c r="AD2116" s="1"/>
    </row>
    <row r="2117" spans="1:30">
      <c r="A2117" s="5" t="s">
        <v>83578</v>
      </c>
      <c r="B2117" s="2" t="s">
        <v>89949</v>
      </c>
      <c r="C2117" s="14" t="s">
        <v>89950</v>
      </c>
      <c r="D2117" s="2" t="s">
        <v>89951</v>
      </c>
      <c r="E2117" s="2"/>
      <c r="F2117" s="8">
        <v>200</v>
      </c>
      <c r="G2117" s="5">
        <v>25</v>
      </c>
      <c r="H2117" s="5" t="s">
        <v>69</v>
      </c>
      <c r="I2117" s="5" t="s">
        <v>27074</v>
      </c>
      <c r="J2117" s="2" t="s">
        <v>27075</v>
      </c>
      <c r="K2117" s="5" t="s">
        <v>27074</v>
      </c>
      <c r="L2117" s="2" t="s">
        <v>27075</v>
      </c>
      <c r="M2117" s="5" t="s">
        <v>24254</v>
      </c>
      <c r="N2117" s="5" t="s">
        <v>38</v>
      </c>
      <c r="O2117" s="5" t="s">
        <v>39</v>
      </c>
      <c r="P2117" s="5" t="s">
        <v>40</v>
      </c>
      <c r="Q2117" s="5" t="s">
        <v>24335</v>
      </c>
      <c r="R2117" s="5" t="s">
        <v>40</v>
      </c>
      <c r="S2117" s="5" t="s">
        <v>42</v>
      </c>
      <c r="T2117" s="2">
        <v>6.1479999999999997</v>
      </c>
      <c r="U2117" s="2">
        <v>4.3410000000000002</v>
      </c>
      <c r="V2117" s="2">
        <v>0.11899999999999999</v>
      </c>
      <c r="W2117" s="2">
        <v>12</v>
      </c>
      <c r="X2117" s="2">
        <v>62</v>
      </c>
      <c r="Y2117" s="2">
        <v>159.9</v>
      </c>
      <c r="Z2117" s="5">
        <v>10</v>
      </c>
      <c r="AA2117" s="5" t="s">
        <v>43</v>
      </c>
      <c r="AB2117" s="5" t="s">
        <v>44</v>
      </c>
      <c r="AC2117" s="2" t="s">
        <v>31586</v>
      </c>
      <c r="AD2117" s="1"/>
    </row>
    <row r="2118" spans="1:30">
      <c r="A2118" s="5" t="s">
        <v>83578</v>
      </c>
      <c r="B2118" s="2" t="s">
        <v>89952</v>
      </c>
      <c r="C2118" s="14" t="s">
        <v>89953</v>
      </c>
      <c r="D2118" s="2" t="s">
        <v>89954</v>
      </c>
      <c r="E2118" s="2"/>
      <c r="F2118" s="8">
        <v>200</v>
      </c>
      <c r="G2118" s="5">
        <v>25</v>
      </c>
      <c r="H2118" s="5" t="s">
        <v>69</v>
      </c>
      <c r="I2118" s="5" t="s">
        <v>27074</v>
      </c>
      <c r="J2118" s="2" t="s">
        <v>27075</v>
      </c>
      <c r="K2118" s="5" t="s">
        <v>27074</v>
      </c>
      <c r="L2118" s="2" t="s">
        <v>27075</v>
      </c>
      <c r="M2118" s="5" t="s">
        <v>24254</v>
      </c>
      <c r="N2118" s="5" t="s">
        <v>38</v>
      </c>
      <c r="O2118" s="5" t="s">
        <v>39</v>
      </c>
      <c r="P2118" s="5" t="s">
        <v>40</v>
      </c>
      <c r="Q2118" s="5" t="s">
        <v>24335</v>
      </c>
      <c r="R2118" s="5" t="s">
        <v>40</v>
      </c>
      <c r="S2118" s="5" t="s">
        <v>42</v>
      </c>
      <c r="T2118" s="2">
        <v>7.2729999999999997</v>
      </c>
      <c r="U2118" s="2">
        <v>5.4279999999999999</v>
      </c>
      <c r="V2118" s="2">
        <v>0.11899999999999999</v>
      </c>
      <c r="W2118" s="2">
        <v>12</v>
      </c>
      <c r="X2118" s="2">
        <v>62</v>
      </c>
      <c r="Y2118" s="2">
        <v>159.9</v>
      </c>
      <c r="Z2118" s="5">
        <v>10</v>
      </c>
      <c r="AA2118" s="5" t="s">
        <v>43</v>
      </c>
      <c r="AB2118" s="5" t="s">
        <v>44</v>
      </c>
      <c r="AC2118" s="2" t="s">
        <v>31586</v>
      </c>
      <c r="AD2118" s="1"/>
    </row>
    <row r="2119" spans="1:30">
      <c r="A2119" s="5" t="s">
        <v>83578</v>
      </c>
      <c r="B2119" s="2" t="s">
        <v>89955</v>
      </c>
      <c r="C2119" s="14" t="s">
        <v>89956</v>
      </c>
      <c r="D2119" s="2" t="s">
        <v>89957</v>
      </c>
      <c r="E2119" s="2" t="s">
        <v>89929</v>
      </c>
      <c r="F2119" s="8">
        <v>274</v>
      </c>
      <c r="G2119" s="5">
        <v>5</v>
      </c>
      <c r="H2119" s="5" t="s">
        <v>69</v>
      </c>
      <c r="I2119" s="5" t="s">
        <v>27074</v>
      </c>
      <c r="J2119" s="2" t="s">
        <v>27075</v>
      </c>
      <c r="K2119" s="5" t="s">
        <v>27074</v>
      </c>
      <c r="L2119" s="2" t="s">
        <v>27075</v>
      </c>
      <c r="M2119" s="5" t="s">
        <v>24254</v>
      </c>
      <c r="N2119" s="5" t="s">
        <v>38</v>
      </c>
      <c r="O2119" s="5" t="s">
        <v>39</v>
      </c>
      <c r="P2119" s="5" t="s">
        <v>40</v>
      </c>
      <c r="Q2119" s="5" t="s">
        <v>1487</v>
      </c>
      <c r="R2119" s="5"/>
      <c r="S2119" s="5" t="s">
        <v>42</v>
      </c>
      <c r="T2119" s="2">
        <v>0</v>
      </c>
      <c r="U2119" s="2">
        <v>0</v>
      </c>
      <c r="V2119" s="2">
        <v>0</v>
      </c>
      <c r="W2119" s="2">
        <v>0</v>
      </c>
      <c r="X2119" s="2">
        <v>0</v>
      </c>
      <c r="Y2119" s="2">
        <v>0</v>
      </c>
      <c r="Z2119" s="5"/>
      <c r="AA2119" s="5" t="s">
        <v>43</v>
      </c>
      <c r="AB2119" s="5" t="s">
        <v>44</v>
      </c>
      <c r="AC2119" s="2" t="s">
        <v>89930</v>
      </c>
      <c r="AD2119" s="1"/>
    </row>
    <row r="2120" spans="1:30">
      <c r="A2120" s="5" t="s">
        <v>83578</v>
      </c>
      <c r="B2120" s="2" t="s">
        <v>89958</v>
      </c>
      <c r="C2120" s="14" t="s">
        <v>89959</v>
      </c>
      <c r="D2120" s="2" t="s">
        <v>89960</v>
      </c>
      <c r="E2120" s="2"/>
      <c r="F2120" s="8">
        <v>207</v>
      </c>
      <c r="G2120" s="5">
        <v>25</v>
      </c>
      <c r="H2120" s="5" t="s">
        <v>69</v>
      </c>
      <c r="I2120" s="5" t="s">
        <v>27074</v>
      </c>
      <c r="J2120" s="2" t="s">
        <v>27075</v>
      </c>
      <c r="K2120" s="5" t="s">
        <v>27074</v>
      </c>
      <c r="L2120" s="2" t="s">
        <v>27075</v>
      </c>
      <c r="M2120" s="5" t="s">
        <v>24254</v>
      </c>
      <c r="N2120" s="5" t="s">
        <v>38</v>
      </c>
      <c r="O2120" s="5" t="s">
        <v>39</v>
      </c>
      <c r="P2120" s="5" t="s">
        <v>40</v>
      </c>
      <c r="Q2120" s="5" t="s">
        <v>24335</v>
      </c>
      <c r="R2120" s="5" t="s">
        <v>40</v>
      </c>
      <c r="S2120" s="5" t="s">
        <v>42</v>
      </c>
      <c r="T2120" s="2">
        <v>7.681</v>
      </c>
      <c r="U2120" s="2">
        <v>5.71</v>
      </c>
      <c r="V2120" s="2">
        <v>0.129</v>
      </c>
      <c r="W2120" s="2">
        <v>12</v>
      </c>
      <c r="X2120" s="2">
        <v>62</v>
      </c>
      <c r="Y2120" s="2">
        <v>172.9</v>
      </c>
      <c r="Z2120" s="5">
        <v>10</v>
      </c>
      <c r="AA2120" s="5" t="s">
        <v>43</v>
      </c>
      <c r="AB2120" s="5" t="s">
        <v>44</v>
      </c>
      <c r="AC2120" s="2" t="s">
        <v>31737</v>
      </c>
      <c r="AD2120" s="1"/>
    </row>
    <row r="2121" spans="1:30">
      <c r="A2121" s="5" t="s">
        <v>83578</v>
      </c>
      <c r="B2121" s="2" t="s">
        <v>89961</v>
      </c>
      <c r="C2121" s="14" t="s">
        <v>89962</v>
      </c>
      <c r="D2121" s="2" t="s">
        <v>89963</v>
      </c>
      <c r="E2121" s="2"/>
      <c r="F2121" s="8">
        <v>207</v>
      </c>
      <c r="G2121" s="5">
        <v>25</v>
      </c>
      <c r="H2121" s="5" t="s">
        <v>69</v>
      </c>
      <c r="I2121" s="5" t="s">
        <v>27074</v>
      </c>
      <c r="J2121" s="2" t="s">
        <v>27075</v>
      </c>
      <c r="K2121" s="5" t="s">
        <v>27074</v>
      </c>
      <c r="L2121" s="2" t="s">
        <v>27075</v>
      </c>
      <c r="M2121" s="5" t="s">
        <v>24254</v>
      </c>
      <c r="N2121" s="5" t="s">
        <v>38</v>
      </c>
      <c r="O2121" s="5" t="s">
        <v>39</v>
      </c>
      <c r="P2121" s="5" t="s">
        <v>40</v>
      </c>
      <c r="Q2121" s="5" t="s">
        <v>24335</v>
      </c>
      <c r="R2121" s="5" t="s">
        <v>40</v>
      </c>
      <c r="S2121" s="5" t="s">
        <v>42</v>
      </c>
      <c r="T2121" s="2">
        <v>8.2149999999999999</v>
      </c>
      <c r="U2121" s="2">
        <v>6.2439999999999998</v>
      </c>
      <c r="V2121" s="2">
        <v>0.129</v>
      </c>
      <c r="W2121" s="2">
        <v>12</v>
      </c>
      <c r="X2121" s="2">
        <v>62</v>
      </c>
      <c r="Y2121" s="2">
        <v>172.9</v>
      </c>
      <c r="Z2121" s="5">
        <v>10</v>
      </c>
      <c r="AA2121" s="5" t="s">
        <v>43</v>
      </c>
      <c r="AB2121" s="5" t="s">
        <v>44</v>
      </c>
      <c r="AC2121" s="2" t="s">
        <v>31582</v>
      </c>
      <c r="AD2121" s="1"/>
    </row>
    <row r="2122" spans="1:30">
      <c r="A2122" s="5" t="s">
        <v>83578</v>
      </c>
      <c r="B2122" s="2" t="s">
        <v>89964</v>
      </c>
      <c r="C2122" s="14" t="s">
        <v>89965</v>
      </c>
      <c r="D2122" s="2" t="s">
        <v>89966</v>
      </c>
      <c r="E2122" s="2"/>
      <c r="F2122" s="8">
        <v>207</v>
      </c>
      <c r="G2122" s="5">
        <v>25</v>
      </c>
      <c r="H2122" s="5" t="s">
        <v>69</v>
      </c>
      <c r="I2122" s="5" t="s">
        <v>27074</v>
      </c>
      <c r="J2122" s="2" t="s">
        <v>27075</v>
      </c>
      <c r="K2122" s="5" t="s">
        <v>27074</v>
      </c>
      <c r="L2122" s="2" t="s">
        <v>27075</v>
      </c>
      <c r="M2122" s="5" t="s">
        <v>24254</v>
      </c>
      <c r="N2122" s="5" t="s">
        <v>38</v>
      </c>
      <c r="O2122" s="5" t="s">
        <v>39</v>
      </c>
      <c r="P2122" s="5" t="s">
        <v>40</v>
      </c>
      <c r="Q2122" s="5" t="s">
        <v>24335</v>
      </c>
      <c r="R2122" s="5" t="s">
        <v>40</v>
      </c>
      <c r="S2122" s="5" t="s">
        <v>42</v>
      </c>
      <c r="T2122" s="2">
        <v>6.0449999999999999</v>
      </c>
      <c r="U2122" s="2">
        <v>4.1130000000000004</v>
      </c>
      <c r="V2122" s="2">
        <v>0.129</v>
      </c>
      <c r="W2122" s="2">
        <v>12</v>
      </c>
      <c r="X2122" s="2">
        <v>62</v>
      </c>
      <c r="Y2122" s="2">
        <v>172.9</v>
      </c>
      <c r="Z2122" s="5">
        <v>10</v>
      </c>
      <c r="AA2122" s="5" t="s">
        <v>43</v>
      </c>
      <c r="AB2122" s="5" t="s">
        <v>44</v>
      </c>
      <c r="AC2122" s="2" t="s">
        <v>31590</v>
      </c>
      <c r="AD2122" s="1"/>
    </row>
    <row r="2123" spans="1:30">
      <c r="A2123" s="5" t="s">
        <v>83578</v>
      </c>
      <c r="B2123" s="2" t="s">
        <v>89967</v>
      </c>
      <c r="C2123" s="14" t="s">
        <v>89968</v>
      </c>
      <c r="D2123" s="2" t="s">
        <v>89969</v>
      </c>
      <c r="E2123" s="2"/>
      <c r="F2123" s="8">
        <v>207</v>
      </c>
      <c r="G2123" s="5">
        <v>25</v>
      </c>
      <c r="H2123" s="5" t="s">
        <v>69</v>
      </c>
      <c r="I2123" s="5" t="s">
        <v>27074</v>
      </c>
      <c r="J2123" s="2" t="s">
        <v>27075</v>
      </c>
      <c r="K2123" s="5" t="s">
        <v>27074</v>
      </c>
      <c r="L2123" s="2" t="s">
        <v>27075</v>
      </c>
      <c r="M2123" s="5" t="s">
        <v>24254</v>
      </c>
      <c r="N2123" s="5" t="s">
        <v>38</v>
      </c>
      <c r="O2123" s="5" t="s">
        <v>39</v>
      </c>
      <c r="P2123" s="5" t="s">
        <v>40</v>
      </c>
      <c r="Q2123" s="5" t="s">
        <v>24335</v>
      </c>
      <c r="R2123" s="5" t="s">
        <v>40</v>
      </c>
      <c r="S2123" s="5" t="s">
        <v>42</v>
      </c>
      <c r="T2123" s="2">
        <v>6.5810000000000004</v>
      </c>
      <c r="U2123" s="2">
        <v>4.649</v>
      </c>
      <c r="V2123" s="2">
        <v>0.129</v>
      </c>
      <c r="W2123" s="2">
        <v>12</v>
      </c>
      <c r="X2123" s="2">
        <v>62</v>
      </c>
      <c r="Y2123" s="2">
        <v>172.9</v>
      </c>
      <c r="Z2123" s="5">
        <v>10</v>
      </c>
      <c r="AA2123" s="5" t="s">
        <v>43</v>
      </c>
      <c r="AB2123" s="5" t="s">
        <v>44</v>
      </c>
      <c r="AC2123" s="2" t="s">
        <v>31586</v>
      </c>
      <c r="AD2123" s="1"/>
    </row>
    <row r="2124" spans="1:30">
      <c r="A2124" s="5" t="s">
        <v>83578</v>
      </c>
      <c r="B2124" s="2" t="s">
        <v>89970</v>
      </c>
      <c r="C2124" s="14" t="s">
        <v>89971</v>
      </c>
      <c r="D2124" s="2" t="s">
        <v>89972</v>
      </c>
      <c r="E2124" s="2"/>
      <c r="F2124" s="8">
        <v>207</v>
      </c>
      <c r="G2124" s="5">
        <v>25</v>
      </c>
      <c r="H2124" s="5" t="s">
        <v>69</v>
      </c>
      <c r="I2124" s="5" t="s">
        <v>27074</v>
      </c>
      <c r="J2124" s="2" t="s">
        <v>27075</v>
      </c>
      <c r="K2124" s="5" t="s">
        <v>27074</v>
      </c>
      <c r="L2124" s="2" t="s">
        <v>27075</v>
      </c>
      <c r="M2124" s="5" t="s">
        <v>24254</v>
      </c>
      <c r="N2124" s="5" t="s">
        <v>38</v>
      </c>
      <c r="O2124" s="5" t="s">
        <v>39</v>
      </c>
      <c r="P2124" s="5" t="s">
        <v>40</v>
      </c>
      <c r="Q2124" s="5" t="s">
        <v>24335</v>
      </c>
      <c r="R2124" s="5" t="s">
        <v>40</v>
      </c>
      <c r="S2124" s="5" t="s">
        <v>42</v>
      </c>
      <c r="T2124" s="2">
        <v>7.8639999999999999</v>
      </c>
      <c r="U2124" s="2">
        <v>5.9089999999999998</v>
      </c>
      <c r="V2124" s="2">
        <v>0.129</v>
      </c>
      <c r="W2124" s="2">
        <v>12</v>
      </c>
      <c r="X2124" s="2">
        <v>62</v>
      </c>
      <c r="Y2124" s="2">
        <v>172.9</v>
      </c>
      <c r="Z2124" s="5">
        <v>10</v>
      </c>
      <c r="AA2124" s="5" t="s">
        <v>43</v>
      </c>
      <c r="AB2124" s="5" t="s">
        <v>44</v>
      </c>
      <c r="AC2124" s="2" t="s">
        <v>31586</v>
      </c>
      <c r="AD2124" s="1"/>
    </row>
    <row r="2125" spans="1:30">
      <c r="A2125" s="5" t="s">
        <v>83578</v>
      </c>
      <c r="B2125" s="2" t="s">
        <v>89973</v>
      </c>
      <c r="C2125" s="14" t="s">
        <v>89974</v>
      </c>
      <c r="D2125" s="2" t="s">
        <v>89975</v>
      </c>
      <c r="E2125" s="2" t="s">
        <v>89929</v>
      </c>
      <c r="F2125" s="8">
        <v>274</v>
      </c>
      <c r="G2125" s="5">
        <v>5</v>
      </c>
      <c r="H2125" s="5" t="s">
        <v>69</v>
      </c>
      <c r="I2125" s="5" t="s">
        <v>27074</v>
      </c>
      <c r="J2125" s="2" t="s">
        <v>27075</v>
      </c>
      <c r="K2125" s="5" t="s">
        <v>27074</v>
      </c>
      <c r="L2125" s="2" t="s">
        <v>27075</v>
      </c>
      <c r="M2125" s="5" t="s">
        <v>24254</v>
      </c>
      <c r="N2125" s="5" t="s">
        <v>38</v>
      </c>
      <c r="O2125" s="5" t="s">
        <v>39</v>
      </c>
      <c r="P2125" s="5" t="s">
        <v>40</v>
      </c>
      <c r="Q2125" s="5" t="s">
        <v>1487</v>
      </c>
      <c r="R2125" s="5"/>
      <c r="S2125" s="5" t="s">
        <v>42</v>
      </c>
      <c r="T2125" s="2">
        <v>0</v>
      </c>
      <c r="U2125" s="2">
        <v>0</v>
      </c>
      <c r="V2125" s="2">
        <v>0</v>
      </c>
      <c r="W2125" s="2">
        <v>0</v>
      </c>
      <c r="X2125" s="2">
        <v>0</v>
      </c>
      <c r="Y2125" s="2">
        <v>0</v>
      </c>
      <c r="Z2125" s="5"/>
      <c r="AA2125" s="5" t="s">
        <v>43</v>
      </c>
      <c r="AB2125" s="5" t="s">
        <v>44</v>
      </c>
      <c r="AC2125" s="2" t="s">
        <v>89930</v>
      </c>
      <c r="AD2125" s="1"/>
    </row>
    <row r="2126" spans="1:30">
      <c r="A2126" s="5" t="s">
        <v>83578</v>
      </c>
      <c r="B2126" s="2" t="s">
        <v>89976</v>
      </c>
      <c r="C2126" s="14" t="s">
        <v>89977</v>
      </c>
      <c r="D2126" s="2" t="s">
        <v>89978</v>
      </c>
      <c r="E2126" s="2"/>
      <c r="F2126" s="8">
        <v>207</v>
      </c>
      <c r="G2126" s="5">
        <v>25</v>
      </c>
      <c r="H2126" s="5" t="s">
        <v>69</v>
      </c>
      <c r="I2126" s="5" t="s">
        <v>27074</v>
      </c>
      <c r="J2126" s="2" t="s">
        <v>27075</v>
      </c>
      <c r="K2126" s="5" t="s">
        <v>27074</v>
      </c>
      <c r="L2126" s="2" t="s">
        <v>27075</v>
      </c>
      <c r="M2126" s="5" t="s">
        <v>24254</v>
      </c>
      <c r="N2126" s="5" t="s">
        <v>38</v>
      </c>
      <c r="O2126" s="5" t="s">
        <v>39</v>
      </c>
      <c r="P2126" s="5" t="s">
        <v>40</v>
      </c>
      <c r="Q2126" s="5" t="s">
        <v>24335</v>
      </c>
      <c r="R2126" s="5" t="s">
        <v>40</v>
      </c>
      <c r="S2126" s="5" t="s">
        <v>42</v>
      </c>
      <c r="T2126" s="2">
        <v>7.2469999999999999</v>
      </c>
      <c r="U2126" s="2">
        <v>5.4009999999999998</v>
      </c>
      <c r="V2126" s="2">
        <v>0.11899999999999999</v>
      </c>
      <c r="W2126" s="2">
        <v>12</v>
      </c>
      <c r="X2126" s="2">
        <v>62</v>
      </c>
      <c r="Y2126" s="2">
        <v>159.9</v>
      </c>
      <c r="Z2126" s="5">
        <v>10</v>
      </c>
      <c r="AA2126" s="5" t="s">
        <v>43</v>
      </c>
      <c r="AB2126" s="5" t="s">
        <v>44</v>
      </c>
      <c r="AC2126" s="2" t="s">
        <v>31737</v>
      </c>
      <c r="AD2126" s="1"/>
    </row>
    <row r="2127" spans="1:30">
      <c r="A2127" s="5" t="s">
        <v>83578</v>
      </c>
      <c r="B2127" s="2" t="s">
        <v>89979</v>
      </c>
      <c r="C2127" s="14" t="s">
        <v>89980</v>
      </c>
      <c r="D2127" s="2" t="s">
        <v>89981</v>
      </c>
      <c r="E2127" s="2"/>
      <c r="F2127" s="8">
        <v>207</v>
      </c>
      <c r="G2127" s="5">
        <v>25</v>
      </c>
      <c r="H2127" s="5" t="s">
        <v>69</v>
      </c>
      <c r="I2127" s="5" t="s">
        <v>27074</v>
      </c>
      <c r="J2127" s="2" t="s">
        <v>27075</v>
      </c>
      <c r="K2127" s="5" t="s">
        <v>27074</v>
      </c>
      <c r="L2127" s="2" t="s">
        <v>27075</v>
      </c>
      <c r="M2127" s="5" t="s">
        <v>24254</v>
      </c>
      <c r="N2127" s="5" t="s">
        <v>38</v>
      </c>
      <c r="O2127" s="5" t="s">
        <v>39</v>
      </c>
      <c r="P2127" s="5" t="s">
        <v>40</v>
      </c>
      <c r="Q2127" s="5" t="s">
        <v>24335</v>
      </c>
      <c r="R2127" s="5" t="s">
        <v>40</v>
      </c>
      <c r="S2127" s="5" t="s">
        <v>42</v>
      </c>
      <c r="T2127" s="2">
        <v>7.8520000000000003</v>
      </c>
      <c r="U2127" s="2">
        <v>6.0060000000000002</v>
      </c>
      <c r="V2127" s="2">
        <v>0.11899999999999999</v>
      </c>
      <c r="W2127" s="2">
        <v>12</v>
      </c>
      <c r="X2127" s="2">
        <v>62</v>
      </c>
      <c r="Y2127" s="2">
        <v>159.9</v>
      </c>
      <c r="Z2127" s="5">
        <v>10</v>
      </c>
      <c r="AA2127" s="5" t="s">
        <v>43</v>
      </c>
      <c r="AB2127" s="5" t="s">
        <v>44</v>
      </c>
      <c r="AC2127" s="2" t="s">
        <v>31582</v>
      </c>
      <c r="AD2127" s="1"/>
    </row>
    <row r="2128" spans="1:30">
      <c r="A2128" s="5" t="s">
        <v>83578</v>
      </c>
      <c r="B2128" s="2" t="s">
        <v>89982</v>
      </c>
      <c r="C2128" s="14" t="s">
        <v>89983</v>
      </c>
      <c r="D2128" s="2" t="s">
        <v>89984</v>
      </c>
      <c r="E2128" s="2"/>
      <c r="F2128" s="8">
        <v>207</v>
      </c>
      <c r="G2128" s="5">
        <v>25</v>
      </c>
      <c r="H2128" s="5" t="s">
        <v>69</v>
      </c>
      <c r="I2128" s="5" t="s">
        <v>27074</v>
      </c>
      <c r="J2128" s="2" t="s">
        <v>27075</v>
      </c>
      <c r="K2128" s="5" t="s">
        <v>27074</v>
      </c>
      <c r="L2128" s="2" t="s">
        <v>27075</v>
      </c>
      <c r="M2128" s="5" t="s">
        <v>24254</v>
      </c>
      <c r="N2128" s="5" t="s">
        <v>38</v>
      </c>
      <c r="O2128" s="5" t="s">
        <v>39</v>
      </c>
      <c r="P2128" s="5" t="s">
        <v>40</v>
      </c>
      <c r="Q2128" s="5" t="s">
        <v>24335</v>
      </c>
      <c r="R2128" s="5" t="s">
        <v>40</v>
      </c>
      <c r="S2128" s="5" t="s">
        <v>42</v>
      </c>
      <c r="T2128" s="2">
        <v>5.8890000000000002</v>
      </c>
      <c r="U2128" s="2">
        <v>4.0819999999999999</v>
      </c>
      <c r="V2128" s="2">
        <v>0.11899999999999999</v>
      </c>
      <c r="W2128" s="2">
        <v>12</v>
      </c>
      <c r="X2128" s="2">
        <v>62</v>
      </c>
      <c r="Y2128" s="2">
        <v>159.9</v>
      </c>
      <c r="Z2128" s="5">
        <v>10</v>
      </c>
      <c r="AA2128" s="5" t="s">
        <v>43</v>
      </c>
      <c r="AB2128" s="5" t="s">
        <v>44</v>
      </c>
      <c r="AC2128" s="2" t="s">
        <v>31590</v>
      </c>
      <c r="AD2128" s="1"/>
    </row>
    <row r="2129" spans="1:30">
      <c r="A2129" s="5" t="s">
        <v>83578</v>
      </c>
      <c r="B2129" s="2" t="s">
        <v>89985</v>
      </c>
      <c r="C2129" s="14" t="s">
        <v>89986</v>
      </c>
      <c r="D2129" s="2" t="s">
        <v>89987</v>
      </c>
      <c r="E2129" s="2"/>
      <c r="F2129" s="8">
        <v>207</v>
      </c>
      <c r="G2129" s="5">
        <v>25</v>
      </c>
      <c r="H2129" s="5" t="s">
        <v>69</v>
      </c>
      <c r="I2129" s="5" t="s">
        <v>27074</v>
      </c>
      <c r="J2129" s="2" t="s">
        <v>27075</v>
      </c>
      <c r="K2129" s="5" t="s">
        <v>27074</v>
      </c>
      <c r="L2129" s="2" t="s">
        <v>27075</v>
      </c>
      <c r="M2129" s="5" t="s">
        <v>24254</v>
      </c>
      <c r="N2129" s="5" t="s">
        <v>38</v>
      </c>
      <c r="O2129" s="5" t="s">
        <v>39</v>
      </c>
      <c r="P2129" s="5" t="s">
        <v>40</v>
      </c>
      <c r="Q2129" s="5" t="s">
        <v>24335</v>
      </c>
      <c r="R2129" s="5" t="s">
        <v>40</v>
      </c>
      <c r="S2129" s="5" t="s">
        <v>42</v>
      </c>
      <c r="T2129" s="2">
        <v>6.4960000000000004</v>
      </c>
      <c r="U2129" s="2">
        <v>4.6890000000000001</v>
      </c>
      <c r="V2129" s="2">
        <v>0.11899999999999999</v>
      </c>
      <c r="W2129" s="2">
        <v>12</v>
      </c>
      <c r="X2129" s="2">
        <v>62</v>
      </c>
      <c r="Y2129" s="2">
        <v>159.9</v>
      </c>
      <c r="Z2129" s="5">
        <v>10</v>
      </c>
      <c r="AA2129" s="5" t="s">
        <v>43</v>
      </c>
      <c r="AB2129" s="5" t="s">
        <v>44</v>
      </c>
      <c r="AC2129" s="2" t="s">
        <v>31586</v>
      </c>
      <c r="AD2129" s="1"/>
    </row>
    <row r="2130" spans="1:30">
      <c r="A2130" s="5" t="s">
        <v>83578</v>
      </c>
      <c r="B2130" s="2" t="s">
        <v>89988</v>
      </c>
      <c r="C2130" s="14" t="s">
        <v>89989</v>
      </c>
      <c r="D2130" s="2" t="s">
        <v>89990</v>
      </c>
      <c r="E2130" s="2" t="s">
        <v>89929</v>
      </c>
      <c r="F2130" s="8">
        <v>300</v>
      </c>
      <c r="G2130" s="5">
        <v>5</v>
      </c>
      <c r="H2130" s="5" t="s">
        <v>69</v>
      </c>
      <c r="I2130" s="5" t="s">
        <v>27074</v>
      </c>
      <c r="J2130" s="2" t="s">
        <v>27075</v>
      </c>
      <c r="K2130" s="5" t="s">
        <v>27074</v>
      </c>
      <c r="L2130" s="2" t="s">
        <v>27075</v>
      </c>
      <c r="M2130" s="5" t="s">
        <v>24254</v>
      </c>
      <c r="N2130" s="5" t="s">
        <v>38</v>
      </c>
      <c r="O2130" s="5" t="s">
        <v>39</v>
      </c>
      <c r="P2130" s="5" t="s">
        <v>40</v>
      </c>
      <c r="Q2130" s="5" t="s">
        <v>1487</v>
      </c>
      <c r="R2130" s="5"/>
      <c r="S2130" s="5" t="s">
        <v>42</v>
      </c>
      <c r="T2130" s="2">
        <v>0</v>
      </c>
      <c r="U2130" s="2">
        <v>0</v>
      </c>
      <c r="V2130" s="2">
        <v>0</v>
      </c>
      <c r="W2130" s="2">
        <v>0</v>
      </c>
      <c r="X2130" s="2">
        <v>0</v>
      </c>
      <c r="Y2130" s="2">
        <v>0</v>
      </c>
      <c r="Z2130" s="5"/>
      <c r="AA2130" s="5" t="s">
        <v>43</v>
      </c>
      <c r="AB2130" s="5" t="s">
        <v>44</v>
      </c>
      <c r="AC2130" s="2" t="s">
        <v>89930</v>
      </c>
      <c r="AD2130" s="1"/>
    </row>
    <row r="2131" spans="1:30">
      <c r="A2131" s="5" t="s">
        <v>83578</v>
      </c>
      <c r="B2131" s="2" t="s">
        <v>89991</v>
      </c>
      <c r="C2131" s="14" t="s">
        <v>89992</v>
      </c>
      <c r="D2131" s="2" t="s">
        <v>89993</v>
      </c>
      <c r="E2131" s="2" t="s">
        <v>89929</v>
      </c>
      <c r="F2131" s="8">
        <v>300</v>
      </c>
      <c r="G2131" s="5">
        <v>5</v>
      </c>
      <c r="H2131" s="5" t="s">
        <v>69</v>
      </c>
      <c r="I2131" s="5" t="s">
        <v>27074</v>
      </c>
      <c r="J2131" s="2" t="s">
        <v>27075</v>
      </c>
      <c r="K2131" s="5" t="s">
        <v>27074</v>
      </c>
      <c r="L2131" s="2" t="s">
        <v>27075</v>
      </c>
      <c r="M2131" s="5" t="s">
        <v>24254</v>
      </c>
      <c r="N2131" s="5" t="s">
        <v>38</v>
      </c>
      <c r="O2131" s="5" t="s">
        <v>39</v>
      </c>
      <c r="P2131" s="5" t="s">
        <v>40</v>
      </c>
      <c r="Q2131" s="5" t="s">
        <v>1487</v>
      </c>
      <c r="R2131" s="5"/>
      <c r="S2131" s="5" t="s">
        <v>42</v>
      </c>
      <c r="T2131" s="2">
        <v>0</v>
      </c>
      <c r="U2131" s="2">
        <v>0</v>
      </c>
      <c r="V2131" s="2">
        <v>0</v>
      </c>
      <c r="W2131" s="2">
        <v>0</v>
      </c>
      <c r="X2131" s="2">
        <v>0</v>
      </c>
      <c r="Y2131" s="2">
        <v>0</v>
      </c>
      <c r="Z2131" s="5"/>
      <c r="AA2131" s="5" t="s">
        <v>43</v>
      </c>
      <c r="AB2131" s="5" t="s">
        <v>44</v>
      </c>
      <c r="AC2131" s="2" t="s">
        <v>89994</v>
      </c>
      <c r="AD2131" s="1"/>
    </row>
    <row r="2132" spans="1:30">
      <c r="A2132" s="5" t="s">
        <v>83578</v>
      </c>
      <c r="B2132" s="2" t="s">
        <v>89995</v>
      </c>
      <c r="C2132" s="14" t="s">
        <v>89996</v>
      </c>
      <c r="D2132" s="2" t="s">
        <v>89997</v>
      </c>
      <c r="E2132" s="2"/>
      <c r="F2132" s="8">
        <v>226</v>
      </c>
      <c r="G2132" s="5">
        <v>25</v>
      </c>
      <c r="H2132" s="5" t="s">
        <v>69</v>
      </c>
      <c r="I2132" s="5" t="s">
        <v>27074</v>
      </c>
      <c r="J2132" s="2" t="s">
        <v>27075</v>
      </c>
      <c r="K2132" s="5" t="s">
        <v>27074</v>
      </c>
      <c r="L2132" s="2" t="s">
        <v>27075</v>
      </c>
      <c r="M2132" s="5" t="s">
        <v>24254</v>
      </c>
      <c r="N2132" s="5" t="s">
        <v>38</v>
      </c>
      <c r="O2132" s="5" t="s">
        <v>39</v>
      </c>
      <c r="P2132" s="5" t="s">
        <v>40</v>
      </c>
      <c r="Q2132" s="5" t="s">
        <v>24335</v>
      </c>
      <c r="R2132" s="5" t="s">
        <v>40</v>
      </c>
      <c r="S2132" s="5" t="s">
        <v>42</v>
      </c>
      <c r="T2132" s="2">
        <v>7.835</v>
      </c>
      <c r="U2132" s="2">
        <v>5.9889999999999999</v>
      </c>
      <c r="V2132" s="2">
        <v>0.11899999999999999</v>
      </c>
      <c r="W2132" s="2">
        <v>12</v>
      </c>
      <c r="X2132" s="2">
        <v>62</v>
      </c>
      <c r="Y2132" s="2">
        <v>159.9</v>
      </c>
      <c r="Z2132" s="5">
        <v>10</v>
      </c>
      <c r="AA2132" s="5" t="s">
        <v>43</v>
      </c>
      <c r="AB2132" s="5" t="s">
        <v>44</v>
      </c>
      <c r="AC2132" s="2" t="s">
        <v>31737</v>
      </c>
      <c r="AD2132" s="1"/>
    </row>
    <row r="2133" spans="1:30">
      <c r="A2133" s="5" t="s">
        <v>83578</v>
      </c>
      <c r="B2133" s="2" t="s">
        <v>89998</v>
      </c>
      <c r="C2133" s="14" t="s">
        <v>89999</v>
      </c>
      <c r="D2133" s="2" t="s">
        <v>90000</v>
      </c>
      <c r="E2133" s="2"/>
      <c r="F2133" s="8">
        <v>226</v>
      </c>
      <c r="G2133" s="5">
        <v>25</v>
      </c>
      <c r="H2133" s="5" t="s">
        <v>69</v>
      </c>
      <c r="I2133" s="5" t="s">
        <v>27074</v>
      </c>
      <c r="J2133" s="2" t="s">
        <v>27075</v>
      </c>
      <c r="K2133" s="5" t="s">
        <v>27074</v>
      </c>
      <c r="L2133" s="2" t="s">
        <v>27075</v>
      </c>
      <c r="M2133" s="5" t="s">
        <v>24254</v>
      </c>
      <c r="N2133" s="5" t="s">
        <v>38</v>
      </c>
      <c r="O2133" s="5" t="s">
        <v>39</v>
      </c>
      <c r="P2133" s="5" t="s">
        <v>40</v>
      </c>
      <c r="Q2133" s="5" t="s">
        <v>24335</v>
      </c>
      <c r="R2133" s="5" t="s">
        <v>40</v>
      </c>
      <c r="S2133" s="5" t="s">
        <v>42</v>
      </c>
      <c r="T2133" s="2">
        <v>8.44</v>
      </c>
      <c r="U2133" s="2">
        <v>6.5940000000000003</v>
      </c>
      <c r="V2133" s="2">
        <v>0.11899999999999999</v>
      </c>
      <c r="W2133" s="2">
        <v>12</v>
      </c>
      <c r="X2133" s="2">
        <v>62</v>
      </c>
      <c r="Y2133" s="2">
        <v>159.9</v>
      </c>
      <c r="Z2133" s="5">
        <v>10</v>
      </c>
      <c r="AA2133" s="5" t="s">
        <v>43</v>
      </c>
      <c r="AB2133" s="5" t="s">
        <v>44</v>
      </c>
      <c r="AC2133" s="2" t="s">
        <v>31582</v>
      </c>
      <c r="AD2133" s="1"/>
    </row>
    <row r="2134" spans="1:30">
      <c r="A2134" s="5" t="s">
        <v>83578</v>
      </c>
      <c r="B2134" s="2" t="s">
        <v>90001</v>
      </c>
      <c r="C2134" s="14" t="s">
        <v>90002</v>
      </c>
      <c r="D2134" s="2" t="s">
        <v>90003</v>
      </c>
      <c r="E2134" s="2"/>
      <c r="F2134" s="8">
        <v>226</v>
      </c>
      <c r="G2134" s="5">
        <v>25</v>
      </c>
      <c r="H2134" s="5" t="s">
        <v>69</v>
      </c>
      <c r="I2134" s="5" t="s">
        <v>27074</v>
      </c>
      <c r="J2134" s="2" t="s">
        <v>27075</v>
      </c>
      <c r="K2134" s="5" t="s">
        <v>27074</v>
      </c>
      <c r="L2134" s="2" t="s">
        <v>27075</v>
      </c>
      <c r="M2134" s="5" t="s">
        <v>24254</v>
      </c>
      <c r="N2134" s="5" t="s">
        <v>38</v>
      </c>
      <c r="O2134" s="5" t="s">
        <v>39</v>
      </c>
      <c r="P2134" s="5" t="s">
        <v>40</v>
      </c>
      <c r="Q2134" s="5" t="s">
        <v>24335</v>
      </c>
      <c r="R2134" s="5" t="s">
        <v>40</v>
      </c>
      <c r="S2134" s="5" t="s">
        <v>42</v>
      </c>
      <c r="T2134" s="2">
        <v>6.1989999999999998</v>
      </c>
      <c r="U2134" s="2">
        <v>4.3920000000000003</v>
      </c>
      <c r="V2134" s="2">
        <v>0.11899999999999999</v>
      </c>
      <c r="W2134" s="2">
        <v>12</v>
      </c>
      <c r="X2134" s="2">
        <v>62</v>
      </c>
      <c r="Y2134" s="2">
        <v>159.9</v>
      </c>
      <c r="Z2134" s="5">
        <v>10</v>
      </c>
      <c r="AA2134" s="5" t="s">
        <v>43</v>
      </c>
      <c r="AB2134" s="5" t="s">
        <v>44</v>
      </c>
      <c r="AC2134" s="2" t="s">
        <v>31590</v>
      </c>
      <c r="AD2134" s="1"/>
    </row>
    <row r="2135" spans="1:30">
      <c r="A2135" s="5" t="s">
        <v>83578</v>
      </c>
      <c r="B2135" s="2" t="s">
        <v>90004</v>
      </c>
      <c r="C2135" s="14" t="s">
        <v>90005</v>
      </c>
      <c r="D2135" s="2" t="s">
        <v>90006</v>
      </c>
      <c r="E2135" s="2"/>
      <c r="F2135" s="8">
        <v>226</v>
      </c>
      <c r="G2135" s="5">
        <v>25</v>
      </c>
      <c r="H2135" s="5" t="s">
        <v>69</v>
      </c>
      <c r="I2135" s="5" t="s">
        <v>27074</v>
      </c>
      <c r="J2135" s="2" t="s">
        <v>27075</v>
      </c>
      <c r="K2135" s="5" t="s">
        <v>27074</v>
      </c>
      <c r="L2135" s="2" t="s">
        <v>27075</v>
      </c>
      <c r="M2135" s="5" t="s">
        <v>24254</v>
      </c>
      <c r="N2135" s="5" t="s">
        <v>38</v>
      </c>
      <c r="O2135" s="5" t="s">
        <v>39</v>
      </c>
      <c r="P2135" s="5" t="s">
        <v>40</v>
      </c>
      <c r="Q2135" s="5" t="s">
        <v>24335</v>
      </c>
      <c r="R2135" s="5" t="s">
        <v>40</v>
      </c>
      <c r="S2135" s="5" t="s">
        <v>42</v>
      </c>
      <c r="T2135" s="2">
        <v>6.806</v>
      </c>
      <c r="U2135" s="2">
        <v>4.9989999999999997</v>
      </c>
      <c r="V2135" s="2">
        <v>0.11899999999999999</v>
      </c>
      <c r="W2135" s="2">
        <v>12</v>
      </c>
      <c r="X2135" s="2">
        <v>62</v>
      </c>
      <c r="Y2135" s="2">
        <v>159.9</v>
      </c>
      <c r="Z2135" s="5">
        <v>10</v>
      </c>
      <c r="AA2135" s="5" t="s">
        <v>43</v>
      </c>
      <c r="AB2135" s="5" t="s">
        <v>44</v>
      </c>
      <c r="AC2135" s="2" t="s">
        <v>31586</v>
      </c>
      <c r="AD2135" s="1"/>
    </row>
    <row r="2136" spans="1:30">
      <c r="A2136" s="5" t="s">
        <v>83578</v>
      </c>
      <c r="B2136" s="2" t="s">
        <v>90007</v>
      </c>
      <c r="C2136" s="14" t="s">
        <v>90008</v>
      </c>
      <c r="D2136" s="2" t="s">
        <v>90009</v>
      </c>
      <c r="E2136" s="2"/>
      <c r="F2136" s="8">
        <v>226</v>
      </c>
      <c r="G2136" s="5">
        <v>25</v>
      </c>
      <c r="H2136" s="5" t="s">
        <v>69</v>
      </c>
      <c r="I2136" s="5" t="s">
        <v>27074</v>
      </c>
      <c r="J2136" s="2" t="s">
        <v>27075</v>
      </c>
      <c r="K2136" s="5" t="s">
        <v>27074</v>
      </c>
      <c r="L2136" s="2" t="s">
        <v>27075</v>
      </c>
      <c r="M2136" s="5" t="s">
        <v>24254</v>
      </c>
      <c r="N2136" s="5" t="s">
        <v>38</v>
      </c>
      <c r="O2136" s="5" t="s">
        <v>39</v>
      </c>
      <c r="P2136" s="5" t="s">
        <v>40</v>
      </c>
      <c r="Q2136" s="5" t="s">
        <v>24335</v>
      </c>
      <c r="R2136" s="5" t="s">
        <v>40</v>
      </c>
      <c r="S2136" s="5" t="s">
        <v>42</v>
      </c>
      <c r="T2136" s="2">
        <v>8.0879999999999992</v>
      </c>
      <c r="U2136" s="2">
        <v>6.258</v>
      </c>
      <c r="V2136" s="2">
        <v>0.11899999999999999</v>
      </c>
      <c r="W2136" s="2">
        <v>12</v>
      </c>
      <c r="X2136" s="2">
        <v>62</v>
      </c>
      <c r="Y2136" s="2">
        <v>159.9</v>
      </c>
      <c r="Z2136" s="5">
        <v>10</v>
      </c>
      <c r="AA2136" s="5" t="s">
        <v>43</v>
      </c>
      <c r="AB2136" s="5" t="s">
        <v>44</v>
      </c>
      <c r="AC2136" s="2" t="s">
        <v>31586</v>
      </c>
      <c r="AD2136" s="1"/>
    </row>
    <row r="2137" spans="1:30">
      <c r="A2137" s="5" t="s">
        <v>83578</v>
      </c>
      <c r="B2137" s="2" t="s">
        <v>90010</v>
      </c>
      <c r="C2137" s="14" t="s">
        <v>90011</v>
      </c>
      <c r="D2137" s="2" t="s">
        <v>90012</v>
      </c>
      <c r="E2137" s="2" t="s">
        <v>89929</v>
      </c>
      <c r="F2137" s="8">
        <v>308</v>
      </c>
      <c r="G2137" s="5">
        <v>5</v>
      </c>
      <c r="H2137" s="5" t="s">
        <v>69</v>
      </c>
      <c r="I2137" s="5" t="s">
        <v>27074</v>
      </c>
      <c r="J2137" s="2" t="s">
        <v>27075</v>
      </c>
      <c r="K2137" s="5" t="s">
        <v>27074</v>
      </c>
      <c r="L2137" s="2" t="s">
        <v>27075</v>
      </c>
      <c r="M2137" s="5" t="s">
        <v>24254</v>
      </c>
      <c r="N2137" s="5" t="s">
        <v>38</v>
      </c>
      <c r="O2137" s="5" t="s">
        <v>39</v>
      </c>
      <c r="P2137" s="5" t="s">
        <v>40</v>
      </c>
      <c r="Q2137" s="5" t="s">
        <v>1487</v>
      </c>
      <c r="R2137" s="5"/>
      <c r="S2137" s="5" t="s">
        <v>42</v>
      </c>
      <c r="T2137" s="2">
        <v>0</v>
      </c>
      <c r="U2137" s="2">
        <v>0</v>
      </c>
      <c r="V2137" s="2">
        <v>0</v>
      </c>
      <c r="W2137" s="2">
        <v>0</v>
      </c>
      <c r="X2137" s="2">
        <v>0</v>
      </c>
      <c r="Y2137" s="2">
        <v>0</v>
      </c>
      <c r="Z2137" s="5"/>
      <c r="AA2137" s="5" t="s">
        <v>43</v>
      </c>
      <c r="AB2137" s="5" t="s">
        <v>44</v>
      </c>
      <c r="AC2137" s="2" t="s">
        <v>89930</v>
      </c>
      <c r="AD2137" s="1"/>
    </row>
    <row r="2138" spans="1:30">
      <c r="A2138" s="5" t="s">
        <v>83578</v>
      </c>
      <c r="B2138" s="2" t="s">
        <v>90013</v>
      </c>
      <c r="C2138" s="14" t="s">
        <v>90014</v>
      </c>
      <c r="D2138" s="2" t="s">
        <v>90015</v>
      </c>
      <c r="E2138" s="2"/>
      <c r="F2138" s="8">
        <v>233</v>
      </c>
      <c r="G2138" s="5">
        <v>25</v>
      </c>
      <c r="H2138" s="5" t="s">
        <v>69</v>
      </c>
      <c r="I2138" s="5" t="s">
        <v>27074</v>
      </c>
      <c r="J2138" s="2" t="s">
        <v>27075</v>
      </c>
      <c r="K2138" s="5" t="s">
        <v>27074</v>
      </c>
      <c r="L2138" s="2" t="s">
        <v>27075</v>
      </c>
      <c r="M2138" s="5" t="s">
        <v>24254</v>
      </c>
      <c r="N2138" s="5" t="s">
        <v>38</v>
      </c>
      <c r="O2138" s="5" t="s">
        <v>39</v>
      </c>
      <c r="P2138" s="5" t="s">
        <v>40</v>
      </c>
      <c r="Q2138" s="5" t="s">
        <v>24335</v>
      </c>
      <c r="R2138" s="5" t="s">
        <v>40</v>
      </c>
      <c r="S2138" s="5" t="s">
        <v>42</v>
      </c>
      <c r="T2138" s="2">
        <v>9.8190000000000008</v>
      </c>
      <c r="U2138" s="2">
        <v>7.0709999999999997</v>
      </c>
      <c r="V2138" s="2">
        <v>0.14899999999999999</v>
      </c>
      <c r="W2138" s="2">
        <v>12</v>
      </c>
      <c r="X2138" s="2">
        <v>62</v>
      </c>
      <c r="Y2138" s="2">
        <v>199.7</v>
      </c>
      <c r="Z2138" s="5">
        <v>10</v>
      </c>
      <c r="AA2138" s="5" t="s">
        <v>43</v>
      </c>
      <c r="AB2138" s="5" t="s">
        <v>44</v>
      </c>
      <c r="AC2138" s="2" t="s">
        <v>31582</v>
      </c>
      <c r="AD2138" s="1"/>
    </row>
    <row r="2139" spans="1:30">
      <c r="A2139" s="5" t="s">
        <v>83578</v>
      </c>
      <c r="B2139" s="2" t="s">
        <v>90016</v>
      </c>
      <c r="C2139" s="14" t="s">
        <v>90017</v>
      </c>
      <c r="D2139" s="2" t="s">
        <v>90018</v>
      </c>
      <c r="E2139" s="2"/>
      <c r="F2139" s="8">
        <v>233</v>
      </c>
      <c r="G2139" s="5">
        <v>25</v>
      </c>
      <c r="H2139" s="5" t="s">
        <v>69</v>
      </c>
      <c r="I2139" s="5" t="s">
        <v>27074</v>
      </c>
      <c r="J2139" s="2" t="s">
        <v>27075</v>
      </c>
      <c r="K2139" s="5" t="s">
        <v>27074</v>
      </c>
      <c r="L2139" s="2" t="s">
        <v>27075</v>
      </c>
      <c r="M2139" s="5" t="s">
        <v>24254</v>
      </c>
      <c r="N2139" s="5" t="s">
        <v>38</v>
      </c>
      <c r="O2139" s="5" t="s">
        <v>39</v>
      </c>
      <c r="P2139" s="5" t="s">
        <v>40</v>
      </c>
      <c r="Q2139" s="5" t="s">
        <v>24335</v>
      </c>
      <c r="R2139" s="5" t="s">
        <v>40</v>
      </c>
      <c r="S2139" s="5" t="s">
        <v>42</v>
      </c>
      <c r="T2139" s="2">
        <v>8.0510000000000002</v>
      </c>
      <c r="U2139" s="2">
        <v>5.3419999999999996</v>
      </c>
      <c r="V2139" s="2">
        <v>0.14899999999999999</v>
      </c>
      <c r="W2139" s="2">
        <v>12</v>
      </c>
      <c r="X2139" s="2">
        <v>62</v>
      </c>
      <c r="Y2139" s="2">
        <v>199.7</v>
      </c>
      <c r="Z2139" s="5">
        <v>10</v>
      </c>
      <c r="AA2139" s="5" t="s">
        <v>43</v>
      </c>
      <c r="AB2139" s="5" t="s">
        <v>44</v>
      </c>
      <c r="AC2139" s="2" t="s">
        <v>31586</v>
      </c>
      <c r="AD2139" s="1"/>
    </row>
    <row r="2140" spans="1:30">
      <c r="A2140" s="5" t="s">
        <v>83578</v>
      </c>
      <c r="B2140" s="2" t="s">
        <v>90019</v>
      </c>
      <c r="C2140" s="14" t="s">
        <v>90020</v>
      </c>
      <c r="D2140" s="2" t="s">
        <v>90021</v>
      </c>
      <c r="E2140" s="2"/>
      <c r="F2140" s="8">
        <v>233</v>
      </c>
      <c r="G2140" s="5">
        <v>25</v>
      </c>
      <c r="H2140" s="5" t="s">
        <v>69</v>
      </c>
      <c r="I2140" s="5" t="s">
        <v>27074</v>
      </c>
      <c r="J2140" s="2" t="s">
        <v>27075</v>
      </c>
      <c r="K2140" s="5" t="s">
        <v>27074</v>
      </c>
      <c r="L2140" s="2" t="s">
        <v>27075</v>
      </c>
      <c r="M2140" s="5" t="s">
        <v>24254</v>
      </c>
      <c r="N2140" s="5" t="s">
        <v>38</v>
      </c>
      <c r="O2140" s="5" t="s">
        <v>39</v>
      </c>
      <c r="P2140" s="5" t="s">
        <v>40</v>
      </c>
      <c r="Q2140" s="5" t="s">
        <v>24335</v>
      </c>
      <c r="R2140" s="5" t="s">
        <v>40</v>
      </c>
      <c r="S2140" s="5" t="s">
        <v>42</v>
      </c>
      <c r="T2140" s="2">
        <v>9.4939999999999998</v>
      </c>
      <c r="U2140" s="2">
        <v>6.7469999999999999</v>
      </c>
      <c r="V2140" s="2">
        <v>0.14899999999999999</v>
      </c>
      <c r="W2140" s="2">
        <v>12</v>
      </c>
      <c r="X2140" s="2">
        <v>62</v>
      </c>
      <c r="Y2140" s="2">
        <v>199.7</v>
      </c>
      <c r="Z2140" s="5">
        <v>10</v>
      </c>
      <c r="AA2140" s="5" t="s">
        <v>43</v>
      </c>
      <c r="AB2140" s="5" t="s">
        <v>44</v>
      </c>
      <c r="AC2140" s="2" t="s">
        <v>31586</v>
      </c>
      <c r="AD2140" s="1"/>
    </row>
    <row r="2141" spans="1:30">
      <c r="A2141" s="5" t="s">
        <v>83578</v>
      </c>
      <c r="B2141" s="2" t="s">
        <v>90022</v>
      </c>
      <c r="C2141" s="14" t="s">
        <v>90023</v>
      </c>
      <c r="D2141" s="2" t="s">
        <v>90024</v>
      </c>
      <c r="E2141" s="2" t="s">
        <v>89929</v>
      </c>
      <c r="F2141" s="8">
        <v>294</v>
      </c>
      <c r="G2141" s="5">
        <v>5</v>
      </c>
      <c r="H2141" s="5" t="s">
        <v>69</v>
      </c>
      <c r="I2141" s="5" t="s">
        <v>27074</v>
      </c>
      <c r="J2141" s="2" t="s">
        <v>27075</v>
      </c>
      <c r="K2141" s="5" t="s">
        <v>27074</v>
      </c>
      <c r="L2141" s="2" t="s">
        <v>27075</v>
      </c>
      <c r="M2141" s="5" t="s">
        <v>24254</v>
      </c>
      <c r="N2141" s="5" t="s">
        <v>38</v>
      </c>
      <c r="O2141" s="5" t="s">
        <v>39</v>
      </c>
      <c r="P2141" s="5" t="s">
        <v>40</v>
      </c>
      <c r="Q2141" s="5" t="s">
        <v>1487</v>
      </c>
      <c r="R2141" s="5"/>
      <c r="S2141" s="5" t="s">
        <v>42</v>
      </c>
      <c r="T2141" s="2">
        <v>0</v>
      </c>
      <c r="U2141" s="2">
        <v>0</v>
      </c>
      <c r="V2141" s="2">
        <v>0</v>
      </c>
      <c r="W2141" s="2">
        <v>0</v>
      </c>
      <c r="X2141" s="2">
        <v>0</v>
      </c>
      <c r="Y2141" s="2">
        <v>0</v>
      </c>
      <c r="Z2141" s="5"/>
      <c r="AA2141" s="5" t="s">
        <v>43</v>
      </c>
      <c r="AB2141" s="5" t="s">
        <v>44</v>
      </c>
      <c r="AC2141" s="2" t="s">
        <v>89930</v>
      </c>
      <c r="AD2141" s="1"/>
    </row>
    <row r="2142" spans="1:30">
      <c r="A2142" s="5" t="s">
        <v>83578</v>
      </c>
      <c r="B2142" s="2" t="s">
        <v>90025</v>
      </c>
      <c r="C2142" s="14" t="s">
        <v>90026</v>
      </c>
      <c r="D2142" s="2" t="s">
        <v>90027</v>
      </c>
      <c r="E2142" s="2" t="s">
        <v>89929</v>
      </c>
      <c r="F2142" s="8">
        <v>308</v>
      </c>
      <c r="G2142" s="5">
        <v>5</v>
      </c>
      <c r="H2142" s="5" t="s">
        <v>69</v>
      </c>
      <c r="I2142" s="5" t="s">
        <v>27074</v>
      </c>
      <c r="J2142" s="2" t="s">
        <v>27075</v>
      </c>
      <c r="K2142" s="5" t="s">
        <v>27074</v>
      </c>
      <c r="L2142" s="2" t="s">
        <v>27075</v>
      </c>
      <c r="M2142" s="5" t="s">
        <v>24254</v>
      </c>
      <c r="N2142" s="5" t="s">
        <v>38</v>
      </c>
      <c r="O2142" s="5" t="s">
        <v>39</v>
      </c>
      <c r="P2142" s="5" t="s">
        <v>40</v>
      </c>
      <c r="Q2142" s="5" t="s">
        <v>1487</v>
      </c>
      <c r="R2142" s="5"/>
      <c r="S2142" s="5" t="s">
        <v>42</v>
      </c>
      <c r="T2142" s="2">
        <v>0</v>
      </c>
      <c r="U2142" s="2">
        <v>0</v>
      </c>
      <c r="V2142" s="2">
        <v>0</v>
      </c>
      <c r="W2142" s="2">
        <v>0</v>
      </c>
      <c r="X2142" s="2">
        <v>0</v>
      </c>
      <c r="Y2142" s="2">
        <v>0</v>
      </c>
      <c r="Z2142" s="5"/>
      <c r="AA2142" s="5" t="s">
        <v>43</v>
      </c>
      <c r="AB2142" s="5" t="s">
        <v>44</v>
      </c>
      <c r="AC2142" s="2" t="s">
        <v>89930</v>
      </c>
      <c r="AD2142" s="1"/>
    </row>
    <row r="2143" spans="1:30">
      <c r="A2143" s="5" t="s">
        <v>83578</v>
      </c>
      <c r="B2143" s="2" t="s">
        <v>90028</v>
      </c>
      <c r="C2143" s="14" t="s">
        <v>90029</v>
      </c>
      <c r="D2143" s="2" t="s">
        <v>90030</v>
      </c>
      <c r="E2143" s="2"/>
      <c r="F2143" s="8">
        <v>233</v>
      </c>
      <c r="G2143" s="5">
        <v>25</v>
      </c>
      <c r="H2143" s="5" t="s">
        <v>69</v>
      </c>
      <c r="I2143" s="5" t="s">
        <v>27074</v>
      </c>
      <c r="J2143" s="2" t="s">
        <v>27075</v>
      </c>
      <c r="K2143" s="5" t="s">
        <v>27074</v>
      </c>
      <c r="L2143" s="2" t="s">
        <v>27075</v>
      </c>
      <c r="M2143" s="5" t="s">
        <v>24254</v>
      </c>
      <c r="N2143" s="5" t="s">
        <v>38</v>
      </c>
      <c r="O2143" s="5" t="s">
        <v>39</v>
      </c>
      <c r="P2143" s="5" t="s">
        <v>40</v>
      </c>
      <c r="Q2143" s="5" t="s">
        <v>24335</v>
      </c>
      <c r="R2143" s="5" t="s">
        <v>40</v>
      </c>
      <c r="S2143" s="5" t="s">
        <v>42</v>
      </c>
      <c r="T2143" s="2">
        <v>8.5960000000000001</v>
      </c>
      <c r="U2143" s="2">
        <v>6.641</v>
      </c>
      <c r="V2143" s="2">
        <v>0.129</v>
      </c>
      <c r="W2143" s="2">
        <v>12</v>
      </c>
      <c r="X2143" s="2">
        <v>62</v>
      </c>
      <c r="Y2143" s="2">
        <v>172.9</v>
      </c>
      <c r="Z2143" s="5">
        <v>10</v>
      </c>
      <c r="AA2143" s="5" t="s">
        <v>43</v>
      </c>
      <c r="AB2143" s="5" t="s">
        <v>44</v>
      </c>
      <c r="AC2143" s="2" t="s">
        <v>31586</v>
      </c>
      <c r="AD2143" s="1"/>
    </row>
    <row r="2144" spans="1:30">
      <c r="A2144" s="5" t="s">
        <v>83578</v>
      </c>
      <c r="B2144" s="2" t="s">
        <v>90031</v>
      </c>
      <c r="C2144" s="14" t="s">
        <v>90032</v>
      </c>
      <c r="D2144" s="2" t="s">
        <v>90033</v>
      </c>
      <c r="E2144" s="2" t="s">
        <v>89929</v>
      </c>
      <c r="F2144" s="8">
        <v>324</v>
      </c>
      <c r="G2144" s="5">
        <v>5</v>
      </c>
      <c r="H2144" s="5" t="s">
        <v>69</v>
      </c>
      <c r="I2144" s="5" t="s">
        <v>27074</v>
      </c>
      <c r="J2144" s="2" t="s">
        <v>27075</v>
      </c>
      <c r="K2144" s="5" t="s">
        <v>27074</v>
      </c>
      <c r="L2144" s="2" t="s">
        <v>27075</v>
      </c>
      <c r="M2144" s="5" t="s">
        <v>24254</v>
      </c>
      <c r="N2144" s="5" t="s">
        <v>38</v>
      </c>
      <c r="O2144" s="5" t="s">
        <v>39</v>
      </c>
      <c r="P2144" s="5" t="s">
        <v>40</v>
      </c>
      <c r="Q2144" s="5" t="s">
        <v>1487</v>
      </c>
      <c r="R2144" s="5"/>
      <c r="S2144" s="5" t="s">
        <v>42</v>
      </c>
      <c r="T2144" s="2">
        <v>0</v>
      </c>
      <c r="U2144" s="2">
        <v>0</v>
      </c>
      <c r="V2144" s="2">
        <v>0</v>
      </c>
      <c r="W2144" s="2">
        <v>0</v>
      </c>
      <c r="X2144" s="2">
        <v>0</v>
      </c>
      <c r="Y2144" s="2">
        <v>0</v>
      </c>
      <c r="Z2144" s="5"/>
      <c r="AA2144" s="5" t="s">
        <v>43</v>
      </c>
      <c r="AB2144" s="5" t="s">
        <v>44</v>
      </c>
      <c r="AC2144" s="2" t="s">
        <v>89930</v>
      </c>
      <c r="AD2144" s="1"/>
    </row>
    <row r="2145" spans="1:30">
      <c r="A2145" s="5" t="s">
        <v>83578</v>
      </c>
      <c r="B2145" s="2" t="s">
        <v>90034</v>
      </c>
      <c r="C2145" s="14" t="s">
        <v>90035</v>
      </c>
      <c r="D2145" s="2" t="s">
        <v>90036</v>
      </c>
      <c r="E2145" s="2" t="s">
        <v>89929</v>
      </c>
      <c r="F2145" s="8">
        <v>324</v>
      </c>
      <c r="G2145" s="5">
        <v>5</v>
      </c>
      <c r="H2145" s="5" t="s">
        <v>69</v>
      </c>
      <c r="I2145" s="5" t="s">
        <v>27074</v>
      </c>
      <c r="J2145" s="2" t="s">
        <v>27075</v>
      </c>
      <c r="K2145" s="5" t="s">
        <v>27074</v>
      </c>
      <c r="L2145" s="2" t="s">
        <v>27075</v>
      </c>
      <c r="M2145" s="5" t="s">
        <v>24254</v>
      </c>
      <c r="N2145" s="5" t="s">
        <v>38</v>
      </c>
      <c r="O2145" s="5" t="s">
        <v>39</v>
      </c>
      <c r="P2145" s="5" t="s">
        <v>40</v>
      </c>
      <c r="Q2145" s="5" t="s">
        <v>1487</v>
      </c>
      <c r="R2145" s="5"/>
      <c r="S2145" s="5" t="s">
        <v>42</v>
      </c>
      <c r="T2145" s="2">
        <v>0</v>
      </c>
      <c r="U2145" s="2">
        <v>0</v>
      </c>
      <c r="V2145" s="2">
        <v>0</v>
      </c>
      <c r="W2145" s="2">
        <v>0</v>
      </c>
      <c r="X2145" s="2">
        <v>0</v>
      </c>
      <c r="Y2145" s="2">
        <v>0</v>
      </c>
      <c r="Z2145" s="5"/>
      <c r="AA2145" s="5" t="s">
        <v>43</v>
      </c>
      <c r="AB2145" s="5" t="s">
        <v>44</v>
      </c>
      <c r="AC2145" s="2" t="s">
        <v>90037</v>
      </c>
      <c r="AD2145" s="1"/>
    </row>
    <row r="2146" spans="1:30">
      <c r="A2146" s="5" t="s">
        <v>83578</v>
      </c>
      <c r="B2146" s="2" t="s">
        <v>90038</v>
      </c>
      <c r="C2146" s="14" t="s">
        <v>90039</v>
      </c>
      <c r="D2146" s="2" t="s">
        <v>90040</v>
      </c>
      <c r="E2146" s="2"/>
      <c r="F2146" s="8">
        <v>244</v>
      </c>
      <c r="G2146" s="5">
        <v>25</v>
      </c>
      <c r="H2146" s="5" t="s">
        <v>69</v>
      </c>
      <c r="I2146" s="5" t="s">
        <v>27074</v>
      </c>
      <c r="J2146" s="2" t="s">
        <v>27075</v>
      </c>
      <c r="K2146" s="5" t="s">
        <v>27074</v>
      </c>
      <c r="L2146" s="2" t="s">
        <v>27075</v>
      </c>
      <c r="M2146" s="5" t="s">
        <v>24254</v>
      </c>
      <c r="N2146" s="5" t="s">
        <v>38</v>
      </c>
      <c r="O2146" s="5" t="s">
        <v>39</v>
      </c>
      <c r="P2146" s="5" t="s">
        <v>40</v>
      </c>
      <c r="Q2146" s="5" t="s">
        <v>24335</v>
      </c>
      <c r="R2146" s="5" t="s">
        <v>40</v>
      </c>
      <c r="S2146" s="5" t="s">
        <v>42</v>
      </c>
      <c r="T2146" s="2">
        <v>9.8770000000000007</v>
      </c>
      <c r="U2146" s="2">
        <v>7.13</v>
      </c>
      <c r="V2146" s="2">
        <v>0.14899999999999999</v>
      </c>
      <c r="W2146" s="2">
        <v>12</v>
      </c>
      <c r="X2146" s="2">
        <v>62</v>
      </c>
      <c r="Y2146" s="2">
        <v>199.7</v>
      </c>
      <c r="Z2146" s="5">
        <v>10</v>
      </c>
      <c r="AA2146" s="5" t="s">
        <v>43</v>
      </c>
      <c r="AB2146" s="5" t="s">
        <v>44</v>
      </c>
      <c r="AC2146" s="2" t="s">
        <v>31586</v>
      </c>
      <c r="AD2146" s="1"/>
    </row>
    <row r="2147" spans="1:30">
      <c r="A2147" s="5" t="s">
        <v>83578</v>
      </c>
      <c r="B2147" s="2" t="s">
        <v>90041</v>
      </c>
      <c r="C2147" s="14" t="s">
        <v>90042</v>
      </c>
      <c r="D2147" s="2" t="s">
        <v>90043</v>
      </c>
      <c r="E2147" s="2" t="s">
        <v>89929</v>
      </c>
      <c r="F2147" s="8">
        <v>370</v>
      </c>
      <c r="G2147" s="5">
        <v>5</v>
      </c>
      <c r="H2147" s="5" t="s">
        <v>69</v>
      </c>
      <c r="I2147" s="5" t="s">
        <v>27074</v>
      </c>
      <c r="J2147" s="2" t="s">
        <v>27075</v>
      </c>
      <c r="K2147" s="5" t="s">
        <v>27074</v>
      </c>
      <c r="L2147" s="2" t="s">
        <v>27075</v>
      </c>
      <c r="M2147" s="5" t="s">
        <v>24254</v>
      </c>
      <c r="N2147" s="5" t="s">
        <v>38</v>
      </c>
      <c r="O2147" s="5" t="s">
        <v>39</v>
      </c>
      <c r="P2147" s="5" t="s">
        <v>40</v>
      </c>
      <c r="Q2147" s="5" t="s">
        <v>1487</v>
      </c>
      <c r="R2147" s="5"/>
      <c r="S2147" s="5" t="s">
        <v>42</v>
      </c>
      <c r="T2147" s="2">
        <v>0</v>
      </c>
      <c r="U2147" s="2">
        <v>0</v>
      </c>
      <c r="V2147" s="2">
        <v>0</v>
      </c>
      <c r="W2147" s="2">
        <v>0</v>
      </c>
      <c r="X2147" s="2">
        <v>0</v>
      </c>
      <c r="Y2147" s="2">
        <v>0</v>
      </c>
      <c r="Z2147" s="5"/>
      <c r="AA2147" s="5" t="s">
        <v>43</v>
      </c>
      <c r="AB2147" s="5" t="s">
        <v>44</v>
      </c>
      <c r="AC2147" s="2" t="s">
        <v>89930</v>
      </c>
      <c r="AD2147" s="1"/>
    </row>
    <row r="2148" spans="1:30">
      <c r="A2148" s="5" t="s">
        <v>83578</v>
      </c>
      <c r="B2148" s="2" t="s">
        <v>90044</v>
      </c>
      <c r="C2148" s="14" t="s">
        <v>90045</v>
      </c>
      <c r="D2148" s="2" t="s">
        <v>90046</v>
      </c>
      <c r="E2148" s="2"/>
      <c r="F2148" s="8">
        <v>284</v>
      </c>
      <c r="G2148" s="5">
        <v>25</v>
      </c>
      <c r="H2148" s="5" t="s">
        <v>69</v>
      </c>
      <c r="I2148" s="5" t="s">
        <v>27074</v>
      </c>
      <c r="J2148" s="2" t="s">
        <v>27075</v>
      </c>
      <c r="K2148" s="5" t="s">
        <v>27074</v>
      </c>
      <c r="L2148" s="2" t="s">
        <v>27075</v>
      </c>
      <c r="M2148" s="5" t="s">
        <v>24254</v>
      </c>
      <c r="N2148" s="5" t="s">
        <v>38</v>
      </c>
      <c r="O2148" s="5" t="s">
        <v>39</v>
      </c>
      <c r="P2148" s="5" t="s">
        <v>40</v>
      </c>
      <c r="Q2148" s="5" t="s">
        <v>24335</v>
      </c>
      <c r="R2148" s="5" t="s">
        <v>40</v>
      </c>
      <c r="S2148" s="5" t="s">
        <v>42</v>
      </c>
      <c r="T2148" s="2">
        <v>10.176</v>
      </c>
      <c r="U2148" s="2">
        <v>10.037000000000001</v>
      </c>
      <c r="V2148" s="2">
        <v>0.17399999999999999</v>
      </c>
      <c r="W2148" s="2">
        <v>12</v>
      </c>
      <c r="X2148" s="2">
        <v>62</v>
      </c>
      <c r="Y2148" s="2">
        <v>234.1</v>
      </c>
      <c r="Z2148" s="5">
        <v>10</v>
      </c>
      <c r="AA2148" s="5" t="s">
        <v>43</v>
      </c>
      <c r="AB2148" s="5" t="s">
        <v>44</v>
      </c>
      <c r="AC2148" s="2" t="s">
        <v>31737</v>
      </c>
      <c r="AD2148" s="1"/>
    </row>
    <row r="2149" spans="1:30">
      <c r="A2149" s="5" t="s">
        <v>83578</v>
      </c>
      <c r="B2149" s="2" t="s">
        <v>90047</v>
      </c>
      <c r="C2149" s="14" t="s">
        <v>90048</v>
      </c>
      <c r="D2149" s="2" t="s">
        <v>90049</v>
      </c>
      <c r="E2149" s="2"/>
      <c r="F2149" s="8">
        <v>284</v>
      </c>
      <c r="G2149" s="5">
        <v>25</v>
      </c>
      <c r="H2149" s="5" t="s">
        <v>69</v>
      </c>
      <c r="I2149" s="5" t="s">
        <v>27074</v>
      </c>
      <c r="J2149" s="2" t="s">
        <v>27075</v>
      </c>
      <c r="K2149" s="5" t="s">
        <v>27074</v>
      </c>
      <c r="L2149" s="2" t="s">
        <v>27075</v>
      </c>
      <c r="M2149" s="5" t="s">
        <v>24254</v>
      </c>
      <c r="N2149" s="5" t="s">
        <v>38</v>
      </c>
      <c r="O2149" s="5" t="s">
        <v>39</v>
      </c>
      <c r="P2149" s="5" t="s">
        <v>40</v>
      </c>
      <c r="Q2149" s="5" t="s">
        <v>24335</v>
      </c>
      <c r="R2149" s="5" t="s">
        <v>40</v>
      </c>
      <c r="S2149" s="5" t="s">
        <v>42</v>
      </c>
      <c r="T2149" s="2">
        <v>8.0039999999999996</v>
      </c>
      <c r="U2149" s="2">
        <v>7.9039999999999999</v>
      </c>
      <c r="V2149" s="2">
        <v>0.14899999999999999</v>
      </c>
      <c r="W2149" s="2">
        <v>12</v>
      </c>
      <c r="X2149" s="2">
        <v>62</v>
      </c>
      <c r="Y2149" s="2">
        <v>199.7</v>
      </c>
      <c r="Z2149" s="5">
        <v>10</v>
      </c>
      <c r="AA2149" s="5" t="s">
        <v>43</v>
      </c>
      <c r="AB2149" s="5" t="s">
        <v>44</v>
      </c>
      <c r="AC2149" s="2" t="s">
        <v>31590</v>
      </c>
      <c r="AD2149" s="1"/>
    </row>
    <row r="2150" spans="1:30">
      <c r="A2150" s="5" t="s">
        <v>83578</v>
      </c>
      <c r="B2150" s="2" t="s">
        <v>90050</v>
      </c>
      <c r="C2150" s="14" t="s">
        <v>90051</v>
      </c>
      <c r="D2150" s="2" t="s">
        <v>90052</v>
      </c>
      <c r="E2150" s="2"/>
      <c r="F2150" s="8">
        <v>284</v>
      </c>
      <c r="G2150" s="5">
        <v>25</v>
      </c>
      <c r="H2150" s="5" t="s">
        <v>69</v>
      </c>
      <c r="I2150" s="5" t="s">
        <v>27074</v>
      </c>
      <c r="J2150" s="2" t="s">
        <v>27075</v>
      </c>
      <c r="K2150" s="5" t="s">
        <v>27074</v>
      </c>
      <c r="L2150" s="2" t="s">
        <v>27075</v>
      </c>
      <c r="M2150" s="5" t="s">
        <v>24254</v>
      </c>
      <c r="N2150" s="5" t="s">
        <v>38</v>
      </c>
      <c r="O2150" s="5" t="s">
        <v>39</v>
      </c>
      <c r="P2150" s="5" t="s">
        <v>40</v>
      </c>
      <c r="Q2150" s="5" t="s">
        <v>24335</v>
      </c>
      <c r="R2150" s="5" t="s">
        <v>40</v>
      </c>
      <c r="S2150" s="5" t="s">
        <v>42</v>
      </c>
      <c r="T2150" s="2">
        <v>10.097</v>
      </c>
      <c r="U2150" s="2">
        <v>7.35</v>
      </c>
      <c r="V2150" s="2">
        <v>0.17399999999999999</v>
      </c>
      <c r="W2150" s="2">
        <v>12</v>
      </c>
      <c r="X2150" s="2">
        <v>62</v>
      </c>
      <c r="Y2150" s="2">
        <v>234.1</v>
      </c>
      <c r="Z2150" s="5">
        <v>10</v>
      </c>
      <c r="AA2150" s="5" t="s">
        <v>43</v>
      </c>
      <c r="AB2150" s="5" t="s">
        <v>44</v>
      </c>
      <c r="AC2150" s="2" t="s">
        <v>31590</v>
      </c>
      <c r="AD2150" s="1"/>
    </row>
    <row r="2151" spans="1:30">
      <c r="A2151" s="5" t="s">
        <v>83578</v>
      </c>
      <c r="B2151" s="2" t="s">
        <v>90053</v>
      </c>
      <c r="C2151" s="14" t="s">
        <v>90054</v>
      </c>
      <c r="D2151" s="2" t="s">
        <v>90055</v>
      </c>
      <c r="E2151" s="2" t="s">
        <v>89929</v>
      </c>
      <c r="F2151" s="8">
        <v>352</v>
      </c>
      <c r="G2151" s="5">
        <v>5</v>
      </c>
      <c r="H2151" s="5" t="s">
        <v>69</v>
      </c>
      <c r="I2151" s="5" t="s">
        <v>27074</v>
      </c>
      <c r="J2151" s="2" t="s">
        <v>27075</v>
      </c>
      <c r="K2151" s="5" t="s">
        <v>27074</v>
      </c>
      <c r="L2151" s="2" t="s">
        <v>27075</v>
      </c>
      <c r="M2151" s="5" t="s">
        <v>24254</v>
      </c>
      <c r="N2151" s="5" t="s">
        <v>38</v>
      </c>
      <c r="O2151" s="5" t="s">
        <v>39</v>
      </c>
      <c r="P2151" s="5" t="s">
        <v>40</v>
      </c>
      <c r="Q2151" s="5" t="s">
        <v>1487</v>
      </c>
      <c r="R2151" s="5"/>
      <c r="S2151" s="5" t="s">
        <v>42</v>
      </c>
      <c r="T2151" s="2">
        <v>0</v>
      </c>
      <c r="U2151" s="2">
        <v>0</v>
      </c>
      <c r="V2151" s="2">
        <v>0</v>
      </c>
      <c r="W2151" s="2">
        <v>0</v>
      </c>
      <c r="X2151" s="2">
        <v>0</v>
      </c>
      <c r="Y2151" s="2">
        <v>0</v>
      </c>
      <c r="Z2151" s="5"/>
      <c r="AA2151" s="5" t="s">
        <v>43</v>
      </c>
      <c r="AB2151" s="5" t="s">
        <v>44</v>
      </c>
      <c r="AC2151" s="2" t="s">
        <v>89930</v>
      </c>
      <c r="AD2151" s="1"/>
    </row>
    <row r="2152" spans="1:30">
      <c r="A2152" s="5" t="s">
        <v>83578</v>
      </c>
      <c r="B2152" s="2" t="s">
        <v>90056</v>
      </c>
      <c r="C2152" s="14" t="s">
        <v>90057</v>
      </c>
      <c r="D2152" s="2" t="s">
        <v>90058</v>
      </c>
      <c r="E2152" s="2"/>
      <c r="F2152" s="8">
        <v>265</v>
      </c>
      <c r="G2152" s="5">
        <v>25</v>
      </c>
      <c r="H2152" s="5" t="s">
        <v>69</v>
      </c>
      <c r="I2152" s="5" t="s">
        <v>27074</v>
      </c>
      <c r="J2152" s="2" t="s">
        <v>27075</v>
      </c>
      <c r="K2152" s="5" t="s">
        <v>27074</v>
      </c>
      <c r="L2152" s="2" t="s">
        <v>27075</v>
      </c>
      <c r="M2152" s="5" t="s">
        <v>24254</v>
      </c>
      <c r="N2152" s="5" t="s">
        <v>38</v>
      </c>
      <c r="O2152" s="5" t="s">
        <v>39</v>
      </c>
      <c r="P2152" s="5" t="s">
        <v>40</v>
      </c>
      <c r="Q2152" s="5" t="s">
        <v>24335</v>
      </c>
      <c r="R2152" s="5" t="s">
        <v>40</v>
      </c>
      <c r="S2152" s="5" t="s">
        <v>42</v>
      </c>
      <c r="T2152" s="2">
        <v>9.4600000000000009</v>
      </c>
      <c r="U2152" s="2">
        <v>7.4889999999999999</v>
      </c>
      <c r="V2152" s="2">
        <v>0.129</v>
      </c>
      <c r="W2152" s="2">
        <v>12</v>
      </c>
      <c r="X2152" s="2">
        <v>62</v>
      </c>
      <c r="Y2152" s="2">
        <v>172.9</v>
      </c>
      <c r="Z2152" s="5">
        <v>10</v>
      </c>
      <c r="AA2152" s="5" t="s">
        <v>43</v>
      </c>
      <c r="AB2152" s="5" t="s">
        <v>44</v>
      </c>
      <c r="AC2152" s="2" t="s">
        <v>31582</v>
      </c>
      <c r="AD2152" s="1"/>
    </row>
    <row r="2153" spans="1:30">
      <c r="A2153" s="5" t="s">
        <v>83578</v>
      </c>
      <c r="B2153" s="2" t="s">
        <v>90059</v>
      </c>
      <c r="C2153" s="14" t="s">
        <v>90060</v>
      </c>
      <c r="D2153" s="2" t="s">
        <v>90061</v>
      </c>
      <c r="E2153" s="2"/>
      <c r="F2153" s="8">
        <v>265</v>
      </c>
      <c r="G2153" s="5">
        <v>25</v>
      </c>
      <c r="H2153" s="5" t="s">
        <v>69</v>
      </c>
      <c r="I2153" s="5" t="s">
        <v>27074</v>
      </c>
      <c r="J2153" s="2" t="s">
        <v>27075</v>
      </c>
      <c r="K2153" s="5" t="s">
        <v>27074</v>
      </c>
      <c r="L2153" s="2" t="s">
        <v>27075</v>
      </c>
      <c r="M2153" s="5" t="s">
        <v>24254</v>
      </c>
      <c r="N2153" s="5" t="s">
        <v>38</v>
      </c>
      <c r="O2153" s="5" t="s">
        <v>39</v>
      </c>
      <c r="P2153" s="5" t="s">
        <v>40</v>
      </c>
      <c r="Q2153" s="5" t="s">
        <v>24335</v>
      </c>
      <c r="R2153" s="5" t="s">
        <v>40</v>
      </c>
      <c r="S2153" s="5" t="s">
        <v>42</v>
      </c>
      <c r="T2153" s="2">
        <v>7.8259999999999996</v>
      </c>
      <c r="U2153" s="2">
        <v>5.8940000000000001</v>
      </c>
      <c r="V2153" s="2">
        <v>0.129</v>
      </c>
      <c r="W2153" s="2">
        <v>12</v>
      </c>
      <c r="X2153" s="2">
        <v>62</v>
      </c>
      <c r="Y2153" s="2">
        <v>172.9</v>
      </c>
      <c r="Z2153" s="5">
        <v>10</v>
      </c>
      <c r="AA2153" s="5" t="s">
        <v>43</v>
      </c>
      <c r="AB2153" s="5" t="s">
        <v>44</v>
      </c>
      <c r="AC2153" s="2" t="s">
        <v>31586</v>
      </c>
      <c r="AD2153" s="1"/>
    </row>
    <row r="2154" spans="1:30">
      <c r="A2154" s="5" t="s">
        <v>83578</v>
      </c>
      <c r="B2154" s="2" t="s">
        <v>90062</v>
      </c>
      <c r="C2154" s="14" t="s">
        <v>90063</v>
      </c>
      <c r="D2154" s="2" t="s">
        <v>90064</v>
      </c>
      <c r="E2154" s="2"/>
      <c r="F2154" s="8">
        <v>265</v>
      </c>
      <c r="G2154" s="5">
        <v>25</v>
      </c>
      <c r="H2154" s="5" t="s">
        <v>69</v>
      </c>
      <c r="I2154" s="5" t="s">
        <v>27074</v>
      </c>
      <c r="J2154" s="2" t="s">
        <v>27075</v>
      </c>
      <c r="K2154" s="5" t="s">
        <v>27074</v>
      </c>
      <c r="L2154" s="2" t="s">
        <v>27075</v>
      </c>
      <c r="M2154" s="5" t="s">
        <v>24254</v>
      </c>
      <c r="N2154" s="5" t="s">
        <v>38</v>
      </c>
      <c r="O2154" s="5" t="s">
        <v>39</v>
      </c>
      <c r="P2154" s="5" t="s">
        <v>40</v>
      </c>
      <c r="Q2154" s="5" t="s">
        <v>24335</v>
      </c>
      <c r="R2154" s="5" t="s">
        <v>40</v>
      </c>
      <c r="S2154" s="5" t="s">
        <v>42</v>
      </c>
      <c r="T2154" s="2">
        <v>8.2769999999999992</v>
      </c>
      <c r="U2154" s="2">
        <v>6.3220000000000001</v>
      </c>
      <c r="V2154" s="2">
        <v>0.129</v>
      </c>
      <c r="W2154" s="2">
        <v>12</v>
      </c>
      <c r="X2154" s="2">
        <v>62</v>
      </c>
      <c r="Y2154" s="2">
        <v>172.9</v>
      </c>
      <c r="Z2154" s="5">
        <v>10</v>
      </c>
      <c r="AA2154" s="5" t="s">
        <v>43</v>
      </c>
      <c r="AB2154" s="5" t="s">
        <v>44</v>
      </c>
      <c r="AC2154" s="2" t="s">
        <v>31590</v>
      </c>
      <c r="AD2154" s="1"/>
    </row>
    <row r="2155" spans="1:30">
      <c r="A2155" s="5" t="s">
        <v>83578</v>
      </c>
      <c r="B2155" s="2" t="s">
        <v>90065</v>
      </c>
      <c r="C2155" s="14" t="s">
        <v>90066</v>
      </c>
      <c r="D2155" s="2" t="s">
        <v>90067</v>
      </c>
      <c r="E2155" s="2" t="s">
        <v>89929</v>
      </c>
      <c r="F2155" s="8">
        <v>370</v>
      </c>
      <c r="G2155" s="5">
        <v>5</v>
      </c>
      <c r="H2155" s="5" t="s">
        <v>69</v>
      </c>
      <c r="I2155" s="5" t="s">
        <v>27074</v>
      </c>
      <c r="J2155" s="2" t="s">
        <v>27075</v>
      </c>
      <c r="K2155" s="5" t="s">
        <v>27074</v>
      </c>
      <c r="L2155" s="2" t="s">
        <v>27075</v>
      </c>
      <c r="M2155" s="5" t="s">
        <v>24254</v>
      </c>
      <c r="N2155" s="5" t="s">
        <v>38</v>
      </c>
      <c r="O2155" s="5" t="s">
        <v>39</v>
      </c>
      <c r="P2155" s="5" t="s">
        <v>40</v>
      </c>
      <c r="Q2155" s="5" t="s">
        <v>1487</v>
      </c>
      <c r="R2155" s="5"/>
      <c r="S2155" s="5" t="s">
        <v>42</v>
      </c>
      <c r="T2155" s="2">
        <v>0</v>
      </c>
      <c r="U2155" s="2">
        <v>0</v>
      </c>
      <c r="V2155" s="2">
        <v>0</v>
      </c>
      <c r="W2155" s="2">
        <v>0</v>
      </c>
      <c r="X2155" s="2">
        <v>0</v>
      </c>
      <c r="Y2155" s="2">
        <v>0</v>
      </c>
      <c r="Z2155" s="5"/>
      <c r="AA2155" s="5" t="s">
        <v>43</v>
      </c>
      <c r="AB2155" s="5" t="s">
        <v>44</v>
      </c>
      <c r="AC2155" s="2" t="s">
        <v>89930</v>
      </c>
      <c r="AD2155" s="1"/>
    </row>
    <row r="2156" spans="1:30">
      <c r="A2156" s="5" t="s">
        <v>83578</v>
      </c>
      <c r="B2156" s="2" t="s">
        <v>90068</v>
      </c>
      <c r="C2156" s="14" t="s">
        <v>90069</v>
      </c>
      <c r="D2156" s="2" t="s">
        <v>90070</v>
      </c>
      <c r="E2156" s="2"/>
      <c r="F2156" s="8">
        <v>279</v>
      </c>
      <c r="G2156" s="5">
        <v>25</v>
      </c>
      <c r="H2156" s="5" t="s">
        <v>69</v>
      </c>
      <c r="I2156" s="5" t="s">
        <v>27074</v>
      </c>
      <c r="J2156" s="2" t="s">
        <v>27075</v>
      </c>
      <c r="K2156" s="5" t="s">
        <v>27074</v>
      </c>
      <c r="L2156" s="2" t="s">
        <v>27075</v>
      </c>
      <c r="M2156" s="5" t="s">
        <v>24254</v>
      </c>
      <c r="N2156" s="5" t="s">
        <v>38</v>
      </c>
      <c r="O2156" s="5" t="s">
        <v>39</v>
      </c>
      <c r="P2156" s="5" t="s">
        <v>40</v>
      </c>
      <c r="Q2156" s="5" t="s">
        <v>24335</v>
      </c>
      <c r="R2156" s="5" t="s">
        <v>40</v>
      </c>
      <c r="S2156" s="5" t="s">
        <v>42</v>
      </c>
      <c r="T2156" s="2">
        <v>10.712999999999999</v>
      </c>
      <c r="U2156" s="2">
        <v>7.9649999999999999</v>
      </c>
      <c r="V2156" s="2">
        <v>0.14899999999999999</v>
      </c>
      <c r="W2156" s="2">
        <v>12</v>
      </c>
      <c r="X2156" s="2">
        <v>62</v>
      </c>
      <c r="Y2156" s="2">
        <v>199.7</v>
      </c>
      <c r="Z2156" s="5">
        <v>10</v>
      </c>
      <c r="AA2156" s="5" t="s">
        <v>43</v>
      </c>
      <c r="AB2156" s="5" t="s">
        <v>44</v>
      </c>
      <c r="AC2156" s="2" t="s">
        <v>31582</v>
      </c>
      <c r="AD2156" s="1"/>
    </row>
    <row r="2157" spans="1:30">
      <c r="A2157" s="5" t="s">
        <v>83578</v>
      </c>
      <c r="B2157" s="2" t="s">
        <v>90071</v>
      </c>
      <c r="C2157" s="14" t="s">
        <v>90072</v>
      </c>
      <c r="D2157" s="2" t="s">
        <v>90073</v>
      </c>
      <c r="E2157" s="2"/>
      <c r="F2157" s="8">
        <v>279</v>
      </c>
      <c r="G2157" s="5">
        <v>25</v>
      </c>
      <c r="H2157" s="5" t="s">
        <v>69</v>
      </c>
      <c r="I2157" s="5" t="s">
        <v>27074</v>
      </c>
      <c r="J2157" s="2" t="s">
        <v>27075</v>
      </c>
      <c r="K2157" s="5" t="s">
        <v>27074</v>
      </c>
      <c r="L2157" s="2" t="s">
        <v>27075</v>
      </c>
      <c r="M2157" s="5" t="s">
        <v>24254</v>
      </c>
      <c r="N2157" s="5" t="s">
        <v>38</v>
      </c>
      <c r="O2157" s="5" t="s">
        <v>39</v>
      </c>
      <c r="P2157" s="5" t="s">
        <v>40</v>
      </c>
      <c r="Q2157" s="5" t="s">
        <v>24335</v>
      </c>
      <c r="R2157" s="5" t="s">
        <v>40</v>
      </c>
      <c r="S2157" s="5" t="s">
        <v>42</v>
      </c>
      <c r="T2157" s="2">
        <v>8.9450000000000003</v>
      </c>
      <c r="U2157" s="2">
        <v>6.2359999999999998</v>
      </c>
      <c r="V2157" s="2">
        <v>0.14899999999999999</v>
      </c>
      <c r="W2157" s="2">
        <v>12</v>
      </c>
      <c r="X2157" s="2">
        <v>62</v>
      </c>
      <c r="Y2157" s="2">
        <v>199.7</v>
      </c>
      <c r="Z2157" s="5">
        <v>10</v>
      </c>
      <c r="AA2157" s="5" t="s">
        <v>43</v>
      </c>
      <c r="AB2157" s="5" t="s">
        <v>44</v>
      </c>
      <c r="AC2157" s="2" t="s">
        <v>31586</v>
      </c>
      <c r="AD2157" s="1"/>
    </row>
    <row r="2158" spans="1:30">
      <c r="A2158" s="5" t="s">
        <v>83578</v>
      </c>
      <c r="B2158" s="2" t="s">
        <v>90074</v>
      </c>
      <c r="C2158" s="14" t="s">
        <v>90075</v>
      </c>
      <c r="D2158" s="2" t="s">
        <v>90076</v>
      </c>
      <c r="E2158" s="2" t="s">
        <v>89929</v>
      </c>
      <c r="F2158" s="8">
        <v>392</v>
      </c>
      <c r="G2158" s="5">
        <v>5</v>
      </c>
      <c r="H2158" s="5" t="s">
        <v>69</v>
      </c>
      <c r="I2158" s="5" t="s">
        <v>27074</v>
      </c>
      <c r="J2158" s="2" t="s">
        <v>27075</v>
      </c>
      <c r="K2158" s="5" t="s">
        <v>27074</v>
      </c>
      <c r="L2158" s="2" t="s">
        <v>27075</v>
      </c>
      <c r="M2158" s="5" t="s">
        <v>24254</v>
      </c>
      <c r="N2158" s="5" t="s">
        <v>38</v>
      </c>
      <c r="O2158" s="5" t="s">
        <v>39</v>
      </c>
      <c r="P2158" s="5" t="s">
        <v>40</v>
      </c>
      <c r="Q2158" s="5" t="s">
        <v>1487</v>
      </c>
      <c r="R2158" s="5"/>
      <c r="S2158" s="5" t="s">
        <v>42</v>
      </c>
      <c r="T2158" s="2">
        <v>0</v>
      </c>
      <c r="U2158" s="2">
        <v>0</v>
      </c>
      <c r="V2158" s="2">
        <v>0</v>
      </c>
      <c r="W2158" s="2">
        <v>0</v>
      </c>
      <c r="X2158" s="2">
        <v>0</v>
      </c>
      <c r="Y2158" s="2">
        <v>0</v>
      </c>
      <c r="Z2158" s="5"/>
      <c r="AA2158" s="5" t="s">
        <v>43</v>
      </c>
      <c r="AB2158" s="5" t="s">
        <v>44</v>
      </c>
      <c r="AC2158" s="2" t="s">
        <v>89930</v>
      </c>
      <c r="AD2158" s="1"/>
    </row>
    <row r="2159" spans="1:30">
      <c r="A2159" s="5" t="s">
        <v>83578</v>
      </c>
      <c r="B2159" s="2" t="s">
        <v>90077</v>
      </c>
      <c r="C2159" s="14" t="s">
        <v>90078</v>
      </c>
      <c r="D2159" s="2" t="s">
        <v>90079</v>
      </c>
      <c r="E2159" s="2"/>
      <c r="F2159" s="8">
        <v>295</v>
      </c>
      <c r="G2159" s="5">
        <v>25</v>
      </c>
      <c r="H2159" s="5" t="s">
        <v>69</v>
      </c>
      <c r="I2159" s="5" t="s">
        <v>27074</v>
      </c>
      <c r="J2159" s="2" t="s">
        <v>27075</v>
      </c>
      <c r="K2159" s="5" t="s">
        <v>27074</v>
      </c>
      <c r="L2159" s="2" t="s">
        <v>27075</v>
      </c>
      <c r="M2159" s="5" t="s">
        <v>24254</v>
      </c>
      <c r="N2159" s="5" t="s">
        <v>38</v>
      </c>
      <c r="O2159" s="5" t="s">
        <v>39</v>
      </c>
      <c r="P2159" s="5" t="s">
        <v>40</v>
      </c>
      <c r="Q2159" s="5" t="s">
        <v>24335</v>
      </c>
      <c r="R2159" s="5" t="s">
        <v>40</v>
      </c>
      <c r="S2159" s="5" t="s">
        <v>42</v>
      </c>
      <c r="T2159" s="2">
        <v>10.939</v>
      </c>
      <c r="U2159" s="2">
        <v>10.8</v>
      </c>
      <c r="V2159" s="2">
        <v>0.17399999999999999</v>
      </c>
      <c r="W2159" s="2">
        <v>12</v>
      </c>
      <c r="X2159" s="2">
        <v>62</v>
      </c>
      <c r="Y2159" s="2">
        <v>234.1</v>
      </c>
      <c r="Z2159" s="5">
        <v>10</v>
      </c>
      <c r="AA2159" s="5" t="s">
        <v>43</v>
      </c>
      <c r="AB2159" s="5" t="s">
        <v>44</v>
      </c>
      <c r="AC2159" s="2" t="s">
        <v>31582</v>
      </c>
      <c r="AD2159" s="1"/>
    </row>
    <row r="2160" spans="1:30">
      <c r="A2160" s="5" t="s">
        <v>83578</v>
      </c>
      <c r="B2160" s="2" t="s">
        <v>90080</v>
      </c>
      <c r="C2160" s="14" t="s">
        <v>90081</v>
      </c>
      <c r="D2160" s="2" t="s">
        <v>90082</v>
      </c>
      <c r="E2160" s="2"/>
      <c r="F2160" s="8">
        <v>295</v>
      </c>
      <c r="G2160" s="5">
        <v>25</v>
      </c>
      <c r="H2160" s="5" t="s">
        <v>69</v>
      </c>
      <c r="I2160" s="5" t="s">
        <v>27074</v>
      </c>
      <c r="J2160" s="2" t="s">
        <v>27075</v>
      </c>
      <c r="K2160" s="5" t="s">
        <v>27074</v>
      </c>
      <c r="L2160" s="2" t="s">
        <v>27075</v>
      </c>
      <c r="M2160" s="5" t="s">
        <v>24254</v>
      </c>
      <c r="N2160" s="5" t="s">
        <v>38</v>
      </c>
      <c r="O2160" s="5" t="s">
        <v>39</v>
      </c>
      <c r="P2160" s="5" t="s">
        <v>40</v>
      </c>
      <c r="Q2160" s="5" t="s">
        <v>24335</v>
      </c>
      <c r="R2160" s="5" t="s">
        <v>40</v>
      </c>
      <c r="S2160" s="5" t="s">
        <v>42</v>
      </c>
      <c r="T2160" s="2">
        <v>9.2620000000000005</v>
      </c>
      <c r="U2160" s="2">
        <v>6.5529999999999999</v>
      </c>
      <c r="V2160" s="2">
        <v>0.14899999999999999</v>
      </c>
      <c r="W2160" s="2">
        <v>12</v>
      </c>
      <c r="X2160" s="2">
        <v>62</v>
      </c>
      <c r="Y2160" s="2">
        <v>199.7</v>
      </c>
      <c r="Z2160" s="5">
        <v>10</v>
      </c>
      <c r="AA2160" s="5" t="s">
        <v>43</v>
      </c>
      <c r="AB2160" s="5" t="s">
        <v>44</v>
      </c>
      <c r="AC2160" s="2" t="s">
        <v>31586</v>
      </c>
      <c r="AD2160" s="1"/>
    </row>
    <row r="2161" spans="1:30">
      <c r="A2161" s="5" t="s">
        <v>83578</v>
      </c>
      <c r="B2161" s="2" t="s">
        <v>90083</v>
      </c>
      <c r="C2161" s="14" t="s">
        <v>90084</v>
      </c>
      <c r="D2161" s="2" t="s">
        <v>90085</v>
      </c>
      <c r="E2161" s="2"/>
      <c r="F2161" s="8">
        <v>295</v>
      </c>
      <c r="G2161" s="5">
        <v>25</v>
      </c>
      <c r="H2161" s="5" t="s">
        <v>69</v>
      </c>
      <c r="I2161" s="5" t="s">
        <v>27074</v>
      </c>
      <c r="J2161" s="2" t="s">
        <v>27075</v>
      </c>
      <c r="K2161" s="5" t="s">
        <v>27074</v>
      </c>
      <c r="L2161" s="2" t="s">
        <v>27075</v>
      </c>
      <c r="M2161" s="5" t="s">
        <v>24254</v>
      </c>
      <c r="N2161" s="5" t="s">
        <v>38</v>
      </c>
      <c r="O2161" s="5" t="s">
        <v>39</v>
      </c>
      <c r="P2161" s="5" t="s">
        <v>40</v>
      </c>
      <c r="Q2161" s="5" t="s">
        <v>24335</v>
      </c>
      <c r="R2161" s="5" t="s">
        <v>40</v>
      </c>
      <c r="S2161" s="5" t="s">
        <v>42</v>
      </c>
      <c r="T2161" s="2">
        <v>10.032999999999999</v>
      </c>
      <c r="U2161" s="2">
        <v>7.2859999999999996</v>
      </c>
      <c r="V2161" s="2">
        <v>0.14899999999999999</v>
      </c>
      <c r="W2161" s="2">
        <v>12</v>
      </c>
      <c r="X2161" s="2">
        <v>62</v>
      </c>
      <c r="Y2161" s="2">
        <v>199.7</v>
      </c>
      <c r="Z2161" s="5">
        <v>10</v>
      </c>
      <c r="AA2161" s="5" t="s">
        <v>43</v>
      </c>
      <c r="AB2161" s="5" t="s">
        <v>44</v>
      </c>
      <c r="AC2161" s="2" t="s">
        <v>31590</v>
      </c>
      <c r="AD2161" s="1"/>
    </row>
    <row r="2162" spans="1:30">
      <c r="A2162" s="5" t="s">
        <v>83578</v>
      </c>
      <c r="B2162" s="2" t="s">
        <v>90086</v>
      </c>
      <c r="C2162" s="14" t="s">
        <v>90087</v>
      </c>
      <c r="D2162" s="2" t="s">
        <v>90088</v>
      </c>
      <c r="E2162" s="2"/>
      <c r="F2162" s="8">
        <v>258</v>
      </c>
      <c r="G2162" s="5">
        <v>5</v>
      </c>
      <c r="H2162" s="5" t="s">
        <v>69</v>
      </c>
      <c r="I2162" s="5" t="s">
        <v>27074</v>
      </c>
      <c r="J2162" s="2" t="s">
        <v>27075</v>
      </c>
      <c r="K2162" s="5" t="s">
        <v>27074</v>
      </c>
      <c r="L2162" s="2" t="s">
        <v>27075</v>
      </c>
      <c r="M2162" s="5" t="s">
        <v>24254</v>
      </c>
      <c r="N2162" s="5" t="s">
        <v>38</v>
      </c>
      <c r="O2162" s="5" t="s">
        <v>39</v>
      </c>
      <c r="P2162" s="5" t="s">
        <v>40</v>
      </c>
      <c r="Q2162" s="5" t="s">
        <v>24335</v>
      </c>
      <c r="R2162" s="5" t="s">
        <v>40</v>
      </c>
      <c r="S2162" s="5" t="s">
        <v>42</v>
      </c>
      <c r="T2162" s="2">
        <v>8.9179999999999993</v>
      </c>
      <c r="U2162" s="2">
        <v>5.99</v>
      </c>
      <c r="V2162" s="2">
        <v>0.17399999999999999</v>
      </c>
      <c r="W2162" s="2">
        <v>12</v>
      </c>
      <c r="X2162" s="2">
        <v>62</v>
      </c>
      <c r="Y2162" s="2">
        <v>234.1</v>
      </c>
      <c r="Z2162" s="5">
        <v>8</v>
      </c>
      <c r="AA2162" s="5" t="s">
        <v>43</v>
      </c>
      <c r="AB2162" s="5" t="s">
        <v>44</v>
      </c>
      <c r="AC2162" s="2" t="s">
        <v>31572</v>
      </c>
      <c r="AD2162" s="1"/>
    </row>
    <row r="2163" spans="1:30">
      <c r="A2163" s="5" t="s">
        <v>83578</v>
      </c>
      <c r="B2163" s="2" t="s">
        <v>90089</v>
      </c>
      <c r="C2163" s="14" t="s">
        <v>90090</v>
      </c>
      <c r="D2163" s="2" t="s">
        <v>90091</v>
      </c>
      <c r="E2163" s="2"/>
      <c r="F2163" s="8">
        <v>258</v>
      </c>
      <c r="G2163" s="5">
        <v>25</v>
      </c>
      <c r="H2163" s="5" t="s">
        <v>69</v>
      </c>
      <c r="I2163" s="5" t="s">
        <v>27074</v>
      </c>
      <c r="J2163" s="2" t="s">
        <v>27075</v>
      </c>
      <c r="K2163" s="5" t="s">
        <v>27074</v>
      </c>
      <c r="L2163" s="2" t="s">
        <v>27075</v>
      </c>
      <c r="M2163" s="5" t="s">
        <v>24254</v>
      </c>
      <c r="N2163" s="5" t="s">
        <v>38</v>
      </c>
      <c r="O2163" s="5" t="s">
        <v>39</v>
      </c>
      <c r="P2163" s="5" t="s">
        <v>40</v>
      </c>
      <c r="Q2163" s="5" t="s">
        <v>24335</v>
      </c>
      <c r="R2163" s="5" t="s">
        <v>40</v>
      </c>
      <c r="S2163" s="5" t="s">
        <v>42</v>
      </c>
      <c r="T2163" s="2">
        <v>7.0380000000000003</v>
      </c>
      <c r="U2163" s="2">
        <v>5.1920000000000002</v>
      </c>
      <c r="V2163" s="2">
        <v>0.11899999999999999</v>
      </c>
      <c r="W2163" s="2">
        <v>12</v>
      </c>
      <c r="X2163" s="2">
        <v>62</v>
      </c>
      <c r="Y2163" s="2">
        <v>159.9</v>
      </c>
      <c r="Z2163" s="5">
        <v>10</v>
      </c>
      <c r="AA2163" s="5" t="s">
        <v>43</v>
      </c>
      <c r="AB2163" s="5" t="s">
        <v>44</v>
      </c>
      <c r="AC2163" s="2" t="s">
        <v>31737</v>
      </c>
      <c r="AD2163" s="1"/>
    </row>
    <row r="2164" spans="1:30">
      <c r="A2164" s="5" t="s">
        <v>83578</v>
      </c>
      <c r="B2164" s="2" t="s">
        <v>90092</v>
      </c>
      <c r="C2164" s="14" t="s">
        <v>90093</v>
      </c>
      <c r="D2164" s="2" t="s">
        <v>90094</v>
      </c>
      <c r="E2164" s="2"/>
      <c r="F2164" s="8">
        <v>258</v>
      </c>
      <c r="G2164" s="5">
        <v>25</v>
      </c>
      <c r="H2164" s="5" t="s">
        <v>69</v>
      </c>
      <c r="I2164" s="5" t="s">
        <v>27074</v>
      </c>
      <c r="J2164" s="2" t="s">
        <v>27075</v>
      </c>
      <c r="K2164" s="5" t="s">
        <v>27074</v>
      </c>
      <c r="L2164" s="2" t="s">
        <v>27075</v>
      </c>
      <c r="M2164" s="5" t="s">
        <v>24254</v>
      </c>
      <c r="N2164" s="5" t="s">
        <v>38</v>
      </c>
      <c r="O2164" s="5" t="s">
        <v>39</v>
      </c>
      <c r="P2164" s="5" t="s">
        <v>40</v>
      </c>
      <c r="Q2164" s="5" t="s">
        <v>24335</v>
      </c>
      <c r="R2164" s="5" t="s">
        <v>40</v>
      </c>
      <c r="S2164" s="5" t="s">
        <v>42</v>
      </c>
      <c r="T2164" s="2">
        <v>5.9379999999999997</v>
      </c>
      <c r="U2164" s="2">
        <v>4.1340000000000003</v>
      </c>
      <c r="V2164" s="2">
        <v>0.11899999999999999</v>
      </c>
      <c r="W2164" s="2">
        <v>12</v>
      </c>
      <c r="X2164" s="2">
        <v>62</v>
      </c>
      <c r="Y2164" s="2">
        <v>159.9</v>
      </c>
      <c r="Z2164" s="5">
        <v>10</v>
      </c>
      <c r="AA2164" s="5" t="s">
        <v>43</v>
      </c>
      <c r="AB2164" s="5" t="s">
        <v>44</v>
      </c>
      <c r="AC2164" s="2" t="s">
        <v>31590</v>
      </c>
      <c r="AD2164" s="1"/>
    </row>
    <row r="2165" spans="1:30">
      <c r="A2165" s="5" t="s">
        <v>83578</v>
      </c>
      <c r="B2165" s="2" t="s">
        <v>90095</v>
      </c>
      <c r="C2165" s="14" t="s">
        <v>90096</v>
      </c>
      <c r="D2165" s="2" t="s">
        <v>90097</v>
      </c>
      <c r="E2165" s="2"/>
      <c r="F2165" s="8">
        <v>258</v>
      </c>
      <c r="G2165" s="5">
        <v>25</v>
      </c>
      <c r="H2165" s="5" t="s">
        <v>69</v>
      </c>
      <c r="I2165" s="5" t="s">
        <v>27074</v>
      </c>
      <c r="J2165" s="2" t="s">
        <v>27075</v>
      </c>
      <c r="K2165" s="5" t="s">
        <v>27074</v>
      </c>
      <c r="L2165" s="2" t="s">
        <v>27075</v>
      </c>
      <c r="M2165" s="5" t="s">
        <v>24254</v>
      </c>
      <c r="N2165" s="5" t="s">
        <v>38</v>
      </c>
      <c r="O2165" s="5" t="s">
        <v>39</v>
      </c>
      <c r="P2165" s="5" t="s">
        <v>40</v>
      </c>
      <c r="Q2165" s="5" t="s">
        <v>24335</v>
      </c>
      <c r="R2165" s="5" t="s">
        <v>40</v>
      </c>
      <c r="S2165" s="5" t="s">
        <v>42</v>
      </c>
      <c r="T2165" s="2">
        <v>6.4870000000000001</v>
      </c>
      <c r="U2165" s="2">
        <v>4.6420000000000003</v>
      </c>
      <c r="V2165" s="2">
        <v>0.11899999999999999</v>
      </c>
      <c r="W2165" s="2">
        <v>12</v>
      </c>
      <c r="X2165" s="2">
        <v>62</v>
      </c>
      <c r="Y2165" s="2">
        <v>159.9</v>
      </c>
      <c r="Z2165" s="5">
        <v>10</v>
      </c>
      <c r="AA2165" s="5" t="s">
        <v>43</v>
      </c>
      <c r="AB2165" s="5" t="s">
        <v>44</v>
      </c>
      <c r="AC2165" s="2" t="s">
        <v>31590</v>
      </c>
      <c r="AD2165" s="1"/>
    </row>
    <row r="2166" spans="1:30">
      <c r="A2166" s="5" t="s">
        <v>83578</v>
      </c>
      <c r="B2166" s="2" t="s">
        <v>90098</v>
      </c>
      <c r="C2166" s="14" t="s">
        <v>90099</v>
      </c>
      <c r="D2166" s="2" t="s">
        <v>90100</v>
      </c>
      <c r="E2166" s="2" t="s">
        <v>89929</v>
      </c>
      <c r="F2166" s="8">
        <v>370</v>
      </c>
      <c r="G2166" s="5">
        <v>5</v>
      </c>
      <c r="H2166" s="5" t="s">
        <v>69</v>
      </c>
      <c r="I2166" s="5" t="s">
        <v>27074</v>
      </c>
      <c r="J2166" s="2" t="s">
        <v>27075</v>
      </c>
      <c r="K2166" s="5" t="s">
        <v>27074</v>
      </c>
      <c r="L2166" s="2" t="s">
        <v>27075</v>
      </c>
      <c r="M2166" s="5" t="s">
        <v>24254</v>
      </c>
      <c r="N2166" s="5" t="s">
        <v>38</v>
      </c>
      <c r="O2166" s="5" t="s">
        <v>39</v>
      </c>
      <c r="P2166" s="5" t="s">
        <v>40</v>
      </c>
      <c r="Q2166" s="5" t="s">
        <v>1487</v>
      </c>
      <c r="R2166" s="5"/>
      <c r="S2166" s="5" t="s">
        <v>42</v>
      </c>
      <c r="T2166" s="2">
        <v>0</v>
      </c>
      <c r="U2166" s="2">
        <v>0</v>
      </c>
      <c r="V2166" s="2">
        <v>0</v>
      </c>
      <c r="W2166" s="2">
        <v>0</v>
      </c>
      <c r="X2166" s="2">
        <v>0</v>
      </c>
      <c r="Y2166" s="2">
        <v>0</v>
      </c>
      <c r="Z2166" s="5"/>
      <c r="AA2166" s="5" t="s">
        <v>43</v>
      </c>
      <c r="AB2166" s="5" t="s">
        <v>44</v>
      </c>
      <c r="AC2166" s="2" t="s">
        <v>89930</v>
      </c>
      <c r="AD2166" s="1"/>
    </row>
    <row r="2167" spans="1:30">
      <c r="A2167" s="5" t="s">
        <v>83578</v>
      </c>
      <c r="B2167" s="2" t="s">
        <v>90101</v>
      </c>
      <c r="C2167" s="14" t="s">
        <v>90102</v>
      </c>
      <c r="D2167" s="2" t="s">
        <v>90103</v>
      </c>
      <c r="E2167" s="2" t="s">
        <v>89929</v>
      </c>
      <c r="F2167" s="8">
        <v>380</v>
      </c>
      <c r="G2167" s="5">
        <v>5</v>
      </c>
      <c r="H2167" s="5" t="s">
        <v>69</v>
      </c>
      <c r="I2167" s="5" t="s">
        <v>27074</v>
      </c>
      <c r="J2167" s="2" t="s">
        <v>27075</v>
      </c>
      <c r="K2167" s="5" t="s">
        <v>27074</v>
      </c>
      <c r="L2167" s="2" t="s">
        <v>27075</v>
      </c>
      <c r="M2167" s="5" t="s">
        <v>24254</v>
      </c>
      <c r="N2167" s="5" t="s">
        <v>38</v>
      </c>
      <c r="O2167" s="5" t="s">
        <v>39</v>
      </c>
      <c r="P2167" s="5" t="s">
        <v>40</v>
      </c>
      <c r="Q2167" s="5" t="s">
        <v>1487</v>
      </c>
      <c r="R2167" s="5"/>
      <c r="S2167" s="5" t="s">
        <v>42</v>
      </c>
      <c r="T2167" s="2">
        <v>0</v>
      </c>
      <c r="U2167" s="2">
        <v>0</v>
      </c>
      <c r="V2167" s="2">
        <v>0</v>
      </c>
      <c r="W2167" s="2">
        <v>0</v>
      </c>
      <c r="X2167" s="2">
        <v>0</v>
      </c>
      <c r="Y2167" s="2">
        <v>0</v>
      </c>
      <c r="Z2167" s="5"/>
      <c r="AA2167" s="5" t="s">
        <v>43</v>
      </c>
      <c r="AB2167" s="5" t="s">
        <v>44</v>
      </c>
      <c r="AC2167" s="2" t="s">
        <v>89930</v>
      </c>
      <c r="AD2167" s="1"/>
    </row>
    <row r="2168" spans="1:30">
      <c r="A2168" s="5" t="s">
        <v>83578</v>
      </c>
      <c r="B2168" s="2" t="s">
        <v>90104</v>
      </c>
      <c r="C2168" s="14" t="s">
        <v>90105</v>
      </c>
      <c r="D2168" s="2" t="s">
        <v>90106</v>
      </c>
      <c r="E2168" s="2" t="s">
        <v>89929</v>
      </c>
      <c r="F2168" s="8">
        <v>380</v>
      </c>
      <c r="G2168" s="5">
        <v>5</v>
      </c>
      <c r="H2168" s="5" t="s">
        <v>69</v>
      </c>
      <c r="I2168" s="5" t="s">
        <v>27074</v>
      </c>
      <c r="J2168" s="2" t="s">
        <v>27075</v>
      </c>
      <c r="K2168" s="5" t="s">
        <v>27074</v>
      </c>
      <c r="L2168" s="2" t="s">
        <v>27075</v>
      </c>
      <c r="M2168" s="5" t="s">
        <v>24254</v>
      </c>
      <c r="N2168" s="5" t="s">
        <v>38</v>
      </c>
      <c r="O2168" s="5" t="s">
        <v>39</v>
      </c>
      <c r="P2168" s="5" t="s">
        <v>40</v>
      </c>
      <c r="Q2168" s="5" t="s">
        <v>1487</v>
      </c>
      <c r="R2168" s="5"/>
      <c r="S2168" s="5" t="s">
        <v>42</v>
      </c>
      <c r="T2168" s="2">
        <v>0</v>
      </c>
      <c r="U2168" s="2">
        <v>0</v>
      </c>
      <c r="V2168" s="2">
        <v>0</v>
      </c>
      <c r="W2168" s="2">
        <v>0</v>
      </c>
      <c r="X2168" s="2">
        <v>0</v>
      </c>
      <c r="Y2168" s="2">
        <v>0</v>
      </c>
      <c r="Z2168" s="5"/>
      <c r="AA2168" s="5" t="s">
        <v>43</v>
      </c>
      <c r="AB2168" s="5" t="s">
        <v>44</v>
      </c>
      <c r="AC2168" s="2" t="s">
        <v>89994</v>
      </c>
      <c r="AD2168" s="1"/>
    </row>
    <row r="2169" spans="1:30">
      <c r="A2169" s="5" t="s">
        <v>83578</v>
      </c>
      <c r="B2169" s="2" t="s">
        <v>90107</v>
      </c>
      <c r="C2169" s="14" t="s">
        <v>90108</v>
      </c>
      <c r="D2169" s="2" t="s">
        <v>90109</v>
      </c>
      <c r="E2169" s="2" t="s">
        <v>89929</v>
      </c>
      <c r="F2169" s="8">
        <v>380</v>
      </c>
      <c r="G2169" s="5">
        <v>5</v>
      </c>
      <c r="H2169" s="5" t="s">
        <v>69</v>
      </c>
      <c r="I2169" s="5" t="s">
        <v>27074</v>
      </c>
      <c r="J2169" s="2" t="s">
        <v>27075</v>
      </c>
      <c r="K2169" s="5" t="s">
        <v>27074</v>
      </c>
      <c r="L2169" s="2" t="s">
        <v>27075</v>
      </c>
      <c r="M2169" s="5" t="s">
        <v>24254</v>
      </c>
      <c r="N2169" s="5" t="s">
        <v>38</v>
      </c>
      <c r="O2169" s="5" t="s">
        <v>39</v>
      </c>
      <c r="P2169" s="5" t="s">
        <v>40</v>
      </c>
      <c r="Q2169" s="5" t="s">
        <v>1487</v>
      </c>
      <c r="R2169" s="5"/>
      <c r="S2169" s="5" t="s">
        <v>42</v>
      </c>
      <c r="T2169" s="2">
        <v>0</v>
      </c>
      <c r="U2169" s="2">
        <v>0</v>
      </c>
      <c r="V2169" s="2">
        <v>0</v>
      </c>
      <c r="W2169" s="2">
        <v>0</v>
      </c>
      <c r="X2169" s="2">
        <v>0</v>
      </c>
      <c r="Y2169" s="2">
        <v>0</v>
      </c>
      <c r="Z2169" s="5"/>
      <c r="AA2169" s="5" t="s">
        <v>43</v>
      </c>
      <c r="AB2169" s="5" t="s">
        <v>44</v>
      </c>
      <c r="AC2169" s="2" t="s">
        <v>90110</v>
      </c>
      <c r="AD2169" s="1"/>
    </row>
    <row r="2170" spans="1:30">
      <c r="A2170" s="5" t="s">
        <v>83578</v>
      </c>
      <c r="B2170" s="2" t="s">
        <v>90111</v>
      </c>
      <c r="C2170" s="14" t="s">
        <v>90112</v>
      </c>
      <c r="D2170" s="2" t="s">
        <v>90113</v>
      </c>
      <c r="E2170" s="2" t="s">
        <v>89929</v>
      </c>
      <c r="F2170" s="8">
        <v>420</v>
      </c>
      <c r="G2170" s="5">
        <v>5</v>
      </c>
      <c r="H2170" s="5" t="s">
        <v>69</v>
      </c>
      <c r="I2170" s="5" t="s">
        <v>27074</v>
      </c>
      <c r="J2170" s="2" t="s">
        <v>27075</v>
      </c>
      <c r="K2170" s="5" t="s">
        <v>27074</v>
      </c>
      <c r="L2170" s="2" t="s">
        <v>27075</v>
      </c>
      <c r="M2170" s="5" t="s">
        <v>24254</v>
      </c>
      <c r="N2170" s="5" t="s">
        <v>38</v>
      </c>
      <c r="O2170" s="5" t="s">
        <v>39</v>
      </c>
      <c r="P2170" s="5" t="s">
        <v>40</v>
      </c>
      <c r="Q2170" s="5" t="s">
        <v>1487</v>
      </c>
      <c r="R2170" s="5"/>
      <c r="S2170" s="5" t="s">
        <v>42</v>
      </c>
      <c r="T2170" s="2">
        <v>0</v>
      </c>
      <c r="U2170" s="2">
        <v>0</v>
      </c>
      <c r="V2170" s="2">
        <v>0</v>
      </c>
      <c r="W2170" s="2">
        <v>0</v>
      </c>
      <c r="X2170" s="2">
        <v>0</v>
      </c>
      <c r="Y2170" s="2">
        <v>0</v>
      </c>
      <c r="Z2170" s="5"/>
      <c r="AA2170" s="5" t="s">
        <v>43</v>
      </c>
      <c r="AB2170" s="5" t="s">
        <v>44</v>
      </c>
      <c r="AC2170" s="2" t="s">
        <v>89930</v>
      </c>
      <c r="AD2170" s="1"/>
    </row>
    <row r="2171" spans="1:30">
      <c r="A2171" s="5" t="s">
        <v>83578</v>
      </c>
      <c r="B2171" s="2" t="s">
        <v>90114</v>
      </c>
      <c r="C2171" s="14" t="s">
        <v>90115</v>
      </c>
      <c r="D2171" s="2" t="s">
        <v>90116</v>
      </c>
      <c r="E2171" s="2"/>
      <c r="F2171" s="8">
        <v>316</v>
      </c>
      <c r="G2171" s="5">
        <v>25</v>
      </c>
      <c r="H2171" s="5" t="s">
        <v>69</v>
      </c>
      <c r="I2171" s="5" t="s">
        <v>27074</v>
      </c>
      <c r="J2171" s="2" t="s">
        <v>27075</v>
      </c>
      <c r="K2171" s="5" t="s">
        <v>27074</v>
      </c>
      <c r="L2171" s="2" t="s">
        <v>27075</v>
      </c>
      <c r="M2171" s="5" t="s">
        <v>24254</v>
      </c>
      <c r="N2171" s="5" t="s">
        <v>38</v>
      </c>
      <c r="O2171" s="5" t="s">
        <v>39</v>
      </c>
      <c r="P2171" s="5" t="s">
        <v>40</v>
      </c>
      <c r="Q2171" s="5" t="s">
        <v>24335</v>
      </c>
      <c r="R2171" s="5" t="s">
        <v>40</v>
      </c>
      <c r="S2171" s="5" t="s">
        <v>42</v>
      </c>
      <c r="T2171" s="2">
        <v>10.653</v>
      </c>
      <c r="U2171" s="2">
        <v>10.513999999999999</v>
      </c>
      <c r="V2171" s="2">
        <v>0.17399999999999999</v>
      </c>
      <c r="W2171" s="2">
        <v>12</v>
      </c>
      <c r="X2171" s="2">
        <v>62</v>
      </c>
      <c r="Y2171" s="2">
        <v>234.1</v>
      </c>
      <c r="Z2171" s="5">
        <v>10</v>
      </c>
      <c r="AA2171" s="5" t="s">
        <v>43</v>
      </c>
      <c r="AB2171" s="5" t="s">
        <v>44</v>
      </c>
      <c r="AC2171" s="2" t="s">
        <v>31737</v>
      </c>
      <c r="AD2171" s="1"/>
    </row>
    <row r="2172" spans="1:30">
      <c r="A2172" s="5" t="s">
        <v>83578</v>
      </c>
      <c r="B2172" s="2" t="s">
        <v>90117</v>
      </c>
      <c r="C2172" s="14" t="s">
        <v>90118</v>
      </c>
      <c r="D2172" s="2" t="s">
        <v>90119</v>
      </c>
      <c r="E2172" s="2"/>
      <c r="F2172" s="8">
        <v>316</v>
      </c>
      <c r="G2172" s="5">
        <v>25</v>
      </c>
      <c r="H2172" s="5" t="s">
        <v>69</v>
      </c>
      <c r="I2172" s="5" t="s">
        <v>27074</v>
      </c>
      <c r="J2172" s="2" t="s">
        <v>27075</v>
      </c>
      <c r="K2172" s="5" t="s">
        <v>27074</v>
      </c>
      <c r="L2172" s="2" t="s">
        <v>27075</v>
      </c>
      <c r="M2172" s="5" t="s">
        <v>24254</v>
      </c>
      <c r="N2172" s="5" t="s">
        <v>38</v>
      </c>
      <c r="O2172" s="5" t="s">
        <v>39</v>
      </c>
      <c r="P2172" s="5" t="s">
        <v>40</v>
      </c>
      <c r="Q2172" s="5" t="s">
        <v>24335</v>
      </c>
      <c r="R2172" s="5" t="s">
        <v>40</v>
      </c>
      <c r="S2172" s="5" t="s">
        <v>42</v>
      </c>
      <c r="T2172" s="2">
        <v>11.568</v>
      </c>
      <c r="U2172" s="2">
        <v>11.429</v>
      </c>
      <c r="V2172" s="2">
        <v>0.17399999999999999</v>
      </c>
      <c r="W2172" s="2">
        <v>12</v>
      </c>
      <c r="X2172" s="2">
        <v>62</v>
      </c>
      <c r="Y2172" s="2">
        <v>234.1</v>
      </c>
      <c r="Z2172" s="5">
        <v>10</v>
      </c>
      <c r="AA2172" s="5" t="s">
        <v>43</v>
      </c>
      <c r="AB2172" s="5" t="s">
        <v>44</v>
      </c>
      <c r="AC2172" s="2" t="s">
        <v>31582</v>
      </c>
      <c r="AD2172" s="1"/>
    </row>
    <row r="2173" spans="1:30">
      <c r="A2173" s="5" t="s">
        <v>83578</v>
      </c>
      <c r="B2173" s="2" t="s">
        <v>90120</v>
      </c>
      <c r="C2173" s="14" t="s">
        <v>90121</v>
      </c>
      <c r="D2173" s="2" t="s">
        <v>90122</v>
      </c>
      <c r="E2173" s="2"/>
      <c r="F2173" s="8">
        <v>316</v>
      </c>
      <c r="G2173" s="5">
        <v>25</v>
      </c>
      <c r="H2173" s="5" t="s">
        <v>69</v>
      </c>
      <c r="I2173" s="5" t="s">
        <v>27074</v>
      </c>
      <c r="J2173" s="2" t="s">
        <v>27075</v>
      </c>
      <c r="K2173" s="5" t="s">
        <v>27074</v>
      </c>
      <c r="L2173" s="2" t="s">
        <v>27075</v>
      </c>
      <c r="M2173" s="5" t="s">
        <v>24254</v>
      </c>
      <c r="N2173" s="5" t="s">
        <v>38</v>
      </c>
      <c r="O2173" s="5" t="s">
        <v>39</v>
      </c>
      <c r="P2173" s="5" t="s">
        <v>40</v>
      </c>
      <c r="Q2173" s="5" t="s">
        <v>24335</v>
      </c>
      <c r="R2173" s="5" t="s">
        <v>40</v>
      </c>
      <c r="S2173" s="5" t="s">
        <v>42</v>
      </c>
      <c r="T2173" s="2">
        <v>6.3650000000000002</v>
      </c>
      <c r="U2173" s="2">
        <v>6.2649999999999997</v>
      </c>
      <c r="V2173" s="2">
        <v>0.14899999999999999</v>
      </c>
      <c r="W2173" s="2">
        <v>12</v>
      </c>
      <c r="X2173" s="2">
        <v>62</v>
      </c>
      <c r="Y2173" s="2">
        <v>199.7</v>
      </c>
      <c r="Z2173" s="5">
        <v>10</v>
      </c>
      <c r="AA2173" s="5" t="s">
        <v>43</v>
      </c>
      <c r="AB2173" s="5" t="s">
        <v>44</v>
      </c>
      <c r="AC2173" s="2" t="s">
        <v>31590</v>
      </c>
      <c r="AD2173" s="1"/>
    </row>
    <row r="2174" spans="1:30">
      <c r="A2174" s="5" t="s">
        <v>83578</v>
      </c>
      <c r="B2174" s="2" t="s">
        <v>90123</v>
      </c>
      <c r="C2174" s="14" t="s">
        <v>90124</v>
      </c>
      <c r="D2174" s="2" t="s">
        <v>90125</v>
      </c>
      <c r="E2174" s="2"/>
      <c r="F2174" s="8">
        <v>316</v>
      </c>
      <c r="G2174" s="5">
        <v>25</v>
      </c>
      <c r="H2174" s="5" t="s">
        <v>69</v>
      </c>
      <c r="I2174" s="5" t="s">
        <v>27074</v>
      </c>
      <c r="J2174" s="2" t="s">
        <v>27075</v>
      </c>
      <c r="K2174" s="5" t="s">
        <v>27074</v>
      </c>
      <c r="L2174" s="2" t="s">
        <v>27075</v>
      </c>
      <c r="M2174" s="5" t="s">
        <v>24254</v>
      </c>
      <c r="N2174" s="5" t="s">
        <v>38</v>
      </c>
      <c r="O2174" s="5" t="s">
        <v>39</v>
      </c>
      <c r="P2174" s="5" t="s">
        <v>40</v>
      </c>
      <c r="Q2174" s="5" t="s">
        <v>24335</v>
      </c>
      <c r="R2174" s="5" t="s">
        <v>40</v>
      </c>
      <c r="S2174" s="5" t="s">
        <v>42</v>
      </c>
      <c r="T2174" s="2">
        <v>7.282</v>
      </c>
      <c r="U2174" s="2">
        <v>7.1820000000000004</v>
      </c>
      <c r="V2174" s="2">
        <v>0.14899999999999999</v>
      </c>
      <c r="W2174" s="2">
        <v>12</v>
      </c>
      <c r="X2174" s="2">
        <v>62</v>
      </c>
      <c r="Y2174" s="2">
        <v>199.7</v>
      </c>
      <c r="Z2174" s="5">
        <v>10</v>
      </c>
      <c r="AA2174" s="5" t="s">
        <v>43</v>
      </c>
      <c r="AB2174" s="5" t="s">
        <v>44</v>
      </c>
      <c r="AC2174" s="2" t="s">
        <v>31586</v>
      </c>
      <c r="AD2174" s="1"/>
    </row>
    <row r="2175" spans="1:30">
      <c r="A2175" s="5" t="s">
        <v>83578</v>
      </c>
      <c r="B2175" s="2" t="s">
        <v>90126</v>
      </c>
      <c r="C2175" s="14" t="s">
        <v>90127</v>
      </c>
      <c r="D2175" s="2" t="s">
        <v>90128</v>
      </c>
      <c r="E2175" s="2"/>
      <c r="F2175" s="8">
        <v>316</v>
      </c>
      <c r="G2175" s="5">
        <v>25</v>
      </c>
      <c r="H2175" s="5" t="s">
        <v>69</v>
      </c>
      <c r="I2175" s="5" t="s">
        <v>27074</v>
      </c>
      <c r="J2175" s="2" t="s">
        <v>27075</v>
      </c>
      <c r="K2175" s="5" t="s">
        <v>27074</v>
      </c>
      <c r="L2175" s="2" t="s">
        <v>27075</v>
      </c>
      <c r="M2175" s="5" t="s">
        <v>24254</v>
      </c>
      <c r="N2175" s="5" t="s">
        <v>38</v>
      </c>
      <c r="O2175" s="5" t="s">
        <v>39</v>
      </c>
      <c r="P2175" s="5" t="s">
        <v>40</v>
      </c>
      <c r="Q2175" s="5" t="s">
        <v>24335</v>
      </c>
      <c r="R2175" s="5" t="s">
        <v>40</v>
      </c>
      <c r="S2175" s="5" t="s">
        <v>42</v>
      </c>
      <c r="T2175" s="2">
        <v>11.49</v>
      </c>
      <c r="U2175" s="2">
        <v>8.7430000000000003</v>
      </c>
      <c r="V2175" s="2">
        <v>0.14899999999999999</v>
      </c>
      <c r="W2175" s="2">
        <v>12</v>
      </c>
      <c r="X2175" s="2">
        <v>62</v>
      </c>
      <c r="Y2175" s="2">
        <v>199.7</v>
      </c>
      <c r="Z2175" s="5">
        <v>10</v>
      </c>
      <c r="AA2175" s="5" t="s">
        <v>43</v>
      </c>
      <c r="AB2175" s="5" t="s">
        <v>44</v>
      </c>
      <c r="AC2175" s="2" t="s">
        <v>31586</v>
      </c>
      <c r="AD2175" s="1"/>
    </row>
    <row r="2176" spans="1:30">
      <c r="A2176" s="5" t="s">
        <v>83578</v>
      </c>
      <c r="B2176" s="2" t="s">
        <v>90129</v>
      </c>
      <c r="C2176" s="14" t="s">
        <v>90130</v>
      </c>
      <c r="D2176" s="2" t="s">
        <v>90131</v>
      </c>
      <c r="E2176" s="2" t="s">
        <v>89929</v>
      </c>
      <c r="F2176" s="8">
        <v>370</v>
      </c>
      <c r="G2176" s="5">
        <v>5</v>
      </c>
      <c r="H2176" s="5" t="s">
        <v>69</v>
      </c>
      <c r="I2176" s="5" t="s">
        <v>27074</v>
      </c>
      <c r="J2176" s="2" t="s">
        <v>27075</v>
      </c>
      <c r="K2176" s="5" t="s">
        <v>27074</v>
      </c>
      <c r="L2176" s="2" t="s">
        <v>27075</v>
      </c>
      <c r="M2176" s="5" t="s">
        <v>24254</v>
      </c>
      <c r="N2176" s="5" t="s">
        <v>38</v>
      </c>
      <c r="O2176" s="5" t="s">
        <v>39</v>
      </c>
      <c r="P2176" s="5" t="s">
        <v>40</v>
      </c>
      <c r="Q2176" s="5" t="s">
        <v>1487</v>
      </c>
      <c r="R2176" s="5"/>
      <c r="S2176" s="5" t="s">
        <v>42</v>
      </c>
      <c r="T2176" s="2">
        <v>0</v>
      </c>
      <c r="U2176" s="2">
        <v>0</v>
      </c>
      <c r="V2176" s="2">
        <v>0</v>
      </c>
      <c r="W2176" s="2">
        <v>0</v>
      </c>
      <c r="X2176" s="2">
        <v>0</v>
      </c>
      <c r="Y2176" s="2">
        <v>0</v>
      </c>
      <c r="Z2176" s="5"/>
      <c r="AA2176" s="5" t="s">
        <v>43</v>
      </c>
      <c r="AB2176" s="5" t="s">
        <v>44</v>
      </c>
      <c r="AC2176" s="2" t="s">
        <v>89930</v>
      </c>
      <c r="AD2176" s="1"/>
    </row>
    <row r="2177" spans="1:30">
      <c r="A2177" s="5" t="s">
        <v>83578</v>
      </c>
      <c r="B2177" s="2" t="s">
        <v>90132</v>
      </c>
      <c r="C2177" s="14" t="s">
        <v>90133</v>
      </c>
      <c r="D2177" s="2" t="s">
        <v>90134</v>
      </c>
      <c r="E2177" s="2"/>
      <c r="F2177" s="8">
        <v>279</v>
      </c>
      <c r="G2177" s="5">
        <v>25</v>
      </c>
      <c r="H2177" s="5" t="s">
        <v>69</v>
      </c>
      <c r="I2177" s="5" t="s">
        <v>27074</v>
      </c>
      <c r="J2177" s="2" t="s">
        <v>27075</v>
      </c>
      <c r="K2177" s="5" t="s">
        <v>27074</v>
      </c>
      <c r="L2177" s="2" t="s">
        <v>27075</v>
      </c>
      <c r="M2177" s="5" t="s">
        <v>24254</v>
      </c>
      <c r="N2177" s="5" t="s">
        <v>38</v>
      </c>
      <c r="O2177" s="5" t="s">
        <v>39</v>
      </c>
      <c r="P2177" s="5" t="s">
        <v>40</v>
      </c>
      <c r="Q2177" s="5" t="s">
        <v>24335</v>
      </c>
      <c r="R2177" s="5" t="s">
        <v>40</v>
      </c>
      <c r="S2177" s="5" t="s">
        <v>42</v>
      </c>
      <c r="T2177" s="2">
        <v>9.8770000000000007</v>
      </c>
      <c r="U2177" s="2">
        <v>7.1289999999999996</v>
      </c>
      <c r="V2177" s="2">
        <v>0.14899999999999999</v>
      </c>
      <c r="W2177" s="2">
        <v>12</v>
      </c>
      <c r="X2177" s="2">
        <v>62</v>
      </c>
      <c r="Y2177" s="2">
        <v>199.7</v>
      </c>
      <c r="Z2177" s="5">
        <v>10</v>
      </c>
      <c r="AA2177" s="5" t="s">
        <v>43</v>
      </c>
      <c r="AB2177" s="5" t="s">
        <v>44</v>
      </c>
      <c r="AC2177" s="2" t="s">
        <v>31737</v>
      </c>
      <c r="AD2177" s="1"/>
    </row>
    <row r="2178" spans="1:30">
      <c r="A2178" s="5" t="s">
        <v>83578</v>
      </c>
      <c r="B2178" s="2" t="s">
        <v>90135</v>
      </c>
      <c r="C2178" s="14" t="s">
        <v>90136</v>
      </c>
      <c r="D2178" s="2" t="s">
        <v>90137</v>
      </c>
      <c r="E2178" s="2"/>
      <c r="F2178" s="8">
        <v>279</v>
      </c>
      <c r="G2178" s="5">
        <v>25</v>
      </c>
      <c r="H2178" s="5" t="s">
        <v>69</v>
      </c>
      <c r="I2178" s="5" t="s">
        <v>27074</v>
      </c>
      <c r="J2178" s="2" t="s">
        <v>27075</v>
      </c>
      <c r="K2178" s="5" t="s">
        <v>27074</v>
      </c>
      <c r="L2178" s="2" t="s">
        <v>27075</v>
      </c>
      <c r="M2178" s="5" t="s">
        <v>24254</v>
      </c>
      <c r="N2178" s="5" t="s">
        <v>38</v>
      </c>
      <c r="O2178" s="5" t="s">
        <v>39</v>
      </c>
      <c r="P2178" s="5" t="s">
        <v>40</v>
      </c>
      <c r="Q2178" s="5" t="s">
        <v>24335</v>
      </c>
      <c r="R2178" s="5" t="s">
        <v>40</v>
      </c>
      <c r="S2178" s="5" t="s">
        <v>42</v>
      </c>
      <c r="T2178" s="2">
        <v>10.922000000000001</v>
      </c>
      <c r="U2178" s="2">
        <v>8.1739999999999995</v>
      </c>
      <c r="V2178" s="2">
        <v>0.14899999999999999</v>
      </c>
      <c r="W2178" s="2">
        <v>12</v>
      </c>
      <c r="X2178" s="2">
        <v>62</v>
      </c>
      <c r="Y2178" s="2">
        <v>199.7</v>
      </c>
      <c r="Z2178" s="5">
        <v>10</v>
      </c>
      <c r="AA2178" s="5" t="s">
        <v>43</v>
      </c>
      <c r="AB2178" s="5" t="s">
        <v>44</v>
      </c>
      <c r="AC2178" s="2" t="s">
        <v>31582</v>
      </c>
      <c r="AD2178" s="1"/>
    </row>
    <row r="2179" spans="1:30">
      <c r="A2179" s="5" t="s">
        <v>83578</v>
      </c>
      <c r="B2179" s="2" t="s">
        <v>90138</v>
      </c>
      <c r="C2179" s="14" t="s">
        <v>90139</v>
      </c>
      <c r="D2179" s="2" t="s">
        <v>90140</v>
      </c>
      <c r="E2179" s="2"/>
      <c r="F2179" s="8">
        <v>279</v>
      </c>
      <c r="G2179" s="5">
        <v>25</v>
      </c>
      <c r="H2179" s="5" t="s">
        <v>69</v>
      </c>
      <c r="I2179" s="5" t="s">
        <v>27074</v>
      </c>
      <c r="J2179" s="2" t="s">
        <v>27075</v>
      </c>
      <c r="K2179" s="5" t="s">
        <v>27074</v>
      </c>
      <c r="L2179" s="2" t="s">
        <v>27075</v>
      </c>
      <c r="M2179" s="5" t="s">
        <v>24254</v>
      </c>
      <c r="N2179" s="5" t="s">
        <v>38</v>
      </c>
      <c r="O2179" s="5" t="s">
        <v>39</v>
      </c>
      <c r="P2179" s="5" t="s">
        <v>40</v>
      </c>
      <c r="Q2179" s="5" t="s">
        <v>24335</v>
      </c>
      <c r="R2179" s="5" t="s">
        <v>40</v>
      </c>
      <c r="S2179" s="5" t="s">
        <v>42</v>
      </c>
      <c r="T2179" s="2">
        <v>8.5190000000000001</v>
      </c>
      <c r="U2179" s="2">
        <v>5.81</v>
      </c>
      <c r="V2179" s="2">
        <v>0.14899999999999999</v>
      </c>
      <c r="W2179" s="2">
        <v>12</v>
      </c>
      <c r="X2179" s="2">
        <v>62</v>
      </c>
      <c r="Y2179" s="2">
        <v>199.7</v>
      </c>
      <c r="Z2179" s="5">
        <v>10</v>
      </c>
      <c r="AA2179" s="5" t="s">
        <v>43</v>
      </c>
      <c r="AB2179" s="5" t="s">
        <v>44</v>
      </c>
      <c r="AC2179" s="2" t="s">
        <v>31590</v>
      </c>
      <c r="AD2179" s="1"/>
    </row>
    <row r="2180" spans="1:30">
      <c r="A2180" s="5" t="s">
        <v>83578</v>
      </c>
      <c r="B2180" s="2" t="s">
        <v>90141</v>
      </c>
      <c r="C2180" s="14" t="s">
        <v>90142</v>
      </c>
      <c r="D2180" s="2" t="s">
        <v>90143</v>
      </c>
      <c r="E2180" s="2"/>
      <c r="F2180" s="8">
        <v>279</v>
      </c>
      <c r="G2180" s="5">
        <v>25</v>
      </c>
      <c r="H2180" s="5" t="s">
        <v>69</v>
      </c>
      <c r="I2180" s="5" t="s">
        <v>27074</v>
      </c>
      <c r="J2180" s="2" t="s">
        <v>27075</v>
      </c>
      <c r="K2180" s="5" t="s">
        <v>27074</v>
      </c>
      <c r="L2180" s="2" t="s">
        <v>27075</v>
      </c>
      <c r="M2180" s="5" t="s">
        <v>24254</v>
      </c>
      <c r="N2180" s="5" t="s">
        <v>38</v>
      </c>
      <c r="O2180" s="5" t="s">
        <v>39</v>
      </c>
      <c r="P2180" s="5" t="s">
        <v>40</v>
      </c>
      <c r="Q2180" s="5" t="s">
        <v>24335</v>
      </c>
      <c r="R2180" s="5" t="s">
        <v>40</v>
      </c>
      <c r="S2180" s="5" t="s">
        <v>42</v>
      </c>
      <c r="T2180" s="2">
        <v>9.5660000000000007</v>
      </c>
      <c r="U2180" s="2">
        <v>6.8570000000000002</v>
      </c>
      <c r="V2180" s="2">
        <v>0.14899999999999999</v>
      </c>
      <c r="W2180" s="2">
        <v>12</v>
      </c>
      <c r="X2180" s="2">
        <v>62</v>
      </c>
      <c r="Y2180" s="2">
        <v>199.7</v>
      </c>
      <c r="Z2180" s="5">
        <v>10</v>
      </c>
      <c r="AA2180" s="5" t="s">
        <v>43</v>
      </c>
      <c r="AB2180" s="5" t="s">
        <v>44</v>
      </c>
      <c r="AC2180" s="2" t="s">
        <v>31586</v>
      </c>
      <c r="AD2180" s="1"/>
    </row>
    <row r="2181" spans="1:30">
      <c r="A2181" s="5" t="s">
        <v>83578</v>
      </c>
      <c r="B2181" s="2" t="s">
        <v>90144</v>
      </c>
      <c r="C2181" s="14" t="s">
        <v>90145</v>
      </c>
      <c r="D2181" s="2" t="s">
        <v>90146</v>
      </c>
      <c r="E2181" s="2" t="s">
        <v>89929</v>
      </c>
      <c r="F2181" s="8">
        <v>402</v>
      </c>
      <c r="G2181" s="5">
        <v>5</v>
      </c>
      <c r="H2181" s="5" t="s">
        <v>69</v>
      </c>
      <c r="I2181" s="5" t="s">
        <v>27074</v>
      </c>
      <c r="J2181" s="2" t="s">
        <v>27075</v>
      </c>
      <c r="K2181" s="5" t="s">
        <v>27074</v>
      </c>
      <c r="L2181" s="2" t="s">
        <v>27075</v>
      </c>
      <c r="M2181" s="5" t="s">
        <v>24254</v>
      </c>
      <c r="N2181" s="5" t="s">
        <v>38</v>
      </c>
      <c r="O2181" s="5" t="s">
        <v>39</v>
      </c>
      <c r="P2181" s="5" t="s">
        <v>40</v>
      </c>
      <c r="Q2181" s="5" t="s">
        <v>1487</v>
      </c>
      <c r="R2181" s="5"/>
      <c r="S2181" s="5" t="s">
        <v>42</v>
      </c>
      <c r="T2181" s="2">
        <v>0</v>
      </c>
      <c r="U2181" s="2">
        <v>0</v>
      </c>
      <c r="V2181" s="2">
        <v>0</v>
      </c>
      <c r="W2181" s="2">
        <v>0</v>
      </c>
      <c r="X2181" s="2">
        <v>0</v>
      </c>
      <c r="Y2181" s="2">
        <v>0</v>
      </c>
      <c r="Z2181" s="5"/>
      <c r="AA2181" s="5" t="s">
        <v>43</v>
      </c>
      <c r="AB2181" s="5" t="s">
        <v>44</v>
      </c>
      <c r="AC2181" s="2" t="s">
        <v>89930</v>
      </c>
      <c r="AD2181" s="1"/>
    </row>
    <row r="2182" spans="1:30">
      <c r="A2182" s="5" t="s">
        <v>83578</v>
      </c>
      <c r="B2182" s="2" t="s">
        <v>90147</v>
      </c>
      <c r="C2182" s="14" t="s">
        <v>90148</v>
      </c>
      <c r="D2182" s="2" t="s">
        <v>90149</v>
      </c>
      <c r="E2182" s="2" t="s">
        <v>89929</v>
      </c>
      <c r="F2182" s="8">
        <v>448</v>
      </c>
      <c r="G2182" s="5">
        <v>5</v>
      </c>
      <c r="H2182" s="5" t="s">
        <v>69</v>
      </c>
      <c r="I2182" s="5" t="s">
        <v>27074</v>
      </c>
      <c r="J2182" s="2" t="s">
        <v>27075</v>
      </c>
      <c r="K2182" s="5" t="s">
        <v>27074</v>
      </c>
      <c r="L2182" s="2" t="s">
        <v>27075</v>
      </c>
      <c r="M2182" s="5" t="s">
        <v>24254</v>
      </c>
      <c r="N2182" s="5" t="s">
        <v>38</v>
      </c>
      <c r="O2182" s="5" t="s">
        <v>39</v>
      </c>
      <c r="P2182" s="5" t="s">
        <v>40</v>
      </c>
      <c r="Q2182" s="5" t="s">
        <v>1487</v>
      </c>
      <c r="R2182" s="5"/>
      <c r="S2182" s="5" t="s">
        <v>42</v>
      </c>
      <c r="T2182" s="2">
        <v>0</v>
      </c>
      <c r="U2182" s="2">
        <v>0</v>
      </c>
      <c r="V2182" s="2">
        <v>0</v>
      </c>
      <c r="W2182" s="2">
        <v>0</v>
      </c>
      <c r="X2182" s="2">
        <v>0</v>
      </c>
      <c r="Y2182" s="2">
        <v>0</v>
      </c>
      <c r="Z2182" s="5"/>
      <c r="AA2182" s="5" t="s">
        <v>43</v>
      </c>
      <c r="AB2182" s="5" t="s">
        <v>44</v>
      </c>
      <c r="AC2182" s="2" t="s">
        <v>89930</v>
      </c>
      <c r="AD2182" s="1"/>
    </row>
    <row r="2183" spans="1:30">
      <c r="A2183" s="5" t="s">
        <v>83578</v>
      </c>
      <c r="B2183" s="2" t="s">
        <v>90150</v>
      </c>
      <c r="C2183" s="14" t="s">
        <v>90151</v>
      </c>
      <c r="D2183" s="2" t="s">
        <v>90152</v>
      </c>
      <c r="E2183" s="2"/>
      <c r="F2183" s="8">
        <v>337</v>
      </c>
      <c r="G2183" s="5">
        <v>10</v>
      </c>
      <c r="H2183" s="5" t="s">
        <v>69</v>
      </c>
      <c r="I2183" s="5" t="s">
        <v>27074</v>
      </c>
      <c r="J2183" s="2" t="s">
        <v>27075</v>
      </c>
      <c r="K2183" s="5" t="s">
        <v>27074</v>
      </c>
      <c r="L2183" s="2" t="s">
        <v>27075</v>
      </c>
      <c r="M2183" s="5" t="s">
        <v>24254</v>
      </c>
      <c r="N2183" s="5" t="s">
        <v>38</v>
      </c>
      <c r="O2183" s="5" t="s">
        <v>39</v>
      </c>
      <c r="P2183" s="5" t="s">
        <v>40</v>
      </c>
      <c r="Q2183" s="5" t="s">
        <v>24335</v>
      </c>
      <c r="R2183" s="5" t="s">
        <v>40</v>
      </c>
      <c r="S2183" s="5" t="s">
        <v>42</v>
      </c>
      <c r="T2183" s="2">
        <v>12.178000000000001</v>
      </c>
      <c r="U2183" s="2">
        <v>11.859</v>
      </c>
      <c r="V2183" s="2">
        <v>0.17399999999999999</v>
      </c>
      <c r="W2183" s="2">
        <v>12</v>
      </c>
      <c r="X2183" s="2">
        <v>62</v>
      </c>
      <c r="Y2183" s="2">
        <v>234.1</v>
      </c>
      <c r="Z2183" s="5">
        <v>8</v>
      </c>
      <c r="AA2183" s="5" t="s">
        <v>43</v>
      </c>
      <c r="AB2183" s="5" t="s">
        <v>44</v>
      </c>
      <c r="AC2183" s="2" t="s">
        <v>31572</v>
      </c>
      <c r="AD2183" s="1"/>
    </row>
    <row r="2184" spans="1:30">
      <c r="A2184" s="5" t="s">
        <v>83578</v>
      </c>
      <c r="B2184" s="2" t="s">
        <v>90153</v>
      </c>
      <c r="C2184" s="14" t="s">
        <v>90154</v>
      </c>
      <c r="D2184" s="2" t="s">
        <v>90155</v>
      </c>
      <c r="E2184" s="2"/>
      <c r="F2184" s="8">
        <v>337</v>
      </c>
      <c r="G2184" s="5">
        <v>25</v>
      </c>
      <c r="H2184" s="5" t="s">
        <v>69</v>
      </c>
      <c r="I2184" s="5" t="s">
        <v>27074</v>
      </c>
      <c r="J2184" s="2" t="s">
        <v>27075</v>
      </c>
      <c r="K2184" s="5" t="s">
        <v>27074</v>
      </c>
      <c r="L2184" s="2" t="s">
        <v>27075</v>
      </c>
      <c r="M2184" s="5" t="s">
        <v>24254</v>
      </c>
      <c r="N2184" s="5" t="s">
        <v>38</v>
      </c>
      <c r="O2184" s="5" t="s">
        <v>39</v>
      </c>
      <c r="P2184" s="5" t="s">
        <v>40</v>
      </c>
      <c r="Q2184" s="5" t="s">
        <v>24335</v>
      </c>
      <c r="R2184" s="5" t="s">
        <v>40</v>
      </c>
      <c r="S2184" s="5" t="s">
        <v>42</v>
      </c>
      <c r="T2184" s="2">
        <v>11.166</v>
      </c>
      <c r="U2184" s="2">
        <v>11.026999999999999</v>
      </c>
      <c r="V2184" s="2">
        <v>0.17399999999999999</v>
      </c>
      <c r="W2184" s="2">
        <v>12</v>
      </c>
      <c r="X2184" s="2">
        <v>62</v>
      </c>
      <c r="Y2184" s="2">
        <v>234.1</v>
      </c>
      <c r="Z2184" s="5">
        <v>10</v>
      </c>
      <c r="AA2184" s="5" t="s">
        <v>43</v>
      </c>
      <c r="AB2184" s="5" t="s">
        <v>44</v>
      </c>
      <c r="AC2184" s="2" t="s">
        <v>31737</v>
      </c>
      <c r="AD2184" s="1"/>
    </row>
    <row r="2185" spans="1:30">
      <c r="A2185" s="5" t="s">
        <v>83578</v>
      </c>
      <c r="B2185" s="2" t="s">
        <v>90156</v>
      </c>
      <c r="C2185" s="14" t="s">
        <v>90157</v>
      </c>
      <c r="D2185" s="2" t="s">
        <v>90158</v>
      </c>
      <c r="E2185" s="2"/>
      <c r="F2185" s="8">
        <v>337</v>
      </c>
      <c r="G2185" s="5">
        <v>25</v>
      </c>
      <c r="H2185" s="5" t="s">
        <v>69</v>
      </c>
      <c r="I2185" s="5" t="s">
        <v>27074</v>
      </c>
      <c r="J2185" s="2" t="s">
        <v>27075</v>
      </c>
      <c r="K2185" s="5" t="s">
        <v>27074</v>
      </c>
      <c r="L2185" s="2" t="s">
        <v>27075</v>
      </c>
      <c r="M2185" s="5" t="s">
        <v>24254</v>
      </c>
      <c r="N2185" s="5" t="s">
        <v>38</v>
      </c>
      <c r="O2185" s="5" t="s">
        <v>39</v>
      </c>
      <c r="P2185" s="5" t="s">
        <v>40</v>
      </c>
      <c r="Q2185" s="5" t="s">
        <v>24335</v>
      </c>
      <c r="R2185" s="5" t="s">
        <v>40</v>
      </c>
      <c r="S2185" s="5" t="s">
        <v>42</v>
      </c>
      <c r="T2185" s="2">
        <v>12.211</v>
      </c>
      <c r="U2185" s="2">
        <v>12.071999999999999</v>
      </c>
      <c r="V2185" s="2">
        <v>0.17399999999999999</v>
      </c>
      <c r="W2185" s="2">
        <v>12</v>
      </c>
      <c r="X2185" s="2">
        <v>62</v>
      </c>
      <c r="Y2185" s="2">
        <v>234.1</v>
      </c>
      <c r="Z2185" s="5">
        <v>10</v>
      </c>
      <c r="AA2185" s="5" t="s">
        <v>43</v>
      </c>
      <c r="AB2185" s="5" t="s">
        <v>44</v>
      </c>
      <c r="AC2185" s="2" t="s">
        <v>31582</v>
      </c>
      <c r="AD2185" s="1"/>
    </row>
    <row r="2186" spans="1:30">
      <c r="A2186" s="5" t="s">
        <v>83578</v>
      </c>
      <c r="B2186" s="2" t="s">
        <v>90159</v>
      </c>
      <c r="C2186" s="14" t="s">
        <v>90160</v>
      </c>
      <c r="D2186" s="2" t="s">
        <v>90161</v>
      </c>
      <c r="E2186" s="2"/>
      <c r="F2186" s="8">
        <v>337</v>
      </c>
      <c r="G2186" s="5">
        <v>25</v>
      </c>
      <c r="H2186" s="5" t="s">
        <v>69</v>
      </c>
      <c r="I2186" s="5" t="s">
        <v>27074</v>
      </c>
      <c r="J2186" s="2" t="s">
        <v>27075</v>
      </c>
      <c r="K2186" s="5" t="s">
        <v>27074</v>
      </c>
      <c r="L2186" s="2" t="s">
        <v>27075</v>
      </c>
      <c r="M2186" s="5" t="s">
        <v>24254</v>
      </c>
      <c r="N2186" s="5" t="s">
        <v>38</v>
      </c>
      <c r="O2186" s="5" t="s">
        <v>39</v>
      </c>
      <c r="P2186" s="5" t="s">
        <v>40</v>
      </c>
      <c r="Q2186" s="5" t="s">
        <v>24335</v>
      </c>
      <c r="R2186" s="5" t="s">
        <v>40</v>
      </c>
      <c r="S2186" s="5" t="s">
        <v>42</v>
      </c>
      <c r="T2186" s="2">
        <v>9.4870000000000001</v>
      </c>
      <c r="U2186" s="2">
        <v>6.7779999999999996</v>
      </c>
      <c r="V2186" s="2">
        <v>0.14899999999999999</v>
      </c>
      <c r="W2186" s="2">
        <v>12</v>
      </c>
      <c r="X2186" s="2">
        <v>62</v>
      </c>
      <c r="Y2186" s="2">
        <v>199.7</v>
      </c>
      <c r="Z2186" s="5">
        <v>10</v>
      </c>
      <c r="AA2186" s="5" t="s">
        <v>43</v>
      </c>
      <c r="AB2186" s="5" t="s">
        <v>44</v>
      </c>
      <c r="AC2186" s="2" t="s">
        <v>31590</v>
      </c>
      <c r="AD2186" s="1"/>
    </row>
    <row r="2187" spans="1:30">
      <c r="A2187" s="5" t="s">
        <v>83578</v>
      </c>
      <c r="B2187" s="2" t="s">
        <v>90162</v>
      </c>
      <c r="C2187" s="14" t="s">
        <v>90163</v>
      </c>
      <c r="D2187" s="2" t="s">
        <v>90164</v>
      </c>
      <c r="E2187" s="2"/>
      <c r="F2187" s="8">
        <v>337</v>
      </c>
      <c r="G2187" s="5">
        <v>25</v>
      </c>
      <c r="H2187" s="5" t="s">
        <v>69</v>
      </c>
      <c r="I2187" s="5" t="s">
        <v>27074</v>
      </c>
      <c r="J2187" s="2" t="s">
        <v>27075</v>
      </c>
      <c r="K2187" s="5" t="s">
        <v>27074</v>
      </c>
      <c r="L2187" s="2" t="s">
        <v>27075</v>
      </c>
      <c r="M2187" s="5" t="s">
        <v>24254</v>
      </c>
      <c r="N2187" s="5" t="s">
        <v>38</v>
      </c>
      <c r="O2187" s="5" t="s">
        <v>39</v>
      </c>
      <c r="P2187" s="5" t="s">
        <v>40</v>
      </c>
      <c r="Q2187" s="5" t="s">
        <v>24335</v>
      </c>
      <c r="R2187" s="5" t="s">
        <v>40</v>
      </c>
      <c r="S2187" s="5" t="s">
        <v>42</v>
      </c>
      <c r="T2187" s="2">
        <v>10.534000000000001</v>
      </c>
      <c r="U2187" s="2">
        <v>7.8250000000000002</v>
      </c>
      <c r="V2187" s="2">
        <v>0.14899999999999999</v>
      </c>
      <c r="W2187" s="2">
        <v>12</v>
      </c>
      <c r="X2187" s="2">
        <v>62</v>
      </c>
      <c r="Y2187" s="2">
        <v>199.7</v>
      </c>
      <c r="Z2187" s="5">
        <v>10</v>
      </c>
      <c r="AA2187" s="5" t="s">
        <v>43</v>
      </c>
      <c r="AB2187" s="5" t="s">
        <v>44</v>
      </c>
      <c r="AC2187" s="2" t="s">
        <v>31586</v>
      </c>
      <c r="AD2187" s="1"/>
    </row>
    <row r="2188" spans="1:30">
      <c r="A2188" s="5" t="s">
        <v>83578</v>
      </c>
      <c r="B2188" s="2" t="s">
        <v>90165</v>
      </c>
      <c r="C2188" s="14" t="s">
        <v>90166</v>
      </c>
      <c r="D2188" s="2" t="s">
        <v>90167</v>
      </c>
      <c r="E2188" s="2"/>
      <c r="F2188" s="8">
        <v>337</v>
      </c>
      <c r="G2188" s="5">
        <v>25</v>
      </c>
      <c r="H2188" s="5" t="s">
        <v>69</v>
      </c>
      <c r="I2188" s="5" t="s">
        <v>27074</v>
      </c>
      <c r="J2188" s="2" t="s">
        <v>27075</v>
      </c>
      <c r="K2188" s="5" t="s">
        <v>27074</v>
      </c>
      <c r="L2188" s="2" t="s">
        <v>27075</v>
      </c>
      <c r="M2188" s="5" t="s">
        <v>24254</v>
      </c>
      <c r="N2188" s="5" t="s">
        <v>38</v>
      </c>
      <c r="O2188" s="5" t="s">
        <v>39</v>
      </c>
      <c r="P2188" s="5" t="s">
        <v>40</v>
      </c>
      <c r="Q2188" s="5" t="s">
        <v>24335</v>
      </c>
      <c r="R2188" s="5" t="s">
        <v>40</v>
      </c>
      <c r="S2188" s="5" t="s">
        <v>42</v>
      </c>
      <c r="T2188" s="2">
        <v>11.045999999999999</v>
      </c>
      <c r="U2188" s="2">
        <v>8.2989999999999995</v>
      </c>
      <c r="V2188" s="2">
        <v>0.14899999999999999</v>
      </c>
      <c r="W2188" s="2">
        <v>12</v>
      </c>
      <c r="X2188" s="2">
        <v>62</v>
      </c>
      <c r="Y2188" s="2">
        <v>199.7</v>
      </c>
      <c r="Z2188" s="5">
        <v>10</v>
      </c>
      <c r="AA2188" s="5" t="s">
        <v>43</v>
      </c>
      <c r="AB2188" s="5" t="s">
        <v>44</v>
      </c>
      <c r="AC2188" s="2" t="s">
        <v>31590</v>
      </c>
      <c r="AD2188" s="1"/>
    </row>
    <row r="2189" spans="1:30">
      <c r="A2189" s="5" t="s">
        <v>83578</v>
      </c>
      <c r="B2189" s="2" t="s">
        <v>90168</v>
      </c>
      <c r="C2189" s="14" t="s">
        <v>90169</v>
      </c>
      <c r="D2189" s="2" t="s">
        <v>90170</v>
      </c>
      <c r="E2189" s="2"/>
      <c r="F2189" s="8">
        <v>337</v>
      </c>
      <c r="G2189" s="5">
        <v>25</v>
      </c>
      <c r="H2189" s="5" t="s">
        <v>69</v>
      </c>
      <c r="I2189" s="5" t="s">
        <v>27074</v>
      </c>
      <c r="J2189" s="2" t="s">
        <v>27075</v>
      </c>
      <c r="K2189" s="5" t="s">
        <v>27074</v>
      </c>
      <c r="L2189" s="2" t="s">
        <v>27075</v>
      </c>
      <c r="M2189" s="5" t="s">
        <v>24254</v>
      </c>
      <c r="N2189" s="5" t="s">
        <v>38</v>
      </c>
      <c r="O2189" s="5" t="s">
        <v>39</v>
      </c>
      <c r="P2189" s="5" t="s">
        <v>40</v>
      </c>
      <c r="Q2189" s="5" t="s">
        <v>24335</v>
      </c>
      <c r="R2189" s="5" t="s">
        <v>40</v>
      </c>
      <c r="S2189" s="5" t="s">
        <v>42</v>
      </c>
      <c r="T2189" s="2">
        <v>12.132</v>
      </c>
      <c r="U2189" s="2">
        <v>9.3849999999999998</v>
      </c>
      <c r="V2189" s="2">
        <v>0.14899999999999999</v>
      </c>
      <c r="W2189" s="2">
        <v>12</v>
      </c>
      <c r="X2189" s="2">
        <v>62</v>
      </c>
      <c r="Y2189" s="2">
        <v>199.7</v>
      </c>
      <c r="Z2189" s="5">
        <v>10</v>
      </c>
      <c r="AA2189" s="5" t="s">
        <v>43</v>
      </c>
      <c r="AB2189" s="5" t="s">
        <v>44</v>
      </c>
      <c r="AC2189" s="2" t="s">
        <v>31586</v>
      </c>
      <c r="AD2189" s="1"/>
    </row>
    <row r="2190" spans="1:30">
      <c r="A2190" s="5" t="s">
        <v>83578</v>
      </c>
      <c r="B2190" s="2" t="s">
        <v>90171</v>
      </c>
      <c r="C2190" s="14" t="s">
        <v>90172</v>
      </c>
      <c r="D2190" s="2" t="s">
        <v>90173</v>
      </c>
      <c r="E2190" s="2" t="s">
        <v>32522</v>
      </c>
      <c r="F2190" s="8">
        <v>149</v>
      </c>
      <c r="G2190" s="5">
        <v>5</v>
      </c>
      <c r="H2190" s="5" t="s">
        <v>69</v>
      </c>
      <c r="I2190" s="5" t="s">
        <v>27074</v>
      </c>
      <c r="J2190" s="2" t="s">
        <v>27075</v>
      </c>
      <c r="K2190" s="5" t="s">
        <v>27074</v>
      </c>
      <c r="L2190" s="2" t="s">
        <v>27075</v>
      </c>
      <c r="M2190" s="5" t="s">
        <v>24254</v>
      </c>
      <c r="N2190" s="5" t="s">
        <v>38</v>
      </c>
      <c r="O2190" s="5" t="s">
        <v>39</v>
      </c>
      <c r="P2190" s="5" t="s">
        <v>40</v>
      </c>
      <c r="Q2190" s="5" t="s">
        <v>24335</v>
      </c>
      <c r="R2190" s="5" t="s">
        <v>40</v>
      </c>
      <c r="S2190" s="5" t="s">
        <v>42</v>
      </c>
      <c r="T2190" s="2">
        <v>5.1840000000000002</v>
      </c>
      <c r="U2190" s="2">
        <v>3.5579999999999998</v>
      </c>
      <c r="V2190" s="2">
        <v>7.5999999999999998E-2</v>
      </c>
      <c r="W2190" s="2">
        <v>12</v>
      </c>
      <c r="X2190" s="2">
        <v>50</v>
      </c>
      <c r="Y2190" s="2">
        <v>125.9</v>
      </c>
      <c r="Z2190" s="5">
        <v>10</v>
      </c>
      <c r="AA2190" s="5" t="s">
        <v>43</v>
      </c>
      <c r="AB2190" s="5" t="s">
        <v>44</v>
      </c>
      <c r="AC2190" s="2" t="s">
        <v>32577</v>
      </c>
      <c r="AD2190" s="1"/>
    </row>
    <row r="2191" spans="1:30">
      <c r="A2191" s="5" t="s">
        <v>83578</v>
      </c>
      <c r="B2191" s="2" t="s">
        <v>90174</v>
      </c>
      <c r="C2191" s="14" t="s">
        <v>90175</v>
      </c>
      <c r="D2191" s="2" t="s">
        <v>90176</v>
      </c>
      <c r="E2191" s="2" t="s">
        <v>32527</v>
      </c>
      <c r="F2191" s="8">
        <v>149</v>
      </c>
      <c r="G2191" s="5">
        <v>5</v>
      </c>
      <c r="H2191" s="5" t="s">
        <v>69</v>
      </c>
      <c r="I2191" s="5" t="s">
        <v>27074</v>
      </c>
      <c r="J2191" s="2" t="s">
        <v>27075</v>
      </c>
      <c r="K2191" s="5" t="s">
        <v>27074</v>
      </c>
      <c r="L2191" s="2" t="s">
        <v>27075</v>
      </c>
      <c r="M2191" s="5" t="s">
        <v>24254</v>
      </c>
      <c r="N2191" s="5" t="s">
        <v>38</v>
      </c>
      <c r="O2191" s="5" t="s">
        <v>39</v>
      </c>
      <c r="P2191" s="5" t="s">
        <v>40</v>
      </c>
      <c r="Q2191" s="5" t="s">
        <v>24335</v>
      </c>
      <c r="R2191" s="5" t="s">
        <v>40</v>
      </c>
      <c r="S2191" s="5" t="s">
        <v>42</v>
      </c>
      <c r="T2191" s="2">
        <v>4.5250000000000004</v>
      </c>
      <c r="U2191" s="2">
        <v>2.899</v>
      </c>
      <c r="V2191" s="2">
        <v>7.5999999999999998E-2</v>
      </c>
      <c r="W2191" s="2">
        <v>12</v>
      </c>
      <c r="X2191" s="2">
        <v>50</v>
      </c>
      <c r="Y2191" s="2">
        <v>125.9</v>
      </c>
      <c r="Z2191" s="5">
        <v>10</v>
      </c>
      <c r="AA2191" s="5" t="s">
        <v>43</v>
      </c>
      <c r="AB2191" s="5" t="s">
        <v>44</v>
      </c>
      <c r="AC2191" s="2" t="s">
        <v>32536</v>
      </c>
      <c r="AD2191" s="1"/>
    </row>
    <row r="2192" spans="1:30">
      <c r="A2192" s="5" t="s">
        <v>83578</v>
      </c>
      <c r="B2192" s="2" t="s">
        <v>90177</v>
      </c>
      <c r="C2192" s="14" t="s">
        <v>90178</v>
      </c>
      <c r="D2192" s="2" t="s">
        <v>90179</v>
      </c>
      <c r="E2192" s="2" t="s">
        <v>32509</v>
      </c>
      <c r="F2192" s="8">
        <v>164</v>
      </c>
      <c r="G2192" s="5">
        <v>10</v>
      </c>
      <c r="H2192" s="5" t="s">
        <v>69</v>
      </c>
      <c r="I2192" s="5" t="s">
        <v>27074</v>
      </c>
      <c r="J2192" s="2" t="s">
        <v>27075</v>
      </c>
      <c r="K2192" s="5" t="s">
        <v>27074</v>
      </c>
      <c r="L2192" s="2" t="s">
        <v>27075</v>
      </c>
      <c r="M2192" s="5" t="s">
        <v>24254</v>
      </c>
      <c r="N2192" s="5" t="s">
        <v>38</v>
      </c>
      <c r="O2192" s="5" t="s">
        <v>39</v>
      </c>
      <c r="P2192" s="5" t="s">
        <v>40</v>
      </c>
      <c r="Q2192" s="5" t="s">
        <v>24335</v>
      </c>
      <c r="R2192" s="5" t="s">
        <v>40</v>
      </c>
      <c r="S2192" s="5" t="s">
        <v>42</v>
      </c>
      <c r="T2192" s="2">
        <v>6.99</v>
      </c>
      <c r="U2192" s="2">
        <v>5.4749999999999996</v>
      </c>
      <c r="V2192" s="2">
        <v>9.2999999999999999E-2</v>
      </c>
      <c r="W2192" s="2">
        <v>12</v>
      </c>
      <c r="X2192" s="2">
        <v>50</v>
      </c>
      <c r="Y2192" s="2">
        <v>154.4</v>
      </c>
      <c r="Z2192" s="5">
        <v>8</v>
      </c>
      <c r="AA2192" s="5" t="s">
        <v>43</v>
      </c>
      <c r="AB2192" s="5" t="s">
        <v>44</v>
      </c>
      <c r="AC2192" s="2" t="s">
        <v>32510</v>
      </c>
      <c r="AD2192" s="1"/>
    </row>
    <row r="2193" spans="1:30">
      <c r="A2193" s="5" t="s">
        <v>83578</v>
      </c>
      <c r="B2193" s="2" t="s">
        <v>90180</v>
      </c>
      <c r="C2193" s="14" t="s">
        <v>90181</v>
      </c>
      <c r="D2193" s="2" t="s">
        <v>90182</v>
      </c>
      <c r="E2193" s="2" t="s">
        <v>32518</v>
      </c>
      <c r="F2193" s="8">
        <v>164</v>
      </c>
      <c r="G2193" s="5">
        <v>10</v>
      </c>
      <c r="H2193" s="5" t="s">
        <v>69</v>
      </c>
      <c r="I2193" s="5" t="s">
        <v>27074</v>
      </c>
      <c r="J2193" s="2" t="s">
        <v>27075</v>
      </c>
      <c r="K2193" s="5" t="s">
        <v>27074</v>
      </c>
      <c r="L2193" s="2" t="s">
        <v>27075</v>
      </c>
      <c r="M2193" s="5" t="s">
        <v>24254</v>
      </c>
      <c r="N2193" s="5" t="s">
        <v>38</v>
      </c>
      <c r="O2193" s="5" t="s">
        <v>39</v>
      </c>
      <c r="P2193" s="5" t="s">
        <v>40</v>
      </c>
      <c r="Q2193" s="5" t="s">
        <v>24335</v>
      </c>
      <c r="R2193" s="5" t="s">
        <v>40</v>
      </c>
      <c r="S2193" s="5" t="s">
        <v>42</v>
      </c>
      <c r="T2193" s="2">
        <v>5.0549999999999997</v>
      </c>
      <c r="U2193" s="2">
        <v>3.5739999999999998</v>
      </c>
      <c r="V2193" s="2">
        <v>9.2999999999999999E-2</v>
      </c>
      <c r="W2193" s="2">
        <v>12</v>
      </c>
      <c r="X2193" s="2">
        <v>50</v>
      </c>
      <c r="Y2193" s="2">
        <v>154.4</v>
      </c>
      <c r="Z2193" s="5">
        <v>8</v>
      </c>
      <c r="AA2193" s="5" t="s">
        <v>43</v>
      </c>
      <c r="AB2193" s="5" t="s">
        <v>44</v>
      </c>
      <c r="AC2193" s="2" t="s">
        <v>32510</v>
      </c>
      <c r="AD2193" s="1"/>
    </row>
    <row r="2194" spans="1:30">
      <c r="A2194" s="5" t="s">
        <v>83578</v>
      </c>
      <c r="B2194" s="2" t="s">
        <v>90183</v>
      </c>
      <c r="C2194" s="14" t="s">
        <v>90184</v>
      </c>
      <c r="D2194" s="2" t="s">
        <v>90185</v>
      </c>
      <c r="E2194" s="2" t="s">
        <v>32522</v>
      </c>
      <c r="F2194" s="8">
        <v>164</v>
      </c>
      <c r="G2194" s="5">
        <v>5</v>
      </c>
      <c r="H2194" s="5" t="s">
        <v>69</v>
      </c>
      <c r="I2194" s="5" t="s">
        <v>27074</v>
      </c>
      <c r="J2194" s="2" t="s">
        <v>27075</v>
      </c>
      <c r="K2194" s="5" t="s">
        <v>27074</v>
      </c>
      <c r="L2194" s="2" t="s">
        <v>27075</v>
      </c>
      <c r="M2194" s="5" t="s">
        <v>24254</v>
      </c>
      <c r="N2194" s="5" t="s">
        <v>38</v>
      </c>
      <c r="O2194" s="5" t="s">
        <v>39</v>
      </c>
      <c r="P2194" s="5" t="s">
        <v>40</v>
      </c>
      <c r="Q2194" s="5" t="s">
        <v>24335</v>
      </c>
      <c r="R2194" s="5" t="s">
        <v>40</v>
      </c>
      <c r="S2194" s="5" t="s">
        <v>42</v>
      </c>
      <c r="T2194" s="2">
        <v>6.069</v>
      </c>
      <c r="U2194" s="2">
        <v>4.4429999999999996</v>
      </c>
      <c r="V2194" s="2">
        <v>9.2999999999999999E-2</v>
      </c>
      <c r="W2194" s="2">
        <v>12</v>
      </c>
      <c r="X2194" s="2">
        <v>50</v>
      </c>
      <c r="Y2194" s="2">
        <v>154.4</v>
      </c>
      <c r="Z2194" s="5">
        <v>10</v>
      </c>
      <c r="AA2194" s="5" t="s">
        <v>43</v>
      </c>
      <c r="AB2194" s="5" t="s">
        <v>44</v>
      </c>
      <c r="AC2194" s="2" t="s">
        <v>32577</v>
      </c>
      <c r="AD2194" s="1"/>
    </row>
    <row r="2195" spans="1:30">
      <c r="A2195" s="5" t="s">
        <v>83578</v>
      </c>
      <c r="B2195" s="2" t="s">
        <v>90186</v>
      </c>
      <c r="C2195" s="14" t="s">
        <v>90187</v>
      </c>
      <c r="D2195" s="2" t="s">
        <v>90188</v>
      </c>
      <c r="E2195" s="2" t="s">
        <v>32527</v>
      </c>
      <c r="F2195" s="8">
        <v>164</v>
      </c>
      <c r="G2195" s="5">
        <v>5</v>
      </c>
      <c r="H2195" s="5" t="s">
        <v>69</v>
      </c>
      <c r="I2195" s="5" t="s">
        <v>27074</v>
      </c>
      <c r="J2195" s="2" t="s">
        <v>27075</v>
      </c>
      <c r="K2195" s="5" t="s">
        <v>27074</v>
      </c>
      <c r="L2195" s="2" t="s">
        <v>27075</v>
      </c>
      <c r="M2195" s="5" t="s">
        <v>24254</v>
      </c>
      <c r="N2195" s="5" t="s">
        <v>38</v>
      </c>
      <c r="O2195" s="5" t="s">
        <v>39</v>
      </c>
      <c r="P2195" s="5" t="s">
        <v>40</v>
      </c>
      <c r="Q2195" s="5" t="s">
        <v>24335</v>
      </c>
      <c r="R2195" s="5" t="s">
        <v>40</v>
      </c>
      <c r="S2195" s="5" t="s">
        <v>42</v>
      </c>
      <c r="T2195" s="2">
        <v>5.157</v>
      </c>
      <c r="U2195" s="2">
        <v>3.5310000000000001</v>
      </c>
      <c r="V2195" s="2">
        <v>9.2999999999999999E-2</v>
      </c>
      <c r="W2195" s="2">
        <v>12</v>
      </c>
      <c r="X2195" s="2">
        <v>50</v>
      </c>
      <c r="Y2195" s="2">
        <v>154.4</v>
      </c>
      <c r="Z2195" s="5">
        <v>10</v>
      </c>
      <c r="AA2195" s="5" t="s">
        <v>43</v>
      </c>
      <c r="AB2195" s="5" t="s">
        <v>44</v>
      </c>
      <c r="AC2195" s="2" t="s">
        <v>32536</v>
      </c>
      <c r="AD2195" s="1"/>
    </row>
    <row r="2196" spans="1:30">
      <c r="A2196" s="5" t="s">
        <v>83578</v>
      </c>
      <c r="B2196" s="2" t="s">
        <v>90189</v>
      </c>
      <c r="C2196" s="14" t="s">
        <v>90190</v>
      </c>
      <c r="D2196" s="2" t="s">
        <v>90191</v>
      </c>
      <c r="E2196" s="2" t="s">
        <v>32522</v>
      </c>
      <c r="F2196" s="8">
        <v>234</v>
      </c>
      <c r="G2196" s="5">
        <v>5</v>
      </c>
      <c r="H2196" s="5" t="s">
        <v>69</v>
      </c>
      <c r="I2196" s="5" t="s">
        <v>27074</v>
      </c>
      <c r="J2196" s="2" t="s">
        <v>27075</v>
      </c>
      <c r="K2196" s="5" t="s">
        <v>27074</v>
      </c>
      <c r="L2196" s="2" t="s">
        <v>27075</v>
      </c>
      <c r="M2196" s="5" t="s">
        <v>24254</v>
      </c>
      <c r="N2196" s="5" t="s">
        <v>38</v>
      </c>
      <c r="O2196" s="5" t="s">
        <v>39</v>
      </c>
      <c r="P2196" s="5" t="s">
        <v>40</v>
      </c>
      <c r="Q2196" s="5" t="s">
        <v>24335</v>
      </c>
      <c r="R2196" s="5" t="s">
        <v>40</v>
      </c>
      <c r="S2196" s="5" t="s">
        <v>42</v>
      </c>
      <c r="T2196" s="2">
        <v>7.5289999999999999</v>
      </c>
      <c r="U2196" s="2">
        <v>5.7080000000000002</v>
      </c>
      <c r="V2196" s="2">
        <v>0.126</v>
      </c>
      <c r="W2196" s="2">
        <v>12</v>
      </c>
      <c r="X2196" s="2">
        <v>50</v>
      </c>
      <c r="Y2196" s="2">
        <v>210</v>
      </c>
      <c r="Z2196" s="5">
        <v>10</v>
      </c>
      <c r="AA2196" s="5" t="s">
        <v>43</v>
      </c>
      <c r="AB2196" s="5" t="s">
        <v>44</v>
      </c>
      <c r="AC2196" s="2" t="s">
        <v>32523</v>
      </c>
      <c r="AD2196" s="1"/>
    </row>
    <row r="2197" spans="1:30">
      <c r="A2197" s="5" t="s">
        <v>83578</v>
      </c>
      <c r="B2197" s="2" t="s">
        <v>90192</v>
      </c>
      <c r="C2197" s="14" t="s">
        <v>90193</v>
      </c>
      <c r="D2197" s="2" t="s">
        <v>90194</v>
      </c>
      <c r="E2197" s="2" t="s">
        <v>32527</v>
      </c>
      <c r="F2197" s="8">
        <v>234</v>
      </c>
      <c r="G2197" s="5">
        <v>5</v>
      </c>
      <c r="H2197" s="5" t="s">
        <v>69</v>
      </c>
      <c r="I2197" s="5" t="s">
        <v>27074</v>
      </c>
      <c r="J2197" s="2" t="s">
        <v>27075</v>
      </c>
      <c r="K2197" s="5" t="s">
        <v>27074</v>
      </c>
      <c r="L2197" s="2" t="s">
        <v>27075</v>
      </c>
      <c r="M2197" s="5" t="s">
        <v>24254</v>
      </c>
      <c r="N2197" s="5" t="s">
        <v>38</v>
      </c>
      <c r="O2197" s="5" t="s">
        <v>39</v>
      </c>
      <c r="P2197" s="5" t="s">
        <v>40</v>
      </c>
      <c r="Q2197" s="5" t="s">
        <v>24335</v>
      </c>
      <c r="R2197" s="5" t="s">
        <v>40</v>
      </c>
      <c r="S2197" s="5" t="s">
        <v>42</v>
      </c>
      <c r="T2197" s="2">
        <v>6.2510000000000003</v>
      </c>
      <c r="U2197" s="2">
        <v>4.43</v>
      </c>
      <c r="V2197" s="2">
        <v>0.13600000000000001</v>
      </c>
      <c r="W2197" s="2">
        <v>12</v>
      </c>
      <c r="X2197" s="2">
        <v>50</v>
      </c>
      <c r="Y2197" s="2">
        <v>227.4</v>
      </c>
      <c r="Z2197" s="5">
        <v>10</v>
      </c>
      <c r="AA2197" s="5" t="s">
        <v>43</v>
      </c>
      <c r="AB2197" s="5" t="s">
        <v>44</v>
      </c>
      <c r="AC2197" s="2" t="s">
        <v>32528</v>
      </c>
      <c r="AD2197" s="1"/>
    </row>
    <row r="2198" spans="1:30">
      <c r="A2198" s="5" t="s">
        <v>83578</v>
      </c>
      <c r="B2198" s="2" t="s">
        <v>90195</v>
      </c>
      <c r="C2198" s="14" t="s">
        <v>90196</v>
      </c>
      <c r="D2198" s="2" t="s">
        <v>90197</v>
      </c>
      <c r="E2198" s="2" t="s">
        <v>32522</v>
      </c>
      <c r="F2198" s="8">
        <v>251</v>
      </c>
      <c r="G2198" s="5">
        <v>5</v>
      </c>
      <c r="H2198" s="5" t="s">
        <v>69</v>
      </c>
      <c r="I2198" s="5" t="s">
        <v>27074</v>
      </c>
      <c r="J2198" s="2" t="s">
        <v>27075</v>
      </c>
      <c r="K2198" s="5" t="s">
        <v>27074</v>
      </c>
      <c r="L2198" s="2" t="s">
        <v>27075</v>
      </c>
      <c r="M2198" s="5" t="s">
        <v>24254</v>
      </c>
      <c r="N2198" s="5" t="s">
        <v>38</v>
      </c>
      <c r="O2198" s="5" t="s">
        <v>39</v>
      </c>
      <c r="P2198" s="5" t="s">
        <v>40</v>
      </c>
      <c r="Q2198" s="5" t="s">
        <v>24335</v>
      </c>
      <c r="R2198" s="5" t="s">
        <v>40</v>
      </c>
      <c r="S2198" s="5" t="s">
        <v>42</v>
      </c>
      <c r="T2198" s="2">
        <v>8.218</v>
      </c>
      <c r="U2198" s="2">
        <v>6.3970000000000002</v>
      </c>
      <c r="V2198" s="2">
        <v>0.126</v>
      </c>
      <c r="W2198" s="2">
        <v>12</v>
      </c>
      <c r="X2198" s="2">
        <v>50</v>
      </c>
      <c r="Y2198" s="2">
        <v>210</v>
      </c>
      <c r="Z2198" s="5">
        <v>10</v>
      </c>
      <c r="AA2198" s="5" t="s">
        <v>43</v>
      </c>
      <c r="AB2198" s="5" t="s">
        <v>44</v>
      </c>
      <c r="AC2198" s="2" t="s">
        <v>32577</v>
      </c>
      <c r="AD2198" s="1"/>
    </row>
    <row r="2199" spans="1:30">
      <c r="A2199" s="5" t="s">
        <v>83578</v>
      </c>
      <c r="B2199" s="2" t="s">
        <v>90198</v>
      </c>
      <c r="C2199" s="14" t="s">
        <v>90199</v>
      </c>
      <c r="D2199" s="2" t="s">
        <v>90200</v>
      </c>
      <c r="E2199" s="2" t="s">
        <v>32527</v>
      </c>
      <c r="F2199" s="8">
        <v>251</v>
      </c>
      <c r="G2199" s="5">
        <v>5</v>
      </c>
      <c r="H2199" s="5" t="s">
        <v>69</v>
      </c>
      <c r="I2199" s="5" t="s">
        <v>27074</v>
      </c>
      <c r="J2199" s="2" t="s">
        <v>27075</v>
      </c>
      <c r="K2199" s="5" t="s">
        <v>27074</v>
      </c>
      <c r="L2199" s="2" t="s">
        <v>27075</v>
      </c>
      <c r="M2199" s="5" t="s">
        <v>24254</v>
      </c>
      <c r="N2199" s="5" t="s">
        <v>38</v>
      </c>
      <c r="O2199" s="5" t="s">
        <v>39</v>
      </c>
      <c r="P2199" s="5" t="s">
        <v>40</v>
      </c>
      <c r="Q2199" s="5" t="s">
        <v>24335</v>
      </c>
      <c r="R2199" s="5" t="s">
        <v>40</v>
      </c>
      <c r="S2199" s="5" t="s">
        <v>42</v>
      </c>
      <c r="T2199" s="2">
        <v>7.04</v>
      </c>
      <c r="U2199" s="2">
        <v>5.2190000000000003</v>
      </c>
      <c r="V2199" s="2">
        <v>0.13600000000000001</v>
      </c>
      <c r="W2199" s="2">
        <v>12</v>
      </c>
      <c r="X2199" s="2">
        <v>50</v>
      </c>
      <c r="Y2199" s="2">
        <v>227.4</v>
      </c>
      <c r="Z2199" s="5">
        <v>10</v>
      </c>
      <c r="AA2199" s="5" t="s">
        <v>43</v>
      </c>
      <c r="AB2199" s="5" t="s">
        <v>44</v>
      </c>
      <c r="AC2199" s="2" t="s">
        <v>32536</v>
      </c>
      <c r="AD2199" s="1"/>
    </row>
    <row r="2200" spans="1:30">
      <c r="A2200" s="5" t="s">
        <v>83578</v>
      </c>
      <c r="B2200" s="2" t="s">
        <v>90201</v>
      </c>
      <c r="C2200" s="14" t="s">
        <v>90202</v>
      </c>
      <c r="D2200" s="2" t="s">
        <v>90203</v>
      </c>
      <c r="E2200" s="2" t="s">
        <v>32522</v>
      </c>
      <c r="F2200" s="8">
        <v>221</v>
      </c>
      <c r="G2200" s="5">
        <v>5</v>
      </c>
      <c r="H2200" s="5" t="s">
        <v>69</v>
      </c>
      <c r="I2200" s="5" t="s">
        <v>27074</v>
      </c>
      <c r="J2200" s="2" t="s">
        <v>27075</v>
      </c>
      <c r="K2200" s="5" t="s">
        <v>27074</v>
      </c>
      <c r="L2200" s="2" t="s">
        <v>27075</v>
      </c>
      <c r="M2200" s="5" t="s">
        <v>24254</v>
      </c>
      <c r="N2200" s="5" t="s">
        <v>38</v>
      </c>
      <c r="O2200" s="5" t="s">
        <v>39</v>
      </c>
      <c r="P2200" s="5" t="s">
        <v>40</v>
      </c>
      <c r="Q2200" s="5" t="s">
        <v>24335</v>
      </c>
      <c r="R2200" s="5" t="s">
        <v>40</v>
      </c>
      <c r="S2200" s="5" t="s">
        <v>42</v>
      </c>
      <c r="T2200" s="2">
        <v>6.7240000000000002</v>
      </c>
      <c r="U2200" s="2">
        <v>4.9029999999999996</v>
      </c>
      <c r="V2200" s="2">
        <v>0.13600000000000001</v>
      </c>
      <c r="W2200" s="2">
        <v>12</v>
      </c>
      <c r="X2200" s="2">
        <v>50</v>
      </c>
      <c r="Y2200" s="2">
        <v>227.4</v>
      </c>
      <c r="Z2200" s="5">
        <v>10</v>
      </c>
      <c r="AA2200" s="5" t="s">
        <v>43</v>
      </c>
      <c r="AB2200" s="5" t="s">
        <v>44</v>
      </c>
      <c r="AC2200" s="2" t="s">
        <v>32523</v>
      </c>
      <c r="AD2200" s="1"/>
    </row>
    <row r="2201" spans="1:30">
      <c r="A2201" s="5" t="s">
        <v>83578</v>
      </c>
      <c r="B2201" s="2" t="s">
        <v>90204</v>
      </c>
      <c r="C2201" s="14" t="s">
        <v>90205</v>
      </c>
      <c r="D2201" s="2" t="s">
        <v>90206</v>
      </c>
      <c r="E2201" s="2" t="s">
        <v>32527</v>
      </c>
      <c r="F2201" s="8">
        <v>221</v>
      </c>
      <c r="G2201" s="5">
        <v>5</v>
      </c>
      <c r="H2201" s="5" t="s">
        <v>69</v>
      </c>
      <c r="I2201" s="5" t="s">
        <v>27074</v>
      </c>
      <c r="J2201" s="2" t="s">
        <v>27075</v>
      </c>
      <c r="K2201" s="5" t="s">
        <v>27074</v>
      </c>
      <c r="L2201" s="2" t="s">
        <v>27075</v>
      </c>
      <c r="M2201" s="5" t="s">
        <v>24254</v>
      </c>
      <c r="N2201" s="5" t="s">
        <v>38</v>
      </c>
      <c r="O2201" s="5" t="s">
        <v>39</v>
      </c>
      <c r="P2201" s="5" t="s">
        <v>40</v>
      </c>
      <c r="Q2201" s="5" t="s">
        <v>24335</v>
      </c>
      <c r="R2201" s="5" t="s">
        <v>40</v>
      </c>
      <c r="S2201" s="5" t="s">
        <v>42</v>
      </c>
      <c r="T2201" s="2">
        <v>5.8390000000000004</v>
      </c>
      <c r="U2201" s="2">
        <v>4.0179999999999998</v>
      </c>
      <c r="V2201" s="2">
        <v>0.13600000000000001</v>
      </c>
      <c r="W2201" s="2">
        <v>12</v>
      </c>
      <c r="X2201" s="2">
        <v>50</v>
      </c>
      <c r="Y2201" s="2">
        <v>227.4</v>
      </c>
      <c r="Z2201" s="5">
        <v>10</v>
      </c>
      <c r="AA2201" s="5" t="s">
        <v>43</v>
      </c>
      <c r="AB2201" s="5" t="s">
        <v>44</v>
      </c>
      <c r="AC2201" s="2" t="s">
        <v>32528</v>
      </c>
      <c r="AD2201" s="1"/>
    </row>
    <row r="2202" spans="1:30">
      <c r="A2202" s="5" t="s">
        <v>83578</v>
      </c>
      <c r="B2202" s="2" t="s">
        <v>90207</v>
      </c>
      <c r="C2202" s="14" t="s">
        <v>90208</v>
      </c>
      <c r="D2202" s="2" t="s">
        <v>90209</v>
      </c>
      <c r="E2202" s="2" t="s">
        <v>32522</v>
      </c>
      <c r="F2202" s="8">
        <v>268</v>
      </c>
      <c r="G2202" s="5">
        <v>5</v>
      </c>
      <c r="H2202" s="5" t="s">
        <v>69</v>
      </c>
      <c r="I2202" s="5" t="s">
        <v>27074</v>
      </c>
      <c r="J2202" s="2" t="s">
        <v>27075</v>
      </c>
      <c r="K2202" s="5" t="s">
        <v>27074</v>
      </c>
      <c r="L2202" s="2" t="s">
        <v>27075</v>
      </c>
      <c r="M2202" s="5" t="s">
        <v>24254</v>
      </c>
      <c r="N2202" s="5" t="s">
        <v>38</v>
      </c>
      <c r="O2202" s="5" t="s">
        <v>39</v>
      </c>
      <c r="P2202" s="5" t="s">
        <v>40</v>
      </c>
      <c r="Q2202" s="5" t="s">
        <v>24335</v>
      </c>
      <c r="R2202" s="5" t="s">
        <v>40</v>
      </c>
      <c r="S2202" s="5" t="s">
        <v>42</v>
      </c>
      <c r="T2202" s="2">
        <v>8.1050000000000004</v>
      </c>
      <c r="U2202" s="2">
        <v>6.2839999999999998</v>
      </c>
      <c r="V2202" s="2">
        <v>0.126</v>
      </c>
      <c r="W2202" s="2">
        <v>12</v>
      </c>
      <c r="X2202" s="2">
        <v>50</v>
      </c>
      <c r="Y2202" s="2">
        <v>210</v>
      </c>
      <c r="Z2202" s="5">
        <v>10</v>
      </c>
      <c r="AA2202" s="5" t="s">
        <v>43</v>
      </c>
      <c r="AB2202" s="5" t="s">
        <v>44</v>
      </c>
      <c r="AC2202" s="2" t="s">
        <v>32523</v>
      </c>
      <c r="AD2202" s="1"/>
    </row>
    <row r="2203" spans="1:30">
      <c r="A2203" s="5" t="s">
        <v>83578</v>
      </c>
      <c r="B2203" s="2" t="s">
        <v>90210</v>
      </c>
      <c r="C2203" s="14" t="s">
        <v>90211</v>
      </c>
      <c r="D2203" s="2" t="s">
        <v>90212</v>
      </c>
      <c r="E2203" s="2" t="s">
        <v>32527</v>
      </c>
      <c r="F2203" s="8">
        <v>268</v>
      </c>
      <c r="G2203" s="5">
        <v>5</v>
      </c>
      <c r="H2203" s="5" t="s">
        <v>69</v>
      </c>
      <c r="I2203" s="5" t="s">
        <v>27074</v>
      </c>
      <c r="J2203" s="2" t="s">
        <v>27075</v>
      </c>
      <c r="K2203" s="5" t="s">
        <v>27074</v>
      </c>
      <c r="L2203" s="2" t="s">
        <v>27075</v>
      </c>
      <c r="M2203" s="5" t="s">
        <v>24254</v>
      </c>
      <c r="N2203" s="5" t="s">
        <v>38</v>
      </c>
      <c r="O2203" s="5" t="s">
        <v>39</v>
      </c>
      <c r="P2203" s="5" t="s">
        <v>40</v>
      </c>
      <c r="Q2203" s="5" t="s">
        <v>24335</v>
      </c>
      <c r="R2203" s="5" t="s">
        <v>40</v>
      </c>
      <c r="S2203" s="5" t="s">
        <v>42</v>
      </c>
      <c r="T2203" s="2">
        <v>6.827</v>
      </c>
      <c r="U2203" s="2">
        <v>5.0060000000000002</v>
      </c>
      <c r="V2203" s="2">
        <v>0.13600000000000001</v>
      </c>
      <c r="W2203" s="2">
        <v>12</v>
      </c>
      <c r="X2203" s="2">
        <v>50</v>
      </c>
      <c r="Y2203" s="2">
        <v>227.4</v>
      </c>
      <c r="Z2203" s="5">
        <v>10</v>
      </c>
      <c r="AA2203" s="5" t="s">
        <v>43</v>
      </c>
      <c r="AB2203" s="5" t="s">
        <v>44</v>
      </c>
      <c r="AC2203" s="2" t="s">
        <v>32528</v>
      </c>
      <c r="AD2203" s="1"/>
    </row>
    <row r="2204" spans="1:30">
      <c r="A2204" s="5" t="s">
        <v>83578</v>
      </c>
      <c r="B2204" s="2" t="s">
        <v>90213</v>
      </c>
      <c r="C2204" s="14" t="s">
        <v>90214</v>
      </c>
      <c r="D2204" s="2" t="s">
        <v>90215</v>
      </c>
      <c r="E2204" s="2" t="s">
        <v>32532</v>
      </c>
      <c r="F2204" s="8">
        <v>268</v>
      </c>
      <c r="G2204" s="5">
        <v>5</v>
      </c>
      <c r="H2204" s="5" t="s">
        <v>69</v>
      </c>
      <c r="I2204" s="5" t="s">
        <v>27074</v>
      </c>
      <c r="J2204" s="2" t="s">
        <v>27075</v>
      </c>
      <c r="K2204" s="5" t="s">
        <v>27074</v>
      </c>
      <c r="L2204" s="2" t="s">
        <v>27075</v>
      </c>
      <c r="M2204" s="5" t="s">
        <v>24254</v>
      </c>
      <c r="N2204" s="5" t="s">
        <v>38</v>
      </c>
      <c r="O2204" s="5" t="s">
        <v>39</v>
      </c>
      <c r="P2204" s="5" t="s">
        <v>40</v>
      </c>
      <c r="Q2204" s="5" t="s">
        <v>24335</v>
      </c>
      <c r="R2204" s="5" t="s">
        <v>40</v>
      </c>
      <c r="S2204" s="5" t="s">
        <v>42</v>
      </c>
      <c r="T2204" s="2">
        <v>7.6260000000000003</v>
      </c>
      <c r="U2204" s="2">
        <v>5.7409999999999997</v>
      </c>
      <c r="V2204" s="2">
        <v>0.13600000000000001</v>
      </c>
      <c r="W2204" s="2">
        <v>12</v>
      </c>
      <c r="X2204" s="2">
        <v>50</v>
      </c>
      <c r="Y2204" s="2">
        <v>227.4</v>
      </c>
      <c r="Z2204" s="5">
        <v>10</v>
      </c>
      <c r="AA2204" s="5" t="s">
        <v>43</v>
      </c>
      <c r="AB2204" s="5" t="s">
        <v>44</v>
      </c>
      <c r="AC2204" s="2" t="s">
        <v>32536</v>
      </c>
      <c r="AD2204" s="1"/>
    </row>
    <row r="2205" spans="1:30">
      <c r="A2205" s="5" t="s">
        <v>83578</v>
      </c>
      <c r="B2205" s="2" t="s">
        <v>90216</v>
      </c>
      <c r="C2205" s="14" t="s">
        <v>90217</v>
      </c>
      <c r="D2205" s="2" t="s">
        <v>90218</v>
      </c>
      <c r="E2205" s="2" t="s">
        <v>33677</v>
      </c>
      <c r="F2205" s="8">
        <v>300</v>
      </c>
      <c r="G2205" s="5">
        <v>10</v>
      </c>
      <c r="H2205" s="5" t="s">
        <v>69</v>
      </c>
      <c r="I2205" s="5" t="s">
        <v>27074</v>
      </c>
      <c r="J2205" s="2" t="s">
        <v>27075</v>
      </c>
      <c r="K2205" s="5" t="s">
        <v>27074</v>
      </c>
      <c r="L2205" s="2" t="s">
        <v>27075</v>
      </c>
      <c r="M2205" s="5" t="s">
        <v>24254</v>
      </c>
      <c r="N2205" s="5" t="s">
        <v>38</v>
      </c>
      <c r="O2205" s="5" t="s">
        <v>39</v>
      </c>
      <c r="P2205" s="5" t="s">
        <v>40</v>
      </c>
      <c r="Q2205" s="5" t="s">
        <v>24340</v>
      </c>
      <c r="R2205" s="5" t="s">
        <v>40</v>
      </c>
      <c r="S2205" s="5" t="s">
        <v>42</v>
      </c>
      <c r="T2205" s="2">
        <v>9.2100000000000009</v>
      </c>
      <c r="U2205" s="2">
        <v>7.4539999999999997</v>
      </c>
      <c r="V2205" s="2">
        <v>8.8999999999999996E-2</v>
      </c>
      <c r="W2205" s="2">
        <v>12</v>
      </c>
      <c r="X2205" s="2">
        <v>62</v>
      </c>
      <c r="Y2205" s="2">
        <v>119.4</v>
      </c>
      <c r="Z2205" s="5">
        <v>10</v>
      </c>
      <c r="AA2205" s="5" t="s">
        <v>43</v>
      </c>
      <c r="AB2205" s="5" t="s">
        <v>44</v>
      </c>
      <c r="AC2205" s="2" t="s">
        <v>33950</v>
      </c>
      <c r="AD2205" s="1"/>
    </row>
    <row r="2206" spans="1:30">
      <c r="A2206" s="5" t="s">
        <v>83578</v>
      </c>
      <c r="B2206" s="2" t="s">
        <v>90219</v>
      </c>
      <c r="C2206" s="14" t="s">
        <v>90220</v>
      </c>
      <c r="D2206" s="2" t="s">
        <v>90221</v>
      </c>
      <c r="E2206" s="2" t="s">
        <v>33682</v>
      </c>
      <c r="F2206" s="8">
        <v>300</v>
      </c>
      <c r="G2206" s="5">
        <v>10</v>
      </c>
      <c r="H2206" s="5" t="s">
        <v>69</v>
      </c>
      <c r="I2206" s="5" t="s">
        <v>27074</v>
      </c>
      <c r="J2206" s="2" t="s">
        <v>27075</v>
      </c>
      <c r="K2206" s="5" t="s">
        <v>27074</v>
      </c>
      <c r="L2206" s="2" t="s">
        <v>27075</v>
      </c>
      <c r="M2206" s="5" t="s">
        <v>24254</v>
      </c>
      <c r="N2206" s="5" t="s">
        <v>38</v>
      </c>
      <c r="O2206" s="5" t="s">
        <v>39</v>
      </c>
      <c r="P2206" s="5" t="s">
        <v>40</v>
      </c>
      <c r="Q2206" s="5" t="s">
        <v>24340</v>
      </c>
      <c r="R2206" s="5" t="s">
        <v>40</v>
      </c>
      <c r="S2206" s="5" t="s">
        <v>42</v>
      </c>
      <c r="T2206" s="2">
        <v>7.3129999999999997</v>
      </c>
      <c r="U2206" s="2">
        <v>5.5570000000000004</v>
      </c>
      <c r="V2206" s="2">
        <v>8.8999999999999996E-2</v>
      </c>
      <c r="W2206" s="2">
        <v>12</v>
      </c>
      <c r="X2206" s="2">
        <v>62</v>
      </c>
      <c r="Y2206" s="2">
        <v>119.4</v>
      </c>
      <c r="Z2206" s="5">
        <v>10</v>
      </c>
      <c r="AA2206" s="5" t="s">
        <v>43</v>
      </c>
      <c r="AB2206" s="5" t="s">
        <v>44</v>
      </c>
      <c r="AC2206" s="2" t="s">
        <v>33688</v>
      </c>
      <c r="AD2206" s="1"/>
    </row>
    <row r="2207" spans="1:30">
      <c r="A2207" s="5" t="s">
        <v>83578</v>
      </c>
      <c r="B2207" s="2" t="s">
        <v>90222</v>
      </c>
      <c r="C2207" s="14" t="s">
        <v>90223</v>
      </c>
      <c r="D2207" s="2" t="s">
        <v>90224</v>
      </c>
      <c r="E2207" s="2" t="s">
        <v>33687</v>
      </c>
      <c r="F2207" s="8">
        <v>300</v>
      </c>
      <c r="G2207" s="5">
        <v>10</v>
      </c>
      <c r="H2207" s="5" t="s">
        <v>69</v>
      </c>
      <c r="I2207" s="5" t="s">
        <v>27074</v>
      </c>
      <c r="J2207" s="2" t="s">
        <v>27075</v>
      </c>
      <c r="K2207" s="5" t="s">
        <v>27074</v>
      </c>
      <c r="L2207" s="2" t="s">
        <v>27075</v>
      </c>
      <c r="M2207" s="5" t="s">
        <v>24254</v>
      </c>
      <c r="N2207" s="5" t="s">
        <v>38</v>
      </c>
      <c r="O2207" s="5" t="s">
        <v>39</v>
      </c>
      <c r="P2207" s="5" t="s">
        <v>40</v>
      </c>
      <c r="Q2207" s="5" t="s">
        <v>24340</v>
      </c>
      <c r="R2207" s="5" t="s">
        <v>40</v>
      </c>
      <c r="S2207" s="5" t="s">
        <v>42</v>
      </c>
      <c r="T2207" s="2">
        <v>7.2670000000000003</v>
      </c>
      <c r="U2207" s="2">
        <v>5.5019999999999998</v>
      </c>
      <c r="V2207" s="2">
        <v>8.8999999999999996E-2</v>
      </c>
      <c r="W2207" s="2">
        <v>12</v>
      </c>
      <c r="X2207" s="2">
        <v>62</v>
      </c>
      <c r="Y2207" s="2">
        <v>119.4</v>
      </c>
      <c r="Z2207" s="5">
        <v>10</v>
      </c>
      <c r="AA2207" s="5" t="s">
        <v>43</v>
      </c>
      <c r="AB2207" s="5" t="s">
        <v>44</v>
      </c>
      <c r="AC2207" s="2" t="s">
        <v>33683</v>
      </c>
      <c r="AD2207" s="1"/>
    </row>
    <row r="2208" spans="1:30">
      <c r="A2208" s="5" t="s">
        <v>83578</v>
      </c>
      <c r="B2208" s="2" t="s">
        <v>90225</v>
      </c>
      <c r="C2208" s="14" t="s">
        <v>90226</v>
      </c>
      <c r="D2208" s="2" t="s">
        <v>90227</v>
      </c>
      <c r="E2208" s="2" t="s">
        <v>33798</v>
      </c>
      <c r="F2208" s="8">
        <v>300</v>
      </c>
      <c r="G2208" s="5">
        <v>10</v>
      </c>
      <c r="H2208" s="5" t="s">
        <v>69</v>
      </c>
      <c r="I2208" s="5" t="s">
        <v>27074</v>
      </c>
      <c r="J2208" s="2" t="s">
        <v>27075</v>
      </c>
      <c r="K2208" s="5" t="s">
        <v>27074</v>
      </c>
      <c r="L2208" s="2" t="s">
        <v>27075</v>
      </c>
      <c r="M2208" s="5" t="s">
        <v>24254</v>
      </c>
      <c r="N2208" s="5" t="s">
        <v>38</v>
      </c>
      <c r="O2208" s="5" t="s">
        <v>39</v>
      </c>
      <c r="P2208" s="5" t="s">
        <v>40</v>
      </c>
      <c r="Q2208" s="5" t="s">
        <v>25301</v>
      </c>
      <c r="R2208" s="5" t="s">
        <v>40</v>
      </c>
      <c r="S2208" s="5" t="s">
        <v>42</v>
      </c>
      <c r="T2208" s="2">
        <v>10.928000000000001</v>
      </c>
      <c r="U2208" s="2">
        <v>9.141</v>
      </c>
      <c r="V2208" s="2">
        <v>8.8999999999999996E-2</v>
      </c>
      <c r="W2208" s="2">
        <v>12</v>
      </c>
      <c r="X2208" s="2">
        <v>62</v>
      </c>
      <c r="Y2208" s="2">
        <v>119.4</v>
      </c>
      <c r="Z2208" s="5">
        <v>8</v>
      </c>
      <c r="AA2208" s="5" t="s">
        <v>43</v>
      </c>
      <c r="AB2208" s="5" t="s">
        <v>44</v>
      </c>
      <c r="AC2208" s="2" t="s">
        <v>33697</v>
      </c>
      <c r="AD2208" s="1"/>
    </row>
    <row r="2209" spans="1:30">
      <c r="A2209" s="5" t="s">
        <v>83578</v>
      </c>
      <c r="B2209" s="2" t="s">
        <v>90228</v>
      </c>
      <c r="C2209" s="14" t="s">
        <v>90229</v>
      </c>
      <c r="D2209" s="2" t="s">
        <v>90230</v>
      </c>
      <c r="E2209" s="2" t="s">
        <v>33805</v>
      </c>
      <c r="F2209" s="8">
        <v>300</v>
      </c>
      <c r="G2209" s="5">
        <v>10</v>
      </c>
      <c r="H2209" s="5" t="s">
        <v>69</v>
      </c>
      <c r="I2209" s="5" t="s">
        <v>27074</v>
      </c>
      <c r="J2209" s="2" t="s">
        <v>27075</v>
      </c>
      <c r="K2209" s="5" t="s">
        <v>27074</v>
      </c>
      <c r="L2209" s="2" t="s">
        <v>27075</v>
      </c>
      <c r="M2209" s="5" t="s">
        <v>24254</v>
      </c>
      <c r="N2209" s="5" t="s">
        <v>38</v>
      </c>
      <c r="O2209" s="5" t="s">
        <v>39</v>
      </c>
      <c r="P2209" s="5" t="s">
        <v>40</v>
      </c>
      <c r="Q2209" s="5" t="s">
        <v>25301</v>
      </c>
      <c r="R2209" s="5" t="s">
        <v>40</v>
      </c>
      <c r="S2209" s="5" t="s">
        <v>42</v>
      </c>
      <c r="T2209" s="2">
        <v>8.6300000000000008</v>
      </c>
      <c r="U2209" s="2">
        <v>6.92</v>
      </c>
      <c r="V2209" s="2">
        <v>8.8999999999999996E-2</v>
      </c>
      <c r="W2209" s="2">
        <v>12</v>
      </c>
      <c r="X2209" s="2">
        <v>62</v>
      </c>
      <c r="Y2209" s="2">
        <v>119.4</v>
      </c>
      <c r="Z2209" s="5">
        <v>10</v>
      </c>
      <c r="AA2209" s="5" t="s">
        <v>43</v>
      </c>
      <c r="AB2209" s="5" t="s">
        <v>44</v>
      </c>
      <c r="AC2209" s="2" t="s">
        <v>33806</v>
      </c>
      <c r="AD2209" s="1"/>
    </row>
    <row r="2210" spans="1:30">
      <c r="A2210" s="5" t="s">
        <v>83578</v>
      </c>
      <c r="B2210" s="2" t="s">
        <v>90231</v>
      </c>
      <c r="C2210" s="14" t="s">
        <v>90232</v>
      </c>
      <c r="D2210" s="2" t="s">
        <v>90233</v>
      </c>
      <c r="E2210" s="2" t="s">
        <v>33805</v>
      </c>
      <c r="F2210" s="8">
        <v>300</v>
      </c>
      <c r="G2210" s="5">
        <v>10</v>
      </c>
      <c r="H2210" s="5" t="s">
        <v>69</v>
      </c>
      <c r="I2210" s="5" t="s">
        <v>27074</v>
      </c>
      <c r="J2210" s="2" t="s">
        <v>27075</v>
      </c>
      <c r="K2210" s="5" t="s">
        <v>27074</v>
      </c>
      <c r="L2210" s="2" t="s">
        <v>27075</v>
      </c>
      <c r="M2210" s="5" t="s">
        <v>24254</v>
      </c>
      <c r="N2210" s="5" t="s">
        <v>38</v>
      </c>
      <c r="O2210" s="5" t="s">
        <v>39</v>
      </c>
      <c r="P2210" s="5" t="s">
        <v>40</v>
      </c>
      <c r="Q2210" s="5" t="s">
        <v>25301</v>
      </c>
      <c r="R2210" s="5" t="s">
        <v>40</v>
      </c>
      <c r="S2210" s="5" t="s">
        <v>42</v>
      </c>
      <c r="T2210" s="2">
        <v>8.2260000000000009</v>
      </c>
      <c r="U2210" s="2">
        <v>6.47</v>
      </c>
      <c r="V2210" s="2">
        <v>8.8999999999999996E-2</v>
      </c>
      <c r="W2210" s="2">
        <v>12</v>
      </c>
      <c r="X2210" s="2">
        <v>62</v>
      </c>
      <c r="Y2210" s="2">
        <v>119.4</v>
      </c>
      <c r="Z2210" s="5">
        <v>10</v>
      </c>
      <c r="AA2210" s="5" t="s">
        <v>43</v>
      </c>
      <c r="AB2210" s="5" t="s">
        <v>44</v>
      </c>
      <c r="AC2210" s="2" t="s">
        <v>34421</v>
      </c>
      <c r="AD2210" s="1"/>
    </row>
    <row r="2211" spans="1:30">
      <c r="A2211" s="5" t="s">
        <v>83578</v>
      </c>
      <c r="B2211" s="2" t="s">
        <v>90234</v>
      </c>
      <c r="C2211" s="14" t="s">
        <v>90235</v>
      </c>
      <c r="D2211" s="2" t="s">
        <v>90236</v>
      </c>
      <c r="E2211" s="2" t="s">
        <v>33810</v>
      </c>
      <c r="F2211" s="8">
        <v>300</v>
      </c>
      <c r="G2211" s="5">
        <v>10</v>
      </c>
      <c r="H2211" s="5" t="s">
        <v>69</v>
      </c>
      <c r="I2211" s="5" t="s">
        <v>27074</v>
      </c>
      <c r="J2211" s="2" t="s">
        <v>27075</v>
      </c>
      <c r="K2211" s="5" t="s">
        <v>27074</v>
      </c>
      <c r="L2211" s="2" t="s">
        <v>27075</v>
      </c>
      <c r="M2211" s="5" t="s">
        <v>24254</v>
      </c>
      <c r="N2211" s="5" t="s">
        <v>38</v>
      </c>
      <c r="O2211" s="5" t="s">
        <v>39</v>
      </c>
      <c r="P2211" s="5" t="s">
        <v>40</v>
      </c>
      <c r="Q2211" s="5" t="s">
        <v>25301</v>
      </c>
      <c r="R2211" s="5" t="s">
        <v>40</v>
      </c>
      <c r="S2211" s="5" t="s">
        <v>42</v>
      </c>
      <c r="T2211" s="2">
        <v>5.77</v>
      </c>
      <c r="U2211" s="2">
        <v>4.0599999999999996</v>
      </c>
      <c r="V2211" s="2">
        <v>8.8999999999999996E-2</v>
      </c>
      <c r="W2211" s="2">
        <v>12</v>
      </c>
      <c r="X2211" s="2">
        <v>62</v>
      </c>
      <c r="Y2211" s="2">
        <v>119.4</v>
      </c>
      <c r="Z2211" s="5">
        <v>10</v>
      </c>
      <c r="AA2211" s="5" t="s">
        <v>43</v>
      </c>
      <c r="AB2211" s="5" t="s">
        <v>44</v>
      </c>
      <c r="AC2211" s="2" t="s">
        <v>33706</v>
      </c>
      <c r="AD2211" s="1"/>
    </row>
    <row r="2212" spans="1:30">
      <c r="A2212" s="5" t="s">
        <v>83578</v>
      </c>
      <c r="B2212" s="2" t="s">
        <v>90237</v>
      </c>
      <c r="C2212" s="14" t="s">
        <v>90238</v>
      </c>
      <c r="D2212" s="2" t="s">
        <v>90239</v>
      </c>
      <c r="E2212" s="2" t="s">
        <v>33810</v>
      </c>
      <c r="F2212" s="8">
        <v>300</v>
      </c>
      <c r="G2212" s="5">
        <v>10</v>
      </c>
      <c r="H2212" s="5" t="s">
        <v>69</v>
      </c>
      <c r="I2212" s="5" t="s">
        <v>27074</v>
      </c>
      <c r="J2212" s="2" t="s">
        <v>27075</v>
      </c>
      <c r="K2212" s="5" t="s">
        <v>27074</v>
      </c>
      <c r="L2212" s="2" t="s">
        <v>27075</v>
      </c>
      <c r="M2212" s="5" t="s">
        <v>24254</v>
      </c>
      <c r="N2212" s="5" t="s">
        <v>38</v>
      </c>
      <c r="O2212" s="5" t="s">
        <v>39</v>
      </c>
      <c r="P2212" s="5" t="s">
        <v>40</v>
      </c>
      <c r="Q2212" s="5" t="s">
        <v>25301</v>
      </c>
      <c r="R2212" s="5" t="s">
        <v>40</v>
      </c>
      <c r="S2212" s="5" t="s">
        <v>42</v>
      </c>
      <c r="T2212" s="2">
        <v>6.665</v>
      </c>
      <c r="U2212" s="2">
        <v>4.9089999999999998</v>
      </c>
      <c r="V2212" s="2">
        <v>8.8999999999999996E-2</v>
      </c>
      <c r="W2212" s="2">
        <v>12</v>
      </c>
      <c r="X2212" s="2">
        <v>62</v>
      </c>
      <c r="Y2212" s="2">
        <v>119.4</v>
      </c>
      <c r="Z2212" s="5">
        <v>10</v>
      </c>
      <c r="AA2212" s="5" t="s">
        <v>43</v>
      </c>
      <c r="AB2212" s="5" t="s">
        <v>44</v>
      </c>
      <c r="AC2212" s="2" t="s">
        <v>33814</v>
      </c>
      <c r="AD2212" s="1"/>
    </row>
    <row r="2213" spans="1:30">
      <c r="A2213" s="5" t="s">
        <v>83578</v>
      </c>
      <c r="B2213" s="2" t="s">
        <v>90240</v>
      </c>
      <c r="C2213" s="14" t="s">
        <v>90241</v>
      </c>
      <c r="D2213" s="2" t="s">
        <v>90242</v>
      </c>
      <c r="E2213" s="2" t="s">
        <v>33705</v>
      </c>
      <c r="F2213" s="8">
        <v>300</v>
      </c>
      <c r="G2213" s="5">
        <v>10</v>
      </c>
      <c r="H2213" s="5" t="s">
        <v>69</v>
      </c>
      <c r="I2213" s="5" t="s">
        <v>27074</v>
      </c>
      <c r="J2213" s="2" t="s">
        <v>27075</v>
      </c>
      <c r="K2213" s="5" t="s">
        <v>27074</v>
      </c>
      <c r="L2213" s="2" t="s">
        <v>27075</v>
      </c>
      <c r="M2213" s="5" t="s">
        <v>24254</v>
      </c>
      <c r="N2213" s="5" t="s">
        <v>38</v>
      </c>
      <c r="O2213" s="5" t="s">
        <v>39</v>
      </c>
      <c r="P2213" s="5" t="s">
        <v>40</v>
      </c>
      <c r="Q2213" s="5" t="s">
        <v>25301</v>
      </c>
      <c r="R2213" s="5" t="s">
        <v>40</v>
      </c>
      <c r="S2213" s="5" t="s">
        <v>42</v>
      </c>
      <c r="T2213" s="2">
        <v>7.4050000000000002</v>
      </c>
      <c r="U2213" s="2">
        <v>5.5940000000000003</v>
      </c>
      <c r="V2213" s="2">
        <v>8.8999999999999996E-2</v>
      </c>
      <c r="W2213" s="2">
        <v>12</v>
      </c>
      <c r="X2213" s="2">
        <v>62</v>
      </c>
      <c r="Y2213" s="2">
        <v>119.4</v>
      </c>
      <c r="Z2213" s="5">
        <v>10</v>
      </c>
      <c r="AA2213" s="5" t="s">
        <v>43</v>
      </c>
      <c r="AB2213" s="5" t="s">
        <v>44</v>
      </c>
      <c r="AC2213" s="2" t="s">
        <v>33814</v>
      </c>
      <c r="AD2213" s="1"/>
    </row>
    <row r="2214" spans="1:30">
      <c r="A2214" s="5" t="s">
        <v>83578</v>
      </c>
      <c r="B2214" s="2" t="s">
        <v>90243</v>
      </c>
      <c r="C2214" s="14" t="s">
        <v>90244</v>
      </c>
      <c r="D2214" s="2" t="s">
        <v>90245</v>
      </c>
      <c r="E2214" s="2" t="s">
        <v>33677</v>
      </c>
      <c r="F2214" s="8">
        <v>310</v>
      </c>
      <c r="G2214" s="5">
        <v>10</v>
      </c>
      <c r="H2214" s="5" t="s">
        <v>69</v>
      </c>
      <c r="I2214" s="5" t="s">
        <v>27074</v>
      </c>
      <c r="J2214" s="2" t="s">
        <v>27075</v>
      </c>
      <c r="K2214" s="5" t="s">
        <v>27074</v>
      </c>
      <c r="L2214" s="2" t="s">
        <v>27075</v>
      </c>
      <c r="M2214" s="5" t="s">
        <v>24254</v>
      </c>
      <c r="N2214" s="5" t="s">
        <v>38</v>
      </c>
      <c r="O2214" s="5" t="s">
        <v>39</v>
      </c>
      <c r="P2214" s="5" t="s">
        <v>40</v>
      </c>
      <c r="Q2214" s="5" t="s">
        <v>24340</v>
      </c>
      <c r="R2214" s="5" t="s">
        <v>40</v>
      </c>
      <c r="S2214" s="5" t="s">
        <v>42</v>
      </c>
      <c r="T2214" s="2">
        <v>10.715</v>
      </c>
      <c r="U2214" s="2">
        <v>8.4649999999999999</v>
      </c>
      <c r="V2214" s="2">
        <v>0.10299999999999999</v>
      </c>
      <c r="W2214" s="2">
        <v>12</v>
      </c>
      <c r="X2214" s="2">
        <v>62</v>
      </c>
      <c r="Y2214" s="2">
        <v>137.9</v>
      </c>
      <c r="Z2214" s="5">
        <v>10</v>
      </c>
      <c r="AA2214" s="5" t="s">
        <v>43</v>
      </c>
      <c r="AB2214" s="5" t="s">
        <v>44</v>
      </c>
      <c r="AC2214" s="2" t="s">
        <v>33950</v>
      </c>
      <c r="AD2214" s="1"/>
    </row>
    <row r="2215" spans="1:30">
      <c r="A2215" s="5" t="s">
        <v>83578</v>
      </c>
      <c r="B2215" s="2" t="s">
        <v>90246</v>
      </c>
      <c r="C2215" s="14" t="s">
        <v>90247</v>
      </c>
      <c r="D2215" s="2" t="s">
        <v>90248</v>
      </c>
      <c r="E2215" s="2" t="s">
        <v>33682</v>
      </c>
      <c r="F2215" s="8">
        <v>310</v>
      </c>
      <c r="G2215" s="5">
        <v>10</v>
      </c>
      <c r="H2215" s="5" t="s">
        <v>69</v>
      </c>
      <c r="I2215" s="5" t="s">
        <v>27074</v>
      </c>
      <c r="J2215" s="2" t="s">
        <v>27075</v>
      </c>
      <c r="K2215" s="5" t="s">
        <v>27074</v>
      </c>
      <c r="L2215" s="2" t="s">
        <v>27075</v>
      </c>
      <c r="M2215" s="5" t="s">
        <v>24254</v>
      </c>
      <c r="N2215" s="5" t="s">
        <v>38</v>
      </c>
      <c r="O2215" s="5" t="s">
        <v>39</v>
      </c>
      <c r="P2215" s="5" t="s">
        <v>40</v>
      </c>
      <c r="Q2215" s="5" t="s">
        <v>24340</v>
      </c>
      <c r="R2215" s="5" t="s">
        <v>40</v>
      </c>
      <c r="S2215" s="5" t="s">
        <v>42</v>
      </c>
      <c r="T2215" s="2">
        <v>8.4019999999999992</v>
      </c>
      <c r="U2215" s="2">
        <v>6.1520000000000001</v>
      </c>
      <c r="V2215" s="2">
        <v>0.10299999999999999</v>
      </c>
      <c r="W2215" s="2">
        <v>12</v>
      </c>
      <c r="X2215" s="2">
        <v>62</v>
      </c>
      <c r="Y2215" s="2">
        <v>137.9</v>
      </c>
      <c r="Z2215" s="5">
        <v>10</v>
      </c>
      <c r="AA2215" s="5" t="s">
        <v>43</v>
      </c>
      <c r="AB2215" s="5" t="s">
        <v>44</v>
      </c>
      <c r="AC2215" s="2" t="s">
        <v>33688</v>
      </c>
      <c r="AD2215" s="1"/>
    </row>
    <row r="2216" spans="1:30">
      <c r="A2216" s="5" t="s">
        <v>83578</v>
      </c>
      <c r="B2216" s="2" t="s">
        <v>90249</v>
      </c>
      <c r="C2216" s="14" t="s">
        <v>90250</v>
      </c>
      <c r="D2216" s="2" t="s">
        <v>90251</v>
      </c>
      <c r="E2216" s="2" t="s">
        <v>33805</v>
      </c>
      <c r="F2216" s="8">
        <v>310</v>
      </c>
      <c r="G2216" s="5">
        <v>10</v>
      </c>
      <c r="H2216" s="5" t="s">
        <v>69</v>
      </c>
      <c r="I2216" s="5" t="s">
        <v>27074</v>
      </c>
      <c r="J2216" s="2" t="s">
        <v>27075</v>
      </c>
      <c r="K2216" s="5" t="s">
        <v>27074</v>
      </c>
      <c r="L2216" s="2" t="s">
        <v>27075</v>
      </c>
      <c r="M2216" s="5" t="s">
        <v>24254</v>
      </c>
      <c r="N2216" s="5" t="s">
        <v>38</v>
      </c>
      <c r="O2216" s="5" t="s">
        <v>39</v>
      </c>
      <c r="P2216" s="5" t="s">
        <v>40</v>
      </c>
      <c r="Q2216" s="5" t="s">
        <v>25301</v>
      </c>
      <c r="R2216" s="5" t="s">
        <v>40</v>
      </c>
      <c r="S2216" s="5" t="s">
        <v>42</v>
      </c>
      <c r="T2216" s="2">
        <v>9.5869999999999997</v>
      </c>
      <c r="U2216" s="2">
        <v>7.3369999999999997</v>
      </c>
      <c r="V2216" s="2">
        <v>0.10299999999999999</v>
      </c>
      <c r="W2216" s="2">
        <v>12</v>
      </c>
      <c r="X2216" s="2">
        <v>62</v>
      </c>
      <c r="Y2216" s="2">
        <v>137.9</v>
      </c>
      <c r="Z2216" s="5">
        <v>10</v>
      </c>
      <c r="AA2216" s="5" t="s">
        <v>43</v>
      </c>
      <c r="AB2216" s="5" t="s">
        <v>44</v>
      </c>
      <c r="AC2216" s="2" t="s">
        <v>34421</v>
      </c>
      <c r="AD2216" s="1"/>
    </row>
    <row r="2217" spans="1:30">
      <c r="A2217" s="5" t="s">
        <v>83578</v>
      </c>
      <c r="B2217" s="2" t="s">
        <v>90252</v>
      </c>
      <c r="C2217" s="14" t="s">
        <v>90253</v>
      </c>
      <c r="D2217" s="2" t="s">
        <v>90254</v>
      </c>
      <c r="E2217" s="2" t="s">
        <v>33810</v>
      </c>
      <c r="F2217" s="8">
        <v>310</v>
      </c>
      <c r="G2217" s="5">
        <v>10</v>
      </c>
      <c r="H2217" s="5" t="s">
        <v>69</v>
      </c>
      <c r="I2217" s="5" t="s">
        <v>27074</v>
      </c>
      <c r="J2217" s="2" t="s">
        <v>27075</v>
      </c>
      <c r="K2217" s="5" t="s">
        <v>27074</v>
      </c>
      <c r="L2217" s="2" t="s">
        <v>27075</v>
      </c>
      <c r="M2217" s="5" t="s">
        <v>24254</v>
      </c>
      <c r="N2217" s="5" t="s">
        <v>38</v>
      </c>
      <c r="O2217" s="5" t="s">
        <v>39</v>
      </c>
      <c r="P2217" s="5" t="s">
        <v>40</v>
      </c>
      <c r="Q2217" s="5" t="s">
        <v>25301</v>
      </c>
      <c r="R2217" s="5" t="s">
        <v>40</v>
      </c>
      <c r="S2217" s="5" t="s">
        <v>42</v>
      </c>
      <c r="T2217" s="2">
        <v>7.69</v>
      </c>
      <c r="U2217" s="2">
        <v>5.44</v>
      </c>
      <c r="V2217" s="2">
        <v>0.10299999999999999</v>
      </c>
      <c r="W2217" s="2">
        <v>12</v>
      </c>
      <c r="X2217" s="2">
        <v>62</v>
      </c>
      <c r="Y2217" s="2">
        <v>137.9</v>
      </c>
      <c r="Z2217" s="5">
        <v>10</v>
      </c>
      <c r="AA2217" s="5" t="s">
        <v>43</v>
      </c>
      <c r="AB2217" s="5" t="s">
        <v>44</v>
      </c>
      <c r="AC2217" s="2" t="s">
        <v>33814</v>
      </c>
      <c r="AD2217" s="1"/>
    </row>
    <row r="2218" spans="1:30">
      <c r="A2218" s="5" t="s">
        <v>83578</v>
      </c>
      <c r="B2218" s="2" t="s">
        <v>90255</v>
      </c>
      <c r="C2218" s="14" t="s">
        <v>90256</v>
      </c>
      <c r="D2218" s="2" t="s">
        <v>90257</v>
      </c>
      <c r="E2218" s="2" t="s">
        <v>33705</v>
      </c>
      <c r="F2218" s="8">
        <v>310</v>
      </c>
      <c r="G2218" s="5">
        <v>10</v>
      </c>
      <c r="H2218" s="5" t="s">
        <v>69</v>
      </c>
      <c r="I2218" s="5" t="s">
        <v>27074</v>
      </c>
      <c r="J2218" s="2" t="s">
        <v>27075</v>
      </c>
      <c r="K2218" s="5" t="s">
        <v>27074</v>
      </c>
      <c r="L2218" s="2" t="s">
        <v>27075</v>
      </c>
      <c r="M2218" s="5" t="s">
        <v>24254</v>
      </c>
      <c r="N2218" s="5" t="s">
        <v>38</v>
      </c>
      <c r="O2218" s="5" t="s">
        <v>39</v>
      </c>
      <c r="P2218" s="5" t="s">
        <v>40</v>
      </c>
      <c r="Q2218" s="5" t="s">
        <v>25301</v>
      </c>
      <c r="R2218" s="5" t="s">
        <v>40</v>
      </c>
      <c r="S2218" s="5" t="s">
        <v>42</v>
      </c>
      <c r="T2218" s="2">
        <v>7.8860000000000001</v>
      </c>
      <c r="U2218" s="2">
        <v>5.6269999999999998</v>
      </c>
      <c r="V2218" s="2">
        <v>0.10299999999999999</v>
      </c>
      <c r="W2218" s="2">
        <v>12</v>
      </c>
      <c r="X2218" s="2">
        <v>62</v>
      </c>
      <c r="Y2218" s="2">
        <v>137.9</v>
      </c>
      <c r="Z2218" s="5">
        <v>10</v>
      </c>
      <c r="AA2218" s="5" t="s">
        <v>43</v>
      </c>
      <c r="AB2218" s="5" t="s">
        <v>44</v>
      </c>
      <c r="AC2218" s="2" t="s">
        <v>33706</v>
      </c>
      <c r="AD2218" s="1"/>
    </row>
    <row r="2219" spans="1:30">
      <c r="A2219" s="5" t="s">
        <v>83578</v>
      </c>
      <c r="B2219" s="2" t="s">
        <v>90258</v>
      </c>
      <c r="C2219" s="14" t="s">
        <v>90259</v>
      </c>
      <c r="D2219" s="2" t="s">
        <v>90260</v>
      </c>
      <c r="E2219" s="2" t="s">
        <v>33677</v>
      </c>
      <c r="F2219" s="8">
        <v>315</v>
      </c>
      <c r="G2219" s="5">
        <v>10</v>
      </c>
      <c r="H2219" s="5" t="s">
        <v>69</v>
      </c>
      <c r="I2219" s="5" t="s">
        <v>27074</v>
      </c>
      <c r="J2219" s="2" t="s">
        <v>27075</v>
      </c>
      <c r="K2219" s="5" t="s">
        <v>27074</v>
      </c>
      <c r="L2219" s="2" t="s">
        <v>27075</v>
      </c>
      <c r="M2219" s="5" t="s">
        <v>24254</v>
      </c>
      <c r="N2219" s="5" t="s">
        <v>38</v>
      </c>
      <c r="O2219" s="5" t="s">
        <v>39</v>
      </c>
      <c r="P2219" s="5" t="s">
        <v>40</v>
      </c>
      <c r="Q2219" s="5" t="s">
        <v>24340</v>
      </c>
      <c r="R2219" s="5" t="s">
        <v>40</v>
      </c>
      <c r="S2219" s="5" t="s">
        <v>42</v>
      </c>
      <c r="T2219" s="2">
        <v>10.906000000000001</v>
      </c>
      <c r="U2219" s="2">
        <v>8.7110000000000003</v>
      </c>
      <c r="V2219" s="2">
        <v>0.11899999999999999</v>
      </c>
      <c r="W2219" s="2">
        <v>12</v>
      </c>
      <c r="X2219" s="2">
        <v>62</v>
      </c>
      <c r="Y2219" s="2">
        <v>159.9</v>
      </c>
      <c r="Z2219" s="5">
        <v>10</v>
      </c>
      <c r="AA2219" s="5" t="s">
        <v>43</v>
      </c>
      <c r="AB2219" s="5" t="s">
        <v>44</v>
      </c>
      <c r="AC2219" s="2" t="s">
        <v>33678</v>
      </c>
      <c r="AD2219" s="1"/>
    </row>
    <row r="2220" spans="1:30">
      <c r="A2220" s="5" t="s">
        <v>83578</v>
      </c>
      <c r="B2220" s="2" t="s">
        <v>90261</v>
      </c>
      <c r="C2220" s="14" t="s">
        <v>90262</v>
      </c>
      <c r="D2220" s="2" t="s">
        <v>90263</v>
      </c>
      <c r="E2220" s="2" t="s">
        <v>33677</v>
      </c>
      <c r="F2220" s="8">
        <v>315</v>
      </c>
      <c r="G2220" s="5">
        <v>10</v>
      </c>
      <c r="H2220" s="5" t="s">
        <v>69</v>
      </c>
      <c r="I2220" s="5" t="s">
        <v>27074</v>
      </c>
      <c r="J2220" s="2" t="s">
        <v>27075</v>
      </c>
      <c r="K2220" s="5" t="s">
        <v>27074</v>
      </c>
      <c r="L2220" s="2" t="s">
        <v>27075</v>
      </c>
      <c r="M2220" s="5" t="s">
        <v>24254</v>
      </c>
      <c r="N2220" s="5" t="s">
        <v>38</v>
      </c>
      <c r="O2220" s="5" t="s">
        <v>39</v>
      </c>
      <c r="P2220" s="5" t="s">
        <v>40</v>
      </c>
      <c r="Q2220" s="5" t="s">
        <v>24340</v>
      </c>
      <c r="R2220" s="5" t="s">
        <v>40</v>
      </c>
      <c r="S2220" s="5" t="s">
        <v>42</v>
      </c>
      <c r="T2220" s="2">
        <v>11.718</v>
      </c>
      <c r="U2220" s="2">
        <v>9.4770000000000003</v>
      </c>
      <c r="V2220" s="2">
        <v>0.11899999999999999</v>
      </c>
      <c r="W2220" s="2">
        <v>12</v>
      </c>
      <c r="X2220" s="2">
        <v>62</v>
      </c>
      <c r="Y2220" s="2">
        <v>159.9</v>
      </c>
      <c r="Z2220" s="5">
        <v>10</v>
      </c>
      <c r="AA2220" s="5" t="s">
        <v>43</v>
      </c>
      <c r="AB2220" s="5" t="s">
        <v>44</v>
      </c>
      <c r="AC2220" s="2" t="s">
        <v>33950</v>
      </c>
      <c r="AD2220" s="1"/>
    </row>
    <row r="2221" spans="1:30">
      <c r="A2221" s="5" t="s">
        <v>83578</v>
      </c>
      <c r="B2221" s="2" t="s">
        <v>90264</v>
      </c>
      <c r="C2221" s="14" t="s">
        <v>90265</v>
      </c>
      <c r="D2221" s="2" t="s">
        <v>90266</v>
      </c>
      <c r="E2221" s="2" t="s">
        <v>33682</v>
      </c>
      <c r="F2221" s="8">
        <v>315</v>
      </c>
      <c r="G2221" s="5">
        <v>10</v>
      </c>
      <c r="H2221" s="5" t="s">
        <v>69</v>
      </c>
      <c r="I2221" s="5" t="s">
        <v>27074</v>
      </c>
      <c r="J2221" s="2" t="s">
        <v>27075</v>
      </c>
      <c r="K2221" s="5" t="s">
        <v>27074</v>
      </c>
      <c r="L2221" s="2" t="s">
        <v>27075</v>
      </c>
      <c r="M2221" s="5" t="s">
        <v>24254</v>
      </c>
      <c r="N2221" s="5" t="s">
        <v>38</v>
      </c>
      <c r="O2221" s="5" t="s">
        <v>39</v>
      </c>
      <c r="P2221" s="5" t="s">
        <v>40</v>
      </c>
      <c r="Q2221" s="5" t="s">
        <v>24340</v>
      </c>
      <c r="R2221" s="5" t="s">
        <v>40</v>
      </c>
      <c r="S2221" s="5" t="s">
        <v>42</v>
      </c>
      <c r="T2221" s="2">
        <v>7.8479999999999999</v>
      </c>
      <c r="U2221" s="2">
        <v>5.6529999999999996</v>
      </c>
      <c r="V2221" s="2">
        <v>0.11899999999999999</v>
      </c>
      <c r="W2221" s="2">
        <v>12</v>
      </c>
      <c r="X2221" s="2">
        <v>62</v>
      </c>
      <c r="Y2221" s="2">
        <v>159.9</v>
      </c>
      <c r="Z2221" s="5">
        <v>10</v>
      </c>
      <c r="AA2221" s="5" t="s">
        <v>43</v>
      </c>
      <c r="AB2221" s="5" t="s">
        <v>44</v>
      </c>
      <c r="AC2221" s="2" t="s">
        <v>33683</v>
      </c>
      <c r="AD2221" s="1"/>
    </row>
    <row r="2222" spans="1:30">
      <c r="A2222" s="5" t="s">
        <v>83578</v>
      </c>
      <c r="B2222" s="2" t="s">
        <v>90267</v>
      </c>
      <c r="C2222" s="14" t="s">
        <v>90268</v>
      </c>
      <c r="D2222" s="2" t="s">
        <v>90269</v>
      </c>
      <c r="E2222" s="2" t="s">
        <v>33682</v>
      </c>
      <c r="F2222" s="8">
        <v>315</v>
      </c>
      <c r="G2222" s="5">
        <v>10</v>
      </c>
      <c r="H2222" s="5" t="s">
        <v>69</v>
      </c>
      <c r="I2222" s="5" t="s">
        <v>27074</v>
      </c>
      <c r="J2222" s="2" t="s">
        <v>27075</v>
      </c>
      <c r="K2222" s="5" t="s">
        <v>27074</v>
      </c>
      <c r="L2222" s="2" t="s">
        <v>27075</v>
      </c>
      <c r="M2222" s="5" t="s">
        <v>24254</v>
      </c>
      <c r="N2222" s="5" t="s">
        <v>38</v>
      </c>
      <c r="O2222" s="5" t="s">
        <v>39</v>
      </c>
      <c r="P2222" s="5" t="s">
        <v>40</v>
      </c>
      <c r="Q2222" s="5" t="s">
        <v>24340</v>
      </c>
      <c r="R2222" s="5" t="s">
        <v>40</v>
      </c>
      <c r="S2222" s="5" t="s">
        <v>42</v>
      </c>
      <c r="T2222" s="2">
        <v>8.9879999999999995</v>
      </c>
      <c r="U2222" s="2">
        <v>6.7469999999999999</v>
      </c>
      <c r="V2222" s="2">
        <v>0.11899999999999999</v>
      </c>
      <c r="W2222" s="2">
        <v>12</v>
      </c>
      <c r="X2222" s="2">
        <v>62</v>
      </c>
      <c r="Y2222" s="2">
        <v>159.9</v>
      </c>
      <c r="Z2222" s="5">
        <v>10</v>
      </c>
      <c r="AA2222" s="5" t="s">
        <v>43</v>
      </c>
      <c r="AB2222" s="5" t="s">
        <v>44</v>
      </c>
      <c r="AC2222" s="2" t="s">
        <v>33688</v>
      </c>
      <c r="AD2222" s="1"/>
    </row>
    <row r="2223" spans="1:30">
      <c r="A2223" s="5" t="s">
        <v>83578</v>
      </c>
      <c r="B2223" s="2" t="s">
        <v>90270</v>
      </c>
      <c r="C2223" s="14" t="s">
        <v>90271</v>
      </c>
      <c r="D2223" s="2" t="s">
        <v>90272</v>
      </c>
      <c r="E2223" s="2" t="s">
        <v>33805</v>
      </c>
      <c r="F2223" s="8">
        <v>315</v>
      </c>
      <c r="G2223" s="5">
        <v>10</v>
      </c>
      <c r="H2223" s="5" t="s">
        <v>69</v>
      </c>
      <c r="I2223" s="5" t="s">
        <v>27074</v>
      </c>
      <c r="J2223" s="2" t="s">
        <v>27075</v>
      </c>
      <c r="K2223" s="5" t="s">
        <v>27074</v>
      </c>
      <c r="L2223" s="2" t="s">
        <v>27075</v>
      </c>
      <c r="M2223" s="5" t="s">
        <v>24254</v>
      </c>
      <c r="N2223" s="5" t="s">
        <v>38</v>
      </c>
      <c r="O2223" s="5" t="s">
        <v>39</v>
      </c>
      <c r="P2223" s="5" t="s">
        <v>40</v>
      </c>
      <c r="Q2223" s="5" t="s">
        <v>25301</v>
      </c>
      <c r="R2223" s="5" t="s">
        <v>40</v>
      </c>
      <c r="S2223" s="5" t="s">
        <v>42</v>
      </c>
      <c r="T2223" s="2">
        <v>9.8109999999999999</v>
      </c>
      <c r="U2223" s="2">
        <v>7.6159999999999997</v>
      </c>
      <c r="V2223" s="2">
        <v>0.11899999999999999</v>
      </c>
      <c r="W2223" s="2">
        <v>12</v>
      </c>
      <c r="X2223" s="2">
        <v>62</v>
      </c>
      <c r="Y2223" s="2">
        <v>159.9</v>
      </c>
      <c r="Z2223" s="5">
        <v>10</v>
      </c>
      <c r="AA2223" s="5" t="s">
        <v>43</v>
      </c>
      <c r="AB2223" s="5" t="s">
        <v>44</v>
      </c>
      <c r="AC2223" s="2" t="s">
        <v>33806</v>
      </c>
      <c r="AD2223" s="1"/>
    </row>
    <row r="2224" spans="1:30">
      <c r="A2224" s="5" t="s">
        <v>83578</v>
      </c>
      <c r="B2224" s="2" t="s">
        <v>90273</v>
      </c>
      <c r="C2224" s="14" t="s">
        <v>90274</v>
      </c>
      <c r="D2224" s="2" t="s">
        <v>90275</v>
      </c>
      <c r="E2224" s="2" t="s">
        <v>33805</v>
      </c>
      <c r="F2224" s="8">
        <v>315</v>
      </c>
      <c r="G2224" s="5">
        <v>10</v>
      </c>
      <c r="H2224" s="5" t="s">
        <v>69</v>
      </c>
      <c r="I2224" s="5" t="s">
        <v>27074</v>
      </c>
      <c r="J2224" s="2" t="s">
        <v>27075</v>
      </c>
      <c r="K2224" s="5" t="s">
        <v>27074</v>
      </c>
      <c r="L2224" s="2" t="s">
        <v>27075</v>
      </c>
      <c r="M2224" s="5" t="s">
        <v>24254</v>
      </c>
      <c r="N2224" s="5" t="s">
        <v>38</v>
      </c>
      <c r="O2224" s="5" t="s">
        <v>39</v>
      </c>
      <c r="P2224" s="5" t="s">
        <v>40</v>
      </c>
      <c r="Q2224" s="5" t="s">
        <v>25301</v>
      </c>
      <c r="R2224" s="5" t="s">
        <v>40</v>
      </c>
      <c r="S2224" s="5" t="s">
        <v>42</v>
      </c>
      <c r="T2224" s="2">
        <v>10.448</v>
      </c>
      <c r="U2224" s="2">
        <v>8.2070000000000007</v>
      </c>
      <c r="V2224" s="2">
        <v>0.11899999999999999</v>
      </c>
      <c r="W2224" s="2">
        <v>12</v>
      </c>
      <c r="X2224" s="2">
        <v>62</v>
      </c>
      <c r="Y2224" s="2">
        <v>159.9</v>
      </c>
      <c r="Z2224" s="5">
        <v>10</v>
      </c>
      <c r="AA2224" s="5" t="s">
        <v>43</v>
      </c>
      <c r="AB2224" s="5" t="s">
        <v>44</v>
      </c>
      <c r="AC2224" s="2" t="s">
        <v>34421</v>
      </c>
      <c r="AD2224" s="1"/>
    </row>
    <row r="2225" spans="1:30">
      <c r="A2225" s="5" t="s">
        <v>83578</v>
      </c>
      <c r="B2225" s="2" t="s">
        <v>90276</v>
      </c>
      <c r="C2225" s="14" t="s">
        <v>90277</v>
      </c>
      <c r="D2225" s="2" t="s">
        <v>90278</v>
      </c>
      <c r="E2225" s="2" t="s">
        <v>33810</v>
      </c>
      <c r="F2225" s="8">
        <v>315</v>
      </c>
      <c r="G2225" s="5">
        <v>10</v>
      </c>
      <c r="H2225" s="5" t="s">
        <v>69</v>
      </c>
      <c r="I2225" s="5" t="s">
        <v>27074</v>
      </c>
      <c r="J2225" s="2" t="s">
        <v>27075</v>
      </c>
      <c r="K2225" s="5" t="s">
        <v>27074</v>
      </c>
      <c r="L2225" s="2" t="s">
        <v>27075</v>
      </c>
      <c r="M2225" s="5" t="s">
        <v>24254</v>
      </c>
      <c r="N2225" s="5" t="s">
        <v>38</v>
      </c>
      <c r="O2225" s="5" t="s">
        <v>39</v>
      </c>
      <c r="P2225" s="5" t="s">
        <v>40</v>
      </c>
      <c r="Q2225" s="5" t="s">
        <v>25301</v>
      </c>
      <c r="R2225" s="5" t="s">
        <v>40</v>
      </c>
      <c r="S2225" s="5" t="s">
        <v>42</v>
      </c>
      <c r="T2225" s="2">
        <v>7.319</v>
      </c>
      <c r="U2225" s="2">
        <v>5.1239999999999997</v>
      </c>
      <c r="V2225" s="2">
        <v>0.11899999999999999</v>
      </c>
      <c r="W2225" s="2">
        <v>12</v>
      </c>
      <c r="X2225" s="2">
        <v>62</v>
      </c>
      <c r="Y2225" s="2">
        <v>159.9</v>
      </c>
      <c r="Z2225" s="5">
        <v>10</v>
      </c>
      <c r="AA2225" s="5" t="s">
        <v>43</v>
      </c>
      <c r="AB2225" s="5" t="s">
        <v>44</v>
      </c>
      <c r="AC2225" s="2" t="s">
        <v>33706</v>
      </c>
      <c r="AD2225" s="1"/>
    </row>
    <row r="2226" spans="1:30">
      <c r="A2226" s="5" t="s">
        <v>83578</v>
      </c>
      <c r="B2226" s="2" t="s">
        <v>90279</v>
      </c>
      <c r="C2226" s="14" t="s">
        <v>90280</v>
      </c>
      <c r="D2226" s="2" t="s">
        <v>90281</v>
      </c>
      <c r="E2226" s="2" t="s">
        <v>33810</v>
      </c>
      <c r="F2226" s="8">
        <v>315</v>
      </c>
      <c r="G2226" s="5">
        <v>10</v>
      </c>
      <c r="H2226" s="5" t="s">
        <v>69</v>
      </c>
      <c r="I2226" s="5" t="s">
        <v>27074</v>
      </c>
      <c r="J2226" s="2" t="s">
        <v>27075</v>
      </c>
      <c r="K2226" s="5" t="s">
        <v>27074</v>
      </c>
      <c r="L2226" s="2" t="s">
        <v>27075</v>
      </c>
      <c r="M2226" s="5" t="s">
        <v>24254</v>
      </c>
      <c r="N2226" s="5" t="s">
        <v>38</v>
      </c>
      <c r="O2226" s="5" t="s">
        <v>39</v>
      </c>
      <c r="P2226" s="5" t="s">
        <v>40</v>
      </c>
      <c r="Q2226" s="5" t="s">
        <v>25301</v>
      </c>
      <c r="R2226" s="5" t="s">
        <v>40</v>
      </c>
      <c r="S2226" s="5" t="s">
        <v>42</v>
      </c>
      <c r="T2226" s="2">
        <v>8.2140000000000004</v>
      </c>
      <c r="U2226" s="2">
        <v>5.9729999999999999</v>
      </c>
      <c r="V2226" s="2">
        <v>0.11899999999999999</v>
      </c>
      <c r="W2226" s="2">
        <v>12</v>
      </c>
      <c r="X2226" s="2">
        <v>62</v>
      </c>
      <c r="Y2226" s="2">
        <v>159.9</v>
      </c>
      <c r="Z2226" s="5">
        <v>10</v>
      </c>
      <c r="AA2226" s="5" t="s">
        <v>43</v>
      </c>
      <c r="AB2226" s="5" t="s">
        <v>44</v>
      </c>
      <c r="AC2226" s="2" t="s">
        <v>33814</v>
      </c>
      <c r="AD2226" s="1"/>
    </row>
    <row r="2227" spans="1:30">
      <c r="A2227" s="5" t="s">
        <v>83578</v>
      </c>
      <c r="B2227" s="2" t="s">
        <v>90282</v>
      </c>
      <c r="C2227" s="14" t="s">
        <v>90283</v>
      </c>
      <c r="D2227" s="2" t="s">
        <v>90284</v>
      </c>
      <c r="E2227" s="2" t="s">
        <v>33705</v>
      </c>
      <c r="F2227" s="8">
        <v>315</v>
      </c>
      <c r="G2227" s="5">
        <v>10</v>
      </c>
      <c r="H2227" s="5" t="s">
        <v>69</v>
      </c>
      <c r="I2227" s="5" t="s">
        <v>27074</v>
      </c>
      <c r="J2227" s="2" t="s">
        <v>27075</v>
      </c>
      <c r="K2227" s="5" t="s">
        <v>27074</v>
      </c>
      <c r="L2227" s="2" t="s">
        <v>27075</v>
      </c>
      <c r="M2227" s="5" t="s">
        <v>24254</v>
      </c>
      <c r="N2227" s="5" t="s">
        <v>38</v>
      </c>
      <c r="O2227" s="5" t="s">
        <v>39</v>
      </c>
      <c r="P2227" s="5" t="s">
        <v>40</v>
      </c>
      <c r="Q2227" s="5" t="s">
        <v>25301</v>
      </c>
      <c r="R2227" s="5" t="s">
        <v>40</v>
      </c>
      <c r="S2227" s="5" t="s">
        <v>42</v>
      </c>
      <c r="T2227" s="2">
        <v>8.577</v>
      </c>
      <c r="U2227" s="2">
        <v>6.327</v>
      </c>
      <c r="V2227" s="2">
        <v>0.11899999999999999</v>
      </c>
      <c r="W2227" s="2">
        <v>12</v>
      </c>
      <c r="X2227" s="2">
        <v>62</v>
      </c>
      <c r="Y2227" s="2">
        <v>159.9</v>
      </c>
      <c r="Z2227" s="5">
        <v>10</v>
      </c>
      <c r="AA2227" s="5" t="s">
        <v>43</v>
      </c>
      <c r="AB2227" s="5" t="s">
        <v>44</v>
      </c>
      <c r="AC2227" s="2" t="s">
        <v>33706</v>
      </c>
      <c r="AD2227" s="1"/>
    </row>
    <row r="2228" spans="1:30">
      <c r="A2228" s="5" t="s">
        <v>83578</v>
      </c>
      <c r="B2228" s="2" t="s">
        <v>90285</v>
      </c>
      <c r="C2228" s="14" t="s">
        <v>90286</v>
      </c>
      <c r="D2228" s="2" t="s">
        <v>90287</v>
      </c>
      <c r="E2228" s="2" t="s">
        <v>33664</v>
      </c>
      <c r="F2228" s="8">
        <v>315</v>
      </c>
      <c r="G2228" s="5">
        <v>10</v>
      </c>
      <c r="H2228" s="5" t="s">
        <v>69</v>
      </c>
      <c r="I2228" s="5" t="s">
        <v>27074</v>
      </c>
      <c r="J2228" s="2" t="s">
        <v>27075</v>
      </c>
      <c r="K2228" s="5" t="s">
        <v>27074</v>
      </c>
      <c r="L2228" s="2" t="s">
        <v>27075</v>
      </c>
      <c r="M2228" s="5" t="s">
        <v>24254</v>
      </c>
      <c r="N2228" s="5" t="s">
        <v>38</v>
      </c>
      <c r="O2228" s="5" t="s">
        <v>39</v>
      </c>
      <c r="P2228" s="5" t="s">
        <v>40</v>
      </c>
      <c r="Q2228" s="5" t="s">
        <v>24340</v>
      </c>
      <c r="R2228" s="5" t="s">
        <v>40</v>
      </c>
      <c r="S2228" s="5" t="s">
        <v>42</v>
      </c>
      <c r="T2228" s="2">
        <v>14.992000000000001</v>
      </c>
      <c r="U2228" s="2">
        <v>12.71</v>
      </c>
      <c r="V2228" s="2">
        <v>0.159</v>
      </c>
      <c r="W2228" s="2">
        <v>12</v>
      </c>
      <c r="X2228" s="2">
        <v>62</v>
      </c>
      <c r="Y2228" s="2">
        <v>137.9</v>
      </c>
      <c r="Z2228" s="5">
        <v>8</v>
      </c>
      <c r="AA2228" s="5" t="s">
        <v>43</v>
      </c>
      <c r="AB2228" s="5" t="s">
        <v>44</v>
      </c>
      <c r="AC2228" s="2" t="s">
        <v>33665</v>
      </c>
      <c r="AD2228" s="1"/>
    </row>
    <row r="2229" spans="1:30">
      <c r="A2229" s="5" t="s">
        <v>83578</v>
      </c>
      <c r="B2229" s="2" t="s">
        <v>90288</v>
      </c>
      <c r="C2229" s="14" t="s">
        <v>90289</v>
      </c>
      <c r="D2229" s="2" t="s">
        <v>90290</v>
      </c>
      <c r="E2229" s="2" t="s">
        <v>33677</v>
      </c>
      <c r="F2229" s="8">
        <v>315</v>
      </c>
      <c r="G2229" s="5">
        <v>10</v>
      </c>
      <c r="H2229" s="5" t="s">
        <v>69</v>
      </c>
      <c r="I2229" s="5" t="s">
        <v>27074</v>
      </c>
      <c r="J2229" s="2" t="s">
        <v>27075</v>
      </c>
      <c r="K2229" s="5" t="s">
        <v>27074</v>
      </c>
      <c r="L2229" s="2" t="s">
        <v>27075</v>
      </c>
      <c r="M2229" s="5" t="s">
        <v>24254</v>
      </c>
      <c r="N2229" s="5" t="s">
        <v>38</v>
      </c>
      <c r="O2229" s="5" t="s">
        <v>39</v>
      </c>
      <c r="P2229" s="5" t="s">
        <v>40</v>
      </c>
      <c r="Q2229" s="5" t="s">
        <v>24340</v>
      </c>
      <c r="R2229" s="5" t="s">
        <v>40</v>
      </c>
      <c r="S2229" s="5" t="s">
        <v>42</v>
      </c>
      <c r="T2229" s="2">
        <v>10.151</v>
      </c>
      <c r="U2229" s="2">
        <v>7.9470000000000001</v>
      </c>
      <c r="V2229" s="2">
        <v>0.10299999999999999</v>
      </c>
      <c r="W2229" s="2">
        <v>12</v>
      </c>
      <c r="X2229" s="2">
        <v>62</v>
      </c>
      <c r="Y2229" s="2">
        <v>137.9</v>
      </c>
      <c r="Z2229" s="5">
        <v>10</v>
      </c>
      <c r="AA2229" s="5" t="s">
        <v>43</v>
      </c>
      <c r="AB2229" s="5" t="s">
        <v>44</v>
      </c>
      <c r="AC2229" s="2" t="s">
        <v>33678</v>
      </c>
      <c r="AD2229" s="1"/>
    </row>
    <row r="2230" spans="1:30">
      <c r="A2230" s="5" t="s">
        <v>83578</v>
      </c>
      <c r="B2230" s="2" t="s">
        <v>90291</v>
      </c>
      <c r="C2230" s="14" t="s">
        <v>90292</v>
      </c>
      <c r="D2230" s="2" t="s">
        <v>90293</v>
      </c>
      <c r="E2230" s="2" t="s">
        <v>33682</v>
      </c>
      <c r="F2230" s="8">
        <v>315</v>
      </c>
      <c r="G2230" s="5">
        <v>10</v>
      </c>
      <c r="H2230" s="5" t="s">
        <v>69</v>
      </c>
      <c r="I2230" s="5" t="s">
        <v>27074</v>
      </c>
      <c r="J2230" s="2" t="s">
        <v>27075</v>
      </c>
      <c r="K2230" s="5" t="s">
        <v>27074</v>
      </c>
      <c r="L2230" s="2" t="s">
        <v>27075</v>
      </c>
      <c r="M2230" s="5" t="s">
        <v>24254</v>
      </c>
      <c r="N2230" s="5" t="s">
        <v>38</v>
      </c>
      <c r="O2230" s="5" t="s">
        <v>39</v>
      </c>
      <c r="P2230" s="5" t="s">
        <v>40</v>
      </c>
      <c r="Q2230" s="5" t="s">
        <v>24340</v>
      </c>
      <c r="R2230" s="5" t="s">
        <v>40</v>
      </c>
      <c r="S2230" s="5" t="s">
        <v>42</v>
      </c>
      <c r="T2230" s="2">
        <v>7.51</v>
      </c>
      <c r="U2230" s="2">
        <v>5.306</v>
      </c>
      <c r="V2230" s="2">
        <v>0.10299999999999999</v>
      </c>
      <c r="W2230" s="2">
        <v>12</v>
      </c>
      <c r="X2230" s="2">
        <v>62</v>
      </c>
      <c r="Y2230" s="2">
        <v>137.9</v>
      </c>
      <c r="Z2230" s="5">
        <v>10</v>
      </c>
      <c r="AA2230" s="5" t="s">
        <v>43</v>
      </c>
      <c r="AB2230" s="5" t="s">
        <v>44</v>
      </c>
      <c r="AC2230" s="2" t="s">
        <v>33683</v>
      </c>
      <c r="AD2230" s="1"/>
    </row>
    <row r="2231" spans="1:30">
      <c r="A2231" s="5" t="s">
        <v>83578</v>
      </c>
      <c r="B2231" s="2" t="s">
        <v>90294</v>
      </c>
      <c r="C2231" s="14" t="s">
        <v>90295</v>
      </c>
      <c r="D2231" s="2" t="s">
        <v>90296</v>
      </c>
      <c r="E2231" s="2" t="s">
        <v>33687</v>
      </c>
      <c r="F2231" s="8">
        <v>315</v>
      </c>
      <c r="G2231" s="5">
        <v>10</v>
      </c>
      <c r="H2231" s="5" t="s">
        <v>69</v>
      </c>
      <c r="I2231" s="5" t="s">
        <v>27074</v>
      </c>
      <c r="J2231" s="2" t="s">
        <v>27075</v>
      </c>
      <c r="K2231" s="5" t="s">
        <v>27074</v>
      </c>
      <c r="L2231" s="2" t="s">
        <v>27075</v>
      </c>
      <c r="M2231" s="5" t="s">
        <v>24254</v>
      </c>
      <c r="N2231" s="5" t="s">
        <v>38</v>
      </c>
      <c r="O2231" s="5" t="s">
        <v>39</v>
      </c>
      <c r="P2231" s="5" t="s">
        <v>40</v>
      </c>
      <c r="Q2231" s="5" t="s">
        <v>24340</v>
      </c>
      <c r="R2231" s="5" t="s">
        <v>40</v>
      </c>
      <c r="S2231" s="5" t="s">
        <v>42</v>
      </c>
      <c r="T2231" s="2">
        <v>8.8209999999999997</v>
      </c>
      <c r="U2231" s="2">
        <v>6.5510000000000002</v>
      </c>
      <c r="V2231" s="2">
        <v>0.10299999999999999</v>
      </c>
      <c r="W2231" s="2">
        <v>12</v>
      </c>
      <c r="X2231" s="2">
        <v>62</v>
      </c>
      <c r="Y2231" s="2">
        <v>137.9</v>
      </c>
      <c r="Z2231" s="5">
        <v>10</v>
      </c>
      <c r="AA2231" s="5" t="s">
        <v>43</v>
      </c>
      <c r="AB2231" s="5" t="s">
        <v>44</v>
      </c>
      <c r="AC2231" s="2" t="s">
        <v>33683</v>
      </c>
      <c r="AD2231" s="1"/>
    </row>
    <row r="2232" spans="1:30">
      <c r="A2232" s="5" t="s">
        <v>83578</v>
      </c>
      <c r="B2232" s="2" t="s">
        <v>90297</v>
      </c>
      <c r="C2232" s="14" t="s">
        <v>90298</v>
      </c>
      <c r="D2232" s="2" t="s">
        <v>90299</v>
      </c>
      <c r="E2232" s="2" t="s">
        <v>33696</v>
      </c>
      <c r="F2232" s="8">
        <v>315</v>
      </c>
      <c r="G2232" s="5">
        <v>10</v>
      </c>
      <c r="H2232" s="5" t="s">
        <v>69</v>
      </c>
      <c r="I2232" s="5" t="s">
        <v>27074</v>
      </c>
      <c r="J2232" s="2" t="s">
        <v>27075</v>
      </c>
      <c r="K2232" s="5" t="s">
        <v>27074</v>
      </c>
      <c r="L2232" s="2" t="s">
        <v>27075</v>
      </c>
      <c r="M2232" s="5" t="s">
        <v>24254</v>
      </c>
      <c r="N2232" s="5" t="s">
        <v>38</v>
      </c>
      <c r="O2232" s="5" t="s">
        <v>39</v>
      </c>
      <c r="P2232" s="5" t="s">
        <v>40</v>
      </c>
      <c r="Q2232" s="5" t="s">
        <v>25301</v>
      </c>
      <c r="R2232" s="5" t="s">
        <v>40</v>
      </c>
      <c r="S2232" s="5" t="s">
        <v>42</v>
      </c>
      <c r="T2232" s="2">
        <v>13.855</v>
      </c>
      <c r="U2232" s="2">
        <v>11.573</v>
      </c>
      <c r="V2232" s="2">
        <v>0.159</v>
      </c>
      <c r="W2232" s="2">
        <v>12</v>
      </c>
      <c r="X2232" s="2">
        <v>62</v>
      </c>
      <c r="Y2232" s="2">
        <v>137.9</v>
      </c>
      <c r="Z2232" s="5">
        <v>8</v>
      </c>
      <c r="AA2232" s="5" t="s">
        <v>43</v>
      </c>
      <c r="AB2232" s="5" t="s">
        <v>44</v>
      </c>
      <c r="AC2232" s="2" t="s">
        <v>33697</v>
      </c>
      <c r="AD2232" s="1"/>
    </row>
    <row r="2233" spans="1:30">
      <c r="A2233" s="5" t="s">
        <v>83578</v>
      </c>
      <c r="B2233" s="2" t="s">
        <v>90300</v>
      </c>
      <c r="C2233" s="14" t="s">
        <v>90301</v>
      </c>
      <c r="D2233" s="2" t="s">
        <v>90302</v>
      </c>
      <c r="E2233" s="2" t="s">
        <v>33798</v>
      </c>
      <c r="F2233" s="8">
        <v>315</v>
      </c>
      <c r="G2233" s="5">
        <v>10</v>
      </c>
      <c r="H2233" s="5" t="s">
        <v>69</v>
      </c>
      <c r="I2233" s="5" t="s">
        <v>27074</v>
      </c>
      <c r="J2233" s="2" t="s">
        <v>27075</v>
      </c>
      <c r="K2233" s="5" t="s">
        <v>27074</v>
      </c>
      <c r="L2233" s="2" t="s">
        <v>27075</v>
      </c>
      <c r="M2233" s="5" t="s">
        <v>24254</v>
      </c>
      <c r="N2233" s="5" t="s">
        <v>38</v>
      </c>
      <c r="O2233" s="5" t="s">
        <v>39</v>
      </c>
      <c r="P2233" s="5" t="s">
        <v>40</v>
      </c>
      <c r="Q2233" s="5" t="s">
        <v>25301</v>
      </c>
      <c r="R2233" s="5" t="s">
        <v>40</v>
      </c>
      <c r="S2233" s="5" t="s">
        <v>42</v>
      </c>
      <c r="T2233" s="2">
        <v>11.438000000000001</v>
      </c>
      <c r="U2233" s="2">
        <v>9.157</v>
      </c>
      <c r="V2233" s="2">
        <v>0.10299999999999999</v>
      </c>
      <c r="W2233" s="2">
        <v>12</v>
      </c>
      <c r="X2233" s="2">
        <v>62</v>
      </c>
      <c r="Y2233" s="2">
        <v>137.9</v>
      </c>
      <c r="Z2233" s="5">
        <v>8</v>
      </c>
      <c r="AA2233" s="5" t="s">
        <v>43</v>
      </c>
      <c r="AB2233" s="5" t="s">
        <v>44</v>
      </c>
      <c r="AC2233" s="2" t="s">
        <v>33697</v>
      </c>
      <c r="AD2233" s="1"/>
    </row>
    <row r="2234" spans="1:30">
      <c r="A2234" s="5" t="s">
        <v>83578</v>
      </c>
      <c r="B2234" s="2" t="s">
        <v>90303</v>
      </c>
      <c r="C2234" s="14" t="s">
        <v>90304</v>
      </c>
      <c r="D2234" s="2" t="s">
        <v>90305</v>
      </c>
      <c r="E2234" s="2" t="s">
        <v>33701</v>
      </c>
      <c r="F2234" s="8">
        <v>315</v>
      </c>
      <c r="G2234" s="5">
        <v>10</v>
      </c>
      <c r="H2234" s="5" t="s">
        <v>69</v>
      </c>
      <c r="I2234" s="5" t="s">
        <v>27074</v>
      </c>
      <c r="J2234" s="2" t="s">
        <v>27075</v>
      </c>
      <c r="K2234" s="5" t="s">
        <v>27074</v>
      </c>
      <c r="L2234" s="2" t="s">
        <v>27075</v>
      </c>
      <c r="M2234" s="5" t="s">
        <v>24254</v>
      </c>
      <c r="N2234" s="5" t="s">
        <v>38</v>
      </c>
      <c r="O2234" s="5" t="s">
        <v>39</v>
      </c>
      <c r="P2234" s="5" t="s">
        <v>40</v>
      </c>
      <c r="Q2234" s="5" t="s">
        <v>25301</v>
      </c>
      <c r="R2234" s="5" t="s">
        <v>40</v>
      </c>
      <c r="S2234" s="5" t="s">
        <v>42</v>
      </c>
      <c r="T2234" s="2">
        <v>9.5850000000000009</v>
      </c>
      <c r="U2234" s="2">
        <v>7.8310000000000004</v>
      </c>
      <c r="V2234" s="2">
        <v>8.8999999999999996E-2</v>
      </c>
      <c r="W2234" s="2">
        <v>12</v>
      </c>
      <c r="X2234" s="2">
        <v>62</v>
      </c>
      <c r="Y2234" s="2">
        <v>119.4</v>
      </c>
      <c r="Z2234" s="5">
        <v>8</v>
      </c>
      <c r="AA2234" s="5" t="s">
        <v>43</v>
      </c>
      <c r="AB2234" s="5" t="s">
        <v>44</v>
      </c>
      <c r="AC2234" s="2" t="s">
        <v>33697</v>
      </c>
      <c r="AD2234" s="1"/>
    </row>
    <row r="2235" spans="1:30">
      <c r="A2235" s="5" t="s">
        <v>83578</v>
      </c>
      <c r="B2235" s="2" t="s">
        <v>90306</v>
      </c>
      <c r="C2235" s="14" t="s">
        <v>90307</v>
      </c>
      <c r="D2235" s="2" t="s">
        <v>90308</v>
      </c>
      <c r="E2235" s="2" t="s">
        <v>33805</v>
      </c>
      <c r="F2235" s="8">
        <v>315</v>
      </c>
      <c r="G2235" s="5">
        <v>10</v>
      </c>
      <c r="H2235" s="5" t="s">
        <v>69</v>
      </c>
      <c r="I2235" s="5" t="s">
        <v>27074</v>
      </c>
      <c r="J2235" s="2" t="s">
        <v>27075</v>
      </c>
      <c r="K2235" s="5" t="s">
        <v>27074</v>
      </c>
      <c r="L2235" s="2" t="s">
        <v>27075</v>
      </c>
      <c r="M2235" s="5" t="s">
        <v>24254</v>
      </c>
      <c r="N2235" s="5" t="s">
        <v>38</v>
      </c>
      <c r="O2235" s="5" t="s">
        <v>39</v>
      </c>
      <c r="P2235" s="5" t="s">
        <v>40</v>
      </c>
      <c r="Q2235" s="5" t="s">
        <v>25301</v>
      </c>
      <c r="R2235" s="5" t="s">
        <v>40</v>
      </c>
      <c r="S2235" s="5" t="s">
        <v>42</v>
      </c>
      <c r="T2235" s="2">
        <v>9.1820000000000004</v>
      </c>
      <c r="U2235" s="2">
        <v>6.9779999999999998</v>
      </c>
      <c r="V2235" s="2">
        <v>0.10299999999999999</v>
      </c>
      <c r="W2235" s="2">
        <v>12</v>
      </c>
      <c r="X2235" s="2">
        <v>62</v>
      </c>
      <c r="Y2235" s="2">
        <v>137.9</v>
      </c>
      <c r="Z2235" s="5">
        <v>10</v>
      </c>
      <c r="AA2235" s="5" t="s">
        <v>43</v>
      </c>
      <c r="AB2235" s="5" t="s">
        <v>44</v>
      </c>
      <c r="AC2235" s="2" t="s">
        <v>33806</v>
      </c>
      <c r="AD2235" s="1"/>
    </row>
    <row r="2236" spans="1:30">
      <c r="A2236" s="5" t="s">
        <v>83578</v>
      </c>
      <c r="B2236" s="2" t="s">
        <v>90309</v>
      </c>
      <c r="C2236" s="14" t="s">
        <v>90310</v>
      </c>
      <c r="D2236" s="2" t="s">
        <v>90311</v>
      </c>
      <c r="E2236" s="2" t="s">
        <v>33805</v>
      </c>
      <c r="F2236" s="8">
        <v>315</v>
      </c>
      <c r="G2236" s="5">
        <v>10</v>
      </c>
      <c r="H2236" s="5" t="s">
        <v>69</v>
      </c>
      <c r="I2236" s="5" t="s">
        <v>27074</v>
      </c>
      <c r="J2236" s="2" t="s">
        <v>27075</v>
      </c>
      <c r="K2236" s="5" t="s">
        <v>27074</v>
      </c>
      <c r="L2236" s="2" t="s">
        <v>27075</v>
      </c>
      <c r="M2236" s="5" t="s">
        <v>24254</v>
      </c>
      <c r="N2236" s="5" t="s">
        <v>38</v>
      </c>
      <c r="O2236" s="5" t="s">
        <v>39</v>
      </c>
      <c r="P2236" s="5" t="s">
        <v>40</v>
      </c>
      <c r="Q2236" s="5" t="s">
        <v>25301</v>
      </c>
      <c r="R2236" s="5" t="s">
        <v>40</v>
      </c>
      <c r="S2236" s="5" t="s">
        <v>42</v>
      </c>
      <c r="T2236" s="2">
        <v>9.89</v>
      </c>
      <c r="U2236" s="2">
        <v>7.64</v>
      </c>
      <c r="V2236" s="2">
        <v>0.10299999999999999</v>
      </c>
      <c r="W2236" s="2">
        <v>12</v>
      </c>
      <c r="X2236" s="2">
        <v>62</v>
      </c>
      <c r="Y2236" s="2">
        <v>137.9</v>
      </c>
      <c r="Z2236" s="5">
        <v>10</v>
      </c>
      <c r="AA2236" s="5" t="s">
        <v>43</v>
      </c>
      <c r="AB2236" s="5" t="s">
        <v>44</v>
      </c>
      <c r="AC2236" s="2" t="s">
        <v>34421</v>
      </c>
      <c r="AD2236" s="1"/>
    </row>
    <row r="2237" spans="1:30">
      <c r="A2237" s="5" t="s">
        <v>83578</v>
      </c>
      <c r="B2237" s="2" t="s">
        <v>90312</v>
      </c>
      <c r="C2237" s="14" t="s">
        <v>90313</v>
      </c>
      <c r="D2237" s="2" t="s">
        <v>90314</v>
      </c>
      <c r="E2237" s="2" t="s">
        <v>33810</v>
      </c>
      <c r="F2237" s="8">
        <v>315</v>
      </c>
      <c r="G2237" s="5">
        <v>10</v>
      </c>
      <c r="H2237" s="5" t="s">
        <v>69</v>
      </c>
      <c r="I2237" s="5" t="s">
        <v>27074</v>
      </c>
      <c r="J2237" s="2" t="s">
        <v>27075</v>
      </c>
      <c r="K2237" s="5" t="s">
        <v>27074</v>
      </c>
      <c r="L2237" s="2" t="s">
        <v>27075</v>
      </c>
      <c r="M2237" s="5" t="s">
        <v>24254</v>
      </c>
      <c r="N2237" s="5" t="s">
        <v>38</v>
      </c>
      <c r="O2237" s="5" t="s">
        <v>39</v>
      </c>
      <c r="P2237" s="5" t="s">
        <v>40</v>
      </c>
      <c r="Q2237" s="5" t="s">
        <v>25301</v>
      </c>
      <c r="R2237" s="5" t="s">
        <v>40</v>
      </c>
      <c r="S2237" s="5" t="s">
        <v>42</v>
      </c>
      <c r="T2237" s="2">
        <v>7.0270000000000001</v>
      </c>
      <c r="U2237" s="2">
        <v>4.8230000000000004</v>
      </c>
      <c r="V2237" s="2">
        <v>0.10299999999999999</v>
      </c>
      <c r="W2237" s="2">
        <v>12</v>
      </c>
      <c r="X2237" s="2">
        <v>62</v>
      </c>
      <c r="Y2237" s="2">
        <v>137.9</v>
      </c>
      <c r="Z2237" s="5">
        <v>10</v>
      </c>
      <c r="AA2237" s="5" t="s">
        <v>43</v>
      </c>
      <c r="AB2237" s="5" t="s">
        <v>44</v>
      </c>
      <c r="AC2237" s="2" t="s">
        <v>33706</v>
      </c>
      <c r="AD2237" s="1"/>
    </row>
    <row r="2238" spans="1:30">
      <c r="A2238" s="5" t="s">
        <v>83578</v>
      </c>
      <c r="B2238" s="2" t="s">
        <v>90315</v>
      </c>
      <c r="C2238" s="14" t="s">
        <v>90316</v>
      </c>
      <c r="D2238" s="2" t="s">
        <v>90317</v>
      </c>
      <c r="E2238" s="2" t="s">
        <v>33810</v>
      </c>
      <c r="F2238" s="8">
        <v>315</v>
      </c>
      <c r="G2238" s="5">
        <v>10</v>
      </c>
      <c r="H2238" s="5" t="s">
        <v>69</v>
      </c>
      <c r="I2238" s="5" t="s">
        <v>27074</v>
      </c>
      <c r="J2238" s="2" t="s">
        <v>27075</v>
      </c>
      <c r="K2238" s="5" t="s">
        <v>27074</v>
      </c>
      <c r="L2238" s="2" t="s">
        <v>27075</v>
      </c>
      <c r="M2238" s="5" t="s">
        <v>24254</v>
      </c>
      <c r="N2238" s="5" t="s">
        <v>38</v>
      </c>
      <c r="O2238" s="5" t="s">
        <v>39</v>
      </c>
      <c r="P2238" s="5" t="s">
        <v>40</v>
      </c>
      <c r="Q2238" s="5" t="s">
        <v>25301</v>
      </c>
      <c r="R2238" s="5" t="s">
        <v>40</v>
      </c>
      <c r="S2238" s="5" t="s">
        <v>42</v>
      </c>
      <c r="T2238" s="2">
        <v>7.9930000000000003</v>
      </c>
      <c r="U2238" s="2">
        <v>5.7430000000000003</v>
      </c>
      <c r="V2238" s="2">
        <v>0.10299999999999999</v>
      </c>
      <c r="W2238" s="2">
        <v>12</v>
      </c>
      <c r="X2238" s="2">
        <v>62</v>
      </c>
      <c r="Y2238" s="2">
        <v>137.9</v>
      </c>
      <c r="Z2238" s="5">
        <v>10</v>
      </c>
      <c r="AA2238" s="5" t="s">
        <v>43</v>
      </c>
      <c r="AB2238" s="5" t="s">
        <v>44</v>
      </c>
      <c r="AC2238" s="2" t="s">
        <v>33814</v>
      </c>
      <c r="AD2238" s="1"/>
    </row>
    <row r="2239" spans="1:30">
      <c r="A2239" s="5" t="s">
        <v>83578</v>
      </c>
      <c r="B2239" s="2" t="s">
        <v>90318</v>
      </c>
      <c r="C2239" s="14" t="s">
        <v>90319</v>
      </c>
      <c r="D2239" s="2" t="s">
        <v>90320</v>
      </c>
      <c r="E2239" s="2" t="s">
        <v>33705</v>
      </c>
      <c r="F2239" s="8">
        <v>315</v>
      </c>
      <c r="G2239" s="5">
        <v>10</v>
      </c>
      <c r="H2239" s="5" t="s">
        <v>69</v>
      </c>
      <c r="I2239" s="5" t="s">
        <v>27074</v>
      </c>
      <c r="J2239" s="2" t="s">
        <v>27075</v>
      </c>
      <c r="K2239" s="5" t="s">
        <v>27074</v>
      </c>
      <c r="L2239" s="2" t="s">
        <v>27075</v>
      </c>
      <c r="M2239" s="5" t="s">
        <v>24254</v>
      </c>
      <c r="N2239" s="5" t="s">
        <v>38</v>
      </c>
      <c r="O2239" s="5" t="s">
        <v>39</v>
      </c>
      <c r="P2239" s="5" t="s">
        <v>40</v>
      </c>
      <c r="Q2239" s="5" t="s">
        <v>25301</v>
      </c>
      <c r="R2239" s="5" t="s">
        <v>40</v>
      </c>
      <c r="S2239" s="5" t="s">
        <v>42</v>
      </c>
      <c r="T2239" s="2">
        <v>8.1289999999999996</v>
      </c>
      <c r="U2239" s="2">
        <v>5.859</v>
      </c>
      <c r="V2239" s="2">
        <v>0.10299999999999999</v>
      </c>
      <c r="W2239" s="2">
        <v>12</v>
      </c>
      <c r="X2239" s="2">
        <v>62</v>
      </c>
      <c r="Y2239" s="2">
        <v>137.9</v>
      </c>
      <c r="Z2239" s="5">
        <v>10</v>
      </c>
      <c r="AA2239" s="5" t="s">
        <v>43</v>
      </c>
      <c r="AB2239" s="5" t="s">
        <v>44</v>
      </c>
      <c r="AC2239" s="2" t="s">
        <v>33706</v>
      </c>
      <c r="AD2239" s="1"/>
    </row>
    <row r="2240" spans="1:30">
      <c r="A2240" s="5" t="s">
        <v>83578</v>
      </c>
      <c r="B2240" s="2" t="s">
        <v>90321</v>
      </c>
      <c r="C2240" s="14" t="s">
        <v>90322</v>
      </c>
      <c r="D2240" s="2" t="s">
        <v>90323</v>
      </c>
      <c r="E2240" s="2" t="s">
        <v>33705</v>
      </c>
      <c r="F2240" s="8">
        <v>315</v>
      </c>
      <c r="G2240" s="5">
        <v>10</v>
      </c>
      <c r="H2240" s="5" t="s">
        <v>69</v>
      </c>
      <c r="I2240" s="5" t="s">
        <v>27074</v>
      </c>
      <c r="J2240" s="2" t="s">
        <v>27075</v>
      </c>
      <c r="K2240" s="5" t="s">
        <v>27074</v>
      </c>
      <c r="L2240" s="2" t="s">
        <v>27075</v>
      </c>
      <c r="M2240" s="5" t="s">
        <v>24254</v>
      </c>
      <c r="N2240" s="5" t="s">
        <v>38</v>
      </c>
      <c r="O2240" s="5" t="s">
        <v>39</v>
      </c>
      <c r="P2240" s="5" t="s">
        <v>40</v>
      </c>
      <c r="Q2240" s="5" t="s">
        <v>25301</v>
      </c>
      <c r="R2240" s="5" t="s">
        <v>40</v>
      </c>
      <c r="S2240" s="5" t="s">
        <v>42</v>
      </c>
      <c r="T2240" s="2">
        <v>8.91</v>
      </c>
      <c r="U2240" s="2">
        <v>6.5940000000000003</v>
      </c>
      <c r="V2240" s="2">
        <v>0.10299999999999999</v>
      </c>
      <c r="W2240" s="2">
        <v>12</v>
      </c>
      <c r="X2240" s="2">
        <v>62</v>
      </c>
      <c r="Y2240" s="2">
        <v>137.9</v>
      </c>
      <c r="Z2240" s="5">
        <v>10</v>
      </c>
      <c r="AA2240" s="5" t="s">
        <v>43</v>
      </c>
      <c r="AB2240" s="5" t="s">
        <v>44</v>
      </c>
      <c r="AC2240" s="2" t="s">
        <v>33814</v>
      </c>
      <c r="AD2240" s="1"/>
    </row>
    <row r="2241" spans="1:30">
      <c r="A2241" s="5" t="s">
        <v>83578</v>
      </c>
      <c r="B2241" s="2" t="s">
        <v>90324</v>
      </c>
      <c r="C2241" s="14" t="s">
        <v>90325</v>
      </c>
      <c r="D2241" s="2" t="s">
        <v>90326</v>
      </c>
      <c r="E2241" s="2" t="s">
        <v>33805</v>
      </c>
      <c r="F2241" s="8">
        <v>330</v>
      </c>
      <c r="G2241" s="5">
        <v>10</v>
      </c>
      <c r="H2241" s="5" t="s">
        <v>69</v>
      </c>
      <c r="I2241" s="5" t="s">
        <v>27074</v>
      </c>
      <c r="J2241" s="2" t="s">
        <v>27075</v>
      </c>
      <c r="K2241" s="5" t="s">
        <v>27074</v>
      </c>
      <c r="L2241" s="2" t="s">
        <v>27075</v>
      </c>
      <c r="M2241" s="5" t="s">
        <v>24254</v>
      </c>
      <c r="N2241" s="5" t="s">
        <v>38</v>
      </c>
      <c r="O2241" s="5" t="s">
        <v>39</v>
      </c>
      <c r="P2241" s="5" t="s">
        <v>40</v>
      </c>
      <c r="Q2241" s="5" t="s">
        <v>25301</v>
      </c>
      <c r="R2241" s="5" t="s">
        <v>40</v>
      </c>
      <c r="S2241" s="5" t="s">
        <v>42</v>
      </c>
      <c r="T2241" s="2">
        <v>10.752000000000001</v>
      </c>
      <c r="U2241" s="2">
        <v>8.5109999999999992</v>
      </c>
      <c r="V2241" s="2">
        <v>0.11899999999999999</v>
      </c>
      <c r="W2241" s="2">
        <v>12</v>
      </c>
      <c r="X2241" s="2">
        <v>62</v>
      </c>
      <c r="Y2241" s="2">
        <v>159.9</v>
      </c>
      <c r="Z2241" s="5">
        <v>10</v>
      </c>
      <c r="AA2241" s="5" t="s">
        <v>43</v>
      </c>
      <c r="AB2241" s="5" t="s">
        <v>44</v>
      </c>
      <c r="AC2241" s="2" t="s">
        <v>34421</v>
      </c>
      <c r="AD2241" s="1"/>
    </row>
    <row r="2242" spans="1:30">
      <c r="A2242" s="5" t="s">
        <v>83578</v>
      </c>
      <c r="B2242" s="2" t="s">
        <v>90327</v>
      </c>
      <c r="C2242" s="14" t="s">
        <v>90328</v>
      </c>
      <c r="D2242" s="2" t="s">
        <v>90329</v>
      </c>
      <c r="E2242" s="2" t="s">
        <v>33810</v>
      </c>
      <c r="F2242" s="8">
        <v>330</v>
      </c>
      <c r="G2242" s="5">
        <v>10</v>
      </c>
      <c r="H2242" s="5" t="s">
        <v>69</v>
      </c>
      <c r="I2242" s="5" t="s">
        <v>27074</v>
      </c>
      <c r="J2242" s="2" t="s">
        <v>27075</v>
      </c>
      <c r="K2242" s="5" t="s">
        <v>27074</v>
      </c>
      <c r="L2242" s="2" t="s">
        <v>27075</v>
      </c>
      <c r="M2242" s="5" t="s">
        <v>24254</v>
      </c>
      <c r="N2242" s="5" t="s">
        <v>38</v>
      </c>
      <c r="O2242" s="5" t="s">
        <v>39</v>
      </c>
      <c r="P2242" s="5" t="s">
        <v>40</v>
      </c>
      <c r="Q2242" s="5" t="s">
        <v>25301</v>
      </c>
      <c r="R2242" s="5" t="s">
        <v>40</v>
      </c>
      <c r="S2242" s="5" t="s">
        <v>42</v>
      </c>
      <c r="T2242" s="2">
        <v>8.5180000000000007</v>
      </c>
      <c r="U2242" s="2">
        <v>6.2770000000000001</v>
      </c>
      <c r="V2242" s="2">
        <v>0.11899999999999999</v>
      </c>
      <c r="W2242" s="2">
        <v>12</v>
      </c>
      <c r="X2242" s="2">
        <v>62</v>
      </c>
      <c r="Y2242" s="2">
        <v>159.9</v>
      </c>
      <c r="Z2242" s="5">
        <v>10</v>
      </c>
      <c r="AA2242" s="5" t="s">
        <v>43</v>
      </c>
      <c r="AB2242" s="5" t="s">
        <v>44</v>
      </c>
      <c r="AC2242" s="2" t="s">
        <v>33814</v>
      </c>
      <c r="AD2242" s="1"/>
    </row>
    <row r="2243" spans="1:30">
      <c r="A2243" s="5" t="s">
        <v>83578</v>
      </c>
      <c r="B2243" s="2" t="s">
        <v>90330</v>
      </c>
      <c r="C2243" s="14" t="s">
        <v>90331</v>
      </c>
      <c r="D2243" s="2" t="s">
        <v>90332</v>
      </c>
      <c r="E2243" s="2" t="s">
        <v>33677</v>
      </c>
      <c r="F2243" s="8">
        <v>336</v>
      </c>
      <c r="G2243" s="5">
        <v>10</v>
      </c>
      <c r="H2243" s="5" t="s">
        <v>69</v>
      </c>
      <c r="I2243" s="5" t="s">
        <v>27074</v>
      </c>
      <c r="J2243" s="2" t="s">
        <v>27075</v>
      </c>
      <c r="K2243" s="5" t="s">
        <v>27074</v>
      </c>
      <c r="L2243" s="2" t="s">
        <v>27075</v>
      </c>
      <c r="M2243" s="5" t="s">
        <v>24254</v>
      </c>
      <c r="N2243" s="5" t="s">
        <v>38</v>
      </c>
      <c r="O2243" s="5" t="s">
        <v>39</v>
      </c>
      <c r="P2243" s="5" t="s">
        <v>40</v>
      </c>
      <c r="Q2243" s="5" t="s">
        <v>24340</v>
      </c>
      <c r="R2243" s="5" t="s">
        <v>40</v>
      </c>
      <c r="S2243" s="5" t="s">
        <v>42</v>
      </c>
      <c r="T2243" s="2">
        <v>12.747</v>
      </c>
      <c r="U2243" s="2">
        <v>10.074</v>
      </c>
      <c r="V2243" s="2">
        <v>0.14899999999999999</v>
      </c>
      <c r="W2243" s="2">
        <v>12</v>
      </c>
      <c r="X2243" s="2">
        <v>62</v>
      </c>
      <c r="Y2243" s="2">
        <v>199.7</v>
      </c>
      <c r="Z2243" s="5">
        <v>10</v>
      </c>
      <c r="AA2243" s="5" t="s">
        <v>43</v>
      </c>
      <c r="AB2243" s="5" t="s">
        <v>44</v>
      </c>
      <c r="AC2243" s="2" t="s">
        <v>33678</v>
      </c>
      <c r="AD2243" s="1"/>
    </row>
    <row r="2244" spans="1:30">
      <c r="A2244" s="5" t="s">
        <v>83578</v>
      </c>
      <c r="B2244" s="2" t="s">
        <v>90333</v>
      </c>
      <c r="C2244" s="14" t="s">
        <v>90334</v>
      </c>
      <c r="D2244" s="2" t="s">
        <v>90335</v>
      </c>
      <c r="E2244" s="2" t="s">
        <v>33682</v>
      </c>
      <c r="F2244" s="8">
        <v>336</v>
      </c>
      <c r="G2244" s="5">
        <v>10</v>
      </c>
      <c r="H2244" s="5" t="s">
        <v>69</v>
      </c>
      <c r="I2244" s="5" t="s">
        <v>27074</v>
      </c>
      <c r="J2244" s="2" t="s">
        <v>27075</v>
      </c>
      <c r="K2244" s="5" t="s">
        <v>27074</v>
      </c>
      <c r="L2244" s="2" t="s">
        <v>27075</v>
      </c>
      <c r="M2244" s="5" t="s">
        <v>24254</v>
      </c>
      <c r="N2244" s="5" t="s">
        <v>38</v>
      </c>
      <c r="O2244" s="5" t="s">
        <v>39</v>
      </c>
      <c r="P2244" s="5" t="s">
        <v>40</v>
      </c>
      <c r="Q2244" s="5" t="s">
        <v>24340</v>
      </c>
      <c r="R2244" s="5" t="s">
        <v>40</v>
      </c>
      <c r="S2244" s="5" t="s">
        <v>42</v>
      </c>
      <c r="T2244" s="2">
        <v>8.9090000000000007</v>
      </c>
      <c r="U2244" s="2">
        <v>6.5579999999999998</v>
      </c>
      <c r="V2244" s="2">
        <v>0.129</v>
      </c>
      <c r="W2244" s="2">
        <v>12</v>
      </c>
      <c r="X2244" s="2">
        <v>62</v>
      </c>
      <c r="Y2244" s="2">
        <v>172.9</v>
      </c>
      <c r="Z2244" s="5">
        <v>10</v>
      </c>
      <c r="AA2244" s="5" t="s">
        <v>43</v>
      </c>
      <c r="AB2244" s="5" t="s">
        <v>44</v>
      </c>
      <c r="AC2244" s="2" t="s">
        <v>33683</v>
      </c>
      <c r="AD2244" s="1"/>
    </row>
    <row r="2245" spans="1:30">
      <c r="A2245" s="5" t="s">
        <v>83578</v>
      </c>
      <c r="B2245" s="2" t="s">
        <v>90336</v>
      </c>
      <c r="C2245" s="14" t="s">
        <v>90337</v>
      </c>
      <c r="D2245" s="2" t="s">
        <v>90338</v>
      </c>
      <c r="E2245" s="2" t="s">
        <v>33687</v>
      </c>
      <c r="F2245" s="8">
        <v>336</v>
      </c>
      <c r="G2245" s="5">
        <v>10</v>
      </c>
      <c r="H2245" s="5" t="s">
        <v>69</v>
      </c>
      <c r="I2245" s="5" t="s">
        <v>27074</v>
      </c>
      <c r="J2245" s="2" t="s">
        <v>27075</v>
      </c>
      <c r="K2245" s="5" t="s">
        <v>27074</v>
      </c>
      <c r="L2245" s="2" t="s">
        <v>27075</v>
      </c>
      <c r="M2245" s="5" t="s">
        <v>24254</v>
      </c>
      <c r="N2245" s="5" t="s">
        <v>38</v>
      </c>
      <c r="O2245" s="5" t="s">
        <v>39</v>
      </c>
      <c r="P2245" s="5" t="s">
        <v>40</v>
      </c>
      <c r="Q2245" s="5" t="s">
        <v>24340</v>
      </c>
      <c r="R2245" s="5" t="s">
        <v>40</v>
      </c>
      <c r="S2245" s="5" t="s">
        <v>42</v>
      </c>
      <c r="T2245" s="2">
        <v>11.962999999999999</v>
      </c>
      <c r="U2245" s="2">
        <v>9.1780000000000008</v>
      </c>
      <c r="V2245" s="2">
        <v>0.14899999999999999</v>
      </c>
      <c r="W2245" s="2">
        <v>12</v>
      </c>
      <c r="X2245" s="2">
        <v>62</v>
      </c>
      <c r="Y2245" s="2">
        <v>199.7</v>
      </c>
      <c r="Z2245" s="5">
        <v>10</v>
      </c>
      <c r="AA2245" s="5" t="s">
        <v>43</v>
      </c>
      <c r="AB2245" s="5" t="s">
        <v>44</v>
      </c>
      <c r="AC2245" s="2" t="s">
        <v>33688</v>
      </c>
      <c r="AD2245" s="1"/>
    </row>
    <row r="2246" spans="1:30">
      <c r="A2246" s="5" t="s">
        <v>83578</v>
      </c>
      <c r="B2246" s="2" t="s">
        <v>90339</v>
      </c>
      <c r="C2246" s="14" t="s">
        <v>90340</v>
      </c>
      <c r="D2246" s="2" t="s">
        <v>90341</v>
      </c>
      <c r="E2246" s="2" t="s">
        <v>33805</v>
      </c>
      <c r="F2246" s="8">
        <v>336</v>
      </c>
      <c r="G2246" s="5">
        <v>10</v>
      </c>
      <c r="H2246" s="5" t="s">
        <v>69</v>
      </c>
      <c r="I2246" s="5" t="s">
        <v>27074</v>
      </c>
      <c r="J2246" s="2" t="s">
        <v>27075</v>
      </c>
      <c r="K2246" s="5" t="s">
        <v>27074</v>
      </c>
      <c r="L2246" s="2" t="s">
        <v>27075</v>
      </c>
      <c r="M2246" s="5" t="s">
        <v>24254</v>
      </c>
      <c r="N2246" s="5" t="s">
        <v>38</v>
      </c>
      <c r="O2246" s="5" t="s">
        <v>39</v>
      </c>
      <c r="P2246" s="5" t="s">
        <v>40</v>
      </c>
      <c r="Q2246" s="5" t="s">
        <v>25301</v>
      </c>
      <c r="R2246" s="5" t="s">
        <v>40</v>
      </c>
      <c r="S2246" s="5" t="s">
        <v>42</v>
      </c>
      <c r="T2246" s="2">
        <v>11.478</v>
      </c>
      <c r="U2246" s="2">
        <v>8.8049999999999997</v>
      </c>
      <c r="V2246" s="2">
        <v>0.14899999999999999</v>
      </c>
      <c r="W2246" s="2">
        <v>12</v>
      </c>
      <c r="X2246" s="2">
        <v>62</v>
      </c>
      <c r="Y2246" s="2">
        <v>199.7</v>
      </c>
      <c r="Z2246" s="5">
        <v>10</v>
      </c>
      <c r="AA2246" s="5" t="s">
        <v>43</v>
      </c>
      <c r="AB2246" s="5" t="s">
        <v>44</v>
      </c>
      <c r="AC2246" s="2" t="s">
        <v>33806</v>
      </c>
      <c r="AD2246" s="1"/>
    </row>
    <row r="2247" spans="1:30">
      <c r="A2247" s="5" t="s">
        <v>83578</v>
      </c>
      <c r="B2247" s="2" t="s">
        <v>90342</v>
      </c>
      <c r="C2247" s="14" t="s">
        <v>90343</v>
      </c>
      <c r="D2247" s="2" t="s">
        <v>90344</v>
      </c>
      <c r="E2247" s="2" t="s">
        <v>33805</v>
      </c>
      <c r="F2247" s="8">
        <v>336</v>
      </c>
      <c r="G2247" s="5">
        <v>10</v>
      </c>
      <c r="H2247" s="5" t="s">
        <v>69</v>
      </c>
      <c r="I2247" s="5" t="s">
        <v>27074</v>
      </c>
      <c r="J2247" s="2" t="s">
        <v>27075</v>
      </c>
      <c r="K2247" s="5" t="s">
        <v>27074</v>
      </c>
      <c r="L2247" s="2" t="s">
        <v>27075</v>
      </c>
      <c r="M2247" s="5" t="s">
        <v>24254</v>
      </c>
      <c r="N2247" s="5" t="s">
        <v>38</v>
      </c>
      <c r="O2247" s="5" t="s">
        <v>39</v>
      </c>
      <c r="P2247" s="5" t="s">
        <v>40</v>
      </c>
      <c r="Q2247" s="5" t="s">
        <v>25301</v>
      </c>
      <c r="R2247" s="5" t="s">
        <v>40</v>
      </c>
      <c r="S2247" s="5" t="s">
        <v>42</v>
      </c>
      <c r="T2247" s="2">
        <v>12.186</v>
      </c>
      <c r="U2247" s="2">
        <v>9.4670000000000005</v>
      </c>
      <c r="V2247" s="2">
        <v>0.14899999999999999</v>
      </c>
      <c r="W2247" s="2">
        <v>12</v>
      </c>
      <c r="X2247" s="2">
        <v>62</v>
      </c>
      <c r="Y2247" s="2">
        <v>199.7</v>
      </c>
      <c r="Z2247" s="5">
        <v>10</v>
      </c>
      <c r="AA2247" s="5" t="s">
        <v>43</v>
      </c>
      <c r="AB2247" s="5" t="s">
        <v>44</v>
      </c>
      <c r="AC2247" s="2" t="s">
        <v>34421</v>
      </c>
      <c r="AD2247" s="1"/>
    </row>
    <row r="2248" spans="1:30">
      <c r="A2248" s="5" t="s">
        <v>83578</v>
      </c>
      <c r="B2248" s="2" t="s">
        <v>90345</v>
      </c>
      <c r="C2248" s="14" t="s">
        <v>90346</v>
      </c>
      <c r="D2248" s="2" t="s">
        <v>90347</v>
      </c>
      <c r="E2248" s="2" t="s">
        <v>33810</v>
      </c>
      <c r="F2248" s="8">
        <v>336</v>
      </c>
      <c r="G2248" s="5">
        <v>10</v>
      </c>
      <c r="H2248" s="5" t="s">
        <v>69</v>
      </c>
      <c r="I2248" s="5" t="s">
        <v>27074</v>
      </c>
      <c r="J2248" s="2" t="s">
        <v>27075</v>
      </c>
      <c r="K2248" s="5" t="s">
        <v>27074</v>
      </c>
      <c r="L2248" s="2" t="s">
        <v>27075</v>
      </c>
      <c r="M2248" s="5" t="s">
        <v>24254</v>
      </c>
      <c r="N2248" s="5" t="s">
        <v>38</v>
      </c>
      <c r="O2248" s="5" t="s">
        <v>39</v>
      </c>
      <c r="P2248" s="5" t="s">
        <v>40</v>
      </c>
      <c r="Q2248" s="5" t="s">
        <v>25301</v>
      </c>
      <c r="R2248" s="5" t="s">
        <v>40</v>
      </c>
      <c r="S2248" s="5" t="s">
        <v>42</v>
      </c>
      <c r="T2248" s="2">
        <v>8.2959999999999994</v>
      </c>
      <c r="U2248" s="2">
        <v>5.9450000000000003</v>
      </c>
      <c r="V2248" s="2">
        <v>0.129</v>
      </c>
      <c r="W2248" s="2">
        <v>12</v>
      </c>
      <c r="X2248" s="2">
        <v>62</v>
      </c>
      <c r="Y2248" s="2">
        <v>172.9</v>
      </c>
      <c r="Z2248" s="5">
        <v>10</v>
      </c>
      <c r="AA2248" s="5" t="s">
        <v>43</v>
      </c>
      <c r="AB2248" s="5" t="s">
        <v>44</v>
      </c>
      <c r="AC2248" s="2" t="s">
        <v>33706</v>
      </c>
      <c r="AD2248" s="1"/>
    </row>
    <row r="2249" spans="1:30">
      <c r="A2249" s="5" t="s">
        <v>83578</v>
      </c>
      <c r="B2249" s="2" t="s">
        <v>90348</v>
      </c>
      <c r="C2249" s="14" t="s">
        <v>90349</v>
      </c>
      <c r="D2249" s="2" t="s">
        <v>90350</v>
      </c>
      <c r="E2249" s="2" t="s">
        <v>33810</v>
      </c>
      <c r="F2249" s="8">
        <v>336</v>
      </c>
      <c r="G2249" s="5">
        <v>10</v>
      </c>
      <c r="H2249" s="5" t="s">
        <v>69</v>
      </c>
      <c r="I2249" s="5" t="s">
        <v>27074</v>
      </c>
      <c r="J2249" s="2" t="s">
        <v>27075</v>
      </c>
      <c r="K2249" s="5" t="s">
        <v>27074</v>
      </c>
      <c r="L2249" s="2" t="s">
        <v>27075</v>
      </c>
      <c r="M2249" s="5" t="s">
        <v>24254</v>
      </c>
      <c r="N2249" s="5" t="s">
        <v>38</v>
      </c>
      <c r="O2249" s="5" t="s">
        <v>39</v>
      </c>
      <c r="P2249" s="5" t="s">
        <v>40</v>
      </c>
      <c r="Q2249" s="5" t="s">
        <v>25301</v>
      </c>
      <c r="R2249" s="5" t="s">
        <v>40</v>
      </c>
      <c r="S2249" s="5" t="s">
        <v>42</v>
      </c>
      <c r="T2249" s="2">
        <v>9.2620000000000005</v>
      </c>
      <c r="U2249" s="2">
        <v>6.8650000000000002</v>
      </c>
      <c r="V2249" s="2">
        <v>0.129</v>
      </c>
      <c r="W2249" s="2">
        <v>12</v>
      </c>
      <c r="X2249" s="2">
        <v>62</v>
      </c>
      <c r="Y2249" s="2">
        <v>172.9</v>
      </c>
      <c r="Z2249" s="5">
        <v>10</v>
      </c>
      <c r="AA2249" s="5" t="s">
        <v>43</v>
      </c>
      <c r="AB2249" s="5" t="s">
        <v>44</v>
      </c>
      <c r="AC2249" s="2" t="s">
        <v>33814</v>
      </c>
      <c r="AD2249" s="1"/>
    </row>
    <row r="2250" spans="1:30">
      <c r="A2250" s="5" t="s">
        <v>83578</v>
      </c>
      <c r="B2250" s="2" t="s">
        <v>90351</v>
      </c>
      <c r="C2250" s="14" t="s">
        <v>90352</v>
      </c>
      <c r="D2250" s="2" t="s">
        <v>90353</v>
      </c>
      <c r="E2250" s="2" t="s">
        <v>33705</v>
      </c>
      <c r="F2250" s="8">
        <v>336</v>
      </c>
      <c r="G2250" s="5">
        <v>10</v>
      </c>
      <c r="H2250" s="5" t="s">
        <v>69</v>
      </c>
      <c r="I2250" s="5" t="s">
        <v>27074</v>
      </c>
      <c r="J2250" s="2" t="s">
        <v>27075</v>
      </c>
      <c r="K2250" s="5" t="s">
        <v>27074</v>
      </c>
      <c r="L2250" s="2" t="s">
        <v>27075</v>
      </c>
      <c r="M2250" s="5" t="s">
        <v>24254</v>
      </c>
      <c r="N2250" s="5" t="s">
        <v>38</v>
      </c>
      <c r="O2250" s="5" t="s">
        <v>39</v>
      </c>
      <c r="P2250" s="5" t="s">
        <v>40</v>
      </c>
      <c r="Q2250" s="5" t="s">
        <v>25301</v>
      </c>
      <c r="R2250" s="5" t="s">
        <v>40</v>
      </c>
      <c r="S2250" s="5" t="s">
        <v>42</v>
      </c>
      <c r="T2250" s="2">
        <v>10.071999999999999</v>
      </c>
      <c r="U2250" s="2">
        <v>7.3330000000000002</v>
      </c>
      <c r="V2250" s="2">
        <v>0.14899999999999999</v>
      </c>
      <c r="W2250" s="2">
        <v>12</v>
      </c>
      <c r="X2250" s="2">
        <v>62</v>
      </c>
      <c r="Y2250" s="2">
        <v>199.7</v>
      </c>
      <c r="Z2250" s="5">
        <v>10</v>
      </c>
      <c r="AA2250" s="5" t="s">
        <v>43</v>
      </c>
      <c r="AB2250" s="5" t="s">
        <v>44</v>
      </c>
      <c r="AC2250" s="2" t="s">
        <v>33706</v>
      </c>
      <c r="AD2250" s="1"/>
    </row>
    <row r="2251" spans="1:30">
      <c r="A2251" s="5" t="s">
        <v>83578</v>
      </c>
      <c r="B2251" s="2" t="s">
        <v>90354</v>
      </c>
      <c r="C2251" s="14" t="s">
        <v>90355</v>
      </c>
      <c r="D2251" s="2" t="s">
        <v>90356</v>
      </c>
      <c r="E2251" s="2" t="s">
        <v>33705</v>
      </c>
      <c r="F2251" s="8">
        <v>336</v>
      </c>
      <c r="G2251" s="5">
        <v>10</v>
      </c>
      <c r="H2251" s="5" t="s">
        <v>69</v>
      </c>
      <c r="I2251" s="5" t="s">
        <v>27074</v>
      </c>
      <c r="J2251" s="2" t="s">
        <v>27075</v>
      </c>
      <c r="K2251" s="5" t="s">
        <v>27074</v>
      </c>
      <c r="L2251" s="2" t="s">
        <v>27075</v>
      </c>
      <c r="M2251" s="5" t="s">
        <v>24254</v>
      </c>
      <c r="N2251" s="5" t="s">
        <v>38</v>
      </c>
      <c r="O2251" s="5" t="s">
        <v>39</v>
      </c>
      <c r="P2251" s="5" t="s">
        <v>40</v>
      </c>
      <c r="Q2251" s="5" t="s">
        <v>25301</v>
      </c>
      <c r="R2251" s="5" t="s">
        <v>40</v>
      </c>
      <c r="S2251" s="5" t="s">
        <v>42</v>
      </c>
      <c r="T2251" s="2">
        <v>10.853</v>
      </c>
      <c r="U2251" s="2">
        <v>8.0679999999999996</v>
      </c>
      <c r="V2251" s="2">
        <v>0.14899999999999999</v>
      </c>
      <c r="W2251" s="2">
        <v>12</v>
      </c>
      <c r="X2251" s="2">
        <v>62</v>
      </c>
      <c r="Y2251" s="2">
        <v>199.7</v>
      </c>
      <c r="Z2251" s="5">
        <v>10</v>
      </c>
      <c r="AA2251" s="5" t="s">
        <v>43</v>
      </c>
      <c r="AB2251" s="5" t="s">
        <v>44</v>
      </c>
      <c r="AC2251" s="2" t="s">
        <v>33814</v>
      </c>
      <c r="AD2251" s="1"/>
    </row>
    <row r="2252" spans="1:30">
      <c r="A2252" s="5" t="s">
        <v>83578</v>
      </c>
      <c r="B2252" s="2" t="s">
        <v>90357</v>
      </c>
      <c r="C2252" s="14" t="s">
        <v>90358</v>
      </c>
      <c r="D2252" s="2" t="s">
        <v>90359</v>
      </c>
      <c r="E2252" s="2" t="s">
        <v>33677</v>
      </c>
      <c r="F2252" s="8">
        <v>326</v>
      </c>
      <c r="G2252" s="5">
        <v>10</v>
      </c>
      <c r="H2252" s="5" t="s">
        <v>69</v>
      </c>
      <c r="I2252" s="5" t="s">
        <v>27074</v>
      </c>
      <c r="J2252" s="2" t="s">
        <v>27075</v>
      </c>
      <c r="K2252" s="5" t="s">
        <v>27074</v>
      </c>
      <c r="L2252" s="2" t="s">
        <v>27075</v>
      </c>
      <c r="M2252" s="5" t="s">
        <v>24254</v>
      </c>
      <c r="N2252" s="5" t="s">
        <v>38</v>
      </c>
      <c r="O2252" s="5" t="s">
        <v>39</v>
      </c>
      <c r="P2252" s="5" t="s">
        <v>40</v>
      </c>
      <c r="Q2252" s="5" t="s">
        <v>24340</v>
      </c>
      <c r="R2252" s="5" t="s">
        <v>40</v>
      </c>
      <c r="S2252" s="5" t="s">
        <v>42</v>
      </c>
      <c r="T2252" s="2">
        <v>10.417999999999999</v>
      </c>
      <c r="U2252" s="2">
        <v>8.2140000000000004</v>
      </c>
      <c r="V2252" s="2">
        <v>0.10299999999999999</v>
      </c>
      <c r="W2252" s="2">
        <v>12</v>
      </c>
      <c r="X2252" s="2">
        <v>62</v>
      </c>
      <c r="Y2252" s="2">
        <v>137.9</v>
      </c>
      <c r="Z2252" s="5">
        <v>10</v>
      </c>
      <c r="AA2252" s="5" t="s">
        <v>43</v>
      </c>
      <c r="AB2252" s="5" t="s">
        <v>44</v>
      </c>
      <c r="AC2252" s="2" t="s">
        <v>33678</v>
      </c>
      <c r="AD2252" s="1"/>
    </row>
    <row r="2253" spans="1:30">
      <c r="A2253" s="5" t="s">
        <v>83578</v>
      </c>
      <c r="B2253" s="2" t="s">
        <v>90360</v>
      </c>
      <c r="C2253" s="14" t="s">
        <v>90361</v>
      </c>
      <c r="D2253" s="2" t="s">
        <v>90362</v>
      </c>
      <c r="E2253" s="2" t="s">
        <v>33682</v>
      </c>
      <c r="F2253" s="8">
        <v>326</v>
      </c>
      <c r="G2253" s="5">
        <v>10</v>
      </c>
      <c r="H2253" s="5" t="s">
        <v>69</v>
      </c>
      <c r="I2253" s="5" t="s">
        <v>27074</v>
      </c>
      <c r="J2253" s="2" t="s">
        <v>27075</v>
      </c>
      <c r="K2253" s="5" t="s">
        <v>27074</v>
      </c>
      <c r="L2253" s="2" t="s">
        <v>27075</v>
      </c>
      <c r="M2253" s="5" t="s">
        <v>24254</v>
      </c>
      <c r="N2253" s="5" t="s">
        <v>38</v>
      </c>
      <c r="O2253" s="5" t="s">
        <v>39</v>
      </c>
      <c r="P2253" s="5" t="s">
        <v>40</v>
      </c>
      <c r="Q2253" s="5" t="s">
        <v>24340</v>
      </c>
      <c r="R2253" s="5" t="s">
        <v>40</v>
      </c>
      <c r="S2253" s="5" t="s">
        <v>42</v>
      </c>
      <c r="T2253" s="2">
        <v>7.7770000000000001</v>
      </c>
      <c r="U2253" s="2">
        <v>5.5730000000000004</v>
      </c>
      <c r="V2253" s="2">
        <v>0.10299999999999999</v>
      </c>
      <c r="W2253" s="2">
        <v>12</v>
      </c>
      <c r="X2253" s="2">
        <v>62</v>
      </c>
      <c r="Y2253" s="2">
        <v>137.9</v>
      </c>
      <c r="Z2253" s="5">
        <v>10</v>
      </c>
      <c r="AA2253" s="5" t="s">
        <v>43</v>
      </c>
      <c r="AB2253" s="5" t="s">
        <v>44</v>
      </c>
      <c r="AC2253" s="2" t="s">
        <v>33683</v>
      </c>
      <c r="AD2253" s="1"/>
    </row>
    <row r="2254" spans="1:30">
      <c r="A2254" s="5" t="s">
        <v>83578</v>
      </c>
      <c r="B2254" s="2" t="s">
        <v>90363</v>
      </c>
      <c r="C2254" s="14" t="s">
        <v>90364</v>
      </c>
      <c r="D2254" s="2" t="s">
        <v>90365</v>
      </c>
      <c r="E2254" s="2" t="s">
        <v>33805</v>
      </c>
      <c r="F2254" s="8">
        <v>326</v>
      </c>
      <c r="G2254" s="5">
        <v>10</v>
      </c>
      <c r="H2254" s="5" t="s">
        <v>69</v>
      </c>
      <c r="I2254" s="5" t="s">
        <v>27074</v>
      </c>
      <c r="J2254" s="2" t="s">
        <v>27075</v>
      </c>
      <c r="K2254" s="5" t="s">
        <v>27074</v>
      </c>
      <c r="L2254" s="2" t="s">
        <v>27075</v>
      </c>
      <c r="M2254" s="5" t="s">
        <v>24254</v>
      </c>
      <c r="N2254" s="5" t="s">
        <v>38</v>
      </c>
      <c r="O2254" s="5" t="s">
        <v>39</v>
      </c>
      <c r="P2254" s="5" t="s">
        <v>40</v>
      </c>
      <c r="Q2254" s="5" t="s">
        <v>25301</v>
      </c>
      <c r="R2254" s="5" t="s">
        <v>40</v>
      </c>
      <c r="S2254" s="5" t="s">
        <v>42</v>
      </c>
      <c r="T2254" s="2">
        <v>9.43</v>
      </c>
      <c r="U2254" s="2">
        <v>7.226</v>
      </c>
      <c r="V2254" s="2">
        <v>0.10299999999999999</v>
      </c>
      <c r="W2254" s="2">
        <v>12</v>
      </c>
      <c r="X2254" s="2">
        <v>62</v>
      </c>
      <c r="Y2254" s="2">
        <v>137.9</v>
      </c>
      <c r="Z2254" s="5">
        <v>10</v>
      </c>
      <c r="AA2254" s="5" t="s">
        <v>43</v>
      </c>
      <c r="AB2254" s="5" t="s">
        <v>44</v>
      </c>
      <c r="AC2254" s="2" t="s">
        <v>33806</v>
      </c>
      <c r="AD2254" s="1"/>
    </row>
    <row r="2255" spans="1:30">
      <c r="A2255" s="5" t="s">
        <v>83578</v>
      </c>
      <c r="B2255" s="2" t="s">
        <v>90366</v>
      </c>
      <c r="C2255" s="14" t="s">
        <v>90367</v>
      </c>
      <c r="D2255" s="2" t="s">
        <v>90368</v>
      </c>
      <c r="E2255" s="2" t="s">
        <v>33805</v>
      </c>
      <c r="F2255" s="8">
        <v>326</v>
      </c>
      <c r="G2255" s="5">
        <v>10</v>
      </c>
      <c r="H2255" s="5" t="s">
        <v>69</v>
      </c>
      <c r="I2255" s="5" t="s">
        <v>27074</v>
      </c>
      <c r="J2255" s="2" t="s">
        <v>27075</v>
      </c>
      <c r="K2255" s="5" t="s">
        <v>27074</v>
      </c>
      <c r="L2255" s="2" t="s">
        <v>27075</v>
      </c>
      <c r="M2255" s="5" t="s">
        <v>24254</v>
      </c>
      <c r="N2255" s="5" t="s">
        <v>38</v>
      </c>
      <c r="O2255" s="5" t="s">
        <v>39</v>
      </c>
      <c r="P2255" s="5" t="s">
        <v>40</v>
      </c>
      <c r="Q2255" s="5" t="s">
        <v>25301</v>
      </c>
      <c r="R2255" s="5" t="s">
        <v>40</v>
      </c>
      <c r="S2255" s="5" t="s">
        <v>42</v>
      </c>
      <c r="T2255" s="2">
        <v>10.218</v>
      </c>
      <c r="U2255" s="2">
        <v>7.968</v>
      </c>
      <c r="V2255" s="2">
        <v>0.10299999999999999</v>
      </c>
      <c r="W2255" s="2">
        <v>12</v>
      </c>
      <c r="X2255" s="2">
        <v>62</v>
      </c>
      <c r="Y2255" s="2">
        <v>137.9</v>
      </c>
      <c r="Z2255" s="5">
        <v>10</v>
      </c>
      <c r="AA2255" s="5" t="s">
        <v>43</v>
      </c>
      <c r="AB2255" s="5" t="s">
        <v>44</v>
      </c>
      <c r="AC2255" s="2" t="s">
        <v>34421</v>
      </c>
      <c r="AD2255" s="1"/>
    </row>
    <row r="2256" spans="1:30">
      <c r="A2256" s="5" t="s">
        <v>83578</v>
      </c>
      <c r="B2256" s="2" t="s">
        <v>90369</v>
      </c>
      <c r="C2256" s="14" t="s">
        <v>90370</v>
      </c>
      <c r="D2256" s="2" t="s">
        <v>90371</v>
      </c>
      <c r="E2256" s="2" t="s">
        <v>33810</v>
      </c>
      <c r="F2256" s="8">
        <v>326</v>
      </c>
      <c r="G2256" s="5">
        <v>10</v>
      </c>
      <c r="H2256" s="5" t="s">
        <v>69</v>
      </c>
      <c r="I2256" s="5" t="s">
        <v>27074</v>
      </c>
      <c r="J2256" s="2" t="s">
        <v>27075</v>
      </c>
      <c r="K2256" s="5" t="s">
        <v>27074</v>
      </c>
      <c r="L2256" s="2" t="s">
        <v>27075</v>
      </c>
      <c r="M2256" s="5" t="s">
        <v>24254</v>
      </c>
      <c r="N2256" s="5" t="s">
        <v>38</v>
      </c>
      <c r="O2256" s="5" t="s">
        <v>39</v>
      </c>
      <c r="P2256" s="5" t="s">
        <v>40</v>
      </c>
      <c r="Q2256" s="5" t="s">
        <v>25301</v>
      </c>
      <c r="R2256" s="5" t="s">
        <v>40</v>
      </c>
      <c r="S2256" s="5" t="s">
        <v>42</v>
      </c>
      <c r="T2256" s="2">
        <v>7.2750000000000004</v>
      </c>
      <c r="U2256" s="2">
        <v>5.0709999999999997</v>
      </c>
      <c r="V2256" s="2">
        <v>0.10299999999999999</v>
      </c>
      <c r="W2256" s="2">
        <v>12</v>
      </c>
      <c r="X2256" s="2">
        <v>62</v>
      </c>
      <c r="Y2256" s="2">
        <v>137.9</v>
      </c>
      <c r="Z2256" s="5">
        <v>10</v>
      </c>
      <c r="AA2256" s="5" t="s">
        <v>43</v>
      </c>
      <c r="AB2256" s="5" t="s">
        <v>44</v>
      </c>
      <c r="AC2256" s="2" t="s">
        <v>33706</v>
      </c>
      <c r="AD2256" s="1"/>
    </row>
    <row r="2257" spans="1:30">
      <c r="A2257" s="5" t="s">
        <v>83578</v>
      </c>
      <c r="B2257" s="2" t="s">
        <v>90372</v>
      </c>
      <c r="C2257" s="14" t="s">
        <v>90373</v>
      </c>
      <c r="D2257" s="2" t="s">
        <v>90374</v>
      </c>
      <c r="E2257" s="2" t="s">
        <v>33810</v>
      </c>
      <c r="F2257" s="8">
        <v>326</v>
      </c>
      <c r="G2257" s="5">
        <v>10</v>
      </c>
      <c r="H2257" s="5" t="s">
        <v>69</v>
      </c>
      <c r="I2257" s="5" t="s">
        <v>27074</v>
      </c>
      <c r="J2257" s="2" t="s">
        <v>27075</v>
      </c>
      <c r="K2257" s="5" t="s">
        <v>27074</v>
      </c>
      <c r="L2257" s="2" t="s">
        <v>27075</v>
      </c>
      <c r="M2257" s="5" t="s">
        <v>24254</v>
      </c>
      <c r="N2257" s="5" t="s">
        <v>38</v>
      </c>
      <c r="O2257" s="5" t="s">
        <v>39</v>
      </c>
      <c r="P2257" s="5" t="s">
        <v>40</v>
      </c>
      <c r="Q2257" s="5" t="s">
        <v>25301</v>
      </c>
      <c r="R2257" s="5" t="s">
        <v>40</v>
      </c>
      <c r="S2257" s="5" t="s">
        <v>42</v>
      </c>
      <c r="T2257" s="2">
        <v>8.3209999999999997</v>
      </c>
      <c r="U2257" s="2">
        <v>6.0709999999999997</v>
      </c>
      <c r="V2257" s="2">
        <v>0.10299999999999999</v>
      </c>
      <c r="W2257" s="2">
        <v>12</v>
      </c>
      <c r="X2257" s="2">
        <v>62</v>
      </c>
      <c r="Y2257" s="2">
        <v>137.9</v>
      </c>
      <c r="Z2257" s="5">
        <v>10</v>
      </c>
      <c r="AA2257" s="5" t="s">
        <v>43</v>
      </c>
      <c r="AB2257" s="5" t="s">
        <v>44</v>
      </c>
      <c r="AC2257" s="2" t="s">
        <v>33814</v>
      </c>
      <c r="AD2257" s="1"/>
    </row>
    <row r="2258" spans="1:30">
      <c r="A2258" s="5" t="s">
        <v>83578</v>
      </c>
      <c r="B2258" s="2" t="s">
        <v>90375</v>
      </c>
      <c r="C2258" s="14" t="s">
        <v>90376</v>
      </c>
      <c r="D2258" s="2" t="s">
        <v>90377</v>
      </c>
      <c r="E2258" s="2" t="s">
        <v>33705</v>
      </c>
      <c r="F2258" s="8">
        <v>326</v>
      </c>
      <c r="G2258" s="5">
        <v>10</v>
      </c>
      <c r="H2258" s="5" t="s">
        <v>69</v>
      </c>
      <c r="I2258" s="5" t="s">
        <v>27074</v>
      </c>
      <c r="J2258" s="2" t="s">
        <v>27075</v>
      </c>
      <c r="K2258" s="5" t="s">
        <v>27074</v>
      </c>
      <c r="L2258" s="2" t="s">
        <v>27075</v>
      </c>
      <c r="M2258" s="5" t="s">
        <v>24254</v>
      </c>
      <c r="N2258" s="5" t="s">
        <v>38</v>
      </c>
      <c r="O2258" s="5" t="s">
        <v>39</v>
      </c>
      <c r="P2258" s="5" t="s">
        <v>40</v>
      </c>
      <c r="Q2258" s="5" t="s">
        <v>25301</v>
      </c>
      <c r="R2258" s="5" t="s">
        <v>40</v>
      </c>
      <c r="S2258" s="5" t="s">
        <v>42</v>
      </c>
      <c r="T2258" s="2">
        <v>8.391</v>
      </c>
      <c r="U2258" s="2">
        <v>6.1079999999999997</v>
      </c>
      <c r="V2258" s="2">
        <v>0.10299999999999999</v>
      </c>
      <c r="W2258" s="2">
        <v>12</v>
      </c>
      <c r="X2258" s="2">
        <v>62</v>
      </c>
      <c r="Y2258" s="2">
        <v>137.9</v>
      </c>
      <c r="Z2258" s="5">
        <v>10</v>
      </c>
      <c r="AA2258" s="5" t="s">
        <v>43</v>
      </c>
      <c r="AB2258" s="5" t="s">
        <v>44</v>
      </c>
      <c r="AC2258" s="2" t="s">
        <v>33706</v>
      </c>
      <c r="AD2258" s="1"/>
    </row>
    <row r="2259" spans="1:30">
      <c r="A2259" s="5" t="s">
        <v>83578</v>
      </c>
      <c r="B2259" s="2" t="s">
        <v>90378</v>
      </c>
      <c r="C2259" s="14" t="s">
        <v>90379</v>
      </c>
      <c r="D2259" s="2" t="s">
        <v>90380</v>
      </c>
      <c r="E2259" s="2" t="s">
        <v>33705</v>
      </c>
      <c r="F2259" s="8">
        <v>326</v>
      </c>
      <c r="G2259" s="5">
        <v>10</v>
      </c>
      <c r="H2259" s="5" t="s">
        <v>69</v>
      </c>
      <c r="I2259" s="5" t="s">
        <v>27074</v>
      </c>
      <c r="J2259" s="2" t="s">
        <v>27075</v>
      </c>
      <c r="K2259" s="5" t="s">
        <v>27074</v>
      </c>
      <c r="L2259" s="2" t="s">
        <v>27075</v>
      </c>
      <c r="M2259" s="5" t="s">
        <v>24254</v>
      </c>
      <c r="N2259" s="5" t="s">
        <v>38</v>
      </c>
      <c r="O2259" s="5" t="s">
        <v>39</v>
      </c>
      <c r="P2259" s="5" t="s">
        <v>40</v>
      </c>
      <c r="Q2259" s="5" t="s">
        <v>25301</v>
      </c>
      <c r="R2259" s="5" t="s">
        <v>40</v>
      </c>
      <c r="S2259" s="5" t="s">
        <v>42</v>
      </c>
      <c r="T2259" s="2">
        <v>9.25</v>
      </c>
      <c r="U2259" s="2">
        <v>6.9210000000000003</v>
      </c>
      <c r="V2259" s="2">
        <v>0.10299999999999999</v>
      </c>
      <c r="W2259" s="2">
        <v>12</v>
      </c>
      <c r="X2259" s="2">
        <v>62</v>
      </c>
      <c r="Y2259" s="2">
        <v>137.9</v>
      </c>
      <c r="Z2259" s="5">
        <v>10</v>
      </c>
      <c r="AA2259" s="5" t="s">
        <v>43</v>
      </c>
      <c r="AB2259" s="5" t="s">
        <v>44</v>
      </c>
      <c r="AC2259" s="2" t="s">
        <v>33814</v>
      </c>
      <c r="AD2259" s="1"/>
    </row>
    <row r="2260" spans="1:30">
      <c r="A2260" s="5" t="s">
        <v>83578</v>
      </c>
      <c r="B2260" s="2" t="s">
        <v>90381</v>
      </c>
      <c r="C2260" s="14" t="s">
        <v>90382</v>
      </c>
      <c r="D2260" s="2" t="s">
        <v>90383</v>
      </c>
      <c r="E2260" s="2" t="s">
        <v>33805</v>
      </c>
      <c r="F2260" s="8">
        <v>336</v>
      </c>
      <c r="G2260" s="5">
        <v>10</v>
      </c>
      <c r="H2260" s="5" t="s">
        <v>69</v>
      </c>
      <c r="I2260" s="5" t="s">
        <v>27074</v>
      </c>
      <c r="J2260" s="2" t="s">
        <v>27075</v>
      </c>
      <c r="K2260" s="5" t="s">
        <v>27074</v>
      </c>
      <c r="L2260" s="2" t="s">
        <v>27075</v>
      </c>
      <c r="M2260" s="5" t="s">
        <v>24254</v>
      </c>
      <c r="N2260" s="5" t="s">
        <v>38</v>
      </c>
      <c r="O2260" s="5" t="s">
        <v>39</v>
      </c>
      <c r="P2260" s="5" t="s">
        <v>40</v>
      </c>
      <c r="Q2260" s="5" t="s">
        <v>25301</v>
      </c>
      <c r="R2260" s="5" t="s">
        <v>40</v>
      </c>
      <c r="S2260" s="5" t="s">
        <v>42</v>
      </c>
      <c r="T2260" s="2">
        <v>10.292</v>
      </c>
      <c r="U2260" s="2">
        <v>8.0969999999999995</v>
      </c>
      <c r="V2260" s="2">
        <v>0.11899999999999999</v>
      </c>
      <c r="W2260" s="2">
        <v>12</v>
      </c>
      <c r="X2260" s="2">
        <v>62</v>
      </c>
      <c r="Y2260" s="2">
        <v>159.9</v>
      </c>
      <c r="Z2260" s="5">
        <v>10</v>
      </c>
      <c r="AA2260" s="5" t="s">
        <v>43</v>
      </c>
      <c r="AB2260" s="5" t="s">
        <v>44</v>
      </c>
      <c r="AC2260" s="2" t="s">
        <v>33806</v>
      </c>
      <c r="AD2260" s="1"/>
    </row>
    <row r="2261" spans="1:30">
      <c r="A2261" s="5" t="s">
        <v>83578</v>
      </c>
      <c r="B2261" s="2" t="s">
        <v>90384</v>
      </c>
      <c r="C2261" s="14" t="s">
        <v>90385</v>
      </c>
      <c r="D2261" s="2" t="s">
        <v>90386</v>
      </c>
      <c r="E2261" s="2" t="s">
        <v>33805</v>
      </c>
      <c r="F2261" s="8">
        <v>336</v>
      </c>
      <c r="G2261" s="5">
        <v>10</v>
      </c>
      <c r="H2261" s="5" t="s">
        <v>69</v>
      </c>
      <c r="I2261" s="5" t="s">
        <v>27074</v>
      </c>
      <c r="J2261" s="2" t="s">
        <v>27075</v>
      </c>
      <c r="K2261" s="5" t="s">
        <v>27074</v>
      </c>
      <c r="L2261" s="2" t="s">
        <v>27075</v>
      </c>
      <c r="M2261" s="5" t="s">
        <v>24254</v>
      </c>
      <c r="N2261" s="5" t="s">
        <v>38</v>
      </c>
      <c r="O2261" s="5" t="s">
        <v>39</v>
      </c>
      <c r="P2261" s="5" t="s">
        <v>40</v>
      </c>
      <c r="Q2261" s="5" t="s">
        <v>25301</v>
      </c>
      <c r="R2261" s="5" t="s">
        <v>40</v>
      </c>
      <c r="S2261" s="5" t="s">
        <v>42</v>
      </c>
      <c r="T2261" s="2">
        <v>11.08</v>
      </c>
      <c r="U2261" s="2">
        <v>8.8390000000000004</v>
      </c>
      <c r="V2261" s="2">
        <v>0.11899999999999999</v>
      </c>
      <c r="W2261" s="2">
        <v>12</v>
      </c>
      <c r="X2261" s="2">
        <v>62</v>
      </c>
      <c r="Y2261" s="2">
        <v>159.9</v>
      </c>
      <c r="Z2261" s="5">
        <v>10</v>
      </c>
      <c r="AA2261" s="5" t="s">
        <v>43</v>
      </c>
      <c r="AB2261" s="5" t="s">
        <v>44</v>
      </c>
      <c r="AC2261" s="2" t="s">
        <v>34421</v>
      </c>
      <c r="AD2261" s="1"/>
    </row>
    <row r="2262" spans="1:30">
      <c r="A2262" s="5" t="s">
        <v>83578</v>
      </c>
      <c r="B2262" s="2" t="s">
        <v>90387</v>
      </c>
      <c r="C2262" s="14" t="s">
        <v>90388</v>
      </c>
      <c r="D2262" s="2" t="s">
        <v>90389</v>
      </c>
      <c r="E2262" s="2" t="s">
        <v>33810</v>
      </c>
      <c r="F2262" s="8">
        <v>336</v>
      </c>
      <c r="G2262" s="5">
        <v>10</v>
      </c>
      <c r="H2262" s="5" t="s">
        <v>69</v>
      </c>
      <c r="I2262" s="5" t="s">
        <v>27074</v>
      </c>
      <c r="J2262" s="2" t="s">
        <v>27075</v>
      </c>
      <c r="K2262" s="5" t="s">
        <v>27074</v>
      </c>
      <c r="L2262" s="2" t="s">
        <v>27075</v>
      </c>
      <c r="M2262" s="5" t="s">
        <v>24254</v>
      </c>
      <c r="N2262" s="5" t="s">
        <v>38</v>
      </c>
      <c r="O2262" s="5" t="s">
        <v>39</v>
      </c>
      <c r="P2262" s="5" t="s">
        <v>40</v>
      </c>
      <c r="Q2262" s="5" t="s">
        <v>25301</v>
      </c>
      <c r="R2262" s="5" t="s">
        <v>40</v>
      </c>
      <c r="S2262" s="5" t="s">
        <v>42</v>
      </c>
      <c r="T2262" s="2">
        <v>7.8</v>
      </c>
      <c r="U2262" s="2">
        <v>5.6050000000000004</v>
      </c>
      <c r="V2262" s="2">
        <v>0.11899999999999999</v>
      </c>
      <c r="W2262" s="2">
        <v>12</v>
      </c>
      <c r="X2262" s="2">
        <v>62</v>
      </c>
      <c r="Y2262" s="2">
        <v>159.9</v>
      </c>
      <c r="Z2262" s="5">
        <v>10</v>
      </c>
      <c r="AA2262" s="5" t="s">
        <v>43</v>
      </c>
      <c r="AB2262" s="5" t="s">
        <v>44</v>
      </c>
      <c r="AC2262" s="2" t="s">
        <v>33706</v>
      </c>
      <c r="AD2262" s="1"/>
    </row>
    <row r="2263" spans="1:30">
      <c r="A2263" s="5" t="s">
        <v>83578</v>
      </c>
      <c r="B2263" s="2" t="s">
        <v>90390</v>
      </c>
      <c r="C2263" s="14" t="s">
        <v>90391</v>
      </c>
      <c r="D2263" s="2" t="s">
        <v>90392</v>
      </c>
      <c r="E2263" s="2" t="s">
        <v>33810</v>
      </c>
      <c r="F2263" s="8">
        <v>336</v>
      </c>
      <c r="G2263" s="5">
        <v>10</v>
      </c>
      <c r="H2263" s="5" t="s">
        <v>69</v>
      </c>
      <c r="I2263" s="5" t="s">
        <v>27074</v>
      </c>
      <c r="J2263" s="2" t="s">
        <v>27075</v>
      </c>
      <c r="K2263" s="5" t="s">
        <v>27074</v>
      </c>
      <c r="L2263" s="2" t="s">
        <v>27075</v>
      </c>
      <c r="M2263" s="5" t="s">
        <v>24254</v>
      </c>
      <c r="N2263" s="5" t="s">
        <v>38</v>
      </c>
      <c r="O2263" s="5" t="s">
        <v>39</v>
      </c>
      <c r="P2263" s="5" t="s">
        <v>40</v>
      </c>
      <c r="Q2263" s="5" t="s">
        <v>25301</v>
      </c>
      <c r="R2263" s="5" t="s">
        <v>40</v>
      </c>
      <c r="S2263" s="5" t="s">
        <v>42</v>
      </c>
      <c r="T2263" s="2">
        <v>8.8460000000000001</v>
      </c>
      <c r="U2263" s="2">
        <v>6.6050000000000004</v>
      </c>
      <c r="V2263" s="2">
        <v>0.11899999999999999</v>
      </c>
      <c r="W2263" s="2">
        <v>12</v>
      </c>
      <c r="X2263" s="2">
        <v>62</v>
      </c>
      <c r="Y2263" s="2">
        <v>159.9</v>
      </c>
      <c r="Z2263" s="5">
        <v>10</v>
      </c>
      <c r="AA2263" s="5" t="s">
        <v>43</v>
      </c>
      <c r="AB2263" s="5" t="s">
        <v>44</v>
      </c>
      <c r="AC2263" s="2" t="s">
        <v>33814</v>
      </c>
      <c r="AD2263" s="1"/>
    </row>
    <row r="2264" spans="1:30">
      <c r="A2264" s="5" t="s">
        <v>83578</v>
      </c>
      <c r="B2264" s="2" t="s">
        <v>90393</v>
      </c>
      <c r="C2264" s="14" t="s">
        <v>90394</v>
      </c>
      <c r="D2264" s="2" t="s">
        <v>90395</v>
      </c>
      <c r="E2264" s="2" t="s">
        <v>33705</v>
      </c>
      <c r="F2264" s="8">
        <v>336</v>
      </c>
      <c r="G2264" s="5">
        <v>10</v>
      </c>
      <c r="H2264" s="5" t="s">
        <v>69</v>
      </c>
      <c r="I2264" s="5" t="s">
        <v>27074</v>
      </c>
      <c r="J2264" s="2" t="s">
        <v>27075</v>
      </c>
      <c r="K2264" s="5" t="s">
        <v>27074</v>
      </c>
      <c r="L2264" s="2" t="s">
        <v>27075</v>
      </c>
      <c r="M2264" s="5" t="s">
        <v>24254</v>
      </c>
      <c r="N2264" s="5" t="s">
        <v>38</v>
      </c>
      <c r="O2264" s="5" t="s">
        <v>39</v>
      </c>
      <c r="P2264" s="5" t="s">
        <v>40</v>
      </c>
      <c r="Q2264" s="5" t="s">
        <v>25301</v>
      </c>
      <c r="R2264" s="5" t="s">
        <v>40</v>
      </c>
      <c r="S2264" s="5" t="s">
        <v>42</v>
      </c>
      <c r="T2264" s="2">
        <v>9.0830000000000002</v>
      </c>
      <c r="U2264" s="2">
        <v>6.8090000000000002</v>
      </c>
      <c r="V2264" s="2">
        <v>0.11899999999999999</v>
      </c>
      <c r="W2264" s="2">
        <v>12</v>
      </c>
      <c r="X2264" s="2">
        <v>62</v>
      </c>
      <c r="Y2264" s="2">
        <v>159.9</v>
      </c>
      <c r="Z2264" s="5">
        <v>10</v>
      </c>
      <c r="AA2264" s="5" t="s">
        <v>43</v>
      </c>
      <c r="AB2264" s="5" t="s">
        <v>44</v>
      </c>
      <c r="AC2264" s="2" t="s">
        <v>33706</v>
      </c>
      <c r="AD2264" s="1"/>
    </row>
    <row r="2265" spans="1:30">
      <c r="A2265" s="5" t="s">
        <v>83578</v>
      </c>
      <c r="B2265" s="2" t="s">
        <v>90396</v>
      </c>
      <c r="C2265" s="14" t="s">
        <v>90397</v>
      </c>
      <c r="D2265" s="2" t="s">
        <v>90398</v>
      </c>
      <c r="E2265" s="2" t="s">
        <v>33705</v>
      </c>
      <c r="F2265" s="8">
        <v>336</v>
      </c>
      <c r="G2265" s="5">
        <v>10</v>
      </c>
      <c r="H2265" s="5" t="s">
        <v>69</v>
      </c>
      <c r="I2265" s="5" t="s">
        <v>27074</v>
      </c>
      <c r="J2265" s="2" t="s">
        <v>27075</v>
      </c>
      <c r="K2265" s="5" t="s">
        <v>27074</v>
      </c>
      <c r="L2265" s="2" t="s">
        <v>27075</v>
      </c>
      <c r="M2265" s="5" t="s">
        <v>24254</v>
      </c>
      <c r="N2265" s="5" t="s">
        <v>38</v>
      </c>
      <c r="O2265" s="5" t="s">
        <v>39</v>
      </c>
      <c r="P2265" s="5" t="s">
        <v>40</v>
      </c>
      <c r="Q2265" s="5" t="s">
        <v>25301</v>
      </c>
      <c r="R2265" s="5" t="s">
        <v>40</v>
      </c>
      <c r="S2265" s="5" t="s">
        <v>42</v>
      </c>
      <c r="T2265" s="2">
        <v>9.9420000000000002</v>
      </c>
      <c r="U2265" s="2">
        <v>7.6219999999999999</v>
      </c>
      <c r="V2265" s="2">
        <v>0.11899999999999999</v>
      </c>
      <c r="W2265" s="2">
        <v>12</v>
      </c>
      <c r="X2265" s="2">
        <v>62</v>
      </c>
      <c r="Y2265" s="2">
        <v>159.9</v>
      </c>
      <c r="Z2265" s="5">
        <v>10</v>
      </c>
      <c r="AA2265" s="5" t="s">
        <v>43</v>
      </c>
      <c r="AB2265" s="5" t="s">
        <v>44</v>
      </c>
      <c r="AC2265" s="2" t="s">
        <v>33814</v>
      </c>
      <c r="AD2265" s="1"/>
    </row>
    <row r="2266" spans="1:30">
      <c r="A2266" s="5" t="s">
        <v>83578</v>
      </c>
      <c r="B2266" s="2" t="s">
        <v>90399</v>
      </c>
      <c r="C2266" s="14" t="s">
        <v>90400</v>
      </c>
      <c r="D2266" s="2" t="s">
        <v>90401</v>
      </c>
      <c r="E2266" s="2" t="s">
        <v>33705</v>
      </c>
      <c r="F2266" s="8">
        <v>345</v>
      </c>
      <c r="G2266" s="5">
        <v>10</v>
      </c>
      <c r="H2266" s="5" t="s">
        <v>69</v>
      </c>
      <c r="I2266" s="5" t="s">
        <v>27074</v>
      </c>
      <c r="J2266" s="2" t="s">
        <v>27075</v>
      </c>
      <c r="K2266" s="5" t="s">
        <v>27074</v>
      </c>
      <c r="L2266" s="2" t="s">
        <v>27075</v>
      </c>
      <c r="M2266" s="5" t="s">
        <v>24254</v>
      </c>
      <c r="N2266" s="5" t="s">
        <v>38</v>
      </c>
      <c r="O2266" s="5" t="s">
        <v>39</v>
      </c>
      <c r="P2266" s="5" t="s">
        <v>40</v>
      </c>
      <c r="Q2266" s="5" t="s">
        <v>25301</v>
      </c>
      <c r="R2266" s="5" t="s">
        <v>40</v>
      </c>
      <c r="S2266" s="5" t="s">
        <v>42</v>
      </c>
      <c r="T2266" s="2">
        <v>10.335000000000001</v>
      </c>
      <c r="U2266" s="2">
        <v>7.5830000000000002</v>
      </c>
      <c r="V2266" s="2">
        <v>0.14899999999999999</v>
      </c>
      <c r="W2266" s="2">
        <v>12</v>
      </c>
      <c r="X2266" s="2">
        <v>62</v>
      </c>
      <c r="Y2266" s="2">
        <v>199.7</v>
      </c>
      <c r="Z2266" s="5">
        <v>10</v>
      </c>
      <c r="AA2266" s="5" t="s">
        <v>43</v>
      </c>
      <c r="AB2266" s="5" t="s">
        <v>44</v>
      </c>
      <c r="AC2266" s="2" t="s">
        <v>33706</v>
      </c>
      <c r="AD2266" s="1"/>
    </row>
    <row r="2267" spans="1:30">
      <c r="A2267" s="5" t="s">
        <v>83578</v>
      </c>
      <c r="B2267" s="2" t="s">
        <v>90402</v>
      </c>
      <c r="C2267" s="14" t="s">
        <v>90403</v>
      </c>
      <c r="D2267" s="2" t="s">
        <v>90404</v>
      </c>
      <c r="E2267" s="2" t="s">
        <v>33705</v>
      </c>
      <c r="F2267" s="8">
        <v>345</v>
      </c>
      <c r="G2267" s="5">
        <v>10</v>
      </c>
      <c r="H2267" s="5" t="s">
        <v>69</v>
      </c>
      <c r="I2267" s="5" t="s">
        <v>27074</v>
      </c>
      <c r="J2267" s="2" t="s">
        <v>27075</v>
      </c>
      <c r="K2267" s="5" t="s">
        <v>27074</v>
      </c>
      <c r="L2267" s="2" t="s">
        <v>27075</v>
      </c>
      <c r="M2267" s="5" t="s">
        <v>24254</v>
      </c>
      <c r="N2267" s="5" t="s">
        <v>38</v>
      </c>
      <c r="O2267" s="5" t="s">
        <v>39</v>
      </c>
      <c r="P2267" s="5" t="s">
        <v>40</v>
      </c>
      <c r="Q2267" s="5" t="s">
        <v>25301</v>
      </c>
      <c r="R2267" s="5" t="s">
        <v>40</v>
      </c>
      <c r="S2267" s="5" t="s">
        <v>42</v>
      </c>
      <c r="T2267" s="2">
        <v>11.194000000000001</v>
      </c>
      <c r="U2267" s="2">
        <v>8.3960000000000008</v>
      </c>
      <c r="V2267" s="2">
        <v>0.14899999999999999</v>
      </c>
      <c r="W2267" s="2">
        <v>12</v>
      </c>
      <c r="X2267" s="2">
        <v>62</v>
      </c>
      <c r="Y2267" s="2">
        <v>199.7</v>
      </c>
      <c r="Z2267" s="5">
        <v>10</v>
      </c>
      <c r="AA2267" s="5" t="s">
        <v>43</v>
      </c>
      <c r="AB2267" s="5" t="s">
        <v>44</v>
      </c>
      <c r="AC2267" s="2" t="s">
        <v>33814</v>
      </c>
      <c r="AD2267" s="1"/>
    </row>
    <row r="2268" spans="1:30">
      <c r="A2268" s="5" t="s">
        <v>83578</v>
      </c>
      <c r="B2268" s="2" t="s">
        <v>90405</v>
      </c>
      <c r="C2268" s="14" t="s">
        <v>90406</v>
      </c>
      <c r="D2268" s="2" t="s">
        <v>90407</v>
      </c>
      <c r="E2268" s="2" t="s">
        <v>33677</v>
      </c>
      <c r="F2268" s="8">
        <v>372</v>
      </c>
      <c r="G2268" s="5">
        <v>10</v>
      </c>
      <c r="H2268" s="5" t="s">
        <v>69</v>
      </c>
      <c r="I2268" s="5" t="s">
        <v>27074</v>
      </c>
      <c r="J2268" s="2" t="s">
        <v>27075</v>
      </c>
      <c r="K2268" s="5" t="s">
        <v>27074</v>
      </c>
      <c r="L2268" s="2" t="s">
        <v>27075</v>
      </c>
      <c r="M2268" s="5" t="s">
        <v>24254</v>
      </c>
      <c r="N2268" s="5" t="s">
        <v>38</v>
      </c>
      <c r="O2268" s="5" t="s">
        <v>39</v>
      </c>
      <c r="P2268" s="5" t="s">
        <v>40</v>
      </c>
      <c r="Q2268" s="5" t="s">
        <v>24340</v>
      </c>
      <c r="R2268" s="5" t="s">
        <v>40</v>
      </c>
      <c r="S2268" s="5" t="s">
        <v>42</v>
      </c>
      <c r="T2268" s="2">
        <v>14.044</v>
      </c>
      <c r="U2268" s="2">
        <v>11.371</v>
      </c>
      <c r="V2268" s="2">
        <v>0.14899999999999999</v>
      </c>
      <c r="W2268" s="2">
        <v>12</v>
      </c>
      <c r="X2268" s="2">
        <v>62</v>
      </c>
      <c r="Y2268" s="2">
        <v>199.7</v>
      </c>
      <c r="Z2268" s="5">
        <v>10</v>
      </c>
      <c r="AA2268" s="5" t="s">
        <v>43</v>
      </c>
      <c r="AB2268" s="5" t="s">
        <v>44</v>
      </c>
      <c r="AC2268" s="2" t="s">
        <v>33678</v>
      </c>
      <c r="AD2268" s="1"/>
    </row>
    <row r="2269" spans="1:30">
      <c r="A2269" s="5" t="s">
        <v>83578</v>
      </c>
      <c r="B2269" s="2" t="s">
        <v>90408</v>
      </c>
      <c r="C2269" s="14" t="s">
        <v>90409</v>
      </c>
      <c r="D2269" s="2" t="s">
        <v>90410</v>
      </c>
      <c r="E2269" s="2" t="s">
        <v>33682</v>
      </c>
      <c r="F2269" s="8">
        <v>372</v>
      </c>
      <c r="G2269" s="5">
        <v>10</v>
      </c>
      <c r="H2269" s="5" t="s">
        <v>69</v>
      </c>
      <c r="I2269" s="5" t="s">
        <v>27074</v>
      </c>
      <c r="J2269" s="2" t="s">
        <v>27075</v>
      </c>
      <c r="K2269" s="5" t="s">
        <v>27074</v>
      </c>
      <c r="L2269" s="2" t="s">
        <v>27075</v>
      </c>
      <c r="M2269" s="5" t="s">
        <v>24254</v>
      </c>
      <c r="N2269" s="5" t="s">
        <v>38</v>
      </c>
      <c r="O2269" s="5" t="s">
        <v>39</v>
      </c>
      <c r="P2269" s="5" t="s">
        <v>40</v>
      </c>
      <c r="Q2269" s="5" t="s">
        <v>24340</v>
      </c>
      <c r="R2269" s="5" t="s">
        <v>40</v>
      </c>
      <c r="S2269" s="5" t="s">
        <v>42</v>
      </c>
      <c r="T2269" s="2">
        <v>10.106999999999999</v>
      </c>
      <c r="U2269" s="2">
        <v>7.4340000000000002</v>
      </c>
      <c r="V2269" s="2">
        <v>0.14899999999999999</v>
      </c>
      <c r="W2269" s="2">
        <v>12</v>
      </c>
      <c r="X2269" s="2">
        <v>62</v>
      </c>
      <c r="Y2269" s="2">
        <v>199.7</v>
      </c>
      <c r="Z2269" s="5">
        <v>10</v>
      </c>
      <c r="AA2269" s="5" t="s">
        <v>43</v>
      </c>
      <c r="AB2269" s="5" t="s">
        <v>44</v>
      </c>
      <c r="AC2269" s="2" t="s">
        <v>33683</v>
      </c>
      <c r="AD2269" s="1"/>
    </row>
    <row r="2270" spans="1:30">
      <c r="A2270" s="5" t="s">
        <v>83578</v>
      </c>
      <c r="B2270" s="2" t="s">
        <v>90411</v>
      </c>
      <c r="C2270" s="14" t="s">
        <v>90412</v>
      </c>
      <c r="D2270" s="2" t="s">
        <v>90413</v>
      </c>
      <c r="E2270" s="2" t="s">
        <v>33687</v>
      </c>
      <c r="F2270" s="8">
        <v>372</v>
      </c>
      <c r="G2270" s="5">
        <v>10</v>
      </c>
      <c r="H2270" s="5" t="s">
        <v>69</v>
      </c>
      <c r="I2270" s="5" t="s">
        <v>27074</v>
      </c>
      <c r="J2270" s="2" t="s">
        <v>27075</v>
      </c>
      <c r="K2270" s="5" t="s">
        <v>27074</v>
      </c>
      <c r="L2270" s="2" t="s">
        <v>27075</v>
      </c>
      <c r="M2270" s="5" t="s">
        <v>24254</v>
      </c>
      <c r="N2270" s="5" t="s">
        <v>38</v>
      </c>
      <c r="O2270" s="5" t="s">
        <v>39</v>
      </c>
      <c r="P2270" s="5" t="s">
        <v>40</v>
      </c>
      <c r="Q2270" s="5" t="s">
        <v>24340</v>
      </c>
      <c r="R2270" s="5" t="s">
        <v>40</v>
      </c>
      <c r="S2270" s="5" t="s">
        <v>42</v>
      </c>
      <c r="T2270" s="2">
        <v>12.077</v>
      </c>
      <c r="U2270" s="2">
        <v>9.3249999999999993</v>
      </c>
      <c r="V2270" s="2">
        <v>0.14899999999999999</v>
      </c>
      <c r="W2270" s="2">
        <v>12</v>
      </c>
      <c r="X2270" s="2">
        <v>62</v>
      </c>
      <c r="Y2270" s="2">
        <v>199.7</v>
      </c>
      <c r="Z2270" s="5">
        <v>10</v>
      </c>
      <c r="AA2270" s="5" t="s">
        <v>43</v>
      </c>
      <c r="AB2270" s="5" t="s">
        <v>44</v>
      </c>
      <c r="AC2270" s="2" t="s">
        <v>33683</v>
      </c>
      <c r="AD2270" s="1"/>
    </row>
    <row r="2271" spans="1:30">
      <c r="A2271" s="5" t="s">
        <v>83578</v>
      </c>
      <c r="B2271" s="2" t="s">
        <v>90414</v>
      </c>
      <c r="C2271" s="14" t="s">
        <v>90415</v>
      </c>
      <c r="D2271" s="2" t="s">
        <v>90416</v>
      </c>
      <c r="E2271" s="2" t="s">
        <v>33805</v>
      </c>
      <c r="F2271" s="8">
        <v>372</v>
      </c>
      <c r="G2271" s="5">
        <v>10</v>
      </c>
      <c r="H2271" s="5" t="s">
        <v>69</v>
      </c>
      <c r="I2271" s="5" t="s">
        <v>27074</v>
      </c>
      <c r="J2271" s="2" t="s">
        <v>27075</v>
      </c>
      <c r="K2271" s="5" t="s">
        <v>27074</v>
      </c>
      <c r="L2271" s="2" t="s">
        <v>27075</v>
      </c>
      <c r="M2271" s="5" t="s">
        <v>24254</v>
      </c>
      <c r="N2271" s="5" t="s">
        <v>38</v>
      </c>
      <c r="O2271" s="5" t="s">
        <v>39</v>
      </c>
      <c r="P2271" s="5" t="s">
        <v>40</v>
      </c>
      <c r="Q2271" s="5" t="s">
        <v>25301</v>
      </c>
      <c r="R2271" s="5" t="s">
        <v>40</v>
      </c>
      <c r="S2271" s="5" t="s">
        <v>42</v>
      </c>
      <c r="T2271" s="2">
        <v>13.074999999999999</v>
      </c>
      <c r="U2271" s="2">
        <v>10.401999999999999</v>
      </c>
      <c r="V2271" s="2">
        <v>0.14899999999999999</v>
      </c>
      <c r="W2271" s="2">
        <v>12</v>
      </c>
      <c r="X2271" s="2">
        <v>62</v>
      </c>
      <c r="Y2271" s="2">
        <v>199.7</v>
      </c>
      <c r="Z2271" s="5">
        <v>10</v>
      </c>
      <c r="AA2271" s="5" t="s">
        <v>43</v>
      </c>
      <c r="AB2271" s="5" t="s">
        <v>44</v>
      </c>
      <c r="AC2271" s="2" t="s">
        <v>33806</v>
      </c>
      <c r="AD2271" s="1"/>
    </row>
    <row r="2272" spans="1:30">
      <c r="A2272" s="5" t="s">
        <v>83578</v>
      </c>
      <c r="B2272" s="2" t="s">
        <v>90417</v>
      </c>
      <c r="C2272" s="14" t="s">
        <v>90418</v>
      </c>
      <c r="D2272" s="2" t="s">
        <v>90419</v>
      </c>
      <c r="E2272" s="2" t="s">
        <v>33805</v>
      </c>
      <c r="F2272" s="8">
        <v>372</v>
      </c>
      <c r="G2272" s="5">
        <v>10</v>
      </c>
      <c r="H2272" s="5" t="s">
        <v>69</v>
      </c>
      <c r="I2272" s="5" t="s">
        <v>27074</v>
      </c>
      <c r="J2272" s="2" t="s">
        <v>27075</v>
      </c>
      <c r="K2272" s="5" t="s">
        <v>27074</v>
      </c>
      <c r="L2272" s="2" t="s">
        <v>27075</v>
      </c>
      <c r="M2272" s="5" t="s">
        <v>24254</v>
      </c>
      <c r="N2272" s="5" t="s">
        <v>38</v>
      </c>
      <c r="O2272" s="5" t="s">
        <v>39</v>
      </c>
      <c r="P2272" s="5" t="s">
        <v>40</v>
      </c>
      <c r="Q2272" s="5" t="s">
        <v>25301</v>
      </c>
      <c r="R2272" s="5" t="s">
        <v>40</v>
      </c>
      <c r="S2272" s="5" t="s">
        <v>42</v>
      </c>
      <c r="T2272" s="2">
        <v>13.863</v>
      </c>
      <c r="U2272" s="2">
        <v>11.144</v>
      </c>
      <c r="V2272" s="2">
        <v>0.14899999999999999</v>
      </c>
      <c r="W2272" s="2">
        <v>12</v>
      </c>
      <c r="X2272" s="2">
        <v>62</v>
      </c>
      <c r="Y2272" s="2">
        <v>199.7</v>
      </c>
      <c r="Z2272" s="5">
        <v>10</v>
      </c>
      <c r="AA2272" s="5" t="s">
        <v>43</v>
      </c>
      <c r="AB2272" s="5" t="s">
        <v>44</v>
      </c>
      <c r="AC2272" s="2" t="s">
        <v>34421</v>
      </c>
      <c r="AD2272" s="1"/>
    </row>
    <row r="2273" spans="1:30">
      <c r="A2273" s="5" t="s">
        <v>83578</v>
      </c>
      <c r="B2273" s="2" t="s">
        <v>90420</v>
      </c>
      <c r="C2273" s="14" t="s">
        <v>90421</v>
      </c>
      <c r="D2273" s="2" t="s">
        <v>90422</v>
      </c>
      <c r="E2273" s="2" t="s">
        <v>33810</v>
      </c>
      <c r="F2273" s="8">
        <v>372</v>
      </c>
      <c r="G2273" s="5">
        <v>10</v>
      </c>
      <c r="H2273" s="5" t="s">
        <v>69</v>
      </c>
      <c r="I2273" s="5" t="s">
        <v>27074</v>
      </c>
      <c r="J2273" s="2" t="s">
        <v>27075</v>
      </c>
      <c r="K2273" s="5" t="s">
        <v>27074</v>
      </c>
      <c r="L2273" s="2" t="s">
        <v>27075</v>
      </c>
      <c r="M2273" s="5" t="s">
        <v>24254</v>
      </c>
      <c r="N2273" s="5" t="s">
        <v>38</v>
      </c>
      <c r="O2273" s="5" t="s">
        <v>39</v>
      </c>
      <c r="P2273" s="5" t="s">
        <v>40</v>
      </c>
      <c r="Q2273" s="5" t="s">
        <v>25301</v>
      </c>
      <c r="R2273" s="5" t="s">
        <v>40</v>
      </c>
      <c r="S2273" s="5" t="s">
        <v>42</v>
      </c>
      <c r="T2273" s="2">
        <v>9.41</v>
      </c>
      <c r="U2273" s="2">
        <v>6.7370000000000001</v>
      </c>
      <c r="V2273" s="2">
        <v>0.14899999999999999</v>
      </c>
      <c r="W2273" s="2">
        <v>12</v>
      </c>
      <c r="X2273" s="2">
        <v>62</v>
      </c>
      <c r="Y2273" s="2">
        <v>199.7</v>
      </c>
      <c r="Z2273" s="5">
        <v>10</v>
      </c>
      <c r="AA2273" s="5" t="s">
        <v>43</v>
      </c>
      <c r="AB2273" s="5" t="s">
        <v>44</v>
      </c>
      <c r="AC2273" s="2" t="s">
        <v>33706</v>
      </c>
      <c r="AD2273" s="1"/>
    </row>
    <row r="2274" spans="1:30">
      <c r="A2274" s="5" t="s">
        <v>83578</v>
      </c>
      <c r="B2274" s="2" t="s">
        <v>90423</v>
      </c>
      <c r="C2274" s="14" t="s">
        <v>90424</v>
      </c>
      <c r="D2274" s="2" t="s">
        <v>90425</v>
      </c>
      <c r="E2274" s="2" t="s">
        <v>33810</v>
      </c>
      <c r="F2274" s="8">
        <v>372</v>
      </c>
      <c r="G2274" s="5">
        <v>10</v>
      </c>
      <c r="H2274" s="5" t="s">
        <v>69</v>
      </c>
      <c r="I2274" s="5" t="s">
        <v>27074</v>
      </c>
      <c r="J2274" s="2" t="s">
        <v>27075</v>
      </c>
      <c r="K2274" s="5" t="s">
        <v>27074</v>
      </c>
      <c r="L2274" s="2" t="s">
        <v>27075</v>
      </c>
      <c r="M2274" s="5" t="s">
        <v>24254</v>
      </c>
      <c r="N2274" s="5" t="s">
        <v>38</v>
      </c>
      <c r="O2274" s="5" t="s">
        <v>39</v>
      </c>
      <c r="P2274" s="5" t="s">
        <v>40</v>
      </c>
      <c r="Q2274" s="5" t="s">
        <v>25301</v>
      </c>
      <c r="R2274" s="5" t="s">
        <v>40</v>
      </c>
      <c r="S2274" s="5" t="s">
        <v>42</v>
      </c>
      <c r="T2274" s="2">
        <v>10.456</v>
      </c>
      <c r="U2274" s="2">
        <v>7.7370000000000001</v>
      </c>
      <c r="V2274" s="2">
        <v>0.14899999999999999</v>
      </c>
      <c r="W2274" s="2">
        <v>12</v>
      </c>
      <c r="X2274" s="2">
        <v>62</v>
      </c>
      <c r="Y2274" s="2">
        <v>199.7</v>
      </c>
      <c r="Z2274" s="5">
        <v>10</v>
      </c>
      <c r="AA2274" s="5" t="s">
        <v>43</v>
      </c>
      <c r="AB2274" s="5" t="s">
        <v>44</v>
      </c>
      <c r="AC2274" s="2" t="s">
        <v>33814</v>
      </c>
      <c r="AD2274" s="1"/>
    </row>
    <row r="2275" spans="1:30">
      <c r="A2275" s="5" t="s">
        <v>83578</v>
      </c>
      <c r="B2275" s="2" t="s">
        <v>90426</v>
      </c>
      <c r="C2275" s="14" t="s">
        <v>90427</v>
      </c>
      <c r="D2275" s="2" t="s">
        <v>90428</v>
      </c>
      <c r="E2275" s="2" t="s">
        <v>33705</v>
      </c>
      <c r="F2275" s="8">
        <v>372</v>
      </c>
      <c r="G2275" s="5">
        <v>10</v>
      </c>
      <c r="H2275" s="5" t="s">
        <v>69</v>
      </c>
      <c r="I2275" s="5" t="s">
        <v>27074</v>
      </c>
      <c r="J2275" s="2" t="s">
        <v>27075</v>
      </c>
      <c r="K2275" s="5" t="s">
        <v>27074</v>
      </c>
      <c r="L2275" s="2" t="s">
        <v>27075</v>
      </c>
      <c r="M2275" s="5" t="s">
        <v>24254</v>
      </c>
      <c r="N2275" s="5" t="s">
        <v>38</v>
      </c>
      <c r="O2275" s="5" t="s">
        <v>39</v>
      </c>
      <c r="P2275" s="5" t="s">
        <v>40</v>
      </c>
      <c r="Q2275" s="5" t="s">
        <v>25301</v>
      </c>
      <c r="R2275" s="5" t="s">
        <v>40</v>
      </c>
      <c r="S2275" s="5" t="s">
        <v>42</v>
      </c>
      <c r="T2275" s="2">
        <v>11.045999999999999</v>
      </c>
      <c r="U2275" s="2">
        <v>8.2940000000000005</v>
      </c>
      <c r="V2275" s="2">
        <v>0.14899999999999999</v>
      </c>
      <c r="W2275" s="2">
        <v>12</v>
      </c>
      <c r="X2275" s="2">
        <v>62</v>
      </c>
      <c r="Y2275" s="2">
        <v>199.7</v>
      </c>
      <c r="Z2275" s="5">
        <v>10</v>
      </c>
      <c r="AA2275" s="5" t="s">
        <v>43</v>
      </c>
      <c r="AB2275" s="5" t="s">
        <v>44</v>
      </c>
      <c r="AC2275" s="2" t="s">
        <v>33706</v>
      </c>
      <c r="AD2275" s="1"/>
    </row>
    <row r="2276" spans="1:30">
      <c r="A2276" s="5" t="s">
        <v>83578</v>
      </c>
      <c r="B2276" s="2" t="s">
        <v>90429</v>
      </c>
      <c r="C2276" s="14" t="s">
        <v>90430</v>
      </c>
      <c r="D2276" s="2" t="s">
        <v>90431</v>
      </c>
      <c r="E2276" s="2" t="s">
        <v>33705</v>
      </c>
      <c r="F2276" s="8">
        <v>372</v>
      </c>
      <c r="G2276" s="5">
        <v>10</v>
      </c>
      <c r="H2276" s="5" t="s">
        <v>69</v>
      </c>
      <c r="I2276" s="5" t="s">
        <v>27074</v>
      </c>
      <c r="J2276" s="2" t="s">
        <v>27075</v>
      </c>
      <c r="K2276" s="5" t="s">
        <v>27074</v>
      </c>
      <c r="L2276" s="2" t="s">
        <v>27075</v>
      </c>
      <c r="M2276" s="5" t="s">
        <v>24254</v>
      </c>
      <c r="N2276" s="5" t="s">
        <v>38</v>
      </c>
      <c r="O2276" s="5" t="s">
        <v>39</v>
      </c>
      <c r="P2276" s="5" t="s">
        <v>40</v>
      </c>
      <c r="Q2276" s="5" t="s">
        <v>25301</v>
      </c>
      <c r="R2276" s="5" t="s">
        <v>40</v>
      </c>
      <c r="S2276" s="5" t="s">
        <v>42</v>
      </c>
      <c r="T2276" s="2">
        <v>11.904999999999999</v>
      </c>
      <c r="U2276" s="2">
        <v>9.1069999999999993</v>
      </c>
      <c r="V2276" s="2">
        <v>0.14899999999999999</v>
      </c>
      <c r="W2276" s="2">
        <v>12</v>
      </c>
      <c r="X2276" s="2">
        <v>62</v>
      </c>
      <c r="Y2276" s="2">
        <v>199.7</v>
      </c>
      <c r="Z2276" s="5">
        <v>10</v>
      </c>
      <c r="AA2276" s="5" t="s">
        <v>43</v>
      </c>
      <c r="AB2276" s="5" t="s">
        <v>44</v>
      </c>
      <c r="AC2276" s="2" t="s">
        <v>33814</v>
      </c>
      <c r="AD2276" s="1"/>
    </row>
    <row r="2277" spans="1:30">
      <c r="A2277" s="5" t="s">
        <v>83578</v>
      </c>
      <c r="B2277" s="2" t="s">
        <v>90432</v>
      </c>
      <c r="C2277" s="14" t="s">
        <v>90433</v>
      </c>
      <c r="D2277" s="2" t="s">
        <v>90434</v>
      </c>
      <c r="E2277" s="2" t="s">
        <v>33677</v>
      </c>
      <c r="F2277" s="8">
        <v>361</v>
      </c>
      <c r="G2277" s="5">
        <v>10</v>
      </c>
      <c r="H2277" s="5" t="s">
        <v>69</v>
      </c>
      <c r="I2277" s="5" t="s">
        <v>27074</v>
      </c>
      <c r="J2277" s="2" t="s">
        <v>27075</v>
      </c>
      <c r="K2277" s="5" t="s">
        <v>27074</v>
      </c>
      <c r="L2277" s="2" t="s">
        <v>27075</v>
      </c>
      <c r="M2277" s="5" t="s">
        <v>24254</v>
      </c>
      <c r="N2277" s="5" t="s">
        <v>38</v>
      </c>
      <c r="O2277" s="5" t="s">
        <v>39</v>
      </c>
      <c r="P2277" s="5" t="s">
        <v>40</v>
      </c>
      <c r="Q2277" s="5" t="s">
        <v>24340</v>
      </c>
      <c r="R2277" s="5" t="s">
        <v>40</v>
      </c>
      <c r="S2277" s="5" t="s">
        <v>42</v>
      </c>
      <c r="T2277" s="2">
        <v>11.782</v>
      </c>
      <c r="U2277" s="2">
        <v>9.5869999999999997</v>
      </c>
      <c r="V2277" s="2">
        <v>0.11899999999999999</v>
      </c>
      <c r="W2277" s="2">
        <v>12</v>
      </c>
      <c r="X2277" s="2">
        <v>62</v>
      </c>
      <c r="Y2277" s="2">
        <v>159.9</v>
      </c>
      <c r="Z2277" s="5">
        <v>10</v>
      </c>
      <c r="AA2277" s="5" t="s">
        <v>43</v>
      </c>
      <c r="AB2277" s="5" t="s">
        <v>44</v>
      </c>
      <c r="AC2277" s="2" t="s">
        <v>33678</v>
      </c>
      <c r="AD2277" s="1"/>
    </row>
    <row r="2278" spans="1:30">
      <c r="A2278" s="5" t="s">
        <v>83578</v>
      </c>
      <c r="B2278" s="2" t="s">
        <v>90435</v>
      </c>
      <c r="C2278" s="14" t="s">
        <v>90436</v>
      </c>
      <c r="D2278" s="2" t="s">
        <v>90437</v>
      </c>
      <c r="E2278" s="2" t="s">
        <v>33682</v>
      </c>
      <c r="F2278" s="8">
        <v>361</v>
      </c>
      <c r="G2278" s="5">
        <v>10</v>
      </c>
      <c r="H2278" s="5" t="s">
        <v>69</v>
      </c>
      <c r="I2278" s="5" t="s">
        <v>27074</v>
      </c>
      <c r="J2278" s="2" t="s">
        <v>27075</v>
      </c>
      <c r="K2278" s="5" t="s">
        <v>27074</v>
      </c>
      <c r="L2278" s="2" t="s">
        <v>27075</v>
      </c>
      <c r="M2278" s="5" t="s">
        <v>24254</v>
      </c>
      <c r="N2278" s="5" t="s">
        <v>38</v>
      </c>
      <c r="O2278" s="5" t="s">
        <v>39</v>
      </c>
      <c r="P2278" s="5" t="s">
        <v>40</v>
      </c>
      <c r="Q2278" s="5" t="s">
        <v>24340</v>
      </c>
      <c r="R2278" s="5" t="s">
        <v>40</v>
      </c>
      <c r="S2278" s="5" t="s">
        <v>42</v>
      </c>
      <c r="T2278" s="2">
        <v>8.8800000000000008</v>
      </c>
      <c r="U2278" s="2">
        <v>6.5289999999999999</v>
      </c>
      <c r="V2278" s="2">
        <v>0.129</v>
      </c>
      <c r="W2278" s="2">
        <v>12</v>
      </c>
      <c r="X2278" s="2">
        <v>62</v>
      </c>
      <c r="Y2278" s="2">
        <v>172.9</v>
      </c>
      <c r="Z2278" s="5">
        <v>10</v>
      </c>
      <c r="AA2278" s="5" t="s">
        <v>43</v>
      </c>
      <c r="AB2278" s="5" t="s">
        <v>44</v>
      </c>
      <c r="AC2278" s="2" t="s">
        <v>33683</v>
      </c>
      <c r="AD2278" s="1"/>
    </row>
    <row r="2279" spans="1:30">
      <c r="A2279" s="5" t="s">
        <v>83578</v>
      </c>
      <c r="B2279" s="2" t="s">
        <v>90438</v>
      </c>
      <c r="C2279" s="14" t="s">
        <v>90439</v>
      </c>
      <c r="D2279" s="2" t="s">
        <v>90440</v>
      </c>
      <c r="E2279" s="2" t="s">
        <v>33687</v>
      </c>
      <c r="F2279" s="8">
        <v>361</v>
      </c>
      <c r="G2279" s="5">
        <v>10</v>
      </c>
      <c r="H2279" s="5" t="s">
        <v>69</v>
      </c>
      <c r="I2279" s="5" t="s">
        <v>27074</v>
      </c>
      <c r="J2279" s="2" t="s">
        <v>27075</v>
      </c>
      <c r="K2279" s="5" t="s">
        <v>27074</v>
      </c>
      <c r="L2279" s="2" t="s">
        <v>27075</v>
      </c>
      <c r="M2279" s="5" t="s">
        <v>24254</v>
      </c>
      <c r="N2279" s="5" t="s">
        <v>38</v>
      </c>
      <c r="O2279" s="5" t="s">
        <v>39</v>
      </c>
      <c r="P2279" s="5" t="s">
        <v>40</v>
      </c>
      <c r="Q2279" s="5" t="s">
        <v>24340</v>
      </c>
      <c r="R2279" s="5" t="s">
        <v>40</v>
      </c>
      <c r="S2279" s="5" t="s">
        <v>42</v>
      </c>
      <c r="T2279" s="2">
        <v>10.273</v>
      </c>
      <c r="U2279" s="2">
        <v>7.9829999999999997</v>
      </c>
      <c r="V2279" s="2">
        <v>0.11899999999999999</v>
      </c>
      <c r="W2279" s="2">
        <v>12</v>
      </c>
      <c r="X2279" s="2">
        <v>62</v>
      </c>
      <c r="Y2279" s="2">
        <v>159.9</v>
      </c>
      <c r="Z2279" s="5">
        <v>10</v>
      </c>
      <c r="AA2279" s="5" t="s">
        <v>43</v>
      </c>
      <c r="AB2279" s="5" t="s">
        <v>44</v>
      </c>
      <c r="AC2279" s="2" t="s">
        <v>33683</v>
      </c>
      <c r="AD2279" s="1"/>
    </row>
    <row r="2280" spans="1:30">
      <c r="A2280" s="5" t="s">
        <v>83578</v>
      </c>
      <c r="B2280" s="2" t="s">
        <v>90441</v>
      </c>
      <c r="C2280" s="14" t="s">
        <v>90442</v>
      </c>
      <c r="D2280" s="2" t="s">
        <v>90443</v>
      </c>
      <c r="E2280" s="2" t="s">
        <v>33805</v>
      </c>
      <c r="F2280" s="8">
        <v>361</v>
      </c>
      <c r="G2280" s="5">
        <v>10</v>
      </c>
      <c r="H2280" s="5" t="s">
        <v>69</v>
      </c>
      <c r="I2280" s="5" t="s">
        <v>27074</v>
      </c>
      <c r="J2280" s="2" t="s">
        <v>27075</v>
      </c>
      <c r="K2280" s="5" t="s">
        <v>27074</v>
      </c>
      <c r="L2280" s="2" t="s">
        <v>27075</v>
      </c>
      <c r="M2280" s="5" t="s">
        <v>24254</v>
      </c>
      <c r="N2280" s="5" t="s">
        <v>38</v>
      </c>
      <c r="O2280" s="5" t="s">
        <v>39</v>
      </c>
      <c r="P2280" s="5" t="s">
        <v>40</v>
      </c>
      <c r="Q2280" s="5" t="s">
        <v>25301</v>
      </c>
      <c r="R2280" s="5" t="s">
        <v>40</v>
      </c>
      <c r="S2280" s="5" t="s">
        <v>42</v>
      </c>
      <c r="T2280" s="2">
        <v>10.628</v>
      </c>
      <c r="U2280" s="2">
        <v>8.4329999999999998</v>
      </c>
      <c r="V2280" s="2">
        <v>0.11899999999999999</v>
      </c>
      <c r="W2280" s="2">
        <v>12</v>
      </c>
      <c r="X2280" s="2">
        <v>62</v>
      </c>
      <c r="Y2280" s="2">
        <v>159.9</v>
      </c>
      <c r="Z2280" s="5">
        <v>10</v>
      </c>
      <c r="AA2280" s="5" t="s">
        <v>43</v>
      </c>
      <c r="AB2280" s="5" t="s">
        <v>44</v>
      </c>
      <c r="AC2280" s="2" t="s">
        <v>33806</v>
      </c>
      <c r="AD2280" s="1"/>
    </row>
    <row r="2281" spans="1:30">
      <c r="A2281" s="5" t="s">
        <v>83578</v>
      </c>
      <c r="B2281" s="2" t="s">
        <v>90444</v>
      </c>
      <c r="C2281" s="14" t="s">
        <v>90445</v>
      </c>
      <c r="D2281" s="2" t="s">
        <v>90446</v>
      </c>
      <c r="E2281" s="2" t="s">
        <v>33810</v>
      </c>
      <c r="F2281" s="8">
        <v>361</v>
      </c>
      <c r="G2281" s="5">
        <v>10</v>
      </c>
      <c r="H2281" s="5" t="s">
        <v>69</v>
      </c>
      <c r="I2281" s="5" t="s">
        <v>27074</v>
      </c>
      <c r="J2281" s="2" t="s">
        <v>27075</v>
      </c>
      <c r="K2281" s="5" t="s">
        <v>27074</v>
      </c>
      <c r="L2281" s="2" t="s">
        <v>27075</v>
      </c>
      <c r="M2281" s="5" t="s">
        <v>24254</v>
      </c>
      <c r="N2281" s="5" t="s">
        <v>38</v>
      </c>
      <c r="O2281" s="5" t="s">
        <v>39</v>
      </c>
      <c r="P2281" s="5" t="s">
        <v>40</v>
      </c>
      <c r="Q2281" s="5" t="s">
        <v>25301</v>
      </c>
      <c r="R2281" s="5" t="s">
        <v>40</v>
      </c>
      <c r="S2281" s="5" t="s">
        <v>42</v>
      </c>
      <c r="T2281" s="2">
        <v>8.2919999999999998</v>
      </c>
      <c r="U2281" s="2">
        <v>5.9409999999999998</v>
      </c>
      <c r="V2281" s="2">
        <v>0.129</v>
      </c>
      <c r="W2281" s="2">
        <v>12</v>
      </c>
      <c r="X2281" s="2">
        <v>62</v>
      </c>
      <c r="Y2281" s="2">
        <v>172.9</v>
      </c>
      <c r="Z2281" s="5">
        <v>10</v>
      </c>
      <c r="AA2281" s="5" t="s">
        <v>43</v>
      </c>
      <c r="AB2281" s="5" t="s">
        <v>44</v>
      </c>
      <c r="AC2281" s="2" t="s">
        <v>33706</v>
      </c>
      <c r="AD2281" s="1"/>
    </row>
    <row r="2282" spans="1:30">
      <c r="A2282" s="5" t="s">
        <v>83578</v>
      </c>
      <c r="B2282" s="2" t="s">
        <v>90447</v>
      </c>
      <c r="C2282" s="14" t="s">
        <v>90448</v>
      </c>
      <c r="D2282" s="2" t="s">
        <v>90449</v>
      </c>
      <c r="E2282" s="2" t="s">
        <v>33705</v>
      </c>
      <c r="F2282" s="8">
        <v>361</v>
      </c>
      <c r="G2282" s="5">
        <v>10</v>
      </c>
      <c r="H2282" s="5" t="s">
        <v>69</v>
      </c>
      <c r="I2282" s="5" t="s">
        <v>27074</v>
      </c>
      <c r="J2282" s="2" t="s">
        <v>27075</v>
      </c>
      <c r="K2282" s="5" t="s">
        <v>27074</v>
      </c>
      <c r="L2282" s="2" t="s">
        <v>27075</v>
      </c>
      <c r="M2282" s="5" t="s">
        <v>24254</v>
      </c>
      <c r="N2282" s="5" t="s">
        <v>38</v>
      </c>
      <c r="O2282" s="5" t="s">
        <v>39</v>
      </c>
      <c r="P2282" s="5" t="s">
        <v>40</v>
      </c>
      <c r="Q2282" s="5" t="s">
        <v>25301</v>
      </c>
      <c r="R2282" s="5" t="s">
        <v>40</v>
      </c>
      <c r="S2282" s="5" t="s">
        <v>42</v>
      </c>
      <c r="T2282" s="2">
        <v>10.403</v>
      </c>
      <c r="U2282" s="2">
        <v>8.0670000000000002</v>
      </c>
      <c r="V2282" s="2">
        <v>0.11899999999999999</v>
      </c>
      <c r="W2282" s="2">
        <v>12</v>
      </c>
      <c r="X2282" s="2">
        <v>62</v>
      </c>
      <c r="Y2282" s="2">
        <v>159.9</v>
      </c>
      <c r="Z2282" s="5">
        <v>10</v>
      </c>
      <c r="AA2282" s="5" t="s">
        <v>43</v>
      </c>
      <c r="AB2282" s="5" t="s">
        <v>44</v>
      </c>
      <c r="AC2282" s="2" t="s">
        <v>33814</v>
      </c>
      <c r="AD2282" s="1"/>
    </row>
    <row r="2283" spans="1:30">
      <c r="A2283" s="5" t="s">
        <v>83578</v>
      </c>
      <c r="B2283" s="2" t="s">
        <v>90450</v>
      </c>
      <c r="C2283" s="14" t="s">
        <v>90451</v>
      </c>
      <c r="D2283" s="2" t="s">
        <v>90452</v>
      </c>
      <c r="E2283" s="2" t="s">
        <v>33673</v>
      </c>
      <c r="F2283" s="8">
        <v>372</v>
      </c>
      <c r="G2283" s="5">
        <v>10</v>
      </c>
      <c r="H2283" s="5" t="s">
        <v>69</v>
      </c>
      <c r="I2283" s="5" t="s">
        <v>27074</v>
      </c>
      <c r="J2283" s="2" t="s">
        <v>27075</v>
      </c>
      <c r="K2283" s="5" t="s">
        <v>27074</v>
      </c>
      <c r="L2283" s="2" t="s">
        <v>27075</v>
      </c>
      <c r="M2283" s="5" t="s">
        <v>24254</v>
      </c>
      <c r="N2283" s="5" t="s">
        <v>38</v>
      </c>
      <c r="O2283" s="5" t="s">
        <v>39</v>
      </c>
      <c r="P2283" s="5" t="s">
        <v>40</v>
      </c>
      <c r="Q2283" s="5" t="s">
        <v>24340</v>
      </c>
      <c r="R2283" s="5" t="s">
        <v>40</v>
      </c>
      <c r="S2283" s="5" t="s">
        <v>42</v>
      </c>
      <c r="T2283" s="2">
        <v>13.381</v>
      </c>
      <c r="U2283" s="2">
        <v>11.141999999999999</v>
      </c>
      <c r="V2283" s="2">
        <v>0.11899999999999999</v>
      </c>
      <c r="W2283" s="2">
        <v>12</v>
      </c>
      <c r="X2283" s="2">
        <v>62</v>
      </c>
      <c r="Y2283" s="2">
        <v>159.9</v>
      </c>
      <c r="Z2283" s="5">
        <v>8</v>
      </c>
      <c r="AA2283" s="5" t="s">
        <v>43</v>
      </c>
      <c r="AB2283" s="5" t="s">
        <v>44</v>
      </c>
      <c r="AC2283" s="2" t="s">
        <v>33665</v>
      </c>
      <c r="AD2283" s="1"/>
    </row>
    <row r="2284" spans="1:30">
      <c r="A2284" s="5" t="s">
        <v>83578</v>
      </c>
      <c r="B2284" s="2" t="s">
        <v>90453</v>
      </c>
      <c r="C2284" s="14" t="s">
        <v>90454</v>
      </c>
      <c r="D2284" s="2" t="s">
        <v>90455</v>
      </c>
      <c r="E2284" s="2" t="s">
        <v>33677</v>
      </c>
      <c r="F2284" s="8">
        <v>372</v>
      </c>
      <c r="G2284" s="5">
        <v>10</v>
      </c>
      <c r="H2284" s="5" t="s">
        <v>69</v>
      </c>
      <c r="I2284" s="5" t="s">
        <v>27074</v>
      </c>
      <c r="J2284" s="2" t="s">
        <v>27075</v>
      </c>
      <c r="K2284" s="5" t="s">
        <v>27074</v>
      </c>
      <c r="L2284" s="2" t="s">
        <v>27075</v>
      </c>
      <c r="M2284" s="5" t="s">
        <v>24254</v>
      </c>
      <c r="N2284" s="5" t="s">
        <v>38</v>
      </c>
      <c r="O2284" s="5" t="s">
        <v>39</v>
      </c>
      <c r="P2284" s="5" t="s">
        <v>40</v>
      </c>
      <c r="Q2284" s="5" t="s">
        <v>24340</v>
      </c>
      <c r="R2284" s="5" t="s">
        <v>40</v>
      </c>
      <c r="S2284" s="5" t="s">
        <v>42</v>
      </c>
      <c r="T2284" s="2">
        <v>13.375</v>
      </c>
      <c r="U2284" s="2">
        <v>10.702</v>
      </c>
      <c r="V2284" s="2">
        <v>0.14899999999999999</v>
      </c>
      <c r="W2284" s="2">
        <v>12</v>
      </c>
      <c r="X2284" s="2">
        <v>62</v>
      </c>
      <c r="Y2284" s="2">
        <v>199.7</v>
      </c>
      <c r="Z2284" s="5">
        <v>10</v>
      </c>
      <c r="AA2284" s="5" t="s">
        <v>43</v>
      </c>
      <c r="AB2284" s="5" t="s">
        <v>44</v>
      </c>
      <c r="AC2284" s="2" t="s">
        <v>33678</v>
      </c>
      <c r="AD2284" s="1"/>
    </row>
    <row r="2285" spans="1:30">
      <c r="A2285" s="5" t="s">
        <v>83578</v>
      </c>
      <c r="B2285" s="2" t="s">
        <v>90456</v>
      </c>
      <c r="C2285" s="14" t="s">
        <v>90457</v>
      </c>
      <c r="D2285" s="2" t="s">
        <v>90458</v>
      </c>
      <c r="E2285" s="2" t="s">
        <v>33677</v>
      </c>
      <c r="F2285" s="8">
        <v>372</v>
      </c>
      <c r="G2285" s="5">
        <v>10</v>
      </c>
      <c r="H2285" s="5" t="s">
        <v>69</v>
      </c>
      <c r="I2285" s="5" t="s">
        <v>27074</v>
      </c>
      <c r="J2285" s="2" t="s">
        <v>27075</v>
      </c>
      <c r="K2285" s="5" t="s">
        <v>27074</v>
      </c>
      <c r="L2285" s="2" t="s">
        <v>27075</v>
      </c>
      <c r="M2285" s="5" t="s">
        <v>24254</v>
      </c>
      <c r="N2285" s="5" t="s">
        <v>38</v>
      </c>
      <c r="O2285" s="5" t="s">
        <v>39</v>
      </c>
      <c r="P2285" s="5" t="s">
        <v>40</v>
      </c>
      <c r="Q2285" s="5" t="s">
        <v>24340</v>
      </c>
      <c r="R2285" s="5" t="s">
        <v>40</v>
      </c>
      <c r="S2285" s="5" t="s">
        <v>42</v>
      </c>
      <c r="T2285" s="2">
        <v>14.54</v>
      </c>
      <c r="U2285" s="2">
        <v>11.821</v>
      </c>
      <c r="V2285" s="2">
        <v>0.14899999999999999</v>
      </c>
      <c r="W2285" s="2">
        <v>12</v>
      </c>
      <c r="X2285" s="2">
        <v>62</v>
      </c>
      <c r="Y2285" s="2">
        <v>199.7</v>
      </c>
      <c r="Z2285" s="5">
        <v>10</v>
      </c>
      <c r="AA2285" s="5" t="s">
        <v>43</v>
      </c>
      <c r="AB2285" s="5" t="s">
        <v>44</v>
      </c>
      <c r="AC2285" s="2" t="s">
        <v>33950</v>
      </c>
      <c r="AD2285" s="1"/>
    </row>
    <row r="2286" spans="1:30">
      <c r="A2286" s="5" t="s">
        <v>83578</v>
      </c>
      <c r="B2286" s="2" t="s">
        <v>90459</v>
      </c>
      <c r="C2286" s="14" t="s">
        <v>90460</v>
      </c>
      <c r="D2286" s="2" t="s">
        <v>90461</v>
      </c>
      <c r="E2286" s="2" t="s">
        <v>33682</v>
      </c>
      <c r="F2286" s="8">
        <v>372</v>
      </c>
      <c r="G2286" s="5">
        <v>10</v>
      </c>
      <c r="H2286" s="5" t="s">
        <v>69</v>
      </c>
      <c r="I2286" s="5" t="s">
        <v>27074</v>
      </c>
      <c r="J2286" s="2" t="s">
        <v>27075</v>
      </c>
      <c r="K2286" s="5" t="s">
        <v>27074</v>
      </c>
      <c r="L2286" s="2" t="s">
        <v>27075</v>
      </c>
      <c r="M2286" s="5" t="s">
        <v>24254</v>
      </c>
      <c r="N2286" s="5" t="s">
        <v>38</v>
      </c>
      <c r="O2286" s="5" t="s">
        <v>39</v>
      </c>
      <c r="P2286" s="5" t="s">
        <v>40</v>
      </c>
      <c r="Q2286" s="5" t="s">
        <v>24340</v>
      </c>
      <c r="R2286" s="5" t="s">
        <v>40</v>
      </c>
      <c r="S2286" s="5" t="s">
        <v>42</v>
      </c>
      <c r="T2286" s="2">
        <v>9.5370000000000008</v>
      </c>
      <c r="U2286" s="2">
        <v>7.1859999999999999</v>
      </c>
      <c r="V2286" s="2">
        <v>0.129</v>
      </c>
      <c r="W2286" s="2">
        <v>12</v>
      </c>
      <c r="X2286" s="2">
        <v>62</v>
      </c>
      <c r="Y2286" s="2">
        <v>172.9</v>
      </c>
      <c r="Z2286" s="5">
        <v>10</v>
      </c>
      <c r="AA2286" s="5" t="s">
        <v>43</v>
      </c>
      <c r="AB2286" s="5" t="s">
        <v>44</v>
      </c>
      <c r="AC2286" s="2" t="s">
        <v>33683</v>
      </c>
      <c r="AD2286" s="1"/>
    </row>
    <row r="2287" spans="1:30">
      <c r="A2287" s="5" t="s">
        <v>83578</v>
      </c>
      <c r="B2287" s="2" t="s">
        <v>90462</v>
      </c>
      <c r="C2287" s="14" t="s">
        <v>90463</v>
      </c>
      <c r="D2287" s="2" t="s">
        <v>90464</v>
      </c>
      <c r="E2287" s="2" t="s">
        <v>33682</v>
      </c>
      <c r="F2287" s="8">
        <v>372</v>
      </c>
      <c r="G2287" s="5">
        <v>10</v>
      </c>
      <c r="H2287" s="5" t="s">
        <v>69</v>
      </c>
      <c r="I2287" s="5" t="s">
        <v>27074</v>
      </c>
      <c r="J2287" s="2" t="s">
        <v>27075</v>
      </c>
      <c r="K2287" s="5" t="s">
        <v>27074</v>
      </c>
      <c r="L2287" s="2" t="s">
        <v>27075</v>
      </c>
      <c r="M2287" s="5" t="s">
        <v>24254</v>
      </c>
      <c r="N2287" s="5" t="s">
        <v>38</v>
      </c>
      <c r="O2287" s="5" t="s">
        <v>39</v>
      </c>
      <c r="P2287" s="5" t="s">
        <v>40</v>
      </c>
      <c r="Q2287" s="5" t="s">
        <v>24340</v>
      </c>
      <c r="R2287" s="5" t="s">
        <v>40</v>
      </c>
      <c r="S2287" s="5" t="s">
        <v>42</v>
      </c>
      <c r="T2287" s="2">
        <v>11.03</v>
      </c>
      <c r="U2287" s="2">
        <v>8.6329999999999991</v>
      </c>
      <c r="V2287" s="2">
        <v>0.129</v>
      </c>
      <c r="W2287" s="2">
        <v>12</v>
      </c>
      <c r="X2287" s="2">
        <v>62</v>
      </c>
      <c r="Y2287" s="2">
        <v>172.9</v>
      </c>
      <c r="Z2287" s="5">
        <v>10</v>
      </c>
      <c r="AA2287" s="5" t="s">
        <v>43</v>
      </c>
      <c r="AB2287" s="5" t="s">
        <v>44</v>
      </c>
      <c r="AC2287" s="2" t="s">
        <v>33688</v>
      </c>
      <c r="AD2287" s="1"/>
    </row>
    <row r="2288" spans="1:30">
      <c r="A2288" s="5" t="s">
        <v>83578</v>
      </c>
      <c r="B2288" s="2" t="s">
        <v>90465</v>
      </c>
      <c r="C2288" s="14" t="s">
        <v>90466</v>
      </c>
      <c r="D2288" s="2" t="s">
        <v>90467</v>
      </c>
      <c r="E2288" s="2" t="s">
        <v>33687</v>
      </c>
      <c r="F2288" s="8">
        <v>372</v>
      </c>
      <c r="G2288" s="5">
        <v>10</v>
      </c>
      <c r="H2288" s="5" t="s">
        <v>69</v>
      </c>
      <c r="I2288" s="5" t="s">
        <v>27074</v>
      </c>
      <c r="J2288" s="2" t="s">
        <v>27075</v>
      </c>
      <c r="K2288" s="5" t="s">
        <v>27074</v>
      </c>
      <c r="L2288" s="2" t="s">
        <v>27075</v>
      </c>
      <c r="M2288" s="5" t="s">
        <v>24254</v>
      </c>
      <c r="N2288" s="5" t="s">
        <v>38</v>
      </c>
      <c r="O2288" s="5" t="s">
        <v>39</v>
      </c>
      <c r="P2288" s="5" t="s">
        <v>40</v>
      </c>
      <c r="Q2288" s="5" t="s">
        <v>24340</v>
      </c>
      <c r="R2288" s="5" t="s">
        <v>40</v>
      </c>
      <c r="S2288" s="5" t="s">
        <v>42</v>
      </c>
      <c r="T2288" s="2">
        <v>11.637</v>
      </c>
      <c r="U2288" s="2">
        <v>8.8689999999999998</v>
      </c>
      <c r="V2288" s="2">
        <v>0.14899999999999999</v>
      </c>
      <c r="W2288" s="2">
        <v>12</v>
      </c>
      <c r="X2288" s="2">
        <v>62</v>
      </c>
      <c r="Y2288" s="2">
        <v>199.7</v>
      </c>
      <c r="Z2288" s="5">
        <v>10</v>
      </c>
      <c r="AA2288" s="5" t="s">
        <v>43</v>
      </c>
      <c r="AB2288" s="5" t="s">
        <v>44</v>
      </c>
      <c r="AC2288" s="2" t="s">
        <v>33683</v>
      </c>
      <c r="AD2288" s="1"/>
    </row>
    <row r="2289" spans="1:30">
      <c r="A2289" s="5" t="s">
        <v>83578</v>
      </c>
      <c r="B2289" s="2" t="s">
        <v>90468</v>
      </c>
      <c r="C2289" s="14" t="s">
        <v>90469</v>
      </c>
      <c r="D2289" s="2" t="s">
        <v>90470</v>
      </c>
      <c r="E2289" s="2" t="s">
        <v>33805</v>
      </c>
      <c r="F2289" s="8">
        <v>372</v>
      </c>
      <c r="G2289" s="5">
        <v>10</v>
      </c>
      <c r="H2289" s="5" t="s">
        <v>69</v>
      </c>
      <c r="I2289" s="5" t="s">
        <v>27074</v>
      </c>
      <c r="J2289" s="2" t="s">
        <v>27075</v>
      </c>
      <c r="K2289" s="5" t="s">
        <v>27074</v>
      </c>
      <c r="L2289" s="2" t="s">
        <v>27075</v>
      </c>
      <c r="M2289" s="5" t="s">
        <v>24254</v>
      </c>
      <c r="N2289" s="5" t="s">
        <v>38</v>
      </c>
      <c r="O2289" s="5" t="s">
        <v>39</v>
      </c>
      <c r="P2289" s="5" t="s">
        <v>40</v>
      </c>
      <c r="Q2289" s="5" t="s">
        <v>25301</v>
      </c>
      <c r="R2289" s="5" t="s">
        <v>40</v>
      </c>
      <c r="S2289" s="5" t="s">
        <v>42</v>
      </c>
      <c r="T2289" s="2">
        <v>12.958</v>
      </c>
      <c r="U2289" s="2">
        <v>10.239000000000001</v>
      </c>
      <c r="V2289" s="2">
        <v>0.14899999999999999</v>
      </c>
      <c r="W2289" s="2">
        <v>12</v>
      </c>
      <c r="X2289" s="2">
        <v>62</v>
      </c>
      <c r="Y2289" s="2">
        <v>199.7</v>
      </c>
      <c r="Z2289" s="5">
        <v>10</v>
      </c>
      <c r="AA2289" s="5" t="s">
        <v>43</v>
      </c>
      <c r="AB2289" s="5" t="s">
        <v>44</v>
      </c>
      <c r="AC2289" s="2" t="s">
        <v>34421</v>
      </c>
      <c r="AD2289" s="1"/>
    </row>
    <row r="2290" spans="1:30">
      <c r="A2290" s="5" t="s">
        <v>83578</v>
      </c>
      <c r="B2290" s="2" t="s">
        <v>90471</v>
      </c>
      <c r="C2290" s="14" t="s">
        <v>90472</v>
      </c>
      <c r="D2290" s="2" t="s">
        <v>90473</v>
      </c>
      <c r="E2290" s="2" t="s">
        <v>33810</v>
      </c>
      <c r="F2290" s="8">
        <v>372</v>
      </c>
      <c r="G2290" s="5">
        <v>10</v>
      </c>
      <c r="H2290" s="5" t="s">
        <v>69</v>
      </c>
      <c r="I2290" s="5" t="s">
        <v>27074</v>
      </c>
      <c r="J2290" s="2" t="s">
        <v>27075</v>
      </c>
      <c r="K2290" s="5" t="s">
        <v>27074</v>
      </c>
      <c r="L2290" s="2" t="s">
        <v>27075</v>
      </c>
      <c r="M2290" s="5" t="s">
        <v>24254</v>
      </c>
      <c r="N2290" s="5" t="s">
        <v>38</v>
      </c>
      <c r="O2290" s="5" t="s">
        <v>39</v>
      </c>
      <c r="P2290" s="5" t="s">
        <v>40</v>
      </c>
      <c r="Q2290" s="5" t="s">
        <v>25301</v>
      </c>
      <c r="R2290" s="5" t="s">
        <v>40</v>
      </c>
      <c r="S2290" s="5" t="s">
        <v>42</v>
      </c>
      <c r="T2290" s="2">
        <v>10.034000000000001</v>
      </c>
      <c r="U2290" s="2">
        <v>7.6369999999999996</v>
      </c>
      <c r="V2290" s="2">
        <v>0.129</v>
      </c>
      <c r="W2290" s="2">
        <v>12</v>
      </c>
      <c r="X2290" s="2">
        <v>62</v>
      </c>
      <c r="Y2290" s="2">
        <v>172.9</v>
      </c>
      <c r="Z2290" s="5">
        <v>10</v>
      </c>
      <c r="AA2290" s="5" t="s">
        <v>43</v>
      </c>
      <c r="AB2290" s="5" t="s">
        <v>44</v>
      </c>
      <c r="AC2290" s="2" t="s">
        <v>33814</v>
      </c>
      <c r="AD2290" s="1"/>
    </row>
    <row r="2291" spans="1:30">
      <c r="A2291" s="5" t="s">
        <v>83578</v>
      </c>
      <c r="B2291" s="2" t="s">
        <v>90474</v>
      </c>
      <c r="C2291" s="14" t="s">
        <v>90475</v>
      </c>
      <c r="D2291" s="2" t="s">
        <v>90476</v>
      </c>
      <c r="E2291" s="2" t="s">
        <v>33705</v>
      </c>
      <c r="F2291" s="8">
        <v>372</v>
      </c>
      <c r="G2291" s="5">
        <v>10</v>
      </c>
      <c r="H2291" s="5" t="s">
        <v>69</v>
      </c>
      <c r="I2291" s="5" t="s">
        <v>27074</v>
      </c>
      <c r="J2291" s="2" t="s">
        <v>27075</v>
      </c>
      <c r="K2291" s="5" t="s">
        <v>27074</v>
      </c>
      <c r="L2291" s="2" t="s">
        <v>27075</v>
      </c>
      <c r="M2291" s="5" t="s">
        <v>24254</v>
      </c>
      <c r="N2291" s="5" t="s">
        <v>38</v>
      </c>
      <c r="O2291" s="5" t="s">
        <v>39</v>
      </c>
      <c r="P2291" s="5" t="s">
        <v>40</v>
      </c>
      <c r="Q2291" s="5" t="s">
        <v>25301</v>
      </c>
      <c r="R2291" s="5" t="s">
        <v>40</v>
      </c>
      <c r="S2291" s="5" t="s">
        <v>42</v>
      </c>
      <c r="T2291" s="2">
        <v>11.654999999999999</v>
      </c>
      <c r="U2291" s="2">
        <v>8.8409999999999993</v>
      </c>
      <c r="V2291" s="2">
        <v>0.14899999999999999</v>
      </c>
      <c r="W2291" s="2">
        <v>12</v>
      </c>
      <c r="X2291" s="2">
        <v>62</v>
      </c>
      <c r="Y2291" s="2">
        <v>199.7</v>
      </c>
      <c r="Z2291" s="5">
        <v>10</v>
      </c>
      <c r="AA2291" s="5" t="s">
        <v>43</v>
      </c>
      <c r="AB2291" s="5" t="s">
        <v>44</v>
      </c>
      <c r="AC2291" s="2" t="s">
        <v>33814</v>
      </c>
      <c r="AD2291" s="1"/>
    </row>
    <row r="2292" spans="1:30">
      <c r="A2292" s="5" t="s">
        <v>83578</v>
      </c>
      <c r="B2292" s="2" t="s">
        <v>90477</v>
      </c>
      <c r="C2292" s="14" t="s">
        <v>90478</v>
      </c>
      <c r="D2292" s="2" t="s">
        <v>90479</v>
      </c>
      <c r="E2292" s="2" t="s">
        <v>33677</v>
      </c>
      <c r="F2292" s="8">
        <v>385</v>
      </c>
      <c r="G2292" s="5">
        <v>10</v>
      </c>
      <c r="H2292" s="5" t="s">
        <v>69</v>
      </c>
      <c r="I2292" s="5" t="s">
        <v>27074</v>
      </c>
      <c r="J2292" s="2" t="s">
        <v>27075</v>
      </c>
      <c r="K2292" s="5" t="s">
        <v>27074</v>
      </c>
      <c r="L2292" s="2" t="s">
        <v>27075</v>
      </c>
      <c r="M2292" s="5" t="s">
        <v>24254</v>
      </c>
      <c r="N2292" s="5" t="s">
        <v>38</v>
      </c>
      <c r="O2292" s="5" t="s">
        <v>39</v>
      </c>
      <c r="P2292" s="5" t="s">
        <v>40</v>
      </c>
      <c r="Q2292" s="5" t="s">
        <v>24340</v>
      </c>
      <c r="R2292" s="5" t="s">
        <v>40</v>
      </c>
      <c r="S2292" s="5" t="s">
        <v>42</v>
      </c>
      <c r="T2292" s="2">
        <v>14.403</v>
      </c>
      <c r="U2292" s="2">
        <v>11.73</v>
      </c>
      <c r="V2292" s="2">
        <v>0.14899999999999999</v>
      </c>
      <c r="W2292" s="2">
        <v>12</v>
      </c>
      <c r="X2292" s="2">
        <v>62</v>
      </c>
      <c r="Y2292" s="2">
        <v>199.7</v>
      </c>
      <c r="Z2292" s="5">
        <v>10</v>
      </c>
      <c r="AA2292" s="5" t="s">
        <v>43</v>
      </c>
      <c r="AB2292" s="5" t="s">
        <v>44</v>
      </c>
      <c r="AC2292" s="2" t="s">
        <v>33678</v>
      </c>
      <c r="AD2292" s="1"/>
    </row>
    <row r="2293" spans="1:30">
      <c r="A2293" s="5" t="s">
        <v>83578</v>
      </c>
      <c r="B2293" s="2" t="s">
        <v>90480</v>
      </c>
      <c r="C2293" s="14" t="s">
        <v>90481</v>
      </c>
      <c r="D2293" s="2" t="s">
        <v>90482</v>
      </c>
      <c r="E2293" s="2" t="s">
        <v>33677</v>
      </c>
      <c r="F2293" s="8">
        <v>385</v>
      </c>
      <c r="G2293" s="5">
        <v>10</v>
      </c>
      <c r="H2293" s="5" t="s">
        <v>69</v>
      </c>
      <c r="I2293" s="5" t="s">
        <v>27074</v>
      </c>
      <c r="J2293" s="2" t="s">
        <v>27075</v>
      </c>
      <c r="K2293" s="5" t="s">
        <v>27074</v>
      </c>
      <c r="L2293" s="2" t="s">
        <v>27075</v>
      </c>
      <c r="M2293" s="5" t="s">
        <v>24254</v>
      </c>
      <c r="N2293" s="5" t="s">
        <v>38</v>
      </c>
      <c r="O2293" s="5" t="s">
        <v>39</v>
      </c>
      <c r="P2293" s="5" t="s">
        <v>40</v>
      </c>
      <c r="Q2293" s="5" t="s">
        <v>24340</v>
      </c>
      <c r="R2293" s="5" t="s">
        <v>40</v>
      </c>
      <c r="S2293" s="5" t="s">
        <v>42</v>
      </c>
      <c r="T2293" s="2">
        <v>15.568</v>
      </c>
      <c r="U2293" s="2">
        <v>12.849</v>
      </c>
      <c r="V2293" s="2">
        <v>0.14899999999999999</v>
      </c>
      <c r="W2293" s="2">
        <v>12</v>
      </c>
      <c r="X2293" s="2">
        <v>62</v>
      </c>
      <c r="Y2293" s="2">
        <v>199.7</v>
      </c>
      <c r="Z2293" s="5">
        <v>10</v>
      </c>
      <c r="AA2293" s="5" t="s">
        <v>43</v>
      </c>
      <c r="AB2293" s="5" t="s">
        <v>44</v>
      </c>
      <c r="AC2293" s="2" t="s">
        <v>33950</v>
      </c>
      <c r="AD2293" s="1"/>
    </row>
    <row r="2294" spans="1:30">
      <c r="A2294" s="5" t="s">
        <v>83578</v>
      </c>
      <c r="B2294" s="2" t="s">
        <v>90483</v>
      </c>
      <c r="C2294" s="14" t="s">
        <v>90484</v>
      </c>
      <c r="D2294" s="2" t="s">
        <v>90485</v>
      </c>
      <c r="E2294" s="2" t="s">
        <v>33682</v>
      </c>
      <c r="F2294" s="8">
        <v>385</v>
      </c>
      <c r="G2294" s="5">
        <v>10</v>
      </c>
      <c r="H2294" s="5" t="s">
        <v>69</v>
      </c>
      <c r="I2294" s="5" t="s">
        <v>27074</v>
      </c>
      <c r="J2294" s="2" t="s">
        <v>27075</v>
      </c>
      <c r="K2294" s="5" t="s">
        <v>27074</v>
      </c>
      <c r="L2294" s="2" t="s">
        <v>27075</v>
      </c>
      <c r="M2294" s="5" t="s">
        <v>24254</v>
      </c>
      <c r="N2294" s="5" t="s">
        <v>38</v>
      </c>
      <c r="O2294" s="5" t="s">
        <v>39</v>
      </c>
      <c r="P2294" s="5" t="s">
        <v>40</v>
      </c>
      <c r="Q2294" s="5" t="s">
        <v>24340</v>
      </c>
      <c r="R2294" s="5" t="s">
        <v>40</v>
      </c>
      <c r="S2294" s="5" t="s">
        <v>42</v>
      </c>
      <c r="T2294" s="2">
        <v>10.465999999999999</v>
      </c>
      <c r="U2294" s="2">
        <v>7.7930000000000001</v>
      </c>
      <c r="V2294" s="2">
        <v>0.14899999999999999</v>
      </c>
      <c r="W2294" s="2">
        <v>12</v>
      </c>
      <c r="X2294" s="2">
        <v>62</v>
      </c>
      <c r="Y2294" s="2">
        <v>199.7</v>
      </c>
      <c r="Z2294" s="5">
        <v>10</v>
      </c>
      <c r="AA2294" s="5" t="s">
        <v>43</v>
      </c>
      <c r="AB2294" s="5" t="s">
        <v>44</v>
      </c>
      <c r="AC2294" s="2" t="s">
        <v>33683</v>
      </c>
      <c r="AD2294" s="1"/>
    </row>
    <row r="2295" spans="1:30">
      <c r="A2295" s="5" t="s">
        <v>83578</v>
      </c>
      <c r="B2295" s="2" t="s">
        <v>90486</v>
      </c>
      <c r="C2295" s="14" t="s">
        <v>90487</v>
      </c>
      <c r="D2295" s="2" t="s">
        <v>90488</v>
      </c>
      <c r="E2295" s="2" t="s">
        <v>33682</v>
      </c>
      <c r="F2295" s="8">
        <v>385</v>
      </c>
      <c r="G2295" s="5">
        <v>10</v>
      </c>
      <c r="H2295" s="5" t="s">
        <v>69</v>
      </c>
      <c r="I2295" s="5" t="s">
        <v>27074</v>
      </c>
      <c r="J2295" s="2" t="s">
        <v>27075</v>
      </c>
      <c r="K2295" s="5" t="s">
        <v>27074</v>
      </c>
      <c r="L2295" s="2" t="s">
        <v>27075</v>
      </c>
      <c r="M2295" s="5" t="s">
        <v>24254</v>
      </c>
      <c r="N2295" s="5" t="s">
        <v>38</v>
      </c>
      <c r="O2295" s="5" t="s">
        <v>39</v>
      </c>
      <c r="P2295" s="5" t="s">
        <v>40</v>
      </c>
      <c r="Q2295" s="5" t="s">
        <v>24340</v>
      </c>
      <c r="R2295" s="5" t="s">
        <v>40</v>
      </c>
      <c r="S2295" s="5" t="s">
        <v>42</v>
      </c>
      <c r="T2295" s="2">
        <v>11.959</v>
      </c>
      <c r="U2295" s="2">
        <v>9.24</v>
      </c>
      <c r="V2295" s="2">
        <v>0.14899999999999999</v>
      </c>
      <c r="W2295" s="2">
        <v>12</v>
      </c>
      <c r="X2295" s="2">
        <v>62</v>
      </c>
      <c r="Y2295" s="2">
        <v>199.7</v>
      </c>
      <c r="Z2295" s="5">
        <v>10</v>
      </c>
      <c r="AA2295" s="5" t="s">
        <v>43</v>
      </c>
      <c r="AB2295" s="5" t="s">
        <v>44</v>
      </c>
      <c r="AC2295" s="2" t="s">
        <v>33688</v>
      </c>
      <c r="AD2295" s="1"/>
    </row>
    <row r="2296" spans="1:30">
      <c r="A2296" s="5" t="s">
        <v>83578</v>
      </c>
      <c r="B2296" s="2" t="s">
        <v>90489</v>
      </c>
      <c r="C2296" s="14" t="s">
        <v>90490</v>
      </c>
      <c r="D2296" s="2" t="s">
        <v>90491</v>
      </c>
      <c r="E2296" s="2" t="s">
        <v>33687</v>
      </c>
      <c r="F2296" s="8">
        <v>385</v>
      </c>
      <c r="G2296" s="5">
        <v>10</v>
      </c>
      <c r="H2296" s="5" t="s">
        <v>69</v>
      </c>
      <c r="I2296" s="5" t="s">
        <v>27074</v>
      </c>
      <c r="J2296" s="2" t="s">
        <v>27075</v>
      </c>
      <c r="K2296" s="5" t="s">
        <v>27074</v>
      </c>
      <c r="L2296" s="2" t="s">
        <v>27075</v>
      </c>
      <c r="M2296" s="5" t="s">
        <v>24254</v>
      </c>
      <c r="N2296" s="5" t="s">
        <v>38</v>
      </c>
      <c r="O2296" s="5" t="s">
        <v>39</v>
      </c>
      <c r="P2296" s="5" t="s">
        <v>40</v>
      </c>
      <c r="Q2296" s="5" t="s">
        <v>24340</v>
      </c>
      <c r="R2296" s="5" t="s">
        <v>40</v>
      </c>
      <c r="S2296" s="5" t="s">
        <v>42</v>
      </c>
      <c r="T2296" s="2">
        <v>12.452999999999999</v>
      </c>
      <c r="U2296" s="2">
        <v>9.6850000000000005</v>
      </c>
      <c r="V2296" s="2">
        <v>0.14899999999999999</v>
      </c>
      <c r="W2296" s="2">
        <v>12</v>
      </c>
      <c r="X2296" s="2">
        <v>62</v>
      </c>
      <c r="Y2296" s="2">
        <v>199.7</v>
      </c>
      <c r="Z2296" s="5">
        <v>10</v>
      </c>
      <c r="AA2296" s="5" t="s">
        <v>43</v>
      </c>
      <c r="AB2296" s="5" t="s">
        <v>44</v>
      </c>
      <c r="AC2296" s="2" t="s">
        <v>33683</v>
      </c>
      <c r="AD2296" s="1"/>
    </row>
    <row r="2297" spans="1:30">
      <c r="A2297" s="5" t="s">
        <v>83578</v>
      </c>
      <c r="B2297" s="2" t="s">
        <v>90492</v>
      </c>
      <c r="C2297" s="14" t="s">
        <v>90493</v>
      </c>
      <c r="D2297" s="2" t="s">
        <v>90494</v>
      </c>
      <c r="E2297" s="2" t="s">
        <v>33805</v>
      </c>
      <c r="F2297" s="8">
        <v>385</v>
      </c>
      <c r="G2297" s="5">
        <v>10</v>
      </c>
      <c r="H2297" s="5" t="s">
        <v>69</v>
      </c>
      <c r="I2297" s="5" t="s">
        <v>27074</v>
      </c>
      <c r="J2297" s="2" t="s">
        <v>27075</v>
      </c>
      <c r="K2297" s="5" t="s">
        <v>27074</v>
      </c>
      <c r="L2297" s="2" t="s">
        <v>27075</v>
      </c>
      <c r="M2297" s="5" t="s">
        <v>24254</v>
      </c>
      <c r="N2297" s="5" t="s">
        <v>38</v>
      </c>
      <c r="O2297" s="5" t="s">
        <v>39</v>
      </c>
      <c r="P2297" s="5" t="s">
        <v>40</v>
      </c>
      <c r="Q2297" s="5" t="s">
        <v>25301</v>
      </c>
      <c r="R2297" s="5" t="s">
        <v>40</v>
      </c>
      <c r="S2297" s="5" t="s">
        <v>42</v>
      </c>
      <c r="T2297" s="2">
        <v>14.305</v>
      </c>
      <c r="U2297" s="2">
        <v>11.586</v>
      </c>
      <c r="V2297" s="2">
        <v>0.14899999999999999</v>
      </c>
      <c r="W2297" s="2">
        <v>12</v>
      </c>
      <c r="X2297" s="2">
        <v>62</v>
      </c>
      <c r="Y2297" s="2">
        <v>199.7</v>
      </c>
      <c r="Z2297" s="5">
        <v>10</v>
      </c>
      <c r="AA2297" s="5" t="s">
        <v>43</v>
      </c>
      <c r="AB2297" s="5" t="s">
        <v>44</v>
      </c>
      <c r="AC2297" s="2" t="s">
        <v>34421</v>
      </c>
      <c r="AD2297" s="1"/>
    </row>
    <row r="2298" spans="1:30">
      <c r="A2298" s="5" t="s">
        <v>83578</v>
      </c>
      <c r="B2298" s="2" t="s">
        <v>90495</v>
      </c>
      <c r="C2298" s="14" t="s">
        <v>90496</v>
      </c>
      <c r="D2298" s="2" t="s">
        <v>90497</v>
      </c>
      <c r="E2298" s="2" t="s">
        <v>33810</v>
      </c>
      <c r="F2298" s="8">
        <v>385</v>
      </c>
      <c r="G2298" s="5">
        <v>10</v>
      </c>
      <c r="H2298" s="5" t="s">
        <v>69</v>
      </c>
      <c r="I2298" s="5" t="s">
        <v>27074</v>
      </c>
      <c r="J2298" s="2" t="s">
        <v>27075</v>
      </c>
      <c r="K2298" s="5" t="s">
        <v>27074</v>
      </c>
      <c r="L2298" s="2" t="s">
        <v>27075</v>
      </c>
      <c r="M2298" s="5" t="s">
        <v>24254</v>
      </c>
      <c r="N2298" s="5" t="s">
        <v>38</v>
      </c>
      <c r="O2298" s="5" t="s">
        <v>39</v>
      </c>
      <c r="P2298" s="5" t="s">
        <v>40</v>
      </c>
      <c r="Q2298" s="5" t="s">
        <v>25301</v>
      </c>
      <c r="R2298" s="5" t="s">
        <v>40</v>
      </c>
      <c r="S2298" s="5" t="s">
        <v>42</v>
      </c>
      <c r="T2298" s="2">
        <v>10.898</v>
      </c>
      <c r="U2298" s="2">
        <v>8.1790000000000003</v>
      </c>
      <c r="V2298" s="2">
        <v>0.14899999999999999</v>
      </c>
      <c r="W2298" s="2">
        <v>12</v>
      </c>
      <c r="X2298" s="2">
        <v>62</v>
      </c>
      <c r="Y2298" s="2">
        <v>199.7</v>
      </c>
      <c r="Z2298" s="5">
        <v>10</v>
      </c>
      <c r="AA2298" s="5" t="s">
        <v>43</v>
      </c>
      <c r="AB2298" s="5" t="s">
        <v>44</v>
      </c>
      <c r="AC2298" s="2" t="s">
        <v>33814</v>
      </c>
      <c r="AD2298" s="1"/>
    </row>
    <row r="2299" spans="1:30">
      <c r="A2299" s="5" t="s">
        <v>83578</v>
      </c>
      <c r="B2299" s="2" t="s">
        <v>90498</v>
      </c>
      <c r="C2299" s="14" t="s">
        <v>90499</v>
      </c>
      <c r="D2299" s="2" t="s">
        <v>90500</v>
      </c>
      <c r="E2299" s="2" t="s">
        <v>33705</v>
      </c>
      <c r="F2299" s="8">
        <v>385</v>
      </c>
      <c r="G2299" s="5">
        <v>10</v>
      </c>
      <c r="H2299" s="5" t="s">
        <v>69</v>
      </c>
      <c r="I2299" s="5" t="s">
        <v>27074</v>
      </c>
      <c r="J2299" s="2" t="s">
        <v>27075</v>
      </c>
      <c r="K2299" s="5" t="s">
        <v>27074</v>
      </c>
      <c r="L2299" s="2" t="s">
        <v>27075</v>
      </c>
      <c r="M2299" s="5" t="s">
        <v>24254</v>
      </c>
      <c r="N2299" s="5" t="s">
        <v>38</v>
      </c>
      <c r="O2299" s="5" t="s">
        <v>39</v>
      </c>
      <c r="P2299" s="5" t="s">
        <v>40</v>
      </c>
      <c r="Q2299" s="5" t="s">
        <v>25301</v>
      </c>
      <c r="R2299" s="5" t="s">
        <v>40</v>
      </c>
      <c r="S2299" s="5" t="s">
        <v>42</v>
      </c>
      <c r="T2299" s="2">
        <v>11.398</v>
      </c>
      <c r="U2299" s="2">
        <v>8.6300000000000008</v>
      </c>
      <c r="V2299" s="2">
        <v>0.14899999999999999</v>
      </c>
      <c r="W2299" s="2">
        <v>12</v>
      </c>
      <c r="X2299" s="2">
        <v>62</v>
      </c>
      <c r="Y2299" s="2">
        <v>199.7</v>
      </c>
      <c r="Z2299" s="5">
        <v>10</v>
      </c>
      <c r="AA2299" s="5" t="s">
        <v>43</v>
      </c>
      <c r="AB2299" s="5" t="s">
        <v>44</v>
      </c>
      <c r="AC2299" s="2" t="s">
        <v>33706</v>
      </c>
      <c r="AD2299" s="1"/>
    </row>
    <row r="2300" spans="1:30">
      <c r="A2300" s="5" t="s">
        <v>83578</v>
      </c>
      <c r="B2300" s="2" t="s">
        <v>90501</v>
      </c>
      <c r="C2300" s="14" t="s">
        <v>90502</v>
      </c>
      <c r="D2300" s="2" t="s">
        <v>90503</v>
      </c>
      <c r="E2300" s="2" t="s">
        <v>33705</v>
      </c>
      <c r="F2300" s="8">
        <v>385</v>
      </c>
      <c r="G2300" s="5">
        <v>10</v>
      </c>
      <c r="H2300" s="5" t="s">
        <v>69</v>
      </c>
      <c r="I2300" s="5" t="s">
        <v>27074</v>
      </c>
      <c r="J2300" s="2" t="s">
        <v>27075</v>
      </c>
      <c r="K2300" s="5" t="s">
        <v>27074</v>
      </c>
      <c r="L2300" s="2" t="s">
        <v>27075</v>
      </c>
      <c r="M2300" s="5" t="s">
        <v>24254</v>
      </c>
      <c r="N2300" s="5" t="s">
        <v>38</v>
      </c>
      <c r="O2300" s="5" t="s">
        <v>39</v>
      </c>
      <c r="P2300" s="5" t="s">
        <v>40</v>
      </c>
      <c r="Q2300" s="5" t="s">
        <v>25301</v>
      </c>
      <c r="R2300" s="5" t="s">
        <v>40</v>
      </c>
      <c r="S2300" s="5" t="s">
        <v>42</v>
      </c>
      <c r="T2300" s="2">
        <v>12.365</v>
      </c>
      <c r="U2300" s="2">
        <v>9.5510000000000002</v>
      </c>
      <c r="V2300" s="2">
        <v>0.14899999999999999</v>
      </c>
      <c r="W2300" s="2">
        <v>12</v>
      </c>
      <c r="X2300" s="2">
        <v>62</v>
      </c>
      <c r="Y2300" s="2">
        <v>199.7</v>
      </c>
      <c r="Z2300" s="5">
        <v>10</v>
      </c>
      <c r="AA2300" s="5" t="s">
        <v>43</v>
      </c>
      <c r="AB2300" s="5" t="s">
        <v>44</v>
      </c>
      <c r="AC2300" s="2" t="s">
        <v>33814</v>
      </c>
      <c r="AD2300" s="1"/>
    </row>
    <row r="2301" spans="1:30">
      <c r="A2301" s="5" t="s">
        <v>83578</v>
      </c>
      <c r="B2301" s="2" t="s">
        <v>90504</v>
      </c>
      <c r="C2301" s="14" t="s">
        <v>90505</v>
      </c>
      <c r="D2301" s="2" t="s">
        <v>90506</v>
      </c>
      <c r="E2301" s="2" t="s">
        <v>33677</v>
      </c>
      <c r="F2301" s="8">
        <v>372</v>
      </c>
      <c r="G2301" s="5">
        <v>10</v>
      </c>
      <c r="H2301" s="5" t="s">
        <v>69</v>
      </c>
      <c r="I2301" s="5" t="s">
        <v>27074</v>
      </c>
      <c r="J2301" s="2" t="s">
        <v>27075</v>
      </c>
      <c r="K2301" s="5" t="s">
        <v>27074</v>
      </c>
      <c r="L2301" s="2" t="s">
        <v>27075</v>
      </c>
      <c r="M2301" s="5" t="s">
        <v>24254</v>
      </c>
      <c r="N2301" s="5" t="s">
        <v>38</v>
      </c>
      <c r="O2301" s="5" t="s">
        <v>39</v>
      </c>
      <c r="P2301" s="5" t="s">
        <v>40</v>
      </c>
      <c r="Q2301" s="5" t="s">
        <v>24340</v>
      </c>
      <c r="R2301" s="5" t="s">
        <v>40</v>
      </c>
      <c r="S2301" s="5" t="s">
        <v>42</v>
      </c>
      <c r="T2301" s="2">
        <v>13.567</v>
      </c>
      <c r="U2301" s="2">
        <v>11.326000000000001</v>
      </c>
      <c r="V2301" s="2">
        <v>0.11899999999999999</v>
      </c>
      <c r="W2301" s="2">
        <v>12</v>
      </c>
      <c r="X2301" s="2">
        <v>62</v>
      </c>
      <c r="Y2301" s="2">
        <v>159.9</v>
      </c>
      <c r="Z2301" s="5">
        <v>10</v>
      </c>
      <c r="AA2301" s="5" t="s">
        <v>43</v>
      </c>
      <c r="AB2301" s="5" t="s">
        <v>44</v>
      </c>
      <c r="AC2301" s="2" t="s">
        <v>33950</v>
      </c>
      <c r="AD2301" s="1"/>
    </row>
    <row r="2302" spans="1:30">
      <c r="A2302" s="5" t="s">
        <v>83578</v>
      </c>
      <c r="B2302" s="2" t="s">
        <v>90507</v>
      </c>
      <c r="C2302" s="14" t="s">
        <v>90508</v>
      </c>
      <c r="D2302" s="2" t="s">
        <v>90509</v>
      </c>
      <c r="E2302" s="2" t="s">
        <v>33682</v>
      </c>
      <c r="F2302" s="8">
        <v>372</v>
      </c>
      <c r="G2302" s="5">
        <v>10</v>
      </c>
      <c r="H2302" s="5" t="s">
        <v>69</v>
      </c>
      <c r="I2302" s="5" t="s">
        <v>27074</v>
      </c>
      <c r="J2302" s="2" t="s">
        <v>27075</v>
      </c>
      <c r="K2302" s="5" t="s">
        <v>27074</v>
      </c>
      <c r="L2302" s="2" t="s">
        <v>27075</v>
      </c>
      <c r="M2302" s="5" t="s">
        <v>24254</v>
      </c>
      <c r="N2302" s="5" t="s">
        <v>38</v>
      </c>
      <c r="O2302" s="5" t="s">
        <v>39</v>
      </c>
      <c r="P2302" s="5" t="s">
        <v>40</v>
      </c>
      <c r="Q2302" s="5" t="s">
        <v>24340</v>
      </c>
      <c r="R2302" s="5" t="s">
        <v>40</v>
      </c>
      <c r="S2302" s="5" t="s">
        <v>42</v>
      </c>
      <c r="T2302" s="2">
        <v>10.837</v>
      </c>
      <c r="U2302" s="2">
        <v>8.5960000000000001</v>
      </c>
      <c r="V2302" s="2">
        <v>0.11899999999999999</v>
      </c>
      <c r="W2302" s="2">
        <v>12</v>
      </c>
      <c r="X2302" s="2">
        <v>62</v>
      </c>
      <c r="Y2302" s="2">
        <v>159.9</v>
      </c>
      <c r="Z2302" s="5">
        <v>10</v>
      </c>
      <c r="AA2302" s="5" t="s">
        <v>43</v>
      </c>
      <c r="AB2302" s="5" t="s">
        <v>44</v>
      </c>
      <c r="AC2302" s="2" t="s">
        <v>33688</v>
      </c>
      <c r="AD2302" s="1"/>
    </row>
    <row r="2303" spans="1:30">
      <c r="A2303" s="5" t="s">
        <v>83578</v>
      </c>
      <c r="B2303" s="2" t="s">
        <v>90510</v>
      </c>
      <c r="C2303" s="14" t="s">
        <v>90511</v>
      </c>
      <c r="D2303" s="2" t="s">
        <v>90512</v>
      </c>
      <c r="E2303" s="2" t="s">
        <v>33805</v>
      </c>
      <c r="F2303" s="8">
        <v>372</v>
      </c>
      <c r="G2303" s="5">
        <v>10</v>
      </c>
      <c r="H2303" s="5" t="s">
        <v>69</v>
      </c>
      <c r="I2303" s="5" t="s">
        <v>27074</v>
      </c>
      <c r="J2303" s="2" t="s">
        <v>27075</v>
      </c>
      <c r="K2303" s="5" t="s">
        <v>27074</v>
      </c>
      <c r="L2303" s="2" t="s">
        <v>27075</v>
      </c>
      <c r="M2303" s="5" t="s">
        <v>24254</v>
      </c>
      <c r="N2303" s="5" t="s">
        <v>38</v>
      </c>
      <c r="O2303" s="5" t="s">
        <v>39</v>
      </c>
      <c r="P2303" s="5" t="s">
        <v>40</v>
      </c>
      <c r="Q2303" s="5" t="s">
        <v>25301</v>
      </c>
      <c r="R2303" s="5" t="s">
        <v>40</v>
      </c>
      <c r="S2303" s="5" t="s">
        <v>42</v>
      </c>
      <c r="T2303" s="2">
        <v>12.066000000000001</v>
      </c>
      <c r="U2303" s="2">
        <v>9.8249999999999993</v>
      </c>
      <c r="V2303" s="2">
        <v>0.11899999999999999</v>
      </c>
      <c r="W2303" s="2">
        <v>12</v>
      </c>
      <c r="X2303" s="2">
        <v>62</v>
      </c>
      <c r="Y2303" s="2">
        <v>159.9</v>
      </c>
      <c r="Z2303" s="5">
        <v>10</v>
      </c>
      <c r="AA2303" s="5" t="s">
        <v>43</v>
      </c>
      <c r="AB2303" s="5" t="s">
        <v>44</v>
      </c>
      <c r="AC2303" s="2" t="s">
        <v>34421</v>
      </c>
      <c r="AD2303" s="1"/>
    </row>
    <row r="2304" spans="1:30">
      <c r="A2304" s="5" t="s">
        <v>83578</v>
      </c>
      <c r="B2304" s="2" t="s">
        <v>90513</v>
      </c>
      <c r="C2304" s="14" t="s">
        <v>90514</v>
      </c>
      <c r="D2304" s="2" t="s">
        <v>90515</v>
      </c>
      <c r="E2304" s="2" t="s">
        <v>33810</v>
      </c>
      <c r="F2304" s="8">
        <v>372</v>
      </c>
      <c r="G2304" s="5">
        <v>10</v>
      </c>
      <c r="H2304" s="5" t="s">
        <v>69</v>
      </c>
      <c r="I2304" s="5" t="s">
        <v>27074</v>
      </c>
      <c r="J2304" s="2" t="s">
        <v>27075</v>
      </c>
      <c r="K2304" s="5" t="s">
        <v>27074</v>
      </c>
      <c r="L2304" s="2" t="s">
        <v>27075</v>
      </c>
      <c r="M2304" s="5" t="s">
        <v>24254</v>
      </c>
      <c r="N2304" s="5" t="s">
        <v>38</v>
      </c>
      <c r="O2304" s="5" t="s">
        <v>39</v>
      </c>
      <c r="P2304" s="5" t="s">
        <v>40</v>
      </c>
      <c r="Q2304" s="5" t="s">
        <v>25301</v>
      </c>
      <c r="R2304" s="5" t="s">
        <v>40</v>
      </c>
      <c r="S2304" s="5" t="s">
        <v>42</v>
      </c>
      <c r="T2304" s="2">
        <v>9.8320000000000007</v>
      </c>
      <c r="U2304" s="2">
        <v>7.5910000000000002</v>
      </c>
      <c r="V2304" s="2">
        <v>0.11899999999999999</v>
      </c>
      <c r="W2304" s="2">
        <v>12</v>
      </c>
      <c r="X2304" s="2">
        <v>62</v>
      </c>
      <c r="Y2304" s="2">
        <v>159.9</v>
      </c>
      <c r="Z2304" s="5">
        <v>10</v>
      </c>
      <c r="AA2304" s="5" t="s">
        <v>43</v>
      </c>
      <c r="AB2304" s="5" t="s">
        <v>44</v>
      </c>
      <c r="AC2304" s="2" t="s">
        <v>33814</v>
      </c>
      <c r="AD2304" s="1"/>
    </row>
    <row r="2305" spans="1:30">
      <c r="A2305" s="5" t="s">
        <v>83578</v>
      </c>
      <c r="B2305" s="2" t="s">
        <v>90516</v>
      </c>
      <c r="C2305" s="14" t="s">
        <v>90517</v>
      </c>
      <c r="D2305" s="2" t="s">
        <v>90518</v>
      </c>
      <c r="E2305" s="2" t="s">
        <v>33705</v>
      </c>
      <c r="F2305" s="8">
        <v>372</v>
      </c>
      <c r="G2305" s="5">
        <v>10</v>
      </c>
      <c r="H2305" s="5" t="s">
        <v>69</v>
      </c>
      <c r="I2305" s="5" t="s">
        <v>27074</v>
      </c>
      <c r="J2305" s="2" t="s">
        <v>27075</v>
      </c>
      <c r="K2305" s="5" t="s">
        <v>27074</v>
      </c>
      <c r="L2305" s="2" t="s">
        <v>27075</v>
      </c>
      <c r="M2305" s="5" t="s">
        <v>24254</v>
      </c>
      <c r="N2305" s="5" t="s">
        <v>38</v>
      </c>
      <c r="O2305" s="5" t="s">
        <v>39</v>
      </c>
      <c r="P2305" s="5" t="s">
        <v>40</v>
      </c>
      <c r="Q2305" s="5" t="s">
        <v>25301</v>
      </c>
      <c r="R2305" s="5" t="s">
        <v>40</v>
      </c>
      <c r="S2305" s="5" t="s">
        <v>42</v>
      </c>
      <c r="T2305" s="2">
        <v>9.8699999999999992</v>
      </c>
      <c r="U2305" s="2">
        <v>7.56</v>
      </c>
      <c r="V2305" s="2">
        <v>0.11899999999999999</v>
      </c>
      <c r="W2305" s="2">
        <v>12</v>
      </c>
      <c r="X2305" s="2">
        <v>62</v>
      </c>
      <c r="Y2305" s="2">
        <v>159.9</v>
      </c>
      <c r="Z2305" s="5">
        <v>10</v>
      </c>
      <c r="AA2305" s="5" t="s">
        <v>43</v>
      </c>
      <c r="AB2305" s="5" t="s">
        <v>44</v>
      </c>
      <c r="AC2305" s="2" t="s">
        <v>33706</v>
      </c>
      <c r="AD2305" s="1"/>
    </row>
    <row r="2306" spans="1:30">
      <c r="A2306" s="5" t="s">
        <v>83578</v>
      </c>
      <c r="B2306" s="2" t="s">
        <v>90519</v>
      </c>
      <c r="C2306" s="14" t="s">
        <v>90520</v>
      </c>
      <c r="D2306" s="2" t="s">
        <v>90521</v>
      </c>
      <c r="E2306" s="2" t="s">
        <v>33705</v>
      </c>
      <c r="F2306" s="8">
        <v>372</v>
      </c>
      <c r="G2306" s="5">
        <v>10</v>
      </c>
      <c r="H2306" s="5" t="s">
        <v>69</v>
      </c>
      <c r="I2306" s="5" t="s">
        <v>27074</v>
      </c>
      <c r="J2306" s="2" t="s">
        <v>27075</v>
      </c>
      <c r="K2306" s="5" t="s">
        <v>27074</v>
      </c>
      <c r="L2306" s="2" t="s">
        <v>27075</v>
      </c>
      <c r="M2306" s="5" t="s">
        <v>24254</v>
      </c>
      <c r="N2306" s="5" t="s">
        <v>38</v>
      </c>
      <c r="O2306" s="5" t="s">
        <v>39</v>
      </c>
      <c r="P2306" s="5" t="s">
        <v>40</v>
      </c>
      <c r="Q2306" s="5" t="s">
        <v>25301</v>
      </c>
      <c r="R2306" s="5" t="s">
        <v>40</v>
      </c>
      <c r="S2306" s="5" t="s">
        <v>42</v>
      </c>
      <c r="T2306" s="2">
        <v>10.965999999999999</v>
      </c>
      <c r="U2306" s="2">
        <v>8.61</v>
      </c>
      <c r="V2306" s="2">
        <v>0.11899999999999999</v>
      </c>
      <c r="W2306" s="2">
        <v>12</v>
      </c>
      <c r="X2306" s="2">
        <v>62</v>
      </c>
      <c r="Y2306" s="2">
        <v>159.9</v>
      </c>
      <c r="Z2306" s="5">
        <v>10</v>
      </c>
      <c r="AA2306" s="5" t="s">
        <v>43</v>
      </c>
      <c r="AB2306" s="5" t="s">
        <v>44</v>
      </c>
      <c r="AC2306" s="2" t="s">
        <v>33814</v>
      </c>
      <c r="AD2306" s="1"/>
    </row>
    <row r="2307" spans="1:30">
      <c r="A2307" s="5" t="s">
        <v>83578</v>
      </c>
      <c r="B2307" s="2" t="s">
        <v>90522</v>
      </c>
      <c r="C2307" s="14" t="s">
        <v>90523</v>
      </c>
      <c r="D2307" s="2" t="s">
        <v>90524</v>
      </c>
      <c r="E2307" s="2" t="s">
        <v>33664</v>
      </c>
      <c r="F2307" s="8">
        <v>378</v>
      </c>
      <c r="G2307" s="5">
        <v>10</v>
      </c>
      <c r="H2307" s="5" t="s">
        <v>69</v>
      </c>
      <c r="I2307" s="5" t="s">
        <v>27074</v>
      </c>
      <c r="J2307" s="2" t="s">
        <v>27075</v>
      </c>
      <c r="K2307" s="5" t="s">
        <v>27074</v>
      </c>
      <c r="L2307" s="2" t="s">
        <v>27075</v>
      </c>
      <c r="M2307" s="5" t="s">
        <v>24254</v>
      </c>
      <c r="N2307" s="5" t="s">
        <v>38</v>
      </c>
      <c r="O2307" s="5" t="s">
        <v>39</v>
      </c>
      <c r="P2307" s="5" t="s">
        <v>40</v>
      </c>
      <c r="Q2307" s="5" t="s">
        <v>24340</v>
      </c>
      <c r="R2307" s="5" t="s">
        <v>40</v>
      </c>
      <c r="S2307" s="5" t="s">
        <v>42</v>
      </c>
      <c r="T2307" s="2">
        <v>20.3</v>
      </c>
      <c r="U2307" s="2">
        <v>17.548999999999999</v>
      </c>
      <c r="V2307" s="2">
        <v>0.23100000000000001</v>
      </c>
      <c r="W2307" s="2">
        <v>12</v>
      </c>
      <c r="X2307" s="2">
        <v>62</v>
      </c>
      <c r="Y2307" s="2">
        <v>199.7</v>
      </c>
      <c r="Z2307" s="5">
        <v>8</v>
      </c>
      <c r="AA2307" s="5" t="s">
        <v>43</v>
      </c>
      <c r="AB2307" s="5" t="s">
        <v>44</v>
      </c>
      <c r="AC2307" s="2" t="s">
        <v>33665</v>
      </c>
      <c r="AD2307" s="1"/>
    </row>
    <row r="2308" spans="1:30">
      <c r="A2308" s="5" t="s">
        <v>83578</v>
      </c>
      <c r="B2308" s="2" t="s">
        <v>90525</v>
      </c>
      <c r="C2308" s="14" t="s">
        <v>90526</v>
      </c>
      <c r="D2308" s="2" t="s">
        <v>90527</v>
      </c>
      <c r="E2308" s="2" t="s">
        <v>33677</v>
      </c>
      <c r="F2308" s="8">
        <v>378</v>
      </c>
      <c r="G2308" s="5">
        <v>10</v>
      </c>
      <c r="H2308" s="5" t="s">
        <v>69</v>
      </c>
      <c r="I2308" s="5" t="s">
        <v>27074</v>
      </c>
      <c r="J2308" s="2" t="s">
        <v>27075</v>
      </c>
      <c r="K2308" s="5" t="s">
        <v>27074</v>
      </c>
      <c r="L2308" s="2" t="s">
        <v>27075</v>
      </c>
      <c r="M2308" s="5" t="s">
        <v>24254</v>
      </c>
      <c r="N2308" s="5" t="s">
        <v>38</v>
      </c>
      <c r="O2308" s="5" t="s">
        <v>39</v>
      </c>
      <c r="P2308" s="5" t="s">
        <v>40</v>
      </c>
      <c r="Q2308" s="5" t="s">
        <v>24340</v>
      </c>
      <c r="R2308" s="5" t="s">
        <v>40</v>
      </c>
      <c r="S2308" s="5" t="s">
        <v>42</v>
      </c>
      <c r="T2308" s="2">
        <v>13.817</v>
      </c>
      <c r="U2308" s="2">
        <v>11.144</v>
      </c>
      <c r="V2308" s="2">
        <v>0.14899999999999999</v>
      </c>
      <c r="W2308" s="2">
        <v>12</v>
      </c>
      <c r="X2308" s="2">
        <v>62</v>
      </c>
      <c r="Y2308" s="2">
        <v>199.7</v>
      </c>
      <c r="Z2308" s="5">
        <v>10</v>
      </c>
      <c r="AA2308" s="5" t="s">
        <v>43</v>
      </c>
      <c r="AB2308" s="5" t="s">
        <v>44</v>
      </c>
      <c r="AC2308" s="2" t="s">
        <v>33678</v>
      </c>
      <c r="AD2308" s="1"/>
    </row>
    <row r="2309" spans="1:30">
      <c r="A2309" s="5" t="s">
        <v>83578</v>
      </c>
      <c r="B2309" s="2" t="s">
        <v>90528</v>
      </c>
      <c r="C2309" s="14" t="s">
        <v>90529</v>
      </c>
      <c r="D2309" s="2" t="s">
        <v>90530</v>
      </c>
      <c r="E2309" s="2" t="s">
        <v>33682</v>
      </c>
      <c r="F2309" s="8">
        <v>378</v>
      </c>
      <c r="G2309" s="5">
        <v>10</v>
      </c>
      <c r="H2309" s="5" t="s">
        <v>69</v>
      </c>
      <c r="I2309" s="5" t="s">
        <v>27074</v>
      </c>
      <c r="J2309" s="2" t="s">
        <v>27075</v>
      </c>
      <c r="K2309" s="5" t="s">
        <v>27074</v>
      </c>
      <c r="L2309" s="2" t="s">
        <v>27075</v>
      </c>
      <c r="M2309" s="5" t="s">
        <v>24254</v>
      </c>
      <c r="N2309" s="5" t="s">
        <v>38</v>
      </c>
      <c r="O2309" s="5" t="s">
        <v>39</v>
      </c>
      <c r="P2309" s="5" t="s">
        <v>40</v>
      </c>
      <c r="Q2309" s="5" t="s">
        <v>24340</v>
      </c>
      <c r="R2309" s="5" t="s">
        <v>40</v>
      </c>
      <c r="S2309" s="5" t="s">
        <v>42</v>
      </c>
      <c r="T2309" s="2">
        <v>10.301</v>
      </c>
      <c r="U2309" s="2">
        <v>7.6280000000000001</v>
      </c>
      <c r="V2309" s="2">
        <v>0.14899999999999999</v>
      </c>
      <c r="W2309" s="2">
        <v>12</v>
      </c>
      <c r="X2309" s="2">
        <v>62</v>
      </c>
      <c r="Y2309" s="2">
        <v>199.7</v>
      </c>
      <c r="Z2309" s="5">
        <v>10</v>
      </c>
      <c r="AA2309" s="5" t="s">
        <v>43</v>
      </c>
      <c r="AB2309" s="5" t="s">
        <v>44</v>
      </c>
      <c r="AC2309" s="2" t="s">
        <v>33683</v>
      </c>
      <c r="AD2309" s="1"/>
    </row>
    <row r="2310" spans="1:30">
      <c r="A2310" s="5" t="s">
        <v>83578</v>
      </c>
      <c r="B2310" s="2" t="s">
        <v>90531</v>
      </c>
      <c r="C2310" s="14" t="s">
        <v>90532</v>
      </c>
      <c r="D2310" s="2" t="s">
        <v>90533</v>
      </c>
      <c r="E2310" s="2" t="s">
        <v>33805</v>
      </c>
      <c r="F2310" s="8">
        <v>378</v>
      </c>
      <c r="G2310" s="5">
        <v>10</v>
      </c>
      <c r="H2310" s="5" t="s">
        <v>69</v>
      </c>
      <c r="I2310" s="5" t="s">
        <v>27074</v>
      </c>
      <c r="J2310" s="2" t="s">
        <v>27075</v>
      </c>
      <c r="K2310" s="5" t="s">
        <v>27074</v>
      </c>
      <c r="L2310" s="2" t="s">
        <v>27075</v>
      </c>
      <c r="M2310" s="5" t="s">
        <v>24254</v>
      </c>
      <c r="N2310" s="5" t="s">
        <v>38</v>
      </c>
      <c r="O2310" s="5" t="s">
        <v>39</v>
      </c>
      <c r="P2310" s="5" t="s">
        <v>40</v>
      </c>
      <c r="Q2310" s="5" t="s">
        <v>25301</v>
      </c>
      <c r="R2310" s="5" t="s">
        <v>40</v>
      </c>
      <c r="S2310" s="5" t="s">
        <v>42</v>
      </c>
      <c r="T2310" s="2">
        <v>12.475</v>
      </c>
      <c r="U2310" s="2">
        <v>9.8019999999999996</v>
      </c>
      <c r="V2310" s="2">
        <v>0.14899999999999999</v>
      </c>
      <c r="W2310" s="2">
        <v>12</v>
      </c>
      <c r="X2310" s="2">
        <v>62</v>
      </c>
      <c r="Y2310" s="2">
        <v>199.7</v>
      </c>
      <c r="Z2310" s="5">
        <v>10</v>
      </c>
      <c r="AA2310" s="5" t="s">
        <v>43</v>
      </c>
      <c r="AB2310" s="5" t="s">
        <v>44</v>
      </c>
      <c r="AC2310" s="2" t="s">
        <v>33806</v>
      </c>
      <c r="AD2310" s="1"/>
    </row>
    <row r="2311" spans="1:30">
      <c r="A2311" s="5" t="s">
        <v>83578</v>
      </c>
      <c r="B2311" s="2" t="s">
        <v>90534</v>
      </c>
      <c r="C2311" s="14" t="s">
        <v>90535</v>
      </c>
      <c r="D2311" s="2" t="s">
        <v>90536</v>
      </c>
      <c r="E2311" s="2" t="s">
        <v>33805</v>
      </c>
      <c r="F2311" s="8">
        <v>378</v>
      </c>
      <c r="G2311" s="5">
        <v>10</v>
      </c>
      <c r="H2311" s="5" t="s">
        <v>69</v>
      </c>
      <c r="I2311" s="5" t="s">
        <v>27074</v>
      </c>
      <c r="J2311" s="2" t="s">
        <v>27075</v>
      </c>
      <c r="K2311" s="5" t="s">
        <v>27074</v>
      </c>
      <c r="L2311" s="2" t="s">
        <v>27075</v>
      </c>
      <c r="M2311" s="5" t="s">
        <v>24254</v>
      </c>
      <c r="N2311" s="5" t="s">
        <v>38</v>
      </c>
      <c r="O2311" s="5" t="s">
        <v>39</v>
      </c>
      <c r="P2311" s="5" t="s">
        <v>40</v>
      </c>
      <c r="Q2311" s="5" t="s">
        <v>25301</v>
      </c>
      <c r="R2311" s="5" t="s">
        <v>40</v>
      </c>
      <c r="S2311" s="5" t="s">
        <v>42</v>
      </c>
      <c r="T2311" s="2">
        <v>13.5</v>
      </c>
      <c r="U2311" s="2">
        <v>10.781000000000001</v>
      </c>
      <c r="V2311" s="2">
        <v>0.14899999999999999</v>
      </c>
      <c r="W2311" s="2">
        <v>12</v>
      </c>
      <c r="X2311" s="2">
        <v>62</v>
      </c>
      <c r="Y2311" s="2">
        <v>199.7</v>
      </c>
      <c r="Z2311" s="5">
        <v>10</v>
      </c>
      <c r="AA2311" s="5" t="s">
        <v>43</v>
      </c>
      <c r="AB2311" s="5" t="s">
        <v>44</v>
      </c>
      <c r="AC2311" s="2" t="s">
        <v>34421</v>
      </c>
      <c r="AD2311" s="1"/>
    </row>
    <row r="2312" spans="1:30">
      <c r="A2312" s="5" t="s">
        <v>83578</v>
      </c>
      <c r="B2312" s="2" t="s">
        <v>90537</v>
      </c>
      <c r="C2312" s="14" t="s">
        <v>90538</v>
      </c>
      <c r="D2312" s="2" t="s">
        <v>90539</v>
      </c>
      <c r="E2312" s="2" t="s">
        <v>33810</v>
      </c>
      <c r="F2312" s="8">
        <v>378</v>
      </c>
      <c r="G2312" s="5">
        <v>10</v>
      </c>
      <c r="H2312" s="5" t="s">
        <v>69</v>
      </c>
      <c r="I2312" s="5" t="s">
        <v>27074</v>
      </c>
      <c r="J2312" s="2" t="s">
        <v>27075</v>
      </c>
      <c r="K2312" s="5" t="s">
        <v>27074</v>
      </c>
      <c r="L2312" s="2" t="s">
        <v>27075</v>
      </c>
      <c r="M2312" s="5" t="s">
        <v>24254</v>
      </c>
      <c r="N2312" s="5" t="s">
        <v>38</v>
      </c>
      <c r="O2312" s="5" t="s">
        <v>39</v>
      </c>
      <c r="P2312" s="5" t="s">
        <v>40</v>
      </c>
      <c r="Q2312" s="5" t="s">
        <v>25301</v>
      </c>
      <c r="R2312" s="5" t="s">
        <v>40</v>
      </c>
      <c r="S2312" s="5" t="s">
        <v>42</v>
      </c>
      <c r="T2312" s="2">
        <v>9.6150000000000002</v>
      </c>
      <c r="U2312" s="2">
        <v>6.9420000000000002</v>
      </c>
      <c r="V2312" s="2">
        <v>0.14899999999999999</v>
      </c>
      <c r="W2312" s="2">
        <v>12</v>
      </c>
      <c r="X2312" s="2">
        <v>62</v>
      </c>
      <c r="Y2312" s="2">
        <v>199.7</v>
      </c>
      <c r="Z2312" s="5">
        <v>10</v>
      </c>
      <c r="AA2312" s="5" t="s">
        <v>43</v>
      </c>
      <c r="AB2312" s="5" t="s">
        <v>44</v>
      </c>
      <c r="AC2312" s="2" t="s">
        <v>33706</v>
      </c>
      <c r="AD2312" s="1"/>
    </row>
    <row r="2313" spans="1:30">
      <c r="A2313" s="5" t="s">
        <v>83578</v>
      </c>
      <c r="B2313" s="2" t="s">
        <v>90540</v>
      </c>
      <c r="C2313" s="14" t="s">
        <v>90541</v>
      </c>
      <c r="D2313" s="2" t="s">
        <v>90542</v>
      </c>
      <c r="E2313" s="2" t="s">
        <v>33810</v>
      </c>
      <c r="F2313" s="8">
        <v>378</v>
      </c>
      <c r="G2313" s="5">
        <v>10</v>
      </c>
      <c r="H2313" s="5" t="s">
        <v>69</v>
      </c>
      <c r="I2313" s="5" t="s">
        <v>27074</v>
      </c>
      <c r="J2313" s="2" t="s">
        <v>27075</v>
      </c>
      <c r="K2313" s="5" t="s">
        <v>27074</v>
      </c>
      <c r="L2313" s="2" t="s">
        <v>27075</v>
      </c>
      <c r="M2313" s="5" t="s">
        <v>24254</v>
      </c>
      <c r="N2313" s="5" t="s">
        <v>38</v>
      </c>
      <c r="O2313" s="5" t="s">
        <v>39</v>
      </c>
      <c r="P2313" s="5" t="s">
        <v>40</v>
      </c>
      <c r="Q2313" s="5" t="s">
        <v>25301</v>
      </c>
      <c r="R2313" s="5" t="s">
        <v>40</v>
      </c>
      <c r="S2313" s="5" t="s">
        <v>42</v>
      </c>
      <c r="T2313" s="2">
        <v>10.898</v>
      </c>
      <c r="U2313" s="2">
        <v>8.1790000000000003</v>
      </c>
      <c r="V2313" s="2">
        <v>0.14899999999999999</v>
      </c>
      <c r="W2313" s="2">
        <v>12</v>
      </c>
      <c r="X2313" s="2">
        <v>62</v>
      </c>
      <c r="Y2313" s="2">
        <v>199.7</v>
      </c>
      <c r="Z2313" s="5">
        <v>10</v>
      </c>
      <c r="AA2313" s="5" t="s">
        <v>43</v>
      </c>
      <c r="AB2313" s="5" t="s">
        <v>44</v>
      </c>
      <c r="AC2313" s="2" t="s">
        <v>33814</v>
      </c>
      <c r="AD2313" s="1"/>
    </row>
    <row r="2314" spans="1:30">
      <c r="A2314" s="5" t="s">
        <v>83578</v>
      </c>
      <c r="B2314" s="2" t="s">
        <v>90543</v>
      </c>
      <c r="C2314" s="14" t="s">
        <v>90544</v>
      </c>
      <c r="D2314" s="2" t="s">
        <v>90545</v>
      </c>
      <c r="E2314" s="2" t="s">
        <v>33705</v>
      </c>
      <c r="F2314" s="8">
        <v>378</v>
      </c>
      <c r="G2314" s="5">
        <v>10</v>
      </c>
      <c r="H2314" s="5" t="s">
        <v>69</v>
      </c>
      <c r="I2314" s="5" t="s">
        <v>27074</v>
      </c>
      <c r="J2314" s="2" t="s">
        <v>27075</v>
      </c>
      <c r="K2314" s="5" t="s">
        <v>27074</v>
      </c>
      <c r="L2314" s="2" t="s">
        <v>27075</v>
      </c>
      <c r="M2314" s="5" t="s">
        <v>24254</v>
      </c>
      <c r="N2314" s="5" t="s">
        <v>38</v>
      </c>
      <c r="O2314" s="5" t="s">
        <v>39</v>
      </c>
      <c r="P2314" s="5" t="s">
        <v>40</v>
      </c>
      <c r="Q2314" s="5" t="s">
        <v>25301</v>
      </c>
      <c r="R2314" s="5" t="s">
        <v>40</v>
      </c>
      <c r="S2314" s="5" t="s">
        <v>42</v>
      </c>
      <c r="T2314" s="2">
        <v>12.217000000000001</v>
      </c>
      <c r="U2314" s="2">
        <v>9.3829999999999991</v>
      </c>
      <c r="V2314" s="2">
        <v>0.14899999999999999</v>
      </c>
      <c r="W2314" s="2">
        <v>12</v>
      </c>
      <c r="X2314" s="2">
        <v>62</v>
      </c>
      <c r="Y2314" s="2">
        <v>199.7</v>
      </c>
      <c r="Z2314" s="5">
        <v>10</v>
      </c>
      <c r="AA2314" s="5" t="s">
        <v>43</v>
      </c>
      <c r="AB2314" s="5" t="s">
        <v>44</v>
      </c>
      <c r="AC2314" s="2" t="s">
        <v>33814</v>
      </c>
      <c r="AD2314" s="1"/>
    </row>
    <row r="2315" spans="1:30">
      <c r="A2315" s="5" t="s">
        <v>83578</v>
      </c>
      <c r="B2315" s="2" t="s">
        <v>90546</v>
      </c>
      <c r="C2315" s="14" t="s">
        <v>90547</v>
      </c>
      <c r="D2315" s="2" t="s">
        <v>90548</v>
      </c>
      <c r="E2315" s="2" t="s">
        <v>33677</v>
      </c>
      <c r="F2315" s="8">
        <v>402</v>
      </c>
      <c r="G2315" s="5">
        <v>10</v>
      </c>
      <c r="H2315" s="5" t="s">
        <v>69</v>
      </c>
      <c r="I2315" s="5" t="s">
        <v>27074</v>
      </c>
      <c r="J2315" s="2" t="s">
        <v>27075</v>
      </c>
      <c r="K2315" s="5" t="s">
        <v>27074</v>
      </c>
      <c r="L2315" s="2" t="s">
        <v>27075</v>
      </c>
      <c r="M2315" s="5" t="s">
        <v>24254</v>
      </c>
      <c r="N2315" s="5" t="s">
        <v>38</v>
      </c>
      <c r="O2315" s="5" t="s">
        <v>39</v>
      </c>
      <c r="P2315" s="5" t="s">
        <v>40</v>
      </c>
      <c r="Q2315" s="5" t="s">
        <v>24340</v>
      </c>
      <c r="R2315" s="5" t="s">
        <v>40</v>
      </c>
      <c r="S2315" s="5" t="s">
        <v>42</v>
      </c>
      <c r="T2315" s="2">
        <v>14.846</v>
      </c>
      <c r="U2315" s="2">
        <v>12.173</v>
      </c>
      <c r="V2315" s="2">
        <v>0.14899999999999999</v>
      </c>
      <c r="W2315" s="2">
        <v>12</v>
      </c>
      <c r="X2315" s="2">
        <v>62</v>
      </c>
      <c r="Y2315" s="2">
        <v>199.7</v>
      </c>
      <c r="Z2315" s="5">
        <v>10</v>
      </c>
      <c r="AA2315" s="5" t="s">
        <v>43</v>
      </c>
      <c r="AB2315" s="5" t="s">
        <v>44</v>
      </c>
      <c r="AC2315" s="2" t="s">
        <v>33678</v>
      </c>
      <c r="AD2315" s="1"/>
    </row>
    <row r="2316" spans="1:30">
      <c r="A2316" s="5" t="s">
        <v>83578</v>
      </c>
      <c r="B2316" s="2" t="s">
        <v>90549</v>
      </c>
      <c r="C2316" s="14" t="s">
        <v>90550</v>
      </c>
      <c r="D2316" s="2" t="s">
        <v>90551</v>
      </c>
      <c r="E2316" s="2" t="s">
        <v>33677</v>
      </c>
      <c r="F2316" s="8">
        <v>402</v>
      </c>
      <c r="G2316" s="5">
        <v>10</v>
      </c>
      <c r="H2316" s="5" t="s">
        <v>69</v>
      </c>
      <c r="I2316" s="5" t="s">
        <v>27074</v>
      </c>
      <c r="J2316" s="2" t="s">
        <v>27075</v>
      </c>
      <c r="K2316" s="5" t="s">
        <v>27074</v>
      </c>
      <c r="L2316" s="2" t="s">
        <v>27075</v>
      </c>
      <c r="M2316" s="5" t="s">
        <v>24254</v>
      </c>
      <c r="N2316" s="5" t="s">
        <v>38</v>
      </c>
      <c r="O2316" s="5" t="s">
        <v>39</v>
      </c>
      <c r="P2316" s="5" t="s">
        <v>40</v>
      </c>
      <c r="Q2316" s="5" t="s">
        <v>24340</v>
      </c>
      <c r="R2316" s="5" t="s">
        <v>40</v>
      </c>
      <c r="S2316" s="5" t="s">
        <v>42</v>
      </c>
      <c r="T2316" s="2">
        <v>16.187999999999999</v>
      </c>
      <c r="U2316" s="2">
        <v>13.468999999999999</v>
      </c>
      <c r="V2316" s="2">
        <v>0.14899999999999999</v>
      </c>
      <c r="W2316" s="2">
        <v>12</v>
      </c>
      <c r="X2316" s="2">
        <v>62</v>
      </c>
      <c r="Y2316" s="2">
        <v>199.7</v>
      </c>
      <c r="Z2316" s="5">
        <v>10</v>
      </c>
      <c r="AA2316" s="5" t="s">
        <v>43</v>
      </c>
      <c r="AB2316" s="5" t="s">
        <v>44</v>
      </c>
      <c r="AC2316" s="2" t="s">
        <v>33950</v>
      </c>
      <c r="AD2316" s="1"/>
    </row>
    <row r="2317" spans="1:30">
      <c r="A2317" s="5" t="s">
        <v>83578</v>
      </c>
      <c r="B2317" s="2" t="s">
        <v>90552</v>
      </c>
      <c r="C2317" s="14" t="s">
        <v>90553</v>
      </c>
      <c r="D2317" s="2" t="s">
        <v>90554</v>
      </c>
      <c r="E2317" s="2" t="s">
        <v>33682</v>
      </c>
      <c r="F2317" s="8">
        <v>402</v>
      </c>
      <c r="G2317" s="5">
        <v>10</v>
      </c>
      <c r="H2317" s="5" t="s">
        <v>69</v>
      </c>
      <c r="I2317" s="5" t="s">
        <v>27074</v>
      </c>
      <c r="J2317" s="2" t="s">
        <v>27075</v>
      </c>
      <c r="K2317" s="5" t="s">
        <v>27074</v>
      </c>
      <c r="L2317" s="2" t="s">
        <v>27075</v>
      </c>
      <c r="M2317" s="5" t="s">
        <v>24254</v>
      </c>
      <c r="N2317" s="5" t="s">
        <v>38</v>
      </c>
      <c r="O2317" s="5" t="s">
        <v>39</v>
      </c>
      <c r="P2317" s="5" t="s">
        <v>40</v>
      </c>
      <c r="Q2317" s="5" t="s">
        <v>24340</v>
      </c>
      <c r="R2317" s="5" t="s">
        <v>40</v>
      </c>
      <c r="S2317" s="5" t="s">
        <v>42</v>
      </c>
      <c r="T2317" s="2">
        <v>10.909000000000001</v>
      </c>
      <c r="U2317" s="2">
        <v>8.2360000000000007</v>
      </c>
      <c r="V2317" s="2">
        <v>0.14899999999999999</v>
      </c>
      <c r="W2317" s="2">
        <v>12</v>
      </c>
      <c r="X2317" s="2">
        <v>62</v>
      </c>
      <c r="Y2317" s="2">
        <v>199.7</v>
      </c>
      <c r="Z2317" s="5">
        <v>10</v>
      </c>
      <c r="AA2317" s="5" t="s">
        <v>43</v>
      </c>
      <c r="AB2317" s="5" t="s">
        <v>44</v>
      </c>
      <c r="AC2317" s="2" t="s">
        <v>33683</v>
      </c>
      <c r="AD2317" s="1"/>
    </row>
    <row r="2318" spans="1:30">
      <c r="A2318" s="5" t="s">
        <v>83578</v>
      </c>
      <c r="B2318" s="2" t="s">
        <v>90555</v>
      </c>
      <c r="C2318" s="14" t="s">
        <v>90556</v>
      </c>
      <c r="D2318" s="2" t="s">
        <v>90557</v>
      </c>
      <c r="E2318" s="2" t="s">
        <v>33682</v>
      </c>
      <c r="F2318" s="8">
        <v>402</v>
      </c>
      <c r="G2318" s="5">
        <v>10</v>
      </c>
      <c r="H2318" s="5" t="s">
        <v>69</v>
      </c>
      <c r="I2318" s="5" t="s">
        <v>27074</v>
      </c>
      <c r="J2318" s="2" t="s">
        <v>27075</v>
      </c>
      <c r="K2318" s="5" t="s">
        <v>27074</v>
      </c>
      <c r="L2318" s="2" t="s">
        <v>27075</v>
      </c>
      <c r="M2318" s="5" t="s">
        <v>24254</v>
      </c>
      <c r="N2318" s="5" t="s">
        <v>38</v>
      </c>
      <c r="O2318" s="5" t="s">
        <v>39</v>
      </c>
      <c r="P2318" s="5" t="s">
        <v>40</v>
      </c>
      <c r="Q2318" s="5" t="s">
        <v>24340</v>
      </c>
      <c r="R2318" s="5" t="s">
        <v>40</v>
      </c>
      <c r="S2318" s="5" t="s">
        <v>42</v>
      </c>
      <c r="T2318" s="2">
        <v>12.579000000000001</v>
      </c>
      <c r="U2318" s="2">
        <v>9.86</v>
      </c>
      <c r="V2318" s="2">
        <v>0.14899999999999999</v>
      </c>
      <c r="W2318" s="2">
        <v>12</v>
      </c>
      <c r="X2318" s="2">
        <v>62</v>
      </c>
      <c r="Y2318" s="2">
        <v>199.7</v>
      </c>
      <c r="Z2318" s="5">
        <v>10</v>
      </c>
      <c r="AA2318" s="5" t="s">
        <v>43</v>
      </c>
      <c r="AB2318" s="5" t="s">
        <v>44</v>
      </c>
      <c r="AC2318" s="2" t="s">
        <v>33688</v>
      </c>
      <c r="AD2318" s="1"/>
    </row>
    <row r="2319" spans="1:30">
      <c r="A2319" s="5" t="s">
        <v>83578</v>
      </c>
      <c r="B2319" s="2" t="s">
        <v>90558</v>
      </c>
      <c r="C2319" s="14" t="s">
        <v>90559</v>
      </c>
      <c r="D2319" s="2" t="s">
        <v>90560</v>
      </c>
      <c r="E2319" s="2" t="s">
        <v>33687</v>
      </c>
      <c r="F2319" s="8">
        <v>402</v>
      </c>
      <c r="G2319" s="5">
        <v>10</v>
      </c>
      <c r="H2319" s="5" t="s">
        <v>69</v>
      </c>
      <c r="I2319" s="5" t="s">
        <v>27074</v>
      </c>
      <c r="J2319" s="2" t="s">
        <v>27075</v>
      </c>
      <c r="K2319" s="5" t="s">
        <v>27074</v>
      </c>
      <c r="L2319" s="2" t="s">
        <v>27075</v>
      </c>
      <c r="M2319" s="5" t="s">
        <v>24254</v>
      </c>
      <c r="N2319" s="5" t="s">
        <v>38</v>
      </c>
      <c r="O2319" s="5" t="s">
        <v>39</v>
      </c>
      <c r="P2319" s="5" t="s">
        <v>40</v>
      </c>
      <c r="Q2319" s="5" t="s">
        <v>24340</v>
      </c>
      <c r="R2319" s="5" t="s">
        <v>40</v>
      </c>
      <c r="S2319" s="5" t="s">
        <v>42</v>
      </c>
      <c r="T2319" s="2">
        <v>12.917</v>
      </c>
      <c r="U2319" s="2">
        <v>10.129</v>
      </c>
      <c r="V2319" s="2">
        <v>0.14899999999999999</v>
      </c>
      <c r="W2319" s="2">
        <v>12</v>
      </c>
      <c r="X2319" s="2">
        <v>62</v>
      </c>
      <c r="Y2319" s="2">
        <v>199.7</v>
      </c>
      <c r="Z2319" s="5">
        <v>10</v>
      </c>
      <c r="AA2319" s="5" t="s">
        <v>43</v>
      </c>
      <c r="AB2319" s="5" t="s">
        <v>44</v>
      </c>
      <c r="AC2319" s="2" t="s">
        <v>33683</v>
      </c>
      <c r="AD2319" s="1"/>
    </row>
    <row r="2320" spans="1:30">
      <c r="A2320" s="5" t="s">
        <v>83578</v>
      </c>
      <c r="B2320" s="2" t="s">
        <v>90561</v>
      </c>
      <c r="C2320" s="14" t="s">
        <v>90562</v>
      </c>
      <c r="D2320" s="2" t="s">
        <v>90563</v>
      </c>
      <c r="E2320" s="2" t="s">
        <v>33805</v>
      </c>
      <c r="F2320" s="8">
        <v>402</v>
      </c>
      <c r="G2320" s="5">
        <v>10</v>
      </c>
      <c r="H2320" s="5" t="s">
        <v>69</v>
      </c>
      <c r="I2320" s="5" t="s">
        <v>27074</v>
      </c>
      <c r="J2320" s="2" t="s">
        <v>27075</v>
      </c>
      <c r="K2320" s="5" t="s">
        <v>27074</v>
      </c>
      <c r="L2320" s="2" t="s">
        <v>27075</v>
      </c>
      <c r="M2320" s="5" t="s">
        <v>24254</v>
      </c>
      <c r="N2320" s="5" t="s">
        <v>38</v>
      </c>
      <c r="O2320" s="5" t="s">
        <v>39</v>
      </c>
      <c r="P2320" s="5" t="s">
        <v>40</v>
      </c>
      <c r="Q2320" s="5" t="s">
        <v>25301</v>
      </c>
      <c r="R2320" s="5" t="s">
        <v>40</v>
      </c>
      <c r="S2320" s="5" t="s">
        <v>42</v>
      </c>
      <c r="T2320" s="2">
        <v>13.823</v>
      </c>
      <c r="U2320" s="2">
        <v>11.15</v>
      </c>
      <c r="V2320" s="2">
        <v>0.14899999999999999</v>
      </c>
      <c r="W2320" s="2">
        <v>12</v>
      </c>
      <c r="X2320" s="2">
        <v>62</v>
      </c>
      <c r="Y2320" s="2">
        <v>199.7</v>
      </c>
      <c r="Z2320" s="5">
        <v>10</v>
      </c>
      <c r="AA2320" s="5" t="s">
        <v>43</v>
      </c>
      <c r="AB2320" s="5" t="s">
        <v>44</v>
      </c>
      <c r="AC2320" s="2" t="s">
        <v>33806</v>
      </c>
      <c r="AD2320" s="1"/>
    </row>
    <row r="2321" spans="1:30">
      <c r="A2321" s="5" t="s">
        <v>83578</v>
      </c>
      <c r="B2321" s="2" t="s">
        <v>90564</v>
      </c>
      <c r="C2321" s="14" t="s">
        <v>90565</v>
      </c>
      <c r="D2321" s="2" t="s">
        <v>90566</v>
      </c>
      <c r="E2321" s="2" t="s">
        <v>33805</v>
      </c>
      <c r="F2321" s="8">
        <v>402</v>
      </c>
      <c r="G2321" s="5">
        <v>10</v>
      </c>
      <c r="H2321" s="5" t="s">
        <v>69</v>
      </c>
      <c r="I2321" s="5" t="s">
        <v>27074</v>
      </c>
      <c r="J2321" s="2" t="s">
        <v>27075</v>
      </c>
      <c r="K2321" s="5" t="s">
        <v>27074</v>
      </c>
      <c r="L2321" s="2" t="s">
        <v>27075</v>
      </c>
      <c r="M2321" s="5" t="s">
        <v>24254</v>
      </c>
      <c r="N2321" s="5" t="s">
        <v>38</v>
      </c>
      <c r="O2321" s="5" t="s">
        <v>39</v>
      </c>
      <c r="P2321" s="5" t="s">
        <v>40</v>
      </c>
      <c r="Q2321" s="5" t="s">
        <v>25301</v>
      </c>
      <c r="R2321" s="5" t="s">
        <v>40</v>
      </c>
      <c r="S2321" s="5" t="s">
        <v>42</v>
      </c>
      <c r="T2321" s="2">
        <v>14.848000000000001</v>
      </c>
      <c r="U2321" s="2">
        <v>12.129</v>
      </c>
      <c r="V2321" s="2">
        <v>0.14899999999999999</v>
      </c>
      <c r="W2321" s="2">
        <v>12</v>
      </c>
      <c r="X2321" s="2">
        <v>62</v>
      </c>
      <c r="Y2321" s="2">
        <v>199.7</v>
      </c>
      <c r="Z2321" s="5">
        <v>10</v>
      </c>
      <c r="AA2321" s="5" t="s">
        <v>43</v>
      </c>
      <c r="AB2321" s="5" t="s">
        <v>44</v>
      </c>
      <c r="AC2321" s="2" t="s">
        <v>34421</v>
      </c>
      <c r="AD2321" s="1"/>
    </row>
    <row r="2322" spans="1:30">
      <c r="A2322" s="5" t="s">
        <v>83578</v>
      </c>
      <c r="B2322" s="2" t="s">
        <v>90567</v>
      </c>
      <c r="C2322" s="14" t="s">
        <v>90568</v>
      </c>
      <c r="D2322" s="2" t="s">
        <v>90569</v>
      </c>
      <c r="E2322" s="2" t="s">
        <v>33810</v>
      </c>
      <c r="F2322" s="8">
        <v>402</v>
      </c>
      <c r="G2322" s="5">
        <v>10</v>
      </c>
      <c r="H2322" s="5" t="s">
        <v>69</v>
      </c>
      <c r="I2322" s="5" t="s">
        <v>27074</v>
      </c>
      <c r="J2322" s="2" t="s">
        <v>27075</v>
      </c>
      <c r="K2322" s="5" t="s">
        <v>27074</v>
      </c>
      <c r="L2322" s="2" t="s">
        <v>27075</v>
      </c>
      <c r="M2322" s="5" t="s">
        <v>24254</v>
      </c>
      <c r="N2322" s="5" t="s">
        <v>38</v>
      </c>
      <c r="O2322" s="5" t="s">
        <v>39</v>
      </c>
      <c r="P2322" s="5" t="s">
        <v>40</v>
      </c>
      <c r="Q2322" s="5" t="s">
        <v>25301</v>
      </c>
      <c r="R2322" s="5" t="s">
        <v>40</v>
      </c>
      <c r="S2322" s="5" t="s">
        <v>42</v>
      </c>
      <c r="T2322" s="2">
        <v>10.157999999999999</v>
      </c>
      <c r="U2322" s="2">
        <v>7.4850000000000003</v>
      </c>
      <c r="V2322" s="2">
        <v>0.14899999999999999</v>
      </c>
      <c r="W2322" s="2">
        <v>12</v>
      </c>
      <c r="X2322" s="2">
        <v>62</v>
      </c>
      <c r="Y2322" s="2">
        <v>199.7</v>
      </c>
      <c r="Z2322" s="5">
        <v>10</v>
      </c>
      <c r="AA2322" s="5" t="s">
        <v>43</v>
      </c>
      <c r="AB2322" s="5" t="s">
        <v>44</v>
      </c>
      <c r="AC2322" s="2" t="s">
        <v>33706</v>
      </c>
      <c r="AD2322" s="1"/>
    </row>
    <row r="2323" spans="1:30">
      <c r="A2323" s="5" t="s">
        <v>83578</v>
      </c>
      <c r="B2323" s="2" t="s">
        <v>90570</v>
      </c>
      <c r="C2323" s="14" t="s">
        <v>90571</v>
      </c>
      <c r="D2323" s="2" t="s">
        <v>90572</v>
      </c>
      <c r="E2323" s="2" t="s">
        <v>33810</v>
      </c>
      <c r="F2323" s="8">
        <v>402</v>
      </c>
      <c r="G2323" s="5">
        <v>10</v>
      </c>
      <c r="H2323" s="5" t="s">
        <v>69</v>
      </c>
      <c r="I2323" s="5" t="s">
        <v>27074</v>
      </c>
      <c r="J2323" s="2" t="s">
        <v>27075</v>
      </c>
      <c r="K2323" s="5" t="s">
        <v>27074</v>
      </c>
      <c r="L2323" s="2" t="s">
        <v>27075</v>
      </c>
      <c r="M2323" s="5" t="s">
        <v>24254</v>
      </c>
      <c r="N2323" s="5" t="s">
        <v>38</v>
      </c>
      <c r="O2323" s="5" t="s">
        <v>39</v>
      </c>
      <c r="P2323" s="5" t="s">
        <v>40</v>
      </c>
      <c r="Q2323" s="5" t="s">
        <v>25301</v>
      </c>
      <c r="R2323" s="5" t="s">
        <v>40</v>
      </c>
      <c r="S2323" s="5" t="s">
        <v>42</v>
      </c>
      <c r="T2323" s="2">
        <v>11.441000000000001</v>
      </c>
      <c r="U2323" s="2">
        <v>8.7219999999999995</v>
      </c>
      <c r="V2323" s="2">
        <v>0.14899999999999999</v>
      </c>
      <c r="W2323" s="2">
        <v>12</v>
      </c>
      <c r="X2323" s="2">
        <v>62</v>
      </c>
      <c r="Y2323" s="2">
        <v>199.7</v>
      </c>
      <c r="Z2323" s="5">
        <v>10</v>
      </c>
      <c r="AA2323" s="5" t="s">
        <v>43</v>
      </c>
      <c r="AB2323" s="5" t="s">
        <v>44</v>
      </c>
      <c r="AC2323" s="2" t="s">
        <v>33814</v>
      </c>
      <c r="AD2323" s="1"/>
    </row>
    <row r="2324" spans="1:30">
      <c r="A2324" s="5" t="s">
        <v>83578</v>
      </c>
      <c r="B2324" s="2" t="s">
        <v>90573</v>
      </c>
      <c r="C2324" s="14" t="s">
        <v>90574</v>
      </c>
      <c r="D2324" s="2" t="s">
        <v>90575</v>
      </c>
      <c r="E2324" s="2" t="s">
        <v>33705</v>
      </c>
      <c r="F2324" s="8">
        <v>402</v>
      </c>
      <c r="G2324" s="5">
        <v>10</v>
      </c>
      <c r="H2324" s="5" t="s">
        <v>69</v>
      </c>
      <c r="I2324" s="5" t="s">
        <v>27074</v>
      </c>
      <c r="J2324" s="2" t="s">
        <v>27075</v>
      </c>
      <c r="K2324" s="5" t="s">
        <v>27074</v>
      </c>
      <c r="L2324" s="2" t="s">
        <v>27075</v>
      </c>
      <c r="M2324" s="5" t="s">
        <v>24254</v>
      </c>
      <c r="N2324" s="5" t="s">
        <v>38</v>
      </c>
      <c r="O2324" s="5" t="s">
        <v>39</v>
      </c>
      <c r="P2324" s="5" t="s">
        <v>40</v>
      </c>
      <c r="Q2324" s="5" t="s">
        <v>25301</v>
      </c>
      <c r="R2324" s="5" t="s">
        <v>40</v>
      </c>
      <c r="S2324" s="5" t="s">
        <v>42</v>
      </c>
      <c r="T2324" s="2">
        <v>11.832000000000001</v>
      </c>
      <c r="U2324" s="2">
        <v>9.0440000000000005</v>
      </c>
      <c r="V2324" s="2">
        <v>0.14899999999999999</v>
      </c>
      <c r="W2324" s="2">
        <v>12</v>
      </c>
      <c r="X2324" s="2">
        <v>62</v>
      </c>
      <c r="Y2324" s="2">
        <v>199.7</v>
      </c>
      <c r="Z2324" s="5">
        <v>10</v>
      </c>
      <c r="AA2324" s="5" t="s">
        <v>43</v>
      </c>
      <c r="AB2324" s="5" t="s">
        <v>44</v>
      </c>
      <c r="AC2324" s="2" t="s">
        <v>33706</v>
      </c>
      <c r="AD2324" s="1"/>
    </row>
    <row r="2325" spans="1:30">
      <c r="A2325" s="5" t="s">
        <v>83578</v>
      </c>
      <c r="B2325" s="2" t="s">
        <v>90576</v>
      </c>
      <c r="C2325" s="14" t="s">
        <v>90577</v>
      </c>
      <c r="D2325" s="2" t="s">
        <v>90578</v>
      </c>
      <c r="E2325" s="2" t="s">
        <v>33705</v>
      </c>
      <c r="F2325" s="8">
        <v>402</v>
      </c>
      <c r="G2325" s="5">
        <v>10</v>
      </c>
      <c r="H2325" s="5" t="s">
        <v>69</v>
      </c>
      <c r="I2325" s="5" t="s">
        <v>27074</v>
      </c>
      <c r="J2325" s="2" t="s">
        <v>27075</v>
      </c>
      <c r="K2325" s="5" t="s">
        <v>27074</v>
      </c>
      <c r="L2325" s="2" t="s">
        <v>27075</v>
      </c>
      <c r="M2325" s="5" t="s">
        <v>24254</v>
      </c>
      <c r="N2325" s="5" t="s">
        <v>38</v>
      </c>
      <c r="O2325" s="5" t="s">
        <v>39</v>
      </c>
      <c r="P2325" s="5" t="s">
        <v>40</v>
      </c>
      <c r="Q2325" s="5" t="s">
        <v>25301</v>
      </c>
      <c r="R2325" s="5" t="s">
        <v>40</v>
      </c>
      <c r="S2325" s="5" t="s">
        <v>42</v>
      </c>
      <c r="T2325" s="2">
        <v>12.928000000000001</v>
      </c>
      <c r="U2325" s="2">
        <v>10.093999999999999</v>
      </c>
      <c r="V2325" s="2">
        <v>0.14899999999999999</v>
      </c>
      <c r="W2325" s="2">
        <v>12</v>
      </c>
      <c r="X2325" s="2">
        <v>62</v>
      </c>
      <c r="Y2325" s="2">
        <v>199.7</v>
      </c>
      <c r="Z2325" s="5">
        <v>10</v>
      </c>
      <c r="AA2325" s="5" t="s">
        <v>43</v>
      </c>
      <c r="AB2325" s="5" t="s">
        <v>44</v>
      </c>
      <c r="AC2325" s="2" t="s">
        <v>33814</v>
      </c>
      <c r="AD2325" s="1"/>
    </row>
    <row r="2326" spans="1:30">
      <c r="A2326" s="5" t="s">
        <v>83578</v>
      </c>
      <c r="B2326" s="2" t="s">
        <v>90579</v>
      </c>
      <c r="C2326" s="14" t="s">
        <v>90580</v>
      </c>
      <c r="D2326" s="2" t="s">
        <v>90581</v>
      </c>
      <c r="E2326" s="2" t="s">
        <v>33798</v>
      </c>
      <c r="F2326" s="8">
        <v>372</v>
      </c>
      <c r="G2326" s="5">
        <v>10</v>
      </c>
      <c r="H2326" s="5" t="s">
        <v>69</v>
      </c>
      <c r="I2326" s="5" t="s">
        <v>27074</v>
      </c>
      <c r="J2326" s="2" t="s">
        <v>27075</v>
      </c>
      <c r="K2326" s="5" t="s">
        <v>27074</v>
      </c>
      <c r="L2326" s="2" t="s">
        <v>27075</v>
      </c>
      <c r="M2326" s="5" t="s">
        <v>24254</v>
      </c>
      <c r="N2326" s="5" t="s">
        <v>38</v>
      </c>
      <c r="O2326" s="5" t="s">
        <v>39</v>
      </c>
      <c r="P2326" s="5" t="s">
        <v>40</v>
      </c>
      <c r="Q2326" s="5" t="s">
        <v>25301</v>
      </c>
      <c r="R2326" s="5" t="s">
        <v>40</v>
      </c>
      <c r="S2326" s="5" t="s">
        <v>42</v>
      </c>
      <c r="T2326" s="2">
        <v>14.833</v>
      </c>
      <c r="U2326" s="2">
        <v>12.552</v>
      </c>
      <c r="V2326" s="2">
        <v>0.10299999999999999</v>
      </c>
      <c r="W2326" s="2">
        <v>12</v>
      </c>
      <c r="X2326" s="2">
        <v>62</v>
      </c>
      <c r="Y2326" s="2">
        <v>137.9</v>
      </c>
      <c r="Z2326" s="5">
        <v>8</v>
      </c>
      <c r="AA2326" s="5" t="s">
        <v>43</v>
      </c>
      <c r="AB2326" s="5" t="s">
        <v>44</v>
      </c>
      <c r="AC2326" s="2" t="s">
        <v>33697</v>
      </c>
      <c r="AD2326" s="1"/>
    </row>
    <row r="2327" spans="1:30">
      <c r="A2327" s="5" t="s">
        <v>83578</v>
      </c>
      <c r="B2327" s="2" t="s">
        <v>90582</v>
      </c>
      <c r="C2327" s="14" t="s">
        <v>90583</v>
      </c>
      <c r="D2327" s="2" t="s">
        <v>90584</v>
      </c>
      <c r="E2327" s="2" t="s">
        <v>33805</v>
      </c>
      <c r="F2327" s="8">
        <v>372</v>
      </c>
      <c r="G2327" s="5">
        <v>10</v>
      </c>
      <c r="H2327" s="5" t="s">
        <v>69</v>
      </c>
      <c r="I2327" s="5" t="s">
        <v>27074</v>
      </c>
      <c r="J2327" s="2" t="s">
        <v>27075</v>
      </c>
      <c r="K2327" s="5" t="s">
        <v>27074</v>
      </c>
      <c r="L2327" s="2" t="s">
        <v>27075</v>
      </c>
      <c r="M2327" s="5" t="s">
        <v>24254</v>
      </c>
      <c r="N2327" s="5" t="s">
        <v>38</v>
      </c>
      <c r="O2327" s="5" t="s">
        <v>39</v>
      </c>
      <c r="P2327" s="5" t="s">
        <v>40</v>
      </c>
      <c r="Q2327" s="5" t="s">
        <v>25301</v>
      </c>
      <c r="R2327" s="5" t="s">
        <v>40</v>
      </c>
      <c r="S2327" s="5" t="s">
        <v>42</v>
      </c>
      <c r="T2327" s="2">
        <v>10.596</v>
      </c>
      <c r="U2327" s="2">
        <v>8.3919999999999995</v>
      </c>
      <c r="V2327" s="2">
        <v>0.10299999999999999</v>
      </c>
      <c r="W2327" s="2">
        <v>12</v>
      </c>
      <c r="X2327" s="2">
        <v>62</v>
      </c>
      <c r="Y2327" s="2">
        <v>137.9</v>
      </c>
      <c r="Z2327" s="5">
        <v>10</v>
      </c>
      <c r="AA2327" s="5" t="s">
        <v>43</v>
      </c>
      <c r="AB2327" s="5" t="s">
        <v>44</v>
      </c>
      <c r="AC2327" s="2" t="s">
        <v>33806</v>
      </c>
      <c r="AD2327" s="1"/>
    </row>
    <row r="2328" spans="1:30">
      <c r="A2328" s="5" t="s">
        <v>83578</v>
      </c>
      <c r="B2328" s="2" t="s">
        <v>90585</v>
      </c>
      <c r="C2328" s="14" t="s">
        <v>90586</v>
      </c>
      <c r="D2328" s="2" t="s">
        <v>90587</v>
      </c>
      <c r="E2328" s="2" t="s">
        <v>33810</v>
      </c>
      <c r="F2328" s="8">
        <v>372</v>
      </c>
      <c r="G2328" s="5">
        <v>10</v>
      </c>
      <c r="H2328" s="5" t="s">
        <v>69</v>
      </c>
      <c r="I2328" s="5" t="s">
        <v>27074</v>
      </c>
      <c r="J2328" s="2" t="s">
        <v>27075</v>
      </c>
      <c r="K2328" s="5" t="s">
        <v>27074</v>
      </c>
      <c r="L2328" s="2" t="s">
        <v>27075</v>
      </c>
      <c r="M2328" s="5" t="s">
        <v>24254</v>
      </c>
      <c r="N2328" s="5" t="s">
        <v>38</v>
      </c>
      <c r="O2328" s="5" t="s">
        <v>39</v>
      </c>
      <c r="P2328" s="5" t="s">
        <v>40</v>
      </c>
      <c r="Q2328" s="5" t="s">
        <v>25301</v>
      </c>
      <c r="R2328" s="5" t="s">
        <v>40</v>
      </c>
      <c r="S2328" s="5" t="s">
        <v>42</v>
      </c>
      <c r="T2328" s="2">
        <v>8.4410000000000007</v>
      </c>
      <c r="U2328" s="2">
        <v>6.2370000000000001</v>
      </c>
      <c r="V2328" s="2">
        <v>0.10299999999999999</v>
      </c>
      <c r="W2328" s="2">
        <v>12</v>
      </c>
      <c r="X2328" s="2">
        <v>62</v>
      </c>
      <c r="Y2328" s="2">
        <v>137.9</v>
      </c>
      <c r="Z2328" s="5">
        <v>10</v>
      </c>
      <c r="AA2328" s="5" t="s">
        <v>43</v>
      </c>
      <c r="AB2328" s="5" t="s">
        <v>44</v>
      </c>
      <c r="AC2328" s="2" t="s">
        <v>33706</v>
      </c>
      <c r="AD2328" s="1"/>
    </row>
    <row r="2329" spans="1:30">
      <c r="A2329" s="5" t="s">
        <v>83578</v>
      </c>
      <c r="B2329" s="2" t="s">
        <v>90588</v>
      </c>
      <c r="C2329" s="14" t="s">
        <v>90589</v>
      </c>
      <c r="D2329" s="2" t="s">
        <v>90590</v>
      </c>
      <c r="E2329" s="2" t="s">
        <v>33705</v>
      </c>
      <c r="F2329" s="8">
        <v>372</v>
      </c>
      <c r="G2329" s="5">
        <v>10</v>
      </c>
      <c r="H2329" s="5" t="s">
        <v>69</v>
      </c>
      <c r="I2329" s="5" t="s">
        <v>27074</v>
      </c>
      <c r="J2329" s="2" t="s">
        <v>27075</v>
      </c>
      <c r="K2329" s="5" t="s">
        <v>27074</v>
      </c>
      <c r="L2329" s="2" t="s">
        <v>27075</v>
      </c>
      <c r="M2329" s="5" t="s">
        <v>24254</v>
      </c>
      <c r="N2329" s="5" t="s">
        <v>38</v>
      </c>
      <c r="O2329" s="5" t="s">
        <v>39</v>
      </c>
      <c r="P2329" s="5" t="s">
        <v>40</v>
      </c>
      <c r="Q2329" s="5" t="s">
        <v>25301</v>
      </c>
      <c r="R2329" s="5" t="s">
        <v>40</v>
      </c>
      <c r="S2329" s="5" t="s">
        <v>42</v>
      </c>
      <c r="T2329" s="2">
        <v>10.085000000000001</v>
      </c>
      <c r="U2329" s="2">
        <v>7.2770000000000001</v>
      </c>
      <c r="V2329" s="2">
        <v>0.14899999999999999</v>
      </c>
      <c r="W2329" s="2">
        <v>12</v>
      </c>
      <c r="X2329" s="2">
        <v>62</v>
      </c>
      <c r="Y2329" s="2">
        <v>199.7</v>
      </c>
      <c r="Z2329" s="5">
        <v>10</v>
      </c>
      <c r="AA2329" s="5" t="s">
        <v>43</v>
      </c>
      <c r="AB2329" s="5" t="s">
        <v>44</v>
      </c>
      <c r="AC2329" s="2" t="s">
        <v>33706</v>
      </c>
      <c r="AD2329" s="1"/>
    </row>
    <row r="2330" spans="1:30">
      <c r="A2330" s="5" t="s">
        <v>83578</v>
      </c>
      <c r="B2330" s="2" t="s">
        <v>90591</v>
      </c>
      <c r="C2330" s="14" t="s">
        <v>90592</v>
      </c>
      <c r="D2330" s="2" t="s">
        <v>90593</v>
      </c>
      <c r="E2330" s="2" t="s">
        <v>33677</v>
      </c>
      <c r="F2330" s="8">
        <v>391</v>
      </c>
      <c r="G2330" s="5">
        <v>10</v>
      </c>
      <c r="H2330" s="5" t="s">
        <v>69</v>
      </c>
      <c r="I2330" s="5" t="s">
        <v>27074</v>
      </c>
      <c r="J2330" s="2" t="s">
        <v>27075</v>
      </c>
      <c r="K2330" s="5" t="s">
        <v>27074</v>
      </c>
      <c r="L2330" s="2" t="s">
        <v>27075</v>
      </c>
      <c r="M2330" s="5" t="s">
        <v>24254</v>
      </c>
      <c r="N2330" s="5" t="s">
        <v>38</v>
      </c>
      <c r="O2330" s="5" t="s">
        <v>39</v>
      </c>
      <c r="P2330" s="5" t="s">
        <v>40</v>
      </c>
      <c r="Q2330" s="5" t="s">
        <v>24340</v>
      </c>
      <c r="R2330" s="5" t="s">
        <v>40</v>
      </c>
      <c r="S2330" s="5" t="s">
        <v>42</v>
      </c>
      <c r="T2330" s="2">
        <v>14.263</v>
      </c>
      <c r="U2330" s="2">
        <v>11.59</v>
      </c>
      <c r="V2330" s="2">
        <v>0.14899999999999999</v>
      </c>
      <c r="W2330" s="2">
        <v>12</v>
      </c>
      <c r="X2330" s="2">
        <v>62</v>
      </c>
      <c r="Y2330" s="2">
        <v>199.7</v>
      </c>
      <c r="Z2330" s="5">
        <v>10</v>
      </c>
      <c r="AA2330" s="5" t="s">
        <v>43</v>
      </c>
      <c r="AB2330" s="5" t="s">
        <v>44</v>
      </c>
      <c r="AC2330" s="2" t="s">
        <v>33678</v>
      </c>
      <c r="AD2330" s="1"/>
    </row>
    <row r="2331" spans="1:30">
      <c r="A2331" s="5" t="s">
        <v>83578</v>
      </c>
      <c r="B2331" s="2" t="s">
        <v>90594</v>
      </c>
      <c r="C2331" s="14" t="s">
        <v>90595</v>
      </c>
      <c r="D2331" s="2" t="s">
        <v>90596</v>
      </c>
      <c r="E2331" s="2" t="s">
        <v>33682</v>
      </c>
      <c r="F2331" s="8">
        <v>391</v>
      </c>
      <c r="G2331" s="5">
        <v>10</v>
      </c>
      <c r="H2331" s="5" t="s">
        <v>69</v>
      </c>
      <c r="I2331" s="5" t="s">
        <v>27074</v>
      </c>
      <c r="J2331" s="2" t="s">
        <v>27075</v>
      </c>
      <c r="K2331" s="5" t="s">
        <v>27074</v>
      </c>
      <c r="L2331" s="2" t="s">
        <v>27075</v>
      </c>
      <c r="M2331" s="5" t="s">
        <v>24254</v>
      </c>
      <c r="N2331" s="5" t="s">
        <v>38</v>
      </c>
      <c r="O2331" s="5" t="s">
        <v>39</v>
      </c>
      <c r="P2331" s="5" t="s">
        <v>40</v>
      </c>
      <c r="Q2331" s="5" t="s">
        <v>24340</v>
      </c>
      <c r="R2331" s="5" t="s">
        <v>40</v>
      </c>
      <c r="S2331" s="5" t="s">
        <v>42</v>
      </c>
      <c r="T2331" s="2">
        <v>10.747</v>
      </c>
      <c r="U2331" s="2">
        <v>8.0739999999999998</v>
      </c>
      <c r="V2331" s="2">
        <v>0.14899999999999999</v>
      </c>
      <c r="W2331" s="2">
        <v>12</v>
      </c>
      <c r="X2331" s="2">
        <v>62</v>
      </c>
      <c r="Y2331" s="2">
        <v>199.7</v>
      </c>
      <c r="Z2331" s="5">
        <v>10</v>
      </c>
      <c r="AA2331" s="5" t="s">
        <v>43</v>
      </c>
      <c r="AB2331" s="5" t="s">
        <v>44</v>
      </c>
      <c r="AC2331" s="2" t="s">
        <v>33683</v>
      </c>
      <c r="AD2331" s="1"/>
    </row>
    <row r="2332" spans="1:30">
      <c r="A2332" s="5" t="s">
        <v>83578</v>
      </c>
      <c r="B2332" s="2" t="s">
        <v>90597</v>
      </c>
      <c r="C2332" s="14" t="s">
        <v>90598</v>
      </c>
      <c r="D2332" s="2" t="s">
        <v>90599</v>
      </c>
      <c r="E2332" s="2" t="s">
        <v>33798</v>
      </c>
      <c r="F2332" s="8">
        <v>391</v>
      </c>
      <c r="G2332" s="5">
        <v>10</v>
      </c>
      <c r="H2332" s="5" t="s">
        <v>69</v>
      </c>
      <c r="I2332" s="5" t="s">
        <v>27074</v>
      </c>
      <c r="J2332" s="2" t="s">
        <v>27075</v>
      </c>
      <c r="K2332" s="5" t="s">
        <v>27074</v>
      </c>
      <c r="L2332" s="2" t="s">
        <v>27075</v>
      </c>
      <c r="M2332" s="5" t="s">
        <v>24254</v>
      </c>
      <c r="N2332" s="5" t="s">
        <v>38</v>
      </c>
      <c r="O2332" s="5" t="s">
        <v>39</v>
      </c>
      <c r="P2332" s="5" t="s">
        <v>40</v>
      </c>
      <c r="Q2332" s="5" t="s">
        <v>25301</v>
      </c>
      <c r="R2332" s="5" t="s">
        <v>40</v>
      </c>
      <c r="S2332" s="5" t="s">
        <v>42</v>
      </c>
      <c r="T2332" s="2">
        <v>16.692</v>
      </c>
      <c r="U2332" s="2">
        <v>13.942</v>
      </c>
      <c r="V2332" s="2">
        <v>0.14899999999999999</v>
      </c>
      <c r="W2332" s="2">
        <v>12</v>
      </c>
      <c r="X2332" s="2">
        <v>62</v>
      </c>
      <c r="Y2332" s="2">
        <v>199.7</v>
      </c>
      <c r="Z2332" s="5">
        <v>8</v>
      </c>
      <c r="AA2332" s="5" t="s">
        <v>43</v>
      </c>
      <c r="AB2332" s="5" t="s">
        <v>44</v>
      </c>
      <c r="AC2332" s="2" t="s">
        <v>33697</v>
      </c>
      <c r="AD2332" s="1"/>
    </row>
    <row r="2333" spans="1:30">
      <c r="A2333" s="5" t="s">
        <v>83578</v>
      </c>
      <c r="B2333" s="2" t="s">
        <v>90600</v>
      </c>
      <c r="C2333" s="14" t="s">
        <v>90601</v>
      </c>
      <c r="D2333" s="2" t="s">
        <v>90602</v>
      </c>
      <c r="E2333" s="2" t="s">
        <v>33805</v>
      </c>
      <c r="F2333" s="8">
        <v>391</v>
      </c>
      <c r="G2333" s="5">
        <v>10</v>
      </c>
      <c r="H2333" s="5" t="s">
        <v>69</v>
      </c>
      <c r="I2333" s="5" t="s">
        <v>27074</v>
      </c>
      <c r="J2333" s="2" t="s">
        <v>27075</v>
      </c>
      <c r="K2333" s="5" t="s">
        <v>27074</v>
      </c>
      <c r="L2333" s="2" t="s">
        <v>27075</v>
      </c>
      <c r="M2333" s="5" t="s">
        <v>24254</v>
      </c>
      <c r="N2333" s="5" t="s">
        <v>38</v>
      </c>
      <c r="O2333" s="5" t="s">
        <v>39</v>
      </c>
      <c r="P2333" s="5" t="s">
        <v>40</v>
      </c>
      <c r="Q2333" s="5" t="s">
        <v>25301</v>
      </c>
      <c r="R2333" s="5" t="s">
        <v>40</v>
      </c>
      <c r="S2333" s="5" t="s">
        <v>42</v>
      </c>
      <c r="T2333" s="2">
        <v>12.891999999999999</v>
      </c>
      <c r="U2333" s="2">
        <v>10.218999999999999</v>
      </c>
      <c r="V2333" s="2">
        <v>0.14899999999999999</v>
      </c>
      <c r="W2333" s="2">
        <v>12</v>
      </c>
      <c r="X2333" s="2">
        <v>62</v>
      </c>
      <c r="Y2333" s="2">
        <v>199.7</v>
      </c>
      <c r="Z2333" s="5">
        <v>10</v>
      </c>
      <c r="AA2333" s="5" t="s">
        <v>43</v>
      </c>
      <c r="AB2333" s="5" t="s">
        <v>44</v>
      </c>
      <c r="AC2333" s="2" t="s">
        <v>33806</v>
      </c>
      <c r="AD2333" s="1"/>
    </row>
    <row r="2334" spans="1:30">
      <c r="A2334" s="5" t="s">
        <v>83578</v>
      </c>
      <c r="B2334" s="2" t="s">
        <v>90603</v>
      </c>
      <c r="C2334" s="14" t="s">
        <v>90604</v>
      </c>
      <c r="D2334" s="2" t="s">
        <v>90605</v>
      </c>
      <c r="E2334" s="2" t="s">
        <v>33810</v>
      </c>
      <c r="F2334" s="8">
        <v>391</v>
      </c>
      <c r="G2334" s="5">
        <v>10</v>
      </c>
      <c r="H2334" s="5" t="s">
        <v>69</v>
      </c>
      <c r="I2334" s="5" t="s">
        <v>27074</v>
      </c>
      <c r="J2334" s="2" t="s">
        <v>27075</v>
      </c>
      <c r="K2334" s="5" t="s">
        <v>27074</v>
      </c>
      <c r="L2334" s="2" t="s">
        <v>27075</v>
      </c>
      <c r="M2334" s="5" t="s">
        <v>24254</v>
      </c>
      <c r="N2334" s="5" t="s">
        <v>38</v>
      </c>
      <c r="O2334" s="5" t="s">
        <v>39</v>
      </c>
      <c r="P2334" s="5" t="s">
        <v>40</v>
      </c>
      <c r="Q2334" s="5" t="s">
        <v>25301</v>
      </c>
      <c r="R2334" s="5" t="s">
        <v>40</v>
      </c>
      <c r="S2334" s="5" t="s">
        <v>42</v>
      </c>
      <c r="T2334" s="2">
        <v>10.032</v>
      </c>
      <c r="U2334" s="2">
        <v>7.359</v>
      </c>
      <c r="V2334" s="2">
        <v>0.14899999999999999</v>
      </c>
      <c r="W2334" s="2">
        <v>12</v>
      </c>
      <c r="X2334" s="2">
        <v>62</v>
      </c>
      <c r="Y2334" s="2">
        <v>199.7</v>
      </c>
      <c r="Z2334" s="5">
        <v>10</v>
      </c>
      <c r="AA2334" s="5" t="s">
        <v>43</v>
      </c>
      <c r="AB2334" s="5" t="s">
        <v>44</v>
      </c>
      <c r="AC2334" s="2" t="s">
        <v>33706</v>
      </c>
      <c r="AD2334" s="1"/>
    </row>
    <row r="2335" spans="1:30">
      <c r="A2335" s="5" t="s">
        <v>83578</v>
      </c>
      <c r="B2335" s="2" t="s">
        <v>90606</v>
      </c>
      <c r="C2335" s="14" t="s">
        <v>90607</v>
      </c>
      <c r="D2335" s="2" t="s">
        <v>90608</v>
      </c>
      <c r="E2335" s="2" t="s">
        <v>33705</v>
      </c>
      <c r="F2335" s="8">
        <v>391</v>
      </c>
      <c r="G2335" s="5">
        <v>10</v>
      </c>
      <c r="H2335" s="5" t="s">
        <v>69</v>
      </c>
      <c r="I2335" s="5" t="s">
        <v>27074</v>
      </c>
      <c r="J2335" s="2" t="s">
        <v>27075</v>
      </c>
      <c r="K2335" s="5" t="s">
        <v>27074</v>
      </c>
      <c r="L2335" s="2" t="s">
        <v>27075</v>
      </c>
      <c r="M2335" s="5" t="s">
        <v>24254</v>
      </c>
      <c r="N2335" s="5" t="s">
        <v>38</v>
      </c>
      <c r="O2335" s="5" t="s">
        <v>39</v>
      </c>
      <c r="P2335" s="5" t="s">
        <v>40</v>
      </c>
      <c r="Q2335" s="5" t="s">
        <v>25301</v>
      </c>
      <c r="R2335" s="5" t="s">
        <v>40</v>
      </c>
      <c r="S2335" s="5" t="s">
        <v>42</v>
      </c>
      <c r="T2335" s="2">
        <v>11.558999999999999</v>
      </c>
      <c r="U2335" s="2">
        <v>8.7509999999999994</v>
      </c>
      <c r="V2335" s="2">
        <v>0.14899999999999999</v>
      </c>
      <c r="W2335" s="2">
        <v>12</v>
      </c>
      <c r="X2335" s="2">
        <v>62</v>
      </c>
      <c r="Y2335" s="2">
        <v>199.7</v>
      </c>
      <c r="Z2335" s="5">
        <v>10</v>
      </c>
      <c r="AA2335" s="5" t="s">
        <v>43</v>
      </c>
      <c r="AB2335" s="5" t="s">
        <v>44</v>
      </c>
      <c r="AC2335" s="2" t="s">
        <v>33706</v>
      </c>
      <c r="AD2335" s="1"/>
    </row>
    <row r="2336" spans="1:30">
      <c r="A2336" s="5" t="s">
        <v>83578</v>
      </c>
      <c r="B2336" s="2" t="s">
        <v>90609</v>
      </c>
      <c r="C2336" s="14" t="s">
        <v>90610</v>
      </c>
      <c r="D2336" s="2" t="s">
        <v>90611</v>
      </c>
      <c r="E2336" s="2" t="s">
        <v>33664</v>
      </c>
      <c r="F2336" s="8">
        <v>419</v>
      </c>
      <c r="G2336" s="5">
        <v>10</v>
      </c>
      <c r="H2336" s="5" t="s">
        <v>69</v>
      </c>
      <c r="I2336" s="5" t="s">
        <v>27074</v>
      </c>
      <c r="J2336" s="2" t="s">
        <v>27075</v>
      </c>
      <c r="K2336" s="5" t="s">
        <v>27074</v>
      </c>
      <c r="L2336" s="2" t="s">
        <v>27075</v>
      </c>
      <c r="M2336" s="5" t="s">
        <v>24254</v>
      </c>
      <c r="N2336" s="5" t="s">
        <v>38</v>
      </c>
      <c r="O2336" s="5" t="s">
        <v>39</v>
      </c>
      <c r="P2336" s="5" t="s">
        <v>40</v>
      </c>
      <c r="Q2336" s="5" t="s">
        <v>24340</v>
      </c>
      <c r="R2336" s="5" t="s">
        <v>40</v>
      </c>
      <c r="S2336" s="5" t="s">
        <v>42</v>
      </c>
      <c r="T2336" s="2">
        <v>22.361000000000001</v>
      </c>
      <c r="U2336" s="2">
        <v>19.61</v>
      </c>
      <c r="V2336" s="2">
        <v>0.23100000000000001</v>
      </c>
      <c r="W2336" s="2">
        <v>12</v>
      </c>
      <c r="X2336" s="2">
        <v>62</v>
      </c>
      <c r="Y2336" s="2">
        <v>199.7</v>
      </c>
      <c r="Z2336" s="5">
        <v>8</v>
      </c>
      <c r="AA2336" s="5" t="s">
        <v>43</v>
      </c>
      <c r="AB2336" s="5" t="s">
        <v>44</v>
      </c>
      <c r="AC2336" s="2" t="s">
        <v>33665</v>
      </c>
      <c r="AD2336" s="1"/>
    </row>
    <row r="2337" spans="1:30">
      <c r="A2337" s="5" t="s">
        <v>83578</v>
      </c>
      <c r="B2337" s="2" t="s">
        <v>90612</v>
      </c>
      <c r="C2337" s="14" t="s">
        <v>90613</v>
      </c>
      <c r="D2337" s="2" t="s">
        <v>90614</v>
      </c>
      <c r="E2337" s="2" t="s">
        <v>33673</v>
      </c>
      <c r="F2337" s="8">
        <v>419</v>
      </c>
      <c r="G2337" s="5">
        <v>10</v>
      </c>
      <c r="H2337" s="5" t="s">
        <v>69</v>
      </c>
      <c r="I2337" s="5" t="s">
        <v>27074</v>
      </c>
      <c r="J2337" s="2" t="s">
        <v>27075</v>
      </c>
      <c r="K2337" s="5" t="s">
        <v>27074</v>
      </c>
      <c r="L2337" s="2" t="s">
        <v>27075</v>
      </c>
      <c r="M2337" s="5" t="s">
        <v>24254</v>
      </c>
      <c r="N2337" s="5" t="s">
        <v>38</v>
      </c>
      <c r="O2337" s="5" t="s">
        <v>39</v>
      </c>
      <c r="P2337" s="5" t="s">
        <v>40</v>
      </c>
      <c r="Q2337" s="5" t="s">
        <v>24340</v>
      </c>
      <c r="R2337" s="5" t="s">
        <v>40</v>
      </c>
      <c r="S2337" s="5" t="s">
        <v>42</v>
      </c>
      <c r="T2337" s="2">
        <v>16.847999999999999</v>
      </c>
      <c r="U2337" s="2">
        <v>14.131</v>
      </c>
      <c r="V2337" s="2">
        <v>0.14899999999999999</v>
      </c>
      <c r="W2337" s="2">
        <v>12</v>
      </c>
      <c r="X2337" s="2">
        <v>62</v>
      </c>
      <c r="Y2337" s="2">
        <v>199.7</v>
      </c>
      <c r="Z2337" s="5">
        <v>8</v>
      </c>
      <c r="AA2337" s="5" t="s">
        <v>43</v>
      </c>
      <c r="AB2337" s="5" t="s">
        <v>44</v>
      </c>
      <c r="AC2337" s="2" t="s">
        <v>33665</v>
      </c>
      <c r="AD2337" s="1"/>
    </row>
    <row r="2338" spans="1:30">
      <c r="A2338" s="5" t="s">
        <v>83578</v>
      </c>
      <c r="B2338" s="2" t="s">
        <v>90615</v>
      </c>
      <c r="C2338" s="14" t="s">
        <v>90616</v>
      </c>
      <c r="D2338" s="2" t="s">
        <v>90617</v>
      </c>
      <c r="E2338" s="2" t="s">
        <v>33677</v>
      </c>
      <c r="F2338" s="8">
        <v>419</v>
      </c>
      <c r="G2338" s="5">
        <v>10</v>
      </c>
      <c r="H2338" s="5" t="s">
        <v>69</v>
      </c>
      <c r="I2338" s="5" t="s">
        <v>27074</v>
      </c>
      <c r="J2338" s="2" t="s">
        <v>27075</v>
      </c>
      <c r="K2338" s="5" t="s">
        <v>27074</v>
      </c>
      <c r="L2338" s="2" t="s">
        <v>27075</v>
      </c>
      <c r="M2338" s="5" t="s">
        <v>24254</v>
      </c>
      <c r="N2338" s="5" t="s">
        <v>38</v>
      </c>
      <c r="O2338" s="5" t="s">
        <v>39</v>
      </c>
      <c r="P2338" s="5" t="s">
        <v>40</v>
      </c>
      <c r="Q2338" s="5" t="s">
        <v>24340</v>
      </c>
      <c r="R2338" s="5" t="s">
        <v>40</v>
      </c>
      <c r="S2338" s="5" t="s">
        <v>42</v>
      </c>
      <c r="T2338" s="2">
        <v>15.292</v>
      </c>
      <c r="U2338" s="2">
        <v>12.619</v>
      </c>
      <c r="V2338" s="2">
        <v>0.14899999999999999</v>
      </c>
      <c r="W2338" s="2">
        <v>12</v>
      </c>
      <c r="X2338" s="2">
        <v>62</v>
      </c>
      <c r="Y2338" s="2">
        <v>199.7</v>
      </c>
      <c r="Z2338" s="5">
        <v>10</v>
      </c>
      <c r="AA2338" s="5" t="s">
        <v>43</v>
      </c>
      <c r="AB2338" s="5" t="s">
        <v>44</v>
      </c>
      <c r="AC2338" s="2" t="s">
        <v>33678</v>
      </c>
      <c r="AD2338" s="1"/>
    </row>
    <row r="2339" spans="1:30">
      <c r="A2339" s="5" t="s">
        <v>83578</v>
      </c>
      <c r="B2339" s="2" t="s">
        <v>90618</v>
      </c>
      <c r="C2339" s="14" t="s">
        <v>90619</v>
      </c>
      <c r="D2339" s="2" t="s">
        <v>90620</v>
      </c>
      <c r="E2339" s="2" t="s">
        <v>33677</v>
      </c>
      <c r="F2339" s="8">
        <v>419</v>
      </c>
      <c r="G2339" s="5">
        <v>10</v>
      </c>
      <c r="H2339" s="5" t="s">
        <v>69</v>
      </c>
      <c r="I2339" s="5" t="s">
        <v>27074</v>
      </c>
      <c r="J2339" s="2" t="s">
        <v>27075</v>
      </c>
      <c r="K2339" s="5" t="s">
        <v>27074</v>
      </c>
      <c r="L2339" s="2" t="s">
        <v>27075</v>
      </c>
      <c r="M2339" s="5" t="s">
        <v>24254</v>
      </c>
      <c r="N2339" s="5" t="s">
        <v>38</v>
      </c>
      <c r="O2339" s="5" t="s">
        <v>39</v>
      </c>
      <c r="P2339" s="5" t="s">
        <v>40</v>
      </c>
      <c r="Q2339" s="5" t="s">
        <v>24340</v>
      </c>
      <c r="R2339" s="5" t="s">
        <v>40</v>
      </c>
      <c r="S2339" s="5" t="s">
        <v>42</v>
      </c>
      <c r="T2339" s="2">
        <v>16.812999999999999</v>
      </c>
      <c r="U2339" s="2">
        <v>14.093999999999999</v>
      </c>
      <c r="V2339" s="2">
        <v>0.14899999999999999</v>
      </c>
      <c r="W2339" s="2">
        <v>12</v>
      </c>
      <c r="X2339" s="2">
        <v>62</v>
      </c>
      <c r="Y2339" s="2">
        <v>199.7</v>
      </c>
      <c r="Z2339" s="5">
        <v>10</v>
      </c>
      <c r="AA2339" s="5" t="s">
        <v>43</v>
      </c>
      <c r="AB2339" s="5" t="s">
        <v>44</v>
      </c>
      <c r="AC2339" s="2" t="s">
        <v>33950</v>
      </c>
      <c r="AD2339" s="1"/>
    </row>
    <row r="2340" spans="1:30">
      <c r="A2340" s="5" t="s">
        <v>83578</v>
      </c>
      <c r="B2340" s="2" t="s">
        <v>90621</v>
      </c>
      <c r="C2340" s="14" t="s">
        <v>90622</v>
      </c>
      <c r="D2340" s="2" t="s">
        <v>90623</v>
      </c>
      <c r="E2340" s="2" t="s">
        <v>33682</v>
      </c>
      <c r="F2340" s="8">
        <v>419</v>
      </c>
      <c r="G2340" s="5">
        <v>10</v>
      </c>
      <c r="H2340" s="5" t="s">
        <v>69</v>
      </c>
      <c r="I2340" s="5" t="s">
        <v>27074</v>
      </c>
      <c r="J2340" s="2" t="s">
        <v>27075</v>
      </c>
      <c r="K2340" s="5" t="s">
        <v>27074</v>
      </c>
      <c r="L2340" s="2" t="s">
        <v>27075</v>
      </c>
      <c r="M2340" s="5" t="s">
        <v>24254</v>
      </c>
      <c r="N2340" s="5" t="s">
        <v>38</v>
      </c>
      <c r="O2340" s="5" t="s">
        <v>39</v>
      </c>
      <c r="P2340" s="5" t="s">
        <v>40</v>
      </c>
      <c r="Q2340" s="5" t="s">
        <v>24340</v>
      </c>
      <c r="R2340" s="5" t="s">
        <v>40</v>
      </c>
      <c r="S2340" s="5" t="s">
        <v>42</v>
      </c>
      <c r="T2340" s="2">
        <v>11.355</v>
      </c>
      <c r="U2340" s="2">
        <v>8.6820000000000004</v>
      </c>
      <c r="V2340" s="2">
        <v>0.14899999999999999</v>
      </c>
      <c r="W2340" s="2">
        <v>12</v>
      </c>
      <c r="X2340" s="2">
        <v>62</v>
      </c>
      <c r="Y2340" s="2">
        <v>199.7</v>
      </c>
      <c r="Z2340" s="5">
        <v>10</v>
      </c>
      <c r="AA2340" s="5" t="s">
        <v>43</v>
      </c>
      <c r="AB2340" s="5" t="s">
        <v>44</v>
      </c>
      <c r="AC2340" s="2" t="s">
        <v>33683</v>
      </c>
      <c r="AD2340" s="1"/>
    </row>
    <row r="2341" spans="1:30">
      <c r="A2341" s="5" t="s">
        <v>83578</v>
      </c>
      <c r="B2341" s="2" t="s">
        <v>90624</v>
      </c>
      <c r="C2341" s="14" t="s">
        <v>90625</v>
      </c>
      <c r="D2341" s="2" t="s">
        <v>90626</v>
      </c>
      <c r="E2341" s="2" t="s">
        <v>33682</v>
      </c>
      <c r="F2341" s="8">
        <v>419</v>
      </c>
      <c r="G2341" s="5">
        <v>10</v>
      </c>
      <c r="H2341" s="5" t="s">
        <v>69</v>
      </c>
      <c r="I2341" s="5" t="s">
        <v>27074</v>
      </c>
      <c r="J2341" s="2" t="s">
        <v>27075</v>
      </c>
      <c r="K2341" s="5" t="s">
        <v>27074</v>
      </c>
      <c r="L2341" s="2" t="s">
        <v>27075</v>
      </c>
      <c r="M2341" s="5" t="s">
        <v>24254</v>
      </c>
      <c r="N2341" s="5" t="s">
        <v>38</v>
      </c>
      <c r="O2341" s="5" t="s">
        <v>39</v>
      </c>
      <c r="P2341" s="5" t="s">
        <v>40</v>
      </c>
      <c r="Q2341" s="5" t="s">
        <v>24340</v>
      </c>
      <c r="R2341" s="5" t="s">
        <v>40</v>
      </c>
      <c r="S2341" s="5" t="s">
        <v>42</v>
      </c>
      <c r="T2341" s="2">
        <v>13.204000000000001</v>
      </c>
      <c r="U2341" s="2">
        <v>10.484999999999999</v>
      </c>
      <c r="V2341" s="2">
        <v>0.14899999999999999</v>
      </c>
      <c r="W2341" s="2">
        <v>12</v>
      </c>
      <c r="X2341" s="2">
        <v>62</v>
      </c>
      <c r="Y2341" s="2">
        <v>199.7</v>
      </c>
      <c r="Z2341" s="5">
        <v>10</v>
      </c>
      <c r="AA2341" s="5" t="s">
        <v>43</v>
      </c>
      <c r="AB2341" s="5" t="s">
        <v>44</v>
      </c>
      <c r="AC2341" s="2" t="s">
        <v>33688</v>
      </c>
      <c r="AD2341" s="1"/>
    </row>
    <row r="2342" spans="1:30">
      <c r="A2342" s="5" t="s">
        <v>83578</v>
      </c>
      <c r="B2342" s="2" t="s">
        <v>90627</v>
      </c>
      <c r="C2342" s="14" t="s">
        <v>90628</v>
      </c>
      <c r="D2342" s="2" t="s">
        <v>90629</v>
      </c>
      <c r="E2342" s="2" t="s">
        <v>33687</v>
      </c>
      <c r="F2342" s="8">
        <v>419</v>
      </c>
      <c r="G2342" s="5">
        <v>10</v>
      </c>
      <c r="H2342" s="5" t="s">
        <v>69</v>
      </c>
      <c r="I2342" s="5" t="s">
        <v>27074</v>
      </c>
      <c r="J2342" s="2" t="s">
        <v>27075</v>
      </c>
      <c r="K2342" s="5" t="s">
        <v>27074</v>
      </c>
      <c r="L2342" s="2" t="s">
        <v>27075</v>
      </c>
      <c r="M2342" s="5" t="s">
        <v>24254</v>
      </c>
      <c r="N2342" s="5" t="s">
        <v>38</v>
      </c>
      <c r="O2342" s="5" t="s">
        <v>39</v>
      </c>
      <c r="P2342" s="5" t="s">
        <v>40</v>
      </c>
      <c r="Q2342" s="5" t="s">
        <v>24340</v>
      </c>
      <c r="R2342" s="5" t="s">
        <v>40</v>
      </c>
      <c r="S2342" s="5" t="s">
        <v>42</v>
      </c>
      <c r="T2342" s="2">
        <v>13.384</v>
      </c>
      <c r="U2342" s="2">
        <v>10.576000000000001</v>
      </c>
      <c r="V2342" s="2">
        <v>0.14899999999999999</v>
      </c>
      <c r="W2342" s="2">
        <v>12</v>
      </c>
      <c r="X2342" s="2">
        <v>62</v>
      </c>
      <c r="Y2342" s="2">
        <v>199.7</v>
      </c>
      <c r="Z2342" s="5">
        <v>10</v>
      </c>
      <c r="AA2342" s="5" t="s">
        <v>43</v>
      </c>
      <c r="AB2342" s="5" t="s">
        <v>44</v>
      </c>
      <c r="AC2342" s="2" t="s">
        <v>33683</v>
      </c>
      <c r="AD2342" s="1"/>
    </row>
    <row r="2343" spans="1:30">
      <c r="A2343" s="5" t="s">
        <v>83578</v>
      </c>
      <c r="B2343" s="2" t="s">
        <v>90630</v>
      </c>
      <c r="C2343" s="14" t="s">
        <v>90631</v>
      </c>
      <c r="D2343" s="2" t="s">
        <v>90632</v>
      </c>
      <c r="E2343" s="2" t="s">
        <v>33687</v>
      </c>
      <c r="F2343" s="8">
        <v>419</v>
      </c>
      <c r="G2343" s="5">
        <v>10</v>
      </c>
      <c r="H2343" s="5" t="s">
        <v>69</v>
      </c>
      <c r="I2343" s="5" t="s">
        <v>27074</v>
      </c>
      <c r="J2343" s="2" t="s">
        <v>27075</v>
      </c>
      <c r="K2343" s="5" t="s">
        <v>27074</v>
      </c>
      <c r="L2343" s="2" t="s">
        <v>27075</v>
      </c>
      <c r="M2343" s="5" t="s">
        <v>24254</v>
      </c>
      <c r="N2343" s="5" t="s">
        <v>38</v>
      </c>
      <c r="O2343" s="5" t="s">
        <v>39</v>
      </c>
      <c r="P2343" s="5" t="s">
        <v>40</v>
      </c>
      <c r="Q2343" s="5" t="s">
        <v>24340</v>
      </c>
      <c r="R2343" s="5" t="s">
        <v>40</v>
      </c>
      <c r="S2343" s="5" t="s">
        <v>42</v>
      </c>
      <c r="T2343" s="2">
        <v>14.978</v>
      </c>
      <c r="U2343" s="2">
        <v>12.124000000000001</v>
      </c>
      <c r="V2343" s="2">
        <v>0.14899999999999999</v>
      </c>
      <c r="W2343" s="2">
        <v>12</v>
      </c>
      <c r="X2343" s="2">
        <v>62</v>
      </c>
      <c r="Y2343" s="2">
        <v>199.7</v>
      </c>
      <c r="Z2343" s="5">
        <v>10</v>
      </c>
      <c r="AA2343" s="5" t="s">
        <v>43</v>
      </c>
      <c r="AB2343" s="5" t="s">
        <v>44</v>
      </c>
      <c r="AC2343" s="2" t="s">
        <v>33688</v>
      </c>
      <c r="AD2343" s="1"/>
    </row>
    <row r="2344" spans="1:30">
      <c r="A2344" s="5" t="s">
        <v>83578</v>
      </c>
      <c r="B2344" s="2" t="s">
        <v>90633</v>
      </c>
      <c r="C2344" s="14" t="s">
        <v>90634</v>
      </c>
      <c r="D2344" s="2" t="s">
        <v>90635</v>
      </c>
      <c r="E2344" s="2" t="s">
        <v>33696</v>
      </c>
      <c r="F2344" s="8">
        <v>419</v>
      </c>
      <c r="G2344" s="5">
        <v>10</v>
      </c>
      <c r="H2344" s="5" t="s">
        <v>69</v>
      </c>
      <c r="I2344" s="5" t="s">
        <v>27074</v>
      </c>
      <c r="J2344" s="2" t="s">
        <v>27075</v>
      </c>
      <c r="K2344" s="5" t="s">
        <v>27074</v>
      </c>
      <c r="L2344" s="2" t="s">
        <v>27075</v>
      </c>
      <c r="M2344" s="5" t="s">
        <v>24254</v>
      </c>
      <c r="N2344" s="5" t="s">
        <v>38</v>
      </c>
      <c r="O2344" s="5" t="s">
        <v>39</v>
      </c>
      <c r="P2344" s="5" t="s">
        <v>40</v>
      </c>
      <c r="Q2344" s="5" t="s">
        <v>25301</v>
      </c>
      <c r="R2344" s="5" t="s">
        <v>40</v>
      </c>
      <c r="S2344" s="5" t="s">
        <v>42</v>
      </c>
      <c r="T2344" s="2">
        <v>20.567</v>
      </c>
      <c r="U2344" s="2">
        <v>17.815999999999999</v>
      </c>
      <c r="V2344" s="2">
        <v>0.23100000000000001</v>
      </c>
      <c r="W2344" s="2">
        <v>12</v>
      </c>
      <c r="X2344" s="2">
        <v>62</v>
      </c>
      <c r="Y2344" s="2">
        <v>199.7</v>
      </c>
      <c r="Z2344" s="5">
        <v>8</v>
      </c>
      <c r="AA2344" s="5" t="s">
        <v>43</v>
      </c>
      <c r="AB2344" s="5" t="s">
        <v>44</v>
      </c>
      <c r="AC2344" s="2" t="s">
        <v>33697</v>
      </c>
      <c r="AD2344" s="1"/>
    </row>
    <row r="2345" spans="1:30">
      <c r="A2345" s="5" t="s">
        <v>83578</v>
      </c>
      <c r="B2345" s="2" t="s">
        <v>90636</v>
      </c>
      <c r="C2345" s="14" t="s">
        <v>90637</v>
      </c>
      <c r="D2345" s="2" t="s">
        <v>90638</v>
      </c>
      <c r="E2345" s="2" t="s">
        <v>33798</v>
      </c>
      <c r="F2345" s="8">
        <v>419</v>
      </c>
      <c r="G2345" s="5">
        <v>10</v>
      </c>
      <c r="H2345" s="5" t="s">
        <v>69</v>
      </c>
      <c r="I2345" s="5" t="s">
        <v>27074</v>
      </c>
      <c r="J2345" s="2" t="s">
        <v>27075</v>
      </c>
      <c r="K2345" s="5" t="s">
        <v>27074</v>
      </c>
      <c r="L2345" s="2" t="s">
        <v>27075</v>
      </c>
      <c r="M2345" s="5" t="s">
        <v>24254</v>
      </c>
      <c r="N2345" s="5" t="s">
        <v>38</v>
      </c>
      <c r="O2345" s="5" t="s">
        <v>39</v>
      </c>
      <c r="P2345" s="5" t="s">
        <v>40</v>
      </c>
      <c r="Q2345" s="5" t="s">
        <v>25301</v>
      </c>
      <c r="R2345" s="5" t="s">
        <v>40</v>
      </c>
      <c r="S2345" s="5" t="s">
        <v>42</v>
      </c>
      <c r="T2345" s="2">
        <v>17.364999999999998</v>
      </c>
      <c r="U2345" s="2">
        <v>14.615</v>
      </c>
      <c r="V2345" s="2">
        <v>0.14899999999999999</v>
      </c>
      <c r="W2345" s="2">
        <v>12</v>
      </c>
      <c r="X2345" s="2">
        <v>62</v>
      </c>
      <c r="Y2345" s="2">
        <v>199.7</v>
      </c>
      <c r="Z2345" s="5">
        <v>8</v>
      </c>
      <c r="AA2345" s="5" t="s">
        <v>43</v>
      </c>
      <c r="AB2345" s="5" t="s">
        <v>44</v>
      </c>
      <c r="AC2345" s="2" t="s">
        <v>33697</v>
      </c>
      <c r="AD2345" s="1"/>
    </row>
    <row r="2346" spans="1:30">
      <c r="A2346" s="5" t="s">
        <v>83578</v>
      </c>
      <c r="B2346" s="2" t="s">
        <v>90639</v>
      </c>
      <c r="C2346" s="14" t="s">
        <v>90640</v>
      </c>
      <c r="D2346" s="2" t="s">
        <v>90641</v>
      </c>
      <c r="E2346" s="2" t="s">
        <v>33701</v>
      </c>
      <c r="F2346" s="8">
        <v>419</v>
      </c>
      <c r="G2346" s="5">
        <v>10</v>
      </c>
      <c r="H2346" s="5" t="s">
        <v>69</v>
      </c>
      <c r="I2346" s="5" t="s">
        <v>27074</v>
      </c>
      <c r="J2346" s="2" t="s">
        <v>27075</v>
      </c>
      <c r="K2346" s="5" t="s">
        <v>27074</v>
      </c>
      <c r="L2346" s="2" t="s">
        <v>27075</v>
      </c>
      <c r="M2346" s="5" t="s">
        <v>24254</v>
      </c>
      <c r="N2346" s="5" t="s">
        <v>38</v>
      </c>
      <c r="O2346" s="5" t="s">
        <v>39</v>
      </c>
      <c r="P2346" s="5" t="s">
        <v>40</v>
      </c>
      <c r="Q2346" s="5" t="s">
        <v>25301</v>
      </c>
      <c r="R2346" s="5" t="s">
        <v>40</v>
      </c>
      <c r="S2346" s="5" t="s">
        <v>42</v>
      </c>
      <c r="T2346" s="2">
        <v>15.451000000000001</v>
      </c>
      <c r="U2346" s="2">
        <v>12.734</v>
      </c>
      <c r="V2346" s="2">
        <v>0.14899999999999999</v>
      </c>
      <c r="W2346" s="2">
        <v>12</v>
      </c>
      <c r="X2346" s="2">
        <v>62</v>
      </c>
      <c r="Y2346" s="2">
        <v>199.7</v>
      </c>
      <c r="Z2346" s="5">
        <v>8</v>
      </c>
      <c r="AA2346" s="5" t="s">
        <v>43</v>
      </c>
      <c r="AB2346" s="5" t="s">
        <v>44</v>
      </c>
      <c r="AC2346" s="2" t="s">
        <v>33697</v>
      </c>
      <c r="AD2346" s="1"/>
    </row>
    <row r="2347" spans="1:30">
      <c r="A2347" s="5" t="s">
        <v>83578</v>
      </c>
      <c r="B2347" s="2" t="s">
        <v>90642</v>
      </c>
      <c r="C2347" s="14" t="s">
        <v>90643</v>
      </c>
      <c r="D2347" s="2" t="s">
        <v>90644</v>
      </c>
      <c r="E2347" s="2" t="s">
        <v>33805</v>
      </c>
      <c r="F2347" s="8">
        <v>419</v>
      </c>
      <c r="G2347" s="5">
        <v>10</v>
      </c>
      <c r="H2347" s="5" t="s">
        <v>69</v>
      </c>
      <c r="I2347" s="5" t="s">
        <v>27074</v>
      </c>
      <c r="J2347" s="2" t="s">
        <v>27075</v>
      </c>
      <c r="K2347" s="5" t="s">
        <v>27074</v>
      </c>
      <c r="L2347" s="2" t="s">
        <v>27075</v>
      </c>
      <c r="M2347" s="5" t="s">
        <v>24254</v>
      </c>
      <c r="N2347" s="5" t="s">
        <v>38</v>
      </c>
      <c r="O2347" s="5" t="s">
        <v>39</v>
      </c>
      <c r="P2347" s="5" t="s">
        <v>40</v>
      </c>
      <c r="Q2347" s="5" t="s">
        <v>25301</v>
      </c>
      <c r="R2347" s="5" t="s">
        <v>40</v>
      </c>
      <c r="S2347" s="5" t="s">
        <v>42</v>
      </c>
      <c r="T2347" s="2">
        <v>14.24</v>
      </c>
      <c r="U2347" s="2">
        <v>11.567</v>
      </c>
      <c r="V2347" s="2">
        <v>0.14899999999999999</v>
      </c>
      <c r="W2347" s="2">
        <v>12</v>
      </c>
      <c r="X2347" s="2">
        <v>62</v>
      </c>
      <c r="Y2347" s="2">
        <v>199.7</v>
      </c>
      <c r="Z2347" s="5">
        <v>10</v>
      </c>
      <c r="AA2347" s="5" t="s">
        <v>43</v>
      </c>
      <c r="AB2347" s="5" t="s">
        <v>44</v>
      </c>
      <c r="AC2347" s="2" t="s">
        <v>33806</v>
      </c>
      <c r="AD2347" s="1"/>
    </row>
    <row r="2348" spans="1:30">
      <c r="A2348" s="5" t="s">
        <v>83578</v>
      </c>
      <c r="B2348" s="2" t="s">
        <v>90645</v>
      </c>
      <c r="C2348" s="14" t="s">
        <v>90646</v>
      </c>
      <c r="D2348" s="2" t="s">
        <v>90647</v>
      </c>
      <c r="E2348" s="2" t="s">
        <v>33805</v>
      </c>
      <c r="F2348" s="8">
        <v>419</v>
      </c>
      <c r="G2348" s="5">
        <v>10</v>
      </c>
      <c r="H2348" s="5" t="s">
        <v>69</v>
      </c>
      <c r="I2348" s="5" t="s">
        <v>27074</v>
      </c>
      <c r="J2348" s="2" t="s">
        <v>27075</v>
      </c>
      <c r="K2348" s="5" t="s">
        <v>27074</v>
      </c>
      <c r="L2348" s="2" t="s">
        <v>27075</v>
      </c>
      <c r="M2348" s="5" t="s">
        <v>24254</v>
      </c>
      <c r="N2348" s="5" t="s">
        <v>38</v>
      </c>
      <c r="O2348" s="5" t="s">
        <v>39</v>
      </c>
      <c r="P2348" s="5" t="s">
        <v>40</v>
      </c>
      <c r="Q2348" s="5" t="s">
        <v>25301</v>
      </c>
      <c r="R2348" s="5" t="s">
        <v>40</v>
      </c>
      <c r="S2348" s="5" t="s">
        <v>42</v>
      </c>
      <c r="T2348" s="2">
        <v>15.395</v>
      </c>
      <c r="U2348" s="2">
        <v>12.676</v>
      </c>
      <c r="V2348" s="2">
        <v>0.14899999999999999</v>
      </c>
      <c r="W2348" s="2">
        <v>12</v>
      </c>
      <c r="X2348" s="2">
        <v>62</v>
      </c>
      <c r="Y2348" s="2">
        <v>199.7</v>
      </c>
      <c r="Z2348" s="5">
        <v>10</v>
      </c>
      <c r="AA2348" s="5" t="s">
        <v>43</v>
      </c>
      <c r="AB2348" s="5" t="s">
        <v>44</v>
      </c>
      <c r="AC2348" s="2" t="s">
        <v>34421</v>
      </c>
      <c r="AD2348" s="1"/>
    </row>
    <row r="2349" spans="1:30">
      <c r="A2349" s="5" t="s">
        <v>83578</v>
      </c>
      <c r="B2349" s="2" t="s">
        <v>90648</v>
      </c>
      <c r="C2349" s="14" t="s">
        <v>90649</v>
      </c>
      <c r="D2349" s="2" t="s">
        <v>90650</v>
      </c>
      <c r="E2349" s="2" t="s">
        <v>33810</v>
      </c>
      <c r="F2349" s="8">
        <v>419</v>
      </c>
      <c r="G2349" s="5">
        <v>10</v>
      </c>
      <c r="H2349" s="5" t="s">
        <v>69</v>
      </c>
      <c r="I2349" s="5" t="s">
        <v>27074</v>
      </c>
      <c r="J2349" s="2" t="s">
        <v>27075</v>
      </c>
      <c r="K2349" s="5" t="s">
        <v>27074</v>
      </c>
      <c r="L2349" s="2" t="s">
        <v>27075</v>
      </c>
      <c r="M2349" s="5" t="s">
        <v>24254</v>
      </c>
      <c r="N2349" s="5" t="s">
        <v>38</v>
      </c>
      <c r="O2349" s="5" t="s">
        <v>39</v>
      </c>
      <c r="P2349" s="5" t="s">
        <v>40</v>
      </c>
      <c r="Q2349" s="5" t="s">
        <v>25301</v>
      </c>
      <c r="R2349" s="5" t="s">
        <v>40</v>
      </c>
      <c r="S2349" s="5" t="s">
        <v>42</v>
      </c>
      <c r="T2349" s="2">
        <v>10.574999999999999</v>
      </c>
      <c r="U2349" s="2">
        <v>7.9020000000000001</v>
      </c>
      <c r="V2349" s="2">
        <v>0.14899999999999999</v>
      </c>
      <c r="W2349" s="2">
        <v>12</v>
      </c>
      <c r="X2349" s="2">
        <v>62</v>
      </c>
      <c r="Y2349" s="2">
        <v>199.7</v>
      </c>
      <c r="Z2349" s="5">
        <v>10</v>
      </c>
      <c r="AA2349" s="5" t="s">
        <v>43</v>
      </c>
      <c r="AB2349" s="5" t="s">
        <v>44</v>
      </c>
      <c r="AC2349" s="2" t="s">
        <v>33706</v>
      </c>
      <c r="AD2349" s="1"/>
    </row>
    <row r="2350" spans="1:30">
      <c r="A2350" s="5" t="s">
        <v>83578</v>
      </c>
      <c r="B2350" s="2" t="s">
        <v>90651</v>
      </c>
      <c r="C2350" s="14" t="s">
        <v>90652</v>
      </c>
      <c r="D2350" s="2" t="s">
        <v>90653</v>
      </c>
      <c r="E2350" s="2" t="s">
        <v>33810</v>
      </c>
      <c r="F2350" s="8">
        <v>419</v>
      </c>
      <c r="G2350" s="5">
        <v>10</v>
      </c>
      <c r="H2350" s="5" t="s">
        <v>69</v>
      </c>
      <c r="I2350" s="5" t="s">
        <v>27074</v>
      </c>
      <c r="J2350" s="2" t="s">
        <v>27075</v>
      </c>
      <c r="K2350" s="5" t="s">
        <v>27074</v>
      </c>
      <c r="L2350" s="2" t="s">
        <v>27075</v>
      </c>
      <c r="M2350" s="5" t="s">
        <v>24254</v>
      </c>
      <c r="N2350" s="5" t="s">
        <v>38</v>
      </c>
      <c r="O2350" s="5" t="s">
        <v>39</v>
      </c>
      <c r="P2350" s="5" t="s">
        <v>40</v>
      </c>
      <c r="Q2350" s="5" t="s">
        <v>25301</v>
      </c>
      <c r="R2350" s="5" t="s">
        <v>40</v>
      </c>
      <c r="S2350" s="5" t="s">
        <v>42</v>
      </c>
      <c r="T2350" s="2">
        <v>11.988</v>
      </c>
      <c r="U2350" s="2">
        <v>9.2690000000000001</v>
      </c>
      <c r="V2350" s="2">
        <v>0.14899999999999999</v>
      </c>
      <c r="W2350" s="2">
        <v>12</v>
      </c>
      <c r="X2350" s="2">
        <v>62</v>
      </c>
      <c r="Y2350" s="2">
        <v>199.7</v>
      </c>
      <c r="Z2350" s="5">
        <v>10</v>
      </c>
      <c r="AA2350" s="5" t="s">
        <v>43</v>
      </c>
      <c r="AB2350" s="5" t="s">
        <v>44</v>
      </c>
      <c r="AC2350" s="2" t="s">
        <v>33814</v>
      </c>
      <c r="AD2350" s="1"/>
    </row>
    <row r="2351" spans="1:30">
      <c r="A2351" s="5" t="s">
        <v>83578</v>
      </c>
      <c r="B2351" s="2" t="s">
        <v>90654</v>
      </c>
      <c r="C2351" s="14" t="s">
        <v>90655</v>
      </c>
      <c r="D2351" s="2" t="s">
        <v>90656</v>
      </c>
      <c r="E2351" s="2"/>
      <c r="F2351" s="8">
        <v>149</v>
      </c>
      <c r="G2351" s="5">
        <v>25</v>
      </c>
      <c r="H2351" s="5" t="s">
        <v>69</v>
      </c>
      <c r="I2351" s="5" t="s">
        <v>27074</v>
      </c>
      <c r="J2351" s="2" t="s">
        <v>27075</v>
      </c>
      <c r="K2351" s="5" t="s">
        <v>27074</v>
      </c>
      <c r="L2351" s="2" t="s">
        <v>27075</v>
      </c>
      <c r="M2351" s="5" t="s">
        <v>24254</v>
      </c>
      <c r="N2351" s="5" t="s">
        <v>38</v>
      </c>
      <c r="O2351" s="5" t="s">
        <v>39</v>
      </c>
      <c r="P2351" s="5" t="s">
        <v>40</v>
      </c>
      <c r="Q2351" s="5" t="s">
        <v>24335</v>
      </c>
      <c r="R2351" s="5" t="s">
        <v>40</v>
      </c>
      <c r="S2351" s="5" t="s">
        <v>42</v>
      </c>
      <c r="T2351" s="2">
        <v>5.6130000000000004</v>
      </c>
      <c r="U2351" s="2">
        <v>4.0199999999999996</v>
      </c>
      <c r="V2351" s="2">
        <v>0.129</v>
      </c>
      <c r="W2351" s="2">
        <v>12</v>
      </c>
      <c r="X2351" s="2">
        <v>62</v>
      </c>
      <c r="Y2351" s="2">
        <v>172.9</v>
      </c>
      <c r="Z2351" s="5">
        <v>10</v>
      </c>
      <c r="AA2351" s="5" t="s">
        <v>43</v>
      </c>
      <c r="AB2351" s="5" t="s">
        <v>44</v>
      </c>
      <c r="AC2351" s="2" t="s">
        <v>35252</v>
      </c>
      <c r="AD2351" s="1"/>
    </row>
    <row r="2352" spans="1:30">
      <c r="A2352" s="5" t="s">
        <v>83578</v>
      </c>
      <c r="B2352" s="2" t="s">
        <v>90657</v>
      </c>
      <c r="C2352" s="14" t="s">
        <v>90658</v>
      </c>
      <c r="D2352" s="2" t="s">
        <v>90659</v>
      </c>
      <c r="E2352" s="2" t="s">
        <v>35339</v>
      </c>
      <c r="F2352" s="8">
        <v>300</v>
      </c>
      <c r="G2352" s="5">
        <v>25</v>
      </c>
      <c r="H2352" s="5" t="s">
        <v>69</v>
      </c>
      <c r="I2352" s="5" t="s">
        <v>27074</v>
      </c>
      <c r="J2352" s="2" t="s">
        <v>27075</v>
      </c>
      <c r="K2352" s="5" t="s">
        <v>27074</v>
      </c>
      <c r="L2352" s="2" t="s">
        <v>27075</v>
      </c>
      <c r="M2352" s="5" t="s">
        <v>24254</v>
      </c>
      <c r="N2352" s="5" t="s">
        <v>38</v>
      </c>
      <c r="O2352" s="5" t="s">
        <v>39</v>
      </c>
      <c r="P2352" s="5" t="s">
        <v>40</v>
      </c>
      <c r="Q2352" s="5" t="s">
        <v>24335</v>
      </c>
      <c r="R2352" s="5" t="s">
        <v>40</v>
      </c>
      <c r="S2352" s="5" t="s">
        <v>42</v>
      </c>
      <c r="T2352" s="2">
        <v>7.907</v>
      </c>
      <c r="U2352" s="2">
        <v>6.3140000000000001</v>
      </c>
      <c r="V2352" s="2">
        <v>0.10299999999999999</v>
      </c>
      <c r="W2352" s="2">
        <v>12</v>
      </c>
      <c r="X2352" s="2">
        <v>62</v>
      </c>
      <c r="Y2352" s="2">
        <v>137.9</v>
      </c>
      <c r="Z2352" s="5">
        <v>10</v>
      </c>
      <c r="AA2352" s="5" t="s">
        <v>43</v>
      </c>
      <c r="AB2352" s="5" t="s">
        <v>44</v>
      </c>
      <c r="AC2352" s="2" t="s">
        <v>35340</v>
      </c>
      <c r="AD2352" s="1"/>
    </row>
    <row r="2353" spans="1:30">
      <c r="A2353" s="5" t="s">
        <v>83578</v>
      </c>
      <c r="B2353" s="2" t="s">
        <v>90660</v>
      </c>
      <c r="C2353" s="14" t="s">
        <v>90661</v>
      </c>
      <c r="D2353" s="2" t="s">
        <v>90662</v>
      </c>
      <c r="E2353" s="2" t="s">
        <v>35256</v>
      </c>
      <c r="F2353" s="8">
        <v>300</v>
      </c>
      <c r="G2353" s="5">
        <v>10</v>
      </c>
      <c r="H2353" s="5" t="s">
        <v>69</v>
      </c>
      <c r="I2353" s="5" t="s">
        <v>27074</v>
      </c>
      <c r="J2353" s="2" t="s">
        <v>27075</v>
      </c>
      <c r="K2353" s="5" t="s">
        <v>27074</v>
      </c>
      <c r="L2353" s="2" t="s">
        <v>27075</v>
      </c>
      <c r="M2353" s="5" t="s">
        <v>24254</v>
      </c>
      <c r="N2353" s="5" t="s">
        <v>38</v>
      </c>
      <c r="O2353" s="5" t="s">
        <v>39</v>
      </c>
      <c r="P2353" s="5" t="s">
        <v>40</v>
      </c>
      <c r="Q2353" s="5" t="s">
        <v>24340</v>
      </c>
      <c r="R2353" s="5" t="s">
        <v>40</v>
      </c>
      <c r="S2353" s="5" t="s">
        <v>42</v>
      </c>
      <c r="T2353" s="2">
        <v>7.7779999999999996</v>
      </c>
      <c r="U2353" s="2">
        <v>6.3860000000000001</v>
      </c>
      <c r="V2353" s="2">
        <v>7.5999999999999998E-2</v>
      </c>
      <c r="W2353" s="2">
        <v>12</v>
      </c>
      <c r="X2353" s="2">
        <v>50</v>
      </c>
      <c r="Y2353" s="2">
        <v>125.9</v>
      </c>
      <c r="Z2353" s="5">
        <v>10</v>
      </c>
      <c r="AA2353" s="5" t="s">
        <v>43</v>
      </c>
      <c r="AB2353" s="5" t="s">
        <v>44</v>
      </c>
      <c r="AC2353" s="2" t="s">
        <v>35294</v>
      </c>
      <c r="AD2353" s="1"/>
    </row>
    <row r="2354" spans="1:30">
      <c r="A2354" s="5" t="s">
        <v>83578</v>
      </c>
      <c r="B2354" s="2" t="s">
        <v>90663</v>
      </c>
      <c r="C2354" s="14" t="s">
        <v>90664</v>
      </c>
      <c r="D2354" s="2" t="s">
        <v>90665</v>
      </c>
      <c r="E2354" s="2" t="s">
        <v>35339</v>
      </c>
      <c r="F2354" s="8">
        <v>300</v>
      </c>
      <c r="G2354" s="5">
        <v>25</v>
      </c>
      <c r="H2354" s="5" t="s">
        <v>69</v>
      </c>
      <c r="I2354" s="5" t="s">
        <v>27074</v>
      </c>
      <c r="J2354" s="2" t="s">
        <v>27075</v>
      </c>
      <c r="K2354" s="5" t="s">
        <v>27074</v>
      </c>
      <c r="L2354" s="2" t="s">
        <v>27075</v>
      </c>
      <c r="M2354" s="5" t="s">
        <v>24254</v>
      </c>
      <c r="N2354" s="5" t="s">
        <v>38</v>
      </c>
      <c r="O2354" s="5" t="s">
        <v>39</v>
      </c>
      <c r="P2354" s="5" t="s">
        <v>40</v>
      </c>
      <c r="Q2354" s="5" t="s">
        <v>24335</v>
      </c>
      <c r="R2354" s="5" t="s">
        <v>40</v>
      </c>
      <c r="S2354" s="5" t="s">
        <v>42</v>
      </c>
      <c r="T2354" s="2">
        <v>8.5239999999999991</v>
      </c>
      <c r="U2354" s="2">
        <v>6.931</v>
      </c>
      <c r="V2354" s="2">
        <v>0.10299999999999999</v>
      </c>
      <c r="W2354" s="2">
        <v>12</v>
      </c>
      <c r="X2354" s="2">
        <v>62</v>
      </c>
      <c r="Y2354" s="2">
        <v>137.9</v>
      </c>
      <c r="Z2354" s="5">
        <v>10</v>
      </c>
      <c r="AA2354" s="5" t="s">
        <v>43</v>
      </c>
      <c r="AB2354" s="5" t="s">
        <v>44</v>
      </c>
      <c r="AC2354" s="2" t="s">
        <v>35340</v>
      </c>
      <c r="AD2354" s="1"/>
    </row>
    <row r="2355" spans="1:30">
      <c r="A2355" s="5" t="s">
        <v>83578</v>
      </c>
      <c r="B2355" s="2" t="s">
        <v>90666</v>
      </c>
      <c r="C2355" s="14" t="s">
        <v>90667</v>
      </c>
      <c r="D2355" s="2" t="s">
        <v>90668</v>
      </c>
      <c r="E2355" s="2" t="s">
        <v>35298</v>
      </c>
      <c r="F2355" s="8">
        <v>300</v>
      </c>
      <c r="G2355" s="5">
        <v>10</v>
      </c>
      <c r="H2355" s="5" t="s">
        <v>69</v>
      </c>
      <c r="I2355" s="5" t="s">
        <v>27074</v>
      </c>
      <c r="J2355" s="2" t="s">
        <v>27075</v>
      </c>
      <c r="K2355" s="5" t="s">
        <v>27074</v>
      </c>
      <c r="L2355" s="2" t="s">
        <v>27075</v>
      </c>
      <c r="M2355" s="5" t="s">
        <v>24254</v>
      </c>
      <c r="N2355" s="5" t="s">
        <v>38</v>
      </c>
      <c r="O2355" s="5" t="s">
        <v>39</v>
      </c>
      <c r="P2355" s="5" t="s">
        <v>40</v>
      </c>
      <c r="Q2355" s="5" t="s">
        <v>25301</v>
      </c>
      <c r="R2355" s="5" t="s">
        <v>40</v>
      </c>
      <c r="S2355" s="5" t="s">
        <v>42</v>
      </c>
      <c r="T2355" s="2">
        <v>6.13</v>
      </c>
      <c r="U2355" s="2">
        <v>4.7370000000000001</v>
      </c>
      <c r="V2355" s="2">
        <v>7.5999999999999998E-2</v>
      </c>
      <c r="W2355" s="2">
        <v>12</v>
      </c>
      <c r="X2355" s="2">
        <v>50</v>
      </c>
      <c r="Y2355" s="2">
        <v>125.9</v>
      </c>
      <c r="Z2355" s="5">
        <v>10</v>
      </c>
      <c r="AA2355" s="5" t="s">
        <v>43</v>
      </c>
      <c r="AB2355" s="5" t="s">
        <v>44</v>
      </c>
      <c r="AC2355" s="2" t="s">
        <v>35299</v>
      </c>
      <c r="AD2355" s="1"/>
    </row>
    <row r="2356" spans="1:30">
      <c r="A2356" s="5" t="s">
        <v>83578</v>
      </c>
      <c r="B2356" s="2" t="s">
        <v>90669</v>
      </c>
      <c r="C2356" s="14" t="s">
        <v>90670</v>
      </c>
      <c r="D2356" s="2" t="s">
        <v>90671</v>
      </c>
      <c r="E2356" s="2"/>
      <c r="F2356" s="8">
        <v>300</v>
      </c>
      <c r="G2356" s="5">
        <v>10</v>
      </c>
      <c r="H2356" s="5" t="s">
        <v>69</v>
      </c>
      <c r="I2356" s="5" t="s">
        <v>27074</v>
      </c>
      <c r="J2356" s="2" t="s">
        <v>27075</v>
      </c>
      <c r="K2356" s="5" t="s">
        <v>27074</v>
      </c>
      <c r="L2356" s="2" t="s">
        <v>27075</v>
      </c>
      <c r="M2356" s="5" t="s">
        <v>24254</v>
      </c>
      <c r="N2356" s="5" t="s">
        <v>38</v>
      </c>
      <c r="O2356" s="5" t="s">
        <v>39</v>
      </c>
      <c r="P2356" s="5" t="s">
        <v>40</v>
      </c>
      <c r="Q2356" s="5" t="s">
        <v>25301</v>
      </c>
      <c r="R2356" s="5" t="s">
        <v>40</v>
      </c>
      <c r="S2356" s="5" t="s">
        <v>42</v>
      </c>
      <c r="T2356" s="2">
        <v>7.1660000000000004</v>
      </c>
      <c r="U2356" s="2">
        <v>5.5720000000000001</v>
      </c>
      <c r="V2356" s="2">
        <v>0.10299999999999999</v>
      </c>
      <c r="W2356" s="2">
        <v>12</v>
      </c>
      <c r="X2356" s="2">
        <v>62</v>
      </c>
      <c r="Y2356" s="2">
        <v>137.9</v>
      </c>
      <c r="Z2356" s="5">
        <v>10</v>
      </c>
      <c r="AA2356" s="5" t="s">
        <v>43</v>
      </c>
      <c r="AB2356" s="5" t="s">
        <v>44</v>
      </c>
      <c r="AC2356" s="2" t="s">
        <v>90672</v>
      </c>
      <c r="AD2356" s="1"/>
    </row>
    <row r="2357" spans="1:30">
      <c r="A2357" s="5" t="s">
        <v>83578</v>
      </c>
      <c r="B2357" s="2" t="s">
        <v>90673</v>
      </c>
      <c r="C2357" s="14" t="s">
        <v>90674</v>
      </c>
      <c r="D2357" s="2" t="s">
        <v>90675</v>
      </c>
      <c r="E2357" s="2" t="s">
        <v>35298</v>
      </c>
      <c r="F2357" s="8">
        <v>300</v>
      </c>
      <c r="G2357" s="5">
        <v>10</v>
      </c>
      <c r="H2357" s="5" t="s">
        <v>69</v>
      </c>
      <c r="I2357" s="5" t="s">
        <v>27074</v>
      </c>
      <c r="J2357" s="2" t="s">
        <v>27075</v>
      </c>
      <c r="K2357" s="5" t="s">
        <v>27074</v>
      </c>
      <c r="L2357" s="2" t="s">
        <v>27075</v>
      </c>
      <c r="M2357" s="5" t="s">
        <v>24254</v>
      </c>
      <c r="N2357" s="5" t="s">
        <v>38</v>
      </c>
      <c r="O2357" s="5" t="s">
        <v>39</v>
      </c>
      <c r="P2357" s="5" t="s">
        <v>40</v>
      </c>
      <c r="Q2357" s="5" t="s">
        <v>25301</v>
      </c>
      <c r="R2357" s="5" t="s">
        <v>40</v>
      </c>
      <c r="S2357" s="5" t="s">
        <v>42</v>
      </c>
      <c r="T2357" s="2">
        <v>6.8970000000000002</v>
      </c>
      <c r="U2357" s="2">
        <v>5.5039999999999996</v>
      </c>
      <c r="V2357" s="2">
        <v>7.5999999999999998E-2</v>
      </c>
      <c r="W2357" s="2">
        <v>12</v>
      </c>
      <c r="X2357" s="2">
        <v>50</v>
      </c>
      <c r="Y2357" s="2">
        <v>125.9</v>
      </c>
      <c r="Z2357" s="5">
        <v>10</v>
      </c>
      <c r="AA2357" s="5" t="s">
        <v>43</v>
      </c>
      <c r="AB2357" s="5" t="s">
        <v>44</v>
      </c>
      <c r="AC2357" s="2" t="s">
        <v>35395</v>
      </c>
      <c r="AD2357" s="1"/>
    </row>
    <row r="2358" spans="1:30">
      <c r="A2358" s="5" t="s">
        <v>83578</v>
      </c>
      <c r="B2358" s="2" t="s">
        <v>90676</v>
      </c>
      <c r="C2358" s="14" t="s">
        <v>90677</v>
      </c>
      <c r="D2358" s="2" t="s">
        <v>90678</v>
      </c>
      <c r="E2358" s="2"/>
      <c r="F2358" s="8">
        <v>300</v>
      </c>
      <c r="G2358" s="5">
        <v>10</v>
      </c>
      <c r="H2358" s="5" t="s">
        <v>69</v>
      </c>
      <c r="I2358" s="5" t="s">
        <v>27074</v>
      </c>
      <c r="J2358" s="2" t="s">
        <v>27075</v>
      </c>
      <c r="K2358" s="5" t="s">
        <v>27074</v>
      </c>
      <c r="L2358" s="2" t="s">
        <v>27075</v>
      </c>
      <c r="M2358" s="5" t="s">
        <v>24254</v>
      </c>
      <c r="N2358" s="5" t="s">
        <v>38</v>
      </c>
      <c r="O2358" s="5" t="s">
        <v>39</v>
      </c>
      <c r="P2358" s="5" t="s">
        <v>40</v>
      </c>
      <c r="Q2358" s="5" t="s">
        <v>25301</v>
      </c>
      <c r="R2358" s="5" t="s">
        <v>40</v>
      </c>
      <c r="S2358" s="5" t="s">
        <v>42</v>
      </c>
      <c r="T2358" s="2">
        <v>7.6609999999999996</v>
      </c>
      <c r="U2358" s="2">
        <v>6.0670000000000002</v>
      </c>
      <c r="V2358" s="2">
        <v>0.10299999999999999</v>
      </c>
      <c r="W2358" s="2">
        <v>12</v>
      </c>
      <c r="X2358" s="2">
        <v>62</v>
      </c>
      <c r="Y2358" s="2">
        <v>137.9</v>
      </c>
      <c r="Z2358" s="5">
        <v>10</v>
      </c>
      <c r="AA2358" s="5" t="s">
        <v>43</v>
      </c>
      <c r="AB2358" s="5" t="s">
        <v>44</v>
      </c>
      <c r="AC2358" s="2" t="s">
        <v>90672</v>
      </c>
      <c r="AD2358" s="1"/>
    </row>
    <row r="2359" spans="1:30">
      <c r="A2359" s="5" t="s">
        <v>83578</v>
      </c>
      <c r="B2359" s="2" t="s">
        <v>90679</v>
      </c>
      <c r="C2359" s="14" t="s">
        <v>90680</v>
      </c>
      <c r="D2359" s="2" t="s">
        <v>90681</v>
      </c>
      <c r="E2359" s="2"/>
      <c r="F2359" s="8">
        <v>159</v>
      </c>
      <c r="G2359" s="5">
        <v>25</v>
      </c>
      <c r="H2359" s="5" t="s">
        <v>69</v>
      </c>
      <c r="I2359" s="5" t="s">
        <v>27074</v>
      </c>
      <c r="J2359" s="2" t="s">
        <v>27075</v>
      </c>
      <c r="K2359" s="5" t="s">
        <v>27074</v>
      </c>
      <c r="L2359" s="2" t="s">
        <v>27075</v>
      </c>
      <c r="M2359" s="5" t="s">
        <v>24254</v>
      </c>
      <c r="N2359" s="5" t="s">
        <v>38</v>
      </c>
      <c r="O2359" s="5" t="s">
        <v>39</v>
      </c>
      <c r="P2359" s="5" t="s">
        <v>40</v>
      </c>
      <c r="Q2359" s="5" t="s">
        <v>24335</v>
      </c>
      <c r="R2359" s="5" t="s">
        <v>40</v>
      </c>
      <c r="S2359" s="5" t="s">
        <v>42</v>
      </c>
      <c r="T2359" s="2">
        <v>6.2480000000000002</v>
      </c>
      <c r="U2359" s="2">
        <v>4.444</v>
      </c>
      <c r="V2359" s="2">
        <v>0.129</v>
      </c>
      <c r="W2359" s="2">
        <v>12</v>
      </c>
      <c r="X2359" s="2">
        <v>62</v>
      </c>
      <c r="Y2359" s="2">
        <v>172.9</v>
      </c>
      <c r="Z2359" s="5">
        <v>10</v>
      </c>
      <c r="AA2359" s="5" t="s">
        <v>43</v>
      </c>
      <c r="AB2359" s="5" t="s">
        <v>44</v>
      </c>
      <c r="AC2359" s="2" t="s">
        <v>35252</v>
      </c>
      <c r="AD2359" s="1"/>
    </row>
    <row r="2360" spans="1:30">
      <c r="A2360" s="5" t="s">
        <v>83578</v>
      </c>
      <c r="B2360" s="2" t="s">
        <v>90682</v>
      </c>
      <c r="C2360" s="14" t="s">
        <v>90683</v>
      </c>
      <c r="D2360" s="2" t="s">
        <v>90684</v>
      </c>
      <c r="E2360" s="2"/>
      <c r="F2360" s="8">
        <v>159</v>
      </c>
      <c r="G2360" s="5">
        <v>25</v>
      </c>
      <c r="H2360" s="5" t="s">
        <v>69</v>
      </c>
      <c r="I2360" s="5" t="s">
        <v>27074</v>
      </c>
      <c r="J2360" s="2" t="s">
        <v>27075</v>
      </c>
      <c r="K2360" s="5" t="s">
        <v>27074</v>
      </c>
      <c r="L2360" s="2" t="s">
        <v>27075</v>
      </c>
      <c r="M2360" s="5" t="s">
        <v>24254</v>
      </c>
      <c r="N2360" s="5" t="s">
        <v>38</v>
      </c>
      <c r="O2360" s="5" t="s">
        <v>39</v>
      </c>
      <c r="P2360" s="5" t="s">
        <v>40</v>
      </c>
      <c r="Q2360" s="5" t="s">
        <v>24335</v>
      </c>
      <c r="R2360" s="5" t="s">
        <v>40</v>
      </c>
      <c r="S2360" s="5" t="s">
        <v>42</v>
      </c>
      <c r="T2360" s="2">
        <v>6.7430000000000003</v>
      </c>
      <c r="U2360" s="2">
        <v>4.9390000000000001</v>
      </c>
      <c r="V2360" s="2">
        <v>0.129</v>
      </c>
      <c r="W2360" s="2">
        <v>12</v>
      </c>
      <c r="X2360" s="2">
        <v>62</v>
      </c>
      <c r="Y2360" s="2">
        <v>172.9</v>
      </c>
      <c r="Z2360" s="5">
        <v>10</v>
      </c>
      <c r="AA2360" s="5" t="s">
        <v>43</v>
      </c>
      <c r="AB2360" s="5" t="s">
        <v>44</v>
      </c>
      <c r="AC2360" s="2" t="s">
        <v>35252</v>
      </c>
      <c r="AD2360" s="1"/>
    </row>
    <row r="2361" spans="1:30">
      <c r="A2361" s="5" t="s">
        <v>83578</v>
      </c>
      <c r="B2361" s="2" t="s">
        <v>90685</v>
      </c>
      <c r="C2361" s="14" t="s">
        <v>90686</v>
      </c>
      <c r="D2361" s="2" t="s">
        <v>90687</v>
      </c>
      <c r="E2361" s="2" t="s">
        <v>35339</v>
      </c>
      <c r="F2361" s="8">
        <v>310</v>
      </c>
      <c r="G2361" s="5">
        <v>25</v>
      </c>
      <c r="H2361" s="5" t="s">
        <v>69</v>
      </c>
      <c r="I2361" s="5" t="s">
        <v>27074</v>
      </c>
      <c r="J2361" s="2" t="s">
        <v>27075</v>
      </c>
      <c r="K2361" s="5" t="s">
        <v>27074</v>
      </c>
      <c r="L2361" s="2" t="s">
        <v>27075</v>
      </c>
      <c r="M2361" s="5" t="s">
        <v>24254</v>
      </c>
      <c r="N2361" s="5" t="s">
        <v>38</v>
      </c>
      <c r="O2361" s="5" t="s">
        <v>39</v>
      </c>
      <c r="P2361" s="5" t="s">
        <v>40</v>
      </c>
      <c r="Q2361" s="5" t="s">
        <v>24335</v>
      </c>
      <c r="R2361" s="5" t="s">
        <v>40</v>
      </c>
      <c r="S2361" s="5" t="s">
        <v>42</v>
      </c>
      <c r="T2361" s="2">
        <v>8.968</v>
      </c>
      <c r="U2361" s="2">
        <v>7.1639999999999997</v>
      </c>
      <c r="V2361" s="2">
        <v>0.11899999999999999</v>
      </c>
      <c r="W2361" s="2">
        <v>12</v>
      </c>
      <c r="X2361" s="2">
        <v>62</v>
      </c>
      <c r="Y2361" s="2">
        <v>159.9</v>
      </c>
      <c r="Z2361" s="5">
        <v>10</v>
      </c>
      <c r="AA2361" s="5" t="s">
        <v>43</v>
      </c>
      <c r="AB2361" s="5" t="s">
        <v>44</v>
      </c>
      <c r="AC2361" s="2" t="s">
        <v>35340</v>
      </c>
      <c r="AD2361" s="1"/>
    </row>
    <row r="2362" spans="1:30">
      <c r="A2362" s="5" t="s">
        <v>83578</v>
      </c>
      <c r="B2362" s="2" t="s">
        <v>90688</v>
      </c>
      <c r="C2362" s="14" t="s">
        <v>90689</v>
      </c>
      <c r="D2362" s="2" t="s">
        <v>90690</v>
      </c>
      <c r="E2362" s="2" t="s">
        <v>35256</v>
      </c>
      <c r="F2362" s="8">
        <v>310</v>
      </c>
      <c r="G2362" s="5">
        <v>10</v>
      </c>
      <c r="H2362" s="5" t="s">
        <v>69</v>
      </c>
      <c r="I2362" s="5" t="s">
        <v>27074</v>
      </c>
      <c r="J2362" s="2" t="s">
        <v>27075</v>
      </c>
      <c r="K2362" s="5" t="s">
        <v>27074</v>
      </c>
      <c r="L2362" s="2" t="s">
        <v>27075</v>
      </c>
      <c r="M2362" s="5" t="s">
        <v>24254</v>
      </c>
      <c r="N2362" s="5" t="s">
        <v>38</v>
      </c>
      <c r="O2362" s="5" t="s">
        <v>39</v>
      </c>
      <c r="P2362" s="5" t="s">
        <v>40</v>
      </c>
      <c r="Q2362" s="5" t="s">
        <v>24340</v>
      </c>
      <c r="R2362" s="5" t="s">
        <v>40</v>
      </c>
      <c r="S2362" s="5" t="s">
        <v>42</v>
      </c>
      <c r="T2362" s="2">
        <v>8.5559999999999992</v>
      </c>
      <c r="U2362" s="2">
        <v>7.1639999999999997</v>
      </c>
      <c r="V2362" s="2">
        <v>7.5999999999999998E-2</v>
      </c>
      <c r="W2362" s="2">
        <v>12</v>
      </c>
      <c r="X2362" s="2">
        <v>50</v>
      </c>
      <c r="Y2362" s="2">
        <v>125.9</v>
      </c>
      <c r="Z2362" s="5">
        <v>10</v>
      </c>
      <c r="AA2362" s="5" t="s">
        <v>43</v>
      </c>
      <c r="AB2362" s="5" t="s">
        <v>44</v>
      </c>
      <c r="AC2362" s="2" t="s">
        <v>35294</v>
      </c>
      <c r="AD2362" s="1"/>
    </row>
    <row r="2363" spans="1:30">
      <c r="A2363" s="5" t="s">
        <v>83578</v>
      </c>
      <c r="B2363" s="2" t="s">
        <v>90691</v>
      </c>
      <c r="C2363" s="14" t="s">
        <v>90692</v>
      </c>
      <c r="D2363" s="2" t="s">
        <v>90693</v>
      </c>
      <c r="E2363" s="2" t="s">
        <v>35339</v>
      </c>
      <c r="F2363" s="8">
        <v>310</v>
      </c>
      <c r="G2363" s="5">
        <v>25</v>
      </c>
      <c r="H2363" s="5" t="s">
        <v>69</v>
      </c>
      <c r="I2363" s="5" t="s">
        <v>27074</v>
      </c>
      <c r="J2363" s="2" t="s">
        <v>27075</v>
      </c>
      <c r="K2363" s="5" t="s">
        <v>27074</v>
      </c>
      <c r="L2363" s="2" t="s">
        <v>27075</v>
      </c>
      <c r="M2363" s="5" t="s">
        <v>24254</v>
      </c>
      <c r="N2363" s="5" t="s">
        <v>38</v>
      </c>
      <c r="O2363" s="5" t="s">
        <v>39</v>
      </c>
      <c r="P2363" s="5" t="s">
        <v>40</v>
      </c>
      <c r="Q2363" s="5" t="s">
        <v>24335</v>
      </c>
      <c r="R2363" s="5" t="s">
        <v>40</v>
      </c>
      <c r="S2363" s="5" t="s">
        <v>42</v>
      </c>
      <c r="T2363" s="2">
        <v>9.5850000000000009</v>
      </c>
      <c r="U2363" s="2">
        <v>7.7809999999999997</v>
      </c>
      <c r="V2363" s="2">
        <v>0.11899999999999999</v>
      </c>
      <c r="W2363" s="2">
        <v>12</v>
      </c>
      <c r="X2363" s="2">
        <v>62</v>
      </c>
      <c r="Y2363" s="2">
        <v>159.9</v>
      </c>
      <c r="Z2363" s="5">
        <v>10</v>
      </c>
      <c r="AA2363" s="5" t="s">
        <v>43</v>
      </c>
      <c r="AB2363" s="5" t="s">
        <v>44</v>
      </c>
      <c r="AC2363" s="2" t="s">
        <v>35340</v>
      </c>
      <c r="AD2363" s="1"/>
    </row>
    <row r="2364" spans="1:30">
      <c r="A2364" s="5" t="s">
        <v>83578</v>
      </c>
      <c r="B2364" s="2" t="s">
        <v>90694</v>
      </c>
      <c r="C2364" s="14" t="s">
        <v>90695</v>
      </c>
      <c r="D2364" s="2" t="s">
        <v>90696</v>
      </c>
      <c r="E2364" s="2" t="s">
        <v>35298</v>
      </c>
      <c r="F2364" s="8">
        <v>310</v>
      </c>
      <c r="G2364" s="5">
        <v>10</v>
      </c>
      <c r="H2364" s="5" t="s">
        <v>69</v>
      </c>
      <c r="I2364" s="5" t="s">
        <v>27074</v>
      </c>
      <c r="J2364" s="2" t="s">
        <v>27075</v>
      </c>
      <c r="K2364" s="5" t="s">
        <v>27074</v>
      </c>
      <c r="L2364" s="2" t="s">
        <v>27075</v>
      </c>
      <c r="M2364" s="5" t="s">
        <v>24254</v>
      </c>
      <c r="N2364" s="5" t="s">
        <v>38</v>
      </c>
      <c r="O2364" s="5" t="s">
        <v>39</v>
      </c>
      <c r="P2364" s="5" t="s">
        <v>40</v>
      </c>
      <c r="Q2364" s="5" t="s">
        <v>25301</v>
      </c>
      <c r="R2364" s="5" t="s">
        <v>40</v>
      </c>
      <c r="S2364" s="5" t="s">
        <v>42</v>
      </c>
      <c r="T2364" s="2">
        <v>6.8040000000000003</v>
      </c>
      <c r="U2364" s="2">
        <v>5.4109999999999996</v>
      </c>
      <c r="V2364" s="2">
        <v>7.5999999999999998E-2</v>
      </c>
      <c r="W2364" s="2">
        <v>12</v>
      </c>
      <c r="X2364" s="2">
        <v>50</v>
      </c>
      <c r="Y2364" s="2">
        <v>125.9</v>
      </c>
      <c r="Z2364" s="5">
        <v>10</v>
      </c>
      <c r="AA2364" s="5" t="s">
        <v>43</v>
      </c>
      <c r="AB2364" s="5" t="s">
        <v>44</v>
      </c>
      <c r="AC2364" s="2" t="s">
        <v>35299</v>
      </c>
      <c r="AD2364" s="1"/>
    </row>
    <row r="2365" spans="1:30">
      <c r="A2365" s="5" t="s">
        <v>83578</v>
      </c>
      <c r="B2365" s="2" t="s">
        <v>90697</v>
      </c>
      <c r="C2365" s="14" t="s">
        <v>90698</v>
      </c>
      <c r="D2365" s="2" t="s">
        <v>90699</v>
      </c>
      <c r="E2365" s="2"/>
      <c r="F2365" s="8">
        <v>310</v>
      </c>
      <c r="G2365" s="5">
        <v>10</v>
      </c>
      <c r="H2365" s="5" t="s">
        <v>69</v>
      </c>
      <c r="I2365" s="5" t="s">
        <v>27074</v>
      </c>
      <c r="J2365" s="2" t="s">
        <v>27075</v>
      </c>
      <c r="K2365" s="5" t="s">
        <v>27074</v>
      </c>
      <c r="L2365" s="2" t="s">
        <v>27075</v>
      </c>
      <c r="M2365" s="5" t="s">
        <v>24254</v>
      </c>
      <c r="N2365" s="5" t="s">
        <v>38</v>
      </c>
      <c r="O2365" s="5" t="s">
        <v>39</v>
      </c>
      <c r="P2365" s="5" t="s">
        <v>40</v>
      </c>
      <c r="Q2365" s="5" t="s">
        <v>25301</v>
      </c>
      <c r="R2365" s="5" t="s">
        <v>40</v>
      </c>
      <c r="S2365" s="5" t="s">
        <v>42</v>
      </c>
      <c r="T2365" s="2">
        <v>8.1180000000000003</v>
      </c>
      <c r="U2365" s="2">
        <v>6.3129999999999997</v>
      </c>
      <c r="V2365" s="2">
        <v>0.11899999999999999</v>
      </c>
      <c r="W2365" s="2">
        <v>12</v>
      </c>
      <c r="X2365" s="2">
        <v>62</v>
      </c>
      <c r="Y2365" s="2">
        <v>159.9</v>
      </c>
      <c r="Z2365" s="5">
        <v>10</v>
      </c>
      <c r="AA2365" s="5" t="s">
        <v>43</v>
      </c>
      <c r="AB2365" s="5" t="s">
        <v>44</v>
      </c>
      <c r="AC2365" s="2" t="s">
        <v>90672</v>
      </c>
      <c r="AD2365" s="1"/>
    </row>
    <row r="2366" spans="1:30">
      <c r="A2366" s="5" t="s">
        <v>83578</v>
      </c>
      <c r="B2366" s="2" t="s">
        <v>90700</v>
      </c>
      <c r="C2366" s="14" t="s">
        <v>90701</v>
      </c>
      <c r="D2366" s="2" t="s">
        <v>90702</v>
      </c>
      <c r="E2366" s="2" t="s">
        <v>35298</v>
      </c>
      <c r="F2366" s="8">
        <v>310</v>
      </c>
      <c r="G2366" s="5">
        <v>10</v>
      </c>
      <c r="H2366" s="5" t="s">
        <v>69</v>
      </c>
      <c r="I2366" s="5" t="s">
        <v>27074</v>
      </c>
      <c r="J2366" s="2" t="s">
        <v>27075</v>
      </c>
      <c r="K2366" s="5" t="s">
        <v>27074</v>
      </c>
      <c r="L2366" s="2" t="s">
        <v>27075</v>
      </c>
      <c r="M2366" s="5" t="s">
        <v>24254</v>
      </c>
      <c r="N2366" s="5" t="s">
        <v>38</v>
      </c>
      <c r="O2366" s="5" t="s">
        <v>39</v>
      </c>
      <c r="P2366" s="5" t="s">
        <v>40</v>
      </c>
      <c r="Q2366" s="5" t="s">
        <v>25301</v>
      </c>
      <c r="R2366" s="5" t="s">
        <v>40</v>
      </c>
      <c r="S2366" s="5" t="s">
        <v>42</v>
      </c>
      <c r="T2366" s="2">
        <v>7.5709999999999997</v>
      </c>
      <c r="U2366" s="2">
        <v>6.1779999999999999</v>
      </c>
      <c r="V2366" s="2">
        <v>7.5999999999999998E-2</v>
      </c>
      <c r="W2366" s="2">
        <v>12</v>
      </c>
      <c r="X2366" s="2">
        <v>50</v>
      </c>
      <c r="Y2366" s="2">
        <v>125.9</v>
      </c>
      <c r="Z2366" s="5">
        <v>10</v>
      </c>
      <c r="AA2366" s="5" t="s">
        <v>43</v>
      </c>
      <c r="AB2366" s="5" t="s">
        <v>44</v>
      </c>
      <c r="AC2366" s="2" t="s">
        <v>35395</v>
      </c>
      <c r="AD2366" s="1"/>
    </row>
    <row r="2367" spans="1:30">
      <c r="A2367" s="5" t="s">
        <v>83578</v>
      </c>
      <c r="B2367" s="2" t="s">
        <v>90703</v>
      </c>
      <c r="C2367" s="14" t="s">
        <v>90704</v>
      </c>
      <c r="D2367" s="2" t="s">
        <v>90705</v>
      </c>
      <c r="E2367" s="2"/>
      <c r="F2367" s="8">
        <v>310</v>
      </c>
      <c r="G2367" s="5">
        <v>10</v>
      </c>
      <c r="H2367" s="5" t="s">
        <v>69</v>
      </c>
      <c r="I2367" s="5" t="s">
        <v>27074</v>
      </c>
      <c r="J2367" s="2" t="s">
        <v>27075</v>
      </c>
      <c r="K2367" s="5" t="s">
        <v>27074</v>
      </c>
      <c r="L2367" s="2" t="s">
        <v>27075</v>
      </c>
      <c r="M2367" s="5" t="s">
        <v>24254</v>
      </c>
      <c r="N2367" s="5" t="s">
        <v>38</v>
      </c>
      <c r="O2367" s="5" t="s">
        <v>39</v>
      </c>
      <c r="P2367" s="5" t="s">
        <v>40</v>
      </c>
      <c r="Q2367" s="5" t="s">
        <v>25301</v>
      </c>
      <c r="R2367" s="5" t="s">
        <v>40</v>
      </c>
      <c r="S2367" s="5" t="s">
        <v>42</v>
      </c>
      <c r="T2367" s="2">
        <v>8.6129999999999995</v>
      </c>
      <c r="U2367" s="2">
        <v>6.8079999999999998</v>
      </c>
      <c r="V2367" s="2">
        <v>0.11899999999999999</v>
      </c>
      <c r="W2367" s="2">
        <v>12</v>
      </c>
      <c r="X2367" s="2">
        <v>62</v>
      </c>
      <c r="Y2367" s="2">
        <v>159.9</v>
      </c>
      <c r="Z2367" s="5">
        <v>10</v>
      </c>
      <c r="AA2367" s="5" t="s">
        <v>43</v>
      </c>
      <c r="AB2367" s="5" t="s">
        <v>44</v>
      </c>
      <c r="AC2367" s="2" t="s">
        <v>90672</v>
      </c>
      <c r="AD2367" s="1"/>
    </row>
    <row r="2368" spans="1:30">
      <c r="A2368" s="5" t="s">
        <v>83578</v>
      </c>
      <c r="B2368" s="2" t="s">
        <v>90706</v>
      </c>
      <c r="C2368" s="14" t="s">
        <v>90707</v>
      </c>
      <c r="D2368" s="2" t="s">
        <v>90708</v>
      </c>
      <c r="E2368" s="2"/>
      <c r="F2368" s="8">
        <v>164</v>
      </c>
      <c r="G2368" s="5">
        <v>25</v>
      </c>
      <c r="H2368" s="5" t="s">
        <v>69</v>
      </c>
      <c r="I2368" s="5" t="s">
        <v>27074</v>
      </c>
      <c r="J2368" s="2" t="s">
        <v>27075</v>
      </c>
      <c r="K2368" s="5" t="s">
        <v>27074</v>
      </c>
      <c r="L2368" s="2" t="s">
        <v>27075</v>
      </c>
      <c r="M2368" s="5" t="s">
        <v>24254</v>
      </c>
      <c r="N2368" s="5" t="s">
        <v>38</v>
      </c>
      <c r="O2368" s="5" t="s">
        <v>39</v>
      </c>
      <c r="P2368" s="5" t="s">
        <v>40</v>
      </c>
      <c r="Q2368" s="5" t="s">
        <v>24335</v>
      </c>
      <c r="R2368" s="5" t="s">
        <v>40</v>
      </c>
      <c r="S2368" s="5" t="s">
        <v>42</v>
      </c>
      <c r="T2368" s="2">
        <v>6.8010000000000002</v>
      </c>
      <c r="U2368" s="2">
        <v>4.8719999999999999</v>
      </c>
      <c r="V2368" s="2">
        <v>0.129</v>
      </c>
      <c r="W2368" s="2">
        <v>12</v>
      </c>
      <c r="X2368" s="2">
        <v>62</v>
      </c>
      <c r="Y2368" s="2">
        <v>172.9</v>
      </c>
      <c r="Z2368" s="5">
        <v>10</v>
      </c>
      <c r="AA2368" s="5" t="s">
        <v>43</v>
      </c>
      <c r="AB2368" s="5" t="s">
        <v>44</v>
      </c>
      <c r="AC2368" s="2" t="s">
        <v>35252</v>
      </c>
      <c r="AD2368" s="1"/>
    </row>
    <row r="2369" spans="1:30">
      <c r="A2369" s="5" t="s">
        <v>83578</v>
      </c>
      <c r="B2369" s="2" t="s">
        <v>90709</v>
      </c>
      <c r="C2369" s="14" t="s">
        <v>90710</v>
      </c>
      <c r="D2369" s="2" t="s">
        <v>90711</v>
      </c>
      <c r="E2369" s="2"/>
      <c r="F2369" s="8">
        <v>164</v>
      </c>
      <c r="G2369" s="5">
        <v>25</v>
      </c>
      <c r="H2369" s="5" t="s">
        <v>69</v>
      </c>
      <c r="I2369" s="5" t="s">
        <v>27074</v>
      </c>
      <c r="J2369" s="2" t="s">
        <v>27075</v>
      </c>
      <c r="K2369" s="5" t="s">
        <v>27074</v>
      </c>
      <c r="L2369" s="2" t="s">
        <v>27075</v>
      </c>
      <c r="M2369" s="5" t="s">
        <v>24254</v>
      </c>
      <c r="N2369" s="5" t="s">
        <v>38</v>
      </c>
      <c r="O2369" s="5" t="s">
        <v>39</v>
      </c>
      <c r="P2369" s="5" t="s">
        <v>40</v>
      </c>
      <c r="Q2369" s="5" t="s">
        <v>24335</v>
      </c>
      <c r="R2369" s="5" t="s">
        <v>40</v>
      </c>
      <c r="S2369" s="5" t="s">
        <v>42</v>
      </c>
      <c r="T2369" s="2">
        <v>7.2960000000000003</v>
      </c>
      <c r="U2369" s="2">
        <v>5.367</v>
      </c>
      <c r="V2369" s="2">
        <v>0.129</v>
      </c>
      <c r="W2369" s="2">
        <v>12</v>
      </c>
      <c r="X2369" s="2">
        <v>62</v>
      </c>
      <c r="Y2369" s="2">
        <v>172.9</v>
      </c>
      <c r="Z2369" s="5">
        <v>10</v>
      </c>
      <c r="AA2369" s="5" t="s">
        <v>43</v>
      </c>
      <c r="AB2369" s="5" t="s">
        <v>44</v>
      </c>
      <c r="AC2369" s="2" t="s">
        <v>35252</v>
      </c>
      <c r="AD2369" s="1"/>
    </row>
    <row r="2370" spans="1:30">
      <c r="A2370" s="5" t="s">
        <v>83578</v>
      </c>
      <c r="B2370" s="2" t="s">
        <v>90712</v>
      </c>
      <c r="C2370" s="14" t="s">
        <v>90713</v>
      </c>
      <c r="D2370" s="2" t="s">
        <v>90714</v>
      </c>
      <c r="E2370" s="2" t="s">
        <v>35256</v>
      </c>
      <c r="F2370" s="8">
        <v>315</v>
      </c>
      <c r="G2370" s="5">
        <v>10</v>
      </c>
      <c r="H2370" s="5" t="s">
        <v>69</v>
      </c>
      <c r="I2370" s="5" t="s">
        <v>27074</v>
      </c>
      <c r="J2370" s="2" t="s">
        <v>27075</v>
      </c>
      <c r="K2370" s="5" t="s">
        <v>27074</v>
      </c>
      <c r="L2370" s="2" t="s">
        <v>27075</v>
      </c>
      <c r="M2370" s="5" t="s">
        <v>24254</v>
      </c>
      <c r="N2370" s="5" t="s">
        <v>38</v>
      </c>
      <c r="O2370" s="5" t="s">
        <v>39</v>
      </c>
      <c r="P2370" s="5" t="s">
        <v>40</v>
      </c>
      <c r="Q2370" s="5" t="s">
        <v>24340</v>
      </c>
      <c r="R2370" s="5" t="s">
        <v>40</v>
      </c>
      <c r="S2370" s="5" t="s">
        <v>42</v>
      </c>
      <c r="T2370" s="2">
        <v>8.3230000000000004</v>
      </c>
      <c r="U2370" s="2">
        <v>6.931</v>
      </c>
      <c r="V2370" s="2">
        <v>7.5999999999999998E-2</v>
      </c>
      <c r="W2370" s="2">
        <v>12</v>
      </c>
      <c r="X2370" s="2">
        <v>50</v>
      </c>
      <c r="Y2370" s="2">
        <v>125.9</v>
      </c>
      <c r="Z2370" s="5">
        <v>10</v>
      </c>
      <c r="AA2370" s="5" t="s">
        <v>43</v>
      </c>
      <c r="AB2370" s="5" t="s">
        <v>44</v>
      </c>
      <c r="AC2370" s="2" t="s">
        <v>35257</v>
      </c>
      <c r="AD2370" s="1"/>
    </row>
    <row r="2371" spans="1:30">
      <c r="A2371" s="5" t="s">
        <v>83578</v>
      </c>
      <c r="B2371" s="2" t="s">
        <v>90715</v>
      </c>
      <c r="C2371" s="14" t="s">
        <v>90716</v>
      </c>
      <c r="D2371" s="2" t="s">
        <v>90717</v>
      </c>
      <c r="E2371" s="2" t="s">
        <v>35339</v>
      </c>
      <c r="F2371" s="8">
        <v>315</v>
      </c>
      <c r="G2371" s="5">
        <v>25</v>
      </c>
      <c r="H2371" s="5" t="s">
        <v>69</v>
      </c>
      <c r="I2371" s="5" t="s">
        <v>27074</v>
      </c>
      <c r="J2371" s="2" t="s">
        <v>27075</v>
      </c>
      <c r="K2371" s="5" t="s">
        <v>27074</v>
      </c>
      <c r="L2371" s="2" t="s">
        <v>27075</v>
      </c>
      <c r="M2371" s="5" t="s">
        <v>24254</v>
      </c>
      <c r="N2371" s="5" t="s">
        <v>38</v>
      </c>
      <c r="O2371" s="5" t="s">
        <v>39</v>
      </c>
      <c r="P2371" s="5" t="s">
        <v>40</v>
      </c>
      <c r="Q2371" s="5" t="s">
        <v>24335</v>
      </c>
      <c r="R2371" s="5" t="s">
        <v>40</v>
      </c>
      <c r="S2371" s="5" t="s">
        <v>42</v>
      </c>
      <c r="T2371" s="2">
        <v>9.952</v>
      </c>
      <c r="U2371" s="2">
        <v>8.0229999999999997</v>
      </c>
      <c r="V2371" s="2">
        <v>0.129</v>
      </c>
      <c r="W2371" s="2">
        <v>12</v>
      </c>
      <c r="X2371" s="2">
        <v>62</v>
      </c>
      <c r="Y2371" s="2">
        <v>172.9</v>
      </c>
      <c r="Z2371" s="5">
        <v>10</v>
      </c>
      <c r="AA2371" s="5" t="s">
        <v>43</v>
      </c>
      <c r="AB2371" s="5" t="s">
        <v>44</v>
      </c>
      <c r="AC2371" s="2" t="s">
        <v>35340</v>
      </c>
      <c r="AD2371" s="1"/>
    </row>
    <row r="2372" spans="1:30">
      <c r="A2372" s="5" t="s">
        <v>83578</v>
      </c>
      <c r="B2372" s="2" t="s">
        <v>90718</v>
      </c>
      <c r="C2372" s="14" t="s">
        <v>90719</v>
      </c>
      <c r="D2372" s="2" t="s">
        <v>90720</v>
      </c>
      <c r="E2372" s="2" t="s">
        <v>35256</v>
      </c>
      <c r="F2372" s="8">
        <v>315</v>
      </c>
      <c r="G2372" s="5">
        <v>10</v>
      </c>
      <c r="H2372" s="5" t="s">
        <v>69</v>
      </c>
      <c r="I2372" s="5" t="s">
        <v>27074</v>
      </c>
      <c r="J2372" s="2" t="s">
        <v>27075</v>
      </c>
      <c r="K2372" s="5" t="s">
        <v>27074</v>
      </c>
      <c r="L2372" s="2" t="s">
        <v>27075</v>
      </c>
      <c r="M2372" s="5" t="s">
        <v>24254</v>
      </c>
      <c r="N2372" s="5" t="s">
        <v>38</v>
      </c>
      <c r="O2372" s="5" t="s">
        <v>39</v>
      </c>
      <c r="P2372" s="5" t="s">
        <v>40</v>
      </c>
      <c r="Q2372" s="5" t="s">
        <v>24340</v>
      </c>
      <c r="R2372" s="5" t="s">
        <v>40</v>
      </c>
      <c r="S2372" s="5" t="s">
        <v>42</v>
      </c>
      <c r="T2372" s="2">
        <v>9.3330000000000002</v>
      </c>
      <c r="U2372" s="2">
        <v>7.9409999999999998</v>
      </c>
      <c r="V2372" s="2">
        <v>7.5999999999999998E-2</v>
      </c>
      <c r="W2372" s="2">
        <v>12</v>
      </c>
      <c r="X2372" s="2">
        <v>50</v>
      </c>
      <c r="Y2372" s="2">
        <v>125.9</v>
      </c>
      <c r="Z2372" s="5">
        <v>10</v>
      </c>
      <c r="AA2372" s="5" t="s">
        <v>43</v>
      </c>
      <c r="AB2372" s="5" t="s">
        <v>44</v>
      </c>
      <c r="AC2372" s="2" t="s">
        <v>35294</v>
      </c>
      <c r="AD2372" s="1"/>
    </row>
    <row r="2373" spans="1:30">
      <c r="A2373" s="5" t="s">
        <v>83578</v>
      </c>
      <c r="B2373" s="2" t="s">
        <v>90721</v>
      </c>
      <c r="C2373" s="14" t="s">
        <v>90722</v>
      </c>
      <c r="D2373" s="2" t="s">
        <v>90723</v>
      </c>
      <c r="E2373" s="2" t="s">
        <v>35339</v>
      </c>
      <c r="F2373" s="8">
        <v>315</v>
      </c>
      <c r="G2373" s="5">
        <v>25</v>
      </c>
      <c r="H2373" s="5" t="s">
        <v>69</v>
      </c>
      <c r="I2373" s="5" t="s">
        <v>27074</v>
      </c>
      <c r="J2373" s="2" t="s">
        <v>27075</v>
      </c>
      <c r="K2373" s="5" t="s">
        <v>27074</v>
      </c>
      <c r="L2373" s="2" t="s">
        <v>27075</v>
      </c>
      <c r="M2373" s="5" t="s">
        <v>24254</v>
      </c>
      <c r="N2373" s="5" t="s">
        <v>38</v>
      </c>
      <c r="O2373" s="5" t="s">
        <v>39</v>
      </c>
      <c r="P2373" s="5" t="s">
        <v>40</v>
      </c>
      <c r="Q2373" s="5" t="s">
        <v>24335</v>
      </c>
      <c r="R2373" s="5" t="s">
        <v>40</v>
      </c>
      <c r="S2373" s="5" t="s">
        <v>42</v>
      </c>
      <c r="T2373" s="2">
        <v>10.569000000000001</v>
      </c>
      <c r="U2373" s="2">
        <v>8.64</v>
      </c>
      <c r="V2373" s="2">
        <v>0.129</v>
      </c>
      <c r="W2373" s="2">
        <v>12</v>
      </c>
      <c r="X2373" s="2">
        <v>62</v>
      </c>
      <c r="Y2373" s="2">
        <v>172.9</v>
      </c>
      <c r="Z2373" s="5">
        <v>10</v>
      </c>
      <c r="AA2373" s="5" t="s">
        <v>43</v>
      </c>
      <c r="AB2373" s="5" t="s">
        <v>44</v>
      </c>
      <c r="AC2373" s="2" t="s">
        <v>35340</v>
      </c>
      <c r="AD2373" s="1"/>
    </row>
    <row r="2374" spans="1:30">
      <c r="A2374" s="5" t="s">
        <v>83578</v>
      </c>
      <c r="B2374" s="2" t="s">
        <v>90724</v>
      </c>
      <c r="C2374" s="14" t="s">
        <v>90725</v>
      </c>
      <c r="D2374" s="2" t="s">
        <v>90726</v>
      </c>
      <c r="E2374" s="2" t="s">
        <v>35298</v>
      </c>
      <c r="F2374" s="8">
        <v>315</v>
      </c>
      <c r="G2374" s="5">
        <v>10</v>
      </c>
      <c r="H2374" s="5" t="s">
        <v>69</v>
      </c>
      <c r="I2374" s="5" t="s">
        <v>27074</v>
      </c>
      <c r="J2374" s="2" t="s">
        <v>27075</v>
      </c>
      <c r="K2374" s="5" t="s">
        <v>27074</v>
      </c>
      <c r="L2374" s="2" t="s">
        <v>27075</v>
      </c>
      <c r="M2374" s="5" t="s">
        <v>24254</v>
      </c>
      <c r="N2374" s="5" t="s">
        <v>38</v>
      </c>
      <c r="O2374" s="5" t="s">
        <v>39</v>
      </c>
      <c r="P2374" s="5" t="s">
        <v>40</v>
      </c>
      <c r="Q2374" s="5" t="s">
        <v>25301</v>
      </c>
      <c r="R2374" s="5" t="s">
        <v>40</v>
      </c>
      <c r="S2374" s="5" t="s">
        <v>42</v>
      </c>
      <c r="T2374" s="2">
        <v>7.4790000000000001</v>
      </c>
      <c r="U2374" s="2">
        <v>6.0860000000000003</v>
      </c>
      <c r="V2374" s="2">
        <v>7.5999999999999998E-2</v>
      </c>
      <c r="W2374" s="2">
        <v>12</v>
      </c>
      <c r="X2374" s="2">
        <v>50</v>
      </c>
      <c r="Y2374" s="2">
        <v>125.9</v>
      </c>
      <c r="Z2374" s="5">
        <v>10</v>
      </c>
      <c r="AA2374" s="5" t="s">
        <v>43</v>
      </c>
      <c r="AB2374" s="5" t="s">
        <v>44</v>
      </c>
      <c r="AC2374" s="2" t="s">
        <v>35299</v>
      </c>
      <c r="AD2374" s="1"/>
    </row>
    <row r="2375" spans="1:30">
      <c r="A2375" s="5" t="s">
        <v>83578</v>
      </c>
      <c r="B2375" s="2" t="s">
        <v>90727</v>
      </c>
      <c r="C2375" s="14" t="s">
        <v>90728</v>
      </c>
      <c r="D2375" s="2" t="s">
        <v>90729</v>
      </c>
      <c r="E2375" s="2"/>
      <c r="F2375" s="8">
        <v>315</v>
      </c>
      <c r="G2375" s="5">
        <v>10</v>
      </c>
      <c r="H2375" s="5" t="s">
        <v>69</v>
      </c>
      <c r="I2375" s="5" t="s">
        <v>27074</v>
      </c>
      <c r="J2375" s="2" t="s">
        <v>27075</v>
      </c>
      <c r="K2375" s="5" t="s">
        <v>27074</v>
      </c>
      <c r="L2375" s="2" t="s">
        <v>27075</v>
      </c>
      <c r="M2375" s="5" t="s">
        <v>24254</v>
      </c>
      <c r="N2375" s="5" t="s">
        <v>38</v>
      </c>
      <c r="O2375" s="5" t="s">
        <v>39</v>
      </c>
      <c r="P2375" s="5" t="s">
        <v>40</v>
      </c>
      <c r="Q2375" s="5" t="s">
        <v>25301</v>
      </c>
      <c r="R2375" s="5" t="s">
        <v>40</v>
      </c>
      <c r="S2375" s="5" t="s">
        <v>42</v>
      </c>
      <c r="T2375" s="2">
        <v>8.9830000000000005</v>
      </c>
      <c r="U2375" s="2">
        <v>7.0529999999999999</v>
      </c>
      <c r="V2375" s="2">
        <v>0.129</v>
      </c>
      <c r="W2375" s="2">
        <v>12</v>
      </c>
      <c r="X2375" s="2">
        <v>62</v>
      </c>
      <c r="Y2375" s="2">
        <v>172.9</v>
      </c>
      <c r="Z2375" s="5">
        <v>10</v>
      </c>
      <c r="AA2375" s="5" t="s">
        <v>43</v>
      </c>
      <c r="AB2375" s="5" t="s">
        <v>44</v>
      </c>
      <c r="AC2375" s="2" t="s">
        <v>90672</v>
      </c>
      <c r="AD2375" s="1"/>
    </row>
    <row r="2376" spans="1:30">
      <c r="A2376" s="5" t="s">
        <v>83578</v>
      </c>
      <c r="B2376" s="2" t="s">
        <v>90730</v>
      </c>
      <c r="C2376" s="14" t="s">
        <v>90731</v>
      </c>
      <c r="D2376" s="2" t="s">
        <v>90732</v>
      </c>
      <c r="E2376" s="2" t="s">
        <v>35298</v>
      </c>
      <c r="F2376" s="8">
        <v>315</v>
      </c>
      <c r="G2376" s="5">
        <v>10</v>
      </c>
      <c r="H2376" s="5" t="s">
        <v>69</v>
      </c>
      <c r="I2376" s="5" t="s">
        <v>27074</v>
      </c>
      <c r="J2376" s="2" t="s">
        <v>27075</v>
      </c>
      <c r="K2376" s="5" t="s">
        <v>27074</v>
      </c>
      <c r="L2376" s="2" t="s">
        <v>27075</v>
      </c>
      <c r="M2376" s="5" t="s">
        <v>24254</v>
      </c>
      <c r="N2376" s="5" t="s">
        <v>38</v>
      </c>
      <c r="O2376" s="5" t="s">
        <v>39</v>
      </c>
      <c r="P2376" s="5" t="s">
        <v>40</v>
      </c>
      <c r="Q2376" s="5" t="s">
        <v>25301</v>
      </c>
      <c r="R2376" s="5" t="s">
        <v>40</v>
      </c>
      <c r="S2376" s="5" t="s">
        <v>42</v>
      </c>
      <c r="T2376" s="2">
        <v>8.2460000000000004</v>
      </c>
      <c r="U2376" s="2">
        <v>6.8529999999999998</v>
      </c>
      <c r="V2376" s="2">
        <v>7.5999999999999998E-2</v>
      </c>
      <c r="W2376" s="2">
        <v>12</v>
      </c>
      <c r="X2376" s="2">
        <v>50</v>
      </c>
      <c r="Y2376" s="2">
        <v>125.9</v>
      </c>
      <c r="Z2376" s="5">
        <v>10</v>
      </c>
      <c r="AA2376" s="5" t="s">
        <v>43</v>
      </c>
      <c r="AB2376" s="5" t="s">
        <v>44</v>
      </c>
      <c r="AC2376" s="2" t="s">
        <v>35395</v>
      </c>
      <c r="AD2376" s="1"/>
    </row>
    <row r="2377" spans="1:30">
      <c r="A2377" s="5" t="s">
        <v>83578</v>
      </c>
      <c r="B2377" s="2" t="s">
        <v>90733</v>
      </c>
      <c r="C2377" s="14" t="s">
        <v>90734</v>
      </c>
      <c r="D2377" s="2" t="s">
        <v>90735</v>
      </c>
      <c r="E2377" s="2"/>
      <c r="F2377" s="8">
        <v>315</v>
      </c>
      <c r="G2377" s="5">
        <v>10</v>
      </c>
      <c r="H2377" s="5" t="s">
        <v>69</v>
      </c>
      <c r="I2377" s="5" t="s">
        <v>27074</v>
      </c>
      <c r="J2377" s="2" t="s">
        <v>27075</v>
      </c>
      <c r="K2377" s="5" t="s">
        <v>27074</v>
      </c>
      <c r="L2377" s="2" t="s">
        <v>27075</v>
      </c>
      <c r="M2377" s="5" t="s">
        <v>24254</v>
      </c>
      <c r="N2377" s="5" t="s">
        <v>38</v>
      </c>
      <c r="O2377" s="5" t="s">
        <v>39</v>
      </c>
      <c r="P2377" s="5" t="s">
        <v>40</v>
      </c>
      <c r="Q2377" s="5" t="s">
        <v>25301</v>
      </c>
      <c r="R2377" s="5" t="s">
        <v>40</v>
      </c>
      <c r="S2377" s="5" t="s">
        <v>42</v>
      </c>
      <c r="T2377" s="2">
        <v>9.4779999999999998</v>
      </c>
      <c r="U2377" s="2">
        <v>7.548</v>
      </c>
      <c r="V2377" s="2">
        <v>0.129</v>
      </c>
      <c r="W2377" s="2">
        <v>12</v>
      </c>
      <c r="X2377" s="2">
        <v>62</v>
      </c>
      <c r="Y2377" s="2">
        <v>172.9</v>
      </c>
      <c r="Z2377" s="5">
        <v>10</v>
      </c>
      <c r="AA2377" s="5" t="s">
        <v>43</v>
      </c>
      <c r="AB2377" s="5" t="s">
        <v>44</v>
      </c>
      <c r="AC2377" s="2" t="s">
        <v>90672</v>
      </c>
      <c r="AD2377" s="1"/>
    </row>
    <row r="2378" spans="1:30">
      <c r="A2378" s="5" t="s">
        <v>83578</v>
      </c>
      <c r="B2378" s="2" t="s">
        <v>90736</v>
      </c>
      <c r="C2378" s="14" t="s">
        <v>90737</v>
      </c>
      <c r="D2378" s="2" t="s">
        <v>90738</v>
      </c>
      <c r="E2378" s="2"/>
      <c r="F2378" s="8">
        <v>164</v>
      </c>
      <c r="G2378" s="5">
        <v>25</v>
      </c>
      <c r="H2378" s="5" t="s">
        <v>69</v>
      </c>
      <c r="I2378" s="5" t="s">
        <v>27074</v>
      </c>
      <c r="J2378" s="2" t="s">
        <v>27075</v>
      </c>
      <c r="K2378" s="5" t="s">
        <v>27074</v>
      </c>
      <c r="L2378" s="2" t="s">
        <v>27075</v>
      </c>
      <c r="M2378" s="5" t="s">
        <v>24254</v>
      </c>
      <c r="N2378" s="5" t="s">
        <v>38</v>
      </c>
      <c r="O2378" s="5" t="s">
        <v>39</v>
      </c>
      <c r="P2378" s="5" t="s">
        <v>40</v>
      </c>
      <c r="Q2378" s="5" t="s">
        <v>24335</v>
      </c>
      <c r="R2378" s="5" t="s">
        <v>40</v>
      </c>
      <c r="S2378" s="5" t="s">
        <v>42</v>
      </c>
      <c r="T2378" s="2">
        <v>6.516</v>
      </c>
      <c r="U2378" s="2">
        <v>4.7119999999999997</v>
      </c>
      <c r="V2378" s="2">
        <v>0.14899999999999999</v>
      </c>
      <c r="W2378" s="2">
        <v>12</v>
      </c>
      <c r="X2378" s="2">
        <v>62</v>
      </c>
      <c r="Y2378" s="2">
        <v>199.7</v>
      </c>
      <c r="Z2378" s="5">
        <v>10</v>
      </c>
      <c r="AA2378" s="5" t="s">
        <v>43</v>
      </c>
      <c r="AB2378" s="5" t="s">
        <v>44</v>
      </c>
      <c r="AC2378" s="2" t="s">
        <v>35252</v>
      </c>
      <c r="AD2378" s="1"/>
    </row>
    <row r="2379" spans="1:30">
      <c r="A2379" s="5" t="s">
        <v>83578</v>
      </c>
      <c r="B2379" s="2" t="s">
        <v>90739</v>
      </c>
      <c r="C2379" s="14" t="s">
        <v>90740</v>
      </c>
      <c r="D2379" s="2" t="s">
        <v>90741</v>
      </c>
      <c r="E2379" s="2"/>
      <c r="F2379" s="8">
        <v>164</v>
      </c>
      <c r="G2379" s="5">
        <v>25</v>
      </c>
      <c r="H2379" s="5" t="s">
        <v>69</v>
      </c>
      <c r="I2379" s="5" t="s">
        <v>27074</v>
      </c>
      <c r="J2379" s="2" t="s">
        <v>27075</v>
      </c>
      <c r="K2379" s="5" t="s">
        <v>27074</v>
      </c>
      <c r="L2379" s="2" t="s">
        <v>27075</v>
      </c>
      <c r="M2379" s="5" t="s">
        <v>24254</v>
      </c>
      <c r="N2379" s="5" t="s">
        <v>38</v>
      </c>
      <c r="O2379" s="5" t="s">
        <v>39</v>
      </c>
      <c r="P2379" s="5" t="s">
        <v>40</v>
      </c>
      <c r="Q2379" s="5" t="s">
        <v>24335</v>
      </c>
      <c r="R2379" s="5" t="s">
        <v>40</v>
      </c>
      <c r="S2379" s="5" t="s">
        <v>42</v>
      </c>
      <c r="T2379" s="2">
        <v>7.0819999999999999</v>
      </c>
      <c r="U2379" s="2">
        <v>5.2779999999999996</v>
      </c>
      <c r="V2379" s="2">
        <v>0.14899999999999999</v>
      </c>
      <c r="W2379" s="2">
        <v>12</v>
      </c>
      <c r="X2379" s="2">
        <v>62</v>
      </c>
      <c r="Y2379" s="2">
        <v>199.7</v>
      </c>
      <c r="Z2379" s="5">
        <v>10</v>
      </c>
      <c r="AA2379" s="5" t="s">
        <v>43</v>
      </c>
      <c r="AB2379" s="5" t="s">
        <v>44</v>
      </c>
      <c r="AC2379" s="2" t="s">
        <v>35252</v>
      </c>
      <c r="AD2379" s="1"/>
    </row>
    <row r="2380" spans="1:30">
      <c r="A2380" s="5" t="s">
        <v>83578</v>
      </c>
      <c r="B2380" s="2" t="s">
        <v>90742</v>
      </c>
      <c r="C2380" s="14" t="s">
        <v>90743</v>
      </c>
      <c r="D2380" s="2" t="s">
        <v>90744</v>
      </c>
      <c r="E2380" s="2" t="s">
        <v>35256</v>
      </c>
      <c r="F2380" s="8">
        <v>315</v>
      </c>
      <c r="G2380" s="5">
        <v>10</v>
      </c>
      <c r="H2380" s="5" t="s">
        <v>69</v>
      </c>
      <c r="I2380" s="5" t="s">
        <v>27074</v>
      </c>
      <c r="J2380" s="2" t="s">
        <v>27075</v>
      </c>
      <c r="K2380" s="5" t="s">
        <v>27074</v>
      </c>
      <c r="L2380" s="2" t="s">
        <v>27075</v>
      </c>
      <c r="M2380" s="5" t="s">
        <v>24254</v>
      </c>
      <c r="N2380" s="5" t="s">
        <v>38</v>
      </c>
      <c r="O2380" s="5" t="s">
        <v>39</v>
      </c>
      <c r="P2380" s="5" t="s">
        <v>40</v>
      </c>
      <c r="Q2380" s="5" t="s">
        <v>24340</v>
      </c>
      <c r="R2380" s="5" t="s">
        <v>40</v>
      </c>
      <c r="S2380" s="5" t="s">
        <v>42</v>
      </c>
      <c r="T2380" s="2">
        <v>8.0079999999999991</v>
      </c>
      <c r="U2380" s="2">
        <v>6.3840000000000003</v>
      </c>
      <c r="V2380" s="2">
        <v>9.2999999999999999E-2</v>
      </c>
      <c r="W2380" s="2">
        <v>12</v>
      </c>
      <c r="X2380" s="2">
        <v>50</v>
      </c>
      <c r="Y2380" s="2">
        <v>154.4</v>
      </c>
      <c r="Z2380" s="5">
        <v>10</v>
      </c>
      <c r="AA2380" s="5" t="s">
        <v>43</v>
      </c>
      <c r="AB2380" s="5" t="s">
        <v>44</v>
      </c>
      <c r="AC2380" s="2" t="s">
        <v>35257</v>
      </c>
      <c r="AD2380" s="1"/>
    </row>
    <row r="2381" spans="1:30">
      <c r="A2381" s="5" t="s">
        <v>83578</v>
      </c>
      <c r="B2381" s="2" t="s">
        <v>90745</v>
      </c>
      <c r="C2381" s="14" t="s">
        <v>90746</v>
      </c>
      <c r="D2381" s="2" t="s">
        <v>90747</v>
      </c>
      <c r="E2381" s="2" t="s">
        <v>35339</v>
      </c>
      <c r="F2381" s="8">
        <v>315</v>
      </c>
      <c r="G2381" s="5">
        <v>25</v>
      </c>
      <c r="H2381" s="5" t="s">
        <v>69</v>
      </c>
      <c r="I2381" s="5" t="s">
        <v>27074</v>
      </c>
      <c r="J2381" s="2" t="s">
        <v>27075</v>
      </c>
      <c r="K2381" s="5" t="s">
        <v>27074</v>
      </c>
      <c r="L2381" s="2" t="s">
        <v>27075</v>
      </c>
      <c r="M2381" s="5" t="s">
        <v>24254</v>
      </c>
      <c r="N2381" s="5" t="s">
        <v>38</v>
      </c>
      <c r="O2381" s="5" t="s">
        <v>39</v>
      </c>
      <c r="P2381" s="5" t="s">
        <v>40</v>
      </c>
      <c r="Q2381" s="5" t="s">
        <v>24335</v>
      </c>
      <c r="R2381" s="5" t="s">
        <v>40</v>
      </c>
      <c r="S2381" s="5" t="s">
        <v>42</v>
      </c>
      <c r="T2381" s="2">
        <v>9.2780000000000005</v>
      </c>
      <c r="U2381" s="2">
        <v>7.4740000000000002</v>
      </c>
      <c r="V2381" s="2">
        <v>0.11899999999999999</v>
      </c>
      <c r="W2381" s="2">
        <v>12</v>
      </c>
      <c r="X2381" s="2">
        <v>62</v>
      </c>
      <c r="Y2381" s="2">
        <v>159.9</v>
      </c>
      <c r="Z2381" s="5">
        <v>10</v>
      </c>
      <c r="AA2381" s="5" t="s">
        <v>43</v>
      </c>
      <c r="AB2381" s="5" t="s">
        <v>44</v>
      </c>
      <c r="AC2381" s="2" t="s">
        <v>35340</v>
      </c>
      <c r="AD2381" s="1"/>
    </row>
    <row r="2382" spans="1:30">
      <c r="A2382" s="5" t="s">
        <v>83578</v>
      </c>
      <c r="B2382" s="2" t="s">
        <v>90748</v>
      </c>
      <c r="C2382" s="14" t="s">
        <v>90749</v>
      </c>
      <c r="D2382" s="2" t="s">
        <v>90750</v>
      </c>
      <c r="E2382" s="2" t="s">
        <v>35256</v>
      </c>
      <c r="F2382" s="8">
        <v>315</v>
      </c>
      <c r="G2382" s="5">
        <v>10</v>
      </c>
      <c r="H2382" s="5" t="s">
        <v>69</v>
      </c>
      <c r="I2382" s="5" t="s">
        <v>27074</v>
      </c>
      <c r="J2382" s="2" t="s">
        <v>27075</v>
      </c>
      <c r="K2382" s="5" t="s">
        <v>27074</v>
      </c>
      <c r="L2382" s="2" t="s">
        <v>27075</v>
      </c>
      <c r="M2382" s="5" t="s">
        <v>24254</v>
      </c>
      <c r="N2382" s="5" t="s">
        <v>38</v>
      </c>
      <c r="O2382" s="5" t="s">
        <v>39</v>
      </c>
      <c r="P2382" s="5" t="s">
        <v>40</v>
      </c>
      <c r="Q2382" s="5" t="s">
        <v>24340</v>
      </c>
      <c r="R2382" s="5" t="s">
        <v>40</v>
      </c>
      <c r="S2382" s="5" t="s">
        <v>42</v>
      </c>
      <c r="T2382" s="2">
        <v>9.1159999999999997</v>
      </c>
      <c r="U2382" s="2">
        <v>7.492</v>
      </c>
      <c r="V2382" s="2">
        <v>9.2999999999999999E-2</v>
      </c>
      <c r="W2382" s="2">
        <v>12</v>
      </c>
      <c r="X2382" s="2">
        <v>50</v>
      </c>
      <c r="Y2382" s="2">
        <v>154.4</v>
      </c>
      <c r="Z2382" s="5">
        <v>10</v>
      </c>
      <c r="AA2382" s="5" t="s">
        <v>43</v>
      </c>
      <c r="AB2382" s="5" t="s">
        <v>44</v>
      </c>
      <c r="AC2382" s="2" t="s">
        <v>35294</v>
      </c>
      <c r="AD2382" s="1"/>
    </row>
    <row r="2383" spans="1:30">
      <c r="A2383" s="5" t="s">
        <v>83578</v>
      </c>
      <c r="B2383" s="2" t="s">
        <v>90751</v>
      </c>
      <c r="C2383" s="14" t="s">
        <v>90752</v>
      </c>
      <c r="D2383" s="2" t="s">
        <v>90753</v>
      </c>
      <c r="E2383" s="2" t="s">
        <v>35339</v>
      </c>
      <c r="F2383" s="8">
        <v>315</v>
      </c>
      <c r="G2383" s="5">
        <v>25</v>
      </c>
      <c r="H2383" s="5" t="s">
        <v>69</v>
      </c>
      <c r="I2383" s="5" t="s">
        <v>27074</v>
      </c>
      <c r="J2383" s="2" t="s">
        <v>27075</v>
      </c>
      <c r="K2383" s="5" t="s">
        <v>27074</v>
      </c>
      <c r="L2383" s="2" t="s">
        <v>27075</v>
      </c>
      <c r="M2383" s="5" t="s">
        <v>24254</v>
      </c>
      <c r="N2383" s="5" t="s">
        <v>38</v>
      </c>
      <c r="O2383" s="5" t="s">
        <v>39</v>
      </c>
      <c r="P2383" s="5" t="s">
        <v>40</v>
      </c>
      <c r="Q2383" s="5" t="s">
        <v>24335</v>
      </c>
      <c r="R2383" s="5" t="s">
        <v>40</v>
      </c>
      <c r="S2383" s="5" t="s">
        <v>42</v>
      </c>
      <c r="T2383" s="2">
        <v>9.9830000000000005</v>
      </c>
      <c r="U2383" s="2">
        <v>8.1790000000000003</v>
      </c>
      <c r="V2383" s="2">
        <v>0.11899999999999999</v>
      </c>
      <c r="W2383" s="2">
        <v>12</v>
      </c>
      <c r="X2383" s="2">
        <v>62</v>
      </c>
      <c r="Y2383" s="2">
        <v>159.9</v>
      </c>
      <c r="Z2383" s="5">
        <v>10</v>
      </c>
      <c r="AA2383" s="5" t="s">
        <v>43</v>
      </c>
      <c r="AB2383" s="5" t="s">
        <v>44</v>
      </c>
      <c r="AC2383" s="2" t="s">
        <v>35340</v>
      </c>
      <c r="AD2383" s="1"/>
    </row>
    <row r="2384" spans="1:30">
      <c r="A2384" s="5" t="s">
        <v>83578</v>
      </c>
      <c r="B2384" s="2" t="s">
        <v>90754</v>
      </c>
      <c r="C2384" s="14" t="s">
        <v>90755</v>
      </c>
      <c r="D2384" s="2" t="s">
        <v>90756</v>
      </c>
      <c r="E2384" s="2" t="s">
        <v>35298</v>
      </c>
      <c r="F2384" s="8">
        <v>315</v>
      </c>
      <c r="G2384" s="5">
        <v>10</v>
      </c>
      <c r="H2384" s="5" t="s">
        <v>69</v>
      </c>
      <c r="I2384" s="5" t="s">
        <v>27074</v>
      </c>
      <c r="J2384" s="2" t="s">
        <v>27075</v>
      </c>
      <c r="K2384" s="5" t="s">
        <v>27074</v>
      </c>
      <c r="L2384" s="2" t="s">
        <v>27075</v>
      </c>
      <c r="M2384" s="5" t="s">
        <v>24254</v>
      </c>
      <c r="N2384" s="5" t="s">
        <v>38</v>
      </c>
      <c r="O2384" s="5" t="s">
        <v>39</v>
      </c>
      <c r="P2384" s="5" t="s">
        <v>40</v>
      </c>
      <c r="Q2384" s="5" t="s">
        <v>25301</v>
      </c>
      <c r="R2384" s="5" t="s">
        <v>40</v>
      </c>
      <c r="S2384" s="5" t="s">
        <v>42</v>
      </c>
      <c r="T2384" s="2">
        <v>7.25</v>
      </c>
      <c r="U2384" s="2">
        <v>5.625</v>
      </c>
      <c r="V2384" s="2">
        <v>9.2999999999999999E-2</v>
      </c>
      <c r="W2384" s="2">
        <v>12</v>
      </c>
      <c r="X2384" s="2">
        <v>50</v>
      </c>
      <c r="Y2384" s="2">
        <v>154.4</v>
      </c>
      <c r="Z2384" s="5">
        <v>10</v>
      </c>
      <c r="AA2384" s="5" t="s">
        <v>43</v>
      </c>
      <c r="AB2384" s="5" t="s">
        <v>44</v>
      </c>
      <c r="AC2384" s="2" t="s">
        <v>35299</v>
      </c>
      <c r="AD2384" s="1"/>
    </row>
    <row r="2385" spans="1:30">
      <c r="A2385" s="5" t="s">
        <v>83578</v>
      </c>
      <c r="B2385" s="2" t="s">
        <v>90757</v>
      </c>
      <c r="C2385" s="14" t="s">
        <v>90758</v>
      </c>
      <c r="D2385" s="2" t="s">
        <v>90759</v>
      </c>
      <c r="E2385" s="2"/>
      <c r="F2385" s="8">
        <v>315</v>
      </c>
      <c r="G2385" s="5">
        <v>10</v>
      </c>
      <c r="H2385" s="5" t="s">
        <v>69</v>
      </c>
      <c r="I2385" s="5" t="s">
        <v>27074</v>
      </c>
      <c r="J2385" s="2" t="s">
        <v>27075</v>
      </c>
      <c r="K2385" s="5" t="s">
        <v>27074</v>
      </c>
      <c r="L2385" s="2" t="s">
        <v>27075</v>
      </c>
      <c r="M2385" s="5" t="s">
        <v>24254</v>
      </c>
      <c r="N2385" s="5" t="s">
        <v>38</v>
      </c>
      <c r="O2385" s="5" t="s">
        <v>39</v>
      </c>
      <c r="P2385" s="5" t="s">
        <v>40</v>
      </c>
      <c r="Q2385" s="5" t="s">
        <v>25301</v>
      </c>
      <c r="R2385" s="5" t="s">
        <v>40</v>
      </c>
      <c r="S2385" s="5" t="s">
        <v>42</v>
      </c>
      <c r="T2385" s="2">
        <v>8.4030000000000005</v>
      </c>
      <c r="U2385" s="2">
        <v>6.5979999999999999</v>
      </c>
      <c r="V2385" s="2">
        <v>0.11899999999999999</v>
      </c>
      <c r="W2385" s="2">
        <v>12</v>
      </c>
      <c r="X2385" s="2">
        <v>62</v>
      </c>
      <c r="Y2385" s="2">
        <v>159.9</v>
      </c>
      <c r="Z2385" s="5">
        <v>10</v>
      </c>
      <c r="AA2385" s="5" t="s">
        <v>43</v>
      </c>
      <c r="AB2385" s="5" t="s">
        <v>44</v>
      </c>
      <c r="AC2385" s="2" t="s">
        <v>90672</v>
      </c>
      <c r="AD2385" s="1"/>
    </row>
    <row r="2386" spans="1:30">
      <c r="A2386" s="5" t="s">
        <v>83578</v>
      </c>
      <c r="B2386" s="2" t="s">
        <v>90760</v>
      </c>
      <c r="C2386" s="14" t="s">
        <v>90761</v>
      </c>
      <c r="D2386" s="2" t="s">
        <v>90762</v>
      </c>
      <c r="E2386" s="2" t="s">
        <v>35298</v>
      </c>
      <c r="F2386" s="8">
        <v>315</v>
      </c>
      <c r="G2386" s="5">
        <v>10</v>
      </c>
      <c r="H2386" s="5" t="s">
        <v>69</v>
      </c>
      <c r="I2386" s="5" t="s">
        <v>27074</v>
      </c>
      <c r="J2386" s="2" t="s">
        <v>27075</v>
      </c>
      <c r="K2386" s="5" t="s">
        <v>27074</v>
      </c>
      <c r="L2386" s="2" t="s">
        <v>27075</v>
      </c>
      <c r="M2386" s="5" t="s">
        <v>24254</v>
      </c>
      <c r="N2386" s="5" t="s">
        <v>38</v>
      </c>
      <c r="O2386" s="5" t="s">
        <v>39</v>
      </c>
      <c r="P2386" s="5" t="s">
        <v>40</v>
      </c>
      <c r="Q2386" s="5" t="s">
        <v>25301</v>
      </c>
      <c r="R2386" s="5" t="s">
        <v>40</v>
      </c>
      <c r="S2386" s="5" t="s">
        <v>42</v>
      </c>
      <c r="T2386" s="2">
        <v>8.0879999999999992</v>
      </c>
      <c r="U2386" s="2">
        <v>6.4630000000000001</v>
      </c>
      <c r="V2386" s="2">
        <v>9.2999999999999999E-2</v>
      </c>
      <c r="W2386" s="2">
        <v>12</v>
      </c>
      <c r="X2386" s="2">
        <v>50</v>
      </c>
      <c r="Y2386" s="2">
        <v>154.4</v>
      </c>
      <c r="Z2386" s="5">
        <v>10</v>
      </c>
      <c r="AA2386" s="5" t="s">
        <v>43</v>
      </c>
      <c r="AB2386" s="5" t="s">
        <v>44</v>
      </c>
      <c r="AC2386" s="2" t="s">
        <v>35395</v>
      </c>
      <c r="AD2386" s="1"/>
    </row>
    <row r="2387" spans="1:30">
      <c r="A2387" s="5" t="s">
        <v>83578</v>
      </c>
      <c r="B2387" s="2" t="s">
        <v>90763</v>
      </c>
      <c r="C2387" s="14" t="s">
        <v>90764</v>
      </c>
      <c r="D2387" s="2" t="s">
        <v>90765</v>
      </c>
      <c r="E2387" s="2"/>
      <c r="F2387" s="8">
        <v>315</v>
      </c>
      <c r="G2387" s="5">
        <v>10</v>
      </c>
      <c r="H2387" s="5" t="s">
        <v>69</v>
      </c>
      <c r="I2387" s="5" t="s">
        <v>27074</v>
      </c>
      <c r="J2387" s="2" t="s">
        <v>27075</v>
      </c>
      <c r="K2387" s="5" t="s">
        <v>27074</v>
      </c>
      <c r="L2387" s="2" t="s">
        <v>27075</v>
      </c>
      <c r="M2387" s="5" t="s">
        <v>24254</v>
      </c>
      <c r="N2387" s="5" t="s">
        <v>38</v>
      </c>
      <c r="O2387" s="5" t="s">
        <v>39</v>
      </c>
      <c r="P2387" s="5" t="s">
        <v>40</v>
      </c>
      <c r="Q2387" s="5" t="s">
        <v>25301</v>
      </c>
      <c r="R2387" s="5" t="s">
        <v>40</v>
      </c>
      <c r="S2387" s="5" t="s">
        <v>42</v>
      </c>
      <c r="T2387" s="2">
        <v>8.9689999999999994</v>
      </c>
      <c r="U2387" s="2">
        <v>7.1639999999999997</v>
      </c>
      <c r="V2387" s="2">
        <v>0.11899999999999999</v>
      </c>
      <c r="W2387" s="2">
        <v>12</v>
      </c>
      <c r="X2387" s="2">
        <v>62</v>
      </c>
      <c r="Y2387" s="2">
        <v>159.9</v>
      </c>
      <c r="Z2387" s="5">
        <v>10</v>
      </c>
      <c r="AA2387" s="5" t="s">
        <v>43</v>
      </c>
      <c r="AB2387" s="5" t="s">
        <v>44</v>
      </c>
      <c r="AC2387" s="2" t="s">
        <v>90672</v>
      </c>
      <c r="AD2387" s="1"/>
    </row>
    <row r="2388" spans="1:30">
      <c r="A2388" s="5" t="s">
        <v>83578</v>
      </c>
      <c r="B2388" s="2" t="s">
        <v>90766</v>
      </c>
      <c r="C2388" s="14" t="s">
        <v>90767</v>
      </c>
      <c r="D2388" s="2" t="s">
        <v>90768</v>
      </c>
      <c r="E2388" s="2"/>
      <c r="F2388" s="8">
        <v>179</v>
      </c>
      <c r="G2388" s="5">
        <v>25</v>
      </c>
      <c r="H2388" s="5" t="s">
        <v>69</v>
      </c>
      <c r="I2388" s="5" t="s">
        <v>27074</v>
      </c>
      <c r="J2388" s="2" t="s">
        <v>27075</v>
      </c>
      <c r="K2388" s="5" t="s">
        <v>27074</v>
      </c>
      <c r="L2388" s="2" t="s">
        <v>27075</v>
      </c>
      <c r="M2388" s="5" t="s">
        <v>24254</v>
      </c>
      <c r="N2388" s="5" t="s">
        <v>38</v>
      </c>
      <c r="O2388" s="5" t="s">
        <v>39</v>
      </c>
      <c r="P2388" s="5" t="s">
        <v>40</v>
      </c>
      <c r="Q2388" s="5" t="s">
        <v>24335</v>
      </c>
      <c r="R2388" s="5" t="s">
        <v>40</v>
      </c>
      <c r="S2388" s="5" t="s">
        <v>42</v>
      </c>
      <c r="T2388" s="2">
        <v>6.9459999999999997</v>
      </c>
      <c r="U2388" s="2">
        <v>5.1420000000000003</v>
      </c>
      <c r="V2388" s="2">
        <v>0.14899999999999999</v>
      </c>
      <c r="W2388" s="2">
        <v>12</v>
      </c>
      <c r="X2388" s="2">
        <v>62</v>
      </c>
      <c r="Y2388" s="2">
        <v>199.7</v>
      </c>
      <c r="Z2388" s="5">
        <v>10</v>
      </c>
      <c r="AA2388" s="5" t="s">
        <v>43</v>
      </c>
      <c r="AB2388" s="5" t="s">
        <v>44</v>
      </c>
      <c r="AC2388" s="2" t="s">
        <v>35252</v>
      </c>
      <c r="AD2388" s="1"/>
    </row>
    <row r="2389" spans="1:30">
      <c r="A2389" s="5" t="s">
        <v>83578</v>
      </c>
      <c r="B2389" s="2" t="s">
        <v>90769</v>
      </c>
      <c r="C2389" s="14" t="s">
        <v>90770</v>
      </c>
      <c r="D2389" s="2" t="s">
        <v>90771</v>
      </c>
      <c r="E2389" s="2"/>
      <c r="F2389" s="8">
        <v>179</v>
      </c>
      <c r="G2389" s="5">
        <v>25</v>
      </c>
      <c r="H2389" s="5" t="s">
        <v>69</v>
      </c>
      <c r="I2389" s="5" t="s">
        <v>27074</v>
      </c>
      <c r="J2389" s="2" t="s">
        <v>27075</v>
      </c>
      <c r="K2389" s="5" t="s">
        <v>27074</v>
      </c>
      <c r="L2389" s="2" t="s">
        <v>27075</v>
      </c>
      <c r="M2389" s="5" t="s">
        <v>24254</v>
      </c>
      <c r="N2389" s="5" t="s">
        <v>38</v>
      </c>
      <c r="O2389" s="5" t="s">
        <v>39</v>
      </c>
      <c r="P2389" s="5" t="s">
        <v>40</v>
      </c>
      <c r="Q2389" s="5" t="s">
        <v>24335</v>
      </c>
      <c r="R2389" s="5" t="s">
        <v>40</v>
      </c>
      <c r="S2389" s="5" t="s">
        <v>42</v>
      </c>
      <c r="T2389" s="2">
        <v>7.5119999999999996</v>
      </c>
      <c r="U2389" s="2">
        <v>5.7080000000000002</v>
      </c>
      <c r="V2389" s="2">
        <v>0.14899999999999999</v>
      </c>
      <c r="W2389" s="2">
        <v>12</v>
      </c>
      <c r="X2389" s="2">
        <v>62</v>
      </c>
      <c r="Y2389" s="2">
        <v>199.7</v>
      </c>
      <c r="Z2389" s="5">
        <v>10</v>
      </c>
      <c r="AA2389" s="5" t="s">
        <v>43</v>
      </c>
      <c r="AB2389" s="5" t="s">
        <v>44</v>
      </c>
      <c r="AC2389" s="2" t="s">
        <v>35252</v>
      </c>
      <c r="AD2389" s="1"/>
    </row>
    <row r="2390" spans="1:30">
      <c r="A2390" s="5" t="s">
        <v>83578</v>
      </c>
      <c r="B2390" s="2" t="s">
        <v>90772</v>
      </c>
      <c r="C2390" s="14" t="s">
        <v>90773</v>
      </c>
      <c r="D2390" s="2" t="s">
        <v>90774</v>
      </c>
      <c r="E2390" s="2" t="s">
        <v>35339</v>
      </c>
      <c r="F2390" s="8">
        <v>330</v>
      </c>
      <c r="G2390" s="5">
        <v>25</v>
      </c>
      <c r="H2390" s="5" t="s">
        <v>69</v>
      </c>
      <c r="I2390" s="5" t="s">
        <v>27074</v>
      </c>
      <c r="J2390" s="2" t="s">
        <v>27075</v>
      </c>
      <c r="K2390" s="5" t="s">
        <v>27074</v>
      </c>
      <c r="L2390" s="2" t="s">
        <v>27075</v>
      </c>
      <c r="M2390" s="5" t="s">
        <v>24254</v>
      </c>
      <c r="N2390" s="5" t="s">
        <v>38</v>
      </c>
      <c r="O2390" s="5" t="s">
        <v>39</v>
      </c>
      <c r="P2390" s="5" t="s">
        <v>40</v>
      </c>
      <c r="Q2390" s="5" t="s">
        <v>24335</v>
      </c>
      <c r="R2390" s="5" t="s">
        <v>40</v>
      </c>
      <c r="S2390" s="5" t="s">
        <v>42</v>
      </c>
      <c r="T2390" s="2">
        <v>10.138999999999999</v>
      </c>
      <c r="U2390" s="2">
        <v>8.3350000000000009</v>
      </c>
      <c r="V2390" s="2">
        <v>0.11899999999999999</v>
      </c>
      <c r="W2390" s="2">
        <v>12</v>
      </c>
      <c r="X2390" s="2">
        <v>62</v>
      </c>
      <c r="Y2390" s="2">
        <v>159.9</v>
      </c>
      <c r="Z2390" s="5">
        <v>10</v>
      </c>
      <c r="AA2390" s="5" t="s">
        <v>43</v>
      </c>
      <c r="AB2390" s="5" t="s">
        <v>44</v>
      </c>
      <c r="AC2390" s="2" t="s">
        <v>35340</v>
      </c>
      <c r="AD2390" s="1"/>
    </row>
    <row r="2391" spans="1:30">
      <c r="A2391" s="5" t="s">
        <v>83578</v>
      </c>
      <c r="B2391" s="2" t="s">
        <v>90775</v>
      </c>
      <c r="C2391" s="14" t="s">
        <v>90776</v>
      </c>
      <c r="D2391" s="2" t="s">
        <v>90777</v>
      </c>
      <c r="E2391" s="2" t="s">
        <v>35339</v>
      </c>
      <c r="F2391" s="8">
        <v>330</v>
      </c>
      <c r="G2391" s="5">
        <v>25</v>
      </c>
      <c r="H2391" s="5" t="s">
        <v>69</v>
      </c>
      <c r="I2391" s="5" t="s">
        <v>27074</v>
      </c>
      <c r="J2391" s="2" t="s">
        <v>27075</v>
      </c>
      <c r="K2391" s="5" t="s">
        <v>27074</v>
      </c>
      <c r="L2391" s="2" t="s">
        <v>27075</v>
      </c>
      <c r="M2391" s="5" t="s">
        <v>24254</v>
      </c>
      <c r="N2391" s="5" t="s">
        <v>38</v>
      </c>
      <c r="O2391" s="5" t="s">
        <v>39</v>
      </c>
      <c r="P2391" s="5" t="s">
        <v>40</v>
      </c>
      <c r="Q2391" s="5" t="s">
        <v>24335</v>
      </c>
      <c r="R2391" s="5" t="s">
        <v>40</v>
      </c>
      <c r="S2391" s="5" t="s">
        <v>42</v>
      </c>
      <c r="T2391" s="2">
        <v>10.843999999999999</v>
      </c>
      <c r="U2391" s="2">
        <v>9.0399999999999991</v>
      </c>
      <c r="V2391" s="2">
        <v>0.11899999999999999</v>
      </c>
      <c r="W2391" s="2">
        <v>12</v>
      </c>
      <c r="X2391" s="2">
        <v>62</v>
      </c>
      <c r="Y2391" s="2">
        <v>159.9</v>
      </c>
      <c r="Z2391" s="5">
        <v>10</v>
      </c>
      <c r="AA2391" s="5" t="s">
        <v>43</v>
      </c>
      <c r="AB2391" s="5" t="s">
        <v>44</v>
      </c>
      <c r="AC2391" s="2" t="s">
        <v>35340</v>
      </c>
      <c r="AD2391" s="1"/>
    </row>
    <row r="2392" spans="1:30">
      <c r="A2392" s="5" t="s">
        <v>83578</v>
      </c>
      <c r="B2392" s="2" t="s">
        <v>90778</v>
      </c>
      <c r="C2392" s="14" t="s">
        <v>90779</v>
      </c>
      <c r="D2392" s="2" t="s">
        <v>90780</v>
      </c>
      <c r="E2392" s="2"/>
      <c r="F2392" s="8">
        <v>330</v>
      </c>
      <c r="G2392" s="5">
        <v>10</v>
      </c>
      <c r="H2392" s="5" t="s">
        <v>69</v>
      </c>
      <c r="I2392" s="5" t="s">
        <v>27074</v>
      </c>
      <c r="J2392" s="2" t="s">
        <v>27075</v>
      </c>
      <c r="K2392" s="5" t="s">
        <v>27074</v>
      </c>
      <c r="L2392" s="2" t="s">
        <v>27075</v>
      </c>
      <c r="M2392" s="5" t="s">
        <v>24254</v>
      </c>
      <c r="N2392" s="5" t="s">
        <v>38</v>
      </c>
      <c r="O2392" s="5" t="s">
        <v>39</v>
      </c>
      <c r="P2392" s="5" t="s">
        <v>40</v>
      </c>
      <c r="Q2392" s="5" t="s">
        <v>25301</v>
      </c>
      <c r="R2392" s="5" t="s">
        <v>40</v>
      </c>
      <c r="S2392" s="5" t="s">
        <v>42</v>
      </c>
      <c r="T2392" s="2">
        <v>9.1449999999999996</v>
      </c>
      <c r="U2392" s="2">
        <v>7.34</v>
      </c>
      <c r="V2392" s="2">
        <v>0.11899999999999999</v>
      </c>
      <c r="W2392" s="2">
        <v>12</v>
      </c>
      <c r="X2392" s="2">
        <v>62</v>
      </c>
      <c r="Y2392" s="2">
        <v>159.9</v>
      </c>
      <c r="Z2392" s="5">
        <v>10</v>
      </c>
      <c r="AA2392" s="5" t="s">
        <v>43</v>
      </c>
      <c r="AB2392" s="5" t="s">
        <v>44</v>
      </c>
      <c r="AC2392" s="2" t="s">
        <v>90672</v>
      </c>
      <c r="AD2392" s="1"/>
    </row>
    <row r="2393" spans="1:30">
      <c r="A2393" s="5" t="s">
        <v>83578</v>
      </c>
      <c r="B2393" s="2" t="s">
        <v>90781</v>
      </c>
      <c r="C2393" s="14" t="s">
        <v>90782</v>
      </c>
      <c r="D2393" s="2" t="s">
        <v>90783</v>
      </c>
      <c r="E2393" s="2" t="s">
        <v>35298</v>
      </c>
      <c r="F2393" s="8">
        <v>330</v>
      </c>
      <c r="G2393" s="5">
        <v>10</v>
      </c>
      <c r="H2393" s="5" t="s">
        <v>69</v>
      </c>
      <c r="I2393" s="5" t="s">
        <v>27074</v>
      </c>
      <c r="J2393" s="2" t="s">
        <v>27075</v>
      </c>
      <c r="K2393" s="5" t="s">
        <v>27074</v>
      </c>
      <c r="L2393" s="2" t="s">
        <v>27075</v>
      </c>
      <c r="M2393" s="5" t="s">
        <v>24254</v>
      </c>
      <c r="N2393" s="5" t="s">
        <v>38</v>
      </c>
      <c r="O2393" s="5" t="s">
        <v>39</v>
      </c>
      <c r="P2393" s="5" t="s">
        <v>40</v>
      </c>
      <c r="Q2393" s="5" t="s">
        <v>25301</v>
      </c>
      <c r="R2393" s="5" t="s">
        <v>40</v>
      </c>
      <c r="S2393" s="5" t="s">
        <v>42</v>
      </c>
      <c r="T2393" s="2">
        <v>8.7639999999999993</v>
      </c>
      <c r="U2393" s="2">
        <v>7.1390000000000002</v>
      </c>
      <c r="V2393" s="2">
        <v>9.2999999999999999E-2</v>
      </c>
      <c r="W2393" s="2">
        <v>12</v>
      </c>
      <c r="X2393" s="2">
        <v>50</v>
      </c>
      <c r="Y2393" s="2">
        <v>154.4</v>
      </c>
      <c r="Z2393" s="5">
        <v>10</v>
      </c>
      <c r="AA2393" s="5" t="s">
        <v>43</v>
      </c>
      <c r="AB2393" s="5" t="s">
        <v>44</v>
      </c>
      <c r="AC2393" s="2" t="s">
        <v>35395</v>
      </c>
      <c r="AD2393" s="1"/>
    </row>
    <row r="2394" spans="1:30">
      <c r="A2394" s="5" t="s">
        <v>83578</v>
      </c>
      <c r="B2394" s="2" t="s">
        <v>90784</v>
      </c>
      <c r="C2394" s="14" t="s">
        <v>90785</v>
      </c>
      <c r="D2394" s="2" t="s">
        <v>90786</v>
      </c>
      <c r="E2394" s="2"/>
      <c r="F2394" s="8">
        <v>330</v>
      </c>
      <c r="G2394" s="5">
        <v>10</v>
      </c>
      <c r="H2394" s="5" t="s">
        <v>69</v>
      </c>
      <c r="I2394" s="5" t="s">
        <v>27074</v>
      </c>
      <c r="J2394" s="2" t="s">
        <v>27075</v>
      </c>
      <c r="K2394" s="5" t="s">
        <v>27074</v>
      </c>
      <c r="L2394" s="2" t="s">
        <v>27075</v>
      </c>
      <c r="M2394" s="5" t="s">
        <v>24254</v>
      </c>
      <c r="N2394" s="5" t="s">
        <v>38</v>
      </c>
      <c r="O2394" s="5" t="s">
        <v>39</v>
      </c>
      <c r="P2394" s="5" t="s">
        <v>40</v>
      </c>
      <c r="Q2394" s="5" t="s">
        <v>25301</v>
      </c>
      <c r="R2394" s="5" t="s">
        <v>40</v>
      </c>
      <c r="S2394" s="5" t="s">
        <v>42</v>
      </c>
      <c r="T2394" s="2">
        <v>9.7110000000000003</v>
      </c>
      <c r="U2394" s="2">
        <v>7.9059999999999997</v>
      </c>
      <c r="V2394" s="2">
        <v>0.11899999999999999</v>
      </c>
      <c r="W2394" s="2">
        <v>12</v>
      </c>
      <c r="X2394" s="2">
        <v>62</v>
      </c>
      <c r="Y2394" s="2">
        <v>159.9</v>
      </c>
      <c r="Z2394" s="5">
        <v>10</v>
      </c>
      <c r="AA2394" s="5" t="s">
        <v>43</v>
      </c>
      <c r="AB2394" s="5" t="s">
        <v>44</v>
      </c>
      <c r="AC2394" s="2" t="s">
        <v>90672</v>
      </c>
      <c r="AD2394" s="1"/>
    </row>
    <row r="2395" spans="1:30">
      <c r="A2395" s="5" t="s">
        <v>83578</v>
      </c>
      <c r="B2395" s="2" t="s">
        <v>90787</v>
      </c>
      <c r="C2395" s="14" t="s">
        <v>90788</v>
      </c>
      <c r="D2395" s="2" t="s">
        <v>90789</v>
      </c>
      <c r="E2395" s="2"/>
      <c r="F2395" s="8">
        <v>185</v>
      </c>
      <c r="G2395" s="5">
        <v>25</v>
      </c>
      <c r="H2395" s="5" t="s">
        <v>69</v>
      </c>
      <c r="I2395" s="5" t="s">
        <v>27074</v>
      </c>
      <c r="J2395" s="2" t="s">
        <v>27075</v>
      </c>
      <c r="K2395" s="5" t="s">
        <v>27074</v>
      </c>
      <c r="L2395" s="2" t="s">
        <v>27075</v>
      </c>
      <c r="M2395" s="5" t="s">
        <v>24254</v>
      </c>
      <c r="N2395" s="5" t="s">
        <v>38</v>
      </c>
      <c r="O2395" s="5" t="s">
        <v>39</v>
      </c>
      <c r="P2395" s="5" t="s">
        <v>40</v>
      </c>
      <c r="Q2395" s="5" t="s">
        <v>24335</v>
      </c>
      <c r="R2395" s="5" t="s">
        <v>40</v>
      </c>
      <c r="S2395" s="5" t="s">
        <v>42</v>
      </c>
      <c r="T2395" s="2">
        <v>8.3209999999999997</v>
      </c>
      <c r="U2395" s="2">
        <v>5.6150000000000002</v>
      </c>
      <c r="V2395" s="2">
        <v>0.14899999999999999</v>
      </c>
      <c r="W2395" s="2">
        <v>12</v>
      </c>
      <c r="X2395" s="2">
        <v>62</v>
      </c>
      <c r="Y2395" s="2">
        <v>199.7</v>
      </c>
      <c r="Z2395" s="5">
        <v>10</v>
      </c>
      <c r="AA2395" s="5" t="s">
        <v>43</v>
      </c>
      <c r="AB2395" s="5" t="s">
        <v>44</v>
      </c>
      <c r="AC2395" s="2" t="s">
        <v>35252</v>
      </c>
      <c r="AD2395" s="1"/>
    </row>
    <row r="2396" spans="1:30">
      <c r="A2396" s="5" t="s">
        <v>83578</v>
      </c>
      <c r="B2396" s="2" t="s">
        <v>90790</v>
      </c>
      <c r="C2396" s="14" t="s">
        <v>90791</v>
      </c>
      <c r="D2396" s="2" t="s">
        <v>90792</v>
      </c>
      <c r="E2396" s="2"/>
      <c r="F2396" s="8">
        <v>185</v>
      </c>
      <c r="G2396" s="5">
        <v>25</v>
      </c>
      <c r="H2396" s="5" t="s">
        <v>69</v>
      </c>
      <c r="I2396" s="5" t="s">
        <v>27074</v>
      </c>
      <c r="J2396" s="2" t="s">
        <v>27075</v>
      </c>
      <c r="K2396" s="5" t="s">
        <v>27074</v>
      </c>
      <c r="L2396" s="2" t="s">
        <v>27075</v>
      </c>
      <c r="M2396" s="5" t="s">
        <v>24254</v>
      </c>
      <c r="N2396" s="5" t="s">
        <v>38</v>
      </c>
      <c r="O2396" s="5" t="s">
        <v>39</v>
      </c>
      <c r="P2396" s="5" t="s">
        <v>40</v>
      </c>
      <c r="Q2396" s="5" t="s">
        <v>24335</v>
      </c>
      <c r="R2396" s="5" t="s">
        <v>40</v>
      </c>
      <c r="S2396" s="5" t="s">
        <v>42</v>
      </c>
      <c r="T2396" s="2">
        <v>8.8870000000000005</v>
      </c>
      <c r="U2396" s="2">
        <v>6.181</v>
      </c>
      <c r="V2396" s="2">
        <v>0.14899999999999999</v>
      </c>
      <c r="W2396" s="2">
        <v>12</v>
      </c>
      <c r="X2396" s="2">
        <v>62</v>
      </c>
      <c r="Y2396" s="2">
        <v>199.7</v>
      </c>
      <c r="Z2396" s="5">
        <v>10</v>
      </c>
      <c r="AA2396" s="5" t="s">
        <v>43</v>
      </c>
      <c r="AB2396" s="5" t="s">
        <v>44</v>
      </c>
      <c r="AC2396" s="2" t="s">
        <v>35252</v>
      </c>
      <c r="AD2396" s="1"/>
    </row>
    <row r="2397" spans="1:30">
      <c r="A2397" s="5" t="s">
        <v>83578</v>
      </c>
      <c r="B2397" s="2" t="s">
        <v>90793</v>
      </c>
      <c r="C2397" s="14" t="s">
        <v>90794</v>
      </c>
      <c r="D2397" s="2" t="s">
        <v>90795</v>
      </c>
      <c r="E2397" s="2" t="s">
        <v>35256</v>
      </c>
      <c r="F2397" s="8">
        <v>336</v>
      </c>
      <c r="G2397" s="5">
        <v>10</v>
      </c>
      <c r="H2397" s="5" t="s">
        <v>69</v>
      </c>
      <c r="I2397" s="5" t="s">
        <v>27074</v>
      </c>
      <c r="J2397" s="2" t="s">
        <v>27075</v>
      </c>
      <c r="K2397" s="5" t="s">
        <v>27074</v>
      </c>
      <c r="L2397" s="2" t="s">
        <v>27075</v>
      </c>
      <c r="M2397" s="5" t="s">
        <v>24254</v>
      </c>
      <c r="N2397" s="5" t="s">
        <v>38</v>
      </c>
      <c r="O2397" s="5" t="s">
        <v>39</v>
      </c>
      <c r="P2397" s="5" t="s">
        <v>40</v>
      </c>
      <c r="Q2397" s="5" t="s">
        <v>24340</v>
      </c>
      <c r="R2397" s="5" t="s">
        <v>40</v>
      </c>
      <c r="S2397" s="5" t="s">
        <v>42</v>
      </c>
      <c r="T2397" s="2">
        <v>9.766</v>
      </c>
      <c r="U2397" s="2">
        <v>8.0180000000000007</v>
      </c>
      <c r="V2397" s="2">
        <v>0.104</v>
      </c>
      <c r="W2397" s="2">
        <v>12</v>
      </c>
      <c r="X2397" s="2">
        <v>50</v>
      </c>
      <c r="Y2397" s="2">
        <v>173.9</v>
      </c>
      <c r="Z2397" s="5">
        <v>10</v>
      </c>
      <c r="AA2397" s="5" t="s">
        <v>43</v>
      </c>
      <c r="AB2397" s="5" t="s">
        <v>44</v>
      </c>
      <c r="AC2397" s="2" t="s">
        <v>35257</v>
      </c>
      <c r="AD2397" s="1"/>
    </row>
    <row r="2398" spans="1:30">
      <c r="A2398" s="5" t="s">
        <v>83578</v>
      </c>
      <c r="B2398" s="2" t="s">
        <v>90796</v>
      </c>
      <c r="C2398" s="14" t="s">
        <v>90797</v>
      </c>
      <c r="D2398" s="2" t="s">
        <v>90798</v>
      </c>
      <c r="E2398" s="2" t="s">
        <v>35339</v>
      </c>
      <c r="F2398" s="8">
        <v>336</v>
      </c>
      <c r="G2398" s="5">
        <v>25</v>
      </c>
      <c r="H2398" s="5" t="s">
        <v>69</v>
      </c>
      <c r="I2398" s="5" t="s">
        <v>27074</v>
      </c>
      <c r="J2398" s="2" t="s">
        <v>27075</v>
      </c>
      <c r="K2398" s="5" t="s">
        <v>27074</v>
      </c>
      <c r="L2398" s="2" t="s">
        <v>27075</v>
      </c>
      <c r="M2398" s="5" t="s">
        <v>24254</v>
      </c>
      <c r="N2398" s="5" t="s">
        <v>38</v>
      </c>
      <c r="O2398" s="5" t="s">
        <v>39</v>
      </c>
      <c r="P2398" s="5" t="s">
        <v>40</v>
      </c>
      <c r="Q2398" s="5" t="s">
        <v>24335</v>
      </c>
      <c r="R2398" s="5" t="s">
        <v>40</v>
      </c>
      <c r="S2398" s="5" t="s">
        <v>42</v>
      </c>
      <c r="T2398" s="2">
        <v>11.973000000000001</v>
      </c>
      <c r="U2398" s="2">
        <v>9.2669999999999995</v>
      </c>
      <c r="V2398" s="2">
        <v>0.14899999999999999</v>
      </c>
      <c r="W2398" s="2">
        <v>12</v>
      </c>
      <c r="X2398" s="2">
        <v>62</v>
      </c>
      <c r="Y2398" s="2">
        <v>199.7</v>
      </c>
      <c r="Z2398" s="5">
        <v>10</v>
      </c>
      <c r="AA2398" s="5" t="s">
        <v>43</v>
      </c>
      <c r="AB2398" s="5" t="s">
        <v>44</v>
      </c>
      <c r="AC2398" s="2" t="s">
        <v>35340</v>
      </c>
      <c r="AD2398" s="1"/>
    </row>
    <row r="2399" spans="1:30">
      <c r="A2399" s="5" t="s">
        <v>83578</v>
      </c>
      <c r="B2399" s="2" t="s">
        <v>90799</v>
      </c>
      <c r="C2399" s="14" t="s">
        <v>90800</v>
      </c>
      <c r="D2399" s="2" t="s">
        <v>90801</v>
      </c>
      <c r="E2399" s="2" t="s">
        <v>35256</v>
      </c>
      <c r="F2399" s="8">
        <v>336</v>
      </c>
      <c r="G2399" s="5">
        <v>10</v>
      </c>
      <c r="H2399" s="5" t="s">
        <v>69</v>
      </c>
      <c r="I2399" s="5" t="s">
        <v>27074</v>
      </c>
      <c r="J2399" s="2" t="s">
        <v>27075</v>
      </c>
      <c r="K2399" s="5" t="s">
        <v>27074</v>
      </c>
      <c r="L2399" s="2" t="s">
        <v>27075</v>
      </c>
      <c r="M2399" s="5" t="s">
        <v>24254</v>
      </c>
      <c r="N2399" s="5" t="s">
        <v>38</v>
      </c>
      <c r="O2399" s="5" t="s">
        <v>39</v>
      </c>
      <c r="P2399" s="5" t="s">
        <v>40</v>
      </c>
      <c r="Q2399" s="5" t="s">
        <v>24340</v>
      </c>
      <c r="R2399" s="5" t="s">
        <v>40</v>
      </c>
      <c r="S2399" s="5" t="s">
        <v>42</v>
      </c>
      <c r="T2399" s="2">
        <v>10.874000000000001</v>
      </c>
      <c r="U2399" s="2">
        <v>9.1259999999999994</v>
      </c>
      <c r="V2399" s="2">
        <v>0.104</v>
      </c>
      <c r="W2399" s="2">
        <v>12</v>
      </c>
      <c r="X2399" s="2">
        <v>50</v>
      </c>
      <c r="Y2399" s="2">
        <v>173.9</v>
      </c>
      <c r="Z2399" s="5">
        <v>10</v>
      </c>
      <c r="AA2399" s="5" t="s">
        <v>43</v>
      </c>
      <c r="AB2399" s="5" t="s">
        <v>44</v>
      </c>
      <c r="AC2399" s="2" t="s">
        <v>35294</v>
      </c>
      <c r="AD2399" s="1"/>
    </row>
    <row r="2400" spans="1:30">
      <c r="A2400" s="5" t="s">
        <v>83578</v>
      </c>
      <c r="B2400" s="2" t="s">
        <v>90802</v>
      </c>
      <c r="C2400" s="14" t="s">
        <v>90803</v>
      </c>
      <c r="D2400" s="2" t="s">
        <v>90804</v>
      </c>
      <c r="E2400" s="2" t="s">
        <v>35339</v>
      </c>
      <c r="F2400" s="8">
        <v>336</v>
      </c>
      <c r="G2400" s="5">
        <v>25</v>
      </c>
      <c r="H2400" s="5" t="s">
        <v>69</v>
      </c>
      <c r="I2400" s="5" t="s">
        <v>27074</v>
      </c>
      <c r="J2400" s="2" t="s">
        <v>27075</v>
      </c>
      <c r="K2400" s="5" t="s">
        <v>27074</v>
      </c>
      <c r="L2400" s="2" t="s">
        <v>27075</v>
      </c>
      <c r="M2400" s="5" t="s">
        <v>24254</v>
      </c>
      <c r="N2400" s="5" t="s">
        <v>38</v>
      </c>
      <c r="O2400" s="5" t="s">
        <v>39</v>
      </c>
      <c r="P2400" s="5" t="s">
        <v>40</v>
      </c>
      <c r="Q2400" s="5" t="s">
        <v>24335</v>
      </c>
      <c r="R2400" s="5" t="s">
        <v>40</v>
      </c>
      <c r="S2400" s="5" t="s">
        <v>42</v>
      </c>
      <c r="T2400" s="2">
        <v>12.678000000000001</v>
      </c>
      <c r="U2400" s="2">
        <v>9.9719999999999995</v>
      </c>
      <c r="V2400" s="2">
        <v>0.14899999999999999</v>
      </c>
      <c r="W2400" s="2">
        <v>12</v>
      </c>
      <c r="X2400" s="2">
        <v>62</v>
      </c>
      <c r="Y2400" s="2">
        <v>199.7</v>
      </c>
      <c r="Z2400" s="5">
        <v>10</v>
      </c>
      <c r="AA2400" s="5" t="s">
        <v>43</v>
      </c>
      <c r="AB2400" s="5" t="s">
        <v>44</v>
      </c>
      <c r="AC2400" s="2" t="s">
        <v>35340</v>
      </c>
      <c r="AD2400" s="1"/>
    </row>
    <row r="2401" spans="1:30">
      <c r="A2401" s="5" t="s">
        <v>83578</v>
      </c>
      <c r="B2401" s="2" t="s">
        <v>90805</v>
      </c>
      <c r="C2401" s="14" t="s">
        <v>90806</v>
      </c>
      <c r="D2401" s="2" t="s">
        <v>90807</v>
      </c>
      <c r="E2401" s="2" t="s">
        <v>35298</v>
      </c>
      <c r="F2401" s="8">
        <v>336</v>
      </c>
      <c r="G2401" s="5">
        <v>10</v>
      </c>
      <c r="H2401" s="5" t="s">
        <v>69</v>
      </c>
      <c r="I2401" s="5" t="s">
        <v>27074</v>
      </c>
      <c r="J2401" s="2" t="s">
        <v>27075</v>
      </c>
      <c r="K2401" s="5" t="s">
        <v>27074</v>
      </c>
      <c r="L2401" s="2" t="s">
        <v>27075</v>
      </c>
      <c r="M2401" s="5" t="s">
        <v>24254</v>
      </c>
      <c r="N2401" s="5" t="s">
        <v>38</v>
      </c>
      <c r="O2401" s="5" t="s">
        <v>39</v>
      </c>
      <c r="P2401" s="5" t="s">
        <v>40</v>
      </c>
      <c r="Q2401" s="5" t="s">
        <v>25301</v>
      </c>
      <c r="R2401" s="5" t="s">
        <v>40</v>
      </c>
      <c r="S2401" s="5" t="s">
        <v>42</v>
      </c>
      <c r="T2401" s="2">
        <v>8.7919999999999998</v>
      </c>
      <c r="U2401" s="2">
        <v>7.0430000000000001</v>
      </c>
      <c r="V2401" s="2">
        <v>0.104</v>
      </c>
      <c r="W2401" s="2">
        <v>12</v>
      </c>
      <c r="X2401" s="2">
        <v>50</v>
      </c>
      <c r="Y2401" s="2">
        <v>173.9</v>
      </c>
      <c r="Z2401" s="5">
        <v>10</v>
      </c>
      <c r="AA2401" s="5" t="s">
        <v>43</v>
      </c>
      <c r="AB2401" s="5" t="s">
        <v>44</v>
      </c>
      <c r="AC2401" s="2" t="s">
        <v>35299</v>
      </c>
      <c r="AD2401" s="1"/>
    </row>
    <row r="2402" spans="1:30">
      <c r="A2402" s="5" t="s">
        <v>83578</v>
      </c>
      <c r="B2402" s="2" t="s">
        <v>90808</v>
      </c>
      <c r="C2402" s="14" t="s">
        <v>90809</v>
      </c>
      <c r="D2402" s="2" t="s">
        <v>90810</v>
      </c>
      <c r="E2402" s="2"/>
      <c r="F2402" s="8">
        <v>336</v>
      </c>
      <c r="G2402" s="5">
        <v>10</v>
      </c>
      <c r="H2402" s="5" t="s">
        <v>69</v>
      </c>
      <c r="I2402" s="5" t="s">
        <v>27074</v>
      </c>
      <c r="J2402" s="2" t="s">
        <v>27075</v>
      </c>
      <c r="K2402" s="5" t="s">
        <v>27074</v>
      </c>
      <c r="L2402" s="2" t="s">
        <v>27075</v>
      </c>
      <c r="M2402" s="5" t="s">
        <v>24254</v>
      </c>
      <c r="N2402" s="5" t="s">
        <v>38</v>
      </c>
      <c r="O2402" s="5" t="s">
        <v>39</v>
      </c>
      <c r="P2402" s="5" t="s">
        <v>40</v>
      </c>
      <c r="Q2402" s="5" t="s">
        <v>25301</v>
      </c>
      <c r="R2402" s="5" t="s">
        <v>40</v>
      </c>
      <c r="S2402" s="5" t="s">
        <v>42</v>
      </c>
      <c r="T2402" s="2">
        <v>10.865</v>
      </c>
      <c r="U2402" s="2">
        <v>8.1579999999999995</v>
      </c>
      <c r="V2402" s="2">
        <v>0.14899999999999999</v>
      </c>
      <c r="W2402" s="2">
        <v>12</v>
      </c>
      <c r="X2402" s="2">
        <v>62</v>
      </c>
      <c r="Y2402" s="2">
        <v>199.7</v>
      </c>
      <c r="Z2402" s="5">
        <v>10</v>
      </c>
      <c r="AA2402" s="5" t="s">
        <v>43</v>
      </c>
      <c r="AB2402" s="5" t="s">
        <v>44</v>
      </c>
      <c r="AC2402" s="2" t="s">
        <v>90672</v>
      </c>
      <c r="AD2402" s="1"/>
    </row>
    <row r="2403" spans="1:30">
      <c r="A2403" s="5" t="s">
        <v>83578</v>
      </c>
      <c r="B2403" s="2" t="s">
        <v>90811</v>
      </c>
      <c r="C2403" s="14" t="s">
        <v>90812</v>
      </c>
      <c r="D2403" s="2" t="s">
        <v>90813</v>
      </c>
      <c r="E2403" s="2" t="s">
        <v>35298</v>
      </c>
      <c r="F2403" s="8">
        <v>336</v>
      </c>
      <c r="G2403" s="5">
        <v>10</v>
      </c>
      <c r="H2403" s="5" t="s">
        <v>69</v>
      </c>
      <c r="I2403" s="5" t="s">
        <v>27074</v>
      </c>
      <c r="J2403" s="2" t="s">
        <v>27075</v>
      </c>
      <c r="K2403" s="5" t="s">
        <v>27074</v>
      </c>
      <c r="L2403" s="2" t="s">
        <v>27075</v>
      </c>
      <c r="M2403" s="5" t="s">
        <v>24254</v>
      </c>
      <c r="N2403" s="5" t="s">
        <v>38</v>
      </c>
      <c r="O2403" s="5" t="s">
        <v>39</v>
      </c>
      <c r="P2403" s="5" t="s">
        <v>40</v>
      </c>
      <c r="Q2403" s="5" t="s">
        <v>25301</v>
      </c>
      <c r="R2403" s="5" t="s">
        <v>40</v>
      </c>
      <c r="S2403" s="5" t="s">
        <v>42</v>
      </c>
      <c r="T2403" s="2">
        <v>9.6300000000000008</v>
      </c>
      <c r="U2403" s="2">
        <v>7.8810000000000002</v>
      </c>
      <c r="V2403" s="2">
        <v>0.104</v>
      </c>
      <c r="W2403" s="2">
        <v>12</v>
      </c>
      <c r="X2403" s="2">
        <v>50</v>
      </c>
      <c r="Y2403" s="2">
        <v>173.9</v>
      </c>
      <c r="Z2403" s="5">
        <v>10</v>
      </c>
      <c r="AA2403" s="5" t="s">
        <v>43</v>
      </c>
      <c r="AB2403" s="5" t="s">
        <v>44</v>
      </c>
      <c r="AC2403" s="2" t="s">
        <v>35395</v>
      </c>
      <c r="AD2403" s="1"/>
    </row>
    <row r="2404" spans="1:30">
      <c r="A2404" s="5" t="s">
        <v>83578</v>
      </c>
      <c r="B2404" s="2" t="s">
        <v>90814</v>
      </c>
      <c r="C2404" s="14" t="s">
        <v>90815</v>
      </c>
      <c r="D2404" s="2" t="s">
        <v>90816</v>
      </c>
      <c r="E2404" s="2"/>
      <c r="F2404" s="8">
        <v>336</v>
      </c>
      <c r="G2404" s="5">
        <v>10</v>
      </c>
      <c r="H2404" s="5" t="s">
        <v>69</v>
      </c>
      <c r="I2404" s="5" t="s">
        <v>27074</v>
      </c>
      <c r="J2404" s="2" t="s">
        <v>27075</v>
      </c>
      <c r="K2404" s="5" t="s">
        <v>27074</v>
      </c>
      <c r="L2404" s="2" t="s">
        <v>27075</v>
      </c>
      <c r="M2404" s="5" t="s">
        <v>24254</v>
      </c>
      <c r="N2404" s="5" t="s">
        <v>38</v>
      </c>
      <c r="O2404" s="5" t="s">
        <v>39</v>
      </c>
      <c r="P2404" s="5" t="s">
        <v>40</v>
      </c>
      <c r="Q2404" s="5" t="s">
        <v>25301</v>
      </c>
      <c r="R2404" s="5" t="s">
        <v>40</v>
      </c>
      <c r="S2404" s="5" t="s">
        <v>42</v>
      </c>
      <c r="T2404" s="2">
        <v>11.430999999999999</v>
      </c>
      <c r="U2404" s="2">
        <v>8.7240000000000002</v>
      </c>
      <c r="V2404" s="2">
        <v>0.14899999999999999</v>
      </c>
      <c r="W2404" s="2">
        <v>12</v>
      </c>
      <c r="X2404" s="2">
        <v>62</v>
      </c>
      <c r="Y2404" s="2">
        <v>199.7</v>
      </c>
      <c r="Z2404" s="5">
        <v>10</v>
      </c>
      <c r="AA2404" s="5" t="s">
        <v>43</v>
      </c>
      <c r="AB2404" s="5" t="s">
        <v>44</v>
      </c>
      <c r="AC2404" s="2" t="s">
        <v>90672</v>
      </c>
      <c r="AD2404" s="1"/>
    </row>
    <row r="2405" spans="1:30">
      <c r="A2405" s="5" t="s">
        <v>83578</v>
      </c>
      <c r="B2405" s="2" t="s">
        <v>90817</v>
      </c>
      <c r="C2405" s="14" t="s">
        <v>90818</v>
      </c>
      <c r="D2405" s="2" t="s">
        <v>90819</v>
      </c>
      <c r="E2405" s="2"/>
      <c r="F2405" s="8">
        <v>175</v>
      </c>
      <c r="G2405" s="5">
        <v>25</v>
      </c>
      <c r="H2405" s="5" t="s">
        <v>69</v>
      </c>
      <c r="I2405" s="5" t="s">
        <v>27074</v>
      </c>
      <c r="J2405" s="2" t="s">
        <v>27075</v>
      </c>
      <c r="K2405" s="5" t="s">
        <v>27074</v>
      </c>
      <c r="L2405" s="2" t="s">
        <v>27075</v>
      </c>
      <c r="M2405" s="5" t="s">
        <v>24254</v>
      </c>
      <c r="N2405" s="5" t="s">
        <v>38</v>
      </c>
      <c r="O2405" s="5" t="s">
        <v>39</v>
      </c>
      <c r="P2405" s="5" t="s">
        <v>40</v>
      </c>
      <c r="Q2405" s="5" t="s">
        <v>24335</v>
      </c>
      <c r="R2405" s="5" t="s">
        <v>40</v>
      </c>
      <c r="S2405" s="5" t="s">
        <v>42</v>
      </c>
      <c r="T2405" s="2">
        <v>7.4580000000000002</v>
      </c>
      <c r="U2405" s="2">
        <v>5.6539999999999999</v>
      </c>
      <c r="V2405" s="2">
        <v>0.17399999999999999</v>
      </c>
      <c r="W2405" s="2">
        <v>12</v>
      </c>
      <c r="X2405" s="2">
        <v>62</v>
      </c>
      <c r="Y2405" s="2">
        <v>234.1</v>
      </c>
      <c r="Z2405" s="5">
        <v>10</v>
      </c>
      <c r="AA2405" s="5" t="s">
        <v>43</v>
      </c>
      <c r="AB2405" s="5" t="s">
        <v>44</v>
      </c>
      <c r="AC2405" s="2" t="s">
        <v>35252</v>
      </c>
      <c r="AD2405" s="1"/>
    </row>
    <row r="2406" spans="1:30">
      <c r="A2406" s="5" t="s">
        <v>83578</v>
      </c>
      <c r="B2406" s="2" t="s">
        <v>90820</v>
      </c>
      <c r="C2406" s="14" t="s">
        <v>90821</v>
      </c>
      <c r="D2406" s="2" t="s">
        <v>90822</v>
      </c>
      <c r="E2406" s="2" t="s">
        <v>35256</v>
      </c>
      <c r="F2406" s="8">
        <v>326</v>
      </c>
      <c r="G2406" s="5">
        <v>10</v>
      </c>
      <c r="H2406" s="5" t="s">
        <v>69</v>
      </c>
      <c r="I2406" s="5" t="s">
        <v>27074</v>
      </c>
      <c r="J2406" s="2" t="s">
        <v>27075</v>
      </c>
      <c r="K2406" s="5" t="s">
        <v>27074</v>
      </c>
      <c r="L2406" s="2" t="s">
        <v>27075</v>
      </c>
      <c r="M2406" s="5" t="s">
        <v>24254</v>
      </c>
      <c r="N2406" s="5" t="s">
        <v>38</v>
      </c>
      <c r="O2406" s="5" t="s">
        <v>39</v>
      </c>
      <c r="P2406" s="5" t="s">
        <v>40</v>
      </c>
      <c r="Q2406" s="5" t="s">
        <v>24340</v>
      </c>
      <c r="R2406" s="5" t="s">
        <v>40</v>
      </c>
      <c r="S2406" s="5" t="s">
        <v>42</v>
      </c>
      <c r="T2406" s="2">
        <v>8.5980000000000008</v>
      </c>
      <c r="U2406" s="2">
        <v>6.6340000000000003</v>
      </c>
      <c r="V2406" s="2">
        <v>0.104</v>
      </c>
      <c r="W2406" s="2">
        <v>12</v>
      </c>
      <c r="X2406" s="2">
        <v>50</v>
      </c>
      <c r="Y2406" s="2">
        <v>173.9</v>
      </c>
      <c r="Z2406" s="5">
        <v>10</v>
      </c>
      <c r="AA2406" s="5" t="s">
        <v>43</v>
      </c>
      <c r="AB2406" s="5" t="s">
        <v>44</v>
      </c>
      <c r="AC2406" s="2" t="s">
        <v>35257</v>
      </c>
      <c r="AD2406" s="1"/>
    </row>
    <row r="2407" spans="1:30">
      <c r="A2407" s="5" t="s">
        <v>83578</v>
      </c>
      <c r="B2407" s="2" t="s">
        <v>90823</v>
      </c>
      <c r="C2407" s="14" t="s">
        <v>90824</v>
      </c>
      <c r="D2407" s="2" t="s">
        <v>90825</v>
      </c>
      <c r="E2407" s="2" t="s">
        <v>35339</v>
      </c>
      <c r="F2407" s="8">
        <v>326</v>
      </c>
      <c r="G2407" s="5">
        <v>25</v>
      </c>
      <c r="H2407" s="5" t="s">
        <v>69</v>
      </c>
      <c r="I2407" s="5" t="s">
        <v>27074</v>
      </c>
      <c r="J2407" s="2" t="s">
        <v>27075</v>
      </c>
      <c r="K2407" s="5" t="s">
        <v>27074</v>
      </c>
      <c r="L2407" s="2" t="s">
        <v>27075</v>
      </c>
      <c r="M2407" s="5" t="s">
        <v>24254</v>
      </c>
      <c r="N2407" s="5" t="s">
        <v>38</v>
      </c>
      <c r="O2407" s="5" t="s">
        <v>39</v>
      </c>
      <c r="P2407" s="5" t="s">
        <v>40</v>
      </c>
      <c r="Q2407" s="5" t="s">
        <v>24335</v>
      </c>
      <c r="R2407" s="5" t="s">
        <v>40</v>
      </c>
      <c r="S2407" s="5" t="s">
        <v>42</v>
      </c>
      <c r="T2407" s="2">
        <v>9.6219999999999999</v>
      </c>
      <c r="U2407" s="2">
        <v>7.8179999999999996</v>
      </c>
      <c r="V2407" s="2">
        <v>0.11899999999999999</v>
      </c>
      <c r="W2407" s="2">
        <v>12</v>
      </c>
      <c r="X2407" s="2">
        <v>62</v>
      </c>
      <c r="Y2407" s="2">
        <v>159.9</v>
      </c>
      <c r="Z2407" s="5">
        <v>10</v>
      </c>
      <c r="AA2407" s="5" t="s">
        <v>43</v>
      </c>
      <c r="AB2407" s="5" t="s">
        <v>44</v>
      </c>
      <c r="AC2407" s="2" t="s">
        <v>35340</v>
      </c>
      <c r="AD2407" s="1"/>
    </row>
    <row r="2408" spans="1:30">
      <c r="A2408" s="5" t="s">
        <v>83578</v>
      </c>
      <c r="B2408" s="2" t="s">
        <v>90826</v>
      </c>
      <c r="C2408" s="14" t="s">
        <v>90827</v>
      </c>
      <c r="D2408" s="2" t="s">
        <v>90828</v>
      </c>
      <c r="E2408" s="2" t="s">
        <v>35339</v>
      </c>
      <c r="F2408" s="8">
        <v>326</v>
      </c>
      <c r="G2408" s="5">
        <v>25</v>
      </c>
      <c r="H2408" s="5" t="s">
        <v>69</v>
      </c>
      <c r="I2408" s="5" t="s">
        <v>27074</v>
      </c>
      <c r="J2408" s="2" t="s">
        <v>27075</v>
      </c>
      <c r="K2408" s="5" t="s">
        <v>27074</v>
      </c>
      <c r="L2408" s="2" t="s">
        <v>27075</v>
      </c>
      <c r="M2408" s="5" t="s">
        <v>24254</v>
      </c>
      <c r="N2408" s="5" t="s">
        <v>38</v>
      </c>
      <c r="O2408" s="5" t="s">
        <v>39</v>
      </c>
      <c r="P2408" s="5" t="s">
        <v>40</v>
      </c>
      <c r="Q2408" s="5" t="s">
        <v>24335</v>
      </c>
      <c r="R2408" s="5" t="s">
        <v>40</v>
      </c>
      <c r="S2408" s="5" t="s">
        <v>42</v>
      </c>
      <c r="T2408" s="2">
        <v>10.423</v>
      </c>
      <c r="U2408" s="2">
        <v>8.6189999999999998</v>
      </c>
      <c r="V2408" s="2">
        <v>0.11899999999999999</v>
      </c>
      <c r="W2408" s="2">
        <v>12</v>
      </c>
      <c r="X2408" s="2">
        <v>62</v>
      </c>
      <c r="Y2408" s="2">
        <v>159.9</v>
      </c>
      <c r="Z2408" s="5">
        <v>10</v>
      </c>
      <c r="AA2408" s="5" t="s">
        <v>43</v>
      </c>
      <c r="AB2408" s="5" t="s">
        <v>44</v>
      </c>
      <c r="AC2408" s="2" t="s">
        <v>35340</v>
      </c>
      <c r="AD2408" s="1"/>
    </row>
    <row r="2409" spans="1:30">
      <c r="A2409" s="5" t="s">
        <v>83578</v>
      </c>
      <c r="B2409" s="2" t="s">
        <v>90829</v>
      </c>
      <c r="C2409" s="14" t="s">
        <v>90830</v>
      </c>
      <c r="D2409" s="2" t="s">
        <v>90831</v>
      </c>
      <c r="E2409" s="2" t="s">
        <v>35298</v>
      </c>
      <c r="F2409" s="8">
        <v>326</v>
      </c>
      <c r="G2409" s="5">
        <v>10</v>
      </c>
      <c r="H2409" s="5" t="s">
        <v>69</v>
      </c>
      <c r="I2409" s="5" t="s">
        <v>27074</v>
      </c>
      <c r="J2409" s="2" t="s">
        <v>27075</v>
      </c>
      <c r="K2409" s="5" t="s">
        <v>27074</v>
      </c>
      <c r="L2409" s="2" t="s">
        <v>27075</v>
      </c>
      <c r="M2409" s="5" t="s">
        <v>24254</v>
      </c>
      <c r="N2409" s="5" t="s">
        <v>38</v>
      </c>
      <c r="O2409" s="5" t="s">
        <v>39</v>
      </c>
      <c r="P2409" s="5" t="s">
        <v>40</v>
      </c>
      <c r="Q2409" s="5" t="s">
        <v>25301</v>
      </c>
      <c r="R2409" s="5" t="s">
        <v>40</v>
      </c>
      <c r="S2409" s="5" t="s">
        <v>42</v>
      </c>
      <c r="T2409" s="2">
        <v>7.8209999999999997</v>
      </c>
      <c r="U2409" s="2">
        <v>5.8559999999999999</v>
      </c>
      <c r="V2409" s="2">
        <v>0.104</v>
      </c>
      <c r="W2409" s="2">
        <v>12</v>
      </c>
      <c r="X2409" s="2">
        <v>50</v>
      </c>
      <c r="Y2409" s="2">
        <v>173.9</v>
      </c>
      <c r="Z2409" s="5">
        <v>10</v>
      </c>
      <c r="AA2409" s="5" t="s">
        <v>43</v>
      </c>
      <c r="AB2409" s="5" t="s">
        <v>44</v>
      </c>
      <c r="AC2409" s="2" t="s">
        <v>35299</v>
      </c>
      <c r="AD2409" s="1"/>
    </row>
    <row r="2410" spans="1:30">
      <c r="A2410" s="5" t="s">
        <v>83578</v>
      </c>
      <c r="B2410" s="2" t="s">
        <v>90832</v>
      </c>
      <c r="C2410" s="14" t="s">
        <v>90833</v>
      </c>
      <c r="D2410" s="2" t="s">
        <v>90834</v>
      </c>
      <c r="E2410" s="2"/>
      <c r="F2410" s="8">
        <v>326</v>
      </c>
      <c r="G2410" s="5">
        <v>10</v>
      </c>
      <c r="H2410" s="5" t="s">
        <v>69</v>
      </c>
      <c r="I2410" s="5" t="s">
        <v>27074</v>
      </c>
      <c r="J2410" s="2" t="s">
        <v>27075</v>
      </c>
      <c r="K2410" s="5" t="s">
        <v>27074</v>
      </c>
      <c r="L2410" s="2" t="s">
        <v>27075</v>
      </c>
      <c r="M2410" s="5" t="s">
        <v>24254</v>
      </c>
      <c r="N2410" s="5" t="s">
        <v>38</v>
      </c>
      <c r="O2410" s="5" t="s">
        <v>39</v>
      </c>
      <c r="P2410" s="5" t="s">
        <v>40</v>
      </c>
      <c r="Q2410" s="5" t="s">
        <v>25301</v>
      </c>
      <c r="R2410" s="5" t="s">
        <v>40</v>
      </c>
      <c r="S2410" s="5" t="s">
        <v>42</v>
      </c>
      <c r="T2410" s="2">
        <v>8.7189999999999994</v>
      </c>
      <c r="U2410" s="2">
        <v>6.9139999999999997</v>
      </c>
      <c r="V2410" s="2">
        <v>0.11899999999999999</v>
      </c>
      <c r="W2410" s="2">
        <v>12</v>
      </c>
      <c r="X2410" s="2">
        <v>62</v>
      </c>
      <c r="Y2410" s="2">
        <v>159.9</v>
      </c>
      <c r="Z2410" s="5">
        <v>10</v>
      </c>
      <c r="AA2410" s="5" t="s">
        <v>43</v>
      </c>
      <c r="AB2410" s="5" t="s">
        <v>44</v>
      </c>
      <c r="AC2410" s="2" t="s">
        <v>90672</v>
      </c>
      <c r="AD2410" s="1"/>
    </row>
    <row r="2411" spans="1:30">
      <c r="A2411" s="5" t="s">
        <v>83578</v>
      </c>
      <c r="B2411" s="2" t="s">
        <v>90835</v>
      </c>
      <c r="C2411" s="14" t="s">
        <v>90836</v>
      </c>
      <c r="D2411" s="2" t="s">
        <v>90837</v>
      </c>
      <c r="E2411" s="2" t="s">
        <v>35298</v>
      </c>
      <c r="F2411" s="8">
        <v>326</v>
      </c>
      <c r="G2411" s="5">
        <v>10</v>
      </c>
      <c r="H2411" s="5" t="s">
        <v>69</v>
      </c>
      <c r="I2411" s="5" t="s">
        <v>27074</v>
      </c>
      <c r="J2411" s="2" t="s">
        <v>27075</v>
      </c>
      <c r="K2411" s="5" t="s">
        <v>27074</v>
      </c>
      <c r="L2411" s="2" t="s">
        <v>27075</v>
      </c>
      <c r="M2411" s="5" t="s">
        <v>24254</v>
      </c>
      <c r="N2411" s="5" t="s">
        <v>38</v>
      </c>
      <c r="O2411" s="5" t="s">
        <v>39</v>
      </c>
      <c r="P2411" s="5" t="s">
        <v>40</v>
      </c>
      <c r="Q2411" s="5" t="s">
        <v>25301</v>
      </c>
      <c r="R2411" s="5" t="s">
        <v>40</v>
      </c>
      <c r="S2411" s="5" t="s">
        <v>42</v>
      </c>
      <c r="T2411" s="2">
        <v>8.7370000000000001</v>
      </c>
      <c r="U2411" s="2">
        <v>6.7720000000000002</v>
      </c>
      <c r="V2411" s="2">
        <v>0.104</v>
      </c>
      <c r="W2411" s="2">
        <v>12</v>
      </c>
      <c r="X2411" s="2">
        <v>50</v>
      </c>
      <c r="Y2411" s="2">
        <v>173.9</v>
      </c>
      <c r="Z2411" s="5">
        <v>10</v>
      </c>
      <c r="AA2411" s="5" t="s">
        <v>43</v>
      </c>
      <c r="AB2411" s="5" t="s">
        <v>44</v>
      </c>
      <c r="AC2411" s="2" t="s">
        <v>35395</v>
      </c>
      <c r="AD2411" s="1"/>
    </row>
    <row r="2412" spans="1:30">
      <c r="A2412" s="5" t="s">
        <v>83578</v>
      </c>
      <c r="B2412" s="2" t="s">
        <v>90838</v>
      </c>
      <c r="C2412" s="14" t="s">
        <v>90839</v>
      </c>
      <c r="D2412" s="2" t="s">
        <v>90840</v>
      </c>
      <c r="E2412" s="2"/>
      <c r="F2412" s="8">
        <v>326</v>
      </c>
      <c r="G2412" s="5">
        <v>10</v>
      </c>
      <c r="H2412" s="5" t="s">
        <v>69</v>
      </c>
      <c r="I2412" s="5" t="s">
        <v>27074</v>
      </c>
      <c r="J2412" s="2" t="s">
        <v>27075</v>
      </c>
      <c r="K2412" s="5" t="s">
        <v>27074</v>
      </c>
      <c r="L2412" s="2" t="s">
        <v>27075</v>
      </c>
      <c r="M2412" s="5" t="s">
        <v>24254</v>
      </c>
      <c r="N2412" s="5" t="s">
        <v>38</v>
      </c>
      <c r="O2412" s="5" t="s">
        <v>39</v>
      </c>
      <c r="P2412" s="5" t="s">
        <v>40</v>
      </c>
      <c r="Q2412" s="5" t="s">
        <v>25301</v>
      </c>
      <c r="R2412" s="5" t="s">
        <v>40</v>
      </c>
      <c r="S2412" s="5" t="s">
        <v>42</v>
      </c>
      <c r="T2412" s="2">
        <v>9.3629999999999995</v>
      </c>
      <c r="U2412" s="2">
        <v>7.5579999999999998</v>
      </c>
      <c r="V2412" s="2">
        <v>0.11899999999999999</v>
      </c>
      <c r="W2412" s="2">
        <v>12</v>
      </c>
      <c r="X2412" s="2">
        <v>62</v>
      </c>
      <c r="Y2412" s="2">
        <v>159.9</v>
      </c>
      <c r="Z2412" s="5">
        <v>10</v>
      </c>
      <c r="AA2412" s="5" t="s">
        <v>43</v>
      </c>
      <c r="AB2412" s="5" t="s">
        <v>44</v>
      </c>
      <c r="AC2412" s="2" t="s">
        <v>90672</v>
      </c>
      <c r="AD2412" s="1"/>
    </row>
    <row r="2413" spans="1:30">
      <c r="A2413" s="5" t="s">
        <v>83578</v>
      </c>
      <c r="B2413" s="2" t="s">
        <v>90841</v>
      </c>
      <c r="C2413" s="14" t="s">
        <v>90842</v>
      </c>
      <c r="D2413" s="2" t="s">
        <v>90843</v>
      </c>
      <c r="E2413" s="2" t="s">
        <v>35256</v>
      </c>
      <c r="F2413" s="8">
        <v>336</v>
      </c>
      <c r="G2413" s="5">
        <v>10</v>
      </c>
      <c r="H2413" s="5" t="s">
        <v>69</v>
      </c>
      <c r="I2413" s="5" t="s">
        <v>27074</v>
      </c>
      <c r="J2413" s="2" t="s">
        <v>27075</v>
      </c>
      <c r="K2413" s="5" t="s">
        <v>27074</v>
      </c>
      <c r="L2413" s="2" t="s">
        <v>27075</v>
      </c>
      <c r="M2413" s="5" t="s">
        <v>24254</v>
      </c>
      <c r="N2413" s="5" t="s">
        <v>38</v>
      </c>
      <c r="O2413" s="5" t="s">
        <v>39</v>
      </c>
      <c r="P2413" s="5" t="s">
        <v>40</v>
      </c>
      <c r="Q2413" s="5" t="s">
        <v>24340</v>
      </c>
      <c r="R2413" s="5" t="s">
        <v>40</v>
      </c>
      <c r="S2413" s="5" t="s">
        <v>42</v>
      </c>
      <c r="T2413" s="2">
        <v>10.375</v>
      </c>
      <c r="U2413" s="2">
        <v>8.6270000000000007</v>
      </c>
      <c r="V2413" s="2">
        <v>0.104</v>
      </c>
      <c r="W2413" s="2">
        <v>12</v>
      </c>
      <c r="X2413" s="2">
        <v>50</v>
      </c>
      <c r="Y2413" s="2">
        <v>173.9</v>
      </c>
      <c r="Z2413" s="5">
        <v>10</v>
      </c>
      <c r="AA2413" s="5" t="s">
        <v>43</v>
      </c>
      <c r="AB2413" s="5" t="s">
        <v>44</v>
      </c>
      <c r="AC2413" s="2" t="s">
        <v>35294</v>
      </c>
      <c r="AD2413" s="1"/>
    </row>
    <row r="2414" spans="1:30">
      <c r="A2414" s="5" t="s">
        <v>83578</v>
      </c>
      <c r="B2414" s="2" t="s">
        <v>90844</v>
      </c>
      <c r="C2414" s="14" t="s">
        <v>90845</v>
      </c>
      <c r="D2414" s="2" t="s">
        <v>90846</v>
      </c>
      <c r="E2414" s="2" t="s">
        <v>35339</v>
      </c>
      <c r="F2414" s="8">
        <v>336</v>
      </c>
      <c r="G2414" s="5">
        <v>25</v>
      </c>
      <c r="H2414" s="5" t="s">
        <v>69</v>
      </c>
      <c r="I2414" s="5" t="s">
        <v>27074</v>
      </c>
      <c r="J2414" s="2" t="s">
        <v>27075</v>
      </c>
      <c r="K2414" s="5" t="s">
        <v>27074</v>
      </c>
      <c r="L2414" s="2" t="s">
        <v>27075</v>
      </c>
      <c r="M2414" s="5" t="s">
        <v>24254</v>
      </c>
      <c r="N2414" s="5" t="s">
        <v>38</v>
      </c>
      <c r="O2414" s="5" t="s">
        <v>39</v>
      </c>
      <c r="P2414" s="5" t="s">
        <v>40</v>
      </c>
      <c r="Q2414" s="5" t="s">
        <v>24335</v>
      </c>
      <c r="R2414" s="5" t="s">
        <v>40</v>
      </c>
      <c r="S2414" s="5" t="s">
        <v>42</v>
      </c>
      <c r="T2414" s="2">
        <v>11.409000000000001</v>
      </c>
      <c r="U2414" s="2">
        <v>9.48</v>
      </c>
      <c r="V2414" s="2">
        <v>0.129</v>
      </c>
      <c r="W2414" s="2">
        <v>12</v>
      </c>
      <c r="X2414" s="2">
        <v>62</v>
      </c>
      <c r="Y2414" s="2">
        <v>172.9</v>
      </c>
      <c r="Z2414" s="5">
        <v>10</v>
      </c>
      <c r="AA2414" s="5" t="s">
        <v>43</v>
      </c>
      <c r="AB2414" s="5" t="s">
        <v>44</v>
      </c>
      <c r="AC2414" s="2" t="s">
        <v>35340</v>
      </c>
      <c r="AD2414" s="1"/>
    </row>
    <row r="2415" spans="1:30">
      <c r="A2415" s="5" t="s">
        <v>83578</v>
      </c>
      <c r="B2415" s="2" t="s">
        <v>90847</v>
      </c>
      <c r="C2415" s="14" t="s">
        <v>90848</v>
      </c>
      <c r="D2415" s="2" t="s">
        <v>90849</v>
      </c>
      <c r="E2415" s="2" t="s">
        <v>35298</v>
      </c>
      <c r="F2415" s="8">
        <v>336</v>
      </c>
      <c r="G2415" s="5">
        <v>10</v>
      </c>
      <c r="H2415" s="5" t="s">
        <v>69</v>
      </c>
      <c r="I2415" s="5" t="s">
        <v>27074</v>
      </c>
      <c r="J2415" s="2" t="s">
        <v>27075</v>
      </c>
      <c r="K2415" s="5" t="s">
        <v>27074</v>
      </c>
      <c r="L2415" s="2" t="s">
        <v>27075</v>
      </c>
      <c r="M2415" s="5" t="s">
        <v>24254</v>
      </c>
      <c r="N2415" s="5" t="s">
        <v>38</v>
      </c>
      <c r="O2415" s="5" t="s">
        <v>39</v>
      </c>
      <c r="P2415" s="5" t="s">
        <v>40</v>
      </c>
      <c r="Q2415" s="5" t="s">
        <v>25301</v>
      </c>
      <c r="R2415" s="5" t="s">
        <v>40</v>
      </c>
      <c r="S2415" s="5" t="s">
        <v>42</v>
      </c>
      <c r="T2415" s="2">
        <v>8.2810000000000006</v>
      </c>
      <c r="U2415" s="2">
        <v>6.532</v>
      </c>
      <c r="V2415" s="2">
        <v>0.104</v>
      </c>
      <c r="W2415" s="2">
        <v>12</v>
      </c>
      <c r="X2415" s="2">
        <v>50</v>
      </c>
      <c r="Y2415" s="2">
        <v>173.9</v>
      </c>
      <c r="Z2415" s="5">
        <v>10</v>
      </c>
      <c r="AA2415" s="5" t="s">
        <v>43</v>
      </c>
      <c r="AB2415" s="5" t="s">
        <v>44</v>
      </c>
      <c r="AC2415" s="2" t="s">
        <v>35299</v>
      </c>
      <c r="AD2415" s="1"/>
    </row>
    <row r="2416" spans="1:30">
      <c r="A2416" s="5" t="s">
        <v>83578</v>
      </c>
      <c r="B2416" s="2" t="s">
        <v>90850</v>
      </c>
      <c r="C2416" s="14" t="s">
        <v>90851</v>
      </c>
      <c r="D2416" s="2" t="s">
        <v>90852</v>
      </c>
      <c r="E2416" s="2"/>
      <c r="F2416" s="8">
        <v>336</v>
      </c>
      <c r="G2416" s="5">
        <v>10</v>
      </c>
      <c r="H2416" s="5" t="s">
        <v>69</v>
      </c>
      <c r="I2416" s="5" t="s">
        <v>27074</v>
      </c>
      <c r="J2416" s="2" t="s">
        <v>27075</v>
      </c>
      <c r="K2416" s="5" t="s">
        <v>27074</v>
      </c>
      <c r="L2416" s="2" t="s">
        <v>27075</v>
      </c>
      <c r="M2416" s="5" t="s">
        <v>24254</v>
      </c>
      <c r="N2416" s="5" t="s">
        <v>38</v>
      </c>
      <c r="O2416" s="5" t="s">
        <v>39</v>
      </c>
      <c r="P2416" s="5" t="s">
        <v>40</v>
      </c>
      <c r="Q2416" s="5" t="s">
        <v>25301</v>
      </c>
      <c r="R2416" s="5" t="s">
        <v>40</v>
      </c>
      <c r="S2416" s="5" t="s">
        <v>42</v>
      </c>
      <c r="T2416" s="2">
        <v>9.5860000000000003</v>
      </c>
      <c r="U2416" s="2">
        <v>7.6559999999999997</v>
      </c>
      <c r="V2416" s="2">
        <v>0.129</v>
      </c>
      <c r="W2416" s="2">
        <v>12</v>
      </c>
      <c r="X2416" s="2">
        <v>62</v>
      </c>
      <c r="Y2416" s="2">
        <v>172.9</v>
      </c>
      <c r="Z2416" s="5">
        <v>10</v>
      </c>
      <c r="AA2416" s="5" t="s">
        <v>43</v>
      </c>
      <c r="AB2416" s="5" t="s">
        <v>44</v>
      </c>
      <c r="AC2416" s="2" t="s">
        <v>90672</v>
      </c>
      <c r="AD2416" s="1"/>
    </row>
    <row r="2417" spans="1:30">
      <c r="A2417" s="5" t="s">
        <v>83578</v>
      </c>
      <c r="B2417" s="2" t="s">
        <v>90853</v>
      </c>
      <c r="C2417" s="14" t="s">
        <v>90854</v>
      </c>
      <c r="D2417" s="2" t="s">
        <v>90855</v>
      </c>
      <c r="E2417" s="2" t="s">
        <v>35298</v>
      </c>
      <c r="F2417" s="8">
        <v>336</v>
      </c>
      <c r="G2417" s="5">
        <v>10</v>
      </c>
      <c r="H2417" s="5" t="s">
        <v>69</v>
      </c>
      <c r="I2417" s="5" t="s">
        <v>27074</v>
      </c>
      <c r="J2417" s="2" t="s">
        <v>27075</v>
      </c>
      <c r="K2417" s="5" t="s">
        <v>27074</v>
      </c>
      <c r="L2417" s="2" t="s">
        <v>27075</v>
      </c>
      <c r="M2417" s="5" t="s">
        <v>24254</v>
      </c>
      <c r="N2417" s="5" t="s">
        <v>38</v>
      </c>
      <c r="O2417" s="5" t="s">
        <v>39</v>
      </c>
      <c r="P2417" s="5" t="s">
        <v>40</v>
      </c>
      <c r="Q2417" s="5" t="s">
        <v>25301</v>
      </c>
      <c r="R2417" s="5" t="s">
        <v>40</v>
      </c>
      <c r="S2417" s="5" t="s">
        <v>42</v>
      </c>
      <c r="T2417" s="2">
        <v>9.1969999999999992</v>
      </c>
      <c r="U2417" s="2">
        <v>7.4480000000000004</v>
      </c>
      <c r="V2417" s="2">
        <v>0.104</v>
      </c>
      <c r="W2417" s="2">
        <v>12</v>
      </c>
      <c r="X2417" s="2">
        <v>50</v>
      </c>
      <c r="Y2417" s="2">
        <v>173.9</v>
      </c>
      <c r="Z2417" s="5">
        <v>10</v>
      </c>
      <c r="AA2417" s="5" t="s">
        <v>43</v>
      </c>
      <c r="AB2417" s="5" t="s">
        <v>44</v>
      </c>
      <c r="AC2417" s="2" t="s">
        <v>35395</v>
      </c>
      <c r="AD2417" s="1"/>
    </row>
    <row r="2418" spans="1:30">
      <c r="A2418" s="5" t="s">
        <v>83578</v>
      </c>
      <c r="B2418" s="2" t="s">
        <v>90856</v>
      </c>
      <c r="C2418" s="14" t="s">
        <v>90857</v>
      </c>
      <c r="D2418" s="2" t="s">
        <v>90858</v>
      </c>
      <c r="E2418" s="2"/>
      <c r="F2418" s="8">
        <v>336</v>
      </c>
      <c r="G2418" s="5">
        <v>10</v>
      </c>
      <c r="H2418" s="5" t="s">
        <v>69</v>
      </c>
      <c r="I2418" s="5" t="s">
        <v>27074</v>
      </c>
      <c r="J2418" s="2" t="s">
        <v>27075</v>
      </c>
      <c r="K2418" s="5" t="s">
        <v>27074</v>
      </c>
      <c r="L2418" s="2" t="s">
        <v>27075</v>
      </c>
      <c r="M2418" s="5" t="s">
        <v>24254</v>
      </c>
      <c r="N2418" s="5" t="s">
        <v>38</v>
      </c>
      <c r="O2418" s="5" t="s">
        <v>39</v>
      </c>
      <c r="P2418" s="5" t="s">
        <v>40</v>
      </c>
      <c r="Q2418" s="5" t="s">
        <v>25301</v>
      </c>
      <c r="R2418" s="5" t="s">
        <v>40</v>
      </c>
      <c r="S2418" s="5" t="s">
        <v>42</v>
      </c>
      <c r="T2418" s="2">
        <v>10.23</v>
      </c>
      <c r="U2418" s="2">
        <v>8.3000000000000007</v>
      </c>
      <c r="V2418" s="2">
        <v>0.129</v>
      </c>
      <c r="W2418" s="2">
        <v>12</v>
      </c>
      <c r="X2418" s="2">
        <v>62</v>
      </c>
      <c r="Y2418" s="2">
        <v>172.9</v>
      </c>
      <c r="Z2418" s="5">
        <v>10</v>
      </c>
      <c r="AA2418" s="5" t="s">
        <v>43</v>
      </c>
      <c r="AB2418" s="5" t="s">
        <v>44</v>
      </c>
      <c r="AC2418" s="2" t="s">
        <v>90672</v>
      </c>
      <c r="AD2418" s="1"/>
    </row>
    <row r="2419" spans="1:30">
      <c r="A2419" s="5" t="s">
        <v>83578</v>
      </c>
      <c r="B2419" s="2" t="s">
        <v>90859</v>
      </c>
      <c r="C2419" s="14" t="s">
        <v>90860</v>
      </c>
      <c r="D2419" s="2" t="s">
        <v>90861</v>
      </c>
      <c r="E2419" s="2" t="s">
        <v>35339</v>
      </c>
      <c r="F2419" s="8">
        <v>345</v>
      </c>
      <c r="G2419" s="5">
        <v>25</v>
      </c>
      <c r="H2419" s="5" t="s">
        <v>69</v>
      </c>
      <c r="I2419" s="5" t="s">
        <v>27074</v>
      </c>
      <c r="J2419" s="2" t="s">
        <v>27075</v>
      </c>
      <c r="K2419" s="5" t="s">
        <v>27074</v>
      </c>
      <c r="L2419" s="2" t="s">
        <v>27075</v>
      </c>
      <c r="M2419" s="5" t="s">
        <v>24254</v>
      </c>
      <c r="N2419" s="5" t="s">
        <v>38</v>
      </c>
      <c r="O2419" s="5" t="s">
        <v>39</v>
      </c>
      <c r="P2419" s="5" t="s">
        <v>40</v>
      </c>
      <c r="Q2419" s="5" t="s">
        <v>24335</v>
      </c>
      <c r="R2419" s="5" t="s">
        <v>40</v>
      </c>
      <c r="S2419" s="5" t="s">
        <v>42</v>
      </c>
      <c r="T2419" s="2">
        <v>12.317</v>
      </c>
      <c r="U2419" s="2">
        <v>9.6110000000000007</v>
      </c>
      <c r="V2419" s="2">
        <v>0.14899999999999999</v>
      </c>
      <c r="W2419" s="2">
        <v>12</v>
      </c>
      <c r="X2419" s="2">
        <v>62</v>
      </c>
      <c r="Y2419" s="2">
        <v>199.7</v>
      </c>
      <c r="Z2419" s="5">
        <v>10</v>
      </c>
      <c r="AA2419" s="5" t="s">
        <v>43</v>
      </c>
      <c r="AB2419" s="5" t="s">
        <v>44</v>
      </c>
      <c r="AC2419" s="2" t="s">
        <v>35340</v>
      </c>
      <c r="AD2419" s="1"/>
    </row>
    <row r="2420" spans="1:30">
      <c r="A2420" s="5" t="s">
        <v>83578</v>
      </c>
      <c r="B2420" s="2" t="s">
        <v>90862</v>
      </c>
      <c r="C2420" s="14" t="s">
        <v>90863</v>
      </c>
      <c r="D2420" s="2" t="s">
        <v>90864</v>
      </c>
      <c r="E2420" s="2" t="s">
        <v>35256</v>
      </c>
      <c r="F2420" s="8">
        <v>345</v>
      </c>
      <c r="G2420" s="5">
        <v>10</v>
      </c>
      <c r="H2420" s="5" t="s">
        <v>69</v>
      </c>
      <c r="I2420" s="5" t="s">
        <v>27074</v>
      </c>
      <c r="J2420" s="2" t="s">
        <v>27075</v>
      </c>
      <c r="K2420" s="5" t="s">
        <v>27074</v>
      </c>
      <c r="L2420" s="2" t="s">
        <v>27075</v>
      </c>
      <c r="M2420" s="5" t="s">
        <v>24254</v>
      </c>
      <c r="N2420" s="5" t="s">
        <v>38</v>
      </c>
      <c r="O2420" s="5" t="s">
        <v>39</v>
      </c>
      <c r="P2420" s="5" t="s">
        <v>40</v>
      </c>
      <c r="Q2420" s="5" t="s">
        <v>24340</v>
      </c>
      <c r="R2420" s="5" t="s">
        <v>40</v>
      </c>
      <c r="S2420" s="5" t="s">
        <v>42</v>
      </c>
      <c r="T2420" s="2">
        <v>11.231999999999999</v>
      </c>
      <c r="U2420" s="2">
        <v>9.484</v>
      </c>
      <c r="V2420" s="2">
        <v>0.104</v>
      </c>
      <c r="W2420" s="2">
        <v>12</v>
      </c>
      <c r="X2420" s="2">
        <v>50</v>
      </c>
      <c r="Y2420" s="2">
        <v>173.9</v>
      </c>
      <c r="Z2420" s="5">
        <v>10</v>
      </c>
      <c r="AA2420" s="5" t="s">
        <v>43</v>
      </c>
      <c r="AB2420" s="5" t="s">
        <v>44</v>
      </c>
      <c r="AC2420" s="2" t="s">
        <v>35294</v>
      </c>
      <c r="AD2420" s="1"/>
    </row>
    <row r="2421" spans="1:30">
      <c r="A2421" s="5" t="s">
        <v>83578</v>
      </c>
      <c r="B2421" s="2" t="s">
        <v>90865</v>
      </c>
      <c r="C2421" s="14" t="s">
        <v>90866</v>
      </c>
      <c r="D2421" s="2" t="s">
        <v>90867</v>
      </c>
      <c r="E2421" s="2" t="s">
        <v>35339</v>
      </c>
      <c r="F2421" s="8">
        <v>345</v>
      </c>
      <c r="G2421" s="5">
        <v>25</v>
      </c>
      <c r="H2421" s="5" t="s">
        <v>69</v>
      </c>
      <c r="I2421" s="5" t="s">
        <v>27074</v>
      </c>
      <c r="J2421" s="2" t="s">
        <v>27075</v>
      </c>
      <c r="K2421" s="5" t="s">
        <v>27074</v>
      </c>
      <c r="L2421" s="2" t="s">
        <v>27075</v>
      </c>
      <c r="M2421" s="5" t="s">
        <v>24254</v>
      </c>
      <c r="N2421" s="5" t="s">
        <v>38</v>
      </c>
      <c r="O2421" s="5" t="s">
        <v>39</v>
      </c>
      <c r="P2421" s="5" t="s">
        <v>40</v>
      </c>
      <c r="Q2421" s="5" t="s">
        <v>24335</v>
      </c>
      <c r="R2421" s="5" t="s">
        <v>40</v>
      </c>
      <c r="S2421" s="5" t="s">
        <v>42</v>
      </c>
      <c r="T2421" s="2">
        <v>13.118</v>
      </c>
      <c r="U2421" s="2">
        <v>10.412000000000001</v>
      </c>
      <c r="V2421" s="2">
        <v>0.14899999999999999</v>
      </c>
      <c r="W2421" s="2">
        <v>12</v>
      </c>
      <c r="X2421" s="2">
        <v>62</v>
      </c>
      <c r="Y2421" s="2">
        <v>199.7</v>
      </c>
      <c r="Z2421" s="5">
        <v>10</v>
      </c>
      <c r="AA2421" s="5" t="s">
        <v>43</v>
      </c>
      <c r="AB2421" s="5" t="s">
        <v>44</v>
      </c>
      <c r="AC2421" s="2" t="s">
        <v>35340</v>
      </c>
      <c r="AD2421" s="1"/>
    </row>
    <row r="2422" spans="1:30">
      <c r="A2422" s="5" t="s">
        <v>83578</v>
      </c>
      <c r="B2422" s="2" t="s">
        <v>90868</v>
      </c>
      <c r="C2422" s="14" t="s">
        <v>90869</v>
      </c>
      <c r="D2422" s="2" t="s">
        <v>90870</v>
      </c>
      <c r="E2422" s="2"/>
      <c r="F2422" s="8">
        <v>345</v>
      </c>
      <c r="G2422" s="5">
        <v>10</v>
      </c>
      <c r="H2422" s="5" t="s">
        <v>69</v>
      </c>
      <c r="I2422" s="5" t="s">
        <v>27074</v>
      </c>
      <c r="J2422" s="2" t="s">
        <v>27075</v>
      </c>
      <c r="K2422" s="5" t="s">
        <v>27074</v>
      </c>
      <c r="L2422" s="2" t="s">
        <v>27075</v>
      </c>
      <c r="M2422" s="5" t="s">
        <v>24254</v>
      </c>
      <c r="N2422" s="5" t="s">
        <v>38</v>
      </c>
      <c r="O2422" s="5" t="s">
        <v>39</v>
      </c>
      <c r="P2422" s="5" t="s">
        <v>40</v>
      </c>
      <c r="Q2422" s="5" t="s">
        <v>25301</v>
      </c>
      <c r="R2422" s="5" t="s">
        <v>40</v>
      </c>
      <c r="S2422" s="5" t="s">
        <v>42</v>
      </c>
      <c r="T2422" s="2">
        <v>11.180999999999999</v>
      </c>
      <c r="U2422" s="2">
        <v>8.4740000000000002</v>
      </c>
      <c r="V2422" s="2">
        <v>0.14899999999999999</v>
      </c>
      <c r="W2422" s="2">
        <v>12</v>
      </c>
      <c r="X2422" s="2">
        <v>62</v>
      </c>
      <c r="Y2422" s="2">
        <v>199.7</v>
      </c>
      <c r="Z2422" s="5">
        <v>10</v>
      </c>
      <c r="AA2422" s="5" t="s">
        <v>43</v>
      </c>
      <c r="AB2422" s="5" t="s">
        <v>44</v>
      </c>
      <c r="AC2422" s="2" t="s">
        <v>90672</v>
      </c>
      <c r="AD2422" s="1"/>
    </row>
    <row r="2423" spans="1:30">
      <c r="A2423" s="5" t="s">
        <v>83578</v>
      </c>
      <c r="B2423" s="2" t="s">
        <v>90871</v>
      </c>
      <c r="C2423" s="14" t="s">
        <v>90872</v>
      </c>
      <c r="D2423" s="2" t="s">
        <v>90873</v>
      </c>
      <c r="E2423" s="2" t="s">
        <v>35298</v>
      </c>
      <c r="F2423" s="8">
        <v>345</v>
      </c>
      <c r="G2423" s="5">
        <v>10</v>
      </c>
      <c r="H2423" s="5" t="s">
        <v>69</v>
      </c>
      <c r="I2423" s="5" t="s">
        <v>27074</v>
      </c>
      <c r="J2423" s="2" t="s">
        <v>27075</v>
      </c>
      <c r="K2423" s="5" t="s">
        <v>27074</v>
      </c>
      <c r="L2423" s="2" t="s">
        <v>27075</v>
      </c>
      <c r="M2423" s="5" t="s">
        <v>24254</v>
      </c>
      <c r="N2423" s="5" t="s">
        <v>38</v>
      </c>
      <c r="O2423" s="5" t="s">
        <v>39</v>
      </c>
      <c r="P2423" s="5" t="s">
        <v>40</v>
      </c>
      <c r="Q2423" s="5" t="s">
        <v>25301</v>
      </c>
      <c r="R2423" s="5" t="s">
        <v>40</v>
      </c>
      <c r="S2423" s="5" t="s">
        <v>42</v>
      </c>
      <c r="T2423" s="2">
        <v>9.94</v>
      </c>
      <c r="U2423" s="2">
        <v>8.1910000000000007</v>
      </c>
      <c r="V2423" s="2">
        <v>0.104</v>
      </c>
      <c r="W2423" s="2">
        <v>12</v>
      </c>
      <c r="X2423" s="2">
        <v>50</v>
      </c>
      <c r="Y2423" s="2">
        <v>173.9</v>
      </c>
      <c r="Z2423" s="5">
        <v>10</v>
      </c>
      <c r="AA2423" s="5" t="s">
        <v>43</v>
      </c>
      <c r="AB2423" s="5" t="s">
        <v>44</v>
      </c>
      <c r="AC2423" s="2" t="s">
        <v>35395</v>
      </c>
      <c r="AD2423" s="1"/>
    </row>
    <row r="2424" spans="1:30">
      <c r="A2424" s="5" t="s">
        <v>83578</v>
      </c>
      <c r="B2424" s="2" t="s">
        <v>90874</v>
      </c>
      <c r="C2424" s="14" t="s">
        <v>90875</v>
      </c>
      <c r="D2424" s="2" t="s">
        <v>90876</v>
      </c>
      <c r="E2424" s="2"/>
      <c r="F2424" s="8">
        <v>345</v>
      </c>
      <c r="G2424" s="5">
        <v>10</v>
      </c>
      <c r="H2424" s="5" t="s">
        <v>69</v>
      </c>
      <c r="I2424" s="5" t="s">
        <v>27074</v>
      </c>
      <c r="J2424" s="2" t="s">
        <v>27075</v>
      </c>
      <c r="K2424" s="5" t="s">
        <v>27074</v>
      </c>
      <c r="L2424" s="2" t="s">
        <v>27075</v>
      </c>
      <c r="M2424" s="5" t="s">
        <v>24254</v>
      </c>
      <c r="N2424" s="5" t="s">
        <v>38</v>
      </c>
      <c r="O2424" s="5" t="s">
        <v>39</v>
      </c>
      <c r="P2424" s="5" t="s">
        <v>40</v>
      </c>
      <c r="Q2424" s="5" t="s">
        <v>25301</v>
      </c>
      <c r="R2424" s="5" t="s">
        <v>40</v>
      </c>
      <c r="S2424" s="5" t="s">
        <v>42</v>
      </c>
      <c r="T2424" s="2">
        <v>11.824999999999999</v>
      </c>
      <c r="U2424" s="2">
        <v>9.1180000000000003</v>
      </c>
      <c r="V2424" s="2">
        <v>0.14899999999999999</v>
      </c>
      <c r="W2424" s="2">
        <v>12</v>
      </c>
      <c r="X2424" s="2">
        <v>62</v>
      </c>
      <c r="Y2424" s="2">
        <v>199.7</v>
      </c>
      <c r="Z2424" s="5">
        <v>10</v>
      </c>
      <c r="AA2424" s="5" t="s">
        <v>43</v>
      </c>
      <c r="AB2424" s="5" t="s">
        <v>44</v>
      </c>
      <c r="AC2424" s="2" t="s">
        <v>90672</v>
      </c>
      <c r="AD2424" s="1"/>
    </row>
    <row r="2425" spans="1:30">
      <c r="A2425" s="5" t="s">
        <v>83578</v>
      </c>
      <c r="B2425" s="2" t="s">
        <v>90877</v>
      </c>
      <c r="C2425" s="14" t="s">
        <v>90878</v>
      </c>
      <c r="D2425" s="2" t="s">
        <v>90879</v>
      </c>
      <c r="E2425" s="2" t="s">
        <v>35256</v>
      </c>
      <c r="F2425" s="8">
        <v>372</v>
      </c>
      <c r="G2425" s="5">
        <v>10</v>
      </c>
      <c r="H2425" s="5" t="s">
        <v>69</v>
      </c>
      <c r="I2425" s="5" t="s">
        <v>27074</v>
      </c>
      <c r="J2425" s="2" t="s">
        <v>27075</v>
      </c>
      <c r="K2425" s="5" t="s">
        <v>27074</v>
      </c>
      <c r="L2425" s="2" t="s">
        <v>27075</v>
      </c>
      <c r="M2425" s="5" t="s">
        <v>24254</v>
      </c>
      <c r="N2425" s="5" t="s">
        <v>38</v>
      </c>
      <c r="O2425" s="5" t="s">
        <v>39</v>
      </c>
      <c r="P2425" s="5" t="s">
        <v>40</v>
      </c>
      <c r="Q2425" s="5" t="s">
        <v>24340</v>
      </c>
      <c r="R2425" s="5" t="s">
        <v>40</v>
      </c>
      <c r="S2425" s="5" t="s">
        <v>42</v>
      </c>
      <c r="T2425" s="2">
        <v>10.81</v>
      </c>
      <c r="U2425" s="2">
        <v>9.0619999999999994</v>
      </c>
      <c r="V2425" s="2">
        <v>0.104</v>
      </c>
      <c r="W2425" s="2">
        <v>12</v>
      </c>
      <c r="X2425" s="2">
        <v>50</v>
      </c>
      <c r="Y2425" s="2">
        <v>173.9</v>
      </c>
      <c r="Z2425" s="5">
        <v>10</v>
      </c>
      <c r="AA2425" s="5" t="s">
        <v>43</v>
      </c>
      <c r="AB2425" s="5" t="s">
        <v>44</v>
      </c>
      <c r="AC2425" s="2" t="s">
        <v>35257</v>
      </c>
      <c r="AD2425" s="1"/>
    </row>
    <row r="2426" spans="1:30">
      <c r="A2426" s="5" t="s">
        <v>83578</v>
      </c>
      <c r="B2426" s="2" t="s">
        <v>90880</v>
      </c>
      <c r="C2426" s="14" t="s">
        <v>90881</v>
      </c>
      <c r="D2426" s="2" t="s">
        <v>90882</v>
      </c>
      <c r="E2426" s="2" t="s">
        <v>35339</v>
      </c>
      <c r="F2426" s="8">
        <v>372</v>
      </c>
      <c r="G2426" s="5">
        <v>25</v>
      </c>
      <c r="H2426" s="5" t="s">
        <v>69</v>
      </c>
      <c r="I2426" s="5" t="s">
        <v>27074</v>
      </c>
      <c r="J2426" s="2" t="s">
        <v>27075</v>
      </c>
      <c r="K2426" s="5" t="s">
        <v>27074</v>
      </c>
      <c r="L2426" s="2" t="s">
        <v>27075</v>
      </c>
      <c r="M2426" s="5" t="s">
        <v>24254</v>
      </c>
      <c r="N2426" s="5" t="s">
        <v>38</v>
      </c>
      <c r="O2426" s="5" t="s">
        <v>39</v>
      </c>
      <c r="P2426" s="5" t="s">
        <v>40</v>
      </c>
      <c r="Q2426" s="5" t="s">
        <v>24335</v>
      </c>
      <c r="R2426" s="5" t="s">
        <v>40</v>
      </c>
      <c r="S2426" s="5" t="s">
        <v>42</v>
      </c>
      <c r="T2426" s="2">
        <v>12.811</v>
      </c>
      <c r="U2426" s="2">
        <v>12.714</v>
      </c>
      <c r="V2426" s="2">
        <v>0.17399999999999999</v>
      </c>
      <c r="W2426" s="2">
        <v>12</v>
      </c>
      <c r="X2426" s="2">
        <v>62</v>
      </c>
      <c r="Y2426" s="2">
        <v>234.1</v>
      </c>
      <c r="Z2426" s="5">
        <v>10</v>
      </c>
      <c r="AA2426" s="5" t="s">
        <v>43</v>
      </c>
      <c r="AB2426" s="5" t="s">
        <v>44</v>
      </c>
      <c r="AC2426" s="2" t="s">
        <v>35340</v>
      </c>
      <c r="AD2426" s="1"/>
    </row>
    <row r="2427" spans="1:30">
      <c r="A2427" s="5" t="s">
        <v>83578</v>
      </c>
      <c r="B2427" s="2" t="s">
        <v>90883</v>
      </c>
      <c r="C2427" s="14" t="s">
        <v>90884</v>
      </c>
      <c r="D2427" s="2" t="s">
        <v>90885</v>
      </c>
      <c r="E2427" s="2" t="s">
        <v>35339</v>
      </c>
      <c r="F2427" s="8">
        <v>372</v>
      </c>
      <c r="G2427" s="5">
        <v>25</v>
      </c>
      <c r="H2427" s="5" t="s">
        <v>69</v>
      </c>
      <c r="I2427" s="5" t="s">
        <v>27074</v>
      </c>
      <c r="J2427" s="2" t="s">
        <v>27075</v>
      </c>
      <c r="K2427" s="5" t="s">
        <v>27074</v>
      </c>
      <c r="L2427" s="2" t="s">
        <v>27075</v>
      </c>
      <c r="M2427" s="5" t="s">
        <v>24254</v>
      </c>
      <c r="N2427" s="5" t="s">
        <v>38</v>
      </c>
      <c r="O2427" s="5" t="s">
        <v>39</v>
      </c>
      <c r="P2427" s="5" t="s">
        <v>40</v>
      </c>
      <c r="Q2427" s="5" t="s">
        <v>24335</v>
      </c>
      <c r="R2427" s="5" t="s">
        <v>40</v>
      </c>
      <c r="S2427" s="5" t="s">
        <v>42</v>
      </c>
      <c r="T2427" s="2">
        <v>13.612</v>
      </c>
      <c r="U2427" s="2">
        <v>13.515000000000001</v>
      </c>
      <c r="V2427" s="2">
        <v>0.17399999999999999</v>
      </c>
      <c r="W2427" s="2">
        <v>12</v>
      </c>
      <c r="X2427" s="2">
        <v>62</v>
      </c>
      <c r="Y2427" s="2">
        <v>234.1</v>
      </c>
      <c r="Z2427" s="5">
        <v>10</v>
      </c>
      <c r="AA2427" s="5" t="s">
        <v>43</v>
      </c>
      <c r="AB2427" s="5" t="s">
        <v>44</v>
      </c>
      <c r="AC2427" s="2" t="s">
        <v>35340</v>
      </c>
      <c r="AD2427" s="1"/>
    </row>
    <row r="2428" spans="1:30">
      <c r="A2428" s="5" t="s">
        <v>83578</v>
      </c>
      <c r="B2428" s="2" t="s">
        <v>90886</v>
      </c>
      <c r="C2428" s="14" t="s">
        <v>90887</v>
      </c>
      <c r="D2428" s="2" t="s">
        <v>90888</v>
      </c>
      <c r="E2428" s="2" t="s">
        <v>35298</v>
      </c>
      <c r="F2428" s="8">
        <v>372</v>
      </c>
      <c r="G2428" s="5">
        <v>10</v>
      </c>
      <c r="H2428" s="5" t="s">
        <v>69</v>
      </c>
      <c r="I2428" s="5" t="s">
        <v>27074</v>
      </c>
      <c r="J2428" s="2" t="s">
        <v>27075</v>
      </c>
      <c r="K2428" s="5" t="s">
        <v>27074</v>
      </c>
      <c r="L2428" s="2" t="s">
        <v>27075</v>
      </c>
      <c r="M2428" s="5" t="s">
        <v>24254</v>
      </c>
      <c r="N2428" s="5" t="s">
        <v>38</v>
      </c>
      <c r="O2428" s="5" t="s">
        <v>39</v>
      </c>
      <c r="P2428" s="5" t="s">
        <v>40</v>
      </c>
      <c r="Q2428" s="5" t="s">
        <v>25301</v>
      </c>
      <c r="R2428" s="5" t="s">
        <v>40</v>
      </c>
      <c r="S2428" s="5" t="s">
        <v>42</v>
      </c>
      <c r="T2428" s="2">
        <v>10.177</v>
      </c>
      <c r="U2428" s="2">
        <v>8.4280000000000008</v>
      </c>
      <c r="V2428" s="2">
        <v>0.104</v>
      </c>
      <c r="W2428" s="2">
        <v>12</v>
      </c>
      <c r="X2428" s="2">
        <v>50</v>
      </c>
      <c r="Y2428" s="2">
        <v>173.9</v>
      </c>
      <c r="Z2428" s="5">
        <v>10</v>
      </c>
      <c r="AA2428" s="5" t="s">
        <v>43</v>
      </c>
      <c r="AB2428" s="5" t="s">
        <v>44</v>
      </c>
      <c r="AC2428" s="2" t="s">
        <v>35299</v>
      </c>
      <c r="AD2428" s="1"/>
    </row>
    <row r="2429" spans="1:30">
      <c r="A2429" s="5" t="s">
        <v>83578</v>
      </c>
      <c r="B2429" s="2" t="s">
        <v>90889</v>
      </c>
      <c r="C2429" s="14" t="s">
        <v>90890</v>
      </c>
      <c r="D2429" s="2" t="s">
        <v>90891</v>
      </c>
      <c r="E2429" s="2"/>
      <c r="F2429" s="8">
        <v>372</v>
      </c>
      <c r="G2429" s="5">
        <v>10</v>
      </c>
      <c r="H2429" s="5" t="s">
        <v>69</v>
      </c>
      <c r="I2429" s="5" t="s">
        <v>27074</v>
      </c>
      <c r="J2429" s="2" t="s">
        <v>27075</v>
      </c>
      <c r="K2429" s="5" t="s">
        <v>27074</v>
      </c>
      <c r="L2429" s="2" t="s">
        <v>27075</v>
      </c>
      <c r="M2429" s="5" t="s">
        <v>24254</v>
      </c>
      <c r="N2429" s="5" t="s">
        <v>38</v>
      </c>
      <c r="O2429" s="5" t="s">
        <v>39</v>
      </c>
      <c r="P2429" s="5" t="s">
        <v>40</v>
      </c>
      <c r="Q2429" s="5" t="s">
        <v>25301</v>
      </c>
      <c r="R2429" s="5" t="s">
        <v>40</v>
      </c>
      <c r="S2429" s="5" t="s">
        <v>42</v>
      </c>
      <c r="T2429" s="2">
        <v>11.561999999999999</v>
      </c>
      <c r="U2429" s="2">
        <v>11.464</v>
      </c>
      <c r="V2429" s="2">
        <v>0.17399999999999999</v>
      </c>
      <c r="W2429" s="2">
        <v>12</v>
      </c>
      <c r="X2429" s="2">
        <v>62</v>
      </c>
      <c r="Y2429" s="2">
        <v>234.1</v>
      </c>
      <c r="Z2429" s="5">
        <v>10</v>
      </c>
      <c r="AA2429" s="5" t="s">
        <v>43</v>
      </c>
      <c r="AB2429" s="5" t="s">
        <v>44</v>
      </c>
      <c r="AC2429" s="2" t="s">
        <v>90672</v>
      </c>
      <c r="AD2429" s="1"/>
    </row>
    <row r="2430" spans="1:30">
      <c r="A2430" s="5" t="s">
        <v>83578</v>
      </c>
      <c r="B2430" s="2" t="s">
        <v>90892</v>
      </c>
      <c r="C2430" s="14" t="s">
        <v>90893</v>
      </c>
      <c r="D2430" s="2" t="s">
        <v>90894</v>
      </c>
      <c r="E2430" s="2" t="s">
        <v>35298</v>
      </c>
      <c r="F2430" s="8">
        <v>372</v>
      </c>
      <c r="G2430" s="5">
        <v>10</v>
      </c>
      <c r="H2430" s="5" t="s">
        <v>69</v>
      </c>
      <c r="I2430" s="5" t="s">
        <v>27074</v>
      </c>
      <c r="J2430" s="2" t="s">
        <v>27075</v>
      </c>
      <c r="K2430" s="5" t="s">
        <v>27074</v>
      </c>
      <c r="L2430" s="2" t="s">
        <v>27075</v>
      </c>
      <c r="M2430" s="5" t="s">
        <v>24254</v>
      </c>
      <c r="N2430" s="5" t="s">
        <v>38</v>
      </c>
      <c r="O2430" s="5" t="s">
        <v>39</v>
      </c>
      <c r="P2430" s="5" t="s">
        <v>40</v>
      </c>
      <c r="Q2430" s="5" t="s">
        <v>25301</v>
      </c>
      <c r="R2430" s="5" t="s">
        <v>40</v>
      </c>
      <c r="S2430" s="5" t="s">
        <v>42</v>
      </c>
      <c r="T2430" s="2">
        <v>11.093</v>
      </c>
      <c r="U2430" s="2">
        <v>9.3439999999999994</v>
      </c>
      <c r="V2430" s="2">
        <v>0.104</v>
      </c>
      <c r="W2430" s="2">
        <v>12</v>
      </c>
      <c r="X2430" s="2">
        <v>50</v>
      </c>
      <c r="Y2430" s="2">
        <v>173.9</v>
      </c>
      <c r="Z2430" s="5">
        <v>10</v>
      </c>
      <c r="AA2430" s="5" t="s">
        <v>43</v>
      </c>
      <c r="AB2430" s="5" t="s">
        <v>44</v>
      </c>
      <c r="AC2430" s="2" t="s">
        <v>35395</v>
      </c>
      <c r="AD2430" s="1"/>
    </row>
    <row r="2431" spans="1:30">
      <c r="A2431" s="5" t="s">
        <v>83578</v>
      </c>
      <c r="B2431" s="2" t="s">
        <v>90895</v>
      </c>
      <c r="C2431" s="14" t="s">
        <v>90896</v>
      </c>
      <c r="D2431" s="2" t="s">
        <v>90897</v>
      </c>
      <c r="E2431" s="2"/>
      <c r="F2431" s="8">
        <v>372</v>
      </c>
      <c r="G2431" s="5">
        <v>10</v>
      </c>
      <c r="H2431" s="5" t="s">
        <v>69</v>
      </c>
      <c r="I2431" s="5" t="s">
        <v>27074</v>
      </c>
      <c r="J2431" s="2" t="s">
        <v>27075</v>
      </c>
      <c r="K2431" s="5" t="s">
        <v>27074</v>
      </c>
      <c r="L2431" s="2" t="s">
        <v>27075</v>
      </c>
      <c r="M2431" s="5" t="s">
        <v>24254</v>
      </c>
      <c r="N2431" s="5" t="s">
        <v>38</v>
      </c>
      <c r="O2431" s="5" t="s">
        <v>39</v>
      </c>
      <c r="P2431" s="5" t="s">
        <v>40</v>
      </c>
      <c r="Q2431" s="5" t="s">
        <v>25301</v>
      </c>
      <c r="R2431" s="5" t="s">
        <v>40</v>
      </c>
      <c r="S2431" s="5" t="s">
        <v>42</v>
      </c>
      <c r="T2431" s="2">
        <v>12.206</v>
      </c>
      <c r="U2431" s="2">
        <v>12.108000000000001</v>
      </c>
      <c r="V2431" s="2">
        <v>0.17399999999999999</v>
      </c>
      <c r="W2431" s="2">
        <v>12</v>
      </c>
      <c r="X2431" s="2">
        <v>62</v>
      </c>
      <c r="Y2431" s="2">
        <v>234.1</v>
      </c>
      <c r="Z2431" s="5">
        <v>10</v>
      </c>
      <c r="AA2431" s="5" t="s">
        <v>43</v>
      </c>
      <c r="AB2431" s="5" t="s">
        <v>44</v>
      </c>
      <c r="AC2431" s="2" t="s">
        <v>90672</v>
      </c>
      <c r="AD2431" s="1"/>
    </row>
    <row r="2432" spans="1:30">
      <c r="A2432" s="5" t="s">
        <v>83578</v>
      </c>
      <c r="B2432" s="2" t="s">
        <v>90898</v>
      </c>
      <c r="C2432" s="14" t="s">
        <v>90899</v>
      </c>
      <c r="D2432" s="2" t="s">
        <v>90900</v>
      </c>
      <c r="E2432" s="2"/>
      <c r="F2432" s="8">
        <v>210</v>
      </c>
      <c r="G2432" s="5">
        <v>25</v>
      </c>
      <c r="H2432" s="5" t="s">
        <v>69</v>
      </c>
      <c r="I2432" s="5" t="s">
        <v>27074</v>
      </c>
      <c r="J2432" s="2" t="s">
        <v>27075</v>
      </c>
      <c r="K2432" s="5" t="s">
        <v>27074</v>
      </c>
      <c r="L2432" s="2" t="s">
        <v>27075</v>
      </c>
      <c r="M2432" s="5" t="s">
        <v>24254</v>
      </c>
      <c r="N2432" s="5" t="s">
        <v>38</v>
      </c>
      <c r="O2432" s="5" t="s">
        <v>39</v>
      </c>
      <c r="P2432" s="5" t="s">
        <v>40</v>
      </c>
      <c r="Q2432" s="5" t="s">
        <v>24335</v>
      </c>
      <c r="R2432" s="5" t="s">
        <v>40</v>
      </c>
      <c r="S2432" s="5" t="s">
        <v>42</v>
      </c>
      <c r="T2432" s="2">
        <v>8.5109999999999992</v>
      </c>
      <c r="U2432" s="2">
        <v>6.5819999999999999</v>
      </c>
      <c r="V2432" s="2">
        <v>0.17399999999999999</v>
      </c>
      <c r="W2432" s="2">
        <v>12</v>
      </c>
      <c r="X2432" s="2">
        <v>62</v>
      </c>
      <c r="Y2432" s="2">
        <v>234.1</v>
      </c>
      <c r="Z2432" s="5">
        <v>10</v>
      </c>
      <c r="AA2432" s="5" t="s">
        <v>43</v>
      </c>
      <c r="AB2432" s="5" t="s">
        <v>44</v>
      </c>
      <c r="AC2432" s="2" t="s">
        <v>35252</v>
      </c>
      <c r="AD2432" s="1"/>
    </row>
    <row r="2433" spans="1:30">
      <c r="A2433" s="5" t="s">
        <v>83578</v>
      </c>
      <c r="B2433" s="2" t="s">
        <v>90901</v>
      </c>
      <c r="C2433" s="14" t="s">
        <v>90902</v>
      </c>
      <c r="D2433" s="2" t="s">
        <v>90903</v>
      </c>
      <c r="E2433" s="2" t="s">
        <v>35339</v>
      </c>
      <c r="F2433" s="8">
        <v>361</v>
      </c>
      <c r="G2433" s="5">
        <v>25</v>
      </c>
      <c r="H2433" s="5" t="s">
        <v>69</v>
      </c>
      <c r="I2433" s="5" t="s">
        <v>27074</v>
      </c>
      <c r="J2433" s="2" t="s">
        <v>27075</v>
      </c>
      <c r="K2433" s="5" t="s">
        <v>27074</v>
      </c>
      <c r="L2433" s="2" t="s">
        <v>27075</v>
      </c>
      <c r="M2433" s="5" t="s">
        <v>24254</v>
      </c>
      <c r="N2433" s="5" t="s">
        <v>38</v>
      </c>
      <c r="O2433" s="5" t="s">
        <v>39</v>
      </c>
      <c r="P2433" s="5" t="s">
        <v>40</v>
      </c>
      <c r="Q2433" s="5" t="s">
        <v>24335</v>
      </c>
      <c r="R2433" s="5" t="s">
        <v>40</v>
      </c>
      <c r="S2433" s="5" t="s">
        <v>42</v>
      </c>
      <c r="T2433" s="2">
        <v>11.064</v>
      </c>
      <c r="U2433" s="2">
        <v>9.1349999999999998</v>
      </c>
      <c r="V2433" s="2">
        <v>0.129</v>
      </c>
      <c r="W2433" s="2">
        <v>12</v>
      </c>
      <c r="X2433" s="2">
        <v>62</v>
      </c>
      <c r="Y2433" s="2">
        <v>172.9</v>
      </c>
      <c r="Z2433" s="5">
        <v>10</v>
      </c>
      <c r="AA2433" s="5" t="s">
        <v>43</v>
      </c>
      <c r="AB2433" s="5" t="s">
        <v>44</v>
      </c>
      <c r="AC2433" s="2" t="s">
        <v>35340</v>
      </c>
      <c r="AD2433" s="1"/>
    </row>
    <row r="2434" spans="1:30">
      <c r="A2434" s="5" t="s">
        <v>83578</v>
      </c>
      <c r="B2434" s="2" t="s">
        <v>90904</v>
      </c>
      <c r="C2434" s="14" t="s">
        <v>90905</v>
      </c>
      <c r="D2434" s="2" t="s">
        <v>90906</v>
      </c>
      <c r="E2434" s="2" t="s">
        <v>35256</v>
      </c>
      <c r="F2434" s="8">
        <v>361</v>
      </c>
      <c r="G2434" s="5">
        <v>10</v>
      </c>
      <c r="H2434" s="5" t="s">
        <v>69</v>
      </c>
      <c r="I2434" s="5" t="s">
        <v>27074</v>
      </c>
      <c r="J2434" s="2" t="s">
        <v>27075</v>
      </c>
      <c r="K2434" s="5" t="s">
        <v>27074</v>
      </c>
      <c r="L2434" s="2" t="s">
        <v>27075</v>
      </c>
      <c r="M2434" s="5" t="s">
        <v>24254</v>
      </c>
      <c r="N2434" s="5" t="s">
        <v>38</v>
      </c>
      <c r="O2434" s="5" t="s">
        <v>39</v>
      </c>
      <c r="P2434" s="5" t="s">
        <v>40</v>
      </c>
      <c r="Q2434" s="5" t="s">
        <v>24340</v>
      </c>
      <c r="R2434" s="5" t="s">
        <v>40</v>
      </c>
      <c r="S2434" s="5" t="s">
        <v>42</v>
      </c>
      <c r="T2434" s="2">
        <v>10.497</v>
      </c>
      <c r="U2434" s="2">
        <v>9.1050000000000004</v>
      </c>
      <c r="V2434" s="2">
        <v>0.104</v>
      </c>
      <c r="W2434" s="2">
        <v>12</v>
      </c>
      <c r="X2434" s="2">
        <v>50</v>
      </c>
      <c r="Y2434" s="2">
        <v>173.9</v>
      </c>
      <c r="Z2434" s="5">
        <v>10</v>
      </c>
      <c r="AA2434" s="5" t="s">
        <v>43</v>
      </c>
      <c r="AB2434" s="5" t="s">
        <v>44</v>
      </c>
      <c r="AC2434" s="2" t="s">
        <v>35294</v>
      </c>
      <c r="AD2434" s="1"/>
    </row>
    <row r="2435" spans="1:30">
      <c r="A2435" s="5" t="s">
        <v>83578</v>
      </c>
      <c r="B2435" s="2" t="s">
        <v>90907</v>
      </c>
      <c r="C2435" s="14" t="s">
        <v>90908</v>
      </c>
      <c r="D2435" s="2" t="s">
        <v>90909</v>
      </c>
      <c r="E2435" s="2" t="s">
        <v>35339</v>
      </c>
      <c r="F2435" s="8">
        <v>361</v>
      </c>
      <c r="G2435" s="5">
        <v>25</v>
      </c>
      <c r="H2435" s="5" t="s">
        <v>69</v>
      </c>
      <c r="I2435" s="5" t="s">
        <v>27074</v>
      </c>
      <c r="J2435" s="2" t="s">
        <v>27075</v>
      </c>
      <c r="K2435" s="5" t="s">
        <v>27074</v>
      </c>
      <c r="L2435" s="2" t="s">
        <v>27075</v>
      </c>
      <c r="M2435" s="5" t="s">
        <v>24254</v>
      </c>
      <c r="N2435" s="5" t="s">
        <v>38</v>
      </c>
      <c r="O2435" s="5" t="s">
        <v>39</v>
      </c>
      <c r="P2435" s="5" t="s">
        <v>40</v>
      </c>
      <c r="Q2435" s="5" t="s">
        <v>24335</v>
      </c>
      <c r="R2435" s="5" t="s">
        <v>40</v>
      </c>
      <c r="S2435" s="5" t="s">
        <v>42</v>
      </c>
      <c r="T2435" s="2">
        <v>11.994999999999999</v>
      </c>
      <c r="U2435" s="2">
        <v>10.066000000000001</v>
      </c>
      <c r="V2435" s="2">
        <v>0.129</v>
      </c>
      <c r="W2435" s="2">
        <v>12</v>
      </c>
      <c r="X2435" s="2">
        <v>62</v>
      </c>
      <c r="Y2435" s="2">
        <v>172.9</v>
      </c>
      <c r="Z2435" s="5">
        <v>10</v>
      </c>
      <c r="AA2435" s="5" t="s">
        <v>43</v>
      </c>
      <c r="AB2435" s="5" t="s">
        <v>44</v>
      </c>
      <c r="AC2435" s="2" t="s">
        <v>35340</v>
      </c>
      <c r="AD2435" s="1"/>
    </row>
    <row r="2436" spans="1:30">
      <c r="A2436" s="5" t="s">
        <v>83578</v>
      </c>
      <c r="B2436" s="2" t="s">
        <v>90910</v>
      </c>
      <c r="C2436" s="14" t="s">
        <v>90911</v>
      </c>
      <c r="D2436" s="2" t="s">
        <v>90912</v>
      </c>
      <c r="E2436" s="2" t="s">
        <v>35298</v>
      </c>
      <c r="F2436" s="8">
        <v>361</v>
      </c>
      <c r="G2436" s="5">
        <v>10</v>
      </c>
      <c r="H2436" s="5" t="s">
        <v>69</v>
      </c>
      <c r="I2436" s="5" t="s">
        <v>27074</v>
      </c>
      <c r="J2436" s="2" t="s">
        <v>27075</v>
      </c>
      <c r="K2436" s="5" t="s">
        <v>27074</v>
      </c>
      <c r="L2436" s="2" t="s">
        <v>27075</v>
      </c>
      <c r="M2436" s="5" t="s">
        <v>24254</v>
      </c>
      <c r="N2436" s="5" t="s">
        <v>38</v>
      </c>
      <c r="O2436" s="5" t="s">
        <v>39</v>
      </c>
      <c r="P2436" s="5" t="s">
        <v>40</v>
      </c>
      <c r="Q2436" s="5" t="s">
        <v>25301</v>
      </c>
      <c r="R2436" s="5" t="s">
        <v>40</v>
      </c>
      <c r="S2436" s="5" t="s">
        <v>42</v>
      </c>
      <c r="T2436" s="2">
        <v>8.2330000000000005</v>
      </c>
      <c r="U2436" s="2">
        <v>6.84</v>
      </c>
      <c r="V2436" s="2">
        <v>0.104</v>
      </c>
      <c r="W2436" s="2">
        <v>12</v>
      </c>
      <c r="X2436" s="2">
        <v>50</v>
      </c>
      <c r="Y2436" s="2">
        <v>173.9</v>
      </c>
      <c r="Z2436" s="5">
        <v>10</v>
      </c>
      <c r="AA2436" s="5" t="s">
        <v>43</v>
      </c>
      <c r="AB2436" s="5" t="s">
        <v>44</v>
      </c>
      <c r="AC2436" s="2" t="s">
        <v>35299</v>
      </c>
      <c r="AD2436" s="1"/>
    </row>
    <row r="2437" spans="1:30">
      <c r="A2437" s="5" t="s">
        <v>83578</v>
      </c>
      <c r="B2437" s="2" t="s">
        <v>90913</v>
      </c>
      <c r="C2437" s="14" t="s">
        <v>90914</v>
      </c>
      <c r="D2437" s="2" t="s">
        <v>90915</v>
      </c>
      <c r="E2437" s="2"/>
      <c r="F2437" s="8">
        <v>361</v>
      </c>
      <c r="G2437" s="5">
        <v>10</v>
      </c>
      <c r="H2437" s="5" t="s">
        <v>69</v>
      </c>
      <c r="I2437" s="5" t="s">
        <v>27074</v>
      </c>
      <c r="J2437" s="2" t="s">
        <v>27075</v>
      </c>
      <c r="K2437" s="5" t="s">
        <v>27074</v>
      </c>
      <c r="L2437" s="2" t="s">
        <v>27075</v>
      </c>
      <c r="M2437" s="5" t="s">
        <v>24254</v>
      </c>
      <c r="N2437" s="5" t="s">
        <v>38</v>
      </c>
      <c r="O2437" s="5" t="s">
        <v>39</v>
      </c>
      <c r="P2437" s="5" t="s">
        <v>40</v>
      </c>
      <c r="Q2437" s="5" t="s">
        <v>25301</v>
      </c>
      <c r="R2437" s="5" t="s">
        <v>40</v>
      </c>
      <c r="S2437" s="5" t="s">
        <v>42</v>
      </c>
      <c r="T2437" s="2">
        <v>10.006</v>
      </c>
      <c r="U2437" s="2">
        <v>8.0760000000000005</v>
      </c>
      <c r="V2437" s="2">
        <v>0.129</v>
      </c>
      <c r="W2437" s="2">
        <v>12</v>
      </c>
      <c r="X2437" s="2">
        <v>62</v>
      </c>
      <c r="Y2437" s="2">
        <v>172.9</v>
      </c>
      <c r="Z2437" s="5">
        <v>10</v>
      </c>
      <c r="AA2437" s="5" t="s">
        <v>43</v>
      </c>
      <c r="AB2437" s="5" t="s">
        <v>44</v>
      </c>
      <c r="AC2437" s="2" t="s">
        <v>90672</v>
      </c>
      <c r="AD2437" s="1"/>
    </row>
    <row r="2438" spans="1:30">
      <c r="A2438" s="5" t="s">
        <v>83578</v>
      </c>
      <c r="B2438" s="2" t="s">
        <v>90916</v>
      </c>
      <c r="C2438" s="14" t="s">
        <v>90917</v>
      </c>
      <c r="D2438" s="2" t="s">
        <v>90918</v>
      </c>
      <c r="E2438" s="2"/>
      <c r="F2438" s="8">
        <v>361</v>
      </c>
      <c r="G2438" s="5">
        <v>10</v>
      </c>
      <c r="H2438" s="5" t="s">
        <v>69</v>
      </c>
      <c r="I2438" s="5" t="s">
        <v>27074</v>
      </c>
      <c r="J2438" s="2" t="s">
        <v>27075</v>
      </c>
      <c r="K2438" s="5" t="s">
        <v>27074</v>
      </c>
      <c r="L2438" s="2" t="s">
        <v>27075</v>
      </c>
      <c r="M2438" s="5" t="s">
        <v>24254</v>
      </c>
      <c r="N2438" s="5" t="s">
        <v>38</v>
      </c>
      <c r="O2438" s="5" t="s">
        <v>39</v>
      </c>
      <c r="P2438" s="5" t="s">
        <v>40</v>
      </c>
      <c r="Q2438" s="5" t="s">
        <v>25301</v>
      </c>
      <c r="R2438" s="5" t="s">
        <v>40</v>
      </c>
      <c r="S2438" s="5" t="s">
        <v>42</v>
      </c>
      <c r="T2438" s="2">
        <v>10.755000000000001</v>
      </c>
      <c r="U2438" s="2">
        <v>8.8249999999999993</v>
      </c>
      <c r="V2438" s="2">
        <v>0.129</v>
      </c>
      <c r="W2438" s="2">
        <v>12</v>
      </c>
      <c r="X2438" s="2">
        <v>62</v>
      </c>
      <c r="Y2438" s="2">
        <v>172.9</v>
      </c>
      <c r="Z2438" s="5">
        <v>10</v>
      </c>
      <c r="AA2438" s="5" t="s">
        <v>43</v>
      </c>
      <c r="AB2438" s="5" t="s">
        <v>44</v>
      </c>
      <c r="AC2438" s="2" t="s">
        <v>90672</v>
      </c>
      <c r="AD2438" s="1"/>
    </row>
    <row r="2439" spans="1:30">
      <c r="A2439" s="5" t="s">
        <v>83578</v>
      </c>
      <c r="B2439" s="2" t="s">
        <v>90919</v>
      </c>
      <c r="C2439" s="14" t="s">
        <v>90920</v>
      </c>
      <c r="D2439" s="2" t="s">
        <v>90921</v>
      </c>
      <c r="E2439" s="2"/>
      <c r="F2439" s="8">
        <v>221</v>
      </c>
      <c r="G2439" s="5">
        <v>25</v>
      </c>
      <c r="H2439" s="5" t="s">
        <v>69</v>
      </c>
      <c r="I2439" s="5" t="s">
        <v>27074</v>
      </c>
      <c r="J2439" s="2" t="s">
        <v>27075</v>
      </c>
      <c r="K2439" s="5" t="s">
        <v>27074</v>
      </c>
      <c r="L2439" s="2" t="s">
        <v>27075</v>
      </c>
      <c r="M2439" s="5" t="s">
        <v>24254</v>
      </c>
      <c r="N2439" s="5" t="s">
        <v>38</v>
      </c>
      <c r="O2439" s="5" t="s">
        <v>39</v>
      </c>
      <c r="P2439" s="5" t="s">
        <v>40</v>
      </c>
      <c r="Q2439" s="5" t="s">
        <v>24335</v>
      </c>
      <c r="R2439" s="5" t="s">
        <v>40</v>
      </c>
      <c r="S2439" s="5" t="s">
        <v>42</v>
      </c>
      <c r="T2439" s="2">
        <v>9.0129999999999999</v>
      </c>
      <c r="U2439" s="2">
        <v>6.3070000000000004</v>
      </c>
      <c r="V2439" s="2">
        <v>0.17399999999999999</v>
      </c>
      <c r="W2439" s="2">
        <v>12</v>
      </c>
      <c r="X2439" s="2">
        <v>62</v>
      </c>
      <c r="Y2439" s="2">
        <v>234.1</v>
      </c>
      <c r="Z2439" s="5">
        <v>10</v>
      </c>
      <c r="AA2439" s="5" t="s">
        <v>43</v>
      </c>
      <c r="AB2439" s="5" t="s">
        <v>44</v>
      </c>
      <c r="AC2439" s="2" t="s">
        <v>35252</v>
      </c>
      <c r="AD2439" s="1"/>
    </row>
    <row r="2440" spans="1:30">
      <c r="A2440" s="5" t="s">
        <v>83578</v>
      </c>
      <c r="B2440" s="2" t="s">
        <v>90922</v>
      </c>
      <c r="C2440" s="14" t="s">
        <v>90923</v>
      </c>
      <c r="D2440" s="2" t="s">
        <v>90924</v>
      </c>
      <c r="E2440" s="2"/>
      <c r="F2440" s="8">
        <v>221</v>
      </c>
      <c r="G2440" s="5">
        <v>25</v>
      </c>
      <c r="H2440" s="5" t="s">
        <v>69</v>
      </c>
      <c r="I2440" s="5" t="s">
        <v>27074</v>
      </c>
      <c r="J2440" s="2" t="s">
        <v>27075</v>
      </c>
      <c r="K2440" s="5" t="s">
        <v>27074</v>
      </c>
      <c r="L2440" s="2" t="s">
        <v>27075</v>
      </c>
      <c r="M2440" s="5" t="s">
        <v>24254</v>
      </c>
      <c r="N2440" s="5" t="s">
        <v>38</v>
      </c>
      <c r="O2440" s="5" t="s">
        <v>39</v>
      </c>
      <c r="P2440" s="5" t="s">
        <v>40</v>
      </c>
      <c r="Q2440" s="5" t="s">
        <v>24335</v>
      </c>
      <c r="R2440" s="5" t="s">
        <v>40</v>
      </c>
      <c r="S2440" s="5" t="s">
        <v>42</v>
      </c>
      <c r="T2440" s="2">
        <v>9.7620000000000005</v>
      </c>
      <c r="U2440" s="2">
        <v>7.056</v>
      </c>
      <c r="V2440" s="2">
        <v>0.17399999999999999</v>
      </c>
      <c r="W2440" s="2">
        <v>12</v>
      </c>
      <c r="X2440" s="2">
        <v>62</v>
      </c>
      <c r="Y2440" s="2">
        <v>234.1</v>
      </c>
      <c r="Z2440" s="5">
        <v>10</v>
      </c>
      <c r="AA2440" s="5" t="s">
        <v>43</v>
      </c>
      <c r="AB2440" s="5" t="s">
        <v>44</v>
      </c>
      <c r="AC2440" s="2" t="s">
        <v>35252</v>
      </c>
      <c r="AD2440" s="1"/>
    </row>
    <row r="2441" spans="1:30">
      <c r="A2441" s="5" t="s">
        <v>83578</v>
      </c>
      <c r="B2441" s="2" t="s">
        <v>90925</v>
      </c>
      <c r="C2441" s="14" t="s">
        <v>90926</v>
      </c>
      <c r="D2441" s="2" t="s">
        <v>90927</v>
      </c>
      <c r="E2441" s="2" t="s">
        <v>35256</v>
      </c>
      <c r="F2441" s="8">
        <v>372</v>
      </c>
      <c r="G2441" s="5">
        <v>10</v>
      </c>
      <c r="H2441" s="5" t="s">
        <v>69</v>
      </c>
      <c r="I2441" s="5" t="s">
        <v>27074</v>
      </c>
      <c r="J2441" s="2" t="s">
        <v>27075</v>
      </c>
      <c r="K2441" s="5" t="s">
        <v>27074</v>
      </c>
      <c r="L2441" s="2" t="s">
        <v>27075</v>
      </c>
      <c r="M2441" s="5" t="s">
        <v>24254</v>
      </c>
      <c r="N2441" s="5" t="s">
        <v>38</v>
      </c>
      <c r="O2441" s="5" t="s">
        <v>39</v>
      </c>
      <c r="P2441" s="5" t="s">
        <v>40</v>
      </c>
      <c r="Q2441" s="5" t="s">
        <v>24340</v>
      </c>
      <c r="R2441" s="5" t="s">
        <v>40</v>
      </c>
      <c r="S2441" s="5" t="s">
        <v>42</v>
      </c>
      <c r="T2441" s="2">
        <v>9.9930000000000003</v>
      </c>
      <c r="U2441" s="2">
        <v>8.6010000000000009</v>
      </c>
      <c r="V2441" s="2">
        <v>0.104</v>
      </c>
      <c r="W2441" s="2">
        <v>12</v>
      </c>
      <c r="X2441" s="2">
        <v>50</v>
      </c>
      <c r="Y2441" s="2">
        <v>173.9</v>
      </c>
      <c r="Z2441" s="5">
        <v>10</v>
      </c>
      <c r="AA2441" s="5" t="s">
        <v>43</v>
      </c>
      <c r="AB2441" s="5" t="s">
        <v>44</v>
      </c>
      <c r="AC2441" s="2" t="s">
        <v>35257</v>
      </c>
      <c r="AD2441" s="1"/>
    </row>
    <row r="2442" spans="1:30">
      <c r="A2442" s="5" t="s">
        <v>83578</v>
      </c>
      <c r="B2442" s="2" t="s">
        <v>90928</v>
      </c>
      <c r="C2442" s="14" t="s">
        <v>90929</v>
      </c>
      <c r="D2442" s="2" t="s">
        <v>90930</v>
      </c>
      <c r="E2442" s="2" t="s">
        <v>35339</v>
      </c>
      <c r="F2442" s="8">
        <v>372</v>
      </c>
      <c r="G2442" s="5">
        <v>25</v>
      </c>
      <c r="H2442" s="5" t="s">
        <v>69</v>
      </c>
      <c r="I2442" s="5" t="s">
        <v>27074</v>
      </c>
      <c r="J2442" s="2" t="s">
        <v>27075</v>
      </c>
      <c r="K2442" s="5" t="s">
        <v>27074</v>
      </c>
      <c r="L2442" s="2" t="s">
        <v>27075</v>
      </c>
      <c r="M2442" s="5" t="s">
        <v>24254</v>
      </c>
      <c r="N2442" s="5" t="s">
        <v>38</v>
      </c>
      <c r="O2442" s="5" t="s">
        <v>39</v>
      </c>
      <c r="P2442" s="5" t="s">
        <v>40</v>
      </c>
      <c r="Q2442" s="5" t="s">
        <v>24335</v>
      </c>
      <c r="R2442" s="5" t="s">
        <v>40</v>
      </c>
      <c r="S2442" s="5" t="s">
        <v>42</v>
      </c>
      <c r="T2442" s="2">
        <v>12.773999999999999</v>
      </c>
      <c r="U2442" s="2">
        <v>10.068</v>
      </c>
      <c r="V2442" s="2">
        <v>0.14899999999999999</v>
      </c>
      <c r="W2442" s="2">
        <v>12</v>
      </c>
      <c r="X2442" s="2">
        <v>62</v>
      </c>
      <c r="Y2442" s="2">
        <v>199.7</v>
      </c>
      <c r="Z2442" s="5">
        <v>10</v>
      </c>
      <c r="AA2442" s="5" t="s">
        <v>43</v>
      </c>
      <c r="AB2442" s="5" t="s">
        <v>44</v>
      </c>
      <c r="AC2442" s="2" t="s">
        <v>35340</v>
      </c>
      <c r="AD2442" s="1"/>
    </row>
    <row r="2443" spans="1:30">
      <c r="A2443" s="5" t="s">
        <v>83578</v>
      </c>
      <c r="B2443" s="2" t="s">
        <v>90931</v>
      </c>
      <c r="C2443" s="14" t="s">
        <v>90932</v>
      </c>
      <c r="D2443" s="2" t="s">
        <v>90933</v>
      </c>
      <c r="E2443" s="2" t="s">
        <v>35256</v>
      </c>
      <c r="F2443" s="8">
        <v>372</v>
      </c>
      <c r="G2443" s="5">
        <v>10</v>
      </c>
      <c r="H2443" s="5" t="s">
        <v>69</v>
      </c>
      <c r="I2443" s="5" t="s">
        <v>27074</v>
      </c>
      <c r="J2443" s="2" t="s">
        <v>27075</v>
      </c>
      <c r="K2443" s="5" t="s">
        <v>27074</v>
      </c>
      <c r="L2443" s="2" t="s">
        <v>27075</v>
      </c>
      <c r="M2443" s="5" t="s">
        <v>24254</v>
      </c>
      <c r="N2443" s="5" t="s">
        <v>38</v>
      </c>
      <c r="O2443" s="5" t="s">
        <v>39</v>
      </c>
      <c r="P2443" s="5" t="s">
        <v>40</v>
      </c>
      <c r="Q2443" s="5" t="s">
        <v>24340</v>
      </c>
      <c r="R2443" s="5" t="s">
        <v>40</v>
      </c>
      <c r="S2443" s="5" t="s">
        <v>42</v>
      </c>
      <c r="T2443" s="2">
        <v>11.353999999999999</v>
      </c>
      <c r="U2443" s="2">
        <v>9.9619999999999997</v>
      </c>
      <c r="V2443" s="2">
        <v>0.104</v>
      </c>
      <c r="W2443" s="2">
        <v>12</v>
      </c>
      <c r="X2443" s="2">
        <v>50</v>
      </c>
      <c r="Y2443" s="2">
        <v>173.9</v>
      </c>
      <c r="Z2443" s="5">
        <v>10</v>
      </c>
      <c r="AA2443" s="5" t="s">
        <v>43</v>
      </c>
      <c r="AB2443" s="5" t="s">
        <v>44</v>
      </c>
      <c r="AC2443" s="2" t="s">
        <v>35294</v>
      </c>
      <c r="AD2443" s="1"/>
    </row>
    <row r="2444" spans="1:30">
      <c r="A2444" s="5" t="s">
        <v>83578</v>
      </c>
      <c r="B2444" s="2" t="s">
        <v>90934</v>
      </c>
      <c r="C2444" s="14" t="s">
        <v>90935</v>
      </c>
      <c r="D2444" s="2" t="s">
        <v>90936</v>
      </c>
      <c r="E2444" s="2" t="s">
        <v>35339</v>
      </c>
      <c r="F2444" s="8">
        <v>372</v>
      </c>
      <c r="G2444" s="5">
        <v>25</v>
      </c>
      <c r="H2444" s="5" t="s">
        <v>69</v>
      </c>
      <c r="I2444" s="5" t="s">
        <v>27074</v>
      </c>
      <c r="J2444" s="2" t="s">
        <v>27075</v>
      </c>
      <c r="K2444" s="5" t="s">
        <v>27074</v>
      </c>
      <c r="L2444" s="2" t="s">
        <v>27075</v>
      </c>
      <c r="M2444" s="5" t="s">
        <v>24254</v>
      </c>
      <c r="N2444" s="5" t="s">
        <v>38</v>
      </c>
      <c r="O2444" s="5" t="s">
        <v>39</v>
      </c>
      <c r="P2444" s="5" t="s">
        <v>40</v>
      </c>
      <c r="Q2444" s="5" t="s">
        <v>24335</v>
      </c>
      <c r="R2444" s="5" t="s">
        <v>40</v>
      </c>
      <c r="S2444" s="5" t="s">
        <v>42</v>
      </c>
      <c r="T2444" s="2">
        <v>13.705</v>
      </c>
      <c r="U2444" s="2">
        <v>10.999000000000001</v>
      </c>
      <c r="V2444" s="2">
        <v>0.14899999999999999</v>
      </c>
      <c r="W2444" s="2">
        <v>12</v>
      </c>
      <c r="X2444" s="2">
        <v>62</v>
      </c>
      <c r="Y2444" s="2">
        <v>199.7</v>
      </c>
      <c r="Z2444" s="5">
        <v>10</v>
      </c>
      <c r="AA2444" s="5" t="s">
        <v>43</v>
      </c>
      <c r="AB2444" s="5" t="s">
        <v>44</v>
      </c>
      <c r="AC2444" s="2" t="s">
        <v>35340</v>
      </c>
      <c r="AD2444" s="1"/>
    </row>
    <row r="2445" spans="1:30">
      <c r="A2445" s="5" t="s">
        <v>83578</v>
      </c>
      <c r="B2445" s="2" t="s">
        <v>90937</v>
      </c>
      <c r="C2445" s="14" t="s">
        <v>90938</v>
      </c>
      <c r="D2445" s="2" t="s">
        <v>90939</v>
      </c>
      <c r="E2445" s="2"/>
      <c r="F2445" s="8">
        <v>372</v>
      </c>
      <c r="G2445" s="5">
        <v>10</v>
      </c>
      <c r="H2445" s="5" t="s">
        <v>69</v>
      </c>
      <c r="I2445" s="5" t="s">
        <v>27074</v>
      </c>
      <c r="J2445" s="2" t="s">
        <v>27075</v>
      </c>
      <c r="K2445" s="5" t="s">
        <v>27074</v>
      </c>
      <c r="L2445" s="2" t="s">
        <v>27075</v>
      </c>
      <c r="M2445" s="5" t="s">
        <v>24254</v>
      </c>
      <c r="N2445" s="5" t="s">
        <v>38</v>
      </c>
      <c r="O2445" s="5" t="s">
        <v>39</v>
      </c>
      <c r="P2445" s="5" t="s">
        <v>40</v>
      </c>
      <c r="Q2445" s="5" t="s">
        <v>25301</v>
      </c>
      <c r="R2445" s="5" t="s">
        <v>40</v>
      </c>
      <c r="S2445" s="5" t="s">
        <v>42</v>
      </c>
      <c r="T2445" s="2">
        <v>11.602</v>
      </c>
      <c r="U2445" s="2">
        <v>8.8949999999999996</v>
      </c>
      <c r="V2445" s="2">
        <v>0.14899999999999999</v>
      </c>
      <c r="W2445" s="2">
        <v>12</v>
      </c>
      <c r="X2445" s="2">
        <v>62</v>
      </c>
      <c r="Y2445" s="2">
        <v>199.7</v>
      </c>
      <c r="Z2445" s="5">
        <v>10</v>
      </c>
      <c r="AA2445" s="5" t="s">
        <v>43</v>
      </c>
      <c r="AB2445" s="5" t="s">
        <v>44</v>
      </c>
      <c r="AC2445" s="2" t="s">
        <v>90672</v>
      </c>
      <c r="AD2445" s="1"/>
    </row>
    <row r="2446" spans="1:30">
      <c r="A2446" s="5" t="s">
        <v>83578</v>
      </c>
      <c r="B2446" s="2" t="s">
        <v>90940</v>
      </c>
      <c r="C2446" s="14" t="s">
        <v>90941</v>
      </c>
      <c r="D2446" s="2" t="s">
        <v>90942</v>
      </c>
      <c r="E2446" s="2" t="s">
        <v>35298</v>
      </c>
      <c r="F2446" s="8">
        <v>372</v>
      </c>
      <c r="G2446" s="5">
        <v>10</v>
      </c>
      <c r="H2446" s="5" t="s">
        <v>69</v>
      </c>
      <c r="I2446" s="5" t="s">
        <v>27074</v>
      </c>
      <c r="J2446" s="2" t="s">
        <v>27075</v>
      </c>
      <c r="K2446" s="5" t="s">
        <v>27074</v>
      </c>
      <c r="L2446" s="2" t="s">
        <v>27075</v>
      </c>
      <c r="M2446" s="5" t="s">
        <v>24254</v>
      </c>
      <c r="N2446" s="5" t="s">
        <v>38</v>
      </c>
      <c r="O2446" s="5" t="s">
        <v>39</v>
      </c>
      <c r="P2446" s="5" t="s">
        <v>40</v>
      </c>
      <c r="Q2446" s="5" t="s">
        <v>25301</v>
      </c>
      <c r="R2446" s="5" t="s">
        <v>40</v>
      </c>
      <c r="S2446" s="5" t="s">
        <v>42</v>
      </c>
      <c r="T2446" s="2">
        <v>9.9990000000000006</v>
      </c>
      <c r="U2446" s="2">
        <v>8.6059999999999999</v>
      </c>
      <c r="V2446" s="2">
        <v>0.104</v>
      </c>
      <c r="W2446" s="2">
        <v>12</v>
      </c>
      <c r="X2446" s="2">
        <v>50</v>
      </c>
      <c r="Y2446" s="2">
        <v>173.9</v>
      </c>
      <c r="Z2446" s="5">
        <v>10</v>
      </c>
      <c r="AA2446" s="5" t="s">
        <v>43</v>
      </c>
      <c r="AB2446" s="5" t="s">
        <v>44</v>
      </c>
      <c r="AC2446" s="2" t="s">
        <v>35395</v>
      </c>
      <c r="AD2446" s="1"/>
    </row>
    <row r="2447" spans="1:30">
      <c r="A2447" s="5" t="s">
        <v>83578</v>
      </c>
      <c r="B2447" s="2" t="s">
        <v>90943</v>
      </c>
      <c r="C2447" s="14" t="s">
        <v>90944</v>
      </c>
      <c r="D2447" s="2" t="s">
        <v>90945</v>
      </c>
      <c r="E2447" s="2"/>
      <c r="F2447" s="8">
        <v>372</v>
      </c>
      <c r="G2447" s="5">
        <v>10</v>
      </c>
      <c r="H2447" s="5" t="s">
        <v>69</v>
      </c>
      <c r="I2447" s="5" t="s">
        <v>27074</v>
      </c>
      <c r="J2447" s="2" t="s">
        <v>27075</v>
      </c>
      <c r="K2447" s="5" t="s">
        <v>27074</v>
      </c>
      <c r="L2447" s="2" t="s">
        <v>27075</v>
      </c>
      <c r="M2447" s="5" t="s">
        <v>24254</v>
      </c>
      <c r="N2447" s="5" t="s">
        <v>38</v>
      </c>
      <c r="O2447" s="5" t="s">
        <v>39</v>
      </c>
      <c r="P2447" s="5" t="s">
        <v>40</v>
      </c>
      <c r="Q2447" s="5" t="s">
        <v>25301</v>
      </c>
      <c r="R2447" s="5" t="s">
        <v>40</v>
      </c>
      <c r="S2447" s="5" t="s">
        <v>42</v>
      </c>
      <c r="T2447" s="2">
        <v>12.351000000000001</v>
      </c>
      <c r="U2447" s="2">
        <v>9.6440000000000001</v>
      </c>
      <c r="V2447" s="2">
        <v>0.14899999999999999</v>
      </c>
      <c r="W2447" s="2">
        <v>12</v>
      </c>
      <c r="X2447" s="2">
        <v>62</v>
      </c>
      <c r="Y2447" s="2">
        <v>199.7</v>
      </c>
      <c r="Z2447" s="5">
        <v>10</v>
      </c>
      <c r="AA2447" s="5" t="s">
        <v>43</v>
      </c>
      <c r="AB2447" s="5" t="s">
        <v>44</v>
      </c>
      <c r="AC2447" s="2" t="s">
        <v>90672</v>
      </c>
      <c r="AD2447" s="1"/>
    </row>
    <row r="2448" spans="1:30">
      <c r="A2448" s="5" t="s">
        <v>83578</v>
      </c>
      <c r="B2448" s="2" t="s">
        <v>90946</v>
      </c>
      <c r="C2448" s="14" t="s">
        <v>90947</v>
      </c>
      <c r="D2448" s="2" t="s">
        <v>90948</v>
      </c>
      <c r="E2448" s="2"/>
      <c r="F2448" s="8">
        <v>234</v>
      </c>
      <c r="G2448" s="5">
        <v>25</v>
      </c>
      <c r="H2448" s="5" t="s">
        <v>69</v>
      </c>
      <c r="I2448" s="5" t="s">
        <v>27074</v>
      </c>
      <c r="J2448" s="2" t="s">
        <v>27075</v>
      </c>
      <c r="K2448" s="5" t="s">
        <v>27074</v>
      </c>
      <c r="L2448" s="2" t="s">
        <v>27075</v>
      </c>
      <c r="M2448" s="5" t="s">
        <v>24254</v>
      </c>
      <c r="N2448" s="5" t="s">
        <v>38</v>
      </c>
      <c r="O2448" s="5" t="s">
        <v>39</v>
      </c>
      <c r="P2448" s="5" t="s">
        <v>40</v>
      </c>
      <c r="Q2448" s="5" t="s">
        <v>24335</v>
      </c>
      <c r="R2448" s="5" t="s">
        <v>40</v>
      </c>
      <c r="S2448" s="5" t="s">
        <v>42</v>
      </c>
      <c r="T2448" s="2">
        <v>9.0790000000000006</v>
      </c>
      <c r="U2448" s="2">
        <v>8.9819999999999993</v>
      </c>
      <c r="V2448" s="2">
        <v>0.17399999999999999</v>
      </c>
      <c r="W2448" s="2">
        <v>12</v>
      </c>
      <c r="X2448" s="2">
        <v>62</v>
      </c>
      <c r="Y2448" s="2">
        <v>234.1</v>
      </c>
      <c r="Z2448" s="5">
        <v>10</v>
      </c>
      <c r="AA2448" s="5" t="s">
        <v>43</v>
      </c>
      <c r="AB2448" s="5" t="s">
        <v>44</v>
      </c>
      <c r="AC2448" s="2" t="s">
        <v>35252</v>
      </c>
      <c r="AD2448" s="1"/>
    </row>
    <row r="2449" spans="1:30">
      <c r="A2449" s="5" t="s">
        <v>83578</v>
      </c>
      <c r="B2449" s="2" t="s">
        <v>90949</v>
      </c>
      <c r="C2449" s="14" t="s">
        <v>90950</v>
      </c>
      <c r="D2449" s="2" t="s">
        <v>90951</v>
      </c>
      <c r="E2449" s="2" t="s">
        <v>35256</v>
      </c>
      <c r="F2449" s="8">
        <v>385</v>
      </c>
      <c r="G2449" s="5">
        <v>10</v>
      </c>
      <c r="H2449" s="5" t="s">
        <v>69</v>
      </c>
      <c r="I2449" s="5" t="s">
        <v>27074</v>
      </c>
      <c r="J2449" s="2" t="s">
        <v>27075</v>
      </c>
      <c r="K2449" s="5" t="s">
        <v>27074</v>
      </c>
      <c r="L2449" s="2" t="s">
        <v>27075</v>
      </c>
      <c r="M2449" s="5" t="s">
        <v>24254</v>
      </c>
      <c r="N2449" s="5" t="s">
        <v>38</v>
      </c>
      <c r="O2449" s="5" t="s">
        <v>39</v>
      </c>
      <c r="P2449" s="5" t="s">
        <v>40</v>
      </c>
      <c r="Q2449" s="5" t="s">
        <v>24340</v>
      </c>
      <c r="R2449" s="5" t="s">
        <v>40</v>
      </c>
      <c r="S2449" s="5" t="s">
        <v>42</v>
      </c>
      <c r="T2449" s="2">
        <v>11.141</v>
      </c>
      <c r="U2449" s="2">
        <v>9.3930000000000007</v>
      </c>
      <c r="V2449" s="2">
        <v>0.104</v>
      </c>
      <c r="W2449" s="2">
        <v>12</v>
      </c>
      <c r="X2449" s="2">
        <v>50</v>
      </c>
      <c r="Y2449" s="2">
        <v>173.9</v>
      </c>
      <c r="Z2449" s="5">
        <v>10</v>
      </c>
      <c r="AA2449" s="5" t="s">
        <v>43</v>
      </c>
      <c r="AB2449" s="5" t="s">
        <v>44</v>
      </c>
      <c r="AC2449" s="2" t="s">
        <v>35257</v>
      </c>
      <c r="AD2449" s="1"/>
    </row>
    <row r="2450" spans="1:30">
      <c r="A2450" s="5" t="s">
        <v>83578</v>
      </c>
      <c r="B2450" s="2" t="s">
        <v>90952</v>
      </c>
      <c r="C2450" s="14" t="s">
        <v>90953</v>
      </c>
      <c r="D2450" s="2" t="s">
        <v>90954</v>
      </c>
      <c r="E2450" s="2" t="s">
        <v>35339</v>
      </c>
      <c r="F2450" s="8">
        <v>385</v>
      </c>
      <c r="G2450" s="5">
        <v>25</v>
      </c>
      <c r="H2450" s="5" t="s">
        <v>69</v>
      </c>
      <c r="I2450" s="5" t="s">
        <v>27074</v>
      </c>
      <c r="J2450" s="2" t="s">
        <v>27075</v>
      </c>
      <c r="K2450" s="5" t="s">
        <v>27074</v>
      </c>
      <c r="L2450" s="2" t="s">
        <v>27075</v>
      </c>
      <c r="M2450" s="5" t="s">
        <v>24254</v>
      </c>
      <c r="N2450" s="5" t="s">
        <v>38</v>
      </c>
      <c r="O2450" s="5" t="s">
        <v>39</v>
      </c>
      <c r="P2450" s="5" t="s">
        <v>40</v>
      </c>
      <c r="Q2450" s="5" t="s">
        <v>24335</v>
      </c>
      <c r="R2450" s="5" t="s">
        <v>40</v>
      </c>
      <c r="S2450" s="5" t="s">
        <v>42</v>
      </c>
      <c r="T2450" s="2">
        <v>13.268000000000001</v>
      </c>
      <c r="U2450" s="2">
        <v>13.170999999999999</v>
      </c>
      <c r="V2450" s="2">
        <v>0.17399999999999999</v>
      </c>
      <c r="W2450" s="2">
        <v>12</v>
      </c>
      <c r="X2450" s="2">
        <v>62</v>
      </c>
      <c r="Y2450" s="2">
        <v>234.1</v>
      </c>
      <c r="Z2450" s="5">
        <v>10</v>
      </c>
      <c r="AA2450" s="5" t="s">
        <v>43</v>
      </c>
      <c r="AB2450" s="5" t="s">
        <v>44</v>
      </c>
      <c r="AC2450" s="2" t="s">
        <v>35340</v>
      </c>
      <c r="AD2450" s="1"/>
    </row>
    <row r="2451" spans="1:30">
      <c r="A2451" s="5" t="s">
        <v>83578</v>
      </c>
      <c r="B2451" s="2" t="s">
        <v>90955</v>
      </c>
      <c r="C2451" s="14" t="s">
        <v>90956</v>
      </c>
      <c r="D2451" s="2" t="s">
        <v>90957</v>
      </c>
      <c r="E2451" s="2" t="s">
        <v>35256</v>
      </c>
      <c r="F2451" s="8">
        <v>385</v>
      </c>
      <c r="G2451" s="5">
        <v>10</v>
      </c>
      <c r="H2451" s="5" t="s">
        <v>69</v>
      </c>
      <c r="I2451" s="5" t="s">
        <v>27074</v>
      </c>
      <c r="J2451" s="2" t="s">
        <v>27075</v>
      </c>
      <c r="K2451" s="5" t="s">
        <v>27074</v>
      </c>
      <c r="L2451" s="2" t="s">
        <v>27075</v>
      </c>
      <c r="M2451" s="5" t="s">
        <v>24254</v>
      </c>
      <c r="N2451" s="5" t="s">
        <v>38</v>
      </c>
      <c r="O2451" s="5" t="s">
        <v>39</v>
      </c>
      <c r="P2451" s="5" t="s">
        <v>40</v>
      </c>
      <c r="Q2451" s="5" t="s">
        <v>24340</v>
      </c>
      <c r="R2451" s="5" t="s">
        <v>40</v>
      </c>
      <c r="S2451" s="5" t="s">
        <v>42</v>
      </c>
      <c r="T2451" s="2">
        <v>12.502000000000001</v>
      </c>
      <c r="U2451" s="2">
        <v>10.754</v>
      </c>
      <c r="V2451" s="2">
        <v>0.104</v>
      </c>
      <c r="W2451" s="2">
        <v>12</v>
      </c>
      <c r="X2451" s="2">
        <v>50</v>
      </c>
      <c r="Y2451" s="2">
        <v>173.9</v>
      </c>
      <c r="Z2451" s="5">
        <v>10</v>
      </c>
      <c r="AA2451" s="5" t="s">
        <v>43</v>
      </c>
      <c r="AB2451" s="5" t="s">
        <v>44</v>
      </c>
      <c r="AC2451" s="2" t="s">
        <v>35294</v>
      </c>
      <c r="AD2451" s="1"/>
    </row>
    <row r="2452" spans="1:30">
      <c r="A2452" s="5" t="s">
        <v>83578</v>
      </c>
      <c r="B2452" s="2" t="s">
        <v>90958</v>
      </c>
      <c r="C2452" s="14" t="s">
        <v>90959</v>
      </c>
      <c r="D2452" s="2" t="s">
        <v>90960</v>
      </c>
      <c r="E2452" s="2" t="s">
        <v>35339</v>
      </c>
      <c r="F2452" s="8">
        <v>385</v>
      </c>
      <c r="G2452" s="5">
        <v>25</v>
      </c>
      <c r="H2452" s="5" t="s">
        <v>69</v>
      </c>
      <c r="I2452" s="5" t="s">
        <v>27074</v>
      </c>
      <c r="J2452" s="2" t="s">
        <v>27075</v>
      </c>
      <c r="K2452" s="5" t="s">
        <v>27074</v>
      </c>
      <c r="L2452" s="2" t="s">
        <v>27075</v>
      </c>
      <c r="M2452" s="5" t="s">
        <v>24254</v>
      </c>
      <c r="N2452" s="5" t="s">
        <v>38</v>
      </c>
      <c r="O2452" s="5" t="s">
        <v>39</v>
      </c>
      <c r="P2452" s="5" t="s">
        <v>40</v>
      </c>
      <c r="Q2452" s="5" t="s">
        <v>24335</v>
      </c>
      <c r="R2452" s="5" t="s">
        <v>40</v>
      </c>
      <c r="S2452" s="5" t="s">
        <v>42</v>
      </c>
      <c r="T2452" s="2">
        <v>14.199</v>
      </c>
      <c r="U2452" s="2">
        <v>14.102</v>
      </c>
      <c r="V2452" s="2">
        <v>0.17399999999999999</v>
      </c>
      <c r="W2452" s="2">
        <v>12</v>
      </c>
      <c r="X2452" s="2">
        <v>62</v>
      </c>
      <c r="Y2452" s="2">
        <v>234.1</v>
      </c>
      <c r="Z2452" s="5">
        <v>10</v>
      </c>
      <c r="AA2452" s="5" t="s">
        <v>43</v>
      </c>
      <c r="AB2452" s="5" t="s">
        <v>44</v>
      </c>
      <c r="AC2452" s="2" t="s">
        <v>35340</v>
      </c>
      <c r="AD2452" s="1"/>
    </row>
    <row r="2453" spans="1:30">
      <c r="A2453" s="5" t="s">
        <v>83578</v>
      </c>
      <c r="B2453" s="2" t="s">
        <v>90961</v>
      </c>
      <c r="C2453" s="14" t="s">
        <v>90962</v>
      </c>
      <c r="D2453" s="2" t="s">
        <v>90963</v>
      </c>
      <c r="E2453" s="2" t="s">
        <v>35298</v>
      </c>
      <c r="F2453" s="8">
        <v>385</v>
      </c>
      <c r="G2453" s="5">
        <v>10</v>
      </c>
      <c r="H2453" s="5" t="s">
        <v>69</v>
      </c>
      <c r="I2453" s="5" t="s">
        <v>27074</v>
      </c>
      <c r="J2453" s="2" t="s">
        <v>27075</v>
      </c>
      <c r="K2453" s="5" t="s">
        <v>27074</v>
      </c>
      <c r="L2453" s="2" t="s">
        <v>27075</v>
      </c>
      <c r="M2453" s="5" t="s">
        <v>24254</v>
      </c>
      <c r="N2453" s="5" t="s">
        <v>38</v>
      </c>
      <c r="O2453" s="5" t="s">
        <v>39</v>
      </c>
      <c r="P2453" s="5" t="s">
        <v>40</v>
      </c>
      <c r="Q2453" s="5" t="s">
        <v>25301</v>
      </c>
      <c r="R2453" s="5" t="s">
        <v>40</v>
      </c>
      <c r="S2453" s="5" t="s">
        <v>42</v>
      </c>
      <c r="T2453" s="2">
        <v>10.484</v>
      </c>
      <c r="U2453" s="2">
        <v>8.7349999999999994</v>
      </c>
      <c r="V2453" s="2">
        <v>0.104</v>
      </c>
      <c r="W2453" s="2">
        <v>12</v>
      </c>
      <c r="X2453" s="2">
        <v>50</v>
      </c>
      <c r="Y2453" s="2">
        <v>173.9</v>
      </c>
      <c r="Z2453" s="5">
        <v>10</v>
      </c>
      <c r="AA2453" s="5" t="s">
        <v>43</v>
      </c>
      <c r="AB2453" s="5" t="s">
        <v>44</v>
      </c>
      <c r="AC2453" s="2" t="s">
        <v>35299</v>
      </c>
      <c r="AD2453" s="1"/>
    </row>
    <row r="2454" spans="1:30">
      <c r="A2454" s="5" t="s">
        <v>83578</v>
      </c>
      <c r="B2454" s="2" t="s">
        <v>90964</v>
      </c>
      <c r="C2454" s="14" t="s">
        <v>90965</v>
      </c>
      <c r="D2454" s="2" t="s">
        <v>90966</v>
      </c>
      <c r="E2454" s="2"/>
      <c r="F2454" s="8">
        <v>385</v>
      </c>
      <c r="G2454" s="5">
        <v>10</v>
      </c>
      <c r="H2454" s="5" t="s">
        <v>69</v>
      </c>
      <c r="I2454" s="5" t="s">
        <v>27074</v>
      </c>
      <c r="J2454" s="2" t="s">
        <v>27075</v>
      </c>
      <c r="K2454" s="5" t="s">
        <v>27074</v>
      </c>
      <c r="L2454" s="2" t="s">
        <v>27075</v>
      </c>
      <c r="M2454" s="5" t="s">
        <v>24254</v>
      </c>
      <c r="N2454" s="5" t="s">
        <v>38</v>
      </c>
      <c r="O2454" s="5" t="s">
        <v>39</v>
      </c>
      <c r="P2454" s="5" t="s">
        <v>40</v>
      </c>
      <c r="Q2454" s="5" t="s">
        <v>25301</v>
      </c>
      <c r="R2454" s="5" t="s">
        <v>40</v>
      </c>
      <c r="S2454" s="5" t="s">
        <v>42</v>
      </c>
      <c r="T2454" s="2">
        <v>11.983000000000001</v>
      </c>
      <c r="U2454" s="2">
        <v>11.885</v>
      </c>
      <c r="V2454" s="2">
        <v>0.17399999999999999</v>
      </c>
      <c r="W2454" s="2">
        <v>12</v>
      </c>
      <c r="X2454" s="2">
        <v>62</v>
      </c>
      <c r="Y2454" s="2">
        <v>234.1</v>
      </c>
      <c r="Z2454" s="5">
        <v>10</v>
      </c>
      <c r="AA2454" s="5" t="s">
        <v>43</v>
      </c>
      <c r="AB2454" s="5" t="s">
        <v>44</v>
      </c>
      <c r="AC2454" s="2" t="s">
        <v>90672</v>
      </c>
      <c r="AD2454" s="1"/>
    </row>
    <row r="2455" spans="1:30">
      <c r="A2455" s="5" t="s">
        <v>83578</v>
      </c>
      <c r="B2455" s="2" t="s">
        <v>90967</v>
      </c>
      <c r="C2455" s="14" t="s">
        <v>90968</v>
      </c>
      <c r="D2455" s="2" t="s">
        <v>90969</v>
      </c>
      <c r="E2455" s="2" t="s">
        <v>35298</v>
      </c>
      <c r="F2455" s="8">
        <v>385</v>
      </c>
      <c r="G2455" s="5">
        <v>10</v>
      </c>
      <c r="H2455" s="5" t="s">
        <v>69</v>
      </c>
      <c r="I2455" s="5" t="s">
        <v>27074</v>
      </c>
      <c r="J2455" s="2" t="s">
        <v>27075</v>
      </c>
      <c r="K2455" s="5" t="s">
        <v>27074</v>
      </c>
      <c r="L2455" s="2" t="s">
        <v>27075</v>
      </c>
      <c r="M2455" s="5" t="s">
        <v>24254</v>
      </c>
      <c r="N2455" s="5" t="s">
        <v>38</v>
      </c>
      <c r="O2455" s="5" t="s">
        <v>39</v>
      </c>
      <c r="P2455" s="5" t="s">
        <v>40</v>
      </c>
      <c r="Q2455" s="5" t="s">
        <v>25301</v>
      </c>
      <c r="R2455" s="5" t="s">
        <v>40</v>
      </c>
      <c r="S2455" s="5" t="s">
        <v>42</v>
      </c>
      <c r="T2455" s="2">
        <v>11.507</v>
      </c>
      <c r="U2455" s="2">
        <v>9.7579999999999991</v>
      </c>
      <c r="V2455" s="2">
        <v>0.104</v>
      </c>
      <c r="W2455" s="2">
        <v>12</v>
      </c>
      <c r="X2455" s="2">
        <v>50</v>
      </c>
      <c r="Y2455" s="2">
        <v>173.9</v>
      </c>
      <c r="Z2455" s="5">
        <v>10</v>
      </c>
      <c r="AA2455" s="5" t="s">
        <v>43</v>
      </c>
      <c r="AB2455" s="5" t="s">
        <v>44</v>
      </c>
      <c r="AC2455" s="2" t="s">
        <v>35395</v>
      </c>
      <c r="AD2455" s="1"/>
    </row>
    <row r="2456" spans="1:30">
      <c r="A2456" s="5" t="s">
        <v>83578</v>
      </c>
      <c r="B2456" s="2" t="s">
        <v>90970</v>
      </c>
      <c r="C2456" s="14" t="s">
        <v>90971</v>
      </c>
      <c r="D2456" s="2" t="s">
        <v>90972</v>
      </c>
      <c r="E2456" s="2"/>
      <c r="F2456" s="8">
        <v>385</v>
      </c>
      <c r="G2456" s="5">
        <v>10</v>
      </c>
      <c r="H2456" s="5" t="s">
        <v>69</v>
      </c>
      <c r="I2456" s="5" t="s">
        <v>27074</v>
      </c>
      <c r="J2456" s="2" t="s">
        <v>27075</v>
      </c>
      <c r="K2456" s="5" t="s">
        <v>27074</v>
      </c>
      <c r="L2456" s="2" t="s">
        <v>27075</v>
      </c>
      <c r="M2456" s="5" t="s">
        <v>24254</v>
      </c>
      <c r="N2456" s="5" t="s">
        <v>38</v>
      </c>
      <c r="O2456" s="5" t="s">
        <v>39</v>
      </c>
      <c r="P2456" s="5" t="s">
        <v>40</v>
      </c>
      <c r="Q2456" s="5" t="s">
        <v>25301</v>
      </c>
      <c r="R2456" s="5" t="s">
        <v>40</v>
      </c>
      <c r="S2456" s="5" t="s">
        <v>42</v>
      </c>
      <c r="T2456" s="2">
        <v>12.731999999999999</v>
      </c>
      <c r="U2456" s="2">
        <v>12.634</v>
      </c>
      <c r="V2456" s="2">
        <v>0.17399999999999999</v>
      </c>
      <c r="W2456" s="2">
        <v>12</v>
      </c>
      <c r="X2456" s="2">
        <v>62</v>
      </c>
      <c r="Y2456" s="2">
        <v>234.1</v>
      </c>
      <c r="Z2456" s="5">
        <v>10</v>
      </c>
      <c r="AA2456" s="5" t="s">
        <v>43</v>
      </c>
      <c r="AB2456" s="5" t="s">
        <v>44</v>
      </c>
      <c r="AC2456" s="2" t="s">
        <v>90672</v>
      </c>
      <c r="AD2456" s="1"/>
    </row>
    <row r="2457" spans="1:30">
      <c r="A2457" s="5" t="s">
        <v>83578</v>
      </c>
      <c r="B2457" s="2" t="s">
        <v>90973</v>
      </c>
      <c r="C2457" s="14" t="s">
        <v>90974</v>
      </c>
      <c r="D2457" s="2" t="s">
        <v>90975</v>
      </c>
      <c r="E2457" s="2"/>
      <c r="F2457" s="8">
        <v>221</v>
      </c>
      <c r="G2457" s="5">
        <v>25</v>
      </c>
      <c r="H2457" s="5" t="s">
        <v>69</v>
      </c>
      <c r="I2457" s="5" t="s">
        <v>27074</v>
      </c>
      <c r="J2457" s="2" t="s">
        <v>27075</v>
      </c>
      <c r="K2457" s="5" t="s">
        <v>27074</v>
      </c>
      <c r="L2457" s="2" t="s">
        <v>27075</v>
      </c>
      <c r="M2457" s="5" t="s">
        <v>24254</v>
      </c>
      <c r="N2457" s="5" t="s">
        <v>38</v>
      </c>
      <c r="O2457" s="5" t="s">
        <v>39</v>
      </c>
      <c r="P2457" s="5" t="s">
        <v>40</v>
      </c>
      <c r="Q2457" s="5" t="s">
        <v>24335</v>
      </c>
      <c r="R2457" s="5" t="s">
        <v>40</v>
      </c>
      <c r="S2457" s="5" t="s">
        <v>42</v>
      </c>
      <c r="T2457" s="2">
        <v>8.2520000000000007</v>
      </c>
      <c r="U2457" s="2">
        <v>6.3230000000000004</v>
      </c>
      <c r="V2457" s="2">
        <v>0.17399999999999999</v>
      </c>
      <c r="W2457" s="2">
        <v>12</v>
      </c>
      <c r="X2457" s="2">
        <v>62</v>
      </c>
      <c r="Y2457" s="2">
        <v>234.1</v>
      </c>
      <c r="Z2457" s="5">
        <v>10</v>
      </c>
      <c r="AA2457" s="5" t="s">
        <v>43</v>
      </c>
      <c r="AB2457" s="5" t="s">
        <v>44</v>
      </c>
      <c r="AC2457" s="2" t="s">
        <v>35252</v>
      </c>
      <c r="AD2457" s="1"/>
    </row>
    <row r="2458" spans="1:30">
      <c r="A2458" s="5" t="s">
        <v>83578</v>
      </c>
      <c r="B2458" s="2" t="s">
        <v>90976</v>
      </c>
      <c r="C2458" s="14" t="s">
        <v>90977</v>
      </c>
      <c r="D2458" s="2" t="s">
        <v>90978</v>
      </c>
      <c r="E2458" s="2"/>
      <c r="F2458" s="8">
        <v>221</v>
      </c>
      <c r="G2458" s="5">
        <v>25</v>
      </c>
      <c r="H2458" s="5" t="s">
        <v>69</v>
      </c>
      <c r="I2458" s="5" t="s">
        <v>27074</v>
      </c>
      <c r="J2458" s="2" t="s">
        <v>27075</v>
      </c>
      <c r="K2458" s="5" t="s">
        <v>27074</v>
      </c>
      <c r="L2458" s="2" t="s">
        <v>27075</v>
      </c>
      <c r="M2458" s="5" t="s">
        <v>24254</v>
      </c>
      <c r="N2458" s="5" t="s">
        <v>38</v>
      </c>
      <c r="O2458" s="5" t="s">
        <v>39</v>
      </c>
      <c r="P2458" s="5" t="s">
        <v>40</v>
      </c>
      <c r="Q2458" s="5" t="s">
        <v>24335</v>
      </c>
      <c r="R2458" s="5" t="s">
        <v>40</v>
      </c>
      <c r="S2458" s="5" t="s">
        <v>42</v>
      </c>
      <c r="T2458" s="2">
        <v>9.1280000000000001</v>
      </c>
      <c r="U2458" s="2">
        <v>7.1989999999999998</v>
      </c>
      <c r="V2458" s="2">
        <v>0.17399999999999999</v>
      </c>
      <c r="W2458" s="2">
        <v>12</v>
      </c>
      <c r="X2458" s="2">
        <v>62</v>
      </c>
      <c r="Y2458" s="2">
        <v>234.1</v>
      </c>
      <c r="Z2458" s="5">
        <v>10</v>
      </c>
      <c r="AA2458" s="5" t="s">
        <v>43</v>
      </c>
      <c r="AB2458" s="5" t="s">
        <v>44</v>
      </c>
      <c r="AC2458" s="2" t="s">
        <v>35252</v>
      </c>
      <c r="AD2458" s="1"/>
    </row>
    <row r="2459" spans="1:30">
      <c r="A2459" s="5" t="s">
        <v>83578</v>
      </c>
      <c r="B2459" s="2" t="s">
        <v>90979</v>
      </c>
      <c r="C2459" s="14" t="s">
        <v>90980</v>
      </c>
      <c r="D2459" s="2" t="s">
        <v>90981</v>
      </c>
      <c r="E2459" s="2" t="s">
        <v>35256</v>
      </c>
      <c r="F2459" s="8">
        <v>372</v>
      </c>
      <c r="G2459" s="5">
        <v>10</v>
      </c>
      <c r="H2459" s="5" t="s">
        <v>69</v>
      </c>
      <c r="I2459" s="5" t="s">
        <v>27074</v>
      </c>
      <c r="J2459" s="2" t="s">
        <v>27075</v>
      </c>
      <c r="K2459" s="5" t="s">
        <v>27074</v>
      </c>
      <c r="L2459" s="2" t="s">
        <v>27075</v>
      </c>
      <c r="M2459" s="5" t="s">
        <v>24254</v>
      </c>
      <c r="N2459" s="5" t="s">
        <v>38</v>
      </c>
      <c r="O2459" s="5" t="s">
        <v>39</v>
      </c>
      <c r="P2459" s="5" t="s">
        <v>40</v>
      </c>
      <c r="Q2459" s="5" t="s">
        <v>24340</v>
      </c>
      <c r="R2459" s="5" t="s">
        <v>40</v>
      </c>
      <c r="S2459" s="5" t="s">
        <v>42</v>
      </c>
      <c r="T2459" s="2">
        <v>9.9030000000000005</v>
      </c>
      <c r="U2459" s="2">
        <v>8.1549999999999994</v>
      </c>
      <c r="V2459" s="2">
        <v>0.104</v>
      </c>
      <c r="W2459" s="2">
        <v>12</v>
      </c>
      <c r="X2459" s="2">
        <v>50</v>
      </c>
      <c r="Y2459" s="2">
        <v>173.9</v>
      </c>
      <c r="Z2459" s="5">
        <v>10</v>
      </c>
      <c r="AA2459" s="5" t="s">
        <v>43</v>
      </c>
      <c r="AB2459" s="5" t="s">
        <v>44</v>
      </c>
      <c r="AC2459" s="2" t="s">
        <v>35257</v>
      </c>
      <c r="AD2459" s="1"/>
    </row>
    <row r="2460" spans="1:30">
      <c r="A2460" s="5" t="s">
        <v>83578</v>
      </c>
      <c r="B2460" s="2" t="s">
        <v>90982</v>
      </c>
      <c r="C2460" s="14" t="s">
        <v>90983</v>
      </c>
      <c r="D2460" s="2" t="s">
        <v>90984</v>
      </c>
      <c r="E2460" s="2" t="s">
        <v>35339</v>
      </c>
      <c r="F2460" s="8">
        <v>372</v>
      </c>
      <c r="G2460" s="5">
        <v>25</v>
      </c>
      <c r="H2460" s="5" t="s">
        <v>69</v>
      </c>
      <c r="I2460" s="5" t="s">
        <v>27074</v>
      </c>
      <c r="J2460" s="2" t="s">
        <v>27075</v>
      </c>
      <c r="K2460" s="5" t="s">
        <v>27074</v>
      </c>
      <c r="L2460" s="2" t="s">
        <v>27075</v>
      </c>
      <c r="M2460" s="5" t="s">
        <v>24254</v>
      </c>
      <c r="N2460" s="5" t="s">
        <v>38</v>
      </c>
      <c r="O2460" s="5" t="s">
        <v>39</v>
      </c>
      <c r="P2460" s="5" t="s">
        <v>40</v>
      </c>
      <c r="Q2460" s="5" t="s">
        <v>24335</v>
      </c>
      <c r="R2460" s="5" t="s">
        <v>40</v>
      </c>
      <c r="S2460" s="5" t="s">
        <v>42</v>
      </c>
      <c r="T2460" s="2">
        <v>11.629</v>
      </c>
      <c r="U2460" s="2">
        <v>9.6999999999999993</v>
      </c>
      <c r="V2460" s="2">
        <v>0.129</v>
      </c>
      <c r="W2460" s="2">
        <v>12</v>
      </c>
      <c r="X2460" s="2">
        <v>62</v>
      </c>
      <c r="Y2460" s="2">
        <v>172.9</v>
      </c>
      <c r="Z2460" s="5">
        <v>10</v>
      </c>
      <c r="AA2460" s="5" t="s">
        <v>43</v>
      </c>
      <c r="AB2460" s="5" t="s">
        <v>44</v>
      </c>
      <c r="AC2460" s="2" t="s">
        <v>35340</v>
      </c>
      <c r="AD2460" s="1"/>
    </row>
    <row r="2461" spans="1:30">
      <c r="A2461" s="5" t="s">
        <v>83578</v>
      </c>
      <c r="B2461" s="2" t="s">
        <v>90985</v>
      </c>
      <c r="C2461" s="14" t="s">
        <v>90986</v>
      </c>
      <c r="D2461" s="2" t="s">
        <v>90987</v>
      </c>
      <c r="E2461" s="2" t="s">
        <v>35339</v>
      </c>
      <c r="F2461" s="8">
        <v>372</v>
      </c>
      <c r="G2461" s="5">
        <v>25</v>
      </c>
      <c r="H2461" s="5" t="s">
        <v>69</v>
      </c>
      <c r="I2461" s="5" t="s">
        <v>27074</v>
      </c>
      <c r="J2461" s="2" t="s">
        <v>27075</v>
      </c>
      <c r="K2461" s="5" t="s">
        <v>27074</v>
      </c>
      <c r="L2461" s="2" t="s">
        <v>27075</v>
      </c>
      <c r="M2461" s="5" t="s">
        <v>24254</v>
      </c>
      <c r="N2461" s="5" t="s">
        <v>38</v>
      </c>
      <c r="O2461" s="5" t="s">
        <v>39</v>
      </c>
      <c r="P2461" s="5" t="s">
        <v>40</v>
      </c>
      <c r="Q2461" s="5" t="s">
        <v>24335</v>
      </c>
      <c r="R2461" s="5" t="s">
        <v>40</v>
      </c>
      <c r="S2461" s="5" t="s">
        <v>42</v>
      </c>
      <c r="T2461" s="2">
        <v>12.718</v>
      </c>
      <c r="U2461" s="2">
        <v>10.789</v>
      </c>
      <c r="V2461" s="2">
        <v>0.129</v>
      </c>
      <c r="W2461" s="2">
        <v>12</v>
      </c>
      <c r="X2461" s="2">
        <v>62</v>
      </c>
      <c r="Y2461" s="2">
        <v>172.9</v>
      </c>
      <c r="Z2461" s="5">
        <v>10</v>
      </c>
      <c r="AA2461" s="5" t="s">
        <v>43</v>
      </c>
      <c r="AB2461" s="5" t="s">
        <v>44</v>
      </c>
      <c r="AC2461" s="2" t="s">
        <v>35340</v>
      </c>
      <c r="AD2461" s="1"/>
    </row>
    <row r="2462" spans="1:30">
      <c r="A2462" s="5" t="s">
        <v>83578</v>
      </c>
      <c r="B2462" s="2" t="s">
        <v>90988</v>
      </c>
      <c r="C2462" s="14" t="s">
        <v>90989</v>
      </c>
      <c r="D2462" s="2" t="s">
        <v>90990</v>
      </c>
      <c r="E2462" s="2" t="s">
        <v>35298</v>
      </c>
      <c r="F2462" s="8">
        <v>372</v>
      </c>
      <c r="G2462" s="5">
        <v>10</v>
      </c>
      <c r="H2462" s="5" t="s">
        <v>69</v>
      </c>
      <c r="I2462" s="5" t="s">
        <v>27074</v>
      </c>
      <c r="J2462" s="2" t="s">
        <v>27075</v>
      </c>
      <c r="K2462" s="5" t="s">
        <v>27074</v>
      </c>
      <c r="L2462" s="2" t="s">
        <v>27075</v>
      </c>
      <c r="M2462" s="5" t="s">
        <v>24254</v>
      </c>
      <c r="N2462" s="5" t="s">
        <v>38</v>
      </c>
      <c r="O2462" s="5" t="s">
        <v>39</v>
      </c>
      <c r="P2462" s="5" t="s">
        <v>40</v>
      </c>
      <c r="Q2462" s="5" t="s">
        <v>25301</v>
      </c>
      <c r="R2462" s="5" t="s">
        <v>40</v>
      </c>
      <c r="S2462" s="5" t="s">
        <v>42</v>
      </c>
      <c r="T2462" s="2">
        <v>8.9700000000000006</v>
      </c>
      <c r="U2462" s="2">
        <v>7.2210000000000001</v>
      </c>
      <c r="V2462" s="2">
        <v>0.104</v>
      </c>
      <c r="W2462" s="2">
        <v>12</v>
      </c>
      <c r="X2462" s="2">
        <v>50</v>
      </c>
      <c r="Y2462" s="2">
        <v>173.9</v>
      </c>
      <c r="Z2462" s="5">
        <v>10</v>
      </c>
      <c r="AA2462" s="5" t="s">
        <v>43</v>
      </c>
      <c r="AB2462" s="5" t="s">
        <v>44</v>
      </c>
      <c r="AC2462" s="2" t="s">
        <v>35299</v>
      </c>
      <c r="AD2462" s="1"/>
    </row>
    <row r="2463" spans="1:30">
      <c r="A2463" s="5" t="s">
        <v>83578</v>
      </c>
      <c r="B2463" s="2" t="s">
        <v>90991</v>
      </c>
      <c r="C2463" s="14" t="s">
        <v>90992</v>
      </c>
      <c r="D2463" s="2" t="s">
        <v>90993</v>
      </c>
      <c r="E2463" s="2"/>
      <c r="F2463" s="8">
        <v>372</v>
      </c>
      <c r="G2463" s="5">
        <v>10</v>
      </c>
      <c r="H2463" s="5" t="s">
        <v>69</v>
      </c>
      <c r="I2463" s="5" t="s">
        <v>27074</v>
      </c>
      <c r="J2463" s="2" t="s">
        <v>27075</v>
      </c>
      <c r="K2463" s="5" t="s">
        <v>27074</v>
      </c>
      <c r="L2463" s="2" t="s">
        <v>27075</v>
      </c>
      <c r="M2463" s="5" t="s">
        <v>24254</v>
      </c>
      <c r="N2463" s="5" t="s">
        <v>38</v>
      </c>
      <c r="O2463" s="5" t="s">
        <v>39</v>
      </c>
      <c r="P2463" s="5" t="s">
        <v>40</v>
      </c>
      <c r="Q2463" s="5" t="s">
        <v>25301</v>
      </c>
      <c r="R2463" s="5" t="s">
        <v>40</v>
      </c>
      <c r="S2463" s="5" t="s">
        <v>42</v>
      </c>
      <c r="T2463" s="2">
        <v>10.526999999999999</v>
      </c>
      <c r="U2463" s="2">
        <v>8.5969999999999995</v>
      </c>
      <c r="V2463" s="2">
        <v>0.129</v>
      </c>
      <c r="W2463" s="2">
        <v>12</v>
      </c>
      <c r="X2463" s="2">
        <v>62</v>
      </c>
      <c r="Y2463" s="2">
        <v>172.9</v>
      </c>
      <c r="Z2463" s="5">
        <v>10</v>
      </c>
      <c r="AA2463" s="5" t="s">
        <v>43</v>
      </c>
      <c r="AB2463" s="5" t="s">
        <v>44</v>
      </c>
      <c r="AC2463" s="2" t="s">
        <v>90672</v>
      </c>
      <c r="AD2463" s="1"/>
    </row>
    <row r="2464" spans="1:30">
      <c r="A2464" s="5" t="s">
        <v>83578</v>
      </c>
      <c r="B2464" s="2" t="s">
        <v>90994</v>
      </c>
      <c r="C2464" s="14" t="s">
        <v>90995</v>
      </c>
      <c r="D2464" s="2" t="s">
        <v>90996</v>
      </c>
      <c r="E2464" s="2" t="s">
        <v>35298</v>
      </c>
      <c r="F2464" s="8">
        <v>372</v>
      </c>
      <c r="G2464" s="5">
        <v>10</v>
      </c>
      <c r="H2464" s="5" t="s">
        <v>69</v>
      </c>
      <c r="I2464" s="5" t="s">
        <v>27074</v>
      </c>
      <c r="J2464" s="2" t="s">
        <v>27075</v>
      </c>
      <c r="K2464" s="5" t="s">
        <v>27074</v>
      </c>
      <c r="L2464" s="2" t="s">
        <v>27075</v>
      </c>
      <c r="M2464" s="5" t="s">
        <v>24254</v>
      </c>
      <c r="N2464" s="5" t="s">
        <v>38</v>
      </c>
      <c r="O2464" s="5" t="s">
        <v>39</v>
      </c>
      <c r="P2464" s="5" t="s">
        <v>40</v>
      </c>
      <c r="Q2464" s="5" t="s">
        <v>25301</v>
      </c>
      <c r="R2464" s="5" t="s">
        <v>40</v>
      </c>
      <c r="S2464" s="5" t="s">
        <v>42</v>
      </c>
      <c r="T2464" s="2">
        <v>10.122</v>
      </c>
      <c r="U2464" s="2">
        <v>8.3729999999999993</v>
      </c>
      <c r="V2464" s="2">
        <v>0.104</v>
      </c>
      <c r="W2464" s="2">
        <v>12</v>
      </c>
      <c r="X2464" s="2">
        <v>50</v>
      </c>
      <c r="Y2464" s="2">
        <v>173.9</v>
      </c>
      <c r="Z2464" s="5">
        <v>10</v>
      </c>
      <c r="AA2464" s="5" t="s">
        <v>43</v>
      </c>
      <c r="AB2464" s="5" t="s">
        <v>44</v>
      </c>
      <c r="AC2464" s="2" t="s">
        <v>35395</v>
      </c>
      <c r="AD2464" s="1"/>
    </row>
    <row r="2465" spans="1:30">
      <c r="A2465" s="5" t="s">
        <v>83578</v>
      </c>
      <c r="B2465" s="2" t="s">
        <v>90997</v>
      </c>
      <c r="C2465" s="14" t="s">
        <v>90998</v>
      </c>
      <c r="D2465" s="2" t="s">
        <v>90999</v>
      </c>
      <c r="E2465" s="2"/>
      <c r="F2465" s="8">
        <v>372</v>
      </c>
      <c r="G2465" s="5">
        <v>10</v>
      </c>
      <c r="H2465" s="5" t="s">
        <v>69</v>
      </c>
      <c r="I2465" s="5" t="s">
        <v>27074</v>
      </c>
      <c r="J2465" s="2" t="s">
        <v>27075</v>
      </c>
      <c r="K2465" s="5" t="s">
        <v>27074</v>
      </c>
      <c r="L2465" s="2" t="s">
        <v>27075</v>
      </c>
      <c r="M2465" s="5" t="s">
        <v>24254</v>
      </c>
      <c r="N2465" s="5" t="s">
        <v>38</v>
      </c>
      <c r="O2465" s="5" t="s">
        <v>39</v>
      </c>
      <c r="P2465" s="5" t="s">
        <v>40</v>
      </c>
      <c r="Q2465" s="5" t="s">
        <v>25301</v>
      </c>
      <c r="R2465" s="5" t="s">
        <v>40</v>
      </c>
      <c r="S2465" s="5" t="s">
        <v>42</v>
      </c>
      <c r="T2465" s="2">
        <v>11.403</v>
      </c>
      <c r="U2465" s="2">
        <v>9.4730000000000008</v>
      </c>
      <c r="V2465" s="2">
        <v>0.129</v>
      </c>
      <c r="W2465" s="2">
        <v>12</v>
      </c>
      <c r="X2465" s="2">
        <v>62</v>
      </c>
      <c r="Y2465" s="2">
        <v>172.9</v>
      </c>
      <c r="Z2465" s="5">
        <v>10</v>
      </c>
      <c r="AA2465" s="5" t="s">
        <v>43</v>
      </c>
      <c r="AB2465" s="5" t="s">
        <v>44</v>
      </c>
      <c r="AC2465" s="2" t="s">
        <v>90672</v>
      </c>
      <c r="AD2465" s="1"/>
    </row>
    <row r="2466" spans="1:30">
      <c r="A2466" s="5" t="s">
        <v>83578</v>
      </c>
      <c r="B2466" s="2" t="s">
        <v>91000</v>
      </c>
      <c r="C2466" s="14" t="s">
        <v>91001</v>
      </c>
      <c r="D2466" s="2" t="s">
        <v>91002</v>
      </c>
      <c r="E2466" s="2"/>
      <c r="F2466" s="8">
        <v>227</v>
      </c>
      <c r="G2466" s="5">
        <v>25</v>
      </c>
      <c r="H2466" s="5" t="s">
        <v>69</v>
      </c>
      <c r="I2466" s="5" t="s">
        <v>27074</v>
      </c>
      <c r="J2466" s="2" t="s">
        <v>27075</v>
      </c>
      <c r="K2466" s="5" t="s">
        <v>27074</v>
      </c>
      <c r="L2466" s="2" t="s">
        <v>27075</v>
      </c>
      <c r="M2466" s="5" t="s">
        <v>24254</v>
      </c>
      <c r="N2466" s="5" t="s">
        <v>38</v>
      </c>
      <c r="O2466" s="5" t="s">
        <v>39</v>
      </c>
      <c r="P2466" s="5" t="s">
        <v>40</v>
      </c>
      <c r="Q2466" s="5" t="s">
        <v>24335</v>
      </c>
      <c r="R2466" s="5" t="s">
        <v>40</v>
      </c>
      <c r="S2466" s="5" t="s">
        <v>42</v>
      </c>
      <c r="T2466" s="2">
        <v>9.5020000000000007</v>
      </c>
      <c r="U2466" s="2">
        <v>6.7960000000000003</v>
      </c>
      <c r="V2466" s="2">
        <v>0.17399999999999999</v>
      </c>
      <c r="W2466" s="2">
        <v>12</v>
      </c>
      <c r="X2466" s="2">
        <v>62</v>
      </c>
      <c r="Y2466" s="2">
        <v>234.1</v>
      </c>
      <c r="Z2466" s="5">
        <v>10</v>
      </c>
      <c r="AA2466" s="5" t="s">
        <v>43</v>
      </c>
      <c r="AB2466" s="5" t="s">
        <v>44</v>
      </c>
      <c r="AC2466" s="2" t="s">
        <v>35252</v>
      </c>
      <c r="AD2466" s="1"/>
    </row>
    <row r="2467" spans="1:30">
      <c r="A2467" s="5" t="s">
        <v>83578</v>
      </c>
      <c r="B2467" s="2" t="s">
        <v>91003</v>
      </c>
      <c r="C2467" s="14" t="s">
        <v>91004</v>
      </c>
      <c r="D2467" s="2" t="s">
        <v>91005</v>
      </c>
      <c r="E2467" s="2" t="s">
        <v>35256</v>
      </c>
      <c r="F2467" s="8">
        <v>378</v>
      </c>
      <c r="G2467" s="5">
        <v>10</v>
      </c>
      <c r="H2467" s="5" t="s">
        <v>69</v>
      </c>
      <c r="I2467" s="5" t="s">
        <v>27074</v>
      </c>
      <c r="J2467" s="2" t="s">
        <v>27075</v>
      </c>
      <c r="K2467" s="5" t="s">
        <v>27074</v>
      </c>
      <c r="L2467" s="2" t="s">
        <v>27075</v>
      </c>
      <c r="M2467" s="5" t="s">
        <v>24254</v>
      </c>
      <c r="N2467" s="5" t="s">
        <v>38</v>
      </c>
      <c r="O2467" s="5" t="s">
        <v>39</v>
      </c>
      <c r="P2467" s="5" t="s">
        <v>40</v>
      </c>
      <c r="Q2467" s="5" t="s">
        <v>24340</v>
      </c>
      <c r="R2467" s="5" t="s">
        <v>40</v>
      </c>
      <c r="S2467" s="5" t="s">
        <v>42</v>
      </c>
      <c r="T2467" s="2">
        <v>10.757999999999999</v>
      </c>
      <c r="U2467" s="2">
        <v>9.01</v>
      </c>
      <c r="V2467" s="2">
        <v>0.104</v>
      </c>
      <c r="W2467" s="2">
        <v>12</v>
      </c>
      <c r="X2467" s="2">
        <v>50</v>
      </c>
      <c r="Y2467" s="2">
        <v>173.9</v>
      </c>
      <c r="Z2467" s="5">
        <v>10</v>
      </c>
      <c r="AA2467" s="5" t="s">
        <v>43</v>
      </c>
      <c r="AB2467" s="5" t="s">
        <v>44</v>
      </c>
      <c r="AC2467" s="2" t="s">
        <v>35257</v>
      </c>
      <c r="AD2467" s="1"/>
    </row>
    <row r="2468" spans="1:30">
      <c r="A2468" s="5" t="s">
        <v>83578</v>
      </c>
      <c r="B2468" s="2" t="s">
        <v>91006</v>
      </c>
      <c r="C2468" s="14" t="s">
        <v>91007</v>
      </c>
      <c r="D2468" s="2" t="s">
        <v>91008</v>
      </c>
      <c r="E2468" s="2" t="s">
        <v>35339</v>
      </c>
      <c r="F2468" s="8">
        <v>378</v>
      </c>
      <c r="G2468" s="5">
        <v>25</v>
      </c>
      <c r="H2468" s="5" t="s">
        <v>69</v>
      </c>
      <c r="I2468" s="5" t="s">
        <v>27074</v>
      </c>
      <c r="J2468" s="2" t="s">
        <v>27075</v>
      </c>
      <c r="K2468" s="5" t="s">
        <v>27074</v>
      </c>
      <c r="L2468" s="2" t="s">
        <v>27075</v>
      </c>
      <c r="M2468" s="5" t="s">
        <v>24254</v>
      </c>
      <c r="N2468" s="5" t="s">
        <v>38</v>
      </c>
      <c r="O2468" s="5" t="s">
        <v>39</v>
      </c>
      <c r="P2468" s="5" t="s">
        <v>40</v>
      </c>
      <c r="Q2468" s="5" t="s">
        <v>24335</v>
      </c>
      <c r="R2468" s="5" t="s">
        <v>40</v>
      </c>
      <c r="S2468" s="5" t="s">
        <v>42</v>
      </c>
      <c r="T2468" s="2">
        <v>13.337999999999999</v>
      </c>
      <c r="U2468" s="2">
        <v>10.632</v>
      </c>
      <c r="V2468" s="2">
        <v>0.14899999999999999</v>
      </c>
      <c r="W2468" s="2">
        <v>12</v>
      </c>
      <c r="X2468" s="2">
        <v>62</v>
      </c>
      <c r="Y2468" s="2">
        <v>199.7</v>
      </c>
      <c r="Z2468" s="5">
        <v>10</v>
      </c>
      <c r="AA2468" s="5" t="s">
        <v>43</v>
      </c>
      <c r="AB2468" s="5" t="s">
        <v>44</v>
      </c>
      <c r="AC2468" s="2" t="s">
        <v>35340</v>
      </c>
      <c r="AD2468" s="1"/>
    </row>
    <row r="2469" spans="1:30">
      <c r="A2469" s="5" t="s">
        <v>83578</v>
      </c>
      <c r="B2469" s="2" t="s">
        <v>91009</v>
      </c>
      <c r="C2469" s="14" t="s">
        <v>91010</v>
      </c>
      <c r="D2469" s="2" t="s">
        <v>91011</v>
      </c>
      <c r="E2469" s="2" t="s">
        <v>35256</v>
      </c>
      <c r="F2469" s="8">
        <v>378</v>
      </c>
      <c r="G2469" s="5">
        <v>10</v>
      </c>
      <c r="H2469" s="5" t="s">
        <v>69</v>
      </c>
      <c r="I2469" s="5" t="s">
        <v>27074</v>
      </c>
      <c r="J2469" s="2" t="s">
        <v>27075</v>
      </c>
      <c r="K2469" s="5" t="s">
        <v>27074</v>
      </c>
      <c r="L2469" s="2" t="s">
        <v>27075</v>
      </c>
      <c r="M2469" s="5" t="s">
        <v>24254</v>
      </c>
      <c r="N2469" s="5" t="s">
        <v>38</v>
      </c>
      <c r="O2469" s="5" t="s">
        <v>39</v>
      </c>
      <c r="P2469" s="5" t="s">
        <v>40</v>
      </c>
      <c r="Q2469" s="5" t="s">
        <v>24340</v>
      </c>
      <c r="R2469" s="5" t="s">
        <v>40</v>
      </c>
      <c r="S2469" s="5" t="s">
        <v>42</v>
      </c>
      <c r="T2469" s="2">
        <v>12.295</v>
      </c>
      <c r="U2469" s="2">
        <v>10.547000000000001</v>
      </c>
      <c r="V2469" s="2">
        <v>0.104</v>
      </c>
      <c r="W2469" s="2">
        <v>12</v>
      </c>
      <c r="X2469" s="2">
        <v>50</v>
      </c>
      <c r="Y2469" s="2">
        <v>173.9</v>
      </c>
      <c r="Z2469" s="5">
        <v>10</v>
      </c>
      <c r="AA2469" s="5" t="s">
        <v>43</v>
      </c>
      <c r="AB2469" s="5" t="s">
        <v>44</v>
      </c>
      <c r="AC2469" s="2" t="s">
        <v>35294</v>
      </c>
      <c r="AD2469" s="1"/>
    </row>
    <row r="2470" spans="1:30">
      <c r="A2470" s="5" t="s">
        <v>83578</v>
      </c>
      <c r="B2470" s="2" t="s">
        <v>91012</v>
      </c>
      <c r="C2470" s="14" t="s">
        <v>91013</v>
      </c>
      <c r="D2470" s="2" t="s">
        <v>91014</v>
      </c>
      <c r="E2470" s="2" t="s">
        <v>35339</v>
      </c>
      <c r="F2470" s="8">
        <v>378</v>
      </c>
      <c r="G2470" s="5">
        <v>25</v>
      </c>
      <c r="H2470" s="5" t="s">
        <v>69</v>
      </c>
      <c r="I2470" s="5" t="s">
        <v>27074</v>
      </c>
      <c r="J2470" s="2" t="s">
        <v>27075</v>
      </c>
      <c r="K2470" s="5" t="s">
        <v>27074</v>
      </c>
      <c r="L2470" s="2" t="s">
        <v>27075</v>
      </c>
      <c r="M2470" s="5" t="s">
        <v>24254</v>
      </c>
      <c r="N2470" s="5" t="s">
        <v>38</v>
      </c>
      <c r="O2470" s="5" t="s">
        <v>39</v>
      </c>
      <c r="P2470" s="5" t="s">
        <v>40</v>
      </c>
      <c r="Q2470" s="5" t="s">
        <v>24335</v>
      </c>
      <c r="R2470" s="5" t="s">
        <v>40</v>
      </c>
      <c r="S2470" s="5" t="s">
        <v>42</v>
      </c>
      <c r="T2470" s="2">
        <v>14.427</v>
      </c>
      <c r="U2470" s="2">
        <v>11.721</v>
      </c>
      <c r="V2470" s="2">
        <v>0.14899999999999999</v>
      </c>
      <c r="W2470" s="2">
        <v>12</v>
      </c>
      <c r="X2470" s="2">
        <v>62</v>
      </c>
      <c r="Y2470" s="2">
        <v>199.7</v>
      </c>
      <c r="Z2470" s="5">
        <v>10</v>
      </c>
      <c r="AA2470" s="5" t="s">
        <v>43</v>
      </c>
      <c r="AB2470" s="5" t="s">
        <v>44</v>
      </c>
      <c r="AC2470" s="2" t="s">
        <v>35340</v>
      </c>
      <c r="AD2470" s="1"/>
    </row>
    <row r="2471" spans="1:30">
      <c r="A2471" s="5" t="s">
        <v>83578</v>
      </c>
      <c r="B2471" s="2" t="s">
        <v>91015</v>
      </c>
      <c r="C2471" s="14" t="s">
        <v>91016</v>
      </c>
      <c r="D2471" s="2" t="s">
        <v>91017</v>
      </c>
      <c r="E2471" s="2" t="s">
        <v>35298</v>
      </c>
      <c r="F2471" s="8">
        <v>378</v>
      </c>
      <c r="G2471" s="5">
        <v>10</v>
      </c>
      <c r="H2471" s="5" t="s">
        <v>69</v>
      </c>
      <c r="I2471" s="5" t="s">
        <v>27074</v>
      </c>
      <c r="J2471" s="2" t="s">
        <v>27075</v>
      </c>
      <c r="K2471" s="5" t="s">
        <v>27074</v>
      </c>
      <c r="L2471" s="2" t="s">
        <v>27075</v>
      </c>
      <c r="M2471" s="5" t="s">
        <v>24254</v>
      </c>
      <c r="N2471" s="5" t="s">
        <v>38</v>
      </c>
      <c r="O2471" s="5" t="s">
        <v>39</v>
      </c>
      <c r="P2471" s="5" t="s">
        <v>40</v>
      </c>
      <c r="Q2471" s="5" t="s">
        <v>25301</v>
      </c>
      <c r="R2471" s="5" t="s">
        <v>40</v>
      </c>
      <c r="S2471" s="5" t="s">
        <v>42</v>
      </c>
      <c r="T2471" s="2">
        <v>9.7110000000000003</v>
      </c>
      <c r="U2471" s="2">
        <v>7.9619999999999997</v>
      </c>
      <c r="V2471" s="2">
        <v>0.104</v>
      </c>
      <c r="W2471" s="2">
        <v>12</v>
      </c>
      <c r="X2471" s="2">
        <v>50</v>
      </c>
      <c r="Y2471" s="2">
        <v>173.9</v>
      </c>
      <c r="Z2471" s="5">
        <v>10</v>
      </c>
      <c r="AA2471" s="5" t="s">
        <v>43</v>
      </c>
      <c r="AB2471" s="5" t="s">
        <v>44</v>
      </c>
      <c r="AC2471" s="2" t="s">
        <v>35299</v>
      </c>
      <c r="AD2471" s="1"/>
    </row>
    <row r="2472" spans="1:30">
      <c r="A2472" s="5" t="s">
        <v>83578</v>
      </c>
      <c r="B2472" s="2" t="s">
        <v>91018</v>
      </c>
      <c r="C2472" s="14" t="s">
        <v>91019</v>
      </c>
      <c r="D2472" s="2" t="s">
        <v>91020</v>
      </c>
      <c r="E2472" s="2"/>
      <c r="F2472" s="8">
        <v>378</v>
      </c>
      <c r="G2472" s="5">
        <v>10</v>
      </c>
      <c r="H2472" s="5" t="s">
        <v>69</v>
      </c>
      <c r="I2472" s="5" t="s">
        <v>27074</v>
      </c>
      <c r="J2472" s="2" t="s">
        <v>27075</v>
      </c>
      <c r="K2472" s="5" t="s">
        <v>27074</v>
      </c>
      <c r="L2472" s="2" t="s">
        <v>27075</v>
      </c>
      <c r="M2472" s="5" t="s">
        <v>24254</v>
      </c>
      <c r="N2472" s="5" t="s">
        <v>38</v>
      </c>
      <c r="O2472" s="5" t="s">
        <v>39</v>
      </c>
      <c r="P2472" s="5" t="s">
        <v>40</v>
      </c>
      <c r="Q2472" s="5" t="s">
        <v>25301</v>
      </c>
      <c r="R2472" s="5" t="s">
        <v>40</v>
      </c>
      <c r="S2472" s="5" t="s">
        <v>42</v>
      </c>
      <c r="T2472" s="2">
        <v>12.122</v>
      </c>
      <c r="U2472" s="2">
        <v>9.4149999999999991</v>
      </c>
      <c r="V2472" s="2">
        <v>0.14899999999999999</v>
      </c>
      <c r="W2472" s="2">
        <v>12</v>
      </c>
      <c r="X2472" s="2">
        <v>62</v>
      </c>
      <c r="Y2472" s="2">
        <v>199.7</v>
      </c>
      <c r="Z2472" s="5">
        <v>10</v>
      </c>
      <c r="AA2472" s="5" t="s">
        <v>43</v>
      </c>
      <c r="AB2472" s="5" t="s">
        <v>44</v>
      </c>
      <c r="AC2472" s="2" t="s">
        <v>90672</v>
      </c>
      <c r="AD2472" s="1"/>
    </row>
    <row r="2473" spans="1:30">
      <c r="A2473" s="5" t="s">
        <v>83578</v>
      </c>
      <c r="B2473" s="2" t="s">
        <v>91021</v>
      </c>
      <c r="C2473" s="14" t="s">
        <v>91022</v>
      </c>
      <c r="D2473" s="2" t="s">
        <v>91023</v>
      </c>
      <c r="E2473" s="2" t="s">
        <v>35298</v>
      </c>
      <c r="F2473" s="8">
        <v>378</v>
      </c>
      <c r="G2473" s="5">
        <v>10</v>
      </c>
      <c r="H2473" s="5" t="s">
        <v>69</v>
      </c>
      <c r="I2473" s="5" t="s">
        <v>27074</v>
      </c>
      <c r="J2473" s="2" t="s">
        <v>27075</v>
      </c>
      <c r="K2473" s="5" t="s">
        <v>27074</v>
      </c>
      <c r="L2473" s="2" t="s">
        <v>27075</v>
      </c>
      <c r="M2473" s="5" t="s">
        <v>24254</v>
      </c>
      <c r="N2473" s="5" t="s">
        <v>38</v>
      </c>
      <c r="O2473" s="5" t="s">
        <v>39</v>
      </c>
      <c r="P2473" s="5" t="s">
        <v>40</v>
      </c>
      <c r="Q2473" s="5" t="s">
        <v>25301</v>
      </c>
      <c r="R2473" s="5" t="s">
        <v>40</v>
      </c>
      <c r="S2473" s="5" t="s">
        <v>42</v>
      </c>
      <c r="T2473" s="2">
        <v>10.863</v>
      </c>
      <c r="U2473" s="2">
        <v>9.1140000000000008</v>
      </c>
      <c r="V2473" s="2">
        <v>0.104</v>
      </c>
      <c r="W2473" s="2">
        <v>12</v>
      </c>
      <c r="X2473" s="2">
        <v>50</v>
      </c>
      <c r="Y2473" s="2">
        <v>173.9</v>
      </c>
      <c r="Z2473" s="5">
        <v>10</v>
      </c>
      <c r="AA2473" s="5" t="s">
        <v>43</v>
      </c>
      <c r="AB2473" s="5" t="s">
        <v>44</v>
      </c>
      <c r="AC2473" s="2" t="s">
        <v>35395</v>
      </c>
      <c r="AD2473" s="1"/>
    </row>
    <row r="2474" spans="1:30">
      <c r="A2474" s="5" t="s">
        <v>83578</v>
      </c>
      <c r="B2474" s="2" t="s">
        <v>91024</v>
      </c>
      <c r="C2474" s="14" t="s">
        <v>91025</v>
      </c>
      <c r="D2474" s="2" t="s">
        <v>91026</v>
      </c>
      <c r="E2474" s="2"/>
      <c r="F2474" s="8">
        <v>378</v>
      </c>
      <c r="G2474" s="5">
        <v>10</v>
      </c>
      <c r="H2474" s="5" t="s">
        <v>69</v>
      </c>
      <c r="I2474" s="5" t="s">
        <v>27074</v>
      </c>
      <c r="J2474" s="2" t="s">
        <v>27075</v>
      </c>
      <c r="K2474" s="5" t="s">
        <v>27074</v>
      </c>
      <c r="L2474" s="2" t="s">
        <v>27075</v>
      </c>
      <c r="M2474" s="5" t="s">
        <v>24254</v>
      </c>
      <c r="N2474" s="5" t="s">
        <v>38</v>
      </c>
      <c r="O2474" s="5" t="s">
        <v>39</v>
      </c>
      <c r="P2474" s="5" t="s">
        <v>40</v>
      </c>
      <c r="Q2474" s="5" t="s">
        <v>25301</v>
      </c>
      <c r="R2474" s="5" t="s">
        <v>40</v>
      </c>
      <c r="S2474" s="5" t="s">
        <v>42</v>
      </c>
      <c r="T2474" s="2">
        <v>12.997999999999999</v>
      </c>
      <c r="U2474" s="2">
        <v>10.291</v>
      </c>
      <c r="V2474" s="2">
        <v>0.14899999999999999</v>
      </c>
      <c r="W2474" s="2">
        <v>12</v>
      </c>
      <c r="X2474" s="2">
        <v>62</v>
      </c>
      <c r="Y2474" s="2">
        <v>199.7</v>
      </c>
      <c r="Z2474" s="5">
        <v>10</v>
      </c>
      <c r="AA2474" s="5" t="s">
        <v>43</v>
      </c>
      <c r="AB2474" s="5" t="s">
        <v>44</v>
      </c>
      <c r="AC2474" s="2" t="s">
        <v>90672</v>
      </c>
      <c r="AD2474" s="1"/>
    </row>
    <row r="2475" spans="1:30">
      <c r="A2475" s="5" t="s">
        <v>83578</v>
      </c>
      <c r="B2475" s="2" t="s">
        <v>91027</v>
      </c>
      <c r="C2475" s="14" t="s">
        <v>91028</v>
      </c>
      <c r="D2475" s="2" t="s">
        <v>91029</v>
      </c>
      <c r="E2475" s="2"/>
      <c r="F2475" s="8">
        <v>251</v>
      </c>
      <c r="G2475" s="5">
        <v>25</v>
      </c>
      <c r="H2475" s="5" t="s">
        <v>69</v>
      </c>
      <c r="I2475" s="5" t="s">
        <v>27074</v>
      </c>
      <c r="J2475" s="2" t="s">
        <v>27075</v>
      </c>
      <c r="K2475" s="5" t="s">
        <v>27074</v>
      </c>
      <c r="L2475" s="2" t="s">
        <v>27075</v>
      </c>
      <c r="M2475" s="5" t="s">
        <v>24254</v>
      </c>
      <c r="N2475" s="5" t="s">
        <v>38</v>
      </c>
      <c r="O2475" s="5" t="s">
        <v>39</v>
      </c>
      <c r="P2475" s="5" t="s">
        <v>40</v>
      </c>
      <c r="Q2475" s="5" t="s">
        <v>24335</v>
      </c>
      <c r="R2475" s="5" t="s">
        <v>40</v>
      </c>
      <c r="S2475" s="5" t="s">
        <v>42</v>
      </c>
      <c r="T2475" s="2">
        <v>9.5660000000000007</v>
      </c>
      <c r="U2475" s="2">
        <v>9.4689999999999994</v>
      </c>
      <c r="V2475" s="2">
        <v>0.17399999999999999</v>
      </c>
      <c r="W2475" s="2">
        <v>12</v>
      </c>
      <c r="X2475" s="2">
        <v>62</v>
      </c>
      <c r="Y2475" s="2">
        <v>234.1</v>
      </c>
      <c r="Z2475" s="5">
        <v>10</v>
      </c>
      <c r="AA2475" s="5" t="s">
        <v>43</v>
      </c>
      <c r="AB2475" s="5" t="s">
        <v>44</v>
      </c>
      <c r="AC2475" s="2" t="s">
        <v>35252</v>
      </c>
      <c r="AD2475" s="1"/>
    </row>
    <row r="2476" spans="1:30">
      <c r="A2476" s="5" t="s">
        <v>83578</v>
      </c>
      <c r="B2476" s="2" t="s">
        <v>91030</v>
      </c>
      <c r="C2476" s="14" t="s">
        <v>91031</v>
      </c>
      <c r="D2476" s="2" t="s">
        <v>91032</v>
      </c>
      <c r="E2476" s="2"/>
      <c r="F2476" s="8">
        <v>251</v>
      </c>
      <c r="G2476" s="5">
        <v>25</v>
      </c>
      <c r="H2476" s="5" t="s">
        <v>69</v>
      </c>
      <c r="I2476" s="5" t="s">
        <v>27074</v>
      </c>
      <c r="J2476" s="2" t="s">
        <v>27075</v>
      </c>
      <c r="K2476" s="5" t="s">
        <v>27074</v>
      </c>
      <c r="L2476" s="2" t="s">
        <v>27075</v>
      </c>
      <c r="M2476" s="5" t="s">
        <v>24254</v>
      </c>
      <c r="N2476" s="5" t="s">
        <v>38</v>
      </c>
      <c r="O2476" s="5" t="s">
        <v>39</v>
      </c>
      <c r="P2476" s="5" t="s">
        <v>40</v>
      </c>
      <c r="Q2476" s="5" t="s">
        <v>24335</v>
      </c>
      <c r="R2476" s="5" t="s">
        <v>40</v>
      </c>
      <c r="S2476" s="5" t="s">
        <v>42</v>
      </c>
      <c r="T2476" s="2">
        <v>10.442</v>
      </c>
      <c r="U2476" s="2">
        <v>10.345000000000001</v>
      </c>
      <c r="V2476" s="2">
        <v>0.17399999999999999</v>
      </c>
      <c r="W2476" s="2">
        <v>12</v>
      </c>
      <c r="X2476" s="2">
        <v>62</v>
      </c>
      <c r="Y2476" s="2">
        <v>234.1</v>
      </c>
      <c r="Z2476" s="5">
        <v>10</v>
      </c>
      <c r="AA2476" s="5" t="s">
        <v>43</v>
      </c>
      <c r="AB2476" s="5" t="s">
        <v>44</v>
      </c>
      <c r="AC2476" s="2" t="s">
        <v>35252</v>
      </c>
      <c r="AD2476" s="1"/>
    </row>
    <row r="2477" spans="1:30">
      <c r="A2477" s="5" t="s">
        <v>83578</v>
      </c>
      <c r="B2477" s="2" t="s">
        <v>91033</v>
      </c>
      <c r="C2477" s="14" t="s">
        <v>91034</v>
      </c>
      <c r="D2477" s="2" t="s">
        <v>91035</v>
      </c>
      <c r="E2477" s="2" t="s">
        <v>35256</v>
      </c>
      <c r="F2477" s="8">
        <v>402</v>
      </c>
      <c r="G2477" s="5">
        <v>10</v>
      </c>
      <c r="H2477" s="5" t="s">
        <v>69</v>
      </c>
      <c r="I2477" s="5" t="s">
        <v>27074</v>
      </c>
      <c r="J2477" s="2" t="s">
        <v>27075</v>
      </c>
      <c r="K2477" s="5" t="s">
        <v>27074</v>
      </c>
      <c r="L2477" s="2" t="s">
        <v>27075</v>
      </c>
      <c r="M2477" s="5" t="s">
        <v>24254</v>
      </c>
      <c r="N2477" s="5" t="s">
        <v>38</v>
      </c>
      <c r="O2477" s="5" t="s">
        <v>39</v>
      </c>
      <c r="P2477" s="5" t="s">
        <v>40</v>
      </c>
      <c r="Q2477" s="5" t="s">
        <v>24340</v>
      </c>
      <c r="R2477" s="5" t="s">
        <v>40</v>
      </c>
      <c r="S2477" s="5" t="s">
        <v>42</v>
      </c>
      <c r="T2477" s="2">
        <v>11.766</v>
      </c>
      <c r="U2477" s="2">
        <v>9.8019999999999996</v>
      </c>
      <c r="V2477" s="2">
        <v>0.104</v>
      </c>
      <c r="W2477" s="2">
        <v>12</v>
      </c>
      <c r="X2477" s="2">
        <v>50</v>
      </c>
      <c r="Y2477" s="2">
        <v>173.9</v>
      </c>
      <c r="Z2477" s="5">
        <v>10</v>
      </c>
      <c r="AA2477" s="5" t="s">
        <v>43</v>
      </c>
      <c r="AB2477" s="5" t="s">
        <v>44</v>
      </c>
      <c r="AC2477" s="2" t="s">
        <v>35257</v>
      </c>
      <c r="AD2477" s="1"/>
    </row>
    <row r="2478" spans="1:30">
      <c r="A2478" s="5" t="s">
        <v>83578</v>
      </c>
      <c r="B2478" s="2" t="s">
        <v>91036</v>
      </c>
      <c r="C2478" s="14" t="s">
        <v>91037</v>
      </c>
      <c r="D2478" s="2" t="s">
        <v>91038</v>
      </c>
      <c r="E2478" s="2" t="s">
        <v>35339</v>
      </c>
      <c r="F2478" s="8">
        <v>402</v>
      </c>
      <c r="G2478" s="5">
        <v>25</v>
      </c>
      <c r="H2478" s="5" t="s">
        <v>69</v>
      </c>
      <c r="I2478" s="5" t="s">
        <v>27074</v>
      </c>
      <c r="J2478" s="2" t="s">
        <v>27075</v>
      </c>
      <c r="K2478" s="5" t="s">
        <v>27074</v>
      </c>
      <c r="L2478" s="2" t="s">
        <v>27075</v>
      </c>
      <c r="M2478" s="5" t="s">
        <v>24254</v>
      </c>
      <c r="N2478" s="5" t="s">
        <v>38</v>
      </c>
      <c r="O2478" s="5" t="s">
        <v>39</v>
      </c>
      <c r="P2478" s="5" t="s">
        <v>40</v>
      </c>
      <c r="Q2478" s="5" t="s">
        <v>24335</v>
      </c>
      <c r="R2478" s="5" t="s">
        <v>40</v>
      </c>
      <c r="S2478" s="5" t="s">
        <v>42</v>
      </c>
      <c r="T2478" s="2">
        <v>13.83</v>
      </c>
      <c r="U2478" s="2">
        <v>13.733000000000001</v>
      </c>
      <c r="V2478" s="2">
        <v>0.17399999999999999</v>
      </c>
      <c r="W2478" s="2">
        <v>12</v>
      </c>
      <c r="X2478" s="2">
        <v>62</v>
      </c>
      <c r="Y2478" s="2">
        <v>234.1</v>
      </c>
      <c r="Z2478" s="5">
        <v>10</v>
      </c>
      <c r="AA2478" s="5" t="s">
        <v>43</v>
      </c>
      <c r="AB2478" s="5" t="s">
        <v>44</v>
      </c>
      <c r="AC2478" s="2" t="s">
        <v>35340</v>
      </c>
      <c r="AD2478" s="1"/>
    </row>
    <row r="2479" spans="1:30">
      <c r="A2479" s="5" t="s">
        <v>83578</v>
      </c>
      <c r="B2479" s="2" t="s">
        <v>91039</v>
      </c>
      <c r="C2479" s="14" t="s">
        <v>91040</v>
      </c>
      <c r="D2479" s="2" t="s">
        <v>91041</v>
      </c>
      <c r="E2479" s="2" t="s">
        <v>35256</v>
      </c>
      <c r="F2479" s="8">
        <v>402</v>
      </c>
      <c r="G2479" s="5">
        <v>10</v>
      </c>
      <c r="H2479" s="5" t="s">
        <v>69</v>
      </c>
      <c r="I2479" s="5" t="s">
        <v>27074</v>
      </c>
      <c r="J2479" s="2" t="s">
        <v>27075</v>
      </c>
      <c r="K2479" s="5" t="s">
        <v>27074</v>
      </c>
      <c r="L2479" s="2" t="s">
        <v>27075</v>
      </c>
      <c r="M2479" s="5" t="s">
        <v>24254</v>
      </c>
      <c r="N2479" s="5" t="s">
        <v>38</v>
      </c>
      <c r="O2479" s="5" t="s">
        <v>39</v>
      </c>
      <c r="P2479" s="5" t="s">
        <v>40</v>
      </c>
      <c r="Q2479" s="5" t="s">
        <v>24340</v>
      </c>
      <c r="R2479" s="5" t="s">
        <v>40</v>
      </c>
      <c r="S2479" s="5" t="s">
        <v>42</v>
      </c>
      <c r="T2479" s="2">
        <v>13.303000000000001</v>
      </c>
      <c r="U2479" s="2">
        <v>11.339</v>
      </c>
      <c r="V2479" s="2">
        <v>0.104</v>
      </c>
      <c r="W2479" s="2">
        <v>12</v>
      </c>
      <c r="X2479" s="2">
        <v>50</v>
      </c>
      <c r="Y2479" s="2">
        <v>173.9</v>
      </c>
      <c r="Z2479" s="5">
        <v>10</v>
      </c>
      <c r="AA2479" s="5" t="s">
        <v>43</v>
      </c>
      <c r="AB2479" s="5" t="s">
        <v>44</v>
      </c>
      <c r="AC2479" s="2" t="s">
        <v>35294</v>
      </c>
      <c r="AD2479" s="1"/>
    </row>
    <row r="2480" spans="1:30">
      <c r="A2480" s="5" t="s">
        <v>83578</v>
      </c>
      <c r="B2480" s="2" t="s">
        <v>91042</v>
      </c>
      <c r="C2480" s="14" t="s">
        <v>91043</v>
      </c>
      <c r="D2480" s="2" t="s">
        <v>91044</v>
      </c>
      <c r="E2480" s="2" t="s">
        <v>35339</v>
      </c>
      <c r="F2480" s="8">
        <v>402</v>
      </c>
      <c r="G2480" s="5">
        <v>25</v>
      </c>
      <c r="H2480" s="5" t="s">
        <v>69</v>
      </c>
      <c r="I2480" s="5" t="s">
        <v>27074</v>
      </c>
      <c r="J2480" s="2" t="s">
        <v>27075</v>
      </c>
      <c r="K2480" s="5" t="s">
        <v>27074</v>
      </c>
      <c r="L2480" s="2" t="s">
        <v>27075</v>
      </c>
      <c r="M2480" s="5" t="s">
        <v>24254</v>
      </c>
      <c r="N2480" s="5" t="s">
        <v>38</v>
      </c>
      <c r="O2480" s="5" t="s">
        <v>39</v>
      </c>
      <c r="P2480" s="5" t="s">
        <v>40</v>
      </c>
      <c r="Q2480" s="5" t="s">
        <v>24335</v>
      </c>
      <c r="R2480" s="5" t="s">
        <v>40</v>
      </c>
      <c r="S2480" s="5" t="s">
        <v>42</v>
      </c>
      <c r="T2480" s="2">
        <v>14.919</v>
      </c>
      <c r="U2480" s="2">
        <v>14.821999999999999</v>
      </c>
      <c r="V2480" s="2">
        <v>0.17399999999999999</v>
      </c>
      <c r="W2480" s="2">
        <v>12</v>
      </c>
      <c r="X2480" s="2">
        <v>62</v>
      </c>
      <c r="Y2480" s="2">
        <v>234.1</v>
      </c>
      <c r="Z2480" s="5">
        <v>10</v>
      </c>
      <c r="AA2480" s="5" t="s">
        <v>43</v>
      </c>
      <c r="AB2480" s="5" t="s">
        <v>44</v>
      </c>
      <c r="AC2480" s="2" t="s">
        <v>35340</v>
      </c>
      <c r="AD2480" s="1"/>
    </row>
    <row r="2481" spans="1:30">
      <c r="A2481" s="5" t="s">
        <v>83578</v>
      </c>
      <c r="B2481" s="2" t="s">
        <v>91045</v>
      </c>
      <c r="C2481" s="14" t="s">
        <v>91046</v>
      </c>
      <c r="D2481" s="2" t="s">
        <v>91047</v>
      </c>
      <c r="E2481" s="2" t="s">
        <v>35298</v>
      </c>
      <c r="F2481" s="8">
        <v>402</v>
      </c>
      <c r="G2481" s="5">
        <v>10</v>
      </c>
      <c r="H2481" s="5" t="s">
        <v>69</v>
      </c>
      <c r="I2481" s="5" t="s">
        <v>27074</v>
      </c>
      <c r="J2481" s="2" t="s">
        <v>27075</v>
      </c>
      <c r="K2481" s="5" t="s">
        <v>27074</v>
      </c>
      <c r="L2481" s="2" t="s">
        <v>27075</v>
      </c>
      <c r="M2481" s="5" t="s">
        <v>24254</v>
      </c>
      <c r="N2481" s="5" t="s">
        <v>38</v>
      </c>
      <c r="O2481" s="5" t="s">
        <v>39</v>
      </c>
      <c r="P2481" s="5" t="s">
        <v>40</v>
      </c>
      <c r="Q2481" s="5" t="s">
        <v>25301</v>
      </c>
      <c r="R2481" s="5" t="s">
        <v>40</v>
      </c>
      <c r="S2481" s="5" t="s">
        <v>42</v>
      </c>
      <c r="T2481" s="2">
        <v>11.079000000000001</v>
      </c>
      <c r="U2481" s="2">
        <v>9.1140000000000008</v>
      </c>
      <c r="V2481" s="2">
        <v>0.104</v>
      </c>
      <c r="W2481" s="2">
        <v>12</v>
      </c>
      <c r="X2481" s="2">
        <v>50</v>
      </c>
      <c r="Y2481" s="2">
        <v>173.9</v>
      </c>
      <c r="Z2481" s="5">
        <v>10</v>
      </c>
      <c r="AA2481" s="5" t="s">
        <v>43</v>
      </c>
      <c r="AB2481" s="5" t="s">
        <v>44</v>
      </c>
      <c r="AC2481" s="2" t="s">
        <v>35299</v>
      </c>
      <c r="AD2481" s="1"/>
    </row>
    <row r="2482" spans="1:30">
      <c r="A2482" s="5" t="s">
        <v>83578</v>
      </c>
      <c r="B2482" s="2" t="s">
        <v>91048</v>
      </c>
      <c r="C2482" s="14" t="s">
        <v>91049</v>
      </c>
      <c r="D2482" s="2" t="s">
        <v>91050</v>
      </c>
      <c r="E2482" s="2"/>
      <c r="F2482" s="8">
        <v>402</v>
      </c>
      <c r="G2482" s="5">
        <v>10</v>
      </c>
      <c r="H2482" s="5" t="s">
        <v>69</v>
      </c>
      <c r="I2482" s="5" t="s">
        <v>27074</v>
      </c>
      <c r="J2482" s="2" t="s">
        <v>27075</v>
      </c>
      <c r="K2482" s="5" t="s">
        <v>27074</v>
      </c>
      <c r="L2482" s="2" t="s">
        <v>27075</v>
      </c>
      <c r="M2482" s="5" t="s">
        <v>24254</v>
      </c>
      <c r="N2482" s="5" t="s">
        <v>38</v>
      </c>
      <c r="O2482" s="5" t="s">
        <v>39</v>
      </c>
      <c r="P2482" s="5" t="s">
        <v>40</v>
      </c>
      <c r="Q2482" s="5" t="s">
        <v>25301</v>
      </c>
      <c r="R2482" s="5" t="s">
        <v>40</v>
      </c>
      <c r="S2482" s="5" t="s">
        <v>42</v>
      </c>
      <c r="T2482" s="2">
        <v>12.500999999999999</v>
      </c>
      <c r="U2482" s="2">
        <v>12.403</v>
      </c>
      <c r="V2482" s="2">
        <v>0.17399999999999999</v>
      </c>
      <c r="W2482" s="2">
        <v>12</v>
      </c>
      <c r="X2482" s="2">
        <v>62</v>
      </c>
      <c r="Y2482" s="2">
        <v>234.1</v>
      </c>
      <c r="Z2482" s="5">
        <v>10</v>
      </c>
      <c r="AA2482" s="5" t="s">
        <v>43</v>
      </c>
      <c r="AB2482" s="5" t="s">
        <v>44</v>
      </c>
      <c r="AC2482" s="2" t="s">
        <v>90672</v>
      </c>
      <c r="AD2482" s="1"/>
    </row>
    <row r="2483" spans="1:30">
      <c r="A2483" s="5" t="s">
        <v>83578</v>
      </c>
      <c r="B2483" s="2" t="s">
        <v>91051</v>
      </c>
      <c r="C2483" s="14" t="s">
        <v>91052</v>
      </c>
      <c r="D2483" s="2" t="s">
        <v>91053</v>
      </c>
      <c r="E2483" s="2" t="s">
        <v>35298</v>
      </c>
      <c r="F2483" s="8">
        <v>402</v>
      </c>
      <c r="G2483" s="5">
        <v>10</v>
      </c>
      <c r="H2483" s="5" t="s">
        <v>69</v>
      </c>
      <c r="I2483" s="5" t="s">
        <v>27074</v>
      </c>
      <c r="J2483" s="2" t="s">
        <v>27075</v>
      </c>
      <c r="K2483" s="5" t="s">
        <v>27074</v>
      </c>
      <c r="L2483" s="2" t="s">
        <v>27075</v>
      </c>
      <c r="M2483" s="5" t="s">
        <v>24254</v>
      </c>
      <c r="N2483" s="5" t="s">
        <v>38</v>
      </c>
      <c r="O2483" s="5" t="s">
        <v>39</v>
      </c>
      <c r="P2483" s="5" t="s">
        <v>40</v>
      </c>
      <c r="Q2483" s="5" t="s">
        <v>25301</v>
      </c>
      <c r="R2483" s="5" t="s">
        <v>40</v>
      </c>
      <c r="S2483" s="5" t="s">
        <v>42</v>
      </c>
      <c r="T2483" s="2">
        <v>12.231</v>
      </c>
      <c r="U2483" s="2">
        <v>10.266</v>
      </c>
      <c r="V2483" s="2">
        <v>0.104</v>
      </c>
      <c r="W2483" s="2">
        <v>12</v>
      </c>
      <c r="X2483" s="2">
        <v>50</v>
      </c>
      <c r="Y2483" s="2">
        <v>173.9</v>
      </c>
      <c r="Z2483" s="5">
        <v>10</v>
      </c>
      <c r="AA2483" s="5" t="s">
        <v>43</v>
      </c>
      <c r="AB2483" s="5" t="s">
        <v>44</v>
      </c>
      <c r="AC2483" s="2" t="s">
        <v>35395</v>
      </c>
      <c r="AD2483" s="1"/>
    </row>
    <row r="2484" spans="1:30">
      <c r="A2484" s="5" t="s">
        <v>83578</v>
      </c>
      <c r="B2484" s="2" t="s">
        <v>91054</v>
      </c>
      <c r="C2484" s="14" t="s">
        <v>91055</v>
      </c>
      <c r="D2484" s="2" t="s">
        <v>91056</v>
      </c>
      <c r="E2484" s="2"/>
      <c r="F2484" s="8">
        <v>402</v>
      </c>
      <c r="G2484" s="5">
        <v>10</v>
      </c>
      <c r="H2484" s="5" t="s">
        <v>69</v>
      </c>
      <c r="I2484" s="5" t="s">
        <v>27074</v>
      </c>
      <c r="J2484" s="2" t="s">
        <v>27075</v>
      </c>
      <c r="K2484" s="5" t="s">
        <v>27074</v>
      </c>
      <c r="L2484" s="2" t="s">
        <v>27075</v>
      </c>
      <c r="M2484" s="5" t="s">
        <v>24254</v>
      </c>
      <c r="N2484" s="5" t="s">
        <v>38</v>
      </c>
      <c r="O2484" s="5" t="s">
        <v>39</v>
      </c>
      <c r="P2484" s="5" t="s">
        <v>40</v>
      </c>
      <c r="Q2484" s="5" t="s">
        <v>25301</v>
      </c>
      <c r="R2484" s="5" t="s">
        <v>40</v>
      </c>
      <c r="S2484" s="5" t="s">
        <v>42</v>
      </c>
      <c r="T2484" s="2">
        <v>13.377000000000001</v>
      </c>
      <c r="U2484" s="2">
        <v>13.279</v>
      </c>
      <c r="V2484" s="2">
        <v>0.17399999999999999</v>
      </c>
      <c r="W2484" s="2">
        <v>12</v>
      </c>
      <c r="X2484" s="2">
        <v>62</v>
      </c>
      <c r="Y2484" s="2">
        <v>234.1</v>
      </c>
      <c r="Z2484" s="5">
        <v>10</v>
      </c>
      <c r="AA2484" s="5" t="s">
        <v>43</v>
      </c>
      <c r="AB2484" s="5" t="s">
        <v>44</v>
      </c>
      <c r="AC2484" s="2" t="s">
        <v>90672</v>
      </c>
      <c r="AD2484" s="1"/>
    </row>
    <row r="2485" spans="1:30">
      <c r="A2485" s="5" t="s">
        <v>83578</v>
      </c>
      <c r="B2485" s="2" t="s">
        <v>91057</v>
      </c>
      <c r="C2485" s="14" t="s">
        <v>91058</v>
      </c>
      <c r="D2485" s="2" t="s">
        <v>91059</v>
      </c>
      <c r="E2485" s="2"/>
      <c r="F2485" s="8">
        <v>221</v>
      </c>
      <c r="G2485" s="5">
        <v>25</v>
      </c>
      <c r="H2485" s="5" t="s">
        <v>69</v>
      </c>
      <c r="I2485" s="5" t="s">
        <v>27074</v>
      </c>
      <c r="J2485" s="2" t="s">
        <v>27075</v>
      </c>
      <c r="K2485" s="5" t="s">
        <v>27074</v>
      </c>
      <c r="L2485" s="2" t="s">
        <v>27075</v>
      </c>
      <c r="M2485" s="5" t="s">
        <v>24254</v>
      </c>
      <c r="N2485" s="5" t="s">
        <v>38</v>
      </c>
      <c r="O2485" s="5" t="s">
        <v>39</v>
      </c>
      <c r="P2485" s="5" t="s">
        <v>40</v>
      </c>
      <c r="Q2485" s="5" t="s">
        <v>24335</v>
      </c>
      <c r="R2485" s="5" t="s">
        <v>40</v>
      </c>
      <c r="S2485" s="5" t="s">
        <v>42</v>
      </c>
      <c r="T2485" s="2">
        <v>9.0920000000000005</v>
      </c>
      <c r="U2485" s="2">
        <v>6.3860000000000001</v>
      </c>
      <c r="V2485" s="2">
        <v>0.17399999999999999</v>
      </c>
      <c r="W2485" s="2">
        <v>12</v>
      </c>
      <c r="X2485" s="2">
        <v>62</v>
      </c>
      <c r="Y2485" s="2">
        <v>234.1</v>
      </c>
      <c r="Z2485" s="5">
        <v>10</v>
      </c>
      <c r="AA2485" s="5" t="s">
        <v>43</v>
      </c>
      <c r="AB2485" s="5" t="s">
        <v>44</v>
      </c>
      <c r="AC2485" s="2" t="s">
        <v>35252</v>
      </c>
      <c r="AD2485" s="1"/>
    </row>
    <row r="2486" spans="1:30">
      <c r="A2486" s="5" t="s">
        <v>83578</v>
      </c>
      <c r="B2486" s="2" t="s">
        <v>91060</v>
      </c>
      <c r="C2486" s="14" t="s">
        <v>91061</v>
      </c>
      <c r="D2486" s="2" t="s">
        <v>91062</v>
      </c>
      <c r="E2486" s="2" t="s">
        <v>35256</v>
      </c>
      <c r="F2486" s="8">
        <v>372</v>
      </c>
      <c r="G2486" s="5">
        <v>10</v>
      </c>
      <c r="H2486" s="5" t="s">
        <v>69</v>
      </c>
      <c r="I2486" s="5" t="s">
        <v>27074</v>
      </c>
      <c r="J2486" s="2" t="s">
        <v>27075</v>
      </c>
      <c r="K2486" s="5" t="s">
        <v>27074</v>
      </c>
      <c r="L2486" s="2" t="s">
        <v>27075</v>
      </c>
      <c r="M2486" s="5" t="s">
        <v>24254</v>
      </c>
      <c r="N2486" s="5" t="s">
        <v>38</v>
      </c>
      <c r="O2486" s="5" t="s">
        <v>39</v>
      </c>
      <c r="P2486" s="5" t="s">
        <v>40</v>
      </c>
      <c r="Q2486" s="5" t="s">
        <v>24340</v>
      </c>
      <c r="R2486" s="5" t="s">
        <v>40</v>
      </c>
      <c r="S2486" s="5" t="s">
        <v>42</v>
      </c>
      <c r="T2486" s="2">
        <v>9.5389999999999997</v>
      </c>
      <c r="U2486" s="2">
        <v>7.7910000000000004</v>
      </c>
      <c r="V2486" s="2">
        <v>0.104</v>
      </c>
      <c r="W2486" s="2">
        <v>12</v>
      </c>
      <c r="X2486" s="2">
        <v>50</v>
      </c>
      <c r="Y2486" s="2">
        <v>173.9</v>
      </c>
      <c r="Z2486" s="5">
        <v>10</v>
      </c>
      <c r="AA2486" s="5" t="s">
        <v>43</v>
      </c>
      <c r="AB2486" s="5" t="s">
        <v>44</v>
      </c>
      <c r="AC2486" s="2" t="s">
        <v>35257</v>
      </c>
      <c r="AD2486" s="1"/>
    </row>
    <row r="2487" spans="1:30">
      <c r="A2487" s="5" t="s">
        <v>83578</v>
      </c>
      <c r="B2487" s="2" t="s">
        <v>91063</v>
      </c>
      <c r="C2487" s="14" t="s">
        <v>91064</v>
      </c>
      <c r="D2487" s="2" t="s">
        <v>91065</v>
      </c>
      <c r="E2487" s="2" t="s">
        <v>35339</v>
      </c>
      <c r="F2487" s="8">
        <v>372</v>
      </c>
      <c r="G2487" s="5">
        <v>25</v>
      </c>
      <c r="H2487" s="5" t="s">
        <v>69</v>
      </c>
      <c r="I2487" s="5" t="s">
        <v>27074</v>
      </c>
      <c r="J2487" s="2" t="s">
        <v>27075</v>
      </c>
      <c r="K2487" s="5" t="s">
        <v>27074</v>
      </c>
      <c r="L2487" s="2" t="s">
        <v>27075</v>
      </c>
      <c r="M2487" s="5" t="s">
        <v>24254</v>
      </c>
      <c r="N2487" s="5" t="s">
        <v>38</v>
      </c>
      <c r="O2487" s="5" t="s">
        <v>39</v>
      </c>
      <c r="P2487" s="5" t="s">
        <v>40</v>
      </c>
      <c r="Q2487" s="5" t="s">
        <v>24335</v>
      </c>
      <c r="R2487" s="5" t="s">
        <v>40</v>
      </c>
      <c r="S2487" s="5" t="s">
        <v>42</v>
      </c>
      <c r="T2487" s="2">
        <v>12.115</v>
      </c>
      <c r="U2487" s="2">
        <v>9.4090000000000007</v>
      </c>
      <c r="V2487" s="2">
        <v>0.14899999999999999</v>
      </c>
      <c r="W2487" s="2">
        <v>12</v>
      </c>
      <c r="X2487" s="2">
        <v>62</v>
      </c>
      <c r="Y2487" s="2">
        <v>199.7</v>
      </c>
      <c r="Z2487" s="5">
        <v>10</v>
      </c>
      <c r="AA2487" s="5" t="s">
        <v>43</v>
      </c>
      <c r="AB2487" s="5" t="s">
        <v>44</v>
      </c>
      <c r="AC2487" s="2" t="s">
        <v>35340</v>
      </c>
      <c r="AD2487" s="1"/>
    </row>
    <row r="2488" spans="1:30">
      <c r="A2488" s="5" t="s">
        <v>83578</v>
      </c>
      <c r="B2488" s="2" t="s">
        <v>91066</v>
      </c>
      <c r="C2488" s="14" t="s">
        <v>91067</v>
      </c>
      <c r="D2488" s="2" t="s">
        <v>91068</v>
      </c>
      <c r="E2488" s="2" t="s">
        <v>35256</v>
      </c>
      <c r="F2488" s="8">
        <v>372</v>
      </c>
      <c r="G2488" s="5">
        <v>10</v>
      </c>
      <c r="H2488" s="5" t="s">
        <v>69</v>
      </c>
      <c r="I2488" s="5" t="s">
        <v>27074</v>
      </c>
      <c r="J2488" s="2" t="s">
        <v>27075</v>
      </c>
      <c r="K2488" s="5" t="s">
        <v>27074</v>
      </c>
      <c r="L2488" s="2" t="s">
        <v>27075</v>
      </c>
      <c r="M2488" s="5" t="s">
        <v>24254</v>
      </c>
      <c r="N2488" s="5" t="s">
        <v>38</v>
      </c>
      <c r="O2488" s="5" t="s">
        <v>39</v>
      </c>
      <c r="P2488" s="5" t="s">
        <v>40</v>
      </c>
      <c r="Q2488" s="5" t="s">
        <v>24340</v>
      </c>
      <c r="R2488" s="5" t="s">
        <v>40</v>
      </c>
      <c r="S2488" s="5" t="s">
        <v>42</v>
      </c>
      <c r="T2488" s="2">
        <v>11.255000000000001</v>
      </c>
      <c r="U2488" s="2">
        <v>9.5069999999999997</v>
      </c>
      <c r="V2488" s="2">
        <v>0.104</v>
      </c>
      <c r="W2488" s="2">
        <v>12</v>
      </c>
      <c r="X2488" s="2">
        <v>50</v>
      </c>
      <c r="Y2488" s="2">
        <v>173.9</v>
      </c>
      <c r="Z2488" s="5">
        <v>10</v>
      </c>
      <c r="AA2488" s="5" t="s">
        <v>43</v>
      </c>
      <c r="AB2488" s="5" t="s">
        <v>44</v>
      </c>
      <c r="AC2488" s="2" t="s">
        <v>35294</v>
      </c>
      <c r="AD2488" s="1"/>
    </row>
    <row r="2489" spans="1:30">
      <c r="A2489" s="5" t="s">
        <v>83578</v>
      </c>
      <c r="B2489" s="2" t="s">
        <v>91069</v>
      </c>
      <c r="C2489" s="14" t="s">
        <v>91070</v>
      </c>
      <c r="D2489" s="2" t="s">
        <v>91071</v>
      </c>
      <c r="E2489" s="2" t="s">
        <v>35339</v>
      </c>
      <c r="F2489" s="8">
        <v>372</v>
      </c>
      <c r="G2489" s="5">
        <v>25</v>
      </c>
      <c r="H2489" s="5" t="s">
        <v>69</v>
      </c>
      <c r="I2489" s="5" t="s">
        <v>27074</v>
      </c>
      <c r="J2489" s="2" t="s">
        <v>27075</v>
      </c>
      <c r="K2489" s="5" t="s">
        <v>27074</v>
      </c>
      <c r="L2489" s="2" t="s">
        <v>27075</v>
      </c>
      <c r="M2489" s="5" t="s">
        <v>24254</v>
      </c>
      <c r="N2489" s="5" t="s">
        <v>38</v>
      </c>
      <c r="O2489" s="5" t="s">
        <v>39</v>
      </c>
      <c r="P2489" s="5" t="s">
        <v>40</v>
      </c>
      <c r="Q2489" s="5" t="s">
        <v>24335</v>
      </c>
      <c r="R2489" s="5" t="s">
        <v>40</v>
      </c>
      <c r="S2489" s="5" t="s">
        <v>42</v>
      </c>
      <c r="T2489" s="2">
        <v>13.365</v>
      </c>
      <c r="U2489" s="2">
        <v>10.659000000000001</v>
      </c>
      <c r="V2489" s="2">
        <v>0.14899999999999999</v>
      </c>
      <c r="W2489" s="2">
        <v>12</v>
      </c>
      <c r="X2489" s="2">
        <v>62</v>
      </c>
      <c r="Y2489" s="2">
        <v>199.7</v>
      </c>
      <c r="Z2489" s="5">
        <v>10</v>
      </c>
      <c r="AA2489" s="5" t="s">
        <v>43</v>
      </c>
      <c r="AB2489" s="5" t="s">
        <v>44</v>
      </c>
      <c r="AC2489" s="2" t="s">
        <v>35340</v>
      </c>
      <c r="AD2489" s="1"/>
    </row>
    <row r="2490" spans="1:30">
      <c r="A2490" s="5" t="s">
        <v>83578</v>
      </c>
      <c r="B2490" s="2" t="s">
        <v>91072</v>
      </c>
      <c r="C2490" s="14" t="s">
        <v>91073</v>
      </c>
      <c r="D2490" s="2" t="s">
        <v>91074</v>
      </c>
      <c r="E2490" s="2" t="s">
        <v>35298</v>
      </c>
      <c r="F2490" s="8">
        <v>372</v>
      </c>
      <c r="G2490" s="5">
        <v>10</v>
      </c>
      <c r="H2490" s="5" t="s">
        <v>69</v>
      </c>
      <c r="I2490" s="5" t="s">
        <v>27074</v>
      </c>
      <c r="J2490" s="2" t="s">
        <v>27075</v>
      </c>
      <c r="K2490" s="5" t="s">
        <v>27074</v>
      </c>
      <c r="L2490" s="2" t="s">
        <v>27075</v>
      </c>
      <c r="M2490" s="5" t="s">
        <v>24254</v>
      </c>
      <c r="N2490" s="5" t="s">
        <v>38</v>
      </c>
      <c r="O2490" s="5" t="s">
        <v>39</v>
      </c>
      <c r="P2490" s="5" t="s">
        <v>40</v>
      </c>
      <c r="Q2490" s="5" t="s">
        <v>25301</v>
      </c>
      <c r="R2490" s="5" t="s">
        <v>40</v>
      </c>
      <c r="S2490" s="5" t="s">
        <v>42</v>
      </c>
      <c r="T2490" s="2">
        <v>8.6790000000000003</v>
      </c>
      <c r="U2490" s="2">
        <v>6.93</v>
      </c>
      <c r="V2490" s="2">
        <v>0.104</v>
      </c>
      <c r="W2490" s="2">
        <v>12</v>
      </c>
      <c r="X2490" s="2">
        <v>50</v>
      </c>
      <c r="Y2490" s="2">
        <v>173.9</v>
      </c>
      <c r="Z2490" s="5">
        <v>10</v>
      </c>
      <c r="AA2490" s="5" t="s">
        <v>43</v>
      </c>
      <c r="AB2490" s="5" t="s">
        <v>44</v>
      </c>
      <c r="AC2490" s="2" t="s">
        <v>35299</v>
      </c>
      <c r="AD2490" s="1"/>
    </row>
    <row r="2491" spans="1:30">
      <c r="A2491" s="5" t="s">
        <v>83578</v>
      </c>
      <c r="B2491" s="2" t="s">
        <v>91075</v>
      </c>
      <c r="C2491" s="14" t="s">
        <v>91076</v>
      </c>
      <c r="D2491" s="2" t="s">
        <v>91077</v>
      </c>
      <c r="E2491" s="2"/>
      <c r="F2491" s="8">
        <v>372</v>
      </c>
      <c r="G2491" s="5">
        <v>10</v>
      </c>
      <c r="H2491" s="5" t="s">
        <v>69</v>
      </c>
      <c r="I2491" s="5" t="s">
        <v>27074</v>
      </c>
      <c r="J2491" s="2" t="s">
        <v>27075</v>
      </c>
      <c r="K2491" s="5" t="s">
        <v>27074</v>
      </c>
      <c r="L2491" s="2" t="s">
        <v>27075</v>
      </c>
      <c r="M2491" s="5" t="s">
        <v>24254</v>
      </c>
      <c r="N2491" s="5" t="s">
        <v>38</v>
      </c>
      <c r="O2491" s="5" t="s">
        <v>39</v>
      </c>
      <c r="P2491" s="5" t="s">
        <v>40</v>
      </c>
      <c r="Q2491" s="5" t="s">
        <v>25301</v>
      </c>
      <c r="R2491" s="5" t="s">
        <v>40</v>
      </c>
      <c r="S2491" s="5" t="s">
        <v>42</v>
      </c>
      <c r="T2491" s="2">
        <v>11.087</v>
      </c>
      <c r="U2491" s="2">
        <v>8.3800000000000008</v>
      </c>
      <c r="V2491" s="2">
        <v>0.14899999999999999</v>
      </c>
      <c r="W2491" s="2">
        <v>12</v>
      </c>
      <c r="X2491" s="2">
        <v>62</v>
      </c>
      <c r="Y2491" s="2">
        <v>199.7</v>
      </c>
      <c r="Z2491" s="5">
        <v>10</v>
      </c>
      <c r="AA2491" s="5" t="s">
        <v>43</v>
      </c>
      <c r="AB2491" s="5" t="s">
        <v>44</v>
      </c>
      <c r="AC2491" s="2" t="s">
        <v>90672</v>
      </c>
      <c r="AD2491" s="1"/>
    </row>
    <row r="2492" spans="1:30">
      <c r="A2492" s="5" t="s">
        <v>83578</v>
      </c>
      <c r="B2492" s="2" t="s">
        <v>91078</v>
      </c>
      <c r="C2492" s="14" t="s">
        <v>91079</v>
      </c>
      <c r="D2492" s="2" t="s">
        <v>91080</v>
      </c>
      <c r="E2492" s="2" t="s">
        <v>35298</v>
      </c>
      <c r="F2492" s="8">
        <v>372</v>
      </c>
      <c r="G2492" s="5">
        <v>10</v>
      </c>
      <c r="H2492" s="5" t="s">
        <v>69</v>
      </c>
      <c r="I2492" s="5" t="s">
        <v>27074</v>
      </c>
      <c r="J2492" s="2" t="s">
        <v>27075</v>
      </c>
      <c r="K2492" s="5" t="s">
        <v>27074</v>
      </c>
      <c r="L2492" s="2" t="s">
        <v>27075</v>
      </c>
      <c r="M2492" s="5" t="s">
        <v>24254</v>
      </c>
      <c r="N2492" s="5" t="s">
        <v>38</v>
      </c>
      <c r="O2492" s="5" t="s">
        <v>39</v>
      </c>
      <c r="P2492" s="5" t="s">
        <v>40</v>
      </c>
      <c r="Q2492" s="5" t="s">
        <v>25301</v>
      </c>
      <c r="R2492" s="5" t="s">
        <v>40</v>
      </c>
      <c r="S2492" s="5" t="s">
        <v>42</v>
      </c>
      <c r="T2492" s="2">
        <v>9.9610000000000003</v>
      </c>
      <c r="U2492" s="2">
        <v>8.2119999999999997</v>
      </c>
      <c r="V2492" s="2">
        <v>0.104</v>
      </c>
      <c r="W2492" s="2">
        <v>12</v>
      </c>
      <c r="X2492" s="2">
        <v>50</v>
      </c>
      <c r="Y2492" s="2">
        <v>173.9</v>
      </c>
      <c r="Z2492" s="5">
        <v>10</v>
      </c>
      <c r="AA2492" s="5" t="s">
        <v>43</v>
      </c>
      <c r="AB2492" s="5" t="s">
        <v>44</v>
      </c>
      <c r="AC2492" s="2" t="s">
        <v>35395</v>
      </c>
      <c r="AD2492" s="1"/>
    </row>
    <row r="2493" spans="1:30">
      <c r="A2493" s="5" t="s">
        <v>83578</v>
      </c>
      <c r="B2493" s="2" t="s">
        <v>91081</v>
      </c>
      <c r="C2493" s="14" t="s">
        <v>91082</v>
      </c>
      <c r="D2493" s="2" t="s">
        <v>91083</v>
      </c>
      <c r="E2493" s="2"/>
      <c r="F2493" s="8">
        <v>372</v>
      </c>
      <c r="G2493" s="5">
        <v>10</v>
      </c>
      <c r="H2493" s="5" t="s">
        <v>69</v>
      </c>
      <c r="I2493" s="5" t="s">
        <v>27074</v>
      </c>
      <c r="J2493" s="2" t="s">
        <v>27075</v>
      </c>
      <c r="K2493" s="5" t="s">
        <v>27074</v>
      </c>
      <c r="L2493" s="2" t="s">
        <v>27075</v>
      </c>
      <c r="M2493" s="5" t="s">
        <v>24254</v>
      </c>
      <c r="N2493" s="5" t="s">
        <v>38</v>
      </c>
      <c r="O2493" s="5" t="s">
        <v>39</v>
      </c>
      <c r="P2493" s="5" t="s">
        <v>40</v>
      </c>
      <c r="Q2493" s="5" t="s">
        <v>25301</v>
      </c>
      <c r="R2493" s="5" t="s">
        <v>40</v>
      </c>
      <c r="S2493" s="5" t="s">
        <v>42</v>
      </c>
      <c r="T2493" s="2">
        <v>12.093</v>
      </c>
      <c r="U2493" s="2">
        <v>9.3859999999999992</v>
      </c>
      <c r="V2493" s="2">
        <v>0.14899999999999999</v>
      </c>
      <c r="W2493" s="2">
        <v>12</v>
      </c>
      <c r="X2493" s="2">
        <v>62</v>
      </c>
      <c r="Y2493" s="2">
        <v>199.7</v>
      </c>
      <c r="Z2493" s="5">
        <v>10</v>
      </c>
      <c r="AA2493" s="5" t="s">
        <v>43</v>
      </c>
      <c r="AB2493" s="5" t="s">
        <v>44</v>
      </c>
      <c r="AC2493" s="2" t="s">
        <v>90672</v>
      </c>
      <c r="AD2493" s="1"/>
    </row>
    <row r="2494" spans="1:30">
      <c r="A2494" s="5" t="s">
        <v>83578</v>
      </c>
      <c r="B2494" s="2" t="s">
        <v>91084</v>
      </c>
      <c r="C2494" s="14" t="s">
        <v>91085</v>
      </c>
      <c r="D2494" s="2" t="s">
        <v>91086</v>
      </c>
      <c r="E2494" s="2"/>
      <c r="F2494" s="8">
        <v>240</v>
      </c>
      <c r="G2494" s="5">
        <v>25</v>
      </c>
      <c r="H2494" s="5" t="s">
        <v>69</v>
      </c>
      <c r="I2494" s="5" t="s">
        <v>27074</v>
      </c>
      <c r="J2494" s="2" t="s">
        <v>27075</v>
      </c>
      <c r="K2494" s="5" t="s">
        <v>27074</v>
      </c>
      <c r="L2494" s="2" t="s">
        <v>27075</v>
      </c>
      <c r="M2494" s="5" t="s">
        <v>24254</v>
      </c>
      <c r="N2494" s="5" t="s">
        <v>38</v>
      </c>
      <c r="O2494" s="5" t="s">
        <v>39</v>
      </c>
      <c r="P2494" s="5" t="s">
        <v>40</v>
      </c>
      <c r="Q2494" s="5" t="s">
        <v>24335</v>
      </c>
      <c r="R2494" s="5" t="s">
        <v>40</v>
      </c>
      <c r="S2494" s="5" t="s">
        <v>42</v>
      </c>
      <c r="T2494" s="2">
        <v>9.9930000000000003</v>
      </c>
      <c r="U2494" s="2">
        <v>7.2869999999999999</v>
      </c>
      <c r="V2494" s="2">
        <v>0.17399999999999999</v>
      </c>
      <c r="W2494" s="2">
        <v>12</v>
      </c>
      <c r="X2494" s="2">
        <v>62</v>
      </c>
      <c r="Y2494" s="2">
        <v>234.1</v>
      </c>
      <c r="Z2494" s="5">
        <v>10</v>
      </c>
      <c r="AA2494" s="5" t="s">
        <v>43</v>
      </c>
      <c r="AB2494" s="5" t="s">
        <v>44</v>
      </c>
      <c r="AC2494" s="2" t="s">
        <v>35252</v>
      </c>
      <c r="AD2494" s="1"/>
    </row>
    <row r="2495" spans="1:30">
      <c r="A2495" s="5" t="s">
        <v>83578</v>
      </c>
      <c r="B2495" s="2" t="s">
        <v>91087</v>
      </c>
      <c r="C2495" s="14" t="s">
        <v>91088</v>
      </c>
      <c r="D2495" s="2" t="s">
        <v>91089</v>
      </c>
      <c r="E2495" s="2" t="s">
        <v>35256</v>
      </c>
      <c r="F2495" s="8">
        <v>391</v>
      </c>
      <c r="G2495" s="5">
        <v>10</v>
      </c>
      <c r="H2495" s="5" t="s">
        <v>69</v>
      </c>
      <c r="I2495" s="5" t="s">
        <v>27074</v>
      </c>
      <c r="J2495" s="2" t="s">
        <v>27075</v>
      </c>
      <c r="K2495" s="5" t="s">
        <v>27074</v>
      </c>
      <c r="L2495" s="2" t="s">
        <v>27075</v>
      </c>
      <c r="M2495" s="5" t="s">
        <v>24254</v>
      </c>
      <c r="N2495" s="5" t="s">
        <v>38</v>
      </c>
      <c r="O2495" s="5" t="s">
        <v>39</v>
      </c>
      <c r="P2495" s="5" t="s">
        <v>40</v>
      </c>
      <c r="Q2495" s="5" t="s">
        <v>24340</v>
      </c>
      <c r="R2495" s="5" t="s">
        <v>40</v>
      </c>
      <c r="S2495" s="5" t="s">
        <v>42</v>
      </c>
      <c r="T2495" s="2">
        <v>11.172000000000001</v>
      </c>
      <c r="U2495" s="2">
        <v>9.4239999999999995</v>
      </c>
      <c r="V2495" s="2">
        <v>0.104</v>
      </c>
      <c r="W2495" s="2">
        <v>12</v>
      </c>
      <c r="X2495" s="2">
        <v>50</v>
      </c>
      <c r="Y2495" s="2">
        <v>173.9</v>
      </c>
      <c r="Z2495" s="5">
        <v>10</v>
      </c>
      <c r="AA2495" s="5" t="s">
        <v>43</v>
      </c>
      <c r="AB2495" s="5" t="s">
        <v>44</v>
      </c>
      <c r="AC2495" s="2" t="s">
        <v>35257</v>
      </c>
      <c r="AD2495" s="1"/>
    </row>
    <row r="2496" spans="1:30">
      <c r="A2496" s="5" t="s">
        <v>83578</v>
      </c>
      <c r="B2496" s="2" t="s">
        <v>91090</v>
      </c>
      <c r="C2496" s="14" t="s">
        <v>91091</v>
      </c>
      <c r="D2496" s="2" t="s">
        <v>91092</v>
      </c>
      <c r="E2496" s="2" t="s">
        <v>35339</v>
      </c>
      <c r="F2496" s="8">
        <v>391</v>
      </c>
      <c r="G2496" s="5">
        <v>25</v>
      </c>
      <c r="H2496" s="5" t="s">
        <v>69</v>
      </c>
      <c r="I2496" s="5" t="s">
        <v>27074</v>
      </c>
      <c r="J2496" s="2" t="s">
        <v>27075</v>
      </c>
      <c r="K2496" s="5" t="s">
        <v>27074</v>
      </c>
      <c r="L2496" s="2" t="s">
        <v>27075</v>
      </c>
      <c r="M2496" s="5" t="s">
        <v>24254</v>
      </c>
      <c r="N2496" s="5" t="s">
        <v>38</v>
      </c>
      <c r="O2496" s="5" t="s">
        <v>39</v>
      </c>
      <c r="P2496" s="5" t="s">
        <v>40</v>
      </c>
      <c r="Q2496" s="5" t="s">
        <v>24335</v>
      </c>
      <c r="R2496" s="5" t="s">
        <v>40</v>
      </c>
      <c r="S2496" s="5" t="s">
        <v>42</v>
      </c>
      <c r="T2496" s="2">
        <v>13.906000000000001</v>
      </c>
      <c r="U2496" s="2">
        <v>11.2</v>
      </c>
      <c r="V2496" s="2">
        <v>0.14899999999999999</v>
      </c>
      <c r="W2496" s="2">
        <v>12</v>
      </c>
      <c r="X2496" s="2">
        <v>62</v>
      </c>
      <c r="Y2496" s="2">
        <v>199.7</v>
      </c>
      <c r="Z2496" s="5">
        <v>10</v>
      </c>
      <c r="AA2496" s="5" t="s">
        <v>43</v>
      </c>
      <c r="AB2496" s="5" t="s">
        <v>44</v>
      </c>
      <c r="AC2496" s="2" t="s">
        <v>35340</v>
      </c>
      <c r="AD2496" s="1"/>
    </row>
    <row r="2497" spans="1:30">
      <c r="A2497" s="5" t="s">
        <v>83578</v>
      </c>
      <c r="B2497" s="2" t="s">
        <v>91093</v>
      </c>
      <c r="C2497" s="14" t="s">
        <v>91094</v>
      </c>
      <c r="D2497" s="2" t="s">
        <v>91095</v>
      </c>
      <c r="E2497" s="2" t="s">
        <v>35339</v>
      </c>
      <c r="F2497" s="8">
        <v>391</v>
      </c>
      <c r="G2497" s="5">
        <v>25</v>
      </c>
      <c r="H2497" s="5" t="s">
        <v>69</v>
      </c>
      <c r="I2497" s="5" t="s">
        <v>27074</v>
      </c>
      <c r="J2497" s="2" t="s">
        <v>27075</v>
      </c>
      <c r="K2497" s="5" t="s">
        <v>27074</v>
      </c>
      <c r="L2497" s="2" t="s">
        <v>27075</v>
      </c>
      <c r="M2497" s="5" t="s">
        <v>24254</v>
      </c>
      <c r="N2497" s="5" t="s">
        <v>38</v>
      </c>
      <c r="O2497" s="5" t="s">
        <v>39</v>
      </c>
      <c r="P2497" s="5" t="s">
        <v>40</v>
      </c>
      <c r="Q2497" s="5" t="s">
        <v>24335</v>
      </c>
      <c r="R2497" s="5" t="s">
        <v>40</v>
      </c>
      <c r="S2497" s="5" t="s">
        <v>42</v>
      </c>
      <c r="T2497" s="2">
        <v>15.156000000000001</v>
      </c>
      <c r="U2497" s="2">
        <v>12.45</v>
      </c>
      <c r="V2497" s="2">
        <v>0.14899999999999999</v>
      </c>
      <c r="W2497" s="2">
        <v>12</v>
      </c>
      <c r="X2497" s="2">
        <v>62</v>
      </c>
      <c r="Y2497" s="2">
        <v>199.7</v>
      </c>
      <c r="Z2497" s="5">
        <v>10</v>
      </c>
      <c r="AA2497" s="5" t="s">
        <v>43</v>
      </c>
      <c r="AB2497" s="5" t="s">
        <v>44</v>
      </c>
      <c r="AC2497" s="2" t="s">
        <v>35340</v>
      </c>
      <c r="AD2497" s="1"/>
    </row>
    <row r="2498" spans="1:30">
      <c r="A2498" s="5" t="s">
        <v>83578</v>
      </c>
      <c r="B2498" s="2" t="s">
        <v>91096</v>
      </c>
      <c r="C2498" s="14" t="s">
        <v>91097</v>
      </c>
      <c r="D2498" s="2" t="s">
        <v>91098</v>
      </c>
      <c r="E2498" s="2" t="s">
        <v>35298</v>
      </c>
      <c r="F2498" s="8">
        <v>391</v>
      </c>
      <c r="G2498" s="5">
        <v>10</v>
      </c>
      <c r="H2498" s="5" t="s">
        <v>69</v>
      </c>
      <c r="I2498" s="5" t="s">
        <v>27074</v>
      </c>
      <c r="J2498" s="2" t="s">
        <v>27075</v>
      </c>
      <c r="K2498" s="5" t="s">
        <v>27074</v>
      </c>
      <c r="L2498" s="2" t="s">
        <v>27075</v>
      </c>
      <c r="M2498" s="5" t="s">
        <v>24254</v>
      </c>
      <c r="N2498" s="5" t="s">
        <v>38</v>
      </c>
      <c r="O2498" s="5" t="s">
        <v>39</v>
      </c>
      <c r="P2498" s="5" t="s">
        <v>40</v>
      </c>
      <c r="Q2498" s="5" t="s">
        <v>25301</v>
      </c>
      <c r="R2498" s="5" t="s">
        <v>40</v>
      </c>
      <c r="S2498" s="5" t="s">
        <v>42</v>
      </c>
      <c r="T2498" s="2">
        <v>10.096</v>
      </c>
      <c r="U2498" s="2">
        <v>8.3469999999999995</v>
      </c>
      <c r="V2498" s="2">
        <v>0.104</v>
      </c>
      <c r="W2498" s="2">
        <v>12</v>
      </c>
      <c r="X2498" s="2">
        <v>50</v>
      </c>
      <c r="Y2498" s="2">
        <v>173.9</v>
      </c>
      <c r="Z2498" s="5">
        <v>10</v>
      </c>
      <c r="AA2498" s="5" t="s">
        <v>43</v>
      </c>
      <c r="AB2498" s="5" t="s">
        <v>44</v>
      </c>
      <c r="AC2498" s="2" t="s">
        <v>35299</v>
      </c>
      <c r="AD2498" s="1"/>
    </row>
    <row r="2499" spans="1:30">
      <c r="A2499" s="5" t="s">
        <v>83578</v>
      </c>
      <c r="B2499" s="2" t="s">
        <v>91099</v>
      </c>
      <c r="C2499" s="14" t="s">
        <v>91100</v>
      </c>
      <c r="D2499" s="2" t="s">
        <v>91101</v>
      </c>
      <c r="E2499" s="2"/>
      <c r="F2499" s="8">
        <v>391</v>
      </c>
      <c r="G2499" s="5">
        <v>10</v>
      </c>
      <c r="H2499" s="5" t="s">
        <v>69</v>
      </c>
      <c r="I2499" s="5" t="s">
        <v>27074</v>
      </c>
      <c r="J2499" s="2" t="s">
        <v>27075</v>
      </c>
      <c r="K2499" s="5" t="s">
        <v>27074</v>
      </c>
      <c r="L2499" s="2" t="s">
        <v>27075</v>
      </c>
      <c r="M2499" s="5" t="s">
        <v>24254</v>
      </c>
      <c r="N2499" s="5" t="s">
        <v>38</v>
      </c>
      <c r="O2499" s="5" t="s">
        <v>39</v>
      </c>
      <c r="P2499" s="5" t="s">
        <v>40</v>
      </c>
      <c r="Q2499" s="5" t="s">
        <v>25301</v>
      </c>
      <c r="R2499" s="5" t="s">
        <v>40</v>
      </c>
      <c r="S2499" s="5" t="s">
        <v>42</v>
      </c>
      <c r="T2499" s="2">
        <v>12.645</v>
      </c>
      <c r="U2499" s="2">
        <v>9.9380000000000006</v>
      </c>
      <c r="V2499" s="2">
        <v>0.14899999999999999</v>
      </c>
      <c r="W2499" s="2">
        <v>12</v>
      </c>
      <c r="X2499" s="2">
        <v>62</v>
      </c>
      <c r="Y2499" s="2">
        <v>199.7</v>
      </c>
      <c r="Z2499" s="5">
        <v>10</v>
      </c>
      <c r="AA2499" s="5" t="s">
        <v>43</v>
      </c>
      <c r="AB2499" s="5" t="s">
        <v>44</v>
      </c>
      <c r="AC2499" s="2" t="s">
        <v>90672</v>
      </c>
      <c r="AD2499" s="1"/>
    </row>
    <row r="2500" spans="1:30">
      <c r="A2500" s="5" t="s">
        <v>83578</v>
      </c>
      <c r="B2500" s="2" t="s">
        <v>91102</v>
      </c>
      <c r="C2500" s="14" t="s">
        <v>91103</v>
      </c>
      <c r="D2500" s="2" t="s">
        <v>91104</v>
      </c>
      <c r="E2500" s="2" t="s">
        <v>35298</v>
      </c>
      <c r="F2500" s="8">
        <v>391</v>
      </c>
      <c r="G2500" s="5">
        <v>10</v>
      </c>
      <c r="H2500" s="5" t="s">
        <v>69</v>
      </c>
      <c r="I2500" s="5" t="s">
        <v>27074</v>
      </c>
      <c r="J2500" s="2" t="s">
        <v>27075</v>
      </c>
      <c r="K2500" s="5" t="s">
        <v>27074</v>
      </c>
      <c r="L2500" s="2" t="s">
        <v>27075</v>
      </c>
      <c r="M2500" s="5" t="s">
        <v>24254</v>
      </c>
      <c r="N2500" s="5" t="s">
        <v>38</v>
      </c>
      <c r="O2500" s="5" t="s">
        <v>39</v>
      </c>
      <c r="P2500" s="5" t="s">
        <v>40</v>
      </c>
      <c r="Q2500" s="5" t="s">
        <v>25301</v>
      </c>
      <c r="R2500" s="5" t="s">
        <v>40</v>
      </c>
      <c r="S2500" s="5" t="s">
        <v>42</v>
      </c>
      <c r="T2500" s="2">
        <v>11.378</v>
      </c>
      <c r="U2500" s="2">
        <v>9.6289999999999996</v>
      </c>
      <c r="V2500" s="2">
        <v>0.104</v>
      </c>
      <c r="W2500" s="2">
        <v>12</v>
      </c>
      <c r="X2500" s="2">
        <v>50</v>
      </c>
      <c r="Y2500" s="2">
        <v>173.9</v>
      </c>
      <c r="Z2500" s="5">
        <v>10</v>
      </c>
      <c r="AA2500" s="5" t="s">
        <v>43</v>
      </c>
      <c r="AB2500" s="5" t="s">
        <v>44</v>
      </c>
      <c r="AC2500" s="2" t="s">
        <v>35395</v>
      </c>
      <c r="AD2500" s="1"/>
    </row>
    <row r="2501" spans="1:30">
      <c r="A2501" s="5" t="s">
        <v>83578</v>
      </c>
      <c r="B2501" s="2" t="s">
        <v>91105</v>
      </c>
      <c r="C2501" s="14" t="s">
        <v>91106</v>
      </c>
      <c r="D2501" s="2" t="s">
        <v>91107</v>
      </c>
      <c r="E2501" s="2"/>
      <c r="F2501" s="8">
        <v>391</v>
      </c>
      <c r="G2501" s="5">
        <v>10</v>
      </c>
      <c r="H2501" s="5" t="s">
        <v>69</v>
      </c>
      <c r="I2501" s="5" t="s">
        <v>27074</v>
      </c>
      <c r="J2501" s="2" t="s">
        <v>27075</v>
      </c>
      <c r="K2501" s="5" t="s">
        <v>27074</v>
      </c>
      <c r="L2501" s="2" t="s">
        <v>27075</v>
      </c>
      <c r="M2501" s="5" t="s">
        <v>24254</v>
      </c>
      <c r="N2501" s="5" t="s">
        <v>38</v>
      </c>
      <c r="O2501" s="5" t="s">
        <v>39</v>
      </c>
      <c r="P2501" s="5" t="s">
        <v>40</v>
      </c>
      <c r="Q2501" s="5" t="s">
        <v>25301</v>
      </c>
      <c r="R2501" s="5" t="s">
        <v>40</v>
      </c>
      <c r="S2501" s="5" t="s">
        <v>42</v>
      </c>
      <c r="T2501" s="2">
        <v>13.651</v>
      </c>
      <c r="U2501" s="2">
        <v>10.944000000000001</v>
      </c>
      <c r="V2501" s="2">
        <v>0.14899999999999999</v>
      </c>
      <c r="W2501" s="2">
        <v>12</v>
      </c>
      <c r="X2501" s="2">
        <v>62</v>
      </c>
      <c r="Y2501" s="2">
        <v>199.7</v>
      </c>
      <c r="Z2501" s="5">
        <v>10</v>
      </c>
      <c r="AA2501" s="5" t="s">
        <v>43</v>
      </c>
      <c r="AB2501" s="5" t="s">
        <v>44</v>
      </c>
      <c r="AC2501" s="2" t="s">
        <v>90672</v>
      </c>
      <c r="AD2501" s="1"/>
    </row>
    <row r="2502" spans="1:30">
      <c r="A2502" s="5" t="s">
        <v>83578</v>
      </c>
      <c r="B2502" s="2" t="s">
        <v>91108</v>
      </c>
      <c r="C2502" s="14" t="s">
        <v>91109</v>
      </c>
      <c r="D2502" s="2" t="s">
        <v>91110</v>
      </c>
      <c r="E2502" s="2"/>
      <c r="F2502" s="8">
        <v>268</v>
      </c>
      <c r="G2502" s="5">
        <v>25</v>
      </c>
      <c r="H2502" s="5" t="s">
        <v>69</v>
      </c>
      <c r="I2502" s="5" t="s">
        <v>27074</v>
      </c>
      <c r="J2502" s="2" t="s">
        <v>27075</v>
      </c>
      <c r="K2502" s="5" t="s">
        <v>27074</v>
      </c>
      <c r="L2502" s="2" t="s">
        <v>27075</v>
      </c>
      <c r="M2502" s="5" t="s">
        <v>24254</v>
      </c>
      <c r="N2502" s="5" t="s">
        <v>38</v>
      </c>
      <c r="O2502" s="5" t="s">
        <v>39</v>
      </c>
      <c r="P2502" s="5" t="s">
        <v>40</v>
      </c>
      <c r="Q2502" s="5" t="s">
        <v>24335</v>
      </c>
      <c r="R2502" s="5" t="s">
        <v>40</v>
      </c>
      <c r="S2502" s="5" t="s">
        <v>42</v>
      </c>
      <c r="T2502" s="2">
        <v>10.06</v>
      </c>
      <c r="U2502" s="2">
        <v>9.9629999999999992</v>
      </c>
      <c r="V2502" s="2">
        <v>0.17399999999999999</v>
      </c>
      <c r="W2502" s="2">
        <v>12</v>
      </c>
      <c r="X2502" s="2">
        <v>62</v>
      </c>
      <c r="Y2502" s="2">
        <v>234.1</v>
      </c>
      <c r="Z2502" s="5">
        <v>10</v>
      </c>
      <c r="AA2502" s="5" t="s">
        <v>43</v>
      </c>
      <c r="AB2502" s="5" t="s">
        <v>44</v>
      </c>
      <c r="AC2502" s="2" t="s">
        <v>35252</v>
      </c>
      <c r="AD2502" s="1"/>
    </row>
    <row r="2503" spans="1:30">
      <c r="A2503" s="5" t="s">
        <v>83578</v>
      </c>
      <c r="B2503" s="2" t="s">
        <v>91111</v>
      </c>
      <c r="C2503" s="14" t="s">
        <v>91112</v>
      </c>
      <c r="D2503" s="2" t="s">
        <v>91113</v>
      </c>
      <c r="E2503" s="2" t="s">
        <v>35256</v>
      </c>
      <c r="F2503" s="8">
        <v>419</v>
      </c>
      <c r="G2503" s="5">
        <v>10</v>
      </c>
      <c r="H2503" s="5" t="s">
        <v>69</v>
      </c>
      <c r="I2503" s="5" t="s">
        <v>27074</v>
      </c>
      <c r="J2503" s="2" t="s">
        <v>27075</v>
      </c>
      <c r="K2503" s="5" t="s">
        <v>27074</v>
      </c>
      <c r="L2503" s="2" t="s">
        <v>27075</v>
      </c>
      <c r="M2503" s="5" t="s">
        <v>24254</v>
      </c>
      <c r="N2503" s="5" t="s">
        <v>38</v>
      </c>
      <c r="O2503" s="5" t="s">
        <v>39</v>
      </c>
      <c r="P2503" s="5" t="s">
        <v>40</v>
      </c>
      <c r="Q2503" s="5" t="s">
        <v>24340</v>
      </c>
      <c r="R2503" s="5" t="s">
        <v>40</v>
      </c>
      <c r="S2503" s="5" t="s">
        <v>42</v>
      </c>
      <c r="T2503" s="2">
        <v>11.965</v>
      </c>
      <c r="U2503" s="2">
        <v>10.217000000000001</v>
      </c>
      <c r="V2503" s="2">
        <v>0.104</v>
      </c>
      <c r="W2503" s="2">
        <v>12</v>
      </c>
      <c r="X2503" s="2">
        <v>50</v>
      </c>
      <c r="Y2503" s="2">
        <v>173.9</v>
      </c>
      <c r="Z2503" s="5">
        <v>10</v>
      </c>
      <c r="AA2503" s="5" t="s">
        <v>43</v>
      </c>
      <c r="AB2503" s="5" t="s">
        <v>44</v>
      </c>
      <c r="AC2503" s="2" t="s">
        <v>35257</v>
      </c>
      <c r="AD2503" s="1"/>
    </row>
    <row r="2504" spans="1:30">
      <c r="A2504" s="5" t="s">
        <v>83578</v>
      </c>
      <c r="B2504" s="2" t="s">
        <v>91114</v>
      </c>
      <c r="C2504" s="14" t="s">
        <v>91115</v>
      </c>
      <c r="D2504" s="2" t="s">
        <v>91116</v>
      </c>
      <c r="E2504" s="2" t="s">
        <v>35339</v>
      </c>
      <c r="F2504" s="8">
        <v>419</v>
      </c>
      <c r="G2504" s="5">
        <v>25</v>
      </c>
      <c r="H2504" s="5" t="s">
        <v>69</v>
      </c>
      <c r="I2504" s="5" t="s">
        <v>27074</v>
      </c>
      <c r="J2504" s="2" t="s">
        <v>27075</v>
      </c>
      <c r="K2504" s="5" t="s">
        <v>27074</v>
      </c>
      <c r="L2504" s="2" t="s">
        <v>27075</v>
      </c>
      <c r="M2504" s="5" t="s">
        <v>24254</v>
      </c>
      <c r="N2504" s="5" t="s">
        <v>38</v>
      </c>
      <c r="O2504" s="5" t="s">
        <v>39</v>
      </c>
      <c r="P2504" s="5" t="s">
        <v>40</v>
      </c>
      <c r="Q2504" s="5" t="s">
        <v>24335</v>
      </c>
      <c r="R2504" s="5" t="s">
        <v>40</v>
      </c>
      <c r="S2504" s="5" t="s">
        <v>42</v>
      </c>
      <c r="T2504" s="2">
        <v>14.401</v>
      </c>
      <c r="U2504" s="2">
        <v>14.304</v>
      </c>
      <c r="V2504" s="2">
        <v>0.17399999999999999</v>
      </c>
      <c r="W2504" s="2">
        <v>12</v>
      </c>
      <c r="X2504" s="2">
        <v>62</v>
      </c>
      <c r="Y2504" s="2">
        <v>234.1</v>
      </c>
      <c r="Z2504" s="5">
        <v>10</v>
      </c>
      <c r="AA2504" s="5" t="s">
        <v>43</v>
      </c>
      <c r="AB2504" s="5" t="s">
        <v>44</v>
      </c>
      <c r="AC2504" s="2" t="s">
        <v>35340</v>
      </c>
      <c r="AD2504" s="1"/>
    </row>
    <row r="2505" spans="1:30">
      <c r="A2505" s="5" t="s">
        <v>83578</v>
      </c>
      <c r="B2505" s="2" t="s">
        <v>91117</v>
      </c>
      <c r="C2505" s="14" t="s">
        <v>91118</v>
      </c>
      <c r="D2505" s="2" t="s">
        <v>91119</v>
      </c>
      <c r="E2505" s="2" t="s">
        <v>35256</v>
      </c>
      <c r="F2505" s="8">
        <v>419</v>
      </c>
      <c r="G2505" s="5">
        <v>10</v>
      </c>
      <c r="H2505" s="5" t="s">
        <v>69</v>
      </c>
      <c r="I2505" s="5" t="s">
        <v>27074</v>
      </c>
      <c r="J2505" s="2" t="s">
        <v>27075</v>
      </c>
      <c r="K2505" s="5" t="s">
        <v>27074</v>
      </c>
      <c r="L2505" s="2" t="s">
        <v>27075</v>
      </c>
      <c r="M2505" s="5" t="s">
        <v>24254</v>
      </c>
      <c r="N2505" s="5" t="s">
        <v>38</v>
      </c>
      <c r="O2505" s="5" t="s">
        <v>39</v>
      </c>
      <c r="P2505" s="5" t="s">
        <v>40</v>
      </c>
      <c r="Q2505" s="5" t="s">
        <v>24340</v>
      </c>
      <c r="R2505" s="5" t="s">
        <v>40</v>
      </c>
      <c r="S2505" s="5" t="s">
        <v>42</v>
      </c>
      <c r="T2505" s="2">
        <v>13.680999999999999</v>
      </c>
      <c r="U2505" s="2">
        <v>11.933</v>
      </c>
      <c r="V2505" s="2">
        <v>0.104</v>
      </c>
      <c r="W2505" s="2">
        <v>12</v>
      </c>
      <c r="X2505" s="2">
        <v>50</v>
      </c>
      <c r="Y2505" s="2">
        <v>173.9</v>
      </c>
      <c r="Z2505" s="5">
        <v>10</v>
      </c>
      <c r="AA2505" s="5" t="s">
        <v>43</v>
      </c>
      <c r="AB2505" s="5" t="s">
        <v>44</v>
      </c>
      <c r="AC2505" s="2" t="s">
        <v>35294</v>
      </c>
      <c r="AD2505" s="1"/>
    </row>
    <row r="2506" spans="1:30">
      <c r="A2506" s="5" t="s">
        <v>83578</v>
      </c>
      <c r="B2506" s="2" t="s">
        <v>91120</v>
      </c>
      <c r="C2506" s="14" t="s">
        <v>91121</v>
      </c>
      <c r="D2506" s="2" t="s">
        <v>91122</v>
      </c>
      <c r="E2506" s="2" t="s">
        <v>35339</v>
      </c>
      <c r="F2506" s="8">
        <v>419</v>
      </c>
      <c r="G2506" s="5">
        <v>25</v>
      </c>
      <c r="H2506" s="5" t="s">
        <v>69</v>
      </c>
      <c r="I2506" s="5" t="s">
        <v>27074</v>
      </c>
      <c r="J2506" s="2" t="s">
        <v>27075</v>
      </c>
      <c r="K2506" s="5" t="s">
        <v>27074</v>
      </c>
      <c r="L2506" s="2" t="s">
        <v>27075</v>
      </c>
      <c r="M2506" s="5" t="s">
        <v>24254</v>
      </c>
      <c r="N2506" s="5" t="s">
        <v>38</v>
      </c>
      <c r="O2506" s="5" t="s">
        <v>39</v>
      </c>
      <c r="P2506" s="5" t="s">
        <v>40</v>
      </c>
      <c r="Q2506" s="5" t="s">
        <v>24335</v>
      </c>
      <c r="R2506" s="5" t="s">
        <v>40</v>
      </c>
      <c r="S2506" s="5" t="s">
        <v>42</v>
      </c>
      <c r="T2506" s="2">
        <v>15.651</v>
      </c>
      <c r="U2506" s="2">
        <v>15.554</v>
      </c>
      <c r="V2506" s="2">
        <v>0.17399999999999999</v>
      </c>
      <c r="W2506" s="2">
        <v>12</v>
      </c>
      <c r="X2506" s="2">
        <v>62</v>
      </c>
      <c r="Y2506" s="2">
        <v>234.1</v>
      </c>
      <c r="Z2506" s="5">
        <v>10</v>
      </c>
      <c r="AA2506" s="5" t="s">
        <v>43</v>
      </c>
      <c r="AB2506" s="5" t="s">
        <v>44</v>
      </c>
      <c r="AC2506" s="2" t="s">
        <v>35340</v>
      </c>
      <c r="AD2506" s="1"/>
    </row>
    <row r="2507" spans="1:30">
      <c r="A2507" s="5" t="s">
        <v>83578</v>
      </c>
      <c r="B2507" s="2" t="s">
        <v>91123</v>
      </c>
      <c r="C2507" s="14" t="s">
        <v>91124</v>
      </c>
      <c r="D2507" s="2" t="s">
        <v>91125</v>
      </c>
      <c r="E2507" s="2" t="s">
        <v>35298</v>
      </c>
      <c r="F2507" s="8">
        <v>419</v>
      </c>
      <c r="G2507" s="5">
        <v>10</v>
      </c>
      <c r="H2507" s="5" t="s">
        <v>69</v>
      </c>
      <c r="I2507" s="5" t="s">
        <v>27074</v>
      </c>
      <c r="J2507" s="2" t="s">
        <v>27075</v>
      </c>
      <c r="K2507" s="5" t="s">
        <v>27074</v>
      </c>
      <c r="L2507" s="2" t="s">
        <v>27075</v>
      </c>
      <c r="M2507" s="5" t="s">
        <v>24254</v>
      </c>
      <c r="N2507" s="5" t="s">
        <v>38</v>
      </c>
      <c r="O2507" s="5" t="s">
        <v>39</v>
      </c>
      <c r="P2507" s="5" t="s">
        <v>40</v>
      </c>
      <c r="Q2507" s="5" t="s">
        <v>25301</v>
      </c>
      <c r="R2507" s="5" t="s">
        <v>40</v>
      </c>
      <c r="S2507" s="5" t="s">
        <v>42</v>
      </c>
      <c r="T2507" s="2">
        <v>11.249000000000001</v>
      </c>
      <c r="U2507" s="2">
        <v>9.5</v>
      </c>
      <c r="V2507" s="2">
        <v>0.104</v>
      </c>
      <c r="W2507" s="2">
        <v>12</v>
      </c>
      <c r="X2507" s="2">
        <v>50</v>
      </c>
      <c r="Y2507" s="2">
        <v>173.9</v>
      </c>
      <c r="Z2507" s="5">
        <v>10</v>
      </c>
      <c r="AA2507" s="5" t="s">
        <v>43</v>
      </c>
      <c r="AB2507" s="5" t="s">
        <v>44</v>
      </c>
      <c r="AC2507" s="2" t="s">
        <v>35299</v>
      </c>
      <c r="AD2507" s="1"/>
    </row>
    <row r="2508" spans="1:30">
      <c r="A2508" s="5" t="s">
        <v>83578</v>
      </c>
      <c r="B2508" s="2" t="s">
        <v>91126</v>
      </c>
      <c r="C2508" s="14" t="s">
        <v>91127</v>
      </c>
      <c r="D2508" s="2" t="s">
        <v>91128</v>
      </c>
      <c r="E2508" s="2"/>
      <c r="F2508" s="8">
        <v>419</v>
      </c>
      <c r="G2508" s="5">
        <v>10</v>
      </c>
      <c r="H2508" s="5" t="s">
        <v>69</v>
      </c>
      <c r="I2508" s="5" t="s">
        <v>27074</v>
      </c>
      <c r="J2508" s="2" t="s">
        <v>27075</v>
      </c>
      <c r="K2508" s="5" t="s">
        <v>27074</v>
      </c>
      <c r="L2508" s="2" t="s">
        <v>27075</v>
      </c>
      <c r="M2508" s="5" t="s">
        <v>24254</v>
      </c>
      <c r="N2508" s="5" t="s">
        <v>38</v>
      </c>
      <c r="O2508" s="5" t="s">
        <v>39</v>
      </c>
      <c r="P2508" s="5" t="s">
        <v>40</v>
      </c>
      <c r="Q2508" s="5" t="s">
        <v>25301</v>
      </c>
      <c r="R2508" s="5" t="s">
        <v>40</v>
      </c>
      <c r="S2508" s="5" t="s">
        <v>42</v>
      </c>
      <c r="T2508" s="2">
        <v>13.026999999999999</v>
      </c>
      <c r="U2508" s="2">
        <v>12.929</v>
      </c>
      <c r="V2508" s="2">
        <v>0.17399999999999999</v>
      </c>
      <c r="W2508" s="2">
        <v>12</v>
      </c>
      <c r="X2508" s="2">
        <v>62</v>
      </c>
      <c r="Y2508" s="2">
        <v>234.1</v>
      </c>
      <c r="Z2508" s="5">
        <v>10</v>
      </c>
      <c r="AA2508" s="5" t="s">
        <v>43</v>
      </c>
      <c r="AB2508" s="5" t="s">
        <v>44</v>
      </c>
      <c r="AC2508" s="2" t="s">
        <v>90672</v>
      </c>
      <c r="AD2508" s="1"/>
    </row>
    <row r="2509" spans="1:30">
      <c r="A2509" s="5" t="s">
        <v>83578</v>
      </c>
      <c r="B2509" s="2" t="s">
        <v>91129</v>
      </c>
      <c r="C2509" s="14" t="s">
        <v>91130</v>
      </c>
      <c r="D2509" s="2" t="s">
        <v>91131</v>
      </c>
      <c r="E2509" s="2" t="s">
        <v>35298</v>
      </c>
      <c r="F2509" s="8">
        <v>419</v>
      </c>
      <c r="G2509" s="5">
        <v>10</v>
      </c>
      <c r="H2509" s="5" t="s">
        <v>69</v>
      </c>
      <c r="I2509" s="5" t="s">
        <v>27074</v>
      </c>
      <c r="J2509" s="2" t="s">
        <v>27075</v>
      </c>
      <c r="K2509" s="5" t="s">
        <v>27074</v>
      </c>
      <c r="L2509" s="2" t="s">
        <v>27075</v>
      </c>
      <c r="M2509" s="5" t="s">
        <v>24254</v>
      </c>
      <c r="N2509" s="5" t="s">
        <v>38</v>
      </c>
      <c r="O2509" s="5" t="s">
        <v>39</v>
      </c>
      <c r="P2509" s="5" t="s">
        <v>40</v>
      </c>
      <c r="Q2509" s="5" t="s">
        <v>25301</v>
      </c>
      <c r="R2509" s="5" t="s">
        <v>40</v>
      </c>
      <c r="S2509" s="5" t="s">
        <v>42</v>
      </c>
      <c r="T2509" s="2">
        <v>12.531000000000001</v>
      </c>
      <c r="U2509" s="2">
        <v>10.782</v>
      </c>
      <c r="V2509" s="2">
        <v>0.104</v>
      </c>
      <c r="W2509" s="2">
        <v>12</v>
      </c>
      <c r="X2509" s="2">
        <v>50</v>
      </c>
      <c r="Y2509" s="2">
        <v>173.9</v>
      </c>
      <c r="Z2509" s="5">
        <v>10</v>
      </c>
      <c r="AA2509" s="5" t="s">
        <v>43</v>
      </c>
      <c r="AB2509" s="5" t="s">
        <v>44</v>
      </c>
      <c r="AC2509" s="2" t="s">
        <v>35395</v>
      </c>
      <c r="AD2509" s="1"/>
    </row>
    <row r="2510" spans="1:30">
      <c r="A2510" s="5" t="s">
        <v>83578</v>
      </c>
      <c r="B2510" s="2" t="s">
        <v>91132</v>
      </c>
      <c r="C2510" s="14" t="s">
        <v>91133</v>
      </c>
      <c r="D2510" s="2" t="s">
        <v>91134</v>
      </c>
      <c r="E2510" s="2"/>
      <c r="F2510" s="8">
        <v>419</v>
      </c>
      <c r="G2510" s="5">
        <v>10</v>
      </c>
      <c r="H2510" s="5" t="s">
        <v>69</v>
      </c>
      <c r="I2510" s="5" t="s">
        <v>27074</v>
      </c>
      <c r="J2510" s="2" t="s">
        <v>27075</v>
      </c>
      <c r="K2510" s="5" t="s">
        <v>27074</v>
      </c>
      <c r="L2510" s="2" t="s">
        <v>27075</v>
      </c>
      <c r="M2510" s="5" t="s">
        <v>24254</v>
      </c>
      <c r="N2510" s="5" t="s">
        <v>38</v>
      </c>
      <c r="O2510" s="5" t="s">
        <v>39</v>
      </c>
      <c r="P2510" s="5" t="s">
        <v>40</v>
      </c>
      <c r="Q2510" s="5" t="s">
        <v>25301</v>
      </c>
      <c r="R2510" s="5" t="s">
        <v>40</v>
      </c>
      <c r="S2510" s="5" t="s">
        <v>42</v>
      </c>
      <c r="T2510" s="2">
        <v>14.032999999999999</v>
      </c>
      <c r="U2510" s="2">
        <v>13.935</v>
      </c>
      <c r="V2510" s="2">
        <v>0.17399999999999999</v>
      </c>
      <c r="W2510" s="2">
        <v>12</v>
      </c>
      <c r="X2510" s="2">
        <v>62</v>
      </c>
      <c r="Y2510" s="2">
        <v>234.1</v>
      </c>
      <c r="Z2510" s="5">
        <v>10</v>
      </c>
      <c r="AA2510" s="5" t="s">
        <v>43</v>
      </c>
      <c r="AB2510" s="5" t="s">
        <v>44</v>
      </c>
      <c r="AC2510" s="2" t="s">
        <v>90672</v>
      </c>
      <c r="AD2510" s="1"/>
    </row>
    <row r="2511" spans="1:30">
      <c r="A2511" s="5" t="s">
        <v>83578</v>
      </c>
      <c r="B2511" s="2" t="s">
        <v>91135</v>
      </c>
      <c r="C2511" s="14" t="s">
        <v>91136</v>
      </c>
      <c r="D2511" s="2" t="s">
        <v>91137</v>
      </c>
      <c r="E2511" s="2"/>
      <c r="F2511" s="8">
        <v>321</v>
      </c>
      <c r="G2511" s="5">
        <v>15</v>
      </c>
      <c r="H2511" s="5" t="s">
        <v>69</v>
      </c>
      <c r="I2511" s="5" t="s">
        <v>27074</v>
      </c>
      <c r="J2511" s="2" t="s">
        <v>27075</v>
      </c>
      <c r="K2511" s="5" t="s">
        <v>27074</v>
      </c>
      <c r="L2511" s="2" t="s">
        <v>27075</v>
      </c>
      <c r="M2511" s="5" t="s">
        <v>24254</v>
      </c>
      <c r="N2511" s="5" t="s">
        <v>38</v>
      </c>
      <c r="O2511" s="5" t="s">
        <v>39</v>
      </c>
      <c r="P2511" s="5" t="s">
        <v>40</v>
      </c>
      <c r="Q2511" s="5" t="s">
        <v>24340</v>
      </c>
      <c r="R2511" s="5" t="s">
        <v>40</v>
      </c>
      <c r="S2511" s="5" t="s">
        <v>42</v>
      </c>
      <c r="T2511" s="2">
        <v>5.9779999999999998</v>
      </c>
      <c r="U2511" s="2">
        <v>5.4039999999999999</v>
      </c>
      <c r="V2511" s="2">
        <v>2.4E-2</v>
      </c>
      <c r="W2511" s="2">
        <v>10.7</v>
      </c>
      <c r="X2511" s="2">
        <v>17</v>
      </c>
      <c r="Y2511" s="2">
        <v>129.4</v>
      </c>
      <c r="Z2511" s="5">
        <v>10</v>
      </c>
      <c r="AA2511" s="5" t="s">
        <v>43</v>
      </c>
      <c r="AB2511" s="5" t="s">
        <v>44</v>
      </c>
      <c r="AC2511" s="2" t="s">
        <v>35816</v>
      </c>
      <c r="AD2511" s="1"/>
    </row>
    <row r="2512" spans="1:30">
      <c r="A2512" s="5" t="s">
        <v>83578</v>
      </c>
      <c r="B2512" s="2" t="s">
        <v>91138</v>
      </c>
      <c r="C2512" s="14" t="s">
        <v>91139</v>
      </c>
      <c r="D2512" s="2" t="s">
        <v>91140</v>
      </c>
      <c r="E2512" s="2"/>
      <c r="F2512" s="8">
        <v>321</v>
      </c>
      <c r="G2512" s="5">
        <v>15</v>
      </c>
      <c r="H2512" s="5" t="s">
        <v>69</v>
      </c>
      <c r="I2512" s="5" t="s">
        <v>27074</v>
      </c>
      <c r="J2512" s="2" t="s">
        <v>27075</v>
      </c>
      <c r="K2512" s="5" t="s">
        <v>27074</v>
      </c>
      <c r="L2512" s="2" t="s">
        <v>27075</v>
      </c>
      <c r="M2512" s="5" t="s">
        <v>24254</v>
      </c>
      <c r="N2512" s="5" t="s">
        <v>38</v>
      </c>
      <c r="O2512" s="5" t="s">
        <v>39</v>
      </c>
      <c r="P2512" s="5" t="s">
        <v>40</v>
      </c>
      <c r="Q2512" s="5" t="s">
        <v>25301</v>
      </c>
      <c r="R2512" s="5" t="s">
        <v>40</v>
      </c>
      <c r="S2512" s="5" t="s">
        <v>42</v>
      </c>
      <c r="T2512" s="2">
        <v>5.3410000000000002</v>
      </c>
      <c r="U2512" s="2">
        <v>4.7729999999999997</v>
      </c>
      <c r="V2512" s="2">
        <v>2.4E-2</v>
      </c>
      <c r="W2512" s="2">
        <v>10.7</v>
      </c>
      <c r="X2512" s="2">
        <v>17</v>
      </c>
      <c r="Y2512" s="2">
        <v>129.4</v>
      </c>
      <c r="Z2512" s="5">
        <v>10</v>
      </c>
      <c r="AA2512" s="5" t="s">
        <v>43</v>
      </c>
      <c r="AB2512" s="5" t="s">
        <v>44</v>
      </c>
      <c r="AC2512" s="2" t="s">
        <v>35826</v>
      </c>
      <c r="AD2512" s="1"/>
    </row>
    <row r="2513" spans="1:30">
      <c r="A2513" s="5" t="s">
        <v>83578</v>
      </c>
      <c r="B2513" s="2" t="s">
        <v>91141</v>
      </c>
      <c r="C2513" s="14" t="s">
        <v>91142</v>
      </c>
      <c r="D2513" s="2" t="s">
        <v>91143</v>
      </c>
      <c r="E2513" s="2" t="s">
        <v>36285</v>
      </c>
      <c r="F2513" s="8">
        <v>152</v>
      </c>
      <c r="G2513" s="5">
        <v>6</v>
      </c>
      <c r="H2513" s="5" t="s">
        <v>1518</v>
      </c>
      <c r="I2513" s="5" t="s">
        <v>36264</v>
      </c>
      <c r="J2513" s="2" t="s">
        <v>36265</v>
      </c>
      <c r="K2513" s="5" t="s">
        <v>36264</v>
      </c>
      <c r="L2513" s="2" t="s">
        <v>36265</v>
      </c>
      <c r="M2513" s="5" t="s">
        <v>36266</v>
      </c>
      <c r="N2513" s="5" t="s">
        <v>38</v>
      </c>
      <c r="O2513" s="5" t="s">
        <v>39</v>
      </c>
      <c r="P2513" s="5" t="s">
        <v>40</v>
      </c>
      <c r="Q2513" s="5" t="s">
        <v>1522</v>
      </c>
      <c r="R2513" s="5" t="s">
        <v>1523</v>
      </c>
      <c r="S2513" s="5" t="s">
        <v>42</v>
      </c>
      <c r="T2513" s="2">
        <v>1.252</v>
      </c>
      <c r="U2513" s="2">
        <v>0.72599999999999998</v>
      </c>
      <c r="V2513" s="2">
        <v>1.4999999999999999E-2</v>
      </c>
      <c r="W2513" s="2">
        <v>118.9</v>
      </c>
      <c r="X2513" s="2">
        <v>7.6</v>
      </c>
      <c r="Y2513" s="2">
        <v>16.7</v>
      </c>
      <c r="Z2513" s="5"/>
      <c r="AA2513" s="5" t="s">
        <v>43</v>
      </c>
      <c r="AB2513" s="5" t="s">
        <v>44</v>
      </c>
      <c r="AC2513" s="2"/>
      <c r="AD2513" s="1"/>
    </row>
    <row r="2514" spans="1:30">
      <c r="A2514" s="5" t="s">
        <v>83578</v>
      </c>
      <c r="B2514" s="2" t="s">
        <v>91144</v>
      </c>
      <c r="C2514" s="14" t="s">
        <v>91145</v>
      </c>
      <c r="D2514" s="2" t="s">
        <v>91146</v>
      </c>
      <c r="E2514" s="2" t="s">
        <v>36289</v>
      </c>
      <c r="F2514" s="8">
        <v>152</v>
      </c>
      <c r="G2514" s="5">
        <v>6</v>
      </c>
      <c r="H2514" s="5" t="s">
        <v>1518</v>
      </c>
      <c r="I2514" s="5" t="s">
        <v>36264</v>
      </c>
      <c r="J2514" s="2" t="s">
        <v>36265</v>
      </c>
      <c r="K2514" s="5" t="s">
        <v>36264</v>
      </c>
      <c r="L2514" s="2" t="s">
        <v>36265</v>
      </c>
      <c r="M2514" s="5" t="s">
        <v>36266</v>
      </c>
      <c r="N2514" s="5" t="s">
        <v>38</v>
      </c>
      <c r="O2514" s="5" t="s">
        <v>39</v>
      </c>
      <c r="P2514" s="5" t="s">
        <v>40</v>
      </c>
      <c r="Q2514" s="5" t="s">
        <v>1522</v>
      </c>
      <c r="R2514" s="5" t="s">
        <v>1523</v>
      </c>
      <c r="S2514" s="5" t="s">
        <v>42</v>
      </c>
      <c r="T2514" s="2">
        <v>1.238</v>
      </c>
      <c r="U2514" s="2">
        <v>0.71199999999999997</v>
      </c>
      <c r="V2514" s="2">
        <v>1.4999999999999999E-2</v>
      </c>
      <c r="W2514" s="2">
        <v>118.9</v>
      </c>
      <c r="X2514" s="2">
        <v>7.6</v>
      </c>
      <c r="Y2514" s="2">
        <v>16.7</v>
      </c>
      <c r="Z2514" s="5"/>
      <c r="AA2514" s="5" t="s">
        <v>43</v>
      </c>
      <c r="AB2514" s="5" t="s">
        <v>44</v>
      </c>
      <c r="AC2514" s="2"/>
      <c r="AD2514" s="1"/>
    </row>
    <row r="2515" spans="1:30">
      <c r="A2515" s="5" t="s">
        <v>83578</v>
      </c>
      <c r="B2515" s="2" t="s">
        <v>91147</v>
      </c>
      <c r="C2515" s="14" t="s">
        <v>91148</v>
      </c>
      <c r="D2515" s="2" t="s">
        <v>91149</v>
      </c>
      <c r="E2515" s="2" t="s">
        <v>36313</v>
      </c>
      <c r="F2515" s="8">
        <v>152</v>
      </c>
      <c r="G2515" s="5">
        <v>6</v>
      </c>
      <c r="H2515" s="5" t="s">
        <v>1518</v>
      </c>
      <c r="I2515" s="5" t="s">
        <v>36264</v>
      </c>
      <c r="J2515" s="2" t="s">
        <v>36265</v>
      </c>
      <c r="K2515" s="5" t="s">
        <v>36264</v>
      </c>
      <c r="L2515" s="2" t="s">
        <v>36265</v>
      </c>
      <c r="M2515" s="5" t="s">
        <v>36266</v>
      </c>
      <c r="N2515" s="5" t="s">
        <v>38</v>
      </c>
      <c r="O2515" s="5" t="s">
        <v>39</v>
      </c>
      <c r="P2515" s="5" t="s">
        <v>40</v>
      </c>
      <c r="Q2515" s="5" t="s">
        <v>1522</v>
      </c>
      <c r="R2515" s="5" t="s">
        <v>1523</v>
      </c>
      <c r="S2515" s="5" t="s">
        <v>42</v>
      </c>
      <c r="T2515" s="2">
        <v>1.238</v>
      </c>
      <c r="U2515" s="2">
        <v>0.71199999999999997</v>
      </c>
      <c r="V2515" s="2">
        <v>1.4999999999999999E-2</v>
      </c>
      <c r="W2515" s="2">
        <v>118.9</v>
      </c>
      <c r="X2515" s="2">
        <v>7.6</v>
      </c>
      <c r="Y2515" s="2">
        <v>16.7</v>
      </c>
      <c r="Z2515" s="5"/>
      <c r="AA2515" s="5" t="s">
        <v>43</v>
      </c>
      <c r="AB2515" s="5" t="s">
        <v>44</v>
      </c>
      <c r="AC2515" s="2"/>
      <c r="AD2515" s="1"/>
    </row>
    <row r="2516" spans="1:30">
      <c r="A2516" s="5" t="s">
        <v>83578</v>
      </c>
      <c r="B2516" s="2" t="s">
        <v>91150</v>
      </c>
      <c r="C2516" s="14" t="s">
        <v>91151</v>
      </c>
      <c r="D2516" s="2" t="s">
        <v>91152</v>
      </c>
      <c r="E2516" s="2" t="s">
        <v>36321</v>
      </c>
      <c r="F2516" s="8">
        <v>152</v>
      </c>
      <c r="G2516" s="5">
        <v>6</v>
      </c>
      <c r="H2516" s="5" t="s">
        <v>1518</v>
      </c>
      <c r="I2516" s="5" t="s">
        <v>36264</v>
      </c>
      <c r="J2516" s="2" t="s">
        <v>36265</v>
      </c>
      <c r="K2516" s="5" t="s">
        <v>36264</v>
      </c>
      <c r="L2516" s="2" t="s">
        <v>36265</v>
      </c>
      <c r="M2516" s="5" t="s">
        <v>36266</v>
      </c>
      <c r="N2516" s="5" t="s">
        <v>38</v>
      </c>
      <c r="O2516" s="5" t="s">
        <v>39</v>
      </c>
      <c r="P2516" s="5" t="s">
        <v>40</v>
      </c>
      <c r="Q2516" s="5" t="s">
        <v>1522</v>
      </c>
      <c r="R2516" s="5" t="s">
        <v>1523</v>
      </c>
      <c r="S2516" s="5" t="s">
        <v>42</v>
      </c>
      <c r="T2516" s="2">
        <v>1.238</v>
      </c>
      <c r="U2516" s="2">
        <v>0.71199999999999997</v>
      </c>
      <c r="V2516" s="2">
        <v>1.4999999999999999E-2</v>
      </c>
      <c r="W2516" s="2">
        <v>118.9</v>
      </c>
      <c r="X2516" s="2">
        <v>7.6</v>
      </c>
      <c r="Y2516" s="2">
        <v>16.7</v>
      </c>
      <c r="Z2516" s="5"/>
      <c r="AA2516" s="5" t="s">
        <v>43</v>
      </c>
      <c r="AB2516" s="5" t="s">
        <v>44</v>
      </c>
      <c r="AC2516" s="2"/>
      <c r="AD2516" s="1"/>
    </row>
    <row r="2517" spans="1:30">
      <c r="A2517" s="5" t="s">
        <v>83578</v>
      </c>
      <c r="B2517" s="2" t="s">
        <v>91153</v>
      </c>
      <c r="C2517" s="14" t="s">
        <v>91154</v>
      </c>
      <c r="D2517" s="2" t="s">
        <v>91155</v>
      </c>
      <c r="E2517" s="2" t="s">
        <v>36337</v>
      </c>
      <c r="F2517" s="8">
        <v>152</v>
      </c>
      <c r="G2517" s="5">
        <v>6</v>
      </c>
      <c r="H2517" s="5" t="s">
        <v>1518</v>
      </c>
      <c r="I2517" s="5" t="s">
        <v>36264</v>
      </c>
      <c r="J2517" s="2" t="s">
        <v>36265</v>
      </c>
      <c r="K2517" s="5" t="s">
        <v>36264</v>
      </c>
      <c r="L2517" s="2" t="s">
        <v>36265</v>
      </c>
      <c r="M2517" s="5" t="s">
        <v>36266</v>
      </c>
      <c r="N2517" s="5" t="s">
        <v>38</v>
      </c>
      <c r="O2517" s="5" t="s">
        <v>39</v>
      </c>
      <c r="P2517" s="5" t="s">
        <v>40</v>
      </c>
      <c r="Q2517" s="5" t="s">
        <v>1522</v>
      </c>
      <c r="R2517" s="5" t="s">
        <v>1523</v>
      </c>
      <c r="S2517" s="5" t="s">
        <v>42</v>
      </c>
      <c r="T2517" s="2">
        <v>1.238</v>
      </c>
      <c r="U2517" s="2">
        <v>0.71199999999999997</v>
      </c>
      <c r="V2517" s="2">
        <v>1.4999999999999999E-2</v>
      </c>
      <c r="W2517" s="2">
        <v>118.9</v>
      </c>
      <c r="X2517" s="2">
        <v>7.6</v>
      </c>
      <c r="Y2517" s="2">
        <v>16.7</v>
      </c>
      <c r="Z2517" s="5"/>
      <c r="AA2517" s="5" t="s">
        <v>43</v>
      </c>
      <c r="AB2517" s="5" t="s">
        <v>44</v>
      </c>
      <c r="AC2517" s="2"/>
      <c r="AD2517" s="1"/>
    </row>
    <row r="2518" spans="1:30">
      <c r="A2518" s="5" t="s">
        <v>83578</v>
      </c>
      <c r="B2518" s="2" t="s">
        <v>91156</v>
      </c>
      <c r="C2518" s="14" t="s">
        <v>91157</v>
      </c>
      <c r="D2518" s="2" t="s">
        <v>91158</v>
      </c>
      <c r="E2518" s="2" t="s">
        <v>36345</v>
      </c>
      <c r="F2518" s="8">
        <v>152</v>
      </c>
      <c r="G2518" s="5">
        <v>6</v>
      </c>
      <c r="H2518" s="5" t="s">
        <v>1518</v>
      </c>
      <c r="I2518" s="5" t="s">
        <v>36264</v>
      </c>
      <c r="J2518" s="2" t="s">
        <v>36265</v>
      </c>
      <c r="K2518" s="5" t="s">
        <v>36264</v>
      </c>
      <c r="L2518" s="2" t="s">
        <v>36265</v>
      </c>
      <c r="M2518" s="5" t="s">
        <v>36266</v>
      </c>
      <c r="N2518" s="5" t="s">
        <v>38</v>
      </c>
      <c r="O2518" s="5" t="s">
        <v>39</v>
      </c>
      <c r="P2518" s="5" t="s">
        <v>40</v>
      </c>
      <c r="Q2518" s="5" t="s">
        <v>1522</v>
      </c>
      <c r="R2518" s="5" t="s">
        <v>1523</v>
      </c>
      <c r="S2518" s="5" t="s">
        <v>42</v>
      </c>
      <c r="T2518" s="2">
        <v>1.238</v>
      </c>
      <c r="U2518" s="2">
        <v>0.71199999999999997</v>
      </c>
      <c r="V2518" s="2">
        <v>1.4999999999999999E-2</v>
      </c>
      <c r="W2518" s="2">
        <v>118.9</v>
      </c>
      <c r="X2518" s="2">
        <v>7.6</v>
      </c>
      <c r="Y2518" s="2">
        <v>16.7</v>
      </c>
      <c r="Z2518" s="5"/>
      <c r="AA2518" s="5" t="s">
        <v>43</v>
      </c>
      <c r="AB2518" s="5" t="s">
        <v>44</v>
      </c>
      <c r="AC2518" s="2"/>
      <c r="AD2518" s="1"/>
    </row>
    <row r="2519" spans="1:30">
      <c r="A2519" s="5" t="s">
        <v>83578</v>
      </c>
      <c r="B2519" s="2" t="s">
        <v>91159</v>
      </c>
      <c r="C2519" s="14" t="s">
        <v>91160</v>
      </c>
      <c r="D2519" s="2" t="s">
        <v>91161</v>
      </c>
      <c r="E2519" s="2" t="s">
        <v>36385</v>
      </c>
      <c r="F2519" s="8">
        <v>152</v>
      </c>
      <c r="G2519" s="5">
        <v>6</v>
      </c>
      <c r="H2519" s="5" t="s">
        <v>1518</v>
      </c>
      <c r="I2519" s="5" t="s">
        <v>36264</v>
      </c>
      <c r="J2519" s="2" t="s">
        <v>36265</v>
      </c>
      <c r="K2519" s="5" t="s">
        <v>36264</v>
      </c>
      <c r="L2519" s="2" t="s">
        <v>36265</v>
      </c>
      <c r="M2519" s="5" t="s">
        <v>36266</v>
      </c>
      <c r="N2519" s="5" t="s">
        <v>38</v>
      </c>
      <c r="O2519" s="5" t="s">
        <v>39</v>
      </c>
      <c r="P2519" s="5" t="s">
        <v>40</v>
      </c>
      <c r="Q2519" s="5" t="s">
        <v>1522</v>
      </c>
      <c r="R2519" s="5" t="s">
        <v>1523</v>
      </c>
      <c r="S2519" s="5" t="s">
        <v>42</v>
      </c>
      <c r="T2519" s="2">
        <v>1.238</v>
      </c>
      <c r="U2519" s="2">
        <v>0.71199999999999997</v>
      </c>
      <c r="V2519" s="2">
        <v>1.4999999999999999E-2</v>
      </c>
      <c r="W2519" s="2">
        <v>118.9</v>
      </c>
      <c r="X2519" s="2">
        <v>7.6</v>
      </c>
      <c r="Y2519" s="2">
        <v>16.7</v>
      </c>
      <c r="Z2519" s="5"/>
      <c r="AA2519" s="5" t="s">
        <v>43</v>
      </c>
      <c r="AB2519" s="5" t="s">
        <v>44</v>
      </c>
      <c r="AC2519" s="2"/>
      <c r="AD2519" s="1"/>
    </row>
    <row r="2520" spans="1:30">
      <c r="A2520" s="5" t="s">
        <v>83578</v>
      </c>
      <c r="B2520" s="2" t="s">
        <v>91162</v>
      </c>
      <c r="C2520" s="14" t="s">
        <v>91163</v>
      </c>
      <c r="D2520" s="2" t="s">
        <v>91164</v>
      </c>
      <c r="E2520" s="2" t="s">
        <v>36313</v>
      </c>
      <c r="F2520" s="8">
        <v>150</v>
      </c>
      <c r="G2520" s="5">
        <v>6</v>
      </c>
      <c r="H2520" s="5" t="s">
        <v>1518</v>
      </c>
      <c r="I2520" s="5" t="s">
        <v>36264</v>
      </c>
      <c r="J2520" s="2" t="s">
        <v>36265</v>
      </c>
      <c r="K2520" s="5" t="s">
        <v>36264</v>
      </c>
      <c r="L2520" s="2" t="s">
        <v>36265</v>
      </c>
      <c r="M2520" s="5" t="s">
        <v>36266</v>
      </c>
      <c r="N2520" s="5" t="s">
        <v>38</v>
      </c>
      <c r="O2520" s="5" t="s">
        <v>39</v>
      </c>
      <c r="P2520" s="5" t="s">
        <v>40</v>
      </c>
      <c r="Q2520" s="5" t="s">
        <v>1522</v>
      </c>
      <c r="R2520" s="5" t="s">
        <v>1523</v>
      </c>
      <c r="S2520" s="5" t="s">
        <v>42</v>
      </c>
      <c r="T2520" s="2">
        <v>1.141</v>
      </c>
      <c r="U2520" s="2">
        <v>0.70899999999999996</v>
      </c>
      <c r="V2520" s="2">
        <v>1.0999999999999999E-2</v>
      </c>
      <c r="W2520" s="2">
        <v>82.9</v>
      </c>
      <c r="X2520" s="2">
        <v>7.6</v>
      </c>
      <c r="Y2520" s="2">
        <v>16.7</v>
      </c>
      <c r="Z2520" s="5"/>
      <c r="AA2520" s="5" t="s">
        <v>43</v>
      </c>
      <c r="AB2520" s="5" t="s">
        <v>44</v>
      </c>
      <c r="AC2520" s="2"/>
      <c r="AD2520" s="1"/>
    </row>
    <row r="2521" spans="1:30">
      <c r="A2521" s="5" t="s">
        <v>83578</v>
      </c>
      <c r="B2521" s="2" t="s">
        <v>91165</v>
      </c>
      <c r="C2521" s="14" t="s">
        <v>91166</v>
      </c>
      <c r="D2521" s="2" t="s">
        <v>91167</v>
      </c>
      <c r="E2521" s="2" t="s">
        <v>36325</v>
      </c>
      <c r="F2521" s="8">
        <v>150</v>
      </c>
      <c r="G2521" s="5">
        <v>6</v>
      </c>
      <c r="H2521" s="5" t="s">
        <v>1518</v>
      </c>
      <c r="I2521" s="5" t="s">
        <v>36264</v>
      </c>
      <c r="J2521" s="2" t="s">
        <v>36265</v>
      </c>
      <c r="K2521" s="5" t="s">
        <v>36264</v>
      </c>
      <c r="L2521" s="2" t="s">
        <v>36265</v>
      </c>
      <c r="M2521" s="5" t="s">
        <v>36266</v>
      </c>
      <c r="N2521" s="5" t="s">
        <v>38</v>
      </c>
      <c r="O2521" s="5" t="s">
        <v>39</v>
      </c>
      <c r="P2521" s="5" t="s">
        <v>40</v>
      </c>
      <c r="Q2521" s="5" t="s">
        <v>1522</v>
      </c>
      <c r="R2521" s="5" t="s">
        <v>1523</v>
      </c>
      <c r="S2521" s="5" t="s">
        <v>42</v>
      </c>
      <c r="T2521" s="2">
        <v>1.161</v>
      </c>
      <c r="U2521" s="2">
        <v>0.72899999999999998</v>
      </c>
      <c r="V2521" s="2">
        <v>1.0999999999999999E-2</v>
      </c>
      <c r="W2521" s="2">
        <v>82.9</v>
      </c>
      <c r="X2521" s="2">
        <v>7.6</v>
      </c>
      <c r="Y2521" s="2">
        <v>16.7</v>
      </c>
      <c r="Z2521" s="5"/>
      <c r="AA2521" s="5" t="s">
        <v>43</v>
      </c>
      <c r="AB2521" s="5" t="s">
        <v>44</v>
      </c>
      <c r="AC2521" s="2"/>
      <c r="AD2521" s="1"/>
    </row>
    <row r="2522" spans="1:30">
      <c r="A2522" s="5" t="s">
        <v>83578</v>
      </c>
      <c r="B2522" s="2" t="s">
        <v>91168</v>
      </c>
      <c r="C2522" s="14" t="s">
        <v>91169</v>
      </c>
      <c r="D2522" s="2" t="s">
        <v>91170</v>
      </c>
      <c r="E2522" s="2" t="s">
        <v>36345</v>
      </c>
      <c r="F2522" s="8">
        <v>150</v>
      </c>
      <c r="G2522" s="5">
        <v>6</v>
      </c>
      <c r="H2522" s="5" t="s">
        <v>1518</v>
      </c>
      <c r="I2522" s="5" t="s">
        <v>36264</v>
      </c>
      <c r="J2522" s="2" t="s">
        <v>36265</v>
      </c>
      <c r="K2522" s="5" t="s">
        <v>36264</v>
      </c>
      <c r="L2522" s="2" t="s">
        <v>36265</v>
      </c>
      <c r="M2522" s="5" t="s">
        <v>36266</v>
      </c>
      <c r="N2522" s="5" t="s">
        <v>38</v>
      </c>
      <c r="O2522" s="5" t="s">
        <v>39</v>
      </c>
      <c r="P2522" s="5" t="s">
        <v>40</v>
      </c>
      <c r="Q2522" s="5" t="s">
        <v>1522</v>
      </c>
      <c r="R2522" s="5" t="s">
        <v>1523</v>
      </c>
      <c r="S2522" s="5" t="s">
        <v>42</v>
      </c>
      <c r="T2522" s="2">
        <v>1.141</v>
      </c>
      <c r="U2522" s="2">
        <v>0.70899999999999996</v>
      </c>
      <c r="V2522" s="2">
        <v>1.0999999999999999E-2</v>
      </c>
      <c r="W2522" s="2">
        <v>82.9</v>
      </c>
      <c r="X2522" s="2">
        <v>7.6</v>
      </c>
      <c r="Y2522" s="2">
        <v>16.7</v>
      </c>
      <c r="Z2522" s="5"/>
      <c r="AA2522" s="5" t="s">
        <v>43</v>
      </c>
      <c r="AB2522" s="5" t="s">
        <v>44</v>
      </c>
      <c r="AC2522" s="2"/>
      <c r="AD2522" s="1"/>
    </row>
    <row r="2523" spans="1:30">
      <c r="A2523" s="5" t="s">
        <v>83578</v>
      </c>
      <c r="B2523" s="2" t="s">
        <v>91171</v>
      </c>
      <c r="C2523" s="14" t="s">
        <v>91172</v>
      </c>
      <c r="D2523" s="2" t="s">
        <v>91173</v>
      </c>
      <c r="E2523" s="2" t="s">
        <v>36361</v>
      </c>
      <c r="F2523" s="8">
        <v>150</v>
      </c>
      <c r="G2523" s="5">
        <v>6</v>
      </c>
      <c r="H2523" s="5" t="s">
        <v>1518</v>
      </c>
      <c r="I2523" s="5" t="s">
        <v>36264</v>
      </c>
      <c r="J2523" s="2" t="s">
        <v>36265</v>
      </c>
      <c r="K2523" s="5" t="s">
        <v>36264</v>
      </c>
      <c r="L2523" s="2" t="s">
        <v>36265</v>
      </c>
      <c r="M2523" s="5" t="s">
        <v>36266</v>
      </c>
      <c r="N2523" s="5" t="s">
        <v>38</v>
      </c>
      <c r="O2523" s="5" t="s">
        <v>39</v>
      </c>
      <c r="P2523" s="5" t="s">
        <v>40</v>
      </c>
      <c r="Q2523" s="5" t="s">
        <v>1522</v>
      </c>
      <c r="R2523" s="5" t="s">
        <v>1523</v>
      </c>
      <c r="S2523" s="5" t="s">
        <v>42</v>
      </c>
      <c r="T2523" s="2">
        <v>1.141</v>
      </c>
      <c r="U2523" s="2">
        <v>0.70899999999999996</v>
      </c>
      <c r="V2523" s="2">
        <v>1.0999999999999999E-2</v>
      </c>
      <c r="W2523" s="2">
        <v>82.9</v>
      </c>
      <c r="X2523" s="2">
        <v>7.6</v>
      </c>
      <c r="Y2523" s="2">
        <v>16.7</v>
      </c>
      <c r="Z2523" s="5"/>
      <c r="AA2523" s="5" t="s">
        <v>43</v>
      </c>
      <c r="AB2523" s="5" t="s">
        <v>44</v>
      </c>
      <c r="AC2523" s="2"/>
      <c r="AD2523" s="1"/>
    </row>
    <row r="2524" spans="1:30">
      <c r="A2524" s="5" t="s">
        <v>83578</v>
      </c>
      <c r="B2524" s="2" t="s">
        <v>91174</v>
      </c>
      <c r="C2524" s="14" t="s">
        <v>91175</v>
      </c>
      <c r="D2524" s="2" t="s">
        <v>91176</v>
      </c>
      <c r="E2524" s="2" t="s">
        <v>36321</v>
      </c>
      <c r="F2524" s="8">
        <v>170</v>
      </c>
      <c r="G2524" s="5">
        <v>6</v>
      </c>
      <c r="H2524" s="5" t="s">
        <v>1518</v>
      </c>
      <c r="I2524" s="5" t="s">
        <v>36264</v>
      </c>
      <c r="J2524" s="2" t="s">
        <v>36265</v>
      </c>
      <c r="K2524" s="5" t="s">
        <v>36264</v>
      </c>
      <c r="L2524" s="2" t="s">
        <v>36265</v>
      </c>
      <c r="M2524" s="5" t="s">
        <v>36266</v>
      </c>
      <c r="N2524" s="5" t="s">
        <v>38</v>
      </c>
      <c r="O2524" s="5" t="s">
        <v>39</v>
      </c>
      <c r="P2524" s="5" t="s">
        <v>40</v>
      </c>
      <c r="Q2524" s="5" t="s">
        <v>1522</v>
      </c>
      <c r="R2524" s="5" t="s">
        <v>1523</v>
      </c>
      <c r="S2524" s="5" t="s">
        <v>42</v>
      </c>
      <c r="T2524" s="2">
        <v>1.49</v>
      </c>
      <c r="U2524" s="2">
        <v>0.9</v>
      </c>
      <c r="V2524" s="2">
        <v>1.7999999999999999E-2</v>
      </c>
      <c r="W2524" s="2">
        <v>139.1</v>
      </c>
      <c r="X2524" s="2">
        <v>7.6</v>
      </c>
      <c r="Y2524" s="2">
        <v>16.7</v>
      </c>
      <c r="Z2524" s="5"/>
      <c r="AA2524" s="5" t="s">
        <v>43</v>
      </c>
      <c r="AB2524" s="5" t="s">
        <v>44</v>
      </c>
      <c r="AC2524" s="2"/>
      <c r="AD2524" s="1"/>
    </row>
    <row r="2525" spans="1:30">
      <c r="A2525" s="5" t="s">
        <v>83578</v>
      </c>
      <c r="B2525" s="2" t="s">
        <v>91177</v>
      </c>
      <c r="C2525" s="14" t="s">
        <v>91178</v>
      </c>
      <c r="D2525" s="2" t="s">
        <v>91179</v>
      </c>
      <c r="E2525" s="2" t="s">
        <v>36333</v>
      </c>
      <c r="F2525" s="8">
        <v>170</v>
      </c>
      <c r="G2525" s="5">
        <v>6</v>
      </c>
      <c r="H2525" s="5" t="s">
        <v>1518</v>
      </c>
      <c r="I2525" s="5" t="s">
        <v>36264</v>
      </c>
      <c r="J2525" s="2" t="s">
        <v>36265</v>
      </c>
      <c r="K2525" s="5" t="s">
        <v>36264</v>
      </c>
      <c r="L2525" s="2" t="s">
        <v>36265</v>
      </c>
      <c r="M2525" s="5" t="s">
        <v>36266</v>
      </c>
      <c r="N2525" s="5" t="s">
        <v>38</v>
      </c>
      <c r="O2525" s="5" t="s">
        <v>39</v>
      </c>
      <c r="P2525" s="5" t="s">
        <v>40</v>
      </c>
      <c r="Q2525" s="5" t="s">
        <v>1522</v>
      </c>
      <c r="R2525" s="5" t="s">
        <v>1523</v>
      </c>
      <c r="S2525" s="5" t="s">
        <v>42</v>
      </c>
      <c r="T2525" s="2">
        <v>1.51</v>
      </c>
      <c r="U2525" s="2">
        <v>0.92</v>
      </c>
      <c r="V2525" s="2">
        <v>1.7999999999999999E-2</v>
      </c>
      <c r="W2525" s="2">
        <v>139.1</v>
      </c>
      <c r="X2525" s="2">
        <v>7.6</v>
      </c>
      <c r="Y2525" s="2">
        <v>16.7</v>
      </c>
      <c r="Z2525" s="5"/>
      <c r="AA2525" s="5" t="s">
        <v>43</v>
      </c>
      <c r="AB2525" s="5" t="s">
        <v>44</v>
      </c>
      <c r="AC2525" s="2"/>
      <c r="AD2525" s="1"/>
    </row>
    <row r="2526" spans="1:30">
      <c r="A2526" s="5" t="s">
        <v>83578</v>
      </c>
      <c r="B2526" s="2" t="s">
        <v>91180</v>
      </c>
      <c r="C2526" s="14" t="s">
        <v>91181</v>
      </c>
      <c r="D2526" s="2" t="s">
        <v>91182</v>
      </c>
      <c r="E2526" s="2" t="s">
        <v>36341</v>
      </c>
      <c r="F2526" s="8">
        <v>170</v>
      </c>
      <c r="G2526" s="5">
        <v>6</v>
      </c>
      <c r="H2526" s="5" t="s">
        <v>1518</v>
      </c>
      <c r="I2526" s="5" t="s">
        <v>36264</v>
      </c>
      <c r="J2526" s="2" t="s">
        <v>36265</v>
      </c>
      <c r="K2526" s="5" t="s">
        <v>36264</v>
      </c>
      <c r="L2526" s="2" t="s">
        <v>36265</v>
      </c>
      <c r="M2526" s="5" t="s">
        <v>36266</v>
      </c>
      <c r="N2526" s="5" t="s">
        <v>38</v>
      </c>
      <c r="O2526" s="5" t="s">
        <v>39</v>
      </c>
      <c r="P2526" s="5" t="s">
        <v>40</v>
      </c>
      <c r="Q2526" s="5" t="s">
        <v>1522</v>
      </c>
      <c r="R2526" s="5" t="s">
        <v>1523</v>
      </c>
      <c r="S2526" s="5" t="s">
        <v>42</v>
      </c>
      <c r="T2526" s="2">
        <v>1.51</v>
      </c>
      <c r="U2526" s="2">
        <v>0.92</v>
      </c>
      <c r="V2526" s="2">
        <v>1.7999999999999999E-2</v>
      </c>
      <c r="W2526" s="2">
        <v>139.1</v>
      </c>
      <c r="X2526" s="2">
        <v>7.6</v>
      </c>
      <c r="Y2526" s="2">
        <v>16.7</v>
      </c>
      <c r="Z2526" s="5"/>
      <c r="AA2526" s="5" t="s">
        <v>43</v>
      </c>
      <c r="AB2526" s="5" t="s">
        <v>44</v>
      </c>
      <c r="AC2526" s="2"/>
      <c r="AD2526" s="1"/>
    </row>
    <row r="2527" spans="1:30">
      <c r="A2527" s="5" t="s">
        <v>83578</v>
      </c>
      <c r="B2527" s="2" t="s">
        <v>91183</v>
      </c>
      <c r="C2527" s="14" t="s">
        <v>91184</v>
      </c>
      <c r="D2527" s="2" t="s">
        <v>91185</v>
      </c>
      <c r="E2527" s="2" t="s">
        <v>36353</v>
      </c>
      <c r="F2527" s="8">
        <v>170</v>
      </c>
      <c r="G2527" s="5">
        <v>6</v>
      </c>
      <c r="H2527" s="5" t="s">
        <v>1518</v>
      </c>
      <c r="I2527" s="5" t="s">
        <v>36264</v>
      </c>
      <c r="J2527" s="2" t="s">
        <v>36265</v>
      </c>
      <c r="K2527" s="5" t="s">
        <v>36264</v>
      </c>
      <c r="L2527" s="2" t="s">
        <v>36265</v>
      </c>
      <c r="M2527" s="5" t="s">
        <v>36266</v>
      </c>
      <c r="N2527" s="5" t="s">
        <v>38</v>
      </c>
      <c r="O2527" s="5" t="s">
        <v>39</v>
      </c>
      <c r="P2527" s="5" t="s">
        <v>40</v>
      </c>
      <c r="Q2527" s="5" t="s">
        <v>1522</v>
      </c>
      <c r="R2527" s="5" t="s">
        <v>1523</v>
      </c>
      <c r="S2527" s="5" t="s">
        <v>42</v>
      </c>
      <c r="T2527" s="2">
        <v>1.49</v>
      </c>
      <c r="U2527" s="2">
        <v>0.9</v>
      </c>
      <c r="V2527" s="2">
        <v>1.7999999999999999E-2</v>
      </c>
      <c r="W2527" s="2">
        <v>139.1</v>
      </c>
      <c r="X2527" s="2">
        <v>7.6</v>
      </c>
      <c r="Y2527" s="2">
        <v>16.7</v>
      </c>
      <c r="Z2527" s="5"/>
      <c r="AA2527" s="5" t="s">
        <v>43</v>
      </c>
      <c r="AB2527" s="5" t="s">
        <v>44</v>
      </c>
      <c r="AC2527" s="2"/>
      <c r="AD2527" s="1"/>
    </row>
    <row r="2528" spans="1:30">
      <c r="A2528" s="5" t="s">
        <v>83578</v>
      </c>
      <c r="B2528" s="2" t="s">
        <v>91186</v>
      </c>
      <c r="C2528" s="14" t="s">
        <v>91187</v>
      </c>
      <c r="D2528" s="2" t="s">
        <v>91188</v>
      </c>
      <c r="E2528" s="2" t="s">
        <v>36373</v>
      </c>
      <c r="F2528" s="8">
        <v>170</v>
      </c>
      <c r="G2528" s="5">
        <v>6</v>
      </c>
      <c r="H2528" s="5" t="s">
        <v>1518</v>
      </c>
      <c r="I2528" s="5" t="s">
        <v>36264</v>
      </c>
      <c r="J2528" s="2" t="s">
        <v>36265</v>
      </c>
      <c r="K2528" s="5" t="s">
        <v>36264</v>
      </c>
      <c r="L2528" s="2" t="s">
        <v>36265</v>
      </c>
      <c r="M2528" s="5" t="s">
        <v>36266</v>
      </c>
      <c r="N2528" s="5" t="s">
        <v>38</v>
      </c>
      <c r="O2528" s="5" t="s">
        <v>39</v>
      </c>
      <c r="P2528" s="5" t="s">
        <v>40</v>
      </c>
      <c r="Q2528" s="5" t="s">
        <v>1522</v>
      </c>
      <c r="R2528" s="5" t="s">
        <v>1523</v>
      </c>
      <c r="S2528" s="5" t="s">
        <v>42</v>
      </c>
      <c r="T2528" s="2">
        <v>1.51</v>
      </c>
      <c r="U2528" s="2">
        <v>0.92</v>
      </c>
      <c r="V2528" s="2">
        <v>1.7999999999999999E-2</v>
      </c>
      <c r="W2528" s="2">
        <v>139.1</v>
      </c>
      <c r="X2528" s="2">
        <v>7.6</v>
      </c>
      <c r="Y2528" s="2">
        <v>16.7</v>
      </c>
      <c r="Z2528" s="5"/>
      <c r="AA2528" s="5" t="s">
        <v>43</v>
      </c>
      <c r="AB2528" s="5" t="s">
        <v>44</v>
      </c>
      <c r="AC2528" s="2"/>
      <c r="AD2528" s="1"/>
    </row>
    <row r="2529" spans="1:30">
      <c r="A2529" s="5" t="s">
        <v>83578</v>
      </c>
      <c r="B2529" s="2" t="s">
        <v>91189</v>
      </c>
      <c r="C2529" s="14" t="s">
        <v>91190</v>
      </c>
      <c r="D2529" s="2" t="s">
        <v>91191</v>
      </c>
      <c r="E2529" s="2" t="s">
        <v>36389</v>
      </c>
      <c r="F2529" s="8">
        <v>170</v>
      </c>
      <c r="G2529" s="5">
        <v>6</v>
      </c>
      <c r="H2529" s="5" t="s">
        <v>1518</v>
      </c>
      <c r="I2529" s="5" t="s">
        <v>36264</v>
      </c>
      <c r="J2529" s="2" t="s">
        <v>36265</v>
      </c>
      <c r="K2529" s="5" t="s">
        <v>36264</v>
      </c>
      <c r="L2529" s="2" t="s">
        <v>36265</v>
      </c>
      <c r="M2529" s="5" t="s">
        <v>36266</v>
      </c>
      <c r="N2529" s="5" t="s">
        <v>38</v>
      </c>
      <c r="O2529" s="5" t="s">
        <v>39</v>
      </c>
      <c r="P2529" s="5" t="s">
        <v>40</v>
      </c>
      <c r="Q2529" s="5" t="s">
        <v>1522</v>
      </c>
      <c r="R2529" s="5" t="s">
        <v>1523</v>
      </c>
      <c r="S2529" s="5" t="s">
        <v>42</v>
      </c>
      <c r="T2529" s="2">
        <v>1.51</v>
      </c>
      <c r="U2529" s="2">
        <v>0.92</v>
      </c>
      <c r="V2529" s="2">
        <v>1.7999999999999999E-2</v>
      </c>
      <c r="W2529" s="2">
        <v>139.1</v>
      </c>
      <c r="X2529" s="2">
        <v>7.6</v>
      </c>
      <c r="Y2529" s="2">
        <v>16.7</v>
      </c>
      <c r="Z2529" s="5"/>
      <c r="AA2529" s="5" t="s">
        <v>43</v>
      </c>
      <c r="AB2529" s="5" t="s">
        <v>44</v>
      </c>
      <c r="AC2529" s="2"/>
      <c r="AD2529" s="1"/>
    </row>
    <row r="2530" spans="1:30">
      <c r="A2530" s="5" t="s">
        <v>83578</v>
      </c>
      <c r="B2530" s="2" t="s">
        <v>91192</v>
      </c>
      <c r="C2530" s="14" t="s">
        <v>91193</v>
      </c>
      <c r="D2530" s="2" t="s">
        <v>91194</v>
      </c>
      <c r="E2530" s="2" t="s">
        <v>36353</v>
      </c>
      <c r="F2530" s="8">
        <v>150</v>
      </c>
      <c r="G2530" s="5">
        <v>6</v>
      </c>
      <c r="H2530" s="5" t="s">
        <v>1518</v>
      </c>
      <c r="I2530" s="5" t="s">
        <v>36264</v>
      </c>
      <c r="J2530" s="2" t="s">
        <v>36265</v>
      </c>
      <c r="K2530" s="5" t="s">
        <v>36264</v>
      </c>
      <c r="L2530" s="2" t="s">
        <v>36265</v>
      </c>
      <c r="M2530" s="5" t="s">
        <v>36266</v>
      </c>
      <c r="N2530" s="5" t="s">
        <v>38</v>
      </c>
      <c r="O2530" s="5" t="s">
        <v>39</v>
      </c>
      <c r="P2530" s="5" t="s">
        <v>40</v>
      </c>
      <c r="Q2530" s="5" t="s">
        <v>1522</v>
      </c>
      <c r="R2530" s="5" t="s">
        <v>1523</v>
      </c>
      <c r="S2530" s="5" t="s">
        <v>42</v>
      </c>
      <c r="T2530" s="2">
        <v>1.2470000000000001</v>
      </c>
      <c r="U2530" s="2">
        <v>0.73299999999999998</v>
      </c>
      <c r="V2530" s="2">
        <v>1.2999999999999999E-2</v>
      </c>
      <c r="W2530" s="2">
        <v>99.1</v>
      </c>
      <c r="X2530" s="2">
        <v>7.6</v>
      </c>
      <c r="Y2530" s="2">
        <v>16.7</v>
      </c>
      <c r="Z2530" s="5"/>
      <c r="AA2530" s="5" t="s">
        <v>43</v>
      </c>
      <c r="AB2530" s="5" t="s">
        <v>44</v>
      </c>
      <c r="AC2530" s="2"/>
      <c r="AD2530" s="1"/>
    </row>
    <row r="2531" spans="1:30">
      <c r="A2531" s="5" t="s">
        <v>83578</v>
      </c>
      <c r="B2531" s="2" t="s">
        <v>91195</v>
      </c>
      <c r="C2531" s="14" t="s">
        <v>91196</v>
      </c>
      <c r="D2531" s="2" t="s">
        <v>91197</v>
      </c>
      <c r="E2531" s="2" t="s">
        <v>36285</v>
      </c>
      <c r="F2531" s="8">
        <v>157</v>
      </c>
      <c r="G2531" s="5">
        <v>6</v>
      </c>
      <c r="H2531" s="5" t="s">
        <v>1518</v>
      </c>
      <c r="I2531" s="5" t="s">
        <v>36264</v>
      </c>
      <c r="J2531" s="2" t="s">
        <v>36265</v>
      </c>
      <c r="K2531" s="5" t="s">
        <v>36264</v>
      </c>
      <c r="L2531" s="2" t="s">
        <v>36265</v>
      </c>
      <c r="M2531" s="5" t="s">
        <v>36266</v>
      </c>
      <c r="N2531" s="5" t="s">
        <v>38</v>
      </c>
      <c r="O2531" s="5" t="s">
        <v>39</v>
      </c>
      <c r="P2531" s="5" t="s">
        <v>40</v>
      </c>
      <c r="Q2531" s="5" t="s">
        <v>1522</v>
      </c>
      <c r="R2531" s="5" t="s">
        <v>1523</v>
      </c>
      <c r="S2531" s="5" t="s">
        <v>42</v>
      </c>
      <c r="T2531" s="2">
        <v>1.071</v>
      </c>
      <c r="U2531" s="2">
        <v>0.65300000000000002</v>
      </c>
      <c r="V2531" s="2">
        <v>1.0999999999999999E-2</v>
      </c>
      <c r="W2531" s="2">
        <v>82.9</v>
      </c>
      <c r="X2531" s="2">
        <v>7.6</v>
      </c>
      <c r="Y2531" s="2">
        <v>16.7</v>
      </c>
      <c r="Z2531" s="5"/>
      <c r="AA2531" s="5" t="s">
        <v>43</v>
      </c>
      <c r="AB2531" s="5" t="s">
        <v>44</v>
      </c>
      <c r="AC2531" s="2"/>
      <c r="AD2531" s="1"/>
    </row>
    <row r="2532" spans="1:30">
      <c r="A2532" s="5" t="s">
        <v>83578</v>
      </c>
      <c r="B2532" s="2" t="s">
        <v>91198</v>
      </c>
      <c r="C2532" s="14" t="s">
        <v>91199</v>
      </c>
      <c r="D2532" s="2" t="s">
        <v>91200</v>
      </c>
      <c r="E2532" s="2" t="s">
        <v>36297</v>
      </c>
      <c r="F2532" s="8">
        <v>136</v>
      </c>
      <c r="G2532" s="5">
        <v>6</v>
      </c>
      <c r="H2532" s="5" t="s">
        <v>1518</v>
      </c>
      <c r="I2532" s="5" t="s">
        <v>36264</v>
      </c>
      <c r="J2532" s="2" t="s">
        <v>36265</v>
      </c>
      <c r="K2532" s="5" t="s">
        <v>36264</v>
      </c>
      <c r="L2532" s="2" t="s">
        <v>36265</v>
      </c>
      <c r="M2532" s="5" t="s">
        <v>36266</v>
      </c>
      <c r="N2532" s="5" t="s">
        <v>38</v>
      </c>
      <c r="O2532" s="5" t="s">
        <v>39</v>
      </c>
      <c r="P2532" s="5" t="s">
        <v>40</v>
      </c>
      <c r="Q2532" s="5" t="s">
        <v>1522</v>
      </c>
      <c r="R2532" s="5" t="s">
        <v>1523</v>
      </c>
      <c r="S2532" s="5" t="s">
        <v>42</v>
      </c>
      <c r="T2532" s="2">
        <v>1.046</v>
      </c>
      <c r="U2532" s="2">
        <v>0.628</v>
      </c>
      <c r="V2532" s="2">
        <v>1.0999999999999999E-2</v>
      </c>
      <c r="W2532" s="2">
        <v>82.9</v>
      </c>
      <c r="X2532" s="2">
        <v>7.6</v>
      </c>
      <c r="Y2532" s="2">
        <v>16.7</v>
      </c>
      <c r="Z2532" s="5"/>
      <c r="AA2532" s="5" t="s">
        <v>43</v>
      </c>
      <c r="AB2532" s="5" t="s">
        <v>44</v>
      </c>
      <c r="AC2532" s="2"/>
      <c r="AD2532" s="1"/>
    </row>
    <row r="2533" spans="1:30">
      <c r="A2533" s="5" t="s">
        <v>83578</v>
      </c>
      <c r="B2533" s="2" t="s">
        <v>91201</v>
      </c>
      <c r="C2533" s="14" t="s">
        <v>91202</v>
      </c>
      <c r="D2533" s="2" t="s">
        <v>91203</v>
      </c>
      <c r="E2533" s="2" t="s">
        <v>36313</v>
      </c>
      <c r="F2533" s="8">
        <v>157</v>
      </c>
      <c r="G2533" s="5">
        <v>6</v>
      </c>
      <c r="H2533" s="5" t="s">
        <v>1518</v>
      </c>
      <c r="I2533" s="5" t="s">
        <v>36264</v>
      </c>
      <c r="J2533" s="2" t="s">
        <v>36265</v>
      </c>
      <c r="K2533" s="5" t="s">
        <v>36264</v>
      </c>
      <c r="L2533" s="2" t="s">
        <v>36265</v>
      </c>
      <c r="M2533" s="5" t="s">
        <v>36266</v>
      </c>
      <c r="N2533" s="5" t="s">
        <v>38</v>
      </c>
      <c r="O2533" s="5" t="s">
        <v>39</v>
      </c>
      <c r="P2533" s="5" t="s">
        <v>40</v>
      </c>
      <c r="Q2533" s="5" t="s">
        <v>1522</v>
      </c>
      <c r="R2533" s="5" t="s">
        <v>1523</v>
      </c>
      <c r="S2533" s="5" t="s">
        <v>42</v>
      </c>
      <c r="T2533" s="2">
        <v>1.046</v>
      </c>
      <c r="U2533" s="2">
        <v>0.628</v>
      </c>
      <c r="V2533" s="2">
        <v>1.0999999999999999E-2</v>
      </c>
      <c r="W2533" s="2">
        <v>82.9</v>
      </c>
      <c r="X2533" s="2">
        <v>7.6</v>
      </c>
      <c r="Y2533" s="2">
        <v>16.7</v>
      </c>
      <c r="Z2533" s="5"/>
      <c r="AA2533" s="5" t="s">
        <v>43</v>
      </c>
      <c r="AB2533" s="5" t="s">
        <v>44</v>
      </c>
      <c r="AC2533" s="2"/>
      <c r="AD2533" s="1"/>
    </row>
    <row r="2534" spans="1:30">
      <c r="A2534" s="5" t="s">
        <v>83578</v>
      </c>
      <c r="B2534" s="2" t="s">
        <v>91204</v>
      </c>
      <c r="C2534" s="14" t="s">
        <v>91205</v>
      </c>
      <c r="D2534" s="2" t="s">
        <v>91206</v>
      </c>
      <c r="E2534" s="2" t="s">
        <v>36325</v>
      </c>
      <c r="F2534" s="8">
        <v>157</v>
      </c>
      <c r="G2534" s="5">
        <v>6</v>
      </c>
      <c r="H2534" s="5" t="s">
        <v>1518</v>
      </c>
      <c r="I2534" s="5" t="s">
        <v>36264</v>
      </c>
      <c r="J2534" s="2" t="s">
        <v>36265</v>
      </c>
      <c r="K2534" s="5" t="s">
        <v>36264</v>
      </c>
      <c r="L2534" s="2" t="s">
        <v>36265</v>
      </c>
      <c r="M2534" s="5" t="s">
        <v>36266</v>
      </c>
      <c r="N2534" s="5" t="s">
        <v>38</v>
      </c>
      <c r="O2534" s="5" t="s">
        <v>39</v>
      </c>
      <c r="P2534" s="5" t="s">
        <v>40</v>
      </c>
      <c r="Q2534" s="5" t="s">
        <v>1522</v>
      </c>
      <c r="R2534" s="5" t="s">
        <v>1523</v>
      </c>
      <c r="S2534" s="5" t="s">
        <v>42</v>
      </c>
      <c r="T2534" s="2">
        <v>1.071</v>
      </c>
      <c r="U2534" s="2">
        <v>0.65300000000000002</v>
      </c>
      <c r="V2534" s="2">
        <v>1.0999999999999999E-2</v>
      </c>
      <c r="W2534" s="2">
        <v>82.9</v>
      </c>
      <c r="X2534" s="2">
        <v>7.6</v>
      </c>
      <c r="Y2534" s="2">
        <v>16.7</v>
      </c>
      <c r="Z2534" s="5"/>
      <c r="AA2534" s="5" t="s">
        <v>43</v>
      </c>
      <c r="AB2534" s="5" t="s">
        <v>44</v>
      </c>
      <c r="AC2534" s="2"/>
      <c r="AD2534" s="1"/>
    </row>
    <row r="2535" spans="1:30">
      <c r="A2535" s="5" t="s">
        <v>83578</v>
      </c>
      <c r="B2535" s="2" t="s">
        <v>91207</v>
      </c>
      <c r="C2535" s="14" t="s">
        <v>91208</v>
      </c>
      <c r="D2535" s="2" t="s">
        <v>91209</v>
      </c>
      <c r="E2535" s="2" t="s">
        <v>36337</v>
      </c>
      <c r="F2535" s="8">
        <v>157</v>
      </c>
      <c r="G2535" s="5">
        <v>6</v>
      </c>
      <c r="H2535" s="5" t="s">
        <v>1518</v>
      </c>
      <c r="I2535" s="5" t="s">
        <v>36264</v>
      </c>
      <c r="J2535" s="2" t="s">
        <v>36265</v>
      </c>
      <c r="K2535" s="5" t="s">
        <v>36264</v>
      </c>
      <c r="L2535" s="2" t="s">
        <v>36265</v>
      </c>
      <c r="M2535" s="5" t="s">
        <v>36266</v>
      </c>
      <c r="N2535" s="5" t="s">
        <v>38</v>
      </c>
      <c r="O2535" s="5" t="s">
        <v>39</v>
      </c>
      <c r="P2535" s="5" t="s">
        <v>40</v>
      </c>
      <c r="Q2535" s="5" t="s">
        <v>1522</v>
      </c>
      <c r="R2535" s="5" t="s">
        <v>1523</v>
      </c>
      <c r="S2535" s="5" t="s">
        <v>42</v>
      </c>
      <c r="T2535" s="2">
        <v>1.046</v>
      </c>
      <c r="U2535" s="2">
        <v>0.628</v>
      </c>
      <c r="V2535" s="2">
        <v>1.0999999999999999E-2</v>
      </c>
      <c r="W2535" s="2">
        <v>82.9</v>
      </c>
      <c r="X2535" s="2">
        <v>7.6</v>
      </c>
      <c r="Y2535" s="2">
        <v>16.7</v>
      </c>
      <c r="Z2535" s="5"/>
      <c r="AA2535" s="5" t="s">
        <v>43</v>
      </c>
      <c r="AB2535" s="5" t="s">
        <v>44</v>
      </c>
      <c r="AC2535" s="2"/>
      <c r="AD2535" s="1"/>
    </row>
    <row r="2536" spans="1:30">
      <c r="A2536" s="5" t="s">
        <v>83578</v>
      </c>
      <c r="B2536" s="2" t="s">
        <v>91210</v>
      </c>
      <c r="C2536" s="14" t="s">
        <v>91211</v>
      </c>
      <c r="D2536" s="2" t="s">
        <v>91212</v>
      </c>
      <c r="E2536" s="2" t="s">
        <v>36341</v>
      </c>
      <c r="F2536" s="8">
        <v>157</v>
      </c>
      <c r="G2536" s="5">
        <v>6</v>
      </c>
      <c r="H2536" s="5" t="s">
        <v>1518</v>
      </c>
      <c r="I2536" s="5" t="s">
        <v>36264</v>
      </c>
      <c r="J2536" s="2" t="s">
        <v>36265</v>
      </c>
      <c r="K2536" s="5" t="s">
        <v>36264</v>
      </c>
      <c r="L2536" s="2" t="s">
        <v>36265</v>
      </c>
      <c r="M2536" s="5" t="s">
        <v>36266</v>
      </c>
      <c r="N2536" s="5" t="s">
        <v>38</v>
      </c>
      <c r="O2536" s="5" t="s">
        <v>39</v>
      </c>
      <c r="P2536" s="5" t="s">
        <v>40</v>
      </c>
      <c r="Q2536" s="5" t="s">
        <v>1522</v>
      </c>
      <c r="R2536" s="5" t="s">
        <v>1523</v>
      </c>
      <c r="S2536" s="5" t="s">
        <v>42</v>
      </c>
      <c r="T2536" s="2">
        <v>1.071</v>
      </c>
      <c r="U2536" s="2">
        <v>0.65300000000000002</v>
      </c>
      <c r="V2536" s="2">
        <v>1.0999999999999999E-2</v>
      </c>
      <c r="W2536" s="2">
        <v>82.9</v>
      </c>
      <c r="X2536" s="2">
        <v>7.6</v>
      </c>
      <c r="Y2536" s="2">
        <v>16.7</v>
      </c>
      <c r="Z2536" s="5"/>
      <c r="AA2536" s="5" t="s">
        <v>43</v>
      </c>
      <c r="AB2536" s="5" t="s">
        <v>44</v>
      </c>
      <c r="AC2536" s="2"/>
      <c r="AD2536" s="1"/>
    </row>
    <row r="2537" spans="1:30">
      <c r="A2537" s="5" t="s">
        <v>83578</v>
      </c>
      <c r="B2537" s="2" t="s">
        <v>91213</v>
      </c>
      <c r="C2537" s="14" t="s">
        <v>91214</v>
      </c>
      <c r="D2537" s="2" t="s">
        <v>91215</v>
      </c>
      <c r="E2537" s="2" t="s">
        <v>36349</v>
      </c>
      <c r="F2537" s="8">
        <v>157</v>
      </c>
      <c r="G2537" s="5">
        <v>6</v>
      </c>
      <c r="H2537" s="5" t="s">
        <v>1518</v>
      </c>
      <c r="I2537" s="5" t="s">
        <v>36264</v>
      </c>
      <c r="J2537" s="2" t="s">
        <v>36265</v>
      </c>
      <c r="K2537" s="5" t="s">
        <v>36264</v>
      </c>
      <c r="L2537" s="2" t="s">
        <v>36265</v>
      </c>
      <c r="M2537" s="5" t="s">
        <v>36266</v>
      </c>
      <c r="N2537" s="5" t="s">
        <v>38</v>
      </c>
      <c r="O2537" s="5" t="s">
        <v>39</v>
      </c>
      <c r="P2537" s="5" t="s">
        <v>40</v>
      </c>
      <c r="Q2537" s="5" t="s">
        <v>1522</v>
      </c>
      <c r="R2537" s="5" t="s">
        <v>1523</v>
      </c>
      <c r="S2537" s="5" t="s">
        <v>42</v>
      </c>
      <c r="T2537" s="2">
        <v>1.071</v>
      </c>
      <c r="U2537" s="2">
        <v>0.65300000000000002</v>
      </c>
      <c r="V2537" s="2">
        <v>1.0999999999999999E-2</v>
      </c>
      <c r="W2537" s="2">
        <v>82.9</v>
      </c>
      <c r="X2537" s="2">
        <v>7.6</v>
      </c>
      <c r="Y2537" s="2">
        <v>16.7</v>
      </c>
      <c r="Z2537" s="5"/>
      <c r="AA2537" s="5" t="s">
        <v>43</v>
      </c>
      <c r="AB2537" s="5" t="s">
        <v>44</v>
      </c>
      <c r="AC2537" s="2"/>
      <c r="AD2537" s="1"/>
    </row>
    <row r="2538" spans="1:30">
      <c r="A2538" s="5" t="s">
        <v>83578</v>
      </c>
      <c r="B2538" s="2" t="s">
        <v>91216</v>
      </c>
      <c r="C2538" s="14" t="s">
        <v>91217</v>
      </c>
      <c r="D2538" s="2" t="s">
        <v>91218</v>
      </c>
      <c r="E2538" s="2" t="s">
        <v>36353</v>
      </c>
      <c r="F2538" s="8">
        <v>157</v>
      </c>
      <c r="G2538" s="5">
        <v>6</v>
      </c>
      <c r="H2538" s="5" t="s">
        <v>1518</v>
      </c>
      <c r="I2538" s="5" t="s">
        <v>36264</v>
      </c>
      <c r="J2538" s="2" t="s">
        <v>36265</v>
      </c>
      <c r="K2538" s="5" t="s">
        <v>36264</v>
      </c>
      <c r="L2538" s="2" t="s">
        <v>36265</v>
      </c>
      <c r="M2538" s="5" t="s">
        <v>36266</v>
      </c>
      <c r="N2538" s="5" t="s">
        <v>38</v>
      </c>
      <c r="O2538" s="5" t="s">
        <v>39</v>
      </c>
      <c r="P2538" s="5" t="s">
        <v>40</v>
      </c>
      <c r="Q2538" s="5" t="s">
        <v>1522</v>
      </c>
      <c r="R2538" s="5" t="s">
        <v>1523</v>
      </c>
      <c r="S2538" s="5" t="s">
        <v>42</v>
      </c>
      <c r="T2538" s="2">
        <v>1.046</v>
      </c>
      <c r="U2538" s="2">
        <v>0.628</v>
      </c>
      <c r="V2538" s="2">
        <v>1.0999999999999999E-2</v>
      </c>
      <c r="W2538" s="2">
        <v>82.9</v>
      </c>
      <c r="X2538" s="2">
        <v>7.6</v>
      </c>
      <c r="Y2538" s="2">
        <v>16.7</v>
      </c>
      <c r="Z2538" s="5"/>
      <c r="AA2538" s="5" t="s">
        <v>43</v>
      </c>
      <c r="AB2538" s="5" t="s">
        <v>44</v>
      </c>
      <c r="AC2538" s="2"/>
      <c r="AD2538" s="1"/>
    </row>
    <row r="2539" spans="1:30">
      <c r="A2539" s="5" t="s">
        <v>83578</v>
      </c>
      <c r="B2539" s="2" t="s">
        <v>91219</v>
      </c>
      <c r="C2539" s="14" t="s">
        <v>91220</v>
      </c>
      <c r="D2539" s="2" t="s">
        <v>91221</v>
      </c>
      <c r="E2539" s="2" t="s">
        <v>36357</v>
      </c>
      <c r="F2539" s="8">
        <v>157</v>
      </c>
      <c r="G2539" s="5">
        <v>6</v>
      </c>
      <c r="H2539" s="5" t="s">
        <v>1518</v>
      </c>
      <c r="I2539" s="5" t="s">
        <v>36264</v>
      </c>
      <c r="J2539" s="2" t="s">
        <v>36265</v>
      </c>
      <c r="K2539" s="5" t="s">
        <v>36264</v>
      </c>
      <c r="L2539" s="2" t="s">
        <v>36265</v>
      </c>
      <c r="M2539" s="5" t="s">
        <v>36266</v>
      </c>
      <c r="N2539" s="5" t="s">
        <v>38</v>
      </c>
      <c r="O2539" s="5" t="s">
        <v>39</v>
      </c>
      <c r="P2539" s="5" t="s">
        <v>40</v>
      </c>
      <c r="Q2539" s="5" t="s">
        <v>1522</v>
      </c>
      <c r="R2539" s="5" t="s">
        <v>1523</v>
      </c>
      <c r="S2539" s="5" t="s">
        <v>42</v>
      </c>
      <c r="T2539" s="2">
        <v>1.071</v>
      </c>
      <c r="U2539" s="2">
        <v>0.65300000000000002</v>
      </c>
      <c r="V2539" s="2">
        <v>1.0999999999999999E-2</v>
      </c>
      <c r="W2539" s="2">
        <v>82.9</v>
      </c>
      <c r="X2539" s="2">
        <v>7.6</v>
      </c>
      <c r="Y2539" s="2">
        <v>16.7</v>
      </c>
      <c r="Z2539" s="5"/>
      <c r="AA2539" s="5" t="s">
        <v>43</v>
      </c>
      <c r="AB2539" s="5" t="s">
        <v>44</v>
      </c>
      <c r="AC2539" s="2"/>
      <c r="AD2539" s="1"/>
    </row>
    <row r="2540" spans="1:30">
      <c r="A2540" s="5" t="s">
        <v>83578</v>
      </c>
      <c r="B2540" s="2" t="s">
        <v>91222</v>
      </c>
      <c r="C2540" s="14" t="s">
        <v>91223</v>
      </c>
      <c r="D2540" s="2" t="s">
        <v>91224</v>
      </c>
      <c r="E2540" s="2" t="s">
        <v>36365</v>
      </c>
      <c r="F2540" s="8">
        <v>157</v>
      </c>
      <c r="G2540" s="5">
        <v>6</v>
      </c>
      <c r="H2540" s="5" t="s">
        <v>1518</v>
      </c>
      <c r="I2540" s="5" t="s">
        <v>36264</v>
      </c>
      <c r="J2540" s="2" t="s">
        <v>36265</v>
      </c>
      <c r="K2540" s="5" t="s">
        <v>36264</v>
      </c>
      <c r="L2540" s="2" t="s">
        <v>36265</v>
      </c>
      <c r="M2540" s="5" t="s">
        <v>36266</v>
      </c>
      <c r="N2540" s="5" t="s">
        <v>38</v>
      </c>
      <c r="O2540" s="5" t="s">
        <v>39</v>
      </c>
      <c r="P2540" s="5" t="s">
        <v>40</v>
      </c>
      <c r="Q2540" s="5" t="s">
        <v>1522</v>
      </c>
      <c r="R2540" s="5" t="s">
        <v>1523</v>
      </c>
      <c r="S2540" s="5" t="s">
        <v>42</v>
      </c>
      <c r="T2540" s="2">
        <v>1.071</v>
      </c>
      <c r="U2540" s="2">
        <v>0.65300000000000002</v>
      </c>
      <c r="V2540" s="2">
        <v>1.0999999999999999E-2</v>
      </c>
      <c r="W2540" s="2">
        <v>82.9</v>
      </c>
      <c r="X2540" s="2">
        <v>7.6</v>
      </c>
      <c r="Y2540" s="2">
        <v>16.7</v>
      </c>
      <c r="Z2540" s="5"/>
      <c r="AA2540" s="5" t="s">
        <v>43</v>
      </c>
      <c r="AB2540" s="5" t="s">
        <v>44</v>
      </c>
      <c r="AC2540" s="2"/>
      <c r="AD2540" s="1"/>
    </row>
    <row r="2541" spans="1:30">
      <c r="A2541" s="5" t="s">
        <v>83578</v>
      </c>
      <c r="B2541" s="2" t="s">
        <v>91225</v>
      </c>
      <c r="C2541" s="14" t="s">
        <v>91226</v>
      </c>
      <c r="D2541" s="2" t="s">
        <v>91227</v>
      </c>
      <c r="E2541" s="2" t="s">
        <v>36373</v>
      </c>
      <c r="F2541" s="8">
        <v>157</v>
      </c>
      <c r="G2541" s="5">
        <v>6</v>
      </c>
      <c r="H2541" s="5" t="s">
        <v>1518</v>
      </c>
      <c r="I2541" s="5" t="s">
        <v>36264</v>
      </c>
      <c r="J2541" s="2" t="s">
        <v>36265</v>
      </c>
      <c r="K2541" s="5" t="s">
        <v>36264</v>
      </c>
      <c r="L2541" s="2" t="s">
        <v>36265</v>
      </c>
      <c r="M2541" s="5" t="s">
        <v>36266</v>
      </c>
      <c r="N2541" s="5" t="s">
        <v>38</v>
      </c>
      <c r="O2541" s="5" t="s">
        <v>39</v>
      </c>
      <c r="P2541" s="5" t="s">
        <v>40</v>
      </c>
      <c r="Q2541" s="5" t="s">
        <v>1522</v>
      </c>
      <c r="R2541" s="5" t="s">
        <v>1523</v>
      </c>
      <c r="S2541" s="5" t="s">
        <v>42</v>
      </c>
      <c r="T2541" s="2">
        <v>1.071</v>
      </c>
      <c r="U2541" s="2">
        <v>0.65300000000000002</v>
      </c>
      <c r="V2541" s="2">
        <v>1.0999999999999999E-2</v>
      </c>
      <c r="W2541" s="2">
        <v>82.9</v>
      </c>
      <c r="X2541" s="2">
        <v>7.6</v>
      </c>
      <c r="Y2541" s="2">
        <v>16.7</v>
      </c>
      <c r="Z2541" s="5"/>
      <c r="AA2541" s="5" t="s">
        <v>43</v>
      </c>
      <c r="AB2541" s="5" t="s">
        <v>44</v>
      </c>
      <c r="AC2541" s="2"/>
      <c r="AD2541" s="1"/>
    </row>
    <row r="2542" spans="1:30">
      <c r="A2542" s="5" t="s">
        <v>83578</v>
      </c>
      <c r="B2542" s="2" t="s">
        <v>91228</v>
      </c>
      <c r="C2542" s="14" t="s">
        <v>91229</v>
      </c>
      <c r="D2542" s="2" t="s">
        <v>91230</v>
      </c>
      <c r="E2542" s="2" t="s">
        <v>36389</v>
      </c>
      <c r="F2542" s="8">
        <v>157</v>
      </c>
      <c r="G2542" s="5">
        <v>6</v>
      </c>
      <c r="H2542" s="5" t="s">
        <v>1518</v>
      </c>
      <c r="I2542" s="5" t="s">
        <v>36264</v>
      </c>
      <c r="J2542" s="2" t="s">
        <v>36265</v>
      </c>
      <c r="K2542" s="5" t="s">
        <v>36264</v>
      </c>
      <c r="L2542" s="2" t="s">
        <v>36265</v>
      </c>
      <c r="M2542" s="5" t="s">
        <v>36266</v>
      </c>
      <c r="N2542" s="5" t="s">
        <v>38</v>
      </c>
      <c r="O2542" s="5" t="s">
        <v>39</v>
      </c>
      <c r="P2542" s="5" t="s">
        <v>40</v>
      </c>
      <c r="Q2542" s="5" t="s">
        <v>1522</v>
      </c>
      <c r="R2542" s="5" t="s">
        <v>1523</v>
      </c>
      <c r="S2542" s="5" t="s">
        <v>42</v>
      </c>
      <c r="T2542" s="2">
        <v>1.071</v>
      </c>
      <c r="U2542" s="2">
        <v>0.65300000000000002</v>
      </c>
      <c r="V2542" s="2">
        <v>1.0999999999999999E-2</v>
      </c>
      <c r="W2542" s="2">
        <v>82.9</v>
      </c>
      <c r="X2542" s="2">
        <v>7.6</v>
      </c>
      <c r="Y2542" s="2">
        <v>16.7</v>
      </c>
      <c r="Z2542" s="5"/>
      <c r="AA2542" s="5" t="s">
        <v>43</v>
      </c>
      <c r="AB2542" s="5" t="s">
        <v>44</v>
      </c>
      <c r="AC2542" s="2"/>
      <c r="AD2542" s="1"/>
    </row>
    <row r="2543" spans="1:30">
      <c r="A2543" s="5" t="s">
        <v>83578</v>
      </c>
      <c r="B2543" s="2" t="s">
        <v>91231</v>
      </c>
      <c r="C2543" s="14" t="s">
        <v>91232</v>
      </c>
      <c r="D2543" s="2" t="s">
        <v>91233</v>
      </c>
      <c r="E2543" s="2" t="s">
        <v>36281</v>
      </c>
      <c r="F2543" s="8">
        <v>201</v>
      </c>
      <c r="G2543" s="5">
        <v>6</v>
      </c>
      <c r="H2543" s="5" t="s">
        <v>1518</v>
      </c>
      <c r="I2543" s="5" t="s">
        <v>36264</v>
      </c>
      <c r="J2543" s="2" t="s">
        <v>36265</v>
      </c>
      <c r="K2543" s="5" t="s">
        <v>36264</v>
      </c>
      <c r="L2543" s="2" t="s">
        <v>36265</v>
      </c>
      <c r="M2543" s="5" t="s">
        <v>36266</v>
      </c>
      <c r="N2543" s="5" t="s">
        <v>38</v>
      </c>
      <c r="O2543" s="5" t="s">
        <v>39</v>
      </c>
      <c r="P2543" s="5" t="s">
        <v>40</v>
      </c>
      <c r="Q2543" s="5" t="s">
        <v>1522</v>
      </c>
      <c r="R2543" s="5" t="s">
        <v>1523</v>
      </c>
      <c r="S2543" s="5" t="s">
        <v>42</v>
      </c>
      <c r="T2543" s="2">
        <v>2.0049999999999999</v>
      </c>
      <c r="U2543" s="2">
        <v>1.222</v>
      </c>
      <c r="V2543" s="2">
        <v>2.1999999999999999E-2</v>
      </c>
      <c r="W2543" s="2">
        <v>176.8</v>
      </c>
      <c r="X2543" s="2">
        <v>7.6</v>
      </c>
      <c r="Y2543" s="2">
        <v>16.7</v>
      </c>
      <c r="Z2543" s="5"/>
      <c r="AA2543" s="5" t="s">
        <v>43</v>
      </c>
      <c r="AB2543" s="5" t="s">
        <v>44</v>
      </c>
      <c r="AC2543" s="2"/>
      <c r="AD2543" s="1"/>
    </row>
    <row r="2544" spans="1:30">
      <c r="A2544" s="5" t="s">
        <v>83578</v>
      </c>
      <c r="B2544" s="2" t="s">
        <v>91234</v>
      </c>
      <c r="C2544" s="14" t="s">
        <v>91235</v>
      </c>
      <c r="D2544" s="2" t="s">
        <v>91236</v>
      </c>
      <c r="E2544" s="2" t="s">
        <v>36285</v>
      </c>
      <c r="F2544" s="8">
        <v>201</v>
      </c>
      <c r="G2544" s="5">
        <v>6</v>
      </c>
      <c r="H2544" s="5" t="s">
        <v>1518</v>
      </c>
      <c r="I2544" s="5" t="s">
        <v>36264</v>
      </c>
      <c r="J2544" s="2" t="s">
        <v>36265</v>
      </c>
      <c r="K2544" s="5" t="s">
        <v>36264</v>
      </c>
      <c r="L2544" s="2" t="s">
        <v>36265</v>
      </c>
      <c r="M2544" s="5" t="s">
        <v>36266</v>
      </c>
      <c r="N2544" s="5" t="s">
        <v>38</v>
      </c>
      <c r="O2544" s="5" t="s">
        <v>39</v>
      </c>
      <c r="P2544" s="5" t="s">
        <v>40</v>
      </c>
      <c r="Q2544" s="5" t="s">
        <v>1522</v>
      </c>
      <c r="R2544" s="5" t="s">
        <v>1523</v>
      </c>
      <c r="S2544" s="5" t="s">
        <v>42</v>
      </c>
      <c r="T2544" s="2">
        <v>2.0299999999999998</v>
      </c>
      <c r="U2544" s="2">
        <v>1.2470000000000001</v>
      </c>
      <c r="V2544" s="2">
        <v>2.1999999999999999E-2</v>
      </c>
      <c r="W2544" s="2">
        <v>176.8</v>
      </c>
      <c r="X2544" s="2">
        <v>7.6</v>
      </c>
      <c r="Y2544" s="2">
        <v>16.7</v>
      </c>
      <c r="Z2544" s="5"/>
      <c r="AA2544" s="5" t="s">
        <v>43</v>
      </c>
      <c r="AB2544" s="5" t="s">
        <v>44</v>
      </c>
      <c r="AC2544" s="2"/>
      <c r="AD2544" s="1"/>
    </row>
    <row r="2545" spans="1:30">
      <c r="A2545" s="5" t="s">
        <v>83578</v>
      </c>
      <c r="B2545" s="2" t="s">
        <v>91237</v>
      </c>
      <c r="C2545" s="14" t="s">
        <v>91238</v>
      </c>
      <c r="D2545" s="2" t="s">
        <v>91239</v>
      </c>
      <c r="E2545" s="2" t="s">
        <v>36313</v>
      </c>
      <c r="F2545" s="8">
        <v>201</v>
      </c>
      <c r="G2545" s="5">
        <v>6</v>
      </c>
      <c r="H2545" s="5" t="s">
        <v>1518</v>
      </c>
      <c r="I2545" s="5" t="s">
        <v>36264</v>
      </c>
      <c r="J2545" s="2" t="s">
        <v>36265</v>
      </c>
      <c r="K2545" s="5" t="s">
        <v>36264</v>
      </c>
      <c r="L2545" s="2" t="s">
        <v>36265</v>
      </c>
      <c r="M2545" s="5" t="s">
        <v>36266</v>
      </c>
      <c r="N2545" s="5" t="s">
        <v>38</v>
      </c>
      <c r="O2545" s="5" t="s">
        <v>39</v>
      </c>
      <c r="P2545" s="5" t="s">
        <v>40</v>
      </c>
      <c r="Q2545" s="5" t="s">
        <v>1522</v>
      </c>
      <c r="R2545" s="5" t="s">
        <v>1523</v>
      </c>
      <c r="S2545" s="5" t="s">
        <v>42</v>
      </c>
      <c r="T2545" s="2">
        <v>2.0049999999999999</v>
      </c>
      <c r="U2545" s="2">
        <v>1.222</v>
      </c>
      <c r="V2545" s="2">
        <v>2.1999999999999999E-2</v>
      </c>
      <c r="W2545" s="2">
        <v>176.8</v>
      </c>
      <c r="X2545" s="2">
        <v>7.6</v>
      </c>
      <c r="Y2545" s="2">
        <v>16.7</v>
      </c>
      <c r="Z2545" s="5"/>
      <c r="AA2545" s="5" t="s">
        <v>43</v>
      </c>
      <c r="AB2545" s="5" t="s">
        <v>44</v>
      </c>
      <c r="AC2545" s="2"/>
      <c r="AD2545" s="1"/>
    </row>
    <row r="2546" spans="1:30">
      <c r="A2546" s="5" t="s">
        <v>83578</v>
      </c>
      <c r="B2546" s="2" t="s">
        <v>91240</v>
      </c>
      <c r="C2546" s="14" t="s">
        <v>91241</v>
      </c>
      <c r="D2546" s="2" t="s">
        <v>91242</v>
      </c>
      <c r="E2546" s="2" t="s">
        <v>36321</v>
      </c>
      <c r="F2546" s="8">
        <v>201</v>
      </c>
      <c r="G2546" s="5">
        <v>6</v>
      </c>
      <c r="H2546" s="5" t="s">
        <v>1518</v>
      </c>
      <c r="I2546" s="5" t="s">
        <v>36264</v>
      </c>
      <c r="J2546" s="2" t="s">
        <v>36265</v>
      </c>
      <c r="K2546" s="5" t="s">
        <v>36264</v>
      </c>
      <c r="L2546" s="2" t="s">
        <v>36265</v>
      </c>
      <c r="M2546" s="5" t="s">
        <v>36266</v>
      </c>
      <c r="N2546" s="5" t="s">
        <v>38</v>
      </c>
      <c r="O2546" s="5" t="s">
        <v>39</v>
      </c>
      <c r="P2546" s="5" t="s">
        <v>40</v>
      </c>
      <c r="Q2546" s="5" t="s">
        <v>1522</v>
      </c>
      <c r="R2546" s="5" t="s">
        <v>1523</v>
      </c>
      <c r="S2546" s="5" t="s">
        <v>42</v>
      </c>
      <c r="T2546" s="2">
        <v>2.0049999999999999</v>
      </c>
      <c r="U2546" s="2">
        <v>1.222</v>
      </c>
      <c r="V2546" s="2">
        <v>2.1999999999999999E-2</v>
      </c>
      <c r="W2546" s="2">
        <v>176.8</v>
      </c>
      <c r="X2546" s="2">
        <v>7.6</v>
      </c>
      <c r="Y2546" s="2">
        <v>16.7</v>
      </c>
      <c r="Z2546" s="5"/>
      <c r="AA2546" s="5" t="s">
        <v>43</v>
      </c>
      <c r="AB2546" s="5" t="s">
        <v>44</v>
      </c>
      <c r="AC2546" s="2"/>
      <c r="AD2546" s="1"/>
    </row>
    <row r="2547" spans="1:30">
      <c r="A2547" s="5" t="s">
        <v>83578</v>
      </c>
      <c r="B2547" s="2" t="s">
        <v>91243</v>
      </c>
      <c r="C2547" s="14" t="s">
        <v>91244</v>
      </c>
      <c r="D2547" s="2" t="s">
        <v>91245</v>
      </c>
      <c r="E2547" s="2" t="s">
        <v>36337</v>
      </c>
      <c r="F2547" s="8">
        <v>201</v>
      </c>
      <c r="G2547" s="5">
        <v>6</v>
      </c>
      <c r="H2547" s="5" t="s">
        <v>1518</v>
      </c>
      <c r="I2547" s="5" t="s">
        <v>36264</v>
      </c>
      <c r="J2547" s="2" t="s">
        <v>36265</v>
      </c>
      <c r="K2547" s="5" t="s">
        <v>36264</v>
      </c>
      <c r="L2547" s="2" t="s">
        <v>36265</v>
      </c>
      <c r="M2547" s="5" t="s">
        <v>36266</v>
      </c>
      <c r="N2547" s="5" t="s">
        <v>38</v>
      </c>
      <c r="O2547" s="5" t="s">
        <v>39</v>
      </c>
      <c r="P2547" s="5" t="s">
        <v>40</v>
      </c>
      <c r="Q2547" s="5" t="s">
        <v>1522</v>
      </c>
      <c r="R2547" s="5" t="s">
        <v>1523</v>
      </c>
      <c r="S2547" s="5" t="s">
        <v>42</v>
      </c>
      <c r="T2547" s="2">
        <v>2.0049999999999999</v>
      </c>
      <c r="U2547" s="2">
        <v>1.222</v>
      </c>
      <c r="V2547" s="2">
        <v>2.1999999999999999E-2</v>
      </c>
      <c r="W2547" s="2">
        <v>176.8</v>
      </c>
      <c r="X2547" s="2">
        <v>7.6</v>
      </c>
      <c r="Y2547" s="2">
        <v>16.7</v>
      </c>
      <c r="Z2547" s="5"/>
      <c r="AA2547" s="5" t="s">
        <v>43</v>
      </c>
      <c r="AB2547" s="5" t="s">
        <v>44</v>
      </c>
      <c r="AC2547" s="2"/>
      <c r="AD2547" s="1"/>
    </row>
    <row r="2548" spans="1:30">
      <c r="A2548" s="5" t="s">
        <v>83578</v>
      </c>
      <c r="B2548" s="2" t="s">
        <v>91246</v>
      </c>
      <c r="C2548" s="14" t="s">
        <v>91247</v>
      </c>
      <c r="D2548" s="2" t="s">
        <v>91248</v>
      </c>
      <c r="E2548" s="2" t="s">
        <v>36353</v>
      </c>
      <c r="F2548" s="8">
        <v>201</v>
      </c>
      <c r="G2548" s="5">
        <v>6</v>
      </c>
      <c r="H2548" s="5" t="s">
        <v>1518</v>
      </c>
      <c r="I2548" s="5" t="s">
        <v>36264</v>
      </c>
      <c r="J2548" s="2" t="s">
        <v>36265</v>
      </c>
      <c r="K2548" s="5" t="s">
        <v>36264</v>
      </c>
      <c r="L2548" s="2" t="s">
        <v>36265</v>
      </c>
      <c r="M2548" s="5" t="s">
        <v>36266</v>
      </c>
      <c r="N2548" s="5" t="s">
        <v>38</v>
      </c>
      <c r="O2548" s="5" t="s">
        <v>39</v>
      </c>
      <c r="P2548" s="5" t="s">
        <v>40</v>
      </c>
      <c r="Q2548" s="5" t="s">
        <v>1522</v>
      </c>
      <c r="R2548" s="5" t="s">
        <v>1523</v>
      </c>
      <c r="S2548" s="5" t="s">
        <v>42</v>
      </c>
      <c r="T2548" s="2">
        <v>2.0049999999999999</v>
      </c>
      <c r="U2548" s="2">
        <v>1.222</v>
      </c>
      <c r="V2548" s="2">
        <v>2.1999999999999999E-2</v>
      </c>
      <c r="W2548" s="2">
        <v>176.8</v>
      </c>
      <c r="X2548" s="2">
        <v>7.6</v>
      </c>
      <c r="Y2548" s="2">
        <v>16.7</v>
      </c>
      <c r="Z2548" s="5"/>
      <c r="AA2548" s="5" t="s">
        <v>43</v>
      </c>
      <c r="AB2548" s="5" t="s">
        <v>44</v>
      </c>
      <c r="AC2548" s="2"/>
      <c r="AD2548" s="1"/>
    </row>
    <row r="2549" spans="1:30">
      <c r="A2549" s="5" t="s">
        <v>83578</v>
      </c>
      <c r="B2549" s="2" t="s">
        <v>91249</v>
      </c>
      <c r="C2549" s="14" t="s">
        <v>91250</v>
      </c>
      <c r="D2549" s="2" t="s">
        <v>91251</v>
      </c>
      <c r="E2549" s="2" t="s">
        <v>36361</v>
      </c>
      <c r="F2549" s="8">
        <v>201</v>
      </c>
      <c r="G2549" s="5">
        <v>6</v>
      </c>
      <c r="H2549" s="5" t="s">
        <v>1518</v>
      </c>
      <c r="I2549" s="5" t="s">
        <v>36264</v>
      </c>
      <c r="J2549" s="2" t="s">
        <v>36265</v>
      </c>
      <c r="K2549" s="5" t="s">
        <v>36264</v>
      </c>
      <c r="L2549" s="2" t="s">
        <v>36265</v>
      </c>
      <c r="M2549" s="5" t="s">
        <v>36266</v>
      </c>
      <c r="N2549" s="5" t="s">
        <v>38</v>
      </c>
      <c r="O2549" s="5" t="s">
        <v>39</v>
      </c>
      <c r="P2549" s="5" t="s">
        <v>40</v>
      </c>
      <c r="Q2549" s="5" t="s">
        <v>1522</v>
      </c>
      <c r="R2549" s="5" t="s">
        <v>1523</v>
      </c>
      <c r="S2549" s="5" t="s">
        <v>42</v>
      </c>
      <c r="T2549" s="2">
        <v>2.0049999999999999</v>
      </c>
      <c r="U2549" s="2">
        <v>1.222</v>
      </c>
      <c r="V2549" s="2">
        <v>2.1999999999999999E-2</v>
      </c>
      <c r="W2549" s="2">
        <v>176.8</v>
      </c>
      <c r="X2549" s="2">
        <v>7.6</v>
      </c>
      <c r="Y2549" s="2">
        <v>16.7</v>
      </c>
      <c r="Z2549" s="5"/>
      <c r="AA2549" s="5" t="s">
        <v>43</v>
      </c>
      <c r="AB2549" s="5" t="s">
        <v>44</v>
      </c>
      <c r="AC2549" s="2"/>
      <c r="AD2549" s="1"/>
    </row>
    <row r="2550" spans="1:30">
      <c r="A2550" s="5" t="s">
        <v>83578</v>
      </c>
      <c r="B2550" s="2" t="s">
        <v>91252</v>
      </c>
      <c r="C2550" s="14" t="s">
        <v>91253</v>
      </c>
      <c r="D2550" s="2" t="s">
        <v>91254</v>
      </c>
      <c r="E2550" s="2" t="s">
        <v>36285</v>
      </c>
      <c r="F2550" s="8">
        <v>182</v>
      </c>
      <c r="G2550" s="5">
        <v>6</v>
      </c>
      <c r="H2550" s="5" t="s">
        <v>1518</v>
      </c>
      <c r="I2550" s="5" t="s">
        <v>36264</v>
      </c>
      <c r="J2550" s="2" t="s">
        <v>36265</v>
      </c>
      <c r="K2550" s="5" t="s">
        <v>36264</v>
      </c>
      <c r="L2550" s="2" t="s">
        <v>36265</v>
      </c>
      <c r="M2550" s="5" t="s">
        <v>36266</v>
      </c>
      <c r="N2550" s="5" t="s">
        <v>38</v>
      </c>
      <c r="O2550" s="5" t="s">
        <v>39</v>
      </c>
      <c r="P2550" s="5" t="s">
        <v>40</v>
      </c>
      <c r="Q2550" s="5" t="s">
        <v>1522</v>
      </c>
      <c r="R2550" s="5" t="s">
        <v>1523</v>
      </c>
      <c r="S2550" s="5" t="s">
        <v>42</v>
      </c>
      <c r="T2550" s="2">
        <v>1.2509999999999999</v>
      </c>
      <c r="U2550" s="2">
        <v>0.77</v>
      </c>
      <c r="V2550" s="2">
        <v>1.2999999999999999E-2</v>
      </c>
      <c r="W2550" s="2">
        <v>99.1</v>
      </c>
      <c r="X2550" s="2">
        <v>7.6</v>
      </c>
      <c r="Y2550" s="2">
        <v>16.7</v>
      </c>
      <c r="Z2550" s="5"/>
      <c r="AA2550" s="5" t="s">
        <v>43</v>
      </c>
      <c r="AB2550" s="5" t="s">
        <v>44</v>
      </c>
      <c r="AC2550" s="2"/>
      <c r="AD2550" s="1"/>
    </row>
    <row r="2551" spans="1:30">
      <c r="A2551" s="5" t="s">
        <v>83578</v>
      </c>
      <c r="B2551" s="2" t="s">
        <v>91255</v>
      </c>
      <c r="C2551" s="14" t="s">
        <v>91256</v>
      </c>
      <c r="D2551" s="2" t="s">
        <v>91257</v>
      </c>
      <c r="E2551" s="2" t="s">
        <v>36297</v>
      </c>
      <c r="F2551" s="8">
        <v>159</v>
      </c>
      <c r="G2551" s="5">
        <v>6</v>
      </c>
      <c r="H2551" s="5" t="s">
        <v>1518</v>
      </c>
      <c r="I2551" s="5" t="s">
        <v>36264</v>
      </c>
      <c r="J2551" s="2" t="s">
        <v>36265</v>
      </c>
      <c r="K2551" s="5" t="s">
        <v>36264</v>
      </c>
      <c r="L2551" s="2" t="s">
        <v>36265</v>
      </c>
      <c r="M2551" s="5" t="s">
        <v>36266</v>
      </c>
      <c r="N2551" s="5" t="s">
        <v>38</v>
      </c>
      <c r="O2551" s="5" t="s">
        <v>39</v>
      </c>
      <c r="P2551" s="5" t="s">
        <v>40</v>
      </c>
      <c r="Q2551" s="5" t="s">
        <v>1522</v>
      </c>
      <c r="R2551" s="5" t="s">
        <v>1523</v>
      </c>
      <c r="S2551" s="5" t="s">
        <v>42</v>
      </c>
      <c r="T2551" s="2">
        <v>1.22</v>
      </c>
      <c r="U2551" s="2">
        <v>0.73899999999999999</v>
      </c>
      <c r="V2551" s="2">
        <v>1.2999999999999999E-2</v>
      </c>
      <c r="W2551" s="2">
        <v>99.1</v>
      </c>
      <c r="X2551" s="2">
        <v>7.6</v>
      </c>
      <c r="Y2551" s="2">
        <v>16.7</v>
      </c>
      <c r="Z2551" s="5"/>
      <c r="AA2551" s="5" t="s">
        <v>43</v>
      </c>
      <c r="AB2551" s="5" t="s">
        <v>44</v>
      </c>
      <c r="AC2551" s="2"/>
      <c r="AD2551" s="1"/>
    </row>
    <row r="2552" spans="1:30">
      <c r="A2552" s="5" t="s">
        <v>83578</v>
      </c>
      <c r="B2552" s="2" t="s">
        <v>91258</v>
      </c>
      <c r="C2552" s="14" t="s">
        <v>91259</v>
      </c>
      <c r="D2552" s="2" t="s">
        <v>91260</v>
      </c>
      <c r="E2552" s="2" t="s">
        <v>36313</v>
      </c>
      <c r="F2552" s="8">
        <v>182</v>
      </c>
      <c r="G2552" s="5">
        <v>6</v>
      </c>
      <c r="H2552" s="5" t="s">
        <v>1518</v>
      </c>
      <c r="I2552" s="5" t="s">
        <v>36264</v>
      </c>
      <c r="J2552" s="2" t="s">
        <v>36265</v>
      </c>
      <c r="K2552" s="5" t="s">
        <v>36264</v>
      </c>
      <c r="L2552" s="2" t="s">
        <v>36265</v>
      </c>
      <c r="M2552" s="5" t="s">
        <v>36266</v>
      </c>
      <c r="N2552" s="5" t="s">
        <v>38</v>
      </c>
      <c r="O2552" s="5" t="s">
        <v>39</v>
      </c>
      <c r="P2552" s="5" t="s">
        <v>40</v>
      </c>
      <c r="Q2552" s="5" t="s">
        <v>1522</v>
      </c>
      <c r="R2552" s="5" t="s">
        <v>1523</v>
      </c>
      <c r="S2552" s="5" t="s">
        <v>42</v>
      </c>
      <c r="T2552" s="2">
        <v>1.22</v>
      </c>
      <c r="U2552" s="2">
        <v>0.73899999999999999</v>
      </c>
      <c r="V2552" s="2">
        <v>1.2999999999999999E-2</v>
      </c>
      <c r="W2552" s="2">
        <v>99.1</v>
      </c>
      <c r="X2552" s="2">
        <v>7.6</v>
      </c>
      <c r="Y2552" s="2">
        <v>16.7</v>
      </c>
      <c r="Z2552" s="5"/>
      <c r="AA2552" s="5" t="s">
        <v>43</v>
      </c>
      <c r="AB2552" s="5" t="s">
        <v>44</v>
      </c>
      <c r="AC2552" s="2"/>
      <c r="AD2552" s="1"/>
    </row>
    <row r="2553" spans="1:30">
      <c r="A2553" s="5" t="s">
        <v>83578</v>
      </c>
      <c r="B2553" s="2" t="s">
        <v>91261</v>
      </c>
      <c r="C2553" s="14" t="s">
        <v>91262</v>
      </c>
      <c r="D2553" s="2" t="s">
        <v>91263</v>
      </c>
      <c r="E2553" s="2" t="s">
        <v>36321</v>
      </c>
      <c r="F2553" s="8">
        <v>182</v>
      </c>
      <c r="G2553" s="5">
        <v>6</v>
      </c>
      <c r="H2553" s="5" t="s">
        <v>1518</v>
      </c>
      <c r="I2553" s="5" t="s">
        <v>36264</v>
      </c>
      <c r="J2553" s="2" t="s">
        <v>36265</v>
      </c>
      <c r="K2553" s="5" t="s">
        <v>36264</v>
      </c>
      <c r="L2553" s="2" t="s">
        <v>36265</v>
      </c>
      <c r="M2553" s="5" t="s">
        <v>36266</v>
      </c>
      <c r="N2553" s="5" t="s">
        <v>38</v>
      </c>
      <c r="O2553" s="5" t="s">
        <v>39</v>
      </c>
      <c r="P2553" s="5" t="s">
        <v>40</v>
      </c>
      <c r="Q2553" s="5" t="s">
        <v>1522</v>
      </c>
      <c r="R2553" s="5" t="s">
        <v>1523</v>
      </c>
      <c r="S2553" s="5" t="s">
        <v>42</v>
      </c>
      <c r="T2553" s="2">
        <v>1.22</v>
      </c>
      <c r="U2553" s="2">
        <v>0.73899999999999999</v>
      </c>
      <c r="V2553" s="2">
        <v>1.2999999999999999E-2</v>
      </c>
      <c r="W2553" s="2">
        <v>99.1</v>
      </c>
      <c r="X2553" s="2">
        <v>7.6</v>
      </c>
      <c r="Y2553" s="2">
        <v>16.7</v>
      </c>
      <c r="Z2553" s="5"/>
      <c r="AA2553" s="5" t="s">
        <v>43</v>
      </c>
      <c r="AB2553" s="5" t="s">
        <v>44</v>
      </c>
      <c r="AC2553" s="2"/>
      <c r="AD2553" s="1"/>
    </row>
    <row r="2554" spans="1:30">
      <c r="A2554" s="5" t="s">
        <v>83578</v>
      </c>
      <c r="B2554" s="2" t="s">
        <v>91264</v>
      </c>
      <c r="C2554" s="14" t="s">
        <v>91265</v>
      </c>
      <c r="D2554" s="2" t="s">
        <v>91266</v>
      </c>
      <c r="E2554" s="2" t="s">
        <v>36325</v>
      </c>
      <c r="F2554" s="8">
        <v>182</v>
      </c>
      <c r="G2554" s="5">
        <v>6</v>
      </c>
      <c r="H2554" s="5" t="s">
        <v>1518</v>
      </c>
      <c r="I2554" s="5" t="s">
        <v>36264</v>
      </c>
      <c r="J2554" s="2" t="s">
        <v>36265</v>
      </c>
      <c r="K2554" s="5" t="s">
        <v>36264</v>
      </c>
      <c r="L2554" s="2" t="s">
        <v>36265</v>
      </c>
      <c r="M2554" s="5" t="s">
        <v>36266</v>
      </c>
      <c r="N2554" s="5" t="s">
        <v>38</v>
      </c>
      <c r="O2554" s="5" t="s">
        <v>39</v>
      </c>
      <c r="P2554" s="5" t="s">
        <v>40</v>
      </c>
      <c r="Q2554" s="5" t="s">
        <v>1522</v>
      </c>
      <c r="R2554" s="5" t="s">
        <v>1523</v>
      </c>
      <c r="S2554" s="5" t="s">
        <v>42</v>
      </c>
      <c r="T2554" s="2">
        <v>1.2509999999999999</v>
      </c>
      <c r="U2554" s="2">
        <v>0.77</v>
      </c>
      <c r="V2554" s="2">
        <v>1.2999999999999999E-2</v>
      </c>
      <c r="W2554" s="2">
        <v>99.1</v>
      </c>
      <c r="X2554" s="2">
        <v>7.6</v>
      </c>
      <c r="Y2554" s="2">
        <v>16.7</v>
      </c>
      <c r="Z2554" s="5"/>
      <c r="AA2554" s="5" t="s">
        <v>43</v>
      </c>
      <c r="AB2554" s="5" t="s">
        <v>44</v>
      </c>
      <c r="AC2554" s="2"/>
      <c r="AD2554" s="1"/>
    </row>
    <row r="2555" spans="1:30">
      <c r="A2555" s="5" t="s">
        <v>83578</v>
      </c>
      <c r="B2555" s="2" t="s">
        <v>91267</v>
      </c>
      <c r="C2555" s="14" t="s">
        <v>91268</v>
      </c>
      <c r="D2555" s="2" t="s">
        <v>91269</v>
      </c>
      <c r="E2555" s="2" t="s">
        <v>36329</v>
      </c>
      <c r="F2555" s="8">
        <v>182</v>
      </c>
      <c r="G2555" s="5">
        <v>6</v>
      </c>
      <c r="H2555" s="5" t="s">
        <v>1518</v>
      </c>
      <c r="I2555" s="5" t="s">
        <v>36264</v>
      </c>
      <c r="J2555" s="2" t="s">
        <v>36265</v>
      </c>
      <c r="K2555" s="5" t="s">
        <v>36264</v>
      </c>
      <c r="L2555" s="2" t="s">
        <v>36265</v>
      </c>
      <c r="M2555" s="5" t="s">
        <v>36266</v>
      </c>
      <c r="N2555" s="5" t="s">
        <v>38</v>
      </c>
      <c r="O2555" s="5" t="s">
        <v>39</v>
      </c>
      <c r="P2555" s="5" t="s">
        <v>40</v>
      </c>
      <c r="Q2555" s="5" t="s">
        <v>1522</v>
      </c>
      <c r="R2555" s="5" t="s">
        <v>1523</v>
      </c>
      <c r="S2555" s="5" t="s">
        <v>42</v>
      </c>
      <c r="T2555" s="2">
        <v>1.22</v>
      </c>
      <c r="U2555" s="2">
        <v>0.73899999999999999</v>
      </c>
      <c r="V2555" s="2">
        <v>1.2999999999999999E-2</v>
      </c>
      <c r="W2555" s="2">
        <v>99.1</v>
      </c>
      <c r="X2555" s="2">
        <v>7.6</v>
      </c>
      <c r="Y2555" s="2">
        <v>16.7</v>
      </c>
      <c r="Z2555" s="5"/>
      <c r="AA2555" s="5" t="s">
        <v>43</v>
      </c>
      <c r="AB2555" s="5" t="s">
        <v>44</v>
      </c>
      <c r="AC2555" s="2"/>
      <c r="AD2555" s="1"/>
    </row>
    <row r="2556" spans="1:30">
      <c r="A2556" s="5" t="s">
        <v>83578</v>
      </c>
      <c r="B2556" s="2" t="s">
        <v>91270</v>
      </c>
      <c r="C2556" s="14" t="s">
        <v>91271</v>
      </c>
      <c r="D2556" s="2" t="s">
        <v>91272</v>
      </c>
      <c r="E2556" s="2" t="s">
        <v>36337</v>
      </c>
      <c r="F2556" s="8">
        <v>182</v>
      </c>
      <c r="G2556" s="5">
        <v>6</v>
      </c>
      <c r="H2556" s="5" t="s">
        <v>1518</v>
      </c>
      <c r="I2556" s="5" t="s">
        <v>36264</v>
      </c>
      <c r="J2556" s="2" t="s">
        <v>36265</v>
      </c>
      <c r="K2556" s="5" t="s">
        <v>36264</v>
      </c>
      <c r="L2556" s="2" t="s">
        <v>36265</v>
      </c>
      <c r="M2556" s="5" t="s">
        <v>36266</v>
      </c>
      <c r="N2556" s="5" t="s">
        <v>38</v>
      </c>
      <c r="O2556" s="5" t="s">
        <v>39</v>
      </c>
      <c r="P2556" s="5" t="s">
        <v>40</v>
      </c>
      <c r="Q2556" s="5" t="s">
        <v>1522</v>
      </c>
      <c r="R2556" s="5" t="s">
        <v>1523</v>
      </c>
      <c r="S2556" s="5" t="s">
        <v>42</v>
      </c>
      <c r="T2556" s="2">
        <v>1.22</v>
      </c>
      <c r="U2556" s="2">
        <v>0.73899999999999999</v>
      </c>
      <c r="V2556" s="2">
        <v>1.2999999999999999E-2</v>
      </c>
      <c r="W2556" s="2">
        <v>99.1</v>
      </c>
      <c r="X2556" s="2">
        <v>7.6</v>
      </c>
      <c r="Y2556" s="2">
        <v>16.7</v>
      </c>
      <c r="Z2556" s="5"/>
      <c r="AA2556" s="5" t="s">
        <v>43</v>
      </c>
      <c r="AB2556" s="5" t="s">
        <v>44</v>
      </c>
      <c r="AC2556" s="2"/>
      <c r="AD2556" s="1"/>
    </row>
    <row r="2557" spans="1:30">
      <c r="A2557" s="5" t="s">
        <v>83578</v>
      </c>
      <c r="B2557" s="2" t="s">
        <v>91273</v>
      </c>
      <c r="C2557" s="14" t="s">
        <v>91274</v>
      </c>
      <c r="D2557" s="2" t="s">
        <v>91275</v>
      </c>
      <c r="E2557" s="2" t="s">
        <v>36341</v>
      </c>
      <c r="F2557" s="8">
        <v>182</v>
      </c>
      <c r="G2557" s="5">
        <v>6</v>
      </c>
      <c r="H2557" s="5" t="s">
        <v>1518</v>
      </c>
      <c r="I2557" s="5" t="s">
        <v>36264</v>
      </c>
      <c r="J2557" s="2" t="s">
        <v>36265</v>
      </c>
      <c r="K2557" s="5" t="s">
        <v>36264</v>
      </c>
      <c r="L2557" s="2" t="s">
        <v>36265</v>
      </c>
      <c r="M2557" s="5" t="s">
        <v>36266</v>
      </c>
      <c r="N2557" s="5" t="s">
        <v>38</v>
      </c>
      <c r="O2557" s="5" t="s">
        <v>39</v>
      </c>
      <c r="P2557" s="5" t="s">
        <v>40</v>
      </c>
      <c r="Q2557" s="5" t="s">
        <v>1522</v>
      </c>
      <c r="R2557" s="5" t="s">
        <v>1523</v>
      </c>
      <c r="S2557" s="5" t="s">
        <v>42</v>
      </c>
      <c r="T2557" s="2">
        <v>1.2509999999999999</v>
      </c>
      <c r="U2557" s="2">
        <v>0.77</v>
      </c>
      <c r="V2557" s="2">
        <v>1.2999999999999999E-2</v>
      </c>
      <c r="W2557" s="2">
        <v>99.1</v>
      </c>
      <c r="X2557" s="2">
        <v>7.6</v>
      </c>
      <c r="Y2557" s="2">
        <v>16.7</v>
      </c>
      <c r="Z2557" s="5"/>
      <c r="AA2557" s="5" t="s">
        <v>43</v>
      </c>
      <c r="AB2557" s="5" t="s">
        <v>44</v>
      </c>
      <c r="AC2557" s="2"/>
      <c r="AD2557" s="1"/>
    </row>
    <row r="2558" spans="1:30">
      <c r="A2558" s="5" t="s">
        <v>83578</v>
      </c>
      <c r="B2558" s="2" t="s">
        <v>91276</v>
      </c>
      <c r="C2558" s="14" t="s">
        <v>91277</v>
      </c>
      <c r="D2558" s="2" t="s">
        <v>91278</v>
      </c>
      <c r="E2558" s="2" t="s">
        <v>36345</v>
      </c>
      <c r="F2558" s="8">
        <v>182</v>
      </c>
      <c r="G2558" s="5">
        <v>6</v>
      </c>
      <c r="H2558" s="5" t="s">
        <v>1518</v>
      </c>
      <c r="I2558" s="5" t="s">
        <v>36264</v>
      </c>
      <c r="J2558" s="2" t="s">
        <v>36265</v>
      </c>
      <c r="K2558" s="5" t="s">
        <v>36264</v>
      </c>
      <c r="L2558" s="2" t="s">
        <v>36265</v>
      </c>
      <c r="M2558" s="5" t="s">
        <v>36266</v>
      </c>
      <c r="N2558" s="5" t="s">
        <v>38</v>
      </c>
      <c r="O2558" s="5" t="s">
        <v>39</v>
      </c>
      <c r="P2558" s="5" t="s">
        <v>40</v>
      </c>
      <c r="Q2558" s="5" t="s">
        <v>1522</v>
      </c>
      <c r="R2558" s="5" t="s">
        <v>1523</v>
      </c>
      <c r="S2558" s="5" t="s">
        <v>42</v>
      </c>
      <c r="T2558" s="2">
        <v>1.22</v>
      </c>
      <c r="U2558" s="2">
        <v>0.73899999999999999</v>
      </c>
      <c r="V2558" s="2">
        <v>1.2999999999999999E-2</v>
      </c>
      <c r="W2558" s="2">
        <v>99.1</v>
      </c>
      <c r="X2558" s="2">
        <v>7.6</v>
      </c>
      <c r="Y2558" s="2">
        <v>16.7</v>
      </c>
      <c r="Z2558" s="5"/>
      <c r="AA2558" s="5" t="s">
        <v>43</v>
      </c>
      <c r="AB2558" s="5" t="s">
        <v>44</v>
      </c>
      <c r="AC2558" s="2"/>
      <c r="AD2558" s="1"/>
    </row>
    <row r="2559" spans="1:30">
      <c r="A2559" s="5" t="s">
        <v>83578</v>
      </c>
      <c r="B2559" s="2" t="s">
        <v>91279</v>
      </c>
      <c r="C2559" s="14" t="s">
        <v>91280</v>
      </c>
      <c r="D2559" s="2" t="s">
        <v>91281</v>
      </c>
      <c r="E2559" s="2" t="s">
        <v>36353</v>
      </c>
      <c r="F2559" s="8">
        <v>182</v>
      </c>
      <c r="G2559" s="5">
        <v>6</v>
      </c>
      <c r="H2559" s="5" t="s">
        <v>1518</v>
      </c>
      <c r="I2559" s="5" t="s">
        <v>36264</v>
      </c>
      <c r="J2559" s="2" t="s">
        <v>36265</v>
      </c>
      <c r="K2559" s="5" t="s">
        <v>36264</v>
      </c>
      <c r="L2559" s="2" t="s">
        <v>36265</v>
      </c>
      <c r="M2559" s="5" t="s">
        <v>36266</v>
      </c>
      <c r="N2559" s="5" t="s">
        <v>38</v>
      </c>
      <c r="O2559" s="5" t="s">
        <v>39</v>
      </c>
      <c r="P2559" s="5" t="s">
        <v>40</v>
      </c>
      <c r="Q2559" s="5" t="s">
        <v>1522</v>
      </c>
      <c r="R2559" s="5" t="s">
        <v>1523</v>
      </c>
      <c r="S2559" s="5" t="s">
        <v>42</v>
      </c>
      <c r="T2559" s="2">
        <v>1.22</v>
      </c>
      <c r="U2559" s="2">
        <v>0.73899999999999999</v>
      </c>
      <c r="V2559" s="2">
        <v>1.2999999999999999E-2</v>
      </c>
      <c r="W2559" s="2">
        <v>99.1</v>
      </c>
      <c r="X2559" s="2">
        <v>7.6</v>
      </c>
      <c r="Y2559" s="2">
        <v>16.7</v>
      </c>
      <c r="Z2559" s="5"/>
      <c r="AA2559" s="5" t="s">
        <v>43</v>
      </c>
      <c r="AB2559" s="5" t="s">
        <v>44</v>
      </c>
      <c r="AC2559" s="2"/>
      <c r="AD2559" s="1"/>
    </row>
    <row r="2560" spans="1:30">
      <c r="A2560" s="5" t="s">
        <v>83578</v>
      </c>
      <c r="B2560" s="2" t="s">
        <v>91282</v>
      </c>
      <c r="C2560" s="14" t="s">
        <v>91283</v>
      </c>
      <c r="D2560" s="2" t="s">
        <v>91284</v>
      </c>
      <c r="E2560" s="2" t="s">
        <v>36357</v>
      </c>
      <c r="F2560" s="8">
        <v>182</v>
      </c>
      <c r="G2560" s="5">
        <v>6</v>
      </c>
      <c r="H2560" s="5" t="s">
        <v>1518</v>
      </c>
      <c r="I2560" s="5" t="s">
        <v>36264</v>
      </c>
      <c r="J2560" s="2" t="s">
        <v>36265</v>
      </c>
      <c r="K2560" s="5" t="s">
        <v>36264</v>
      </c>
      <c r="L2560" s="2" t="s">
        <v>36265</v>
      </c>
      <c r="M2560" s="5" t="s">
        <v>36266</v>
      </c>
      <c r="N2560" s="5" t="s">
        <v>38</v>
      </c>
      <c r="O2560" s="5" t="s">
        <v>39</v>
      </c>
      <c r="P2560" s="5" t="s">
        <v>40</v>
      </c>
      <c r="Q2560" s="5" t="s">
        <v>1522</v>
      </c>
      <c r="R2560" s="5" t="s">
        <v>1523</v>
      </c>
      <c r="S2560" s="5" t="s">
        <v>42</v>
      </c>
      <c r="T2560" s="2">
        <v>1.2509999999999999</v>
      </c>
      <c r="U2560" s="2">
        <v>0.77</v>
      </c>
      <c r="V2560" s="2">
        <v>1.2999999999999999E-2</v>
      </c>
      <c r="W2560" s="2">
        <v>99.1</v>
      </c>
      <c r="X2560" s="2">
        <v>7.6</v>
      </c>
      <c r="Y2560" s="2">
        <v>16.7</v>
      </c>
      <c r="Z2560" s="5"/>
      <c r="AA2560" s="5" t="s">
        <v>43</v>
      </c>
      <c r="AB2560" s="5" t="s">
        <v>44</v>
      </c>
      <c r="AC2560" s="2"/>
      <c r="AD2560" s="1"/>
    </row>
    <row r="2561" spans="1:30">
      <c r="A2561" s="5" t="s">
        <v>83578</v>
      </c>
      <c r="B2561" s="2" t="s">
        <v>91285</v>
      </c>
      <c r="C2561" s="14" t="s">
        <v>91286</v>
      </c>
      <c r="D2561" s="2" t="s">
        <v>91287</v>
      </c>
      <c r="E2561" s="2" t="s">
        <v>36365</v>
      </c>
      <c r="F2561" s="8">
        <v>182</v>
      </c>
      <c r="G2561" s="5">
        <v>6</v>
      </c>
      <c r="H2561" s="5" t="s">
        <v>1518</v>
      </c>
      <c r="I2561" s="5" t="s">
        <v>36264</v>
      </c>
      <c r="J2561" s="2" t="s">
        <v>36265</v>
      </c>
      <c r="K2561" s="5" t="s">
        <v>36264</v>
      </c>
      <c r="L2561" s="2" t="s">
        <v>36265</v>
      </c>
      <c r="M2561" s="5" t="s">
        <v>36266</v>
      </c>
      <c r="N2561" s="5" t="s">
        <v>38</v>
      </c>
      <c r="O2561" s="5" t="s">
        <v>39</v>
      </c>
      <c r="P2561" s="5" t="s">
        <v>40</v>
      </c>
      <c r="Q2561" s="5" t="s">
        <v>1522</v>
      </c>
      <c r="R2561" s="5" t="s">
        <v>1523</v>
      </c>
      <c r="S2561" s="5" t="s">
        <v>42</v>
      </c>
      <c r="T2561" s="2">
        <v>1.2509999999999999</v>
      </c>
      <c r="U2561" s="2">
        <v>0.77</v>
      </c>
      <c r="V2561" s="2">
        <v>1.2999999999999999E-2</v>
      </c>
      <c r="W2561" s="2">
        <v>99.1</v>
      </c>
      <c r="X2561" s="2">
        <v>7.6</v>
      </c>
      <c r="Y2561" s="2">
        <v>16.7</v>
      </c>
      <c r="Z2561" s="5"/>
      <c r="AA2561" s="5" t="s">
        <v>43</v>
      </c>
      <c r="AB2561" s="5" t="s">
        <v>44</v>
      </c>
      <c r="AC2561" s="2"/>
      <c r="AD2561" s="1"/>
    </row>
    <row r="2562" spans="1:30">
      <c r="A2562" s="5" t="s">
        <v>83578</v>
      </c>
      <c r="B2562" s="2" t="s">
        <v>91288</v>
      </c>
      <c r="C2562" s="14" t="s">
        <v>91289</v>
      </c>
      <c r="D2562" s="2" t="s">
        <v>91290</v>
      </c>
      <c r="E2562" s="2" t="s">
        <v>36369</v>
      </c>
      <c r="F2562" s="8">
        <v>182</v>
      </c>
      <c r="G2562" s="5">
        <v>6</v>
      </c>
      <c r="H2562" s="5" t="s">
        <v>1518</v>
      </c>
      <c r="I2562" s="5" t="s">
        <v>36264</v>
      </c>
      <c r="J2562" s="2" t="s">
        <v>36265</v>
      </c>
      <c r="K2562" s="5" t="s">
        <v>36264</v>
      </c>
      <c r="L2562" s="2" t="s">
        <v>36265</v>
      </c>
      <c r="M2562" s="5" t="s">
        <v>36266</v>
      </c>
      <c r="N2562" s="5" t="s">
        <v>38</v>
      </c>
      <c r="O2562" s="5" t="s">
        <v>39</v>
      </c>
      <c r="P2562" s="5" t="s">
        <v>40</v>
      </c>
      <c r="Q2562" s="5" t="s">
        <v>1522</v>
      </c>
      <c r="R2562" s="5" t="s">
        <v>1523</v>
      </c>
      <c r="S2562" s="5" t="s">
        <v>42</v>
      </c>
      <c r="T2562" s="2">
        <v>1.22</v>
      </c>
      <c r="U2562" s="2">
        <v>0.73899999999999999</v>
      </c>
      <c r="V2562" s="2">
        <v>1.2999999999999999E-2</v>
      </c>
      <c r="W2562" s="2">
        <v>99.1</v>
      </c>
      <c r="X2562" s="2">
        <v>7.6</v>
      </c>
      <c r="Y2562" s="2">
        <v>16.7</v>
      </c>
      <c r="Z2562" s="5"/>
      <c r="AA2562" s="5" t="s">
        <v>43</v>
      </c>
      <c r="AB2562" s="5" t="s">
        <v>44</v>
      </c>
      <c r="AC2562" s="2"/>
      <c r="AD2562" s="1"/>
    </row>
    <row r="2563" spans="1:30">
      <c r="A2563" s="5" t="s">
        <v>83578</v>
      </c>
      <c r="B2563" s="2" t="s">
        <v>91291</v>
      </c>
      <c r="C2563" s="14" t="s">
        <v>91292</v>
      </c>
      <c r="D2563" s="2" t="s">
        <v>91293</v>
      </c>
      <c r="E2563" s="2" t="s">
        <v>36389</v>
      </c>
      <c r="F2563" s="8">
        <v>182</v>
      </c>
      <c r="G2563" s="5">
        <v>6</v>
      </c>
      <c r="H2563" s="5" t="s">
        <v>1518</v>
      </c>
      <c r="I2563" s="5" t="s">
        <v>36264</v>
      </c>
      <c r="J2563" s="2" t="s">
        <v>36265</v>
      </c>
      <c r="K2563" s="5" t="s">
        <v>36264</v>
      </c>
      <c r="L2563" s="2" t="s">
        <v>36265</v>
      </c>
      <c r="M2563" s="5" t="s">
        <v>36266</v>
      </c>
      <c r="N2563" s="5" t="s">
        <v>38</v>
      </c>
      <c r="O2563" s="5" t="s">
        <v>39</v>
      </c>
      <c r="P2563" s="5" t="s">
        <v>40</v>
      </c>
      <c r="Q2563" s="5" t="s">
        <v>1522</v>
      </c>
      <c r="R2563" s="5" t="s">
        <v>1523</v>
      </c>
      <c r="S2563" s="5" t="s">
        <v>42</v>
      </c>
      <c r="T2563" s="2">
        <v>1.2509999999999999</v>
      </c>
      <c r="U2563" s="2">
        <v>0.77</v>
      </c>
      <c r="V2563" s="2">
        <v>1.2999999999999999E-2</v>
      </c>
      <c r="W2563" s="2">
        <v>99.1</v>
      </c>
      <c r="X2563" s="2">
        <v>7.6</v>
      </c>
      <c r="Y2563" s="2">
        <v>16.7</v>
      </c>
      <c r="Z2563" s="5"/>
      <c r="AA2563" s="5" t="s">
        <v>43</v>
      </c>
      <c r="AB2563" s="5" t="s">
        <v>44</v>
      </c>
      <c r="AC2563" s="2"/>
      <c r="AD2563" s="1"/>
    </row>
    <row r="2564" spans="1:30">
      <c r="A2564" s="5" t="s">
        <v>83578</v>
      </c>
      <c r="B2564" s="2" t="s">
        <v>91294</v>
      </c>
      <c r="C2564" s="14" t="s">
        <v>91295</v>
      </c>
      <c r="D2564" s="2" t="s">
        <v>91296</v>
      </c>
      <c r="E2564" s="2" t="s">
        <v>36281</v>
      </c>
      <c r="F2564" s="8">
        <v>206</v>
      </c>
      <c r="G2564" s="5">
        <v>6</v>
      </c>
      <c r="H2564" s="5" t="s">
        <v>1518</v>
      </c>
      <c r="I2564" s="5" t="s">
        <v>36264</v>
      </c>
      <c r="J2564" s="2" t="s">
        <v>36265</v>
      </c>
      <c r="K2564" s="5" t="s">
        <v>36264</v>
      </c>
      <c r="L2564" s="2" t="s">
        <v>36265</v>
      </c>
      <c r="M2564" s="5" t="s">
        <v>36266</v>
      </c>
      <c r="N2564" s="5" t="s">
        <v>38</v>
      </c>
      <c r="O2564" s="5" t="s">
        <v>39</v>
      </c>
      <c r="P2564" s="5" t="s">
        <v>40</v>
      </c>
      <c r="Q2564" s="5" t="s">
        <v>1522</v>
      </c>
      <c r="R2564" s="5" t="s">
        <v>1523</v>
      </c>
      <c r="S2564" s="5" t="s">
        <v>42</v>
      </c>
      <c r="T2564" s="2">
        <v>1.329</v>
      </c>
      <c r="U2564" s="2">
        <v>0.871</v>
      </c>
      <c r="V2564" s="2">
        <v>1.4999999999999999E-2</v>
      </c>
      <c r="W2564" s="2">
        <v>118.9</v>
      </c>
      <c r="X2564" s="2">
        <v>7.6</v>
      </c>
      <c r="Y2564" s="2">
        <v>16.7</v>
      </c>
      <c r="Z2564" s="5"/>
      <c r="AA2564" s="5" t="s">
        <v>43</v>
      </c>
      <c r="AB2564" s="5" t="s">
        <v>44</v>
      </c>
      <c r="AC2564" s="2"/>
      <c r="AD2564" s="1"/>
    </row>
    <row r="2565" spans="1:30">
      <c r="A2565" s="5" t="s">
        <v>83578</v>
      </c>
      <c r="B2565" s="2" t="s">
        <v>91297</v>
      </c>
      <c r="C2565" s="14" t="s">
        <v>91298</v>
      </c>
      <c r="D2565" s="2" t="s">
        <v>91299</v>
      </c>
      <c r="E2565" s="2" t="s">
        <v>36285</v>
      </c>
      <c r="F2565" s="8">
        <v>206</v>
      </c>
      <c r="G2565" s="5">
        <v>6</v>
      </c>
      <c r="H2565" s="5" t="s">
        <v>1518</v>
      </c>
      <c r="I2565" s="5" t="s">
        <v>36264</v>
      </c>
      <c r="J2565" s="2" t="s">
        <v>36265</v>
      </c>
      <c r="K2565" s="5" t="s">
        <v>36264</v>
      </c>
      <c r="L2565" s="2" t="s">
        <v>36265</v>
      </c>
      <c r="M2565" s="5" t="s">
        <v>36266</v>
      </c>
      <c r="N2565" s="5" t="s">
        <v>38</v>
      </c>
      <c r="O2565" s="5" t="s">
        <v>39</v>
      </c>
      <c r="P2565" s="5" t="s">
        <v>40</v>
      </c>
      <c r="Q2565" s="5" t="s">
        <v>1522</v>
      </c>
      <c r="R2565" s="5" t="s">
        <v>1523</v>
      </c>
      <c r="S2565" s="5" t="s">
        <v>42</v>
      </c>
      <c r="T2565" s="2">
        <v>1.37</v>
      </c>
      <c r="U2565" s="2">
        <v>0.91200000000000003</v>
      </c>
      <c r="V2565" s="2">
        <v>1.4999999999999999E-2</v>
      </c>
      <c r="W2565" s="2">
        <v>118.9</v>
      </c>
      <c r="X2565" s="2">
        <v>7.6</v>
      </c>
      <c r="Y2565" s="2">
        <v>16.7</v>
      </c>
      <c r="Z2565" s="5"/>
      <c r="AA2565" s="5" t="s">
        <v>43</v>
      </c>
      <c r="AB2565" s="5" t="s">
        <v>44</v>
      </c>
      <c r="AC2565" s="2"/>
      <c r="AD2565" s="1"/>
    </row>
    <row r="2566" spans="1:30">
      <c r="A2566" s="5" t="s">
        <v>83578</v>
      </c>
      <c r="B2566" s="2" t="s">
        <v>91300</v>
      </c>
      <c r="C2566" s="14" t="s">
        <v>91301</v>
      </c>
      <c r="D2566" s="2" t="s">
        <v>91302</v>
      </c>
      <c r="E2566" s="2" t="s">
        <v>36297</v>
      </c>
      <c r="F2566" s="8">
        <v>179</v>
      </c>
      <c r="G2566" s="5">
        <v>6</v>
      </c>
      <c r="H2566" s="5" t="s">
        <v>1518</v>
      </c>
      <c r="I2566" s="5" t="s">
        <v>36264</v>
      </c>
      <c r="J2566" s="2" t="s">
        <v>36265</v>
      </c>
      <c r="K2566" s="5" t="s">
        <v>36264</v>
      </c>
      <c r="L2566" s="2" t="s">
        <v>36265</v>
      </c>
      <c r="M2566" s="5" t="s">
        <v>36266</v>
      </c>
      <c r="N2566" s="5" t="s">
        <v>38</v>
      </c>
      <c r="O2566" s="5" t="s">
        <v>39</v>
      </c>
      <c r="P2566" s="5" t="s">
        <v>40</v>
      </c>
      <c r="Q2566" s="5" t="s">
        <v>1522</v>
      </c>
      <c r="R2566" s="5" t="s">
        <v>1523</v>
      </c>
      <c r="S2566" s="5" t="s">
        <v>42</v>
      </c>
      <c r="T2566" s="2">
        <v>1.329</v>
      </c>
      <c r="U2566" s="2">
        <v>0.871</v>
      </c>
      <c r="V2566" s="2">
        <v>1.4999999999999999E-2</v>
      </c>
      <c r="W2566" s="2">
        <v>118.9</v>
      </c>
      <c r="X2566" s="2">
        <v>7.6</v>
      </c>
      <c r="Y2566" s="2">
        <v>16.7</v>
      </c>
      <c r="Z2566" s="5"/>
      <c r="AA2566" s="5" t="s">
        <v>43</v>
      </c>
      <c r="AB2566" s="5" t="s">
        <v>44</v>
      </c>
      <c r="AC2566" s="2"/>
      <c r="AD2566" s="1"/>
    </row>
    <row r="2567" spans="1:30">
      <c r="A2567" s="5" t="s">
        <v>83578</v>
      </c>
      <c r="B2567" s="2" t="s">
        <v>91303</v>
      </c>
      <c r="C2567" s="14" t="s">
        <v>91304</v>
      </c>
      <c r="D2567" s="2" t="s">
        <v>91305</v>
      </c>
      <c r="E2567" s="2" t="s">
        <v>36305</v>
      </c>
      <c r="F2567" s="8">
        <v>179</v>
      </c>
      <c r="G2567" s="5">
        <v>6</v>
      </c>
      <c r="H2567" s="5" t="s">
        <v>1518</v>
      </c>
      <c r="I2567" s="5" t="s">
        <v>36264</v>
      </c>
      <c r="J2567" s="2" t="s">
        <v>36265</v>
      </c>
      <c r="K2567" s="5" t="s">
        <v>36264</v>
      </c>
      <c r="L2567" s="2" t="s">
        <v>36265</v>
      </c>
      <c r="M2567" s="5" t="s">
        <v>36266</v>
      </c>
      <c r="N2567" s="5" t="s">
        <v>38</v>
      </c>
      <c r="O2567" s="5" t="s">
        <v>39</v>
      </c>
      <c r="P2567" s="5" t="s">
        <v>40</v>
      </c>
      <c r="Q2567" s="5" t="s">
        <v>1522</v>
      </c>
      <c r="R2567" s="5" t="s">
        <v>1523</v>
      </c>
      <c r="S2567" s="5" t="s">
        <v>42</v>
      </c>
      <c r="T2567" s="2">
        <v>1.329</v>
      </c>
      <c r="U2567" s="2">
        <v>0.871</v>
      </c>
      <c r="V2567" s="2">
        <v>1.4999999999999999E-2</v>
      </c>
      <c r="W2567" s="2">
        <v>118.9</v>
      </c>
      <c r="X2567" s="2">
        <v>7.6</v>
      </c>
      <c r="Y2567" s="2">
        <v>16.7</v>
      </c>
      <c r="Z2567" s="5"/>
      <c r="AA2567" s="5" t="s">
        <v>43</v>
      </c>
      <c r="AB2567" s="5" t="s">
        <v>44</v>
      </c>
      <c r="AC2567" s="2"/>
      <c r="AD2567" s="1"/>
    </row>
    <row r="2568" spans="1:30">
      <c r="A2568" s="5" t="s">
        <v>83578</v>
      </c>
      <c r="B2568" s="2" t="s">
        <v>91306</v>
      </c>
      <c r="C2568" s="14" t="s">
        <v>91307</v>
      </c>
      <c r="D2568" s="2" t="s">
        <v>91308</v>
      </c>
      <c r="E2568" s="2" t="s">
        <v>36309</v>
      </c>
      <c r="F2568" s="8">
        <v>179</v>
      </c>
      <c r="G2568" s="5">
        <v>6</v>
      </c>
      <c r="H2568" s="5" t="s">
        <v>1518</v>
      </c>
      <c r="I2568" s="5" t="s">
        <v>36264</v>
      </c>
      <c r="J2568" s="2" t="s">
        <v>36265</v>
      </c>
      <c r="K2568" s="5" t="s">
        <v>36264</v>
      </c>
      <c r="L2568" s="2" t="s">
        <v>36265</v>
      </c>
      <c r="M2568" s="5" t="s">
        <v>36266</v>
      </c>
      <c r="N2568" s="5" t="s">
        <v>38</v>
      </c>
      <c r="O2568" s="5" t="s">
        <v>39</v>
      </c>
      <c r="P2568" s="5" t="s">
        <v>40</v>
      </c>
      <c r="Q2568" s="5" t="s">
        <v>1522</v>
      </c>
      <c r="R2568" s="5" t="s">
        <v>1523</v>
      </c>
      <c r="S2568" s="5" t="s">
        <v>42</v>
      </c>
      <c r="T2568" s="2">
        <v>1.37</v>
      </c>
      <c r="U2568" s="2">
        <v>0.91200000000000003</v>
      </c>
      <c r="V2568" s="2">
        <v>1.4999999999999999E-2</v>
      </c>
      <c r="W2568" s="2">
        <v>118.9</v>
      </c>
      <c r="X2568" s="2">
        <v>7.6</v>
      </c>
      <c r="Y2568" s="2">
        <v>16.7</v>
      </c>
      <c r="Z2568" s="5"/>
      <c r="AA2568" s="5" t="s">
        <v>43</v>
      </c>
      <c r="AB2568" s="5" t="s">
        <v>44</v>
      </c>
      <c r="AC2568" s="2"/>
      <c r="AD2568" s="1"/>
    </row>
    <row r="2569" spans="1:30">
      <c r="A2569" s="5" t="s">
        <v>83578</v>
      </c>
      <c r="B2569" s="2" t="s">
        <v>91309</v>
      </c>
      <c r="C2569" s="14" t="s">
        <v>91310</v>
      </c>
      <c r="D2569" s="2" t="s">
        <v>91311</v>
      </c>
      <c r="E2569" s="2" t="s">
        <v>36313</v>
      </c>
      <c r="F2569" s="8">
        <v>206</v>
      </c>
      <c r="G2569" s="5">
        <v>6</v>
      </c>
      <c r="H2569" s="5" t="s">
        <v>1518</v>
      </c>
      <c r="I2569" s="5" t="s">
        <v>36264</v>
      </c>
      <c r="J2569" s="2" t="s">
        <v>36265</v>
      </c>
      <c r="K2569" s="5" t="s">
        <v>36264</v>
      </c>
      <c r="L2569" s="2" t="s">
        <v>36265</v>
      </c>
      <c r="M2569" s="5" t="s">
        <v>36266</v>
      </c>
      <c r="N2569" s="5" t="s">
        <v>38</v>
      </c>
      <c r="O2569" s="5" t="s">
        <v>39</v>
      </c>
      <c r="P2569" s="5" t="s">
        <v>40</v>
      </c>
      <c r="Q2569" s="5" t="s">
        <v>1522</v>
      </c>
      <c r="R2569" s="5" t="s">
        <v>1523</v>
      </c>
      <c r="S2569" s="5" t="s">
        <v>42</v>
      </c>
      <c r="T2569" s="2">
        <v>1.329</v>
      </c>
      <c r="U2569" s="2">
        <v>0.871</v>
      </c>
      <c r="V2569" s="2">
        <v>1.4999999999999999E-2</v>
      </c>
      <c r="W2569" s="2">
        <v>118.9</v>
      </c>
      <c r="X2569" s="2">
        <v>7.6</v>
      </c>
      <c r="Y2569" s="2">
        <v>16.7</v>
      </c>
      <c r="Z2569" s="5"/>
      <c r="AA2569" s="5" t="s">
        <v>43</v>
      </c>
      <c r="AB2569" s="5" t="s">
        <v>44</v>
      </c>
      <c r="AC2569" s="2"/>
      <c r="AD2569" s="1"/>
    </row>
    <row r="2570" spans="1:30">
      <c r="A2570" s="5" t="s">
        <v>83578</v>
      </c>
      <c r="B2570" s="2" t="s">
        <v>91312</v>
      </c>
      <c r="C2570" s="14" t="s">
        <v>91313</v>
      </c>
      <c r="D2570" s="2" t="s">
        <v>91314</v>
      </c>
      <c r="E2570" s="2" t="s">
        <v>36317</v>
      </c>
      <c r="F2570" s="8">
        <v>206</v>
      </c>
      <c r="G2570" s="5">
        <v>6</v>
      </c>
      <c r="H2570" s="5" t="s">
        <v>1518</v>
      </c>
      <c r="I2570" s="5" t="s">
        <v>36264</v>
      </c>
      <c r="J2570" s="2" t="s">
        <v>36265</v>
      </c>
      <c r="K2570" s="5" t="s">
        <v>36264</v>
      </c>
      <c r="L2570" s="2" t="s">
        <v>36265</v>
      </c>
      <c r="M2570" s="5" t="s">
        <v>36266</v>
      </c>
      <c r="N2570" s="5" t="s">
        <v>38</v>
      </c>
      <c r="O2570" s="5" t="s">
        <v>39</v>
      </c>
      <c r="P2570" s="5" t="s">
        <v>40</v>
      </c>
      <c r="Q2570" s="5" t="s">
        <v>1522</v>
      </c>
      <c r="R2570" s="5" t="s">
        <v>1523</v>
      </c>
      <c r="S2570" s="5" t="s">
        <v>42</v>
      </c>
      <c r="T2570" s="2">
        <v>1.37</v>
      </c>
      <c r="U2570" s="2">
        <v>0.91200000000000003</v>
      </c>
      <c r="V2570" s="2">
        <v>1.4999999999999999E-2</v>
      </c>
      <c r="W2570" s="2">
        <v>118.9</v>
      </c>
      <c r="X2570" s="2">
        <v>7.6</v>
      </c>
      <c r="Y2570" s="2">
        <v>16.7</v>
      </c>
      <c r="Z2570" s="5"/>
      <c r="AA2570" s="5" t="s">
        <v>43</v>
      </c>
      <c r="AB2570" s="5" t="s">
        <v>44</v>
      </c>
      <c r="AC2570" s="2"/>
      <c r="AD2570" s="1"/>
    </row>
    <row r="2571" spans="1:30">
      <c r="A2571" s="5" t="s">
        <v>83578</v>
      </c>
      <c r="B2571" s="2" t="s">
        <v>91315</v>
      </c>
      <c r="C2571" s="14" t="s">
        <v>91316</v>
      </c>
      <c r="D2571" s="2" t="s">
        <v>91317</v>
      </c>
      <c r="E2571" s="2" t="s">
        <v>36321</v>
      </c>
      <c r="F2571" s="8">
        <v>206</v>
      </c>
      <c r="G2571" s="5">
        <v>6</v>
      </c>
      <c r="H2571" s="5" t="s">
        <v>1518</v>
      </c>
      <c r="I2571" s="5" t="s">
        <v>36264</v>
      </c>
      <c r="J2571" s="2" t="s">
        <v>36265</v>
      </c>
      <c r="K2571" s="5" t="s">
        <v>36264</v>
      </c>
      <c r="L2571" s="2" t="s">
        <v>36265</v>
      </c>
      <c r="M2571" s="5" t="s">
        <v>36266</v>
      </c>
      <c r="N2571" s="5" t="s">
        <v>38</v>
      </c>
      <c r="O2571" s="5" t="s">
        <v>39</v>
      </c>
      <c r="P2571" s="5" t="s">
        <v>40</v>
      </c>
      <c r="Q2571" s="5" t="s">
        <v>1522</v>
      </c>
      <c r="R2571" s="5" t="s">
        <v>1523</v>
      </c>
      <c r="S2571" s="5" t="s">
        <v>42</v>
      </c>
      <c r="T2571" s="2">
        <v>1.329</v>
      </c>
      <c r="U2571" s="2">
        <v>0.871</v>
      </c>
      <c r="V2571" s="2">
        <v>1.4999999999999999E-2</v>
      </c>
      <c r="W2571" s="2">
        <v>118.9</v>
      </c>
      <c r="X2571" s="2">
        <v>7.6</v>
      </c>
      <c r="Y2571" s="2">
        <v>16.7</v>
      </c>
      <c r="Z2571" s="5"/>
      <c r="AA2571" s="5" t="s">
        <v>43</v>
      </c>
      <c r="AB2571" s="5" t="s">
        <v>44</v>
      </c>
      <c r="AC2571" s="2"/>
      <c r="AD2571" s="1"/>
    </row>
    <row r="2572" spans="1:30">
      <c r="A2572" s="5" t="s">
        <v>83578</v>
      </c>
      <c r="B2572" s="2" t="s">
        <v>91318</v>
      </c>
      <c r="C2572" s="14" t="s">
        <v>91319</v>
      </c>
      <c r="D2572" s="2" t="s">
        <v>91320</v>
      </c>
      <c r="E2572" s="2" t="s">
        <v>36325</v>
      </c>
      <c r="F2572" s="8">
        <v>206</v>
      </c>
      <c r="G2572" s="5">
        <v>6</v>
      </c>
      <c r="H2572" s="5" t="s">
        <v>1518</v>
      </c>
      <c r="I2572" s="5" t="s">
        <v>36264</v>
      </c>
      <c r="J2572" s="2" t="s">
        <v>36265</v>
      </c>
      <c r="K2572" s="5" t="s">
        <v>36264</v>
      </c>
      <c r="L2572" s="2" t="s">
        <v>36265</v>
      </c>
      <c r="M2572" s="5" t="s">
        <v>36266</v>
      </c>
      <c r="N2572" s="5" t="s">
        <v>38</v>
      </c>
      <c r="O2572" s="5" t="s">
        <v>39</v>
      </c>
      <c r="P2572" s="5" t="s">
        <v>40</v>
      </c>
      <c r="Q2572" s="5" t="s">
        <v>1522</v>
      </c>
      <c r="R2572" s="5" t="s">
        <v>1523</v>
      </c>
      <c r="S2572" s="5" t="s">
        <v>42</v>
      </c>
      <c r="T2572" s="2">
        <v>1.37</v>
      </c>
      <c r="U2572" s="2">
        <v>0.91200000000000003</v>
      </c>
      <c r="V2572" s="2">
        <v>1.4999999999999999E-2</v>
      </c>
      <c r="W2572" s="2">
        <v>118.9</v>
      </c>
      <c r="X2572" s="2">
        <v>7.6</v>
      </c>
      <c r="Y2572" s="2">
        <v>16.7</v>
      </c>
      <c r="Z2572" s="5"/>
      <c r="AA2572" s="5" t="s">
        <v>43</v>
      </c>
      <c r="AB2572" s="5" t="s">
        <v>44</v>
      </c>
      <c r="AC2572" s="2"/>
      <c r="AD2572" s="1"/>
    </row>
    <row r="2573" spans="1:30">
      <c r="A2573" s="5" t="s">
        <v>83578</v>
      </c>
      <c r="B2573" s="2" t="s">
        <v>91321</v>
      </c>
      <c r="C2573" s="14" t="s">
        <v>91322</v>
      </c>
      <c r="D2573" s="2" t="s">
        <v>91323</v>
      </c>
      <c r="E2573" s="2" t="s">
        <v>36333</v>
      </c>
      <c r="F2573" s="8">
        <v>206</v>
      </c>
      <c r="G2573" s="5">
        <v>6</v>
      </c>
      <c r="H2573" s="5" t="s">
        <v>1518</v>
      </c>
      <c r="I2573" s="5" t="s">
        <v>36264</v>
      </c>
      <c r="J2573" s="2" t="s">
        <v>36265</v>
      </c>
      <c r="K2573" s="5" t="s">
        <v>36264</v>
      </c>
      <c r="L2573" s="2" t="s">
        <v>36265</v>
      </c>
      <c r="M2573" s="5" t="s">
        <v>36266</v>
      </c>
      <c r="N2573" s="5" t="s">
        <v>38</v>
      </c>
      <c r="O2573" s="5" t="s">
        <v>39</v>
      </c>
      <c r="P2573" s="5" t="s">
        <v>40</v>
      </c>
      <c r="Q2573" s="5" t="s">
        <v>1522</v>
      </c>
      <c r="R2573" s="5" t="s">
        <v>1523</v>
      </c>
      <c r="S2573" s="5" t="s">
        <v>42</v>
      </c>
      <c r="T2573" s="2">
        <v>1.37</v>
      </c>
      <c r="U2573" s="2">
        <v>0.91200000000000003</v>
      </c>
      <c r="V2573" s="2">
        <v>1.4999999999999999E-2</v>
      </c>
      <c r="W2573" s="2">
        <v>118.9</v>
      </c>
      <c r="X2573" s="2">
        <v>7.6</v>
      </c>
      <c r="Y2573" s="2">
        <v>16.7</v>
      </c>
      <c r="Z2573" s="5"/>
      <c r="AA2573" s="5" t="s">
        <v>43</v>
      </c>
      <c r="AB2573" s="5" t="s">
        <v>44</v>
      </c>
      <c r="AC2573" s="2"/>
      <c r="AD2573" s="1"/>
    </row>
    <row r="2574" spans="1:30">
      <c r="A2574" s="5" t="s">
        <v>83578</v>
      </c>
      <c r="B2574" s="2" t="s">
        <v>91324</v>
      </c>
      <c r="C2574" s="14" t="s">
        <v>91325</v>
      </c>
      <c r="D2574" s="2" t="s">
        <v>91326</v>
      </c>
      <c r="E2574" s="2" t="s">
        <v>36341</v>
      </c>
      <c r="F2574" s="8">
        <v>206</v>
      </c>
      <c r="G2574" s="5">
        <v>6</v>
      </c>
      <c r="H2574" s="5" t="s">
        <v>1518</v>
      </c>
      <c r="I2574" s="5" t="s">
        <v>36264</v>
      </c>
      <c r="J2574" s="2" t="s">
        <v>36265</v>
      </c>
      <c r="K2574" s="5" t="s">
        <v>36264</v>
      </c>
      <c r="L2574" s="2" t="s">
        <v>36265</v>
      </c>
      <c r="M2574" s="5" t="s">
        <v>36266</v>
      </c>
      <c r="N2574" s="5" t="s">
        <v>38</v>
      </c>
      <c r="O2574" s="5" t="s">
        <v>39</v>
      </c>
      <c r="P2574" s="5" t="s">
        <v>40</v>
      </c>
      <c r="Q2574" s="5" t="s">
        <v>1522</v>
      </c>
      <c r="R2574" s="5" t="s">
        <v>1523</v>
      </c>
      <c r="S2574" s="5" t="s">
        <v>42</v>
      </c>
      <c r="T2574" s="2">
        <v>1.37</v>
      </c>
      <c r="U2574" s="2">
        <v>0.91200000000000003</v>
      </c>
      <c r="V2574" s="2">
        <v>1.4999999999999999E-2</v>
      </c>
      <c r="W2574" s="2">
        <v>118.9</v>
      </c>
      <c r="X2574" s="2">
        <v>7.6</v>
      </c>
      <c r="Y2574" s="2">
        <v>16.7</v>
      </c>
      <c r="Z2574" s="5"/>
      <c r="AA2574" s="5" t="s">
        <v>43</v>
      </c>
      <c r="AB2574" s="5" t="s">
        <v>44</v>
      </c>
      <c r="AC2574" s="2"/>
      <c r="AD2574" s="1"/>
    </row>
    <row r="2575" spans="1:30">
      <c r="A2575" s="5" t="s">
        <v>83578</v>
      </c>
      <c r="B2575" s="2" t="s">
        <v>91327</v>
      </c>
      <c r="C2575" s="14" t="s">
        <v>91328</v>
      </c>
      <c r="D2575" s="2" t="s">
        <v>91329</v>
      </c>
      <c r="E2575" s="2" t="s">
        <v>36345</v>
      </c>
      <c r="F2575" s="8">
        <v>206</v>
      </c>
      <c r="G2575" s="5">
        <v>6</v>
      </c>
      <c r="H2575" s="5" t="s">
        <v>1518</v>
      </c>
      <c r="I2575" s="5" t="s">
        <v>36264</v>
      </c>
      <c r="J2575" s="2" t="s">
        <v>36265</v>
      </c>
      <c r="K2575" s="5" t="s">
        <v>36264</v>
      </c>
      <c r="L2575" s="2" t="s">
        <v>36265</v>
      </c>
      <c r="M2575" s="5" t="s">
        <v>36266</v>
      </c>
      <c r="N2575" s="5" t="s">
        <v>38</v>
      </c>
      <c r="O2575" s="5" t="s">
        <v>39</v>
      </c>
      <c r="P2575" s="5" t="s">
        <v>40</v>
      </c>
      <c r="Q2575" s="5" t="s">
        <v>1522</v>
      </c>
      <c r="R2575" s="5" t="s">
        <v>1523</v>
      </c>
      <c r="S2575" s="5" t="s">
        <v>42</v>
      </c>
      <c r="T2575" s="2">
        <v>1.329</v>
      </c>
      <c r="U2575" s="2">
        <v>0.871</v>
      </c>
      <c r="V2575" s="2">
        <v>1.4999999999999999E-2</v>
      </c>
      <c r="W2575" s="2">
        <v>118.9</v>
      </c>
      <c r="X2575" s="2">
        <v>7.6</v>
      </c>
      <c r="Y2575" s="2">
        <v>16.7</v>
      </c>
      <c r="Z2575" s="5"/>
      <c r="AA2575" s="5" t="s">
        <v>43</v>
      </c>
      <c r="AB2575" s="5" t="s">
        <v>44</v>
      </c>
      <c r="AC2575" s="2"/>
      <c r="AD2575" s="1"/>
    </row>
    <row r="2576" spans="1:30">
      <c r="A2576" s="5" t="s">
        <v>83578</v>
      </c>
      <c r="B2576" s="2" t="s">
        <v>91330</v>
      </c>
      <c r="C2576" s="14" t="s">
        <v>91331</v>
      </c>
      <c r="D2576" s="2" t="s">
        <v>91332</v>
      </c>
      <c r="E2576" s="2" t="s">
        <v>36353</v>
      </c>
      <c r="F2576" s="8">
        <v>206</v>
      </c>
      <c r="G2576" s="5">
        <v>6</v>
      </c>
      <c r="H2576" s="5" t="s">
        <v>1518</v>
      </c>
      <c r="I2576" s="5" t="s">
        <v>36264</v>
      </c>
      <c r="J2576" s="2" t="s">
        <v>36265</v>
      </c>
      <c r="K2576" s="5" t="s">
        <v>36264</v>
      </c>
      <c r="L2576" s="2" t="s">
        <v>36265</v>
      </c>
      <c r="M2576" s="5" t="s">
        <v>36266</v>
      </c>
      <c r="N2576" s="5" t="s">
        <v>38</v>
      </c>
      <c r="O2576" s="5" t="s">
        <v>39</v>
      </c>
      <c r="P2576" s="5" t="s">
        <v>40</v>
      </c>
      <c r="Q2576" s="5" t="s">
        <v>1522</v>
      </c>
      <c r="R2576" s="5" t="s">
        <v>1523</v>
      </c>
      <c r="S2576" s="5" t="s">
        <v>42</v>
      </c>
      <c r="T2576" s="2">
        <v>1.329</v>
      </c>
      <c r="U2576" s="2">
        <v>0.871</v>
      </c>
      <c r="V2576" s="2">
        <v>1.4999999999999999E-2</v>
      </c>
      <c r="W2576" s="2">
        <v>118.9</v>
      </c>
      <c r="X2576" s="2">
        <v>7.6</v>
      </c>
      <c r="Y2576" s="2">
        <v>16.7</v>
      </c>
      <c r="Z2576" s="5"/>
      <c r="AA2576" s="5" t="s">
        <v>43</v>
      </c>
      <c r="AB2576" s="5" t="s">
        <v>44</v>
      </c>
      <c r="AC2576" s="2"/>
      <c r="AD2576" s="1"/>
    </row>
    <row r="2577" spans="1:30">
      <c r="A2577" s="5" t="s">
        <v>83578</v>
      </c>
      <c r="B2577" s="2" t="s">
        <v>91333</v>
      </c>
      <c r="C2577" s="14" t="s">
        <v>91334</v>
      </c>
      <c r="D2577" s="2" t="s">
        <v>91335</v>
      </c>
      <c r="E2577" s="2" t="s">
        <v>36357</v>
      </c>
      <c r="F2577" s="8">
        <v>206</v>
      </c>
      <c r="G2577" s="5">
        <v>6</v>
      </c>
      <c r="H2577" s="5" t="s">
        <v>1518</v>
      </c>
      <c r="I2577" s="5" t="s">
        <v>36264</v>
      </c>
      <c r="J2577" s="2" t="s">
        <v>36265</v>
      </c>
      <c r="K2577" s="5" t="s">
        <v>36264</v>
      </c>
      <c r="L2577" s="2" t="s">
        <v>36265</v>
      </c>
      <c r="M2577" s="5" t="s">
        <v>36266</v>
      </c>
      <c r="N2577" s="5" t="s">
        <v>38</v>
      </c>
      <c r="O2577" s="5" t="s">
        <v>39</v>
      </c>
      <c r="P2577" s="5" t="s">
        <v>40</v>
      </c>
      <c r="Q2577" s="5" t="s">
        <v>1522</v>
      </c>
      <c r="R2577" s="5" t="s">
        <v>1523</v>
      </c>
      <c r="S2577" s="5" t="s">
        <v>42</v>
      </c>
      <c r="T2577" s="2">
        <v>1.37</v>
      </c>
      <c r="U2577" s="2">
        <v>0.91200000000000003</v>
      </c>
      <c r="V2577" s="2">
        <v>1.4999999999999999E-2</v>
      </c>
      <c r="W2577" s="2">
        <v>118.9</v>
      </c>
      <c r="X2577" s="2">
        <v>7.6</v>
      </c>
      <c r="Y2577" s="2">
        <v>16.7</v>
      </c>
      <c r="Z2577" s="5"/>
      <c r="AA2577" s="5" t="s">
        <v>43</v>
      </c>
      <c r="AB2577" s="5" t="s">
        <v>44</v>
      </c>
      <c r="AC2577" s="2"/>
      <c r="AD2577" s="1"/>
    </row>
    <row r="2578" spans="1:30">
      <c r="A2578" s="5" t="s">
        <v>83578</v>
      </c>
      <c r="B2578" s="2" t="s">
        <v>91336</v>
      </c>
      <c r="C2578" s="14" t="s">
        <v>91337</v>
      </c>
      <c r="D2578" s="2" t="s">
        <v>91338</v>
      </c>
      <c r="E2578" s="2" t="s">
        <v>36389</v>
      </c>
      <c r="F2578" s="8">
        <v>206</v>
      </c>
      <c r="G2578" s="5">
        <v>6</v>
      </c>
      <c r="H2578" s="5" t="s">
        <v>1518</v>
      </c>
      <c r="I2578" s="5" t="s">
        <v>36264</v>
      </c>
      <c r="J2578" s="2" t="s">
        <v>36265</v>
      </c>
      <c r="K2578" s="5" t="s">
        <v>36264</v>
      </c>
      <c r="L2578" s="2" t="s">
        <v>36265</v>
      </c>
      <c r="M2578" s="5" t="s">
        <v>36266</v>
      </c>
      <c r="N2578" s="5" t="s">
        <v>38</v>
      </c>
      <c r="O2578" s="5" t="s">
        <v>39</v>
      </c>
      <c r="P2578" s="5" t="s">
        <v>40</v>
      </c>
      <c r="Q2578" s="5" t="s">
        <v>1522</v>
      </c>
      <c r="R2578" s="5" t="s">
        <v>1523</v>
      </c>
      <c r="S2578" s="5" t="s">
        <v>42</v>
      </c>
      <c r="T2578" s="2">
        <v>1.37</v>
      </c>
      <c r="U2578" s="2">
        <v>0.91200000000000003</v>
      </c>
      <c r="V2578" s="2">
        <v>1.4999999999999999E-2</v>
      </c>
      <c r="W2578" s="2">
        <v>118.9</v>
      </c>
      <c r="X2578" s="2">
        <v>7.6</v>
      </c>
      <c r="Y2578" s="2">
        <v>16.7</v>
      </c>
      <c r="Z2578" s="5"/>
      <c r="AA2578" s="5" t="s">
        <v>43</v>
      </c>
      <c r="AB2578" s="5" t="s">
        <v>44</v>
      </c>
      <c r="AC2578" s="2"/>
      <c r="AD2578" s="1"/>
    </row>
    <row r="2579" spans="1:30">
      <c r="A2579" s="5" t="s">
        <v>83578</v>
      </c>
      <c r="B2579" s="2" t="s">
        <v>91339</v>
      </c>
      <c r="C2579" s="14" t="s">
        <v>91340</v>
      </c>
      <c r="D2579" s="2" t="s">
        <v>91341</v>
      </c>
      <c r="E2579" s="2" t="s">
        <v>36285</v>
      </c>
      <c r="F2579" s="8">
        <v>262</v>
      </c>
      <c r="G2579" s="5">
        <v>6</v>
      </c>
      <c r="H2579" s="5" t="s">
        <v>1518</v>
      </c>
      <c r="I2579" s="5" t="s">
        <v>36264</v>
      </c>
      <c r="J2579" s="2" t="s">
        <v>36265</v>
      </c>
      <c r="K2579" s="5" t="s">
        <v>36264</v>
      </c>
      <c r="L2579" s="2" t="s">
        <v>36265</v>
      </c>
      <c r="M2579" s="5" t="s">
        <v>36266</v>
      </c>
      <c r="N2579" s="5" t="s">
        <v>38</v>
      </c>
      <c r="O2579" s="5" t="s">
        <v>39</v>
      </c>
      <c r="P2579" s="5" t="s">
        <v>40</v>
      </c>
      <c r="Q2579" s="5" t="s">
        <v>1522</v>
      </c>
      <c r="R2579" s="5" t="s">
        <v>1523</v>
      </c>
      <c r="S2579" s="5" t="s">
        <v>42</v>
      </c>
      <c r="T2579" s="2">
        <v>2.25</v>
      </c>
      <c r="U2579" s="2">
        <v>1.655</v>
      </c>
      <c r="V2579" s="2">
        <v>0.02</v>
      </c>
      <c r="W2579" s="2">
        <v>159.1</v>
      </c>
      <c r="X2579" s="2">
        <v>7.6</v>
      </c>
      <c r="Y2579" s="2">
        <v>16.7</v>
      </c>
      <c r="Z2579" s="5"/>
      <c r="AA2579" s="5" t="s">
        <v>43</v>
      </c>
      <c r="AB2579" s="5" t="s">
        <v>44</v>
      </c>
      <c r="AC2579" s="2"/>
      <c r="AD2579" s="1"/>
    </row>
    <row r="2580" spans="1:30">
      <c r="A2580" s="5" t="s">
        <v>83578</v>
      </c>
      <c r="B2580" s="2" t="s">
        <v>91342</v>
      </c>
      <c r="C2580" s="14" t="s">
        <v>91343</v>
      </c>
      <c r="D2580" s="2" t="s">
        <v>91344</v>
      </c>
      <c r="E2580" s="2" t="s">
        <v>36317</v>
      </c>
      <c r="F2580" s="8">
        <v>262</v>
      </c>
      <c r="G2580" s="5">
        <v>6</v>
      </c>
      <c r="H2580" s="5" t="s">
        <v>1518</v>
      </c>
      <c r="I2580" s="5" t="s">
        <v>36264</v>
      </c>
      <c r="J2580" s="2" t="s">
        <v>36265</v>
      </c>
      <c r="K2580" s="5" t="s">
        <v>36264</v>
      </c>
      <c r="L2580" s="2" t="s">
        <v>36265</v>
      </c>
      <c r="M2580" s="5" t="s">
        <v>36266</v>
      </c>
      <c r="N2580" s="5" t="s">
        <v>38</v>
      </c>
      <c r="O2580" s="5" t="s">
        <v>39</v>
      </c>
      <c r="P2580" s="5" t="s">
        <v>40</v>
      </c>
      <c r="Q2580" s="5" t="s">
        <v>1522</v>
      </c>
      <c r="R2580" s="5" t="s">
        <v>1523</v>
      </c>
      <c r="S2580" s="5" t="s">
        <v>42</v>
      </c>
      <c r="T2580" s="2">
        <v>2.25</v>
      </c>
      <c r="U2580" s="2">
        <v>1.655</v>
      </c>
      <c r="V2580" s="2">
        <v>0.02</v>
      </c>
      <c r="W2580" s="2">
        <v>159.1</v>
      </c>
      <c r="X2580" s="2">
        <v>7.6</v>
      </c>
      <c r="Y2580" s="2">
        <v>16.7</v>
      </c>
      <c r="Z2580" s="5"/>
      <c r="AA2580" s="5" t="s">
        <v>43</v>
      </c>
      <c r="AB2580" s="5" t="s">
        <v>44</v>
      </c>
      <c r="AC2580" s="2"/>
      <c r="AD2580" s="1"/>
    </row>
    <row r="2581" spans="1:30">
      <c r="A2581" s="5" t="s">
        <v>83578</v>
      </c>
      <c r="B2581" s="2" t="s">
        <v>91345</v>
      </c>
      <c r="C2581" s="14" t="s">
        <v>91346</v>
      </c>
      <c r="D2581" s="2" t="s">
        <v>91347</v>
      </c>
      <c r="E2581" s="2" t="s">
        <v>36325</v>
      </c>
      <c r="F2581" s="8">
        <v>262</v>
      </c>
      <c r="G2581" s="5">
        <v>6</v>
      </c>
      <c r="H2581" s="5" t="s">
        <v>1518</v>
      </c>
      <c r="I2581" s="5" t="s">
        <v>36264</v>
      </c>
      <c r="J2581" s="2" t="s">
        <v>36265</v>
      </c>
      <c r="K2581" s="5" t="s">
        <v>36264</v>
      </c>
      <c r="L2581" s="2" t="s">
        <v>36265</v>
      </c>
      <c r="M2581" s="5" t="s">
        <v>36266</v>
      </c>
      <c r="N2581" s="5" t="s">
        <v>38</v>
      </c>
      <c r="O2581" s="5" t="s">
        <v>39</v>
      </c>
      <c r="P2581" s="5" t="s">
        <v>40</v>
      </c>
      <c r="Q2581" s="5" t="s">
        <v>1522</v>
      </c>
      <c r="R2581" s="5" t="s">
        <v>1523</v>
      </c>
      <c r="S2581" s="5" t="s">
        <v>42</v>
      </c>
      <c r="T2581" s="2">
        <v>2.25</v>
      </c>
      <c r="U2581" s="2">
        <v>1.655</v>
      </c>
      <c r="V2581" s="2">
        <v>0.02</v>
      </c>
      <c r="W2581" s="2">
        <v>159.1</v>
      </c>
      <c r="X2581" s="2">
        <v>7.6</v>
      </c>
      <c r="Y2581" s="2">
        <v>16.7</v>
      </c>
      <c r="Z2581" s="5"/>
      <c r="AA2581" s="5" t="s">
        <v>43</v>
      </c>
      <c r="AB2581" s="5" t="s">
        <v>44</v>
      </c>
      <c r="AC2581" s="2"/>
      <c r="AD2581" s="1"/>
    </row>
    <row r="2582" spans="1:30">
      <c r="A2582" s="5" t="s">
        <v>83578</v>
      </c>
      <c r="B2582" s="2" t="s">
        <v>91348</v>
      </c>
      <c r="C2582" s="14" t="s">
        <v>91349</v>
      </c>
      <c r="D2582" s="2" t="s">
        <v>91350</v>
      </c>
      <c r="E2582" s="2" t="s">
        <v>36341</v>
      </c>
      <c r="F2582" s="8">
        <v>262</v>
      </c>
      <c r="G2582" s="5">
        <v>6</v>
      </c>
      <c r="H2582" s="5" t="s">
        <v>1518</v>
      </c>
      <c r="I2582" s="5" t="s">
        <v>36264</v>
      </c>
      <c r="J2582" s="2" t="s">
        <v>36265</v>
      </c>
      <c r="K2582" s="5" t="s">
        <v>36264</v>
      </c>
      <c r="L2582" s="2" t="s">
        <v>36265</v>
      </c>
      <c r="M2582" s="5" t="s">
        <v>36266</v>
      </c>
      <c r="N2582" s="5" t="s">
        <v>38</v>
      </c>
      <c r="O2582" s="5" t="s">
        <v>39</v>
      </c>
      <c r="P2582" s="5" t="s">
        <v>40</v>
      </c>
      <c r="Q2582" s="5" t="s">
        <v>1522</v>
      </c>
      <c r="R2582" s="5" t="s">
        <v>1523</v>
      </c>
      <c r="S2582" s="5" t="s">
        <v>42</v>
      </c>
      <c r="T2582" s="2">
        <v>2.25</v>
      </c>
      <c r="U2582" s="2">
        <v>1.655</v>
      </c>
      <c r="V2582" s="2">
        <v>0.02</v>
      </c>
      <c r="W2582" s="2">
        <v>159.1</v>
      </c>
      <c r="X2582" s="2">
        <v>7.6</v>
      </c>
      <c r="Y2582" s="2">
        <v>16.7</v>
      </c>
      <c r="Z2582" s="5"/>
      <c r="AA2582" s="5" t="s">
        <v>43</v>
      </c>
      <c r="AB2582" s="5" t="s">
        <v>44</v>
      </c>
      <c r="AC2582" s="2"/>
      <c r="AD2582" s="1"/>
    </row>
    <row r="2583" spans="1:30">
      <c r="A2583" s="5" t="s">
        <v>83578</v>
      </c>
      <c r="B2583" s="2" t="s">
        <v>91351</v>
      </c>
      <c r="C2583" s="14" t="s">
        <v>91352</v>
      </c>
      <c r="D2583" s="2" t="s">
        <v>91353</v>
      </c>
      <c r="E2583" s="2" t="s">
        <v>36349</v>
      </c>
      <c r="F2583" s="8">
        <v>262</v>
      </c>
      <c r="G2583" s="5">
        <v>6</v>
      </c>
      <c r="H2583" s="5" t="s">
        <v>1518</v>
      </c>
      <c r="I2583" s="5" t="s">
        <v>36264</v>
      </c>
      <c r="J2583" s="2" t="s">
        <v>36265</v>
      </c>
      <c r="K2583" s="5" t="s">
        <v>36264</v>
      </c>
      <c r="L2583" s="2" t="s">
        <v>36265</v>
      </c>
      <c r="M2583" s="5" t="s">
        <v>36266</v>
      </c>
      <c r="N2583" s="5" t="s">
        <v>38</v>
      </c>
      <c r="O2583" s="5" t="s">
        <v>39</v>
      </c>
      <c r="P2583" s="5" t="s">
        <v>40</v>
      </c>
      <c r="Q2583" s="5" t="s">
        <v>1522</v>
      </c>
      <c r="R2583" s="5" t="s">
        <v>1523</v>
      </c>
      <c r="S2583" s="5" t="s">
        <v>42</v>
      </c>
      <c r="T2583" s="2">
        <v>2.25</v>
      </c>
      <c r="U2583" s="2">
        <v>1.655</v>
      </c>
      <c r="V2583" s="2">
        <v>0.02</v>
      </c>
      <c r="W2583" s="2">
        <v>159.1</v>
      </c>
      <c r="X2583" s="2">
        <v>7.6</v>
      </c>
      <c r="Y2583" s="2">
        <v>16.7</v>
      </c>
      <c r="Z2583" s="5"/>
      <c r="AA2583" s="5" t="s">
        <v>43</v>
      </c>
      <c r="AB2583" s="5" t="s">
        <v>44</v>
      </c>
      <c r="AC2583" s="2"/>
      <c r="AD2583" s="1"/>
    </row>
    <row r="2584" spans="1:30">
      <c r="A2584" s="5" t="s">
        <v>83578</v>
      </c>
      <c r="B2584" s="2" t="s">
        <v>91354</v>
      </c>
      <c r="C2584" s="14" t="s">
        <v>91355</v>
      </c>
      <c r="D2584" s="2" t="s">
        <v>91356</v>
      </c>
      <c r="E2584" s="2" t="s">
        <v>36357</v>
      </c>
      <c r="F2584" s="8">
        <v>262</v>
      </c>
      <c r="G2584" s="5">
        <v>6</v>
      </c>
      <c r="H2584" s="5" t="s">
        <v>1518</v>
      </c>
      <c r="I2584" s="5" t="s">
        <v>36264</v>
      </c>
      <c r="J2584" s="2" t="s">
        <v>36265</v>
      </c>
      <c r="K2584" s="5" t="s">
        <v>36264</v>
      </c>
      <c r="L2584" s="2" t="s">
        <v>36265</v>
      </c>
      <c r="M2584" s="5" t="s">
        <v>36266</v>
      </c>
      <c r="N2584" s="5" t="s">
        <v>38</v>
      </c>
      <c r="O2584" s="5" t="s">
        <v>39</v>
      </c>
      <c r="P2584" s="5" t="s">
        <v>40</v>
      </c>
      <c r="Q2584" s="5" t="s">
        <v>1522</v>
      </c>
      <c r="R2584" s="5" t="s">
        <v>1523</v>
      </c>
      <c r="S2584" s="5" t="s">
        <v>42</v>
      </c>
      <c r="T2584" s="2">
        <v>2.25</v>
      </c>
      <c r="U2584" s="2">
        <v>1.655</v>
      </c>
      <c r="V2584" s="2">
        <v>0.02</v>
      </c>
      <c r="W2584" s="2">
        <v>159.1</v>
      </c>
      <c r="X2584" s="2">
        <v>7.6</v>
      </c>
      <c r="Y2584" s="2">
        <v>16.7</v>
      </c>
      <c r="Z2584" s="5"/>
      <c r="AA2584" s="5" t="s">
        <v>43</v>
      </c>
      <c r="AB2584" s="5" t="s">
        <v>44</v>
      </c>
      <c r="AC2584" s="2"/>
      <c r="AD2584" s="1"/>
    </row>
    <row r="2585" spans="1:30">
      <c r="A2585" s="5" t="s">
        <v>83578</v>
      </c>
      <c r="B2585" s="2" t="s">
        <v>91357</v>
      </c>
      <c r="C2585" s="14" t="s">
        <v>91358</v>
      </c>
      <c r="D2585" s="2" t="s">
        <v>91359</v>
      </c>
      <c r="E2585" s="2" t="s">
        <v>36365</v>
      </c>
      <c r="F2585" s="8">
        <v>262</v>
      </c>
      <c r="G2585" s="5">
        <v>6</v>
      </c>
      <c r="H2585" s="5" t="s">
        <v>1518</v>
      </c>
      <c r="I2585" s="5" t="s">
        <v>36264</v>
      </c>
      <c r="J2585" s="2" t="s">
        <v>36265</v>
      </c>
      <c r="K2585" s="5" t="s">
        <v>36264</v>
      </c>
      <c r="L2585" s="2" t="s">
        <v>36265</v>
      </c>
      <c r="M2585" s="5" t="s">
        <v>36266</v>
      </c>
      <c r="N2585" s="5" t="s">
        <v>38</v>
      </c>
      <c r="O2585" s="5" t="s">
        <v>39</v>
      </c>
      <c r="P2585" s="5" t="s">
        <v>40</v>
      </c>
      <c r="Q2585" s="5" t="s">
        <v>1522</v>
      </c>
      <c r="R2585" s="5" t="s">
        <v>1523</v>
      </c>
      <c r="S2585" s="5" t="s">
        <v>42</v>
      </c>
      <c r="T2585" s="2">
        <v>2.25</v>
      </c>
      <c r="U2585" s="2">
        <v>1.655</v>
      </c>
      <c r="V2585" s="2">
        <v>0.02</v>
      </c>
      <c r="W2585" s="2">
        <v>159.1</v>
      </c>
      <c r="X2585" s="2">
        <v>7.6</v>
      </c>
      <c r="Y2585" s="2">
        <v>16.7</v>
      </c>
      <c r="Z2585" s="5"/>
      <c r="AA2585" s="5" t="s">
        <v>43</v>
      </c>
      <c r="AB2585" s="5" t="s">
        <v>44</v>
      </c>
      <c r="AC2585" s="2"/>
      <c r="AD2585" s="1"/>
    </row>
    <row r="2586" spans="1:30">
      <c r="A2586" s="5" t="s">
        <v>83578</v>
      </c>
      <c r="B2586" s="2" t="s">
        <v>91360</v>
      </c>
      <c r="C2586" s="14" t="s">
        <v>91361</v>
      </c>
      <c r="D2586" s="2" t="s">
        <v>91362</v>
      </c>
      <c r="E2586" s="2" t="s">
        <v>36373</v>
      </c>
      <c r="F2586" s="8">
        <v>262</v>
      </c>
      <c r="G2586" s="5">
        <v>6</v>
      </c>
      <c r="H2586" s="5" t="s">
        <v>1518</v>
      </c>
      <c r="I2586" s="5" t="s">
        <v>36264</v>
      </c>
      <c r="J2586" s="2" t="s">
        <v>36265</v>
      </c>
      <c r="K2586" s="5" t="s">
        <v>36264</v>
      </c>
      <c r="L2586" s="2" t="s">
        <v>36265</v>
      </c>
      <c r="M2586" s="5" t="s">
        <v>36266</v>
      </c>
      <c r="N2586" s="5" t="s">
        <v>38</v>
      </c>
      <c r="O2586" s="5" t="s">
        <v>39</v>
      </c>
      <c r="P2586" s="5" t="s">
        <v>40</v>
      </c>
      <c r="Q2586" s="5" t="s">
        <v>1522</v>
      </c>
      <c r="R2586" s="5" t="s">
        <v>1523</v>
      </c>
      <c r="S2586" s="5" t="s">
        <v>42</v>
      </c>
      <c r="T2586" s="2">
        <v>2.25</v>
      </c>
      <c r="U2586" s="2">
        <v>1.655</v>
      </c>
      <c r="V2586" s="2">
        <v>0.02</v>
      </c>
      <c r="W2586" s="2">
        <v>159.1</v>
      </c>
      <c r="X2586" s="2">
        <v>7.6</v>
      </c>
      <c r="Y2586" s="2">
        <v>16.7</v>
      </c>
      <c r="Z2586" s="5"/>
      <c r="AA2586" s="5" t="s">
        <v>43</v>
      </c>
      <c r="AB2586" s="5" t="s">
        <v>44</v>
      </c>
      <c r="AC2586" s="2"/>
      <c r="AD2586" s="1"/>
    </row>
    <row r="2587" spans="1:30">
      <c r="A2587" s="5" t="s">
        <v>83578</v>
      </c>
      <c r="B2587" s="2" t="s">
        <v>91363</v>
      </c>
      <c r="C2587" s="14" t="s">
        <v>91364</v>
      </c>
      <c r="D2587" s="2" t="s">
        <v>91365</v>
      </c>
      <c r="E2587" s="2" t="s">
        <v>36389</v>
      </c>
      <c r="F2587" s="8">
        <v>262</v>
      </c>
      <c r="G2587" s="5">
        <v>6</v>
      </c>
      <c r="H2587" s="5" t="s">
        <v>1518</v>
      </c>
      <c r="I2587" s="5" t="s">
        <v>36264</v>
      </c>
      <c r="J2587" s="2" t="s">
        <v>36265</v>
      </c>
      <c r="K2587" s="5" t="s">
        <v>36264</v>
      </c>
      <c r="L2587" s="2" t="s">
        <v>36265</v>
      </c>
      <c r="M2587" s="5" t="s">
        <v>36266</v>
      </c>
      <c r="N2587" s="5" t="s">
        <v>38</v>
      </c>
      <c r="O2587" s="5" t="s">
        <v>39</v>
      </c>
      <c r="P2587" s="5" t="s">
        <v>40</v>
      </c>
      <c r="Q2587" s="5" t="s">
        <v>1522</v>
      </c>
      <c r="R2587" s="5" t="s">
        <v>1523</v>
      </c>
      <c r="S2587" s="5" t="s">
        <v>42</v>
      </c>
      <c r="T2587" s="2">
        <v>2.25</v>
      </c>
      <c r="U2587" s="2">
        <v>1.655</v>
      </c>
      <c r="V2587" s="2">
        <v>0.02</v>
      </c>
      <c r="W2587" s="2">
        <v>159.1</v>
      </c>
      <c r="X2587" s="2">
        <v>7.6</v>
      </c>
      <c r="Y2587" s="2">
        <v>16.7</v>
      </c>
      <c r="Z2587" s="5"/>
      <c r="AA2587" s="5" t="s">
        <v>43</v>
      </c>
      <c r="AB2587" s="5" t="s">
        <v>44</v>
      </c>
      <c r="AC2587" s="2"/>
      <c r="AD2587" s="1"/>
    </row>
    <row r="2588" spans="1:30">
      <c r="A2588" s="5" t="s">
        <v>83578</v>
      </c>
      <c r="B2588" s="2" t="s">
        <v>91366</v>
      </c>
      <c r="C2588" s="14" t="s">
        <v>91367</v>
      </c>
      <c r="D2588" s="2" t="s">
        <v>91368</v>
      </c>
      <c r="E2588" s="2" t="s">
        <v>36277</v>
      </c>
      <c r="F2588" s="8">
        <v>190</v>
      </c>
      <c r="G2588" s="5">
        <v>6</v>
      </c>
      <c r="H2588" s="5" t="s">
        <v>1518</v>
      </c>
      <c r="I2588" s="5" t="s">
        <v>36264</v>
      </c>
      <c r="J2588" s="2" t="s">
        <v>36265</v>
      </c>
      <c r="K2588" s="5" t="s">
        <v>36264</v>
      </c>
      <c r="L2588" s="2" t="s">
        <v>36265</v>
      </c>
      <c r="M2588" s="5" t="s">
        <v>36266</v>
      </c>
      <c r="N2588" s="5" t="s">
        <v>38</v>
      </c>
      <c r="O2588" s="5" t="s">
        <v>39</v>
      </c>
      <c r="P2588" s="5" t="s">
        <v>40</v>
      </c>
      <c r="Q2588" s="5" t="s">
        <v>1522</v>
      </c>
      <c r="R2588" s="5" t="s">
        <v>1523</v>
      </c>
      <c r="S2588" s="5" t="s">
        <v>42</v>
      </c>
      <c r="T2588" s="2">
        <v>1.5680000000000001</v>
      </c>
      <c r="U2588" s="2">
        <v>1.056</v>
      </c>
      <c r="V2588" s="2">
        <v>0.02</v>
      </c>
      <c r="W2588" s="2">
        <v>159.1</v>
      </c>
      <c r="X2588" s="2">
        <v>7.6</v>
      </c>
      <c r="Y2588" s="2">
        <v>16.7</v>
      </c>
      <c r="Z2588" s="5"/>
      <c r="AA2588" s="5" t="s">
        <v>43</v>
      </c>
      <c r="AB2588" s="5" t="s">
        <v>44</v>
      </c>
      <c r="AC2588" s="2"/>
      <c r="AD2588" s="1"/>
    </row>
    <row r="2589" spans="1:30">
      <c r="A2589" s="5" t="s">
        <v>83578</v>
      </c>
      <c r="B2589" s="2" t="s">
        <v>91369</v>
      </c>
      <c r="C2589" s="14" t="s">
        <v>91370</v>
      </c>
      <c r="D2589" s="2" t="s">
        <v>91371</v>
      </c>
      <c r="E2589" s="2" t="s">
        <v>36281</v>
      </c>
      <c r="F2589" s="8">
        <v>218</v>
      </c>
      <c r="G2589" s="5">
        <v>6</v>
      </c>
      <c r="H2589" s="5" t="s">
        <v>1518</v>
      </c>
      <c r="I2589" s="5" t="s">
        <v>36264</v>
      </c>
      <c r="J2589" s="2" t="s">
        <v>36265</v>
      </c>
      <c r="K2589" s="5" t="s">
        <v>36264</v>
      </c>
      <c r="L2589" s="2" t="s">
        <v>36265</v>
      </c>
      <c r="M2589" s="5" t="s">
        <v>36266</v>
      </c>
      <c r="N2589" s="5" t="s">
        <v>38</v>
      </c>
      <c r="O2589" s="5" t="s">
        <v>39</v>
      </c>
      <c r="P2589" s="5" t="s">
        <v>40</v>
      </c>
      <c r="Q2589" s="5" t="s">
        <v>1522</v>
      </c>
      <c r="R2589" s="5" t="s">
        <v>1523</v>
      </c>
      <c r="S2589" s="5" t="s">
        <v>42</v>
      </c>
      <c r="T2589" s="2">
        <v>1.518</v>
      </c>
      <c r="U2589" s="2">
        <v>1.006</v>
      </c>
      <c r="V2589" s="2">
        <v>0.02</v>
      </c>
      <c r="W2589" s="2">
        <v>159.1</v>
      </c>
      <c r="X2589" s="2">
        <v>7.6</v>
      </c>
      <c r="Y2589" s="2">
        <v>16.7</v>
      </c>
      <c r="Z2589" s="5"/>
      <c r="AA2589" s="5" t="s">
        <v>43</v>
      </c>
      <c r="AB2589" s="5" t="s">
        <v>44</v>
      </c>
      <c r="AC2589" s="2"/>
      <c r="AD2589" s="1"/>
    </row>
    <row r="2590" spans="1:30">
      <c r="A2590" s="5" t="s">
        <v>83578</v>
      </c>
      <c r="B2590" s="2" t="s">
        <v>91372</v>
      </c>
      <c r="C2590" s="14" t="s">
        <v>91373</v>
      </c>
      <c r="D2590" s="2" t="s">
        <v>91374</v>
      </c>
      <c r="E2590" s="2" t="s">
        <v>36285</v>
      </c>
      <c r="F2590" s="8">
        <v>218</v>
      </c>
      <c r="G2590" s="5">
        <v>6</v>
      </c>
      <c r="H2590" s="5" t="s">
        <v>1518</v>
      </c>
      <c r="I2590" s="5" t="s">
        <v>36264</v>
      </c>
      <c r="J2590" s="2" t="s">
        <v>36265</v>
      </c>
      <c r="K2590" s="5" t="s">
        <v>36264</v>
      </c>
      <c r="L2590" s="2" t="s">
        <v>36265</v>
      </c>
      <c r="M2590" s="5" t="s">
        <v>36266</v>
      </c>
      <c r="N2590" s="5" t="s">
        <v>38</v>
      </c>
      <c r="O2590" s="5" t="s">
        <v>39</v>
      </c>
      <c r="P2590" s="5" t="s">
        <v>40</v>
      </c>
      <c r="Q2590" s="5" t="s">
        <v>1522</v>
      </c>
      <c r="R2590" s="5" t="s">
        <v>1523</v>
      </c>
      <c r="S2590" s="5" t="s">
        <v>42</v>
      </c>
      <c r="T2590" s="2">
        <v>1.5680000000000001</v>
      </c>
      <c r="U2590" s="2">
        <v>1.056</v>
      </c>
      <c r="V2590" s="2">
        <v>0.02</v>
      </c>
      <c r="W2590" s="2">
        <v>159.1</v>
      </c>
      <c r="X2590" s="2">
        <v>7.6</v>
      </c>
      <c r="Y2590" s="2">
        <v>16.7</v>
      </c>
      <c r="Z2590" s="5"/>
      <c r="AA2590" s="5" t="s">
        <v>43</v>
      </c>
      <c r="AB2590" s="5" t="s">
        <v>44</v>
      </c>
      <c r="AC2590" s="2"/>
      <c r="AD2590" s="1"/>
    </row>
    <row r="2591" spans="1:30">
      <c r="A2591" s="5" t="s">
        <v>83578</v>
      </c>
      <c r="B2591" s="2" t="s">
        <v>91375</v>
      </c>
      <c r="C2591" s="14" t="s">
        <v>91376</v>
      </c>
      <c r="D2591" s="2" t="s">
        <v>91377</v>
      </c>
      <c r="E2591" s="2" t="s">
        <v>36293</v>
      </c>
      <c r="F2591" s="8">
        <v>218</v>
      </c>
      <c r="G2591" s="5">
        <v>6</v>
      </c>
      <c r="H2591" s="5" t="s">
        <v>1518</v>
      </c>
      <c r="I2591" s="5" t="s">
        <v>36264</v>
      </c>
      <c r="J2591" s="2" t="s">
        <v>36265</v>
      </c>
      <c r="K2591" s="5" t="s">
        <v>36264</v>
      </c>
      <c r="L2591" s="2" t="s">
        <v>36265</v>
      </c>
      <c r="M2591" s="5" t="s">
        <v>36266</v>
      </c>
      <c r="N2591" s="5" t="s">
        <v>38</v>
      </c>
      <c r="O2591" s="5" t="s">
        <v>39</v>
      </c>
      <c r="P2591" s="5" t="s">
        <v>40</v>
      </c>
      <c r="Q2591" s="5" t="s">
        <v>1522</v>
      </c>
      <c r="R2591" s="5" t="s">
        <v>1523</v>
      </c>
      <c r="S2591" s="5" t="s">
        <v>42</v>
      </c>
      <c r="T2591" s="2">
        <v>1.5680000000000001</v>
      </c>
      <c r="U2591" s="2">
        <v>1.056</v>
      </c>
      <c r="V2591" s="2">
        <v>0.02</v>
      </c>
      <c r="W2591" s="2">
        <v>159.1</v>
      </c>
      <c r="X2591" s="2">
        <v>7.6</v>
      </c>
      <c r="Y2591" s="2">
        <v>16.7</v>
      </c>
      <c r="Z2591" s="5"/>
      <c r="AA2591" s="5" t="s">
        <v>43</v>
      </c>
      <c r="AB2591" s="5" t="s">
        <v>44</v>
      </c>
      <c r="AC2591" s="2"/>
      <c r="AD2591" s="1"/>
    </row>
    <row r="2592" spans="1:30">
      <c r="A2592" s="5" t="s">
        <v>83578</v>
      </c>
      <c r="B2592" s="2" t="s">
        <v>91378</v>
      </c>
      <c r="C2592" s="14" t="s">
        <v>91379</v>
      </c>
      <c r="D2592" s="2" t="s">
        <v>91380</v>
      </c>
      <c r="E2592" s="2" t="s">
        <v>36297</v>
      </c>
      <c r="F2592" s="8">
        <v>190</v>
      </c>
      <c r="G2592" s="5">
        <v>6</v>
      </c>
      <c r="H2592" s="5" t="s">
        <v>1518</v>
      </c>
      <c r="I2592" s="5" t="s">
        <v>36264</v>
      </c>
      <c r="J2592" s="2" t="s">
        <v>36265</v>
      </c>
      <c r="K2592" s="5" t="s">
        <v>36264</v>
      </c>
      <c r="L2592" s="2" t="s">
        <v>36265</v>
      </c>
      <c r="M2592" s="5" t="s">
        <v>36266</v>
      </c>
      <c r="N2592" s="5" t="s">
        <v>38</v>
      </c>
      <c r="O2592" s="5" t="s">
        <v>39</v>
      </c>
      <c r="P2592" s="5" t="s">
        <v>40</v>
      </c>
      <c r="Q2592" s="5" t="s">
        <v>1522</v>
      </c>
      <c r="R2592" s="5" t="s">
        <v>1523</v>
      </c>
      <c r="S2592" s="5" t="s">
        <v>42</v>
      </c>
      <c r="T2592" s="2">
        <v>1.518</v>
      </c>
      <c r="U2592" s="2">
        <v>1.006</v>
      </c>
      <c r="V2592" s="2">
        <v>0.02</v>
      </c>
      <c r="W2592" s="2">
        <v>159.1</v>
      </c>
      <c r="X2592" s="2">
        <v>7.6</v>
      </c>
      <c r="Y2592" s="2">
        <v>16.7</v>
      </c>
      <c r="Z2592" s="5"/>
      <c r="AA2592" s="5" t="s">
        <v>43</v>
      </c>
      <c r="AB2592" s="5" t="s">
        <v>44</v>
      </c>
      <c r="AC2592" s="2"/>
      <c r="AD2592" s="1"/>
    </row>
    <row r="2593" spans="1:30">
      <c r="A2593" s="5" t="s">
        <v>83578</v>
      </c>
      <c r="B2593" s="2" t="s">
        <v>91381</v>
      </c>
      <c r="C2593" s="14" t="s">
        <v>91382</v>
      </c>
      <c r="D2593" s="2" t="s">
        <v>91383</v>
      </c>
      <c r="E2593" s="2" t="s">
        <v>36301</v>
      </c>
      <c r="F2593" s="8">
        <v>190</v>
      </c>
      <c r="G2593" s="5">
        <v>6</v>
      </c>
      <c r="H2593" s="5" t="s">
        <v>1518</v>
      </c>
      <c r="I2593" s="5" t="s">
        <v>36264</v>
      </c>
      <c r="J2593" s="2" t="s">
        <v>36265</v>
      </c>
      <c r="K2593" s="5" t="s">
        <v>36264</v>
      </c>
      <c r="L2593" s="2" t="s">
        <v>36265</v>
      </c>
      <c r="M2593" s="5" t="s">
        <v>36266</v>
      </c>
      <c r="N2593" s="5" t="s">
        <v>38</v>
      </c>
      <c r="O2593" s="5" t="s">
        <v>39</v>
      </c>
      <c r="P2593" s="5" t="s">
        <v>40</v>
      </c>
      <c r="Q2593" s="5" t="s">
        <v>1522</v>
      </c>
      <c r="R2593" s="5" t="s">
        <v>1523</v>
      </c>
      <c r="S2593" s="5" t="s">
        <v>42</v>
      </c>
      <c r="T2593" s="2">
        <v>1.5680000000000001</v>
      </c>
      <c r="U2593" s="2">
        <v>1.056</v>
      </c>
      <c r="V2593" s="2">
        <v>0.02</v>
      </c>
      <c r="W2593" s="2">
        <v>159.1</v>
      </c>
      <c r="X2593" s="2">
        <v>7.6</v>
      </c>
      <c r="Y2593" s="2">
        <v>16.7</v>
      </c>
      <c r="Z2593" s="5"/>
      <c r="AA2593" s="5" t="s">
        <v>43</v>
      </c>
      <c r="AB2593" s="5" t="s">
        <v>44</v>
      </c>
      <c r="AC2593" s="2"/>
      <c r="AD2593" s="1"/>
    </row>
    <row r="2594" spans="1:30">
      <c r="A2594" s="5" t="s">
        <v>83578</v>
      </c>
      <c r="B2594" s="2" t="s">
        <v>91384</v>
      </c>
      <c r="C2594" s="14" t="s">
        <v>91385</v>
      </c>
      <c r="D2594" s="2" t="s">
        <v>91386</v>
      </c>
      <c r="E2594" s="2" t="s">
        <v>36305</v>
      </c>
      <c r="F2594" s="8">
        <v>190</v>
      </c>
      <c r="G2594" s="5">
        <v>6</v>
      </c>
      <c r="H2594" s="5" t="s">
        <v>1518</v>
      </c>
      <c r="I2594" s="5" t="s">
        <v>36264</v>
      </c>
      <c r="J2594" s="2" t="s">
        <v>36265</v>
      </c>
      <c r="K2594" s="5" t="s">
        <v>36264</v>
      </c>
      <c r="L2594" s="2" t="s">
        <v>36265</v>
      </c>
      <c r="M2594" s="5" t="s">
        <v>36266</v>
      </c>
      <c r="N2594" s="5" t="s">
        <v>38</v>
      </c>
      <c r="O2594" s="5" t="s">
        <v>39</v>
      </c>
      <c r="P2594" s="5" t="s">
        <v>40</v>
      </c>
      <c r="Q2594" s="5" t="s">
        <v>1522</v>
      </c>
      <c r="R2594" s="5" t="s">
        <v>1523</v>
      </c>
      <c r="S2594" s="5" t="s">
        <v>42</v>
      </c>
      <c r="T2594" s="2">
        <v>1.518</v>
      </c>
      <c r="U2594" s="2">
        <v>1.006</v>
      </c>
      <c r="V2594" s="2">
        <v>0.02</v>
      </c>
      <c r="W2594" s="2">
        <v>159.1</v>
      </c>
      <c r="X2594" s="2">
        <v>7.6</v>
      </c>
      <c r="Y2594" s="2">
        <v>16.7</v>
      </c>
      <c r="Z2594" s="5"/>
      <c r="AA2594" s="5" t="s">
        <v>43</v>
      </c>
      <c r="AB2594" s="5" t="s">
        <v>44</v>
      </c>
      <c r="AC2594" s="2"/>
      <c r="AD2594" s="1"/>
    </row>
    <row r="2595" spans="1:30">
      <c r="A2595" s="5" t="s">
        <v>83578</v>
      </c>
      <c r="B2595" s="2" t="s">
        <v>91387</v>
      </c>
      <c r="C2595" s="14" t="s">
        <v>91388</v>
      </c>
      <c r="D2595" s="2" t="s">
        <v>91389</v>
      </c>
      <c r="E2595" s="2" t="s">
        <v>36309</v>
      </c>
      <c r="F2595" s="8">
        <v>190</v>
      </c>
      <c r="G2595" s="5">
        <v>6</v>
      </c>
      <c r="H2595" s="5" t="s">
        <v>1518</v>
      </c>
      <c r="I2595" s="5" t="s">
        <v>36264</v>
      </c>
      <c r="J2595" s="2" t="s">
        <v>36265</v>
      </c>
      <c r="K2595" s="5" t="s">
        <v>36264</v>
      </c>
      <c r="L2595" s="2" t="s">
        <v>36265</v>
      </c>
      <c r="M2595" s="5" t="s">
        <v>36266</v>
      </c>
      <c r="N2595" s="5" t="s">
        <v>38</v>
      </c>
      <c r="O2595" s="5" t="s">
        <v>39</v>
      </c>
      <c r="P2595" s="5" t="s">
        <v>40</v>
      </c>
      <c r="Q2595" s="5" t="s">
        <v>1522</v>
      </c>
      <c r="R2595" s="5" t="s">
        <v>1523</v>
      </c>
      <c r="S2595" s="5" t="s">
        <v>42</v>
      </c>
      <c r="T2595" s="2">
        <v>1.5680000000000001</v>
      </c>
      <c r="U2595" s="2">
        <v>1.056</v>
      </c>
      <c r="V2595" s="2">
        <v>0.02</v>
      </c>
      <c r="W2595" s="2">
        <v>159.1</v>
      </c>
      <c r="X2595" s="2">
        <v>7.6</v>
      </c>
      <c r="Y2595" s="2">
        <v>16.7</v>
      </c>
      <c r="Z2595" s="5"/>
      <c r="AA2595" s="5" t="s">
        <v>43</v>
      </c>
      <c r="AB2595" s="5" t="s">
        <v>44</v>
      </c>
      <c r="AC2595" s="2"/>
      <c r="AD2595" s="1"/>
    </row>
    <row r="2596" spans="1:30">
      <c r="A2596" s="5" t="s">
        <v>83578</v>
      </c>
      <c r="B2596" s="2" t="s">
        <v>91390</v>
      </c>
      <c r="C2596" s="14" t="s">
        <v>91391</v>
      </c>
      <c r="D2596" s="2" t="s">
        <v>91392</v>
      </c>
      <c r="E2596" s="2" t="s">
        <v>36313</v>
      </c>
      <c r="F2596" s="8">
        <v>218</v>
      </c>
      <c r="G2596" s="5">
        <v>6</v>
      </c>
      <c r="H2596" s="5" t="s">
        <v>1518</v>
      </c>
      <c r="I2596" s="5" t="s">
        <v>36264</v>
      </c>
      <c r="J2596" s="2" t="s">
        <v>36265</v>
      </c>
      <c r="K2596" s="5" t="s">
        <v>36264</v>
      </c>
      <c r="L2596" s="2" t="s">
        <v>36265</v>
      </c>
      <c r="M2596" s="5" t="s">
        <v>36266</v>
      </c>
      <c r="N2596" s="5" t="s">
        <v>38</v>
      </c>
      <c r="O2596" s="5" t="s">
        <v>39</v>
      </c>
      <c r="P2596" s="5" t="s">
        <v>40</v>
      </c>
      <c r="Q2596" s="5" t="s">
        <v>1522</v>
      </c>
      <c r="R2596" s="5" t="s">
        <v>1523</v>
      </c>
      <c r="S2596" s="5" t="s">
        <v>42</v>
      </c>
      <c r="T2596" s="2">
        <v>1.518</v>
      </c>
      <c r="U2596" s="2">
        <v>1.006</v>
      </c>
      <c r="V2596" s="2">
        <v>0.02</v>
      </c>
      <c r="W2596" s="2">
        <v>159.1</v>
      </c>
      <c r="X2596" s="2">
        <v>7.6</v>
      </c>
      <c r="Y2596" s="2">
        <v>16.7</v>
      </c>
      <c r="Z2596" s="5"/>
      <c r="AA2596" s="5" t="s">
        <v>43</v>
      </c>
      <c r="AB2596" s="5" t="s">
        <v>44</v>
      </c>
      <c r="AC2596" s="2"/>
      <c r="AD2596" s="1"/>
    </row>
    <row r="2597" spans="1:30">
      <c r="A2597" s="5" t="s">
        <v>83578</v>
      </c>
      <c r="B2597" s="2" t="s">
        <v>91393</v>
      </c>
      <c r="C2597" s="14" t="s">
        <v>91394</v>
      </c>
      <c r="D2597" s="2" t="s">
        <v>91395</v>
      </c>
      <c r="E2597" s="2" t="s">
        <v>36317</v>
      </c>
      <c r="F2597" s="8">
        <v>218</v>
      </c>
      <c r="G2597" s="5">
        <v>6</v>
      </c>
      <c r="H2597" s="5" t="s">
        <v>1518</v>
      </c>
      <c r="I2597" s="5" t="s">
        <v>36264</v>
      </c>
      <c r="J2597" s="2" t="s">
        <v>36265</v>
      </c>
      <c r="K2597" s="5" t="s">
        <v>36264</v>
      </c>
      <c r="L2597" s="2" t="s">
        <v>36265</v>
      </c>
      <c r="M2597" s="5" t="s">
        <v>36266</v>
      </c>
      <c r="N2597" s="5" t="s">
        <v>38</v>
      </c>
      <c r="O2597" s="5" t="s">
        <v>39</v>
      </c>
      <c r="P2597" s="5" t="s">
        <v>40</v>
      </c>
      <c r="Q2597" s="5" t="s">
        <v>1522</v>
      </c>
      <c r="R2597" s="5" t="s">
        <v>1523</v>
      </c>
      <c r="S2597" s="5" t="s">
        <v>42</v>
      </c>
      <c r="T2597" s="2">
        <v>1.5680000000000001</v>
      </c>
      <c r="U2597" s="2">
        <v>1.056</v>
      </c>
      <c r="V2597" s="2">
        <v>0.02</v>
      </c>
      <c r="W2597" s="2">
        <v>159.1</v>
      </c>
      <c r="X2597" s="2">
        <v>7.6</v>
      </c>
      <c r="Y2597" s="2">
        <v>16.7</v>
      </c>
      <c r="Z2597" s="5"/>
      <c r="AA2597" s="5" t="s">
        <v>43</v>
      </c>
      <c r="AB2597" s="5" t="s">
        <v>44</v>
      </c>
      <c r="AC2597" s="2"/>
      <c r="AD2597" s="1"/>
    </row>
    <row r="2598" spans="1:30">
      <c r="A2598" s="5" t="s">
        <v>83578</v>
      </c>
      <c r="B2598" s="2" t="s">
        <v>91396</v>
      </c>
      <c r="C2598" s="14" t="s">
        <v>91397</v>
      </c>
      <c r="D2598" s="2" t="s">
        <v>91398</v>
      </c>
      <c r="E2598" s="2" t="s">
        <v>36321</v>
      </c>
      <c r="F2598" s="8">
        <v>218</v>
      </c>
      <c r="G2598" s="5">
        <v>6</v>
      </c>
      <c r="H2598" s="5" t="s">
        <v>1518</v>
      </c>
      <c r="I2598" s="5" t="s">
        <v>36264</v>
      </c>
      <c r="J2598" s="2" t="s">
        <v>36265</v>
      </c>
      <c r="K2598" s="5" t="s">
        <v>36264</v>
      </c>
      <c r="L2598" s="2" t="s">
        <v>36265</v>
      </c>
      <c r="M2598" s="5" t="s">
        <v>36266</v>
      </c>
      <c r="N2598" s="5" t="s">
        <v>38</v>
      </c>
      <c r="O2598" s="5" t="s">
        <v>39</v>
      </c>
      <c r="P2598" s="5" t="s">
        <v>40</v>
      </c>
      <c r="Q2598" s="5" t="s">
        <v>1522</v>
      </c>
      <c r="R2598" s="5" t="s">
        <v>1523</v>
      </c>
      <c r="S2598" s="5" t="s">
        <v>42</v>
      </c>
      <c r="T2598" s="2">
        <v>1.518</v>
      </c>
      <c r="U2598" s="2">
        <v>1.006</v>
      </c>
      <c r="V2598" s="2">
        <v>0.02</v>
      </c>
      <c r="W2598" s="2">
        <v>159.1</v>
      </c>
      <c r="X2598" s="2">
        <v>7.6</v>
      </c>
      <c r="Y2598" s="2">
        <v>16.7</v>
      </c>
      <c r="Z2598" s="5"/>
      <c r="AA2598" s="5" t="s">
        <v>43</v>
      </c>
      <c r="AB2598" s="5" t="s">
        <v>44</v>
      </c>
      <c r="AC2598" s="2"/>
      <c r="AD2598" s="1"/>
    </row>
    <row r="2599" spans="1:30">
      <c r="A2599" s="5" t="s">
        <v>83578</v>
      </c>
      <c r="B2599" s="2" t="s">
        <v>91399</v>
      </c>
      <c r="C2599" s="14" t="s">
        <v>91400</v>
      </c>
      <c r="D2599" s="2" t="s">
        <v>91401</v>
      </c>
      <c r="E2599" s="2" t="s">
        <v>36325</v>
      </c>
      <c r="F2599" s="8">
        <v>218</v>
      </c>
      <c r="G2599" s="5">
        <v>6</v>
      </c>
      <c r="H2599" s="5" t="s">
        <v>1518</v>
      </c>
      <c r="I2599" s="5" t="s">
        <v>36264</v>
      </c>
      <c r="J2599" s="2" t="s">
        <v>36265</v>
      </c>
      <c r="K2599" s="5" t="s">
        <v>36264</v>
      </c>
      <c r="L2599" s="2" t="s">
        <v>36265</v>
      </c>
      <c r="M2599" s="5" t="s">
        <v>36266</v>
      </c>
      <c r="N2599" s="5" t="s">
        <v>38</v>
      </c>
      <c r="O2599" s="5" t="s">
        <v>39</v>
      </c>
      <c r="P2599" s="5" t="s">
        <v>40</v>
      </c>
      <c r="Q2599" s="5" t="s">
        <v>1522</v>
      </c>
      <c r="R2599" s="5" t="s">
        <v>1523</v>
      </c>
      <c r="S2599" s="5" t="s">
        <v>42</v>
      </c>
      <c r="T2599" s="2">
        <v>1.5680000000000001</v>
      </c>
      <c r="U2599" s="2">
        <v>1.056</v>
      </c>
      <c r="V2599" s="2">
        <v>0.02</v>
      </c>
      <c r="W2599" s="2">
        <v>159.1</v>
      </c>
      <c r="X2599" s="2">
        <v>7.6</v>
      </c>
      <c r="Y2599" s="2">
        <v>16.7</v>
      </c>
      <c r="Z2599" s="5"/>
      <c r="AA2599" s="5" t="s">
        <v>43</v>
      </c>
      <c r="AB2599" s="5" t="s">
        <v>44</v>
      </c>
      <c r="AC2599" s="2"/>
      <c r="AD2599" s="1"/>
    </row>
    <row r="2600" spans="1:30">
      <c r="A2600" s="5" t="s">
        <v>83578</v>
      </c>
      <c r="B2600" s="2" t="s">
        <v>91402</v>
      </c>
      <c r="C2600" s="14" t="s">
        <v>91403</v>
      </c>
      <c r="D2600" s="2" t="s">
        <v>91404</v>
      </c>
      <c r="E2600" s="2" t="s">
        <v>36329</v>
      </c>
      <c r="F2600" s="8">
        <v>218</v>
      </c>
      <c r="G2600" s="5">
        <v>6</v>
      </c>
      <c r="H2600" s="5" t="s">
        <v>1518</v>
      </c>
      <c r="I2600" s="5" t="s">
        <v>36264</v>
      </c>
      <c r="J2600" s="2" t="s">
        <v>36265</v>
      </c>
      <c r="K2600" s="5" t="s">
        <v>36264</v>
      </c>
      <c r="L2600" s="2" t="s">
        <v>36265</v>
      </c>
      <c r="M2600" s="5" t="s">
        <v>36266</v>
      </c>
      <c r="N2600" s="5" t="s">
        <v>38</v>
      </c>
      <c r="O2600" s="5" t="s">
        <v>39</v>
      </c>
      <c r="P2600" s="5" t="s">
        <v>40</v>
      </c>
      <c r="Q2600" s="5" t="s">
        <v>1522</v>
      </c>
      <c r="R2600" s="5" t="s">
        <v>1523</v>
      </c>
      <c r="S2600" s="5" t="s">
        <v>42</v>
      </c>
      <c r="T2600" s="2">
        <v>1.518</v>
      </c>
      <c r="U2600" s="2">
        <v>1.006</v>
      </c>
      <c r="V2600" s="2">
        <v>0.02</v>
      </c>
      <c r="W2600" s="2">
        <v>159.1</v>
      </c>
      <c r="X2600" s="2">
        <v>7.6</v>
      </c>
      <c r="Y2600" s="2">
        <v>16.7</v>
      </c>
      <c r="Z2600" s="5"/>
      <c r="AA2600" s="5" t="s">
        <v>43</v>
      </c>
      <c r="AB2600" s="5" t="s">
        <v>44</v>
      </c>
      <c r="AC2600" s="2"/>
      <c r="AD2600" s="1"/>
    </row>
    <row r="2601" spans="1:30">
      <c r="A2601" s="5" t="s">
        <v>83578</v>
      </c>
      <c r="B2601" s="2" t="s">
        <v>91405</v>
      </c>
      <c r="C2601" s="14" t="s">
        <v>91406</v>
      </c>
      <c r="D2601" s="2" t="s">
        <v>91407</v>
      </c>
      <c r="E2601" s="2" t="s">
        <v>36333</v>
      </c>
      <c r="F2601" s="8">
        <v>218</v>
      </c>
      <c r="G2601" s="5">
        <v>6</v>
      </c>
      <c r="H2601" s="5" t="s">
        <v>1518</v>
      </c>
      <c r="I2601" s="5" t="s">
        <v>36264</v>
      </c>
      <c r="J2601" s="2" t="s">
        <v>36265</v>
      </c>
      <c r="K2601" s="5" t="s">
        <v>36264</v>
      </c>
      <c r="L2601" s="2" t="s">
        <v>36265</v>
      </c>
      <c r="M2601" s="5" t="s">
        <v>36266</v>
      </c>
      <c r="N2601" s="5" t="s">
        <v>38</v>
      </c>
      <c r="O2601" s="5" t="s">
        <v>39</v>
      </c>
      <c r="P2601" s="5" t="s">
        <v>40</v>
      </c>
      <c r="Q2601" s="5" t="s">
        <v>1522</v>
      </c>
      <c r="R2601" s="5" t="s">
        <v>1523</v>
      </c>
      <c r="S2601" s="5" t="s">
        <v>42</v>
      </c>
      <c r="T2601" s="2">
        <v>1.5680000000000001</v>
      </c>
      <c r="U2601" s="2">
        <v>1.056</v>
      </c>
      <c r="V2601" s="2">
        <v>0.02</v>
      </c>
      <c r="W2601" s="2">
        <v>159.1</v>
      </c>
      <c r="X2601" s="2">
        <v>7.6</v>
      </c>
      <c r="Y2601" s="2">
        <v>16.7</v>
      </c>
      <c r="Z2601" s="5"/>
      <c r="AA2601" s="5" t="s">
        <v>43</v>
      </c>
      <c r="AB2601" s="5" t="s">
        <v>44</v>
      </c>
      <c r="AC2601" s="2"/>
      <c r="AD2601" s="1"/>
    </row>
    <row r="2602" spans="1:30">
      <c r="A2602" s="5" t="s">
        <v>83578</v>
      </c>
      <c r="B2602" s="2" t="s">
        <v>91408</v>
      </c>
      <c r="C2602" s="14" t="s">
        <v>91409</v>
      </c>
      <c r="D2602" s="2" t="s">
        <v>91410</v>
      </c>
      <c r="E2602" s="2" t="s">
        <v>36337</v>
      </c>
      <c r="F2602" s="8">
        <v>218</v>
      </c>
      <c r="G2602" s="5">
        <v>6</v>
      </c>
      <c r="H2602" s="5" t="s">
        <v>1518</v>
      </c>
      <c r="I2602" s="5" t="s">
        <v>36264</v>
      </c>
      <c r="J2602" s="2" t="s">
        <v>36265</v>
      </c>
      <c r="K2602" s="5" t="s">
        <v>36264</v>
      </c>
      <c r="L2602" s="2" t="s">
        <v>36265</v>
      </c>
      <c r="M2602" s="5" t="s">
        <v>36266</v>
      </c>
      <c r="N2602" s="5" t="s">
        <v>38</v>
      </c>
      <c r="O2602" s="5" t="s">
        <v>39</v>
      </c>
      <c r="P2602" s="5" t="s">
        <v>40</v>
      </c>
      <c r="Q2602" s="5" t="s">
        <v>1522</v>
      </c>
      <c r="R2602" s="5" t="s">
        <v>1523</v>
      </c>
      <c r="S2602" s="5" t="s">
        <v>42</v>
      </c>
      <c r="T2602" s="2">
        <v>1.518</v>
      </c>
      <c r="U2602" s="2">
        <v>1.006</v>
      </c>
      <c r="V2602" s="2">
        <v>0.02</v>
      </c>
      <c r="W2602" s="2">
        <v>159.1</v>
      </c>
      <c r="X2602" s="2">
        <v>7.6</v>
      </c>
      <c r="Y2602" s="2">
        <v>16.7</v>
      </c>
      <c r="Z2602" s="5"/>
      <c r="AA2602" s="5" t="s">
        <v>43</v>
      </c>
      <c r="AB2602" s="5" t="s">
        <v>44</v>
      </c>
      <c r="AC2602" s="2"/>
      <c r="AD2602" s="1"/>
    </row>
    <row r="2603" spans="1:30">
      <c r="A2603" s="5" t="s">
        <v>83578</v>
      </c>
      <c r="B2603" s="2" t="s">
        <v>91411</v>
      </c>
      <c r="C2603" s="14" t="s">
        <v>91412</v>
      </c>
      <c r="D2603" s="2" t="s">
        <v>91413</v>
      </c>
      <c r="E2603" s="2" t="s">
        <v>36341</v>
      </c>
      <c r="F2603" s="8">
        <v>218</v>
      </c>
      <c r="G2603" s="5">
        <v>6</v>
      </c>
      <c r="H2603" s="5" t="s">
        <v>1518</v>
      </c>
      <c r="I2603" s="5" t="s">
        <v>36264</v>
      </c>
      <c r="J2603" s="2" t="s">
        <v>36265</v>
      </c>
      <c r="K2603" s="5" t="s">
        <v>36264</v>
      </c>
      <c r="L2603" s="2" t="s">
        <v>36265</v>
      </c>
      <c r="M2603" s="5" t="s">
        <v>36266</v>
      </c>
      <c r="N2603" s="5" t="s">
        <v>38</v>
      </c>
      <c r="O2603" s="5" t="s">
        <v>39</v>
      </c>
      <c r="P2603" s="5" t="s">
        <v>40</v>
      </c>
      <c r="Q2603" s="5" t="s">
        <v>1522</v>
      </c>
      <c r="R2603" s="5" t="s">
        <v>1523</v>
      </c>
      <c r="S2603" s="5" t="s">
        <v>42</v>
      </c>
      <c r="T2603" s="2">
        <v>1.5680000000000001</v>
      </c>
      <c r="U2603" s="2">
        <v>1.056</v>
      </c>
      <c r="V2603" s="2">
        <v>0.02</v>
      </c>
      <c r="W2603" s="2">
        <v>159.1</v>
      </c>
      <c r="X2603" s="2">
        <v>7.6</v>
      </c>
      <c r="Y2603" s="2">
        <v>16.7</v>
      </c>
      <c r="Z2603" s="5"/>
      <c r="AA2603" s="5" t="s">
        <v>43</v>
      </c>
      <c r="AB2603" s="5" t="s">
        <v>44</v>
      </c>
      <c r="AC2603" s="2"/>
      <c r="AD2603" s="1"/>
    </row>
    <row r="2604" spans="1:30">
      <c r="A2604" s="5" t="s">
        <v>83578</v>
      </c>
      <c r="B2604" s="2" t="s">
        <v>91414</v>
      </c>
      <c r="C2604" s="14" t="s">
        <v>91415</v>
      </c>
      <c r="D2604" s="2" t="s">
        <v>91416</v>
      </c>
      <c r="E2604" s="2" t="s">
        <v>36345</v>
      </c>
      <c r="F2604" s="8">
        <v>218</v>
      </c>
      <c r="G2604" s="5">
        <v>6</v>
      </c>
      <c r="H2604" s="5" t="s">
        <v>1518</v>
      </c>
      <c r="I2604" s="5" t="s">
        <v>36264</v>
      </c>
      <c r="J2604" s="2" t="s">
        <v>36265</v>
      </c>
      <c r="K2604" s="5" t="s">
        <v>36264</v>
      </c>
      <c r="L2604" s="2" t="s">
        <v>36265</v>
      </c>
      <c r="M2604" s="5" t="s">
        <v>36266</v>
      </c>
      <c r="N2604" s="5" t="s">
        <v>38</v>
      </c>
      <c r="O2604" s="5" t="s">
        <v>39</v>
      </c>
      <c r="P2604" s="5" t="s">
        <v>40</v>
      </c>
      <c r="Q2604" s="5" t="s">
        <v>1522</v>
      </c>
      <c r="R2604" s="5" t="s">
        <v>1523</v>
      </c>
      <c r="S2604" s="5" t="s">
        <v>42</v>
      </c>
      <c r="T2604" s="2">
        <v>1.518</v>
      </c>
      <c r="U2604" s="2">
        <v>1.006</v>
      </c>
      <c r="V2604" s="2">
        <v>0.02</v>
      </c>
      <c r="W2604" s="2">
        <v>159.1</v>
      </c>
      <c r="X2604" s="2">
        <v>7.6</v>
      </c>
      <c r="Y2604" s="2">
        <v>16.7</v>
      </c>
      <c r="Z2604" s="5"/>
      <c r="AA2604" s="5" t="s">
        <v>43</v>
      </c>
      <c r="AB2604" s="5" t="s">
        <v>44</v>
      </c>
      <c r="AC2604" s="2"/>
      <c r="AD2604" s="1"/>
    </row>
    <row r="2605" spans="1:30">
      <c r="A2605" s="5" t="s">
        <v>83578</v>
      </c>
      <c r="B2605" s="2" t="s">
        <v>91417</v>
      </c>
      <c r="C2605" s="14" t="s">
        <v>91418</v>
      </c>
      <c r="D2605" s="2" t="s">
        <v>91419</v>
      </c>
      <c r="E2605" s="2" t="s">
        <v>36349</v>
      </c>
      <c r="F2605" s="8">
        <v>218</v>
      </c>
      <c r="G2605" s="5">
        <v>6</v>
      </c>
      <c r="H2605" s="5" t="s">
        <v>1518</v>
      </c>
      <c r="I2605" s="5" t="s">
        <v>36264</v>
      </c>
      <c r="J2605" s="2" t="s">
        <v>36265</v>
      </c>
      <c r="K2605" s="5" t="s">
        <v>36264</v>
      </c>
      <c r="L2605" s="2" t="s">
        <v>36265</v>
      </c>
      <c r="M2605" s="5" t="s">
        <v>36266</v>
      </c>
      <c r="N2605" s="5" t="s">
        <v>38</v>
      </c>
      <c r="O2605" s="5" t="s">
        <v>39</v>
      </c>
      <c r="P2605" s="5" t="s">
        <v>40</v>
      </c>
      <c r="Q2605" s="5" t="s">
        <v>1522</v>
      </c>
      <c r="R2605" s="5" t="s">
        <v>1523</v>
      </c>
      <c r="S2605" s="5" t="s">
        <v>42</v>
      </c>
      <c r="T2605" s="2">
        <v>1.5680000000000001</v>
      </c>
      <c r="U2605" s="2">
        <v>1.056</v>
      </c>
      <c r="V2605" s="2">
        <v>0.02</v>
      </c>
      <c r="W2605" s="2">
        <v>159.1</v>
      </c>
      <c r="X2605" s="2">
        <v>7.6</v>
      </c>
      <c r="Y2605" s="2">
        <v>16.7</v>
      </c>
      <c r="Z2605" s="5"/>
      <c r="AA2605" s="5" t="s">
        <v>43</v>
      </c>
      <c r="AB2605" s="5" t="s">
        <v>44</v>
      </c>
      <c r="AC2605" s="2"/>
      <c r="AD2605" s="1"/>
    </row>
    <row r="2606" spans="1:30">
      <c r="A2606" s="5" t="s">
        <v>83578</v>
      </c>
      <c r="B2606" s="2" t="s">
        <v>91420</v>
      </c>
      <c r="C2606" s="14" t="s">
        <v>91421</v>
      </c>
      <c r="D2606" s="2" t="s">
        <v>91422</v>
      </c>
      <c r="E2606" s="2" t="s">
        <v>36353</v>
      </c>
      <c r="F2606" s="8">
        <v>218</v>
      </c>
      <c r="G2606" s="5">
        <v>6</v>
      </c>
      <c r="H2606" s="5" t="s">
        <v>1518</v>
      </c>
      <c r="I2606" s="5" t="s">
        <v>36264</v>
      </c>
      <c r="J2606" s="2" t="s">
        <v>36265</v>
      </c>
      <c r="K2606" s="5" t="s">
        <v>36264</v>
      </c>
      <c r="L2606" s="2" t="s">
        <v>36265</v>
      </c>
      <c r="M2606" s="5" t="s">
        <v>36266</v>
      </c>
      <c r="N2606" s="5" t="s">
        <v>38</v>
      </c>
      <c r="O2606" s="5" t="s">
        <v>39</v>
      </c>
      <c r="P2606" s="5" t="s">
        <v>40</v>
      </c>
      <c r="Q2606" s="5" t="s">
        <v>1522</v>
      </c>
      <c r="R2606" s="5" t="s">
        <v>1523</v>
      </c>
      <c r="S2606" s="5" t="s">
        <v>42</v>
      </c>
      <c r="T2606" s="2">
        <v>1.518</v>
      </c>
      <c r="U2606" s="2">
        <v>1.006</v>
      </c>
      <c r="V2606" s="2">
        <v>0.02</v>
      </c>
      <c r="W2606" s="2">
        <v>159.1</v>
      </c>
      <c r="X2606" s="2">
        <v>7.6</v>
      </c>
      <c r="Y2606" s="2">
        <v>16.7</v>
      </c>
      <c r="Z2606" s="5"/>
      <c r="AA2606" s="5" t="s">
        <v>43</v>
      </c>
      <c r="AB2606" s="5" t="s">
        <v>44</v>
      </c>
      <c r="AC2606" s="2"/>
      <c r="AD2606" s="1"/>
    </row>
    <row r="2607" spans="1:30">
      <c r="A2607" s="5" t="s">
        <v>83578</v>
      </c>
      <c r="B2607" s="2" t="s">
        <v>91423</v>
      </c>
      <c r="C2607" s="14" t="s">
        <v>91424</v>
      </c>
      <c r="D2607" s="2" t="s">
        <v>91425</v>
      </c>
      <c r="E2607" s="2" t="s">
        <v>36357</v>
      </c>
      <c r="F2607" s="8">
        <v>218</v>
      </c>
      <c r="G2607" s="5">
        <v>6</v>
      </c>
      <c r="H2607" s="5" t="s">
        <v>1518</v>
      </c>
      <c r="I2607" s="5" t="s">
        <v>36264</v>
      </c>
      <c r="J2607" s="2" t="s">
        <v>36265</v>
      </c>
      <c r="K2607" s="5" t="s">
        <v>36264</v>
      </c>
      <c r="L2607" s="2" t="s">
        <v>36265</v>
      </c>
      <c r="M2607" s="5" t="s">
        <v>36266</v>
      </c>
      <c r="N2607" s="5" t="s">
        <v>38</v>
      </c>
      <c r="O2607" s="5" t="s">
        <v>39</v>
      </c>
      <c r="P2607" s="5" t="s">
        <v>40</v>
      </c>
      <c r="Q2607" s="5" t="s">
        <v>1522</v>
      </c>
      <c r="R2607" s="5" t="s">
        <v>1523</v>
      </c>
      <c r="S2607" s="5" t="s">
        <v>42</v>
      </c>
      <c r="T2607" s="2">
        <v>1.5680000000000001</v>
      </c>
      <c r="U2607" s="2">
        <v>1.056</v>
      </c>
      <c r="V2607" s="2">
        <v>0.02</v>
      </c>
      <c r="W2607" s="2">
        <v>159.1</v>
      </c>
      <c r="X2607" s="2">
        <v>7.6</v>
      </c>
      <c r="Y2607" s="2">
        <v>16.7</v>
      </c>
      <c r="Z2607" s="5"/>
      <c r="AA2607" s="5" t="s">
        <v>43</v>
      </c>
      <c r="AB2607" s="5" t="s">
        <v>44</v>
      </c>
      <c r="AC2607" s="2"/>
      <c r="AD2607" s="1"/>
    </row>
    <row r="2608" spans="1:30">
      <c r="A2608" s="5" t="s">
        <v>83578</v>
      </c>
      <c r="B2608" s="2" t="s">
        <v>91426</v>
      </c>
      <c r="C2608" s="14" t="s">
        <v>91427</v>
      </c>
      <c r="D2608" s="2" t="s">
        <v>91428</v>
      </c>
      <c r="E2608" s="2" t="s">
        <v>36361</v>
      </c>
      <c r="F2608" s="8">
        <v>218</v>
      </c>
      <c r="G2608" s="5">
        <v>6</v>
      </c>
      <c r="H2608" s="5" t="s">
        <v>1518</v>
      </c>
      <c r="I2608" s="5" t="s">
        <v>36264</v>
      </c>
      <c r="J2608" s="2" t="s">
        <v>36265</v>
      </c>
      <c r="K2608" s="5" t="s">
        <v>36264</v>
      </c>
      <c r="L2608" s="2" t="s">
        <v>36265</v>
      </c>
      <c r="M2608" s="5" t="s">
        <v>36266</v>
      </c>
      <c r="N2608" s="5" t="s">
        <v>38</v>
      </c>
      <c r="O2608" s="5" t="s">
        <v>39</v>
      </c>
      <c r="P2608" s="5" t="s">
        <v>40</v>
      </c>
      <c r="Q2608" s="5" t="s">
        <v>1522</v>
      </c>
      <c r="R2608" s="5" t="s">
        <v>1523</v>
      </c>
      <c r="S2608" s="5" t="s">
        <v>42</v>
      </c>
      <c r="T2608" s="2">
        <v>1.518</v>
      </c>
      <c r="U2608" s="2">
        <v>1.006</v>
      </c>
      <c r="V2608" s="2">
        <v>0.02</v>
      </c>
      <c r="W2608" s="2">
        <v>159.1</v>
      </c>
      <c r="X2608" s="2">
        <v>7.6</v>
      </c>
      <c r="Y2608" s="2">
        <v>16.7</v>
      </c>
      <c r="Z2608" s="5"/>
      <c r="AA2608" s="5" t="s">
        <v>43</v>
      </c>
      <c r="AB2608" s="5" t="s">
        <v>44</v>
      </c>
      <c r="AC2608" s="2"/>
      <c r="AD2608" s="1"/>
    </row>
    <row r="2609" spans="1:30">
      <c r="A2609" s="5" t="s">
        <v>83578</v>
      </c>
      <c r="B2609" s="2" t="s">
        <v>91429</v>
      </c>
      <c r="C2609" s="14" t="s">
        <v>91430</v>
      </c>
      <c r="D2609" s="2" t="s">
        <v>91431</v>
      </c>
      <c r="E2609" s="2" t="s">
        <v>36365</v>
      </c>
      <c r="F2609" s="8">
        <v>218</v>
      </c>
      <c r="G2609" s="5">
        <v>6</v>
      </c>
      <c r="H2609" s="5" t="s">
        <v>1518</v>
      </c>
      <c r="I2609" s="5" t="s">
        <v>36264</v>
      </c>
      <c r="J2609" s="2" t="s">
        <v>36265</v>
      </c>
      <c r="K2609" s="5" t="s">
        <v>36264</v>
      </c>
      <c r="L2609" s="2" t="s">
        <v>36265</v>
      </c>
      <c r="M2609" s="5" t="s">
        <v>36266</v>
      </c>
      <c r="N2609" s="5" t="s">
        <v>38</v>
      </c>
      <c r="O2609" s="5" t="s">
        <v>39</v>
      </c>
      <c r="P2609" s="5" t="s">
        <v>40</v>
      </c>
      <c r="Q2609" s="5" t="s">
        <v>1522</v>
      </c>
      <c r="R2609" s="5" t="s">
        <v>1523</v>
      </c>
      <c r="S2609" s="5" t="s">
        <v>42</v>
      </c>
      <c r="T2609" s="2">
        <v>1.5680000000000001</v>
      </c>
      <c r="U2609" s="2">
        <v>1.056</v>
      </c>
      <c r="V2609" s="2">
        <v>0.02</v>
      </c>
      <c r="W2609" s="2">
        <v>159.1</v>
      </c>
      <c r="X2609" s="2">
        <v>7.6</v>
      </c>
      <c r="Y2609" s="2">
        <v>16.7</v>
      </c>
      <c r="Z2609" s="5"/>
      <c r="AA2609" s="5" t="s">
        <v>43</v>
      </c>
      <c r="AB2609" s="5" t="s">
        <v>44</v>
      </c>
      <c r="AC2609" s="2"/>
      <c r="AD2609" s="1"/>
    </row>
    <row r="2610" spans="1:30">
      <c r="A2610" s="5" t="s">
        <v>83578</v>
      </c>
      <c r="B2610" s="2" t="s">
        <v>91432</v>
      </c>
      <c r="C2610" s="14" t="s">
        <v>91433</v>
      </c>
      <c r="D2610" s="2" t="s">
        <v>91434</v>
      </c>
      <c r="E2610" s="2" t="s">
        <v>36369</v>
      </c>
      <c r="F2610" s="8">
        <v>218</v>
      </c>
      <c r="G2610" s="5">
        <v>6</v>
      </c>
      <c r="H2610" s="5" t="s">
        <v>1518</v>
      </c>
      <c r="I2610" s="5" t="s">
        <v>36264</v>
      </c>
      <c r="J2610" s="2" t="s">
        <v>36265</v>
      </c>
      <c r="K2610" s="5" t="s">
        <v>36264</v>
      </c>
      <c r="L2610" s="2" t="s">
        <v>36265</v>
      </c>
      <c r="M2610" s="5" t="s">
        <v>36266</v>
      </c>
      <c r="N2610" s="5" t="s">
        <v>38</v>
      </c>
      <c r="O2610" s="5" t="s">
        <v>39</v>
      </c>
      <c r="P2610" s="5" t="s">
        <v>40</v>
      </c>
      <c r="Q2610" s="5" t="s">
        <v>1522</v>
      </c>
      <c r="R2610" s="5" t="s">
        <v>1523</v>
      </c>
      <c r="S2610" s="5" t="s">
        <v>42</v>
      </c>
      <c r="T2610" s="2">
        <v>1.518</v>
      </c>
      <c r="U2610" s="2">
        <v>1.006</v>
      </c>
      <c r="V2610" s="2">
        <v>0.02</v>
      </c>
      <c r="W2610" s="2">
        <v>159.1</v>
      </c>
      <c r="X2610" s="2">
        <v>7.6</v>
      </c>
      <c r="Y2610" s="2">
        <v>16.7</v>
      </c>
      <c r="Z2610" s="5"/>
      <c r="AA2610" s="5" t="s">
        <v>43</v>
      </c>
      <c r="AB2610" s="5" t="s">
        <v>44</v>
      </c>
      <c r="AC2610" s="2"/>
      <c r="AD2610" s="1"/>
    </row>
    <row r="2611" spans="1:30">
      <c r="A2611" s="5" t="s">
        <v>83578</v>
      </c>
      <c r="B2611" s="2" t="s">
        <v>91435</v>
      </c>
      <c r="C2611" s="14" t="s">
        <v>91436</v>
      </c>
      <c r="D2611" s="2" t="s">
        <v>91437</v>
      </c>
      <c r="E2611" s="2" t="s">
        <v>36373</v>
      </c>
      <c r="F2611" s="8">
        <v>218</v>
      </c>
      <c r="G2611" s="5">
        <v>6</v>
      </c>
      <c r="H2611" s="5" t="s">
        <v>1518</v>
      </c>
      <c r="I2611" s="5" t="s">
        <v>36264</v>
      </c>
      <c r="J2611" s="2" t="s">
        <v>36265</v>
      </c>
      <c r="K2611" s="5" t="s">
        <v>36264</v>
      </c>
      <c r="L2611" s="2" t="s">
        <v>36265</v>
      </c>
      <c r="M2611" s="5" t="s">
        <v>36266</v>
      </c>
      <c r="N2611" s="5" t="s">
        <v>38</v>
      </c>
      <c r="O2611" s="5" t="s">
        <v>39</v>
      </c>
      <c r="P2611" s="5" t="s">
        <v>40</v>
      </c>
      <c r="Q2611" s="5" t="s">
        <v>1522</v>
      </c>
      <c r="R2611" s="5" t="s">
        <v>1523</v>
      </c>
      <c r="S2611" s="5" t="s">
        <v>42</v>
      </c>
      <c r="T2611" s="2">
        <v>1.5680000000000001</v>
      </c>
      <c r="U2611" s="2">
        <v>1.056</v>
      </c>
      <c r="V2611" s="2">
        <v>0.02</v>
      </c>
      <c r="W2611" s="2">
        <v>159.1</v>
      </c>
      <c r="X2611" s="2">
        <v>7.6</v>
      </c>
      <c r="Y2611" s="2">
        <v>16.7</v>
      </c>
      <c r="Z2611" s="5"/>
      <c r="AA2611" s="5" t="s">
        <v>43</v>
      </c>
      <c r="AB2611" s="5" t="s">
        <v>44</v>
      </c>
      <c r="AC2611" s="2"/>
      <c r="AD2611" s="1"/>
    </row>
    <row r="2612" spans="1:30">
      <c r="A2612" s="5" t="s">
        <v>83578</v>
      </c>
      <c r="B2612" s="2" t="s">
        <v>91438</v>
      </c>
      <c r="C2612" s="14" t="s">
        <v>91439</v>
      </c>
      <c r="D2612" s="2" t="s">
        <v>91440</v>
      </c>
      <c r="E2612" s="2" t="s">
        <v>36385</v>
      </c>
      <c r="F2612" s="8">
        <v>218</v>
      </c>
      <c r="G2612" s="5">
        <v>6</v>
      </c>
      <c r="H2612" s="5" t="s">
        <v>1518</v>
      </c>
      <c r="I2612" s="5" t="s">
        <v>36264</v>
      </c>
      <c r="J2612" s="2" t="s">
        <v>36265</v>
      </c>
      <c r="K2612" s="5" t="s">
        <v>36264</v>
      </c>
      <c r="L2612" s="2" t="s">
        <v>36265</v>
      </c>
      <c r="M2612" s="5" t="s">
        <v>36266</v>
      </c>
      <c r="N2612" s="5" t="s">
        <v>38</v>
      </c>
      <c r="O2612" s="5" t="s">
        <v>39</v>
      </c>
      <c r="P2612" s="5" t="s">
        <v>40</v>
      </c>
      <c r="Q2612" s="5" t="s">
        <v>1522</v>
      </c>
      <c r="R2612" s="5" t="s">
        <v>1523</v>
      </c>
      <c r="S2612" s="5" t="s">
        <v>42</v>
      </c>
      <c r="T2612" s="2">
        <v>1.518</v>
      </c>
      <c r="U2612" s="2">
        <v>1.006</v>
      </c>
      <c r="V2612" s="2">
        <v>0.02</v>
      </c>
      <c r="W2612" s="2">
        <v>159.1</v>
      </c>
      <c r="X2612" s="2">
        <v>7.6</v>
      </c>
      <c r="Y2612" s="2">
        <v>16.7</v>
      </c>
      <c r="Z2612" s="5"/>
      <c r="AA2612" s="5" t="s">
        <v>43</v>
      </c>
      <c r="AB2612" s="5" t="s">
        <v>44</v>
      </c>
      <c r="AC2612" s="2"/>
      <c r="AD2612" s="1"/>
    </row>
    <row r="2613" spans="1:30">
      <c r="A2613" s="5" t="s">
        <v>83578</v>
      </c>
      <c r="B2613" s="2" t="s">
        <v>91441</v>
      </c>
      <c r="C2613" s="14" t="s">
        <v>91442</v>
      </c>
      <c r="D2613" s="2" t="s">
        <v>91443</v>
      </c>
      <c r="E2613" s="2" t="s">
        <v>36389</v>
      </c>
      <c r="F2613" s="8">
        <v>218</v>
      </c>
      <c r="G2613" s="5">
        <v>6</v>
      </c>
      <c r="H2613" s="5" t="s">
        <v>1518</v>
      </c>
      <c r="I2613" s="5" t="s">
        <v>36264</v>
      </c>
      <c r="J2613" s="2" t="s">
        <v>36265</v>
      </c>
      <c r="K2613" s="5" t="s">
        <v>36264</v>
      </c>
      <c r="L2613" s="2" t="s">
        <v>36265</v>
      </c>
      <c r="M2613" s="5" t="s">
        <v>36266</v>
      </c>
      <c r="N2613" s="5" t="s">
        <v>38</v>
      </c>
      <c r="O2613" s="5" t="s">
        <v>39</v>
      </c>
      <c r="P2613" s="5" t="s">
        <v>40</v>
      </c>
      <c r="Q2613" s="5" t="s">
        <v>1522</v>
      </c>
      <c r="R2613" s="5" t="s">
        <v>1523</v>
      </c>
      <c r="S2613" s="5" t="s">
        <v>42</v>
      </c>
      <c r="T2613" s="2">
        <v>1.5680000000000001</v>
      </c>
      <c r="U2613" s="2">
        <v>1.056</v>
      </c>
      <c r="V2613" s="2">
        <v>0.02</v>
      </c>
      <c r="W2613" s="2">
        <v>159.1</v>
      </c>
      <c r="X2613" s="2">
        <v>7.6</v>
      </c>
      <c r="Y2613" s="2">
        <v>16.7</v>
      </c>
      <c r="Z2613" s="5"/>
      <c r="AA2613" s="5" t="s">
        <v>43</v>
      </c>
      <c r="AB2613" s="5" t="s">
        <v>44</v>
      </c>
      <c r="AC2613" s="2"/>
      <c r="AD2613" s="1"/>
    </row>
    <row r="2614" spans="1:30">
      <c r="A2614" s="5" t="s">
        <v>83578</v>
      </c>
      <c r="B2614" s="2" t="s">
        <v>91444</v>
      </c>
      <c r="C2614" s="14" t="s">
        <v>91445</v>
      </c>
      <c r="D2614" s="2" t="s">
        <v>91446</v>
      </c>
      <c r="E2614" s="2" t="s">
        <v>36281</v>
      </c>
      <c r="F2614" s="8">
        <v>262</v>
      </c>
      <c r="G2614" s="5">
        <v>6</v>
      </c>
      <c r="H2614" s="5" t="s">
        <v>1518</v>
      </c>
      <c r="I2614" s="5" t="s">
        <v>36264</v>
      </c>
      <c r="J2614" s="2" t="s">
        <v>36265</v>
      </c>
      <c r="K2614" s="5" t="s">
        <v>36264</v>
      </c>
      <c r="L2614" s="2" t="s">
        <v>36265</v>
      </c>
      <c r="M2614" s="5" t="s">
        <v>36266</v>
      </c>
      <c r="N2614" s="5" t="s">
        <v>38</v>
      </c>
      <c r="O2614" s="5" t="s">
        <v>39</v>
      </c>
      <c r="P2614" s="5" t="s">
        <v>40</v>
      </c>
      <c r="Q2614" s="5" t="s">
        <v>1522</v>
      </c>
      <c r="R2614" s="5" t="s">
        <v>1523</v>
      </c>
      <c r="S2614" s="5" t="s">
        <v>42</v>
      </c>
      <c r="T2614" s="2">
        <v>2.2360000000000002</v>
      </c>
      <c r="U2614" s="2">
        <v>1.641</v>
      </c>
      <c r="V2614" s="2">
        <v>0.02</v>
      </c>
      <c r="W2614" s="2">
        <v>159.1</v>
      </c>
      <c r="X2614" s="2">
        <v>7.6</v>
      </c>
      <c r="Y2614" s="2">
        <v>16.7</v>
      </c>
      <c r="Z2614" s="5"/>
      <c r="AA2614" s="5" t="s">
        <v>43</v>
      </c>
      <c r="AB2614" s="5" t="s">
        <v>44</v>
      </c>
      <c r="AC2614" s="2"/>
      <c r="AD2614" s="1"/>
    </row>
    <row r="2615" spans="1:30">
      <c r="A2615" s="5" t="s">
        <v>83578</v>
      </c>
      <c r="B2615" s="2" t="s">
        <v>91447</v>
      </c>
      <c r="C2615" s="14" t="s">
        <v>91448</v>
      </c>
      <c r="D2615" s="2" t="s">
        <v>91449</v>
      </c>
      <c r="E2615" s="2" t="s">
        <v>36285</v>
      </c>
      <c r="F2615" s="8">
        <v>262</v>
      </c>
      <c r="G2615" s="5">
        <v>6</v>
      </c>
      <c r="H2615" s="5" t="s">
        <v>1518</v>
      </c>
      <c r="I2615" s="5" t="s">
        <v>36264</v>
      </c>
      <c r="J2615" s="2" t="s">
        <v>36265</v>
      </c>
      <c r="K2615" s="5" t="s">
        <v>36264</v>
      </c>
      <c r="L2615" s="2" t="s">
        <v>36265</v>
      </c>
      <c r="M2615" s="5" t="s">
        <v>36266</v>
      </c>
      <c r="N2615" s="5" t="s">
        <v>38</v>
      </c>
      <c r="O2615" s="5" t="s">
        <v>39</v>
      </c>
      <c r="P2615" s="5" t="s">
        <v>40</v>
      </c>
      <c r="Q2615" s="5" t="s">
        <v>1522</v>
      </c>
      <c r="R2615" s="5" t="s">
        <v>1523</v>
      </c>
      <c r="S2615" s="5" t="s">
        <v>42</v>
      </c>
      <c r="T2615" s="2">
        <v>2.286</v>
      </c>
      <c r="U2615" s="2">
        <v>1.6910000000000001</v>
      </c>
      <c r="V2615" s="2">
        <v>0.02</v>
      </c>
      <c r="W2615" s="2">
        <v>159.1</v>
      </c>
      <c r="X2615" s="2">
        <v>7.6</v>
      </c>
      <c r="Y2615" s="2">
        <v>16.7</v>
      </c>
      <c r="Z2615" s="5"/>
      <c r="AA2615" s="5" t="s">
        <v>43</v>
      </c>
      <c r="AB2615" s="5" t="s">
        <v>44</v>
      </c>
      <c r="AC2615" s="2"/>
      <c r="AD2615" s="1"/>
    </row>
    <row r="2616" spans="1:30">
      <c r="A2616" s="5" t="s">
        <v>83578</v>
      </c>
      <c r="B2616" s="2" t="s">
        <v>91450</v>
      </c>
      <c r="C2616" s="14" t="s">
        <v>91451</v>
      </c>
      <c r="D2616" s="2" t="s">
        <v>91452</v>
      </c>
      <c r="E2616" s="2" t="s">
        <v>36357</v>
      </c>
      <c r="F2616" s="8">
        <v>262</v>
      </c>
      <c r="G2616" s="5">
        <v>6</v>
      </c>
      <c r="H2616" s="5" t="s">
        <v>1518</v>
      </c>
      <c r="I2616" s="5" t="s">
        <v>36264</v>
      </c>
      <c r="J2616" s="2" t="s">
        <v>36265</v>
      </c>
      <c r="K2616" s="5" t="s">
        <v>36264</v>
      </c>
      <c r="L2616" s="2" t="s">
        <v>36265</v>
      </c>
      <c r="M2616" s="5" t="s">
        <v>36266</v>
      </c>
      <c r="N2616" s="5" t="s">
        <v>38</v>
      </c>
      <c r="O2616" s="5" t="s">
        <v>39</v>
      </c>
      <c r="P2616" s="5" t="s">
        <v>40</v>
      </c>
      <c r="Q2616" s="5" t="s">
        <v>1522</v>
      </c>
      <c r="R2616" s="5" t="s">
        <v>1523</v>
      </c>
      <c r="S2616" s="5" t="s">
        <v>42</v>
      </c>
      <c r="T2616" s="2">
        <v>2.286</v>
      </c>
      <c r="U2616" s="2">
        <v>1.6910000000000001</v>
      </c>
      <c r="V2616" s="2">
        <v>0.02</v>
      </c>
      <c r="W2616" s="2">
        <v>159.1</v>
      </c>
      <c r="X2616" s="2">
        <v>7.6</v>
      </c>
      <c r="Y2616" s="2">
        <v>16.7</v>
      </c>
      <c r="Z2616" s="5"/>
      <c r="AA2616" s="5" t="s">
        <v>43</v>
      </c>
      <c r="AB2616" s="5" t="s">
        <v>44</v>
      </c>
      <c r="AC2616" s="2"/>
      <c r="AD2616" s="1"/>
    </row>
    <row r="2617" spans="1:30">
      <c r="A2617" s="5" t="s">
        <v>83578</v>
      </c>
      <c r="B2617" s="2" t="s">
        <v>91453</v>
      </c>
      <c r="C2617" s="14" t="s">
        <v>91454</v>
      </c>
      <c r="D2617" s="2" t="s">
        <v>91455</v>
      </c>
      <c r="E2617" s="2" t="s">
        <v>36313</v>
      </c>
      <c r="F2617" s="8">
        <v>119</v>
      </c>
      <c r="G2617" s="5">
        <v>6</v>
      </c>
      <c r="H2617" s="5" t="s">
        <v>1518</v>
      </c>
      <c r="I2617" s="5" t="s">
        <v>36264</v>
      </c>
      <c r="J2617" s="2" t="s">
        <v>36265</v>
      </c>
      <c r="K2617" s="5" t="s">
        <v>36264</v>
      </c>
      <c r="L2617" s="2" t="s">
        <v>36265</v>
      </c>
      <c r="M2617" s="5" t="s">
        <v>36266</v>
      </c>
      <c r="N2617" s="5" t="s">
        <v>38</v>
      </c>
      <c r="O2617" s="5" t="s">
        <v>39</v>
      </c>
      <c r="P2617" s="5" t="s">
        <v>40</v>
      </c>
      <c r="Q2617" s="5" t="s">
        <v>1522</v>
      </c>
      <c r="R2617" s="5" t="s">
        <v>1523</v>
      </c>
      <c r="S2617" s="5" t="s">
        <v>42</v>
      </c>
      <c r="T2617" s="2">
        <v>0.98499999999999999</v>
      </c>
      <c r="U2617" s="2">
        <v>0.56599999999999995</v>
      </c>
      <c r="V2617" s="2">
        <v>0.01</v>
      </c>
      <c r="W2617" s="2">
        <v>76.900000000000006</v>
      </c>
      <c r="X2617" s="2">
        <v>7.6</v>
      </c>
      <c r="Y2617" s="2">
        <v>16.7</v>
      </c>
      <c r="Z2617" s="5"/>
      <c r="AA2617" s="5" t="s">
        <v>43</v>
      </c>
      <c r="AB2617" s="5" t="s">
        <v>44</v>
      </c>
      <c r="AC2617" s="2"/>
      <c r="AD2617" s="1"/>
    </row>
    <row r="2618" spans="1:30">
      <c r="A2618" s="5" t="s">
        <v>83578</v>
      </c>
      <c r="B2618" s="2" t="s">
        <v>91456</v>
      </c>
      <c r="C2618" s="14" t="s">
        <v>91457</v>
      </c>
      <c r="D2618" s="2" t="s">
        <v>91458</v>
      </c>
      <c r="E2618" s="2" t="s">
        <v>36321</v>
      </c>
      <c r="F2618" s="8">
        <v>119</v>
      </c>
      <c r="G2618" s="5">
        <v>6</v>
      </c>
      <c r="H2618" s="5" t="s">
        <v>1518</v>
      </c>
      <c r="I2618" s="5" t="s">
        <v>36264</v>
      </c>
      <c r="J2618" s="2" t="s">
        <v>36265</v>
      </c>
      <c r="K2618" s="5" t="s">
        <v>36264</v>
      </c>
      <c r="L2618" s="2" t="s">
        <v>36265</v>
      </c>
      <c r="M2618" s="5" t="s">
        <v>36266</v>
      </c>
      <c r="N2618" s="5" t="s">
        <v>38</v>
      </c>
      <c r="O2618" s="5" t="s">
        <v>39</v>
      </c>
      <c r="P2618" s="5" t="s">
        <v>40</v>
      </c>
      <c r="Q2618" s="5" t="s">
        <v>1522</v>
      </c>
      <c r="R2618" s="5" t="s">
        <v>1523</v>
      </c>
      <c r="S2618" s="5" t="s">
        <v>42</v>
      </c>
      <c r="T2618" s="2">
        <v>0.98499999999999999</v>
      </c>
      <c r="U2618" s="2">
        <v>0.56599999999999995</v>
      </c>
      <c r="V2618" s="2">
        <v>0.01</v>
      </c>
      <c r="W2618" s="2">
        <v>76.900000000000006</v>
      </c>
      <c r="X2618" s="2">
        <v>7.6</v>
      </c>
      <c r="Y2618" s="2">
        <v>16.7</v>
      </c>
      <c r="Z2618" s="5"/>
      <c r="AA2618" s="5" t="s">
        <v>43</v>
      </c>
      <c r="AB2618" s="5" t="s">
        <v>44</v>
      </c>
      <c r="AC2618" s="2"/>
      <c r="AD2618" s="1"/>
    </row>
    <row r="2619" spans="1:30">
      <c r="A2619" s="5" t="s">
        <v>83578</v>
      </c>
      <c r="B2619" s="2" t="s">
        <v>91459</v>
      </c>
      <c r="C2619" s="14" t="s">
        <v>91460</v>
      </c>
      <c r="D2619" s="2" t="s">
        <v>91461</v>
      </c>
      <c r="E2619" s="2" t="s">
        <v>36337</v>
      </c>
      <c r="F2619" s="8">
        <v>119</v>
      </c>
      <c r="G2619" s="5">
        <v>6</v>
      </c>
      <c r="H2619" s="5" t="s">
        <v>1518</v>
      </c>
      <c r="I2619" s="5" t="s">
        <v>36264</v>
      </c>
      <c r="J2619" s="2" t="s">
        <v>36265</v>
      </c>
      <c r="K2619" s="5" t="s">
        <v>36264</v>
      </c>
      <c r="L2619" s="2" t="s">
        <v>36265</v>
      </c>
      <c r="M2619" s="5" t="s">
        <v>36266</v>
      </c>
      <c r="N2619" s="5" t="s">
        <v>38</v>
      </c>
      <c r="O2619" s="5" t="s">
        <v>39</v>
      </c>
      <c r="P2619" s="5" t="s">
        <v>40</v>
      </c>
      <c r="Q2619" s="5" t="s">
        <v>1522</v>
      </c>
      <c r="R2619" s="5" t="s">
        <v>1523</v>
      </c>
      <c r="S2619" s="5" t="s">
        <v>42</v>
      </c>
      <c r="T2619" s="2">
        <v>0.98499999999999999</v>
      </c>
      <c r="U2619" s="2">
        <v>0.56599999999999995</v>
      </c>
      <c r="V2619" s="2">
        <v>0.01</v>
      </c>
      <c r="W2619" s="2">
        <v>76.900000000000006</v>
      </c>
      <c r="X2619" s="2">
        <v>7.6</v>
      </c>
      <c r="Y2619" s="2">
        <v>16.7</v>
      </c>
      <c r="Z2619" s="5"/>
      <c r="AA2619" s="5" t="s">
        <v>43</v>
      </c>
      <c r="AB2619" s="5" t="s">
        <v>44</v>
      </c>
      <c r="AC2619" s="2"/>
      <c r="AD2619" s="1"/>
    </row>
    <row r="2620" spans="1:30">
      <c r="A2620" s="5" t="s">
        <v>83578</v>
      </c>
      <c r="B2620" s="2" t="s">
        <v>91462</v>
      </c>
      <c r="C2620" s="14" t="s">
        <v>91463</v>
      </c>
      <c r="D2620" s="2" t="s">
        <v>91464</v>
      </c>
      <c r="E2620" s="2" t="s">
        <v>36345</v>
      </c>
      <c r="F2620" s="8">
        <v>119</v>
      </c>
      <c r="G2620" s="5">
        <v>6</v>
      </c>
      <c r="H2620" s="5" t="s">
        <v>1518</v>
      </c>
      <c r="I2620" s="5" t="s">
        <v>36264</v>
      </c>
      <c r="J2620" s="2" t="s">
        <v>36265</v>
      </c>
      <c r="K2620" s="5" t="s">
        <v>36264</v>
      </c>
      <c r="L2620" s="2" t="s">
        <v>36265</v>
      </c>
      <c r="M2620" s="5" t="s">
        <v>36266</v>
      </c>
      <c r="N2620" s="5" t="s">
        <v>38</v>
      </c>
      <c r="O2620" s="5" t="s">
        <v>39</v>
      </c>
      <c r="P2620" s="5" t="s">
        <v>40</v>
      </c>
      <c r="Q2620" s="5" t="s">
        <v>1522</v>
      </c>
      <c r="R2620" s="5" t="s">
        <v>1523</v>
      </c>
      <c r="S2620" s="5" t="s">
        <v>42</v>
      </c>
      <c r="T2620" s="2">
        <v>0.98499999999999999</v>
      </c>
      <c r="U2620" s="2">
        <v>0.56599999999999995</v>
      </c>
      <c r="V2620" s="2">
        <v>0.01</v>
      </c>
      <c r="W2620" s="2">
        <v>76.900000000000006</v>
      </c>
      <c r="X2620" s="2">
        <v>7.6</v>
      </c>
      <c r="Y2620" s="2">
        <v>16.7</v>
      </c>
      <c r="Z2620" s="5"/>
      <c r="AA2620" s="5" t="s">
        <v>43</v>
      </c>
      <c r="AB2620" s="5" t="s">
        <v>44</v>
      </c>
      <c r="AC2620" s="2"/>
      <c r="AD2620" s="1"/>
    </row>
    <row r="2621" spans="1:30">
      <c r="A2621" s="5" t="s">
        <v>83578</v>
      </c>
      <c r="B2621" s="2" t="s">
        <v>91465</v>
      </c>
      <c r="C2621" s="14" t="s">
        <v>91466</v>
      </c>
      <c r="D2621" s="2" t="s">
        <v>91467</v>
      </c>
      <c r="E2621" s="2" t="s">
        <v>36385</v>
      </c>
      <c r="F2621" s="8">
        <v>119</v>
      </c>
      <c r="G2621" s="5">
        <v>6</v>
      </c>
      <c r="H2621" s="5" t="s">
        <v>1518</v>
      </c>
      <c r="I2621" s="5" t="s">
        <v>36264</v>
      </c>
      <c r="J2621" s="2" t="s">
        <v>36265</v>
      </c>
      <c r="K2621" s="5" t="s">
        <v>36264</v>
      </c>
      <c r="L2621" s="2" t="s">
        <v>36265</v>
      </c>
      <c r="M2621" s="5" t="s">
        <v>36266</v>
      </c>
      <c r="N2621" s="5" t="s">
        <v>38</v>
      </c>
      <c r="O2621" s="5" t="s">
        <v>39</v>
      </c>
      <c r="P2621" s="5" t="s">
        <v>40</v>
      </c>
      <c r="Q2621" s="5" t="s">
        <v>1522</v>
      </c>
      <c r="R2621" s="5" t="s">
        <v>1523</v>
      </c>
      <c r="S2621" s="5" t="s">
        <v>42</v>
      </c>
      <c r="T2621" s="2">
        <v>0.98499999999999999</v>
      </c>
      <c r="U2621" s="2">
        <v>0.56599999999999995</v>
      </c>
      <c r="V2621" s="2">
        <v>0.01</v>
      </c>
      <c r="W2621" s="2">
        <v>76.900000000000006</v>
      </c>
      <c r="X2621" s="2">
        <v>7.6</v>
      </c>
      <c r="Y2621" s="2">
        <v>16.7</v>
      </c>
      <c r="Z2621" s="5"/>
      <c r="AA2621" s="5" t="s">
        <v>43</v>
      </c>
      <c r="AB2621" s="5" t="s">
        <v>44</v>
      </c>
      <c r="AC2621" s="2"/>
      <c r="AD2621" s="1"/>
    </row>
    <row r="2622" spans="1:30">
      <c r="A2622" s="5" t="s">
        <v>83578</v>
      </c>
      <c r="B2622" s="2" t="s">
        <v>91468</v>
      </c>
      <c r="C2622" s="14" t="s">
        <v>91469</v>
      </c>
      <c r="D2622" s="2" t="s">
        <v>91470</v>
      </c>
      <c r="E2622" s="2" t="s">
        <v>36345</v>
      </c>
      <c r="F2622" s="8">
        <v>165</v>
      </c>
      <c r="G2622" s="5">
        <v>6</v>
      </c>
      <c r="H2622" s="5" t="s">
        <v>1518</v>
      </c>
      <c r="I2622" s="5" t="s">
        <v>36264</v>
      </c>
      <c r="J2622" s="2" t="s">
        <v>36265</v>
      </c>
      <c r="K2622" s="5" t="s">
        <v>36264</v>
      </c>
      <c r="L2622" s="2" t="s">
        <v>36265</v>
      </c>
      <c r="M2622" s="5" t="s">
        <v>36266</v>
      </c>
      <c r="N2622" s="5" t="s">
        <v>38</v>
      </c>
      <c r="O2622" s="5" t="s">
        <v>39</v>
      </c>
      <c r="P2622" s="5" t="s">
        <v>40</v>
      </c>
      <c r="Q2622" s="5" t="s">
        <v>1522</v>
      </c>
      <c r="R2622" s="5" t="s">
        <v>1523</v>
      </c>
      <c r="S2622" s="5" t="s">
        <v>42</v>
      </c>
      <c r="T2622" s="2">
        <v>1.3320000000000001</v>
      </c>
      <c r="U2622" s="2">
        <v>0.81699999999999995</v>
      </c>
      <c r="V2622" s="2">
        <v>1.4999999999999999E-2</v>
      </c>
      <c r="W2622" s="2">
        <v>118.9</v>
      </c>
      <c r="X2622" s="2">
        <v>7.6</v>
      </c>
      <c r="Y2622" s="2">
        <v>16.7</v>
      </c>
      <c r="Z2622" s="5"/>
      <c r="AA2622" s="5" t="s">
        <v>43</v>
      </c>
      <c r="AB2622" s="5" t="s">
        <v>44</v>
      </c>
      <c r="AC2622" s="2"/>
      <c r="AD2622" s="1"/>
    </row>
    <row r="2623" spans="1:30">
      <c r="A2623" s="5" t="s">
        <v>83578</v>
      </c>
      <c r="B2623" s="2" t="s">
        <v>91471</v>
      </c>
      <c r="C2623" s="14" t="s">
        <v>91472</v>
      </c>
      <c r="D2623" s="2" t="s">
        <v>91473</v>
      </c>
      <c r="E2623" s="2" t="s">
        <v>36385</v>
      </c>
      <c r="F2623" s="8">
        <v>165</v>
      </c>
      <c r="G2623" s="5">
        <v>6</v>
      </c>
      <c r="H2623" s="5" t="s">
        <v>1518</v>
      </c>
      <c r="I2623" s="5" t="s">
        <v>36264</v>
      </c>
      <c r="J2623" s="2" t="s">
        <v>36265</v>
      </c>
      <c r="K2623" s="5" t="s">
        <v>36264</v>
      </c>
      <c r="L2623" s="2" t="s">
        <v>36265</v>
      </c>
      <c r="M2623" s="5" t="s">
        <v>36266</v>
      </c>
      <c r="N2623" s="5" t="s">
        <v>38</v>
      </c>
      <c r="O2623" s="5" t="s">
        <v>39</v>
      </c>
      <c r="P2623" s="5" t="s">
        <v>40</v>
      </c>
      <c r="Q2623" s="5" t="s">
        <v>1522</v>
      </c>
      <c r="R2623" s="5" t="s">
        <v>1523</v>
      </c>
      <c r="S2623" s="5" t="s">
        <v>42</v>
      </c>
      <c r="T2623" s="2">
        <v>1.3320000000000001</v>
      </c>
      <c r="U2623" s="2">
        <v>0.81699999999999995</v>
      </c>
      <c r="V2623" s="2">
        <v>1.4999999999999999E-2</v>
      </c>
      <c r="W2623" s="2">
        <v>118.9</v>
      </c>
      <c r="X2623" s="2">
        <v>7.6</v>
      </c>
      <c r="Y2623" s="2">
        <v>16.7</v>
      </c>
      <c r="Z2623" s="5"/>
      <c r="AA2623" s="5" t="s">
        <v>43</v>
      </c>
      <c r="AB2623" s="5" t="s">
        <v>44</v>
      </c>
      <c r="AC2623" s="2"/>
      <c r="AD2623" s="1"/>
    </row>
    <row r="2624" spans="1:30">
      <c r="A2624" s="5" t="s">
        <v>83578</v>
      </c>
      <c r="B2624" s="2" t="s">
        <v>91474</v>
      </c>
      <c r="C2624" s="14" t="s">
        <v>91475</v>
      </c>
      <c r="D2624" s="2" t="s">
        <v>91476</v>
      </c>
      <c r="E2624" s="2" t="s">
        <v>36321</v>
      </c>
      <c r="F2624" s="8">
        <v>182</v>
      </c>
      <c r="G2624" s="5">
        <v>6</v>
      </c>
      <c r="H2624" s="5" t="s">
        <v>1518</v>
      </c>
      <c r="I2624" s="5" t="s">
        <v>36264</v>
      </c>
      <c r="J2624" s="2" t="s">
        <v>36265</v>
      </c>
      <c r="K2624" s="5" t="s">
        <v>36264</v>
      </c>
      <c r="L2624" s="2" t="s">
        <v>36265</v>
      </c>
      <c r="M2624" s="5" t="s">
        <v>36266</v>
      </c>
      <c r="N2624" s="5" t="s">
        <v>38</v>
      </c>
      <c r="O2624" s="5" t="s">
        <v>39</v>
      </c>
      <c r="P2624" s="5" t="s">
        <v>40</v>
      </c>
      <c r="Q2624" s="5" t="s">
        <v>1522</v>
      </c>
      <c r="R2624" s="5" t="s">
        <v>1523</v>
      </c>
      <c r="S2624" s="5" t="s">
        <v>42</v>
      </c>
      <c r="T2624" s="2">
        <v>1.5309999999999999</v>
      </c>
      <c r="U2624" s="2">
        <v>1.0489999999999999</v>
      </c>
      <c r="V2624" s="2">
        <v>1.4999999999999999E-2</v>
      </c>
      <c r="W2624" s="2">
        <v>118.9</v>
      </c>
      <c r="X2624" s="2">
        <v>7.6</v>
      </c>
      <c r="Y2624" s="2">
        <v>16.7</v>
      </c>
      <c r="Z2624" s="5"/>
      <c r="AA2624" s="5" t="s">
        <v>43</v>
      </c>
      <c r="AB2624" s="5" t="s">
        <v>44</v>
      </c>
      <c r="AC2624" s="2"/>
      <c r="AD2624" s="1"/>
    </row>
    <row r="2625" spans="1:30">
      <c r="A2625" s="5" t="s">
        <v>83578</v>
      </c>
      <c r="B2625" s="2" t="s">
        <v>91477</v>
      </c>
      <c r="C2625" s="14" t="s">
        <v>91478</v>
      </c>
      <c r="D2625" s="2" t="s">
        <v>91479</v>
      </c>
      <c r="E2625" s="2" t="s">
        <v>36321</v>
      </c>
      <c r="F2625" s="8">
        <v>196</v>
      </c>
      <c r="G2625" s="5">
        <v>6</v>
      </c>
      <c r="H2625" s="5" t="s">
        <v>1518</v>
      </c>
      <c r="I2625" s="5" t="s">
        <v>36264</v>
      </c>
      <c r="J2625" s="2" t="s">
        <v>36265</v>
      </c>
      <c r="K2625" s="5" t="s">
        <v>36264</v>
      </c>
      <c r="L2625" s="2" t="s">
        <v>36265</v>
      </c>
      <c r="M2625" s="5" t="s">
        <v>36266</v>
      </c>
      <c r="N2625" s="5" t="s">
        <v>38</v>
      </c>
      <c r="O2625" s="5" t="s">
        <v>39</v>
      </c>
      <c r="P2625" s="5" t="s">
        <v>40</v>
      </c>
      <c r="Q2625" s="5" t="s">
        <v>1522</v>
      </c>
      <c r="R2625" s="5" t="s">
        <v>1523</v>
      </c>
      <c r="S2625" s="5" t="s">
        <v>42</v>
      </c>
      <c r="T2625" s="2">
        <v>1.7130000000000001</v>
      </c>
      <c r="U2625" s="2">
        <v>1.1539999999999999</v>
      </c>
      <c r="V2625" s="2">
        <v>1.7999999999999999E-2</v>
      </c>
      <c r="W2625" s="2">
        <v>139.1</v>
      </c>
      <c r="X2625" s="2">
        <v>7.6</v>
      </c>
      <c r="Y2625" s="2">
        <v>16.7</v>
      </c>
      <c r="Z2625" s="5"/>
      <c r="AA2625" s="5" t="s">
        <v>43</v>
      </c>
      <c r="AB2625" s="5" t="s">
        <v>44</v>
      </c>
      <c r="AC2625" s="2"/>
      <c r="AD2625" s="1"/>
    </row>
    <row r="2626" spans="1:30">
      <c r="A2626" s="5" t="s">
        <v>83578</v>
      </c>
      <c r="B2626" s="2" t="s">
        <v>91480</v>
      </c>
      <c r="C2626" s="14" t="s">
        <v>91481</v>
      </c>
      <c r="D2626" s="2" t="s">
        <v>91482</v>
      </c>
      <c r="E2626" s="2" t="s">
        <v>36337</v>
      </c>
      <c r="F2626" s="8">
        <v>245</v>
      </c>
      <c r="G2626" s="5">
        <v>6</v>
      </c>
      <c r="H2626" s="5" t="s">
        <v>1518</v>
      </c>
      <c r="I2626" s="5" t="s">
        <v>36264</v>
      </c>
      <c r="J2626" s="2" t="s">
        <v>36265</v>
      </c>
      <c r="K2626" s="5" t="s">
        <v>36264</v>
      </c>
      <c r="L2626" s="2" t="s">
        <v>36265</v>
      </c>
      <c r="M2626" s="5" t="s">
        <v>36266</v>
      </c>
      <c r="N2626" s="5" t="s">
        <v>38</v>
      </c>
      <c r="O2626" s="5" t="s">
        <v>39</v>
      </c>
      <c r="P2626" s="5" t="s">
        <v>40</v>
      </c>
      <c r="Q2626" s="5" t="s">
        <v>1522</v>
      </c>
      <c r="R2626" s="5" t="s">
        <v>1523</v>
      </c>
      <c r="S2626" s="5" t="s">
        <v>42</v>
      </c>
      <c r="T2626" s="2">
        <v>2.056</v>
      </c>
      <c r="U2626" s="2">
        <v>1.4370000000000001</v>
      </c>
      <c r="V2626" s="2">
        <v>0.02</v>
      </c>
      <c r="W2626" s="2">
        <v>159.1</v>
      </c>
      <c r="X2626" s="2">
        <v>7.6</v>
      </c>
      <c r="Y2626" s="2">
        <v>16.7</v>
      </c>
      <c r="Z2626" s="5"/>
      <c r="AA2626" s="5" t="s">
        <v>43</v>
      </c>
      <c r="AB2626" s="5" t="s">
        <v>44</v>
      </c>
      <c r="AC2626" s="2"/>
      <c r="AD2626" s="1"/>
    </row>
    <row r="2627" spans="1:30">
      <c r="A2627" s="5" t="s">
        <v>83578</v>
      </c>
      <c r="B2627" s="2" t="s">
        <v>91483</v>
      </c>
      <c r="C2627" s="14" t="s">
        <v>91484</v>
      </c>
      <c r="D2627" s="2" t="s">
        <v>91485</v>
      </c>
      <c r="E2627" s="2" t="s">
        <v>36353</v>
      </c>
      <c r="F2627" s="8">
        <v>245</v>
      </c>
      <c r="G2627" s="5">
        <v>6</v>
      </c>
      <c r="H2627" s="5" t="s">
        <v>1518</v>
      </c>
      <c r="I2627" s="5" t="s">
        <v>36264</v>
      </c>
      <c r="J2627" s="2" t="s">
        <v>36265</v>
      </c>
      <c r="K2627" s="5" t="s">
        <v>36264</v>
      </c>
      <c r="L2627" s="2" t="s">
        <v>36265</v>
      </c>
      <c r="M2627" s="5" t="s">
        <v>36266</v>
      </c>
      <c r="N2627" s="5" t="s">
        <v>38</v>
      </c>
      <c r="O2627" s="5" t="s">
        <v>39</v>
      </c>
      <c r="P2627" s="5" t="s">
        <v>40</v>
      </c>
      <c r="Q2627" s="5" t="s">
        <v>1522</v>
      </c>
      <c r="R2627" s="5" t="s">
        <v>1523</v>
      </c>
      <c r="S2627" s="5" t="s">
        <v>42</v>
      </c>
      <c r="T2627" s="2">
        <v>2.056</v>
      </c>
      <c r="U2627" s="2">
        <v>1.4370000000000001</v>
      </c>
      <c r="V2627" s="2">
        <v>0.02</v>
      </c>
      <c r="W2627" s="2">
        <v>159.1</v>
      </c>
      <c r="X2627" s="2">
        <v>7.6</v>
      </c>
      <c r="Y2627" s="2">
        <v>16.7</v>
      </c>
      <c r="Z2627" s="5"/>
      <c r="AA2627" s="5" t="s">
        <v>43</v>
      </c>
      <c r="AB2627" s="5" t="s">
        <v>44</v>
      </c>
      <c r="AC2627" s="2"/>
      <c r="AD2627" s="1"/>
    </row>
    <row r="2628" spans="1:30">
      <c r="A2628" s="5" t="s">
        <v>83578</v>
      </c>
      <c r="B2628" s="2" t="s">
        <v>91486</v>
      </c>
      <c r="C2628" s="14" t="s">
        <v>91487</v>
      </c>
      <c r="D2628" s="2" t="s">
        <v>91488</v>
      </c>
      <c r="E2628" s="2" t="s">
        <v>36321</v>
      </c>
      <c r="F2628" s="8">
        <v>262</v>
      </c>
      <c r="G2628" s="5">
        <v>6</v>
      </c>
      <c r="H2628" s="5" t="s">
        <v>1518</v>
      </c>
      <c r="I2628" s="5" t="s">
        <v>36264</v>
      </c>
      <c r="J2628" s="2" t="s">
        <v>36265</v>
      </c>
      <c r="K2628" s="5" t="s">
        <v>36264</v>
      </c>
      <c r="L2628" s="2" t="s">
        <v>36265</v>
      </c>
      <c r="M2628" s="5" t="s">
        <v>36266</v>
      </c>
      <c r="N2628" s="5" t="s">
        <v>38</v>
      </c>
      <c r="O2628" s="5" t="s">
        <v>39</v>
      </c>
      <c r="P2628" s="5" t="s">
        <v>40</v>
      </c>
      <c r="Q2628" s="5" t="s">
        <v>1522</v>
      </c>
      <c r="R2628" s="5" t="s">
        <v>1523</v>
      </c>
      <c r="S2628" s="5" t="s">
        <v>42</v>
      </c>
      <c r="T2628" s="2">
        <v>2.2160000000000002</v>
      </c>
      <c r="U2628" s="2">
        <v>1.62</v>
      </c>
      <c r="V2628" s="2">
        <v>0.02</v>
      </c>
      <c r="W2628" s="2">
        <v>159.1</v>
      </c>
      <c r="X2628" s="2">
        <v>7.6</v>
      </c>
      <c r="Y2628" s="2">
        <v>16.7</v>
      </c>
      <c r="Z2628" s="5"/>
      <c r="AA2628" s="5" t="s">
        <v>43</v>
      </c>
      <c r="AB2628" s="5" t="s">
        <v>44</v>
      </c>
      <c r="AC2628" s="2"/>
      <c r="AD2628" s="1"/>
    </row>
    <row r="2629" spans="1:30">
      <c r="A2629" s="5" t="s">
        <v>83578</v>
      </c>
      <c r="B2629" s="2" t="s">
        <v>91489</v>
      </c>
      <c r="C2629" s="14" t="s">
        <v>91490</v>
      </c>
      <c r="D2629" s="2" t="s">
        <v>91491</v>
      </c>
      <c r="E2629" s="2" t="s">
        <v>36337</v>
      </c>
      <c r="F2629" s="8">
        <v>262</v>
      </c>
      <c r="G2629" s="5">
        <v>6</v>
      </c>
      <c r="H2629" s="5" t="s">
        <v>1518</v>
      </c>
      <c r="I2629" s="5" t="s">
        <v>36264</v>
      </c>
      <c r="J2629" s="2" t="s">
        <v>36265</v>
      </c>
      <c r="K2629" s="5" t="s">
        <v>36264</v>
      </c>
      <c r="L2629" s="2" t="s">
        <v>36265</v>
      </c>
      <c r="M2629" s="5" t="s">
        <v>36266</v>
      </c>
      <c r="N2629" s="5" t="s">
        <v>38</v>
      </c>
      <c r="O2629" s="5" t="s">
        <v>39</v>
      </c>
      <c r="P2629" s="5" t="s">
        <v>40</v>
      </c>
      <c r="Q2629" s="5" t="s">
        <v>1522</v>
      </c>
      <c r="R2629" s="5" t="s">
        <v>1523</v>
      </c>
      <c r="S2629" s="5" t="s">
        <v>42</v>
      </c>
      <c r="T2629" s="2">
        <v>2.2160000000000002</v>
      </c>
      <c r="U2629" s="2">
        <v>1.62</v>
      </c>
      <c r="V2629" s="2">
        <v>0.02</v>
      </c>
      <c r="W2629" s="2">
        <v>159.1</v>
      </c>
      <c r="X2629" s="2">
        <v>7.6</v>
      </c>
      <c r="Y2629" s="2">
        <v>16.7</v>
      </c>
      <c r="Z2629" s="5"/>
      <c r="AA2629" s="5" t="s">
        <v>43</v>
      </c>
      <c r="AB2629" s="5" t="s">
        <v>44</v>
      </c>
      <c r="AC2629" s="2"/>
      <c r="AD2629" s="1"/>
    </row>
    <row r="2630" spans="1:30">
      <c r="A2630" s="5" t="s">
        <v>83578</v>
      </c>
      <c r="B2630" s="2" t="s">
        <v>91492</v>
      </c>
      <c r="C2630" s="14" t="s">
        <v>91493</v>
      </c>
      <c r="D2630" s="2" t="s">
        <v>91494</v>
      </c>
      <c r="E2630" s="2" t="s">
        <v>36353</v>
      </c>
      <c r="F2630" s="8">
        <v>262</v>
      </c>
      <c r="G2630" s="5">
        <v>6</v>
      </c>
      <c r="H2630" s="5" t="s">
        <v>1518</v>
      </c>
      <c r="I2630" s="5" t="s">
        <v>36264</v>
      </c>
      <c r="J2630" s="2" t="s">
        <v>36265</v>
      </c>
      <c r="K2630" s="5" t="s">
        <v>36264</v>
      </c>
      <c r="L2630" s="2" t="s">
        <v>36265</v>
      </c>
      <c r="M2630" s="5" t="s">
        <v>36266</v>
      </c>
      <c r="N2630" s="5" t="s">
        <v>38</v>
      </c>
      <c r="O2630" s="5" t="s">
        <v>39</v>
      </c>
      <c r="P2630" s="5" t="s">
        <v>40</v>
      </c>
      <c r="Q2630" s="5" t="s">
        <v>1522</v>
      </c>
      <c r="R2630" s="5" t="s">
        <v>1523</v>
      </c>
      <c r="S2630" s="5" t="s">
        <v>42</v>
      </c>
      <c r="T2630" s="2">
        <v>2.2160000000000002</v>
      </c>
      <c r="U2630" s="2">
        <v>1.62</v>
      </c>
      <c r="V2630" s="2">
        <v>0.02</v>
      </c>
      <c r="W2630" s="2">
        <v>159.1</v>
      </c>
      <c r="X2630" s="2">
        <v>7.6</v>
      </c>
      <c r="Y2630" s="2">
        <v>16.7</v>
      </c>
      <c r="Z2630" s="5"/>
      <c r="AA2630" s="5" t="s">
        <v>43</v>
      </c>
      <c r="AB2630" s="5" t="s">
        <v>44</v>
      </c>
      <c r="AC2630" s="2"/>
      <c r="AD2630" s="1"/>
    </row>
    <row r="2631" spans="1:30">
      <c r="A2631" s="5" t="s">
        <v>83578</v>
      </c>
      <c r="B2631" s="2" t="s">
        <v>91495</v>
      </c>
      <c r="C2631" s="14" t="s">
        <v>91496</v>
      </c>
      <c r="D2631" s="2" t="s">
        <v>91497</v>
      </c>
      <c r="E2631" s="2" t="s">
        <v>41267</v>
      </c>
      <c r="F2631" s="8">
        <v>110</v>
      </c>
      <c r="G2631" s="5">
        <v>6</v>
      </c>
      <c r="H2631" s="5" t="s">
        <v>1518</v>
      </c>
      <c r="I2631" s="5" t="s">
        <v>40939</v>
      </c>
      <c r="J2631" s="2" t="s">
        <v>40940</v>
      </c>
      <c r="K2631" s="5" t="s">
        <v>40939</v>
      </c>
      <c r="L2631" s="2" t="s">
        <v>40940</v>
      </c>
      <c r="M2631" s="5" t="s">
        <v>36266</v>
      </c>
      <c r="N2631" s="5" t="s">
        <v>38</v>
      </c>
      <c r="O2631" s="5" t="s">
        <v>39</v>
      </c>
      <c r="P2631" s="5" t="s">
        <v>40</v>
      </c>
      <c r="Q2631" s="5" t="s">
        <v>1522</v>
      </c>
      <c r="R2631" s="5" t="s">
        <v>1523</v>
      </c>
      <c r="S2631" s="5" t="s">
        <v>42</v>
      </c>
      <c r="T2631" s="2">
        <v>0.91300000000000003</v>
      </c>
      <c r="U2631" s="2">
        <v>0.49399999999999999</v>
      </c>
      <c r="V2631" s="2">
        <v>0.01</v>
      </c>
      <c r="W2631" s="2">
        <v>76.900000000000006</v>
      </c>
      <c r="X2631" s="2">
        <v>7.6</v>
      </c>
      <c r="Y2631" s="2">
        <v>16.7</v>
      </c>
      <c r="Z2631" s="5"/>
      <c r="AA2631" s="5" t="s">
        <v>43</v>
      </c>
      <c r="AB2631" s="5" t="s">
        <v>44</v>
      </c>
      <c r="AC2631" s="2"/>
      <c r="AD2631" s="1"/>
    </row>
    <row r="2632" spans="1:30">
      <c r="A2632" s="5" t="s">
        <v>83578</v>
      </c>
      <c r="B2632" s="2" t="s">
        <v>91498</v>
      </c>
      <c r="C2632" s="14" t="s">
        <v>91499</v>
      </c>
      <c r="D2632" s="2" t="s">
        <v>91500</v>
      </c>
      <c r="E2632" s="2" t="s">
        <v>41267</v>
      </c>
      <c r="F2632" s="8">
        <v>126</v>
      </c>
      <c r="G2632" s="5">
        <v>6</v>
      </c>
      <c r="H2632" s="5" t="s">
        <v>1518</v>
      </c>
      <c r="I2632" s="5" t="s">
        <v>40939</v>
      </c>
      <c r="J2632" s="2" t="s">
        <v>40940</v>
      </c>
      <c r="K2632" s="5" t="s">
        <v>40939</v>
      </c>
      <c r="L2632" s="2" t="s">
        <v>40940</v>
      </c>
      <c r="M2632" s="5" t="s">
        <v>36266</v>
      </c>
      <c r="N2632" s="5" t="s">
        <v>38</v>
      </c>
      <c r="O2632" s="5" t="s">
        <v>39</v>
      </c>
      <c r="P2632" s="5" t="s">
        <v>40</v>
      </c>
      <c r="Q2632" s="5" t="s">
        <v>1522</v>
      </c>
      <c r="R2632" s="5" t="s">
        <v>1523</v>
      </c>
      <c r="S2632" s="5" t="s">
        <v>42</v>
      </c>
      <c r="T2632" s="2">
        <v>1.002</v>
      </c>
      <c r="U2632" s="2">
        <v>0.55700000000000005</v>
      </c>
      <c r="V2632" s="2">
        <v>1.0999999999999999E-2</v>
      </c>
      <c r="W2632" s="2">
        <v>82.9</v>
      </c>
      <c r="X2632" s="2">
        <v>7.6</v>
      </c>
      <c r="Y2632" s="2">
        <v>16.7</v>
      </c>
      <c r="Z2632" s="5"/>
      <c r="AA2632" s="5" t="s">
        <v>43</v>
      </c>
      <c r="AB2632" s="5" t="s">
        <v>44</v>
      </c>
      <c r="AC2632" s="2"/>
      <c r="AD2632" s="1"/>
    </row>
    <row r="2633" spans="1:30">
      <c r="A2633" s="5" t="s">
        <v>83578</v>
      </c>
      <c r="B2633" s="2" t="s">
        <v>91501</v>
      </c>
      <c r="C2633" s="14" t="s">
        <v>91502</v>
      </c>
      <c r="D2633" s="2" t="s">
        <v>91503</v>
      </c>
      <c r="E2633" s="2" t="s">
        <v>40967</v>
      </c>
      <c r="F2633" s="8">
        <v>140</v>
      </c>
      <c r="G2633" s="5">
        <v>6</v>
      </c>
      <c r="H2633" s="5" t="s">
        <v>1518</v>
      </c>
      <c r="I2633" s="5" t="s">
        <v>40939</v>
      </c>
      <c r="J2633" s="2" t="s">
        <v>40940</v>
      </c>
      <c r="K2633" s="5" t="s">
        <v>40939</v>
      </c>
      <c r="L2633" s="2" t="s">
        <v>40940</v>
      </c>
      <c r="M2633" s="5" t="s">
        <v>36266</v>
      </c>
      <c r="N2633" s="5" t="s">
        <v>38</v>
      </c>
      <c r="O2633" s="5" t="s">
        <v>39</v>
      </c>
      <c r="P2633" s="5" t="s">
        <v>40</v>
      </c>
      <c r="Q2633" s="5" t="s">
        <v>1522</v>
      </c>
      <c r="R2633" s="5" t="s">
        <v>1523</v>
      </c>
      <c r="S2633" s="5" t="s">
        <v>42</v>
      </c>
      <c r="T2633" s="2">
        <v>1.161</v>
      </c>
      <c r="U2633" s="2">
        <v>0.63500000000000001</v>
      </c>
      <c r="V2633" s="2">
        <v>1.4999999999999999E-2</v>
      </c>
      <c r="W2633" s="2">
        <v>118.9</v>
      </c>
      <c r="X2633" s="2">
        <v>7.6</v>
      </c>
      <c r="Y2633" s="2">
        <v>16.7</v>
      </c>
      <c r="Z2633" s="5"/>
      <c r="AA2633" s="5" t="s">
        <v>43</v>
      </c>
      <c r="AB2633" s="5" t="s">
        <v>44</v>
      </c>
      <c r="AC2633" s="2"/>
      <c r="AD2633" s="1"/>
    </row>
    <row r="2634" spans="1:30">
      <c r="A2634" s="5" t="s">
        <v>83578</v>
      </c>
      <c r="B2634" s="2" t="s">
        <v>91504</v>
      </c>
      <c r="C2634" s="14" t="s">
        <v>91505</v>
      </c>
      <c r="D2634" s="2" t="s">
        <v>91506</v>
      </c>
      <c r="E2634" s="2" t="s">
        <v>40975</v>
      </c>
      <c r="F2634" s="8">
        <v>140</v>
      </c>
      <c r="G2634" s="5">
        <v>6</v>
      </c>
      <c r="H2634" s="5" t="s">
        <v>1518</v>
      </c>
      <c r="I2634" s="5" t="s">
        <v>40939</v>
      </c>
      <c r="J2634" s="2" t="s">
        <v>40940</v>
      </c>
      <c r="K2634" s="5" t="s">
        <v>40939</v>
      </c>
      <c r="L2634" s="2" t="s">
        <v>40940</v>
      </c>
      <c r="M2634" s="5" t="s">
        <v>36266</v>
      </c>
      <c r="N2634" s="5" t="s">
        <v>38</v>
      </c>
      <c r="O2634" s="5" t="s">
        <v>39</v>
      </c>
      <c r="P2634" s="5" t="s">
        <v>40</v>
      </c>
      <c r="Q2634" s="5" t="s">
        <v>1522</v>
      </c>
      <c r="R2634" s="5" t="s">
        <v>1523</v>
      </c>
      <c r="S2634" s="5" t="s">
        <v>42</v>
      </c>
      <c r="T2634" s="2">
        <v>1.161</v>
      </c>
      <c r="U2634" s="2">
        <v>0.63500000000000001</v>
      </c>
      <c r="V2634" s="2">
        <v>1.4999999999999999E-2</v>
      </c>
      <c r="W2634" s="2">
        <v>118.9</v>
      </c>
      <c r="X2634" s="2">
        <v>7.6</v>
      </c>
      <c r="Y2634" s="2">
        <v>16.7</v>
      </c>
      <c r="Z2634" s="5"/>
      <c r="AA2634" s="5" t="s">
        <v>43</v>
      </c>
      <c r="AB2634" s="5" t="s">
        <v>44</v>
      </c>
      <c r="AC2634" s="2"/>
      <c r="AD2634" s="1"/>
    </row>
    <row r="2635" spans="1:30">
      <c r="A2635" s="5" t="s">
        <v>83578</v>
      </c>
      <c r="B2635" s="2" t="s">
        <v>91507</v>
      </c>
      <c r="C2635" s="14" t="s">
        <v>91508</v>
      </c>
      <c r="D2635" s="2" t="s">
        <v>91509</v>
      </c>
      <c r="E2635" s="2" t="s">
        <v>7539</v>
      </c>
      <c r="F2635" s="8">
        <v>140</v>
      </c>
      <c r="G2635" s="5">
        <v>6</v>
      </c>
      <c r="H2635" s="5" t="s">
        <v>1518</v>
      </c>
      <c r="I2635" s="5" t="s">
        <v>40939</v>
      </c>
      <c r="J2635" s="2" t="s">
        <v>40940</v>
      </c>
      <c r="K2635" s="5" t="s">
        <v>40939</v>
      </c>
      <c r="L2635" s="2" t="s">
        <v>40940</v>
      </c>
      <c r="M2635" s="5" t="s">
        <v>36266</v>
      </c>
      <c r="N2635" s="5" t="s">
        <v>38</v>
      </c>
      <c r="O2635" s="5" t="s">
        <v>39</v>
      </c>
      <c r="P2635" s="5" t="s">
        <v>40</v>
      </c>
      <c r="Q2635" s="5" t="s">
        <v>1522</v>
      </c>
      <c r="R2635" s="5" t="s">
        <v>1523</v>
      </c>
      <c r="S2635" s="5" t="s">
        <v>42</v>
      </c>
      <c r="T2635" s="2">
        <v>1.1399999999999999</v>
      </c>
      <c r="U2635" s="2">
        <v>0.61399999999999999</v>
      </c>
      <c r="V2635" s="2">
        <v>1.4999999999999999E-2</v>
      </c>
      <c r="W2635" s="2">
        <v>118.9</v>
      </c>
      <c r="X2635" s="2">
        <v>7.6</v>
      </c>
      <c r="Y2635" s="2">
        <v>16.7</v>
      </c>
      <c r="Z2635" s="5"/>
      <c r="AA2635" s="5" t="s">
        <v>43</v>
      </c>
      <c r="AB2635" s="5" t="s">
        <v>44</v>
      </c>
      <c r="AC2635" s="2"/>
      <c r="AD2635" s="1"/>
    </row>
    <row r="2636" spans="1:30">
      <c r="A2636" s="5" t="s">
        <v>83578</v>
      </c>
      <c r="B2636" s="2" t="s">
        <v>91510</v>
      </c>
      <c r="C2636" s="14" t="s">
        <v>91511</v>
      </c>
      <c r="D2636" s="2" t="s">
        <v>91512</v>
      </c>
      <c r="E2636" s="2" t="s">
        <v>40997</v>
      </c>
      <c r="F2636" s="8">
        <v>140</v>
      </c>
      <c r="G2636" s="5">
        <v>6</v>
      </c>
      <c r="H2636" s="5" t="s">
        <v>1518</v>
      </c>
      <c r="I2636" s="5" t="s">
        <v>40939</v>
      </c>
      <c r="J2636" s="2" t="s">
        <v>40940</v>
      </c>
      <c r="K2636" s="5" t="s">
        <v>40939</v>
      </c>
      <c r="L2636" s="2" t="s">
        <v>40940</v>
      </c>
      <c r="M2636" s="5" t="s">
        <v>36266</v>
      </c>
      <c r="N2636" s="5" t="s">
        <v>38</v>
      </c>
      <c r="O2636" s="5" t="s">
        <v>39</v>
      </c>
      <c r="P2636" s="5" t="s">
        <v>40</v>
      </c>
      <c r="Q2636" s="5" t="s">
        <v>1522</v>
      </c>
      <c r="R2636" s="5" t="s">
        <v>1523</v>
      </c>
      <c r="S2636" s="5" t="s">
        <v>42</v>
      </c>
      <c r="T2636" s="2">
        <v>1.1439999999999999</v>
      </c>
      <c r="U2636" s="2">
        <v>0.61799999999999999</v>
      </c>
      <c r="V2636" s="2">
        <v>1.4999999999999999E-2</v>
      </c>
      <c r="W2636" s="2">
        <v>118.9</v>
      </c>
      <c r="X2636" s="2">
        <v>7.6</v>
      </c>
      <c r="Y2636" s="2">
        <v>16.7</v>
      </c>
      <c r="Z2636" s="5"/>
      <c r="AA2636" s="5" t="s">
        <v>43</v>
      </c>
      <c r="AB2636" s="5" t="s">
        <v>44</v>
      </c>
      <c r="AC2636" s="2"/>
      <c r="AD2636" s="1"/>
    </row>
    <row r="2637" spans="1:30">
      <c r="A2637" s="5" t="s">
        <v>83578</v>
      </c>
      <c r="B2637" s="2" t="s">
        <v>91513</v>
      </c>
      <c r="C2637" s="14" t="s">
        <v>91514</v>
      </c>
      <c r="D2637" s="2" t="s">
        <v>91515</v>
      </c>
      <c r="E2637" s="2" t="s">
        <v>41267</v>
      </c>
      <c r="F2637" s="8">
        <v>140</v>
      </c>
      <c r="G2637" s="5">
        <v>6</v>
      </c>
      <c r="H2637" s="5" t="s">
        <v>1518</v>
      </c>
      <c r="I2637" s="5" t="s">
        <v>40939</v>
      </c>
      <c r="J2637" s="2" t="s">
        <v>40940</v>
      </c>
      <c r="K2637" s="5" t="s">
        <v>40939</v>
      </c>
      <c r="L2637" s="2" t="s">
        <v>40940</v>
      </c>
      <c r="M2637" s="5" t="s">
        <v>36266</v>
      </c>
      <c r="N2637" s="5" t="s">
        <v>38</v>
      </c>
      <c r="O2637" s="5" t="s">
        <v>39</v>
      </c>
      <c r="P2637" s="5" t="s">
        <v>40</v>
      </c>
      <c r="Q2637" s="5" t="s">
        <v>1522</v>
      </c>
      <c r="R2637" s="5" t="s">
        <v>1523</v>
      </c>
      <c r="S2637" s="5" t="s">
        <v>42</v>
      </c>
      <c r="T2637" s="2">
        <v>1.1459999999999999</v>
      </c>
      <c r="U2637" s="2">
        <v>0.62</v>
      </c>
      <c r="V2637" s="2">
        <v>1.4999999999999999E-2</v>
      </c>
      <c r="W2637" s="2">
        <v>118.9</v>
      </c>
      <c r="X2637" s="2">
        <v>7.6</v>
      </c>
      <c r="Y2637" s="2">
        <v>16.7</v>
      </c>
      <c r="Z2637" s="5"/>
      <c r="AA2637" s="5" t="s">
        <v>43</v>
      </c>
      <c r="AB2637" s="5" t="s">
        <v>44</v>
      </c>
      <c r="AC2637" s="2"/>
      <c r="AD2637" s="1"/>
    </row>
    <row r="2638" spans="1:30">
      <c r="A2638" s="5" t="s">
        <v>83578</v>
      </c>
      <c r="B2638" s="2" t="s">
        <v>91516</v>
      </c>
      <c r="C2638" s="14" t="s">
        <v>91517</v>
      </c>
      <c r="D2638" s="2" t="s">
        <v>91518</v>
      </c>
      <c r="E2638" s="2" t="s">
        <v>41001</v>
      </c>
      <c r="F2638" s="8">
        <v>140</v>
      </c>
      <c r="G2638" s="5">
        <v>6</v>
      </c>
      <c r="H2638" s="5" t="s">
        <v>1518</v>
      </c>
      <c r="I2638" s="5" t="s">
        <v>40939</v>
      </c>
      <c r="J2638" s="2" t="s">
        <v>40940</v>
      </c>
      <c r="K2638" s="5" t="s">
        <v>40939</v>
      </c>
      <c r="L2638" s="2" t="s">
        <v>40940</v>
      </c>
      <c r="M2638" s="5" t="s">
        <v>36266</v>
      </c>
      <c r="N2638" s="5" t="s">
        <v>38</v>
      </c>
      <c r="O2638" s="5" t="s">
        <v>39</v>
      </c>
      <c r="P2638" s="5" t="s">
        <v>40</v>
      </c>
      <c r="Q2638" s="5" t="s">
        <v>1522</v>
      </c>
      <c r="R2638" s="5" t="s">
        <v>1523</v>
      </c>
      <c r="S2638" s="5" t="s">
        <v>42</v>
      </c>
      <c r="T2638" s="2">
        <v>1.161</v>
      </c>
      <c r="U2638" s="2">
        <v>0.63500000000000001</v>
      </c>
      <c r="V2638" s="2">
        <v>1.4999999999999999E-2</v>
      </c>
      <c r="W2638" s="2">
        <v>118.9</v>
      </c>
      <c r="X2638" s="2">
        <v>7.6</v>
      </c>
      <c r="Y2638" s="2">
        <v>16.7</v>
      </c>
      <c r="Z2638" s="5"/>
      <c r="AA2638" s="5" t="s">
        <v>43</v>
      </c>
      <c r="AB2638" s="5" t="s">
        <v>44</v>
      </c>
      <c r="AC2638" s="2"/>
      <c r="AD2638" s="1"/>
    </row>
    <row r="2639" spans="1:30">
      <c r="A2639" s="5" t="s">
        <v>83578</v>
      </c>
      <c r="B2639" s="2" t="s">
        <v>91519</v>
      </c>
      <c r="C2639" s="14" t="s">
        <v>91520</v>
      </c>
      <c r="D2639" s="2" t="s">
        <v>91521</v>
      </c>
      <c r="E2639" s="2" t="s">
        <v>41009</v>
      </c>
      <c r="F2639" s="8">
        <v>140</v>
      </c>
      <c r="G2639" s="5">
        <v>6</v>
      </c>
      <c r="H2639" s="5" t="s">
        <v>1518</v>
      </c>
      <c r="I2639" s="5" t="s">
        <v>40939</v>
      </c>
      <c r="J2639" s="2" t="s">
        <v>40940</v>
      </c>
      <c r="K2639" s="5" t="s">
        <v>40939</v>
      </c>
      <c r="L2639" s="2" t="s">
        <v>40940</v>
      </c>
      <c r="M2639" s="5" t="s">
        <v>36266</v>
      </c>
      <c r="N2639" s="5" t="s">
        <v>38</v>
      </c>
      <c r="O2639" s="5" t="s">
        <v>39</v>
      </c>
      <c r="P2639" s="5" t="s">
        <v>40</v>
      </c>
      <c r="Q2639" s="5" t="s">
        <v>1522</v>
      </c>
      <c r="R2639" s="5" t="s">
        <v>1523</v>
      </c>
      <c r="S2639" s="5" t="s">
        <v>42</v>
      </c>
      <c r="T2639" s="2">
        <v>1.165</v>
      </c>
      <c r="U2639" s="2">
        <v>0.63900000000000001</v>
      </c>
      <c r="V2639" s="2">
        <v>1.4999999999999999E-2</v>
      </c>
      <c r="W2639" s="2">
        <v>118.9</v>
      </c>
      <c r="X2639" s="2">
        <v>7.6</v>
      </c>
      <c r="Y2639" s="2">
        <v>16.7</v>
      </c>
      <c r="Z2639" s="5"/>
      <c r="AA2639" s="5" t="s">
        <v>43</v>
      </c>
      <c r="AB2639" s="5" t="s">
        <v>44</v>
      </c>
      <c r="AC2639" s="2"/>
      <c r="AD2639" s="1"/>
    </row>
    <row r="2640" spans="1:30">
      <c r="A2640" s="5" t="s">
        <v>83578</v>
      </c>
      <c r="B2640" s="2" t="s">
        <v>91522</v>
      </c>
      <c r="C2640" s="14" t="s">
        <v>91523</v>
      </c>
      <c r="D2640" s="2" t="s">
        <v>91524</v>
      </c>
      <c r="E2640" s="2" t="s">
        <v>41013</v>
      </c>
      <c r="F2640" s="8">
        <v>140</v>
      </c>
      <c r="G2640" s="5">
        <v>6</v>
      </c>
      <c r="H2640" s="5" t="s">
        <v>1518</v>
      </c>
      <c r="I2640" s="5" t="s">
        <v>40939</v>
      </c>
      <c r="J2640" s="2" t="s">
        <v>40940</v>
      </c>
      <c r="K2640" s="5" t="s">
        <v>40939</v>
      </c>
      <c r="L2640" s="2" t="s">
        <v>40940</v>
      </c>
      <c r="M2640" s="5" t="s">
        <v>36266</v>
      </c>
      <c r="N2640" s="5" t="s">
        <v>38</v>
      </c>
      <c r="O2640" s="5" t="s">
        <v>39</v>
      </c>
      <c r="P2640" s="5" t="s">
        <v>40</v>
      </c>
      <c r="Q2640" s="5" t="s">
        <v>1522</v>
      </c>
      <c r="R2640" s="5" t="s">
        <v>1523</v>
      </c>
      <c r="S2640" s="5" t="s">
        <v>42</v>
      </c>
      <c r="T2640" s="2">
        <v>1.167</v>
      </c>
      <c r="U2640" s="2">
        <v>0.64100000000000001</v>
      </c>
      <c r="V2640" s="2">
        <v>1.4999999999999999E-2</v>
      </c>
      <c r="W2640" s="2">
        <v>118.9</v>
      </c>
      <c r="X2640" s="2">
        <v>7.6</v>
      </c>
      <c r="Y2640" s="2">
        <v>16.7</v>
      </c>
      <c r="Z2640" s="5"/>
      <c r="AA2640" s="5" t="s">
        <v>43</v>
      </c>
      <c r="AB2640" s="5" t="s">
        <v>44</v>
      </c>
      <c r="AC2640" s="2"/>
      <c r="AD2640" s="1"/>
    </row>
    <row r="2641" spans="1:30">
      <c r="A2641" s="5" t="s">
        <v>83578</v>
      </c>
      <c r="B2641" s="2" t="s">
        <v>91525</v>
      </c>
      <c r="C2641" s="14" t="s">
        <v>91526</v>
      </c>
      <c r="D2641" s="2" t="s">
        <v>91527</v>
      </c>
      <c r="E2641" s="2" t="s">
        <v>41045</v>
      </c>
      <c r="F2641" s="8">
        <v>140</v>
      </c>
      <c r="G2641" s="5">
        <v>6</v>
      </c>
      <c r="H2641" s="5" t="s">
        <v>1518</v>
      </c>
      <c r="I2641" s="5" t="s">
        <v>40939</v>
      </c>
      <c r="J2641" s="2" t="s">
        <v>40940</v>
      </c>
      <c r="K2641" s="5" t="s">
        <v>40939</v>
      </c>
      <c r="L2641" s="2" t="s">
        <v>40940</v>
      </c>
      <c r="M2641" s="5" t="s">
        <v>36266</v>
      </c>
      <c r="N2641" s="5" t="s">
        <v>38</v>
      </c>
      <c r="O2641" s="5" t="s">
        <v>39</v>
      </c>
      <c r="P2641" s="5" t="s">
        <v>40</v>
      </c>
      <c r="Q2641" s="5" t="s">
        <v>1522</v>
      </c>
      <c r="R2641" s="5" t="s">
        <v>1523</v>
      </c>
      <c r="S2641" s="5" t="s">
        <v>42</v>
      </c>
      <c r="T2641" s="2">
        <v>1.169</v>
      </c>
      <c r="U2641" s="2">
        <v>0.64300000000000002</v>
      </c>
      <c r="V2641" s="2">
        <v>1.4999999999999999E-2</v>
      </c>
      <c r="W2641" s="2">
        <v>118.9</v>
      </c>
      <c r="X2641" s="2">
        <v>7.6</v>
      </c>
      <c r="Y2641" s="2">
        <v>16.7</v>
      </c>
      <c r="Z2641" s="5"/>
      <c r="AA2641" s="5" t="s">
        <v>43</v>
      </c>
      <c r="AB2641" s="5" t="s">
        <v>44</v>
      </c>
      <c r="AC2641" s="2"/>
      <c r="AD2641" s="1"/>
    </row>
    <row r="2642" spans="1:30">
      <c r="A2642" s="5" t="s">
        <v>83578</v>
      </c>
      <c r="B2642" s="2" t="s">
        <v>91528</v>
      </c>
      <c r="C2642" s="14" t="s">
        <v>91529</v>
      </c>
      <c r="D2642" s="2" t="s">
        <v>91530</v>
      </c>
      <c r="E2642" s="2" t="s">
        <v>40997</v>
      </c>
      <c r="F2642" s="8">
        <v>140</v>
      </c>
      <c r="G2642" s="5">
        <v>6</v>
      </c>
      <c r="H2642" s="5" t="s">
        <v>1518</v>
      </c>
      <c r="I2642" s="5" t="s">
        <v>40939</v>
      </c>
      <c r="J2642" s="2" t="s">
        <v>40940</v>
      </c>
      <c r="K2642" s="5" t="s">
        <v>40939</v>
      </c>
      <c r="L2642" s="2" t="s">
        <v>40940</v>
      </c>
      <c r="M2642" s="5" t="s">
        <v>36266</v>
      </c>
      <c r="N2642" s="5" t="s">
        <v>38</v>
      </c>
      <c r="O2642" s="5" t="s">
        <v>39</v>
      </c>
      <c r="P2642" s="5" t="s">
        <v>40</v>
      </c>
      <c r="Q2642" s="5" t="s">
        <v>1522</v>
      </c>
      <c r="R2642" s="5" t="s">
        <v>1523</v>
      </c>
      <c r="S2642" s="5" t="s">
        <v>42</v>
      </c>
      <c r="T2642" s="2">
        <v>1.163</v>
      </c>
      <c r="U2642" s="2">
        <v>0.63700000000000001</v>
      </c>
      <c r="V2642" s="2">
        <v>1.4999999999999999E-2</v>
      </c>
      <c r="W2642" s="2">
        <v>118.9</v>
      </c>
      <c r="X2642" s="2">
        <v>7.6</v>
      </c>
      <c r="Y2642" s="2">
        <v>16.7</v>
      </c>
      <c r="Z2642" s="5"/>
      <c r="AA2642" s="5" t="s">
        <v>43</v>
      </c>
      <c r="AB2642" s="5" t="s">
        <v>44</v>
      </c>
      <c r="AC2642" s="2"/>
      <c r="AD2642" s="1"/>
    </row>
    <row r="2643" spans="1:30">
      <c r="A2643" s="5" t="s">
        <v>83578</v>
      </c>
      <c r="B2643" s="2" t="s">
        <v>91531</v>
      </c>
      <c r="C2643" s="14" t="s">
        <v>91532</v>
      </c>
      <c r="D2643" s="2" t="s">
        <v>91533</v>
      </c>
      <c r="E2643" s="2" t="s">
        <v>41001</v>
      </c>
      <c r="F2643" s="8">
        <v>140</v>
      </c>
      <c r="G2643" s="5">
        <v>6</v>
      </c>
      <c r="H2643" s="5" t="s">
        <v>1518</v>
      </c>
      <c r="I2643" s="5" t="s">
        <v>40939</v>
      </c>
      <c r="J2643" s="2" t="s">
        <v>40940</v>
      </c>
      <c r="K2643" s="5" t="s">
        <v>40939</v>
      </c>
      <c r="L2643" s="2" t="s">
        <v>40940</v>
      </c>
      <c r="M2643" s="5" t="s">
        <v>36266</v>
      </c>
      <c r="N2643" s="5" t="s">
        <v>38</v>
      </c>
      <c r="O2643" s="5" t="s">
        <v>39</v>
      </c>
      <c r="P2643" s="5" t="s">
        <v>40</v>
      </c>
      <c r="Q2643" s="5" t="s">
        <v>1522</v>
      </c>
      <c r="R2643" s="5" t="s">
        <v>1523</v>
      </c>
      <c r="S2643" s="5" t="s">
        <v>42</v>
      </c>
      <c r="T2643" s="2">
        <v>1.18</v>
      </c>
      <c r="U2643" s="2">
        <v>0.65400000000000003</v>
      </c>
      <c r="V2643" s="2">
        <v>1.4999999999999999E-2</v>
      </c>
      <c r="W2643" s="2">
        <v>118.9</v>
      </c>
      <c r="X2643" s="2">
        <v>7.6</v>
      </c>
      <c r="Y2643" s="2">
        <v>16.7</v>
      </c>
      <c r="Z2643" s="5"/>
      <c r="AA2643" s="5" t="s">
        <v>43</v>
      </c>
      <c r="AB2643" s="5" t="s">
        <v>44</v>
      </c>
      <c r="AC2643" s="2"/>
      <c r="AD2643" s="1"/>
    </row>
    <row r="2644" spans="1:30">
      <c r="A2644" s="5" t="s">
        <v>83578</v>
      </c>
      <c r="B2644" s="2" t="s">
        <v>91534</v>
      </c>
      <c r="C2644" s="14" t="s">
        <v>91535</v>
      </c>
      <c r="D2644" s="2" t="s">
        <v>91536</v>
      </c>
      <c r="E2644" s="2" t="s">
        <v>7449</v>
      </c>
      <c r="F2644" s="8">
        <v>140</v>
      </c>
      <c r="G2644" s="5">
        <v>6</v>
      </c>
      <c r="H2644" s="5" t="s">
        <v>1518</v>
      </c>
      <c r="I2644" s="5" t="s">
        <v>40939</v>
      </c>
      <c r="J2644" s="2" t="s">
        <v>40940</v>
      </c>
      <c r="K2644" s="5" t="s">
        <v>40939</v>
      </c>
      <c r="L2644" s="2" t="s">
        <v>40940</v>
      </c>
      <c r="M2644" s="5" t="s">
        <v>36266</v>
      </c>
      <c r="N2644" s="5" t="s">
        <v>38</v>
      </c>
      <c r="O2644" s="5" t="s">
        <v>39</v>
      </c>
      <c r="P2644" s="5" t="s">
        <v>40</v>
      </c>
      <c r="Q2644" s="5" t="s">
        <v>1522</v>
      </c>
      <c r="R2644" s="5" t="s">
        <v>1523</v>
      </c>
      <c r="S2644" s="5" t="s">
        <v>42</v>
      </c>
      <c r="T2644" s="2">
        <v>1.163</v>
      </c>
      <c r="U2644" s="2">
        <v>0.63700000000000001</v>
      </c>
      <c r="V2644" s="2">
        <v>1.4999999999999999E-2</v>
      </c>
      <c r="W2644" s="2">
        <v>118.9</v>
      </c>
      <c r="X2644" s="2">
        <v>7.6</v>
      </c>
      <c r="Y2644" s="2">
        <v>16.7</v>
      </c>
      <c r="Z2644" s="5"/>
      <c r="AA2644" s="5" t="s">
        <v>43</v>
      </c>
      <c r="AB2644" s="5" t="s">
        <v>44</v>
      </c>
      <c r="AC2644" s="2"/>
      <c r="AD2644" s="1"/>
    </row>
    <row r="2645" spans="1:30">
      <c r="A2645" s="5" t="s">
        <v>83578</v>
      </c>
      <c r="B2645" s="2" t="s">
        <v>91537</v>
      </c>
      <c r="C2645" s="14" t="s">
        <v>91538</v>
      </c>
      <c r="D2645" s="2" t="s">
        <v>91539</v>
      </c>
      <c r="E2645" s="2" t="s">
        <v>40975</v>
      </c>
      <c r="F2645" s="8">
        <v>138</v>
      </c>
      <c r="G2645" s="5">
        <v>6</v>
      </c>
      <c r="H2645" s="5" t="s">
        <v>1518</v>
      </c>
      <c r="I2645" s="5" t="s">
        <v>40939</v>
      </c>
      <c r="J2645" s="2" t="s">
        <v>40940</v>
      </c>
      <c r="K2645" s="5" t="s">
        <v>40939</v>
      </c>
      <c r="L2645" s="2" t="s">
        <v>40940</v>
      </c>
      <c r="M2645" s="5" t="s">
        <v>36266</v>
      </c>
      <c r="N2645" s="5" t="s">
        <v>38</v>
      </c>
      <c r="O2645" s="5" t="s">
        <v>39</v>
      </c>
      <c r="P2645" s="5" t="s">
        <v>40</v>
      </c>
      <c r="Q2645" s="5" t="s">
        <v>1522</v>
      </c>
      <c r="R2645" s="5" t="s">
        <v>1523</v>
      </c>
      <c r="S2645" s="5" t="s">
        <v>42</v>
      </c>
      <c r="T2645" s="2">
        <v>1.079</v>
      </c>
      <c r="U2645" s="2">
        <v>0.64700000000000002</v>
      </c>
      <c r="V2645" s="2">
        <v>1.0999999999999999E-2</v>
      </c>
      <c r="W2645" s="2">
        <v>82.9</v>
      </c>
      <c r="X2645" s="2">
        <v>7.6</v>
      </c>
      <c r="Y2645" s="2">
        <v>16.7</v>
      </c>
      <c r="Z2645" s="5"/>
      <c r="AA2645" s="5" t="s">
        <v>43</v>
      </c>
      <c r="AB2645" s="5" t="s">
        <v>44</v>
      </c>
      <c r="AC2645" s="2"/>
      <c r="AD2645" s="1"/>
    </row>
    <row r="2646" spans="1:30">
      <c r="A2646" s="5" t="s">
        <v>83578</v>
      </c>
      <c r="B2646" s="2" t="s">
        <v>91540</v>
      </c>
      <c r="C2646" s="14" t="s">
        <v>91541</v>
      </c>
      <c r="D2646" s="2" t="s">
        <v>91542</v>
      </c>
      <c r="E2646" s="2" t="s">
        <v>7543</v>
      </c>
      <c r="F2646" s="8">
        <v>138</v>
      </c>
      <c r="G2646" s="5">
        <v>6</v>
      </c>
      <c r="H2646" s="5" t="s">
        <v>1518</v>
      </c>
      <c r="I2646" s="5" t="s">
        <v>40939</v>
      </c>
      <c r="J2646" s="2" t="s">
        <v>40940</v>
      </c>
      <c r="K2646" s="5" t="s">
        <v>40939</v>
      </c>
      <c r="L2646" s="2" t="s">
        <v>40940</v>
      </c>
      <c r="M2646" s="5" t="s">
        <v>36266</v>
      </c>
      <c r="N2646" s="5" t="s">
        <v>38</v>
      </c>
      <c r="O2646" s="5" t="s">
        <v>39</v>
      </c>
      <c r="P2646" s="5" t="s">
        <v>40</v>
      </c>
      <c r="Q2646" s="5" t="s">
        <v>1522</v>
      </c>
      <c r="R2646" s="5" t="s">
        <v>1523</v>
      </c>
      <c r="S2646" s="5" t="s">
        <v>42</v>
      </c>
      <c r="T2646" s="2">
        <v>1.0629999999999999</v>
      </c>
      <c r="U2646" s="2">
        <v>0.63100000000000001</v>
      </c>
      <c r="V2646" s="2">
        <v>1.0999999999999999E-2</v>
      </c>
      <c r="W2646" s="2">
        <v>82.9</v>
      </c>
      <c r="X2646" s="2">
        <v>7.6</v>
      </c>
      <c r="Y2646" s="2">
        <v>16.7</v>
      </c>
      <c r="Z2646" s="5"/>
      <c r="AA2646" s="5" t="s">
        <v>43</v>
      </c>
      <c r="AB2646" s="5" t="s">
        <v>44</v>
      </c>
      <c r="AC2646" s="2"/>
      <c r="AD2646" s="1"/>
    </row>
    <row r="2647" spans="1:30">
      <c r="A2647" s="5" t="s">
        <v>83578</v>
      </c>
      <c r="B2647" s="2" t="s">
        <v>91543</v>
      </c>
      <c r="C2647" s="14" t="s">
        <v>91544</v>
      </c>
      <c r="D2647" s="2" t="s">
        <v>91545</v>
      </c>
      <c r="E2647" s="2" t="s">
        <v>40997</v>
      </c>
      <c r="F2647" s="8">
        <v>138</v>
      </c>
      <c r="G2647" s="5">
        <v>6</v>
      </c>
      <c r="H2647" s="5" t="s">
        <v>1518</v>
      </c>
      <c r="I2647" s="5" t="s">
        <v>40939</v>
      </c>
      <c r="J2647" s="2" t="s">
        <v>40940</v>
      </c>
      <c r="K2647" s="5" t="s">
        <v>40939</v>
      </c>
      <c r="L2647" s="2" t="s">
        <v>40940</v>
      </c>
      <c r="M2647" s="5" t="s">
        <v>36266</v>
      </c>
      <c r="N2647" s="5" t="s">
        <v>38</v>
      </c>
      <c r="O2647" s="5" t="s">
        <v>39</v>
      </c>
      <c r="P2647" s="5" t="s">
        <v>40</v>
      </c>
      <c r="Q2647" s="5" t="s">
        <v>1522</v>
      </c>
      <c r="R2647" s="5" t="s">
        <v>1523</v>
      </c>
      <c r="S2647" s="5" t="s">
        <v>42</v>
      </c>
      <c r="T2647" s="2">
        <v>1.0609999999999999</v>
      </c>
      <c r="U2647" s="2">
        <v>0.629</v>
      </c>
      <c r="V2647" s="2">
        <v>1.0999999999999999E-2</v>
      </c>
      <c r="W2647" s="2">
        <v>82.9</v>
      </c>
      <c r="X2647" s="2">
        <v>7.6</v>
      </c>
      <c r="Y2647" s="2">
        <v>16.7</v>
      </c>
      <c r="Z2647" s="5"/>
      <c r="AA2647" s="5" t="s">
        <v>43</v>
      </c>
      <c r="AB2647" s="5" t="s">
        <v>44</v>
      </c>
      <c r="AC2647" s="2"/>
      <c r="AD2647" s="1"/>
    </row>
    <row r="2648" spans="1:30">
      <c r="A2648" s="5" t="s">
        <v>83578</v>
      </c>
      <c r="B2648" s="2" t="s">
        <v>91546</v>
      </c>
      <c r="C2648" s="14" t="s">
        <v>91547</v>
      </c>
      <c r="D2648" s="2" t="s">
        <v>91548</v>
      </c>
      <c r="E2648" s="2" t="s">
        <v>41267</v>
      </c>
      <c r="F2648" s="8">
        <v>138</v>
      </c>
      <c r="G2648" s="5">
        <v>6</v>
      </c>
      <c r="H2648" s="5" t="s">
        <v>1518</v>
      </c>
      <c r="I2648" s="5" t="s">
        <v>40939</v>
      </c>
      <c r="J2648" s="2" t="s">
        <v>40940</v>
      </c>
      <c r="K2648" s="5" t="s">
        <v>40939</v>
      </c>
      <c r="L2648" s="2" t="s">
        <v>40940</v>
      </c>
      <c r="M2648" s="5" t="s">
        <v>36266</v>
      </c>
      <c r="N2648" s="5" t="s">
        <v>38</v>
      </c>
      <c r="O2648" s="5" t="s">
        <v>39</v>
      </c>
      <c r="P2648" s="5" t="s">
        <v>40</v>
      </c>
      <c r="Q2648" s="5" t="s">
        <v>1522</v>
      </c>
      <c r="R2648" s="5" t="s">
        <v>1523</v>
      </c>
      <c r="S2648" s="5" t="s">
        <v>42</v>
      </c>
      <c r="T2648" s="2">
        <v>1.0680000000000001</v>
      </c>
      <c r="U2648" s="2">
        <v>0.63600000000000001</v>
      </c>
      <c r="V2648" s="2">
        <v>1.0999999999999999E-2</v>
      </c>
      <c r="W2648" s="2">
        <v>82.9</v>
      </c>
      <c r="X2648" s="2">
        <v>7.6</v>
      </c>
      <c r="Y2648" s="2">
        <v>16.7</v>
      </c>
      <c r="Z2648" s="5"/>
      <c r="AA2648" s="5" t="s">
        <v>43</v>
      </c>
      <c r="AB2648" s="5" t="s">
        <v>44</v>
      </c>
      <c r="AC2648" s="2"/>
      <c r="AD2648" s="1"/>
    </row>
    <row r="2649" spans="1:30">
      <c r="A2649" s="5" t="s">
        <v>83578</v>
      </c>
      <c r="B2649" s="2" t="s">
        <v>91549</v>
      </c>
      <c r="C2649" s="14" t="s">
        <v>91550</v>
      </c>
      <c r="D2649" s="2" t="s">
        <v>91551</v>
      </c>
      <c r="E2649" s="2" t="s">
        <v>7449</v>
      </c>
      <c r="F2649" s="8">
        <v>138</v>
      </c>
      <c r="G2649" s="5">
        <v>6</v>
      </c>
      <c r="H2649" s="5" t="s">
        <v>1518</v>
      </c>
      <c r="I2649" s="5" t="s">
        <v>40939</v>
      </c>
      <c r="J2649" s="2" t="s">
        <v>40940</v>
      </c>
      <c r="K2649" s="5" t="s">
        <v>40939</v>
      </c>
      <c r="L2649" s="2" t="s">
        <v>40940</v>
      </c>
      <c r="M2649" s="5" t="s">
        <v>36266</v>
      </c>
      <c r="N2649" s="5" t="s">
        <v>38</v>
      </c>
      <c r="O2649" s="5" t="s">
        <v>39</v>
      </c>
      <c r="P2649" s="5" t="s">
        <v>40</v>
      </c>
      <c r="Q2649" s="5" t="s">
        <v>1522</v>
      </c>
      <c r="R2649" s="5" t="s">
        <v>1523</v>
      </c>
      <c r="S2649" s="5" t="s">
        <v>42</v>
      </c>
      <c r="T2649" s="2">
        <v>1.0609999999999999</v>
      </c>
      <c r="U2649" s="2">
        <v>0.629</v>
      </c>
      <c r="V2649" s="2">
        <v>1.0999999999999999E-2</v>
      </c>
      <c r="W2649" s="2">
        <v>82.9</v>
      </c>
      <c r="X2649" s="2">
        <v>7.6</v>
      </c>
      <c r="Y2649" s="2">
        <v>16.7</v>
      </c>
      <c r="Z2649" s="5"/>
      <c r="AA2649" s="5" t="s">
        <v>43</v>
      </c>
      <c r="AB2649" s="5" t="s">
        <v>44</v>
      </c>
      <c r="AC2649" s="2"/>
      <c r="AD2649" s="1"/>
    </row>
    <row r="2650" spans="1:30">
      <c r="A2650" s="5" t="s">
        <v>83578</v>
      </c>
      <c r="B2650" s="2" t="s">
        <v>91552</v>
      </c>
      <c r="C2650" s="14" t="s">
        <v>91553</v>
      </c>
      <c r="D2650" s="2" t="s">
        <v>91554</v>
      </c>
      <c r="E2650" s="2" t="s">
        <v>41045</v>
      </c>
      <c r="F2650" s="8">
        <v>138</v>
      </c>
      <c r="G2650" s="5">
        <v>6</v>
      </c>
      <c r="H2650" s="5" t="s">
        <v>1518</v>
      </c>
      <c r="I2650" s="5" t="s">
        <v>40939</v>
      </c>
      <c r="J2650" s="2" t="s">
        <v>40940</v>
      </c>
      <c r="K2650" s="5" t="s">
        <v>40939</v>
      </c>
      <c r="L2650" s="2" t="s">
        <v>40940</v>
      </c>
      <c r="M2650" s="5" t="s">
        <v>36266</v>
      </c>
      <c r="N2650" s="5" t="s">
        <v>38</v>
      </c>
      <c r="O2650" s="5" t="s">
        <v>39</v>
      </c>
      <c r="P2650" s="5" t="s">
        <v>40</v>
      </c>
      <c r="Q2650" s="5" t="s">
        <v>1522</v>
      </c>
      <c r="R2650" s="5" t="s">
        <v>1523</v>
      </c>
      <c r="S2650" s="5" t="s">
        <v>42</v>
      </c>
      <c r="T2650" s="2">
        <v>1.0880000000000001</v>
      </c>
      <c r="U2650" s="2">
        <v>0.65600000000000003</v>
      </c>
      <c r="V2650" s="2">
        <v>1.0999999999999999E-2</v>
      </c>
      <c r="W2650" s="2">
        <v>82.9</v>
      </c>
      <c r="X2650" s="2">
        <v>7.6</v>
      </c>
      <c r="Y2650" s="2">
        <v>16.7</v>
      </c>
      <c r="Z2650" s="5"/>
      <c r="AA2650" s="5" t="s">
        <v>43</v>
      </c>
      <c r="AB2650" s="5" t="s">
        <v>44</v>
      </c>
      <c r="AC2650" s="2"/>
      <c r="AD2650" s="1"/>
    </row>
    <row r="2651" spans="1:30">
      <c r="A2651" s="5" t="s">
        <v>83578</v>
      </c>
      <c r="B2651" s="2" t="s">
        <v>91555</v>
      </c>
      <c r="C2651" s="14" t="s">
        <v>91556</v>
      </c>
      <c r="D2651" s="2" t="s">
        <v>91557</v>
      </c>
      <c r="E2651" s="2" t="s">
        <v>40975</v>
      </c>
      <c r="F2651" s="8">
        <v>157</v>
      </c>
      <c r="G2651" s="5">
        <v>6</v>
      </c>
      <c r="H2651" s="5" t="s">
        <v>1518</v>
      </c>
      <c r="I2651" s="5" t="s">
        <v>40939</v>
      </c>
      <c r="J2651" s="2" t="s">
        <v>40940</v>
      </c>
      <c r="K2651" s="5" t="s">
        <v>40939</v>
      </c>
      <c r="L2651" s="2" t="s">
        <v>40940</v>
      </c>
      <c r="M2651" s="5" t="s">
        <v>36266</v>
      </c>
      <c r="N2651" s="5" t="s">
        <v>38</v>
      </c>
      <c r="O2651" s="5" t="s">
        <v>39</v>
      </c>
      <c r="P2651" s="5" t="s">
        <v>40</v>
      </c>
      <c r="Q2651" s="5" t="s">
        <v>1522</v>
      </c>
      <c r="R2651" s="5" t="s">
        <v>1523</v>
      </c>
      <c r="S2651" s="5" t="s">
        <v>42</v>
      </c>
      <c r="T2651" s="2">
        <v>1.3859999999999999</v>
      </c>
      <c r="U2651" s="2">
        <v>0.79600000000000004</v>
      </c>
      <c r="V2651" s="2">
        <v>1.7999999999999999E-2</v>
      </c>
      <c r="W2651" s="2">
        <v>139.1</v>
      </c>
      <c r="X2651" s="2">
        <v>7.6</v>
      </c>
      <c r="Y2651" s="2">
        <v>16.7</v>
      </c>
      <c r="Z2651" s="5"/>
      <c r="AA2651" s="5" t="s">
        <v>43</v>
      </c>
      <c r="AB2651" s="5" t="s">
        <v>44</v>
      </c>
      <c r="AC2651" s="2"/>
      <c r="AD2651" s="1"/>
    </row>
    <row r="2652" spans="1:30">
      <c r="A2652" s="5" t="s">
        <v>83578</v>
      </c>
      <c r="B2652" s="2" t="s">
        <v>91558</v>
      </c>
      <c r="C2652" s="14" t="s">
        <v>91559</v>
      </c>
      <c r="D2652" s="2" t="s">
        <v>91560</v>
      </c>
      <c r="E2652" s="2" t="s">
        <v>7539</v>
      </c>
      <c r="F2652" s="8">
        <v>157</v>
      </c>
      <c r="G2652" s="5">
        <v>6</v>
      </c>
      <c r="H2652" s="5" t="s">
        <v>1518</v>
      </c>
      <c r="I2652" s="5" t="s">
        <v>40939</v>
      </c>
      <c r="J2652" s="2" t="s">
        <v>40940</v>
      </c>
      <c r="K2652" s="5" t="s">
        <v>40939</v>
      </c>
      <c r="L2652" s="2" t="s">
        <v>40940</v>
      </c>
      <c r="M2652" s="5" t="s">
        <v>36266</v>
      </c>
      <c r="N2652" s="5" t="s">
        <v>38</v>
      </c>
      <c r="O2652" s="5" t="s">
        <v>39</v>
      </c>
      <c r="P2652" s="5" t="s">
        <v>40</v>
      </c>
      <c r="Q2652" s="5" t="s">
        <v>1522</v>
      </c>
      <c r="R2652" s="5" t="s">
        <v>1523</v>
      </c>
      <c r="S2652" s="5" t="s">
        <v>42</v>
      </c>
      <c r="T2652" s="2">
        <v>1.3540000000000001</v>
      </c>
      <c r="U2652" s="2">
        <v>0.76400000000000001</v>
      </c>
      <c r="V2652" s="2">
        <v>1.7999999999999999E-2</v>
      </c>
      <c r="W2652" s="2">
        <v>139.1</v>
      </c>
      <c r="X2652" s="2">
        <v>7.6</v>
      </c>
      <c r="Y2652" s="2">
        <v>16.7</v>
      </c>
      <c r="Z2652" s="5"/>
      <c r="AA2652" s="5" t="s">
        <v>43</v>
      </c>
      <c r="AB2652" s="5" t="s">
        <v>44</v>
      </c>
      <c r="AC2652" s="2"/>
      <c r="AD2652" s="1"/>
    </row>
    <row r="2653" spans="1:30">
      <c r="A2653" s="5" t="s">
        <v>83578</v>
      </c>
      <c r="B2653" s="2" t="s">
        <v>91561</v>
      </c>
      <c r="C2653" s="14" t="s">
        <v>91562</v>
      </c>
      <c r="D2653" s="2" t="s">
        <v>91563</v>
      </c>
      <c r="E2653" s="2" t="s">
        <v>7543</v>
      </c>
      <c r="F2653" s="8">
        <v>157</v>
      </c>
      <c r="G2653" s="5">
        <v>6</v>
      </c>
      <c r="H2653" s="5" t="s">
        <v>1518</v>
      </c>
      <c r="I2653" s="5" t="s">
        <v>40939</v>
      </c>
      <c r="J2653" s="2" t="s">
        <v>40940</v>
      </c>
      <c r="K2653" s="5" t="s">
        <v>40939</v>
      </c>
      <c r="L2653" s="2" t="s">
        <v>40940</v>
      </c>
      <c r="M2653" s="5" t="s">
        <v>36266</v>
      </c>
      <c r="N2653" s="5" t="s">
        <v>38</v>
      </c>
      <c r="O2653" s="5" t="s">
        <v>39</v>
      </c>
      <c r="P2653" s="5" t="s">
        <v>40</v>
      </c>
      <c r="Q2653" s="5" t="s">
        <v>1522</v>
      </c>
      <c r="R2653" s="5" t="s">
        <v>1523</v>
      </c>
      <c r="S2653" s="5" t="s">
        <v>42</v>
      </c>
      <c r="T2653" s="2">
        <v>1.36</v>
      </c>
      <c r="U2653" s="2">
        <v>0.77</v>
      </c>
      <c r="V2653" s="2">
        <v>1.7999999999999999E-2</v>
      </c>
      <c r="W2653" s="2">
        <v>139.1</v>
      </c>
      <c r="X2653" s="2">
        <v>7.6</v>
      </c>
      <c r="Y2653" s="2">
        <v>16.7</v>
      </c>
      <c r="Z2653" s="5"/>
      <c r="AA2653" s="5" t="s">
        <v>43</v>
      </c>
      <c r="AB2653" s="5" t="s">
        <v>44</v>
      </c>
      <c r="AC2653" s="2"/>
      <c r="AD2653" s="1"/>
    </row>
    <row r="2654" spans="1:30">
      <c r="A2654" s="5" t="s">
        <v>83578</v>
      </c>
      <c r="B2654" s="2" t="s">
        <v>91564</v>
      </c>
      <c r="C2654" s="14" t="s">
        <v>91565</v>
      </c>
      <c r="D2654" s="2" t="s">
        <v>91566</v>
      </c>
      <c r="E2654" s="2" t="s">
        <v>41001</v>
      </c>
      <c r="F2654" s="8">
        <v>157</v>
      </c>
      <c r="G2654" s="5">
        <v>6</v>
      </c>
      <c r="H2654" s="5" t="s">
        <v>1518</v>
      </c>
      <c r="I2654" s="5" t="s">
        <v>40939</v>
      </c>
      <c r="J2654" s="2" t="s">
        <v>40940</v>
      </c>
      <c r="K2654" s="5" t="s">
        <v>40939</v>
      </c>
      <c r="L2654" s="2" t="s">
        <v>40940</v>
      </c>
      <c r="M2654" s="5" t="s">
        <v>36266</v>
      </c>
      <c r="N2654" s="5" t="s">
        <v>38</v>
      </c>
      <c r="O2654" s="5" t="s">
        <v>39</v>
      </c>
      <c r="P2654" s="5" t="s">
        <v>40</v>
      </c>
      <c r="Q2654" s="5" t="s">
        <v>1522</v>
      </c>
      <c r="R2654" s="5" t="s">
        <v>1523</v>
      </c>
      <c r="S2654" s="5" t="s">
        <v>42</v>
      </c>
      <c r="T2654" s="2">
        <v>1.3859999999999999</v>
      </c>
      <c r="U2654" s="2">
        <v>0.79600000000000004</v>
      </c>
      <c r="V2654" s="2">
        <v>1.7999999999999999E-2</v>
      </c>
      <c r="W2654" s="2">
        <v>139.1</v>
      </c>
      <c r="X2654" s="2">
        <v>7.6</v>
      </c>
      <c r="Y2654" s="2">
        <v>16.7</v>
      </c>
      <c r="Z2654" s="5"/>
      <c r="AA2654" s="5" t="s">
        <v>43</v>
      </c>
      <c r="AB2654" s="5" t="s">
        <v>44</v>
      </c>
      <c r="AC2654" s="2"/>
      <c r="AD2654" s="1"/>
    </row>
    <row r="2655" spans="1:30">
      <c r="A2655" s="5" t="s">
        <v>83578</v>
      </c>
      <c r="B2655" s="2" t="s">
        <v>91567</v>
      </c>
      <c r="C2655" s="14" t="s">
        <v>91568</v>
      </c>
      <c r="D2655" s="2" t="s">
        <v>91569</v>
      </c>
      <c r="E2655" s="2" t="s">
        <v>41005</v>
      </c>
      <c r="F2655" s="8">
        <v>157</v>
      </c>
      <c r="G2655" s="5">
        <v>6</v>
      </c>
      <c r="H2655" s="5" t="s">
        <v>1518</v>
      </c>
      <c r="I2655" s="5" t="s">
        <v>40939</v>
      </c>
      <c r="J2655" s="2" t="s">
        <v>40940</v>
      </c>
      <c r="K2655" s="5" t="s">
        <v>40939</v>
      </c>
      <c r="L2655" s="2" t="s">
        <v>40940</v>
      </c>
      <c r="M2655" s="5" t="s">
        <v>36266</v>
      </c>
      <c r="N2655" s="5" t="s">
        <v>38</v>
      </c>
      <c r="O2655" s="5" t="s">
        <v>39</v>
      </c>
      <c r="P2655" s="5" t="s">
        <v>40</v>
      </c>
      <c r="Q2655" s="5" t="s">
        <v>1522</v>
      </c>
      <c r="R2655" s="5" t="s">
        <v>1523</v>
      </c>
      <c r="S2655" s="5" t="s">
        <v>42</v>
      </c>
      <c r="T2655" s="2">
        <v>1.3919999999999999</v>
      </c>
      <c r="U2655" s="2">
        <v>0.80200000000000005</v>
      </c>
      <c r="V2655" s="2">
        <v>1.7999999999999999E-2</v>
      </c>
      <c r="W2655" s="2">
        <v>139.1</v>
      </c>
      <c r="X2655" s="2">
        <v>7.6</v>
      </c>
      <c r="Y2655" s="2">
        <v>16.7</v>
      </c>
      <c r="Z2655" s="5"/>
      <c r="AA2655" s="5" t="s">
        <v>43</v>
      </c>
      <c r="AB2655" s="5" t="s">
        <v>44</v>
      </c>
      <c r="AC2655" s="2"/>
      <c r="AD2655" s="1"/>
    </row>
    <row r="2656" spans="1:30">
      <c r="A2656" s="5" t="s">
        <v>83578</v>
      </c>
      <c r="B2656" s="2" t="s">
        <v>91570</v>
      </c>
      <c r="C2656" s="14" t="s">
        <v>91571</v>
      </c>
      <c r="D2656" s="2" t="s">
        <v>91572</v>
      </c>
      <c r="E2656" s="2" t="s">
        <v>7449</v>
      </c>
      <c r="F2656" s="8">
        <v>157</v>
      </c>
      <c r="G2656" s="5">
        <v>6</v>
      </c>
      <c r="H2656" s="5" t="s">
        <v>1518</v>
      </c>
      <c r="I2656" s="5" t="s">
        <v>40939</v>
      </c>
      <c r="J2656" s="2" t="s">
        <v>40940</v>
      </c>
      <c r="K2656" s="5" t="s">
        <v>40939</v>
      </c>
      <c r="L2656" s="2" t="s">
        <v>40940</v>
      </c>
      <c r="M2656" s="5" t="s">
        <v>36266</v>
      </c>
      <c r="N2656" s="5" t="s">
        <v>38</v>
      </c>
      <c r="O2656" s="5" t="s">
        <v>39</v>
      </c>
      <c r="P2656" s="5" t="s">
        <v>40</v>
      </c>
      <c r="Q2656" s="5" t="s">
        <v>1522</v>
      </c>
      <c r="R2656" s="5" t="s">
        <v>1523</v>
      </c>
      <c r="S2656" s="5" t="s">
        <v>42</v>
      </c>
      <c r="T2656" s="2">
        <v>1.361</v>
      </c>
      <c r="U2656" s="2">
        <v>0.77100000000000002</v>
      </c>
      <c r="V2656" s="2">
        <v>1.7999999999999999E-2</v>
      </c>
      <c r="W2656" s="2">
        <v>139.1</v>
      </c>
      <c r="X2656" s="2">
        <v>7.6</v>
      </c>
      <c r="Y2656" s="2">
        <v>16.7</v>
      </c>
      <c r="Z2656" s="5"/>
      <c r="AA2656" s="5" t="s">
        <v>43</v>
      </c>
      <c r="AB2656" s="5" t="s">
        <v>44</v>
      </c>
      <c r="AC2656" s="2"/>
      <c r="AD2656" s="1"/>
    </row>
    <row r="2657" spans="1:30">
      <c r="A2657" s="5" t="s">
        <v>83578</v>
      </c>
      <c r="B2657" s="2" t="s">
        <v>91573</v>
      </c>
      <c r="C2657" s="14" t="s">
        <v>91574</v>
      </c>
      <c r="D2657" s="2" t="s">
        <v>91575</v>
      </c>
      <c r="E2657" s="2" t="s">
        <v>41045</v>
      </c>
      <c r="F2657" s="8">
        <v>157</v>
      </c>
      <c r="G2657" s="5">
        <v>6</v>
      </c>
      <c r="H2657" s="5" t="s">
        <v>1518</v>
      </c>
      <c r="I2657" s="5" t="s">
        <v>40939</v>
      </c>
      <c r="J2657" s="2" t="s">
        <v>40940</v>
      </c>
      <c r="K2657" s="5" t="s">
        <v>40939</v>
      </c>
      <c r="L2657" s="2" t="s">
        <v>40940</v>
      </c>
      <c r="M2657" s="5" t="s">
        <v>36266</v>
      </c>
      <c r="N2657" s="5" t="s">
        <v>38</v>
      </c>
      <c r="O2657" s="5" t="s">
        <v>39</v>
      </c>
      <c r="P2657" s="5" t="s">
        <v>40</v>
      </c>
      <c r="Q2657" s="5" t="s">
        <v>1522</v>
      </c>
      <c r="R2657" s="5" t="s">
        <v>1523</v>
      </c>
      <c r="S2657" s="5" t="s">
        <v>42</v>
      </c>
      <c r="T2657" s="2">
        <v>1.399</v>
      </c>
      <c r="U2657" s="2">
        <v>0.80900000000000005</v>
      </c>
      <c r="V2657" s="2">
        <v>1.7999999999999999E-2</v>
      </c>
      <c r="W2657" s="2">
        <v>139.1</v>
      </c>
      <c r="X2657" s="2">
        <v>7.6</v>
      </c>
      <c r="Y2657" s="2">
        <v>16.7</v>
      </c>
      <c r="Z2657" s="5"/>
      <c r="AA2657" s="5" t="s">
        <v>43</v>
      </c>
      <c r="AB2657" s="5" t="s">
        <v>44</v>
      </c>
      <c r="AC2657" s="2"/>
      <c r="AD2657" s="1"/>
    </row>
    <row r="2658" spans="1:30">
      <c r="A2658" s="5" t="s">
        <v>83578</v>
      </c>
      <c r="B2658" s="2" t="s">
        <v>91576</v>
      </c>
      <c r="C2658" s="14" t="s">
        <v>91577</v>
      </c>
      <c r="D2658" s="2" t="s">
        <v>91578</v>
      </c>
      <c r="E2658" s="2" t="s">
        <v>41049</v>
      </c>
      <c r="F2658" s="8">
        <v>157</v>
      </c>
      <c r="G2658" s="5">
        <v>6</v>
      </c>
      <c r="H2658" s="5" t="s">
        <v>1518</v>
      </c>
      <c r="I2658" s="5" t="s">
        <v>40939</v>
      </c>
      <c r="J2658" s="2" t="s">
        <v>40940</v>
      </c>
      <c r="K2658" s="5" t="s">
        <v>40939</v>
      </c>
      <c r="L2658" s="2" t="s">
        <v>40940</v>
      </c>
      <c r="M2658" s="5" t="s">
        <v>36266</v>
      </c>
      <c r="N2658" s="5" t="s">
        <v>38</v>
      </c>
      <c r="O2658" s="5" t="s">
        <v>39</v>
      </c>
      <c r="P2658" s="5" t="s">
        <v>40</v>
      </c>
      <c r="Q2658" s="5" t="s">
        <v>1522</v>
      </c>
      <c r="R2658" s="5" t="s">
        <v>1523</v>
      </c>
      <c r="S2658" s="5" t="s">
        <v>42</v>
      </c>
      <c r="T2658" s="2">
        <v>1.405</v>
      </c>
      <c r="U2658" s="2">
        <v>0.81499999999999995</v>
      </c>
      <c r="V2658" s="2">
        <v>1.7999999999999999E-2</v>
      </c>
      <c r="W2658" s="2">
        <v>139.1</v>
      </c>
      <c r="X2658" s="2">
        <v>7.6</v>
      </c>
      <c r="Y2658" s="2">
        <v>16.7</v>
      </c>
      <c r="Z2658" s="5"/>
      <c r="AA2658" s="5" t="s">
        <v>43</v>
      </c>
      <c r="AB2658" s="5" t="s">
        <v>44</v>
      </c>
      <c r="AC2658" s="2"/>
      <c r="AD2658" s="1"/>
    </row>
    <row r="2659" spans="1:30">
      <c r="A2659" s="5" t="s">
        <v>83578</v>
      </c>
      <c r="B2659" s="2" t="s">
        <v>91579</v>
      </c>
      <c r="C2659" s="14" t="s">
        <v>91580</v>
      </c>
      <c r="D2659" s="2" t="s">
        <v>91581</v>
      </c>
      <c r="E2659" s="2" t="s">
        <v>7449</v>
      </c>
      <c r="F2659" s="8">
        <v>138</v>
      </c>
      <c r="G2659" s="5">
        <v>6</v>
      </c>
      <c r="H2659" s="5" t="s">
        <v>1518</v>
      </c>
      <c r="I2659" s="5" t="s">
        <v>40939</v>
      </c>
      <c r="J2659" s="2" t="s">
        <v>40940</v>
      </c>
      <c r="K2659" s="5" t="s">
        <v>40939</v>
      </c>
      <c r="L2659" s="2" t="s">
        <v>40940</v>
      </c>
      <c r="M2659" s="5" t="s">
        <v>36266</v>
      </c>
      <c r="N2659" s="5" t="s">
        <v>38</v>
      </c>
      <c r="O2659" s="5" t="s">
        <v>39</v>
      </c>
      <c r="P2659" s="5" t="s">
        <v>40</v>
      </c>
      <c r="Q2659" s="5" t="s">
        <v>1522</v>
      </c>
      <c r="R2659" s="5" t="s">
        <v>1523</v>
      </c>
      <c r="S2659" s="5" t="s">
        <v>42</v>
      </c>
      <c r="T2659" s="2">
        <v>1.161</v>
      </c>
      <c r="U2659" s="2">
        <v>0.64700000000000002</v>
      </c>
      <c r="V2659" s="2">
        <v>1.2999999999999999E-2</v>
      </c>
      <c r="W2659" s="2">
        <v>99.1</v>
      </c>
      <c r="X2659" s="2">
        <v>7.6</v>
      </c>
      <c r="Y2659" s="2">
        <v>16.7</v>
      </c>
      <c r="Z2659" s="5"/>
      <c r="AA2659" s="5" t="s">
        <v>43</v>
      </c>
      <c r="AB2659" s="5" t="s">
        <v>44</v>
      </c>
      <c r="AC2659" s="2"/>
      <c r="AD2659" s="1"/>
    </row>
    <row r="2660" spans="1:30">
      <c r="A2660" s="5" t="s">
        <v>83578</v>
      </c>
      <c r="B2660" s="2" t="s">
        <v>91582</v>
      </c>
      <c r="C2660" s="14" t="s">
        <v>91583</v>
      </c>
      <c r="D2660" s="2" t="s">
        <v>91584</v>
      </c>
      <c r="E2660" s="2" t="s">
        <v>40979</v>
      </c>
      <c r="F2660" s="8">
        <v>171</v>
      </c>
      <c r="G2660" s="5">
        <v>6</v>
      </c>
      <c r="H2660" s="5" t="s">
        <v>1518</v>
      </c>
      <c r="I2660" s="5" t="s">
        <v>40939</v>
      </c>
      <c r="J2660" s="2" t="s">
        <v>40940</v>
      </c>
      <c r="K2660" s="5" t="s">
        <v>40939</v>
      </c>
      <c r="L2660" s="2" t="s">
        <v>40940</v>
      </c>
      <c r="M2660" s="5" t="s">
        <v>36266</v>
      </c>
      <c r="N2660" s="5" t="s">
        <v>38</v>
      </c>
      <c r="O2660" s="5" t="s">
        <v>39</v>
      </c>
      <c r="P2660" s="5" t="s">
        <v>40</v>
      </c>
      <c r="Q2660" s="5" t="s">
        <v>1522</v>
      </c>
      <c r="R2660" s="5" t="s">
        <v>1523</v>
      </c>
      <c r="S2660" s="5" t="s">
        <v>42</v>
      </c>
      <c r="T2660" s="2">
        <v>1.63</v>
      </c>
      <c r="U2660" s="2">
        <v>0.97099999999999997</v>
      </c>
      <c r="V2660" s="2">
        <v>0.02</v>
      </c>
      <c r="W2660" s="2">
        <v>159.1</v>
      </c>
      <c r="X2660" s="2">
        <v>7.6</v>
      </c>
      <c r="Y2660" s="2">
        <v>16.7</v>
      </c>
      <c r="Z2660" s="5"/>
      <c r="AA2660" s="5" t="s">
        <v>43</v>
      </c>
      <c r="AB2660" s="5" t="s">
        <v>44</v>
      </c>
      <c r="AC2660" s="2"/>
      <c r="AD2660" s="1"/>
    </row>
    <row r="2661" spans="1:30">
      <c r="A2661" s="5" t="s">
        <v>83578</v>
      </c>
      <c r="B2661" s="2" t="s">
        <v>91585</v>
      </c>
      <c r="C2661" s="14" t="s">
        <v>91586</v>
      </c>
      <c r="D2661" s="2" t="s">
        <v>91587</v>
      </c>
      <c r="E2661" s="2" t="s">
        <v>41267</v>
      </c>
      <c r="F2661" s="8">
        <v>171</v>
      </c>
      <c r="G2661" s="5">
        <v>6</v>
      </c>
      <c r="H2661" s="5" t="s">
        <v>1518</v>
      </c>
      <c r="I2661" s="5" t="s">
        <v>40939</v>
      </c>
      <c r="J2661" s="2" t="s">
        <v>40940</v>
      </c>
      <c r="K2661" s="5" t="s">
        <v>40939</v>
      </c>
      <c r="L2661" s="2" t="s">
        <v>40940</v>
      </c>
      <c r="M2661" s="5" t="s">
        <v>36266</v>
      </c>
      <c r="N2661" s="5" t="s">
        <v>38</v>
      </c>
      <c r="O2661" s="5" t="s">
        <v>39</v>
      </c>
      <c r="P2661" s="5" t="s">
        <v>40</v>
      </c>
      <c r="Q2661" s="5" t="s">
        <v>1522</v>
      </c>
      <c r="R2661" s="5" t="s">
        <v>1523</v>
      </c>
      <c r="S2661" s="5" t="s">
        <v>42</v>
      </c>
      <c r="T2661" s="2">
        <v>1.5940000000000001</v>
      </c>
      <c r="U2661" s="2">
        <v>0.93500000000000005</v>
      </c>
      <c r="V2661" s="2">
        <v>0.02</v>
      </c>
      <c r="W2661" s="2">
        <v>159.1</v>
      </c>
      <c r="X2661" s="2">
        <v>7.6</v>
      </c>
      <c r="Y2661" s="2">
        <v>16.7</v>
      </c>
      <c r="Z2661" s="5"/>
      <c r="AA2661" s="5" t="s">
        <v>43</v>
      </c>
      <c r="AB2661" s="5" t="s">
        <v>44</v>
      </c>
      <c r="AC2661" s="2"/>
      <c r="AD2661" s="1"/>
    </row>
    <row r="2662" spans="1:30">
      <c r="A2662" s="5" t="s">
        <v>83578</v>
      </c>
      <c r="B2662" s="2" t="s">
        <v>91588</v>
      </c>
      <c r="C2662" s="14" t="s">
        <v>91589</v>
      </c>
      <c r="D2662" s="2" t="s">
        <v>91590</v>
      </c>
      <c r="E2662" s="2" t="s">
        <v>40967</v>
      </c>
      <c r="F2662" s="8">
        <v>145</v>
      </c>
      <c r="G2662" s="5">
        <v>6</v>
      </c>
      <c r="H2662" s="5" t="s">
        <v>1518</v>
      </c>
      <c r="I2662" s="5" t="s">
        <v>40939</v>
      </c>
      <c r="J2662" s="2" t="s">
        <v>40940</v>
      </c>
      <c r="K2662" s="5" t="s">
        <v>40939</v>
      </c>
      <c r="L2662" s="2" t="s">
        <v>40940</v>
      </c>
      <c r="M2662" s="5" t="s">
        <v>36266</v>
      </c>
      <c r="N2662" s="5" t="s">
        <v>38</v>
      </c>
      <c r="O2662" s="5" t="s">
        <v>39</v>
      </c>
      <c r="P2662" s="5" t="s">
        <v>40</v>
      </c>
      <c r="Q2662" s="5" t="s">
        <v>1522</v>
      </c>
      <c r="R2662" s="5" t="s">
        <v>1523</v>
      </c>
      <c r="S2662" s="5" t="s">
        <v>42</v>
      </c>
      <c r="T2662" s="2">
        <v>1.0189999999999999</v>
      </c>
      <c r="U2662" s="2">
        <v>0.60099999999999998</v>
      </c>
      <c r="V2662" s="2">
        <v>1.0999999999999999E-2</v>
      </c>
      <c r="W2662" s="2">
        <v>82.9</v>
      </c>
      <c r="X2662" s="2">
        <v>7.6</v>
      </c>
      <c r="Y2662" s="2">
        <v>16.7</v>
      </c>
      <c r="Z2662" s="5"/>
      <c r="AA2662" s="5" t="s">
        <v>43</v>
      </c>
      <c r="AB2662" s="5" t="s">
        <v>44</v>
      </c>
      <c r="AC2662" s="2"/>
      <c r="AD2662" s="1"/>
    </row>
    <row r="2663" spans="1:30">
      <c r="A2663" s="5" t="s">
        <v>83578</v>
      </c>
      <c r="B2663" s="2" t="s">
        <v>91591</v>
      </c>
      <c r="C2663" s="14" t="s">
        <v>91592</v>
      </c>
      <c r="D2663" s="2" t="s">
        <v>91593</v>
      </c>
      <c r="E2663" s="2" t="s">
        <v>40975</v>
      </c>
      <c r="F2663" s="8">
        <v>145</v>
      </c>
      <c r="G2663" s="5">
        <v>6</v>
      </c>
      <c r="H2663" s="5" t="s">
        <v>1518</v>
      </c>
      <c r="I2663" s="5" t="s">
        <v>40939</v>
      </c>
      <c r="J2663" s="2" t="s">
        <v>40940</v>
      </c>
      <c r="K2663" s="5" t="s">
        <v>40939</v>
      </c>
      <c r="L2663" s="2" t="s">
        <v>40940</v>
      </c>
      <c r="M2663" s="5" t="s">
        <v>36266</v>
      </c>
      <c r="N2663" s="5" t="s">
        <v>38</v>
      </c>
      <c r="O2663" s="5" t="s">
        <v>39</v>
      </c>
      <c r="P2663" s="5" t="s">
        <v>40</v>
      </c>
      <c r="Q2663" s="5" t="s">
        <v>1522</v>
      </c>
      <c r="R2663" s="5" t="s">
        <v>1523</v>
      </c>
      <c r="S2663" s="5" t="s">
        <v>42</v>
      </c>
      <c r="T2663" s="2">
        <v>1.0189999999999999</v>
      </c>
      <c r="U2663" s="2">
        <v>0.60099999999999998</v>
      </c>
      <c r="V2663" s="2">
        <v>1.0999999999999999E-2</v>
      </c>
      <c r="W2663" s="2">
        <v>82.9</v>
      </c>
      <c r="X2663" s="2">
        <v>7.6</v>
      </c>
      <c r="Y2663" s="2">
        <v>16.7</v>
      </c>
      <c r="Z2663" s="5"/>
      <c r="AA2663" s="5" t="s">
        <v>43</v>
      </c>
      <c r="AB2663" s="5" t="s">
        <v>44</v>
      </c>
      <c r="AC2663" s="2"/>
      <c r="AD2663" s="1"/>
    </row>
    <row r="2664" spans="1:30">
      <c r="A2664" s="5" t="s">
        <v>83578</v>
      </c>
      <c r="B2664" s="2" t="s">
        <v>91594</v>
      </c>
      <c r="C2664" s="14" t="s">
        <v>91595</v>
      </c>
      <c r="D2664" s="2" t="s">
        <v>91596</v>
      </c>
      <c r="E2664" s="2" t="s">
        <v>40979</v>
      </c>
      <c r="F2664" s="8">
        <v>145</v>
      </c>
      <c r="G2664" s="5">
        <v>6</v>
      </c>
      <c r="H2664" s="5" t="s">
        <v>1518</v>
      </c>
      <c r="I2664" s="5" t="s">
        <v>40939</v>
      </c>
      <c r="J2664" s="2" t="s">
        <v>40940</v>
      </c>
      <c r="K2664" s="5" t="s">
        <v>40939</v>
      </c>
      <c r="L2664" s="2" t="s">
        <v>40940</v>
      </c>
      <c r="M2664" s="5" t="s">
        <v>36266</v>
      </c>
      <c r="N2664" s="5" t="s">
        <v>38</v>
      </c>
      <c r="O2664" s="5" t="s">
        <v>39</v>
      </c>
      <c r="P2664" s="5" t="s">
        <v>40</v>
      </c>
      <c r="Q2664" s="5" t="s">
        <v>1522</v>
      </c>
      <c r="R2664" s="5" t="s">
        <v>1523</v>
      </c>
      <c r="S2664" s="5" t="s">
        <v>42</v>
      </c>
      <c r="T2664" s="2">
        <v>1.0309999999999999</v>
      </c>
      <c r="U2664" s="2">
        <v>0.61299999999999999</v>
      </c>
      <c r="V2664" s="2">
        <v>1.0999999999999999E-2</v>
      </c>
      <c r="W2664" s="2">
        <v>82.9</v>
      </c>
      <c r="X2664" s="2">
        <v>7.6</v>
      </c>
      <c r="Y2664" s="2">
        <v>16.7</v>
      </c>
      <c r="Z2664" s="5"/>
      <c r="AA2664" s="5" t="s">
        <v>43</v>
      </c>
      <c r="AB2664" s="5" t="s">
        <v>44</v>
      </c>
      <c r="AC2664" s="2"/>
      <c r="AD2664" s="1"/>
    </row>
    <row r="2665" spans="1:30">
      <c r="A2665" s="5" t="s">
        <v>83578</v>
      </c>
      <c r="B2665" s="2" t="s">
        <v>91597</v>
      </c>
      <c r="C2665" s="14" t="s">
        <v>91598</v>
      </c>
      <c r="D2665" s="2" t="s">
        <v>91599</v>
      </c>
      <c r="E2665" s="2" t="s">
        <v>7539</v>
      </c>
      <c r="F2665" s="8">
        <v>145</v>
      </c>
      <c r="G2665" s="5">
        <v>6</v>
      </c>
      <c r="H2665" s="5" t="s">
        <v>1518</v>
      </c>
      <c r="I2665" s="5" t="s">
        <v>40939</v>
      </c>
      <c r="J2665" s="2" t="s">
        <v>40940</v>
      </c>
      <c r="K2665" s="5" t="s">
        <v>40939</v>
      </c>
      <c r="L2665" s="2" t="s">
        <v>40940</v>
      </c>
      <c r="M2665" s="5" t="s">
        <v>36266</v>
      </c>
      <c r="N2665" s="5" t="s">
        <v>38</v>
      </c>
      <c r="O2665" s="5" t="s">
        <v>39</v>
      </c>
      <c r="P2665" s="5" t="s">
        <v>40</v>
      </c>
      <c r="Q2665" s="5" t="s">
        <v>1522</v>
      </c>
      <c r="R2665" s="5" t="s">
        <v>1523</v>
      </c>
      <c r="S2665" s="5" t="s">
        <v>42</v>
      </c>
      <c r="T2665" s="2">
        <v>1.002</v>
      </c>
      <c r="U2665" s="2">
        <v>0.58399999999999996</v>
      </c>
      <c r="V2665" s="2">
        <v>1.0999999999999999E-2</v>
      </c>
      <c r="W2665" s="2">
        <v>82.9</v>
      </c>
      <c r="X2665" s="2">
        <v>7.6</v>
      </c>
      <c r="Y2665" s="2">
        <v>16.7</v>
      </c>
      <c r="Z2665" s="5"/>
      <c r="AA2665" s="5" t="s">
        <v>43</v>
      </c>
      <c r="AB2665" s="5" t="s">
        <v>44</v>
      </c>
      <c r="AC2665" s="2"/>
      <c r="AD2665" s="1"/>
    </row>
    <row r="2666" spans="1:30">
      <c r="A2666" s="5" t="s">
        <v>83578</v>
      </c>
      <c r="B2666" s="2" t="s">
        <v>91600</v>
      </c>
      <c r="C2666" s="14" t="s">
        <v>91601</v>
      </c>
      <c r="D2666" s="2" t="s">
        <v>91602</v>
      </c>
      <c r="E2666" s="2" t="s">
        <v>7543</v>
      </c>
      <c r="F2666" s="8">
        <v>145</v>
      </c>
      <c r="G2666" s="5">
        <v>6</v>
      </c>
      <c r="H2666" s="5" t="s">
        <v>1518</v>
      </c>
      <c r="I2666" s="5" t="s">
        <v>40939</v>
      </c>
      <c r="J2666" s="2" t="s">
        <v>40940</v>
      </c>
      <c r="K2666" s="5" t="s">
        <v>40939</v>
      </c>
      <c r="L2666" s="2" t="s">
        <v>40940</v>
      </c>
      <c r="M2666" s="5" t="s">
        <v>36266</v>
      </c>
      <c r="N2666" s="5" t="s">
        <v>38</v>
      </c>
      <c r="O2666" s="5" t="s">
        <v>39</v>
      </c>
      <c r="P2666" s="5" t="s">
        <v>40</v>
      </c>
      <c r="Q2666" s="5" t="s">
        <v>1522</v>
      </c>
      <c r="R2666" s="5" t="s">
        <v>1523</v>
      </c>
      <c r="S2666" s="5" t="s">
        <v>42</v>
      </c>
      <c r="T2666" s="2">
        <v>1.014</v>
      </c>
      <c r="U2666" s="2">
        <v>0.59599999999999997</v>
      </c>
      <c r="V2666" s="2">
        <v>1.0999999999999999E-2</v>
      </c>
      <c r="W2666" s="2">
        <v>82.9</v>
      </c>
      <c r="X2666" s="2">
        <v>7.6</v>
      </c>
      <c r="Y2666" s="2">
        <v>16.7</v>
      </c>
      <c r="Z2666" s="5"/>
      <c r="AA2666" s="5" t="s">
        <v>43</v>
      </c>
      <c r="AB2666" s="5" t="s">
        <v>44</v>
      </c>
      <c r="AC2666" s="2"/>
      <c r="AD2666" s="1"/>
    </row>
    <row r="2667" spans="1:30">
      <c r="A2667" s="5" t="s">
        <v>83578</v>
      </c>
      <c r="B2667" s="2" t="s">
        <v>91603</v>
      </c>
      <c r="C2667" s="14" t="s">
        <v>91604</v>
      </c>
      <c r="D2667" s="2" t="s">
        <v>91605</v>
      </c>
      <c r="E2667" s="2" t="s">
        <v>40989</v>
      </c>
      <c r="F2667" s="8">
        <v>145</v>
      </c>
      <c r="G2667" s="5">
        <v>6</v>
      </c>
      <c r="H2667" s="5" t="s">
        <v>1518</v>
      </c>
      <c r="I2667" s="5" t="s">
        <v>40939</v>
      </c>
      <c r="J2667" s="2" t="s">
        <v>40940</v>
      </c>
      <c r="K2667" s="5" t="s">
        <v>40939</v>
      </c>
      <c r="L2667" s="2" t="s">
        <v>40940</v>
      </c>
      <c r="M2667" s="5" t="s">
        <v>36266</v>
      </c>
      <c r="N2667" s="5" t="s">
        <v>38</v>
      </c>
      <c r="O2667" s="5" t="s">
        <v>39</v>
      </c>
      <c r="P2667" s="5" t="s">
        <v>40</v>
      </c>
      <c r="Q2667" s="5" t="s">
        <v>1522</v>
      </c>
      <c r="R2667" s="5" t="s">
        <v>1523</v>
      </c>
      <c r="S2667" s="5" t="s">
        <v>42</v>
      </c>
      <c r="T2667" s="2">
        <v>1.0189999999999999</v>
      </c>
      <c r="U2667" s="2">
        <v>0.60099999999999998</v>
      </c>
      <c r="V2667" s="2">
        <v>1.0999999999999999E-2</v>
      </c>
      <c r="W2667" s="2">
        <v>82.9</v>
      </c>
      <c r="X2667" s="2">
        <v>7.6</v>
      </c>
      <c r="Y2667" s="2">
        <v>16.7</v>
      </c>
      <c r="Z2667" s="5"/>
      <c r="AA2667" s="5" t="s">
        <v>43</v>
      </c>
      <c r="AB2667" s="5" t="s">
        <v>44</v>
      </c>
      <c r="AC2667" s="2"/>
      <c r="AD2667" s="1"/>
    </row>
    <row r="2668" spans="1:30">
      <c r="A2668" s="5" t="s">
        <v>83578</v>
      </c>
      <c r="B2668" s="2" t="s">
        <v>91606</v>
      </c>
      <c r="C2668" s="14" t="s">
        <v>91607</v>
      </c>
      <c r="D2668" s="2" t="s">
        <v>91608</v>
      </c>
      <c r="E2668" s="2" t="s">
        <v>40993</v>
      </c>
      <c r="F2668" s="8">
        <v>145</v>
      </c>
      <c r="G2668" s="5">
        <v>6</v>
      </c>
      <c r="H2668" s="5" t="s">
        <v>1518</v>
      </c>
      <c r="I2668" s="5" t="s">
        <v>40939</v>
      </c>
      <c r="J2668" s="2" t="s">
        <v>40940</v>
      </c>
      <c r="K2668" s="5" t="s">
        <v>40939</v>
      </c>
      <c r="L2668" s="2" t="s">
        <v>40940</v>
      </c>
      <c r="M2668" s="5" t="s">
        <v>36266</v>
      </c>
      <c r="N2668" s="5" t="s">
        <v>38</v>
      </c>
      <c r="O2668" s="5" t="s">
        <v>39</v>
      </c>
      <c r="P2668" s="5" t="s">
        <v>40</v>
      </c>
      <c r="Q2668" s="5" t="s">
        <v>1522</v>
      </c>
      <c r="R2668" s="5" t="s">
        <v>1523</v>
      </c>
      <c r="S2668" s="5" t="s">
        <v>42</v>
      </c>
      <c r="T2668" s="2">
        <v>1.0309999999999999</v>
      </c>
      <c r="U2668" s="2">
        <v>0.61299999999999999</v>
      </c>
      <c r="V2668" s="2">
        <v>1.0999999999999999E-2</v>
      </c>
      <c r="W2668" s="2">
        <v>82.9</v>
      </c>
      <c r="X2668" s="2">
        <v>7.6</v>
      </c>
      <c r="Y2668" s="2">
        <v>16.7</v>
      </c>
      <c r="Z2668" s="5"/>
      <c r="AA2668" s="5" t="s">
        <v>43</v>
      </c>
      <c r="AB2668" s="5" t="s">
        <v>44</v>
      </c>
      <c r="AC2668" s="2"/>
      <c r="AD2668" s="1"/>
    </row>
    <row r="2669" spans="1:30">
      <c r="A2669" s="5" t="s">
        <v>83578</v>
      </c>
      <c r="B2669" s="2" t="s">
        <v>91609</v>
      </c>
      <c r="C2669" s="14" t="s">
        <v>91610</v>
      </c>
      <c r="D2669" s="2" t="s">
        <v>91611</v>
      </c>
      <c r="E2669" s="2" t="s">
        <v>40997</v>
      </c>
      <c r="F2669" s="8">
        <v>145</v>
      </c>
      <c r="G2669" s="5">
        <v>6</v>
      </c>
      <c r="H2669" s="5" t="s">
        <v>1518</v>
      </c>
      <c r="I2669" s="5" t="s">
        <v>40939</v>
      </c>
      <c r="J2669" s="2" t="s">
        <v>40940</v>
      </c>
      <c r="K2669" s="5" t="s">
        <v>40939</v>
      </c>
      <c r="L2669" s="2" t="s">
        <v>40940</v>
      </c>
      <c r="M2669" s="5" t="s">
        <v>36266</v>
      </c>
      <c r="N2669" s="5" t="s">
        <v>38</v>
      </c>
      <c r="O2669" s="5" t="s">
        <v>39</v>
      </c>
      <c r="P2669" s="5" t="s">
        <v>40</v>
      </c>
      <c r="Q2669" s="5" t="s">
        <v>1522</v>
      </c>
      <c r="R2669" s="5" t="s">
        <v>1523</v>
      </c>
      <c r="S2669" s="5" t="s">
        <v>42</v>
      </c>
      <c r="T2669" s="2">
        <v>1.0049999999999999</v>
      </c>
      <c r="U2669" s="2">
        <v>0.58699999999999997</v>
      </c>
      <c r="V2669" s="2">
        <v>1.0999999999999999E-2</v>
      </c>
      <c r="W2669" s="2">
        <v>82.9</v>
      </c>
      <c r="X2669" s="2">
        <v>7.6</v>
      </c>
      <c r="Y2669" s="2">
        <v>16.7</v>
      </c>
      <c r="Z2669" s="5"/>
      <c r="AA2669" s="5" t="s">
        <v>43</v>
      </c>
      <c r="AB2669" s="5" t="s">
        <v>44</v>
      </c>
      <c r="AC2669" s="2"/>
      <c r="AD2669" s="1"/>
    </row>
    <row r="2670" spans="1:30">
      <c r="A2670" s="5" t="s">
        <v>83578</v>
      </c>
      <c r="B2670" s="2" t="s">
        <v>91612</v>
      </c>
      <c r="C2670" s="14" t="s">
        <v>91613</v>
      </c>
      <c r="D2670" s="2" t="s">
        <v>91614</v>
      </c>
      <c r="E2670" s="2" t="s">
        <v>41009</v>
      </c>
      <c r="F2670" s="8">
        <v>145</v>
      </c>
      <c r="G2670" s="5">
        <v>6</v>
      </c>
      <c r="H2670" s="5" t="s">
        <v>1518</v>
      </c>
      <c r="I2670" s="5" t="s">
        <v>40939</v>
      </c>
      <c r="J2670" s="2" t="s">
        <v>40940</v>
      </c>
      <c r="K2670" s="5" t="s">
        <v>40939</v>
      </c>
      <c r="L2670" s="2" t="s">
        <v>40940</v>
      </c>
      <c r="M2670" s="5" t="s">
        <v>36266</v>
      </c>
      <c r="N2670" s="5" t="s">
        <v>38</v>
      </c>
      <c r="O2670" s="5" t="s">
        <v>39</v>
      </c>
      <c r="P2670" s="5" t="s">
        <v>40</v>
      </c>
      <c r="Q2670" s="5" t="s">
        <v>1522</v>
      </c>
      <c r="R2670" s="5" t="s">
        <v>1523</v>
      </c>
      <c r="S2670" s="5" t="s">
        <v>42</v>
      </c>
      <c r="T2670" s="2">
        <v>1.0229999999999999</v>
      </c>
      <c r="U2670" s="2">
        <v>0.60499999999999998</v>
      </c>
      <c r="V2670" s="2">
        <v>1.0999999999999999E-2</v>
      </c>
      <c r="W2670" s="2">
        <v>82.9</v>
      </c>
      <c r="X2670" s="2">
        <v>7.6</v>
      </c>
      <c r="Y2670" s="2">
        <v>16.7</v>
      </c>
      <c r="Z2670" s="5"/>
      <c r="AA2670" s="5" t="s">
        <v>43</v>
      </c>
      <c r="AB2670" s="5" t="s">
        <v>44</v>
      </c>
      <c r="AC2670" s="2"/>
      <c r="AD2670" s="1"/>
    </row>
    <row r="2671" spans="1:30">
      <c r="A2671" s="5" t="s">
        <v>83578</v>
      </c>
      <c r="B2671" s="2" t="s">
        <v>91615</v>
      </c>
      <c r="C2671" s="14" t="s">
        <v>91616</v>
      </c>
      <c r="D2671" s="2" t="s">
        <v>91617</v>
      </c>
      <c r="E2671" s="2" t="s">
        <v>41013</v>
      </c>
      <c r="F2671" s="8">
        <v>145</v>
      </c>
      <c r="G2671" s="5">
        <v>6</v>
      </c>
      <c r="H2671" s="5" t="s">
        <v>1518</v>
      </c>
      <c r="I2671" s="5" t="s">
        <v>40939</v>
      </c>
      <c r="J2671" s="2" t="s">
        <v>40940</v>
      </c>
      <c r="K2671" s="5" t="s">
        <v>40939</v>
      </c>
      <c r="L2671" s="2" t="s">
        <v>40940</v>
      </c>
      <c r="M2671" s="5" t="s">
        <v>36266</v>
      </c>
      <c r="N2671" s="5" t="s">
        <v>38</v>
      </c>
      <c r="O2671" s="5" t="s">
        <v>39</v>
      </c>
      <c r="P2671" s="5" t="s">
        <v>40</v>
      </c>
      <c r="Q2671" s="5" t="s">
        <v>1522</v>
      </c>
      <c r="R2671" s="5" t="s">
        <v>1523</v>
      </c>
      <c r="S2671" s="5" t="s">
        <v>42</v>
      </c>
      <c r="T2671" s="2">
        <v>1.0349999999999999</v>
      </c>
      <c r="U2671" s="2">
        <v>0.61699999999999999</v>
      </c>
      <c r="V2671" s="2">
        <v>1.0999999999999999E-2</v>
      </c>
      <c r="W2671" s="2">
        <v>82.9</v>
      </c>
      <c r="X2671" s="2">
        <v>7.6</v>
      </c>
      <c r="Y2671" s="2">
        <v>16.7</v>
      </c>
      <c r="Z2671" s="5"/>
      <c r="AA2671" s="5" t="s">
        <v>43</v>
      </c>
      <c r="AB2671" s="5" t="s">
        <v>44</v>
      </c>
      <c r="AC2671" s="2"/>
      <c r="AD2671" s="1"/>
    </row>
    <row r="2672" spans="1:30">
      <c r="A2672" s="5" t="s">
        <v>83578</v>
      </c>
      <c r="B2672" s="2" t="s">
        <v>91618</v>
      </c>
      <c r="C2672" s="14" t="s">
        <v>91619</v>
      </c>
      <c r="D2672" s="2" t="s">
        <v>91620</v>
      </c>
      <c r="E2672" s="2" t="s">
        <v>41027</v>
      </c>
      <c r="F2672" s="8">
        <v>145</v>
      </c>
      <c r="G2672" s="5">
        <v>6</v>
      </c>
      <c r="H2672" s="5" t="s">
        <v>1518</v>
      </c>
      <c r="I2672" s="5" t="s">
        <v>40939</v>
      </c>
      <c r="J2672" s="2" t="s">
        <v>40940</v>
      </c>
      <c r="K2672" s="5" t="s">
        <v>40939</v>
      </c>
      <c r="L2672" s="2" t="s">
        <v>40940</v>
      </c>
      <c r="M2672" s="5" t="s">
        <v>36266</v>
      </c>
      <c r="N2672" s="5" t="s">
        <v>38</v>
      </c>
      <c r="O2672" s="5" t="s">
        <v>39</v>
      </c>
      <c r="P2672" s="5" t="s">
        <v>40</v>
      </c>
      <c r="Q2672" s="5" t="s">
        <v>1522</v>
      </c>
      <c r="R2672" s="5" t="s">
        <v>1523</v>
      </c>
      <c r="S2672" s="5" t="s">
        <v>42</v>
      </c>
      <c r="T2672" s="2">
        <v>1.0169999999999999</v>
      </c>
      <c r="U2672" s="2">
        <v>0.59899999999999998</v>
      </c>
      <c r="V2672" s="2">
        <v>1.0999999999999999E-2</v>
      </c>
      <c r="W2672" s="2">
        <v>82.9</v>
      </c>
      <c r="X2672" s="2">
        <v>7.6</v>
      </c>
      <c r="Y2672" s="2">
        <v>16.7</v>
      </c>
      <c r="Z2672" s="5"/>
      <c r="AA2672" s="5" t="s">
        <v>43</v>
      </c>
      <c r="AB2672" s="5" t="s">
        <v>44</v>
      </c>
      <c r="AC2672" s="2"/>
      <c r="AD2672" s="1"/>
    </row>
    <row r="2673" spans="1:30">
      <c r="A2673" s="5" t="s">
        <v>83578</v>
      </c>
      <c r="B2673" s="2" t="s">
        <v>91621</v>
      </c>
      <c r="C2673" s="14" t="s">
        <v>91622</v>
      </c>
      <c r="D2673" s="2" t="s">
        <v>91623</v>
      </c>
      <c r="E2673" s="2" t="s">
        <v>7449</v>
      </c>
      <c r="F2673" s="8">
        <v>145</v>
      </c>
      <c r="G2673" s="5">
        <v>6</v>
      </c>
      <c r="H2673" s="5" t="s">
        <v>1518</v>
      </c>
      <c r="I2673" s="5" t="s">
        <v>40939</v>
      </c>
      <c r="J2673" s="2" t="s">
        <v>40940</v>
      </c>
      <c r="K2673" s="5" t="s">
        <v>40939</v>
      </c>
      <c r="L2673" s="2" t="s">
        <v>40940</v>
      </c>
      <c r="M2673" s="5" t="s">
        <v>36266</v>
      </c>
      <c r="N2673" s="5" t="s">
        <v>38</v>
      </c>
      <c r="O2673" s="5" t="s">
        <v>39</v>
      </c>
      <c r="P2673" s="5" t="s">
        <v>40</v>
      </c>
      <c r="Q2673" s="5" t="s">
        <v>1522</v>
      </c>
      <c r="R2673" s="5" t="s">
        <v>1523</v>
      </c>
      <c r="S2673" s="5" t="s">
        <v>42</v>
      </c>
      <c r="T2673" s="2">
        <v>1.0049999999999999</v>
      </c>
      <c r="U2673" s="2">
        <v>0.58699999999999997</v>
      </c>
      <c r="V2673" s="2">
        <v>1.0999999999999999E-2</v>
      </c>
      <c r="W2673" s="2">
        <v>82.9</v>
      </c>
      <c r="X2673" s="2">
        <v>7.6</v>
      </c>
      <c r="Y2673" s="2">
        <v>16.7</v>
      </c>
      <c r="Z2673" s="5"/>
      <c r="AA2673" s="5" t="s">
        <v>43</v>
      </c>
      <c r="AB2673" s="5" t="s">
        <v>44</v>
      </c>
      <c r="AC2673" s="2"/>
      <c r="AD2673" s="1"/>
    </row>
    <row r="2674" spans="1:30">
      <c r="A2674" s="5" t="s">
        <v>83578</v>
      </c>
      <c r="B2674" s="2" t="s">
        <v>91624</v>
      </c>
      <c r="C2674" s="14" t="s">
        <v>91625</v>
      </c>
      <c r="D2674" s="2" t="s">
        <v>91626</v>
      </c>
      <c r="E2674" s="2" t="s">
        <v>7581</v>
      </c>
      <c r="F2674" s="8">
        <v>145</v>
      </c>
      <c r="G2674" s="5">
        <v>6</v>
      </c>
      <c r="H2674" s="5" t="s">
        <v>1518</v>
      </c>
      <c r="I2674" s="5" t="s">
        <v>40939</v>
      </c>
      <c r="J2674" s="2" t="s">
        <v>40940</v>
      </c>
      <c r="K2674" s="5" t="s">
        <v>40939</v>
      </c>
      <c r="L2674" s="2" t="s">
        <v>40940</v>
      </c>
      <c r="M2674" s="5" t="s">
        <v>36266</v>
      </c>
      <c r="N2674" s="5" t="s">
        <v>38</v>
      </c>
      <c r="O2674" s="5" t="s">
        <v>39</v>
      </c>
      <c r="P2674" s="5" t="s">
        <v>40</v>
      </c>
      <c r="Q2674" s="5" t="s">
        <v>1522</v>
      </c>
      <c r="R2674" s="5" t="s">
        <v>1523</v>
      </c>
      <c r="S2674" s="5" t="s">
        <v>42</v>
      </c>
      <c r="T2674" s="2">
        <v>1.0169999999999999</v>
      </c>
      <c r="U2674" s="2">
        <v>0.59899999999999998</v>
      </c>
      <c r="V2674" s="2">
        <v>1.0999999999999999E-2</v>
      </c>
      <c r="W2674" s="2">
        <v>82.9</v>
      </c>
      <c r="X2674" s="2">
        <v>7.6</v>
      </c>
      <c r="Y2674" s="2">
        <v>16.7</v>
      </c>
      <c r="Z2674" s="5"/>
      <c r="AA2674" s="5" t="s">
        <v>43</v>
      </c>
      <c r="AB2674" s="5" t="s">
        <v>44</v>
      </c>
      <c r="AC2674" s="2"/>
      <c r="AD2674" s="1"/>
    </row>
    <row r="2675" spans="1:30">
      <c r="A2675" s="5" t="s">
        <v>83578</v>
      </c>
      <c r="B2675" s="2" t="s">
        <v>91627</v>
      </c>
      <c r="C2675" s="14" t="s">
        <v>91628</v>
      </c>
      <c r="D2675" s="2" t="s">
        <v>91629</v>
      </c>
      <c r="E2675" s="2" t="s">
        <v>41049</v>
      </c>
      <c r="F2675" s="8">
        <v>145</v>
      </c>
      <c r="G2675" s="5">
        <v>6</v>
      </c>
      <c r="H2675" s="5" t="s">
        <v>1518</v>
      </c>
      <c r="I2675" s="5" t="s">
        <v>40939</v>
      </c>
      <c r="J2675" s="2" t="s">
        <v>40940</v>
      </c>
      <c r="K2675" s="5" t="s">
        <v>40939</v>
      </c>
      <c r="L2675" s="2" t="s">
        <v>40940</v>
      </c>
      <c r="M2675" s="5" t="s">
        <v>36266</v>
      </c>
      <c r="N2675" s="5" t="s">
        <v>38</v>
      </c>
      <c r="O2675" s="5" t="s">
        <v>39</v>
      </c>
      <c r="P2675" s="5" t="s">
        <v>40</v>
      </c>
      <c r="Q2675" s="5" t="s">
        <v>1522</v>
      </c>
      <c r="R2675" s="5" t="s">
        <v>1523</v>
      </c>
      <c r="S2675" s="5" t="s">
        <v>42</v>
      </c>
      <c r="T2675" s="2">
        <v>1.038</v>
      </c>
      <c r="U2675" s="2">
        <v>0.62</v>
      </c>
      <c r="V2675" s="2">
        <v>1.0999999999999999E-2</v>
      </c>
      <c r="W2675" s="2">
        <v>82.9</v>
      </c>
      <c r="X2675" s="2">
        <v>7.6</v>
      </c>
      <c r="Y2675" s="2">
        <v>16.7</v>
      </c>
      <c r="Z2675" s="5"/>
      <c r="AA2675" s="5" t="s">
        <v>43</v>
      </c>
      <c r="AB2675" s="5" t="s">
        <v>44</v>
      </c>
      <c r="AC2675" s="2"/>
      <c r="AD2675" s="1"/>
    </row>
    <row r="2676" spans="1:30">
      <c r="A2676" s="5" t="s">
        <v>83578</v>
      </c>
      <c r="B2676" s="2" t="s">
        <v>91630</v>
      </c>
      <c r="C2676" s="14" t="s">
        <v>91631</v>
      </c>
      <c r="D2676" s="2" t="s">
        <v>91632</v>
      </c>
      <c r="E2676" s="2" t="s">
        <v>40967</v>
      </c>
      <c r="F2676" s="8">
        <v>186</v>
      </c>
      <c r="G2676" s="5">
        <v>6</v>
      </c>
      <c r="H2676" s="5" t="s">
        <v>1518</v>
      </c>
      <c r="I2676" s="5" t="s">
        <v>40939</v>
      </c>
      <c r="J2676" s="2" t="s">
        <v>40940</v>
      </c>
      <c r="K2676" s="5" t="s">
        <v>40939</v>
      </c>
      <c r="L2676" s="2" t="s">
        <v>40940</v>
      </c>
      <c r="M2676" s="5" t="s">
        <v>36266</v>
      </c>
      <c r="N2676" s="5" t="s">
        <v>38</v>
      </c>
      <c r="O2676" s="5" t="s">
        <v>39</v>
      </c>
      <c r="P2676" s="5" t="s">
        <v>40</v>
      </c>
      <c r="Q2676" s="5" t="s">
        <v>1522</v>
      </c>
      <c r="R2676" s="5" t="s">
        <v>1523</v>
      </c>
      <c r="S2676" s="5" t="s">
        <v>42</v>
      </c>
      <c r="T2676" s="2">
        <v>1.841</v>
      </c>
      <c r="U2676" s="2">
        <v>1.0580000000000001</v>
      </c>
      <c r="V2676" s="2">
        <v>2.1999999999999999E-2</v>
      </c>
      <c r="W2676" s="2">
        <v>176.8</v>
      </c>
      <c r="X2676" s="2">
        <v>7.6</v>
      </c>
      <c r="Y2676" s="2">
        <v>16.7</v>
      </c>
      <c r="Z2676" s="5"/>
      <c r="AA2676" s="5" t="s">
        <v>43</v>
      </c>
      <c r="AB2676" s="5" t="s">
        <v>44</v>
      </c>
      <c r="AC2676" s="2"/>
      <c r="AD2676" s="1"/>
    </row>
    <row r="2677" spans="1:30">
      <c r="A2677" s="5" t="s">
        <v>83578</v>
      </c>
      <c r="B2677" s="2" t="s">
        <v>91633</v>
      </c>
      <c r="C2677" s="14" t="s">
        <v>91634</v>
      </c>
      <c r="D2677" s="2" t="s">
        <v>91635</v>
      </c>
      <c r="E2677" s="2" t="s">
        <v>7543</v>
      </c>
      <c r="F2677" s="8">
        <v>186</v>
      </c>
      <c r="G2677" s="5">
        <v>6</v>
      </c>
      <c r="H2677" s="5" t="s">
        <v>1518</v>
      </c>
      <c r="I2677" s="5" t="s">
        <v>40939</v>
      </c>
      <c r="J2677" s="2" t="s">
        <v>40940</v>
      </c>
      <c r="K2677" s="5" t="s">
        <v>40939</v>
      </c>
      <c r="L2677" s="2" t="s">
        <v>40940</v>
      </c>
      <c r="M2677" s="5" t="s">
        <v>36266</v>
      </c>
      <c r="N2677" s="5" t="s">
        <v>38</v>
      </c>
      <c r="O2677" s="5" t="s">
        <v>39</v>
      </c>
      <c r="P2677" s="5" t="s">
        <v>40</v>
      </c>
      <c r="Q2677" s="5" t="s">
        <v>1522</v>
      </c>
      <c r="R2677" s="5" t="s">
        <v>1523</v>
      </c>
      <c r="S2677" s="5" t="s">
        <v>42</v>
      </c>
      <c r="T2677" s="2">
        <v>1.7949999999999999</v>
      </c>
      <c r="U2677" s="2">
        <v>1.012</v>
      </c>
      <c r="V2677" s="2">
        <v>2.1999999999999999E-2</v>
      </c>
      <c r="W2677" s="2">
        <v>176.8</v>
      </c>
      <c r="X2677" s="2">
        <v>7.6</v>
      </c>
      <c r="Y2677" s="2">
        <v>16.7</v>
      </c>
      <c r="Z2677" s="5"/>
      <c r="AA2677" s="5" t="s">
        <v>43</v>
      </c>
      <c r="AB2677" s="5" t="s">
        <v>44</v>
      </c>
      <c r="AC2677" s="2"/>
      <c r="AD2677" s="1"/>
    </row>
    <row r="2678" spans="1:30">
      <c r="A2678" s="5" t="s">
        <v>83578</v>
      </c>
      <c r="B2678" s="2" t="s">
        <v>91636</v>
      </c>
      <c r="C2678" s="14" t="s">
        <v>91637</v>
      </c>
      <c r="D2678" s="2" t="s">
        <v>91638</v>
      </c>
      <c r="E2678" s="2" t="s">
        <v>41267</v>
      </c>
      <c r="F2678" s="8">
        <v>186</v>
      </c>
      <c r="G2678" s="5">
        <v>6</v>
      </c>
      <c r="H2678" s="5" t="s">
        <v>1518</v>
      </c>
      <c r="I2678" s="5" t="s">
        <v>40939</v>
      </c>
      <c r="J2678" s="2" t="s">
        <v>40940</v>
      </c>
      <c r="K2678" s="5" t="s">
        <v>40939</v>
      </c>
      <c r="L2678" s="2" t="s">
        <v>40940</v>
      </c>
      <c r="M2678" s="5" t="s">
        <v>36266</v>
      </c>
      <c r="N2678" s="5" t="s">
        <v>38</v>
      </c>
      <c r="O2678" s="5" t="s">
        <v>39</v>
      </c>
      <c r="P2678" s="5" t="s">
        <v>40</v>
      </c>
      <c r="Q2678" s="5" t="s">
        <v>1522</v>
      </c>
      <c r="R2678" s="5" t="s">
        <v>1523</v>
      </c>
      <c r="S2678" s="5" t="s">
        <v>42</v>
      </c>
      <c r="T2678" s="2">
        <v>1.8049999999999999</v>
      </c>
      <c r="U2678" s="2">
        <v>1.022</v>
      </c>
      <c r="V2678" s="2">
        <v>2.1999999999999999E-2</v>
      </c>
      <c r="W2678" s="2">
        <v>176.8</v>
      </c>
      <c r="X2678" s="2">
        <v>7.6</v>
      </c>
      <c r="Y2678" s="2">
        <v>16.7</v>
      </c>
      <c r="Z2678" s="5"/>
      <c r="AA2678" s="5" t="s">
        <v>43</v>
      </c>
      <c r="AB2678" s="5" t="s">
        <v>44</v>
      </c>
      <c r="AC2678" s="2"/>
      <c r="AD2678" s="1"/>
    </row>
    <row r="2679" spans="1:30">
      <c r="A2679" s="5" t="s">
        <v>83578</v>
      </c>
      <c r="B2679" s="2" t="s">
        <v>91639</v>
      </c>
      <c r="C2679" s="14" t="s">
        <v>91640</v>
      </c>
      <c r="D2679" s="2" t="s">
        <v>91641</v>
      </c>
      <c r="E2679" s="2" t="s">
        <v>41001</v>
      </c>
      <c r="F2679" s="8">
        <v>186</v>
      </c>
      <c r="G2679" s="5">
        <v>6</v>
      </c>
      <c r="H2679" s="5" t="s">
        <v>1518</v>
      </c>
      <c r="I2679" s="5" t="s">
        <v>40939</v>
      </c>
      <c r="J2679" s="2" t="s">
        <v>40940</v>
      </c>
      <c r="K2679" s="5" t="s">
        <v>40939</v>
      </c>
      <c r="L2679" s="2" t="s">
        <v>40940</v>
      </c>
      <c r="M2679" s="5" t="s">
        <v>36266</v>
      </c>
      <c r="N2679" s="5" t="s">
        <v>38</v>
      </c>
      <c r="O2679" s="5" t="s">
        <v>39</v>
      </c>
      <c r="P2679" s="5" t="s">
        <v>40</v>
      </c>
      <c r="Q2679" s="5" t="s">
        <v>1522</v>
      </c>
      <c r="R2679" s="5" t="s">
        <v>1523</v>
      </c>
      <c r="S2679" s="5" t="s">
        <v>42</v>
      </c>
      <c r="T2679" s="2">
        <v>1.841</v>
      </c>
      <c r="U2679" s="2">
        <v>1.0580000000000001</v>
      </c>
      <c r="V2679" s="2">
        <v>2.1999999999999999E-2</v>
      </c>
      <c r="W2679" s="2">
        <v>176.8</v>
      </c>
      <c r="X2679" s="2">
        <v>7.6</v>
      </c>
      <c r="Y2679" s="2">
        <v>16.7</v>
      </c>
      <c r="Z2679" s="5"/>
      <c r="AA2679" s="5" t="s">
        <v>43</v>
      </c>
      <c r="AB2679" s="5" t="s">
        <v>44</v>
      </c>
      <c r="AC2679" s="2"/>
      <c r="AD2679" s="1"/>
    </row>
    <row r="2680" spans="1:30">
      <c r="A2680" s="5" t="s">
        <v>83578</v>
      </c>
      <c r="B2680" s="2" t="s">
        <v>91642</v>
      </c>
      <c r="C2680" s="14" t="s">
        <v>91643</v>
      </c>
      <c r="D2680" s="2" t="s">
        <v>91644</v>
      </c>
      <c r="E2680" s="2" t="s">
        <v>41009</v>
      </c>
      <c r="F2680" s="8">
        <v>186</v>
      </c>
      <c r="G2680" s="5">
        <v>6</v>
      </c>
      <c r="H2680" s="5" t="s">
        <v>1518</v>
      </c>
      <c r="I2680" s="5" t="s">
        <v>40939</v>
      </c>
      <c r="J2680" s="2" t="s">
        <v>40940</v>
      </c>
      <c r="K2680" s="5" t="s">
        <v>40939</v>
      </c>
      <c r="L2680" s="2" t="s">
        <v>40940</v>
      </c>
      <c r="M2680" s="5" t="s">
        <v>36266</v>
      </c>
      <c r="N2680" s="5" t="s">
        <v>38</v>
      </c>
      <c r="O2680" s="5" t="s">
        <v>39</v>
      </c>
      <c r="P2680" s="5" t="s">
        <v>40</v>
      </c>
      <c r="Q2680" s="5" t="s">
        <v>1522</v>
      </c>
      <c r="R2680" s="5" t="s">
        <v>1523</v>
      </c>
      <c r="S2680" s="5" t="s">
        <v>42</v>
      </c>
      <c r="T2680" s="2">
        <v>1.851</v>
      </c>
      <c r="U2680" s="2">
        <v>1.0680000000000001</v>
      </c>
      <c r="V2680" s="2">
        <v>2.1999999999999999E-2</v>
      </c>
      <c r="W2680" s="2">
        <v>176.8</v>
      </c>
      <c r="X2680" s="2">
        <v>7.6</v>
      </c>
      <c r="Y2680" s="2">
        <v>16.7</v>
      </c>
      <c r="Z2680" s="5"/>
      <c r="AA2680" s="5" t="s">
        <v>43</v>
      </c>
      <c r="AB2680" s="5" t="s">
        <v>44</v>
      </c>
      <c r="AC2680" s="2"/>
      <c r="AD2680" s="1"/>
    </row>
    <row r="2681" spans="1:30">
      <c r="A2681" s="5" t="s">
        <v>83578</v>
      </c>
      <c r="B2681" s="2" t="s">
        <v>91645</v>
      </c>
      <c r="C2681" s="14" t="s">
        <v>91646</v>
      </c>
      <c r="D2681" s="2" t="s">
        <v>91647</v>
      </c>
      <c r="E2681" s="2" t="s">
        <v>41013</v>
      </c>
      <c r="F2681" s="8">
        <v>186</v>
      </c>
      <c r="G2681" s="5">
        <v>6</v>
      </c>
      <c r="H2681" s="5" t="s">
        <v>1518</v>
      </c>
      <c r="I2681" s="5" t="s">
        <v>40939</v>
      </c>
      <c r="J2681" s="2" t="s">
        <v>40940</v>
      </c>
      <c r="K2681" s="5" t="s">
        <v>40939</v>
      </c>
      <c r="L2681" s="2" t="s">
        <v>40940</v>
      </c>
      <c r="M2681" s="5" t="s">
        <v>36266</v>
      </c>
      <c r="N2681" s="5" t="s">
        <v>38</v>
      </c>
      <c r="O2681" s="5" t="s">
        <v>39</v>
      </c>
      <c r="P2681" s="5" t="s">
        <v>40</v>
      </c>
      <c r="Q2681" s="5" t="s">
        <v>1522</v>
      </c>
      <c r="R2681" s="5" t="s">
        <v>1523</v>
      </c>
      <c r="S2681" s="5" t="s">
        <v>42</v>
      </c>
      <c r="T2681" s="2">
        <v>1.857</v>
      </c>
      <c r="U2681" s="2">
        <v>1.0740000000000001</v>
      </c>
      <c r="V2681" s="2">
        <v>2.1999999999999999E-2</v>
      </c>
      <c r="W2681" s="2">
        <v>176.8</v>
      </c>
      <c r="X2681" s="2">
        <v>7.6</v>
      </c>
      <c r="Y2681" s="2">
        <v>16.7</v>
      </c>
      <c r="Z2681" s="5"/>
      <c r="AA2681" s="5" t="s">
        <v>43</v>
      </c>
      <c r="AB2681" s="5" t="s">
        <v>44</v>
      </c>
      <c r="AC2681" s="2"/>
      <c r="AD2681" s="1"/>
    </row>
    <row r="2682" spans="1:30">
      <c r="A2682" s="5" t="s">
        <v>83578</v>
      </c>
      <c r="B2682" s="2" t="s">
        <v>91648</v>
      </c>
      <c r="C2682" s="14" t="s">
        <v>91649</v>
      </c>
      <c r="D2682" s="2" t="s">
        <v>91650</v>
      </c>
      <c r="E2682" s="2" t="s">
        <v>41023</v>
      </c>
      <c r="F2682" s="8">
        <v>186</v>
      </c>
      <c r="G2682" s="5">
        <v>6</v>
      </c>
      <c r="H2682" s="5" t="s">
        <v>1518</v>
      </c>
      <c r="I2682" s="5" t="s">
        <v>40939</v>
      </c>
      <c r="J2682" s="2" t="s">
        <v>40940</v>
      </c>
      <c r="K2682" s="5" t="s">
        <v>40939</v>
      </c>
      <c r="L2682" s="2" t="s">
        <v>40940</v>
      </c>
      <c r="M2682" s="5" t="s">
        <v>36266</v>
      </c>
      <c r="N2682" s="5" t="s">
        <v>38</v>
      </c>
      <c r="O2682" s="5" t="s">
        <v>39</v>
      </c>
      <c r="P2682" s="5" t="s">
        <v>40</v>
      </c>
      <c r="Q2682" s="5" t="s">
        <v>1522</v>
      </c>
      <c r="R2682" s="5" t="s">
        <v>1523</v>
      </c>
      <c r="S2682" s="5" t="s">
        <v>42</v>
      </c>
      <c r="T2682" s="2">
        <v>1.7989999999999999</v>
      </c>
      <c r="U2682" s="2">
        <v>1.016</v>
      </c>
      <c r="V2682" s="2">
        <v>2.1999999999999999E-2</v>
      </c>
      <c r="W2682" s="2">
        <v>176.8</v>
      </c>
      <c r="X2682" s="2">
        <v>7.6</v>
      </c>
      <c r="Y2682" s="2">
        <v>16.7</v>
      </c>
      <c r="Z2682" s="5"/>
      <c r="AA2682" s="5" t="s">
        <v>43</v>
      </c>
      <c r="AB2682" s="5" t="s">
        <v>44</v>
      </c>
      <c r="AC2682" s="2"/>
      <c r="AD2682" s="1"/>
    </row>
    <row r="2683" spans="1:30">
      <c r="A2683" s="5" t="s">
        <v>83578</v>
      </c>
      <c r="B2683" s="2" t="s">
        <v>91651</v>
      </c>
      <c r="C2683" s="14" t="s">
        <v>91652</v>
      </c>
      <c r="D2683" s="2" t="s">
        <v>91653</v>
      </c>
      <c r="E2683" s="2" t="s">
        <v>41027</v>
      </c>
      <c r="F2683" s="8">
        <v>186</v>
      </c>
      <c r="G2683" s="5">
        <v>6</v>
      </c>
      <c r="H2683" s="5" t="s">
        <v>1518</v>
      </c>
      <c r="I2683" s="5" t="s">
        <v>40939</v>
      </c>
      <c r="J2683" s="2" t="s">
        <v>40940</v>
      </c>
      <c r="K2683" s="5" t="s">
        <v>40939</v>
      </c>
      <c r="L2683" s="2" t="s">
        <v>40940</v>
      </c>
      <c r="M2683" s="5" t="s">
        <v>36266</v>
      </c>
      <c r="N2683" s="5" t="s">
        <v>38</v>
      </c>
      <c r="O2683" s="5" t="s">
        <v>39</v>
      </c>
      <c r="P2683" s="5" t="s">
        <v>40</v>
      </c>
      <c r="Q2683" s="5" t="s">
        <v>1522</v>
      </c>
      <c r="R2683" s="5" t="s">
        <v>1523</v>
      </c>
      <c r="S2683" s="5" t="s">
        <v>42</v>
      </c>
      <c r="T2683" s="2">
        <v>1.8049999999999999</v>
      </c>
      <c r="U2683" s="2">
        <v>1.022</v>
      </c>
      <c r="V2683" s="2">
        <v>2.1999999999999999E-2</v>
      </c>
      <c r="W2683" s="2">
        <v>176.8</v>
      </c>
      <c r="X2683" s="2">
        <v>7.6</v>
      </c>
      <c r="Y2683" s="2">
        <v>16.7</v>
      </c>
      <c r="Z2683" s="5"/>
      <c r="AA2683" s="5" t="s">
        <v>43</v>
      </c>
      <c r="AB2683" s="5" t="s">
        <v>44</v>
      </c>
      <c r="AC2683" s="2"/>
      <c r="AD2683" s="1"/>
    </row>
    <row r="2684" spans="1:30">
      <c r="A2684" s="5" t="s">
        <v>83578</v>
      </c>
      <c r="B2684" s="2" t="s">
        <v>91654</v>
      </c>
      <c r="C2684" s="14" t="s">
        <v>91655</v>
      </c>
      <c r="D2684" s="2" t="s">
        <v>91656</v>
      </c>
      <c r="E2684" s="2" t="s">
        <v>7449</v>
      </c>
      <c r="F2684" s="8">
        <v>186</v>
      </c>
      <c r="G2684" s="5">
        <v>6</v>
      </c>
      <c r="H2684" s="5" t="s">
        <v>1518</v>
      </c>
      <c r="I2684" s="5" t="s">
        <v>40939</v>
      </c>
      <c r="J2684" s="2" t="s">
        <v>40940</v>
      </c>
      <c r="K2684" s="5" t="s">
        <v>40939</v>
      </c>
      <c r="L2684" s="2" t="s">
        <v>40940</v>
      </c>
      <c r="M2684" s="5" t="s">
        <v>36266</v>
      </c>
      <c r="N2684" s="5" t="s">
        <v>38</v>
      </c>
      <c r="O2684" s="5" t="s">
        <v>39</v>
      </c>
      <c r="P2684" s="5" t="s">
        <v>40</v>
      </c>
      <c r="Q2684" s="5" t="s">
        <v>1522</v>
      </c>
      <c r="R2684" s="5" t="s">
        <v>1523</v>
      </c>
      <c r="S2684" s="5" t="s">
        <v>42</v>
      </c>
      <c r="T2684" s="2">
        <v>1.7989999999999999</v>
      </c>
      <c r="U2684" s="2">
        <v>1.016</v>
      </c>
      <c r="V2684" s="2">
        <v>2.1999999999999999E-2</v>
      </c>
      <c r="W2684" s="2">
        <v>176.8</v>
      </c>
      <c r="X2684" s="2">
        <v>7.6</v>
      </c>
      <c r="Y2684" s="2">
        <v>16.7</v>
      </c>
      <c r="Z2684" s="5"/>
      <c r="AA2684" s="5" t="s">
        <v>43</v>
      </c>
      <c r="AB2684" s="5" t="s">
        <v>44</v>
      </c>
      <c r="AC2684" s="2"/>
      <c r="AD2684" s="1"/>
    </row>
    <row r="2685" spans="1:30">
      <c r="A2685" s="5" t="s">
        <v>83578</v>
      </c>
      <c r="B2685" s="2" t="s">
        <v>91657</v>
      </c>
      <c r="C2685" s="14" t="s">
        <v>91658</v>
      </c>
      <c r="D2685" s="2" t="s">
        <v>91659</v>
      </c>
      <c r="E2685" s="2" t="s">
        <v>41267</v>
      </c>
      <c r="F2685" s="8">
        <v>197</v>
      </c>
      <c r="G2685" s="5">
        <v>6</v>
      </c>
      <c r="H2685" s="5" t="s">
        <v>1518</v>
      </c>
      <c r="I2685" s="5" t="s">
        <v>40939</v>
      </c>
      <c r="J2685" s="2" t="s">
        <v>40940</v>
      </c>
      <c r="K2685" s="5" t="s">
        <v>40939</v>
      </c>
      <c r="L2685" s="2" t="s">
        <v>40940</v>
      </c>
      <c r="M2685" s="5" t="s">
        <v>36266</v>
      </c>
      <c r="N2685" s="5" t="s">
        <v>38</v>
      </c>
      <c r="O2685" s="5" t="s">
        <v>39</v>
      </c>
      <c r="P2685" s="5" t="s">
        <v>40</v>
      </c>
      <c r="Q2685" s="5" t="s">
        <v>1522</v>
      </c>
      <c r="R2685" s="5" t="s">
        <v>1523</v>
      </c>
      <c r="S2685" s="5" t="s">
        <v>42</v>
      </c>
      <c r="T2685" s="2">
        <v>1.698</v>
      </c>
      <c r="U2685" s="2">
        <v>1.0580000000000001</v>
      </c>
      <c r="V2685" s="2">
        <v>0.02</v>
      </c>
      <c r="W2685" s="2">
        <v>159.1</v>
      </c>
      <c r="X2685" s="2">
        <v>7.6</v>
      </c>
      <c r="Y2685" s="2">
        <v>16.7</v>
      </c>
      <c r="Z2685" s="5"/>
      <c r="AA2685" s="5" t="s">
        <v>43</v>
      </c>
      <c r="AB2685" s="5" t="s">
        <v>44</v>
      </c>
      <c r="AC2685" s="2"/>
      <c r="AD2685" s="1"/>
    </row>
    <row r="2686" spans="1:30">
      <c r="A2686" s="5" t="s">
        <v>83578</v>
      </c>
      <c r="B2686" s="2" t="s">
        <v>91660</v>
      </c>
      <c r="C2686" s="14" t="s">
        <v>91661</v>
      </c>
      <c r="D2686" s="2" t="s">
        <v>91662</v>
      </c>
      <c r="E2686" s="2" t="s">
        <v>40947</v>
      </c>
      <c r="F2686" s="8">
        <v>168</v>
      </c>
      <c r="G2686" s="5">
        <v>6</v>
      </c>
      <c r="H2686" s="5" t="s">
        <v>1518</v>
      </c>
      <c r="I2686" s="5" t="s">
        <v>40939</v>
      </c>
      <c r="J2686" s="2" t="s">
        <v>40940</v>
      </c>
      <c r="K2686" s="5" t="s">
        <v>40939</v>
      </c>
      <c r="L2686" s="2" t="s">
        <v>40940</v>
      </c>
      <c r="M2686" s="5" t="s">
        <v>36266</v>
      </c>
      <c r="N2686" s="5" t="s">
        <v>38</v>
      </c>
      <c r="O2686" s="5" t="s">
        <v>39</v>
      </c>
      <c r="P2686" s="5" t="s">
        <v>40</v>
      </c>
      <c r="Q2686" s="5" t="s">
        <v>1522</v>
      </c>
      <c r="R2686" s="5" t="s">
        <v>1523</v>
      </c>
      <c r="S2686" s="5" t="s">
        <v>42</v>
      </c>
      <c r="T2686" s="2">
        <v>1.1850000000000001</v>
      </c>
      <c r="U2686" s="2">
        <v>0.70399999999999996</v>
      </c>
      <c r="V2686" s="2">
        <v>1.2999999999999999E-2</v>
      </c>
      <c r="W2686" s="2">
        <v>99.1</v>
      </c>
      <c r="X2686" s="2">
        <v>7.6</v>
      </c>
      <c r="Y2686" s="2">
        <v>16.7</v>
      </c>
      <c r="Z2686" s="5"/>
      <c r="AA2686" s="5" t="s">
        <v>43</v>
      </c>
      <c r="AB2686" s="5" t="s">
        <v>44</v>
      </c>
      <c r="AC2686" s="2"/>
      <c r="AD2686" s="1"/>
    </row>
    <row r="2687" spans="1:30">
      <c r="A2687" s="5" t="s">
        <v>83578</v>
      </c>
      <c r="B2687" s="2" t="s">
        <v>91663</v>
      </c>
      <c r="C2687" s="14" t="s">
        <v>91664</v>
      </c>
      <c r="D2687" s="2" t="s">
        <v>91665</v>
      </c>
      <c r="E2687" s="2" t="s">
        <v>40951</v>
      </c>
      <c r="F2687" s="8">
        <v>168</v>
      </c>
      <c r="G2687" s="5">
        <v>6</v>
      </c>
      <c r="H2687" s="5" t="s">
        <v>1518</v>
      </c>
      <c r="I2687" s="5" t="s">
        <v>40939</v>
      </c>
      <c r="J2687" s="2" t="s">
        <v>40940</v>
      </c>
      <c r="K2687" s="5" t="s">
        <v>40939</v>
      </c>
      <c r="L2687" s="2" t="s">
        <v>40940</v>
      </c>
      <c r="M2687" s="5" t="s">
        <v>36266</v>
      </c>
      <c r="N2687" s="5" t="s">
        <v>38</v>
      </c>
      <c r="O2687" s="5" t="s">
        <v>39</v>
      </c>
      <c r="P2687" s="5" t="s">
        <v>40</v>
      </c>
      <c r="Q2687" s="5" t="s">
        <v>1522</v>
      </c>
      <c r="R2687" s="5" t="s">
        <v>1523</v>
      </c>
      <c r="S2687" s="5" t="s">
        <v>42</v>
      </c>
      <c r="T2687" s="2">
        <v>1.2</v>
      </c>
      <c r="U2687" s="2">
        <v>0.71899999999999997</v>
      </c>
      <c r="V2687" s="2">
        <v>1.2999999999999999E-2</v>
      </c>
      <c r="W2687" s="2">
        <v>99.1</v>
      </c>
      <c r="X2687" s="2">
        <v>7.6</v>
      </c>
      <c r="Y2687" s="2">
        <v>16.7</v>
      </c>
      <c r="Z2687" s="5"/>
      <c r="AA2687" s="5" t="s">
        <v>43</v>
      </c>
      <c r="AB2687" s="5" t="s">
        <v>44</v>
      </c>
      <c r="AC2687" s="2"/>
      <c r="AD2687" s="1"/>
    </row>
    <row r="2688" spans="1:30">
      <c r="A2688" s="5" t="s">
        <v>83578</v>
      </c>
      <c r="B2688" s="2" t="s">
        <v>91666</v>
      </c>
      <c r="C2688" s="14" t="s">
        <v>91667</v>
      </c>
      <c r="D2688" s="2" t="s">
        <v>91668</v>
      </c>
      <c r="E2688" s="2" t="s">
        <v>40975</v>
      </c>
      <c r="F2688" s="8">
        <v>168</v>
      </c>
      <c r="G2688" s="5">
        <v>6</v>
      </c>
      <c r="H2688" s="5" t="s">
        <v>1518</v>
      </c>
      <c r="I2688" s="5" t="s">
        <v>40939</v>
      </c>
      <c r="J2688" s="2" t="s">
        <v>40940</v>
      </c>
      <c r="K2688" s="5" t="s">
        <v>40939</v>
      </c>
      <c r="L2688" s="2" t="s">
        <v>40940</v>
      </c>
      <c r="M2688" s="5" t="s">
        <v>36266</v>
      </c>
      <c r="N2688" s="5" t="s">
        <v>38</v>
      </c>
      <c r="O2688" s="5" t="s">
        <v>39</v>
      </c>
      <c r="P2688" s="5" t="s">
        <v>40</v>
      </c>
      <c r="Q2688" s="5" t="s">
        <v>1522</v>
      </c>
      <c r="R2688" s="5" t="s">
        <v>1523</v>
      </c>
      <c r="S2688" s="5" t="s">
        <v>42</v>
      </c>
      <c r="T2688" s="2">
        <v>1.19</v>
      </c>
      <c r="U2688" s="2">
        <v>0.70899999999999996</v>
      </c>
      <c r="V2688" s="2">
        <v>1.2999999999999999E-2</v>
      </c>
      <c r="W2688" s="2">
        <v>99.1</v>
      </c>
      <c r="X2688" s="2">
        <v>7.6</v>
      </c>
      <c r="Y2688" s="2">
        <v>16.7</v>
      </c>
      <c r="Z2688" s="5"/>
      <c r="AA2688" s="5" t="s">
        <v>43</v>
      </c>
      <c r="AB2688" s="5" t="s">
        <v>44</v>
      </c>
      <c r="AC2688" s="2"/>
      <c r="AD2688" s="1"/>
    </row>
    <row r="2689" spans="1:30">
      <c r="A2689" s="5" t="s">
        <v>83578</v>
      </c>
      <c r="B2689" s="2" t="s">
        <v>91669</v>
      </c>
      <c r="C2689" s="14" t="s">
        <v>91670</v>
      </c>
      <c r="D2689" s="2" t="s">
        <v>91671</v>
      </c>
      <c r="E2689" s="2" t="s">
        <v>40979</v>
      </c>
      <c r="F2689" s="8">
        <v>168</v>
      </c>
      <c r="G2689" s="5">
        <v>6</v>
      </c>
      <c r="H2689" s="5" t="s">
        <v>1518</v>
      </c>
      <c r="I2689" s="5" t="s">
        <v>40939</v>
      </c>
      <c r="J2689" s="2" t="s">
        <v>40940</v>
      </c>
      <c r="K2689" s="5" t="s">
        <v>40939</v>
      </c>
      <c r="L2689" s="2" t="s">
        <v>40940</v>
      </c>
      <c r="M2689" s="5" t="s">
        <v>36266</v>
      </c>
      <c r="N2689" s="5" t="s">
        <v>38</v>
      </c>
      <c r="O2689" s="5" t="s">
        <v>39</v>
      </c>
      <c r="P2689" s="5" t="s">
        <v>40</v>
      </c>
      <c r="Q2689" s="5" t="s">
        <v>1522</v>
      </c>
      <c r="R2689" s="5" t="s">
        <v>1523</v>
      </c>
      <c r="S2689" s="5" t="s">
        <v>42</v>
      </c>
      <c r="T2689" s="2">
        <v>1.2050000000000001</v>
      </c>
      <c r="U2689" s="2">
        <v>0.72399999999999998</v>
      </c>
      <c r="V2689" s="2">
        <v>1.2999999999999999E-2</v>
      </c>
      <c r="W2689" s="2">
        <v>99.1</v>
      </c>
      <c r="X2689" s="2">
        <v>7.6</v>
      </c>
      <c r="Y2689" s="2">
        <v>16.7</v>
      </c>
      <c r="Z2689" s="5"/>
      <c r="AA2689" s="5" t="s">
        <v>43</v>
      </c>
      <c r="AB2689" s="5" t="s">
        <v>44</v>
      </c>
      <c r="AC2689" s="2"/>
      <c r="AD2689" s="1"/>
    </row>
    <row r="2690" spans="1:30">
      <c r="A2690" s="5" t="s">
        <v>83578</v>
      </c>
      <c r="B2690" s="2" t="s">
        <v>91672</v>
      </c>
      <c r="C2690" s="14" t="s">
        <v>91673</v>
      </c>
      <c r="D2690" s="2" t="s">
        <v>91674</v>
      </c>
      <c r="E2690" s="2" t="s">
        <v>7539</v>
      </c>
      <c r="F2690" s="8">
        <v>168</v>
      </c>
      <c r="G2690" s="5">
        <v>6</v>
      </c>
      <c r="H2690" s="5" t="s">
        <v>1518</v>
      </c>
      <c r="I2690" s="5" t="s">
        <v>40939</v>
      </c>
      <c r="J2690" s="2" t="s">
        <v>40940</v>
      </c>
      <c r="K2690" s="5" t="s">
        <v>40939</v>
      </c>
      <c r="L2690" s="2" t="s">
        <v>40940</v>
      </c>
      <c r="M2690" s="5" t="s">
        <v>36266</v>
      </c>
      <c r="N2690" s="5" t="s">
        <v>38</v>
      </c>
      <c r="O2690" s="5" t="s">
        <v>39</v>
      </c>
      <c r="P2690" s="5" t="s">
        <v>40</v>
      </c>
      <c r="Q2690" s="5" t="s">
        <v>1522</v>
      </c>
      <c r="R2690" s="5" t="s">
        <v>1523</v>
      </c>
      <c r="S2690" s="5" t="s">
        <v>42</v>
      </c>
      <c r="T2690" s="2">
        <v>1.167</v>
      </c>
      <c r="U2690" s="2">
        <v>0.68600000000000005</v>
      </c>
      <c r="V2690" s="2">
        <v>1.2999999999999999E-2</v>
      </c>
      <c r="W2690" s="2">
        <v>99.1</v>
      </c>
      <c r="X2690" s="2">
        <v>7.6</v>
      </c>
      <c r="Y2690" s="2">
        <v>16.7</v>
      </c>
      <c r="Z2690" s="5"/>
      <c r="AA2690" s="5" t="s">
        <v>43</v>
      </c>
      <c r="AB2690" s="5" t="s">
        <v>44</v>
      </c>
      <c r="AC2690" s="2"/>
      <c r="AD2690" s="1"/>
    </row>
    <row r="2691" spans="1:30">
      <c r="A2691" s="5" t="s">
        <v>83578</v>
      </c>
      <c r="B2691" s="2" t="s">
        <v>91675</v>
      </c>
      <c r="C2691" s="14" t="s">
        <v>91676</v>
      </c>
      <c r="D2691" s="2" t="s">
        <v>91677</v>
      </c>
      <c r="E2691" s="2" t="s">
        <v>7543</v>
      </c>
      <c r="F2691" s="8">
        <v>168</v>
      </c>
      <c r="G2691" s="5">
        <v>6</v>
      </c>
      <c r="H2691" s="5" t="s">
        <v>1518</v>
      </c>
      <c r="I2691" s="5" t="s">
        <v>40939</v>
      </c>
      <c r="J2691" s="2" t="s">
        <v>40940</v>
      </c>
      <c r="K2691" s="5" t="s">
        <v>40939</v>
      </c>
      <c r="L2691" s="2" t="s">
        <v>40940</v>
      </c>
      <c r="M2691" s="5" t="s">
        <v>36266</v>
      </c>
      <c r="N2691" s="5" t="s">
        <v>38</v>
      </c>
      <c r="O2691" s="5" t="s">
        <v>39</v>
      </c>
      <c r="P2691" s="5" t="s">
        <v>40</v>
      </c>
      <c r="Q2691" s="5" t="s">
        <v>1522</v>
      </c>
      <c r="R2691" s="5" t="s">
        <v>1523</v>
      </c>
      <c r="S2691" s="5" t="s">
        <v>42</v>
      </c>
      <c r="T2691" s="2">
        <v>1.1819999999999999</v>
      </c>
      <c r="U2691" s="2">
        <v>0.70099999999999996</v>
      </c>
      <c r="V2691" s="2">
        <v>1.2999999999999999E-2</v>
      </c>
      <c r="W2691" s="2">
        <v>99.1</v>
      </c>
      <c r="X2691" s="2">
        <v>7.6</v>
      </c>
      <c r="Y2691" s="2">
        <v>16.7</v>
      </c>
      <c r="Z2691" s="5"/>
      <c r="AA2691" s="5" t="s">
        <v>43</v>
      </c>
      <c r="AB2691" s="5" t="s">
        <v>44</v>
      </c>
      <c r="AC2691" s="2"/>
      <c r="AD2691" s="1"/>
    </row>
    <row r="2692" spans="1:30">
      <c r="A2692" s="5" t="s">
        <v>83578</v>
      </c>
      <c r="B2692" s="2" t="s">
        <v>91678</v>
      </c>
      <c r="C2692" s="14" t="s">
        <v>91679</v>
      </c>
      <c r="D2692" s="2" t="s">
        <v>91680</v>
      </c>
      <c r="E2692" s="2" t="s">
        <v>40989</v>
      </c>
      <c r="F2692" s="8">
        <v>168</v>
      </c>
      <c r="G2692" s="5">
        <v>6</v>
      </c>
      <c r="H2692" s="5" t="s">
        <v>1518</v>
      </c>
      <c r="I2692" s="5" t="s">
        <v>40939</v>
      </c>
      <c r="J2692" s="2" t="s">
        <v>40940</v>
      </c>
      <c r="K2692" s="5" t="s">
        <v>40939</v>
      </c>
      <c r="L2692" s="2" t="s">
        <v>40940</v>
      </c>
      <c r="M2692" s="5" t="s">
        <v>36266</v>
      </c>
      <c r="N2692" s="5" t="s">
        <v>38</v>
      </c>
      <c r="O2692" s="5" t="s">
        <v>39</v>
      </c>
      <c r="P2692" s="5" t="s">
        <v>40</v>
      </c>
      <c r="Q2692" s="5" t="s">
        <v>1522</v>
      </c>
      <c r="R2692" s="5" t="s">
        <v>1523</v>
      </c>
      <c r="S2692" s="5" t="s">
        <v>42</v>
      </c>
      <c r="T2692" s="2">
        <v>1.19</v>
      </c>
      <c r="U2692" s="2">
        <v>0.70899999999999996</v>
      </c>
      <c r="V2692" s="2">
        <v>1.2999999999999999E-2</v>
      </c>
      <c r="W2692" s="2">
        <v>99.1</v>
      </c>
      <c r="X2692" s="2">
        <v>7.6</v>
      </c>
      <c r="Y2692" s="2">
        <v>16.7</v>
      </c>
      <c r="Z2692" s="5"/>
      <c r="AA2692" s="5" t="s">
        <v>43</v>
      </c>
      <c r="AB2692" s="5" t="s">
        <v>44</v>
      </c>
      <c r="AC2692" s="2"/>
      <c r="AD2692" s="1"/>
    </row>
    <row r="2693" spans="1:30">
      <c r="A2693" s="5" t="s">
        <v>83578</v>
      </c>
      <c r="B2693" s="2" t="s">
        <v>91681</v>
      </c>
      <c r="C2693" s="14" t="s">
        <v>91682</v>
      </c>
      <c r="D2693" s="2" t="s">
        <v>91683</v>
      </c>
      <c r="E2693" s="2" t="s">
        <v>40993</v>
      </c>
      <c r="F2693" s="8">
        <v>168</v>
      </c>
      <c r="G2693" s="5">
        <v>6</v>
      </c>
      <c r="H2693" s="5" t="s">
        <v>1518</v>
      </c>
      <c r="I2693" s="5" t="s">
        <v>40939</v>
      </c>
      <c r="J2693" s="2" t="s">
        <v>40940</v>
      </c>
      <c r="K2693" s="5" t="s">
        <v>40939</v>
      </c>
      <c r="L2693" s="2" t="s">
        <v>40940</v>
      </c>
      <c r="M2693" s="5" t="s">
        <v>36266</v>
      </c>
      <c r="N2693" s="5" t="s">
        <v>38</v>
      </c>
      <c r="O2693" s="5" t="s">
        <v>39</v>
      </c>
      <c r="P2693" s="5" t="s">
        <v>40</v>
      </c>
      <c r="Q2693" s="5" t="s">
        <v>1522</v>
      </c>
      <c r="R2693" s="5" t="s">
        <v>1523</v>
      </c>
      <c r="S2693" s="5" t="s">
        <v>42</v>
      </c>
      <c r="T2693" s="2">
        <v>1.2050000000000001</v>
      </c>
      <c r="U2693" s="2">
        <v>0.72399999999999998</v>
      </c>
      <c r="V2693" s="2">
        <v>1.2999999999999999E-2</v>
      </c>
      <c r="W2693" s="2">
        <v>99.1</v>
      </c>
      <c r="X2693" s="2">
        <v>7.6</v>
      </c>
      <c r="Y2693" s="2">
        <v>16.7</v>
      </c>
      <c r="Z2693" s="5"/>
      <c r="AA2693" s="5" t="s">
        <v>43</v>
      </c>
      <c r="AB2693" s="5" t="s">
        <v>44</v>
      </c>
      <c r="AC2693" s="2"/>
      <c r="AD2693" s="1"/>
    </row>
    <row r="2694" spans="1:30">
      <c r="A2694" s="5" t="s">
        <v>83578</v>
      </c>
      <c r="B2694" s="2" t="s">
        <v>91684</v>
      </c>
      <c r="C2694" s="14" t="s">
        <v>91685</v>
      </c>
      <c r="D2694" s="2" t="s">
        <v>91686</v>
      </c>
      <c r="E2694" s="2" t="s">
        <v>40997</v>
      </c>
      <c r="F2694" s="8">
        <v>168</v>
      </c>
      <c r="G2694" s="5">
        <v>6</v>
      </c>
      <c r="H2694" s="5" t="s">
        <v>1518</v>
      </c>
      <c r="I2694" s="5" t="s">
        <v>40939</v>
      </c>
      <c r="J2694" s="2" t="s">
        <v>40940</v>
      </c>
      <c r="K2694" s="5" t="s">
        <v>40939</v>
      </c>
      <c r="L2694" s="2" t="s">
        <v>40940</v>
      </c>
      <c r="M2694" s="5" t="s">
        <v>36266</v>
      </c>
      <c r="N2694" s="5" t="s">
        <v>38</v>
      </c>
      <c r="O2694" s="5" t="s">
        <v>39</v>
      </c>
      <c r="P2694" s="5" t="s">
        <v>40</v>
      </c>
      <c r="Q2694" s="5" t="s">
        <v>1522</v>
      </c>
      <c r="R2694" s="5" t="s">
        <v>1523</v>
      </c>
      <c r="S2694" s="5" t="s">
        <v>42</v>
      </c>
      <c r="T2694" s="2">
        <v>1.1719999999999999</v>
      </c>
      <c r="U2694" s="2">
        <v>0.69099999999999995</v>
      </c>
      <c r="V2694" s="2">
        <v>1.2999999999999999E-2</v>
      </c>
      <c r="W2694" s="2">
        <v>99.1</v>
      </c>
      <c r="X2694" s="2">
        <v>7.6</v>
      </c>
      <c r="Y2694" s="2">
        <v>16.7</v>
      </c>
      <c r="Z2694" s="5"/>
      <c r="AA2694" s="5" t="s">
        <v>43</v>
      </c>
      <c r="AB2694" s="5" t="s">
        <v>44</v>
      </c>
      <c r="AC2694" s="2"/>
      <c r="AD2694" s="1"/>
    </row>
    <row r="2695" spans="1:30">
      <c r="A2695" s="5" t="s">
        <v>83578</v>
      </c>
      <c r="B2695" s="2" t="s">
        <v>91687</v>
      </c>
      <c r="C2695" s="14" t="s">
        <v>91688</v>
      </c>
      <c r="D2695" s="2" t="s">
        <v>91689</v>
      </c>
      <c r="E2695" s="2" t="s">
        <v>41267</v>
      </c>
      <c r="F2695" s="8">
        <v>168</v>
      </c>
      <c r="G2695" s="5">
        <v>6</v>
      </c>
      <c r="H2695" s="5" t="s">
        <v>1518</v>
      </c>
      <c r="I2695" s="5" t="s">
        <v>40939</v>
      </c>
      <c r="J2695" s="2" t="s">
        <v>40940</v>
      </c>
      <c r="K2695" s="5" t="s">
        <v>40939</v>
      </c>
      <c r="L2695" s="2" t="s">
        <v>40940</v>
      </c>
      <c r="M2695" s="5" t="s">
        <v>36266</v>
      </c>
      <c r="N2695" s="5" t="s">
        <v>38</v>
      </c>
      <c r="O2695" s="5" t="s">
        <v>39</v>
      </c>
      <c r="P2695" s="5" t="s">
        <v>40</v>
      </c>
      <c r="Q2695" s="5" t="s">
        <v>1522</v>
      </c>
      <c r="R2695" s="5" t="s">
        <v>1523</v>
      </c>
      <c r="S2695" s="5" t="s">
        <v>42</v>
      </c>
      <c r="T2695" s="2">
        <v>1.1870000000000001</v>
      </c>
      <c r="U2695" s="2">
        <v>0.70599999999999996</v>
      </c>
      <c r="V2695" s="2">
        <v>1.2999999999999999E-2</v>
      </c>
      <c r="W2695" s="2">
        <v>99.1</v>
      </c>
      <c r="X2695" s="2">
        <v>7.6</v>
      </c>
      <c r="Y2695" s="2">
        <v>16.7</v>
      </c>
      <c r="Z2695" s="5"/>
      <c r="AA2695" s="5" t="s">
        <v>43</v>
      </c>
      <c r="AB2695" s="5" t="s">
        <v>44</v>
      </c>
      <c r="AC2695" s="2"/>
      <c r="AD2695" s="1"/>
    </row>
    <row r="2696" spans="1:30">
      <c r="A2696" s="5" t="s">
        <v>83578</v>
      </c>
      <c r="B2696" s="2" t="s">
        <v>91690</v>
      </c>
      <c r="C2696" s="14" t="s">
        <v>91691</v>
      </c>
      <c r="D2696" s="2" t="s">
        <v>91692</v>
      </c>
      <c r="E2696" s="2" t="s">
        <v>41001</v>
      </c>
      <c r="F2696" s="8">
        <v>168</v>
      </c>
      <c r="G2696" s="5">
        <v>6</v>
      </c>
      <c r="H2696" s="5" t="s">
        <v>1518</v>
      </c>
      <c r="I2696" s="5" t="s">
        <v>40939</v>
      </c>
      <c r="J2696" s="2" t="s">
        <v>40940</v>
      </c>
      <c r="K2696" s="5" t="s">
        <v>40939</v>
      </c>
      <c r="L2696" s="2" t="s">
        <v>40940</v>
      </c>
      <c r="M2696" s="5" t="s">
        <v>36266</v>
      </c>
      <c r="N2696" s="5" t="s">
        <v>38</v>
      </c>
      <c r="O2696" s="5" t="s">
        <v>39</v>
      </c>
      <c r="P2696" s="5" t="s">
        <v>40</v>
      </c>
      <c r="Q2696" s="5" t="s">
        <v>1522</v>
      </c>
      <c r="R2696" s="5" t="s">
        <v>1523</v>
      </c>
      <c r="S2696" s="5" t="s">
        <v>42</v>
      </c>
      <c r="T2696" s="2">
        <v>1.19</v>
      </c>
      <c r="U2696" s="2">
        <v>0.70899999999999996</v>
      </c>
      <c r="V2696" s="2">
        <v>1.2999999999999999E-2</v>
      </c>
      <c r="W2696" s="2">
        <v>99.1</v>
      </c>
      <c r="X2696" s="2">
        <v>7.6</v>
      </c>
      <c r="Y2696" s="2">
        <v>16.7</v>
      </c>
      <c r="Z2696" s="5"/>
      <c r="AA2696" s="5" t="s">
        <v>43</v>
      </c>
      <c r="AB2696" s="5" t="s">
        <v>44</v>
      </c>
      <c r="AC2696" s="2"/>
      <c r="AD2696" s="1"/>
    </row>
    <row r="2697" spans="1:30">
      <c r="A2697" s="5" t="s">
        <v>83578</v>
      </c>
      <c r="B2697" s="2" t="s">
        <v>91693</v>
      </c>
      <c r="C2697" s="14" t="s">
        <v>91694</v>
      </c>
      <c r="D2697" s="2" t="s">
        <v>91695</v>
      </c>
      <c r="E2697" s="2" t="s">
        <v>41005</v>
      </c>
      <c r="F2697" s="8">
        <v>168</v>
      </c>
      <c r="G2697" s="5">
        <v>6</v>
      </c>
      <c r="H2697" s="5" t="s">
        <v>1518</v>
      </c>
      <c r="I2697" s="5" t="s">
        <v>40939</v>
      </c>
      <c r="J2697" s="2" t="s">
        <v>40940</v>
      </c>
      <c r="K2697" s="5" t="s">
        <v>40939</v>
      </c>
      <c r="L2697" s="2" t="s">
        <v>40940</v>
      </c>
      <c r="M2697" s="5" t="s">
        <v>36266</v>
      </c>
      <c r="N2697" s="5" t="s">
        <v>38</v>
      </c>
      <c r="O2697" s="5" t="s">
        <v>39</v>
      </c>
      <c r="P2697" s="5" t="s">
        <v>40</v>
      </c>
      <c r="Q2697" s="5" t="s">
        <v>1522</v>
      </c>
      <c r="R2697" s="5" t="s">
        <v>1523</v>
      </c>
      <c r="S2697" s="5" t="s">
        <v>42</v>
      </c>
      <c r="T2697" s="2">
        <v>1.2050000000000001</v>
      </c>
      <c r="U2697" s="2">
        <v>0.72399999999999998</v>
      </c>
      <c r="V2697" s="2">
        <v>1.2999999999999999E-2</v>
      </c>
      <c r="W2697" s="2">
        <v>99.1</v>
      </c>
      <c r="X2697" s="2">
        <v>7.6</v>
      </c>
      <c r="Y2697" s="2">
        <v>16.7</v>
      </c>
      <c r="Z2697" s="5"/>
      <c r="AA2697" s="5" t="s">
        <v>43</v>
      </c>
      <c r="AB2697" s="5" t="s">
        <v>44</v>
      </c>
      <c r="AC2697" s="2"/>
      <c r="AD2697" s="1"/>
    </row>
    <row r="2698" spans="1:30">
      <c r="A2698" s="5" t="s">
        <v>83578</v>
      </c>
      <c r="B2698" s="2" t="s">
        <v>91696</v>
      </c>
      <c r="C2698" s="14" t="s">
        <v>91697</v>
      </c>
      <c r="D2698" s="2" t="s">
        <v>91698</v>
      </c>
      <c r="E2698" s="2" t="s">
        <v>41009</v>
      </c>
      <c r="F2698" s="8">
        <v>168</v>
      </c>
      <c r="G2698" s="5">
        <v>6</v>
      </c>
      <c r="H2698" s="5" t="s">
        <v>1518</v>
      </c>
      <c r="I2698" s="5" t="s">
        <v>40939</v>
      </c>
      <c r="J2698" s="2" t="s">
        <v>40940</v>
      </c>
      <c r="K2698" s="5" t="s">
        <v>40939</v>
      </c>
      <c r="L2698" s="2" t="s">
        <v>40940</v>
      </c>
      <c r="M2698" s="5" t="s">
        <v>36266</v>
      </c>
      <c r="N2698" s="5" t="s">
        <v>38</v>
      </c>
      <c r="O2698" s="5" t="s">
        <v>39</v>
      </c>
      <c r="P2698" s="5" t="s">
        <v>40</v>
      </c>
      <c r="Q2698" s="5" t="s">
        <v>1522</v>
      </c>
      <c r="R2698" s="5" t="s">
        <v>1523</v>
      </c>
      <c r="S2698" s="5" t="s">
        <v>42</v>
      </c>
      <c r="T2698" s="2">
        <v>1.194</v>
      </c>
      <c r="U2698" s="2">
        <v>0.71299999999999997</v>
      </c>
      <c r="V2698" s="2">
        <v>1.2999999999999999E-2</v>
      </c>
      <c r="W2698" s="2">
        <v>99.1</v>
      </c>
      <c r="X2698" s="2">
        <v>7.6</v>
      </c>
      <c r="Y2698" s="2">
        <v>16.7</v>
      </c>
      <c r="Z2698" s="5"/>
      <c r="AA2698" s="5" t="s">
        <v>43</v>
      </c>
      <c r="AB2698" s="5" t="s">
        <v>44</v>
      </c>
      <c r="AC2698" s="2"/>
      <c r="AD2698" s="1"/>
    </row>
    <row r="2699" spans="1:30">
      <c r="A2699" s="5" t="s">
        <v>83578</v>
      </c>
      <c r="B2699" s="2" t="s">
        <v>91699</v>
      </c>
      <c r="C2699" s="14" t="s">
        <v>91700</v>
      </c>
      <c r="D2699" s="2" t="s">
        <v>91701</v>
      </c>
      <c r="E2699" s="2" t="s">
        <v>41013</v>
      </c>
      <c r="F2699" s="8">
        <v>168</v>
      </c>
      <c r="G2699" s="5">
        <v>6</v>
      </c>
      <c r="H2699" s="5" t="s">
        <v>1518</v>
      </c>
      <c r="I2699" s="5" t="s">
        <v>40939</v>
      </c>
      <c r="J2699" s="2" t="s">
        <v>40940</v>
      </c>
      <c r="K2699" s="5" t="s">
        <v>40939</v>
      </c>
      <c r="L2699" s="2" t="s">
        <v>40940</v>
      </c>
      <c r="M2699" s="5" t="s">
        <v>36266</v>
      </c>
      <c r="N2699" s="5" t="s">
        <v>38</v>
      </c>
      <c r="O2699" s="5" t="s">
        <v>39</v>
      </c>
      <c r="P2699" s="5" t="s">
        <v>40</v>
      </c>
      <c r="Q2699" s="5" t="s">
        <v>1522</v>
      </c>
      <c r="R2699" s="5" t="s">
        <v>1523</v>
      </c>
      <c r="S2699" s="5" t="s">
        <v>42</v>
      </c>
      <c r="T2699" s="2">
        <v>1.2090000000000001</v>
      </c>
      <c r="U2699" s="2">
        <v>0.72799999999999998</v>
      </c>
      <c r="V2699" s="2">
        <v>1.2999999999999999E-2</v>
      </c>
      <c r="W2699" s="2">
        <v>99.1</v>
      </c>
      <c r="X2699" s="2">
        <v>7.6</v>
      </c>
      <c r="Y2699" s="2">
        <v>16.7</v>
      </c>
      <c r="Z2699" s="5"/>
      <c r="AA2699" s="5" t="s">
        <v>43</v>
      </c>
      <c r="AB2699" s="5" t="s">
        <v>44</v>
      </c>
      <c r="AC2699" s="2"/>
      <c r="AD2699" s="1"/>
    </row>
    <row r="2700" spans="1:30">
      <c r="A2700" s="5" t="s">
        <v>83578</v>
      </c>
      <c r="B2700" s="2" t="s">
        <v>91702</v>
      </c>
      <c r="C2700" s="14" t="s">
        <v>91703</v>
      </c>
      <c r="D2700" s="2" t="s">
        <v>91704</v>
      </c>
      <c r="E2700" s="2" t="s">
        <v>41023</v>
      </c>
      <c r="F2700" s="8">
        <v>168</v>
      </c>
      <c r="G2700" s="5">
        <v>6</v>
      </c>
      <c r="H2700" s="5" t="s">
        <v>1518</v>
      </c>
      <c r="I2700" s="5" t="s">
        <v>40939</v>
      </c>
      <c r="J2700" s="2" t="s">
        <v>40940</v>
      </c>
      <c r="K2700" s="5" t="s">
        <v>40939</v>
      </c>
      <c r="L2700" s="2" t="s">
        <v>40940</v>
      </c>
      <c r="M2700" s="5" t="s">
        <v>36266</v>
      </c>
      <c r="N2700" s="5" t="s">
        <v>38</v>
      </c>
      <c r="O2700" s="5" t="s">
        <v>39</v>
      </c>
      <c r="P2700" s="5" t="s">
        <v>40</v>
      </c>
      <c r="Q2700" s="5" t="s">
        <v>1522</v>
      </c>
      <c r="R2700" s="5" t="s">
        <v>1523</v>
      </c>
      <c r="S2700" s="5" t="s">
        <v>42</v>
      </c>
      <c r="T2700" s="2">
        <v>1.1719999999999999</v>
      </c>
      <c r="U2700" s="2">
        <v>0.69099999999999995</v>
      </c>
      <c r="V2700" s="2">
        <v>1.2999999999999999E-2</v>
      </c>
      <c r="W2700" s="2">
        <v>99.1</v>
      </c>
      <c r="X2700" s="2">
        <v>7.6</v>
      </c>
      <c r="Y2700" s="2">
        <v>16.7</v>
      </c>
      <c r="Z2700" s="5"/>
      <c r="AA2700" s="5" t="s">
        <v>43</v>
      </c>
      <c r="AB2700" s="5" t="s">
        <v>44</v>
      </c>
      <c r="AC2700" s="2"/>
      <c r="AD2700" s="1"/>
    </row>
    <row r="2701" spans="1:30">
      <c r="A2701" s="5" t="s">
        <v>83578</v>
      </c>
      <c r="B2701" s="2" t="s">
        <v>91705</v>
      </c>
      <c r="C2701" s="14" t="s">
        <v>91706</v>
      </c>
      <c r="D2701" s="2" t="s">
        <v>91707</v>
      </c>
      <c r="E2701" s="2" t="s">
        <v>41027</v>
      </c>
      <c r="F2701" s="8">
        <v>168</v>
      </c>
      <c r="G2701" s="5">
        <v>6</v>
      </c>
      <c r="H2701" s="5" t="s">
        <v>1518</v>
      </c>
      <c r="I2701" s="5" t="s">
        <v>40939</v>
      </c>
      <c r="J2701" s="2" t="s">
        <v>40940</v>
      </c>
      <c r="K2701" s="5" t="s">
        <v>40939</v>
      </c>
      <c r="L2701" s="2" t="s">
        <v>40940</v>
      </c>
      <c r="M2701" s="5" t="s">
        <v>36266</v>
      </c>
      <c r="N2701" s="5" t="s">
        <v>38</v>
      </c>
      <c r="O2701" s="5" t="s">
        <v>39</v>
      </c>
      <c r="P2701" s="5" t="s">
        <v>40</v>
      </c>
      <c r="Q2701" s="5" t="s">
        <v>1522</v>
      </c>
      <c r="R2701" s="5" t="s">
        <v>1523</v>
      </c>
      <c r="S2701" s="5" t="s">
        <v>42</v>
      </c>
      <c r="T2701" s="2">
        <v>1.1870000000000001</v>
      </c>
      <c r="U2701" s="2">
        <v>0.70599999999999996</v>
      </c>
      <c r="V2701" s="2">
        <v>1.2999999999999999E-2</v>
      </c>
      <c r="W2701" s="2">
        <v>99.1</v>
      </c>
      <c r="X2701" s="2">
        <v>7.6</v>
      </c>
      <c r="Y2701" s="2">
        <v>16.7</v>
      </c>
      <c r="Z2701" s="5"/>
      <c r="AA2701" s="5" t="s">
        <v>43</v>
      </c>
      <c r="AB2701" s="5" t="s">
        <v>44</v>
      </c>
      <c r="AC2701" s="2"/>
      <c r="AD2701" s="1"/>
    </row>
    <row r="2702" spans="1:30">
      <c r="A2702" s="5" t="s">
        <v>83578</v>
      </c>
      <c r="B2702" s="2" t="s">
        <v>91708</v>
      </c>
      <c r="C2702" s="14" t="s">
        <v>91709</v>
      </c>
      <c r="D2702" s="2" t="s">
        <v>91710</v>
      </c>
      <c r="E2702" s="2" t="s">
        <v>41035</v>
      </c>
      <c r="F2702" s="8">
        <v>168</v>
      </c>
      <c r="G2702" s="5">
        <v>6</v>
      </c>
      <c r="H2702" s="5" t="s">
        <v>1518</v>
      </c>
      <c r="I2702" s="5" t="s">
        <v>40939</v>
      </c>
      <c r="J2702" s="2" t="s">
        <v>40940</v>
      </c>
      <c r="K2702" s="5" t="s">
        <v>40939</v>
      </c>
      <c r="L2702" s="2" t="s">
        <v>40940</v>
      </c>
      <c r="M2702" s="5" t="s">
        <v>36266</v>
      </c>
      <c r="N2702" s="5" t="s">
        <v>38</v>
      </c>
      <c r="O2702" s="5" t="s">
        <v>39</v>
      </c>
      <c r="P2702" s="5" t="s">
        <v>40</v>
      </c>
      <c r="Q2702" s="5" t="s">
        <v>1522</v>
      </c>
      <c r="R2702" s="5" t="s">
        <v>1523</v>
      </c>
      <c r="S2702" s="5" t="s">
        <v>42</v>
      </c>
      <c r="T2702" s="2">
        <v>1.1870000000000001</v>
      </c>
      <c r="U2702" s="2">
        <v>0.70599999999999996</v>
      </c>
      <c r="V2702" s="2">
        <v>1.2999999999999999E-2</v>
      </c>
      <c r="W2702" s="2">
        <v>99.1</v>
      </c>
      <c r="X2702" s="2">
        <v>7.6</v>
      </c>
      <c r="Y2702" s="2">
        <v>16.7</v>
      </c>
      <c r="Z2702" s="5"/>
      <c r="AA2702" s="5" t="s">
        <v>43</v>
      </c>
      <c r="AB2702" s="5" t="s">
        <v>44</v>
      </c>
      <c r="AC2702" s="2"/>
      <c r="AD2702" s="1"/>
    </row>
    <row r="2703" spans="1:30">
      <c r="A2703" s="5" t="s">
        <v>83578</v>
      </c>
      <c r="B2703" s="2" t="s">
        <v>91711</v>
      </c>
      <c r="C2703" s="14" t="s">
        <v>91712</v>
      </c>
      <c r="D2703" s="2" t="s">
        <v>91713</v>
      </c>
      <c r="E2703" s="2" t="s">
        <v>7449</v>
      </c>
      <c r="F2703" s="8">
        <v>168</v>
      </c>
      <c r="G2703" s="5">
        <v>6</v>
      </c>
      <c r="H2703" s="5" t="s">
        <v>1518</v>
      </c>
      <c r="I2703" s="5" t="s">
        <v>40939</v>
      </c>
      <c r="J2703" s="2" t="s">
        <v>40940</v>
      </c>
      <c r="K2703" s="5" t="s">
        <v>40939</v>
      </c>
      <c r="L2703" s="2" t="s">
        <v>40940</v>
      </c>
      <c r="M2703" s="5" t="s">
        <v>36266</v>
      </c>
      <c r="N2703" s="5" t="s">
        <v>38</v>
      </c>
      <c r="O2703" s="5" t="s">
        <v>39</v>
      </c>
      <c r="P2703" s="5" t="s">
        <v>40</v>
      </c>
      <c r="Q2703" s="5" t="s">
        <v>1522</v>
      </c>
      <c r="R2703" s="5" t="s">
        <v>1523</v>
      </c>
      <c r="S2703" s="5" t="s">
        <v>42</v>
      </c>
      <c r="T2703" s="2">
        <v>1.1719999999999999</v>
      </c>
      <c r="U2703" s="2">
        <v>0.69099999999999995</v>
      </c>
      <c r="V2703" s="2">
        <v>1.2999999999999999E-2</v>
      </c>
      <c r="W2703" s="2">
        <v>99.1</v>
      </c>
      <c r="X2703" s="2">
        <v>7.6</v>
      </c>
      <c r="Y2703" s="2">
        <v>16.7</v>
      </c>
      <c r="Z2703" s="5"/>
      <c r="AA2703" s="5" t="s">
        <v>43</v>
      </c>
      <c r="AB2703" s="5" t="s">
        <v>44</v>
      </c>
      <c r="AC2703" s="2"/>
      <c r="AD2703" s="1"/>
    </row>
    <row r="2704" spans="1:30">
      <c r="A2704" s="5" t="s">
        <v>83578</v>
      </c>
      <c r="B2704" s="2" t="s">
        <v>91714</v>
      </c>
      <c r="C2704" s="14" t="s">
        <v>91715</v>
      </c>
      <c r="D2704" s="2" t="s">
        <v>91716</v>
      </c>
      <c r="E2704" s="2" t="s">
        <v>7581</v>
      </c>
      <c r="F2704" s="8">
        <v>168</v>
      </c>
      <c r="G2704" s="5">
        <v>6</v>
      </c>
      <c r="H2704" s="5" t="s">
        <v>1518</v>
      </c>
      <c r="I2704" s="5" t="s">
        <v>40939</v>
      </c>
      <c r="J2704" s="2" t="s">
        <v>40940</v>
      </c>
      <c r="K2704" s="5" t="s">
        <v>40939</v>
      </c>
      <c r="L2704" s="2" t="s">
        <v>40940</v>
      </c>
      <c r="M2704" s="5" t="s">
        <v>36266</v>
      </c>
      <c r="N2704" s="5" t="s">
        <v>38</v>
      </c>
      <c r="O2704" s="5" t="s">
        <v>39</v>
      </c>
      <c r="P2704" s="5" t="s">
        <v>40</v>
      </c>
      <c r="Q2704" s="5" t="s">
        <v>1522</v>
      </c>
      <c r="R2704" s="5" t="s">
        <v>1523</v>
      </c>
      <c r="S2704" s="5" t="s">
        <v>42</v>
      </c>
      <c r="T2704" s="2">
        <v>1.1870000000000001</v>
      </c>
      <c r="U2704" s="2">
        <v>0.70599999999999996</v>
      </c>
      <c r="V2704" s="2">
        <v>1.2999999999999999E-2</v>
      </c>
      <c r="W2704" s="2">
        <v>99.1</v>
      </c>
      <c r="X2704" s="2">
        <v>7.6</v>
      </c>
      <c r="Y2704" s="2">
        <v>16.7</v>
      </c>
      <c r="Z2704" s="5"/>
      <c r="AA2704" s="5" t="s">
        <v>43</v>
      </c>
      <c r="AB2704" s="5" t="s">
        <v>44</v>
      </c>
      <c r="AC2704" s="2"/>
      <c r="AD2704" s="1"/>
    </row>
    <row r="2705" spans="1:30">
      <c r="A2705" s="5" t="s">
        <v>83578</v>
      </c>
      <c r="B2705" s="2" t="s">
        <v>91717</v>
      </c>
      <c r="C2705" s="14" t="s">
        <v>91718</v>
      </c>
      <c r="D2705" s="2" t="s">
        <v>91719</v>
      </c>
      <c r="E2705" s="2" t="s">
        <v>41045</v>
      </c>
      <c r="F2705" s="8">
        <v>168</v>
      </c>
      <c r="G2705" s="5">
        <v>6</v>
      </c>
      <c r="H2705" s="5" t="s">
        <v>1518</v>
      </c>
      <c r="I2705" s="5" t="s">
        <v>40939</v>
      </c>
      <c r="J2705" s="2" t="s">
        <v>40940</v>
      </c>
      <c r="K2705" s="5" t="s">
        <v>40939</v>
      </c>
      <c r="L2705" s="2" t="s">
        <v>40940</v>
      </c>
      <c r="M2705" s="5" t="s">
        <v>36266</v>
      </c>
      <c r="N2705" s="5" t="s">
        <v>38</v>
      </c>
      <c r="O2705" s="5" t="s">
        <v>39</v>
      </c>
      <c r="P2705" s="5" t="s">
        <v>40</v>
      </c>
      <c r="Q2705" s="5" t="s">
        <v>1522</v>
      </c>
      <c r="R2705" s="5" t="s">
        <v>1523</v>
      </c>
      <c r="S2705" s="5" t="s">
        <v>42</v>
      </c>
      <c r="T2705" s="2">
        <v>1.1990000000000001</v>
      </c>
      <c r="U2705" s="2">
        <v>0.71799999999999997</v>
      </c>
      <c r="V2705" s="2">
        <v>1.2999999999999999E-2</v>
      </c>
      <c r="W2705" s="2">
        <v>99.1</v>
      </c>
      <c r="X2705" s="2">
        <v>7.6</v>
      </c>
      <c r="Y2705" s="2">
        <v>16.7</v>
      </c>
      <c r="Z2705" s="5"/>
      <c r="AA2705" s="5" t="s">
        <v>43</v>
      </c>
      <c r="AB2705" s="5" t="s">
        <v>44</v>
      </c>
      <c r="AC2705" s="2"/>
      <c r="AD2705" s="1"/>
    </row>
    <row r="2706" spans="1:30">
      <c r="A2706" s="5" t="s">
        <v>83578</v>
      </c>
      <c r="B2706" s="2" t="s">
        <v>91720</v>
      </c>
      <c r="C2706" s="14" t="s">
        <v>91721</v>
      </c>
      <c r="D2706" s="2" t="s">
        <v>91722</v>
      </c>
      <c r="E2706" s="2" t="s">
        <v>41049</v>
      </c>
      <c r="F2706" s="8">
        <v>168</v>
      </c>
      <c r="G2706" s="5">
        <v>6</v>
      </c>
      <c r="H2706" s="5" t="s">
        <v>1518</v>
      </c>
      <c r="I2706" s="5" t="s">
        <v>40939</v>
      </c>
      <c r="J2706" s="2" t="s">
        <v>40940</v>
      </c>
      <c r="K2706" s="5" t="s">
        <v>40939</v>
      </c>
      <c r="L2706" s="2" t="s">
        <v>40940</v>
      </c>
      <c r="M2706" s="5" t="s">
        <v>36266</v>
      </c>
      <c r="N2706" s="5" t="s">
        <v>38</v>
      </c>
      <c r="O2706" s="5" t="s">
        <v>39</v>
      </c>
      <c r="P2706" s="5" t="s">
        <v>40</v>
      </c>
      <c r="Q2706" s="5" t="s">
        <v>1522</v>
      </c>
      <c r="R2706" s="5" t="s">
        <v>1523</v>
      </c>
      <c r="S2706" s="5" t="s">
        <v>42</v>
      </c>
      <c r="T2706" s="2">
        <v>1.214</v>
      </c>
      <c r="U2706" s="2">
        <v>0.73299999999999998</v>
      </c>
      <c r="V2706" s="2">
        <v>1.2999999999999999E-2</v>
      </c>
      <c r="W2706" s="2">
        <v>99.1</v>
      </c>
      <c r="X2706" s="2">
        <v>7.6</v>
      </c>
      <c r="Y2706" s="2">
        <v>16.7</v>
      </c>
      <c r="Z2706" s="5"/>
      <c r="AA2706" s="5" t="s">
        <v>43</v>
      </c>
      <c r="AB2706" s="5" t="s">
        <v>44</v>
      </c>
      <c r="AC2706" s="2"/>
      <c r="AD2706" s="1"/>
    </row>
    <row r="2707" spans="1:30">
      <c r="A2707" s="5" t="s">
        <v>83578</v>
      </c>
      <c r="B2707" s="2" t="s">
        <v>91723</v>
      </c>
      <c r="C2707" s="14" t="s">
        <v>91724</v>
      </c>
      <c r="D2707" s="2" t="s">
        <v>91725</v>
      </c>
      <c r="E2707" s="2" t="s">
        <v>40975</v>
      </c>
      <c r="F2707" s="8">
        <v>197</v>
      </c>
      <c r="G2707" s="5">
        <v>6</v>
      </c>
      <c r="H2707" s="5" t="s">
        <v>1518</v>
      </c>
      <c r="I2707" s="5" t="s">
        <v>40939</v>
      </c>
      <c r="J2707" s="2" t="s">
        <v>40940</v>
      </c>
      <c r="K2707" s="5" t="s">
        <v>40939</v>
      </c>
      <c r="L2707" s="2" t="s">
        <v>40940</v>
      </c>
      <c r="M2707" s="5" t="s">
        <v>36266</v>
      </c>
      <c r="N2707" s="5" t="s">
        <v>38</v>
      </c>
      <c r="O2707" s="5" t="s">
        <v>39</v>
      </c>
      <c r="P2707" s="5" t="s">
        <v>40</v>
      </c>
      <c r="Q2707" s="5" t="s">
        <v>1522</v>
      </c>
      <c r="R2707" s="5" t="s">
        <v>1523</v>
      </c>
      <c r="S2707" s="5" t="s">
        <v>42</v>
      </c>
      <c r="T2707" s="2">
        <v>1.758</v>
      </c>
      <c r="U2707" s="2">
        <v>1.1180000000000001</v>
      </c>
      <c r="V2707" s="2">
        <v>0.02</v>
      </c>
      <c r="W2707" s="2">
        <v>159.1</v>
      </c>
      <c r="X2707" s="2">
        <v>7.6</v>
      </c>
      <c r="Y2707" s="2">
        <v>16.7</v>
      </c>
      <c r="Z2707" s="5"/>
      <c r="AA2707" s="5" t="s">
        <v>43</v>
      </c>
      <c r="AB2707" s="5" t="s">
        <v>44</v>
      </c>
      <c r="AC2707" s="2"/>
      <c r="AD2707" s="1"/>
    </row>
    <row r="2708" spans="1:30">
      <c r="A2708" s="5" t="s">
        <v>83578</v>
      </c>
      <c r="B2708" s="2" t="s">
        <v>91726</v>
      </c>
      <c r="C2708" s="14" t="s">
        <v>91727</v>
      </c>
      <c r="D2708" s="2" t="s">
        <v>91728</v>
      </c>
      <c r="E2708" s="2" t="s">
        <v>40975</v>
      </c>
      <c r="F2708" s="8">
        <v>190</v>
      </c>
      <c r="G2708" s="5">
        <v>6</v>
      </c>
      <c r="H2708" s="5" t="s">
        <v>1518</v>
      </c>
      <c r="I2708" s="5" t="s">
        <v>40939</v>
      </c>
      <c r="J2708" s="2" t="s">
        <v>40940</v>
      </c>
      <c r="K2708" s="5" t="s">
        <v>40939</v>
      </c>
      <c r="L2708" s="2" t="s">
        <v>40940</v>
      </c>
      <c r="M2708" s="5" t="s">
        <v>36266</v>
      </c>
      <c r="N2708" s="5" t="s">
        <v>38</v>
      </c>
      <c r="O2708" s="5" t="s">
        <v>39</v>
      </c>
      <c r="P2708" s="5" t="s">
        <v>40</v>
      </c>
      <c r="Q2708" s="5" t="s">
        <v>1522</v>
      </c>
      <c r="R2708" s="5" t="s">
        <v>1523</v>
      </c>
      <c r="S2708" s="5" t="s">
        <v>42</v>
      </c>
      <c r="T2708" s="2">
        <v>1.454</v>
      </c>
      <c r="U2708" s="2">
        <v>0.996</v>
      </c>
      <c r="V2708" s="2">
        <v>1.4999999999999999E-2</v>
      </c>
      <c r="W2708" s="2">
        <v>118.9</v>
      </c>
      <c r="X2708" s="2">
        <v>7.6</v>
      </c>
      <c r="Y2708" s="2">
        <v>16.7</v>
      </c>
      <c r="Z2708" s="5"/>
      <c r="AA2708" s="5" t="s">
        <v>43</v>
      </c>
      <c r="AB2708" s="5" t="s">
        <v>44</v>
      </c>
      <c r="AC2708" s="2"/>
      <c r="AD2708" s="1"/>
    </row>
    <row r="2709" spans="1:30">
      <c r="A2709" s="5" t="s">
        <v>83578</v>
      </c>
      <c r="B2709" s="2" t="s">
        <v>91729</v>
      </c>
      <c r="C2709" s="14" t="s">
        <v>91730</v>
      </c>
      <c r="D2709" s="2" t="s">
        <v>91731</v>
      </c>
      <c r="E2709" s="2" t="s">
        <v>40979</v>
      </c>
      <c r="F2709" s="8">
        <v>190</v>
      </c>
      <c r="G2709" s="5">
        <v>6</v>
      </c>
      <c r="H2709" s="5" t="s">
        <v>1518</v>
      </c>
      <c r="I2709" s="5" t="s">
        <v>40939</v>
      </c>
      <c r="J2709" s="2" t="s">
        <v>40940</v>
      </c>
      <c r="K2709" s="5" t="s">
        <v>40939</v>
      </c>
      <c r="L2709" s="2" t="s">
        <v>40940</v>
      </c>
      <c r="M2709" s="5" t="s">
        <v>36266</v>
      </c>
      <c r="N2709" s="5" t="s">
        <v>38</v>
      </c>
      <c r="O2709" s="5" t="s">
        <v>39</v>
      </c>
      <c r="P2709" s="5" t="s">
        <v>40</v>
      </c>
      <c r="Q2709" s="5" t="s">
        <v>1522</v>
      </c>
      <c r="R2709" s="5" t="s">
        <v>1523</v>
      </c>
      <c r="S2709" s="5" t="s">
        <v>42</v>
      </c>
      <c r="T2709" s="2">
        <v>1.4710000000000001</v>
      </c>
      <c r="U2709" s="2">
        <v>1.0129999999999999</v>
      </c>
      <c r="V2709" s="2">
        <v>1.4999999999999999E-2</v>
      </c>
      <c r="W2709" s="2">
        <v>118.9</v>
      </c>
      <c r="X2709" s="2">
        <v>7.6</v>
      </c>
      <c r="Y2709" s="2">
        <v>16.7</v>
      </c>
      <c r="Z2709" s="5"/>
      <c r="AA2709" s="5" t="s">
        <v>43</v>
      </c>
      <c r="AB2709" s="5" t="s">
        <v>44</v>
      </c>
      <c r="AC2709" s="2"/>
      <c r="AD2709" s="1"/>
    </row>
    <row r="2710" spans="1:30">
      <c r="A2710" s="5" t="s">
        <v>83578</v>
      </c>
      <c r="B2710" s="2" t="s">
        <v>91732</v>
      </c>
      <c r="C2710" s="14" t="s">
        <v>91733</v>
      </c>
      <c r="D2710" s="2" t="s">
        <v>91734</v>
      </c>
      <c r="E2710" s="2" t="s">
        <v>41009</v>
      </c>
      <c r="F2710" s="8">
        <v>190</v>
      </c>
      <c r="G2710" s="5">
        <v>6</v>
      </c>
      <c r="H2710" s="5" t="s">
        <v>1518</v>
      </c>
      <c r="I2710" s="5" t="s">
        <v>40939</v>
      </c>
      <c r="J2710" s="2" t="s">
        <v>40940</v>
      </c>
      <c r="K2710" s="5" t="s">
        <v>40939</v>
      </c>
      <c r="L2710" s="2" t="s">
        <v>40940</v>
      </c>
      <c r="M2710" s="5" t="s">
        <v>36266</v>
      </c>
      <c r="N2710" s="5" t="s">
        <v>38</v>
      </c>
      <c r="O2710" s="5" t="s">
        <v>39</v>
      </c>
      <c r="P2710" s="5" t="s">
        <v>40</v>
      </c>
      <c r="Q2710" s="5" t="s">
        <v>1522</v>
      </c>
      <c r="R2710" s="5" t="s">
        <v>1523</v>
      </c>
      <c r="S2710" s="5" t="s">
        <v>42</v>
      </c>
      <c r="T2710" s="2">
        <v>1.4630000000000001</v>
      </c>
      <c r="U2710" s="2">
        <v>1.0049999999999999</v>
      </c>
      <c r="V2710" s="2">
        <v>1.4999999999999999E-2</v>
      </c>
      <c r="W2710" s="2">
        <v>118.9</v>
      </c>
      <c r="X2710" s="2">
        <v>7.6</v>
      </c>
      <c r="Y2710" s="2">
        <v>16.7</v>
      </c>
      <c r="Z2710" s="5"/>
      <c r="AA2710" s="5" t="s">
        <v>43</v>
      </c>
      <c r="AB2710" s="5" t="s">
        <v>44</v>
      </c>
      <c r="AC2710" s="2"/>
      <c r="AD2710" s="1"/>
    </row>
    <row r="2711" spans="1:30">
      <c r="A2711" s="5" t="s">
        <v>83578</v>
      </c>
      <c r="B2711" s="2" t="s">
        <v>91735</v>
      </c>
      <c r="C2711" s="14" t="s">
        <v>91736</v>
      </c>
      <c r="D2711" s="2" t="s">
        <v>91737</v>
      </c>
      <c r="E2711" s="2" t="s">
        <v>40979</v>
      </c>
      <c r="F2711" s="8">
        <v>227</v>
      </c>
      <c r="G2711" s="5">
        <v>6</v>
      </c>
      <c r="H2711" s="5" t="s">
        <v>1518</v>
      </c>
      <c r="I2711" s="5" t="s">
        <v>40939</v>
      </c>
      <c r="J2711" s="2" t="s">
        <v>40940</v>
      </c>
      <c r="K2711" s="5" t="s">
        <v>40939</v>
      </c>
      <c r="L2711" s="2" t="s">
        <v>40940</v>
      </c>
      <c r="M2711" s="5" t="s">
        <v>36266</v>
      </c>
      <c r="N2711" s="5" t="s">
        <v>38</v>
      </c>
      <c r="O2711" s="5" t="s">
        <v>39</v>
      </c>
      <c r="P2711" s="5" t="s">
        <v>40</v>
      </c>
      <c r="Q2711" s="5" t="s">
        <v>1522</v>
      </c>
      <c r="R2711" s="5" t="s">
        <v>1523</v>
      </c>
      <c r="S2711" s="5" t="s">
        <v>42</v>
      </c>
      <c r="T2711" s="2">
        <v>1.887</v>
      </c>
      <c r="U2711" s="2">
        <v>1.2689999999999999</v>
      </c>
      <c r="V2711" s="2">
        <v>0.02</v>
      </c>
      <c r="W2711" s="2">
        <v>159.1</v>
      </c>
      <c r="X2711" s="2">
        <v>7.6</v>
      </c>
      <c r="Y2711" s="2">
        <v>16.7</v>
      </c>
      <c r="Z2711" s="5"/>
      <c r="AA2711" s="5" t="s">
        <v>43</v>
      </c>
      <c r="AB2711" s="5" t="s">
        <v>44</v>
      </c>
      <c r="AC2711" s="2"/>
      <c r="AD2711" s="1"/>
    </row>
    <row r="2712" spans="1:30">
      <c r="A2712" s="5" t="s">
        <v>83578</v>
      </c>
      <c r="B2712" s="2" t="s">
        <v>91738</v>
      </c>
      <c r="C2712" s="14" t="s">
        <v>91739</v>
      </c>
      <c r="D2712" s="2" t="s">
        <v>91740</v>
      </c>
      <c r="E2712" s="2" t="s">
        <v>7539</v>
      </c>
      <c r="F2712" s="8">
        <v>227</v>
      </c>
      <c r="G2712" s="5">
        <v>6</v>
      </c>
      <c r="H2712" s="5" t="s">
        <v>1518</v>
      </c>
      <c r="I2712" s="5" t="s">
        <v>40939</v>
      </c>
      <c r="J2712" s="2" t="s">
        <v>40940</v>
      </c>
      <c r="K2712" s="5" t="s">
        <v>40939</v>
      </c>
      <c r="L2712" s="2" t="s">
        <v>40940</v>
      </c>
      <c r="M2712" s="5" t="s">
        <v>36266</v>
      </c>
      <c r="N2712" s="5" t="s">
        <v>38</v>
      </c>
      <c r="O2712" s="5" t="s">
        <v>39</v>
      </c>
      <c r="P2712" s="5" t="s">
        <v>40</v>
      </c>
      <c r="Q2712" s="5" t="s">
        <v>1522</v>
      </c>
      <c r="R2712" s="5" t="s">
        <v>1523</v>
      </c>
      <c r="S2712" s="5" t="s">
        <v>42</v>
      </c>
      <c r="T2712" s="2">
        <v>1.8009999999999999</v>
      </c>
      <c r="U2712" s="2">
        <v>1.1830000000000001</v>
      </c>
      <c r="V2712" s="2">
        <v>0.02</v>
      </c>
      <c r="W2712" s="2">
        <v>159.1</v>
      </c>
      <c r="X2712" s="2">
        <v>7.6</v>
      </c>
      <c r="Y2712" s="2">
        <v>16.7</v>
      </c>
      <c r="Z2712" s="5"/>
      <c r="AA2712" s="5" t="s">
        <v>43</v>
      </c>
      <c r="AB2712" s="5" t="s">
        <v>44</v>
      </c>
      <c r="AC2712" s="2"/>
      <c r="AD2712" s="1"/>
    </row>
    <row r="2713" spans="1:30">
      <c r="A2713" s="5" t="s">
        <v>83578</v>
      </c>
      <c r="B2713" s="2" t="s">
        <v>91741</v>
      </c>
      <c r="C2713" s="14" t="s">
        <v>91742</v>
      </c>
      <c r="D2713" s="2" t="s">
        <v>91743</v>
      </c>
      <c r="E2713" s="2" t="s">
        <v>7543</v>
      </c>
      <c r="F2713" s="8">
        <v>227</v>
      </c>
      <c r="G2713" s="5">
        <v>6</v>
      </c>
      <c r="H2713" s="5" t="s">
        <v>1518</v>
      </c>
      <c r="I2713" s="5" t="s">
        <v>40939</v>
      </c>
      <c r="J2713" s="2" t="s">
        <v>40940</v>
      </c>
      <c r="K2713" s="5" t="s">
        <v>40939</v>
      </c>
      <c r="L2713" s="2" t="s">
        <v>40940</v>
      </c>
      <c r="M2713" s="5" t="s">
        <v>36266</v>
      </c>
      <c r="N2713" s="5" t="s">
        <v>38</v>
      </c>
      <c r="O2713" s="5" t="s">
        <v>39</v>
      </c>
      <c r="P2713" s="5" t="s">
        <v>40</v>
      </c>
      <c r="Q2713" s="5" t="s">
        <v>1522</v>
      </c>
      <c r="R2713" s="5" t="s">
        <v>1523</v>
      </c>
      <c r="S2713" s="5" t="s">
        <v>42</v>
      </c>
      <c r="T2713" s="2">
        <v>1.8149999999999999</v>
      </c>
      <c r="U2713" s="2">
        <v>1.1970000000000001</v>
      </c>
      <c r="V2713" s="2">
        <v>0.02</v>
      </c>
      <c r="W2713" s="2">
        <v>159.1</v>
      </c>
      <c r="X2713" s="2">
        <v>7.6</v>
      </c>
      <c r="Y2713" s="2">
        <v>16.7</v>
      </c>
      <c r="Z2713" s="5"/>
      <c r="AA2713" s="5" t="s">
        <v>43</v>
      </c>
      <c r="AB2713" s="5" t="s">
        <v>44</v>
      </c>
      <c r="AC2713" s="2"/>
      <c r="AD2713" s="1"/>
    </row>
    <row r="2714" spans="1:30">
      <c r="A2714" s="5" t="s">
        <v>83578</v>
      </c>
      <c r="B2714" s="2" t="s">
        <v>91744</v>
      </c>
      <c r="C2714" s="14" t="s">
        <v>91745</v>
      </c>
      <c r="D2714" s="2" t="s">
        <v>91746</v>
      </c>
      <c r="E2714" s="2" t="s">
        <v>7449</v>
      </c>
      <c r="F2714" s="8">
        <v>227</v>
      </c>
      <c r="G2714" s="5">
        <v>6</v>
      </c>
      <c r="H2714" s="5" t="s">
        <v>1518</v>
      </c>
      <c r="I2714" s="5" t="s">
        <v>40939</v>
      </c>
      <c r="J2714" s="2" t="s">
        <v>40940</v>
      </c>
      <c r="K2714" s="5" t="s">
        <v>40939</v>
      </c>
      <c r="L2714" s="2" t="s">
        <v>40940</v>
      </c>
      <c r="M2714" s="5" t="s">
        <v>36266</v>
      </c>
      <c r="N2714" s="5" t="s">
        <v>38</v>
      </c>
      <c r="O2714" s="5" t="s">
        <v>39</v>
      </c>
      <c r="P2714" s="5" t="s">
        <v>40</v>
      </c>
      <c r="Q2714" s="5" t="s">
        <v>1522</v>
      </c>
      <c r="R2714" s="5" t="s">
        <v>1523</v>
      </c>
      <c r="S2714" s="5" t="s">
        <v>42</v>
      </c>
      <c r="T2714" s="2">
        <v>1.8149999999999999</v>
      </c>
      <c r="U2714" s="2">
        <v>1.1970000000000001</v>
      </c>
      <c r="V2714" s="2">
        <v>0.02</v>
      </c>
      <c r="W2714" s="2">
        <v>159.1</v>
      </c>
      <c r="X2714" s="2">
        <v>7.6</v>
      </c>
      <c r="Y2714" s="2">
        <v>16.7</v>
      </c>
      <c r="Z2714" s="5"/>
      <c r="AA2714" s="5" t="s">
        <v>43</v>
      </c>
      <c r="AB2714" s="5" t="s">
        <v>44</v>
      </c>
      <c r="AC2714" s="2"/>
      <c r="AD2714" s="1"/>
    </row>
    <row r="2715" spans="1:30">
      <c r="A2715" s="5" t="s">
        <v>83578</v>
      </c>
      <c r="B2715" s="2" t="s">
        <v>91747</v>
      </c>
      <c r="C2715" s="14" t="s">
        <v>91748</v>
      </c>
      <c r="D2715" s="2" t="s">
        <v>91749</v>
      </c>
      <c r="E2715" s="2" t="s">
        <v>36273</v>
      </c>
      <c r="F2715" s="8">
        <v>166</v>
      </c>
      <c r="G2715" s="5">
        <v>6</v>
      </c>
      <c r="H2715" s="5" t="s">
        <v>1518</v>
      </c>
      <c r="I2715" s="5" t="s">
        <v>40939</v>
      </c>
      <c r="J2715" s="2" t="s">
        <v>40940</v>
      </c>
      <c r="K2715" s="5" t="s">
        <v>40939</v>
      </c>
      <c r="L2715" s="2" t="s">
        <v>40940</v>
      </c>
      <c r="M2715" s="5" t="s">
        <v>36266</v>
      </c>
      <c r="N2715" s="5" t="s">
        <v>38</v>
      </c>
      <c r="O2715" s="5" t="s">
        <v>39</v>
      </c>
      <c r="P2715" s="5" t="s">
        <v>40</v>
      </c>
      <c r="Q2715" s="5" t="s">
        <v>1522</v>
      </c>
      <c r="R2715" s="5" t="s">
        <v>1523</v>
      </c>
      <c r="S2715" s="5" t="s">
        <v>42</v>
      </c>
      <c r="T2715" s="2">
        <v>1.3120000000000001</v>
      </c>
      <c r="U2715" s="2">
        <v>0.85399999999999998</v>
      </c>
      <c r="V2715" s="2">
        <v>1.4999999999999999E-2</v>
      </c>
      <c r="W2715" s="2">
        <v>118.9</v>
      </c>
      <c r="X2715" s="2">
        <v>7.6</v>
      </c>
      <c r="Y2715" s="2">
        <v>16.7</v>
      </c>
      <c r="Z2715" s="5"/>
      <c r="AA2715" s="5" t="s">
        <v>43</v>
      </c>
      <c r="AB2715" s="5" t="s">
        <v>44</v>
      </c>
      <c r="AC2715" s="2"/>
      <c r="AD2715" s="1"/>
    </row>
    <row r="2716" spans="1:30">
      <c r="A2716" s="5" t="s">
        <v>83578</v>
      </c>
      <c r="B2716" s="2" t="s">
        <v>91750</v>
      </c>
      <c r="C2716" s="14" t="s">
        <v>91751</v>
      </c>
      <c r="D2716" s="2" t="s">
        <v>91752</v>
      </c>
      <c r="E2716" s="2" t="s">
        <v>40979</v>
      </c>
      <c r="F2716" s="8">
        <v>190</v>
      </c>
      <c r="G2716" s="5">
        <v>6</v>
      </c>
      <c r="H2716" s="5" t="s">
        <v>1518</v>
      </c>
      <c r="I2716" s="5" t="s">
        <v>40939</v>
      </c>
      <c r="J2716" s="2" t="s">
        <v>40940</v>
      </c>
      <c r="K2716" s="5" t="s">
        <v>40939</v>
      </c>
      <c r="L2716" s="2" t="s">
        <v>40940</v>
      </c>
      <c r="M2716" s="5" t="s">
        <v>36266</v>
      </c>
      <c r="N2716" s="5" t="s">
        <v>38</v>
      </c>
      <c r="O2716" s="5" t="s">
        <v>39</v>
      </c>
      <c r="P2716" s="5" t="s">
        <v>40</v>
      </c>
      <c r="Q2716" s="5" t="s">
        <v>1522</v>
      </c>
      <c r="R2716" s="5" t="s">
        <v>1523</v>
      </c>
      <c r="S2716" s="5" t="s">
        <v>42</v>
      </c>
      <c r="T2716" s="2">
        <v>1.32</v>
      </c>
      <c r="U2716" s="2">
        <v>0.86199999999999999</v>
      </c>
      <c r="V2716" s="2">
        <v>1.4999999999999999E-2</v>
      </c>
      <c r="W2716" s="2">
        <v>118.9</v>
      </c>
      <c r="X2716" s="2">
        <v>7.6</v>
      </c>
      <c r="Y2716" s="2">
        <v>16.7</v>
      </c>
      <c r="Z2716" s="5"/>
      <c r="AA2716" s="5" t="s">
        <v>43</v>
      </c>
      <c r="AB2716" s="5" t="s">
        <v>44</v>
      </c>
      <c r="AC2716" s="2"/>
      <c r="AD2716" s="1"/>
    </row>
    <row r="2717" spans="1:30">
      <c r="A2717" s="5" t="s">
        <v>83578</v>
      </c>
      <c r="B2717" s="2" t="s">
        <v>91753</v>
      </c>
      <c r="C2717" s="14" t="s">
        <v>91754</v>
      </c>
      <c r="D2717" s="2" t="s">
        <v>91755</v>
      </c>
      <c r="E2717" s="2" t="s">
        <v>7539</v>
      </c>
      <c r="F2717" s="8">
        <v>190</v>
      </c>
      <c r="G2717" s="5">
        <v>6</v>
      </c>
      <c r="H2717" s="5" t="s">
        <v>1518</v>
      </c>
      <c r="I2717" s="5" t="s">
        <v>40939</v>
      </c>
      <c r="J2717" s="2" t="s">
        <v>40940</v>
      </c>
      <c r="K2717" s="5" t="s">
        <v>40939</v>
      </c>
      <c r="L2717" s="2" t="s">
        <v>40940</v>
      </c>
      <c r="M2717" s="5" t="s">
        <v>36266</v>
      </c>
      <c r="N2717" s="5" t="s">
        <v>38</v>
      </c>
      <c r="O2717" s="5" t="s">
        <v>39</v>
      </c>
      <c r="P2717" s="5" t="s">
        <v>40</v>
      </c>
      <c r="Q2717" s="5" t="s">
        <v>1522</v>
      </c>
      <c r="R2717" s="5" t="s">
        <v>1523</v>
      </c>
      <c r="S2717" s="5" t="s">
        <v>42</v>
      </c>
      <c r="T2717" s="2">
        <v>1.272</v>
      </c>
      <c r="U2717" s="2">
        <v>0.81399999999999995</v>
      </c>
      <c r="V2717" s="2">
        <v>1.4999999999999999E-2</v>
      </c>
      <c r="W2717" s="2">
        <v>118.9</v>
      </c>
      <c r="X2717" s="2">
        <v>7.6</v>
      </c>
      <c r="Y2717" s="2">
        <v>16.7</v>
      </c>
      <c r="Z2717" s="5"/>
      <c r="AA2717" s="5" t="s">
        <v>43</v>
      </c>
      <c r="AB2717" s="5" t="s">
        <v>44</v>
      </c>
      <c r="AC2717" s="2"/>
      <c r="AD2717" s="1"/>
    </row>
    <row r="2718" spans="1:30">
      <c r="A2718" s="5" t="s">
        <v>83578</v>
      </c>
      <c r="B2718" s="2" t="s">
        <v>91756</v>
      </c>
      <c r="C2718" s="14" t="s">
        <v>91757</v>
      </c>
      <c r="D2718" s="2" t="s">
        <v>91758</v>
      </c>
      <c r="E2718" s="2" t="s">
        <v>7543</v>
      </c>
      <c r="F2718" s="8">
        <v>190</v>
      </c>
      <c r="G2718" s="5">
        <v>6</v>
      </c>
      <c r="H2718" s="5" t="s">
        <v>1518</v>
      </c>
      <c r="I2718" s="5" t="s">
        <v>40939</v>
      </c>
      <c r="J2718" s="2" t="s">
        <v>40940</v>
      </c>
      <c r="K2718" s="5" t="s">
        <v>40939</v>
      </c>
      <c r="L2718" s="2" t="s">
        <v>40940</v>
      </c>
      <c r="M2718" s="5" t="s">
        <v>36266</v>
      </c>
      <c r="N2718" s="5" t="s">
        <v>38</v>
      </c>
      <c r="O2718" s="5" t="s">
        <v>39</v>
      </c>
      <c r="P2718" s="5" t="s">
        <v>40</v>
      </c>
      <c r="Q2718" s="5" t="s">
        <v>1522</v>
      </c>
      <c r="R2718" s="5" t="s">
        <v>1523</v>
      </c>
      <c r="S2718" s="5" t="s">
        <v>42</v>
      </c>
      <c r="T2718" s="2">
        <v>1.2909999999999999</v>
      </c>
      <c r="U2718" s="2">
        <v>0.83299999999999996</v>
      </c>
      <c r="V2718" s="2">
        <v>1.4999999999999999E-2</v>
      </c>
      <c r="W2718" s="2">
        <v>118.9</v>
      </c>
      <c r="X2718" s="2">
        <v>7.6</v>
      </c>
      <c r="Y2718" s="2">
        <v>16.7</v>
      </c>
      <c r="Z2718" s="5"/>
      <c r="AA2718" s="5" t="s">
        <v>43</v>
      </c>
      <c r="AB2718" s="5" t="s">
        <v>44</v>
      </c>
      <c r="AC2718" s="2"/>
      <c r="AD2718" s="1"/>
    </row>
    <row r="2719" spans="1:30">
      <c r="A2719" s="5" t="s">
        <v>83578</v>
      </c>
      <c r="B2719" s="2" t="s">
        <v>91759</v>
      </c>
      <c r="C2719" s="14" t="s">
        <v>91760</v>
      </c>
      <c r="D2719" s="2" t="s">
        <v>91761</v>
      </c>
      <c r="E2719" s="2" t="s">
        <v>40993</v>
      </c>
      <c r="F2719" s="8">
        <v>190</v>
      </c>
      <c r="G2719" s="5">
        <v>6</v>
      </c>
      <c r="H2719" s="5" t="s">
        <v>1518</v>
      </c>
      <c r="I2719" s="5" t="s">
        <v>40939</v>
      </c>
      <c r="J2719" s="2" t="s">
        <v>40940</v>
      </c>
      <c r="K2719" s="5" t="s">
        <v>40939</v>
      </c>
      <c r="L2719" s="2" t="s">
        <v>40940</v>
      </c>
      <c r="M2719" s="5" t="s">
        <v>36266</v>
      </c>
      <c r="N2719" s="5" t="s">
        <v>38</v>
      </c>
      <c r="O2719" s="5" t="s">
        <v>39</v>
      </c>
      <c r="P2719" s="5" t="s">
        <v>40</v>
      </c>
      <c r="Q2719" s="5" t="s">
        <v>1522</v>
      </c>
      <c r="R2719" s="5" t="s">
        <v>1523</v>
      </c>
      <c r="S2719" s="5" t="s">
        <v>42</v>
      </c>
      <c r="T2719" s="2">
        <v>1.32</v>
      </c>
      <c r="U2719" s="2">
        <v>0.86199999999999999</v>
      </c>
      <c r="V2719" s="2">
        <v>1.4999999999999999E-2</v>
      </c>
      <c r="W2719" s="2">
        <v>118.9</v>
      </c>
      <c r="X2719" s="2">
        <v>7.6</v>
      </c>
      <c r="Y2719" s="2">
        <v>16.7</v>
      </c>
      <c r="Z2719" s="5"/>
      <c r="AA2719" s="5" t="s">
        <v>43</v>
      </c>
      <c r="AB2719" s="5" t="s">
        <v>44</v>
      </c>
      <c r="AC2719" s="2"/>
      <c r="AD2719" s="1"/>
    </row>
    <row r="2720" spans="1:30">
      <c r="A2720" s="5" t="s">
        <v>83578</v>
      </c>
      <c r="B2720" s="2" t="s">
        <v>91762</v>
      </c>
      <c r="C2720" s="14" t="s">
        <v>91763</v>
      </c>
      <c r="D2720" s="2" t="s">
        <v>91764</v>
      </c>
      <c r="E2720" s="2" t="s">
        <v>40997</v>
      </c>
      <c r="F2720" s="8">
        <v>190</v>
      </c>
      <c r="G2720" s="5">
        <v>6</v>
      </c>
      <c r="H2720" s="5" t="s">
        <v>1518</v>
      </c>
      <c r="I2720" s="5" t="s">
        <v>40939</v>
      </c>
      <c r="J2720" s="2" t="s">
        <v>40940</v>
      </c>
      <c r="K2720" s="5" t="s">
        <v>40939</v>
      </c>
      <c r="L2720" s="2" t="s">
        <v>40940</v>
      </c>
      <c r="M2720" s="5" t="s">
        <v>36266</v>
      </c>
      <c r="N2720" s="5" t="s">
        <v>38</v>
      </c>
      <c r="O2720" s="5" t="s">
        <v>39</v>
      </c>
      <c r="P2720" s="5" t="s">
        <v>40</v>
      </c>
      <c r="Q2720" s="5" t="s">
        <v>1522</v>
      </c>
      <c r="R2720" s="5" t="s">
        <v>1523</v>
      </c>
      <c r="S2720" s="5" t="s">
        <v>42</v>
      </c>
      <c r="T2720" s="2">
        <v>1.278</v>
      </c>
      <c r="U2720" s="2">
        <v>0.82</v>
      </c>
      <c r="V2720" s="2">
        <v>1.4999999999999999E-2</v>
      </c>
      <c r="W2720" s="2">
        <v>118.9</v>
      </c>
      <c r="X2720" s="2">
        <v>7.6</v>
      </c>
      <c r="Y2720" s="2">
        <v>16.7</v>
      </c>
      <c r="Z2720" s="5"/>
      <c r="AA2720" s="5" t="s">
        <v>43</v>
      </c>
      <c r="AB2720" s="5" t="s">
        <v>44</v>
      </c>
      <c r="AC2720" s="2"/>
      <c r="AD2720" s="1"/>
    </row>
    <row r="2721" spans="1:30">
      <c r="A2721" s="5" t="s">
        <v>83578</v>
      </c>
      <c r="B2721" s="2" t="s">
        <v>91765</v>
      </c>
      <c r="C2721" s="14" t="s">
        <v>91766</v>
      </c>
      <c r="D2721" s="2" t="s">
        <v>91767</v>
      </c>
      <c r="E2721" s="2" t="s">
        <v>41267</v>
      </c>
      <c r="F2721" s="8">
        <v>190</v>
      </c>
      <c r="G2721" s="5">
        <v>6</v>
      </c>
      <c r="H2721" s="5" t="s">
        <v>1518</v>
      </c>
      <c r="I2721" s="5" t="s">
        <v>40939</v>
      </c>
      <c r="J2721" s="2" t="s">
        <v>40940</v>
      </c>
      <c r="K2721" s="5" t="s">
        <v>40939</v>
      </c>
      <c r="L2721" s="2" t="s">
        <v>40940</v>
      </c>
      <c r="M2721" s="5" t="s">
        <v>36266</v>
      </c>
      <c r="N2721" s="5" t="s">
        <v>38</v>
      </c>
      <c r="O2721" s="5" t="s">
        <v>39</v>
      </c>
      <c r="P2721" s="5" t="s">
        <v>40</v>
      </c>
      <c r="Q2721" s="5" t="s">
        <v>1522</v>
      </c>
      <c r="R2721" s="5" t="s">
        <v>1523</v>
      </c>
      <c r="S2721" s="5" t="s">
        <v>42</v>
      </c>
      <c r="T2721" s="2">
        <v>1.2969999999999999</v>
      </c>
      <c r="U2721" s="2">
        <v>0.83899999999999997</v>
      </c>
      <c r="V2721" s="2">
        <v>1.4999999999999999E-2</v>
      </c>
      <c r="W2721" s="2">
        <v>118.9</v>
      </c>
      <c r="X2721" s="2">
        <v>7.6</v>
      </c>
      <c r="Y2721" s="2">
        <v>16.7</v>
      </c>
      <c r="Z2721" s="5"/>
      <c r="AA2721" s="5" t="s">
        <v>43</v>
      </c>
      <c r="AB2721" s="5" t="s">
        <v>44</v>
      </c>
      <c r="AC2721" s="2"/>
      <c r="AD2721" s="1"/>
    </row>
    <row r="2722" spans="1:30">
      <c r="A2722" s="5" t="s">
        <v>83578</v>
      </c>
      <c r="B2722" s="2" t="s">
        <v>91768</v>
      </c>
      <c r="C2722" s="14" t="s">
        <v>91769</v>
      </c>
      <c r="D2722" s="2" t="s">
        <v>91770</v>
      </c>
      <c r="E2722" s="2" t="s">
        <v>41001</v>
      </c>
      <c r="F2722" s="8">
        <v>190</v>
      </c>
      <c r="G2722" s="5">
        <v>6</v>
      </c>
      <c r="H2722" s="5" t="s">
        <v>1518</v>
      </c>
      <c r="I2722" s="5" t="s">
        <v>40939</v>
      </c>
      <c r="J2722" s="2" t="s">
        <v>40940</v>
      </c>
      <c r="K2722" s="5" t="s">
        <v>40939</v>
      </c>
      <c r="L2722" s="2" t="s">
        <v>40940</v>
      </c>
      <c r="M2722" s="5" t="s">
        <v>36266</v>
      </c>
      <c r="N2722" s="5" t="s">
        <v>38</v>
      </c>
      <c r="O2722" s="5" t="s">
        <v>39</v>
      </c>
      <c r="P2722" s="5" t="s">
        <v>40</v>
      </c>
      <c r="Q2722" s="5" t="s">
        <v>1522</v>
      </c>
      <c r="R2722" s="5" t="s">
        <v>1523</v>
      </c>
      <c r="S2722" s="5" t="s">
        <v>42</v>
      </c>
      <c r="T2722" s="2">
        <v>1.3009999999999999</v>
      </c>
      <c r="U2722" s="2">
        <v>0.84299999999999997</v>
      </c>
      <c r="V2722" s="2">
        <v>1.4999999999999999E-2</v>
      </c>
      <c r="W2722" s="2">
        <v>118.9</v>
      </c>
      <c r="X2722" s="2">
        <v>7.6</v>
      </c>
      <c r="Y2722" s="2">
        <v>16.7</v>
      </c>
      <c r="Z2722" s="5"/>
      <c r="AA2722" s="5" t="s">
        <v>43</v>
      </c>
      <c r="AB2722" s="5" t="s">
        <v>44</v>
      </c>
      <c r="AC2722" s="2"/>
      <c r="AD2722" s="1"/>
    </row>
    <row r="2723" spans="1:30">
      <c r="A2723" s="5" t="s">
        <v>83578</v>
      </c>
      <c r="B2723" s="2" t="s">
        <v>91771</v>
      </c>
      <c r="C2723" s="14" t="s">
        <v>91772</v>
      </c>
      <c r="D2723" s="2" t="s">
        <v>91773</v>
      </c>
      <c r="E2723" s="2" t="s">
        <v>41005</v>
      </c>
      <c r="F2723" s="8">
        <v>190</v>
      </c>
      <c r="G2723" s="5">
        <v>6</v>
      </c>
      <c r="H2723" s="5" t="s">
        <v>1518</v>
      </c>
      <c r="I2723" s="5" t="s">
        <v>40939</v>
      </c>
      <c r="J2723" s="2" t="s">
        <v>40940</v>
      </c>
      <c r="K2723" s="5" t="s">
        <v>40939</v>
      </c>
      <c r="L2723" s="2" t="s">
        <v>40940</v>
      </c>
      <c r="M2723" s="5" t="s">
        <v>36266</v>
      </c>
      <c r="N2723" s="5" t="s">
        <v>38</v>
      </c>
      <c r="O2723" s="5" t="s">
        <v>39</v>
      </c>
      <c r="P2723" s="5" t="s">
        <v>40</v>
      </c>
      <c r="Q2723" s="5" t="s">
        <v>1522</v>
      </c>
      <c r="R2723" s="5" t="s">
        <v>1523</v>
      </c>
      <c r="S2723" s="5" t="s">
        <v>42</v>
      </c>
      <c r="T2723" s="2">
        <v>1.32</v>
      </c>
      <c r="U2723" s="2">
        <v>0.86199999999999999</v>
      </c>
      <c r="V2723" s="2">
        <v>1.4999999999999999E-2</v>
      </c>
      <c r="W2723" s="2">
        <v>118.9</v>
      </c>
      <c r="X2723" s="2">
        <v>7.6</v>
      </c>
      <c r="Y2723" s="2">
        <v>16.7</v>
      </c>
      <c r="Z2723" s="5"/>
      <c r="AA2723" s="5" t="s">
        <v>43</v>
      </c>
      <c r="AB2723" s="5" t="s">
        <v>44</v>
      </c>
      <c r="AC2723" s="2"/>
      <c r="AD2723" s="1"/>
    </row>
    <row r="2724" spans="1:30">
      <c r="A2724" s="5" t="s">
        <v>83578</v>
      </c>
      <c r="B2724" s="2" t="s">
        <v>91774</v>
      </c>
      <c r="C2724" s="14" t="s">
        <v>91775</v>
      </c>
      <c r="D2724" s="2" t="s">
        <v>91776</v>
      </c>
      <c r="E2724" s="2" t="s">
        <v>41013</v>
      </c>
      <c r="F2724" s="8">
        <v>190</v>
      </c>
      <c r="G2724" s="5">
        <v>6</v>
      </c>
      <c r="H2724" s="5" t="s">
        <v>1518</v>
      </c>
      <c r="I2724" s="5" t="s">
        <v>40939</v>
      </c>
      <c r="J2724" s="2" t="s">
        <v>40940</v>
      </c>
      <c r="K2724" s="5" t="s">
        <v>40939</v>
      </c>
      <c r="L2724" s="2" t="s">
        <v>40940</v>
      </c>
      <c r="M2724" s="5" t="s">
        <v>36266</v>
      </c>
      <c r="N2724" s="5" t="s">
        <v>38</v>
      </c>
      <c r="O2724" s="5" t="s">
        <v>39</v>
      </c>
      <c r="P2724" s="5" t="s">
        <v>40</v>
      </c>
      <c r="Q2724" s="5" t="s">
        <v>1522</v>
      </c>
      <c r="R2724" s="5" t="s">
        <v>1523</v>
      </c>
      <c r="S2724" s="5" t="s">
        <v>42</v>
      </c>
      <c r="T2724" s="2">
        <v>1.325</v>
      </c>
      <c r="U2724" s="2">
        <v>0.86699999999999999</v>
      </c>
      <c r="V2724" s="2">
        <v>1.4999999999999999E-2</v>
      </c>
      <c r="W2724" s="2">
        <v>118.9</v>
      </c>
      <c r="X2724" s="2">
        <v>7.6</v>
      </c>
      <c r="Y2724" s="2">
        <v>16.7</v>
      </c>
      <c r="Z2724" s="5"/>
      <c r="AA2724" s="5" t="s">
        <v>43</v>
      </c>
      <c r="AB2724" s="5" t="s">
        <v>44</v>
      </c>
      <c r="AC2724" s="2"/>
      <c r="AD2724" s="1"/>
    </row>
    <row r="2725" spans="1:30">
      <c r="A2725" s="5" t="s">
        <v>83578</v>
      </c>
      <c r="B2725" s="2" t="s">
        <v>91777</v>
      </c>
      <c r="C2725" s="14" t="s">
        <v>91778</v>
      </c>
      <c r="D2725" s="2" t="s">
        <v>91779</v>
      </c>
      <c r="E2725" s="2" t="s">
        <v>41023</v>
      </c>
      <c r="F2725" s="8">
        <v>190</v>
      </c>
      <c r="G2725" s="5">
        <v>6</v>
      </c>
      <c r="H2725" s="5" t="s">
        <v>1518</v>
      </c>
      <c r="I2725" s="5" t="s">
        <v>40939</v>
      </c>
      <c r="J2725" s="2" t="s">
        <v>40940</v>
      </c>
      <c r="K2725" s="5" t="s">
        <v>40939</v>
      </c>
      <c r="L2725" s="2" t="s">
        <v>40940</v>
      </c>
      <c r="M2725" s="5" t="s">
        <v>36266</v>
      </c>
      <c r="N2725" s="5" t="s">
        <v>38</v>
      </c>
      <c r="O2725" s="5" t="s">
        <v>39</v>
      </c>
      <c r="P2725" s="5" t="s">
        <v>40</v>
      </c>
      <c r="Q2725" s="5" t="s">
        <v>1522</v>
      </c>
      <c r="R2725" s="5" t="s">
        <v>1523</v>
      </c>
      <c r="S2725" s="5" t="s">
        <v>42</v>
      </c>
      <c r="T2725" s="2">
        <v>1.278</v>
      </c>
      <c r="U2725" s="2">
        <v>0.82</v>
      </c>
      <c r="V2725" s="2">
        <v>1.4999999999999999E-2</v>
      </c>
      <c r="W2725" s="2">
        <v>118.9</v>
      </c>
      <c r="X2725" s="2">
        <v>7.6</v>
      </c>
      <c r="Y2725" s="2">
        <v>16.7</v>
      </c>
      <c r="Z2725" s="5"/>
      <c r="AA2725" s="5" t="s">
        <v>43</v>
      </c>
      <c r="AB2725" s="5" t="s">
        <v>44</v>
      </c>
      <c r="AC2725" s="2"/>
      <c r="AD2725" s="1"/>
    </row>
    <row r="2726" spans="1:30">
      <c r="A2726" s="5" t="s">
        <v>83578</v>
      </c>
      <c r="B2726" s="2" t="s">
        <v>91780</v>
      </c>
      <c r="C2726" s="14" t="s">
        <v>91781</v>
      </c>
      <c r="D2726" s="2" t="s">
        <v>91782</v>
      </c>
      <c r="E2726" s="2" t="s">
        <v>41027</v>
      </c>
      <c r="F2726" s="8">
        <v>190</v>
      </c>
      <c r="G2726" s="5">
        <v>6</v>
      </c>
      <c r="H2726" s="5" t="s">
        <v>1518</v>
      </c>
      <c r="I2726" s="5" t="s">
        <v>40939</v>
      </c>
      <c r="J2726" s="2" t="s">
        <v>40940</v>
      </c>
      <c r="K2726" s="5" t="s">
        <v>40939</v>
      </c>
      <c r="L2726" s="2" t="s">
        <v>40940</v>
      </c>
      <c r="M2726" s="5" t="s">
        <v>36266</v>
      </c>
      <c r="N2726" s="5" t="s">
        <v>38</v>
      </c>
      <c r="O2726" s="5" t="s">
        <v>39</v>
      </c>
      <c r="P2726" s="5" t="s">
        <v>40</v>
      </c>
      <c r="Q2726" s="5" t="s">
        <v>1522</v>
      </c>
      <c r="R2726" s="5" t="s">
        <v>1523</v>
      </c>
      <c r="S2726" s="5" t="s">
        <v>42</v>
      </c>
      <c r="T2726" s="2">
        <v>1.2969999999999999</v>
      </c>
      <c r="U2726" s="2">
        <v>0.83899999999999997</v>
      </c>
      <c r="V2726" s="2">
        <v>1.4999999999999999E-2</v>
      </c>
      <c r="W2726" s="2">
        <v>118.9</v>
      </c>
      <c r="X2726" s="2">
        <v>7.6</v>
      </c>
      <c r="Y2726" s="2">
        <v>16.7</v>
      </c>
      <c r="Z2726" s="5"/>
      <c r="AA2726" s="5" t="s">
        <v>43</v>
      </c>
      <c r="AB2726" s="5" t="s">
        <v>44</v>
      </c>
      <c r="AC2726" s="2"/>
      <c r="AD2726" s="1"/>
    </row>
    <row r="2727" spans="1:30">
      <c r="A2727" s="5" t="s">
        <v>83578</v>
      </c>
      <c r="B2727" s="2" t="s">
        <v>91783</v>
      </c>
      <c r="C2727" s="14" t="s">
        <v>91784</v>
      </c>
      <c r="D2727" s="2" t="s">
        <v>91785</v>
      </c>
      <c r="E2727" s="2" t="s">
        <v>41031</v>
      </c>
      <c r="F2727" s="8">
        <v>190</v>
      </c>
      <c r="G2727" s="5">
        <v>6</v>
      </c>
      <c r="H2727" s="5" t="s">
        <v>1518</v>
      </c>
      <c r="I2727" s="5" t="s">
        <v>40939</v>
      </c>
      <c r="J2727" s="2" t="s">
        <v>40940</v>
      </c>
      <c r="K2727" s="5" t="s">
        <v>40939</v>
      </c>
      <c r="L2727" s="2" t="s">
        <v>40940</v>
      </c>
      <c r="M2727" s="5" t="s">
        <v>36266</v>
      </c>
      <c r="N2727" s="5" t="s">
        <v>38</v>
      </c>
      <c r="O2727" s="5" t="s">
        <v>39</v>
      </c>
      <c r="P2727" s="5" t="s">
        <v>40</v>
      </c>
      <c r="Q2727" s="5" t="s">
        <v>1522</v>
      </c>
      <c r="R2727" s="5" t="s">
        <v>1523</v>
      </c>
      <c r="S2727" s="5" t="s">
        <v>42</v>
      </c>
      <c r="T2727" s="2">
        <v>1.278</v>
      </c>
      <c r="U2727" s="2">
        <v>0.82</v>
      </c>
      <c r="V2727" s="2">
        <v>1.4999999999999999E-2</v>
      </c>
      <c r="W2727" s="2">
        <v>118.9</v>
      </c>
      <c r="X2727" s="2">
        <v>7.6</v>
      </c>
      <c r="Y2727" s="2">
        <v>16.7</v>
      </c>
      <c r="Z2727" s="5"/>
      <c r="AA2727" s="5" t="s">
        <v>43</v>
      </c>
      <c r="AB2727" s="5" t="s">
        <v>44</v>
      </c>
      <c r="AC2727" s="2"/>
      <c r="AD2727" s="1"/>
    </row>
    <row r="2728" spans="1:30">
      <c r="A2728" s="5" t="s">
        <v>83578</v>
      </c>
      <c r="B2728" s="2" t="s">
        <v>91786</v>
      </c>
      <c r="C2728" s="14" t="s">
        <v>91787</v>
      </c>
      <c r="D2728" s="2" t="s">
        <v>91788</v>
      </c>
      <c r="E2728" s="2" t="s">
        <v>7449</v>
      </c>
      <c r="F2728" s="8">
        <v>190</v>
      </c>
      <c r="G2728" s="5">
        <v>6</v>
      </c>
      <c r="H2728" s="5" t="s">
        <v>1518</v>
      </c>
      <c r="I2728" s="5" t="s">
        <v>40939</v>
      </c>
      <c r="J2728" s="2" t="s">
        <v>40940</v>
      </c>
      <c r="K2728" s="5" t="s">
        <v>40939</v>
      </c>
      <c r="L2728" s="2" t="s">
        <v>40940</v>
      </c>
      <c r="M2728" s="5" t="s">
        <v>36266</v>
      </c>
      <c r="N2728" s="5" t="s">
        <v>38</v>
      </c>
      <c r="O2728" s="5" t="s">
        <v>39</v>
      </c>
      <c r="P2728" s="5" t="s">
        <v>40</v>
      </c>
      <c r="Q2728" s="5" t="s">
        <v>1522</v>
      </c>
      <c r="R2728" s="5" t="s">
        <v>1523</v>
      </c>
      <c r="S2728" s="5" t="s">
        <v>42</v>
      </c>
      <c r="T2728" s="2">
        <v>1.278</v>
      </c>
      <c r="U2728" s="2">
        <v>0.82</v>
      </c>
      <c r="V2728" s="2">
        <v>1.4999999999999999E-2</v>
      </c>
      <c r="W2728" s="2">
        <v>118.9</v>
      </c>
      <c r="X2728" s="2">
        <v>7.6</v>
      </c>
      <c r="Y2728" s="2">
        <v>16.7</v>
      </c>
      <c r="Z2728" s="5"/>
      <c r="AA2728" s="5" t="s">
        <v>43</v>
      </c>
      <c r="AB2728" s="5" t="s">
        <v>44</v>
      </c>
      <c r="AC2728" s="2"/>
      <c r="AD2728" s="1"/>
    </row>
    <row r="2729" spans="1:30">
      <c r="A2729" s="5" t="s">
        <v>83578</v>
      </c>
      <c r="B2729" s="2" t="s">
        <v>91789</v>
      </c>
      <c r="C2729" s="14" t="s">
        <v>91790</v>
      </c>
      <c r="D2729" s="2" t="s">
        <v>91791</v>
      </c>
      <c r="E2729" s="2" t="s">
        <v>7581</v>
      </c>
      <c r="F2729" s="8">
        <v>190</v>
      </c>
      <c r="G2729" s="5">
        <v>6</v>
      </c>
      <c r="H2729" s="5" t="s">
        <v>1518</v>
      </c>
      <c r="I2729" s="5" t="s">
        <v>40939</v>
      </c>
      <c r="J2729" s="2" t="s">
        <v>40940</v>
      </c>
      <c r="K2729" s="5" t="s">
        <v>40939</v>
      </c>
      <c r="L2729" s="2" t="s">
        <v>40940</v>
      </c>
      <c r="M2729" s="5" t="s">
        <v>36266</v>
      </c>
      <c r="N2729" s="5" t="s">
        <v>38</v>
      </c>
      <c r="O2729" s="5" t="s">
        <v>39</v>
      </c>
      <c r="P2729" s="5" t="s">
        <v>40</v>
      </c>
      <c r="Q2729" s="5" t="s">
        <v>1522</v>
      </c>
      <c r="R2729" s="5" t="s">
        <v>1523</v>
      </c>
      <c r="S2729" s="5" t="s">
        <v>42</v>
      </c>
      <c r="T2729" s="2">
        <v>1.2969999999999999</v>
      </c>
      <c r="U2729" s="2">
        <v>0.83899999999999997</v>
      </c>
      <c r="V2729" s="2">
        <v>1.4999999999999999E-2</v>
      </c>
      <c r="W2729" s="2">
        <v>118.9</v>
      </c>
      <c r="X2729" s="2">
        <v>7.6</v>
      </c>
      <c r="Y2729" s="2">
        <v>16.7</v>
      </c>
      <c r="Z2729" s="5"/>
      <c r="AA2729" s="5" t="s">
        <v>43</v>
      </c>
      <c r="AB2729" s="5" t="s">
        <v>44</v>
      </c>
      <c r="AC2729" s="2"/>
      <c r="AD2729" s="1"/>
    </row>
    <row r="2730" spans="1:30">
      <c r="A2730" s="5" t="s">
        <v>83578</v>
      </c>
      <c r="B2730" s="2" t="s">
        <v>91792</v>
      </c>
      <c r="C2730" s="14" t="s">
        <v>91793</v>
      </c>
      <c r="D2730" s="2" t="s">
        <v>91794</v>
      </c>
      <c r="E2730" s="2" t="s">
        <v>41049</v>
      </c>
      <c r="F2730" s="8">
        <v>190</v>
      </c>
      <c r="G2730" s="5">
        <v>6</v>
      </c>
      <c r="H2730" s="5" t="s">
        <v>1518</v>
      </c>
      <c r="I2730" s="5" t="s">
        <v>40939</v>
      </c>
      <c r="J2730" s="2" t="s">
        <v>40940</v>
      </c>
      <c r="K2730" s="5" t="s">
        <v>40939</v>
      </c>
      <c r="L2730" s="2" t="s">
        <v>40940</v>
      </c>
      <c r="M2730" s="5" t="s">
        <v>36266</v>
      </c>
      <c r="N2730" s="5" t="s">
        <v>38</v>
      </c>
      <c r="O2730" s="5" t="s">
        <v>39</v>
      </c>
      <c r="P2730" s="5" t="s">
        <v>40</v>
      </c>
      <c r="Q2730" s="5" t="s">
        <v>1522</v>
      </c>
      <c r="R2730" s="5" t="s">
        <v>1523</v>
      </c>
      <c r="S2730" s="5" t="s">
        <v>42</v>
      </c>
      <c r="T2730" s="2">
        <v>1.331</v>
      </c>
      <c r="U2730" s="2">
        <v>0.873</v>
      </c>
      <c r="V2730" s="2">
        <v>1.4999999999999999E-2</v>
      </c>
      <c r="W2730" s="2">
        <v>118.9</v>
      </c>
      <c r="X2730" s="2">
        <v>7.6</v>
      </c>
      <c r="Y2730" s="2">
        <v>16.7</v>
      </c>
      <c r="Z2730" s="5"/>
      <c r="AA2730" s="5" t="s">
        <v>43</v>
      </c>
      <c r="AB2730" s="5" t="s">
        <v>44</v>
      </c>
      <c r="AC2730" s="2"/>
      <c r="AD2730" s="1"/>
    </row>
    <row r="2731" spans="1:30">
      <c r="A2731" s="5" t="s">
        <v>83578</v>
      </c>
      <c r="B2731" s="2" t="s">
        <v>91795</v>
      </c>
      <c r="C2731" s="14" t="s">
        <v>91796</v>
      </c>
      <c r="D2731" s="2" t="s">
        <v>91797</v>
      </c>
      <c r="E2731" s="2" t="s">
        <v>36277</v>
      </c>
      <c r="F2731" s="8">
        <v>211</v>
      </c>
      <c r="G2731" s="5">
        <v>6</v>
      </c>
      <c r="H2731" s="5" t="s">
        <v>1518</v>
      </c>
      <c r="I2731" s="5" t="s">
        <v>40939</v>
      </c>
      <c r="J2731" s="2" t="s">
        <v>40940</v>
      </c>
      <c r="K2731" s="5" t="s">
        <v>40939</v>
      </c>
      <c r="L2731" s="2" t="s">
        <v>40940</v>
      </c>
      <c r="M2731" s="5" t="s">
        <v>36266</v>
      </c>
      <c r="N2731" s="5" t="s">
        <v>38</v>
      </c>
      <c r="O2731" s="5" t="s">
        <v>39</v>
      </c>
      <c r="P2731" s="5" t="s">
        <v>40</v>
      </c>
      <c r="Q2731" s="5" t="s">
        <v>1522</v>
      </c>
      <c r="R2731" s="5" t="s">
        <v>1523</v>
      </c>
      <c r="S2731" s="5" t="s">
        <v>42</v>
      </c>
      <c r="T2731" s="2">
        <v>2.0670000000000002</v>
      </c>
      <c r="U2731" s="2">
        <v>1.472</v>
      </c>
      <c r="V2731" s="2">
        <v>0.02</v>
      </c>
      <c r="W2731" s="2">
        <v>159.1</v>
      </c>
      <c r="X2731" s="2">
        <v>7.6</v>
      </c>
      <c r="Y2731" s="2">
        <v>16.7</v>
      </c>
      <c r="Z2731" s="5"/>
      <c r="AA2731" s="5" t="s">
        <v>43</v>
      </c>
      <c r="AB2731" s="5" t="s">
        <v>44</v>
      </c>
      <c r="AC2731" s="2"/>
      <c r="AD2731" s="1"/>
    </row>
    <row r="2732" spans="1:30">
      <c r="A2732" s="5" t="s">
        <v>83578</v>
      </c>
      <c r="B2732" s="2" t="s">
        <v>91798</v>
      </c>
      <c r="C2732" s="14" t="s">
        <v>91799</v>
      </c>
      <c r="D2732" s="2" t="s">
        <v>91800</v>
      </c>
      <c r="E2732" s="2" t="s">
        <v>40971</v>
      </c>
      <c r="F2732" s="8">
        <v>242</v>
      </c>
      <c r="G2732" s="5">
        <v>6</v>
      </c>
      <c r="H2732" s="5" t="s">
        <v>1518</v>
      </c>
      <c r="I2732" s="5" t="s">
        <v>40939</v>
      </c>
      <c r="J2732" s="2" t="s">
        <v>40940</v>
      </c>
      <c r="K2732" s="5" t="s">
        <v>40939</v>
      </c>
      <c r="L2732" s="2" t="s">
        <v>40940</v>
      </c>
      <c r="M2732" s="5" t="s">
        <v>36266</v>
      </c>
      <c r="N2732" s="5" t="s">
        <v>38</v>
      </c>
      <c r="O2732" s="5" t="s">
        <v>39</v>
      </c>
      <c r="P2732" s="5" t="s">
        <v>40</v>
      </c>
      <c r="Q2732" s="5" t="s">
        <v>1522</v>
      </c>
      <c r="R2732" s="5" t="s">
        <v>1523</v>
      </c>
      <c r="S2732" s="5" t="s">
        <v>42</v>
      </c>
      <c r="T2732" s="2">
        <v>2.032</v>
      </c>
      <c r="U2732" s="2">
        <v>1.4370000000000001</v>
      </c>
      <c r="V2732" s="2">
        <v>0.02</v>
      </c>
      <c r="W2732" s="2">
        <v>159.1</v>
      </c>
      <c r="X2732" s="2">
        <v>7.6</v>
      </c>
      <c r="Y2732" s="2">
        <v>16.7</v>
      </c>
      <c r="Z2732" s="5"/>
      <c r="AA2732" s="5" t="s">
        <v>43</v>
      </c>
      <c r="AB2732" s="5" t="s">
        <v>44</v>
      </c>
      <c r="AC2732" s="2"/>
      <c r="AD2732" s="1"/>
    </row>
    <row r="2733" spans="1:30">
      <c r="A2733" s="5" t="s">
        <v>83578</v>
      </c>
      <c r="B2733" s="2" t="s">
        <v>91801</v>
      </c>
      <c r="C2733" s="14" t="s">
        <v>91802</v>
      </c>
      <c r="D2733" s="2" t="s">
        <v>91803</v>
      </c>
      <c r="E2733" s="2" t="s">
        <v>40975</v>
      </c>
      <c r="F2733" s="8">
        <v>242</v>
      </c>
      <c r="G2733" s="5">
        <v>6</v>
      </c>
      <c r="H2733" s="5" t="s">
        <v>1518</v>
      </c>
      <c r="I2733" s="5" t="s">
        <v>40939</v>
      </c>
      <c r="J2733" s="2" t="s">
        <v>40940</v>
      </c>
      <c r="K2733" s="5" t="s">
        <v>40939</v>
      </c>
      <c r="L2733" s="2" t="s">
        <v>40940</v>
      </c>
      <c r="M2733" s="5" t="s">
        <v>36266</v>
      </c>
      <c r="N2733" s="5" t="s">
        <v>38</v>
      </c>
      <c r="O2733" s="5" t="s">
        <v>39</v>
      </c>
      <c r="P2733" s="5" t="s">
        <v>40</v>
      </c>
      <c r="Q2733" s="5" t="s">
        <v>1522</v>
      </c>
      <c r="R2733" s="5" t="s">
        <v>1523</v>
      </c>
      <c r="S2733" s="5" t="s">
        <v>42</v>
      </c>
      <c r="T2733" s="2">
        <v>2.012</v>
      </c>
      <c r="U2733" s="2">
        <v>1.417</v>
      </c>
      <c r="V2733" s="2">
        <v>0.02</v>
      </c>
      <c r="W2733" s="2">
        <v>159.1</v>
      </c>
      <c r="X2733" s="2">
        <v>7.6</v>
      </c>
      <c r="Y2733" s="2">
        <v>16.7</v>
      </c>
      <c r="Z2733" s="5"/>
      <c r="AA2733" s="5" t="s">
        <v>43</v>
      </c>
      <c r="AB2733" s="5" t="s">
        <v>44</v>
      </c>
      <c r="AC2733" s="2"/>
      <c r="AD2733" s="1"/>
    </row>
    <row r="2734" spans="1:30">
      <c r="A2734" s="5" t="s">
        <v>83578</v>
      </c>
      <c r="B2734" s="2" t="s">
        <v>91804</v>
      </c>
      <c r="C2734" s="14" t="s">
        <v>91805</v>
      </c>
      <c r="D2734" s="2" t="s">
        <v>91806</v>
      </c>
      <c r="E2734" s="2" t="s">
        <v>7539</v>
      </c>
      <c r="F2734" s="8">
        <v>242</v>
      </c>
      <c r="G2734" s="5">
        <v>6</v>
      </c>
      <c r="H2734" s="5" t="s">
        <v>1518</v>
      </c>
      <c r="I2734" s="5" t="s">
        <v>40939</v>
      </c>
      <c r="J2734" s="2" t="s">
        <v>40940</v>
      </c>
      <c r="K2734" s="5" t="s">
        <v>40939</v>
      </c>
      <c r="L2734" s="2" t="s">
        <v>40940</v>
      </c>
      <c r="M2734" s="5" t="s">
        <v>36266</v>
      </c>
      <c r="N2734" s="5" t="s">
        <v>38</v>
      </c>
      <c r="O2734" s="5" t="s">
        <v>39</v>
      </c>
      <c r="P2734" s="5" t="s">
        <v>40</v>
      </c>
      <c r="Q2734" s="5" t="s">
        <v>1522</v>
      </c>
      <c r="R2734" s="5" t="s">
        <v>1523</v>
      </c>
      <c r="S2734" s="5" t="s">
        <v>42</v>
      </c>
      <c r="T2734" s="2">
        <v>1.9239999999999999</v>
      </c>
      <c r="U2734" s="2">
        <v>1.329</v>
      </c>
      <c r="V2734" s="2">
        <v>0.02</v>
      </c>
      <c r="W2734" s="2">
        <v>159.1</v>
      </c>
      <c r="X2734" s="2">
        <v>7.6</v>
      </c>
      <c r="Y2734" s="2">
        <v>16.7</v>
      </c>
      <c r="Z2734" s="5"/>
      <c r="AA2734" s="5" t="s">
        <v>43</v>
      </c>
      <c r="AB2734" s="5" t="s">
        <v>44</v>
      </c>
      <c r="AC2734" s="2"/>
      <c r="AD2734" s="1"/>
    </row>
    <row r="2735" spans="1:30">
      <c r="A2735" s="5" t="s">
        <v>83578</v>
      </c>
      <c r="B2735" s="2" t="s">
        <v>91807</v>
      </c>
      <c r="C2735" s="14" t="s">
        <v>91808</v>
      </c>
      <c r="D2735" s="2" t="s">
        <v>91809</v>
      </c>
      <c r="E2735" s="2" t="s">
        <v>7543</v>
      </c>
      <c r="F2735" s="8">
        <v>242</v>
      </c>
      <c r="G2735" s="5">
        <v>6</v>
      </c>
      <c r="H2735" s="5" t="s">
        <v>1518</v>
      </c>
      <c r="I2735" s="5" t="s">
        <v>40939</v>
      </c>
      <c r="J2735" s="2" t="s">
        <v>40940</v>
      </c>
      <c r="K2735" s="5" t="s">
        <v>40939</v>
      </c>
      <c r="L2735" s="2" t="s">
        <v>40940</v>
      </c>
      <c r="M2735" s="5" t="s">
        <v>36266</v>
      </c>
      <c r="N2735" s="5" t="s">
        <v>38</v>
      </c>
      <c r="O2735" s="5" t="s">
        <v>39</v>
      </c>
      <c r="P2735" s="5" t="s">
        <v>40</v>
      </c>
      <c r="Q2735" s="5" t="s">
        <v>1522</v>
      </c>
      <c r="R2735" s="5" t="s">
        <v>1523</v>
      </c>
      <c r="S2735" s="5" t="s">
        <v>42</v>
      </c>
      <c r="T2735" s="2">
        <v>1.944</v>
      </c>
      <c r="U2735" s="2">
        <v>1.349</v>
      </c>
      <c r="V2735" s="2">
        <v>0.02</v>
      </c>
      <c r="W2735" s="2">
        <v>159.1</v>
      </c>
      <c r="X2735" s="2">
        <v>7.6</v>
      </c>
      <c r="Y2735" s="2">
        <v>16.7</v>
      </c>
      <c r="Z2735" s="5"/>
      <c r="AA2735" s="5" t="s">
        <v>43</v>
      </c>
      <c r="AB2735" s="5" t="s">
        <v>44</v>
      </c>
      <c r="AC2735" s="2"/>
      <c r="AD2735" s="1"/>
    </row>
    <row r="2736" spans="1:30">
      <c r="A2736" s="5" t="s">
        <v>83578</v>
      </c>
      <c r="B2736" s="2" t="s">
        <v>91810</v>
      </c>
      <c r="C2736" s="14" t="s">
        <v>91811</v>
      </c>
      <c r="D2736" s="2" t="s">
        <v>91812</v>
      </c>
      <c r="E2736" s="2" t="s">
        <v>40993</v>
      </c>
      <c r="F2736" s="8">
        <v>242</v>
      </c>
      <c r="G2736" s="5">
        <v>6</v>
      </c>
      <c r="H2736" s="5" t="s">
        <v>1518</v>
      </c>
      <c r="I2736" s="5" t="s">
        <v>40939</v>
      </c>
      <c r="J2736" s="2" t="s">
        <v>40940</v>
      </c>
      <c r="K2736" s="5" t="s">
        <v>40939</v>
      </c>
      <c r="L2736" s="2" t="s">
        <v>40940</v>
      </c>
      <c r="M2736" s="5" t="s">
        <v>36266</v>
      </c>
      <c r="N2736" s="5" t="s">
        <v>38</v>
      </c>
      <c r="O2736" s="5" t="s">
        <v>39</v>
      </c>
      <c r="P2736" s="5" t="s">
        <v>40</v>
      </c>
      <c r="Q2736" s="5" t="s">
        <v>1522</v>
      </c>
      <c r="R2736" s="5" t="s">
        <v>1523</v>
      </c>
      <c r="S2736" s="5" t="s">
        <v>42</v>
      </c>
      <c r="T2736" s="2">
        <v>2.032</v>
      </c>
      <c r="U2736" s="2">
        <v>1.4370000000000001</v>
      </c>
      <c r="V2736" s="2">
        <v>0.02</v>
      </c>
      <c r="W2736" s="2">
        <v>159.1</v>
      </c>
      <c r="X2736" s="2">
        <v>7.6</v>
      </c>
      <c r="Y2736" s="2">
        <v>16.7</v>
      </c>
      <c r="Z2736" s="5"/>
      <c r="AA2736" s="5" t="s">
        <v>43</v>
      </c>
      <c r="AB2736" s="5" t="s">
        <v>44</v>
      </c>
      <c r="AC2736" s="2"/>
      <c r="AD2736" s="1"/>
    </row>
    <row r="2737" spans="1:30">
      <c r="A2737" s="5" t="s">
        <v>83578</v>
      </c>
      <c r="B2737" s="2" t="s">
        <v>91813</v>
      </c>
      <c r="C2737" s="14" t="s">
        <v>91814</v>
      </c>
      <c r="D2737" s="2" t="s">
        <v>91815</v>
      </c>
      <c r="E2737" s="2" t="s">
        <v>41267</v>
      </c>
      <c r="F2737" s="8">
        <v>242</v>
      </c>
      <c r="G2737" s="5">
        <v>6</v>
      </c>
      <c r="H2737" s="5" t="s">
        <v>1518</v>
      </c>
      <c r="I2737" s="5" t="s">
        <v>40939</v>
      </c>
      <c r="J2737" s="2" t="s">
        <v>40940</v>
      </c>
      <c r="K2737" s="5" t="s">
        <v>40939</v>
      </c>
      <c r="L2737" s="2" t="s">
        <v>40940</v>
      </c>
      <c r="M2737" s="5" t="s">
        <v>36266</v>
      </c>
      <c r="N2737" s="5" t="s">
        <v>38</v>
      </c>
      <c r="O2737" s="5" t="s">
        <v>39</v>
      </c>
      <c r="P2737" s="5" t="s">
        <v>40</v>
      </c>
      <c r="Q2737" s="5" t="s">
        <v>1522</v>
      </c>
      <c r="R2737" s="5" t="s">
        <v>1523</v>
      </c>
      <c r="S2737" s="5" t="s">
        <v>42</v>
      </c>
      <c r="T2737" s="2">
        <v>1.962</v>
      </c>
      <c r="U2737" s="2">
        <v>1.367</v>
      </c>
      <c r="V2737" s="2">
        <v>0.02</v>
      </c>
      <c r="W2737" s="2">
        <v>159.1</v>
      </c>
      <c r="X2737" s="2">
        <v>7.6</v>
      </c>
      <c r="Y2737" s="2">
        <v>16.7</v>
      </c>
      <c r="Z2737" s="5"/>
      <c r="AA2737" s="5" t="s">
        <v>43</v>
      </c>
      <c r="AB2737" s="5" t="s">
        <v>44</v>
      </c>
      <c r="AC2737" s="2"/>
      <c r="AD2737" s="1"/>
    </row>
    <row r="2738" spans="1:30">
      <c r="A2738" s="5" t="s">
        <v>83578</v>
      </c>
      <c r="B2738" s="2" t="s">
        <v>91816</v>
      </c>
      <c r="C2738" s="14" t="s">
        <v>91817</v>
      </c>
      <c r="D2738" s="2" t="s">
        <v>91818</v>
      </c>
      <c r="E2738" s="2" t="s">
        <v>41005</v>
      </c>
      <c r="F2738" s="8">
        <v>242</v>
      </c>
      <c r="G2738" s="5">
        <v>6</v>
      </c>
      <c r="H2738" s="5" t="s">
        <v>1518</v>
      </c>
      <c r="I2738" s="5" t="s">
        <v>40939</v>
      </c>
      <c r="J2738" s="2" t="s">
        <v>40940</v>
      </c>
      <c r="K2738" s="5" t="s">
        <v>40939</v>
      </c>
      <c r="L2738" s="2" t="s">
        <v>40940</v>
      </c>
      <c r="M2738" s="5" t="s">
        <v>36266</v>
      </c>
      <c r="N2738" s="5" t="s">
        <v>38</v>
      </c>
      <c r="O2738" s="5" t="s">
        <v>39</v>
      </c>
      <c r="P2738" s="5" t="s">
        <v>40</v>
      </c>
      <c r="Q2738" s="5" t="s">
        <v>1522</v>
      </c>
      <c r="R2738" s="5" t="s">
        <v>1523</v>
      </c>
      <c r="S2738" s="5" t="s">
        <v>42</v>
      </c>
      <c r="T2738" s="2">
        <v>2.032</v>
      </c>
      <c r="U2738" s="2">
        <v>1.4370000000000001</v>
      </c>
      <c r="V2738" s="2">
        <v>0.02</v>
      </c>
      <c r="W2738" s="2">
        <v>159.1</v>
      </c>
      <c r="X2738" s="2">
        <v>7.6</v>
      </c>
      <c r="Y2738" s="2">
        <v>16.7</v>
      </c>
      <c r="Z2738" s="5"/>
      <c r="AA2738" s="5" t="s">
        <v>43</v>
      </c>
      <c r="AB2738" s="5" t="s">
        <v>44</v>
      </c>
      <c r="AC2738" s="2"/>
      <c r="AD2738" s="1"/>
    </row>
    <row r="2739" spans="1:30">
      <c r="A2739" s="5" t="s">
        <v>83578</v>
      </c>
      <c r="B2739" s="2" t="s">
        <v>91819</v>
      </c>
      <c r="C2739" s="14" t="s">
        <v>91820</v>
      </c>
      <c r="D2739" s="2" t="s">
        <v>91821</v>
      </c>
      <c r="E2739" s="2" t="s">
        <v>41013</v>
      </c>
      <c r="F2739" s="8">
        <v>242</v>
      </c>
      <c r="G2739" s="5">
        <v>6</v>
      </c>
      <c r="H2739" s="5" t="s">
        <v>1518</v>
      </c>
      <c r="I2739" s="5" t="s">
        <v>40939</v>
      </c>
      <c r="J2739" s="2" t="s">
        <v>40940</v>
      </c>
      <c r="K2739" s="5" t="s">
        <v>40939</v>
      </c>
      <c r="L2739" s="2" t="s">
        <v>40940</v>
      </c>
      <c r="M2739" s="5" t="s">
        <v>36266</v>
      </c>
      <c r="N2739" s="5" t="s">
        <v>38</v>
      </c>
      <c r="O2739" s="5" t="s">
        <v>39</v>
      </c>
      <c r="P2739" s="5" t="s">
        <v>40</v>
      </c>
      <c r="Q2739" s="5" t="s">
        <v>1522</v>
      </c>
      <c r="R2739" s="5" t="s">
        <v>1523</v>
      </c>
      <c r="S2739" s="5" t="s">
        <v>42</v>
      </c>
      <c r="T2739" s="2">
        <v>2.0489999999999999</v>
      </c>
      <c r="U2739" s="2">
        <v>1.454</v>
      </c>
      <c r="V2739" s="2">
        <v>0.02</v>
      </c>
      <c r="W2739" s="2">
        <v>159.1</v>
      </c>
      <c r="X2739" s="2">
        <v>7.6</v>
      </c>
      <c r="Y2739" s="2">
        <v>16.7</v>
      </c>
      <c r="Z2739" s="5"/>
      <c r="AA2739" s="5" t="s">
        <v>43</v>
      </c>
      <c r="AB2739" s="5" t="s">
        <v>44</v>
      </c>
      <c r="AC2739" s="2"/>
      <c r="AD2739" s="1"/>
    </row>
    <row r="2740" spans="1:30">
      <c r="A2740" s="5" t="s">
        <v>83578</v>
      </c>
      <c r="B2740" s="2" t="s">
        <v>91822</v>
      </c>
      <c r="C2740" s="14" t="s">
        <v>91823</v>
      </c>
      <c r="D2740" s="2" t="s">
        <v>91824</v>
      </c>
      <c r="E2740" s="2" t="s">
        <v>41027</v>
      </c>
      <c r="F2740" s="8">
        <v>242</v>
      </c>
      <c r="G2740" s="5">
        <v>6</v>
      </c>
      <c r="H2740" s="5" t="s">
        <v>1518</v>
      </c>
      <c r="I2740" s="5" t="s">
        <v>40939</v>
      </c>
      <c r="J2740" s="2" t="s">
        <v>40940</v>
      </c>
      <c r="K2740" s="5" t="s">
        <v>40939</v>
      </c>
      <c r="L2740" s="2" t="s">
        <v>40940</v>
      </c>
      <c r="M2740" s="5" t="s">
        <v>36266</v>
      </c>
      <c r="N2740" s="5" t="s">
        <v>38</v>
      </c>
      <c r="O2740" s="5" t="s">
        <v>39</v>
      </c>
      <c r="P2740" s="5" t="s">
        <v>40</v>
      </c>
      <c r="Q2740" s="5" t="s">
        <v>1522</v>
      </c>
      <c r="R2740" s="5" t="s">
        <v>1523</v>
      </c>
      <c r="S2740" s="5" t="s">
        <v>42</v>
      </c>
      <c r="T2740" s="2">
        <v>1.962</v>
      </c>
      <c r="U2740" s="2">
        <v>1.367</v>
      </c>
      <c r="V2740" s="2">
        <v>0.02</v>
      </c>
      <c r="W2740" s="2">
        <v>159.1</v>
      </c>
      <c r="X2740" s="2">
        <v>7.6</v>
      </c>
      <c r="Y2740" s="2">
        <v>16.7</v>
      </c>
      <c r="Z2740" s="5"/>
      <c r="AA2740" s="5" t="s">
        <v>43</v>
      </c>
      <c r="AB2740" s="5" t="s">
        <v>44</v>
      </c>
      <c r="AC2740" s="2"/>
      <c r="AD2740" s="1"/>
    </row>
    <row r="2741" spans="1:30">
      <c r="A2741" s="5" t="s">
        <v>83578</v>
      </c>
      <c r="B2741" s="2" t="s">
        <v>91825</v>
      </c>
      <c r="C2741" s="14" t="s">
        <v>91826</v>
      </c>
      <c r="D2741" s="2" t="s">
        <v>91827</v>
      </c>
      <c r="E2741" s="2" t="s">
        <v>41035</v>
      </c>
      <c r="F2741" s="8">
        <v>242</v>
      </c>
      <c r="G2741" s="5">
        <v>6</v>
      </c>
      <c r="H2741" s="5" t="s">
        <v>1518</v>
      </c>
      <c r="I2741" s="5" t="s">
        <v>40939</v>
      </c>
      <c r="J2741" s="2" t="s">
        <v>40940</v>
      </c>
      <c r="K2741" s="5" t="s">
        <v>40939</v>
      </c>
      <c r="L2741" s="2" t="s">
        <v>40940</v>
      </c>
      <c r="M2741" s="5" t="s">
        <v>36266</v>
      </c>
      <c r="N2741" s="5" t="s">
        <v>38</v>
      </c>
      <c r="O2741" s="5" t="s">
        <v>39</v>
      </c>
      <c r="P2741" s="5" t="s">
        <v>40</v>
      </c>
      <c r="Q2741" s="5" t="s">
        <v>1522</v>
      </c>
      <c r="R2741" s="5" t="s">
        <v>1523</v>
      </c>
      <c r="S2741" s="5" t="s">
        <v>42</v>
      </c>
      <c r="T2741" s="2">
        <v>1.962</v>
      </c>
      <c r="U2741" s="2">
        <v>1.367</v>
      </c>
      <c r="V2741" s="2">
        <v>0.02</v>
      </c>
      <c r="W2741" s="2">
        <v>159.1</v>
      </c>
      <c r="X2741" s="2">
        <v>7.6</v>
      </c>
      <c r="Y2741" s="2">
        <v>16.7</v>
      </c>
      <c r="Z2741" s="5"/>
      <c r="AA2741" s="5" t="s">
        <v>43</v>
      </c>
      <c r="AB2741" s="5" t="s">
        <v>44</v>
      </c>
      <c r="AC2741" s="2"/>
      <c r="AD2741" s="1"/>
    </row>
    <row r="2742" spans="1:30">
      <c r="A2742" s="5" t="s">
        <v>83578</v>
      </c>
      <c r="B2742" s="2" t="s">
        <v>91828</v>
      </c>
      <c r="C2742" s="14" t="s">
        <v>91829</v>
      </c>
      <c r="D2742" s="2" t="s">
        <v>91830</v>
      </c>
      <c r="E2742" s="2" t="s">
        <v>7449</v>
      </c>
      <c r="F2742" s="8">
        <v>242</v>
      </c>
      <c r="G2742" s="5">
        <v>6</v>
      </c>
      <c r="H2742" s="5" t="s">
        <v>1518</v>
      </c>
      <c r="I2742" s="5" t="s">
        <v>40939</v>
      </c>
      <c r="J2742" s="2" t="s">
        <v>40940</v>
      </c>
      <c r="K2742" s="5" t="s">
        <v>40939</v>
      </c>
      <c r="L2742" s="2" t="s">
        <v>40940</v>
      </c>
      <c r="M2742" s="5" t="s">
        <v>36266</v>
      </c>
      <c r="N2742" s="5" t="s">
        <v>38</v>
      </c>
      <c r="O2742" s="5" t="s">
        <v>39</v>
      </c>
      <c r="P2742" s="5" t="s">
        <v>40</v>
      </c>
      <c r="Q2742" s="5" t="s">
        <v>1522</v>
      </c>
      <c r="R2742" s="5" t="s">
        <v>1523</v>
      </c>
      <c r="S2742" s="5" t="s">
        <v>42</v>
      </c>
      <c r="T2742" s="2">
        <v>1.9419999999999999</v>
      </c>
      <c r="U2742" s="2">
        <v>1.347</v>
      </c>
      <c r="V2742" s="2">
        <v>0.02</v>
      </c>
      <c r="W2742" s="2">
        <v>159.1</v>
      </c>
      <c r="X2742" s="2">
        <v>7.6</v>
      </c>
      <c r="Y2742" s="2">
        <v>16.7</v>
      </c>
      <c r="Z2742" s="5"/>
      <c r="AA2742" s="5" t="s">
        <v>43</v>
      </c>
      <c r="AB2742" s="5" t="s">
        <v>44</v>
      </c>
      <c r="AC2742" s="2"/>
      <c r="AD2742" s="1"/>
    </row>
    <row r="2743" spans="1:30">
      <c r="A2743" s="5" t="s">
        <v>83578</v>
      </c>
      <c r="B2743" s="2" t="s">
        <v>91831</v>
      </c>
      <c r="C2743" s="14" t="s">
        <v>91832</v>
      </c>
      <c r="D2743" s="2" t="s">
        <v>91833</v>
      </c>
      <c r="E2743" s="2" t="s">
        <v>7581</v>
      </c>
      <c r="F2743" s="8">
        <v>242</v>
      </c>
      <c r="G2743" s="5">
        <v>6</v>
      </c>
      <c r="H2743" s="5" t="s">
        <v>1518</v>
      </c>
      <c r="I2743" s="5" t="s">
        <v>40939</v>
      </c>
      <c r="J2743" s="2" t="s">
        <v>40940</v>
      </c>
      <c r="K2743" s="5" t="s">
        <v>40939</v>
      </c>
      <c r="L2743" s="2" t="s">
        <v>40940</v>
      </c>
      <c r="M2743" s="5" t="s">
        <v>36266</v>
      </c>
      <c r="N2743" s="5" t="s">
        <v>38</v>
      </c>
      <c r="O2743" s="5" t="s">
        <v>39</v>
      </c>
      <c r="P2743" s="5" t="s">
        <v>40</v>
      </c>
      <c r="Q2743" s="5" t="s">
        <v>1522</v>
      </c>
      <c r="R2743" s="5" t="s">
        <v>1523</v>
      </c>
      <c r="S2743" s="5" t="s">
        <v>42</v>
      </c>
      <c r="T2743" s="2">
        <v>1.962</v>
      </c>
      <c r="U2743" s="2">
        <v>1.367</v>
      </c>
      <c r="V2743" s="2">
        <v>0.02</v>
      </c>
      <c r="W2743" s="2">
        <v>159.1</v>
      </c>
      <c r="X2743" s="2">
        <v>7.6</v>
      </c>
      <c r="Y2743" s="2">
        <v>16.7</v>
      </c>
      <c r="Z2743" s="5"/>
      <c r="AA2743" s="5" t="s">
        <v>43</v>
      </c>
      <c r="AB2743" s="5" t="s">
        <v>44</v>
      </c>
      <c r="AC2743" s="2"/>
      <c r="AD2743" s="1"/>
    </row>
    <row r="2744" spans="1:30">
      <c r="A2744" s="5" t="s">
        <v>83578</v>
      </c>
      <c r="B2744" s="2" t="s">
        <v>91834</v>
      </c>
      <c r="C2744" s="14" t="s">
        <v>91835</v>
      </c>
      <c r="D2744" s="2" t="s">
        <v>91836</v>
      </c>
      <c r="E2744" s="2" t="s">
        <v>40947</v>
      </c>
      <c r="F2744" s="8">
        <v>201</v>
      </c>
      <c r="G2744" s="5">
        <v>6</v>
      </c>
      <c r="H2744" s="5" t="s">
        <v>1518</v>
      </c>
      <c r="I2744" s="5" t="s">
        <v>40939</v>
      </c>
      <c r="J2744" s="2" t="s">
        <v>40940</v>
      </c>
      <c r="K2744" s="5" t="s">
        <v>40939</v>
      </c>
      <c r="L2744" s="2" t="s">
        <v>40940</v>
      </c>
      <c r="M2744" s="5" t="s">
        <v>36266</v>
      </c>
      <c r="N2744" s="5" t="s">
        <v>38</v>
      </c>
      <c r="O2744" s="5" t="s">
        <v>39</v>
      </c>
      <c r="P2744" s="5" t="s">
        <v>40</v>
      </c>
      <c r="Q2744" s="5" t="s">
        <v>1522</v>
      </c>
      <c r="R2744" s="5" t="s">
        <v>1523</v>
      </c>
      <c r="S2744" s="5" t="s">
        <v>42</v>
      </c>
      <c r="T2744" s="2">
        <v>1.482</v>
      </c>
      <c r="U2744" s="2">
        <v>0.97</v>
      </c>
      <c r="V2744" s="2">
        <v>1.7999999999999999E-2</v>
      </c>
      <c r="W2744" s="2">
        <v>139.1</v>
      </c>
      <c r="X2744" s="2">
        <v>7.6</v>
      </c>
      <c r="Y2744" s="2">
        <v>16.7</v>
      </c>
      <c r="Z2744" s="5"/>
      <c r="AA2744" s="5" t="s">
        <v>43</v>
      </c>
      <c r="AB2744" s="5" t="s">
        <v>44</v>
      </c>
      <c r="AC2744" s="2"/>
      <c r="AD2744" s="1"/>
    </row>
    <row r="2745" spans="1:30">
      <c r="A2745" s="5" t="s">
        <v>83578</v>
      </c>
      <c r="B2745" s="2" t="s">
        <v>91837</v>
      </c>
      <c r="C2745" s="14" t="s">
        <v>91838</v>
      </c>
      <c r="D2745" s="2" t="s">
        <v>91839</v>
      </c>
      <c r="E2745" s="2" t="s">
        <v>40951</v>
      </c>
      <c r="F2745" s="8">
        <v>201</v>
      </c>
      <c r="G2745" s="5">
        <v>6</v>
      </c>
      <c r="H2745" s="5" t="s">
        <v>1518</v>
      </c>
      <c r="I2745" s="5" t="s">
        <v>40939</v>
      </c>
      <c r="J2745" s="2" t="s">
        <v>40940</v>
      </c>
      <c r="K2745" s="5" t="s">
        <v>40939</v>
      </c>
      <c r="L2745" s="2" t="s">
        <v>40940</v>
      </c>
      <c r="M2745" s="5" t="s">
        <v>36266</v>
      </c>
      <c r="N2745" s="5" t="s">
        <v>38</v>
      </c>
      <c r="O2745" s="5" t="s">
        <v>39</v>
      </c>
      <c r="P2745" s="5" t="s">
        <v>40</v>
      </c>
      <c r="Q2745" s="5" t="s">
        <v>1522</v>
      </c>
      <c r="R2745" s="5" t="s">
        <v>1523</v>
      </c>
      <c r="S2745" s="5" t="s">
        <v>42</v>
      </c>
      <c r="T2745" s="2">
        <v>1.5069999999999999</v>
      </c>
      <c r="U2745" s="2">
        <v>0.995</v>
      </c>
      <c r="V2745" s="2">
        <v>1.7999999999999999E-2</v>
      </c>
      <c r="W2745" s="2">
        <v>139.1</v>
      </c>
      <c r="X2745" s="2">
        <v>7.6</v>
      </c>
      <c r="Y2745" s="2">
        <v>16.7</v>
      </c>
      <c r="Z2745" s="5"/>
      <c r="AA2745" s="5" t="s">
        <v>43</v>
      </c>
      <c r="AB2745" s="5" t="s">
        <v>44</v>
      </c>
      <c r="AC2745" s="2"/>
      <c r="AD2745" s="1"/>
    </row>
    <row r="2746" spans="1:30">
      <c r="A2746" s="5" t="s">
        <v>83578</v>
      </c>
      <c r="B2746" s="2" t="s">
        <v>91840</v>
      </c>
      <c r="C2746" s="14" t="s">
        <v>91841</v>
      </c>
      <c r="D2746" s="2" t="s">
        <v>91842</v>
      </c>
      <c r="E2746" s="2" t="s">
        <v>7521</v>
      </c>
      <c r="F2746" s="8">
        <v>175</v>
      </c>
      <c r="G2746" s="5">
        <v>6</v>
      </c>
      <c r="H2746" s="5" t="s">
        <v>1518</v>
      </c>
      <c r="I2746" s="5" t="s">
        <v>40939</v>
      </c>
      <c r="J2746" s="2" t="s">
        <v>40940</v>
      </c>
      <c r="K2746" s="5" t="s">
        <v>40939</v>
      </c>
      <c r="L2746" s="2" t="s">
        <v>40940</v>
      </c>
      <c r="M2746" s="5" t="s">
        <v>36266</v>
      </c>
      <c r="N2746" s="5" t="s">
        <v>38</v>
      </c>
      <c r="O2746" s="5" t="s">
        <v>39</v>
      </c>
      <c r="P2746" s="5" t="s">
        <v>40</v>
      </c>
      <c r="Q2746" s="5" t="s">
        <v>1522</v>
      </c>
      <c r="R2746" s="5" t="s">
        <v>1523</v>
      </c>
      <c r="S2746" s="5" t="s">
        <v>42</v>
      </c>
      <c r="T2746" s="2">
        <v>1.514</v>
      </c>
      <c r="U2746" s="2">
        <v>1.002</v>
      </c>
      <c r="V2746" s="2">
        <v>1.7999999999999999E-2</v>
      </c>
      <c r="W2746" s="2">
        <v>139.1</v>
      </c>
      <c r="X2746" s="2">
        <v>7.6</v>
      </c>
      <c r="Y2746" s="2">
        <v>16.7</v>
      </c>
      <c r="Z2746" s="5"/>
      <c r="AA2746" s="5" t="s">
        <v>43</v>
      </c>
      <c r="AB2746" s="5" t="s">
        <v>44</v>
      </c>
      <c r="AC2746" s="2"/>
      <c r="AD2746" s="1"/>
    </row>
    <row r="2747" spans="1:30">
      <c r="A2747" s="5" t="s">
        <v>83578</v>
      </c>
      <c r="B2747" s="2" t="s">
        <v>91843</v>
      </c>
      <c r="C2747" s="14" t="s">
        <v>91844</v>
      </c>
      <c r="D2747" s="2" t="s">
        <v>91845</v>
      </c>
      <c r="E2747" s="2" t="s">
        <v>36273</v>
      </c>
      <c r="F2747" s="8">
        <v>175</v>
      </c>
      <c r="G2747" s="5">
        <v>6</v>
      </c>
      <c r="H2747" s="5" t="s">
        <v>1518</v>
      </c>
      <c r="I2747" s="5" t="s">
        <v>40939</v>
      </c>
      <c r="J2747" s="2" t="s">
        <v>40940</v>
      </c>
      <c r="K2747" s="5" t="s">
        <v>40939</v>
      </c>
      <c r="L2747" s="2" t="s">
        <v>40940</v>
      </c>
      <c r="M2747" s="5" t="s">
        <v>36266</v>
      </c>
      <c r="N2747" s="5" t="s">
        <v>38</v>
      </c>
      <c r="O2747" s="5" t="s">
        <v>39</v>
      </c>
      <c r="P2747" s="5" t="s">
        <v>40</v>
      </c>
      <c r="Q2747" s="5" t="s">
        <v>1522</v>
      </c>
      <c r="R2747" s="5" t="s">
        <v>1523</v>
      </c>
      <c r="S2747" s="5" t="s">
        <v>42</v>
      </c>
      <c r="T2747" s="2">
        <v>1.502</v>
      </c>
      <c r="U2747" s="2">
        <v>0.99</v>
      </c>
      <c r="V2747" s="2">
        <v>1.7999999999999999E-2</v>
      </c>
      <c r="W2747" s="2">
        <v>139.1</v>
      </c>
      <c r="X2747" s="2">
        <v>7.6</v>
      </c>
      <c r="Y2747" s="2">
        <v>16.7</v>
      </c>
      <c r="Z2747" s="5"/>
      <c r="AA2747" s="5" t="s">
        <v>43</v>
      </c>
      <c r="AB2747" s="5" t="s">
        <v>44</v>
      </c>
      <c r="AC2747" s="2"/>
      <c r="AD2747" s="1"/>
    </row>
    <row r="2748" spans="1:30">
      <c r="A2748" s="5" t="s">
        <v>83578</v>
      </c>
      <c r="B2748" s="2" t="s">
        <v>91846</v>
      </c>
      <c r="C2748" s="14" t="s">
        <v>91847</v>
      </c>
      <c r="D2748" s="2" t="s">
        <v>91848</v>
      </c>
      <c r="E2748" s="2" t="s">
        <v>40967</v>
      </c>
      <c r="F2748" s="8">
        <v>201</v>
      </c>
      <c r="G2748" s="5">
        <v>6</v>
      </c>
      <c r="H2748" s="5" t="s">
        <v>1518</v>
      </c>
      <c r="I2748" s="5" t="s">
        <v>40939</v>
      </c>
      <c r="J2748" s="2" t="s">
        <v>40940</v>
      </c>
      <c r="K2748" s="5" t="s">
        <v>40939</v>
      </c>
      <c r="L2748" s="2" t="s">
        <v>40940</v>
      </c>
      <c r="M2748" s="5" t="s">
        <v>36266</v>
      </c>
      <c r="N2748" s="5" t="s">
        <v>38</v>
      </c>
      <c r="O2748" s="5" t="s">
        <v>39</v>
      </c>
      <c r="P2748" s="5" t="s">
        <v>40</v>
      </c>
      <c r="Q2748" s="5" t="s">
        <v>1522</v>
      </c>
      <c r="R2748" s="5" t="s">
        <v>1523</v>
      </c>
      <c r="S2748" s="5" t="s">
        <v>42</v>
      </c>
      <c r="T2748" s="2">
        <v>1.4890000000000001</v>
      </c>
      <c r="U2748" s="2">
        <v>0.97699999999999998</v>
      </c>
      <c r="V2748" s="2">
        <v>1.7999999999999999E-2</v>
      </c>
      <c r="W2748" s="2">
        <v>139.1</v>
      </c>
      <c r="X2748" s="2">
        <v>7.6</v>
      </c>
      <c r="Y2748" s="2">
        <v>16.7</v>
      </c>
      <c r="Z2748" s="5"/>
      <c r="AA2748" s="5" t="s">
        <v>43</v>
      </c>
      <c r="AB2748" s="5" t="s">
        <v>44</v>
      </c>
      <c r="AC2748" s="2"/>
      <c r="AD2748" s="1"/>
    </row>
    <row r="2749" spans="1:30">
      <c r="A2749" s="5" t="s">
        <v>83578</v>
      </c>
      <c r="B2749" s="2" t="s">
        <v>91849</v>
      </c>
      <c r="C2749" s="14" t="s">
        <v>91850</v>
      </c>
      <c r="D2749" s="2" t="s">
        <v>91851</v>
      </c>
      <c r="E2749" s="2" t="s">
        <v>40971</v>
      </c>
      <c r="F2749" s="8">
        <v>201</v>
      </c>
      <c r="G2749" s="5">
        <v>6</v>
      </c>
      <c r="H2749" s="5" t="s">
        <v>1518</v>
      </c>
      <c r="I2749" s="5" t="s">
        <v>40939</v>
      </c>
      <c r="J2749" s="2" t="s">
        <v>40940</v>
      </c>
      <c r="K2749" s="5" t="s">
        <v>40939</v>
      </c>
      <c r="L2749" s="2" t="s">
        <v>40940</v>
      </c>
      <c r="M2749" s="5" t="s">
        <v>36266</v>
      </c>
      <c r="N2749" s="5" t="s">
        <v>38</v>
      </c>
      <c r="O2749" s="5" t="s">
        <v>39</v>
      </c>
      <c r="P2749" s="5" t="s">
        <v>40</v>
      </c>
      <c r="Q2749" s="5" t="s">
        <v>1522</v>
      </c>
      <c r="R2749" s="5" t="s">
        <v>1523</v>
      </c>
      <c r="S2749" s="5" t="s">
        <v>42</v>
      </c>
      <c r="T2749" s="2">
        <v>1.514</v>
      </c>
      <c r="U2749" s="2">
        <v>1.002</v>
      </c>
      <c r="V2749" s="2">
        <v>1.7999999999999999E-2</v>
      </c>
      <c r="W2749" s="2">
        <v>139.1</v>
      </c>
      <c r="X2749" s="2">
        <v>7.6</v>
      </c>
      <c r="Y2749" s="2">
        <v>16.7</v>
      </c>
      <c r="Z2749" s="5"/>
      <c r="AA2749" s="5" t="s">
        <v>43</v>
      </c>
      <c r="AB2749" s="5" t="s">
        <v>44</v>
      </c>
      <c r="AC2749" s="2"/>
      <c r="AD2749" s="1"/>
    </row>
    <row r="2750" spans="1:30">
      <c r="A2750" s="5" t="s">
        <v>83578</v>
      </c>
      <c r="B2750" s="2" t="s">
        <v>91852</v>
      </c>
      <c r="C2750" s="14" t="s">
        <v>91853</v>
      </c>
      <c r="D2750" s="2" t="s">
        <v>91854</v>
      </c>
      <c r="E2750" s="2" t="s">
        <v>40975</v>
      </c>
      <c r="F2750" s="8">
        <v>201</v>
      </c>
      <c r="G2750" s="5">
        <v>6</v>
      </c>
      <c r="H2750" s="5" t="s">
        <v>1518</v>
      </c>
      <c r="I2750" s="5" t="s">
        <v>40939</v>
      </c>
      <c r="J2750" s="2" t="s">
        <v>40940</v>
      </c>
      <c r="K2750" s="5" t="s">
        <v>40939</v>
      </c>
      <c r="L2750" s="2" t="s">
        <v>40940</v>
      </c>
      <c r="M2750" s="5" t="s">
        <v>36266</v>
      </c>
      <c r="N2750" s="5" t="s">
        <v>38</v>
      </c>
      <c r="O2750" s="5" t="s">
        <v>39</v>
      </c>
      <c r="P2750" s="5" t="s">
        <v>40</v>
      </c>
      <c r="Q2750" s="5" t="s">
        <v>1522</v>
      </c>
      <c r="R2750" s="5" t="s">
        <v>1523</v>
      </c>
      <c r="S2750" s="5" t="s">
        <v>42</v>
      </c>
      <c r="T2750" s="2">
        <v>1.4890000000000001</v>
      </c>
      <c r="U2750" s="2">
        <v>0.97699999999999998</v>
      </c>
      <c r="V2750" s="2">
        <v>1.7999999999999999E-2</v>
      </c>
      <c r="W2750" s="2">
        <v>139.1</v>
      </c>
      <c r="X2750" s="2">
        <v>7.6</v>
      </c>
      <c r="Y2750" s="2">
        <v>16.7</v>
      </c>
      <c r="Z2750" s="5"/>
      <c r="AA2750" s="5" t="s">
        <v>43</v>
      </c>
      <c r="AB2750" s="5" t="s">
        <v>44</v>
      </c>
      <c r="AC2750" s="2"/>
      <c r="AD2750" s="1"/>
    </row>
    <row r="2751" spans="1:30">
      <c r="A2751" s="5" t="s">
        <v>83578</v>
      </c>
      <c r="B2751" s="2" t="s">
        <v>91855</v>
      </c>
      <c r="C2751" s="14" t="s">
        <v>91856</v>
      </c>
      <c r="D2751" s="2" t="s">
        <v>91857</v>
      </c>
      <c r="E2751" s="2" t="s">
        <v>40979</v>
      </c>
      <c r="F2751" s="8">
        <v>201</v>
      </c>
      <c r="G2751" s="5">
        <v>6</v>
      </c>
      <c r="H2751" s="5" t="s">
        <v>1518</v>
      </c>
      <c r="I2751" s="5" t="s">
        <v>40939</v>
      </c>
      <c r="J2751" s="2" t="s">
        <v>40940</v>
      </c>
      <c r="K2751" s="5" t="s">
        <v>40939</v>
      </c>
      <c r="L2751" s="2" t="s">
        <v>40940</v>
      </c>
      <c r="M2751" s="5" t="s">
        <v>36266</v>
      </c>
      <c r="N2751" s="5" t="s">
        <v>38</v>
      </c>
      <c r="O2751" s="5" t="s">
        <v>39</v>
      </c>
      <c r="P2751" s="5" t="s">
        <v>40</v>
      </c>
      <c r="Q2751" s="5" t="s">
        <v>1522</v>
      </c>
      <c r="R2751" s="5" t="s">
        <v>1523</v>
      </c>
      <c r="S2751" s="5" t="s">
        <v>42</v>
      </c>
      <c r="T2751" s="2">
        <v>1.514</v>
      </c>
      <c r="U2751" s="2">
        <v>1.002</v>
      </c>
      <c r="V2751" s="2">
        <v>1.7999999999999999E-2</v>
      </c>
      <c r="W2751" s="2">
        <v>139.1</v>
      </c>
      <c r="X2751" s="2">
        <v>7.6</v>
      </c>
      <c r="Y2751" s="2">
        <v>16.7</v>
      </c>
      <c r="Z2751" s="5"/>
      <c r="AA2751" s="5" t="s">
        <v>43</v>
      </c>
      <c r="AB2751" s="5" t="s">
        <v>44</v>
      </c>
      <c r="AC2751" s="2"/>
      <c r="AD2751" s="1"/>
    </row>
    <row r="2752" spans="1:30">
      <c r="A2752" s="5" t="s">
        <v>83578</v>
      </c>
      <c r="B2752" s="2" t="s">
        <v>91858</v>
      </c>
      <c r="C2752" s="14" t="s">
        <v>91859</v>
      </c>
      <c r="D2752" s="2" t="s">
        <v>91860</v>
      </c>
      <c r="E2752" s="2" t="s">
        <v>7543</v>
      </c>
      <c r="F2752" s="8">
        <v>201</v>
      </c>
      <c r="G2752" s="5">
        <v>6</v>
      </c>
      <c r="H2752" s="5" t="s">
        <v>1518</v>
      </c>
      <c r="I2752" s="5" t="s">
        <v>40939</v>
      </c>
      <c r="J2752" s="2" t="s">
        <v>40940</v>
      </c>
      <c r="K2752" s="5" t="s">
        <v>40939</v>
      </c>
      <c r="L2752" s="2" t="s">
        <v>40940</v>
      </c>
      <c r="M2752" s="5" t="s">
        <v>36266</v>
      </c>
      <c r="N2752" s="5" t="s">
        <v>38</v>
      </c>
      <c r="O2752" s="5" t="s">
        <v>39</v>
      </c>
      <c r="P2752" s="5" t="s">
        <v>40</v>
      </c>
      <c r="Q2752" s="5" t="s">
        <v>1522</v>
      </c>
      <c r="R2752" s="5" t="s">
        <v>1523</v>
      </c>
      <c r="S2752" s="5" t="s">
        <v>42</v>
      </c>
      <c r="T2752" s="2">
        <v>1.4790000000000001</v>
      </c>
      <c r="U2752" s="2">
        <v>0.96699999999999997</v>
      </c>
      <c r="V2752" s="2">
        <v>1.7999999999999999E-2</v>
      </c>
      <c r="W2752" s="2">
        <v>139.1</v>
      </c>
      <c r="X2752" s="2">
        <v>7.6</v>
      </c>
      <c r="Y2752" s="2">
        <v>16.7</v>
      </c>
      <c r="Z2752" s="5"/>
      <c r="AA2752" s="5" t="s">
        <v>43</v>
      </c>
      <c r="AB2752" s="5" t="s">
        <v>44</v>
      </c>
      <c r="AC2752" s="2"/>
      <c r="AD2752" s="1"/>
    </row>
    <row r="2753" spans="1:30">
      <c r="A2753" s="5" t="s">
        <v>83578</v>
      </c>
      <c r="B2753" s="2" t="s">
        <v>91861</v>
      </c>
      <c r="C2753" s="14" t="s">
        <v>91862</v>
      </c>
      <c r="D2753" s="2" t="s">
        <v>91863</v>
      </c>
      <c r="E2753" s="2" t="s">
        <v>40989</v>
      </c>
      <c r="F2753" s="8">
        <v>201</v>
      </c>
      <c r="G2753" s="5">
        <v>6</v>
      </c>
      <c r="H2753" s="5" t="s">
        <v>1518</v>
      </c>
      <c r="I2753" s="5" t="s">
        <v>40939</v>
      </c>
      <c r="J2753" s="2" t="s">
        <v>40940</v>
      </c>
      <c r="K2753" s="5" t="s">
        <v>40939</v>
      </c>
      <c r="L2753" s="2" t="s">
        <v>40940</v>
      </c>
      <c r="M2753" s="5" t="s">
        <v>36266</v>
      </c>
      <c r="N2753" s="5" t="s">
        <v>38</v>
      </c>
      <c r="O2753" s="5" t="s">
        <v>39</v>
      </c>
      <c r="P2753" s="5" t="s">
        <v>40</v>
      </c>
      <c r="Q2753" s="5" t="s">
        <v>1522</v>
      </c>
      <c r="R2753" s="5" t="s">
        <v>1523</v>
      </c>
      <c r="S2753" s="5" t="s">
        <v>42</v>
      </c>
      <c r="T2753" s="2">
        <v>1.4890000000000001</v>
      </c>
      <c r="U2753" s="2">
        <v>0.97699999999999998</v>
      </c>
      <c r="V2753" s="2">
        <v>1.7999999999999999E-2</v>
      </c>
      <c r="W2753" s="2">
        <v>139.1</v>
      </c>
      <c r="X2753" s="2">
        <v>7.6</v>
      </c>
      <c r="Y2753" s="2">
        <v>16.7</v>
      </c>
      <c r="Z2753" s="5"/>
      <c r="AA2753" s="5" t="s">
        <v>43</v>
      </c>
      <c r="AB2753" s="5" t="s">
        <v>44</v>
      </c>
      <c r="AC2753" s="2"/>
      <c r="AD2753" s="1"/>
    </row>
    <row r="2754" spans="1:30">
      <c r="A2754" s="5" t="s">
        <v>83578</v>
      </c>
      <c r="B2754" s="2" t="s">
        <v>91864</v>
      </c>
      <c r="C2754" s="14" t="s">
        <v>91865</v>
      </c>
      <c r="D2754" s="2" t="s">
        <v>91866</v>
      </c>
      <c r="E2754" s="2" t="s">
        <v>40993</v>
      </c>
      <c r="F2754" s="8">
        <v>201</v>
      </c>
      <c r="G2754" s="5">
        <v>6</v>
      </c>
      <c r="H2754" s="5" t="s">
        <v>1518</v>
      </c>
      <c r="I2754" s="5" t="s">
        <v>40939</v>
      </c>
      <c r="J2754" s="2" t="s">
        <v>40940</v>
      </c>
      <c r="K2754" s="5" t="s">
        <v>40939</v>
      </c>
      <c r="L2754" s="2" t="s">
        <v>40940</v>
      </c>
      <c r="M2754" s="5" t="s">
        <v>36266</v>
      </c>
      <c r="N2754" s="5" t="s">
        <v>38</v>
      </c>
      <c r="O2754" s="5" t="s">
        <v>39</v>
      </c>
      <c r="P2754" s="5" t="s">
        <v>40</v>
      </c>
      <c r="Q2754" s="5" t="s">
        <v>1522</v>
      </c>
      <c r="R2754" s="5" t="s">
        <v>1523</v>
      </c>
      <c r="S2754" s="5" t="s">
        <v>42</v>
      </c>
      <c r="T2754" s="2">
        <v>1.514</v>
      </c>
      <c r="U2754" s="2">
        <v>1.002</v>
      </c>
      <c r="V2754" s="2">
        <v>1.7999999999999999E-2</v>
      </c>
      <c r="W2754" s="2">
        <v>139.1</v>
      </c>
      <c r="X2754" s="2">
        <v>7.6</v>
      </c>
      <c r="Y2754" s="2">
        <v>16.7</v>
      </c>
      <c r="Z2754" s="5"/>
      <c r="AA2754" s="5" t="s">
        <v>43</v>
      </c>
      <c r="AB2754" s="5" t="s">
        <v>44</v>
      </c>
      <c r="AC2754" s="2"/>
      <c r="AD2754" s="1"/>
    </row>
    <row r="2755" spans="1:30">
      <c r="A2755" s="5" t="s">
        <v>83578</v>
      </c>
      <c r="B2755" s="2" t="s">
        <v>91867</v>
      </c>
      <c r="C2755" s="14" t="s">
        <v>91868</v>
      </c>
      <c r="D2755" s="2" t="s">
        <v>91869</v>
      </c>
      <c r="E2755" s="2" t="s">
        <v>40997</v>
      </c>
      <c r="F2755" s="8">
        <v>201</v>
      </c>
      <c r="G2755" s="5">
        <v>6</v>
      </c>
      <c r="H2755" s="5" t="s">
        <v>1518</v>
      </c>
      <c r="I2755" s="5" t="s">
        <v>40939</v>
      </c>
      <c r="J2755" s="2" t="s">
        <v>40940</v>
      </c>
      <c r="K2755" s="5" t="s">
        <v>40939</v>
      </c>
      <c r="L2755" s="2" t="s">
        <v>40940</v>
      </c>
      <c r="M2755" s="5" t="s">
        <v>36266</v>
      </c>
      <c r="N2755" s="5" t="s">
        <v>38</v>
      </c>
      <c r="O2755" s="5" t="s">
        <v>39</v>
      </c>
      <c r="P2755" s="5" t="s">
        <v>40</v>
      </c>
      <c r="Q2755" s="5" t="s">
        <v>1522</v>
      </c>
      <c r="R2755" s="5" t="s">
        <v>1523</v>
      </c>
      <c r="S2755" s="5" t="s">
        <v>42</v>
      </c>
      <c r="T2755" s="2">
        <v>1.4610000000000001</v>
      </c>
      <c r="U2755" s="2">
        <v>0.94899999999999995</v>
      </c>
      <c r="V2755" s="2">
        <v>1.7999999999999999E-2</v>
      </c>
      <c r="W2755" s="2">
        <v>139.1</v>
      </c>
      <c r="X2755" s="2">
        <v>7.6</v>
      </c>
      <c r="Y2755" s="2">
        <v>16.7</v>
      </c>
      <c r="Z2755" s="5"/>
      <c r="AA2755" s="5" t="s">
        <v>43</v>
      </c>
      <c r="AB2755" s="5" t="s">
        <v>44</v>
      </c>
      <c r="AC2755" s="2"/>
      <c r="AD2755" s="1"/>
    </row>
    <row r="2756" spans="1:30">
      <c r="A2756" s="5" t="s">
        <v>83578</v>
      </c>
      <c r="B2756" s="2" t="s">
        <v>91870</v>
      </c>
      <c r="C2756" s="14" t="s">
        <v>91871</v>
      </c>
      <c r="D2756" s="2" t="s">
        <v>91872</v>
      </c>
      <c r="E2756" s="2" t="s">
        <v>41267</v>
      </c>
      <c r="F2756" s="8">
        <v>201</v>
      </c>
      <c r="G2756" s="5">
        <v>6</v>
      </c>
      <c r="H2756" s="5" t="s">
        <v>1518</v>
      </c>
      <c r="I2756" s="5" t="s">
        <v>40939</v>
      </c>
      <c r="J2756" s="2" t="s">
        <v>40940</v>
      </c>
      <c r="K2756" s="5" t="s">
        <v>40939</v>
      </c>
      <c r="L2756" s="2" t="s">
        <v>40940</v>
      </c>
      <c r="M2756" s="5" t="s">
        <v>36266</v>
      </c>
      <c r="N2756" s="5" t="s">
        <v>38</v>
      </c>
      <c r="O2756" s="5" t="s">
        <v>39</v>
      </c>
      <c r="P2756" s="5" t="s">
        <v>40</v>
      </c>
      <c r="Q2756" s="5" t="s">
        <v>1522</v>
      </c>
      <c r="R2756" s="5" t="s">
        <v>1523</v>
      </c>
      <c r="S2756" s="5" t="s">
        <v>42</v>
      </c>
      <c r="T2756" s="2">
        <v>1.486</v>
      </c>
      <c r="U2756" s="2">
        <v>0.97399999999999998</v>
      </c>
      <c r="V2756" s="2">
        <v>1.7999999999999999E-2</v>
      </c>
      <c r="W2756" s="2">
        <v>139.1</v>
      </c>
      <c r="X2756" s="2">
        <v>7.6</v>
      </c>
      <c r="Y2756" s="2">
        <v>16.7</v>
      </c>
      <c r="Z2756" s="5"/>
      <c r="AA2756" s="5" t="s">
        <v>43</v>
      </c>
      <c r="AB2756" s="5" t="s">
        <v>44</v>
      </c>
      <c r="AC2756" s="2"/>
      <c r="AD2756" s="1"/>
    </row>
    <row r="2757" spans="1:30">
      <c r="A2757" s="5" t="s">
        <v>83578</v>
      </c>
      <c r="B2757" s="2" t="s">
        <v>91873</v>
      </c>
      <c r="C2757" s="14" t="s">
        <v>91874</v>
      </c>
      <c r="D2757" s="2" t="s">
        <v>91875</v>
      </c>
      <c r="E2757" s="2" t="s">
        <v>41001</v>
      </c>
      <c r="F2757" s="8">
        <v>201</v>
      </c>
      <c r="G2757" s="5">
        <v>6</v>
      </c>
      <c r="H2757" s="5" t="s">
        <v>1518</v>
      </c>
      <c r="I2757" s="5" t="s">
        <v>40939</v>
      </c>
      <c r="J2757" s="2" t="s">
        <v>40940</v>
      </c>
      <c r="K2757" s="5" t="s">
        <v>40939</v>
      </c>
      <c r="L2757" s="2" t="s">
        <v>40940</v>
      </c>
      <c r="M2757" s="5" t="s">
        <v>36266</v>
      </c>
      <c r="N2757" s="5" t="s">
        <v>38</v>
      </c>
      <c r="O2757" s="5" t="s">
        <v>39</v>
      </c>
      <c r="P2757" s="5" t="s">
        <v>40</v>
      </c>
      <c r="Q2757" s="5" t="s">
        <v>1522</v>
      </c>
      <c r="R2757" s="5" t="s">
        <v>1523</v>
      </c>
      <c r="S2757" s="5" t="s">
        <v>42</v>
      </c>
      <c r="T2757" s="2">
        <v>1.4890000000000001</v>
      </c>
      <c r="U2757" s="2">
        <v>0.97699999999999998</v>
      </c>
      <c r="V2757" s="2">
        <v>1.7999999999999999E-2</v>
      </c>
      <c r="W2757" s="2">
        <v>139.1</v>
      </c>
      <c r="X2757" s="2">
        <v>7.6</v>
      </c>
      <c r="Y2757" s="2">
        <v>16.7</v>
      </c>
      <c r="Z2757" s="5"/>
      <c r="AA2757" s="5" t="s">
        <v>43</v>
      </c>
      <c r="AB2757" s="5" t="s">
        <v>44</v>
      </c>
      <c r="AC2757" s="2"/>
      <c r="AD2757" s="1"/>
    </row>
    <row r="2758" spans="1:30">
      <c r="A2758" s="5" t="s">
        <v>83578</v>
      </c>
      <c r="B2758" s="2" t="s">
        <v>91876</v>
      </c>
      <c r="C2758" s="14" t="s">
        <v>91877</v>
      </c>
      <c r="D2758" s="2" t="s">
        <v>91878</v>
      </c>
      <c r="E2758" s="2" t="s">
        <v>41005</v>
      </c>
      <c r="F2758" s="8">
        <v>201</v>
      </c>
      <c r="G2758" s="5">
        <v>6</v>
      </c>
      <c r="H2758" s="5" t="s">
        <v>1518</v>
      </c>
      <c r="I2758" s="5" t="s">
        <v>40939</v>
      </c>
      <c r="J2758" s="2" t="s">
        <v>40940</v>
      </c>
      <c r="K2758" s="5" t="s">
        <v>40939</v>
      </c>
      <c r="L2758" s="2" t="s">
        <v>40940</v>
      </c>
      <c r="M2758" s="5" t="s">
        <v>36266</v>
      </c>
      <c r="N2758" s="5" t="s">
        <v>38</v>
      </c>
      <c r="O2758" s="5" t="s">
        <v>39</v>
      </c>
      <c r="P2758" s="5" t="s">
        <v>40</v>
      </c>
      <c r="Q2758" s="5" t="s">
        <v>1522</v>
      </c>
      <c r="R2758" s="5" t="s">
        <v>1523</v>
      </c>
      <c r="S2758" s="5" t="s">
        <v>42</v>
      </c>
      <c r="T2758" s="2">
        <v>1.514</v>
      </c>
      <c r="U2758" s="2">
        <v>1.002</v>
      </c>
      <c r="V2758" s="2">
        <v>1.7999999999999999E-2</v>
      </c>
      <c r="W2758" s="2">
        <v>139.1</v>
      </c>
      <c r="X2758" s="2">
        <v>7.6</v>
      </c>
      <c r="Y2758" s="2">
        <v>16.7</v>
      </c>
      <c r="Z2758" s="5"/>
      <c r="AA2758" s="5" t="s">
        <v>43</v>
      </c>
      <c r="AB2758" s="5" t="s">
        <v>44</v>
      </c>
      <c r="AC2758" s="2"/>
      <c r="AD2758" s="1"/>
    </row>
    <row r="2759" spans="1:30">
      <c r="A2759" s="5" t="s">
        <v>83578</v>
      </c>
      <c r="B2759" s="2" t="s">
        <v>91879</v>
      </c>
      <c r="C2759" s="14" t="s">
        <v>91880</v>
      </c>
      <c r="D2759" s="2" t="s">
        <v>91881</v>
      </c>
      <c r="E2759" s="2" t="s">
        <v>41009</v>
      </c>
      <c r="F2759" s="8">
        <v>201</v>
      </c>
      <c r="G2759" s="5">
        <v>6</v>
      </c>
      <c r="H2759" s="5" t="s">
        <v>1518</v>
      </c>
      <c r="I2759" s="5" t="s">
        <v>40939</v>
      </c>
      <c r="J2759" s="2" t="s">
        <v>40940</v>
      </c>
      <c r="K2759" s="5" t="s">
        <v>40939</v>
      </c>
      <c r="L2759" s="2" t="s">
        <v>40940</v>
      </c>
      <c r="M2759" s="5" t="s">
        <v>36266</v>
      </c>
      <c r="N2759" s="5" t="s">
        <v>38</v>
      </c>
      <c r="O2759" s="5" t="s">
        <v>39</v>
      </c>
      <c r="P2759" s="5" t="s">
        <v>40</v>
      </c>
      <c r="Q2759" s="5" t="s">
        <v>1522</v>
      </c>
      <c r="R2759" s="5" t="s">
        <v>1523</v>
      </c>
      <c r="S2759" s="5" t="s">
        <v>42</v>
      </c>
      <c r="T2759" s="2">
        <v>1.496</v>
      </c>
      <c r="U2759" s="2">
        <v>0.98399999999999999</v>
      </c>
      <c r="V2759" s="2">
        <v>1.7999999999999999E-2</v>
      </c>
      <c r="W2759" s="2">
        <v>139.1</v>
      </c>
      <c r="X2759" s="2">
        <v>7.6</v>
      </c>
      <c r="Y2759" s="2">
        <v>16.7</v>
      </c>
      <c r="Z2759" s="5"/>
      <c r="AA2759" s="5" t="s">
        <v>43</v>
      </c>
      <c r="AB2759" s="5" t="s">
        <v>44</v>
      </c>
      <c r="AC2759" s="2"/>
      <c r="AD2759" s="1"/>
    </row>
    <row r="2760" spans="1:30">
      <c r="A2760" s="5" t="s">
        <v>83578</v>
      </c>
      <c r="B2760" s="2" t="s">
        <v>91882</v>
      </c>
      <c r="C2760" s="14" t="s">
        <v>91883</v>
      </c>
      <c r="D2760" s="2" t="s">
        <v>91884</v>
      </c>
      <c r="E2760" s="2" t="s">
        <v>7396</v>
      </c>
      <c r="F2760" s="8">
        <v>175</v>
      </c>
      <c r="G2760" s="5">
        <v>6</v>
      </c>
      <c r="H2760" s="5" t="s">
        <v>1518</v>
      </c>
      <c r="I2760" s="5" t="s">
        <v>40939</v>
      </c>
      <c r="J2760" s="2" t="s">
        <v>40940</v>
      </c>
      <c r="K2760" s="5" t="s">
        <v>40939</v>
      </c>
      <c r="L2760" s="2" t="s">
        <v>40940</v>
      </c>
      <c r="M2760" s="5" t="s">
        <v>36266</v>
      </c>
      <c r="N2760" s="5" t="s">
        <v>38</v>
      </c>
      <c r="O2760" s="5" t="s">
        <v>39</v>
      </c>
      <c r="P2760" s="5" t="s">
        <v>40</v>
      </c>
      <c r="Q2760" s="5" t="s">
        <v>1522</v>
      </c>
      <c r="R2760" s="5" t="s">
        <v>1523</v>
      </c>
      <c r="S2760" s="5" t="s">
        <v>42</v>
      </c>
      <c r="T2760" s="2">
        <v>1.496</v>
      </c>
      <c r="U2760" s="2">
        <v>0.98399999999999999</v>
      </c>
      <c r="V2760" s="2">
        <v>1.7999999999999999E-2</v>
      </c>
      <c r="W2760" s="2">
        <v>139.1</v>
      </c>
      <c r="X2760" s="2">
        <v>7.6</v>
      </c>
      <c r="Y2760" s="2">
        <v>16.7</v>
      </c>
      <c r="Z2760" s="5"/>
      <c r="AA2760" s="5" t="s">
        <v>43</v>
      </c>
      <c r="AB2760" s="5" t="s">
        <v>44</v>
      </c>
      <c r="AC2760" s="2"/>
      <c r="AD2760" s="1"/>
    </row>
    <row r="2761" spans="1:30">
      <c r="A2761" s="5" t="s">
        <v>83578</v>
      </c>
      <c r="B2761" s="2" t="s">
        <v>91885</v>
      </c>
      <c r="C2761" s="14" t="s">
        <v>91886</v>
      </c>
      <c r="D2761" s="2" t="s">
        <v>91887</v>
      </c>
      <c r="E2761" s="2" t="s">
        <v>7507</v>
      </c>
      <c r="F2761" s="8">
        <v>175</v>
      </c>
      <c r="G2761" s="5">
        <v>6</v>
      </c>
      <c r="H2761" s="5" t="s">
        <v>1518</v>
      </c>
      <c r="I2761" s="5" t="s">
        <v>40939</v>
      </c>
      <c r="J2761" s="2" t="s">
        <v>40940</v>
      </c>
      <c r="K2761" s="5" t="s">
        <v>40939</v>
      </c>
      <c r="L2761" s="2" t="s">
        <v>40940</v>
      </c>
      <c r="M2761" s="5" t="s">
        <v>36266</v>
      </c>
      <c r="N2761" s="5" t="s">
        <v>38</v>
      </c>
      <c r="O2761" s="5" t="s">
        <v>39</v>
      </c>
      <c r="P2761" s="5" t="s">
        <v>40</v>
      </c>
      <c r="Q2761" s="5" t="s">
        <v>1522</v>
      </c>
      <c r="R2761" s="5" t="s">
        <v>1523</v>
      </c>
      <c r="S2761" s="5" t="s">
        <v>42</v>
      </c>
      <c r="T2761" s="2">
        <v>1.5209999999999999</v>
      </c>
      <c r="U2761" s="2">
        <v>1.0089999999999999</v>
      </c>
      <c r="V2761" s="2">
        <v>1.7999999999999999E-2</v>
      </c>
      <c r="W2761" s="2">
        <v>139.1</v>
      </c>
      <c r="X2761" s="2">
        <v>7.6</v>
      </c>
      <c r="Y2761" s="2">
        <v>16.7</v>
      </c>
      <c r="Z2761" s="5"/>
      <c r="AA2761" s="5" t="s">
        <v>43</v>
      </c>
      <c r="AB2761" s="5" t="s">
        <v>44</v>
      </c>
      <c r="AC2761" s="2"/>
      <c r="AD2761" s="1"/>
    </row>
    <row r="2762" spans="1:30">
      <c r="A2762" s="5" t="s">
        <v>83578</v>
      </c>
      <c r="B2762" s="2" t="s">
        <v>91888</v>
      </c>
      <c r="C2762" s="14" t="s">
        <v>91889</v>
      </c>
      <c r="D2762" s="2" t="s">
        <v>91890</v>
      </c>
      <c r="E2762" s="2" t="s">
        <v>41023</v>
      </c>
      <c r="F2762" s="8">
        <v>201</v>
      </c>
      <c r="G2762" s="5">
        <v>6</v>
      </c>
      <c r="H2762" s="5" t="s">
        <v>1518</v>
      </c>
      <c r="I2762" s="5" t="s">
        <v>40939</v>
      </c>
      <c r="J2762" s="2" t="s">
        <v>40940</v>
      </c>
      <c r="K2762" s="5" t="s">
        <v>40939</v>
      </c>
      <c r="L2762" s="2" t="s">
        <v>40940</v>
      </c>
      <c r="M2762" s="5" t="s">
        <v>36266</v>
      </c>
      <c r="N2762" s="5" t="s">
        <v>38</v>
      </c>
      <c r="O2762" s="5" t="s">
        <v>39</v>
      </c>
      <c r="P2762" s="5" t="s">
        <v>40</v>
      </c>
      <c r="Q2762" s="5" t="s">
        <v>1522</v>
      </c>
      <c r="R2762" s="5" t="s">
        <v>1523</v>
      </c>
      <c r="S2762" s="5" t="s">
        <v>42</v>
      </c>
      <c r="T2762" s="2">
        <v>1.4610000000000001</v>
      </c>
      <c r="U2762" s="2">
        <v>0.94899999999999995</v>
      </c>
      <c r="V2762" s="2">
        <v>1.7999999999999999E-2</v>
      </c>
      <c r="W2762" s="2">
        <v>139.1</v>
      </c>
      <c r="X2762" s="2">
        <v>7.6</v>
      </c>
      <c r="Y2762" s="2">
        <v>16.7</v>
      </c>
      <c r="Z2762" s="5"/>
      <c r="AA2762" s="5" t="s">
        <v>43</v>
      </c>
      <c r="AB2762" s="5" t="s">
        <v>44</v>
      </c>
      <c r="AC2762" s="2"/>
      <c r="AD2762" s="1"/>
    </row>
    <row r="2763" spans="1:30">
      <c r="A2763" s="5" t="s">
        <v>83578</v>
      </c>
      <c r="B2763" s="2" t="s">
        <v>91891</v>
      </c>
      <c r="C2763" s="14" t="s">
        <v>91892</v>
      </c>
      <c r="D2763" s="2" t="s">
        <v>91893</v>
      </c>
      <c r="E2763" s="2" t="s">
        <v>41027</v>
      </c>
      <c r="F2763" s="8">
        <v>201</v>
      </c>
      <c r="G2763" s="5">
        <v>6</v>
      </c>
      <c r="H2763" s="5" t="s">
        <v>1518</v>
      </c>
      <c r="I2763" s="5" t="s">
        <v>40939</v>
      </c>
      <c r="J2763" s="2" t="s">
        <v>40940</v>
      </c>
      <c r="K2763" s="5" t="s">
        <v>40939</v>
      </c>
      <c r="L2763" s="2" t="s">
        <v>40940</v>
      </c>
      <c r="M2763" s="5" t="s">
        <v>36266</v>
      </c>
      <c r="N2763" s="5" t="s">
        <v>38</v>
      </c>
      <c r="O2763" s="5" t="s">
        <v>39</v>
      </c>
      <c r="P2763" s="5" t="s">
        <v>40</v>
      </c>
      <c r="Q2763" s="5" t="s">
        <v>1522</v>
      </c>
      <c r="R2763" s="5" t="s">
        <v>1523</v>
      </c>
      <c r="S2763" s="5" t="s">
        <v>42</v>
      </c>
      <c r="T2763" s="2">
        <v>1.486</v>
      </c>
      <c r="U2763" s="2">
        <v>0.97399999999999998</v>
      </c>
      <c r="V2763" s="2">
        <v>1.7999999999999999E-2</v>
      </c>
      <c r="W2763" s="2">
        <v>139.1</v>
      </c>
      <c r="X2763" s="2">
        <v>7.6</v>
      </c>
      <c r="Y2763" s="2">
        <v>16.7</v>
      </c>
      <c r="Z2763" s="5"/>
      <c r="AA2763" s="5" t="s">
        <v>43</v>
      </c>
      <c r="AB2763" s="5" t="s">
        <v>44</v>
      </c>
      <c r="AC2763" s="2"/>
      <c r="AD2763" s="1"/>
    </row>
    <row r="2764" spans="1:30">
      <c r="A2764" s="5" t="s">
        <v>83578</v>
      </c>
      <c r="B2764" s="2" t="s">
        <v>91894</v>
      </c>
      <c r="C2764" s="14" t="s">
        <v>91895</v>
      </c>
      <c r="D2764" s="2" t="s">
        <v>91896</v>
      </c>
      <c r="E2764" s="2" t="s">
        <v>41031</v>
      </c>
      <c r="F2764" s="8">
        <v>201</v>
      </c>
      <c r="G2764" s="5">
        <v>6</v>
      </c>
      <c r="H2764" s="5" t="s">
        <v>1518</v>
      </c>
      <c r="I2764" s="5" t="s">
        <v>40939</v>
      </c>
      <c r="J2764" s="2" t="s">
        <v>40940</v>
      </c>
      <c r="K2764" s="5" t="s">
        <v>40939</v>
      </c>
      <c r="L2764" s="2" t="s">
        <v>40940</v>
      </c>
      <c r="M2764" s="5" t="s">
        <v>36266</v>
      </c>
      <c r="N2764" s="5" t="s">
        <v>38</v>
      </c>
      <c r="O2764" s="5" t="s">
        <v>39</v>
      </c>
      <c r="P2764" s="5" t="s">
        <v>40</v>
      </c>
      <c r="Q2764" s="5" t="s">
        <v>1522</v>
      </c>
      <c r="R2764" s="5" t="s">
        <v>1523</v>
      </c>
      <c r="S2764" s="5" t="s">
        <v>42</v>
      </c>
      <c r="T2764" s="2">
        <v>1.4610000000000001</v>
      </c>
      <c r="U2764" s="2">
        <v>0.94899999999999995</v>
      </c>
      <c r="V2764" s="2">
        <v>1.7999999999999999E-2</v>
      </c>
      <c r="W2764" s="2">
        <v>139.1</v>
      </c>
      <c r="X2764" s="2">
        <v>7.6</v>
      </c>
      <c r="Y2764" s="2">
        <v>16.7</v>
      </c>
      <c r="Z2764" s="5"/>
      <c r="AA2764" s="5" t="s">
        <v>43</v>
      </c>
      <c r="AB2764" s="5" t="s">
        <v>44</v>
      </c>
      <c r="AC2764" s="2"/>
      <c r="AD2764" s="1"/>
    </row>
    <row r="2765" spans="1:30">
      <c r="A2765" s="5" t="s">
        <v>83578</v>
      </c>
      <c r="B2765" s="2" t="s">
        <v>91897</v>
      </c>
      <c r="C2765" s="14" t="s">
        <v>91898</v>
      </c>
      <c r="D2765" s="2" t="s">
        <v>91899</v>
      </c>
      <c r="E2765" s="2" t="s">
        <v>7449</v>
      </c>
      <c r="F2765" s="8">
        <v>201</v>
      </c>
      <c r="G2765" s="5">
        <v>6</v>
      </c>
      <c r="H2765" s="5" t="s">
        <v>1518</v>
      </c>
      <c r="I2765" s="5" t="s">
        <v>40939</v>
      </c>
      <c r="J2765" s="2" t="s">
        <v>40940</v>
      </c>
      <c r="K2765" s="5" t="s">
        <v>40939</v>
      </c>
      <c r="L2765" s="2" t="s">
        <v>40940</v>
      </c>
      <c r="M2765" s="5" t="s">
        <v>36266</v>
      </c>
      <c r="N2765" s="5" t="s">
        <v>38</v>
      </c>
      <c r="O2765" s="5" t="s">
        <v>39</v>
      </c>
      <c r="P2765" s="5" t="s">
        <v>40</v>
      </c>
      <c r="Q2765" s="5" t="s">
        <v>1522</v>
      </c>
      <c r="R2765" s="5" t="s">
        <v>1523</v>
      </c>
      <c r="S2765" s="5" t="s">
        <v>42</v>
      </c>
      <c r="T2765" s="2">
        <v>1.4610000000000001</v>
      </c>
      <c r="U2765" s="2">
        <v>0.94899999999999995</v>
      </c>
      <c r="V2765" s="2">
        <v>1.7999999999999999E-2</v>
      </c>
      <c r="W2765" s="2">
        <v>139.1</v>
      </c>
      <c r="X2765" s="2">
        <v>7.6</v>
      </c>
      <c r="Y2765" s="2">
        <v>16.7</v>
      </c>
      <c r="Z2765" s="5"/>
      <c r="AA2765" s="5" t="s">
        <v>43</v>
      </c>
      <c r="AB2765" s="5" t="s">
        <v>44</v>
      </c>
      <c r="AC2765" s="2"/>
      <c r="AD2765" s="1"/>
    </row>
    <row r="2766" spans="1:30">
      <c r="A2766" s="5" t="s">
        <v>83578</v>
      </c>
      <c r="B2766" s="2" t="s">
        <v>91900</v>
      </c>
      <c r="C2766" s="14" t="s">
        <v>91901</v>
      </c>
      <c r="D2766" s="2" t="s">
        <v>91902</v>
      </c>
      <c r="E2766" s="2" t="s">
        <v>7581</v>
      </c>
      <c r="F2766" s="8">
        <v>201</v>
      </c>
      <c r="G2766" s="5">
        <v>6</v>
      </c>
      <c r="H2766" s="5" t="s">
        <v>1518</v>
      </c>
      <c r="I2766" s="5" t="s">
        <v>40939</v>
      </c>
      <c r="J2766" s="2" t="s">
        <v>40940</v>
      </c>
      <c r="K2766" s="5" t="s">
        <v>40939</v>
      </c>
      <c r="L2766" s="2" t="s">
        <v>40940</v>
      </c>
      <c r="M2766" s="5" t="s">
        <v>36266</v>
      </c>
      <c r="N2766" s="5" t="s">
        <v>38</v>
      </c>
      <c r="O2766" s="5" t="s">
        <v>39</v>
      </c>
      <c r="P2766" s="5" t="s">
        <v>40</v>
      </c>
      <c r="Q2766" s="5" t="s">
        <v>1522</v>
      </c>
      <c r="R2766" s="5" t="s">
        <v>1523</v>
      </c>
      <c r="S2766" s="5" t="s">
        <v>42</v>
      </c>
      <c r="T2766" s="2">
        <v>1.486</v>
      </c>
      <c r="U2766" s="2">
        <v>0.97399999999999998</v>
      </c>
      <c r="V2766" s="2">
        <v>1.7999999999999999E-2</v>
      </c>
      <c r="W2766" s="2">
        <v>139.1</v>
      </c>
      <c r="X2766" s="2">
        <v>7.6</v>
      </c>
      <c r="Y2766" s="2">
        <v>16.7</v>
      </c>
      <c r="Z2766" s="5"/>
      <c r="AA2766" s="5" t="s">
        <v>43</v>
      </c>
      <c r="AB2766" s="5" t="s">
        <v>44</v>
      </c>
      <c r="AC2766" s="2"/>
      <c r="AD2766" s="1"/>
    </row>
    <row r="2767" spans="1:30">
      <c r="A2767" s="5" t="s">
        <v>83578</v>
      </c>
      <c r="B2767" s="2" t="s">
        <v>91903</v>
      </c>
      <c r="C2767" s="14" t="s">
        <v>91904</v>
      </c>
      <c r="D2767" s="2" t="s">
        <v>91905</v>
      </c>
      <c r="E2767" s="2" t="s">
        <v>41045</v>
      </c>
      <c r="F2767" s="8">
        <v>201</v>
      </c>
      <c r="G2767" s="5">
        <v>6</v>
      </c>
      <c r="H2767" s="5" t="s">
        <v>1518</v>
      </c>
      <c r="I2767" s="5" t="s">
        <v>40939</v>
      </c>
      <c r="J2767" s="2" t="s">
        <v>40940</v>
      </c>
      <c r="K2767" s="5" t="s">
        <v>40939</v>
      </c>
      <c r="L2767" s="2" t="s">
        <v>40940</v>
      </c>
      <c r="M2767" s="5" t="s">
        <v>36266</v>
      </c>
      <c r="N2767" s="5" t="s">
        <v>38</v>
      </c>
      <c r="O2767" s="5" t="s">
        <v>39</v>
      </c>
      <c r="P2767" s="5" t="s">
        <v>40</v>
      </c>
      <c r="Q2767" s="5" t="s">
        <v>1522</v>
      </c>
      <c r="R2767" s="5" t="s">
        <v>1523</v>
      </c>
      <c r="S2767" s="5" t="s">
        <v>42</v>
      </c>
      <c r="T2767" s="2">
        <v>1.502</v>
      </c>
      <c r="U2767" s="2">
        <v>0.99</v>
      </c>
      <c r="V2767" s="2">
        <v>1.7999999999999999E-2</v>
      </c>
      <c r="W2767" s="2">
        <v>139.1</v>
      </c>
      <c r="X2767" s="2">
        <v>7.6</v>
      </c>
      <c r="Y2767" s="2">
        <v>16.7</v>
      </c>
      <c r="Z2767" s="5"/>
      <c r="AA2767" s="5" t="s">
        <v>43</v>
      </c>
      <c r="AB2767" s="5" t="s">
        <v>44</v>
      </c>
      <c r="AC2767" s="2"/>
      <c r="AD2767" s="1"/>
    </row>
    <row r="2768" spans="1:30">
      <c r="A2768" s="5" t="s">
        <v>83578</v>
      </c>
      <c r="B2768" s="2" t="s">
        <v>91906</v>
      </c>
      <c r="C2768" s="14" t="s">
        <v>91907</v>
      </c>
      <c r="D2768" s="2" t="s">
        <v>91908</v>
      </c>
      <c r="E2768" s="2" t="s">
        <v>41049</v>
      </c>
      <c r="F2768" s="8">
        <v>201</v>
      </c>
      <c r="G2768" s="5">
        <v>6</v>
      </c>
      <c r="H2768" s="5" t="s">
        <v>1518</v>
      </c>
      <c r="I2768" s="5" t="s">
        <v>40939</v>
      </c>
      <c r="J2768" s="2" t="s">
        <v>40940</v>
      </c>
      <c r="K2768" s="5" t="s">
        <v>40939</v>
      </c>
      <c r="L2768" s="2" t="s">
        <v>40940</v>
      </c>
      <c r="M2768" s="5" t="s">
        <v>36266</v>
      </c>
      <c r="N2768" s="5" t="s">
        <v>38</v>
      </c>
      <c r="O2768" s="5" t="s">
        <v>39</v>
      </c>
      <c r="P2768" s="5" t="s">
        <v>40</v>
      </c>
      <c r="Q2768" s="5" t="s">
        <v>1522</v>
      </c>
      <c r="R2768" s="5" t="s">
        <v>1523</v>
      </c>
      <c r="S2768" s="5" t="s">
        <v>42</v>
      </c>
      <c r="T2768" s="2">
        <v>1.5269999999999999</v>
      </c>
      <c r="U2768" s="2">
        <v>1.0149999999999999</v>
      </c>
      <c r="V2768" s="2">
        <v>1.7999999999999999E-2</v>
      </c>
      <c r="W2768" s="2">
        <v>139.1</v>
      </c>
      <c r="X2768" s="2">
        <v>7.6</v>
      </c>
      <c r="Y2768" s="2">
        <v>16.7</v>
      </c>
      <c r="Z2768" s="5"/>
      <c r="AA2768" s="5" t="s">
        <v>43</v>
      </c>
      <c r="AB2768" s="5" t="s">
        <v>44</v>
      </c>
      <c r="AC2768" s="2"/>
      <c r="AD2768" s="1"/>
    </row>
    <row r="2769" spans="1:30">
      <c r="A2769" s="5" t="s">
        <v>83578</v>
      </c>
      <c r="B2769" s="2" t="s">
        <v>91909</v>
      </c>
      <c r="C2769" s="14" t="s">
        <v>91910</v>
      </c>
      <c r="D2769" s="2" t="s">
        <v>91911</v>
      </c>
      <c r="E2769" s="2" t="s">
        <v>40979</v>
      </c>
      <c r="F2769" s="8">
        <v>242</v>
      </c>
      <c r="G2769" s="5">
        <v>6</v>
      </c>
      <c r="H2769" s="5" t="s">
        <v>1518</v>
      </c>
      <c r="I2769" s="5" t="s">
        <v>40939</v>
      </c>
      <c r="J2769" s="2" t="s">
        <v>40940</v>
      </c>
      <c r="K2769" s="5" t="s">
        <v>40939</v>
      </c>
      <c r="L2769" s="2" t="s">
        <v>40940</v>
      </c>
      <c r="M2769" s="5" t="s">
        <v>36266</v>
      </c>
      <c r="N2769" s="5" t="s">
        <v>38</v>
      </c>
      <c r="O2769" s="5" t="s">
        <v>39</v>
      </c>
      <c r="P2769" s="5" t="s">
        <v>40</v>
      </c>
      <c r="Q2769" s="5" t="s">
        <v>1522</v>
      </c>
      <c r="R2769" s="5" t="s">
        <v>1523</v>
      </c>
      <c r="S2769" s="5" t="s">
        <v>42</v>
      </c>
      <c r="T2769" s="2">
        <v>2.06</v>
      </c>
      <c r="U2769" s="2">
        <v>1.4650000000000001</v>
      </c>
      <c r="V2769" s="2">
        <v>0.02</v>
      </c>
      <c r="W2769" s="2">
        <v>159.1</v>
      </c>
      <c r="X2769" s="2">
        <v>7.6</v>
      </c>
      <c r="Y2769" s="2">
        <v>16.7</v>
      </c>
      <c r="Z2769" s="5"/>
      <c r="AA2769" s="5" t="s">
        <v>43</v>
      </c>
      <c r="AB2769" s="5" t="s">
        <v>44</v>
      </c>
      <c r="AC2769" s="2"/>
      <c r="AD2769" s="1"/>
    </row>
    <row r="2770" spans="1:30">
      <c r="A2770" s="5" t="s">
        <v>83578</v>
      </c>
      <c r="B2770" s="2" t="s">
        <v>91912</v>
      </c>
      <c r="C2770" s="14" t="s">
        <v>91913</v>
      </c>
      <c r="D2770" s="2" t="s">
        <v>91914</v>
      </c>
      <c r="E2770" s="2" t="s">
        <v>40997</v>
      </c>
      <c r="F2770" s="8">
        <v>242</v>
      </c>
      <c r="G2770" s="5">
        <v>6</v>
      </c>
      <c r="H2770" s="5" t="s">
        <v>1518</v>
      </c>
      <c r="I2770" s="5" t="s">
        <v>40939</v>
      </c>
      <c r="J2770" s="2" t="s">
        <v>40940</v>
      </c>
      <c r="K2770" s="5" t="s">
        <v>40939</v>
      </c>
      <c r="L2770" s="2" t="s">
        <v>40940</v>
      </c>
      <c r="M2770" s="5" t="s">
        <v>36266</v>
      </c>
      <c r="N2770" s="5" t="s">
        <v>38</v>
      </c>
      <c r="O2770" s="5" t="s">
        <v>39</v>
      </c>
      <c r="P2770" s="5" t="s">
        <v>40</v>
      </c>
      <c r="Q2770" s="5" t="s">
        <v>1522</v>
      </c>
      <c r="R2770" s="5" t="s">
        <v>1523</v>
      </c>
      <c r="S2770" s="5" t="s">
        <v>42</v>
      </c>
      <c r="T2770" s="2">
        <v>1.9670000000000001</v>
      </c>
      <c r="U2770" s="2">
        <v>1.3720000000000001</v>
      </c>
      <c r="V2770" s="2">
        <v>0.02</v>
      </c>
      <c r="W2770" s="2">
        <v>159.1</v>
      </c>
      <c r="X2770" s="2">
        <v>7.6</v>
      </c>
      <c r="Y2770" s="2">
        <v>16.7</v>
      </c>
      <c r="Z2770" s="5"/>
      <c r="AA2770" s="5" t="s">
        <v>43</v>
      </c>
      <c r="AB2770" s="5" t="s">
        <v>44</v>
      </c>
      <c r="AC2770" s="2"/>
      <c r="AD2770" s="1"/>
    </row>
    <row r="2771" spans="1:30">
      <c r="A2771" s="5" t="s">
        <v>83578</v>
      </c>
      <c r="B2771" s="2" t="s">
        <v>91915</v>
      </c>
      <c r="C2771" s="14" t="s">
        <v>91916</v>
      </c>
      <c r="D2771" s="2" t="s">
        <v>91917</v>
      </c>
      <c r="E2771" s="2" t="s">
        <v>41001</v>
      </c>
      <c r="F2771" s="8">
        <v>242</v>
      </c>
      <c r="G2771" s="5">
        <v>6</v>
      </c>
      <c r="H2771" s="5" t="s">
        <v>1518</v>
      </c>
      <c r="I2771" s="5" t="s">
        <v>40939</v>
      </c>
      <c r="J2771" s="2" t="s">
        <v>40940</v>
      </c>
      <c r="K2771" s="5" t="s">
        <v>40939</v>
      </c>
      <c r="L2771" s="2" t="s">
        <v>40940</v>
      </c>
      <c r="M2771" s="5" t="s">
        <v>36266</v>
      </c>
      <c r="N2771" s="5" t="s">
        <v>38</v>
      </c>
      <c r="O2771" s="5" t="s">
        <v>39</v>
      </c>
      <c r="P2771" s="5" t="s">
        <v>40</v>
      </c>
      <c r="Q2771" s="5" t="s">
        <v>1522</v>
      </c>
      <c r="R2771" s="5" t="s">
        <v>1523</v>
      </c>
      <c r="S2771" s="5" t="s">
        <v>42</v>
      </c>
      <c r="T2771" s="2">
        <v>2.04</v>
      </c>
      <c r="U2771" s="2">
        <v>1.4450000000000001</v>
      </c>
      <c r="V2771" s="2">
        <v>0.02</v>
      </c>
      <c r="W2771" s="2">
        <v>159.1</v>
      </c>
      <c r="X2771" s="2">
        <v>7.6</v>
      </c>
      <c r="Y2771" s="2">
        <v>16.7</v>
      </c>
      <c r="Z2771" s="5"/>
      <c r="AA2771" s="5" t="s">
        <v>43</v>
      </c>
      <c r="AB2771" s="5" t="s">
        <v>44</v>
      </c>
      <c r="AC2771" s="2"/>
      <c r="AD2771" s="1"/>
    </row>
    <row r="2772" spans="1:30">
      <c r="A2772" s="5" t="s">
        <v>83578</v>
      </c>
      <c r="B2772" s="2" t="s">
        <v>91918</v>
      </c>
      <c r="C2772" s="14" t="s">
        <v>91919</v>
      </c>
      <c r="D2772" s="2" t="s">
        <v>91920</v>
      </c>
      <c r="E2772" s="2" t="s">
        <v>41023</v>
      </c>
      <c r="F2772" s="8">
        <v>242</v>
      </c>
      <c r="G2772" s="5">
        <v>6</v>
      </c>
      <c r="H2772" s="5" t="s">
        <v>1518</v>
      </c>
      <c r="I2772" s="5" t="s">
        <v>40939</v>
      </c>
      <c r="J2772" s="2" t="s">
        <v>40940</v>
      </c>
      <c r="K2772" s="5" t="s">
        <v>40939</v>
      </c>
      <c r="L2772" s="2" t="s">
        <v>40940</v>
      </c>
      <c r="M2772" s="5" t="s">
        <v>36266</v>
      </c>
      <c r="N2772" s="5" t="s">
        <v>38</v>
      </c>
      <c r="O2772" s="5" t="s">
        <v>39</v>
      </c>
      <c r="P2772" s="5" t="s">
        <v>40</v>
      </c>
      <c r="Q2772" s="5" t="s">
        <v>1522</v>
      </c>
      <c r="R2772" s="5" t="s">
        <v>1523</v>
      </c>
      <c r="S2772" s="5" t="s">
        <v>42</v>
      </c>
      <c r="T2772" s="2">
        <v>1.9670000000000001</v>
      </c>
      <c r="U2772" s="2">
        <v>1.3720000000000001</v>
      </c>
      <c r="V2772" s="2">
        <v>0.02</v>
      </c>
      <c r="W2772" s="2">
        <v>159.1</v>
      </c>
      <c r="X2772" s="2">
        <v>7.6</v>
      </c>
      <c r="Y2772" s="2">
        <v>16.7</v>
      </c>
      <c r="Z2772" s="5"/>
      <c r="AA2772" s="5" t="s">
        <v>43</v>
      </c>
      <c r="AB2772" s="5" t="s">
        <v>44</v>
      </c>
      <c r="AC2772" s="2"/>
      <c r="AD2772" s="1"/>
    </row>
    <row r="2773" spans="1:30">
      <c r="A2773" s="5" t="s">
        <v>83578</v>
      </c>
      <c r="B2773" s="2" t="s">
        <v>91921</v>
      </c>
      <c r="C2773" s="14" t="s">
        <v>91922</v>
      </c>
      <c r="D2773" s="2" t="s">
        <v>91923</v>
      </c>
      <c r="E2773" s="2" t="s">
        <v>7449</v>
      </c>
      <c r="F2773" s="8">
        <v>110</v>
      </c>
      <c r="G2773" s="5">
        <v>6</v>
      </c>
      <c r="H2773" s="5" t="s">
        <v>1518</v>
      </c>
      <c r="I2773" s="5" t="s">
        <v>40939</v>
      </c>
      <c r="J2773" s="2" t="s">
        <v>40940</v>
      </c>
      <c r="K2773" s="5" t="s">
        <v>40939</v>
      </c>
      <c r="L2773" s="2" t="s">
        <v>40940</v>
      </c>
      <c r="M2773" s="5" t="s">
        <v>36266</v>
      </c>
      <c r="N2773" s="5" t="s">
        <v>38</v>
      </c>
      <c r="O2773" s="5" t="s">
        <v>39</v>
      </c>
      <c r="P2773" s="5" t="s">
        <v>40</v>
      </c>
      <c r="Q2773" s="5" t="s">
        <v>1522</v>
      </c>
      <c r="R2773" s="5" t="s">
        <v>1523</v>
      </c>
      <c r="S2773" s="5" t="s">
        <v>42</v>
      </c>
      <c r="T2773" s="2">
        <v>0.92700000000000005</v>
      </c>
      <c r="U2773" s="2">
        <v>0.50800000000000001</v>
      </c>
      <c r="V2773" s="2">
        <v>0.01</v>
      </c>
      <c r="W2773" s="2">
        <v>76.900000000000006</v>
      </c>
      <c r="X2773" s="2">
        <v>7.6</v>
      </c>
      <c r="Y2773" s="2">
        <v>16.7</v>
      </c>
      <c r="Z2773" s="5"/>
      <c r="AA2773" s="5" t="s">
        <v>43</v>
      </c>
      <c r="AB2773" s="5" t="s">
        <v>44</v>
      </c>
      <c r="AC2773" s="2"/>
      <c r="AD2773" s="1"/>
    </row>
    <row r="2774" spans="1:30">
      <c r="A2774" s="5" t="s">
        <v>83578</v>
      </c>
      <c r="B2774" s="2" t="s">
        <v>91924</v>
      </c>
      <c r="C2774" s="14" t="s">
        <v>91925</v>
      </c>
      <c r="D2774" s="2" t="s">
        <v>91926</v>
      </c>
      <c r="E2774" s="2" t="s">
        <v>40975</v>
      </c>
      <c r="F2774" s="8">
        <v>126</v>
      </c>
      <c r="G2774" s="5">
        <v>6</v>
      </c>
      <c r="H2774" s="5" t="s">
        <v>1518</v>
      </c>
      <c r="I2774" s="5" t="s">
        <v>40939</v>
      </c>
      <c r="J2774" s="2" t="s">
        <v>40940</v>
      </c>
      <c r="K2774" s="5" t="s">
        <v>40939</v>
      </c>
      <c r="L2774" s="2" t="s">
        <v>40940</v>
      </c>
      <c r="M2774" s="5" t="s">
        <v>36266</v>
      </c>
      <c r="N2774" s="5" t="s">
        <v>38</v>
      </c>
      <c r="O2774" s="5" t="s">
        <v>39</v>
      </c>
      <c r="P2774" s="5" t="s">
        <v>40</v>
      </c>
      <c r="Q2774" s="5" t="s">
        <v>1522</v>
      </c>
      <c r="R2774" s="5" t="s">
        <v>1523</v>
      </c>
      <c r="S2774" s="5" t="s">
        <v>42</v>
      </c>
      <c r="T2774" s="2">
        <v>1.1140000000000001</v>
      </c>
      <c r="U2774" s="2">
        <v>0.58699999999999997</v>
      </c>
      <c r="V2774" s="2">
        <v>1.2999999999999999E-2</v>
      </c>
      <c r="W2774" s="2">
        <v>99.1</v>
      </c>
      <c r="X2774" s="2">
        <v>7.6</v>
      </c>
      <c r="Y2774" s="2">
        <v>16.7</v>
      </c>
      <c r="Z2774" s="5"/>
      <c r="AA2774" s="5" t="s">
        <v>43</v>
      </c>
      <c r="AB2774" s="5" t="s">
        <v>44</v>
      </c>
      <c r="AC2774" s="2"/>
      <c r="AD2774" s="1"/>
    </row>
    <row r="2775" spans="1:30">
      <c r="A2775" s="5" t="s">
        <v>83578</v>
      </c>
      <c r="B2775" s="2" t="s">
        <v>91927</v>
      </c>
      <c r="C2775" s="14" t="s">
        <v>91928</v>
      </c>
      <c r="D2775" s="2" t="s">
        <v>91929</v>
      </c>
      <c r="E2775" s="2" t="s">
        <v>7539</v>
      </c>
      <c r="F2775" s="8">
        <v>126</v>
      </c>
      <c r="G2775" s="5">
        <v>6</v>
      </c>
      <c r="H2775" s="5" t="s">
        <v>1518</v>
      </c>
      <c r="I2775" s="5" t="s">
        <v>40939</v>
      </c>
      <c r="J2775" s="2" t="s">
        <v>40940</v>
      </c>
      <c r="K2775" s="5" t="s">
        <v>40939</v>
      </c>
      <c r="L2775" s="2" t="s">
        <v>40940</v>
      </c>
      <c r="M2775" s="5" t="s">
        <v>36266</v>
      </c>
      <c r="N2775" s="5" t="s">
        <v>38</v>
      </c>
      <c r="O2775" s="5" t="s">
        <v>39</v>
      </c>
      <c r="P2775" s="5" t="s">
        <v>40</v>
      </c>
      <c r="Q2775" s="5" t="s">
        <v>1522</v>
      </c>
      <c r="R2775" s="5" t="s">
        <v>1523</v>
      </c>
      <c r="S2775" s="5" t="s">
        <v>42</v>
      </c>
      <c r="T2775" s="2">
        <v>1.0960000000000001</v>
      </c>
      <c r="U2775" s="2">
        <v>0.56899999999999995</v>
      </c>
      <c r="V2775" s="2">
        <v>1.2999999999999999E-2</v>
      </c>
      <c r="W2775" s="2">
        <v>99.1</v>
      </c>
      <c r="X2775" s="2">
        <v>7.6</v>
      </c>
      <c r="Y2775" s="2">
        <v>16.7</v>
      </c>
      <c r="Z2775" s="5"/>
      <c r="AA2775" s="5" t="s">
        <v>43</v>
      </c>
      <c r="AB2775" s="5" t="s">
        <v>44</v>
      </c>
      <c r="AC2775" s="2"/>
      <c r="AD2775" s="1"/>
    </row>
    <row r="2776" spans="1:30">
      <c r="A2776" s="5" t="s">
        <v>83578</v>
      </c>
      <c r="B2776" s="2" t="s">
        <v>91930</v>
      </c>
      <c r="C2776" s="14" t="s">
        <v>91931</v>
      </c>
      <c r="D2776" s="2" t="s">
        <v>91932</v>
      </c>
      <c r="E2776" s="2" t="s">
        <v>7539</v>
      </c>
      <c r="F2776" s="8">
        <v>138</v>
      </c>
      <c r="G2776" s="5">
        <v>6</v>
      </c>
      <c r="H2776" s="5" t="s">
        <v>1518</v>
      </c>
      <c r="I2776" s="5" t="s">
        <v>40939</v>
      </c>
      <c r="J2776" s="2" t="s">
        <v>40940</v>
      </c>
      <c r="K2776" s="5" t="s">
        <v>40939</v>
      </c>
      <c r="L2776" s="2" t="s">
        <v>40940</v>
      </c>
      <c r="M2776" s="5" t="s">
        <v>36266</v>
      </c>
      <c r="N2776" s="5" t="s">
        <v>38</v>
      </c>
      <c r="O2776" s="5" t="s">
        <v>39</v>
      </c>
      <c r="P2776" s="5" t="s">
        <v>40</v>
      </c>
      <c r="Q2776" s="5" t="s">
        <v>1522</v>
      </c>
      <c r="R2776" s="5" t="s">
        <v>1523</v>
      </c>
      <c r="S2776" s="5" t="s">
        <v>42</v>
      </c>
      <c r="T2776" s="2">
        <v>1.1499999999999999</v>
      </c>
      <c r="U2776" s="2">
        <v>0.63500000000000001</v>
      </c>
      <c r="V2776" s="2">
        <v>1.2999999999999999E-2</v>
      </c>
      <c r="W2776" s="2">
        <v>99.1</v>
      </c>
      <c r="X2776" s="2">
        <v>7.6</v>
      </c>
      <c r="Y2776" s="2">
        <v>16.7</v>
      </c>
      <c r="Z2776" s="5"/>
      <c r="AA2776" s="5" t="s">
        <v>43</v>
      </c>
      <c r="AB2776" s="5" t="s">
        <v>44</v>
      </c>
      <c r="AC2776" s="2"/>
      <c r="AD2776" s="1"/>
    </row>
    <row r="2777" spans="1:30">
      <c r="A2777" s="5" t="s">
        <v>83578</v>
      </c>
      <c r="B2777" s="2" t="s">
        <v>91933</v>
      </c>
      <c r="C2777" s="14" t="s">
        <v>91934</v>
      </c>
      <c r="D2777" s="2" t="s">
        <v>91935</v>
      </c>
      <c r="E2777" s="2" t="s">
        <v>40975</v>
      </c>
      <c r="F2777" s="8">
        <v>153</v>
      </c>
      <c r="G2777" s="5">
        <v>6</v>
      </c>
      <c r="H2777" s="5" t="s">
        <v>1518</v>
      </c>
      <c r="I2777" s="5" t="s">
        <v>40939</v>
      </c>
      <c r="J2777" s="2" t="s">
        <v>40940</v>
      </c>
      <c r="K2777" s="5" t="s">
        <v>40939</v>
      </c>
      <c r="L2777" s="2" t="s">
        <v>40940</v>
      </c>
      <c r="M2777" s="5" t="s">
        <v>36266</v>
      </c>
      <c r="N2777" s="5" t="s">
        <v>38</v>
      </c>
      <c r="O2777" s="5" t="s">
        <v>39</v>
      </c>
      <c r="P2777" s="5" t="s">
        <v>40</v>
      </c>
      <c r="Q2777" s="5" t="s">
        <v>1522</v>
      </c>
      <c r="R2777" s="5" t="s">
        <v>1523</v>
      </c>
      <c r="S2777" s="5" t="s">
        <v>42</v>
      </c>
      <c r="T2777" s="2">
        <v>1.244</v>
      </c>
      <c r="U2777" s="2">
        <v>0.72899999999999998</v>
      </c>
      <c r="V2777" s="2">
        <v>1.4999999999999999E-2</v>
      </c>
      <c r="W2777" s="2">
        <v>118.9</v>
      </c>
      <c r="X2777" s="2">
        <v>7.6</v>
      </c>
      <c r="Y2777" s="2">
        <v>16.7</v>
      </c>
      <c r="Z2777" s="5"/>
      <c r="AA2777" s="5" t="s">
        <v>43</v>
      </c>
      <c r="AB2777" s="5" t="s">
        <v>44</v>
      </c>
      <c r="AC2777" s="2"/>
      <c r="AD2777" s="1"/>
    </row>
    <row r="2778" spans="1:30">
      <c r="A2778" s="5" t="s">
        <v>83578</v>
      </c>
      <c r="B2778" s="2" t="s">
        <v>91936</v>
      </c>
      <c r="C2778" s="14" t="s">
        <v>91937</v>
      </c>
      <c r="D2778" s="2" t="s">
        <v>91938</v>
      </c>
      <c r="E2778" s="2" t="s">
        <v>40997</v>
      </c>
      <c r="F2778" s="8">
        <v>153</v>
      </c>
      <c r="G2778" s="5">
        <v>6</v>
      </c>
      <c r="H2778" s="5" t="s">
        <v>1518</v>
      </c>
      <c r="I2778" s="5" t="s">
        <v>40939</v>
      </c>
      <c r="J2778" s="2" t="s">
        <v>40940</v>
      </c>
      <c r="K2778" s="5" t="s">
        <v>40939</v>
      </c>
      <c r="L2778" s="2" t="s">
        <v>40940</v>
      </c>
      <c r="M2778" s="5" t="s">
        <v>36266</v>
      </c>
      <c r="N2778" s="5" t="s">
        <v>38</v>
      </c>
      <c r="O2778" s="5" t="s">
        <v>39</v>
      </c>
      <c r="P2778" s="5" t="s">
        <v>40</v>
      </c>
      <c r="Q2778" s="5" t="s">
        <v>1522</v>
      </c>
      <c r="R2778" s="5" t="s">
        <v>1523</v>
      </c>
      <c r="S2778" s="5" t="s">
        <v>42</v>
      </c>
      <c r="T2778" s="2">
        <v>1.222</v>
      </c>
      <c r="U2778" s="2">
        <v>0.70699999999999996</v>
      </c>
      <c r="V2778" s="2">
        <v>1.4999999999999999E-2</v>
      </c>
      <c r="W2778" s="2">
        <v>118.9</v>
      </c>
      <c r="X2778" s="2">
        <v>7.6</v>
      </c>
      <c r="Y2778" s="2">
        <v>16.7</v>
      </c>
      <c r="Z2778" s="5"/>
      <c r="AA2778" s="5" t="s">
        <v>43</v>
      </c>
      <c r="AB2778" s="5" t="s">
        <v>44</v>
      </c>
      <c r="AC2778" s="2"/>
      <c r="AD2778" s="1"/>
    </row>
    <row r="2779" spans="1:30">
      <c r="A2779" s="5" t="s">
        <v>83578</v>
      </c>
      <c r="B2779" s="2" t="s">
        <v>91939</v>
      </c>
      <c r="C2779" s="14" t="s">
        <v>91940</v>
      </c>
      <c r="D2779" s="2" t="s">
        <v>91941</v>
      </c>
      <c r="E2779" s="2" t="s">
        <v>7449</v>
      </c>
      <c r="F2779" s="8">
        <v>145</v>
      </c>
      <c r="G2779" s="5">
        <v>6</v>
      </c>
      <c r="H2779" s="5" t="s">
        <v>1518</v>
      </c>
      <c r="I2779" s="5" t="s">
        <v>40939</v>
      </c>
      <c r="J2779" s="2" t="s">
        <v>40940</v>
      </c>
      <c r="K2779" s="5" t="s">
        <v>40939</v>
      </c>
      <c r="L2779" s="2" t="s">
        <v>40940</v>
      </c>
      <c r="M2779" s="5" t="s">
        <v>36266</v>
      </c>
      <c r="N2779" s="5" t="s">
        <v>38</v>
      </c>
      <c r="O2779" s="5" t="s">
        <v>39</v>
      </c>
      <c r="P2779" s="5" t="s">
        <v>40</v>
      </c>
      <c r="Q2779" s="5" t="s">
        <v>1522</v>
      </c>
      <c r="R2779" s="5" t="s">
        <v>1523</v>
      </c>
      <c r="S2779" s="5" t="s">
        <v>42</v>
      </c>
      <c r="T2779" s="2">
        <v>1.214</v>
      </c>
      <c r="U2779" s="2">
        <v>0.71</v>
      </c>
      <c r="V2779" s="2">
        <v>1.2999999999999999E-2</v>
      </c>
      <c r="W2779" s="2">
        <v>99.1</v>
      </c>
      <c r="X2779" s="2">
        <v>7.6</v>
      </c>
      <c r="Y2779" s="2">
        <v>16.7</v>
      </c>
      <c r="Z2779" s="5"/>
      <c r="AA2779" s="5" t="s">
        <v>43</v>
      </c>
      <c r="AB2779" s="5" t="s">
        <v>44</v>
      </c>
      <c r="AC2779" s="2"/>
      <c r="AD2779" s="1"/>
    </row>
    <row r="2780" spans="1:30">
      <c r="A2780" s="5" t="s">
        <v>83578</v>
      </c>
      <c r="B2780" s="2" t="s">
        <v>91942</v>
      </c>
      <c r="C2780" s="14" t="s">
        <v>91943</v>
      </c>
      <c r="D2780" s="2" t="s">
        <v>91944</v>
      </c>
      <c r="E2780" s="2" t="s">
        <v>41001</v>
      </c>
      <c r="F2780" s="8">
        <v>168</v>
      </c>
      <c r="G2780" s="5">
        <v>6</v>
      </c>
      <c r="H2780" s="5" t="s">
        <v>1518</v>
      </c>
      <c r="I2780" s="5" t="s">
        <v>40939</v>
      </c>
      <c r="J2780" s="2" t="s">
        <v>40940</v>
      </c>
      <c r="K2780" s="5" t="s">
        <v>40939</v>
      </c>
      <c r="L2780" s="2" t="s">
        <v>40940</v>
      </c>
      <c r="M2780" s="5" t="s">
        <v>36266</v>
      </c>
      <c r="N2780" s="5" t="s">
        <v>38</v>
      </c>
      <c r="O2780" s="5" t="s">
        <v>39</v>
      </c>
      <c r="P2780" s="5" t="s">
        <v>40</v>
      </c>
      <c r="Q2780" s="5" t="s">
        <v>1522</v>
      </c>
      <c r="R2780" s="5" t="s">
        <v>1523</v>
      </c>
      <c r="S2780" s="5" t="s">
        <v>42</v>
      </c>
      <c r="T2780" s="2">
        <v>1.4259999999999999</v>
      </c>
      <c r="U2780" s="2">
        <v>0.94399999999999995</v>
      </c>
      <c r="V2780" s="2">
        <v>1.4999999999999999E-2</v>
      </c>
      <c r="W2780" s="2">
        <v>118.9</v>
      </c>
      <c r="X2780" s="2">
        <v>7.6</v>
      </c>
      <c r="Y2780" s="2">
        <v>16.7</v>
      </c>
      <c r="Z2780" s="5"/>
      <c r="AA2780" s="5" t="s">
        <v>43</v>
      </c>
      <c r="AB2780" s="5" t="s">
        <v>44</v>
      </c>
      <c r="AC2780" s="2"/>
      <c r="AD2780" s="1"/>
    </row>
    <row r="2781" spans="1:30">
      <c r="A2781" s="5" t="s">
        <v>83578</v>
      </c>
      <c r="B2781" s="2" t="s">
        <v>91945</v>
      </c>
      <c r="C2781" s="14" t="s">
        <v>91946</v>
      </c>
      <c r="D2781" s="2" t="s">
        <v>91947</v>
      </c>
      <c r="E2781" s="2" t="s">
        <v>7449</v>
      </c>
      <c r="F2781" s="8">
        <v>168</v>
      </c>
      <c r="G2781" s="5">
        <v>6</v>
      </c>
      <c r="H2781" s="5" t="s">
        <v>1518</v>
      </c>
      <c r="I2781" s="5" t="s">
        <v>40939</v>
      </c>
      <c r="J2781" s="2" t="s">
        <v>40940</v>
      </c>
      <c r="K2781" s="5" t="s">
        <v>40939</v>
      </c>
      <c r="L2781" s="2" t="s">
        <v>40940</v>
      </c>
      <c r="M2781" s="5" t="s">
        <v>36266</v>
      </c>
      <c r="N2781" s="5" t="s">
        <v>38</v>
      </c>
      <c r="O2781" s="5" t="s">
        <v>39</v>
      </c>
      <c r="P2781" s="5" t="s">
        <v>40</v>
      </c>
      <c r="Q2781" s="5" t="s">
        <v>1522</v>
      </c>
      <c r="R2781" s="5" t="s">
        <v>1523</v>
      </c>
      <c r="S2781" s="5" t="s">
        <v>42</v>
      </c>
      <c r="T2781" s="2">
        <v>1.391</v>
      </c>
      <c r="U2781" s="2">
        <v>0.90900000000000003</v>
      </c>
      <c r="V2781" s="2">
        <v>1.4999999999999999E-2</v>
      </c>
      <c r="W2781" s="2">
        <v>118.9</v>
      </c>
      <c r="X2781" s="2">
        <v>7.6</v>
      </c>
      <c r="Y2781" s="2">
        <v>16.7</v>
      </c>
      <c r="Z2781" s="5"/>
      <c r="AA2781" s="5" t="s">
        <v>43</v>
      </c>
      <c r="AB2781" s="5" t="s">
        <v>44</v>
      </c>
      <c r="AC2781" s="2"/>
      <c r="AD2781" s="1"/>
    </row>
    <row r="2782" spans="1:30">
      <c r="A2782" s="5" t="s">
        <v>83578</v>
      </c>
      <c r="B2782" s="2" t="s">
        <v>91948</v>
      </c>
      <c r="C2782" s="14" t="s">
        <v>91949</v>
      </c>
      <c r="D2782" s="2" t="s">
        <v>91950</v>
      </c>
      <c r="E2782" s="2" t="s">
        <v>40975</v>
      </c>
      <c r="F2782" s="8">
        <v>181</v>
      </c>
      <c r="G2782" s="5">
        <v>6</v>
      </c>
      <c r="H2782" s="5" t="s">
        <v>1518</v>
      </c>
      <c r="I2782" s="5" t="s">
        <v>40939</v>
      </c>
      <c r="J2782" s="2" t="s">
        <v>40940</v>
      </c>
      <c r="K2782" s="5" t="s">
        <v>40939</v>
      </c>
      <c r="L2782" s="2" t="s">
        <v>40940</v>
      </c>
      <c r="M2782" s="5" t="s">
        <v>36266</v>
      </c>
      <c r="N2782" s="5" t="s">
        <v>38</v>
      </c>
      <c r="O2782" s="5" t="s">
        <v>39</v>
      </c>
      <c r="P2782" s="5" t="s">
        <v>40</v>
      </c>
      <c r="Q2782" s="5" t="s">
        <v>1522</v>
      </c>
      <c r="R2782" s="5" t="s">
        <v>1523</v>
      </c>
      <c r="S2782" s="5" t="s">
        <v>42</v>
      </c>
      <c r="T2782" s="2">
        <v>1.5780000000000001</v>
      </c>
      <c r="U2782" s="2">
        <v>1.0189999999999999</v>
      </c>
      <c r="V2782" s="2">
        <v>1.7999999999999999E-2</v>
      </c>
      <c r="W2782" s="2">
        <v>139.1</v>
      </c>
      <c r="X2782" s="2">
        <v>7.6</v>
      </c>
      <c r="Y2782" s="2">
        <v>16.7</v>
      </c>
      <c r="Z2782" s="5"/>
      <c r="AA2782" s="5" t="s">
        <v>43</v>
      </c>
      <c r="AB2782" s="5" t="s">
        <v>44</v>
      </c>
      <c r="AC2782" s="2"/>
      <c r="AD2782" s="1"/>
    </row>
    <row r="2783" spans="1:30">
      <c r="A2783" s="5" t="s">
        <v>83578</v>
      </c>
      <c r="B2783" s="2" t="s">
        <v>91951</v>
      </c>
      <c r="C2783" s="14" t="s">
        <v>91952</v>
      </c>
      <c r="D2783" s="2" t="s">
        <v>91953</v>
      </c>
      <c r="E2783" s="2" t="s">
        <v>41001</v>
      </c>
      <c r="F2783" s="8">
        <v>181</v>
      </c>
      <c r="G2783" s="5">
        <v>6</v>
      </c>
      <c r="H2783" s="5" t="s">
        <v>1518</v>
      </c>
      <c r="I2783" s="5" t="s">
        <v>40939</v>
      </c>
      <c r="J2783" s="2" t="s">
        <v>40940</v>
      </c>
      <c r="K2783" s="5" t="s">
        <v>40939</v>
      </c>
      <c r="L2783" s="2" t="s">
        <v>40940</v>
      </c>
      <c r="M2783" s="5" t="s">
        <v>36266</v>
      </c>
      <c r="N2783" s="5" t="s">
        <v>38</v>
      </c>
      <c r="O2783" s="5" t="s">
        <v>39</v>
      </c>
      <c r="P2783" s="5" t="s">
        <v>40</v>
      </c>
      <c r="Q2783" s="5" t="s">
        <v>1522</v>
      </c>
      <c r="R2783" s="5" t="s">
        <v>1523</v>
      </c>
      <c r="S2783" s="5" t="s">
        <v>42</v>
      </c>
      <c r="T2783" s="2">
        <v>1.5780000000000001</v>
      </c>
      <c r="U2783" s="2">
        <v>1.0189999999999999</v>
      </c>
      <c r="V2783" s="2">
        <v>1.7999999999999999E-2</v>
      </c>
      <c r="W2783" s="2">
        <v>139.1</v>
      </c>
      <c r="X2783" s="2">
        <v>7.6</v>
      </c>
      <c r="Y2783" s="2">
        <v>16.7</v>
      </c>
      <c r="Z2783" s="5"/>
      <c r="AA2783" s="5" t="s">
        <v>43</v>
      </c>
      <c r="AB2783" s="5" t="s">
        <v>44</v>
      </c>
      <c r="AC2783" s="2"/>
      <c r="AD2783" s="1"/>
    </row>
    <row r="2784" spans="1:30">
      <c r="A2784" s="5" t="s">
        <v>83578</v>
      </c>
      <c r="B2784" s="2" t="s">
        <v>91954</v>
      </c>
      <c r="C2784" s="14" t="s">
        <v>91955</v>
      </c>
      <c r="D2784" s="2" t="s">
        <v>91956</v>
      </c>
      <c r="E2784" s="2" t="s">
        <v>41009</v>
      </c>
      <c r="F2784" s="8">
        <v>181</v>
      </c>
      <c r="G2784" s="5">
        <v>6</v>
      </c>
      <c r="H2784" s="5" t="s">
        <v>1518</v>
      </c>
      <c r="I2784" s="5" t="s">
        <v>40939</v>
      </c>
      <c r="J2784" s="2" t="s">
        <v>40940</v>
      </c>
      <c r="K2784" s="5" t="s">
        <v>40939</v>
      </c>
      <c r="L2784" s="2" t="s">
        <v>40940</v>
      </c>
      <c r="M2784" s="5" t="s">
        <v>36266</v>
      </c>
      <c r="N2784" s="5" t="s">
        <v>38</v>
      </c>
      <c r="O2784" s="5" t="s">
        <v>39</v>
      </c>
      <c r="P2784" s="5" t="s">
        <v>40</v>
      </c>
      <c r="Q2784" s="5" t="s">
        <v>1522</v>
      </c>
      <c r="R2784" s="5" t="s">
        <v>1523</v>
      </c>
      <c r="S2784" s="5" t="s">
        <v>42</v>
      </c>
      <c r="T2784" s="2">
        <v>1.5880000000000001</v>
      </c>
      <c r="U2784" s="2">
        <v>1.0289999999999999</v>
      </c>
      <c r="V2784" s="2">
        <v>1.7999999999999999E-2</v>
      </c>
      <c r="W2784" s="2">
        <v>139.1</v>
      </c>
      <c r="X2784" s="2">
        <v>7.6</v>
      </c>
      <c r="Y2784" s="2">
        <v>16.7</v>
      </c>
      <c r="Z2784" s="5"/>
      <c r="AA2784" s="5" t="s">
        <v>43</v>
      </c>
      <c r="AB2784" s="5" t="s">
        <v>44</v>
      </c>
      <c r="AC2784" s="2"/>
      <c r="AD2784" s="1"/>
    </row>
    <row r="2785" spans="1:30">
      <c r="A2785" s="5" t="s">
        <v>83578</v>
      </c>
      <c r="B2785" s="2" t="s">
        <v>91957</v>
      </c>
      <c r="C2785" s="14" t="s">
        <v>91958</v>
      </c>
      <c r="D2785" s="2" t="s">
        <v>91959</v>
      </c>
      <c r="E2785" s="2" t="s">
        <v>7449</v>
      </c>
      <c r="F2785" s="8">
        <v>181</v>
      </c>
      <c r="G2785" s="5">
        <v>6</v>
      </c>
      <c r="H2785" s="5" t="s">
        <v>1518</v>
      </c>
      <c r="I2785" s="5" t="s">
        <v>40939</v>
      </c>
      <c r="J2785" s="2" t="s">
        <v>40940</v>
      </c>
      <c r="K2785" s="5" t="s">
        <v>40939</v>
      </c>
      <c r="L2785" s="2" t="s">
        <v>40940</v>
      </c>
      <c r="M2785" s="5" t="s">
        <v>36266</v>
      </c>
      <c r="N2785" s="5" t="s">
        <v>38</v>
      </c>
      <c r="O2785" s="5" t="s">
        <v>39</v>
      </c>
      <c r="P2785" s="5" t="s">
        <v>40</v>
      </c>
      <c r="Q2785" s="5" t="s">
        <v>1522</v>
      </c>
      <c r="R2785" s="5" t="s">
        <v>1523</v>
      </c>
      <c r="S2785" s="5" t="s">
        <v>42</v>
      </c>
      <c r="T2785" s="2">
        <v>1.538</v>
      </c>
      <c r="U2785" s="2">
        <v>0.97899999999999998</v>
      </c>
      <c r="V2785" s="2">
        <v>1.7999999999999999E-2</v>
      </c>
      <c r="W2785" s="2">
        <v>139.1</v>
      </c>
      <c r="X2785" s="2">
        <v>7.6</v>
      </c>
      <c r="Y2785" s="2">
        <v>16.7</v>
      </c>
      <c r="Z2785" s="5"/>
      <c r="AA2785" s="5" t="s">
        <v>43</v>
      </c>
      <c r="AB2785" s="5" t="s">
        <v>44</v>
      </c>
      <c r="AC2785" s="2"/>
      <c r="AD2785" s="1"/>
    </row>
    <row r="2786" spans="1:30">
      <c r="A2786" s="5" t="s">
        <v>83578</v>
      </c>
      <c r="B2786" s="2" t="s">
        <v>91960</v>
      </c>
      <c r="C2786" s="14" t="s">
        <v>91961</v>
      </c>
      <c r="D2786" s="2" t="s">
        <v>91962</v>
      </c>
      <c r="E2786" s="2" t="s">
        <v>7539</v>
      </c>
      <c r="F2786" s="8">
        <v>227</v>
      </c>
      <c r="G2786" s="5">
        <v>6</v>
      </c>
      <c r="H2786" s="5" t="s">
        <v>1518</v>
      </c>
      <c r="I2786" s="5" t="s">
        <v>40939</v>
      </c>
      <c r="J2786" s="2" t="s">
        <v>40940</v>
      </c>
      <c r="K2786" s="5" t="s">
        <v>40939</v>
      </c>
      <c r="L2786" s="2" t="s">
        <v>40940</v>
      </c>
      <c r="M2786" s="5" t="s">
        <v>36266</v>
      </c>
      <c r="N2786" s="5" t="s">
        <v>38</v>
      </c>
      <c r="O2786" s="5" t="s">
        <v>39</v>
      </c>
      <c r="P2786" s="5" t="s">
        <v>40</v>
      </c>
      <c r="Q2786" s="5" t="s">
        <v>1522</v>
      </c>
      <c r="R2786" s="5" t="s">
        <v>1523</v>
      </c>
      <c r="S2786" s="5" t="s">
        <v>42</v>
      </c>
      <c r="T2786" s="2">
        <v>1.8069999999999999</v>
      </c>
      <c r="U2786" s="2">
        <v>1.1879999999999999</v>
      </c>
      <c r="V2786" s="2">
        <v>0.02</v>
      </c>
      <c r="W2786" s="2">
        <v>159.1</v>
      </c>
      <c r="X2786" s="2">
        <v>7.6</v>
      </c>
      <c r="Y2786" s="2">
        <v>16.7</v>
      </c>
      <c r="Z2786" s="5"/>
      <c r="AA2786" s="5" t="s">
        <v>43</v>
      </c>
      <c r="AB2786" s="5" t="s">
        <v>44</v>
      </c>
      <c r="AC2786" s="2"/>
      <c r="AD2786" s="1"/>
    </row>
    <row r="2787" spans="1:30">
      <c r="A2787" s="5" t="s">
        <v>83578</v>
      </c>
      <c r="B2787" s="2" t="s">
        <v>91963</v>
      </c>
      <c r="C2787" s="14" t="s">
        <v>91964</v>
      </c>
      <c r="D2787" s="2" t="s">
        <v>91965</v>
      </c>
      <c r="E2787" s="2" t="s">
        <v>41001</v>
      </c>
      <c r="F2787" s="8">
        <v>227</v>
      </c>
      <c r="G2787" s="5">
        <v>6</v>
      </c>
      <c r="H2787" s="5" t="s">
        <v>1518</v>
      </c>
      <c r="I2787" s="5" t="s">
        <v>40939</v>
      </c>
      <c r="J2787" s="2" t="s">
        <v>40940</v>
      </c>
      <c r="K2787" s="5" t="s">
        <v>40939</v>
      </c>
      <c r="L2787" s="2" t="s">
        <v>40940</v>
      </c>
      <c r="M2787" s="5" t="s">
        <v>36266</v>
      </c>
      <c r="N2787" s="5" t="s">
        <v>38</v>
      </c>
      <c r="O2787" s="5" t="s">
        <v>39</v>
      </c>
      <c r="P2787" s="5" t="s">
        <v>40</v>
      </c>
      <c r="Q2787" s="5" t="s">
        <v>1522</v>
      </c>
      <c r="R2787" s="5" t="s">
        <v>1523</v>
      </c>
      <c r="S2787" s="5" t="s">
        <v>42</v>
      </c>
      <c r="T2787" s="2">
        <v>1.88</v>
      </c>
      <c r="U2787" s="2">
        <v>1.2609999999999999</v>
      </c>
      <c r="V2787" s="2">
        <v>0.02</v>
      </c>
      <c r="W2787" s="2">
        <v>159.1</v>
      </c>
      <c r="X2787" s="2">
        <v>7.6</v>
      </c>
      <c r="Y2787" s="2">
        <v>16.7</v>
      </c>
      <c r="Z2787" s="5"/>
      <c r="AA2787" s="5" t="s">
        <v>43</v>
      </c>
      <c r="AB2787" s="5" t="s">
        <v>44</v>
      </c>
      <c r="AC2787" s="2"/>
      <c r="AD2787" s="1"/>
    </row>
    <row r="2788" spans="1:30">
      <c r="A2788" s="5" t="s">
        <v>83578</v>
      </c>
      <c r="B2788" s="2" t="s">
        <v>91966</v>
      </c>
      <c r="C2788" s="14" t="s">
        <v>91967</v>
      </c>
      <c r="D2788" s="2" t="s">
        <v>91968</v>
      </c>
      <c r="E2788" s="2" t="s">
        <v>41031</v>
      </c>
      <c r="F2788" s="8">
        <v>227</v>
      </c>
      <c r="G2788" s="5">
        <v>6</v>
      </c>
      <c r="H2788" s="5" t="s">
        <v>1518</v>
      </c>
      <c r="I2788" s="5" t="s">
        <v>40939</v>
      </c>
      <c r="J2788" s="2" t="s">
        <v>40940</v>
      </c>
      <c r="K2788" s="5" t="s">
        <v>40939</v>
      </c>
      <c r="L2788" s="2" t="s">
        <v>40940</v>
      </c>
      <c r="M2788" s="5" t="s">
        <v>36266</v>
      </c>
      <c r="N2788" s="5" t="s">
        <v>38</v>
      </c>
      <c r="O2788" s="5" t="s">
        <v>39</v>
      </c>
      <c r="P2788" s="5" t="s">
        <v>40</v>
      </c>
      <c r="Q2788" s="5" t="s">
        <v>1522</v>
      </c>
      <c r="R2788" s="5" t="s">
        <v>1523</v>
      </c>
      <c r="S2788" s="5" t="s">
        <v>42</v>
      </c>
      <c r="T2788" s="2">
        <v>1.821</v>
      </c>
      <c r="U2788" s="2">
        <v>1.202</v>
      </c>
      <c r="V2788" s="2">
        <v>0.02</v>
      </c>
      <c r="W2788" s="2">
        <v>159.1</v>
      </c>
      <c r="X2788" s="2">
        <v>7.6</v>
      </c>
      <c r="Y2788" s="2">
        <v>16.7</v>
      </c>
      <c r="Z2788" s="5"/>
      <c r="AA2788" s="5" t="s">
        <v>43</v>
      </c>
      <c r="AB2788" s="5" t="s">
        <v>44</v>
      </c>
      <c r="AC2788" s="2"/>
      <c r="AD2788" s="1"/>
    </row>
    <row r="2789" spans="1:30">
      <c r="A2789" s="5" t="s">
        <v>83578</v>
      </c>
      <c r="B2789" s="2" t="s">
        <v>91969</v>
      </c>
      <c r="C2789" s="14" t="s">
        <v>91970</v>
      </c>
      <c r="D2789" s="2" t="s">
        <v>91971</v>
      </c>
      <c r="E2789" s="2" t="s">
        <v>7449</v>
      </c>
      <c r="F2789" s="8">
        <v>227</v>
      </c>
      <c r="G2789" s="5">
        <v>6</v>
      </c>
      <c r="H2789" s="5" t="s">
        <v>1518</v>
      </c>
      <c r="I2789" s="5" t="s">
        <v>40939</v>
      </c>
      <c r="J2789" s="2" t="s">
        <v>40940</v>
      </c>
      <c r="K2789" s="5" t="s">
        <v>40939</v>
      </c>
      <c r="L2789" s="2" t="s">
        <v>40940</v>
      </c>
      <c r="M2789" s="5" t="s">
        <v>36266</v>
      </c>
      <c r="N2789" s="5" t="s">
        <v>38</v>
      </c>
      <c r="O2789" s="5" t="s">
        <v>39</v>
      </c>
      <c r="P2789" s="5" t="s">
        <v>40</v>
      </c>
      <c r="Q2789" s="5" t="s">
        <v>1522</v>
      </c>
      <c r="R2789" s="5" t="s">
        <v>1523</v>
      </c>
      <c r="S2789" s="5" t="s">
        <v>42</v>
      </c>
      <c r="T2789" s="2">
        <v>1.821</v>
      </c>
      <c r="U2789" s="2">
        <v>1.202</v>
      </c>
      <c r="V2789" s="2">
        <v>0.02</v>
      </c>
      <c r="W2789" s="2">
        <v>159.1</v>
      </c>
      <c r="X2789" s="2">
        <v>7.6</v>
      </c>
      <c r="Y2789" s="2">
        <v>16.7</v>
      </c>
      <c r="Z2789" s="5"/>
      <c r="AA2789" s="5" t="s">
        <v>43</v>
      </c>
      <c r="AB2789" s="5" t="s">
        <v>44</v>
      </c>
      <c r="AC2789" s="2"/>
      <c r="AD2789" s="1"/>
    </row>
    <row r="2790" spans="1:30">
      <c r="A2790" s="5" t="s">
        <v>83578</v>
      </c>
      <c r="B2790" s="2" t="s">
        <v>91972</v>
      </c>
      <c r="C2790" s="14" t="s">
        <v>91973</v>
      </c>
      <c r="D2790" s="2" t="s">
        <v>91974</v>
      </c>
      <c r="E2790" s="2" t="s">
        <v>40997</v>
      </c>
      <c r="F2790" s="8">
        <v>219</v>
      </c>
      <c r="G2790" s="5">
        <v>6</v>
      </c>
      <c r="H2790" s="5" t="s">
        <v>1518</v>
      </c>
      <c r="I2790" s="5" t="s">
        <v>40939</v>
      </c>
      <c r="J2790" s="2" t="s">
        <v>40940</v>
      </c>
      <c r="K2790" s="5" t="s">
        <v>40939</v>
      </c>
      <c r="L2790" s="2" t="s">
        <v>40940</v>
      </c>
      <c r="M2790" s="5" t="s">
        <v>36266</v>
      </c>
      <c r="N2790" s="5" t="s">
        <v>38</v>
      </c>
      <c r="O2790" s="5" t="s">
        <v>39</v>
      </c>
      <c r="P2790" s="5" t="s">
        <v>40</v>
      </c>
      <c r="Q2790" s="5" t="s">
        <v>1522</v>
      </c>
      <c r="R2790" s="5" t="s">
        <v>1523</v>
      </c>
      <c r="S2790" s="5" t="s">
        <v>42</v>
      </c>
      <c r="T2790" s="2">
        <v>1.782</v>
      </c>
      <c r="U2790" s="2">
        <v>1.2689999999999999</v>
      </c>
      <c r="V2790" s="2">
        <v>1.7999999999999999E-2</v>
      </c>
      <c r="W2790" s="2">
        <v>139.1</v>
      </c>
      <c r="X2790" s="2">
        <v>7.6</v>
      </c>
      <c r="Y2790" s="2">
        <v>16.7</v>
      </c>
      <c r="Z2790" s="5"/>
      <c r="AA2790" s="5" t="s">
        <v>43</v>
      </c>
      <c r="AB2790" s="5" t="s">
        <v>44</v>
      </c>
      <c r="AC2790" s="2"/>
      <c r="AD2790" s="1"/>
    </row>
    <row r="2791" spans="1:30">
      <c r="A2791" s="5" t="s">
        <v>83578</v>
      </c>
      <c r="B2791" s="2" t="s">
        <v>91975</v>
      </c>
      <c r="C2791" s="14" t="s">
        <v>91976</v>
      </c>
      <c r="D2791" s="2" t="s">
        <v>91977</v>
      </c>
      <c r="E2791" s="2" t="s">
        <v>40975</v>
      </c>
      <c r="F2791" s="8">
        <v>242</v>
      </c>
      <c r="G2791" s="5">
        <v>6</v>
      </c>
      <c r="H2791" s="5" t="s">
        <v>1518</v>
      </c>
      <c r="I2791" s="5" t="s">
        <v>40939</v>
      </c>
      <c r="J2791" s="2" t="s">
        <v>40940</v>
      </c>
      <c r="K2791" s="5" t="s">
        <v>40939</v>
      </c>
      <c r="L2791" s="2" t="s">
        <v>40940</v>
      </c>
      <c r="M2791" s="5" t="s">
        <v>36266</v>
      </c>
      <c r="N2791" s="5" t="s">
        <v>38</v>
      </c>
      <c r="O2791" s="5" t="s">
        <v>39</v>
      </c>
      <c r="P2791" s="5" t="s">
        <v>40</v>
      </c>
      <c r="Q2791" s="5" t="s">
        <v>1522</v>
      </c>
      <c r="R2791" s="5" t="s">
        <v>1523</v>
      </c>
      <c r="S2791" s="5" t="s">
        <v>42</v>
      </c>
      <c r="T2791" s="2">
        <v>2.02</v>
      </c>
      <c r="U2791" s="2">
        <v>1.4239999999999999</v>
      </c>
      <c r="V2791" s="2">
        <v>0.02</v>
      </c>
      <c r="W2791" s="2">
        <v>159.1</v>
      </c>
      <c r="X2791" s="2">
        <v>7.6</v>
      </c>
      <c r="Y2791" s="2">
        <v>16.7</v>
      </c>
      <c r="Z2791" s="5"/>
      <c r="AA2791" s="5" t="s">
        <v>43</v>
      </c>
      <c r="AB2791" s="5" t="s">
        <v>44</v>
      </c>
      <c r="AC2791" s="2"/>
      <c r="AD2791" s="1"/>
    </row>
    <row r="2792" spans="1:30">
      <c r="A2792" s="5" t="s">
        <v>83578</v>
      </c>
      <c r="B2792" s="2" t="s">
        <v>91978</v>
      </c>
      <c r="C2792" s="14" t="s">
        <v>91979</v>
      </c>
      <c r="D2792" s="2" t="s">
        <v>91980</v>
      </c>
      <c r="E2792" s="2" t="s">
        <v>7539</v>
      </c>
      <c r="F2792" s="8">
        <v>242</v>
      </c>
      <c r="G2792" s="5">
        <v>6</v>
      </c>
      <c r="H2792" s="5" t="s">
        <v>1518</v>
      </c>
      <c r="I2792" s="5" t="s">
        <v>40939</v>
      </c>
      <c r="J2792" s="2" t="s">
        <v>40940</v>
      </c>
      <c r="K2792" s="5" t="s">
        <v>40939</v>
      </c>
      <c r="L2792" s="2" t="s">
        <v>40940</v>
      </c>
      <c r="M2792" s="5" t="s">
        <v>36266</v>
      </c>
      <c r="N2792" s="5" t="s">
        <v>38</v>
      </c>
      <c r="O2792" s="5" t="s">
        <v>39</v>
      </c>
      <c r="P2792" s="5" t="s">
        <v>40</v>
      </c>
      <c r="Q2792" s="5" t="s">
        <v>1522</v>
      </c>
      <c r="R2792" s="5" t="s">
        <v>1523</v>
      </c>
      <c r="S2792" s="5" t="s">
        <v>42</v>
      </c>
      <c r="T2792" s="2">
        <v>1.931</v>
      </c>
      <c r="U2792" s="2">
        <v>1.335</v>
      </c>
      <c r="V2792" s="2">
        <v>0.02</v>
      </c>
      <c r="W2792" s="2">
        <v>159.1</v>
      </c>
      <c r="X2792" s="2">
        <v>7.6</v>
      </c>
      <c r="Y2792" s="2">
        <v>16.7</v>
      </c>
      <c r="Z2792" s="5"/>
      <c r="AA2792" s="5" t="s">
        <v>43</v>
      </c>
      <c r="AB2792" s="5" t="s">
        <v>44</v>
      </c>
      <c r="AC2792" s="2"/>
      <c r="AD2792" s="1"/>
    </row>
    <row r="2793" spans="1:30">
      <c r="A2793" s="5" t="s">
        <v>83578</v>
      </c>
      <c r="B2793" s="2" t="s">
        <v>91981</v>
      </c>
      <c r="C2793" s="14" t="s">
        <v>91982</v>
      </c>
      <c r="D2793" s="2" t="s">
        <v>91983</v>
      </c>
      <c r="E2793" s="2" t="s">
        <v>40997</v>
      </c>
      <c r="F2793" s="8">
        <v>242</v>
      </c>
      <c r="G2793" s="5">
        <v>6</v>
      </c>
      <c r="H2793" s="5" t="s">
        <v>1518</v>
      </c>
      <c r="I2793" s="5" t="s">
        <v>40939</v>
      </c>
      <c r="J2793" s="2" t="s">
        <v>40940</v>
      </c>
      <c r="K2793" s="5" t="s">
        <v>40939</v>
      </c>
      <c r="L2793" s="2" t="s">
        <v>40940</v>
      </c>
      <c r="M2793" s="5" t="s">
        <v>36266</v>
      </c>
      <c r="N2793" s="5" t="s">
        <v>38</v>
      </c>
      <c r="O2793" s="5" t="s">
        <v>39</v>
      </c>
      <c r="P2793" s="5" t="s">
        <v>40</v>
      </c>
      <c r="Q2793" s="5" t="s">
        <v>1522</v>
      </c>
      <c r="R2793" s="5" t="s">
        <v>1523</v>
      </c>
      <c r="S2793" s="5" t="s">
        <v>42</v>
      </c>
      <c r="T2793" s="2">
        <v>1.9490000000000001</v>
      </c>
      <c r="U2793" s="2">
        <v>1.353</v>
      </c>
      <c r="V2793" s="2">
        <v>0.02</v>
      </c>
      <c r="W2793" s="2">
        <v>159.1</v>
      </c>
      <c r="X2793" s="2">
        <v>7.6</v>
      </c>
      <c r="Y2793" s="2">
        <v>16.7</v>
      </c>
      <c r="Z2793" s="5"/>
      <c r="AA2793" s="5" t="s">
        <v>43</v>
      </c>
      <c r="AB2793" s="5" t="s">
        <v>44</v>
      </c>
      <c r="AC2793" s="2"/>
      <c r="AD2793" s="1"/>
    </row>
    <row r="2794" spans="1:30">
      <c r="A2794" s="5" t="s">
        <v>83578</v>
      </c>
      <c r="B2794" s="2" t="s">
        <v>91984</v>
      </c>
      <c r="C2794" s="14" t="s">
        <v>91985</v>
      </c>
      <c r="D2794" s="2" t="s">
        <v>91986</v>
      </c>
      <c r="E2794" s="2" t="s">
        <v>41023</v>
      </c>
      <c r="F2794" s="8">
        <v>242</v>
      </c>
      <c r="G2794" s="5">
        <v>6</v>
      </c>
      <c r="H2794" s="5" t="s">
        <v>1518</v>
      </c>
      <c r="I2794" s="5" t="s">
        <v>40939</v>
      </c>
      <c r="J2794" s="2" t="s">
        <v>40940</v>
      </c>
      <c r="K2794" s="5" t="s">
        <v>40939</v>
      </c>
      <c r="L2794" s="2" t="s">
        <v>40940</v>
      </c>
      <c r="M2794" s="5" t="s">
        <v>36266</v>
      </c>
      <c r="N2794" s="5" t="s">
        <v>38</v>
      </c>
      <c r="O2794" s="5" t="s">
        <v>39</v>
      </c>
      <c r="P2794" s="5" t="s">
        <v>40</v>
      </c>
      <c r="Q2794" s="5" t="s">
        <v>1522</v>
      </c>
      <c r="R2794" s="5" t="s">
        <v>1523</v>
      </c>
      <c r="S2794" s="5" t="s">
        <v>42</v>
      </c>
      <c r="T2794" s="2">
        <v>1.9490000000000001</v>
      </c>
      <c r="U2794" s="2">
        <v>1.353</v>
      </c>
      <c r="V2794" s="2">
        <v>0.02</v>
      </c>
      <c r="W2794" s="2">
        <v>159.1</v>
      </c>
      <c r="X2794" s="2">
        <v>7.6</v>
      </c>
      <c r="Y2794" s="2">
        <v>16.7</v>
      </c>
      <c r="Z2794" s="5"/>
      <c r="AA2794" s="5" t="s">
        <v>43</v>
      </c>
      <c r="AB2794" s="5" t="s">
        <v>44</v>
      </c>
      <c r="AC2794" s="2"/>
      <c r="AD2794" s="1"/>
    </row>
    <row r="2795" spans="1:30">
      <c r="A2795" s="5" t="s">
        <v>83578</v>
      </c>
      <c r="B2795" s="2" t="s">
        <v>91987</v>
      </c>
      <c r="C2795" s="14" t="s">
        <v>91988</v>
      </c>
      <c r="D2795" s="2" t="s">
        <v>91989</v>
      </c>
      <c r="E2795" s="2" t="s">
        <v>41031</v>
      </c>
      <c r="F2795" s="8">
        <v>242</v>
      </c>
      <c r="G2795" s="5">
        <v>6</v>
      </c>
      <c r="H2795" s="5" t="s">
        <v>1518</v>
      </c>
      <c r="I2795" s="5" t="s">
        <v>40939</v>
      </c>
      <c r="J2795" s="2" t="s">
        <v>40940</v>
      </c>
      <c r="K2795" s="5" t="s">
        <v>40939</v>
      </c>
      <c r="L2795" s="2" t="s">
        <v>40940</v>
      </c>
      <c r="M2795" s="5" t="s">
        <v>36266</v>
      </c>
      <c r="N2795" s="5" t="s">
        <v>38</v>
      </c>
      <c r="O2795" s="5" t="s">
        <v>39</v>
      </c>
      <c r="P2795" s="5" t="s">
        <v>40</v>
      </c>
      <c r="Q2795" s="5" t="s">
        <v>1522</v>
      </c>
      <c r="R2795" s="5" t="s">
        <v>1523</v>
      </c>
      <c r="S2795" s="5" t="s">
        <v>42</v>
      </c>
      <c r="T2795" s="2">
        <v>1.9490000000000001</v>
      </c>
      <c r="U2795" s="2">
        <v>1.353</v>
      </c>
      <c r="V2795" s="2">
        <v>0.02</v>
      </c>
      <c r="W2795" s="2">
        <v>159.1</v>
      </c>
      <c r="X2795" s="2">
        <v>7.6</v>
      </c>
      <c r="Y2795" s="2">
        <v>16.7</v>
      </c>
      <c r="Z2795" s="5"/>
      <c r="AA2795" s="5" t="s">
        <v>43</v>
      </c>
      <c r="AB2795" s="5" t="s">
        <v>44</v>
      </c>
      <c r="AC2795" s="2"/>
      <c r="AD2795" s="1"/>
    </row>
    <row r="2796" spans="1:30">
      <c r="A2796" s="5" t="s">
        <v>83578</v>
      </c>
      <c r="B2796" s="2" t="s">
        <v>91990</v>
      </c>
      <c r="C2796" s="14" t="s">
        <v>91991</v>
      </c>
      <c r="D2796" s="2" t="s">
        <v>91992</v>
      </c>
      <c r="E2796" s="2" t="s">
        <v>7449</v>
      </c>
      <c r="F2796" s="8">
        <v>242</v>
      </c>
      <c r="G2796" s="5">
        <v>6</v>
      </c>
      <c r="H2796" s="5" t="s">
        <v>1518</v>
      </c>
      <c r="I2796" s="5" t="s">
        <v>40939</v>
      </c>
      <c r="J2796" s="2" t="s">
        <v>40940</v>
      </c>
      <c r="K2796" s="5" t="s">
        <v>40939</v>
      </c>
      <c r="L2796" s="2" t="s">
        <v>40940</v>
      </c>
      <c r="M2796" s="5" t="s">
        <v>36266</v>
      </c>
      <c r="N2796" s="5" t="s">
        <v>38</v>
      </c>
      <c r="O2796" s="5" t="s">
        <v>39</v>
      </c>
      <c r="P2796" s="5" t="s">
        <v>40</v>
      </c>
      <c r="Q2796" s="5" t="s">
        <v>1522</v>
      </c>
      <c r="R2796" s="5" t="s">
        <v>1523</v>
      </c>
      <c r="S2796" s="5" t="s">
        <v>42</v>
      </c>
      <c r="T2796" s="2">
        <v>1.9490000000000001</v>
      </c>
      <c r="U2796" s="2">
        <v>1.353</v>
      </c>
      <c r="V2796" s="2">
        <v>0.02</v>
      </c>
      <c r="W2796" s="2">
        <v>159.1</v>
      </c>
      <c r="X2796" s="2">
        <v>7.6</v>
      </c>
      <c r="Y2796" s="2">
        <v>16.7</v>
      </c>
      <c r="Z2796" s="5"/>
      <c r="AA2796" s="5" t="s">
        <v>43</v>
      </c>
      <c r="AB2796" s="5" t="s">
        <v>44</v>
      </c>
      <c r="AC2796" s="2"/>
      <c r="AD2796" s="1"/>
    </row>
    <row r="2797" spans="1:30">
      <c r="A2797" s="5" t="s">
        <v>83578</v>
      </c>
      <c r="B2797" s="2" t="s">
        <v>91993</v>
      </c>
      <c r="C2797" s="14" t="s">
        <v>91994</v>
      </c>
      <c r="D2797" s="2" t="s">
        <v>91995</v>
      </c>
      <c r="E2797" s="2" t="s">
        <v>7204</v>
      </c>
      <c r="F2797" s="8">
        <v>236</v>
      </c>
      <c r="G2797" s="5">
        <v>6</v>
      </c>
      <c r="H2797" s="5" t="s">
        <v>1518</v>
      </c>
      <c r="I2797" s="5" t="s">
        <v>36264</v>
      </c>
      <c r="J2797" s="2" t="s">
        <v>36265</v>
      </c>
      <c r="K2797" s="5" t="s">
        <v>36264</v>
      </c>
      <c r="L2797" s="2" t="s">
        <v>36265</v>
      </c>
      <c r="M2797" s="5" t="s">
        <v>36266</v>
      </c>
      <c r="N2797" s="5" t="s">
        <v>38</v>
      </c>
      <c r="O2797" s="5" t="s">
        <v>39</v>
      </c>
      <c r="P2797" s="5" t="s">
        <v>40</v>
      </c>
      <c r="Q2797" s="5" t="s">
        <v>1522</v>
      </c>
      <c r="R2797" s="5" t="s">
        <v>1523</v>
      </c>
      <c r="S2797" s="5" t="s">
        <v>42</v>
      </c>
      <c r="T2797" s="2">
        <v>1.9259999999999999</v>
      </c>
      <c r="U2797" s="2">
        <v>1.464</v>
      </c>
      <c r="V2797" s="2">
        <v>0.01</v>
      </c>
      <c r="W2797" s="2">
        <v>76.900000000000006</v>
      </c>
      <c r="X2797" s="2">
        <v>7.6</v>
      </c>
      <c r="Y2797" s="2">
        <v>16.7</v>
      </c>
      <c r="Z2797" s="5"/>
      <c r="AA2797" s="5" t="s">
        <v>43</v>
      </c>
      <c r="AB2797" s="5" t="s">
        <v>44</v>
      </c>
      <c r="AC2797" s="2"/>
      <c r="AD2797" s="1"/>
    </row>
    <row r="2798" spans="1:30">
      <c r="A2798" s="5" t="s">
        <v>83578</v>
      </c>
      <c r="B2798" s="2" t="s">
        <v>91996</v>
      </c>
      <c r="C2798" s="14" t="s">
        <v>91997</v>
      </c>
      <c r="D2798" s="2" t="s">
        <v>91998</v>
      </c>
      <c r="E2798" s="2" t="s">
        <v>7514</v>
      </c>
      <c r="F2798" s="8">
        <v>236</v>
      </c>
      <c r="G2798" s="5">
        <v>6</v>
      </c>
      <c r="H2798" s="5" t="s">
        <v>1518</v>
      </c>
      <c r="I2798" s="5" t="s">
        <v>36264</v>
      </c>
      <c r="J2798" s="2" t="s">
        <v>36265</v>
      </c>
      <c r="K2798" s="5" t="s">
        <v>36264</v>
      </c>
      <c r="L2798" s="2" t="s">
        <v>36265</v>
      </c>
      <c r="M2798" s="5" t="s">
        <v>36266</v>
      </c>
      <c r="N2798" s="5" t="s">
        <v>38</v>
      </c>
      <c r="O2798" s="5" t="s">
        <v>39</v>
      </c>
      <c r="P2798" s="5" t="s">
        <v>40</v>
      </c>
      <c r="Q2798" s="5" t="s">
        <v>1522</v>
      </c>
      <c r="R2798" s="5" t="s">
        <v>1523</v>
      </c>
      <c r="S2798" s="5" t="s">
        <v>42</v>
      </c>
      <c r="T2798" s="2">
        <v>1.9730000000000001</v>
      </c>
      <c r="U2798" s="2">
        <v>1.5109999999999999</v>
      </c>
      <c r="V2798" s="2">
        <v>0.01</v>
      </c>
      <c r="W2798" s="2">
        <v>76.900000000000006</v>
      </c>
      <c r="X2798" s="2">
        <v>7.6</v>
      </c>
      <c r="Y2798" s="2">
        <v>16.7</v>
      </c>
      <c r="Z2798" s="5"/>
      <c r="AA2798" s="5" t="s">
        <v>43</v>
      </c>
      <c r="AB2798" s="5" t="s">
        <v>44</v>
      </c>
      <c r="AC2798" s="2"/>
      <c r="AD2798" s="1"/>
    </row>
    <row r="2799" spans="1:30">
      <c r="A2799" s="5" t="s">
        <v>83578</v>
      </c>
      <c r="B2799" s="2" t="s">
        <v>91999</v>
      </c>
      <c r="C2799" s="14" t="s">
        <v>92000</v>
      </c>
      <c r="D2799" s="2" t="s">
        <v>92001</v>
      </c>
      <c r="E2799" s="2" t="s">
        <v>36273</v>
      </c>
      <c r="F2799" s="8">
        <v>236</v>
      </c>
      <c r="G2799" s="5">
        <v>6</v>
      </c>
      <c r="H2799" s="5" t="s">
        <v>1518</v>
      </c>
      <c r="I2799" s="5" t="s">
        <v>36264</v>
      </c>
      <c r="J2799" s="2" t="s">
        <v>36265</v>
      </c>
      <c r="K2799" s="5" t="s">
        <v>36264</v>
      </c>
      <c r="L2799" s="2" t="s">
        <v>36265</v>
      </c>
      <c r="M2799" s="5" t="s">
        <v>36266</v>
      </c>
      <c r="N2799" s="5" t="s">
        <v>38</v>
      </c>
      <c r="O2799" s="5" t="s">
        <v>39</v>
      </c>
      <c r="P2799" s="5" t="s">
        <v>40</v>
      </c>
      <c r="Q2799" s="5" t="s">
        <v>1522</v>
      </c>
      <c r="R2799" s="5" t="s">
        <v>1523</v>
      </c>
      <c r="S2799" s="5" t="s">
        <v>42</v>
      </c>
      <c r="T2799" s="2">
        <v>1.9259999999999999</v>
      </c>
      <c r="U2799" s="2">
        <v>1.464</v>
      </c>
      <c r="V2799" s="2">
        <v>0.01</v>
      </c>
      <c r="W2799" s="2">
        <v>76.900000000000006</v>
      </c>
      <c r="X2799" s="2">
        <v>7.6</v>
      </c>
      <c r="Y2799" s="2">
        <v>16.7</v>
      </c>
      <c r="Z2799" s="5"/>
      <c r="AA2799" s="5" t="s">
        <v>43</v>
      </c>
      <c r="AB2799" s="5" t="s">
        <v>44</v>
      </c>
      <c r="AC2799" s="2"/>
      <c r="AD2799" s="1"/>
    </row>
    <row r="2800" spans="1:30">
      <c r="A2800" s="5" t="s">
        <v>83578</v>
      </c>
      <c r="B2800" s="2" t="s">
        <v>92002</v>
      </c>
      <c r="C2800" s="14" t="s">
        <v>92003</v>
      </c>
      <c r="D2800" s="2" t="s">
        <v>92004</v>
      </c>
      <c r="E2800" s="2" t="s">
        <v>36277</v>
      </c>
      <c r="F2800" s="8">
        <v>236</v>
      </c>
      <c r="G2800" s="5">
        <v>6</v>
      </c>
      <c r="H2800" s="5" t="s">
        <v>1518</v>
      </c>
      <c r="I2800" s="5" t="s">
        <v>36264</v>
      </c>
      <c r="J2800" s="2" t="s">
        <v>36265</v>
      </c>
      <c r="K2800" s="5" t="s">
        <v>36264</v>
      </c>
      <c r="L2800" s="2" t="s">
        <v>36265</v>
      </c>
      <c r="M2800" s="5" t="s">
        <v>36266</v>
      </c>
      <c r="N2800" s="5" t="s">
        <v>38</v>
      </c>
      <c r="O2800" s="5" t="s">
        <v>39</v>
      </c>
      <c r="P2800" s="5" t="s">
        <v>40</v>
      </c>
      <c r="Q2800" s="5" t="s">
        <v>1522</v>
      </c>
      <c r="R2800" s="5" t="s">
        <v>1523</v>
      </c>
      <c r="S2800" s="5" t="s">
        <v>42</v>
      </c>
      <c r="T2800" s="2">
        <v>1.9730000000000001</v>
      </c>
      <c r="U2800" s="2">
        <v>1.5109999999999999</v>
      </c>
      <c r="V2800" s="2">
        <v>0.01</v>
      </c>
      <c r="W2800" s="2">
        <v>76.900000000000006</v>
      </c>
      <c r="X2800" s="2">
        <v>7.6</v>
      </c>
      <c r="Y2800" s="2">
        <v>16.7</v>
      </c>
      <c r="Z2800" s="5"/>
      <c r="AA2800" s="5" t="s">
        <v>43</v>
      </c>
      <c r="AB2800" s="5" t="s">
        <v>44</v>
      </c>
      <c r="AC2800" s="2"/>
      <c r="AD2800" s="1"/>
    </row>
    <row r="2801" spans="1:30">
      <c r="A2801" s="5" t="s">
        <v>83578</v>
      </c>
      <c r="B2801" s="2" t="s">
        <v>92005</v>
      </c>
      <c r="C2801" s="14" t="s">
        <v>92006</v>
      </c>
      <c r="D2801" s="2" t="s">
        <v>92007</v>
      </c>
      <c r="E2801" s="2" t="s">
        <v>36281</v>
      </c>
      <c r="F2801" s="8">
        <v>251</v>
      </c>
      <c r="G2801" s="5">
        <v>6</v>
      </c>
      <c r="H2801" s="5" t="s">
        <v>1518</v>
      </c>
      <c r="I2801" s="5" t="s">
        <v>36264</v>
      </c>
      <c r="J2801" s="2" t="s">
        <v>36265</v>
      </c>
      <c r="K2801" s="5" t="s">
        <v>36264</v>
      </c>
      <c r="L2801" s="2" t="s">
        <v>36265</v>
      </c>
      <c r="M2801" s="5" t="s">
        <v>36266</v>
      </c>
      <c r="N2801" s="5" t="s">
        <v>38</v>
      </c>
      <c r="O2801" s="5" t="s">
        <v>39</v>
      </c>
      <c r="P2801" s="5" t="s">
        <v>40</v>
      </c>
      <c r="Q2801" s="5" t="s">
        <v>1522</v>
      </c>
      <c r="R2801" s="5" t="s">
        <v>1523</v>
      </c>
      <c r="S2801" s="5" t="s">
        <v>42</v>
      </c>
      <c r="T2801" s="2">
        <v>1.9259999999999999</v>
      </c>
      <c r="U2801" s="2">
        <v>1.464</v>
      </c>
      <c r="V2801" s="2">
        <v>0.01</v>
      </c>
      <c r="W2801" s="2">
        <v>76.900000000000006</v>
      </c>
      <c r="X2801" s="2">
        <v>7.6</v>
      </c>
      <c r="Y2801" s="2">
        <v>16.7</v>
      </c>
      <c r="Z2801" s="5"/>
      <c r="AA2801" s="5" t="s">
        <v>43</v>
      </c>
      <c r="AB2801" s="5" t="s">
        <v>44</v>
      </c>
      <c r="AC2801" s="2"/>
      <c r="AD2801" s="1"/>
    </row>
    <row r="2802" spans="1:30">
      <c r="A2802" s="5" t="s">
        <v>83578</v>
      </c>
      <c r="B2802" s="2" t="s">
        <v>92008</v>
      </c>
      <c r="C2802" s="14" t="s">
        <v>92009</v>
      </c>
      <c r="D2802" s="2" t="s">
        <v>92010</v>
      </c>
      <c r="E2802" s="2" t="s">
        <v>36285</v>
      </c>
      <c r="F2802" s="8">
        <v>251</v>
      </c>
      <c r="G2802" s="5">
        <v>6</v>
      </c>
      <c r="H2802" s="5" t="s">
        <v>1518</v>
      </c>
      <c r="I2802" s="5" t="s">
        <v>36264</v>
      </c>
      <c r="J2802" s="2" t="s">
        <v>36265</v>
      </c>
      <c r="K2802" s="5" t="s">
        <v>36264</v>
      </c>
      <c r="L2802" s="2" t="s">
        <v>36265</v>
      </c>
      <c r="M2802" s="5" t="s">
        <v>36266</v>
      </c>
      <c r="N2802" s="5" t="s">
        <v>38</v>
      </c>
      <c r="O2802" s="5" t="s">
        <v>39</v>
      </c>
      <c r="P2802" s="5" t="s">
        <v>40</v>
      </c>
      <c r="Q2802" s="5" t="s">
        <v>1522</v>
      </c>
      <c r="R2802" s="5" t="s">
        <v>1523</v>
      </c>
      <c r="S2802" s="5" t="s">
        <v>42</v>
      </c>
      <c r="T2802" s="2">
        <v>1.9730000000000001</v>
      </c>
      <c r="U2802" s="2">
        <v>1.5109999999999999</v>
      </c>
      <c r="V2802" s="2">
        <v>0.01</v>
      </c>
      <c r="W2802" s="2">
        <v>76.900000000000006</v>
      </c>
      <c r="X2802" s="2">
        <v>7.6</v>
      </c>
      <c r="Y2802" s="2">
        <v>16.7</v>
      </c>
      <c r="Z2802" s="5"/>
      <c r="AA2802" s="5" t="s">
        <v>43</v>
      </c>
      <c r="AB2802" s="5" t="s">
        <v>44</v>
      </c>
      <c r="AC2802" s="2"/>
      <c r="AD2802" s="1"/>
    </row>
    <row r="2803" spans="1:30">
      <c r="A2803" s="5" t="s">
        <v>83578</v>
      </c>
      <c r="B2803" s="2" t="s">
        <v>92011</v>
      </c>
      <c r="C2803" s="14" t="s">
        <v>92012</v>
      </c>
      <c r="D2803" s="2" t="s">
        <v>92013</v>
      </c>
      <c r="E2803" s="2" t="s">
        <v>36293</v>
      </c>
      <c r="F2803" s="8">
        <v>251</v>
      </c>
      <c r="G2803" s="5">
        <v>6</v>
      </c>
      <c r="H2803" s="5" t="s">
        <v>1518</v>
      </c>
      <c r="I2803" s="5" t="s">
        <v>36264</v>
      </c>
      <c r="J2803" s="2" t="s">
        <v>36265</v>
      </c>
      <c r="K2803" s="5" t="s">
        <v>36264</v>
      </c>
      <c r="L2803" s="2" t="s">
        <v>36265</v>
      </c>
      <c r="M2803" s="5" t="s">
        <v>36266</v>
      </c>
      <c r="N2803" s="5" t="s">
        <v>38</v>
      </c>
      <c r="O2803" s="5" t="s">
        <v>39</v>
      </c>
      <c r="P2803" s="5" t="s">
        <v>40</v>
      </c>
      <c r="Q2803" s="5" t="s">
        <v>1522</v>
      </c>
      <c r="R2803" s="5" t="s">
        <v>1523</v>
      </c>
      <c r="S2803" s="5" t="s">
        <v>42</v>
      </c>
      <c r="T2803" s="2">
        <v>1.9730000000000001</v>
      </c>
      <c r="U2803" s="2">
        <v>1.5109999999999999</v>
      </c>
      <c r="V2803" s="2">
        <v>0.01</v>
      </c>
      <c r="W2803" s="2">
        <v>76.900000000000006</v>
      </c>
      <c r="X2803" s="2">
        <v>7.6</v>
      </c>
      <c r="Y2803" s="2">
        <v>16.7</v>
      </c>
      <c r="Z2803" s="5"/>
      <c r="AA2803" s="5" t="s">
        <v>43</v>
      </c>
      <c r="AB2803" s="5" t="s">
        <v>44</v>
      </c>
      <c r="AC2803" s="2"/>
      <c r="AD2803" s="1"/>
    </row>
    <row r="2804" spans="1:30">
      <c r="A2804" s="5" t="s">
        <v>83578</v>
      </c>
      <c r="B2804" s="2" t="s">
        <v>92014</v>
      </c>
      <c r="C2804" s="14" t="s">
        <v>92015</v>
      </c>
      <c r="D2804" s="2" t="s">
        <v>92016</v>
      </c>
      <c r="E2804" s="2" t="s">
        <v>36297</v>
      </c>
      <c r="F2804" s="8">
        <v>236</v>
      </c>
      <c r="G2804" s="5">
        <v>6</v>
      </c>
      <c r="H2804" s="5" t="s">
        <v>1518</v>
      </c>
      <c r="I2804" s="5" t="s">
        <v>36264</v>
      </c>
      <c r="J2804" s="2" t="s">
        <v>36265</v>
      </c>
      <c r="K2804" s="5" t="s">
        <v>36264</v>
      </c>
      <c r="L2804" s="2" t="s">
        <v>36265</v>
      </c>
      <c r="M2804" s="5" t="s">
        <v>36266</v>
      </c>
      <c r="N2804" s="5" t="s">
        <v>38</v>
      </c>
      <c r="O2804" s="5" t="s">
        <v>39</v>
      </c>
      <c r="P2804" s="5" t="s">
        <v>40</v>
      </c>
      <c r="Q2804" s="5" t="s">
        <v>1522</v>
      </c>
      <c r="R2804" s="5" t="s">
        <v>1523</v>
      </c>
      <c r="S2804" s="5" t="s">
        <v>42</v>
      </c>
      <c r="T2804" s="2">
        <v>1.9259999999999999</v>
      </c>
      <c r="U2804" s="2">
        <v>1.464</v>
      </c>
      <c r="V2804" s="2">
        <v>0.01</v>
      </c>
      <c r="W2804" s="2">
        <v>76.900000000000006</v>
      </c>
      <c r="X2804" s="2">
        <v>7.6</v>
      </c>
      <c r="Y2804" s="2">
        <v>16.7</v>
      </c>
      <c r="Z2804" s="5"/>
      <c r="AA2804" s="5" t="s">
        <v>43</v>
      </c>
      <c r="AB2804" s="5" t="s">
        <v>44</v>
      </c>
      <c r="AC2804" s="2"/>
      <c r="AD2804" s="1"/>
    </row>
    <row r="2805" spans="1:30">
      <c r="A2805" s="5" t="s">
        <v>83578</v>
      </c>
      <c r="B2805" s="2" t="s">
        <v>92017</v>
      </c>
      <c r="C2805" s="14" t="s">
        <v>92018</v>
      </c>
      <c r="D2805" s="2" t="s">
        <v>92019</v>
      </c>
      <c r="E2805" s="2" t="s">
        <v>36301</v>
      </c>
      <c r="F2805" s="8">
        <v>236</v>
      </c>
      <c r="G2805" s="5">
        <v>6</v>
      </c>
      <c r="H2805" s="5" t="s">
        <v>1518</v>
      </c>
      <c r="I2805" s="5" t="s">
        <v>36264</v>
      </c>
      <c r="J2805" s="2" t="s">
        <v>36265</v>
      </c>
      <c r="K2805" s="5" t="s">
        <v>36264</v>
      </c>
      <c r="L2805" s="2" t="s">
        <v>36265</v>
      </c>
      <c r="M2805" s="5" t="s">
        <v>36266</v>
      </c>
      <c r="N2805" s="5" t="s">
        <v>38</v>
      </c>
      <c r="O2805" s="5" t="s">
        <v>39</v>
      </c>
      <c r="P2805" s="5" t="s">
        <v>40</v>
      </c>
      <c r="Q2805" s="5" t="s">
        <v>1522</v>
      </c>
      <c r="R2805" s="5" t="s">
        <v>1523</v>
      </c>
      <c r="S2805" s="5" t="s">
        <v>42</v>
      </c>
      <c r="T2805" s="2">
        <v>1.9730000000000001</v>
      </c>
      <c r="U2805" s="2">
        <v>1.5109999999999999</v>
      </c>
      <c r="V2805" s="2">
        <v>0.01</v>
      </c>
      <c r="W2805" s="2">
        <v>76.900000000000006</v>
      </c>
      <c r="X2805" s="2">
        <v>7.6</v>
      </c>
      <c r="Y2805" s="2">
        <v>16.7</v>
      </c>
      <c r="Z2805" s="5"/>
      <c r="AA2805" s="5" t="s">
        <v>43</v>
      </c>
      <c r="AB2805" s="5" t="s">
        <v>44</v>
      </c>
      <c r="AC2805" s="2"/>
      <c r="AD2805" s="1"/>
    </row>
    <row r="2806" spans="1:30">
      <c r="A2806" s="5" t="s">
        <v>83578</v>
      </c>
      <c r="B2806" s="2" t="s">
        <v>92020</v>
      </c>
      <c r="C2806" s="14" t="s">
        <v>92021</v>
      </c>
      <c r="D2806" s="2" t="s">
        <v>92022</v>
      </c>
      <c r="E2806" s="2" t="s">
        <v>36305</v>
      </c>
      <c r="F2806" s="8">
        <v>236</v>
      </c>
      <c r="G2806" s="5">
        <v>6</v>
      </c>
      <c r="H2806" s="5" t="s">
        <v>1518</v>
      </c>
      <c r="I2806" s="5" t="s">
        <v>36264</v>
      </c>
      <c r="J2806" s="2" t="s">
        <v>36265</v>
      </c>
      <c r="K2806" s="5" t="s">
        <v>36264</v>
      </c>
      <c r="L2806" s="2" t="s">
        <v>36265</v>
      </c>
      <c r="M2806" s="5" t="s">
        <v>36266</v>
      </c>
      <c r="N2806" s="5" t="s">
        <v>38</v>
      </c>
      <c r="O2806" s="5" t="s">
        <v>39</v>
      </c>
      <c r="P2806" s="5" t="s">
        <v>40</v>
      </c>
      <c r="Q2806" s="5" t="s">
        <v>1522</v>
      </c>
      <c r="R2806" s="5" t="s">
        <v>1523</v>
      </c>
      <c r="S2806" s="5" t="s">
        <v>42</v>
      </c>
      <c r="T2806" s="2">
        <v>1.9259999999999999</v>
      </c>
      <c r="U2806" s="2">
        <v>1.464</v>
      </c>
      <c r="V2806" s="2">
        <v>0.01</v>
      </c>
      <c r="W2806" s="2">
        <v>76.900000000000006</v>
      </c>
      <c r="X2806" s="2">
        <v>7.6</v>
      </c>
      <c r="Y2806" s="2">
        <v>16.7</v>
      </c>
      <c r="Z2806" s="5"/>
      <c r="AA2806" s="5" t="s">
        <v>43</v>
      </c>
      <c r="AB2806" s="5" t="s">
        <v>44</v>
      </c>
      <c r="AC2806" s="2"/>
      <c r="AD2806" s="1"/>
    </row>
    <row r="2807" spans="1:30">
      <c r="A2807" s="5" t="s">
        <v>83578</v>
      </c>
      <c r="B2807" s="2" t="s">
        <v>92023</v>
      </c>
      <c r="C2807" s="14" t="s">
        <v>92024</v>
      </c>
      <c r="D2807" s="2" t="s">
        <v>92025</v>
      </c>
      <c r="E2807" s="2" t="s">
        <v>36309</v>
      </c>
      <c r="F2807" s="8">
        <v>236</v>
      </c>
      <c r="G2807" s="5">
        <v>6</v>
      </c>
      <c r="H2807" s="5" t="s">
        <v>1518</v>
      </c>
      <c r="I2807" s="5" t="s">
        <v>36264</v>
      </c>
      <c r="J2807" s="2" t="s">
        <v>36265</v>
      </c>
      <c r="K2807" s="5" t="s">
        <v>36264</v>
      </c>
      <c r="L2807" s="2" t="s">
        <v>36265</v>
      </c>
      <c r="M2807" s="5" t="s">
        <v>36266</v>
      </c>
      <c r="N2807" s="5" t="s">
        <v>38</v>
      </c>
      <c r="O2807" s="5" t="s">
        <v>39</v>
      </c>
      <c r="P2807" s="5" t="s">
        <v>40</v>
      </c>
      <c r="Q2807" s="5" t="s">
        <v>1522</v>
      </c>
      <c r="R2807" s="5" t="s">
        <v>1523</v>
      </c>
      <c r="S2807" s="5" t="s">
        <v>42</v>
      </c>
      <c r="T2807" s="2">
        <v>1.9730000000000001</v>
      </c>
      <c r="U2807" s="2">
        <v>1.5109999999999999</v>
      </c>
      <c r="V2807" s="2">
        <v>0.01</v>
      </c>
      <c r="W2807" s="2">
        <v>76.900000000000006</v>
      </c>
      <c r="X2807" s="2">
        <v>7.6</v>
      </c>
      <c r="Y2807" s="2">
        <v>16.7</v>
      </c>
      <c r="Z2807" s="5"/>
      <c r="AA2807" s="5" t="s">
        <v>43</v>
      </c>
      <c r="AB2807" s="5" t="s">
        <v>44</v>
      </c>
      <c r="AC2807" s="2"/>
      <c r="AD2807" s="1"/>
    </row>
    <row r="2808" spans="1:30">
      <c r="A2808" s="5" t="s">
        <v>83578</v>
      </c>
      <c r="B2808" s="2" t="s">
        <v>92026</v>
      </c>
      <c r="C2808" s="14" t="s">
        <v>92027</v>
      </c>
      <c r="D2808" s="2" t="s">
        <v>92028</v>
      </c>
      <c r="E2808" s="2" t="s">
        <v>36313</v>
      </c>
      <c r="F2808" s="8">
        <v>251</v>
      </c>
      <c r="G2808" s="5">
        <v>6</v>
      </c>
      <c r="H2808" s="5" t="s">
        <v>1518</v>
      </c>
      <c r="I2808" s="5" t="s">
        <v>36264</v>
      </c>
      <c r="J2808" s="2" t="s">
        <v>36265</v>
      </c>
      <c r="K2808" s="5" t="s">
        <v>36264</v>
      </c>
      <c r="L2808" s="2" t="s">
        <v>36265</v>
      </c>
      <c r="M2808" s="5" t="s">
        <v>36266</v>
      </c>
      <c r="N2808" s="5" t="s">
        <v>38</v>
      </c>
      <c r="O2808" s="5" t="s">
        <v>39</v>
      </c>
      <c r="P2808" s="5" t="s">
        <v>40</v>
      </c>
      <c r="Q2808" s="5" t="s">
        <v>1522</v>
      </c>
      <c r="R2808" s="5" t="s">
        <v>1523</v>
      </c>
      <c r="S2808" s="5" t="s">
        <v>42</v>
      </c>
      <c r="T2808" s="2">
        <v>1.9259999999999999</v>
      </c>
      <c r="U2808" s="2">
        <v>1.464</v>
      </c>
      <c r="V2808" s="2">
        <v>0.01</v>
      </c>
      <c r="W2808" s="2">
        <v>76.900000000000006</v>
      </c>
      <c r="X2808" s="2">
        <v>7.6</v>
      </c>
      <c r="Y2808" s="2">
        <v>16.7</v>
      </c>
      <c r="Z2808" s="5"/>
      <c r="AA2808" s="5" t="s">
        <v>43</v>
      </c>
      <c r="AB2808" s="5" t="s">
        <v>44</v>
      </c>
      <c r="AC2808" s="2"/>
      <c r="AD2808" s="1"/>
    </row>
    <row r="2809" spans="1:30">
      <c r="A2809" s="5" t="s">
        <v>83578</v>
      </c>
      <c r="B2809" s="2" t="s">
        <v>92029</v>
      </c>
      <c r="C2809" s="14" t="s">
        <v>92030</v>
      </c>
      <c r="D2809" s="2" t="s">
        <v>92031</v>
      </c>
      <c r="E2809" s="2" t="s">
        <v>36317</v>
      </c>
      <c r="F2809" s="8">
        <v>251</v>
      </c>
      <c r="G2809" s="5">
        <v>6</v>
      </c>
      <c r="H2809" s="5" t="s">
        <v>1518</v>
      </c>
      <c r="I2809" s="5" t="s">
        <v>36264</v>
      </c>
      <c r="J2809" s="2" t="s">
        <v>36265</v>
      </c>
      <c r="K2809" s="5" t="s">
        <v>36264</v>
      </c>
      <c r="L2809" s="2" t="s">
        <v>36265</v>
      </c>
      <c r="M2809" s="5" t="s">
        <v>36266</v>
      </c>
      <c r="N2809" s="5" t="s">
        <v>38</v>
      </c>
      <c r="O2809" s="5" t="s">
        <v>39</v>
      </c>
      <c r="P2809" s="5" t="s">
        <v>40</v>
      </c>
      <c r="Q2809" s="5" t="s">
        <v>1522</v>
      </c>
      <c r="R2809" s="5" t="s">
        <v>1523</v>
      </c>
      <c r="S2809" s="5" t="s">
        <v>42</v>
      </c>
      <c r="T2809" s="2">
        <v>1.9730000000000001</v>
      </c>
      <c r="U2809" s="2">
        <v>1.5109999999999999</v>
      </c>
      <c r="V2809" s="2">
        <v>0.01</v>
      </c>
      <c r="W2809" s="2">
        <v>76.900000000000006</v>
      </c>
      <c r="X2809" s="2">
        <v>7.6</v>
      </c>
      <c r="Y2809" s="2">
        <v>16.7</v>
      </c>
      <c r="Z2809" s="5"/>
      <c r="AA2809" s="5" t="s">
        <v>43</v>
      </c>
      <c r="AB2809" s="5" t="s">
        <v>44</v>
      </c>
      <c r="AC2809" s="2"/>
      <c r="AD2809" s="1"/>
    </row>
    <row r="2810" spans="1:30">
      <c r="A2810" s="5" t="s">
        <v>83578</v>
      </c>
      <c r="B2810" s="2" t="s">
        <v>92032</v>
      </c>
      <c r="C2810" s="14" t="s">
        <v>92033</v>
      </c>
      <c r="D2810" s="2" t="s">
        <v>92034</v>
      </c>
      <c r="E2810" s="2" t="s">
        <v>36321</v>
      </c>
      <c r="F2810" s="8">
        <v>251</v>
      </c>
      <c r="G2810" s="5">
        <v>6</v>
      </c>
      <c r="H2810" s="5" t="s">
        <v>1518</v>
      </c>
      <c r="I2810" s="5" t="s">
        <v>36264</v>
      </c>
      <c r="J2810" s="2" t="s">
        <v>36265</v>
      </c>
      <c r="K2810" s="5" t="s">
        <v>36264</v>
      </c>
      <c r="L2810" s="2" t="s">
        <v>36265</v>
      </c>
      <c r="M2810" s="5" t="s">
        <v>36266</v>
      </c>
      <c r="N2810" s="5" t="s">
        <v>38</v>
      </c>
      <c r="O2810" s="5" t="s">
        <v>39</v>
      </c>
      <c r="P2810" s="5" t="s">
        <v>40</v>
      </c>
      <c r="Q2810" s="5" t="s">
        <v>1522</v>
      </c>
      <c r="R2810" s="5" t="s">
        <v>1523</v>
      </c>
      <c r="S2810" s="5" t="s">
        <v>42</v>
      </c>
      <c r="T2810" s="2">
        <v>1.9259999999999999</v>
      </c>
      <c r="U2810" s="2">
        <v>1.464</v>
      </c>
      <c r="V2810" s="2">
        <v>0.01</v>
      </c>
      <c r="W2810" s="2">
        <v>76.900000000000006</v>
      </c>
      <c r="X2810" s="2">
        <v>7.6</v>
      </c>
      <c r="Y2810" s="2">
        <v>16.7</v>
      </c>
      <c r="Z2810" s="5"/>
      <c r="AA2810" s="5" t="s">
        <v>43</v>
      </c>
      <c r="AB2810" s="5" t="s">
        <v>44</v>
      </c>
      <c r="AC2810" s="2"/>
      <c r="AD2810" s="1"/>
    </row>
    <row r="2811" spans="1:30">
      <c r="A2811" s="5" t="s">
        <v>83578</v>
      </c>
      <c r="B2811" s="2" t="s">
        <v>92035</v>
      </c>
      <c r="C2811" s="14" t="s">
        <v>92036</v>
      </c>
      <c r="D2811" s="2" t="s">
        <v>92037</v>
      </c>
      <c r="E2811" s="2" t="s">
        <v>36325</v>
      </c>
      <c r="F2811" s="8">
        <v>251</v>
      </c>
      <c r="G2811" s="5">
        <v>6</v>
      </c>
      <c r="H2811" s="5" t="s">
        <v>1518</v>
      </c>
      <c r="I2811" s="5" t="s">
        <v>36264</v>
      </c>
      <c r="J2811" s="2" t="s">
        <v>36265</v>
      </c>
      <c r="K2811" s="5" t="s">
        <v>36264</v>
      </c>
      <c r="L2811" s="2" t="s">
        <v>36265</v>
      </c>
      <c r="M2811" s="5" t="s">
        <v>36266</v>
      </c>
      <c r="N2811" s="5" t="s">
        <v>38</v>
      </c>
      <c r="O2811" s="5" t="s">
        <v>39</v>
      </c>
      <c r="P2811" s="5" t="s">
        <v>40</v>
      </c>
      <c r="Q2811" s="5" t="s">
        <v>1522</v>
      </c>
      <c r="R2811" s="5" t="s">
        <v>1523</v>
      </c>
      <c r="S2811" s="5" t="s">
        <v>42</v>
      </c>
      <c r="T2811" s="2">
        <v>1.9730000000000001</v>
      </c>
      <c r="U2811" s="2">
        <v>1.5109999999999999</v>
      </c>
      <c r="V2811" s="2">
        <v>0.01</v>
      </c>
      <c r="W2811" s="2">
        <v>76.900000000000006</v>
      </c>
      <c r="X2811" s="2">
        <v>7.6</v>
      </c>
      <c r="Y2811" s="2">
        <v>16.7</v>
      </c>
      <c r="Z2811" s="5"/>
      <c r="AA2811" s="5" t="s">
        <v>43</v>
      </c>
      <c r="AB2811" s="5" t="s">
        <v>44</v>
      </c>
      <c r="AC2811" s="2"/>
      <c r="AD2811" s="1"/>
    </row>
    <row r="2812" spans="1:30">
      <c r="A2812" s="5" t="s">
        <v>83578</v>
      </c>
      <c r="B2812" s="2" t="s">
        <v>92038</v>
      </c>
      <c r="C2812" s="14" t="s">
        <v>92039</v>
      </c>
      <c r="D2812" s="2" t="s">
        <v>92040</v>
      </c>
      <c r="E2812" s="2" t="s">
        <v>36329</v>
      </c>
      <c r="F2812" s="8">
        <v>251</v>
      </c>
      <c r="G2812" s="5">
        <v>6</v>
      </c>
      <c r="H2812" s="5" t="s">
        <v>1518</v>
      </c>
      <c r="I2812" s="5" t="s">
        <v>36264</v>
      </c>
      <c r="J2812" s="2" t="s">
        <v>36265</v>
      </c>
      <c r="K2812" s="5" t="s">
        <v>36264</v>
      </c>
      <c r="L2812" s="2" t="s">
        <v>36265</v>
      </c>
      <c r="M2812" s="5" t="s">
        <v>36266</v>
      </c>
      <c r="N2812" s="5" t="s">
        <v>38</v>
      </c>
      <c r="O2812" s="5" t="s">
        <v>39</v>
      </c>
      <c r="P2812" s="5" t="s">
        <v>40</v>
      </c>
      <c r="Q2812" s="5" t="s">
        <v>1522</v>
      </c>
      <c r="R2812" s="5" t="s">
        <v>1523</v>
      </c>
      <c r="S2812" s="5" t="s">
        <v>42</v>
      </c>
      <c r="T2812" s="2">
        <v>1.9259999999999999</v>
      </c>
      <c r="U2812" s="2">
        <v>1.464</v>
      </c>
      <c r="V2812" s="2">
        <v>0.01</v>
      </c>
      <c r="W2812" s="2">
        <v>76.900000000000006</v>
      </c>
      <c r="X2812" s="2">
        <v>7.6</v>
      </c>
      <c r="Y2812" s="2">
        <v>16.7</v>
      </c>
      <c r="Z2812" s="5"/>
      <c r="AA2812" s="5" t="s">
        <v>43</v>
      </c>
      <c r="AB2812" s="5" t="s">
        <v>44</v>
      </c>
      <c r="AC2812" s="2"/>
      <c r="AD2812" s="1"/>
    </row>
    <row r="2813" spans="1:30">
      <c r="A2813" s="5" t="s">
        <v>83578</v>
      </c>
      <c r="B2813" s="2" t="s">
        <v>92041</v>
      </c>
      <c r="C2813" s="14" t="s">
        <v>92042</v>
      </c>
      <c r="D2813" s="2" t="s">
        <v>92043</v>
      </c>
      <c r="E2813" s="2" t="s">
        <v>36337</v>
      </c>
      <c r="F2813" s="8">
        <v>251</v>
      </c>
      <c r="G2813" s="5">
        <v>6</v>
      </c>
      <c r="H2813" s="5" t="s">
        <v>1518</v>
      </c>
      <c r="I2813" s="5" t="s">
        <v>36264</v>
      </c>
      <c r="J2813" s="2" t="s">
        <v>36265</v>
      </c>
      <c r="K2813" s="5" t="s">
        <v>36264</v>
      </c>
      <c r="L2813" s="2" t="s">
        <v>36265</v>
      </c>
      <c r="M2813" s="5" t="s">
        <v>36266</v>
      </c>
      <c r="N2813" s="5" t="s">
        <v>38</v>
      </c>
      <c r="O2813" s="5" t="s">
        <v>39</v>
      </c>
      <c r="P2813" s="5" t="s">
        <v>40</v>
      </c>
      <c r="Q2813" s="5" t="s">
        <v>1522</v>
      </c>
      <c r="R2813" s="5" t="s">
        <v>1523</v>
      </c>
      <c r="S2813" s="5" t="s">
        <v>42</v>
      </c>
      <c r="T2813" s="2">
        <v>1.9259999999999999</v>
      </c>
      <c r="U2813" s="2">
        <v>1.464</v>
      </c>
      <c r="V2813" s="2">
        <v>0.01</v>
      </c>
      <c r="W2813" s="2">
        <v>76.900000000000006</v>
      </c>
      <c r="X2813" s="2">
        <v>7.6</v>
      </c>
      <c r="Y2813" s="2">
        <v>16.7</v>
      </c>
      <c r="Z2813" s="5"/>
      <c r="AA2813" s="5" t="s">
        <v>43</v>
      </c>
      <c r="AB2813" s="5" t="s">
        <v>44</v>
      </c>
      <c r="AC2813" s="2"/>
      <c r="AD2813" s="1"/>
    </row>
    <row r="2814" spans="1:30">
      <c r="A2814" s="5" t="s">
        <v>83578</v>
      </c>
      <c r="B2814" s="2" t="s">
        <v>92044</v>
      </c>
      <c r="C2814" s="14" t="s">
        <v>92045</v>
      </c>
      <c r="D2814" s="2" t="s">
        <v>92046</v>
      </c>
      <c r="E2814" s="2" t="s">
        <v>36341</v>
      </c>
      <c r="F2814" s="8">
        <v>251</v>
      </c>
      <c r="G2814" s="5">
        <v>6</v>
      </c>
      <c r="H2814" s="5" t="s">
        <v>1518</v>
      </c>
      <c r="I2814" s="5" t="s">
        <v>36264</v>
      </c>
      <c r="J2814" s="2" t="s">
        <v>36265</v>
      </c>
      <c r="K2814" s="5" t="s">
        <v>36264</v>
      </c>
      <c r="L2814" s="2" t="s">
        <v>36265</v>
      </c>
      <c r="M2814" s="5" t="s">
        <v>36266</v>
      </c>
      <c r="N2814" s="5" t="s">
        <v>38</v>
      </c>
      <c r="O2814" s="5" t="s">
        <v>39</v>
      </c>
      <c r="P2814" s="5" t="s">
        <v>40</v>
      </c>
      <c r="Q2814" s="5" t="s">
        <v>1522</v>
      </c>
      <c r="R2814" s="5" t="s">
        <v>1523</v>
      </c>
      <c r="S2814" s="5" t="s">
        <v>42</v>
      </c>
      <c r="T2814" s="2">
        <v>1.9730000000000001</v>
      </c>
      <c r="U2814" s="2">
        <v>1.5109999999999999</v>
      </c>
      <c r="V2814" s="2">
        <v>0.01</v>
      </c>
      <c r="W2814" s="2">
        <v>76.900000000000006</v>
      </c>
      <c r="X2814" s="2">
        <v>7.6</v>
      </c>
      <c r="Y2814" s="2">
        <v>16.7</v>
      </c>
      <c r="Z2814" s="5"/>
      <c r="AA2814" s="5" t="s">
        <v>43</v>
      </c>
      <c r="AB2814" s="5" t="s">
        <v>44</v>
      </c>
      <c r="AC2814" s="2"/>
      <c r="AD2814" s="1"/>
    </row>
    <row r="2815" spans="1:30">
      <c r="A2815" s="5" t="s">
        <v>83578</v>
      </c>
      <c r="B2815" s="2" t="s">
        <v>92047</v>
      </c>
      <c r="C2815" s="14" t="s">
        <v>92048</v>
      </c>
      <c r="D2815" s="2" t="s">
        <v>92049</v>
      </c>
      <c r="E2815" s="2" t="s">
        <v>36345</v>
      </c>
      <c r="F2815" s="8">
        <v>251</v>
      </c>
      <c r="G2815" s="5">
        <v>6</v>
      </c>
      <c r="H2815" s="5" t="s">
        <v>1518</v>
      </c>
      <c r="I2815" s="5" t="s">
        <v>36264</v>
      </c>
      <c r="J2815" s="2" t="s">
        <v>36265</v>
      </c>
      <c r="K2815" s="5" t="s">
        <v>36264</v>
      </c>
      <c r="L2815" s="2" t="s">
        <v>36265</v>
      </c>
      <c r="M2815" s="5" t="s">
        <v>36266</v>
      </c>
      <c r="N2815" s="5" t="s">
        <v>38</v>
      </c>
      <c r="O2815" s="5" t="s">
        <v>39</v>
      </c>
      <c r="P2815" s="5" t="s">
        <v>40</v>
      </c>
      <c r="Q2815" s="5" t="s">
        <v>1522</v>
      </c>
      <c r="R2815" s="5" t="s">
        <v>1523</v>
      </c>
      <c r="S2815" s="5" t="s">
        <v>42</v>
      </c>
      <c r="T2815" s="2">
        <v>1.9259999999999999</v>
      </c>
      <c r="U2815" s="2">
        <v>1.464</v>
      </c>
      <c r="V2815" s="2">
        <v>0.01</v>
      </c>
      <c r="W2815" s="2">
        <v>76.900000000000006</v>
      </c>
      <c r="X2815" s="2">
        <v>7.6</v>
      </c>
      <c r="Y2815" s="2">
        <v>16.7</v>
      </c>
      <c r="Z2815" s="5"/>
      <c r="AA2815" s="5" t="s">
        <v>43</v>
      </c>
      <c r="AB2815" s="5" t="s">
        <v>44</v>
      </c>
      <c r="AC2815" s="2"/>
      <c r="AD2815" s="1"/>
    </row>
    <row r="2816" spans="1:30">
      <c r="A2816" s="5" t="s">
        <v>83578</v>
      </c>
      <c r="B2816" s="2" t="s">
        <v>92050</v>
      </c>
      <c r="C2816" s="14" t="s">
        <v>92051</v>
      </c>
      <c r="D2816" s="2" t="s">
        <v>92052</v>
      </c>
      <c r="E2816" s="2" t="s">
        <v>36349</v>
      </c>
      <c r="F2816" s="8">
        <v>251</v>
      </c>
      <c r="G2816" s="5">
        <v>6</v>
      </c>
      <c r="H2816" s="5" t="s">
        <v>1518</v>
      </c>
      <c r="I2816" s="5" t="s">
        <v>36264</v>
      </c>
      <c r="J2816" s="2" t="s">
        <v>36265</v>
      </c>
      <c r="K2816" s="5" t="s">
        <v>36264</v>
      </c>
      <c r="L2816" s="2" t="s">
        <v>36265</v>
      </c>
      <c r="M2816" s="5" t="s">
        <v>36266</v>
      </c>
      <c r="N2816" s="5" t="s">
        <v>38</v>
      </c>
      <c r="O2816" s="5" t="s">
        <v>39</v>
      </c>
      <c r="P2816" s="5" t="s">
        <v>40</v>
      </c>
      <c r="Q2816" s="5" t="s">
        <v>1522</v>
      </c>
      <c r="R2816" s="5" t="s">
        <v>1523</v>
      </c>
      <c r="S2816" s="5" t="s">
        <v>42</v>
      </c>
      <c r="T2816" s="2">
        <v>1.9730000000000001</v>
      </c>
      <c r="U2816" s="2">
        <v>1.5109999999999999</v>
      </c>
      <c r="V2816" s="2">
        <v>0.01</v>
      </c>
      <c r="W2816" s="2">
        <v>76.900000000000006</v>
      </c>
      <c r="X2816" s="2">
        <v>7.6</v>
      </c>
      <c r="Y2816" s="2">
        <v>16.7</v>
      </c>
      <c r="Z2816" s="5"/>
      <c r="AA2816" s="5" t="s">
        <v>43</v>
      </c>
      <c r="AB2816" s="5" t="s">
        <v>44</v>
      </c>
      <c r="AC2816" s="2"/>
      <c r="AD2816" s="1"/>
    </row>
    <row r="2817" spans="1:30">
      <c r="A2817" s="5" t="s">
        <v>83578</v>
      </c>
      <c r="B2817" s="2" t="s">
        <v>92053</v>
      </c>
      <c r="C2817" s="14" t="s">
        <v>92054</v>
      </c>
      <c r="D2817" s="2" t="s">
        <v>92055</v>
      </c>
      <c r="E2817" s="2" t="s">
        <v>36353</v>
      </c>
      <c r="F2817" s="8">
        <v>251</v>
      </c>
      <c r="G2817" s="5">
        <v>6</v>
      </c>
      <c r="H2817" s="5" t="s">
        <v>1518</v>
      </c>
      <c r="I2817" s="5" t="s">
        <v>36264</v>
      </c>
      <c r="J2817" s="2" t="s">
        <v>36265</v>
      </c>
      <c r="K2817" s="5" t="s">
        <v>36264</v>
      </c>
      <c r="L2817" s="2" t="s">
        <v>36265</v>
      </c>
      <c r="M2817" s="5" t="s">
        <v>36266</v>
      </c>
      <c r="N2817" s="5" t="s">
        <v>38</v>
      </c>
      <c r="O2817" s="5" t="s">
        <v>39</v>
      </c>
      <c r="P2817" s="5" t="s">
        <v>40</v>
      </c>
      <c r="Q2817" s="5" t="s">
        <v>1522</v>
      </c>
      <c r="R2817" s="5" t="s">
        <v>1523</v>
      </c>
      <c r="S2817" s="5" t="s">
        <v>42</v>
      </c>
      <c r="T2817" s="2">
        <v>1.9259999999999999</v>
      </c>
      <c r="U2817" s="2">
        <v>1.464</v>
      </c>
      <c r="V2817" s="2">
        <v>0.01</v>
      </c>
      <c r="W2817" s="2">
        <v>76.900000000000006</v>
      </c>
      <c r="X2817" s="2">
        <v>7.6</v>
      </c>
      <c r="Y2817" s="2">
        <v>16.7</v>
      </c>
      <c r="Z2817" s="5"/>
      <c r="AA2817" s="5" t="s">
        <v>43</v>
      </c>
      <c r="AB2817" s="5" t="s">
        <v>44</v>
      </c>
      <c r="AC2817" s="2"/>
      <c r="AD2817" s="1"/>
    </row>
    <row r="2818" spans="1:30">
      <c r="A2818" s="5" t="s">
        <v>83578</v>
      </c>
      <c r="B2818" s="2" t="s">
        <v>92056</v>
      </c>
      <c r="C2818" s="14" t="s">
        <v>92057</v>
      </c>
      <c r="D2818" s="2" t="s">
        <v>92058</v>
      </c>
      <c r="E2818" s="2" t="s">
        <v>45598</v>
      </c>
      <c r="F2818" s="8">
        <v>251</v>
      </c>
      <c r="G2818" s="5">
        <v>6</v>
      </c>
      <c r="H2818" s="5" t="s">
        <v>1518</v>
      </c>
      <c r="I2818" s="5" t="s">
        <v>36264</v>
      </c>
      <c r="J2818" s="2" t="s">
        <v>36265</v>
      </c>
      <c r="K2818" s="5" t="s">
        <v>36264</v>
      </c>
      <c r="L2818" s="2" t="s">
        <v>36265</v>
      </c>
      <c r="M2818" s="5" t="s">
        <v>36266</v>
      </c>
      <c r="N2818" s="5" t="s">
        <v>38</v>
      </c>
      <c r="O2818" s="5" t="s">
        <v>39</v>
      </c>
      <c r="P2818" s="5" t="s">
        <v>40</v>
      </c>
      <c r="Q2818" s="5" t="s">
        <v>1522</v>
      </c>
      <c r="R2818" s="5" t="s">
        <v>1523</v>
      </c>
      <c r="S2818" s="5" t="s">
        <v>42</v>
      </c>
      <c r="T2818" s="2">
        <v>1.9259999999999999</v>
      </c>
      <c r="U2818" s="2">
        <v>1.464</v>
      </c>
      <c r="V2818" s="2">
        <v>0.01</v>
      </c>
      <c r="W2818" s="2">
        <v>76.900000000000006</v>
      </c>
      <c r="X2818" s="2">
        <v>7.6</v>
      </c>
      <c r="Y2818" s="2">
        <v>16.7</v>
      </c>
      <c r="Z2818" s="5"/>
      <c r="AA2818" s="5" t="s">
        <v>43</v>
      </c>
      <c r="AB2818" s="5" t="s">
        <v>44</v>
      </c>
      <c r="AC2818" s="2"/>
      <c r="AD2818" s="1"/>
    </row>
    <row r="2819" spans="1:30">
      <c r="A2819" s="5" t="s">
        <v>83578</v>
      </c>
      <c r="B2819" s="2" t="s">
        <v>92059</v>
      </c>
      <c r="C2819" s="14" t="s">
        <v>92060</v>
      </c>
      <c r="D2819" s="2" t="s">
        <v>92061</v>
      </c>
      <c r="E2819" s="2" t="s">
        <v>45534</v>
      </c>
      <c r="F2819" s="8">
        <v>251</v>
      </c>
      <c r="G2819" s="5">
        <v>6</v>
      </c>
      <c r="H2819" s="5" t="s">
        <v>1518</v>
      </c>
      <c r="I2819" s="5" t="s">
        <v>36264</v>
      </c>
      <c r="J2819" s="2" t="s">
        <v>36265</v>
      </c>
      <c r="K2819" s="5" t="s">
        <v>36264</v>
      </c>
      <c r="L2819" s="2" t="s">
        <v>36265</v>
      </c>
      <c r="M2819" s="5" t="s">
        <v>36266</v>
      </c>
      <c r="N2819" s="5" t="s">
        <v>38</v>
      </c>
      <c r="O2819" s="5" t="s">
        <v>39</v>
      </c>
      <c r="P2819" s="5" t="s">
        <v>40</v>
      </c>
      <c r="Q2819" s="5" t="s">
        <v>1522</v>
      </c>
      <c r="R2819" s="5" t="s">
        <v>1523</v>
      </c>
      <c r="S2819" s="5" t="s">
        <v>42</v>
      </c>
      <c r="T2819" s="2">
        <v>1.9730000000000001</v>
      </c>
      <c r="U2819" s="2">
        <v>1.5109999999999999</v>
      </c>
      <c r="V2819" s="2">
        <v>0.01</v>
      </c>
      <c r="W2819" s="2">
        <v>76.900000000000006</v>
      </c>
      <c r="X2819" s="2">
        <v>7.6</v>
      </c>
      <c r="Y2819" s="2">
        <v>16.7</v>
      </c>
      <c r="Z2819" s="5"/>
      <c r="AA2819" s="5" t="s">
        <v>43</v>
      </c>
      <c r="AB2819" s="5" t="s">
        <v>44</v>
      </c>
      <c r="AC2819" s="2"/>
      <c r="AD2819" s="1"/>
    </row>
    <row r="2820" spans="1:30">
      <c r="A2820" s="5" t="s">
        <v>83578</v>
      </c>
      <c r="B2820" s="2" t="s">
        <v>92062</v>
      </c>
      <c r="C2820" s="14" t="s">
        <v>92063</v>
      </c>
      <c r="D2820" s="2" t="s">
        <v>92064</v>
      </c>
      <c r="E2820" s="2" t="s">
        <v>36369</v>
      </c>
      <c r="F2820" s="8">
        <v>251</v>
      </c>
      <c r="G2820" s="5">
        <v>6</v>
      </c>
      <c r="H2820" s="5" t="s">
        <v>1518</v>
      </c>
      <c r="I2820" s="5" t="s">
        <v>36264</v>
      </c>
      <c r="J2820" s="2" t="s">
        <v>36265</v>
      </c>
      <c r="K2820" s="5" t="s">
        <v>36264</v>
      </c>
      <c r="L2820" s="2" t="s">
        <v>36265</v>
      </c>
      <c r="M2820" s="5" t="s">
        <v>36266</v>
      </c>
      <c r="N2820" s="5" t="s">
        <v>38</v>
      </c>
      <c r="O2820" s="5" t="s">
        <v>39</v>
      </c>
      <c r="P2820" s="5" t="s">
        <v>40</v>
      </c>
      <c r="Q2820" s="5" t="s">
        <v>1522</v>
      </c>
      <c r="R2820" s="5" t="s">
        <v>1523</v>
      </c>
      <c r="S2820" s="5" t="s">
        <v>42</v>
      </c>
      <c r="T2820" s="2">
        <v>1.9259999999999999</v>
      </c>
      <c r="U2820" s="2">
        <v>1.464</v>
      </c>
      <c r="V2820" s="2">
        <v>0.01</v>
      </c>
      <c r="W2820" s="2">
        <v>76.900000000000006</v>
      </c>
      <c r="X2820" s="2">
        <v>7.6</v>
      </c>
      <c r="Y2820" s="2">
        <v>16.7</v>
      </c>
      <c r="Z2820" s="5"/>
      <c r="AA2820" s="5" t="s">
        <v>43</v>
      </c>
      <c r="AB2820" s="5" t="s">
        <v>44</v>
      </c>
      <c r="AC2820" s="2"/>
      <c r="AD2820" s="1"/>
    </row>
    <row r="2821" spans="1:30">
      <c r="A2821" s="5" t="s">
        <v>83578</v>
      </c>
      <c r="B2821" s="2" t="s">
        <v>92065</v>
      </c>
      <c r="C2821" s="14" t="s">
        <v>92066</v>
      </c>
      <c r="D2821" s="2" t="s">
        <v>92067</v>
      </c>
      <c r="E2821" s="2" t="s">
        <v>36373</v>
      </c>
      <c r="F2821" s="8">
        <v>251</v>
      </c>
      <c r="G2821" s="5">
        <v>6</v>
      </c>
      <c r="H2821" s="5" t="s">
        <v>1518</v>
      </c>
      <c r="I2821" s="5" t="s">
        <v>36264</v>
      </c>
      <c r="J2821" s="2" t="s">
        <v>36265</v>
      </c>
      <c r="K2821" s="5" t="s">
        <v>36264</v>
      </c>
      <c r="L2821" s="2" t="s">
        <v>36265</v>
      </c>
      <c r="M2821" s="5" t="s">
        <v>36266</v>
      </c>
      <c r="N2821" s="5" t="s">
        <v>38</v>
      </c>
      <c r="O2821" s="5" t="s">
        <v>39</v>
      </c>
      <c r="P2821" s="5" t="s">
        <v>40</v>
      </c>
      <c r="Q2821" s="5" t="s">
        <v>1522</v>
      </c>
      <c r="R2821" s="5" t="s">
        <v>1523</v>
      </c>
      <c r="S2821" s="5" t="s">
        <v>42</v>
      </c>
      <c r="T2821" s="2">
        <v>1.9730000000000001</v>
      </c>
      <c r="U2821" s="2">
        <v>1.5109999999999999</v>
      </c>
      <c r="V2821" s="2">
        <v>0.01</v>
      </c>
      <c r="W2821" s="2">
        <v>76.900000000000006</v>
      </c>
      <c r="X2821" s="2">
        <v>7.6</v>
      </c>
      <c r="Y2821" s="2">
        <v>16.7</v>
      </c>
      <c r="Z2821" s="5"/>
      <c r="AA2821" s="5" t="s">
        <v>43</v>
      </c>
      <c r="AB2821" s="5" t="s">
        <v>44</v>
      </c>
      <c r="AC2821" s="2"/>
      <c r="AD2821" s="1"/>
    </row>
    <row r="2822" spans="1:30">
      <c r="A2822" s="5" t="s">
        <v>83578</v>
      </c>
      <c r="B2822" s="2" t="s">
        <v>92068</v>
      </c>
      <c r="C2822" s="14" t="s">
        <v>92069</v>
      </c>
      <c r="D2822" s="2" t="s">
        <v>92070</v>
      </c>
      <c r="E2822" s="2" t="s">
        <v>36381</v>
      </c>
      <c r="F2822" s="8">
        <v>251</v>
      </c>
      <c r="G2822" s="5">
        <v>6</v>
      </c>
      <c r="H2822" s="5" t="s">
        <v>1518</v>
      </c>
      <c r="I2822" s="5" t="s">
        <v>36264</v>
      </c>
      <c r="J2822" s="2" t="s">
        <v>36265</v>
      </c>
      <c r="K2822" s="5" t="s">
        <v>36264</v>
      </c>
      <c r="L2822" s="2" t="s">
        <v>36265</v>
      </c>
      <c r="M2822" s="5" t="s">
        <v>36266</v>
      </c>
      <c r="N2822" s="5" t="s">
        <v>38</v>
      </c>
      <c r="O2822" s="5" t="s">
        <v>39</v>
      </c>
      <c r="P2822" s="5" t="s">
        <v>40</v>
      </c>
      <c r="Q2822" s="5" t="s">
        <v>1522</v>
      </c>
      <c r="R2822" s="5" t="s">
        <v>1523</v>
      </c>
      <c r="S2822" s="5" t="s">
        <v>42</v>
      </c>
      <c r="T2822" s="2">
        <v>1.9730000000000001</v>
      </c>
      <c r="U2822" s="2">
        <v>1.5109999999999999</v>
      </c>
      <c r="V2822" s="2">
        <v>0.01</v>
      </c>
      <c r="W2822" s="2">
        <v>76.900000000000006</v>
      </c>
      <c r="X2822" s="2">
        <v>7.6</v>
      </c>
      <c r="Y2822" s="2">
        <v>16.7</v>
      </c>
      <c r="Z2822" s="5"/>
      <c r="AA2822" s="5" t="s">
        <v>43</v>
      </c>
      <c r="AB2822" s="5" t="s">
        <v>44</v>
      </c>
      <c r="AC2822" s="2"/>
      <c r="AD2822" s="1"/>
    </row>
    <row r="2823" spans="1:30">
      <c r="A2823" s="5" t="s">
        <v>83578</v>
      </c>
      <c r="B2823" s="2" t="s">
        <v>92071</v>
      </c>
      <c r="C2823" s="14" t="s">
        <v>92072</v>
      </c>
      <c r="D2823" s="2" t="s">
        <v>92073</v>
      </c>
      <c r="E2823" s="2" t="s">
        <v>36385</v>
      </c>
      <c r="F2823" s="8">
        <v>251</v>
      </c>
      <c r="G2823" s="5">
        <v>6</v>
      </c>
      <c r="H2823" s="5" t="s">
        <v>1518</v>
      </c>
      <c r="I2823" s="5" t="s">
        <v>36264</v>
      </c>
      <c r="J2823" s="2" t="s">
        <v>36265</v>
      </c>
      <c r="K2823" s="5" t="s">
        <v>36264</v>
      </c>
      <c r="L2823" s="2" t="s">
        <v>36265</v>
      </c>
      <c r="M2823" s="5" t="s">
        <v>36266</v>
      </c>
      <c r="N2823" s="5" t="s">
        <v>38</v>
      </c>
      <c r="O2823" s="5" t="s">
        <v>39</v>
      </c>
      <c r="P2823" s="5" t="s">
        <v>40</v>
      </c>
      <c r="Q2823" s="5" t="s">
        <v>1522</v>
      </c>
      <c r="R2823" s="5" t="s">
        <v>1523</v>
      </c>
      <c r="S2823" s="5" t="s">
        <v>42</v>
      </c>
      <c r="T2823" s="2">
        <v>1.9259999999999999</v>
      </c>
      <c r="U2823" s="2">
        <v>1.464</v>
      </c>
      <c r="V2823" s="2">
        <v>0.01</v>
      </c>
      <c r="W2823" s="2">
        <v>76.900000000000006</v>
      </c>
      <c r="X2823" s="2">
        <v>7.6</v>
      </c>
      <c r="Y2823" s="2">
        <v>16.7</v>
      </c>
      <c r="Z2823" s="5"/>
      <c r="AA2823" s="5" t="s">
        <v>43</v>
      </c>
      <c r="AB2823" s="5" t="s">
        <v>44</v>
      </c>
      <c r="AC2823" s="2"/>
      <c r="AD2823" s="1"/>
    </row>
    <row r="2824" spans="1:30">
      <c r="A2824" s="5" t="s">
        <v>83578</v>
      </c>
      <c r="B2824" s="2" t="s">
        <v>92074</v>
      </c>
      <c r="C2824" s="14" t="s">
        <v>92075</v>
      </c>
      <c r="D2824" s="2" t="s">
        <v>92076</v>
      </c>
      <c r="E2824" s="2" t="s">
        <v>36389</v>
      </c>
      <c r="F2824" s="8">
        <v>251</v>
      </c>
      <c r="G2824" s="5">
        <v>6</v>
      </c>
      <c r="H2824" s="5" t="s">
        <v>1518</v>
      </c>
      <c r="I2824" s="5" t="s">
        <v>36264</v>
      </c>
      <c r="J2824" s="2" t="s">
        <v>36265</v>
      </c>
      <c r="K2824" s="5" t="s">
        <v>36264</v>
      </c>
      <c r="L2824" s="2" t="s">
        <v>36265</v>
      </c>
      <c r="M2824" s="5" t="s">
        <v>36266</v>
      </c>
      <c r="N2824" s="5" t="s">
        <v>38</v>
      </c>
      <c r="O2824" s="5" t="s">
        <v>39</v>
      </c>
      <c r="P2824" s="5" t="s">
        <v>40</v>
      </c>
      <c r="Q2824" s="5" t="s">
        <v>1522</v>
      </c>
      <c r="R2824" s="5" t="s">
        <v>1523</v>
      </c>
      <c r="S2824" s="5" t="s">
        <v>42</v>
      </c>
      <c r="T2824" s="2">
        <v>1.9730000000000001</v>
      </c>
      <c r="U2824" s="2">
        <v>1.5109999999999999</v>
      </c>
      <c r="V2824" s="2">
        <v>0.01</v>
      </c>
      <c r="W2824" s="2">
        <v>76.900000000000006</v>
      </c>
      <c r="X2824" s="2">
        <v>7.6</v>
      </c>
      <c r="Y2824" s="2">
        <v>16.7</v>
      </c>
      <c r="Z2824" s="5"/>
      <c r="AA2824" s="5" t="s">
        <v>43</v>
      </c>
      <c r="AB2824" s="5" t="s">
        <v>44</v>
      </c>
      <c r="AC2824" s="2"/>
      <c r="AD2824" s="1"/>
    </row>
    <row r="2825" spans="1:30">
      <c r="A2825" s="5" t="s">
        <v>83578</v>
      </c>
      <c r="B2825" s="2" t="s">
        <v>92077</v>
      </c>
      <c r="C2825" s="14" t="s">
        <v>92078</v>
      </c>
      <c r="D2825" s="2" t="s">
        <v>92079</v>
      </c>
      <c r="E2825" s="2" t="s">
        <v>7514</v>
      </c>
      <c r="F2825" s="8">
        <v>251</v>
      </c>
      <c r="G2825" s="5">
        <v>6</v>
      </c>
      <c r="H2825" s="5" t="s">
        <v>1518</v>
      </c>
      <c r="I2825" s="5" t="s">
        <v>36264</v>
      </c>
      <c r="J2825" s="2" t="s">
        <v>36265</v>
      </c>
      <c r="K2825" s="5" t="s">
        <v>36264</v>
      </c>
      <c r="L2825" s="2" t="s">
        <v>36265</v>
      </c>
      <c r="M2825" s="5" t="s">
        <v>36266</v>
      </c>
      <c r="N2825" s="5" t="s">
        <v>38</v>
      </c>
      <c r="O2825" s="5" t="s">
        <v>39</v>
      </c>
      <c r="P2825" s="5" t="s">
        <v>40</v>
      </c>
      <c r="Q2825" s="5" t="s">
        <v>1522</v>
      </c>
      <c r="R2825" s="5" t="s">
        <v>1523</v>
      </c>
      <c r="S2825" s="5" t="s">
        <v>42</v>
      </c>
      <c r="T2825" s="2">
        <v>2.133</v>
      </c>
      <c r="U2825" s="2">
        <v>1.677</v>
      </c>
      <c r="V2825" s="2">
        <v>0.01</v>
      </c>
      <c r="W2825" s="2">
        <v>76.900000000000006</v>
      </c>
      <c r="X2825" s="2">
        <v>7.6</v>
      </c>
      <c r="Y2825" s="2">
        <v>16.7</v>
      </c>
      <c r="Z2825" s="5"/>
      <c r="AA2825" s="5" t="s">
        <v>43</v>
      </c>
      <c r="AB2825" s="5" t="s">
        <v>44</v>
      </c>
      <c r="AC2825" s="2"/>
      <c r="AD2825" s="1"/>
    </row>
    <row r="2826" spans="1:30">
      <c r="A2826" s="5" t="s">
        <v>83578</v>
      </c>
      <c r="B2826" s="2" t="s">
        <v>92080</v>
      </c>
      <c r="C2826" s="14" t="s">
        <v>92081</v>
      </c>
      <c r="D2826" s="2" t="s">
        <v>92082</v>
      </c>
      <c r="E2826" s="2" t="s">
        <v>36273</v>
      </c>
      <c r="F2826" s="8">
        <v>251</v>
      </c>
      <c r="G2826" s="5">
        <v>6</v>
      </c>
      <c r="H2826" s="5" t="s">
        <v>1518</v>
      </c>
      <c r="I2826" s="5" t="s">
        <v>36264</v>
      </c>
      <c r="J2826" s="2" t="s">
        <v>36265</v>
      </c>
      <c r="K2826" s="5" t="s">
        <v>36264</v>
      </c>
      <c r="L2826" s="2" t="s">
        <v>36265</v>
      </c>
      <c r="M2826" s="5" t="s">
        <v>36266</v>
      </c>
      <c r="N2826" s="5" t="s">
        <v>38</v>
      </c>
      <c r="O2826" s="5" t="s">
        <v>39</v>
      </c>
      <c r="P2826" s="5" t="s">
        <v>40</v>
      </c>
      <c r="Q2826" s="5" t="s">
        <v>1522</v>
      </c>
      <c r="R2826" s="5" t="s">
        <v>1523</v>
      </c>
      <c r="S2826" s="5" t="s">
        <v>42</v>
      </c>
      <c r="T2826" s="2">
        <v>2.0750000000000002</v>
      </c>
      <c r="U2826" s="2">
        <v>1.619</v>
      </c>
      <c r="V2826" s="2">
        <v>0.01</v>
      </c>
      <c r="W2826" s="2">
        <v>76.900000000000006</v>
      </c>
      <c r="X2826" s="2">
        <v>7.6</v>
      </c>
      <c r="Y2826" s="2">
        <v>16.7</v>
      </c>
      <c r="Z2826" s="5"/>
      <c r="AA2826" s="5" t="s">
        <v>43</v>
      </c>
      <c r="AB2826" s="5" t="s">
        <v>44</v>
      </c>
      <c r="AC2826" s="2"/>
      <c r="AD2826" s="1"/>
    </row>
    <row r="2827" spans="1:30">
      <c r="A2827" s="5" t="s">
        <v>83578</v>
      </c>
      <c r="B2827" s="2" t="s">
        <v>92083</v>
      </c>
      <c r="C2827" s="14" t="s">
        <v>92084</v>
      </c>
      <c r="D2827" s="2" t="s">
        <v>92085</v>
      </c>
      <c r="E2827" s="2" t="s">
        <v>36277</v>
      </c>
      <c r="F2827" s="8">
        <v>251</v>
      </c>
      <c r="G2827" s="5">
        <v>6</v>
      </c>
      <c r="H2827" s="5" t="s">
        <v>1518</v>
      </c>
      <c r="I2827" s="5" t="s">
        <v>36264</v>
      </c>
      <c r="J2827" s="2" t="s">
        <v>36265</v>
      </c>
      <c r="K2827" s="5" t="s">
        <v>36264</v>
      </c>
      <c r="L2827" s="2" t="s">
        <v>36265</v>
      </c>
      <c r="M2827" s="5" t="s">
        <v>36266</v>
      </c>
      <c r="N2827" s="5" t="s">
        <v>38</v>
      </c>
      <c r="O2827" s="5" t="s">
        <v>39</v>
      </c>
      <c r="P2827" s="5" t="s">
        <v>40</v>
      </c>
      <c r="Q2827" s="5" t="s">
        <v>1522</v>
      </c>
      <c r="R2827" s="5" t="s">
        <v>1523</v>
      </c>
      <c r="S2827" s="5" t="s">
        <v>42</v>
      </c>
      <c r="T2827" s="2">
        <v>2.133</v>
      </c>
      <c r="U2827" s="2">
        <v>1.677</v>
      </c>
      <c r="V2827" s="2">
        <v>0.01</v>
      </c>
      <c r="W2827" s="2">
        <v>76.900000000000006</v>
      </c>
      <c r="X2827" s="2">
        <v>7.6</v>
      </c>
      <c r="Y2827" s="2">
        <v>16.7</v>
      </c>
      <c r="Z2827" s="5"/>
      <c r="AA2827" s="5" t="s">
        <v>43</v>
      </c>
      <c r="AB2827" s="5" t="s">
        <v>44</v>
      </c>
      <c r="AC2827" s="2"/>
      <c r="AD2827" s="1"/>
    </row>
    <row r="2828" spans="1:30">
      <c r="A2828" s="5" t="s">
        <v>83578</v>
      </c>
      <c r="B2828" s="2" t="s">
        <v>92086</v>
      </c>
      <c r="C2828" s="14" t="s">
        <v>92087</v>
      </c>
      <c r="D2828" s="2" t="s">
        <v>92088</v>
      </c>
      <c r="E2828" s="2" t="s">
        <v>36281</v>
      </c>
      <c r="F2828" s="8">
        <v>268</v>
      </c>
      <c r="G2828" s="5">
        <v>6</v>
      </c>
      <c r="H2828" s="5" t="s">
        <v>1518</v>
      </c>
      <c r="I2828" s="5" t="s">
        <v>36264</v>
      </c>
      <c r="J2828" s="2" t="s">
        <v>36265</v>
      </c>
      <c r="K2828" s="5" t="s">
        <v>36264</v>
      </c>
      <c r="L2828" s="2" t="s">
        <v>36265</v>
      </c>
      <c r="M2828" s="5" t="s">
        <v>36266</v>
      </c>
      <c r="N2828" s="5" t="s">
        <v>38</v>
      </c>
      <c r="O2828" s="5" t="s">
        <v>39</v>
      </c>
      <c r="P2828" s="5" t="s">
        <v>40</v>
      </c>
      <c r="Q2828" s="5" t="s">
        <v>1522</v>
      </c>
      <c r="R2828" s="5" t="s">
        <v>1523</v>
      </c>
      <c r="S2828" s="5" t="s">
        <v>42</v>
      </c>
      <c r="T2828" s="2">
        <v>2.0750000000000002</v>
      </c>
      <c r="U2828" s="2">
        <v>1.619</v>
      </c>
      <c r="V2828" s="2">
        <v>0.01</v>
      </c>
      <c r="W2828" s="2">
        <v>76.900000000000006</v>
      </c>
      <c r="X2828" s="2">
        <v>7.6</v>
      </c>
      <c r="Y2828" s="2">
        <v>16.7</v>
      </c>
      <c r="Z2828" s="5"/>
      <c r="AA2828" s="5" t="s">
        <v>43</v>
      </c>
      <c r="AB2828" s="5" t="s">
        <v>44</v>
      </c>
      <c r="AC2828" s="2"/>
      <c r="AD2828" s="1"/>
    </row>
    <row r="2829" spans="1:30">
      <c r="A2829" s="5" t="s">
        <v>83578</v>
      </c>
      <c r="B2829" s="2" t="s">
        <v>92089</v>
      </c>
      <c r="C2829" s="14" t="s">
        <v>92090</v>
      </c>
      <c r="D2829" s="2" t="s">
        <v>92091</v>
      </c>
      <c r="E2829" s="2" t="s">
        <v>36285</v>
      </c>
      <c r="F2829" s="8">
        <v>268</v>
      </c>
      <c r="G2829" s="5">
        <v>6</v>
      </c>
      <c r="H2829" s="5" t="s">
        <v>1518</v>
      </c>
      <c r="I2829" s="5" t="s">
        <v>36264</v>
      </c>
      <c r="J2829" s="2" t="s">
        <v>36265</v>
      </c>
      <c r="K2829" s="5" t="s">
        <v>36264</v>
      </c>
      <c r="L2829" s="2" t="s">
        <v>36265</v>
      </c>
      <c r="M2829" s="5" t="s">
        <v>36266</v>
      </c>
      <c r="N2829" s="5" t="s">
        <v>38</v>
      </c>
      <c r="O2829" s="5" t="s">
        <v>39</v>
      </c>
      <c r="P2829" s="5" t="s">
        <v>40</v>
      </c>
      <c r="Q2829" s="5" t="s">
        <v>1522</v>
      </c>
      <c r="R2829" s="5" t="s">
        <v>1523</v>
      </c>
      <c r="S2829" s="5" t="s">
        <v>42</v>
      </c>
      <c r="T2829" s="2">
        <v>2.133</v>
      </c>
      <c r="U2829" s="2">
        <v>1.677</v>
      </c>
      <c r="V2829" s="2">
        <v>0.01</v>
      </c>
      <c r="W2829" s="2">
        <v>76.900000000000006</v>
      </c>
      <c r="X2829" s="2">
        <v>7.6</v>
      </c>
      <c r="Y2829" s="2">
        <v>16.7</v>
      </c>
      <c r="Z2829" s="5"/>
      <c r="AA2829" s="5" t="s">
        <v>43</v>
      </c>
      <c r="AB2829" s="5" t="s">
        <v>44</v>
      </c>
      <c r="AC2829" s="2"/>
      <c r="AD2829" s="1"/>
    </row>
    <row r="2830" spans="1:30">
      <c r="A2830" s="5" t="s">
        <v>83578</v>
      </c>
      <c r="B2830" s="2" t="s">
        <v>92092</v>
      </c>
      <c r="C2830" s="14" t="s">
        <v>92093</v>
      </c>
      <c r="D2830" s="2" t="s">
        <v>92094</v>
      </c>
      <c r="E2830" s="2" t="s">
        <v>36293</v>
      </c>
      <c r="F2830" s="8">
        <v>268</v>
      </c>
      <c r="G2830" s="5">
        <v>6</v>
      </c>
      <c r="H2830" s="5" t="s">
        <v>1518</v>
      </c>
      <c r="I2830" s="5" t="s">
        <v>36264</v>
      </c>
      <c r="J2830" s="2" t="s">
        <v>36265</v>
      </c>
      <c r="K2830" s="5" t="s">
        <v>36264</v>
      </c>
      <c r="L2830" s="2" t="s">
        <v>36265</v>
      </c>
      <c r="M2830" s="5" t="s">
        <v>36266</v>
      </c>
      <c r="N2830" s="5" t="s">
        <v>38</v>
      </c>
      <c r="O2830" s="5" t="s">
        <v>39</v>
      </c>
      <c r="P2830" s="5" t="s">
        <v>40</v>
      </c>
      <c r="Q2830" s="5" t="s">
        <v>1522</v>
      </c>
      <c r="R2830" s="5" t="s">
        <v>1523</v>
      </c>
      <c r="S2830" s="5" t="s">
        <v>42</v>
      </c>
      <c r="T2830" s="2">
        <v>2.133</v>
      </c>
      <c r="U2830" s="2">
        <v>1.677</v>
      </c>
      <c r="V2830" s="2">
        <v>0.01</v>
      </c>
      <c r="W2830" s="2">
        <v>76.900000000000006</v>
      </c>
      <c r="X2830" s="2">
        <v>7.6</v>
      </c>
      <c r="Y2830" s="2">
        <v>16.7</v>
      </c>
      <c r="Z2830" s="5"/>
      <c r="AA2830" s="5" t="s">
        <v>43</v>
      </c>
      <c r="AB2830" s="5" t="s">
        <v>44</v>
      </c>
      <c r="AC2830" s="2"/>
      <c r="AD2830" s="1"/>
    </row>
    <row r="2831" spans="1:30">
      <c r="A2831" s="5" t="s">
        <v>83578</v>
      </c>
      <c r="B2831" s="2" t="s">
        <v>92095</v>
      </c>
      <c r="C2831" s="14" t="s">
        <v>92096</v>
      </c>
      <c r="D2831" s="2" t="s">
        <v>92097</v>
      </c>
      <c r="E2831" s="2" t="s">
        <v>36297</v>
      </c>
      <c r="F2831" s="8">
        <v>251</v>
      </c>
      <c r="G2831" s="5">
        <v>6</v>
      </c>
      <c r="H2831" s="5" t="s">
        <v>1518</v>
      </c>
      <c r="I2831" s="5" t="s">
        <v>36264</v>
      </c>
      <c r="J2831" s="2" t="s">
        <v>36265</v>
      </c>
      <c r="K2831" s="5" t="s">
        <v>36264</v>
      </c>
      <c r="L2831" s="2" t="s">
        <v>36265</v>
      </c>
      <c r="M2831" s="5" t="s">
        <v>36266</v>
      </c>
      <c r="N2831" s="5" t="s">
        <v>38</v>
      </c>
      <c r="O2831" s="5" t="s">
        <v>39</v>
      </c>
      <c r="P2831" s="5" t="s">
        <v>40</v>
      </c>
      <c r="Q2831" s="5" t="s">
        <v>1522</v>
      </c>
      <c r="R2831" s="5" t="s">
        <v>1523</v>
      </c>
      <c r="S2831" s="5" t="s">
        <v>42</v>
      </c>
      <c r="T2831" s="2">
        <v>2.0750000000000002</v>
      </c>
      <c r="U2831" s="2">
        <v>1.619</v>
      </c>
      <c r="V2831" s="2">
        <v>0.01</v>
      </c>
      <c r="W2831" s="2">
        <v>76.900000000000006</v>
      </c>
      <c r="X2831" s="2">
        <v>7.6</v>
      </c>
      <c r="Y2831" s="2">
        <v>16.7</v>
      </c>
      <c r="Z2831" s="5"/>
      <c r="AA2831" s="5" t="s">
        <v>43</v>
      </c>
      <c r="AB2831" s="5" t="s">
        <v>44</v>
      </c>
      <c r="AC2831" s="2"/>
      <c r="AD2831" s="1"/>
    </row>
    <row r="2832" spans="1:30">
      <c r="A2832" s="5" t="s">
        <v>83578</v>
      </c>
      <c r="B2832" s="2" t="s">
        <v>92098</v>
      </c>
      <c r="C2832" s="14" t="s">
        <v>92099</v>
      </c>
      <c r="D2832" s="2" t="s">
        <v>92100</v>
      </c>
      <c r="E2832" s="2" t="s">
        <v>36301</v>
      </c>
      <c r="F2832" s="8">
        <v>251</v>
      </c>
      <c r="G2832" s="5">
        <v>6</v>
      </c>
      <c r="H2832" s="5" t="s">
        <v>1518</v>
      </c>
      <c r="I2832" s="5" t="s">
        <v>36264</v>
      </c>
      <c r="J2832" s="2" t="s">
        <v>36265</v>
      </c>
      <c r="K2832" s="5" t="s">
        <v>36264</v>
      </c>
      <c r="L2832" s="2" t="s">
        <v>36265</v>
      </c>
      <c r="M2832" s="5" t="s">
        <v>36266</v>
      </c>
      <c r="N2832" s="5" t="s">
        <v>38</v>
      </c>
      <c r="O2832" s="5" t="s">
        <v>39</v>
      </c>
      <c r="P2832" s="5" t="s">
        <v>40</v>
      </c>
      <c r="Q2832" s="5" t="s">
        <v>1522</v>
      </c>
      <c r="R2832" s="5" t="s">
        <v>1523</v>
      </c>
      <c r="S2832" s="5" t="s">
        <v>42</v>
      </c>
      <c r="T2832" s="2">
        <v>2.133</v>
      </c>
      <c r="U2832" s="2">
        <v>1.677</v>
      </c>
      <c r="V2832" s="2">
        <v>0.01</v>
      </c>
      <c r="W2832" s="2">
        <v>76.900000000000006</v>
      </c>
      <c r="X2832" s="2">
        <v>7.6</v>
      </c>
      <c r="Y2832" s="2">
        <v>16.7</v>
      </c>
      <c r="Z2832" s="5"/>
      <c r="AA2832" s="5" t="s">
        <v>43</v>
      </c>
      <c r="AB2832" s="5" t="s">
        <v>44</v>
      </c>
      <c r="AC2832" s="2"/>
      <c r="AD2832" s="1"/>
    </row>
    <row r="2833" spans="1:30">
      <c r="A2833" s="5" t="s">
        <v>83578</v>
      </c>
      <c r="B2833" s="2" t="s">
        <v>92101</v>
      </c>
      <c r="C2833" s="14" t="s">
        <v>92102</v>
      </c>
      <c r="D2833" s="2" t="s">
        <v>92103</v>
      </c>
      <c r="E2833" s="2" t="s">
        <v>36313</v>
      </c>
      <c r="F2833" s="8">
        <v>268</v>
      </c>
      <c r="G2833" s="5">
        <v>6</v>
      </c>
      <c r="H2833" s="5" t="s">
        <v>1518</v>
      </c>
      <c r="I2833" s="5" t="s">
        <v>36264</v>
      </c>
      <c r="J2833" s="2" t="s">
        <v>36265</v>
      </c>
      <c r="K2833" s="5" t="s">
        <v>36264</v>
      </c>
      <c r="L2833" s="2" t="s">
        <v>36265</v>
      </c>
      <c r="M2833" s="5" t="s">
        <v>36266</v>
      </c>
      <c r="N2833" s="5" t="s">
        <v>38</v>
      </c>
      <c r="O2833" s="5" t="s">
        <v>39</v>
      </c>
      <c r="P2833" s="5" t="s">
        <v>40</v>
      </c>
      <c r="Q2833" s="5" t="s">
        <v>1522</v>
      </c>
      <c r="R2833" s="5" t="s">
        <v>1523</v>
      </c>
      <c r="S2833" s="5" t="s">
        <v>42</v>
      </c>
      <c r="T2833" s="2">
        <v>2.0750000000000002</v>
      </c>
      <c r="U2833" s="2">
        <v>1.619</v>
      </c>
      <c r="V2833" s="2">
        <v>0.01</v>
      </c>
      <c r="W2833" s="2">
        <v>76.900000000000006</v>
      </c>
      <c r="X2833" s="2">
        <v>7.6</v>
      </c>
      <c r="Y2833" s="2">
        <v>16.7</v>
      </c>
      <c r="Z2833" s="5"/>
      <c r="AA2833" s="5" t="s">
        <v>43</v>
      </c>
      <c r="AB2833" s="5" t="s">
        <v>44</v>
      </c>
      <c r="AC2833" s="2"/>
      <c r="AD2833" s="1"/>
    </row>
    <row r="2834" spans="1:30">
      <c r="A2834" s="5" t="s">
        <v>83578</v>
      </c>
      <c r="B2834" s="2" t="s">
        <v>92104</v>
      </c>
      <c r="C2834" s="14" t="s">
        <v>92105</v>
      </c>
      <c r="D2834" s="2" t="s">
        <v>92106</v>
      </c>
      <c r="E2834" s="2" t="s">
        <v>36317</v>
      </c>
      <c r="F2834" s="8">
        <v>268</v>
      </c>
      <c r="G2834" s="5">
        <v>6</v>
      </c>
      <c r="H2834" s="5" t="s">
        <v>1518</v>
      </c>
      <c r="I2834" s="5" t="s">
        <v>36264</v>
      </c>
      <c r="J2834" s="2" t="s">
        <v>36265</v>
      </c>
      <c r="K2834" s="5" t="s">
        <v>36264</v>
      </c>
      <c r="L2834" s="2" t="s">
        <v>36265</v>
      </c>
      <c r="M2834" s="5" t="s">
        <v>36266</v>
      </c>
      <c r="N2834" s="5" t="s">
        <v>38</v>
      </c>
      <c r="O2834" s="5" t="s">
        <v>39</v>
      </c>
      <c r="P2834" s="5" t="s">
        <v>40</v>
      </c>
      <c r="Q2834" s="5" t="s">
        <v>1522</v>
      </c>
      <c r="R2834" s="5" t="s">
        <v>1523</v>
      </c>
      <c r="S2834" s="5" t="s">
        <v>42</v>
      </c>
      <c r="T2834" s="2">
        <v>2.133</v>
      </c>
      <c r="U2834" s="2">
        <v>1.677</v>
      </c>
      <c r="V2834" s="2">
        <v>0.01</v>
      </c>
      <c r="W2834" s="2">
        <v>76.900000000000006</v>
      </c>
      <c r="X2834" s="2">
        <v>7.6</v>
      </c>
      <c r="Y2834" s="2">
        <v>16.7</v>
      </c>
      <c r="Z2834" s="5"/>
      <c r="AA2834" s="5" t="s">
        <v>43</v>
      </c>
      <c r="AB2834" s="5" t="s">
        <v>44</v>
      </c>
      <c r="AC2834" s="2"/>
      <c r="AD2834" s="1"/>
    </row>
    <row r="2835" spans="1:30">
      <c r="A2835" s="5" t="s">
        <v>83578</v>
      </c>
      <c r="B2835" s="2" t="s">
        <v>92107</v>
      </c>
      <c r="C2835" s="14" t="s">
        <v>92108</v>
      </c>
      <c r="D2835" s="2" t="s">
        <v>92109</v>
      </c>
      <c r="E2835" s="2" t="s">
        <v>36321</v>
      </c>
      <c r="F2835" s="8">
        <v>268</v>
      </c>
      <c r="G2835" s="5">
        <v>6</v>
      </c>
      <c r="H2835" s="5" t="s">
        <v>1518</v>
      </c>
      <c r="I2835" s="5" t="s">
        <v>36264</v>
      </c>
      <c r="J2835" s="2" t="s">
        <v>36265</v>
      </c>
      <c r="K2835" s="5" t="s">
        <v>36264</v>
      </c>
      <c r="L2835" s="2" t="s">
        <v>36265</v>
      </c>
      <c r="M2835" s="5" t="s">
        <v>36266</v>
      </c>
      <c r="N2835" s="5" t="s">
        <v>38</v>
      </c>
      <c r="O2835" s="5" t="s">
        <v>39</v>
      </c>
      <c r="P2835" s="5" t="s">
        <v>40</v>
      </c>
      <c r="Q2835" s="5" t="s">
        <v>1522</v>
      </c>
      <c r="R2835" s="5" t="s">
        <v>1523</v>
      </c>
      <c r="S2835" s="5" t="s">
        <v>42</v>
      </c>
      <c r="T2835" s="2">
        <v>2.0750000000000002</v>
      </c>
      <c r="U2835" s="2">
        <v>1.619</v>
      </c>
      <c r="V2835" s="2">
        <v>0.01</v>
      </c>
      <c r="W2835" s="2">
        <v>76.900000000000006</v>
      </c>
      <c r="X2835" s="2">
        <v>7.6</v>
      </c>
      <c r="Y2835" s="2">
        <v>16.7</v>
      </c>
      <c r="Z2835" s="5"/>
      <c r="AA2835" s="5" t="s">
        <v>43</v>
      </c>
      <c r="AB2835" s="5" t="s">
        <v>44</v>
      </c>
      <c r="AC2835" s="2"/>
      <c r="AD2835" s="1"/>
    </row>
    <row r="2836" spans="1:30">
      <c r="A2836" s="5" t="s">
        <v>83578</v>
      </c>
      <c r="B2836" s="2" t="s">
        <v>92110</v>
      </c>
      <c r="C2836" s="14" t="s">
        <v>92111</v>
      </c>
      <c r="D2836" s="2" t="s">
        <v>92112</v>
      </c>
      <c r="E2836" s="2" t="s">
        <v>36325</v>
      </c>
      <c r="F2836" s="8">
        <v>268</v>
      </c>
      <c r="G2836" s="5">
        <v>6</v>
      </c>
      <c r="H2836" s="5" t="s">
        <v>1518</v>
      </c>
      <c r="I2836" s="5" t="s">
        <v>36264</v>
      </c>
      <c r="J2836" s="2" t="s">
        <v>36265</v>
      </c>
      <c r="K2836" s="5" t="s">
        <v>36264</v>
      </c>
      <c r="L2836" s="2" t="s">
        <v>36265</v>
      </c>
      <c r="M2836" s="5" t="s">
        <v>36266</v>
      </c>
      <c r="N2836" s="5" t="s">
        <v>38</v>
      </c>
      <c r="O2836" s="5" t="s">
        <v>39</v>
      </c>
      <c r="P2836" s="5" t="s">
        <v>40</v>
      </c>
      <c r="Q2836" s="5" t="s">
        <v>1522</v>
      </c>
      <c r="R2836" s="5" t="s">
        <v>1523</v>
      </c>
      <c r="S2836" s="5" t="s">
        <v>42</v>
      </c>
      <c r="T2836" s="2">
        <v>2.133</v>
      </c>
      <c r="U2836" s="2">
        <v>1.677</v>
      </c>
      <c r="V2836" s="2">
        <v>0.01</v>
      </c>
      <c r="W2836" s="2">
        <v>76.900000000000006</v>
      </c>
      <c r="X2836" s="2">
        <v>7.6</v>
      </c>
      <c r="Y2836" s="2">
        <v>16.7</v>
      </c>
      <c r="Z2836" s="5"/>
      <c r="AA2836" s="5" t="s">
        <v>43</v>
      </c>
      <c r="AB2836" s="5" t="s">
        <v>44</v>
      </c>
      <c r="AC2836" s="2"/>
      <c r="AD2836" s="1"/>
    </row>
    <row r="2837" spans="1:30">
      <c r="A2837" s="5" t="s">
        <v>83578</v>
      </c>
      <c r="B2837" s="2" t="s">
        <v>92113</v>
      </c>
      <c r="C2837" s="14" t="s">
        <v>92114</v>
      </c>
      <c r="D2837" s="2" t="s">
        <v>92115</v>
      </c>
      <c r="E2837" s="2" t="s">
        <v>36329</v>
      </c>
      <c r="F2837" s="8">
        <v>268</v>
      </c>
      <c r="G2837" s="5">
        <v>6</v>
      </c>
      <c r="H2837" s="5" t="s">
        <v>1518</v>
      </c>
      <c r="I2837" s="5" t="s">
        <v>36264</v>
      </c>
      <c r="J2837" s="2" t="s">
        <v>36265</v>
      </c>
      <c r="K2837" s="5" t="s">
        <v>36264</v>
      </c>
      <c r="L2837" s="2" t="s">
        <v>36265</v>
      </c>
      <c r="M2837" s="5" t="s">
        <v>36266</v>
      </c>
      <c r="N2837" s="5" t="s">
        <v>38</v>
      </c>
      <c r="O2837" s="5" t="s">
        <v>39</v>
      </c>
      <c r="P2837" s="5" t="s">
        <v>40</v>
      </c>
      <c r="Q2837" s="5" t="s">
        <v>1522</v>
      </c>
      <c r="R2837" s="5" t="s">
        <v>1523</v>
      </c>
      <c r="S2837" s="5" t="s">
        <v>42</v>
      </c>
      <c r="T2837" s="2">
        <v>2.0750000000000002</v>
      </c>
      <c r="U2837" s="2">
        <v>1.619</v>
      </c>
      <c r="V2837" s="2">
        <v>0.01</v>
      </c>
      <c r="W2837" s="2">
        <v>76.900000000000006</v>
      </c>
      <c r="X2837" s="2">
        <v>7.6</v>
      </c>
      <c r="Y2837" s="2">
        <v>16.7</v>
      </c>
      <c r="Z2837" s="5"/>
      <c r="AA2837" s="5" t="s">
        <v>43</v>
      </c>
      <c r="AB2837" s="5" t="s">
        <v>44</v>
      </c>
      <c r="AC2837" s="2"/>
      <c r="AD2837" s="1"/>
    </row>
    <row r="2838" spans="1:30">
      <c r="A2838" s="5" t="s">
        <v>83578</v>
      </c>
      <c r="B2838" s="2" t="s">
        <v>92116</v>
      </c>
      <c r="C2838" s="14" t="s">
        <v>92117</v>
      </c>
      <c r="D2838" s="2" t="s">
        <v>92118</v>
      </c>
      <c r="E2838" s="2" t="s">
        <v>36333</v>
      </c>
      <c r="F2838" s="8">
        <v>268</v>
      </c>
      <c r="G2838" s="5">
        <v>6</v>
      </c>
      <c r="H2838" s="5" t="s">
        <v>1518</v>
      </c>
      <c r="I2838" s="5" t="s">
        <v>36264</v>
      </c>
      <c r="J2838" s="2" t="s">
        <v>36265</v>
      </c>
      <c r="K2838" s="5" t="s">
        <v>36264</v>
      </c>
      <c r="L2838" s="2" t="s">
        <v>36265</v>
      </c>
      <c r="M2838" s="5" t="s">
        <v>36266</v>
      </c>
      <c r="N2838" s="5" t="s">
        <v>38</v>
      </c>
      <c r="O2838" s="5" t="s">
        <v>39</v>
      </c>
      <c r="P2838" s="5" t="s">
        <v>40</v>
      </c>
      <c r="Q2838" s="5" t="s">
        <v>1522</v>
      </c>
      <c r="R2838" s="5" t="s">
        <v>1523</v>
      </c>
      <c r="S2838" s="5" t="s">
        <v>42</v>
      </c>
      <c r="T2838" s="2">
        <v>2.133</v>
      </c>
      <c r="U2838" s="2">
        <v>1.677</v>
      </c>
      <c r="V2838" s="2">
        <v>0.01</v>
      </c>
      <c r="W2838" s="2">
        <v>76.900000000000006</v>
      </c>
      <c r="X2838" s="2">
        <v>7.6</v>
      </c>
      <c r="Y2838" s="2">
        <v>16.7</v>
      </c>
      <c r="Z2838" s="5"/>
      <c r="AA2838" s="5" t="s">
        <v>43</v>
      </c>
      <c r="AB2838" s="5" t="s">
        <v>44</v>
      </c>
      <c r="AC2838" s="2"/>
      <c r="AD2838" s="1"/>
    </row>
    <row r="2839" spans="1:30">
      <c r="A2839" s="5" t="s">
        <v>83578</v>
      </c>
      <c r="B2839" s="2" t="s">
        <v>92119</v>
      </c>
      <c r="C2839" s="14" t="s">
        <v>92120</v>
      </c>
      <c r="D2839" s="2" t="s">
        <v>92121</v>
      </c>
      <c r="E2839" s="2" t="s">
        <v>36337</v>
      </c>
      <c r="F2839" s="8">
        <v>268</v>
      </c>
      <c r="G2839" s="5">
        <v>6</v>
      </c>
      <c r="H2839" s="5" t="s">
        <v>1518</v>
      </c>
      <c r="I2839" s="5" t="s">
        <v>36264</v>
      </c>
      <c r="J2839" s="2" t="s">
        <v>36265</v>
      </c>
      <c r="K2839" s="5" t="s">
        <v>36264</v>
      </c>
      <c r="L2839" s="2" t="s">
        <v>36265</v>
      </c>
      <c r="M2839" s="5" t="s">
        <v>36266</v>
      </c>
      <c r="N2839" s="5" t="s">
        <v>38</v>
      </c>
      <c r="O2839" s="5" t="s">
        <v>39</v>
      </c>
      <c r="P2839" s="5" t="s">
        <v>40</v>
      </c>
      <c r="Q2839" s="5" t="s">
        <v>1522</v>
      </c>
      <c r="R2839" s="5" t="s">
        <v>1523</v>
      </c>
      <c r="S2839" s="5" t="s">
        <v>42</v>
      </c>
      <c r="T2839" s="2">
        <v>2.0750000000000002</v>
      </c>
      <c r="U2839" s="2">
        <v>1.619</v>
      </c>
      <c r="V2839" s="2">
        <v>0.01</v>
      </c>
      <c r="W2839" s="2">
        <v>76.900000000000006</v>
      </c>
      <c r="X2839" s="2">
        <v>7.6</v>
      </c>
      <c r="Y2839" s="2">
        <v>16.7</v>
      </c>
      <c r="Z2839" s="5"/>
      <c r="AA2839" s="5" t="s">
        <v>43</v>
      </c>
      <c r="AB2839" s="5" t="s">
        <v>44</v>
      </c>
      <c r="AC2839" s="2"/>
      <c r="AD2839" s="1"/>
    </row>
    <row r="2840" spans="1:30">
      <c r="A2840" s="5" t="s">
        <v>83578</v>
      </c>
      <c r="B2840" s="2" t="s">
        <v>92122</v>
      </c>
      <c r="C2840" s="14" t="s">
        <v>92123</v>
      </c>
      <c r="D2840" s="2" t="s">
        <v>92124</v>
      </c>
      <c r="E2840" s="2" t="s">
        <v>36341</v>
      </c>
      <c r="F2840" s="8">
        <v>268</v>
      </c>
      <c r="G2840" s="5">
        <v>6</v>
      </c>
      <c r="H2840" s="5" t="s">
        <v>1518</v>
      </c>
      <c r="I2840" s="5" t="s">
        <v>36264</v>
      </c>
      <c r="J2840" s="2" t="s">
        <v>36265</v>
      </c>
      <c r="K2840" s="5" t="s">
        <v>36264</v>
      </c>
      <c r="L2840" s="2" t="s">
        <v>36265</v>
      </c>
      <c r="M2840" s="5" t="s">
        <v>36266</v>
      </c>
      <c r="N2840" s="5" t="s">
        <v>38</v>
      </c>
      <c r="O2840" s="5" t="s">
        <v>39</v>
      </c>
      <c r="P2840" s="5" t="s">
        <v>40</v>
      </c>
      <c r="Q2840" s="5" t="s">
        <v>1522</v>
      </c>
      <c r="R2840" s="5" t="s">
        <v>1523</v>
      </c>
      <c r="S2840" s="5" t="s">
        <v>42</v>
      </c>
      <c r="T2840" s="2">
        <v>2.133</v>
      </c>
      <c r="U2840" s="2">
        <v>1.677</v>
      </c>
      <c r="V2840" s="2">
        <v>0.01</v>
      </c>
      <c r="W2840" s="2">
        <v>76.900000000000006</v>
      </c>
      <c r="X2840" s="2">
        <v>7.6</v>
      </c>
      <c r="Y2840" s="2">
        <v>16.7</v>
      </c>
      <c r="Z2840" s="5"/>
      <c r="AA2840" s="5" t="s">
        <v>43</v>
      </c>
      <c r="AB2840" s="5" t="s">
        <v>44</v>
      </c>
      <c r="AC2840" s="2"/>
      <c r="AD2840" s="1"/>
    </row>
    <row r="2841" spans="1:30">
      <c r="A2841" s="5" t="s">
        <v>83578</v>
      </c>
      <c r="B2841" s="2" t="s">
        <v>92125</v>
      </c>
      <c r="C2841" s="14" t="s">
        <v>92126</v>
      </c>
      <c r="D2841" s="2" t="s">
        <v>92127</v>
      </c>
      <c r="E2841" s="2" t="s">
        <v>36345</v>
      </c>
      <c r="F2841" s="8">
        <v>268</v>
      </c>
      <c r="G2841" s="5">
        <v>6</v>
      </c>
      <c r="H2841" s="5" t="s">
        <v>1518</v>
      </c>
      <c r="I2841" s="5" t="s">
        <v>36264</v>
      </c>
      <c r="J2841" s="2" t="s">
        <v>36265</v>
      </c>
      <c r="K2841" s="5" t="s">
        <v>36264</v>
      </c>
      <c r="L2841" s="2" t="s">
        <v>36265</v>
      </c>
      <c r="M2841" s="5" t="s">
        <v>36266</v>
      </c>
      <c r="N2841" s="5" t="s">
        <v>38</v>
      </c>
      <c r="O2841" s="5" t="s">
        <v>39</v>
      </c>
      <c r="P2841" s="5" t="s">
        <v>40</v>
      </c>
      <c r="Q2841" s="5" t="s">
        <v>1522</v>
      </c>
      <c r="R2841" s="5" t="s">
        <v>1523</v>
      </c>
      <c r="S2841" s="5" t="s">
        <v>42</v>
      </c>
      <c r="T2841" s="2">
        <v>2.0750000000000002</v>
      </c>
      <c r="U2841" s="2">
        <v>1.619</v>
      </c>
      <c r="V2841" s="2">
        <v>0.01</v>
      </c>
      <c r="W2841" s="2">
        <v>76.900000000000006</v>
      </c>
      <c r="X2841" s="2">
        <v>7.6</v>
      </c>
      <c r="Y2841" s="2">
        <v>16.7</v>
      </c>
      <c r="Z2841" s="5"/>
      <c r="AA2841" s="5" t="s">
        <v>43</v>
      </c>
      <c r="AB2841" s="5" t="s">
        <v>44</v>
      </c>
      <c r="AC2841" s="2"/>
      <c r="AD2841" s="1"/>
    </row>
    <row r="2842" spans="1:30">
      <c r="A2842" s="5" t="s">
        <v>83578</v>
      </c>
      <c r="B2842" s="2" t="s">
        <v>92128</v>
      </c>
      <c r="C2842" s="14" t="s">
        <v>92129</v>
      </c>
      <c r="D2842" s="2" t="s">
        <v>92130</v>
      </c>
      <c r="E2842" s="2" t="s">
        <v>36349</v>
      </c>
      <c r="F2842" s="8">
        <v>268</v>
      </c>
      <c r="G2842" s="5">
        <v>6</v>
      </c>
      <c r="H2842" s="5" t="s">
        <v>1518</v>
      </c>
      <c r="I2842" s="5" t="s">
        <v>36264</v>
      </c>
      <c r="J2842" s="2" t="s">
        <v>36265</v>
      </c>
      <c r="K2842" s="5" t="s">
        <v>36264</v>
      </c>
      <c r="L2842" s="2" t="s">
        <v>36265</v>
      </c>
      <c r="M2842" s="5" t="s">
        <v>36266</v>
      </c>
      <c r="N2842" s="5" t="s">
        <v>38</v>
      </c>
      <c r="O2842" s="5" t="s">
        <v>39</v>
      </c>
      <c r="P2842" s="5" t="s">
        <v>40</v>
      </c>
      <c r="Q2842" s="5" t="s">
        <v>1522</v>
      </c>
      <c r="R2842" s="5" t="s">
        <v>1523</v>
      </c>
      <c r="S2842" s="5" t="s">
        <v>42</v>
      </c>
      <c r="T2842" s="2">
        <v>2.133</v>
      </c>
      <c r="U2842" s="2">
        <v>1.677</v>
      </c>
      <c r="V2842" s="2">
        <v>0.01</v>
      </c>
      <c r="W2842" s="2">
        <v>76.900000000000006</v>
      </c>
      <c r="X2842" s="2">
        <v>7.6</v>
      </c>
      <c r="Y2842" s="2">
        <v>16.7</v>
      </c>
      <c r="Z2842" s="5"/>
      <c r="AA2842" s="5" t="s">
        <v>43</v>
      </c>
      <c r="AB2842" s="5" t="s">
        <v>44</v>
      </c>
      <c r="AC2842" s="2"/>
      <c r="AD2842" s="1"/>
    </row>
    <row r="2843" spans="1:30">
      <c r="A2843" s="5" t="s">
        <v>83578</v>
      </c>
      <c r="B2843" s="2" t="s">
        <v>92131</v>
      </c>
      <c r="C2843" s="14" t="s">
        <v>92132</v>
      </c>
      <c r="D2843" s="2" t="s">
        <v>92133</v>
      </c>
      <c r="E2843" s="2" t="s">
        <v>36353</v>
      </c>
      <c r="F2843" s="8">
        <v>268</v>
      </c>
      <c r="G2843" s="5">
        <v>6</v>
      </c>
      <c r="H2843" s="5" t="s">
        <v>1518</v>
      </c>
      <c r="I2843" s="5" t="s">
        <v>36264</v>
      </c>
      <c r="J2843" s="2" t="s">
        <v>36265</v>
      </c>
      <c r="K2843" s="5" t="s">
        <v>36264</v>
      </c>
      <c r="L2843" s="2" t="s">
        <v>36265</v>
      </c>
      <c r="M2843" s="5" t="s">
        <v>36266</v>
      </c>
      <c r="N2843" s="5" t="s">
        <v>38</v>
      </c>
      <c r="O2843" s="5" t="s">
        <v>39</v>
      </c>
      <c r="P2843" s="5" t="s">
        <v>40</v>
      </c>
      <c r="Q2843" s="5" t="s">
        <v>1522</v>
      </c>
      <c r="R2843" s="5" t="s">
        <v>1523</v>
      </c>
      <c r="S2843" s="5" t="s">
        <v>42</v>
      </c>
      <c r="T2843" s="2">
        <v>2.0750000000000002</v>
      </c>
      <c r="U2843" s="2">
        <v>1.619</v>
      </c>
      <c r="V2843" s="2">
        <v>0.01</v>
      </c>
      <c r="W2843" s="2">
        <v>76.900000000000006</v>
      </c>
      <c r="X2843" s="2">
        <v>7.6</v>
      </c>
      <c r="Y2843" s="2">
        <v>16.7</v>
      </c>
      <c r="Z2843" s="5"/>
      <c r="AA2843" s="5" t="s">
        <v>43</v>
      </c>
      <c r="AB2843" s="5" t="s">
        <v>44</v>
      </c>
      <c r="AC2843" s="2"/>
      <c r="AD2843" s="1"/>
    </row>
    <row r="2844" spans="1:30">
      <c r="A2844" s="5" t="s">
        <v>83578</v>
      </c>
      <c r="B2844" s="2" t="s">
        <v>92134</v>
      </c>
      <c r="C2844" s="14" t="s">
        <v>92135</v>
      </c>
      <c r="D2844" s="2" t="s">
        <v>92136</v>
      </c>
      <c r="E2844" s="2" t="s">
        <v>36357</v>
      </c>
      <c r="F2844" s="8">
        <v>268</v>
      </c>
      <c r="G2844" s="5">
        <v>6</v>
      </c>
      <c r="H2844" s="5" t="s">
        <v>1518</v>
      </c>
      <c r="I2844" s="5" t="s">
        <v>36264</v>
      </c>
      <c r="J2844" s="2" t="s">
        <v>36265</v>
      </c>
      <c r="K2844" s="5" t="s">
        <v>36264</v>
      </c>
      <c r="L2844" s="2" t="s">
        <v>36265</v>
      </c>
      <c r="M2844" s="5" t="s">
        <v>36266</v>
      </c>
      <c r="N2844" s="5" t="s">
        <v>38</v>
      </c>
      <c r="O2844" s="5" t="s">
        <v>39</v>
      </c>
      <c r="P2844" s="5" t="s">
        <v>40</v>
      </c>
      <c r="Q2844" s="5" t="s">
        <v>1522</v>
      </c>
      <c r="R2844" s="5" t="s">
        <v>1523</v>
      </c>
      <c r="S2844" s="5" t="s">
        <v>42</v>
      </c>
      <c r="T2844" s="2">
        <v>2.133</v>
      </c>
      <c r="U2844" s="2">
        <v>1.677</v>
      </c>
      <c r="V2844" s="2">
        <v>0.01</v>
      </c>
      <c r="W2844" s="2">
        <v>76.900000000000006</v>
      </c>
      <c r="X2844" s="2">
        <v>7.6</v>
      </c>
      <c r="Y2844" s="2">
        <v>16.7</v>
      </c>
      <c r="Z2844" s="5"/>
      <c r="AA2844" s="5" t="s">
        <v>43</v>
      </c>
      <c r="AB2844" s="5" t="s">
        <v>44</v>
      </c>
      <c r="AC2844" s="2"/>
      <c r="AD2844" s="1"/>
    </row>
    <row r="2845" spans="1:30">
      <c r="A2845" s="5" t="s">
        <v>83578</v>
      </c>
      <c r="B2845" s="2" t="s">
        <v>92137</v>
      </c>
      <c r="C2845" s="14" t="s">
        <v>92138</v>
      </c>
      <c r="D2845" s="2" t="s">
        <v>92139</v>
      </c>
      <c r="E2845" s="2" t="s">
        <v>45598</v>
      </c>
      <c r="F2845" s="8">
        <v>268</v>
      </c>
      <c r="G2845" s="5">
        <v>6</v>
      </c>
      <c r="H2845" s="5" t="s">
        <v>1518</v>
      </c>
      <c r="I2845" s="5" t="s">
        <v>36264</v>
      </c>
      <c r="J2845" s="2" t="s">
        <v>36265</v>
      </c>
      <c r="K2845" s="5" t="s">
        <v>36264</v>
      </c>
      <c r="L2845" s="2" t="s">
        <v>36265</v>
      </c>
      <c r="M2845" s="5" t="s">
        <v>36266</v>
      </c>
      <c r="N2845" s="5" t="s">
        <v>38</v>
      </c>
      <c r="O2845" s="5" t="s">
        <v>39</v>
      </c>
      <c r="P2845" s="5" t="s">
        <v>40</v>
      </c>
      <c r="Q2845" s="5" t="s">
        <v>1522</v>
      </c>
      <c r="R2845" s="5" t="s">
        <v>1523</v>
      </c>
      <c r="S2845" s="5" t="s">
        <v>42</v>
      </c>
      <c r="T2845" s="2">
        <v>2.0750000000000002</v>
      </c>
      <c r="U2845" s="2">
        <v>1.619</v>
      </c>
      <c r="V2845" s="2">
        <v>0.01</v>
      </c>
      <c r="W2845" s="2">
        <v>76.900000000000006</v>
      </c>
      <c r="X2845" s="2">
        <v>7.6</v>
      </c>
      <c r="Y2845" s="2">
        <v>16.7</v>
      </c>
      <c r="Z2845" s="5"/>
      <c r="AA2845" s="5" t="s">
        <v>43</v>
      </c>
      <c r="AB2845" s="5" t="s">
        <v>44</v>
      </c>
      <c r="AC2845" s="2"/>
      <c r="AD2845" s="1"/>
    </row>
    <row r="2846" spans="1:30">
      <c r="A2846" s="5" t="s">
        <v>83578</v>
      </c>
      <c r="B2846" s="2" t="s">
        <v>92140</v>
      </c>
      <c r="C2846" s="14" t="s">
        <v>92141</v>
      </c>
      <c r="D2846" s="2" t="s">
        <v>92142</v>
      </c>
      <c r="E2846" s="2" t="s">
        <v>45534</v>
      </c>
      <c r="F2846" s="8">
        <v>268</v>
      </c>
      <c r="G2846" s="5">
        <v>6</v>
      </c>
      <c r="H2846" s="5" t="s">
        <v>1518</v>
      </c>
      <c r="I2846" s="5" t="s">
        <v>36264</v>
      </c>
      <c r="J2846" s="2" t="s">
        <v>36265</v>
      </c>
      <c r="K2846" s="5" t="s">
        <v>36264</v>
      </c>
      <c r="L2846" s="2" t="s">
        <v>36265</v>
      </c>
      <c r="M2846" s="5" t="s">
        <v>36266</v>
      </c>
      <c r="N2846" s="5" t="s">
        <v>38</v>
      </c>
      <c r="O2846" s="5" t="s">
        <v>39</v>
      </c>
      <c r="P2846" s="5" t="s">
        <v>40</v>
      </c>
      <c r="Q2846" s="5" t="s">
        <v>1522</v>
      </c>
      <c r="R2846" s="5" t="s">
        <v>1523</v>
      </c>
      <c r="S2846" s="5" t="s">
        <v>42</v>
      </c>
      <c r="T2846" s="2">
        <v>2.133</v>
      </c>
      <c r="U2846" s="2">
        <v>1.677</v>
      </c>
      <c r="V2846" s="2">
        <v>0.01</v>
      </c>
      <c r="W2846" s="2">
        <v>76.900000000000006</v>
      </c>
      <c r="X2846" s="2">
        <v>7.6</v>
      </c>
      <c r="Y2846" s="2">
        <v>16.7</v>
      </c>
      <c r="Z2846" s="5"/>
      <c r="AA2846" s="5" t="s">
        <v>43</v>
      </c>
      <c r="AB2846" s="5" t="s">
        <v>44</v>
      </c>
      <c r="AC2846" s="2"/>
      <c r="AD2846" s="1"/>
    </row>
    <row r="2847" spans="1:30">
      <c r="A2847" s="5" t="s">
        <v>83578</v>
      </c>
      <c r="B2847" s="2" t="s">
        <v>92143</v>
      </c>
      <c r="C2847" s="14" t="s">
        <v>92144</v>
      </c>
      <c r="D2847" s="2" t="s">
        <v>92145</v>
      </c>
      <c r="E2847" s="2" t="s">
        <v>36369</v>
      </c>
      <c r="F2847" s="8">
        <v>268</v>
      </c>
      <c r="G2847" s="5">
        <v>6</v>
      </c>
      <c r="H2847" s="5" t="s">
        <v>1518</v>
      </c>
      <c r="I2847" s="5" t="s">
        <v>36264</v>
      </c>
      <c r="J2847" s="2" t="s">
        <v>36265</v>
      </c>
      <c r="K2847" s="5" t="s">
        <v>36264</v>
      </c>
      <c r="L2847" s="2" t="s">
        <v>36265</v>
      </c>
      <c r="M2847" s="5" t="s">
        <v>36266</v>
      </c>
      <c r="N2847" s="5" t="s">
        <v>38</v>
      </c>
      <c r="O2847" s="5" t="s">
        <v>39</v>
      </c>
      <c r="P2847" s="5" t="s">
        <v>40</v>
      </c>
      <c r="Q2847" s="5" t="s">
        <v>1522</v>
      </c>
      <c r="R2847" s="5" t="s">
        <v>1523</v>
      </c>
      <c r="S2847" s="5" t="s">
        <v>42</v>
      </c>
      <c r="T2847" s="2">
        <v>2.0750000000000002</v>
      </c>
      <c r="U2847" s="2">
        <v>1.619</v>
      </c>
      <c r="V2847" s="2">
        <v>0.01</v>
      </c>
      <c r="W2847" s="2">
        <v>76.900000000000006</v>
      </c>
      <c r="X2847" s="2">
        <v>7.6</v>
      </c>
      <c r="Y2847" s="2">
        <v>16.7</v>
      </c>
      <c r="Z2847" s="5"/>
      <c r="AA2847" s="5" t="s">
        <v>43</v>
      </c>
      <c r="AB2847" s="5" t="s">
        <v>44</v>
      </c>
      <c r="AC2847" s="2"/>
      <c r="AD2847" s="1"/>
    </row>
    <row r="2848" spans="1:30">
      <c r="A2848" s="5" t="s">
        <v>83578</v>
      </c>
      <c r="B2848" s="2" t="s">
        <v>92146</v>
      </c>
      <c r="C2848" s="14" t="s">
        <v>92147</v>
      </c>
      <c r="D2848" s="2" t="s">
        <v>92148</v>
      </c>
      <c r="E2848" s="2" t="s">
        <v>36373</v>
      </c>
      <c r="F2848" s="8">
        <v>268</v>
      </c>
      <c r="G2848" s="5">
        <v>6</v>
      </c>
      <c r="H2848" s="5" t="s">
        <v>1518</v>
      </c>
      <c r="I2848" s="5" t="s">
        <v>36264</v>
      </c>
      <c r="J2848" s="2" t="s">
        <v>36265</v>
      </c>
      <c r="K2848" s="5" t="s">
        <v>36264</v>
      </c>
      <c r="L2848" s="2" t="s">
        <v>36265</v>
      </c>
      <c r="M2848" s="5" t="s">
        <v>36266</v>
      </c>
      <c r="N2848" s="5" t="s">
        <v>38</v>
      </c>
      <c r="O2848" s="5" t="s">
        <v>39</v>
      </c>
      <c r="P2848" s="5" t="s">
        <v>40</v>
      </c>
      <c r="Q2848" s="5" t="s">
        <v>1522</v>
      </c>
      <c r="R2848" s="5" t="s">
        <v>1523</v>
      </c>
      <c r="S2848" s="5" t="s">
        <v>42</v>
      </c>
      <c r="T2848" s="2">
        <v>2.133</v>
      </c>
      <c r="U2848" s="2">
        <v>1.677</v>
      </c>
      <c r="V2848" s="2">
        <v>0.01</v>
      </c>
      <c r="W2848" s="2">
        <v>76.900000000000006</v>
      </c>
      <c r="X2848" s="2">
        <v>7.6</v>
      </c>
      <c r="Y2848" s="2">
        <v>16.7</v>
      </c>
      <c r="Z2848" s="5"/>
      <c r="AA2848" s="5" t="s">
        <v>43</v>
      </c>
      <c r="AB2848" s="5" t="s">
        <v>44</v>
      </c>
      <c r="AC2848" s="2"/>
      <c r="AD2848" s="1"/>
    </row>
    <row r="2849" spans="1:30">
      <c r="A2849" s="5" t="s">
        <v>83578</v>
      </c>
      <c r="B2849" s="2" t="s">
        <v>92149</v>
      </c>
      <c r="C2849" s="14" t="s">
        <v>92150</v>
      </c>
      <c r="D2849" s="2" t="s">
        <v>92151</v>
      </c>
      <c r="E2849" s="2" t="s">
        <v>36377</v>
      </c>
      <c r="F2849" s="8">
        <v>268</v>
      </c>
      <c r="G2849" s="5">
        <v>6</v>
      </c>
      <c r="H2849" s="5" t="s">
        <v>1518</v>
      </c>
      <c r="I2849" s="5" t="s">
        <v>36264</v>
      </c>
      <c r="J2849" s="2" t="s">
        <v>36265</v>
      </c>
      <c r="K2849" s="5" t="s">
        <v>36264</v>
      </c>
      <c r="L2849" s="2" t="s">
        <v>36265</v>
      </c>
      <c r="M2849" s="5" t="s">
        <v>36266</v>
      </c>
      <c r="N2849" s="5" t="s">
        <v>38</v>
      </c>
      <c r="O2849" s="5" t="s">
        <v>39</v>
      </c>
      <c r="P2849" s="5" t="s">
        <v>40</v>
      </c>
      <c r="Q2849" s="5" t="s">
        <v>1522</v>
      </c>
      <c r="R2849" s="5" t="s">
        <v>1523</v>
      </c>
      <c r="S2849" s="5" t="s">
        <v>42</v>
      </c>
      <c r="T2849" s="2">
        <v>2.0750000000000002</v>
      </c>
      <c r="U2849" s="2">
        <v>1.619</v>
      </c>
      <c r="V2849" s="2">
        <v>0.01</v>
      </c>
      <c r="W2849" s="2">
        <v>76.900000000000006</v>
      </c>
      <c r="X2849" s="2">
        <v>7.6</v>
      </c>
      <c r="Y2849" s="2">
        <v>16.7</v>
      </c>
      <c r="Z2849" s="5"/>
      <c r="AA2849" s="5" t="s">
        <v>43</v>
      </c>
      <c r="AB2849" s="5" t="s">
        <v>44</v>
      </c>
      <c r="AC2849" s="2"/>
      <c r="AD2849" s="1"/>
    </row>
    <row r="2850" spans="1:30">
      <c r="A2850" s="5" t="s">
        <v>83578</v>
      </c>
      <c r="B2850" s="2" t="s">
        <v>92152</v>
      </c>
      <c r="C2850" s="14" t="s">
        <v>92153</v>
      </c>
      <c r="D2850" s="2" t="s">
        <v>92154</v>
      </c>
      <c r="E2850" s="2" t="s">
        <v>36381</v>
      </c>
      <c r="F2850" s="8">
        <v>268</v>
      </c>
      <c r="G2850" s="5">
        <v>6</v>
      </c>
      <c r="H2850" s="5" t="s">
        <v>1518</v>
      </c>
      <c r="I2850" s="5" t="s">
        <v>36264</v>
      </c>
      <c r="J2850" s="2" t="s">
        <v>36265</v>
      </c>
      <c r="K2850" s="5" t="s">
        <v>36264</v>
      </c>
      <c r="L2850" s="2" t="s">
        <v>36265</v>
      </c>
      <c r="M2850" s="5" t="s">
        <v>36266</v>
      </c>
      <c r="N2850" s="5" t="s">
        <v>38</v>
      </c>
      <c r="O2850" s="5" t="s">
        <v>39</v>
      </c>
      <c r="P2850" s="5" t="s">
        <v>40</v>
      </c>
      <c r="Q2850" s="5" t="s">
        <v>1522</v>
      </c>
      <c r="R2850" s="5" t="s">
        <v>1523</v>
      </c>
      <c r="S2850" s="5" t="s">
        <v>42</v>
      </c>
      <c r="T2850" s="2">
        <v>2.133</v>
      </c>
      <c r="U2850" s="2">
        <v>1.677</v>
      </c>
      <c r="V2850" s="2">
        <v>0.01</v>
      </c>
      <c r="W2850" s="2">
        <v>76.900000000000006</v>
      </c>
      <c r="X2850" s="2">
        <v>7.6</v>
      </c>
      <c r="Y2850" s="2">
        <v>16.7</v>
      </c>
      <c r="Z2850" s="5"/>
      <c r="AA2850" s="5" t="s">
        <v>43</v>
      </c>
      <c r="AB2850" s="5" t="s">
        <v>44</v>
      </c>
      <c r="AC2850" s="2"/>
      <c r="AD2850" s="1"/>
    </row>
    <row r="2851" spans="1:30">
      <c r="A2851" s="5" t="s">
        <v>83578</v>
      </c>
      <c r="B2851" s="2" t="s">
        <v>92155</v>
      </c>
      <c r="C2851" s="14" t="s">
        <v>92156</v>
      </c>
      <c r="D2851" s="2" t="s">
        <v>92157</v>
      </c>
      <c r="E2851" s="2" t="s">
        <v>36385</v>
      </c>
      <c r="F2851" s="8">
        <v>268</v>
      </c>
      <c r="G2851" s="5">
        <v>6</v>
      </c>
      <c r="H2851" s="5" t="s">
        <v>1518</v>
      </c>
      <c r="I2851" s="5" t="s">
        <v>36264</v>
      </c>
      <c r="J2851" s="2" t="s">
        <v>36265</v>
      </c>
      <c r="K2851" s="5" t="s">
        <v>36264</v>
      </c>
      <c r="L2851" s="2" t="s">
        <v>36265</v>
      </c>
      <c r="M2851" s="5" t="s">
        <v>36266</v>
      </c>
      <c r="N2851" s="5" t="s">
        <v>38</v>
      </c>
      <c r="O2851" s="5" t="s">
        <v>39</v>
      </c>
      <c r="P2851" s="5" t="s">
        <v>40</v>
      </c>
      <c r="Q2851" s="5" t="s">
        <v>1522</v>
      </c>
      <c r="R2851" s="5" t="s">
        <v>1523</v>
      </c>
      <c r="S2851" s="5" t="s">
        <v>42</v>
      </c>
      <c r="T2851" s="2">
        <v>2.0750000000000002</v>
      </c>
      <c r="U2851" s="2">
        <v>1.619</v>
      </c>
      <c r="V2851" s="2">
        <v>0.01</v>
      </c>
      <c r="W2851" s="2">
        <v>76.900000000000006</v>
      </c>
      <c r="X2851" s="2">
        <v>7.6</v>
      </c>
      <c r="Y2851" s="2">
        <v>16.7</v>
      </c>
      <c r="Z2851" s="5"/>
      <c r="AA2851" s="5" t="s">
        <v>43</v>
      </c>
      <c r="AB2851" s="5" t="s">
        <v>44</v>
      </c>
      <c r="AC2851" s="2"/>
      <c r="AD2851" s="1"/>
    </row>
    <row r="2852" spans="1:30">
      <c r="A2852" s="5" t="s">
        <v>83578</v>
      </c>
      <c r="B2852" s="2" t="s">
        <v>92158</v>
      </c>
      <c r="C2852" s="14" t="s">
        <v>92159</v>
      </c>
      <c r="D2852" s="2" t="s">
        <v>92160</v>
      </c>
      <c r="E2852" s="2" t="s">
        <v>36389</v>
      </c>
      <c r="F2852" s="8">
        <v>268</v>
      </c>
      <c r="G2852" s="5">
        <v>6</v>
      </c>
      <c r="H2852" s="5" t="s">
        <v>1518</v>
      </c>
      <c r="I2852" s="5" t="s">
        <v>36264</v>
      </c>
      <c r="J2852" s="2" t="s">
        <v>36265</v>
      </c>
      <c r="K2852" s="5" t="s">
        <v>36264</v>
      </c>
      <c r="L2852" s="2" t="s">
        <v>36265</v>
      </c>
      <c r="M2852" s="5" t="s">
        <v>36266</v>
      </c>
      <c r="N2852" s="5" t="s">
        <v>38</v>
      </c>
      <c r="O2852" s="5" t="s">
        <v>39</v>
      </c>
      <c r="P2852" s="5" t="s">
        <v>40</v>
      </c>
      <c r="Q2852" s="5" t="s">
        <v>1522</v>
      </c>
      <c r="R2852" s="5" t="s">
        <v>1523</v>
      </c>
      <c r="S2852" s="5" t="s">
        <v>42</v>
      </c>
      <c r="T2852" s="2">
        <v>2.133</v>
      </c>
      <c r="U2852" s="2">
        <v>1.677</v>
      </c>
      <c r="V2852" s="2">
        <v>0.01</v>
      </c>
      <c r="W2852" s="2">
        <v>76.900000000000006</v>
      </c>
      <c r="X2852" s="2">
        <v>7.6</v>
      </c>
      <c r="Y2852" s="2">
        <v>16.7</v>
      </c>
      <c r="Z2852" s="5"/>
      <c r="AA2852" s="5" t="s">
        <v>43</v>
      </c>
      <c r="AB2852" s="5" t="s">
        <v>44</v>
      </c>
      <c r="AC2852" s="2"/>
      <c r="AD2852" s="1"/>
    </row>
    <row r="2853" spans="1:30">
      <c r="A2853" s="5" t="s">
        <v>83578</v>
      </c>
      <c r="B2853" s="2" t="s">
        <v>92161</v>
      </c>
      <c r="C2853" s="14" t="s">
        <v>92162</v>
      </c>
      <c r="D2853" s="2" t="s">
        <v>92163</v>
      </c>
      <c r="E2853" s="2" t="s">
        <v>7514</v>
      </c>
      <c r="F2853" s="8">
        <v>264</v>
      </c>
      <c r="G2853" s="5">
        <v>6</v>
      </c>
      <c r="H2853" s="5" t="s">
        <v>1518</v>
      </c>
      <c r="I2853" s="5" t="s">
        <v>36264</v>
      </c>
      <c r="J2853" s="2" t="s">
        <v>36265</v>
      </c>
      <c r="K2853" s="5" t="s">
        <v>36264</v>
      </c>
      <c r="L2853" s="2" t="s">
        <v>36265</v>
      </c>
      <c r="M2853" s="5" t="s">
        <v>36266</v>
      </c>
      <c r="N2853" s="5" t="s">
        <v>38</v>
      </c>
      <c r="O2853" s="5" t="s">
        <v>39</v>
      </c>
      <c r="P2853" s="5" t="s">
        <v>40</v>
      </c>
      <c r="Q2853" s="5" t="s">
        <v>1522</v>
      </c>
      <c r="R2853" s="5" t="s">
        <v>1523</v>
      </c>
      <c r="S2853" s="5" t="s">
        <v>42</v>
      </c>
      <c r="T2853" s="2">
        <v>2.407</v>
      </c>
      <c r="U2853" s="2">
        <v>1.843</v>
      </c>
      <c r="V2853" s="2">
        <v>1.2999999999999999E-2</v>
      </c>
      <c r="W2853" s="2">
        <v>99.1</v>
      </c>
      <c r="X2853" s="2">
        <v>7.6</v>
      </c>
      <c r="Y2853" s="2">
        <v>16.7</v>
      </c>
      <c r="Z2853" s="5"/>
      <c r="AA2853" s="5" t="s">
        <v>43</v>
      </c>
      <c r="AB2853" s="5" t="s">
        <v>44</v>
      </c>
      <c r="AC2853" s="2"/>
      <c r="AD2853" s="1"/>
    </row>
    <row r="2854" spans="1:30">
      <c r="A2854" s="5" t="s">
        <v>83578</v>
      </c>
      <c r="B2854" s="2" t="s">
        <v>92164</v>
      </c>
      <c r="C2854" s="14" t="s">
        <v>92165</v>
      </c>
      <c r="D2854" s="2" t="s">
        <v>92166</v>
      </c>
      <c r="E2854" s="2" t="s">
        <v>36277</v>
      </c>
      <c r="F2854" s="8">
        <v>264</v>
      </c>
      <c r="G2854" s="5">
        <v>6</v>
      </c>
      <c r="H2854" s="5" t="s">
        <v>1518</v>
      </c>
      <c r="I2854" s="5" t="s">
        <v>36264</v>
      </c>
      <c r="J2854" s="2" t="s">
        <v>36265</v>
      </c>
      <c r="K2854" s="5" t="s">
        <v>36264</v>
      </c>
      <c r="L2854" s="2" t="s">
        <v>36265</v>
      </c>
      <c r="M2854" s="5" t="s">
        <v>36266</v>
      </c>
      <c r="N2854" s="5" t="s">
        <v>38</v>
      </c>
      <c r="O2854" s="5" t="s">
        <v>39</v>
      </c>
      <c r="P2854" s="5" t="s">
        <v>40</v>
      </c>
      <c r="Q2854" s="5" t="s">
        <v>1522</v>
      </c>
      <c r="R2854" s="5" t="s">
        <v>1523</v>
      </c>
      <c r="S2854" s="5" t="s">
        <v>42</v>
      </c>
      <c r="T2854" s="2">
        <v>2.407</v>
      </c>
      <c r="U2854" s="2">
        <v>1.843</v>
      </c>
      <c r="V2854" s="2">
        <v>1.2999999999999999E-2</v>
      </c>
      <c r="W2854" s="2">
        <v>99.1</v>
      </c>
      <c r="X2854" s="2">
        <v>7.6</v>
      </c>
      <c r="Y2854" s="2">
        <v>16.7</v>
      </c>
      <c r="Z2854" s="5"/>
      <c r="AA2854" s="5" t="s">
        <v>43</v>
      </c>
      <c r="AB2854" s="5" t="s">
        <v>44</v>
      </c>
      <c r="AC2854" s="2"/>
      <c r="AD2854" s="1"/>
    </row>
    <row r="2855" spans="1:30">
      <c r="A2855" s="5" t="s">
        <v>83578</v>
      </c>
      <c r="B2855" s="2" t="s">
        <v>92167</v>
      </c>
      <c r="C2855" s="14" t="s">
        <v>92168</v>
      </c>
      <c r="D2855" s="2" t="s">
        <v>92169</v>
      </c>
      <c r="E2855" s="2" t="s">
        <v>36281</v>
      </c>
      <c r="F2855" s="8">
        <v>284</v>
      </c>
      <c r="G2855" s="5">
        <v>6</v>
      </c>
      <c r="H2855" s="5" t="s">
        <v>1518</v>
      </c>
      <c r="I2855" s="5" t="s">
        <v>36264</v>
      </c>
      <c r="J2855" s="2" t="s">
        <v>36265</v>
      </c>
      <c r="K2855" s="5" t="s">
        <v>36264</v>
      </c>
      <c r="L2855" s="2" t="s">
        <v>36265</v>
      </c>
      <c r="M2855" s="5" t="s">
        <v>36266</v>
      </c>
      <c r="N2855" s="5" t="s">
        <v>38</v>
      </c>
      <c r="O2855" s="5" t="s">
        <v>39</v>
      </c>
      <c r="P2855" s="5" t="s">
        <v>40</v>
      </c>
      <c r="Q2855" s="5" t="s">
        <v>1522</v>
      </c>
      <c r="R2855" s="5" t="s">
        <v>1523</v>
      </c>
      <c r="S2855" s="5" t="s">
        <v>42</v>
      </c>
      <c r="T2855" s="2">
        <v>2.3380000000000001</v>
      </c>
      <c r="U2855" s="2">
        <v>1.774</v>
      </c>
      <c r="V2855" s="2">
        <v>1.2999999999999999E-2</v>
      </c>
      <c r="W2855" s="2">
        <v>99.1</v>
      </c>
      <c r="X2855" s="2">
        <v>7.6</v>
      </c>
      <c r="Y2855" s="2">
        <v>16.7</v>
      </c>
      <c r="Z2855" s="5"/>
      <c r="AA2855" s="5" t="s">
        <v>43</v>
      </c>
      <c r="AB2855" s="5" t="s">
        <v>44</v>
      </c>
      <c r="AC2855" s="2"/>
      <c r="AD2855" s="1"/>
    </row>
    <row r="2856" spans="1:30">
      <c r="A2856" s="5" t="s">
        <v>83578</v>
      </c>
      <c r="B2856" s="2" t="s">
        <v>92170</v>
      </c>
      <c r="C2856" s="14" t="s">
        <v>92171</v>
      </c>
      <c r="D2856" s="2" t="s">
        <v>92172</v>
      </c>
      <c r="E2856" s="2" t="s">
        <v>36285</v>
      </c>
      <c r="F2856" s="8">
        <v>284</v>
      </c>
      <c r="G2856" s="5">
        <v>6</v>
      </c>
      <c r="H2856" s="5" t="s">
        <v>1518</v>
      </c>
      <c r="I2856" s="5" t="s">
        <v>36264</v>
      </c>
      <c r="J2856" s="2" t="s">
        <v>36265</v>
      </c>
      <c r="K2856" s="5" t="s">
        <v>36264</v>
      </c>
      <c r="L2856" s="2" t="s">
        <v>36265</v>
      </c>
      <c r="M2856" s="5" t="s">
        <v>36266</v>
      </c>
      <c r="N2856" s="5" t="s">
        <v>38</v>
      </c>
      <c r="O2856" s="5" t="s">
        <v>39</v>
      </c>
      <c r="P2856" s="5" t="s">
        <v>40</v>
      </c>
      <c r="Q2856" s="5" t="s">
        <v>1522</v>
      </c>
      <c r="R2856" s="5" t="s">
        <v>1523</v>
      </c>
      <c r="S2856" s="5" t="s">
        <v>42</v>
      </c>
      <c r="T2856" s="2">
        <v>2.407</v>
      </c>
      <c r="U2856" s="2">
        <v>1.843</v>
      </c>
      <c r="V2856" s="2">
        <v>1.2999999999999999E-2</v>
      </c>
      <c r="W2856" s="2">
        <v>99.1</v>
      </c>
      <c r="X2856" s="2">
        <v>7.6</v>
      </c>
      <c r="Y2856" s="2">
        <v>16.7</v>
      </c>
      <c r="Z2856" s="5"/>
      <c r="AA2856" s="5" t="s">
        <v>43</v>
      </c>
      <c r="AB2856" s="5" t="s">
        <v>44</v>
      </c>
      <c r="AC2856" s="2"/>
      <c r="AD2856" s="1"/>
    </row>
    <row r="2857" spans="1:30">
      <c r="A2857" s="5" t="s">
        <v>83578</v>
      </c>
      <c r="B2857" s="2" t="s">
        <v>92173</v>
      </c>
      <c r="C2857" s="14" t="s">
        <v>92174</v>
      </c>
      <c r="D2857" s="2" t="s">
        <v>92175</v>
      </c>
      <c r="E2857" s="2" t="s">
        <v>36289</v>
      </c>
      <c r="F2857" s="8">
        <v>284</v>
      </c>
      <c r="G2857" s="5">
        <v>6</v>
      </c>
      <c r="H2857" s="5" t="s">
        <v>1518</v>
      </c>
      <c r="I2857" s="5" t="s">
        <v>36264</v>
      </c>
      <c r="J2857" s="2" t="s">
        <v>36265</v>
      </c>
      <c r="K2857" s="5" t="s">
        <v>36264</v>
      </c>
      <c r="L2857" s="2" t="s">
        <v>36265</v>
      </c>
      <c r="M2857" s="5" t="s">
        <v>36266</v>
      </c>
      <c r="N2857" s="5" t="s">
        <v>38</v>
      </c>
      <c r="O2857" s="5" t="s">
        <v>39</v>
      </c>
      <c r="P2857" s="5" t="s">
        <v>40</v>
      </c>
      <c r="Q2857" s="5" t="s">
        <v>1522</v>
      </c>
      <c r="R2857" s="5" t="s">
        <v>1523</v>
      </c>
      <c r="S2857" s="5" t="s">
        <v>42</v>
      </c>
      <c r="T2857" s="2">
        <v>2.3380000000000001</v>
      </c>
      <c r="U2857" s="2">
        <v>1.774</v>
      </c>
      <c r="V2857" s="2">
        <v>1.2999999999999999E-2</v>
      </c>
      <c r="W2857" s="2">
        <v>99.1</v>
      </c>
      <c r="X2857" s="2">
        <v>7.6</v>
      </c>
      <c r="Y2857" s="2">
        <v>16.7</v>
      </c>
      <c r="Z2857" s="5"/>
      <c r="AA2857" s="5" t="s">
        <v>43</v>
      </c>
      <c r="AB2857" s="5" t="s">
        <v>44</v>
      </c>
      <c r="AC2857" s="2"/>
      <c r="AD2857" s="1"/>
    </row>
    <row r="2858" spans="1:30">
      <c r="A2858" s="5" t="s">
        <v>83578</v>
      </c>
      <c r="B2858" s="2" t="s">
        <v>92176</v>
      </c>
      <c r="C2858" s="14" t="s">
        <v>92177</v>
      </c>
      <c r="D2858" s="2" t="s">
        <v>92178</v>
      </c>
      <c r="E2858" s="2" t="s">
        <v>36293</v>
      </c>
      <c r="F2858" s="8">
        <v>284</v>
      </c>
      <c r="G2858" s="5">
        <v>6</v>
      </c>
      <c r="H2858" s="5" t="s">
        <v>1518</v>
      </c>
      <c r="I2858" s="5" t="s">
        <v>36264</v>
      </c>
      <c r="J2858" s="2" t="s">
        <v>36265</v>
      </c>
      <c r="K2858" s="5" t="s">
        <v>36264</v>
      </c>
      <c r="L2858" s="2" t="s">
        <v>36265</v>
      </c>
      <c r="M2858" s="5" t="s">
        <v>36266</v>
      </c>
      <c r="N2858" s="5" t="s">
        <v>38</v>
      </c>
      <c r="O2858" s="5" t="s">
        <v>39</v>
      </c>
      <c r="P2858" s="5" t="s">
        <v>40</v>
      </c>
      <c r="Q2858" s="5" t="s">
        <v>1522</v>
      </c>
      <c r="R2858" s="5" t="s">
        <v>1523</v>
      </c>
      <c r="S2858" s="5" t="s">
        <v>42</v>
      </c>
      <c r="T2858" s="2">
        <v>2.407</v>
      </c>
      <c r="U2858" s="2">
        <v>1.843</v>
      </c>
      <c r="V2858" s="2">
        <v>1.2999999999999999E-2</v>
      </c>
      <c r="W2858" s="2">
        <v>99.1</v>
      </c>
      <c r="X2858" s="2">
        <v>7.6</v>
      </c>
      <c r="Y2858" s="2">
        <v>16.7</v>
      </c>
      <c r="Z2858" s="5"/>
      <c r="AA2858" s="5" t="s">
        <v>43</v>
      </c>
      <c r="AB2858" s="5" t="s">
        <v>44</v>
      </c>
      <c r="AC2858" s="2"/>
      <c r="AD2858" s="1"/>
    </row>
    <row r="2859" spans="1:30">
      <c r="A2859" s="5" t="s">
        <v>83578</v>
      </c>
      <c r="B2859" s="2" t="s">
        <v>92179</v>
      </c>
      <c r="C2859" s="14" t="s">
        <v>92180</v>
      </c>
      <c r="D2859" s="2" t="s">
        <v>92181</v>
      </c>
      <c r="E2859" s="2" t="s">
        <v>36297</v>
      </c>
      <c r="F2859" s="8">
        <v>264</v>
      </c>
      <c r="G2859" s="5">
        <v>6</v>
      </c>
      <c r="H2859" s="5" t="s">
        <v>1518</v>
      </c>
      <c r="I2859" s="5" t="s">
        <v>36264</v>
      </c>
      <c r="J2859" s="2" t="s">
        <v>36265</v>
      </c>
      <c r="K2859" s="5" t="s">
        <v>36264</v>
      </c>
      <c r="L2859" s="2" t="s">
        <v>36265</v>
      </c>
      <c r="M2859" s="5" t="s">
        <v>36266</v>
      </c>
      <c r="N2859" s="5" t="s">
        <v>38</v>
      </c>
      <c r="O2859" s="5" t="s">
        <v>39</v>
      </c>
      <c r="P2859" s="5" t="s">
        <v>40</v>
      </c>
      <c r="Q2859" s="5" t="s">
        <v>1522</v>
      </c>
      <c r="R2859" s="5" t="s">
        <v>1523</v>
      </c>
      <c r="S2859" s="5" t="s">
        <v>42</v>
      </c>
      <c r="T2859" s="2">
        <v>2.3380000000000001</v>
      </c>
      <c r="U2859" s="2">
        <v>1.774</v>
      </c>
      <c r="V2859" s="2">
        <v>1.2999999999999999E-2</v>
      </c>
      <c r="W2859" s="2">
        <v>99.1</v>
      </c>
      <c r="X2859" s="2">
        <v>7.6</v>
      </c>
      <c r="Y2859" s="2">
        <v>16.7</v>
      </c>
      <c r="Z2859" s="5"/>
      <c r="AA2859" s="5" t="s">
        <v>43</v>
      </c>
      <c r="AB2859" s="5" t="s">
        <v>44</v>
      </c>
      <c r="AC2859" s="2"/>
      <c r="AD2859" s="1"/>
    </row>
    <row r="2860" spans="1:30">
      <c r="A2860" s="5" t="s">
        <v>83578</v>
      </c>
      <c r="B2860" s="2" t="s">
        <v>92182</v>
      </c>
      <c r="C2860" s="14" t="s">
        <v>92183</v>
      </c>
      <c r="D2860" s="2" t="s">
        <v>92184</v>
      </c>
      <c r="E2860" s="2" t="s">
        <v>36301</v>
      </c>
      <c r="F2860" s="8">
        <v>264</v>
      </c>
      <c r="G2860" s="5">
        <v>6</v>
      </c>
      <c r="H2860" s="5" t="s">
        <v>1518</v>
      </c>
      <c r="I2860" s="5" t="s">
        <v>36264</v>
      </c>
      <c r="J2860" s="2" t="s">
        <v>36265</v>
      </c>
      <c r="K2860" s="5" t="s">
        <v>36264</v>
      </c>
      <c r="L2860" s="2" t="s">
        <v>36265</v>
      </c>
      <c r="M2860" s="5" t="s">
        <v>36266</v>
      </c>
      <c r="N2860" s="5" t="s">
        <v>38</v>
      </c>
      <c r="O2860" s="5" t="s">
        <v>39</v>
      </c>
      <c r="P2860" s="5" t="s">
        <v>40</v>
      </c>
      <c r="Q2860" s="5" t="s">
        <v>1522</v>
      </c>
      <c r="R2860" s="5" t="s">
        <v>1523</v>
      </c>
      <c r="S2860" s="5" t="s">
        <v>42</v>
      </c>
      <c r="T2860" s="2">
        <v>2.407</v>
      </c>
      <c r="U2860" s="2">
        <v>1.843</v>
      </c>
      <c r="V2860" s="2">
        <v>1.2999999999999999E-2</v>
      </c>
      <c r="W2860" s="2">
        <v>99.1</v>
      </c>
      <c r="X2860" s="2">
        <v>7.6</v>
      </c>
      <c r="Y2860" s="2">
        <v>16.7</v>
      </c>
      <c r="Z2860" s="5"/>
      <c r="AA2860" s="5" t="s">
        <v>43</v>
      </c>
      <c r="AB2860" s="5" t="s">
        <v>44</v>
      </c>
      <c r="AC2860" s="2"/>
      <c r="AD2860" s="1"/>
    </row>
    <row r="2861" spans="1:30">
      <c r="A2861" s="5" t="s">
        <v>83578</v>
      </c>
      <c r="B2861" s="2" t="s">
        <v>92185</v>
      </c>
      <c r="C2861" s="14" t="s">
        <v>92186</v>
      </c>
      <c r="D2861" s="2" t="s">
        <v>92187</v>
      </c>
      <c r="E2861" s="2" t="s">
        <v>36305</v>
      </c>
      <c r="F2861" s="8">
        <v>264</v>
      </c>
      <c r="G2861" s="5">
        <v>6</v>
      </c>
      <c r="H2861" s="5" t="s">
        <v>1518</v>
      </c>
      <c r="I2861" s="5" t="s">
        <v>36264</v>
      </c>
      <c r="J2861" s="2" t="s">
        <v>36265</v>
      </c>
      <c r="K2861" s="5" t="s">
        <v>36264</v>
      </c>
      <c r="L2861" s="2" t="s">
        <v>36265</v>
      </c>
      <c r="M2861" s="5" t="s">
        <v>36266</v>
      </c>
      <c r="N2861" s="5" t="s">
        <v>38</v>
      </c>
      <c r="O2861" s="5" t="s">
        <v>39</v>
      </c>
      <c r="P2861" s="5" t="s">
        <v>40</v>
      </c>
      <c r="Q2861" s="5" t="s">
        <v>1522</v>
      </c>
      <c r="R2861" s="5" t="s">
        <v>1523</v>
      </c>
      <c r="S2861" s="5" t="s">
        <v>42</v>
      </c>
      <c r="T2861" s="2">
        <v>2.3380000000000001</v>
      </c>
      <c r="U2861" s="2">
        <v>1.774</v>
      </c>
      <c r="V2861" s="2">
        <v>1.2999999999999999E-2</v>
      </c>
      <c r="W2861" s="2">
        <v>99.1</v>
      </c>
      <c r="X2861" s="2">
        <v>7.6</v>
      </c>
      <c r="Y2861" s="2">
        <v>16.7</v>
      </c>
      <c r="Z2861" s="5"/>
      <c r="AA2861" s="5" t="s">
        <v>43</v>
      </c>
      <c r="AB2861" s="5" t="s">
        <v>44</v>
      </c>
      <c r="AC2861" s="2"/>
      <c r="AD2861" s="1"/>
    </row>
    <row r="2862" spans="1:30">
      <c r="A2862" s="5" t="s">
        <v>83578</v>
      </c>
      <c r="B2862" s="2" t="s">
        <v>92188</v>
      </c>
      <c r="C2862" s="14" t="s">
        <v>92189</v>
      </c>
      <c r="D2862" s="2" t="s">
        <v>92190</v>
      </c>
      <c r="E2862" s="2" t="s">
        <v>36309</v>
      </c>
      <c r="F2862" s="8">
        <v>264</v>
      </c>
      <c r="G2862" s="5">
        <v>6</v>
      </c>
      <c r="H2862" s="5" t="s">
        <v>1518</v>
      </c>
      <c r="I2862" s="5" t="s">
        <v>36264</v>
      </c>
      <c r="J2862" s="2" t="s">
        <v>36265</v>
      </c>
      <c r="K2862" s="5" t="s">
        <v>36264</v>
      </c>
      <c r="L2862" s="2" t="s">
        <v>36265</v>
      </c>
      <c r="M2862" s="5" t="s">
        <v>36266</v>
      </c>
      <c r="N2862" s="5" t="s">
        <v>38</v>
      </c>
      <c r="O2862" s="5" t="s">
        <v>39</v>
      </c>
      <c r="P2862" s="5" t="s">
        <v>40</v>
      </c>
      <c r="Q2862" s="5" t="s">
        <v>1522</v>
      </c>
      <c r="R2862" s="5" t="s">
        <v>1523</v>
      </c>
      <c r="S2862" s="5" t="s">
        <v>42</v>
      </c>
      <c r="T2862" s="2">
        <v>2.407</v>
      </c>
      <c r="U2862" s="2">
        <v>1.843</v>
      </c>
      <c r="V2862" s="2">
        <v>1.2999999999999999E-2</v>
      </c>
      <c r="W2862" s="2">
        <v>99.1</v>
      </c>
      <c r="X2862" s="2">
        <v>7.6</v>
      </c>
      <c r="Y2862" s="2">
        <v>16.7</v>
      </c>
      <c r="Z2862" s="5"/>
      <c r="AA2862" s="5" t="s">
        <v>43</v>
      </c>
      <c r="AB2862" s="5" t="s">
        <v>44</v>
      </c>
      <c r="AC2862" s="2"/>
      <c r="AD2862" s="1"/>
    </row>
    <row r="2863" spans="1:30">
      <c r="A2863" s="5" t="s">
        <v>83578</v>
      </c>
      <c r="B2863" s="2" t="s">
        <v>92191</v>
      </c>
      <c r="C2863" s="14" t="s">
        <v>92192</v>
      </c>
      <c r="D2863" s="2" t="s">
        <v>92193</v>
      </c>
      <c r="E2863" s="2" t="s">
        <v>36313</v>
      </c>
      <c r="F2863" s="8">
        <v>284</v>
      </c>
      <c r="G2863" s="5">
        <v>6</v>
      </c>
      <c r="H2863" s="5" t="s">
        <v>1518</v>
      </c>
      <c r="I2863" s="5" t="s">
        <v>36264</v>
      </c>
      <c r="J2863" s="2" t="s">
        <v>36265</v>
      </c>
      <c r="K2863" s="5" t="s">
        <v>36264</v>
      </c>
      <c r="L2863" s="2" t="s">
        <v>36265</v>
      </c>
      <c r="M2863" s="5" t="s">
        <v>36266</v>
      </c>
      <c r="N2863" s="5" t="s">
        <v>38</v>
      </c>
      <c r="O2863" s="5" t="s">
        <v>39</v>
      </c>
      <c r="P2863" s="5" t="s">
        <v>40</v>
      </c>
      <c r="Q2863" s="5" t="s">
        <v>1522</v>
      </c>
      <c r="R2863" s="5" t="s">
        <v>1523</v>
      </c>
      <c r="S2863" s="5" t="s">
        <v>42</v>
      </c>
      <c r="T2863" s="2">
        <v>2.3380000000000001</v>
      </c>
      <c r="U2863" s="2">
        <v>1.774</v>
      </c>
      <c r="V2863" s="2">
        <v>1.2999999999999999E-2</v>
      </c>
      <c r="W2863" s="2">
        <v>99.1</v>
      </c>
      <c r="X2863" s="2">
        <v>7.6</v>
      </c>
      <c r="Y2863" s="2">
        <v>16.7</v>
      </c>
      <c r="Z2863" s="5"/>
      <c r="AA2863" s="5" t="s">
        <v>43</v>
      </c>
      <c r="AB2863" s="5" t="s">
        <v>44</v>
      </c>
      <c r="AC2863" s="2"/>
      <c r="AD2863" s="1"/>
    </row>
    <row r="2864" spans="1:30">
      <c r="A2864" s="5" t="s">
        <v>83578</v>
      </c>
      <c r="B2864" s="2" t="s">
        <v>92194</v>
      </c>
      <c r="C2864" s="14" t="s">
        <v>92195</v>
      </c>
      <c r="D2864" s="2" t="s">
        <v>92196</v>
      </c>
      <c r="E2864" s="2" t="s">
        <v>36317</v>
      </c>
      <c r="F2864" s="8">
        <v>284</v>
      </c>
      <c r="G2864" s="5">
        <v>6</v>
      </c>
      <c r="H2864" s="5" t="s">
        <v>1518</v>
      </c>
      <c r="I2864" s="5" t="s">
        <v>36264</v>
      </c>
      <c r="J2864" s="2" t="s">
        <v>36265</v>
      </c>
      <c r="K2864" s="5" t="s">
        <v>36264</v>
      </c>
      <c r="L2864" s="2" t="s">
        <v>36265</v>
      </c>
      <c r="M2864" s="5" t="s">
        <v>36266</v>
      </c>
      <c r="N2864" s="5" t="s">
        <v>38</v>
      </c>
      <c r="O2864" s="5" t="s">
        <v>39</v>
      </c>
      <c r="P2864" s="5" t="s">
        <v>40</v>
      </c>
      <c r="Q2864" s="5" t="s">
        <v>1522</v>
      </c>
      <c r="R2864" s="5" t="s">
        <v>1523</v>
      </c>
      <c r="S2864" s="5" t="s">
        <v>42</v>
      </c>
      <c r="T2864" s="2">
        <v>2.407</v>
      </c>
      <c r="U2864" s="2">
        <v>1.843</v>
      </c>
      <c r="V2864" s="2">
        <v>1.2999999999999999E-2</v>
      </c>
      <c r="W2864" s="2">
        <v>99.1</v>
      </c>
      <c r="X2864" s="2">
        <v>7.6</v>
      </c>
      <c r="Y2864" s="2">
        <v>16.7</v>
      </c>
      <c r="Z2864" s="5"/>
      <c r="AA2864" s="5" t="s">
        <v>43</v>
      </c>
      <c r="AB2864" s="5" t="s">
        <v>44</v>
      </c>
      <c r="AC2864" s="2"/>
      <c r="AD2864" s="1"/>
    </row>
    <row r="2865" spans="1:30">
      <c r="A2865" s="5" t="s">
        <v>83578</v>
      </c>
      <c r="B2865" s="2" t="s">
        <v>92197</v>
      </c>
      <c r="C2865" s="14" t="s">
        <v>92198</v>
      </c>
      <c r="D2865" s="2" t="s">
        <v>92199</v>
      </c>
      <c r="E2865" s="2" t="s">
        <v>36321</v>
      </c>
      <c r="F2865" s="8">
        <v>284</v>
      </c>
      <c r="G2865" s="5">
        <v>6</v>
      </c>
      <c r="H2865" s="5" t="s">
        <v>1518</v>
      </c>
      <c r="I2865" s="5" t="s">
        <v>36264</v>
      </c>
      <c r="J2865" s="2" t="s">
        <v>36265</v>
      </c>
      <c r="K2865" s="5" t="s">
        <v>36264</v>
      </c>
      <c r="L2865" s="2" t="s">
        <v>36265</v>
      </c>
      <c r="M2865" s="5" t="s">
        <v>36266</v>
      </c>
      <c r="N2865" s="5" t="s">
        <v>38</v>
      </c>
      <c r="O2865" s="5" t="s">
        <v>39</v>
      </c>
      <c r="P2865" s="5" t="s">
        <v>40</v>
      </c>
      <c r="Q2865" s="5" t="s">
        <v>1522</v>
      </c>
      <c r="R2865" s="5" t="s">
        <v>1523</v>
      </c>
      <c r="S2865" s="5" t="s">
        <v>42</v>
      </c>
      <c r="T2865" s="2">
        <v>2.3380000000000001</v>
      </c>
      <c r="U2865" s="2">
        <v>1.774</v>
      </c>
      <c r="V2865" s="2">
        <v>1.2999999999999999E-2</v>
      </c>
      <c r="W2865" s="2">
        <v>99.1</v>
      </c>
      <c r="X2865" s="2">
        <v>7.6</v>
      </c>
      <c r="Y2865" s="2">
        <v>16.7</v>
      </c>
      <c r="Z2865" s="5"/>
      <c r="AA2865" s="5" t="s">
        <v>43</v>
      </c>
      <c r="AB2865" s="5" t="s">
        <v>44</v>
      </c>
      <c r="AC2865" s="2"/>
      <c r="AD2865" s="1"/>
    </row>
    <row r="2866" spans="1:30">
      <c r="A2866" s="5" t="s">
        <v>83578</v>
      </c>
      <c r="B2866" s="2" t="s">
        <v>92200</v>
      </c>
      <c r="C2866" s="14" t="s">
        <v>92201</v>
      </c>
      <c r="D2866" s="2" t="s">
        <v>92202</v>
      </c>
      <c r="E2866" s="2" t="s">
        <v>36325</v>
      </c>
      <c r="F2866" s="8">
        <v>284</v>
      </c>
      <c r="G2866" s="5">
        <v>6</v>
      </c>
      <c r="H2866" s="5" t="s">
        <v>1518</v>
      </c>
      <c r="I2866" s="5" t="s">
        <v>36264</v>
      </c>
      <c r="J2866" s="2" t="s">
        <v>36265</v>
      </c>
      <c r="K2866" s="5" t="s">
        <v>36264</v>
      </c>
      <c r="L2866" s="2" t="s">
        <v>36265</v>
      </c>
      <c r="M2866" s="5" t="s">
        <v>36266</v>
      </c>
      <c r="N2866" s="5" t="s">
        <v>38</v>
      </c>
      <c r="O2866" s="5" t="s">
        <v>39</v>
      </c>
      <c r="P2866" s="5" t="s">
        <v>40</v>
      </c>
      <c r="Q2866" s="5" t="s">
        <v>1522</v>
      </c>
      <c r="R2866" s="5" t="s">
        <v>1523</v>
      </c>
      <c r="S2866" s="5" t="s">
        <v>42</v>
      </c>
      <c r="T2866" s="2">
        <v>2.407</v>
      </c>
      <c r="U2866" s="2">
        <v>1.843</v>
      </c>
      <c r="V2866" s="2">
        <v>1.2999999999999999E-2</v>
      </c>
      <c r="W2866" s="2">
        <v>99.1</v>
      </c>
      <c r="X2866" s="2">
        <v>7.6</v>
      </c>
      <c r="Y2866" s="2">
        <v>16.7</v>
      </c>
      <c r="Z2866" s="5"/>
      <c r="AA2866" s="5" t="s">
        <v>43</v>
      </c>
      <c r="AB2866" s="5" t="s">
        <v>44</v>
      </c>
      <c r="AC2866" s="2"/>
      <c r="AD2866" s="1"/>
    </row>
    <row r="2867" spans="1:30">
      <c r="A2867" s="5" t="s">
        <v>83578</v>
      </c>
      <c r="B2867" s="2" t="s">
        <v>92203</v>
      </c>
      <c r="C2867" s="14" t="s">
        <v>92204</v>
      </c>
      <c r="D2867" s="2" t="s">
        <v>92205</v>
      </c>
      <c r="E2867" s="2" t="s">
        <v>36329</v>
      </c>
      <c r="F2867" s="8">
        <v>284</v>
      </c>
      <c r="G2867" s="5">
        <v>6</v>
      </c>
      <c r="H2867" s="5" t="s">
        <v>1518</v>
      </c>
      <c r="I2867" s="5" t="s">
        <v>36264</v>
      </c>
      <c r="J2867" s="2" t="s">
        <v>36265</v>
      </c>
      <c r="K2867" s="5" t="s">
        <v>36264</v>
      </c>
      <c r="L2867" s="2" t="s">
        <v>36265</v>
      </c>
      <c r="M2867" s="5" t="s">
        <v>36266</v>
      </c>
      <c r="N2867" s="5" t="s">
        <v>38</v>
      </c>
      <c r="O2867" s="5" t="s">
        <v>39</v>
      </c>
      <c r="P2867" s="5" t="s">
        <v>40</v>
      </c>
      <c r="Q2867" s="5" t="s">
        <v>1522</v>
      </c>
      <c r="R2867" s="5" t="s">
        <v>1523</v>
      </c>
      <c r="S2867" s="5" t="s">
        <v>42</v>
      </c>
      <c r="T2867" s="2">
        <v>2.3380000000000001</v>
      </c>
      <c r="U2867" s="2">
        <v>1.774</v>
      </c>
      <c r="V2867" s="2">
        <v>1.2999999999999999E-2</v>
      </c>
      <c r="W2867" s="2">
        <v>99.1</v>
      </c>
      <c r="X2867" s="2">
        <v>7.6</v>
      </c>
      <c r="Y2867" s="2">
        <v>16.7</v>
      </c>
      <c r="Z2867" s="5"/>
      <c r="AA2867" s="5" t="s">
        <v>43</v>
      </c>
      <c r="AB2867" s="5" t="s">
        <v>44</v>
      </c>
      <c r="AC2867" s="2"/>
      <c r="AD2867" s="1"/>
    </row>
    <row r="2868" spans="1:30">
      <c r="A2868" s="5" t="s">
        <v>83578</v>
      </c>
      <c r="B2868" s="2" t="s">
        <v>92206</v>
      </c>
      <c r="C2868" s="14" t="s">
        <v>92207</v>
      </c>
      <c r="D2868" s="2" t="s">
        <v>92208</v>
      </c>
      <c r="E2868" s="2" t="s">
        <v>36333</v>
      </c>
      <c r="F2868" s="8">
        <v>284</v>
      </c>
      <c r="G2868" s="5">
        <v>6</v>
      </c>
      <c r="H2868" s="5" t="s">
        <v>1518</v>
      </c>
      <c r="I2868" s="5" t="s">
        <v>36264</v>
      </c>
      <c r="J2868" s="2" t="s">
        <v>36265</v>
      </c>
      <c r="K2868" s="5" t="s">
        <v>36264</v>
      </c>
      <c r="L2868" s="2" t="s">
        <v>36265</v>
      </c>
      <c r="M2868" s="5" t="s">
        <v>36266</v>
      </c>
      <c r="N2868" s="5" t="s">
        <v>38</v>
      </c>
      <c r="O2868" s="5" t="s">
        <v>39</v>
      </c>
      <c r="P2868" s="5" t="s">
        <v>40</v>
      </c>
      <c r="Q2868" s="5" t="s">
        <v>1522</v>
      </c>
      <c r="R2868" s="5" t="s">
        <v>1523</v>
      </c>
      <c r="S2868" s="5" t="s">
        <v>42</v>
      </c>
      <c r="T2868" s="2">
        <v>2.407</v>
      </c>
      <c r="U2868" s="2">
        <v>1.843</v>
      </c>
      <c r="V2868" s="2">
        <v>1.2999999999999999E-2</v>
      </c>
      <c r="W2868" s="2">
        <v>99.1</v>
      </c>
      <c r="X2868" s="2">
        <v>7.6</v>
      </c>
      <c r="Y2868" s="2">
        <v>16.7</v>
      </c>
      <c r="Z2868" s="5"/>
      <c r="AA2868" s="5" t="s">
        <v>43</v>
      </c>
      <c r="AB2868" s="5" t="s">
        <v>44</v>
      </c>
      <c r="AC2868" s="2"/>
      <c r="AD2868" s="1"/>
    </row>
    <row r="2869" spans="1:30">
      <c r="A2869" s="5" t="s">
        <v>83578</v>
      </c>
      <c r="B2869" s="2" t="s">
        <v>92209</v>
      </c>
      <c r="C2869" s="14" t="s">
        <v>92210</v>
      </c>
      <c r="D2869" s="2" t="s">
        <v>92211</v>
      </c>
      <c r="E2869" s="2" t="s">
        <v>36337</v>
      </c>
      <c r="F2869" s="8">
        <v>284</v>
      </c>
      <c r="G2869" s="5">
        <v>6</v>
      </c>
      <c r="H2869" s="5" t="s">
        <v>1518</v>
      </c>
      <c r="I2869" s="5" t="s">
        <v>36264</v>
      </c>
      <c r="J2869" s="2" t="s">
        <v>36265</v>
      </c>
      <c r="K2869" s="5" t="s">
        <v>36264</v>
      </c>
      <c r="L2869" s="2" t="s">
        <v>36265</v>
      </c>
      <c r="M2869" s="5" t="s">
        <v>36266</v>
      </c>
      <c r="N2869" s="5" t="s">
        <v>38</v>
      </c>
      <c r="O2869" s="5" t="s">
        <v>39</v>
      </c>
      <c r="P2869" s="5" t="s">
        <v>40</v>
      </c>
      <c r="Q2869" s="5" t="s">
        <v>1522</v>
      </c>
      <c r="R2869" s="5" t="s">
        <v>1523</v>
      </c>
      <c r="S2869" s="5" t="s">
        <v>42</v>
      </c>
      <c r="T2869" s="2">
        <v>2.3380000000000001</v>
      </c>
      <c r="U2869" s="2">
        <v>1.774</v>
      </c>
      <c r="V2869" s="2">
        <v>1.2999999999999999E-2</v>
      </c>
      <c r="W2869" s="2">
        <v>99.1</v>
      </c>
      <c r="X2869" s="2">
        <v>7.6</v>
      </c>
      <c r="Y2869" s="2">
        <v>16.7</v>
      </c>
      <c r="Z2869" s="5"/>
      <c r="AA2869" s="5" t="s">
        <v>43</v>
      </c>
      <c r="AB2869" s="5" t="s">
        <v>44</v>
      </c>
      <c r="AC2869" s="2"/>
      <c r="AD2869" s="1"/>
    </row>
    <row r="2870" spans="1:30">
      <c r="A2870" s="5" t="s">
        <v>83578</v>
      </c>
      <c r="B2870" s="2" t="s">
        <v>92212</v>
      </c>
      <c r="C2870" s="14" t="s">
        <v>92213</v>
      </c>
      <c r="D2870" s="2" t="s">
        <v>92214</v>
      </c>
      <c r="E2870" s="2" t="s">
        <v>36341</v>
      </c>
      <c r="F2870" s="8">
        <v>284</v>
      </c>
      <c r="G2870" s="5">
        <v>6</v>
      </c>
      <c r="H2870" s="5" t="s">
        <v>1518</v>
      </c>
      <c r="I2870" s="5" t="s">
        <v>36264</v>
      </c>
      <c r="J2870" s="2" t="s">
        <v>36265</v>
      </c>
      <c r="K2870" s="5" t="s">
        <v>36264</v>
      </c>
      <c r="L2870" s="2" t="s">
        <v>36265</v>
      </c>
      <c r="M2870" s="5" t="s">
        <v>36266</v>
      </c>
      <c r="N2870" s="5" t="s">
        <v>38</v>
      </c>
      <c r="O2870" s="5" t="s">
        <v>39</v>
      </c>
      <c r="P2870" s="5" t="s">
        <v>40</v>
      </c>
      <c r="Q2870" s="5" t="s">
        <v>1522</v>
      </c>
      <c r="R2870" s="5" t="s">
        <v>1523</v>
      </c>
      <c r="S2870" s="5" t="s">
        <v>42</v>
      </c>
      <c r="T2870" s="2">
        <v>2.407</v>
      </c>
      <c r="U2870" s="2">
        <v>1.843</v>
      </c>
      <c r="V2870" s="2">
        <v>1.2999999999999999E-2</v>
      </c>
      <c r="W2870" s="2">
        <v>99.1</v>
      </c>
      <c r="X2870" s="2">
        <v>7.6</v>
      </c>
      <c r="Y2870" s="2">
        <v>16.7</v>
      </c>
      <c r="Z2870" s="5"/>
      <c r="AA2870" s="5" t="s">
        <v>43</v>
      </c>
      <c r="AB2870" s="5" t="s">
        <v>44</v>
      </c>
      <c r="AC2870" s="2"/>
      <c r="AD2870" s="1"/>
    </row>
    <row r="2871" spans="1:30">
      <c r="A2871" s="5" t="s">
        <v>83578</v>
      </c>
      <c r="B2871" s="2" t="s">
        <v>92215</v>
      </c>
      <c r="C2871" s="14" t="s">
        <v>92216</v>
      </c>
      <c r="D2871" s="2" t="s">
        <v>92217</v>
      </c>
      <c r="E2871" s="2" t="s">
        <v>36345</v>
      </c>
      <c r="F2871" s="8">
        <v>284</v>
      </c>
      <c r="G2871" s="5">
        <v>6</v>
      </c>
      <c r="H2871" s="5" t="s">
        <v>1518</v>
      </c>
      <c r="I2871" s="5" t="s">
        <v>36264</v>
      </c>
      <c r="J2871" s="2" t="s">
        <v>36265</v>
      </c>
      <c r="K2871" s="5" t="s">
        <v>36264</v>
      </c>
      <c r="L2871" s="2" t="s">
        <v>36265</v>
      </c>
      <c r="M2871" s="5" t="s">
        <v>36266</v>
      </c>
      <c r="N2871" s="5" t="s">
        <v>38</v>
      </c>
      <c r="O2871" s="5" t="s">
        <v>39</v>
      </c>
      <c r="P2871" s="5" t="s">
        <v>40</v>
      </c>
      <c r="Q2871" s="5" t="s">
        <v>1522</v>
      </c>
      <c r="R2871" s="5" t="s">
        <v>1523</v>
      </c>
      <c r="S2871" s="5" t="s">
        <v>42</v>
      </c>
      <c r="T2871" s="2">
        <v>2.3380000000000001</v>
      </c>
      <c r="U2871" s="2">
        <v>1.774</v>
      </c>
      <c r="V2871" s="2">
        <v>1.2999999999999999E-2</v>
      </c>
      <c r="W2871" s="2">
        <v>99.1</v>
      </c>
      <c r="X2871" s="2">
        <v>7.6</v>
      </c>
      <c r="Y2871" s="2">
        <v>16.7</v>
      </c>
      <c r="Z2871" s="5"/>
      <c r="AA2871" s="5" t="s">
        <v>43</v>
      </c>
      <c r="AB2871" s="5" t="s">
        <v>44</v>
      </c>
      <c r="AC2871" s="2"/>
      <c r="AD2871" s="1"/>
    </row>
    <row r="2872" spans="1:30">
      <c r="A2872" s="5" t="s">
        <v>83578</v>
      </c>
      <c r="B2872" s="2" t="s">
        <v>92218</v>
      </c>
      <c r="C2872" s="14" t="s">
        <v>92219</v>
      </c>
      <c r="D2872" s="2" t="s">
        <v>92220</v>
      </c>
      <c r="E2872" s="2" t="s">
        <v>36349</v>
      </c>
      <c r="F2872" s="8">
        <v>284</v>
      </c>
      <c r="G2872" s="5">
        <v>6</v>
      </c>
      <c r="H2872" s="5" t="s">
        <v>1518</v>
      </c>
      <c r="I2872" s="5" t="s">
        <v>36264</v>
      </c>
      <c r="J2872" s="2" t="s">
        <v>36265</v>
      </c>
      <c r="K2872" s="5" t="s">
        <v>36264</v>
      </c>
      <c r="L2872" s="2" t="s">
        <v>36265</v>
      </c>
      <c r="M2872" s="5" t="s">
        <v>36266</v>
      </c>
      <c r="N2872" s="5" t="s">
        <v>38</v>
      </c>
      <c r="O2872" s="5" t="s">
        <v>39</v>
      </c>
      <c r="P2872" s="5" t="s">
        <v>40</v>
      </c>
      <c r="Q2872" s="5" t="s">
        <v>1522</v>
      </c>
      <c r="R2872" s="5" t="s">
        <v>1523</v>
      </c>
      <c r="S2872" s="5" t="s">
        <v>42</v>
      </c>
      <c r="T2872" s="2">
        <v>2.407</v>
      </c>
      <c r="U2872" s="2">
        <v>1.843</v>
      </c>
      <c r="V2872" s="2">
        <v>1.2999999999999999E-2</v>
      </c>
      <c r="W2872" s="2">
        <v>99.1</v>
      </c>
      <c r="X2872" s="2">
        <v>7.6</v>
      </c>
      <c r="Y2872" s="2">
        <v>16.7</v>
      </c>
      <c r="Z2872" s="5"/>
      <c r="AA2872" s="5" t="s">
        <v>43</v>
      </c>
      <c r="AB2872" s="5" t="s">
        <v>44</v>
      </c>
      <c r="AC2872" s="2"/>
      <c r="AD2872" s="1"/>
    </row>
    <row r="2873" spans="1:30">
      <c r="A2873" s="5" t="s">
        <v>83578</v>
      </c>
      <c r="B2873" s="2" t="s">
        <v>92221</v>
      </c>
      <c r="C2873" s="14" t="s">
        <v>92222</v>
      </c>
      <c r="D2873" s="2" t="s">
        <v>92223</v>
      </c>
      <c r="E2873" s="2" t="s">
        <v>36353</v>
      </c>
      <c r="F2873" s="8">
        <v>284</v>
      </c>
      <c r="G2873" s="5">
        <v>6</v>
      </c>
      <c r="H2873" s="5" t="s">
        <v>1518</v>
      </c>
      <c r="I2873" s="5" t="s">
        <v>36264</v>
      </c>
      <c r="J2873" s="2" t="s">
        <v>36265</v>
      </c>
      <c r="K2873" s="5" t="s">
        <v>36264</v>
      </c>
      <c r="L2873" s="2" t="s">
        <v>36265</v>
      </c>
      <c r="M2873" s="5" t="s">
        <v>36266</v>
      </c>
      <c r="N2873" s="5" t="s">
        <v>38</v>
      </c>
      <c r="O2873" s="5" t="s">
        <v>39</v>
      </c>
      <c r="P2873" s="5" t="s">
        <v>40</v>
      </c>
      <c r="Q2873" s="5" t="s">
        <v>1522</v>
      </c>
      <c r="R2873" s="5" t="s">
        <v>1523</v>
      </c>
      <c r="S2873" s="5" t="s">
        <v>42</v>
      </c>
      <c r="T2873" s="2">
        <v>2.3380000000000001</v>
      </c>
      <c r="U2873" s="2">
        <v>1.774</v>
      </c>
      <c r="V2873" s="2">
        <v>1.2999999999999999E-2</v>
      </c>
      <c r="W2873" s="2">
        <v>99.1</v>
      </c>
      <c r="X2873" s="2">
        <v>7.6</v>
      </c>
      <c r="Y2873" s="2">
        <v>16.7</v>
      </c>
      <c r="Z2873" s="5"/>
      <c r="AA2873" s="5" t="s">
        <v>43</v>
      </c>
      <c r="AB2873" s="5" t="s">
        <v>44</v>
      </c>
      <c r="AC2873" s="2"/>
      <c r="AD2873" s="1"/>
    </row>
    <row r="2874" spans="1:30">
      <c r="A2874" s="5" t="s">
        <v>83578</v>
      </c>
      <c r="B2874" s="2" t="s">
        <v>92224</v>
      </c>
      <c r="C2874" s="14" t="s">
        <v>92225</v>
      </c>
      <c r="D2874" s="2" t="s">
        <v>92226</v>
      </c>
      <c r="E2874" s="2" t="s">
        <v>36357</v>
      </c>
      <c r="F2874" s="8">
        <v>284</v>
      </c>
      <c r="G2874" s="5">
        <v>6</v>
      </c>
      <c r="H2874" s="5" t="s">
        <v>1518</v>
      </c>
      <c r="I2874" s="5" t="s">
        <v>36264</v>
      </c>
      <c r="J2874" s="2" t="s">
        <v>36265</v>
      </c>
      <c r="K2874" s="5" t="s">
        <v>36264</v>
      </c>
      <c r="L2874" s="2" t="s">
        <v>36265</v>
      </c>
      <c r="M2874" s="5" t="s">
        <v>36266</v>
      </c>
      <c r="N2874" s="5" t="s">
        <v>38</v>
      </c>
      <c r="O2874" s="5" t="s">
        <v>39</v>
      </c>
      <c r="P2874" s="5" t="s">
        <v>40</v>
      </c>
      <c r="Q2874" s="5" t="s">
        <v>1522</v>
      </c>
      <c r="R2874" s="5" t="s">
        <v>1523</v>
      </c>
      <c r="S2874" s="5" t="s">
        <v>42</v>
      </c>
      <c r="T2874" s="2">
        <v>2.407</v>
      </c>
      <c r="U2874" s="2">
        <v>1.843</v>
      </c>
      <c r="V2874" s="2">
        <v>1.2999999999999999E-2</v>
      </c>
      <c r="W2874" s="2">
        <v>99.1</v>
      </c>
      <c r="X2874" s="2">
        <v>7.6</v>
      </c>
      <c r="Y2874" s="2">
        <v>16.7</v>
      </c>
      <c r="Z2874" s="5"/>
      <c r="AA2874" s="5" t="s">
        <v>43</v>
      </c>
      <c r="AB2874" s="5" t="s">
        <v>44</v>
      </c>
      <c r="AC2874" s="2"/>
      <c r="AD2874" s="1"/>
    </row>
    <row r="2875" spans="1:30">
      <c r="A2875" s="5" t="s">
        <v>83578</v>
      </c>
      <c r="B2875" s="2" t="s">
        <v>92227</v>
      </c>
      <c r="C2875" s="14" t="s">
        <v>92228</v>
      </c>
      <c r="D2875" s="2" t="s">
        <v>92229</v>
      </c>
      <c r="E2875" s="2" t="s">
        <v>45598</v>
      </c>
      <c r="F2875" s="8">
        <v>284</v>
      </c>
      <c r="G2875" s="5">
        <v>6</v>
      </c>
      <c r="H2875" s="5" t="s">
        <v>1518</v>
      </c>
      <c r="I2875" s="5" t="s">
        <v>36264</v>
      </c>
      <c r="J2875" s="2" t="s">
        <v>36265</v>
      </c>
      <c r="K2875" s="5" t="s">
        <v>36264</v>
      </c>
      <c r="L2875" s="2" t="s">
        <v>36265</v>
      </c>
      <c r="M2875" s="5" t="s">
        <v>36266</v>
      </c>
      <c r="N2875" s="5" t="s">
        <v>38</v>
      </c>
      <c r="O2875" s="5" t="s">
        <v>39</v>
      </c>
      <c r="P2875" s="5" t="s">
        <v>40</v>
      </c>
      <c r="Q2875" s="5" t="s">
        <v>1522</v>
      </c>
      <c r="R2875" s="5" t="s">
        <v>1523</v>
      </c>
      <c r="S2875" s="5" t="s">
        <v>42</v>
      </c>
      <c r="T2875" s="2">
        <v>2.3380000000000001</v>
      </c>
      <c r="U2875" s="2">
        <v>1.774</v>
      </c>
      <c r="V2875" s="2">
        <v>1.2999999999999999E-2</v>
      </c>
      <c r="W2875" s="2">
        <v>99.1</v>
      </c>
      <c r="X2875" s="2">
        <v>7.6</v>
      </c>
      <c r="Y2875" s="2">
        <v>16.7</v>
      </c>
      <c r="Z2875" s="5"/>
      <c r="AA2875" s="5" t="s">
        <v>43</v>
      </c>
      <c r="AB2875" s="5" t="s">
        <v>44</v>
      </c>
      <c r="AC2875" s="2"/>
      <c r="AD2875" s="1"/>
    </row>
    <row r="2876" spans="1:30">
      <c r="A2876" s="5" t="s">
        <v>83578</v>
      </c>
      <c r="B2876" s="2" t="s">
        <v>92230</v>
      </c>
      <c r="C2876" s="14" t="s">
        <v>92231</v>
      </c>
      <c r="D2876" s="2" t="s">
        <v>92232</v>
      </c>
      <c r="E2876" s="2" t="s">
        <v>45534</v>
      </c>
      <c r="F2876" s="8">
        <v>284</v>
      </c>
      <c r="G2876" s="5">
        <v>6</v>
      </c>
      <c r="H2876" s="5" t="s">
        <v>1518</v>
      </c>
      <c r="I2876" s="5" t="s">
        <v>36264</v>
      </c>
      <c r="J2876" s="2" t="s">
        <v>36265</v>
      </c>
      <c r="K2876" s="5" t="s">
        <v>36264</v>
      </c>
      <c r="L2876" s="2" t="s">
        <v>36265</v>
      </c>
      <c r="M2876" s="5" t="s">
        <v>36266</v>
      </c>
      <c r="N2876" s="5" t="s">
        <v>38</v>
      </c>
      <c r="O2876" s="5" t="s">
        <v>39</v>
      </c>
      <c r="P2876" s="5" t="s">
        <v>40</v>
      </c>
      <c r="Q2876" s="5" t="s">
        <v>1522</v>
      </c>
      <c r="R2876" s="5" t="s">
        <v>1523</v>
      </c>
      <c r="S2876" s="5" t="s">
        <v>42</v>
      </c>
      <c r="T2876" s="2">
        <v>2.407</v>
      </c>
      <c r="U2876" s="2">
        <v>1.843</v>
      </c>
      <c r="V2876" s="2">
        <v>1.2999999999999999E-2</v>
      </c>
      <c r="W2876" s="2">
        <v>99.1</v>
      </c>
      <c r="X2876" s="2">
        <v>7.6</v>
      </c>
      <c r="Y2876" s="2">
        <v>16.7</v>
      </c>
      <c r="Z2876" s="5"/>
      <c r="AA2876" s="5" t="s">
        <v>43</v>
      </c>
      <c r="AB2876" s="5" t="s">
        <v>44</v>
      </c>
      <c r="AC2876" s="2"/>
      <c r="AD2876" s="1"/>
    </row>
    <row r="2877" spans="1:30">
      <c r="A2877" s="5" t="s">
        <v>83578</v>
      </c>
      <c r="B2877" s="2" t="s">
        <v>92233</v>
      </c>
      <c r="C2877" s="14" t="s">
        <v>92234</v>
      </c>
      <c r="D2877" s="2" t="s">
        <v>92235</v>
      </c>
      <c r="E2877" s="2" t="s">
        <v>36369</v>
      </c>
      <c r="F2877" s="8">
        <v>284</v>
      </c>
      <c r="G2877" s="5">
        <v>6</v>
      </c>
      <c r="H2877" s="5" t="s">
        <v>1518</v>
      </c>
      <c r="I2877" s="5" t="s">
        <v>36264</v>
      </c>
      <c r="J2877" s="2" t="s">
        <v>36265</v>
      </c>
      <c r="K2877" s="5" t="s">
        <v>36264</v>
      </c>
      <c r="L2877" s="2" t="s">
        <v>36265</v>
      </c>
      <c r="M2877" s="5" t="s">
        <v>36266</v>
      </c>
      <c r="N2877" s="5" t="s">
        <v>38</v>
      </c>
      <c r="O2877" s="5" t="s">
        <v>39</v>
      </c>
      <c r="P2877" s="5" t="s">
        <v>40</v>
      </c>
      <c r="Q2877" s="5" t="s">
        <v>1522</v>
      </c>
      <c r="R2877" s="5" t="s">
        <v>1523</v>
      </c>
      <c r="S2877" s="5" t="s">
        <v>42</v>
      </c>
      <c r="T2877" s="2">
        <v>2.3380000000000001</v>
      </c>
      <c r="U2877" s="2">
        <v>1.774</v>
      </c>
      <c r="V2877" s="2">
        <v>1.2999999999999999E-2</v>
      </c>
      <c r="W2877" s="2">
        <v>99.1</v>
      </c>
      <c r="X2877" s="2">
        <v>7.6</v>
      </c>
      <c r="Y2877" s="2">
        <v>16.7</v>
      </c>
      <c r="Z2877" s="5"/>
      <c r="AA2877" s="5" t="s">
        <v>43</v>
      </c>
      <c r="AB2877" s="5" t="s">
        <v>44</v>
      </c>
      <c r="AC2877" s="2"/>
      <c r="AD2877" s="1"/>
    </row>
    <row r="2878" spans="1:30">
      <c r="A2878" s="5" t="s">
        <v>83578</v>
      </c>
      <c r="B2878" s="2" t="s">
        <v>92236</v>
      </c>
      <c r="C2878" s="14" t="s">
        <v>92237</v>
      </c>
      <c r="D2878" s="2" t="s">
        <v>92238</v>
      </c>
      <c r="E2878" s="2" t="s">
        <v>36373</v>
      </c>
      <c r="F2878" s="8">
        <v>284</v>
      </c>
      <c r="G2878" s="5">
        <v>6</v>
      </c>
      <c r="H2878" s="5" t="s">
        <v>1518</v>
      </c>
      <c r="I2878" s="5" t="s">
        <v>36264</v>
      </c>
      <c r="J2878" s="2" t="s">
        <v>36265</v>
      </c>
      <c r="K2878" s="5" t="s">
        <v>36264</v>
      </c>
      <c r="L2878" s="2" t="s">
        <v>36265</v>
      </c>
      <c r="M2878" s="5" t="s">
        <v>36266</v>
      </c>
      <c r="N2878" s="5" t="s">
        <v>38</v>
      </c>
      <c r="O2878" s="5" t="s">
        <v>39</v>
      </c>
      <c r="P2878" s="5" t="s">
        <v>40</v>
      </c>
      <c r="Q2878" s="5" t="s">
        <v>1522</v>
      </c>
      <c r="R2878" s="5" t="s">
        <v>1523</v>
      </c>
      <c r="S2878" s="5" t="s">
        <v>42</v>
      </c>
      <c r="T2878" s="2">
        <v>2.407</v>
      </c>
      <c r="U2878" s="2">
        <v>1.843</v>
      </c>
      <c r="V2878" s="2">
        <v>1.2999999999999999E-2</v>
      </c>
      <c r="W2878" s="2">
        <v>99.1</v>
      </c>
      <c r="X2878" s="2">
        <v>7.6</v>
      </c>
      <c r="Y2878" s="2">
        <v>16.7</v>
      </c>
      <c r="Z2878" s="5"/>
      <c r="AA2878" s="5" t="s">
        <v>43</v>
      </c>
      <c r="AB2878" s="5" t="s">
        <v>44</v>
      </c>
      <c r="AC2878" s="2"/>
      <c r="AD2878" s="1"/>
    </row>
    <row r="2879" spans="1:30">
      <c r="A2879" s="5" t="s">
        <v>83578</v>
      </c>
      <c r="B2879" s="2" t="s">
        <v>92239</v>
      </c>
      <c r="C2879" s="14" t="s">
        <v>92240</v>
      </c>
      <c r="D2879" s="2" t="s">
        <v>92241</v>
      </c>
      <c r="E2879" s="2" t="s">
        <v>36377</v>
      </c>
      <c r="F2879" s="8">
        <v>284</v>
      </c>
      <c r="G2879" s="5">
        <v>6</v>
      </c>
      <c r="H2879" s="5" t="s">
        <v>1518</v>
      </c>
      <c r="I2879" s="5" t="s">
        <v>36264</v>
      </c>
      <c r="J2879" s="2" t="s">
        <v>36265</v>
      </c>
      <c r="K2879" s="5" t="s">
        <v>36264</v>
      </c>
      <c r="L2879" s="2" t="s">
        <v>36265</v>
      </c>
      <c r="M2879" s="5" t="s">
        <v>36266</v>
      </c>
      <c r="N2879" s="5" t="s">
        <v>38</v>
      </c>
      <c r="O2879" s="5" t="s">
        <v>39</v>
      </c>
      <c r="P2879" s="5" t="s">
        <v>40</v>
      </c>
      <c r="Q2879" s="5" t="s">
        <v>1522</v>
      </c>
      <c r="R2879" s="5" t="s">
        <v>1523</v>
      </c>
      <c r="S2879" s="5" t="s">
        <v>42</v>
      </c>
      <c r="T2879" s="2">
        <v>2.3380000000000001</v>
      </c>
      <c r="U2879" s="2">
        <v>1.774</v>
      </c>
      <c r="V2879" s="2">
        <v>1.2999999999999999E-2</v>
      </c>
      <c r="W2879" s="2">
        <v>99.1</v>
      </c>
      <c r="X2879" s="2">
        <v>7.6</v>
      </c>
      <c r="Y2879" s="2">
        <v>16.7</v>
      </c>
      <c r="Z2879" s="5"/>
      <c r="AA2879" s="5" t="s">
        <v>43</v>
      </c>
      <c r="AB2879" s="5" t="s">
        <v>44</v>
      </c>
      <c r="AC2879" s="2"/>
      <c r="AD2879" s="1"/>
    </row>
    <row r="2880" spans="1:30">
      <c r="A2880" s="5" t="s">
        <v>83578</v>
      </c>
      <c r="B2880" s="2" t="s">
        <v>92242</v>
      </c>
      <c r="C2880" s="14" t="s">
        <v>92243</v>
      </c>
      <c r="D2880" s="2" t="s">
        <v>92244</v>
      </c>
      <c r="E2880" s="2" t="s">
        <v>36381</v>
      </c>
      <c r="F2880" s="8">
        <v>284</v>
      </c>
      <c r="G2880" s="5">
        <v>6</v>
      </c>
      <c r="H2880" s="5" t="s">
        <v>1518</v>
      </c>
      <c r="I2880" s="5" t="s">
        <v>36264</v>
      </c>
      <c r="J2880" s="2" t="s">
        <v>36265</v>
      </c>
      <c r="K2880" s="5" t="s">
        <v>36264</v>
      </c>
      <c r="L2880" s="2" t="s">
        <v>36265</v>
      </c>
      <c r="M2880" s="5" t="s">
        <v>36266</v>
      </c>
      <c r="N2880" s="5" t="s">
        <v>38</v>
      </c>
      <c r="O2880" s="5" t="s">
        <v>39</v>
      </c>
      <c r="P2880" s="5" t="s">
        <v>40</v>
      </c>
      <c r="Q2880" s="5" t="s">
        <v>1522</v>
      </c>
      <c r="R2880" s="5" t="s">
        <v>1523</v>
      </c>
      <c r="S2880" s="5" t="s">
        <v>42</v>
      </c>
      <c r="T2880" s="2">
        <v>2.407</v>
      </c>
      <c r="U2880" s="2">
        <v>1.843</v>
      </c>
      <c r="V2880" s="2">
        <v>1.2999999999999999E-2</v>
      </c>
      <c r="W2880" s="2">
        <v>99.1</v>
      </c>
      <c r="X2880" s="2">
        <v>7.6</v>
      </c>
      <c r="Y2880" s="2">
        <v>16.7</v>
      </c>
      <c r="Z2880" s="5"/>
      <c r="AA2880" s="5" t="s">
        <v>43</v>
      </c>
      <c r="AB2880" s="5" t="s">
        <v>44</v>
      </c>
      <c r="AC2880" s="2"/>
      <c r="AD2880" s="1"/>
    </row>
    <row r="2881" spans="1:30">
      <c r="A2881" s="5" t="s">
        <v>83578</v>
      </c>
      <c r="B2881" s="2" t="s">
        <v>92245</v>
      </c>
      <c r="C2881" s="14" t="s">
        <v>92246</v>
      </c>
      <c r="D2881" s="2" t="s">
        <v>92247</v>
      </c>
      <c r="E2881" s="2" t="s">
        <v>36385</v>
      </c>
      <c r="F2881" s="8">
        <v>284</v>
      </c>
      <c r="G2881" s="5">
        <v>6</v>
      </c>
      <c r="H2881" s="5" t="s">
        <v>1518</v>
      </c>
      <c r="I2881" s="5" t="s">
        <v>36264</v>
      </c>
      <c r="J2881" s="2" t="s">
        <v>36265</v>
      </c>
      <c r="K2881" s="5" t="s">
        <v>36264</v>
      </c>
      <c r="L2881" s="2" t="s">
        <v>36265</v>
      </c>
      <c r="M2881" s="5" t="s">
        <v>36266</v>
      </c>
      <c r="N2881" s="5" t="s">
        <v>38</v>
      </c>
      <c r="O2881" s="5" t="s">
        <v>39</v>
      </c>
      <c r="P2881" s="5" t="s">
        <v>40</v>
      </c>
      <c r="Q2881" s="5" t="s">
        <v>1522</v>
      </c>
      <c r="R2881" s="5" t="s">
        <v>1523</v>
      </c>
      <c r="S2881" s="5" t="s">
        <v>42</v>
      </c>
      <c r="T2881" s="2">
        <v>2.3380000000000001</v>
      </c>
      <c r="U2881" s="2">
        <v>1.774</v>
      </c>
      <c r="V2881" s="2">
        <v>1.2999999999999999E-2</v>
      </c>
      <c r="W2881" s="2">
        <v>99.1</v>
      </c>
      <c r="X2881" s="2">
        <v>7.6</v>
      </c>
      <c r="Y2881" s="2">
        <v>16.7</v>
      </c>
      <c r="Z2881" s="5"/>
      <c r="AA2881" s="5" t="s">
        <v>43</v>
      </c>
      <c r="AB2881" s="5" t="s">
        <v>44</v>
      </c>
      <c r="AC2881" s="2"/>
      <c r="AD2881" s="1"/>
    </row>
    <row r="2882" spans="1:30">
      <c r="A2882" s="5" t="s">
        <v>83578</v>
      </c>
      <c r="B2882" s="2" t="s">
        <v>92248</v>
      </c>
      <c r="C2882" s="14" t="s">
        <v>92249</v>
      </c>
      <c r="D2882" s="2" t="s">
        <v>92250</v>
      </c>
      <c r="E2882" s="2" t="s">
        <v>36389</v>
      </c>
      <c r="F2882" s="8">
        <v>284</v>
      </c>
      <c r="G2882" s="5">
        <v>6</v>
      </c>
      <c r="H2882" s="5" t="s">
        <v>1518</v>
      </c>
      <c r="I2882" s="5" t="s">
        <v>36264</v>
      </c>
      <c r="J2882" s="2" t="s">
        <v>36265</v>
      </c>
      <c r="K2882" s="5" t="s">
        <v>36264</v>
      </c>
      <c r="L2882" s="2" t="s">
        <v>36265</v>
      </c>
      <c r="M2882" s="5" t="s">
        <v>36266</v>
      </c>
      <c r="N2882" s="5" t="s">
        <v>38</v>
      </c>
      <c r="O2882" s="5" t="s">
        <v>39</v>
      </c>
      <c r="P2882" s="5" t="s">
        <v>40</v>
      </c>
      <c r="Q2882" s="5" t="s">
        <v>1522</v>
      </c>
      <c r="R2882" s="5" t="s">
        <v>1523</v>
      </c>
      <c r="S2882" s="5" t="s">
        <v>42</v>
      </c>
      <c r="T2882" s="2">
        <v>2.407</v>
      </c>
      <c r="U2882" s="2">
        <v>1.843</v>
      </c>
      <c r="V2882" s="2">
        <v>1.2999999999999999E-2</v>
      </c>
      <c r="W2882" s="2">
        <v>99.1</v>
      </c>
      <c r="X2882" s="2">
        <v>7.6</v>
      </c>
      <c r="Y2882" s="2">
        <v>16.7</v>
      </c>
      <c r="Z2882" s="5"/>
      <c r="AA2882" s="5" t="s">
        <v>43</v>
      </c>
      <c r="AB2882" s="5" t="s">
        <v>44</v>
      </c>
      <c r="AC2882" s="2"/>
      <c r="AD2882" s="1"/>
    </row>
    <row r="2883" spans="1:30">
      <c r="A2883" s="5" t="s">
        <v>83578</v>
      </c>
      <c r="B2883" s="2" t="s">
        <v>92251</v>
      </c>
      <c r="C2883" s="14" t="s">
        <v>92252</v>
      </c>
      <c r="D2883" s="2" t="s">
        <v>92253</v>
      </c>
      <c r="E2883" s="2" t="s">
        <v>36285</v>
      </c>
      <c r="F2883" s="8">
        <v>251</v>
      </c>
      <c r="G2883" s="5">
        <v>6</v>
      </c>
      <c r="H2883" s="5" t="s">
        <v>1518</v>
      </c>
      <c r="I2883" s="5" t="s">
        <v>36264</v>
      </c>
      <c r="J2883" s="2" t="s">
        <v>36265</v>
      </c>
      <c r="K2883" s="5" t="s">
        <v>36264</v>
      </c>
      <c r="L2883" s="2" t="s">
        <v>36265</v>
      </c>
      <c r="M2883" s="5" t="s">
        <v>36266</v>
      </c>
      <c r="N2883" s="5" t="s">
        <v>38</v>
      </c>
      <c r="O2883" s="5" t="s">
        <v>39</v>
      </c>
      <c r="P2883" s="5" t="s">
        <v>40</v>
      </c>
      <c r="Q2883" s="5" t="s">
        <v>1522</v>
      </c>
      <c r="R2883" s="5" t="s">
        <v>1523</v>
      </c>
      <c r="S2883" s="5" t="s">
        <v>42</v>
      </c>
      <c r="T2883" s="2">
        <v>2.0129999999999999</v>
      </c>
      <c r="U2883" s="2">
        <v>1.5529999999999999</v>
      </c>
      <c r="V2883" s="2">
        <v>0.01</v>
      </c>
      <c r="W2883" s="2">
        <v>76.900000000000006</v>
      </c>
      <c r="X2883" s="2">
        <v>7.6</v>
      </c>
      <c r="Y2883" s="2">
        <v>16.7</v>
      </c>
      <c r="Z2883" s="5"/>
      <c r="AA2883" s="5" t="s">
        <v>43</v>
      </c>
      <c r="AB2883" s="5" t="s">
        <v>44</v>
      </c>
      <c r="AC2883" s="2"/>
      <c r="AD2883" s="1"/>
    </row>
    <row r="2884" spans="1:30">
      <c r="A2884" s="5" t="s">
        <v>83578</v>
      </c>
      <c r="B2884" s="2" t="s">
        <v>92254</v>
      </c>
      <c r="C2884" s="14" t="s">
        <v>92255</v>
      </c>
      <c r="D2884" s="2" t="s">
        <v>92256</v>
      </c>
      <c r="E2884" s="2" t="s">
        <v>36313</v>
      </c>
      <c r="F2884" s="8">
        <v>251</v>
      </c>
      <c r="G2884" s="5">
        <v>6</v>
      </c>
      <c r="H2884" s="5" t="s">
        <v>1518</v>
      </c>
      <c r="I2884" s="5" t="s">
        <v>36264</v>
      </c>
      <c r="J2884" s="2" t="s">
        <v>36265</v>
      </c>
      <c r="K2884" s="5" t="s">
        <v>36264</v>
      </c>
      <c r="L2884" s="2" t="s">
        <v>36265</v>
      </c>
      <c r="M2884" s="5" t="s">
        <v>36266</v>
      </c>
      <c r="N2884" s="5" t="s">
        <v>38</v>
      </c>
      <c r="O2884" s="5" t="s">
        <v>39</v>
      </c>
      <c r="P2884" s="5" t="s">
        <v>40</v>
      </c>
      <c r="Q2884" s="5" t="s">
        <v>1522</v>
      </c>
      <c r="R2884" s="5" t="s">
        <v>1523</v>
      </c>
      <c r="S2884" s="5" t="s">
        <v>42</v>
      </c>
      <c r="T2884" s="2">
        <v>1.9630000000000001</v>
      </c>
      <c r="U2884" s="2">
        <v>1.5029999999999999</v>
      </c>
      <c r="V2884" s="2">
        <v>0.01</v>
      </c>
      <c r="W2884" s="2">
        <v>76.900000000000006</v>
      </c>
      <c r="X2884" s="2">
        <v>7.6</v>
      </c>
      <c r="Y2884" s="2">
        <v>16.7</v>
      </c>
      <c r="Z2884" s="5"/>
      <c r="AA2884" s="5" t="s">
        <v>43</v>
      </c>
      <c r="AB2884" s="5" t="s">
        <v>44</v>
      </c>
      <c r="AC2884" s="2"/>
      <c r="AD2884" s="1"/>
    </row>
    <row r="2885" spans="1:30">
      <c r="A2885" s="5" t="s">
        <v>83578</v>
      </c>
      <c r="B2885" s="2" t="s">
        <v>92257</v>
      </c>
      <c r="C2885" s="14" t="s">
        <v>92258</v>
      </c>
      <c r="D2885" s="2" t="s">
        <v>92259</v>
      </c>
      <c r="E2885" s="2" t="s">
        <v>36321</v>
      </c>
      <c r="F2885" s="8">
        <v>251</v>
      </c>
      <c r="G2885" s="5">
        <v>6</v>
      </c>
      <c r="H2885" s="5" t="s">
        <v>1518</v>
      </c>
      <c r="I2885" s="5" t="s">
        <v>36264</v>
      </c>
      <c r="J2885" s="2" t="s">
        <v>36265</v>
      </c>
      <c r="K2885" s="5" t="s">
        <v>36264</v>
      </c>
      <c r="L2885" s="2" t="s">
        <v>36265</v>
      </c>
      <c r="M2885" s="5" t="s">
        <v>36266</v>
      </c>
      <c r="N2885" s="5" t="s">
        <v>38</v>
      </c>
      <c r="O2885" s="5" t="s">
        <v>39</v>
      </c>
      <c r="P2885" s="5" t="s">
        <v>40</v>
      </c>
      <c r="Q2885" s="5" t="s">
        <v>1522</v>
      </c>
      <c r="R2885" s="5" t="s">
        <v>1523</v>
      </c>
      <c r="S2885" s="5" t="s">
        <v>42</v>
      </c>
      <c r="T2885" s="2">
        <v>1.9630000000000001</v>
      </c>
      <c r="U2885" s="2">
        <v>1.5029999999999999</v>
      </c>
      <c r="V2885" s="2">
        <v>0.01</v>
      </c>
      <c r="W2885" s="2">
        <v>76.900000000000006</v>
      </c>
      <c r="X2885" s="2">
        <v>7.6</v>
      </c>
      <c r="Y2885" s="2">
        <v>16.7</v>
      </c>
      <c r="Z2885" s="5"/>
      <c r="AA2885" s="5" t="s">
        <v>43</v>
      </c>
      <c r="AB2885" s="5" t="s">
        <v>44</v>
      </c>
      <c r="AC2885" s="2"/>
      <c r="AD2885" s="1"/>
    </row>
    <row r="2886" spans="1:30">
      <c r="A2886" s="5" t="s">
        <v>83578</v>
      </c>
      <c r="B2886" s="2" t="s">
        <v>92260</v>
      </c>
      <c r="C2886" s="14" t="s">
        <v>92261</v>
      </c>
      <c r="D2886" s="2" t="s">
        <v>92262</v>
      </c>
      <c r="E2886" s="2" t="s">
        <v>36325</v>
      </c>
      <c r="F2886" s="8">
        <v>251</v>
      </c>
      <c r="G2886" s="5">
        <v>6</v>
      </c>
      <c r="H2886" s="5" t="s">
        <v>1518</v>
      </c>
      <c r="I2886" s="5" t="s">
        <v>36264</v>
      </c>
      <c r="J2886" s="2" t="s">
        <v>36265</v>
      </c>
      <c r="K2886" s="5" t="s">
        <v>36264</v>
      </c>
      <c r="L2886" s="2" t="s">
        <v>36265</v>
      </c>
      <c r="M2886" s="5" t="s">
        <v>36266</v>
      </c>
      <c r="N2886" s="5" t="s">
        <v>38</v>
      </c>
      <c r="O2886" s="5" t="s">
        <v>39</v>
      </c>
      <c r="P2886" s="5" t="s">
        <v>40</v>
      </c>
      <c r="Q2886" s="5" t="s">
        <v>1522</v>
      </c>
      <c r="R2886" s="5" t="s">
        <v>1523</v>
      </c>
      <c r="S2886" s="5" t="s">
        <v>42</v>
      </c>
      <c r="T2886" s="2">
        <v>2.0129999999999999</v>
      </c>
      <c r="U2886" s="2">
        <v>1.5529999999999999</v>
      </c>
      <c r="V2886" s="2">
        <v>0.01</v>
      </c>
      <c r="W2886" s="2">
        <v>76.900000000000006</v>
      </c>
      <c r="X2886" s="2">
        <v>7.6</v>
      </c>
      <c r="Y2886" s="2">
        <v>16.7</v>
      </c>
      <c r="Z2886" s="5"/>
      <c r="AA2886" s="5" t="s">
        <v>43</v>
      </c>
      <c r="AB2886" s="5" t="s">
        <v>44</v>
      </c>
      <c r="AC2886" s="2"/>
      <c r="AD2886" s="1"/>
    </row>
    <row r="2887" spans="1:30">
      <c r="A2887" s="5" t="s">
        <v>83578</v>
      </c>
      <c r="B2887" s="2" t="s">
        <v>92263</v>
      </c>
      <c r="C2887" s="14" t="s">
        <v>92264</v>
      </c>
      <c r="D2887" s="2" t="s">
        <v>92265</v>
      </c>
      <c r="E2887" s="2" t="s">
        <v>36329</v>
      </c>
      <c r="F2887" s="8">
        <v>251</v>
      </c>
      <c r="G2887" s="5">
        <v>6</v>
      </c>
      <c r="H2887" s="5" t="s">
        <v>1518</v>
      </c>
      <c r="I2887" s="5" t="s">
        <v>36264</v>
      </c>
      <c r="J2887" s="2" t="s">
        <v>36265</v>
      </c>
      <c r="K2887" s="5" t="s">
        <v>36264</v>
      </c>
      <c r="L2887" s="2" t="s">
        <v>36265</v>
      </c>
      <c r="M2887" s="5" t="s">
        <v>36266</v>
      </c>
      <c r="N2887" s="5" t="s">
        <v>38</v>
      </c>
      <c r="O2887" s="5" t="s">
        <v>39</v>
      </c>
      <c r="P2887" s="5" t="s">
        <v>40</v>
      </c>
      <c r="Q2887" s="5" t="s">
        <v>1522</v>
      </c>
      <c r="R2887" s="5" t="s">
        <v>1523</v>
      </c>
      <c r="S2887" s="5" t="s">
        <v>42</v>
      </c>
      <c r="T2887" s="2">
        <v>1.9630000000000001</v>
      </c>
      <c r="U2887" s="2">
        <v>1.5029999999999999</v>
      </c>
      <c r="V2887" s="2">
        <v>0.01</v>
      </c>
      <c r="W2887" s="2">
        <v>76.900000000000006</v>
      </c>
      <c r="X2887" s="2">
        <v>7.6</v>
      </c>
      <c r="Y2887" s="2">
        <v>16.7</v>
      </c>
      <c r="Z2887" s="5"/>
      <c r="AA2887" s="5" t="s">
        <v>43</v>
      </c>
      <c r="AB2887" s="5" t="s">
        <v>44</v>
      </c>
      <c r="AC2887" s="2"/>
      <c r="AD2887" s="1"/>
    </row>
    <row r="2888" spans="1:30">
      <c r="A2888" s="5" t="s">
        <v>83578</v>
      </c>
      <c r="B2888" s="2" t="s">
        <v>92266</v>
      </c>
      <c r="C2888" s="14" t="s">
        <v>92267</v>
      </c>
      <c r="D2888" s="2" t="s">
        <v>92268</v>
      </c>
      <c r="E2888" s="2" t="s">
        <v>36337</v>
      </c>
      <c r="F2888" s="8">
        <v>251</v>
      </c>
      <c r="G2888" s="5">
        <v>6</v>
      </c>
      <c r="H2888" s="5" t="s">
        <v>1518</v>
      </c>
      <c r="I2888" s="5" t="s">
        <v>36264</v>
      </c>
      <c r="J2888" s="2" t="s">
        <v>36265</v>
      </c>
      <c r="K2888" s="5" t="s">
        <v>36264</v>
      </c>
      <c r="L2888" s="2" t="s">
        <v>36265</v>
      </c>
      <c r="M2888" s="5" t="s">
        <v>36266</v>
      </c>
      <c r="N2888" s="5" t="s">
        <v>38</v>
      </c>
      <c r="O2888" s="5" t="s">
        <v>39</v>
      </c>
      <c r="P2888" s="5" t="s">
        <v>40</v>
      </c>
      <c r="Q2888" s="5" t="s">
        <v>1522</v>
      </c>
      <c r="R2888" s="5" t="s">
        <v>1523</v>
      </c>
      <c r="S2888" s="5" t="s">
        <v>42</v>
      </c>
      <c r="T2888" s="2">
        <v>1.9630000000000001</v>
      </c>
      <c r="U2888" s="2">
        <v>1.5029999999999999</v>
      </c>
      <c r="V2888" s="2">
        <v>0.01</v>
      </c>
      <c r="W2888" s="2">
        <v>76.900000000000006</v>
      </c>
      <c r="X2888" s="2">
        <v>7.6</v>
      </c>
      <c r="Y2888" s="2">
        <v>16.7</v>
      </c>
      <c r="Z2888" s="5"/>
      <c r="AA2888" s="5" t="s">
        <v>43</v>
      </c>
      <c r="AB2888" s="5" t="s">
        <v>44</v>
      </c>
      <c r="AC2888" s="2"/>
      <c r="AD2888" s="1"/>
    </row>
    <row r="2889" spans="1:30">
      <c r="A2889" s="5" t="s">
        <v>83578</v>
      </c>
      <c r="B2889" s="2" t="s">
        <v>92269</v>
      </c>
      <c r="C2889" s="14" t="s">
        <v>92270</v>
      </c>
      <c r="D2889" s="2" t="s">
        <v>92271</v>
      </c>
      <c r="E2889" s="2" t="s">
        <v>36341</v>
      </c>
      <c r="F2889" s="8">
        <v>251</v>
      </c>
      <c r="G2889" s="5">
        <v>6</v>
      </c>
      <c r="H2889" s="5" t="s">
        <v>1518</v>
      </c>
      <c r="I2889" s="5" t="s">
        <v>36264</v>
      </c>
      <c r="J2889" s="2" t="s">
        <v>36265</v>
      </c>
      <c r="K2889" s="5" t="s">
        <v>36264</v>
      </c>
      <c r="L2889" s="2" t="s">
        <v>36265</v>
      </c>
      <c r="M2889" s="5" t="s">
        <v>36266</v>
      </c>
      <c r="N2889" s="5" t="s">
        <v>38</v>
      </c>
      <c r="O2889" s="5" t="s">
        <v>39</v>
      </c>
      <c r="P2889" s="5" t="s">
        <v>40</v>
      </c>
      <c r="Q2889" s="5" t="s">
        <v>1522</v>
      </c>
      <c r="R2889" s="5" t="s">
        <v>1523</v>
      </c>
      <c r="S2889" s="5" t="s">
        <v>42</v>
      </c>
      <c r="T2889" s="2">
        <v>2.0129999999999999</v>
      </c>
      <c r="U2889" s="2">
        <v>1.5529999999999999</v>
      </c>
      <c r="V2889" s="2">
        <v>0.01</v>
      </c>
      <c r="W2889" s="2">
        <v>76.900000000000006</v>
      </c>
      <c r="X2889" s="2">
        <v>7.6</v>
      </c>
      <c r="Y2889" s="2">
        <v>16.7</v>
      </c>
      <c r="Z2889" s="5"/>
      <c r="AA2889" s="5" t="s">
        <v>43</v>
      </c>
      <c r="AB2889" s="5" t="s">
        <v>44</v>
      </c>
      <c r="AC2889" s="2"/>
      <c r="AD2889" s="1"/>
    </row>
    <row r="2890" spans="1:30">
      <c r="A2890" s="5" t="s">
        <v>83578</v>
      </c>
      <c r="B2890" s="2" t="s">
        <v>92272</v>
      </c>
      <c r="C2890" s="14" t="s">
        <v>92273</v>
      </c>
      <c r="D2890" s="2" t="s">
        <v>92274</v>
      </c>
      <c r="E2890" s="2" t="s">
        <v>36345</v>
      </c>
      <c r="F2890" s="8">
        <v>251</v>
      </c>
      <c r="G2890" s="5">
        <v>6</v>
      </c>
      <c r="H2890" s="5" t="s">
        <v>1518</v>
      </c>
      <c r="I2890" s="5" t="s">
        <v>36264</v>
      </c>
      <c r="J2890" s="2" t="s">
        <v>36265</v>
      </c>
      <c r="K2890" s="5" t="s">
        <v>36264</v>
      </c>
      <c r="L2890" s="2" t="s">
        <v>36265</v>
      </c>
      <c r="M2890" s="5" t="s">
        <v>36266</v>
      </c>
      <c r="N2890" s="5" t="s">
        <v>38</v>
      </c>
      <c r="O2890" s="5" t="s">
        <v>39</v>
      </c>
      <c r="P2890" s="5" t="s">
        <v>40</v>
      </c>
      <c r="Q2890" s="5" t="s">
        <v>1522</v>
      </c>
      <c r="R2890" s="5" t="s">
        <v>1523</v>
      </c>
      <c r="S2890" s="5" t="s">
        <v>42</v>
      </c>
      <c r="T2890" s="2">
        <v>1.9630000000000001</v>
      </c>
      <c r="U2890" s="2">
        <v>1.5029999999999999</v>
      </c>
      <c r="V2890" s="2">
        <v>0.01</v>
      </c>
      <c r="W2890" s="2">
        <v>76.900000000000006</v>
      </c>
      <c r="X2890" s="2">
        <v>7.6</v>
      </c>
      <c r="Y2890" s="2">
        <v>16.7</v>
      </c>
      <c r="Z2890" s="5"/>
      <c r="AA2890" s="5" t="s">
        <v>43</v>
      </c>
      <c r="AB2890" s="5" t="s">
        <v>44</v>
      </c>
      <c r="AC2890" s="2"/>
      <c r="AD2890" s="1"/>
    </row>
    <row r="2891" spans="1:30">
      <c r="A2891" s="5" t="s">
        <v>83578</v>
      </c>
      <c r="B2891" s="2" t="s">
        <v>92275</v>
      </c>
      <c r="C2891" s="14" t="s">
        <v>92276</v>
      </c>
      <c r="D2891" s="2" t="s">
        <v>92277</v>
      </c>
      <c r="E2891" s="2" t="s">
        <v>45598</v>
      </c>
      <c r="F2891" s="8">
        <v>251</v>
      </c>
      <c r="G2891" s="5">
        <v>6</v>
      </c>
      <c r="H2891" s="5" t="s">
        <v>1518</v>
      </c>
      <c r="I2891" s="5" t="s">
        <v>36264</v>
      </c>
      <c r="J2891" s="2" t="s">
        <v>36265</v>
      </c>
      <c r="K2891" s="5" t="s">
        <v>36264</v>
      </c>
      <c r="L2891" s="2" t="s">
        <v>36265</v>
      </c>
      <c r="M2891" s="5" t="s">
        <v>36266</v>
      </c>
      <c r="N2891" s="5" t="s">
        <v>38</v>
      </c>
      <c r="O2891" s="5" t="s">
        <v>39</v>
      </c>
      <c r="P2891" s="5" t="s">
        <v>40</v>
      </c>
      <c r="Q2891" s="5" t="s">
        <v>1522</v>
      </c>
      <c r="R2891" s="5" t="s">
        <v>1523</v>
      </c>
      <c r="S2891" s="5" t="s">
        <v>42</v>
      </c>
      <c r="T2891" s="2">
        <v>1.9630000000000001</v>
      </c>
      <c r="U2891" s="2">
        <v>1.5029999999999999</v>
      </c>
      <c r="V2891" s="2">
        <v>0.01</v>
      </c>
      <c r="W2891" s="2">
        <v>76.900000000000006</v>
      </c>
      <c r="X2891" s="2">
        <v>7.6</v>
      </c>
      <c r="Y2891" s="2">
        <v>16.7</v>
      </c>
      <c r="Z2891" s="5"/>
      <c r="AA2891" s="5" t="s">
        <v>43</v>
      </c>
      <c r="AB2891" s="5" t="s">
        <v>44</v>
      </c>
      <c r="AC2891" s="2"/>
      <c r="AD2891" s="1"/>
    </row>
    <row r="2892" spans="1:30">
      <c r="A2892" s="5" t="s">
        <v>83578</v>
      </c>
      <c r="B2892" s="2" t="s">
        <v>92278</v>
      </c>
      <c r="C2892" s="14" t="s">
        <v>92279</v>
      </c>
      <c r="D2892" s="2" t="s">
        <v>92280</v>
      </c>
      <c r="E2892" s="2" t="s">
        <v>36369</v>
      </c>
      <c r="F2892" s="8">
        <v>251</v>
      </c>
      <c r="G2892" s="5">
        <v>6</v>
      </c>
      <c r="H2892" s="5" t="s">
        <v>1518</v>
      </c>
      <c r="I2892" s="5" t="s">
        <v>36264</v>
      </c>
      <c r="J2892" s="2" t="s">
        <v>36265</v>
      </c>
      <c r="K2892" s="5" t="s">
        <v>36264</v>
      </c>
      <c r="L2892" s="2" t="s">
        <v>36265</v>
      </c>
      <c r="M2892" s="5" t="s">
        <v>36266</v>
      </c>
      <c r="N2892" s="5" t="s">
        <v>38</v>
      </c>
      <c r="O2892" s="5" t="s">
        <v>39</v>
      </c>
      <c r="P2892" s="5" t="s">
        <v>40</v>
      </c>
      <c r="Q2892" s="5" t="s">
        <v>1522</v>
      </c>
      <c r="R2892" s="5" t="s">
        <v>1523</v>
      </c>
      <c r="S2892" s="5" t="s">
        <v>42</v>
      </c>
      <c r="T2892" s="2">
        <v>1.9630000000000001</v>
      </c>
      <c r="U2892" s="2">
        <v>1.5029999999999999</v>
      </c>
      <c r="V2892" s="2">
        <v>0.01</v>
      </c>
      <c r="W2892" s="2">
        <v>76.900000000000006</v>
      </c>
      <c r="X2892" s="2">
        <v>7.6</v>
      </c>
      <c r="Y2892" s="2">
        <v>16.7</v>
      </c>
      <c r="Z2892" s="5"/>
      <c r="AA2892" s="5" t="s">
        <v>43</v>
      </c>
      <c r="AB2892" s="5" t="s">
        <v>44</v>
      </c>
      <c r="AC2892" s="2"/>
      <c r="AD2892" s="1"/>
    </row>
    <row r="2893" spans="1:30">
      <c r="A2893" s="5" t="s">
        <v>83578</v>
      </c>
      <c r="B2893" s="2" t="s">
        <v>92281</v>
      </c>
      <c r="C2893" s="14" t="s">
        <v>92282</v>
      </c>
      <c r="D2893" s="2" t="s">
        <v>92283</v>
      </c>
      <c r="E2893" s="2" t="s">
        <v>36377</v>
      </c>
      <c r="F2893" s="8">
        <v>251</v>
      </c>
      <c r="G2893" s="5">
        <v>6</v>
      </c>
      <c r="H2893" s="5" t="s">
        <v>1518</v>
      </c>
      <c r="I2893" s="5" t="s">
        <v>36264</v>
      </c>
      <c r="J2893" s="2" t="s">
        <v>36265</v>
      </c>
      <c r="K2893" s="5" t="s">
        <v>36264</v>
      </c>
      <c r="L2893" s="2" t="s">
        <v>36265</v>
      </c>
      <c r="M2893" s="5" t="s">
        <v>36266</v>
      </c>
      <c r="N2893" s="5" t="s">
        <v>38</v>
      </c>
      <c r="O2893" s="5" t="s">
        <v>39</v>
      </c>
      <c r="P2893" s="5" t="s">
        <v>40</v>
      </c>
      <c r="Q2893" s="5" t="s">
        <v>1522</v>
      </c>
      <c r="R2893" s="5" t="s">
        <v>1523</v>
      </c>
      <c r="S2893" s="5" t="s">
        <v>42</v>
      </c>
      <c r="T2893" s="2">
        <v>1.9630000000000001</v>
      </c>
      <c r="U2893" s="2">
        <v>1.5029999999999999</v>
      </c>
      <c r="V2893" s="2">
        <v>0.01</v>
      </c>
      <c r="W2893" s="2">
        <v>76.900000000000006</v>
      </c>
      <c r="X2893" s="2">
        <v>7.6</v>
      </c>
      <c r="Y2893" s="2">
        <v>16.7</v>
      </c>
      <c r="Z2893" s="5"/>
      <c r="AA2893" s="5" t="s">
        <v>43</v>
      </c>
      <c r="AB2893" s="5" t="s">
        <v>44</v>
      </c>
      <c r="AC2893" s="2"/>
      <c r="AD2893" s="1"/>
    </row>
    <row r="2894" spans="1:30">
      <c r="A2894" s="5" t="s">
        <v>83578</v>
      </c>
      <c r="B2894" s="2" t="s">
        <v>92284</v>
      </c>
      <c r="C2894" s="14" t="s">
        <v>92285</v>
      </c>
      <c r="D2894" s="2" t="s">
        <v>92286</v>
      </c>
      <c r="E2894" s="2" t="s">
        <v>36285</v>
      </c>
      <c r="F2894" s="8">
        <v>268</v>
      </c>
      <c r="G2894" s="5">
        <v>6</v>
      </c>
      <c r="H2894" s="5" t="s">
        <v>1518</v>
      </c>
      <c r="I2894" s="5" t="s">
        <v>36264</v>
      </c>
      <c r="J2894" s="2" t="s">
        <v>36265</v>
      </c>
      <c r="K2894" s="5" t="s">
        <v>36264</v>
      </c>
      <c r="L2894" s="2" t="s">
        <v>36265</v>
      </c>
      <c r="M2894" s="5" t="s">
        <v>36266</v>
      </c>
      <c r="N2894" s="5" t="s">
        <v>38</v>
      </c>
      <c r="O2894" s="5" t="s">
        <v>39</v>
      </c>
      <c r="P2894" s="5" t="s">
        <v>40</v>
      </c>
      <c r="Q2894" s="5" t="s">
        <v>1522</v>
      </c>
      <c r="R2894" s="5" t="s">
        <v>1523</v>
      </c>
      <c r="S2894" s="5" t="s">
        <v>42</v>
      </c>
      <c r="T2894" s="2">
        <v>2.1909999999999998</v>
      </c>
      <c r="U2894" s="2">
        <v>1.7090000000000001</v>
      </c>
      <c r="V2894" s="2">
        <v>1.0999999999999999E-2</v>
      </c>
      <c r="W2894" s="2">
        <v>82.9</v>
      </c>
      <c r="X2894" s="2">
        <v>7.6</v>
      </c>
      <c r="Y2894" s="2">
        <v>16.7</v>
      </c>
      <c r="Z2894" s="5"/>
      <c r="AA2894" s="5" t="s">
        <v>43</v>
      </c>
      <c r="AB2894" s="5" t="s">
        <v>44</v>
      </c>
      <c r="AC2894" s="2"/>
      <c r="AD2894" s="1"/>
    </row>
    <row r="2895" spans="1:30">
      <c r="A2895" s="5" t="s">
        <v>83578</v>
      </c>
      <c r="B2895" s="2" t="s">
        <v>92287</v>
      </c>
      <c r="C2895" s="14" t="s">
        <v>92288</v>
      </c>
      <c r="D2895" s="2" t="s">
        <v>92289</v>
      </c>
      <c r="E2895" s="2" t="s">
        <v>36317</v>
      </c>
      <c r="F2895" s="8">
        <v>268</v>
      </c>
      <c r="G2895" s="5">
        <v>6</v>
      </c>
      <c r="H2895" s="5" t="s">
        <v>1518</v>
      </c>
      <c r="I2895" s="5" t="s">
        <v>36264</v>
      </c>
      <c r="J2895" s="2" t="s">
        <v>36265</v>
      </c>
      <c r="K2895" s="5" t="s">
        <v>36264</v>
      </c>
      <c r="L2895" s="2" t="s">
        <v>36265</v>
      </c>
      <c r="M2895" s="5" t="s">
        <v>36266</v>
      </c>
      <c r="N2895" s="5" t="s">
        <v>38</v>
      </c>
      <c r="O2895" s="5" t="s">
        <v>39</v>
      </c>
      <c r="P2895" s="5" t="s">
        <v>40</v>
      </c>
      <c r="Q2895" s="5" t="s">
        <v>1522</v>
      </c>
      <c r="R2895" s="5" t="s">
        <v>1523</v>
      </c>
      <c r="S2895" s="5" t="s">
        <v>42</v>
      </c>
      <c r="T2895" s="2">
        <v>2.1909999999999998</v>
      </c>
      <c r="U2895" s="2">
        <v>1.7090000000000001</v>
      </c>
      <c r="V2895" s="2">
        <v>1.0999999999999999E-2</v>
      </c>
      <c r="W2895" s="2">
        <v>82.9</v>
      </c>
      <c r="X2895" s="2">
        <v>7.6</v>
      </c>
      <c r="Y2895" s="2">
        <v>16.7</v>
      </c>
      <c r="Z2895" s="5"/>
      <c r="AA2895" s="5" t="s">
        <v>43</v>
      </c>
      <c r="AB2895" s="5" t="s">
        <v>44</v>
      </c>
      <c r="AC2895" s="2"/>
      <c r="AD2895" s="1"/>
    </row>
    <row r="2896" spans="1:30">
      <c r="A2896" s="5" t="s">
        <v>83578</v>
      </c>
      <c r="B2896" s="2" t="s">
        <v>92290</v>
      </c>
      <c r="C2896" s="14" t="s">
        <v>92291</v>
      </c>
      <c r="D2896" s="2" t="s">
        <v>92292</v>
      </c>
      <c r="E2896" s="2" t="s">
        <v>36321</v>
      </c>
      <c r="F2896" s="8">
        <v>268</v>
      </c>
      <c r="G2896" s="5">
        <v>6</v>
      </c>
      <c r="H2896" s="5" t="s">
        <v>1518</v>
      </c>
      <c r="I2896" s="5" t="s">
        <v>36264</v>
      </c>
      <c r="J2896" s="2" t="s">
        <v>36265</v>
      </c>
      <c r="K2896" s="5" t="s">
        <v>36264</v>
      </c>
      <c r="L2896" s="2" t="s">
        <v>36265</v>
      </c>
      <c r="M2896" s="5" t="s">
        <v>36266</v>
      </c>
      <c r="N2896" s="5" t="s">
        <v>38</v>
      </c>
      <c r="O2896" s="5" t="s">
        <v>39</v>
      </c>
      <c r="P2896" s="5" t="s">
        <v>40</v>
      </c>
      <c r="Q2896" s="5" t="s">
        <v>1522</v>
      </c>
      <c r="R2896" s="5" t="s">
        <v>1523</v>
      </c>
      <c r="S2896" s="5" t="s">
        <v>42</v>
      </c>
      <c r="T2896" s="2">
        <v>2.129</v>
      </c>
      <c r="U2896" s="2">
        <v>1.647</v>
      </c>
      <c r="V2896" s="2">
        <v>1.0999999999999999E-2</v>
      </c>
      <c r="W2896" s="2">
        <v>82.9</v>
      </c>
      <c r="X2896" s="2">
        <v>7.6</v>
      </c>
      <c r="Y2896" s="2">
        <v>16.7</v>
      </c>
      <c r="Z2896" s="5"/>
      <c r="AA2896" s="5" t="s">
        <v>43</v>
      </c>
      <c r="AB2896" s="5" t="s">
        <v>44</v>
      </c>
      <c r="AC2896" s="2"/>
      <c r="AD2896" s="1"/>
    </row>
    <row r="2897" spans="1:30">
      <c r="A2897" s="5" t="s">
        <v>83578</v>
      </c>
      <c r="B2897" s="2" t="s">
        <v>92293</v>
      </c>
      <c r="C2897" s="14" t="s">
        <v>92294</v>
      </c>
      <c r="D2897" s="2" t="s">
        <v>92295</v>
      </c>
      <c r="E2897" s="2" t="s">
        <v>36325</v>
      </c>
      <c r="F2897" s="8">
        <v>268</v>
      </c>
      <c r="G2897" s="5">
        <v>6</v>
      </c>
      <c r="H2897" s="5" t="s">
        <v>1518</v>
      </c>
      <c r="I2897" s="5" t="s">
        <v>36264</v>
      </c>
      <c r="J2897" s="2" t="s">
        <v>36265</v>
      </c>
      <c r="K2897" s="5" t="s">
        <v>36264</v>
      </c>
      <c r="L2897" s="2" t="s">
        <v>36265</v>
      </c>
      <c r="M2897" s="5" t="s">
        <v>36266</v>
      </c>
      <c r="N2897" s="5" t="s">
        <v>38</v>
      </c>
      <c r="O2897" s="5" t="s">
        <v>39</v>
      </c>
      <c r="P2897" s="5" t="s">
        <v>40</v>
      </c>
      <c r="Q2897" s="5" t="s">
        <v>1522</v>
      </c>
      <c r="R2897" s="5" t="s">
        <v>1523</v>
      </c>
      <c r="S2897" s="5" t="s">
        <v>42</v>
      </c>
      <c r="T2897" s="2">
        <v>2.1909999999999998</v>
      </c>
      <c r="U2897" s="2">
        <v>1.7090000000000001</v>
      </c>
      <c r="V2897" s="2">
        <v>1.0999999999999999E-2</v>
      </c>
      <c r="W2897" s="2">
        <v>82.9</v>
      </c>
      <c r="X2897" s="2">
        <v>7.6</v>
      </c>
      <c r="Y2897" s="2">
        <v>16.7</v>
      </c>
      <c r="Z2897" s="5"/>
      <c r="AA2897" s="5" t="s">
        <v>43</v>
      </c>
      <c r="AB2897" s="5" t="s">
        <v>44</v>
      </c>
      <c r="AC2897" s="2"/>
      <c r="AD2897" s="1"/>
    </row>
    <row r="2898" spans="1:30">
      <c r="A2898" s="5" t="s">
        <v>83578</v>
      </c>
      <c r="B2898" s="2" t="s">
        <v>92296</v>
      </c>
      <c r="C2898" s="14" t="s">
        <v>92297</v>
      </c>
      <c r="D2898" s="2" t="s">
        <v>92298</v>
      </c>
      <c r="E2898" s="2" t="s">
        <v>36337</v>
      </c>
      <c r="F2898" s="8">
        <v>268</v>
      </c>
      <c r="G2898" s="5">
        <v>6</v>
      </c>
      <c r="H2898" s="5" t="s">
        <v>1518</v>
      </c>
      <c r="I2898" s="5" t="s">
        <v>36264</v>
      </c>
      <c r="J2898" s="2" t="s">
        <v>36265</v>
      </c>
      <c r="K2898" s="5" t="s">
        <v>36264</v>
      </c>
      <c r="L2898" s="2" t="s">
        <v>36265</v>
      </c>
      <c r="M2898" s="5" t="s">
        <v>36266</v>
      </c>
      <c r="N2898" s="5" t="s">
        <v>38</v>
      </c>
      <c r="O2898" s="5" t="s">
        <v>39</v>
      </c>
      <c r="P2898" s="5" t="s">
        <v>40</v>
      </c>
      <c r="Q2898" s="5" t="s">
        <v>1522</v>
      </c>
      <c r="R2898" s="5" t="s">
        <v>1523</v>
      </c>
      <c r="S2898" s="5" t="s">
        <v>42</v>
      </c>
      <c r="T2898" s="2">
        <v>2.129</v>
      </c>
      <c r="U2898" s="2">
        <v>1.647</v>
      </c>
      <c r="V2898" s="2">
        <v>1.0999999999999999E-2</v>
      </c>
      <c r="W2898" s="2">
        <v>82.9</v>
      </c>
      <c r="X2898" s="2">
        <v>7.6</v>
      </c>
      <c r="Y2898" s="2">
        <v>16.7</v>
      </c>
      <c r="Z2898" s="5"/>
      <c r="AA2898" s="5" t="s">
        <v>43</v>
      </c>
      <c r="AB2898" s="5" t="s">
        <v>44</v>
      </c>
      <c r="AC2898" s="2"/>
      <c r="AD2898" s="1"/>
    </row>
    <row r="2899" spans="1:30">
      <c r="A2899" s="5" t="s">
        <v>83578</v>
      </c>
      <c r="B2899" s="2" t="s">
        <v>92299</v>
      </c>
      <c r="C2899" s="14" t="s">
        <v>92300</v>
      </c>
      <c r="D2899" s="2" t="s">
        <v>92301</v>
      </c>
      <c r="E2899" s="2" t="s">
        <v>36345</v>
      </c>
      <c r="F2899" s="8">
        <v>268</v>
      </c>
      <c r="G2899" s="5">
        <v>6</v>
      </c>
      <c r="H2899" s="5" t="s">
        <v>1518</v>
      </c>
      <c r="I2899" s="5" t="s">
        <v>36264</v>
      </c>
      <c r="J2899" s="2" t="s">
        <v>36265</v>
      </c>
      <c r="K2899" s="5" t="s">
        <v>36264</v>
      </c>
      <c r="L2899" s="2" t="s">
        <v>36265</v>
      </c>
      <c r="M2899" s="5" t="s">
        <v>36266</v>
      </c>
      <c r="N2899" s="5" t="s">
        <v>38</v>
      </c>
      <c r="O2899" s="5" t="s">
        <v>39</v>
      </c>
      <c r="P2899" s="5" t="s">
        <v>40</v>
      </c>
      <c r="Q2899" s="5" t="s">
        <v>1522</v>
      </c>
      <c r="R2899" s="5" t="s">
        <v>1523</v>
      </c>
      <c r="S2899" s="5" t="s">
        <v>42</v>
      </c>
      <c r="T2899" s="2">
        <v>2.129</v>
      </c>
      <c r="U2899" s="2">
        <v>1.647</v>
      </c>
      <c r="V2899" s="2">
        <v>1.0999999999999999E-2</v>
      </c>
      <c r="W2899" s="2">
        <v>82.9</v>
      </c>
      <c r="X2899" s="2">
        <v>7.6</v>
      </c>
      <c r="Y2899" s="2">
        <v>16.7</v>
      </c>
      <c r="Z2899" s="5"/>
      <c r="AA2899" s="5" t="s">
        <v>43</v>
      </c>
      <c r="AB2899" s="5" t="s">
        <v>44</v>
      </c>
      <c r="AC2899" s="2"/>
      <c r="AD2899" s="1"/>
    </row>
    <row r="2900" spans="1:30">
      <c r="A2900" s="5" t="s">
        <v>83578</v>
      </c>
      <c r="B2900" s="2" t="s">
        <v>92302</v>
      </c>
      <c r="C2900" s="14" t="s">
        <v>92303</v>
      </c>
      <c r="D2900" s="2" t="s">
        <v>92304</v>
      </c>
      <c r="E2900" s="2" t="s">
        <v>36353</v>
      </c>
      <c r="F2900" s="8">
        <v>268</v>
      </c>
      <c r="G2900" s="5">
        <v>6</v>
      </c>
      <c r="H2900" s="5" t="s">
        <v>1518</v>
      </c>
      <c r="I2900" s="5" t="s">
        <v>36264</v>
      </c>
      <c r="J2900" s="2" t="s">
        <v>36265</v>
      </c>
      <c r="K2900" s="5" t="s">
        <v>36264</v>
      </c>
      <c r="L2900" s="2" t="s">
        <v>36265</v>
      </c>
      <c r="M2900" s="5" t="s">
        <v>36266</v>
      </c>
      <c r="N2900" s="5" t="s">
        <v>38</v>
      </c>
      <c r="O2900" s="5" t="s">
        <v>39</v>
      </c>
      <c r="P2900" s="5" t="s">
        <v>40</v>
      </c>
      <c r="Q2900" s="5" t="s">
        <v>1522</v>
      </c>
      <c r="R2900" s="5" t="s">
        <v>1523</v>
      </c>
      <c r="S2900" s="5" t="s">
        <v>42</v>
      </c>
      <c r="T2900" s="2">
        <v>2.129</v>
      </c>
      <c r="U2900" s="2">
        <v>1.647</v>
      </c>
      <c r="V2900" s="2">
        <v>1.0999999999999999E-2</v>
      </c>
      <c r="W2900" s="2">
        <v>82.9</v>
      </c>
      <c r="X2900" s="2">
        <v>7.6</v>
      </c>
      <c r="Y2900" s="2">
        <v>16.7</v>
      </c>
      <c r="Z2900" s="5"/>
      <c r="AA2900" s="5" t="s">
        <v>43</v>
      </c>
      <c r="AB2900" s="5" t="s">
        <v>44</v>
      </c>
      <c r="AC2900" s="2"/>
      <c r="AD2900" s="1"/>
    </row>
    <row r="2901" spans="1:30">
      <c r="A2901" s="5" t="s">
        <v>83578</v>
      </c>
      <c r="B2901" s="2" t="s">
        <v>92305</v>
      </c>
      <c r="C2901" s="14" t="s">
        <v>92306</v>
      </c>
      <c r="D2901" s="2" t="s">
        <v>92307</v>
      </c>
      <c r="E2901" s="2" t="s">
        <v>36357</v>
      </c>
      <c r="F2901" s="8">
        <v>268</v>
      </c>
      <c r="G2901" s="5">
        <v>6</v>
      </c>
      <c r="H2901" s="5" t="s">
        <v>1518</v>
      </c>
      <c r="I2901" s="5" t="s">
        <v>36264</v>
      </c>
      <c r="J2901" s="2" t="s">
        <v>36265</v>
      </c>
      <c r="K2901" s="5" t="s">
        <v>36264</v>
      </c>
      <c r="L2901" s="2" t="s">
        <v>36265</v>
      </c>
      <c r="M2901" s="5" t="s">
        <v>36266</v>
      </c>
      <c r="N2901" s="5" t="s">
        <v>38</v>
      </c>
      <c r="O2901" s="5" t="s">
        <v>39</v>
      </c>
      <c r="P2901" s="5" t="s">
        <v>40</v>
      </c>
      <c r="Q2901" s="5" t="s">
        <v>1522</v>
      </c>
      <c r="R2901" s="5" t="s">
        <v>1523</v>
      </c>
      <c r="S2901" s="5" t="s">
        <v>42</v>
      </c>
      <c r="T2901" s="2">
        <v>2.1909999999999998</v>
      </c>
      <c r="U2901" s="2">
        <v>1.7090000000000001</v>
      </c>
      <c r="V2901" s="2">
        <v>1.0999999999999999E-2</v>
      </c>
      <c r="W2901" s="2">
        <v>82.9</v>
      </c>
      <c r="X2901" s="2">
        <v>7.6</v>
      </c>
      <c r="Y2901" s="2">
        <v>16.7</v>
      </c>
      <c r="Z2901" s="5"/>
      <c r="AA2901" s="5" t="s">
        <v>43</v>
      </c>
      <c r="AB2901" s="5" t="s">
        <v>44</v>
      </c>
      <c r="AC2901" s="2"/>
      <c r="AD2901" s="1"/>
    </row>
    <row r="2902" spans="1:30">
      <c r="A2902" s="5" t="s">
        <v>83578</v>
      </c>
      <c r="B2902" s="2" t="s">
        <v>92308</v>
      </c>
      <c r="C2902" s="14" t="s">
        <v>92309</v>
      </c>
      <c r="D2902" s="2" t="s">
        <v>92310</v>
      </c>
      <c r="E2902" s="2" t="s">
        <v>45534</v>
      </c>
      <c r="F2902" s="8">
        <v>268</v>
      </c>
      <c r="G2902" s="5">
        <v>6</v>
      </c>
      <c r="H2902" s="5" t="s">
        <v>1518</v>
      </c>
      <c r="I2902" s="5" t="s">
        <v>36264</v>
      </c>
      <c r="J2902" s="2" t="s">
        <v>36265</v>
      </c>
      <c r="K2902" s="5" t="s">
        <v>36264</v>
      </c>
      <c r="L2902" s="2" t="s">
        <v>36265</v>
      </c>
      <c r="M2902" s="5" t="s">
        <v>36266</v>
      </c>
      <c r="N2902" s="5" t="s">
        <v>38</v>
      </c>
      <c r="O2902" s="5" t="s">
        <v>39</v>
      </c>
      <c r="P2902" s="5" t="s">
        <v>40</v>
      </c>
      <c r="Q2902" s="5" t="s">
        <v>1522</v>
      </c>
      <c r="R2902" s="5" t="s">
        <v>1523</v>
      </c>
      <c r="S2902" s="5" t="s">
        <v>42</v>
      </c>
      <c r="T2902" s="2">
        <v>2.1909999999999998</v>
      </c>
      <c r="U2902" s="2">
        <v>1.7090000000000001</v>
      </c>
      <c r="V2902" s="2">
        <v>1.0999999999999999E-2</v>
      </c>
      <c r="W2902" s="2">
        <v>82.9</v>
      </c>
      <c r="X2902" s="2">
        <v>7.6</v>
      </c>
      <c r="Y2902" s="2">
        <v>16.7</v>
      </c>
      <c r="Z2902" s="5"/>
      <c r="AA2902" s="5" t="s">
        <v>43</v>
      </c>
      <c r="AB2902" s="5" t="s">
        <v>44</v>
      </c>
      <c r="AC2902" s="2"/>
      <c r="AD2902" s="1"/>
    </row>
    <row r="2903" spans="1:30">
      <c r="A2903" s="5" t="s">
        <v>83578</v>
      </c>
      <c r="B2903" s="2" t="s">
        <v>92311</v>
      </c>
      <c r="C2903" s="14" t="s">
        <v>92312</v>
      </c>
      <c r="D2903" s="2" t="s">
        <v>92313</v>
      </c>
      <c r="E2903" s="2" t="s">
        <v>36369</v>
      </c>
      <c r="F2903" s="8">
        <v>268</v>
      </c>
      <c r="G2903" s="5">
        <v>6</v>
      </c>
      <c r="H2903" s="5" t="s">
        <v>1518</v>
      </c>
      <c r="I2903" s="5" t="s">
        <v>36264</v>
      </c>
      <c r="J2903" s="2" t="s">
        <v>36265</v>
      </c>
      <c r="K2903" s="5" t="s">
        <v>36264</v>
      </c>
      <c r="L2903" s="2" t="s">
        <v>36265</v>
      </c>
      <c r="M2903" s="5" t="s">
        <v>36266</v>
      </c>
      <c r="N2903" s="5" t="s">
        <v>38</v>
      </c>
      <c r="O2903" s="5" t="s">
        <v>39</v>
      </c>
      <c r="P2903" s="5" t="s">
        <v>40</v>
      </c>
      <c r="Q2903" s="5" t="s">
        <v>1522</v>
      </c>
      <c r="R2903" s="5" t="s">
        <v>1523</v>
      </c>
      <c r="S2903" s="5" t="s">
        <v>42</v>
      </c>
      <c r="T2903" s="2">
        <v>2.129</v>
      </c>
      <c r="U2903" s="2">
        <v>1.647</v>
      </c>
      <c r="V2903" s="2">
        <v>1.0999999999999999E-2</v>
      </c>
      <c r="W2903" s="2">
        <v>82.9</v>
      </c>
      <c r="X2903" s="2">
        <v>7.6</v>
      </c>
      <c r="Y2903" s="2">
        <v>16.7</v>
      </c>
      <c r="Z2903" s="5"/>
      <c r="AA2903" s="5" t="s">
        <v>43</v>
      </c>
      <c r="AB2903" s="5" t="s">
        <v>44</v>
      </c>
      <c r="AC2903" s="2"/>
      <c r="AD2903" s="1"/>
    </row>
    <row r="2904" spans="1:30">
      <c r="A2904" s="5" t="s">
        <v>83578</v>
      </c>
      <c r="B2904" s="2" t="s">
        <v>92314</v>
      </c>
      <c r="C2904" s="14" t="s">
        <v>92315</v>
      </c>
      <c r="D2904" s="2" t="s">
        <v>92316</v>
      </c>
      <c r="E2904" s="2" t="s">
        <v>36377</v>
      </c>
      <c r="F2904" s="8">
        <v>268</v>
      </c>
      <c r="G2904" s="5">
        <v>6</v>
      </c>
      <c r="H2904" s="5" t="s">
        <v>1518</v>
      </c>
      <c r="I2904" s="5" t="s">
        <v>36264</v>
      </c>
      <c r="J2904" s="2" t="s">
        <v>36265</v>
      </c>
      <c r="K2904" s="5" t="s">
        <v>36264</v>
      </c>
      <c r="L2904" s="2" t="s">
        <v>36265</v>
      </c>
      <c r="M2904" s="5" t="s">
        <v>36266</v>
      </c>
      <c r="N2904" s="5" t="s">
        <v>38</v>
      </c>
      <c r="O2904" s="5" t="s">
        <v>39</v>
      </c>
      <c r="P2904" s="5" t="s">
        <v>40</v>
      </c>
      <c r="Q2904" s="5" t="s">
        <v>1522</v>
      </c>
      <c r="R2904" s="5" t="s">
        <v>1523</v>
      </c>
      <c r="S2904" s="5" t="s">
        <v>42</v>
      </c>
      <c r="T2904" s="2">
        <v>2.129</v>
      </c>
      <c r="U2904" s="2">
        <v>1.647</v>
      </c>
      <c r="V2904" s="2">
        <v>1.0999999999999999E-2</v>
      </c>
      <c r="W2904" s="2">
        <v>82.9</v>
      </c>
      <c r="X2904" s="2">
        <v>7.6</v>
      </c>
      <c r="Y2904" s="2">
        <v>16.7</v>
      </c>
      <c r="Z2904" s="5"/>
      <c r="AA2904" s="5" t="s">
        <v>43</v>
      </c>
      <c r="AB2904" s="5" t="s">
        <v>44</v>
      </c>
      <c r="AC2904" s="2"/>
      <c r="AD2904" s="1"/>
    </row>
    <row r="2905" spans="1:30">
      <c r="A2905" s="5" t="s">
        <v>83578</v>
      </c>
      <c r="B2905" s="2" t="s">
        <v>92317</v>
      </c>
      <c r="C2905" s="14" t="s">
        <v>92318</v>
      </c>
      <c r="D2905" s="2" t="s">
        <v>92319</v>
      </c>
      <c r="E2905" s="2" t="s">
        <v>36389</v>
      </c>
      <c r="F2905" s="8">
        <v>268</v>
      </c>
      <c r="G2905" s="5">
        <v>6</v>
      </c>
      <c r="H2905" s="5" t="s">
        <v>1518</v>
      </c>
      <c r="I2905" s="5" t="s">
        <v>36264</v>
      </c>
      <c r="J2905" s="2" t="s">
        <v>36265</v>
      </c>
      <c r="K2905" s="5" t="s">
        <v>36264</v>
      </c>
      <c r="L2905" s="2" t="s">
        <v>36265</v>
      </c>
      <c r="M2905" s="5" t="s">
        <v>36266</v>
      </c>
      <c r="N2905" s="5" t="s">
        <v>38</v>
      </c>
      <c r="O2905" s="5" t="s">
        <v>39</v>
      </c>
      <c r="P2905" s="5" t="s">
        <v>40</v>
      </c>
      <c r="Q2905" s="5" t="s">
        <v>1522</v>
      </c>
      <c r="R2905" s="5" t="s">
        <v>1523</v>
      </c>
      <c r="S2905" s="5" t="s">
        <v>42</v>
      </c>
      <c r="T2905" s="2">
        <v>2.1909999999999998</v>
      </c>
      <c r="U2905" s="2">
        <v>1.7090000000000001</v>
      </c>
      <c r="V2905" s="2">
        <v>1.0999999999999999E-2</v>
      </c>
      <c r="W2905" s="2">
        <v>82.9</v>
      </c>
      <c r="X2905" s="2">
        <v>7.6</v>
      </c>
      <c r="Y2905" s="2">
        <v>16.7</v>
      </c>
      <c r="Z2905" s="5"/>
      <c r="AA2905" s="5" t="s">
        <v>43</v>
      </c>
      <c r="AB2905" s="5" t="s">
        <v>44</v>
      </c>
      <c r="AC2905" s="2"/>
      <c r="AD2905" s="1"/>
    </row>
    <row r="2906" spans="1:30">
      <c r="A2906" s="5" t="s">
        <v>83578</v>
      </c>
      <c r="B2906" s="2" t="s">
        <v>92320</v>
      </c>
      <c r="C2906" s="14" t="s">
        <v>92321</v>
      </c>
      <c r="D2906" s="2" t="s">
        <v>92322</v>
      </c>
      <c r="E2906" s="2" t="s">
        <v>36285</v>
      </c>
      <c r="F2906" s="8">
        <v>284</v>
      </c>
      <c r="G2906" s="5">
        <v>6</v>
      </c>
      <c r="H2906" s="5" t="s">
        <v>1518</v>
      </c>
      <c r="I2906" s="5" t="s">
        <v>36264</v>
      </c>
      <c r="J2906" s="2" t="s">
        <v>36265</v>
      </c>
      <c r="K2906" s="5" t="s">
        <v>36264</v>
      </c>
      <c r="L2906" s="2" t="s">
        <v>36265</v>
      </c>
      <c r="M2906" s="5" t="s">
        <v>36266</v>
      </c>
      <c r="N2906" s="5" t="s">
        <v>38</v>
      </c>
      <c r="O2906" s="5" t="s">
        <v>39</v>
      </c>
      <c r="P2906" s="5" t="s">
        <v>40</v>
      </c>
      <c r="Q2906" s="5" t="s">
        <v>1522</v>
      </c>
      <c r="R2906" s="5" t="s">
        <v>1523</v>
      </c>
      <c r="S2906" s="5" t="s">
        <v>42</v>
      </c>
      <c r="T2906" s="2">
        <v>2.4449999999999998</v>
      </c>
      <c r="U2906" s="2">
        <v>1.875</v>
      </c>
      <c r="V2906" s="2">
        <v>1.4999999999999999E-2</v>
      </c>
      <c r="W2906" s="2">
        <v>118.9</v>
      </c>
      <c r="X2906" s="2">
        <v>7.6</v>
      </c>
      <c r="Y2906" s="2">
        <v>16.7</v>
      </c>
      <c r="Z2906" s="5"/>
      <c r="AA2906" s="5" t="s">
        <v>43</v>
      </c>
      <c r="AB2906" s="5" t="s">
        <v>44</v>
      </c>
      <c r="AC2906" s="2"/>
      <c r="AD2906" s="1"/>
    </row>
    <row r="2907" spans="1:30">
      <c r="A2907" s="5" t="s">
        <v>83578</v>
      </c>
      <c r="B2907" s="2" t="s">
        <v>92323</v>
      </c>
      <c r="C2907" s="14" t="s">
        <v>92324</v>
      </c>
      <c r="D2907" s="2" t="s">
        <v>92325</v>
      </c>
      <c r="E2907" s="2" t="s">
        <v>36301</v>
      </c>
      <c r="F2907" s="8">
        <v>264</v>
      </c>
      <c r="G2907" s="5">
        <v>6</v>
      </c>
      <c r="H2907" s="5" t="s">
        <v>1518</v>
      </c>
      <c r="I2907" s="5" t="s">
        <v>36264</v>
      </c>
      <c r="J2907" s="2" t="s">
        <v>36265</v>
      </c>
      <c r="K2907" s="5" t="s">
        <v>36264</v>
      </c>
      <c r="L2907" s="2" t="s">
        <v>36265</v>
      </c>
      <c r="M2907" s="5" t="s">
        <v>36266</v>
      </c>
      <c r="N2907" s="5" t="s">
        <v>38</v>
      </c>
      <c r="O2907" s="5" t="s">
        <v>39</v>
      </c>
      <c r="P2907" s="5" t="s">
        <v>40</v>
      </c>
      <c r="Q2907" s="5" t="s">
        <v>1522</v>
      </c>
      <c r="R2907" s="5" t="s">
        <v>1523</v>
      </c>
      <c r="S2907" s="5" t="s">
        <v>42</v>
      </c>
      <c r="T2907" s="2">
        <v>2.4449999999999998</v>
      </c>
      <c r="U2907" s="2">
        <v>1.875</v>
      </c>
      <c r="V2907" s="2">
        <v>1.4999999999999999E-2</v>
      </c>
      <c r="W2907" s="2">
        <v>118.9</v>
      </c>
      <c r="X2907" s="2">
        <v>7.6</v>
      </c>
      <c r="Y2907" s="2">
        <v>16.7</v>
      </c>
      <c r="Z2907" s="5"/>
      <c r="AA2907" s="5" t="s">
        <v>43</v>
      </c>
      <c r="AB2907" s="5" t="s">
        <v>44</v>
      </c>
      <c r="AC2907" s="2"/>
      <c r="AD2907" s="1"/>
    </row>
    <row r="2908" spans="1:30">
      <c r="A2908" s="5" t="s">
        <v>83578</v>
      </c>
      <c r="B2908" s="2" t="s">
        <v>92326</v>
      </c>
      <c r="C2908" s="14" t="s">
        <v>92327</v>
      </c>
      <c r="D2908" s="2" t="s">
        <v>92328</v>
      </c>
      <c r="E2908" s="2" t="s">
        <v>36313</v>
      </c>
      <c r="F2908" s="8">
        <v>284</v>
      </c>
      <c r="G2908" s="5">
        <v>6</v>
      </c>
      <c r="H2908" s="5" t="s">
        <v>1518</v>
      </c>
      <c r="I2908" s="5" t="s">
        <v>36264</v>
      </c>
      <c r="J2908" s="2" t="s">
        <v>36265</v>
      </c>
      <c r="K2908" s="5" t="s">
        <v>36264</v>
      </c>
      <c r="L2908" s="2" t="s">
        <v>36265</v>
      </c>
      <c r="M2908" s="5" t="s">
        <v>36266</v>
      </c>
      <c r="N2908" s="5" t="s">
        <v>38</v>
      </c>
      <c r="O2908" s="5" t="s">
        <v>39</v>
      </c>
      <c r="P2908" s="5" t="s">
        <v>40</v>
      </c>
      <c r="Q2908" s="5" t="s">
        <v>1522</v>
      </c>
      <c r="R2908" s="5" t="s">
        <v>1523</v>
      </c>
      <c r="S2908" s="5" t="s">
        <v>42</v>
      </c>
      <c r="T2908" s="2">
        <v>2.3719999999999999</v>
      </c>
      <c r="U2908" s="2">
        <v>1.802</v>
      </c>
      <c r="V2908" s="2">
        <v>1.4999999999999999E-2</v>
      </c>
      <c r="W2908" s="2">
        <v>118.9</v>
      </c>
      <c r="X2908" s="2">
        <v>7.6</v>
      </c>
      <c r="Y2908" s="2">
        <v>16.7</v>
      </c>
      <c r="Z2908" s="5"/>
      <c r="AA2908" s="5" t="s">
        <v>43</v>
      </c>
      <c r="AB2908" s="5" t="s">
        <v>44</v>
      </c>
      <c r="AC2908" s="2"/>
      <c r="AD2908" s="1"/>
    </row>
    <row r="2909" spans="1:30">
      <c r="A2909" s="5" t="s">
        <v>83578</v>
      </c>
      <c r="B2909" s="2" t="s">
        <v>92329</v>
      </c>
      <c r="C2909" s="14" t="s">
        <v>92330</v>
      </c>
      <c r="D2909" s="2" t="s">
        <v>92331</v>
      </c>
      <c r="E2909" s="2" t="s">
        <v>36321</v>
      </c>
      <c r="F2909" s="8">
        <v>284</v>
      </c>
      <c r="G2909" s="5">
        <v>6</v>
      </c>
      <c r="H2909" s="5" t="s">
        <v>1518</v>
      </c>
      <c r="I2909" s="5" t="s">
        <v>36264</v>
      </c>
      <c r="J2909" s="2" t="s">
        <v>36265</v>
      </c>
      <c r="K2909" s="5" t="s">
        <v>36264</v>
      </c>
      <c r="L2909" s="2" t="s">
        <v>36265</v>
      </c>
      <c r="M2909" s="5" t="s">
        <v>36266</v>
      </c>
      <c r="N2909" s="5" t="s">
        <v>38</v>
      </c>
      <c r="O2909" s="5" t="s">
        <v>39</v>
      </c>
      <c r="P2909" s="5" t="s">
        <v>40</v>
      </c>
      <c r="Q2909" s="5" t="s">
        <v>1522</v>
      </c>
      <c r="R2909" s="5" t="s">
        <v>1523</v>
      </c>
      <c r="S2909" s="5" t="s">
        <v>42</v>
      </c>
      <c r="T2909" s="2">
        <v>2.3719999999999999</v>
      </c>
      <c r="U2909" s="2">
        <v>1.802</v>
      </c>
      <c r="V2909" s="2">
        <v>1.4999999999999999E-2</v>
      </c>
      <c r="W2909" s="2">
        <v>118.9</v>
      </c>
      <c r="X2909" s="2">
        <v>7.6</v>
      </c>
      <c r="Y2909" s="2">
        <v>16.7</v>
      </c>
      <c r="Z2909" s="5"/>
      <c r="AA2909" s="5" t="s">
        <v>43</v>
      </c>
      <c r="AB2909" s="5" t="s">
        <v>44</v>
      </c>
      <c r="AC2909" s="2"/>
      <c r="AD2909" s="1"/>
    </row>
    <row r="2910" spans="1:30">
      <c r="A2910" s="5" t="s">
        <v>83578</v>
      </c>
      <c r="B2910" s="2" t="s">
        <v>92332</v>
      </c>
      <c r="C2910" s="14" t="s">
        <v>92333</v>
      </c>
      <c r="D2910" s="2" t="s">
        <v>92334</v>
      </c>
      <c r="E2910" s="2" t="s">
        <v>36325</v>
      </c>
      <c r="F2910" s="8">
        <v>284</v>
      </c>
      <c r="G2910" s="5">
        <v>6</v>
      </c>
      <c r="H2910" s="5" t="s">
        <v>1518</v>
      </c>
      <c r="I2910" s="5" t="s">
        <v>36264</v>
      </c>
      <c r="J2910" s="2" t="s">
        <v>36265</v>
      </c>
      <c r="K2910" s="5" t="s">
        <v>36264</v>
      </c>
      <c r="L2910" s="2" t="s">
        <v>36265</v>
      </c>
      <c r="M2910" s="5" t="s">
        <v>36266</v>
      </c>
      <c r="N2910" s="5" t="s">
        <v>38</v>
      </c>
      <c r="O2910" s="5" t="s">
        <v>39</v>
      </c>
      <c r="P2910" s="5" t="s">
        <v>40</v>
      </c>
      <c r="Q2910" s="5" t="s">
        <v>1522</v>
      </c>
      <c r="R2910" s="5" t="s">
        <v>1523</v>
      </c>
      <c r="S2910" s="5" t="s">
        <v>42</v>
      </c>
      <c r="T2910" s="2">
        <v>2.4449999999999998</v>
      </c>
      <c r="U2910" s="2">
        <v>1.875</v>
      </c>
      <c r="V2910" s="2">
        <v>1.4999999999999999E-2</v>
      </c>
      <c r="W2910" s="2">
        <v>118.9</v>
      </c>
      <c r="X2910" s="2">
        <v>7.6</v>
      </c>
      <c r="Y2910" s="2">
        <v>16.7</v>
      </c>
      <c r="Z2910" s="5"/>
      <c r="AA2910" s="5" t="s">
        <v>43</v>
      </c>
      <c r="AB2910" s="5" t="s">
        <v>44</v>
      </c>
      <c r="AC2910" s="2"/>
      <c r="AD2910" s="1"/>
    </row>
    <row r="2911" spans="1:30">
      <c r="A2911" s="5" t="s">
        <v>83578</v>
      </c>
      <c r="B2911" s="2" t="s">
        <v>92335</v>
      </c>
      <c r="C2911" s="14" t="s">
        <v>92336</v>
      </c>
      <c r="D2911" s="2" t="s">
        <v>92337</v>
      </c>
      <c r="E2911" s="2" t="s">
        <v>36329</v>
      </c>
      <c r="F2911" s="8">
        <v>284</v>
      </c>
      <c r="G2911" s="5">
        <v>6</v>
      </c>
      <c r="H2911" s="5" t="s">
        <v>1518</v>
      </c>
      <c r="I2911" s="5" t="s">
        <v>36264</v>
      </c>
      <c r="J2911" s="2" t="s">
        <v>36265</v>
      </c>
      <c r="K2911" s="5" t="s">
        <v>36264</v>
      </c>
      <c r="L2911" s="2" t="s">
        <v>36265</v>
      </c>
      <c r="M2911" s="5" t="s">
        <v>36266</v>
      </c>
      <c r="N2911" s="5" t="s">
        <v>38</v>
      </c>
      <c r="O2911" s="5" t="s">
        <v>39</v>
      </c>
      <c r="P2911" s="5" t="s">
        <v>40</v>
      </c>
      <c r="Q2911" s="5" t="s">
        <v>1522</v>
      </c>
      <c r="R2911" s="5" t="s">
        <v>1523</v>
      </c>
      <c r="S2911" s="5" t="s">
        <v>42</v>
      </c>
      <c r="T2911" s="2">
        <v>2.3719999999999999</v>
      </c>
      <c r="U2911" s="2">
        <v>1.802</v>
      </c>
      <c r="V2911" s="2">
        <v>1.4999999999999999E-2</v>
      </c>
      <c r="W2911" s="2">
        <v>118.9</v>
      </c>
      <c r="X2911" s="2">
        <v>7.6</v>
      </c>
      <c r="Y2911" s="2">
        <v>16.7</v>
      </c>
      <c r="Z2911" s="5"/>
      <c r="AA2911" s="5" t="s">
        <v>43</v>
      </c>
      <c r="AB2911" s="5" t="s">
        <v>44</v>
      </c>
      <c r="AC2911" s="2"/>
      <c r="AD2911" s="1"/>
    </row>
    <row r="2912" spans="1:30">
      <c r="A2912" s="5" t="s">
        <v>83578</v>
      </c>
      <c r="B2912" s="2" t="s">
        <v>92338</v>
      </c>
      <c r="C2912" s="14" t="s">
        <v>92339</v>
      </c>
      <c r="D2912" s="2" t="s">
        <v>92340</v>
      </c>
      <c r="E2912" s="2" t="s">
        <v>36333</v>
      </c>
      <c r="F2912" s="8">
        <v>284</v>
      </c>
      <c r="G2912" s="5">
        <v>6</v>
      </c>
      <c r="H2912" s="5" t="s">
        <v>1518</v>
      </c>
      <c r="I2912" s="5" t="s">
        <v>36264</v>
      </c>
      <c r="J2912" s="2" t="s">
        <v>36265</v>
      </c>
      <c r="K2912" s="5" t="s">
        <v>36264</v>
      </c>
      <c r="L2912" s="2" t="s">
        <v>36265</v>
      </c>
      <c r="M2912" s="5" t="s">
        <v>36266</v>
      </c>
      <c r="N2912" s="5" t="s">
        <v>38</v>
      </c>
      <c r="O2912" s="5" t="s">
        <v>39</v>
      </c>
      <c r="P2912" s="5" t="s">
        <v>40</v>
      </c>
      <c r="Q2912" s="5" t="s">
        <v>1522</v>
      </c>
      <c r="R2912" s="5" t="s">
        <v>1523</v>
      </c>
      <c r="S2912" s="5" t="s">
        <v>42</v>
      </c>
      <c r="T2912" s="2">
        <v>2.4449999999999998</v>
      </c>
      <c r="U2912" s="2">
        <v>1.875</v>
      </c>
      <c r="V2912" s="2">
        <v>1.4999999999999999E-2</v>
      </c>
      <c r="W2912" s="2">
        <v>118.9</v>
      </c>
      <c r="X2912" s="2">
        <v>7.6</v>
      </c>
      <c r="Y2912" s="2">
        <v>16.7</v>
      </c>
      <c r="Z2912" s="5"/>
      <c r="AA2912" s="5" t="s">
        <v>43</v>
      </c>
      <c r="AB2912" s="5" t="s">
        <v>44</v>
      </c>
      <c r="AC2912" s="2"/>
      <c r="AD2912" s="1"/>
    </row>
    <row r="2913" spans="1:30">
      <c r="A2913" s="5" t="s">
        <v>83578</v>
      </c>
      <c r="B2913" s="2" t="s">
        <v>92341</v>
      </c>
      <c r="C2913" s="14" t="s">
        <v>92342</v>
      </c>
      <c r="D2913" s="2" t="s">
        <v>92343</v>
      </c>
      <c r="E2913" s="2" t="s">
        <v>36341</v>
      </c>
      <c r="F2913" s="8">
        <v>284</v>
      </c>
      <c r="G2913" s="5">
        <v>6</v>
      </c>
      <c r="H2913" s="5" t="s">
        <v>1518</v>
      </c>
      <c r="I2913" s="5" t="s">
        <v>36264</v>
      </c>
      <c r="J2913" s="2" t="s">
        <v>36265</v>
      </c>
      <c r="K2913" s="5" t="s">
        <v>36264</v>
      </c>
      <c r="L2913" s="2" t="s">
        <v>36265</v>
      </c>
      <c r="M2913" s="5" t="s">
        <v>36266</v>
      </c>
      <c r="N2913" s="5" t="s">
        <v>38</v>
      </c>
      <c r="O2913" s="5" t="s">
        <v>39</v>
      </c>
      <c r="P2913" s="5" t="s">
        <v>40</v>
      </c>
      <c r="Q2913" s="5" t="s">
        <v>1522</v>
      </c>
      <c r="R2913" s="5" t="s">
        <v>1523</v>
      </c>
      <c r="S2913" s="5" t="s">
        <v>42</v>
      </c>
      <c r="T2913" s="2">
        <v>2.4449999999999998</v>
      </c>
      <c r="U2913" s="2">
        <v>1.875</v>
      </c>
      <c r="V2913" s="2">
        <v>1.4999999999999999E-2</v>
      </c>
      <c r="W2913" s="2">
        <v>118.9</v>
      </c>
      <c r="X2913" s="2">
        <v>7.6</v>
      </c>
      <c r="Y2913" s="2">
        <v>16.7</v>
      </c>
      <c r="Z2913" s="5"/>
      <c r="AA2913" s="5" t="s">
        <v>43</v>
      </c>
      <c r="AB2913" s="5" t="s">
        <v>44</v>
      </c>
      <c r="AC2913" s="2"/>
      <c r="AD2913" s="1"/>
    </row>
    <row r="2914" spans="1:30">
      <c r="A2914" s="5" t="s">
        <v>83578</v>
      </c>
      <c r="B2914" s="2" t="s">
        <v>92344</v>
      </c>
      <c r="C2914" s="14" t="s">
        <v>92345</v>
      </c>
      <c r="D2914" s="2" t="s">
        <v>92346</v>
      </c>
      <c r="E2914" s="2" t="s">
        <v>36345</v>
      </c>
      <c r="F2914" s="8">
        <v>284</v>
      </c>
      <c r="G2914" s="5">
        <v>6</v>
      </c>
      <c r="H2914" s="5" t="s">
        <v>1518</v>
      </c>
      <c r="I2914" s="5" t="s">
        <v>36264</v>
      </c>
      <c r="J2914" s="2" t="s">
        <v>36265</v>
      </c>
      <c r="K2914" s="5" t="s">
        <v>36264</v>
      </c>
      <c r="L2914" s="2" t="s">
        <v>36265</v>
      </c>
      <c r="M2914" s="5" t="s">
        <v>36266</v>
      </c>
      <c r="N2914" s="5" t="s">
        <v>38</v>
      </c>
      <c r="O2914" s="5" t="s">
        <v>39</v>
      </c>
      <c r="P2914" s="5" t="s">
        <v>40</v>
      </c>
      <c r="Q2914" s="5" t="s">
        <v>1522</v>
      </c>
      <c r="R2914" s="5" t="s">
        <v>1523</v>
      </c>
      <c r="S2914" s="5" t="s">
        <v>42</v>
      </c>
      <c r="T2914" s="2">
        <v>2.3719999999999999</v>
      </c>
      <c r="U2914" s="2">
        <v>1.802</v>
      </c>
      <c r="V2914" s="2">
        <v>1.4999999999999999E-2</v>
      </c>
      <c r="W2914" s="2">
        <v>118.9</v>
      </c>
      <c r="X2914" s="2">
        <v>7.6</v>
      </c>
      <c r="Y2914" s="2">
        <v>16.7</v>
      </c>
      <c r="Z2914" s="5"/>
      <c r="AA2914" s="5" t="s">
        <v>43</v>
      </c>
      <c r="AB2914" s="5" t="s">
        <v>44</v>
      </c>
      <c r="AC2914" s="2"/>
      <c r="AD2914" s="1"/>
    </row>
    <row r="2915" spans="1:30">
      <c r="A2915" s="5" t="s">
        <v>83578</v>
      </c>
      <c r="B2915" s="2" t="s">
        <v>92347</v>
      </c>
      <c r="C2915" s="14" t="s">
        <v>92348</v>
      </c>
      <c r="D2915" s="2" t="s">
        <v>92349</v>
      </c>
      <c r="E2915" s="2" t="s">
        <v>36349</v>
      </c>
      <c r="F2915" s="8">
        <v>284</v>
      </c>
      <c r="G2915" s="5">
        <v>6</v>
      </c>
      <c r="H2915" s="5" t="s">
        <v>1518</v>
      </c>
      <c r="I2915" s="5" t="s">
        <v>36264</v>
      </c>
      <c r="J2915" s="2" t="s">
        <v>36265</v>
      </c>
      <c r="K2915" s="5" t="s">
        <v>36264</v>
      </c>
      <c r="L2915" s="2" t="s">
        <v>36265</v>
      </c>
      <c r="M2915" s="5" t="s">
        <v>36266</v>
      </c>
      <c r="N2915" s="5" t="s">
        <v>38</v>
      </c>
      <c r="O2915" s="5" t="s">
        <v>39</v>
      </c>
      <c r="P2915" s="5" t="s">
        <v>40</v>
      </c>
      <c r="Q2915" s="5" t="s">
        <v>1522</v>
      </c>
      <c r="R2915" s="5" t="s">
        <v>1523</v>
      </c>
      <c r="S2915" s="5" t="s">
        <v>42</v>
      </c>
      <c r="T2915" s="2">
        <v>2.4449999999999998</v>
      </c>
      <c r="U2915" s="2">
        <v>1.875</v>
      </c>
      <c r="V2915" s="2">
        <v>1.4999999999999999E-2</v>
      </c>
      <c r="W2915" s="2">
        <v>118.9</v>
      </c>
      <c r="X2915" s="2">
        <v>7.6</v>
      </c>
      <c r="Y2915" s="2">
        <v>16.7</v>
      </c>
      <c r="Z2915" s="5"/>
      <c r="AA2915" s="5" t="s">
        <v>43</v>
      </c>
      <c r="AB2915" s="5" t="s">
        <v>44</v>
      </c>
      <c r="AC2915" s="2"/>
      <c r="AD2915" s="1"/>
    </row>
    <row r="2916" spans="1:30">
      <c r="A2916" s="5" t="s">
        <v>83578</v>
      </c>
      <c r="B2916" s="2" t="s">
        <v>92350</v>
      </c>
      <c r="C2916" s="14" t="s">
        <v>92351</v>
      </c>
      <c r="D2916" s="2" t="s">
        <v>92352</v>
      </c>
      <c r="E2916" s="2" t="s">
        <v>36353</v>
      </c>
      <c r="F2916" s="8">
        <v>284</v>
      </c>
      <c r="G2916" s="5">
        <v>6</v>
      </c>
      <c r="H2916" s="5" t="s">
        <v>1518</v>
      </c>
      <c r="I2916" s="5" t="s">
        <v>36264</v>
      </c>
      <c r="J2916" s="2" t="s">
        <v>36265</v>
      </c>
      <c r="K2916" s="5" t="s">
        <v>36264</v>
      </c>
      <c r="L2916" s="2" t="s">
        <v>36265</v>
      </c>
      <c r="M2916" s="5" t="s">
        <v>36266</v>
      </c>
      <c r="N2916" s="5" t="s">
        <v>38</v>
      </c>
      <c r="O2916" s="5" t="s">
        <v>39</v>
      </c>
      <c r="P2916" s="5" t="s">
        <v>40</v>
      </c>
      <c r="Q2916" s="5" t="s">
        <v>1522</v>
      </c>
      <c r="R2916" s="5" t="s">
        <v>1523</v>
      </c>
      <c r="S2916" s="5" t="s">
        <v>42</v>
      </c>
      <c r="T2916" s="2">
        <v>2.3719999999999999</v>
      </c>
      <c r="U2916" s="2">
        <v>1.802</v>
      </c>
      <c r="V2916" s="2">
        <v>1.4999999999999999E-2</v>
      </c>
      <c r="W2916" s="2">
        <v>118.9</v>
      </c>
      <c r="X2916" s="2">
        <v>7.6</v>
      </c>
      <c r="Y2916" s="2">
        <v>16.7</v>
      </c>
      <c r="Z2916" s="5"/>
      <c r="AA2916" s="5" t="s">
        <v>43</v>
      </c>
      <c r="AB2916" s="5" t="s">
        <v>44</v>
      </c>
      <c r="AC2916" s="2"/>
      <c r="AD2916" s="1"/>
    </row>
    <row r="2917" spans="1:30">
      <c r="A2917" s="5" t="s">
        <v>83578</v>
      </c>
      <c r="B2917" s="2" t="s">
        <v>92353</v>
      </c>
      <c r="C2917" s="14" t="s">
        <v>92354</v>
      </c>
      <c r="D2917" s="2" t="s">
        <v>92355</v>
      </c>
      <c r="E2917" s="2" t="s">
        <v>36357</v>
      </c>
      <c r="F2917" s="8">
        <v>284</v>
      </c>
      <c r="G2917" s="5">
        <v>6</v>
      </c>
      <c r="H2917" s="5" t="s">
        <v>1518</v>
      </c>
      <c r="I2917" s="5" t="s">
        <v>36264</v>
      </c>
      <c r="J2917" s="2" t="s">
        <v>36265</v>
      </c>
      <c r="K2917" s="5" t="s">
        <v>36264</v>
      </c>
      <c r="L2917" s="2" t="s">
        <v>36265</v>
      </c>
      <c r="M2917" s="5" t="s">
        <v>36266</v>
      </c>
      <c r="N2917" s="5" t="s">
        <v>38</v>
      </c>
      <c r="O2917" s="5" t="s">
        <v>39</v>
      </c>
      <c r="P2917" s="5" t="s">
        <v>40</v>
      </c>
      <c r="Q2917" s="5" t="s">
        <v>1522</v>
      </c>
      <c r="R2917" s="5" t="s">
        <v>1523</v>
      </c>
      <c r="S2917" s="5" t="s">
        <v>42</v>
      </c>
      <c r="T2917" s="2">
        <v>2.4449999999999998</v>
      </c>
      <c r="U2917" s="2">
        <v>1.875</v>
      </c>
      <c r="V2917" s="2">
        <v>1.4999999999999999E-2</v>
      </c>
      <c r="W2917" s="2">
        <v>118.9</v>
      </c>
      <c r="X2917" s="2">
        <v>7.6</v>
      </c>
      <c r="Y2917" s="2">
        <v>16.7</v>
      </c>
      <c r="Z2917" s="5"/>
      <c r="AA2917" s="5" t="s">
        <v>43</v>
      </c>
      <c r="AB2917" s="5" t="s">
        <v>44</v>
      </c>
      <c r="AC2917" s="2"/>
      <c r="AD2917" s="1"/>
    </row>
    <row r="2918" spans="1:30">
      <c r="A2918" s="5" t="s">
        <v>83578</v>
      </c>
      <c r="B2918" s="2" t="s">
        <v>92356</v>
      </c>
      <c r="C2918" s="14" t="s">
        <v>92357</v>
      </c>
      <c r="D2918" s="2" t="s">
        <v>92358</v>
      </c>
      <c r="E2918" s="2" t="s">
        <v>45598</v>
      </c>
      <c r="F2918" s="8">
        <v>284</v>
      </c>
      <c r="G2918" s="5">
        <v>6</v>
      </c>
      <c r="H2918" s="5" t="s">
        <v>1518</v>
      </c>
      <c r="I2918" s="5" t="s">
        <v>36264</v>
      </c>
      <c r="J2918" s="2" t="s">
        <v>36265</v>
      </c>
      <c r="K2918" s="5" t="s">
        <v>36264</v>
      </c>
      <c r="L2918" s="2" t="s">
        <v>36265</v>
      </c>
      <c r="M2918" s="5" t="s">
        <v>36266</v>
      </c>
      <c r="N2918" s="5" t="s">
        <v>38</v>
      </c>
      <c r="O2918" s="5" t="s">
        <v>39</v>
      </c>
      <c r="P2918" s="5" t="s">
        <v>40</v>
      </c>
      <c r="Q2918" s="5" t="s">
        <v>1522</v>
      </c>
      <c r="R2918" s="5" t="s">
        <v>1523</v>
      </c>
      <c r="S2918" s="5" t="s">
        <v>42</v>
      </c>
      <c r="T2918" s="2">
        <v>2.3719999999999999</v>
      </c>
      <c r="U2918" s="2">
        <v>1.802</v>
      </c>
      <c r="V2918" s="2">
        <v>1.4999999999999999E-2</v>
      </c>
      <c r="W2918" s="2">
        <v>118.9</v>
      </c>
      <c r="X2918" s="2">
        <v>7.6</v>
      </c>
      <c r="Y2918" s="2">
        <v>16.7</v>
      </c>
      <c r="Z2918" s="5"/>
      <c r="AA2918" s="5" t="s">
        <v>43</v>
      </c>
      <c r="AB2918" s="5" t="s">
        <v>44</v>
      </c>
      <c r="AC2918" s="2"/>
      <c r="AD2918" s="1"/>
    </row>
    <row r="2919" spans="1:30">
      <c r="A2919" s="5" t="s">
        <v>83578</v>
      </c>
      <c r="B2919" s="2" t="s">
        <v>92359</v>
      </c>
      <c r="C2919" s="14" t="s">
        <v>92360</v>
      </c>
      <c r="D2919" s="2" t="s">
        <v>92361</v>
      </c>
      <c r="E2919" s="2" t="s">
        <v>36369</v>
      </c>
      <c r="F2919" s="8">
        <v>284</v>
      </c>
      <c r="G2919" s="5">
        <v>6</v>
      </c>
      <c r="H2919" s="5" t="s">
        <v>1518</v>
      </c>
      <c r="I2919" s="5" t="s">
        <v>36264</v>
      </c>
      <c r="J2919" s="2" t="s">
        <v>36265</v>
      </c>
      <c r="K2919" s="5" t="s">
        <v>36264</v>
      </c>
      <c r="L2919" s="2" t="s">
        <v>36265</v>
      </c>
      <c r="M2919" s="5" t="s">
        <v>36266</v>
      </c>
      <c r="N2919" s="5" t="s">
        <v>38</v>
      </c>
      <c r="O2919" s="5" t="s">
        <v>39</v>
      </c>
      <c r="P2919" s="5" t="s">
        <v>40</v>
      </c>
      <c r="Q2919" s="5" t="s">
        <v>1522</v>
      </c>
      <c r="R2919" s="5" t="s">
        <v>1523</v>
      </c>
      <c r="S2919" s="5" t="s">
        <v>42</v>
      </c>
      <c r="T2919" s="2">
        <v>2.3719999999999999</v>
      </c>
      <c r="U2919" s="2">
        <v>1.802</v>
      </c>
      <c r="V2919" s="2">
        <v>1.4999999999999999E-2</v>
      </c>
      <c r="W2919" s="2">
        <v>118.9</v>
      </c>
      <c r="X2919" s="2">
        <v>7.6</v>
      </c>
      <c r="Y2919" s="2">
        <v>16.7</v>
      </c>
      <c r="Z2919" s="5"/>
      <c r="AA2919" s="5" t="s">
        <v>43</v>
      </c>
      <c r="AB2919" s="5" t="s">
        <v>44</v>
      </c>
      <c r="AC2919" s="2"/>
      <c r="AD2919" s="1"/>
    </row>
    <row r="2920" spans="1:30">
      <c r="A2920" s="5" t="s">
        <v>83578</v>
      </c>
      <c r="B2920" s="2" t="s">
        <v>92362</v>
      </c>
      <c r="C2920" s="14" t="s">
        <v>92363</v>
      </c>
      <c r="D2920" s="2" t="s">
        <v>92364</v>
      </c>
      <c r="E2920" s="2" t="s">
        <v>36373</v>
      </c>
      <c r="F2920" s="8">
        <v>284</v>
      </c>
      <c r="G2920" s="5">
        <v>6</v>
      </c>
      <c r="H2920" s="5" t="s">
        <v>1518</v>
      </c>
      <c r="I2920" s="5" t="s">
        <v>36264</v>
      </c>
      <c r="J2920" s="2" t="s">
        <v>36265</v>
      </c>
      <c r="K2920" s="5" t="s">
        <v>36264</v>
      </c>
      <c r="L2920" s="2" t="s">
        <v>36265</v>
      </c>
      <c r="M2920" s="5" t="s">
        <v>36266</v>
      </c>
      <c r="N2920" s="5" t="s">
        <v>38</v>
      </c>
      <c r="O2920" s="5" t="s">
        <v>39</v>
      </c>
      <c r="P2920" s="5" t="s">
        <v>40</v>
      </c>
      <c r="Q2920" s="5" t="s">
        <v>1522</v>
      </c>
      <c r="R2920" s="5" t="s">
        <v>1523</v>
      </c>
      <c r="S2920" s="5" t="s">
        <v>42</v>
      </c>
      <c r="T2920" s="2">
        <v>2.4449999999999998</v>
      </c>
      <c r="U2920" s="2">
        <v>1.875</v>
      </c>
      <c r="V2920" s="2">
        <v>1.4999999999999999E-2</v>
      </c>
      <c r="W2920" s="2">
        <v>118.9</v>
      </c>
      <c r="X2920" s="2">
        <v>7.6</v>
      </c>
      <c r="Y2920" s="2">
        <v>16.7</v>
      </c>
      <c r="Z2920" s="5"/>
      <c r="AA2920" s="5" t="s">
        <v>43</v>
      </c>
      <c r="AB2920" s="5" t="s">
        <v>44</v>
      </c>
      <c r="AC2920" s="2"/>
      <c r="AD2920" s="1"/>
    </row>
    <row r="2921" spans="1:30">
      <c r="A2921" s="5" t="s">
        <v>83578</v>
      </c>
      <c r="B2921" s="2" t="s">
        <v>92365</v>
      </c>
      <c r="C2921" s="14" t="s">
        <v>92366</v>
      </c>
      <c r="D2921" s="2" t="s">
        <v>92367</v>
      </c>
      <c r="E2921" s="2" t="s">
        <v>36385</v>
      </c>
      <c r="F2921" s="8">
        <v>284</v>
      </c>
      <c r="G2921" s="5">
        <v>6</v>
      </c>
      <c r="H2921" s="5" t="s">
        <v>1518</v>
      </c>
      <c r="I2921" s="5" t="s">
        <v>36264</v>
      </c>
      <c r="J2921" s="2" t="s">
        <v>36265</v>
      </c>
      <c r="K2921" s="5" t="s">
        <v>36264</v>
      </c>
      <c r="L2921" s="2" t="s">
        <v>36265</v>
      </c>
      <c r="M2921" s="5" t="s">
        <v>36266</v>
      </c>
      <c r="N2921" s="5" t="s">
        <v>38</v>
      </c>
      <c r="O2921" s="5" t="s">
        <v>39</v>
      </c>
      <c r="P2921" s="5" t="s">
        <v>40</v>
      </c>
      <c r="Q2921" s="5" t="s">
        <v>1522</v>
      </c>
      <c r="R2921" s="5" t="s">
        <v>1523</v>
      </c>
      <c r="S2921" s="5" t="s">
        <v>42</v>
      </c>
      <c r="T2921" s="2">
        <v>2.3719999999999999</v>
      </c>
      <c r="U2921" s="2">
        <v>1.802</v>
      </c>
      <c r="V2921" s="2">
        <v>1.4999999999999999E-2</v>
      </c>
      <c r="W2921" s="2">
        <v>118.9</v>
      </c>
      <c r="X2921" s="2">
        <v>7.6</v>
      </c>
      <c r="Y2921" s="2">
        <v>16.7</v>
      </c>
      <c r="Z2921" s="5"/>
      <c r="AA2921" s="5" t="s">
        <v>43</v>
      </c>
      <c r="AB2921" s="5" t="s">
        <v>44</v>
      </c>
      <c r="AC2921" s="2"/>
      <c r="AD2921" s="1"/>
    </row>
    <row r="2922" spans="1:30">
      <c r="A2922" s="5" t="s">
        <v>83578</v>
      </c>
      <c r="B2922" s="2" t="s">
        <v>92368</v>
      </c>
      <c r="C2922" s="14" t="s">
        <v>92369</v>
      </c>
      <c r="D2922" s="2" t="s">
        <v>92370</v>
      </c>
      <c r="E2922" s="2" t="s">
        <v>7204</v>
      </c>
      <c r="F2922" s="8">
        <v>262</v>
      </c>
      <c r="G2922" s="5">
        <v>6</v>
      </c>
      <c r="H2922" s="5" t="s">
        <v>1518</v>
      </c>
      <c r="I2922" s="5" t="s">
        <v>36264</v>
      </c>
      <c r="J2922" s="2" t="s">
        <v>36265</v>
      </c>
      <c r="K2922" s="5" t="s">
        <v>36264</v>
      </c>
      <c r="L2922" s="2" t="s">
        <v>36265</v>
      </c>
      <c r="M2922" s="5" t="s">
        <v>36266</v>
      </c>
      <c r="N2922" s="5" t="s">
        <v>38</v>
      </c>
      <c r="O2922" s="5" t="s">
        <v>39</v>
      </c>
      <c r="P2922" s="5" t="s">
        <v>40</v>
      </c>
      <c r="Q2922" s="5" t="s">
        <v>1522</v>
      </c>
      <c r="R2922" s="5" t="s">
        <v>1523</v>
      </c>
      <c r="S2922" s="5" t="s">
        <v>42</v>
      </c>
      <c r="T2922" s="2">
        <v>2.2589999999999999</v>
      </c>
      <c r="U2922" s="2">
        <v>1.7869999999999999</v>
      </c>
      <c r="V2922" s="2">
        <v>1.0999999999999999E-2</v>
      </c>
      <c r="W2922" s="2">
        <v>82.9</v>
      </c>
      <c r="X2922" s="2">
        <v>7.6</v>
      </c>
      <c r="Y2922" s="2">
        <v>16.7</v>
      </c>
      <c r="Z2922" s="5"/>
      <c r="AA2922" s="5" t="s">
        <v>43</v>
      </c>
      <c r="AB2922" s="5" t="s">
        <v>44</v>
      </c>
      <c r="AC2922" s="2"/>
      <c r="AD2922" s="1"/>
    </row>
    <row r="2923" spans="1:30">
      <c r="A2923" s="5" t="s">
        <v>83578</v>
      </c>
      <c r="B2923" s="2" t="s">
        <v>92371</v>
      </c>
      <c r="C2923" s="14" t="s">
        <v>92372</v>
      </c>
      <c r="D2923" s="2" t="s">
        <v>92373</v>
      </c>
      <c r="E2923" s="2" t="s">
        <v>7514</v>
      </c>
      <c r="F2923" s="8">
        <v>262</v>
      </c>
      <c r="G2923" s="5">
        <v>6</v>
      </c>
      <c r="H2923" s="5" t="s">
        <v>1518</v>
      </c>
      <c r="I2923" s="5" t="s">
        <v>36264</v>
      </c>
      <c r="J2923" s="2" t="s">
        <v>36265</v>
      </c>
      <c r="K2923" s="5" t="s">
        <v>36264</v>
      </c>
      <c r="L2923" s="2" t="s">
        <v>36265</v>
      </c>
      <c r="M2923" s="5" t="s">
        <v>36266</v>
      </c>
      <c r="N2923" s="5" t="s">
        <v>38</v>
      </c>
      <c r="O2923" s="5" t="s">
        <v>39</v>
      </c>
      <c r="P2923" s="5" t="s">
        <v>40</v>
      </c>
      <c r="Q2923" s="5" t="s">
        <v>1522</v>
      </c>
      <c r="R2923" s="5" t="s">
        <v>1523</v>
      </c>
      <c r="S2923" s="5" t="s">
        <v>42</v>
      </c>
      <c r="T2923" s="2">
        <v>2.3210000000000002</v>
      </c>
      <c r="U2923" s="2">
        <v>1.849</v>
      </c>
      <c r="V2923" s="2">
        <v>1.0999999999999999E-2</v>
      </c>
      <c r="W2923" s="2">
        <v>82.9</v>
      </c>
      <c r="X2923" s="2">
        <v>7.6</v>
      </c>
      <c r="Y2923" s="2">
        <v>16.7</v>
      </c>
      <c r="Z2923" s="5"/>
      <c r="AA2923" s="5" t="s">
        <v>43</v>
      </c>
      <c r="AB2923" s="5" t="s">
        <v>44</v>
      </c>
      <c r="AC2923" s="2"/>
      <c r="AD2923" s="1"/>
    </row>
    <row r="2924" spans="1:30">
      <c r="A2924" s="5" t="s">
        <v>83578</v>
      </c>
      <c r="B2924" s="2" t="s">
        <v>92374</v>
      </c>
      <c r="C2924" s="14" t="s">
        <v>92375</v>
      </c>
      <c r="D2924" s="2" t="s">
        <v>92376</v>
      </c>
      <c r="E2924" s="2" t="s">
        <v>36273</v>
      </c>
      <c r="F2924" s="8">
        <v>262</v>
      </c>
      <c r="G2924" s="5">
        <v>6</v>
      </c>
      <c r="H2924" s="5" t="s">
        <v>1518</v>
      </c>
      <c r="I2924" s="5" t="s">
        <v>36264</v>
      </c>
      <c r="J2924" s="2" t="s">
        <v>36265</v>
      </c>
      <c r="K2924" s="5" t="s">
        <v>36264</v>
      </c>
      <c r="L2924" s="2" t="s">
        <v>36265</v>
      </c>
      <c r="M2924" s="5" t="s">
        <v>36266</v>
      </c>
      <c r="N2924" s="5" t="s">
        <v>38</v>
      </c>
      <c r="O2924" s="5" t="s">
        <v>39</v>
      </c>
      <c r="P2924" s="5" t="s">
        <v>40</v>
      </c>
      <c r="Q2924" s="5" t="s">
        <v>1522</v>
      </c>
      <c r="R2924" s="5" t="s">
        <v>1523</v>
      </c>
      <c r="S2924" s="5" t="s">
        <v>42</v>
      </c>
      <c r="T2924" s="2">
        <v>2.2589999999999999</v>
      </c>
      <c r="U2924" s="2">
        <v>1.7869999999999999</v>
      </c>
      <c r="V2924" s="2">
        <v>1.0999999999999999E-2</v>
      </c>
      <c r="W2924" s="2">
        <v>82.9</v>
      </c>
      <c r="X2924" s="2">
        <v>7.6</v>
      </c>
      <c r="Y2924" s="2">
        <v>16.7</v>
      </c>
      <c r="Z2924" s="5"/>
      <c r="AA2924" s="5" t="s">
        <v>43</v>
      </c>
      <c r="AB2924" s="5" t="s">
        <v>44</v>
      </c>
      <c r="AC2924" s="2"/>
      <c r="AD2924" s="1"/>
    </row>
    <row r="2925" spans="1:30">
      <c r="A2925" s="5" t="s">
        <v>83578</v>
      </c>
      <c r="B2925" s="2" t="s">
        <v>92377</v>
      </c>
      <c r="C2925" s="14" t="s">
        <v>92378</v>
      </c>
      <c r="D2925" s="2" t="s">
        <v>92379</v>
      </c>
      <c r="E2925" s="2" t="s">
        <v>36277</v>
      </c>
      <c r="F2925" s="8">
        <v>262</v>
      </c>
      <c r="G2925" s="5">
        <v>6</v>
      </c>
      <c r="H2925" s="5" t="s">
        <v>1518</v>
      </c>
      <c r="I2925" s="5" t="s">
        <v>36264</v>
      </c>
      <c r="J2925" s="2" t="s">
        <v>36265</v>
      </c>
      <c r="K2925" s="5" t="s">
        <v>36264</v>
      </c>
      <c r="L2925" s="2" t="s">
        <v>36265</v>
      </c>
      <c r="M2925" s="5" t="s">
        <v>36266</v>
      </c>
      <c r="N2925" s="5" t="s">
        <v>38</v>
      </c>
      <c r="O2925" s="5" t="s">
        <v>39</v>
      </c>
      <c r="P2925" s="5" t="s">
        <v>40</v>
      </c>
      <c r="Q2925" s="5" t="s">
        <v>1522</v>
      </c>
      <c r="R2925" s="5" t="s">
        <v>1523</v>
      </c>
      <c r="S2925" s="5" t="s">
        <v>42</v>
      </c>
      <c r="T2925" s="2">
        <v>2.3210000000000002</v>
      </c>
      <c r="U2925" s="2">
        <v>1.849</v>
      </c>
      <c r="V2925" s="2">
        <v>1.0999999999999999E-2</v>
      </c>
      <c r="W2925" s="2">
        <v>82.9</v>
      </c>
      <c r="X2925" s="2">
        <v>7.6</v>
      </c>
      <c r="Y2925" s="2">
        <v>16.7</v>
      </c>
      <c r="Z2925" s="5"/>
      <c r="AA2925" s="5" t="s">
        <v>43</v>
      </c>
      <c r="AB2925" s="5" t="s">
        <v>44</v>
      </c>
      <c r="AC2925" s="2"/>
      <c r="AD2925" s="1"/>
    </row>
    <row r="2926" spans="1:30">
      <c r="A2926" s="5" t="s">
        <v>83578</v>
      </c>
      <c r="B2926" s="2" t="s">
        <v>92380</v>
      </c>
      <c r="C2926" s="14" t="s">
        <v>92381</v>
      </c>
      <c r="D2926" s="2" t="s">
        <v>92382</v>
      </c>
      <c r="E2926" s="2" t="s">
        <v>36281</v>
      </c>
      <c r="F2926" s="8">
        <v>282</v>
      </c>
      <c r="G2926" s="5">
        <v>6</v>
      </c>
      <c r="H2926" s="5" t="s">
        <v>1518</v>
      </c>
      <c r="I2926" s="5" t="s">
        <v>36264</v>
      </c>
      <c r="J2926" s="2" t="s">
        <v>36265</v>
      </c>
      <c r="K2926" s="5" t="s">
        <v>36264</v>
      </c>
      <c r="L2926" s="2" t="s">
        <v>36265</v>
      </c>
      <c r="M2926" s="5" t="s">
        <v>36266</v>
      </c>
      <c r="N2926" s="5" t="s">
        <v>38</v>
      </c>
      <c r="O2926" s="5" t="s">
        <v>39</v>
      </c>
      <c r="P2926" s="5" t="s">
        <v>40</v>
      </c>
      <c r="Q2926" s="5" t="s">
        <v>1522</v>
      </c>
      <c r="R2926" s="5" t="s">
        <v>1523</v>
      </c>
      <c r="S2926" s="5" t="s">
        <v>42</v>
      </c>
      <c r="T2926" s="2">
        <v>2.2589999999999999</v>
      </c>
      <c r="U2926" s="2">
        <v>1.7869999999999999</v>
      </c>
      <c r="V2926" s="2">
        <v>1.0999999999999999E-2</v>
      </c>
      <c r="W2926" s="2">
        <v>82.9</v>
      </c>
      <c r="X2926" s="2">
        <v>7.6</v>
      </c>
      <c r="Y2926" s="2">
        <v>16.7</v>
      </c>
      <c r="Z2926" s="5"/>
      <c r="AA2926" s="5" t="s">
        <v>43</v>
      </c>
      <c r="AB2926" s="5" t="s">
        <v>44</v>
      </c>
      <c r="AC2926" s="2"/>
      <c r="AD2926" s="1"/>
    </row>
    <row r="2927" spans="1:30">
      <c r="A2927" s="5" t="s">
        <v>83578</v>
      </c>
      <c r="B2927" s="2" t="s">
        <v>92383</v>
      </c>
      <c r="C2927" s="14" t="s">
        <v>92384</v>
      </c>
      <c r="D2927" s="2" t="s">
        <v>92385</v>
      </c>
      <c r="E2927" s="2" t="s">
        <v>36285</v>
      </c>
      <c r="F2927" s="8">
        <v>282</v>
      </c>
      <c r="G2927" s="5">
        <v>6</v>
      </c>
      <c r="H2927" s="5" t="s">
        <v>1518</v>
      </c>
      <c r="I2927" s="5" t="s">
        <v>36264</v>
      </c>
      <c r="J2927" s="2" t="s">
        <v>36265</v>
      </c>
      <c r="K2927" s="5" t="s">
        <v>36264</v>
      </c>
      <c r="L2927" s="2" t="s">
        <v>36265</v>
      </c>
      <c r="M2927" s="5" t="s">
        <v>36266</v>
      </c>
      <c r="N2927" s="5" t="s">
        <v>38</v>
      </c>
      <c r="O2927" s="5" t="s">
        <v>39</v>
      </c>
      <c r="P2927" s="5" t="s">
        <v>40</v>
      </c>
      <c r="Q2927" s="5" t="s">
        <v>1522</v>
      </c>
      <c r="R2927" s="5" t="s">
        <v>1523</v>
      </c>
      <c r="S2927" s="5" t="s">
        <v>42</v>
      </c>
      <c r="T2927" s="2">
        <v>2.3210000000000002</v>
      </c>
      <c r="U2927" s="2">
        <v>1.849</v>
      </c>
      <c r="V2927" s="2">
        <v>1.0999999999999999E-2</v>
      </c>
      <c r="W2927" s="2">
        <v>82.9</v>
      </c>
      <c r="X2927" s="2">
        <v>7.6</v>
      </c>
      <c r="Y2927" s="2">
        <v>16.7</v>
      </c>
      <c r="Z2927" s="5"/>
      <c r="AA2927" s="5" t="s">
        <v>43</v>
      </c>
      <c r="AB2927" s="5" t="s">
        <v>44</v>
      </c>
      <c r="AC2927" s="2"/>
      <c r="AD2927" s="1"/>
    </row>
    <row r="2928" spans="1:30">
      <c r="A2928" s="5" t="s">
        <v>83578</v>
      </c>
      <c r="B2928" s="2" t="s">
        <v>92386</v>
      </c>
      <c r="C2928" s="14" t="s">
        <v>92387</v>
      </c>
      <c r="D2928" s="2" t="s">
        <v>92388</v>
      </c>
      <c r="E2928" s="2" t="s">
        <v>36289</v>
      </c>
      <c r="F2928" s="8">
        <v>282</v>
      </c>
      <c r="G2928" s="5">
        <v>6</v>
      </c>
      <c r="H2928" s="5" t="s">
        <v>1518</v>
      </c>
      <c r="I2928" s="5" t="s">
        <v>36264</v>
      </c>
      <c r="J2928" s="2" t="s">
        <v>36265</v>
      </c>
      <c r="K2928" s="5" t="s">
        <v>36264</v>
      </c>
      <c r="L2928" s="2" t="s">
        <v>36265</v>
      </c>
      <c r="M2928" s="5" t="s">
        <v>36266</v>
      </c>
      <c r="N2928" s="5" t="s">
        <v>38</v>
      </c>
      <c r="O2928" s="5" t="s">
        <v>39</v>
      </c>
      <c r="P2928" s="5" t="s">
        <v>40</v>
      </c>
      <c r="Q2928" s="5" t="s">
        <v>1522</v>
      </c>
      <c r="R2928" s="5" t="s">
        <v>1523</v>
      </c>
      <c r="S2928" s="5" t="s">
        <v>42</v>
      </c>
      <c r="T2928" s="2">
        <v>2.2589999999999999</v>
      </c>
      <c r="U2928" s="2">
        <v>1.7869999999999999</v>
      </c>
      <c r="V2928" s="2">
        <v>1.0999999999999999E-2</v>
      </c>
      <c r="W2928" s="2">
        <v>82.9</v>
      </c>
      <c r="X2928" s="2">
        <v>7.6</v>
      </c>
      <c r="Y2928" s="2">
        <v>16.7</v>
      </c>
      <c r="Z2928" s="5"/>
      <c r="AA2928" s="5" t="s">
        <v>43</v>
      </c>
      <c r="AB2928" s="5" t="s">
        <v>44</v>
      </c>
      <c r="AC2928" s="2"/>
      <c r="AD2928" s="1"/>
    </row>
    <row r="2929" spans="1:30">
      <c r="A2929" s="5" t="s">
        <v>83578</v>
      </c>
      <c r="B2929" s="2" t="s">
        <v>92389</v>
      </c>
      <c r="C2929" s="14" t="s">
        <v>92390</v>
      </c>
      <c r="D2929" s="2" t="s">
        <v>92391</v>
      </c>
      <c r="E2929" s="2" t="s">
        <v>36293</v>
      </c>
      <c r="F2929" s="8">
        <v>282</v>
      </c>
      <c r="G2929" s="5">
        <v>6</v>
      </c>
      <c r="H2929" s="5" t="s">
        <v>1518</v>
      </c>
      <c r="I2929" s="5" t="s">
        <v>36264</v>
      </c>
      <c r="J2929" s="2" t="s">
        <v>36265</v>
      </c>
      <c r="K2929" s="5" t="s">
        <v>36264</v>
      </c>
      <c r="L2929" s="2" t="s">
        <v>36265</v>
      </c>
      <c r="M2929" s="5" t="s">
        <v>36266</v>
      </c>
      <c r="N2929" s="5" t="s">
        <v>38</v>
      </c>
      <c r="O2929" s="5" t="s">
        <v>39</v>
      </c>
      <c r="P2929" s="5" t="s">
        <v>40</v>
      </c>
      <c r="Q2929" s="5" t="s">
        <v>1522</v>
      </c>
      <c r="R2929" s="5" t="s">
        <v>1523</v>
      </c>
      <c r="S2929" s="5" t="s">
        <v>42</v>
      </c>
      <c r="T2929" s="2">
        <v>2.3210000000000002</v>
      </c>
      <c r="U2929" s="2">
        <v>1.849</v>
      </c>
      <c r="V2929" s="2">
        <v>1.0999999999999999E-2</v>
      </c>
      <c r="W2929" s="2">
        <v>82.9</v>
      </c>
      <c r="X2929" s="2">
        <v>7.6</v>
      </c>
      <c r="Y2929" s="2">
        <v>16.7</v>
      </c>
      <c r="Z2929" s="5"/>
      <c r="AA2929" s="5" t="s">
        <v>43</v>
      </c>
      <c r="AB2929" s="5" t="s">
        <v>44</v>
      </c>
      <c r="AC2929" s="2"/>
      <c r="AD2929" s="1"/>
    </row>
    <row r="2930" spans="1:30">
      <c r="A2930" s="5" t="s">
        <v>83578</v>
      </c>
      <c r="B2930" s="2" t="s">
        <v>92392</v>
      </c>
      <c r="C2930" s="14" t="s">
        <v>92393</v>
      </c>
      <c r="D2930" s="2" t="s">
        <v>92394</v>
      </c>
      <c r="E2930" s="2" t="s">
        <v>36297</v>
      </c>
      <c r="F2930" s="8">
        <v>262</v>
      </c>
      <c r="G2930" s="5">
        <v>6</v>
      </c>
      <c r="H2930" s="5" t="s">
        <v>1518</v>
      </c>
      <c r="I2930" s="5" t="s">
        <v>36264</v>
      </c>
      <c r="J2930" s="2" t="s">
        <v>36265</v>
      </c>
      <c r="K2930" s="5" t="s">
        <v>36264</v>
      </c>
      <c r="L2930" s="2" t="s">
        <v>36265</v>
      </c>
      <c r="M2930" s="5" t="s">
        <v>36266</v>
      </c>
      <c r="N2930" s="5" t="s">
        <v>38</v>
      </c>
      <c r="O2930" s="5" t="s">
        <v>39</v>
      </c>
      <c r="P2930" s="5" t="s">
        <v>40</v>
      </c>
      <c r="Q2930" s="5" t="s">
        <v>1522</v>
      </c>
      <c r="R2930" s="5" t="s">
        <v>1523</v>
      </c>
      <c r="S2930" s="5" t="s">
        <v>42</v>
      </c>
      <c r="T2930" s="2">
        <v>2.2589999999999999</v>
      </c>
      <c r="U2930" s="2">
        <v>1.7869999999999999</v>
      </c>
      <c r="V2930" s="2">
        <v>1.0999999999999999E-2</v>
      </c>
      <c r="W2930" s="2">
        <v>82.9</v>
      </c>
      <c r="X2930" s="2">
        <v>7.6</v>
      </c>
      <c r="Y2930" s="2">
        <v>16.7</v>
      </c>
      <c r="Z2930" s="5"/>
      <c r="AA2930" s="5" t="s">
        <v>43</v>
      </c>
      <c r="AB2930" s="5" t="s">
        <v>44</v>
      </c>
      <c r="AC2930" s="2"/>
      <c r="AD2930" s="1"/>
    </row>
    <row r="2931" spans="1:30">
      <c r="A2931" s="5" t="s">
        <v>83578</v>
      </c>
      <c r="B2931" s="2" t="s">
        <v>92395</v>
      </c>
      <c r="C2931" s="14" t="s">
        <v>92396</v>
      </c>
      <c r="D2931" s="2" t="s">
        <v>92397</v>
      </c>
      <c r="E2931" s="2" t="s">
        <v>36301</v>
      </c>
      <c r="F2931" s="8">
        <v>262</v>
      </c>
      <c r="G2931" s="5">
        <v>6</v>
      </c>
      <c r="H2931" s="5" t="s">
        <v>1518</v>
      </c>
      <c r="I2931" s="5" t="s">
        <v>36264</v>
      </c>
      <c r="J2931" s="2" t="s">
        <v>36265</v>
      </c>
      <c r="K2931" s="5" t="s">
        <v>36264</v>
      </c>
      <c r="L2931" s="2" t="s">
        <v>36265</v>
      </c>
      <c r="M2931" s="5" t="s">
        <v>36266</v>
      </c>
      <c r="N2931" s="5" t="s">
        <v>38</v>
      </c>
      <c r="O2931" s="5" t="s">
        <v>39</v>
      </c>
      <c r="P2931" s="5" t="s">
        <v>40</v>
      </c>
      <c r="Q2931" s="5" t="s">
        <v>1522</v>
      </c>
      <c r="R2931" s="5" t="s">
        <v>1523</v>
      </c>
      <c r="S2931" s="5" t="s">
        <v>42</v>
      </c>
      <c r="T2931" s="2">
        <v>2.3210000000000002</v>
      </c>
      <c r="U2931" s="2">
        <v>1.849</v>
      </c>
      <c r="V2931" s="2">
        <v>1.0999999999999999E-2</v>
      </c>
      <c r="W2931" s="2">
        <v>82.9</v>
      </c>
      <c r="X2931" s="2">
        <v>7.6</v>
      </c>
      <c r="Y2931" s="2">
        <v>16.7</v>
      </c>
      <c r="Z2931" s="5"/>
      <c r="AA2931" s="5" t="s">
        <v>43</v>
      </c>
      <c r="AB2931" s="5" t="s">
        <v>44</v>
      </c>
      <c r="AC2931" s="2"/>
      <c r="AD2931" s="1"/>
    </row>
    <row r="2932" spans="1:30">
      <c r="A2932" s="5" t="s">
        <v>83578</v>
      </c>
      <c r="B2932" s="2" t="s">
        <v>92398</v>
      </c>
      <c r="C2932" s="14" t="s">
        <v>92399</v>
      </c>
      <c r="D2932" s="2" t="s">
        <v>92400</v>
      </c>
      <c r="E2932" s="2" t="s">
        <v>36305</v>
      </c>
      <c r="F2932" s="8">
        <v>262</v>
      </c>
      <c r="G2932" s="5">
        <v>6</v>
      </c>
      <c r="H2932" s="5" t="s">
        <v>1518</v>
      </c>
      <c r="I2932" s="5" t="s">
        <v>36264</v>
      </c>
      <c r="J2932" s="2" t="s">
        <v>36265</v>
      </c>
      <c r="K2932" s="5" t="s">
        <v>36264</v>
      </c>
      <c r="L2932" s="2" t="s">
        <v>36265</v>
      </c>
      <c r="M2932" s="5" t="s">
        <v>36266</v>
      </c>
      <c r="N2932" s="5" t="s">
        <v>38</v>
      </c>
      <c r="O2932" s="5" t="s">
        <v>39</v>
      </c>
      <c r="P2932" s="5" t="s">
        <v>40</v>
      </c>
      <c r="Q2932" s="5" t="s">
        <v>1522</v>
      </c>
      <c r="R2932" s="5" t="s">
        <v>1523</v>
      </c>
      <c r="S2932" s="5" t="s">
        <v>42</v>
      </c>
      <c r="T2932" s="2">
        <v>2.2589999999999999</v>
      </c>
      <c r="U2932" s="2">
        <v>1.7869999999999999</v>
      </c>
      <c r="V2932" s="2">
        <v>1.0999999999999999E-2</v>
      </c>
      <c r="W2932" s="2">
        <v>82.9</v>
      </c>
      <c r="X2932" s="2">
        <v>7.6</v>
      </c>
      <c r="Y2932" s="2">
        <v>16.7</v>
      </c>
      <c r="Z2932" s="5"/>
      <c r="AA2932" s="5" t="s">
        <v>43</v>
      </c>
      <c r="AB2932" s="5" t="s">
        <v>44</v>
      </c>
      <c r="AC2932" s="2"/>
      <c r="AD2932" s="1"/>
    </row>
    <row r="2933" spans="1:30">
      <c r="A2933" s="5" t="s">
        <v>83578</v>
      </c>
      <c r="B2933" s="2" t="s">
        <v>92401</v>
      </c>
      <c r="C2933" s="14" t="s">
        <v>92402</v>
      </c>
      <c r="D2933" s="2" t="s">
        <v>92403</v>
      </c>
      <c r="E2933" s="2" t="s">
        <v>36309</v>
      </c>
      <c r="F2933" s="8">
        <v>262</v>
      </c>
      <c r="G2933" s="5">
        <v>6</v>
      </c>
      <c r="H2933" s="5" t="s">
        <v>1518</v>
      </c>
      <c r="I2933" s="5" t="s">
        <v>36264</v>
      </c>
      <c r="J2933" s="2" t="s">
        <v>36265</v>
      </c>
      <c r="K2933" s="5" t="s">
        <v>36264</v>
      </c>
      <c r="L2933" s="2" t="s">
        <v>36265</v>
      </c>
      <c r="M2933" s="5" t="s">
        <v>36266</v>
      </c>
      <c r="N2933" s="5" t="s">
        <v>38</v>
      </c>
      <c r="O2933" s="5" t="s">
        <v>39</v>
      </c>
      <c r="P2933" s="5" t="s">
        <v>40</v>
      </c>
      <c r="Q2933" s="5" t="s">
        <v>1522</v>
      </c>
      <c r="R2933" s="5" t="s">
        <v>1523</v>
      </c>
      <c r="S2933" s="5" t="s">
        <v>42</v>
      </c>
      <c r="T2933" s="2">
        <v>2.3210000000000002</v>
      </c>
      <c r="U2933" s="2">
        <v>1.849</v>
      </c>
      <c r="V2933" s="2">
        <v>1.0999999999999999E-2</v>
      </c>
      <c r="W2933" s="2">
        <v>82.9</v>
      </c>
      <c r="X2933" s="2">
        <v>7.6</v>
      </c>
      <c r="Y2933" s="2">
        <v>16.7</v>
      </c>
      <c r="Z2933" s="5"/>
      <c r="AA2933" s="5" t="s">
        <v>43</v>
      </c>
      <c r="AB2933" s="5" t="s">
        <v>44</v>
      </c>
      <c r="AC2933" s="2"/>
      <c r="AD2933" s="1"/>
    </row>
    <row r="2934" spans="1:30">
      <c r="A2934" s="5" t="s">
        <v>83578</v>
      </c>
      <c r="B2934" s="2" t="s">
        <v>92404</v>
      </c>
      <c r="C2934" s="14" t="s">
        <v>92405</v>
      </c>
      <c r="D2934" s="2" t="s">
        <v>92406</v>
      </c>
      <c r="E2934" s="2" t="s">
        <v>36313</v>
      </c>
      <c r="F2934" s="8">
        <v>282</v>
      </c>
      <c r="G2934" s="5">
        <v>6</v>
      </c>
      <c r="H2934" s="5" t="s">
        <v>1518</v>
      </c>
      <c r="I2934" s="5" t="s">
        <v>36264</v>
      </c>
      <c r="J2934" s="2" t="s">
        <v>36265</v>
      </c>
      <c r="K2934" s="5" t="s">
        <v>36264</v>
      </c>
      <c r="L2934" s="2" t="s">
        <v>36265</v>
      </c>
      <c r="M2934" s="5" t="s">
        <v>36266</v>
      </c>
      <c r="N2934" s="5" t="s">
        <v>38</v>
      </c>
      <c r="O2934" s="5" t="s">
        <v>39</v>
      </c>
      <c r="P2934" s="5" t="s">
        <v>40</v>
      </c>
      <c r="Q2934" s="5" t="s">
        <v>1522</v>
      </c>
      <c r="R2934" s="5" t="s">
        <v>1523</v>
      </c>
      <c r="S2934" s="5" t="s">
        <v>42</v>
      </c>
      <c r="T2934" s="2">
        <v>2.2589999999999999</v>
      </c>
      <c r="U2934" s="2">
        <v>1.7869999999999999</v>
      </c>
      <c r="V2934" s="2">
        <v>1.0999999999999999E-2</v>
      </c>
      <c r="W2934" s="2">
        <v>82.9</v>
      </c>
      <c r="X2934" s="2">
        <v>7.6</v>
      </c>
      <c r="Y2934" s="2">
        <v>16.7</v>
      </c>
      <c r="Z2934" s="5"/>
      <c r="AA2934" s="5" t="s">
        <v>43</v>
      </c>
      <c r="AB2934" s="5" t="s">
        <v>44</v>
      </c>
      <c r="AC2934" s="2"/>
      <c r="AD2934" s="1"/>
    </row>
    <row r="2935" spans="1:30">
      <c r="A2935" s="5" t="s">
        <v>83578</v>
      </c>
      <c r="B2935" s="2" t="s">
        <v>92407</v>
      </c>
      <c r="C2935" s="14" t="s">
        <v>92408</v>
      </c>
      <c r="D2935" s="2" t="s">
        <v>92409</v>
      </c>
      <c r="E2935" s="2" t="s">
        <v>36317</v>
      </c>
      <c r="F2935" s="8">
        <v>282</v>
      </c>
      <c r="G2935" s="5">
        <v>6</v>
      </c>
      <c r="H2935" s="5" t="s">
        <v>1518</v>
      </c>
      <c r="I2935" s="5" t="s">
        <v>36264</v>
      </c>
      <c r="J2935" s="2" t="s">
        <v>36265</v>
      </c>
      <c r="K2935" s="5" t="s">
        <v>36264</v>
      </c>
      <c r="L2935" s="2" t="s">
        <v>36265</v>
      </c>
      <c r="M2935" s="5" t="s">
        <v>36266</v>
      </c>
      <c r="N2935" s="5" t="s">
        <v>38</v>
      </c>
      <c r="O2935" s="5" t="s">
        <v>39</v>
      </c>
      <c r="P2935" s="5" t="s">
        <v>40</v>
      </c>
      <c r="Q2935" s="5" t="s">
        <v>1522</v>
      </c>
      <c r="R2935" s="5" t="s">
        <v>1523</v>
      </c>
      <c r="S2935" s="5" t="s">
        <v>42</v>
      </c>
      <c r="T2935" s="2">
        <v>2.3210000000000002</v>
      </c>
      <c r="U2935" s="2">
        <v>1.849</v>
      </c>
      <c r="V2935" s="2">
        <v>1.0999999999999999E-2</v>
      </c>
      <c r="W2935" s="2">
        <v>82.9</v>
      </c>
      <c r="X2935" s="2">
        <v>7.6</v>
      </c>
      <c r="Y2935" s="2">
        <v>16.7</v>
      </c>
      <c r="Z2935" s="5"/>
      <c r="AA2935" s="5" t="s">
        <v>43</v>
      </c>
      <c r="AB2935" s="5" t="s">
        <v>44</v>
      </c>
      <c r="AC2935" s="2"/>
      <c r="AD2935" s="1"/>
    </row>
    <row r="2936" spans="1:30">
      <c r="A2936" s="5" t="s">
        <v>83578</v>
      </c>
      <c r="B2936" s="2" t="s">
        <v>92410</v>
      </c>
      <c r="C2936" s="14" t="s">
        <v>92411</v>
      </c>
      <c r="D2936" s="2" t="s">
        <v>92412</v>
      </c>
      <c r="E2936" s="2" t="s">
        <v>36321</v>
      </c>
      <c r="F2936" s="8">
        <v>282</v>
      </c>
      <c r="G2936" s="5">
        <v>6</v>
      </c>
      <c r="H2936" s="5" t="s">
        <v>1518</v>
      </c>
      <c r="I2936" s="5" t="s">
        <v>36264</v>
      </c>
      <c r="J2936" s="2" t="s">
        <v>36265</v>
      </c>
      <c r="K2936" s="5" t="s">
        <v>36264</v>
      </c>
      <c r="L2936" s="2" t="s">
        <v>36265</v>
      </c>
      <c r="M2936" s="5" t="s">
        <v>36266</v>
      </c>
      <c r="N2936" s="5" t="s">
        <v>38</v>
      </c>
      <c r="O2936" s="5" t="s">
        <v>39</v>
      </c>
      <c r="P2936" s="5" t="s">
        <v>40</v>
      </c>
      <c r="Q2936" s="5" t="s">
        <v>1522</v>
      </c>
      <c r="R2936" s="5" t="s">
        <v>1523</v>
      </c>
      <c r="S2936" s="5" t="s">
        <v>42</v>
      </c>
      <c r="T2936" s="2">
        <v>2.2589999999999999</v>
      </c>
      <c r="U2936" s="2">
        <v>1.7869999999999999</v>
      </c>
      <c r="V2936" s="2">
        <v>1.0999999999999999E-2</v>
      </c>
      <c r="W2936" s="2">
        <v>82.9</v>
      </c>
      <c r="X2936" s="2">
        <v>7.6</v>
      </c>
      <c r="Y2936" s="2">
        <v>16.7</v>
      </c>
      <c r="Z2936" s="5"/>
      <c r="AA2936" s="5" t="s">
        <v>43</v>
      </c>
      <c r="AB2936" s="5" t="s">
        <v>44</v>
      </c>
      <c r="AC2936" s="2"/>
      <c r="AD2936" s="1"/>
    </row>
    <row r="2937" spans="1:30">
      <c r="A2937" s="5" t="s">
        <v>83578</v>
      </c>
      <c r="B2937" s="2" t="s">
        <v>92413</v>
      </c>
      <c r="C2937" s="14" t="s">
        <v>92414</v>
      </c>
      <c r="D2937" s="2" t="s">
        <v>92415</v>
      </c>
      <c r="E2937" s="2" t="s">
        <v>36325</v>
      </c>
      <c r="F2937" s="8">
        <v>282</v>
      </c>
      <c r="G2937" s="5">
        <v>6</v>
      </c>
      <c r="H2937" s="5" t="s">
        <v>1518</v>
      </c>
      <c r="I2937" s="5" t="s">
        <v>36264</v>
      </c>
      <c r="J2937" s="2" t="s">
        <v>36265</v>
      </c>
      <c r="K2937" s="5" t="s">
        <v>36264</v>
      </c>
      <c r="L2937" s="2" t="s">
        <v>36265</v>
      </c>
      <c r="M2937" s="5" t="s">
        <v>36266</v>
      </c>
      <c r="N2937" s="5" t="s">
        <v>38</v>
      </c>
      <c r="O2937" s="5" t="s">
        <v>39</v>
      </c>
      <c r="P2937" s="5" t="s">
        <v>40</v>
      </c>
      <c r="Q2937" s="5" t="s">
        <v>1522</v>
      </c>
      <c r="R2937" s="5" t="s">
        <v>1523</v>
      </c>
      <c r="S2937" s="5" t="s">
        <v>42</v>
      </c>
      <c r="T2937" s="2">
        <v>2.3210000000000002</v>
      </c>
      <c r="U2937" s="2">
        <v>1.849</v>
      </c>
      <c r="V2937" s="2">
        <v>1.0999999999999999E-2</v>
      </c>
      <c r="W2937" s="2">
        <v>82.9</v>
      </c>
      <c r="X2937" s="2">
        <v>7.6</v>
      </c>
      <c r="Y2937" s="2">
        <v>16.7</v>
      </c>
      <c r="Z2937" s="5"/>
      <c r="AA2937" s="5" t="s">
        <v>43</v>
      </c>
      <c r="AB2937" s="5" t="s">
        <v>44</v>
      </c>
      <c r="AC2937" s="2"/>
      <c r="AD2937" s="1"/>
    </row>
    <row r="2938" spans="1:30">
      <c r="A2938" s="5" t="s">
        <v>83578</v>
      </c>
      <c r="B2938" s="2" t="s">
        <v>92416</v>
      </c>
      <c r="C2938" s="14" t="s">
        <v>92417</v>
      </c>
      <c r="D2938" s="2" t="s">
        <v>92418</v>
      </c>
      <c r="E2938" s="2" t="s">
        <v>36329</v>
      </c>
      <c r="F2938" s="8">
        <v>282</v>
      </c>
      <c r="G2938" s="5">
        <v>6</v>
      </c>
      <c r="H2938" s="5" t="s">
        <v>1518</v>
      </c>
      <c r="I2938" s="5" t="s">
        <v>36264</v>
      </c>
      <c r="J2938" s="2" t="s">
        <v>36265</v>
      </c>
      <c r="K2938" s="5" t="s">
        <v>36264</v>
      </c>
      <c r="L2938" s="2" t="s">
        <v>36265</v>
      </c>
      <c r="M2938" s="5" t="s">
        <v>36266</v>
      </c>
      <c r="N2938" s="5" t="s">
        <v>38</v>
      </c>
      <c r="O2938" s="5" t="s">
        <v>39</v>
      </c>
      <c r="P2938" s="5" t="s">
        <v>40</v>
      </c>
      <c r="Q2938" s="5" t="s">
        <v>1522</v>
      </c>
      <c r="R2938" s="5" t="s">
        <v>1523</v>
      </c>
      <c r="S2938" s="5" t="s">
        <v>42</v>
      </c>
      <c r="T2938" s="2">
        <v>2.2589999999999999</v>
      </c>
      <c r="U2938" s="2">
        <v>1.7869999999999999</v>
      </c>
      <c r="V2938" s="2">
        <v>1.0999999999999999E-2</v>
      </c>
      <c r="W2938" s="2">
        <v>82.9</v>
      </c>
      <c r="X2938" s="2">
        <v>7.6</v>
      </c>
      <c r="Y2938" s="2">
        <v>16.7</v>
      </c>
      <c r="Z2938" s="5"/>
      <c r="AA2938" s="5" t="s">
        <v>43</v>
      </c>
      <c r="AB2938" s="5" t="s">
        <v>44</v>
      </c>
      <c r="AC2938" s="2"/>
      <c r="AD2938" s="1"/>
    </row>
    <row r="2939" spans="1:30">
      <c r="A2939" s="5" t="s">
        <v>83578</v>
      </c>
      <c r="B2939" s="2" t="s">
        <v>92419</v>
      </c>
      <c r="C2939" s="14" t="s">
        <v>92420</v>
      </c>
      <c r="D2939" s="2" t="s">
        <v>92421</v>
      </c>
      <c r="E2939" s="2" t="s">
        <v>36333</v>
      </c>
      <c r="F2939" s="8">
        <v>282</v>
      </c>
      <c r="G2939" s="5">
        <v>6</v>
      </c>
      <c r="H2939" s="5" t="s">
        <v>1518</v>
      </c>
      <c r="I2939" s="5" t="s">
        <v>36264</v>
      </c>
      <c r="J2939" s="2" t="s">
        <v>36265</v>
      </c>
      <c r="K2939" s="5" t="s">
        <v>36264</v>
      </c>
      <c r="L2939" s="2" t="s">
        <v>36265</v>
      </c>
      <c r="M2939" s="5" t="s">
        <v>36266</v>
      </c>
      <c r="N2939" s="5" t="s">
        <v>38</v>
      </c>
      <c r="O2939" s="5" t="s">
        <v>39</v>
      </c>
      <c r="P2939" s="5" t="s">
        <v>40</v>
      </c>
      <c r="Q2939" s="5" t="s">
        <v>1522</v>
      </c>
      <c r="R2939" s="5" t="s">
        <v>1523</v>
      </c>
      <c r="S2939" s="5" t="s">
        <v>42</v>
      </c>
      <c r="T2939" s="2">
        <v>2.3210000000000002</v>
      </c>
      <c r="U2939" s="2">
        <v>1.849</v>
      </c>
      <c r="V2939" s="2">
        <v>1.0999999999999999E-2</v>
      </c>
      <c r="W2939" s="2">
        <v>82.9</v>
      </c>
      <c r="X2939" s="2">
        <v>7.6</v>
      </c>
      <c r="Y2939" s="2">
        <v>16.7</v>
      </c>
      <c r="Z2939" s="5"/>
      <c r="AA2939" s="5" t="s">
        <v>43</v>
      </c>
      <c r="AB2939" s="5" t="s">
        <v>44</v>
      </c>
      <c r="AC2939" s="2"/>
      <c r="AD2939" s="1"/>
    </row>
    <row r="2940" spans="1:30">
      <c r="A2940" s="5" t="s">
        <v>83578</v>
      </c>
      <c r="B2940" s="2" t="s">
        <v>92422</v>
      </c>
      <c r="C2940" s="14" t="s">
        <v>92423</v>
      </c>
      <c r="D2940" s="2" t="s">
        <v>92424</v>
      </c>
      <c r="E2940" s="2" t="s">
        <v>36337</v>
      </c>
      <c r="F2940" s="8">
        <v>282</v>
      </c>
      <c r="G2940" s="5">
        <v>6</v>
      </c>
      <c r="H2940" s="5" t="s">
        <v>1518</v>
      </c>
      <c r="I2940" s="5" t="s">
        <v>36264</v>
      </c>
      <c r="J2940" s="2" t="s">
        <v>36265</v>
      </c>
      <c r="K2940" s="5" t="s">
        <v>36264</v>
      </c>
      <c r="L2940" s="2" t="s">
        <v>36265</v>
      </c>
      <c r="M2940" s="5" t="s">
        <v>36266</v>
      </c>
      <c r="N2940" s="5" t="s">
        <v>38</v>
      </c>
      <c r="O2940" s="5" t="s">
        <v>39</v>
      </c>
      <c r="P2940" s="5" t="s">
        <v>40</v>
      </c>
      <c r="Q2940" s="5" t="s">
        <v>1522</v>
      </c>
      <c r="R2940" s="5" t="s">
        <v>1523</v>
      </c>
      <c r="S2940" s="5" t="s">
        <v>42</v>
      </c>
      <c r="T2940" s="2">
        <v>2.2589999999999999</v>
      </c>
      <c r="U2940" s="2">
        <v>1.7869999999999999</v>
      </c>
      <c r="V2940" s="2">
        <v>1.0999999999999999E-2</v>
      </c>
      <c r="W2940" s="2">
        <v>82.9</v>
      </c>
      <c r="X2940" s="2">
        <v>7.6</v>
      </c>
      <c r="Y2940" s="2">
        <v>16.7</v>
      </c>
      <c r="Z2940" s="5"/>
      <c r="AA2940" s="5" t="s">
        <v>43</v>
      </c>
      <c r="AB2940" s="5" t="s">
        <v>44</v>
      </c>
      <c r="AC2940" s="2"/>
      <c r="AD2940" s="1"/>
    </row>
    <row r="2941" spans="1:30">
      <c r="A2941" s="5" t="s">
        <v>83578</v>
      </c>
      <c r="B2941" s="2" t="s">
        <v>92425</v>
      </c>
      <c r="C2941" s="14" t="s">
        <v>92426</v>
      </c>
      <c r="D2941" s="2" t="s">
        <v>92427</v>
      </c>
      <c r="E2941" s="2" t="s">
        <v>36341</v>
      </c>
      <c r="F2941" s="8">
        <v>282</v>
      </c>
      <c r="G2941" s="5">
        <v>6</v>
      </c>
      <c r="H2941" s="5" t="s">
        <v>1518</v>
      </c>
      <c r="I2941" s="5" t="s">
        <v>36264</v>
      </c>
      <c r="J2941" s="2" t="s">
        <v>36265</v>
      </c>
      <c r="K2941" s="5" t="s">
        <v>36264</v>
      </c>
      <c r="L2941" s="2" t="s">
        <v>36265</v>
      </c>
      <c r="M2941" s="5" t="s">
        <v>36266</v>
      </c>
      <c r="N2941" s="5" t="s">
        <v>38</v>
      </c>
      <c r="O2941" s="5" t="s">
        <v>39</v>
      </c>
      <c r="P2941" s="5" t="s">
        <v>40</v>
      </c>
      <c r="Q2941" s="5" t="s">
        <v>1522</v>
      </c>
      <c r="R2941" s="5" t="s">
        <v>1523</v>
      </c>
      <c r="S2941" s="5" t="s">
        <v>42</v>
      </c>
      <c r="T2941" s="2">
        <v>2.3210000000000002</v>
      </c>
      <c r="U2941" s="2">
        <v>1.849</v>
      </c>
      <c r="V2941" s="2">
        <v>1.0999999999999999E-2</v>
      </c>
      <c r="W2941" s="2">
        <v>82.9</v>
      </c>
      <c r="X2941" s="2">
        <v>7.6</v>
      </c>
      <c r="Y2941" s="2">
        <v>16.7</v>
      </c>
      <c r="Z2941" s="5"/>
      <c r="AA2941" s="5" t="s">
        <v>43</v>
      </c>
      <c r="AB2941" s="5" t="s">
        <v>44</v>
      </c>
      <c r="AC2941" s="2"/>
      <c r="AD2941" s="1"/>
    </row>
    <row r="2942" spans="1:30">
      <c r="A2942" s="5" t="s">
        <v>83578</v>
      </c>
      <c r="B2942" s="2" t="s">
        <v>92428</v>
      </c>
      <c r="C2942" s="14" t="s">
        <v>92429</v>
      </c>
      <c r="D2942" s="2" t="s">
        <v>92430</v>
      </c>
      <c r="E2942" s="2" t="s">
        <v>36345</v>
      </c>
      <c r="F2942" s="8">
        <v>282</v>
      </c>
      <c r="G2942" s="5">
        <v>6</v>
      </c>
      <c r="H2942" s="5" t="s">
        <v>1518</v>
      </c>
      <c r="I2942" s="5" t="s">
        <v>36264</v>
      </c>
      <c r="J2942" s="2" t="s">
        <v>36265</v>
      </c>
      <c r="K2942" s="5" t="s">
        <v>36264</v>
      </c>
      <c r="L2942" s="2" t="s">
        <v>36265</v>
      </c>
      <c r="M2942" s="5" t="s">
        <v>36266</v>
      </c>
      <c r="N2942" s="5" t="s">
        <v>38</v>
      </c>
      <c r="O2942" s="5" t="s">
        <v>39</v>
      </c>
      <c r="P2942" s="5" t="s">
        <v>40</v>
      </c>
      <c r="Q2942" s="5" t="s">
        <v>1522</v>
      </c>
      <c r="R2942" s="5" t="s">
        <v>1523</v>
      </c>
      <c r="S2942" s="5" t="s">
        <v>42</v>
      </c>
      <c r="T2942" s="2">
        <v>2.2589999999999999</v>
      </c>
      <c r="U2942" s="2">
        <v>1.7869999999999999</v>
      </c>
      <c r="V2942" s="2">
        <v>1.0999999999999999E-2</v>
      </c>
      <c r="W2942" s="2">
        <v>82.9</v>
      </c>
      <c r="X2942" s="2">
        <v>7.6</v>
      </c>
      <c r="Y2942" s="2">
        <v>16.7</v>
      </c>
      <c r="Z2942" s="5"/>
      <c r="AA2942" s="5" t="s">
        <v>43</v>
      </c>
      <c r="AB2942" s="5" t="s">
        <v>44</v>
      </c>
      <c r="AC2942" s="2"/>
      <c r="AD2942" s="1"/>
    </row>
    <row r="2943" spans="1:30">
      <c r="A2943" s="5" t="s">
        <v>83578</v>
      </c>
      <c r="B2943" s="2" t="s">
        <v>92431</v>
      </c>
      <c r="C2943" s="14" t="s">
        <v>92432</v>
      </c>
      <c r="D2943" s="2" t="s">
        <v>92433</v>
      </c>
      <c r="E2943" s="2" t="s">
        <v>36349</v>
      </c>
      <c r="F2943" s="8">
        <v>282</v>
      </c>
      <c r="G2943" s="5">
        <v>6</v>
      </c>
      <c r="H2943" s="5" t="s">
        <v>1518</v>
      </c>
      <c r="I2943" s="5" t="s">
        <v>36264</v>
      </c>
      <c r="J2943" s="2" t="s">
        <v>36265</v>
      </c>
      <c r="K2943" s="5" t="s">
        <v>36264</v>
      </c>
      <c r="L2943" s="2" t="s">
        <v>36265</v>
      </c>
      <c r="M2943" s="5" t="s">
        <v>36266</v>
      </c>
      <c r="N2943" s="5" t="s">
        <v>38</v>
      </c>
      <c r="O2943" s="5" t="s">
        <v>39</v>
      </c>
      <c r="P2943" s="5" t="s">
        <v>40</v>
      </c>
      <c r="Q2943" s="5" t="s">
        <v>1522</v>
      </c>
      <c r="R2943" s="5" t="s">
        <v>1523</v>
      </c>
      <c r="S2943" s="5" t="s">
        <v>42</v>
      </c>
      <c r="T2943" s="2">
        <v>2.3210000000000002</v>
      </c>
      <c r="U2943" s="2">
        <v>1.849</v>
      </c>
      <c r="V2943" s="2">
        <v>1.0999999999999999E-2</v>
      </c>
      <c r="W2943" s="2">
        <v>82.9</v>
      </c>
      <c r="X2943" s="2">
        <v>7.6</v>
      </c>
      <c r="Y2943" s="2">
        <v>16.7</v>
      </c>
      <c r="Z2943" s="5"/>
      <c r="AA2943" s="5" t="s">
        <v>43</v>
      </c>
      <c r="AB2943" s="5" t="s">
        <v>44</v>
      </c>
      <c r="AC2943" s="2"/>
      <c r="AD2943" s="1"/>
    </row>
    <row r="2944" spans="1:30">
      <c r="A2944" s="5" t="s">
        <v>83578</v>
      </c>
      <c r="B2944" s="2" t="s">
        <v>92434</v>
      </c>
      <c r="C2944" s="14" t="s">
        <v>92435</v>
      </c>
      <c r="D2944" s="2" t="s">
        <v>92436</v>
      </c>
      <c r="E2944" s="2" t="s">
        <v>36353</v>
      </c>
      <c r="F2944" s="8">
        <v>282</v>
      </c>
      <c r="G2944" s="5">
        <v>6</v>
      </c>
      <c r="H2944" s="5" t="s">
        <v>1518</v>
      </c>
      <c r="I2944" s="5" t="s">
        <v>36264</v>
      </c>
      <c r="J2944" s="2" t="s">
        <v>36265</v>
      </c>
      <c r="K2944" s="5" t="s">
        <v>36264</v>
      </c>
      <c r="L2944" s="2" t="s">
        <v>36265</v>
      </c>
      <c r="M2944" s="5" t="s">
        <v>36266</v>
      </c>
      <c r="N2944" s="5" t="s">
        <v>38</v>
      </c>
      <c r="O2944" s="5" t="s">
        <v>39</v>
      </c>
      <c r="P2944" s="5" t="s">
        <v>40</v>
      </c>
      <c r="Q2944" s="5" t="s">
        <v>1522</v>
      </c>
      <c r="R2944" s="5" t="s">
        <v>1523</v>
      </c>
      <c r="S2944" s="5" t="s">
        <v>42</v>
      </c>
      <c r="T2944" s="2">
        <v>2.2589999999999999</v>
      </c>
      <c r="U2944" s="2">
        <v>1.7869999999999999</v>
      </c>
      <c r="V2944" s="2">
        <v>1.0999999999999999E-2</v>
      </c>
      <c r="W2944" s="2">
        <v>82.9</v>
      </c>
      <c r="X2944" s="2">
        <v>7.6</v>
      </c>
      <c r="Y2944" s="2">
        <v>16.7</v>
      </c>
      <c r="Z2944" s="5"/>
      <c r="AA2944" s="5" t="s">
        <v>43</v>
      </c>
      <c r="AB2944" s="5" t="s">
        <v>44</v>
      </c>
      <c r="AC2944" s="2"/>
      <c r="AD2944" s="1"/>
    </row>
    <row r="2945" spans="1:30">
      <c r="A2945" s="5" t="s">
        <v>83578</v>
      </c>
      <c r="B2945" s="2" t="s">
        <v>92437</v>
      </c>
      <c r="C2945" s="14" t="s">
        <v>92438</v>
      </c>
      <c r="D2945" s="2" t="s">
        <v>92439</v>
      </c>
      <c r="E2945" s="2" t="s">
        <v>36357</v>
      </c>
      <c r="F2945" s="8">
        <v>282</v>
      </c>
      <c r="G2945" s="5">
        <v>6</v>
      </c>
      <c r="H2945" s="5" t="s">
        <v>1518</v>
      </c>
      <c r="I2945" s="5" t="s">
        <v>36264</v>
      </c>
      <c r="J2945" s="2" t="s">
        <v>36265</v>
      </c>
      <c r="K2945" s="5" t="s">
        <v>36264</v>
      </c>
      <c r="L2945" s="2" t="s">
        <v>36265</v>
      </c>
      <c r="M2945" s="5" t="s">
        <v>36266</v>
      </c>
      <c r="N2945" s="5" t="s">
        <v>38</v>
      </c>
      <c r="O2945" s="5" t="s">
        <v>39</v>
      </c>
      <c r="P2945" s="5" t="s">
        <v>40</v>
      </c>
      <c r="Q2945" s="5" t="s">
        <v>1522</v>
      </c>
      <c r="R2945" s="5" t="s">
        <v>1523</v>
      </c>
      <c r="S2945" s="5" t="s">
        <v>42</v>
      </c>
      <c r="T2945" s="2">
        <v>2.3210000000000002</v>
      </c>
      <c r="U2945" s="2">
        <v>1.849</v>
      </c>
      <c r="V2945" s="2">
        <v>1.0999999999999999E-2</v>
      </c>
      <c r="W2945" s="2">
        <v>82.9</v>
      </c>
      <c r="X2945" s="2">
        <v>7.6</v>
      </c>
      <c r="Y2945" s="2">
        <v>16.7</v>
      </c>
      <c r="Z2945" s="5"/>
      <c r="AA2945" s="5" t="s">
        <v>43</v>
      </c>
      <c r="AB2945" s="5" t="s">
        <v>44</v>
      </c>
      <c r="AC2945" s="2"/>
      <c r="AD2945" s="1"/>
    </row>
    <row r="2946" spans="1:30">
      <c r="A2946" s="5" t="s">
        <v>83578</v>
      </c>
      <c r="B2946" s="2" t="s">
        <v>92440</v>
      </c>
      <c r="C2946" s="14" t="s">
        <v>92441</v>
      </c>
      <c r="D2946" s="2" t="s">
        <v>92442</v>
      </c>
      <c r="E2946" s="2" t="s">
        <v>45598</v>
      </c>
      <c r="F2946" s="8">
        <v>282</v>
      </c>
      <c r="G2946" s="5">
        <v>6</v>
      </c>
      <c r="H2946" s="5" t="s">
        <v>1518</v>
      </c>
      <c r="I2946" s="5" t="s">
        <v>36264</v>
      </c>
      <c r="J2946" s="2" t="s">
        <v>36265</v>
      </c>
      <c r="K2946" s="5" t="s">
        <v>36264</v>
      </c>
      <c r="L2946" s="2" t="s">
        <v>36265</v>
      </c>
      <c r="M2946" s="5" t="s">
        <v>36266</v>
      </c>
      <c r="N2946" s="5" t="s">
        <v>38</v>
      </c>
      <c r="O2946" s="5" t="s">
        <v>39</v>
      </c>
      <c r="P2946" s="5" t="s">
        <v>40</v>
      </c>
      <c r="Q2946" s="5" t="s">
        <v>1522</v>
      </c>
      <c r="R2946" s="5" t="s">
        <v>1523</v>
      </c>
      <c r="S2946" s="5" t="s">
        <v>42</v>
      </c>
      <c r="T2946" s="2">
        <v>2.2589999999999999</v>
      </c>
      <c r="U2946" s="2">
        <v>1.7869999999999999</v>
      </c>
      <c r="V2946" s="2">
        <v>1.0999999999999999E-2</v>
      </c>
      <c r="W2946" s="2">
        <v>82.9</v>
      </c>
      <c r="X2946" s="2">
        <v>7.6</v>
      </c>
      <c r="Y2946" s="2">
        <v>16.7</v>
      </c>
      <c r="Z2946" s="5"/>
      <c r="AA2946" s="5" t="s">
        <v>43</v>
      </c>
      <c r="AB2946" s="5" t="s">
        <v>44</v>
      </c>
      <c r="AC2946" s="2"/>
      <c r="AD2946" s="1"/>
    </row>
    <row r="2947" spans="1:30">
      <c r="A2947" s="5" t="s">
        <v>83578</v>
      </c>
      <c r="B2947" s="2" t="s">
        <v>92443</v>
      </c>
      <c r="C2947" s="14" t="s">
        <v>92444</v>
      </c>
      <c r="D2947" s="2" t="s">
        <v>92445</v>
      </c>
      <c r="E2947" s="2" t="s">
        <v>45534</v>
      </c>
      <c r="F2947" s="8">
        <v>282</v>
      </c>
      <c r="G2947" s="5">
        <v>6</v>
      </c>
      <c r="H2947" s="5" t="s">
        <v>1518</v>
      </c>
      <c r="I2947" s="5" t="s">
        <v>36264</v>
      </c>
      <c r="J2947" s="2" t="s">
        <v>36265</v>
      </c>
      <c r="K2947" s="5" t="s">
        <v>36264</v>
      </c>
      <c r="L2947" s="2" t="s">
        <v>36265</v>
      </c>
      <c r="M2947" s="5" t="s">
        <v>36266</v>
      </c>
      <c r="N2947" s="5" t="s">
        <v>38</v>
      </c>
      <c r="O2947" s="5" t="s">
        <v>39</v>
      </c>
      <c r="P2947" s="5" t="s">
        <v>40</v>
      </c>
      <c r="Q2947" s="5" t="s">
        <v>1522</v>
      </c>
      <c r="R2947" s="5" t="s">
        <v>1523</v>
      </c>
      <c r="S2947" s="5" t="s">
        <v>42</v>
      </c>
      <c r="T2947" s="2">
        <v>2.3210000000000002</v>
      </c>
      <c r="U2947" s="2">
        <v>1.849</v>
      </c>
      <c r="V2947" s="2">
        <v>1.0999999999999999E-2</v>
      </c>
      <c r="W2947" s="2">
        <v>82.9</v>
      </c>
      <c r="X2947" s="2">
        <v>7.6</v>
      </c>
      <c r="Y2947" s="2">
        <v>16.7</v>
      </c>
      <c r="Z2947" s="5"/>
      <c r="AA2947" s="5" t="s">
        <v>43</v>
      </c>
      <c r="AB2947" s="5" t="s">
        <v>44</v>
      </c>
      <c r="AC2947" s="2"/>
      <c r="AD2947" s="1"/>
    </row>
    <row r="2948" spans="1:30">
      <c r="A2948" s="5" t="s">
        <v>83578</v>
      </c>
      <c r="B2948" s="2" t="s">
        <v>92446</v>
      </c>
      <c r="C2948" s="14" t="s">
        <v>92447</v>
      </c>
      <c r="D2948" s="2" t="s">
        <v>92448</v>
      </c>
      <c r="E2948" s="2" t="s">
        <v>36369</v>
      </c>
      <c r="F2948" s="8">
        <v>282</v>
      </c>
      <c r="G2948" s="5">
        <v>6</v>
      </c>
      <c r="H2948" s="5" t="s">
        <v>1518</v>
      </c>
      <c r="I2948" s="5" t="s">
        <v>36264</v>
      </c>
      <c r="J2948" s="2" t="s">
        <v>36265</v>
      </c>
      <c r="K2948" s="5" t="s">
        <v>36264</v>
      </c>
      <c r="L2948" s="2" t="s">
        <v>36265</v>
      </c>
      <c r="M2948" s="5" t="s">
        <v>36266</v>
      </c>
      <c r="N2948" s="5" t="s">
        <v>38</v>
      </c>
      <c r="O2948" s="5" t="s">
        <v>39</v>
      </c>
      <c r="P2948" s="5" t="s">
        <v>40</v>
      </c>
      <c r="Q2948" s="5" t="s">
        <v>1522</v>
      </c>
      <c r="R2948" s="5" t="s">
        <v>1523</v>
      </c>
      <c r="S2948" s="5" t="s">
        <v>42</v>
      </c>
      <c r="T2948" s="2">
        <v>2.2589999999999999</v>
      </c>
      <c r="U2948" s="2">
        <v>1.7869999999999999</v>
      </c>
      <c r="V2948" s="2">
        <v>1.0999999999999999E-2</v>
      </c>
      <c r="W2948" s="2">
        <v>82.9</v>
      </c>
      <c r="X2948" s="2">
        <v>7.6</v>
      </c>
      <c r="Y2948" s="2">
        <v>16.7</v>
      </c>
      <c r="Z2948" s="5"/>
      <c r="AA2948" s="5" t="s">
        <v>43</v>
      </c>
      <c r="AB2948" s="5" t="s">
        <v>44</v>
      </c>
      <c r="AC2948" s="2"/>
      <c r="AD2948" s="1"/>
    </row>
    <row r="2949" spans="1:30">
      <c r="A2949" s="5" t="s">
        <v>83578</v>
      </c>
      <c r="B2949" s="2" t="s">
        <v>92449</v>
      </c>
      <c r="C2949" s="14" t="s">
        <v>92450</v>
      </c>
      <c r="D2949" s="2" t="s">
        <v>92451</v>
      </c>
      <c r="E2949" s="2" t="s">
        <v>36373</v>
      </c>
      <c r="F2949" s="8">
        <v>282</v>
      </c>
      <c r="G2949" s="5">
        <v>6</v>
      </c>
      <c r="H2949" s="5" t="s">
        <v>1518</v>
      </c>
      <c r="I2949" s="5" t="s">
        <v>36264</v>
      </c>
      <c r="J2949" s="2" t="s">
        <v>36265</v>
      </c>
      <c r="K2949" s="5" t="s">
        <v>36264</v>
      </c>
      <c r="L2949" s="2" t="s">
        <v>36265</v>
      </c>
      <c r="M2949" s="5" t="s">
        <v>36266</v>
      </c>
      <c r="N2949" s="5" t="s">
        <v>38</v>
      </c>
      <c r="O2949" s="5" t="s">
        <v>39</v>
      </c>
      <c r="P2949" s="5" t="s">
        <v>40</v>
      </c>
      <c r="Q2949" s="5" t="s">
        <v>1522</v>
      </c>
      <c r="R2949" s="5" t="s">
        <v>1523</v>
      </c>
      <c r="S2949" s="5" t="s">
        <v>42</v>
      </c>
      <c r="T2949" s="2">
        <v>2.3210000000000002</v>
      </c>
      <c r="U2949" s="2">
        <v>1.849</v>
      </c>
      <c r="V2949" s="2">
        <v>1.0999999999999999E-2</v>
      </c>
      <c r="W2949" s="2">
        <v>82.9</v>
      </c>
      <c r="X2949" s="2">
        <v>7.6</v>
      </c>
      <c r="Y2949" s="2">
        <v>16.7</v>
      </c>
      <c r="Z2949" s="5"/>
      <c r="AA2949" s="5" t="s">
        <v>43</v>
      </c>
      <c r="AB2949" s="5" t="s">
        <v>44</v>
      </c>
      <c r="AC2949" s="2"/>
      <c r="AD2949" s="1"/>
    </row>
    <row r="2950" spans="1:30">
      <c r="A2950" s="5" t="s">
        <v>83578</v>
      </c>
      <c r="B2950" s="2" t="s">
        <v>92452</v>
      </c>
      <c r="C2950" s="14" t="s">
        <v>92453</v>
      </c>
      <c r="D2950" s="2" t="s">
        <v>92454</v>
      </c>
      <c r="E2950" s="2" t="s">
        <v>36377</v>
      </c>
      <c r="F2950" s="8">
        <v>282</v>
      </c>
      <c r="G2950" s="5">
        <v>6</v>
      </c>
      <c r="H2950" s="5" t="s">
        <v>1518</v>
      </c>
      <c r="I2950" s="5" t="s">
        <v>36264</v>
      </c>
      <c r="J2950" s="2" t="s">
        <v>36265</v>
      </c>
      <c r="K2950" s="5" t="s">
        <v>36264</v>
      </c>
      <c r="L2950" s="2" t="s">
        <v>36265</v>
      </c>
      <c r="M2950" s="5" t="s">
        <v>36266</v>
      </c>
      <c r="N2950" s="5" t="s">
        <v>38</v>
      </c>
      <c r="O2950" s="5" t="s">
        <v>39</v>
      </c>
      <c r="P2950" s="5" t="s">
        <v>40</v>
      </c>
      <c r="Q2950" s="5" t="s">
        <v>1522</v>
      </c>
      <c r="R2950" s="5" t="s">
        <v>1523</v>
      </c>
      <c r="S2950" s="5" t="s">
        <v>42</v>
      </c>
      <c r="T2950" s="2">
        <v>2.2589999999999999</v>
      </c>
      <c r="U2950" s="2">
        <v>1.7869999999999999</v>
      </c>
      <c r="V2950" s="2">
        <v>1.0999999999999999E-2</v>
      </c>
      <c r="W2950" s="2">
        <v>82.9</v>
      </c>
      <c r="X2950" s="2">
        <v>7.6</v>
      </c>
      <c r="Y2950" s="2">
        <v>16.7</v>
      </c>
      <c r="Z2950" s="5"/>
      <c r="AA2950" s="5" t="s">
        <v>43</v>
      </c>
      <c r="AB2950" s="5" t="s">
        <v>44</v>
      </c>
      <c r="AC2950" s="2"/>
      <c r="AD2950" s="1"/>
    </row>
    <row r="2951" spans="1:30">
      <c r="A2951" s="5" t="s">
        <v>83578</v>
      </c>
      <c r="B2951" s="2" t="s">
        <v>92455</v>
      </c>
      <c r="C2951" s="14" t="s">
        <v>92456</v>
      </c>
      <c r="D2951" s="2" t="s">
        <v>92457</v>
      </c>
      <c r="E2951" s="2" t="s">
        <v>36381</v>
      </c>
      <c r="F2951" s="8">
        <v>282</v>
      </c>
      <c r="G2951" s="5">
        <v>6</v>
      </c>
      <c r="H2951" s="5" t="s">
        <v>1518</v>
      </c>
      <c r="I2951" s="5" t="s">
        <v>36264</v>
      </c>
      <c r="J2951" s="2" t="s">
        <v>36265</v>
      </c>
      <c r="K2951" s="5" t="s">
        <v>36264</v>
      </c>
      <c r="L2951" s="2" t="s">
        <v>36265</v>
      </c>
      <c r="M2951" s="5" t="s">
        <v>36266</v>
      </c>
      <c r="N2951" s="5" t="s">
        <v>38</v>
      </c>
      <c r="O2951" s="5" t="s">
        <v>39</v>
      </c>
      <c r="P2951" s="5" t="s">
        <v>40</v>
      </c>
      <c r="Q2951" s="5" t="s">
        <v>1522</v>
      </c>
      <c r="R2951" s="5" t="s">
        <v>1523</v>
      </c>
      <c r="S2951" s="5" t="s">
        <v>42</v>
      </c>
      <c r="T2951" s="2">
        <v>2.3210000000000002</v>
      </c>
      <c r="U2951" s="2">
        <v>1.849</v>
      </c>
      <c r="V2951" s="2">
        <v>1.0999999999999999E-2</v>
      </c>
      <c r="W2951" s="2">
        <v>82.9</v>
      </c>
      <c r="X2951" s="2">
        <v>7.6</v>
      </c>
      <c r="Y2951" s="2">
        <v>16.7</v>
      </c>
      <c r="Z2951" s="5"/>
      <c r="AA2951" s="5" t="s">
        <v>43</v>
      </c>
      <c r="AB2951" s="5" t="s">
        <v>44</v>
      </c>
      <c r="AC2951" s="2"/>
      <c r="AD2951" s="1"/>
    </row>
    <row r="2952" spans="1:30">
      <c r="A2952" s="5" t="s">
        <v>83578</v>
      </c>
      <c r="B2952" s="2" t="s">
        <v>92458</v>
      </c>
      <c r="C2952" s="14" t="s">
        <v>92459</v>
      </c>
      <c r="D2952" s="2" t="s">
        <v>92460</v>
      </c>
      <c r="E2952" s="2" t="s">
        <v>36385</v>
      </c>
      <c r="F2952" s="8">
        <v>282</v>
      </c>
      <c r="G2952" s="5">
        <v>6</v>
      </c>
      <c r="H2952" s="5" t="s">
        <v>1518</v>
      </c>
      <c r="I2952" s="5" t="s">
        <v>36264</v>
      </c>
      <c r="J2952" s="2" t="s">
        <v>36265</v>
      </c>
      <c r="K2952" s="5" t="s">
        <v>36264</v>
      </c>
      <c r="L2952" s="2" t="s">
        <v>36265</v>
      </c>
      <c r="M2952" s="5" t="s">
        <v>36266</v>
      </c>
      <c r="N2952" s="5" t="s">
        <v>38</v>
      </c>
      <c r="O2952" s="5" t="s">
        <v>39</v>
      </c>
      <c r="P2952" s="5" t="s">
        <v>40</v>
      </c>
      <c r="Q2952" s="5" t="s">
        <v>1522</v>
      </c>
      <c r="R2952" s="5" t="s">
        <v>1523</v>
      </c>
      <c r="S2952" s="5" t="s">
        <v>42</v>
      </c>
      <c r="T2952" s="2">
        <v>2.2589999999999999</v>
      </c>
      <c r="U2952" s="2">
        <v>1.7869999999999999</v>
      </c>
      <c r="V2952" s="2">
        <v>1.0999999999999999E-2</v>
      </c>
      <c r="W2952" s="2">
        <v>82.9</v>
      </c>
      <c r="X2952" s="2">
        <v>7.6</v>
      </c>
      <c r="Y2952" s="2">
        <v>16.7</v>
      </c>
      <c r="Z2952" s="5"/>
      <c r="AA2952" s="5" t="s">
        <v>43</v>
      </c>
      <c r="AB2952" s="5" t="s">
        <v>44</v>
      </c>
      <c r="AC2952" s="2"/>
      <c r="AD2952" s="1"/>
    </row>
    <row r="2953" spans="1:30">
      <c r="A2953" s="5" t="s">
        <v>83578</v>
      </c>
      <c r="B2953" s="2" t="s">
        <v>92461</v>
      </c>
      <c r="C2953" s="14" t="s">
        <v>92462</v>
      </c>
      <c r="D2953" s="2" t="s">
        <v>92463</v>
      </c>
      <c r="E2953" s="2" t="s">
        <v>36389</v>
      </c>
      <c r="F2953" s="8">
        <v>282</v>
      </c>
      <c r="G2953" s="5">
        <v>6</v>
      </c>
      <c r="H2953" s="5" t="s">
        <v>1518</v>
      </c>
      <c r="I2953" s="5" t="s">
        <v>36264</v>
      </c>
      <c r="J2953" s="2" t="s">
        <v>36265</v>
      </c>
      <c r="K2953" s="5" t="s">
        <v>36264</v>
      </c>
      <c r="L2953" s="2" t="s">
        <v>36265</v>
      </c>
      <c r="M2953" s="5" t="s">
        <v>36266</v>
      </c>
      <c r="N2953" s="5" t="s">
        <v>38</v>
      </c>
      <c r="O2953" s="5" t="s">
        <v>39</v>
      </c>
      <c r="P2953" s="5" t="s">
        <v>40</v>
      </c>
      <c r="Q2953" s="5" t="s">
        <v>1522</v>
      </c>
      <c r="R2953" s="5" t="s">
        <v>1523</v>
      </c>
      <c r="S2953" s="5" t="s">
        <v>42</v>
      </c>
      <c r="T2953" s="2">
        <v>2.3210000000000002</v>
      </c>
      <c r="U2953" s="2">
        <v>1.849</v>
      </c>
      <c r="V2953" s="2">
        <v>1.0999999999999999E-2</v>
      </c>
      <c r="W2953" s="2">
        <v>82.9</v>
      </c>
      <c r="X2953" s="2">
        <v>7.6</v>
      </c>
      <c r="Y2953" s="2">
        <v>16.7</v>
      </c>
      <c r="Z2953" s="5"/>
      <c r="AA2953" s="5" t="s">
        <v>43</v>
      </c>
      <c r="AB2953" s="5" t="s">
        <v>44</v>
      </c>
      <c r="AC2953" s="2"/>
      <c r="AD2953" s="1"/>
    </row>
    <row r="2954" spans="1:30">
      <c r="A2954" s="5" t="s">
        <v>83578</v>
      </c>
      <c r="B2954" s="2" t="s">
        <v>92464</v>
      </c>
      <c r="C2954" s="14" t="s">
        <v>92465</v>
      </c>
      <c r="D2954" s="2" t="s">
        <v>92466</v>
      </c>
      <c r="E2954" s="2" t="s">
        <v>36273</v>
      </c>
      <c r="F2954" s="8">
        <v>276</v>
      </c>
      <c r="G2954" s="5">
        <v>6</v>
      </c>
      <c r="H2954" s="5" t="s">
        <v>1518</v>
      </c>
      <c r="I2954" s="5" t="s">
        <v>36264</v>
      </c>
      <c r="J2954" s="2" t="s">
        <v>36265</v>
      </c>
      <c r="K2954" s="5" t="s">
        <v>36264</v>
      </c>
      <c r="L2954" s="2" t="s">
        <v>36265</v>
      </c>
      <c r="M2954" s="5" t="s">
        <v>36266</v>
      </c>
      <c r="N2954" s="5" t="s">
        <v>38</v>
      </c>
      <c r="O2954" s="5" t="s">
        <v>39</v>
      </c>
      <c r="P2954" s="5" t="s">
        <v>40</v>
      </c>
      <c r="Q2954" s="5" t="s">
        <v>1522</v>
      </c>
      <c r="R2954" s="5" t="s">
        <v>1523</v>
      </c>
      <c r="S2954" s="5" t="s">
        <v>42</v>
      </c>
      <c r="T2954" s="2">
        <v>2.4990000000000001</v>
      </c>
      <c r="U2954" s="2">
        <v>1.948</v>
      </c>
      <c r="V2954" s="2">
        <v>1.2999999999999999E-2</v>
      </c>
      <c r="W2954" s="2">
        <v>99.1</v>
      </c>
      <c r="X2954" s="2">
        <v>7.6</v>
      </c>
      <c r="Y2954" s="2">
        <v>16.7</v>
      </c>
      <c r="Z2954" s="5"/>
      <c r="AA2954" s="5" t="s">
        <v>43</v>
      </c>
      <c r="AB2954" s="5" t="s">
        <v>44</v>
      </c>
      <c r="AC2954" s="2"/>
      <c r="AD2954" s="1"/>
    </row>
    <row r="2955" spans="1:30">
      <c r="A2955" s="5" t="s">
        <v>83578</v>
      </c>
      <c r="B2955" s="2" t="s">
        <v>92467</v>
      </c>
      <c r="C2955" s="14" t="s">
        <v>92468</v>
      </c>
      <c r="D2955" s="2" t="s">
        <v>92469</v>
      </c>
      <c r="E2955" s="2" t="s">
        <v>36281</v>
      </c>
      <c r="F2955" s="8">
        <v>297</v>
      </c>
      <c r="G2955" s="5">
        <v>6</v>
      </c>
      <c r="H2955" s="5" t="s">
        <v>1518</v>
      </c>
      <c r="I2955" s="5" t="s">
        <v>36264</v>
      </c>
      <c r="J2955" s="2" t="s">
        <v>36265</v>
      </c>
      <c r="K2955" s="5" t="s">
        <v>36264</v>
      </c>
      <c r="L2955" s="2" t="s">
        <v>36265</v>
      </c>
      <c r="M2955" s="5" t="s">
        <v>36266</v>
      </c>
      <c r="N2955" s="5" t="s">
        <v>38</v>
      </c>
      <c r="O2955" s="5" t="s">
        <v>39</v>
      </c>
      <c r="P2955" s="5" t="s">
        <v>40</v>
      </c>
      <c r="Q2955" s="5" t="s">
        <v>1522</v>
      </c>
      <c r="R2955" s="5" t="s">
        <v>1523</v>
      </c>
      <c r="S2955" s="5" t="s">
        <v>42</v>
      </c>
      <c r="T2955" s="2">
        <v>2.4990000000000001</v>
      </c>
      <c r="U2955" s="2">
        <v>1.948</v>
      </c>
      <c r="V2955" s="2">
        <v>1.2999999999999999E-2</v>
      </c>
      <c r="W2955" s="2">
        <v>99.1</v>
      </c>
      <c r="X2955" s="2">
        <v>7.6</v>
      </c>
      <c r="Y2955" s="2">
        <v>16.7</v>
      </c>
      <c r="Z2955" s="5"/>
      <c r="AA2955" s="5" t="s">
        <v>43</v>
      </c>
      <c r="AB2955" s="5" t="s">
        <v>44</v>
      </c>
      <c r="AC2955" s="2"/>
      <c r="AD2955" s="1"/>
    </row>
    <row r="2956" spans="1:30">
      <c r="A2956" s="5" t="s">
        <v>83578</v>
      </c>
      <c r="B2956" s="2" t="s">
        <v>92470</v>
      </c>
      <c r="C2956" s="14" t="s">
        <v>92471</v>
      </c>
      <c r="D2956" s="2" t="s">
        <v>92472</v>
      </c>
      <c r="E2956" s="2" t="s">
        <v>36285</v>
      </c>
      <c r="F2956" s="8">
        <v>297</v>
      </c>
      <c r="G2956" s="5">
        <v>6</v>
      </c>
      <c r="H2956" s="5" t="s">
        <v>1518</v>
      </c>
      <c r="I2956" s="5" t="s">
        <v>36264</v>
      </c>
      <c r="J2956" s="2" t="s">
        <v>36265</v>
      </c>
      <c r="K2956" s="5" t="s">
        <v>36264</v>
      </c>
      <c r="L2956" s="2" t="s">
        <v>36265</v>
      </c>
      <c r="M2956" s="5" t="s">
        <v>36266</v>
      </c>
      <c r="N2956" s="5" t="s">
        <v>38</v>
      </c>
      <c r="O2956" s="5" t="s">
        <v>39</v>
      </c>
      <c r="P2956" s="5" t="s">
        <v>40</v>
      </c>
      <c r="Q2956" s="5" t="s">
        <v>1522</v>
      </c>
      <c r="R2956" s="5" t="s">
        <v>1523</v>
      </c>
      <c r="S2956" s="5" t="s">
        <v>42</v>
      </c>
      <c r="T2956" s="2">
        <v>2.5720000000000001</v>
      </c>
      <c r="U2956" s="2">
        <v>2.0209999999999999</v>
      </c>
      <c r="V2956" s="2">
        <v>1.2999999999999999E-2</v>
      </c>
      <c r="W2956" s="2">
        <v>99.1</v>
      </c>
      <c r="X2956" s="2">
        <v>7.6</v>
      </c>
      <c r="Y2956" s="2">
        <v>16.7</v>
      </c>
      <c r="Z2956" s="5"/>
      <c r="AA2956" s="5" t="s">
        <v>43</v>
      </c>
      <c r="AB2956" s="5" t="s">
        <v>44</v>
      </c>
      <c r="AC2956" s="2"/>
      <c r="AD2956" s="1"/>
    </row>
    <row r="2957" spans="1:30">
      <c r="A2957" s="5" t="s">
        <v>83578</v>
      </c>
      <c r="B2957" s="2" t="s">
        <v>92473</v>
      </c>
      <c r="C2957" s="14" t="s">
        <v>92474</v>
      </c>
      <c r="D2957" s="2" t="s">
        <v>92475</v>
      </c>
      <c r="E2957" s="2" t="s">
        <v>36289</v>
      </c>
      <c r="F2957" s="8">
        <v>297</v>
      </c>
      <c r="G2957" s="5">
        <v>6</v>
      </c>
      <c r="H2957" s="5" t="s">
        <v>1518</v>
      </c>
      <c r="I2957" s="5" t="s">
        <v>36264</v>
      </c>
      <c r="J2957" s="2" t="s">
        <v>36265</v>
      </c>
      <c r="K2957" s="5" t="s">
        <v>36264</v>
      </c>
      <c r="L2957" s="2" t="s">
        <v>36265</v>
      </c>
      <c r="M2957" s="5" t="s">
        <v>36266</v>
      </c>
      <c r="N2957" s="5" t="s">
        <v>38</v>
      </c>
      <c r="O2957" s="5" t="s">
        <v>39</v>
      </c>
      <c r="P2957" s="5" t="s">
        <v>40</v>
      </c>
      <c r="Q2957" s="5" t="s">
        <v>1522</v>
      </c>
      <c r="R2957" s="5" t="s">
        <v>1523</v>
      </c>
      <c r="S2957" s="5" t="s">
        <v>42</v>
      </c>
      <c r="T2957" s="2">
        <v>2.4990000000000001</v>
      </c>
      <c r="U2957" s="2">
        <v>1.948</v>
      </c>
      <c r="V2957" s="2">
        <v>1.2999999999999999E-2</v>
      </c>
      <c r="W2957" s="2">
        <v>99.1</v>
      </c>
      <c r="X2957" s="2">
        <v>7.6</v>
      </c>
      <c r="Y2957" s="2">
        <v>16.7</v>
      </c>
      <c r="Z2957" s="5"/>
      <c r="AA2957" s="5" t="s">
        <v>43</v>
      </c>
      <c r="AB2957" s="5" t="s">
        <v>44</v>
      </c>
      <c r="AC2957" s="2"/>
      <c r="AD2957" s="1"/>
    </row>
    <row r="2958" spans="1:30">
      <c r="A2958" s="5" t="s">
        <v>83578</v>
      </c>
      <c r="B2958" s="2" t="s">
        <v>92476</v>
      </c>
      <c r="C2958" s="14" t="s">
        <v>92477</v>
      </c>
      <c r="D2958" s="2" t="s">
        <v>92478</v>
      </c>
      <c r="E2958" s="2" t="s">
        <v>36293</v>
      </c>
      <c r="F2958" s="8">
        <v>297</v>
      </c>
      <c r="G2958" s="5">
        <v>6</v>
      </c>
      <c r="H2958" s="5" t="s">
        <v>1518</v>
      </c>
      <c r="I2958" s="5" t="s">
        <v>36264</v>
      </c>
      <c r="J2958" s="2" t="s">
        <v>36265</v>
      </c>
      <c r="K2958" s="5" t="s">
        <v>36264</v>
      </c>
      <c r="L2958" s="2" t="s">
        <v>36265</v>
      </c>
      <c r="M2958" s="5" t="s">
        <v>36266</v>
      </c>
      <c r="N2958" s="5" t="s">
        <v>38</v>
      </c>
      <c r="O2958" s="5" t="s">
        <v>39</v>
      </c>
      <c r="P2958" s="5" t="s">
        <v>40</v>
      </c>
      <c r="Q2958" s="5" t="s">
        <v>1522</v>
      </c>
      <c r="R2958" s="5" t="s">
        <v>1523</v>
      </c>
      <c r="S2958" s="5" t="s">
        <v>42</v>
      </c>
      <c r="T2958" s="2">
        <v>2.5720000000000001</v>
      </c>
      <c r="U2958" s="2">
        <v>2.0209999999999999</v>
      </c>
      <c r="V2958" s="2">
        <v>1.2999999999999999E-2</v>
      </c>
      <c r="W2958" s="2">
        <v>99.1</v>
      </c>
      <c r="X2958" s="2">
        <v>7.6</v>
      </c>
      <c r="Y2958" s="2">
        <v>16.7</v>
      </c>
      <c r="Z2958" s="5"/>
      <c r="AA2958" s="5" t="s">
        <v>43</v>
      </c>
      <c r="AB2958" s="5" t="s">
        <v>44</v>
      </c>
      <c r="AC2958" s="2"/>
      <c r="AD2958" s="1"/>
    </row>
    <row r="2959" spans="1:30">
      <c r="A2959" s="5" t="s">
        <v>83578</v>
      </c>
      <c r="B2959" s="2" t="s">
        <v>92479</v>
      </c>
      <c r="C2959" s="14" t="s">
        <v>92480</v>
      </c>
      <c r="D2959" s="2" t="s">
        <v>92481</v>
      </c>
      <c r="E2959" s="2" t="s">
        <v>36297</v>
      </c>
      <c r="F2959" s="8">
        <v>276</v>
      </c>
      <c r="G2959" s="5">
        <v>6</v>
      </c>
      <c r="H2959" s="5" t="s">
        <v>1518</v>
      </c>
      <c r="I2959" s="5" t="s">
        <v>36264</v>
      </c>
      <c r="J2959" s="2" t="s">
        <v>36265</v>
      </c>
      <c r="K2959" s="5" t="s">
        <v>36264</v>
      </c>
      <c r="L2959" s="2" t="s">
        <v>36265</v>
      </c>
      <c r="M2959" s="5" t="s">
        <v>36266</v>
      </c>
      <c r="N2959" s="5" t="s">
        <v>38</v>
      </c>
      <c r="O2959" s="5" t="s">
        <v>39</v>
      </c>
      <c r="P2959" s="5" t="s">
        <v>40</v>
      </c>
      <c r="Q2959" s="5" t="s">
        <v>1522</v>
      </c>
      <c r="R2959" s="5" t="s">
        <v>1523</v>
      </c>
      <c r="S2959" s="5" t="s">
        <v>42</v>
      </c>
      <c r="T2959" s="2">
        <v>2.4990000000000001</v>
      </c>
      <c r="U2959" s="2">
        <v>1.948</v>
      </c>
      <c r="V2959" s="2">
        <v>1.2999999999999999E-2</v>
      </c>
      <c r="W2959" s="2">
        <v>99.1</v>
      </c>
      <c r="X2959" s="2">
        <v>7.6</v>
      </c>
      <c r="Y2959" s="2">
        <v>16.7</v>
      </c>
      <c r="Z2959" s="5"/>
      <c r="AA2959" s="5" t="s">
        <v>43</v>
      </c>
      <c r="AB2959" s="5" t="s">
        <v>44</v>
      </c>
      <c r="AC2959" s="2"/>
      <c r="AD2959" s="1"/>
    </row>
    <row r="2960" spans="1:30">
      <c r="A2960" s="5" t="s">
        <v>83578</v>
      </c>
      <c r="B2960" s="2" t="s">
        <v>92482</v>
      </c>
      <c r="C2960" s="14" t="s">
        <v>92483</v>
      </c>
      <c r="D2960" s="2" t="s">
        <v>92484</v>
      </c>
      <c r="E2960" s="2" t="s">
        <v>36301</v>
      </c>
      <c r="F2960" s="8">
        <v>276</v>
      </c>
      <c r="G2960" s="5">
        <v>6</v>
      </c>
      <c r="H2960" s="5" t="s">
        <v>1518</v>
      </c>
      <c r="I2960" s="5" t="s">
        <v>36264</v>
      </c>
      <c r="J2960" s="2" t="s">
        <v>36265</v>
      </c>
      <c r="K2960" s="5" t="s">
        <v>36264</v>
      </c>
      <c r="L2960" s="2" t="s">
        <v>36265</v>
      </c>
      <c r="M2960" s="5" t="s">
        <v>36266</v>
      </c>
      <c r="N2960" s="5" t="s">
        <v>38</v>
      </c>
      <c r="O2960" s="5" t="s">
        <v>39</v>
      </c>
      <c r="P2960" s="5" t="s">
        <v>40</v>
      </c>
      <c r="Q2960" s="5" t="s">
        <v>1522</v>
      </c>
      <c r="R2960" s="5" t="s">
        <v>1523</v>
      </c>
      <c r="S2960" s="5" t="s">
        <v>42</v>
      </c>
      <c r="T2960" s="2">
        <v>2.5720000000000001</v>
      </c>
      <c r="U2960" s="2">
        <v>2.0209999999999999</v>
      </c>
      <c r="V2960" s="2">
        <v>1.2999999999999999E-2</v>
      </c>
      <c r="W2960" s="2">
        <v>99.1</v>
      </c>
      <c r="X2960" s="2">
        <v>7.6</v>
      </c>
      <c r="Y2960" s="2">
        <v>16.7</v>
      </c>
      <c r="Z2960" s="5"/>
      <c r="AA2960" s="5" t="s">
        <v>43</v>
      </c>
      <c r="AB2960" s="5" t="s">
        <v>44</v>
      </c>
      <c r="AC2960" s="2"/>
      <c r="AD2960" s="1"/>
    </row>
    <row r="2961" spans="1:30">
      <c r="A2961" s="5" t="s">
        <v>83578</v>
      </c>
      <c r="B2961" s="2" t="s">
        <v>92485</v>
      </c>
      <c r="C2961" s="14" t="s">
        <v>92486</v>
      </c>
      <c r="D2961" s="2" t="s">
        <v>92487</v>
      </c>
      <c r="E2961" s="2" t="s">
        <v>36305</v>
      </c>
      <c r="F2961" s="8">
        <v>276</v>
      </c>
      <c r="G2961" s="5">
        <v>6</v>
      </c>
      <c r="H2961" s="5" t="s">
        <v>1518</v>
      </c>
      <c r="I2961" s="5" t="s">
        <v>36264</v>
      </c>
      <c r="J2961" s="2" t="s">
        <v>36265</v>
      </c>
      <c r="K2961" s="5" t="s">
        <v>36264</v>
      </c>
      <c r="L2961" s="2" t="s">
        <v>36265</v>
      </c>
      <c r="M2961" s="5" t="s">
        <v>36266</v>
      </c>
      <c r="N2961" s="5" t="s">
        <v>38</v>
      </c>
      <c r="O2961" s="5" t="s">
        <v>39</v>
      </c>
      <c r="P2961" s="5" t="s">
        <v>40</v>
      </c>
      <c r="Q2961" s="5" t="s">
        <v>1522</v>
      </c>
      <c r="R2961" s="5" t="s">
        <v>1523</v>
      </c>
      <c r="S2961" s="5" t="s">
        <v>42</v>
      </c>
      <c r="T2961" s="2">
        <v>2.4990000000000001</v>
      </c>
      <c r="U2961" s="2">
        <v>1.948</v>
      </c>
      <c r="V2961" s="2">
        <v>1.2999999999999999E-2</v>
      </c>
      <c r="W2961" s="2">
        <v>99.1</v>
      </c>
      <c r="X2961" s="2">
        <v>7.6</v>
      </c>
      <c r="Y2961" s="2">
        <v>16.7</v>
      </c>
      <c r="Z2961" s="5"/>
      <c r="AA2961" s="5" t="s">
        <v>43</v>
      </c>
      <c r="AB2961" s="5" t="s">
        <v>44</v>
      </c>
      <c r="AC2961" s="2"/>
      <c r="AD2961" s="1"/>
    </row>
    <row r="2962" spans="1:30">
      <c r="A2962" s="5" t="s">
        <v>83578</v>
      </c>
      <c r="B2962" s="2" t="s">
        <v>92488</v>
      </c>
      <c r="C2962" s="14" t="s">
        <v>92489</v>
      </c>
      <c r="D2962" s="2" t="s">
        <v>92490</v>
      </c>
      <c r="E2962" s="2" t="s">
        <v>36309</v>
      </c>
      <c r="F2962" s="8">
        <v>276</v>
      </c>
      <c r="G2962" s="5">
        <v>6</v>
      </c>
      <c r="H2962" s="5" t="s">
        <v>1518</v>
      </c>
      <c r="I2962" s="5" t="s">
        <v>36264</v>
      </c>
      <c r="J2962" s="2" t="s">
        <v>36265</v>
      </c>
      <c r="K2962" s="5" t="s">
        <v>36264</v>
      </c>
      <c r="L2962" s="2" t="s">
        <v>36265</v>
      </c>
      <c r="M2962" s="5" t="s">
        <v>36266</v>
      </c>
      <c r="N2962" s="5" t="s">
        <v>38</v>
      </c>
      <c r="O2962" s="5" t="s">
        <v>39</v>
      </c>
      <c r="P2962" s="5" t="s">
        <v>40</v>
      </c>
      <c r="Q2962" s="5" t="s">
        <v>1522</v>
      </c>
      <c r="R2962" s="5" t="s">
        <v>1523</v>
      </c>
      <c r="S2962" s="5" t="s">
        <v>42</v>
      </c>
      <c r="T2962" s="2">
        <v>2.5720000000000001</v>
      </c>
      <c r="U2962" s="2">
        <v>2.0209999999999999</v>
      </c>
      <c r="V2962" s="2">
        <v>1.2999999999999999E-2</v>
      </c>
      <c r="W2962" s="2">
        <v>99.1</v>
      </c>
      <c r="X2962" s="2">
        <v>7.6</v>
      </c>
      <c r="Y2962" s="2">
        <v>16.7</v>
      </c>
      <c r="Z2962" s="5"/>
      <c r="AA2962" s="5" t="s">
        <v>43</v>
      </c>
      <c r="AB2962" s="5" t="s">
        <v>44</v>
      </c>
      <c r="AC2962" s="2"/>
      <c r="AD2962" s="1"/>
    </row>
    <row r="2963" spans="1:30">
      <c r="A2963" s="5" t="s">
        <v>83578</v>
      </c>
      <c r="B2963" s="2" t="s">
        <v>92491</v>
      </c>
      <c r="C2963" s="14" t="s">
        <v>92492</v>
      </c>
      <c r="D2963" s="2" t="s">
        <v>92493</v>
      </c>
      <c r="E2963" s="2" t="s">
        <v>36313</v>
      </c>
      <c r="F2963" s="8">
        <v>297</v>
      </c>
      <c r="G2963" s="5">
        <v>6</v>
      </c>
      <c r="H2963" s="5" t="s">
        <v>1518</v>
      </c>
      <c r="I2963" s="5" t="s">
        <v>36264</v>
      </c>
      <c r="J2963" s="2" t="s">
        <v>36265</v>
      </c>
      <c r="K2963" s="5" t="s">
        <v>36264</v>
      </c>
      <c r="L2963" s="2" t="s">
        <v>36265</v>
      </c>
      <c r="M2963" s="5" t="s">
        <v>36266</v>
      </c>
      <c r="N2963" s="5" t="s">
        <v>38</v>
      </c>
      <c r="O2963" s="5" t="s">
        <v>39</v>
      </c>
      <c r="P2963" s="5" t="s">
        <v>40</v>
      </c>
      <c r="Q2963" s="5" t="s">
        <v>1522</v>
      </c>
      <c r="R2963" s="5" t="s">
        <v>1523</v>
      </c>
      <c r="S2963" s="5" t="s">
        <v>42</v>
      </c>
      <c r="T2963" s="2">
        <v>2.4990000000000001</v>
      </c>
      <c r="U2963" s="2">
        <v>1.948</v>
      </c>
      <c r="V2963" s="2">
        <v>1.2999999999999999E-2</v>
      </c>
      <c r="W2963" s="2">
        <v>99.1</v>
      </c>
      <c r="X2963" s="2">
        <v>7.6</v>
      </c>
      <c r="Y2963" s="2">
        <v>16.7</v>
      </c>
      <c r="Z2963" s="5"/>
      <c r="AA2963" s="5" t="s">
        <v>43</v>
      </c>
      <c r="AB2963" s="5" t="s">
        <v>44</v>
      </c>
      <c r="AC2963" s="2"/>
      <c r="AD2963" s="1"/>
    </row>
    <row r="2964" spans="1:30">
      <c r="A2964" s="5" t="s">
        <v>83578</v>
      </c>
      <c r="B2964" s="2" t="s">
        <v>92494</v>
      </c>
      <c r="C2964" s="14" t="s">
        <v>92495</v>
      </c>
      <c r="D2964" s="2" t="s">
        <v>92496</v>
      </c>
      <c r="E2964" s="2" t="s">
        <v>36317</v>
      </c>
      <c r="F2964" s="8">
        <v>297</v>
      </c>
      <c r="G2964" s="5">
        <v>6</v>
      </c>
      <c r="H2964" s="5" t="s">
        <v>1518</v>
      </c>
      <c r="I2964" s="5" t="s">
        <v>36264</v>
      </c>
      <c r="J2964" s="2" t="s">
        <v>36265</v>
      </c>
      <c r="K2964" s="5" t="s">
        <v>36264</v>
      </c>
      <c r="L2964" s="2" t="s">
        <v>36265</v>
      </c>
      <c r="M2964" s="5" t="s">
        <v>36266</v>
      </c>
      <c r="N2964" s="5" t="s">
        <v>38</v>
      </c>
      <c r="O2964" s="5" t="s">
        <v>39</v>
      </c>
      <c r="P2964" s="5" t="s">
        <v>40</v>
      </c>
      <c r="Q2964" s="5" t="s">
        <v>1522</v>
      </c>
      <c r="R2964" s="5" t="s">
        <v>1523</v>
      </c>
      <c r="S2964" s="5" t="s">
        <v>42</v>
      </c>
      <c r="T2964" s="2">
        <v>2.5720000000000001</v>
      </c>
      <c r="U2964" s="2">
        <v>2.0209999999999999</v>
      </c>
      <c r="V2964" s="2">
        <v>1.2999999999999999E-2</v>
      </c>
      <c r="W2964" s="2">
        <v>99.1</v>
      </c>
      <c r="X2964" s="2">
        <v>7.6</v>
      </c>
      <c r="Y2964" s="2">
        <v>16.7</v>
      </c>
      <c r="Z2964" s="5"/>
      <c r="AA2964" s="5" t="s">
        <v>43</v>
      </c>
      <c r="AB2964" s="5" t="s">
        <v>44</v>
      </c>
      <c r="AC2964" s="2"/>
      <c r="AD2964" s="1"/>
    </row>
    <row r="2965" spans="1:30">
      <c r="A2965" s="5" t="s">
        <v>83578</v>
      </c>
      <c r="B2965" s="2" t="s">
        <v>92497</v>
      </c>
      <c r="C2965" s="14" t="s">
        <v>92498</v>
      </c>
      <c r="D2965" s="2" t="s">
        <v>92499</v>
      </c>
      <c r="E2965" s="2" t="s">
        <v>36321</v>
      </c>
      <c r="F2965" s="8">
        <v>297</v>
      </c>
      <c r="G2965" s="5">
        <v>6</v>
      </c>
      <c r="H2965" s="5" t="s">
        <v>1518</v>
      </c>
      <c r="I2965" s="5" t="s">
        <v>36264</v>
      </c>
      <c r="J2965" s="2" t="s">
        <v>36265</v>
      </c>
      <c r="K2965" s="5" t="s">
        <v>36264</v>
      </c>
      <c r="L2965" s="2" t="s">
        <v>36265</v>
      </c>
      <c r="M2965" s="5" t="s">
        <v>36266</v>
      </c>
      <c r="N2965" s="5" t="s">
        <v>38</v>
      </c>
      <c r="O2965" s="5" t="s">
        <v>39</v>
      </c>
      <c r="P2965" s="5" t="s">
        <v>40</v>
      </c>
      <c r="Q2965" s="5" t="s">
        <v>1522</v>
      </c>
      <c r="R2965" s="5" t="s">
        <v>1523</v>
      </c>
      <c r="S2965" s="5" t="s">
        <v>42</v>
      </c>
      <c r="T2965" s="2">
        <v>2.4990000000000001</v>
      </c>
      <c r="U2965" s="2">
        <v>1.948</v>
      </c>
      <c r="V2965" s="2">
        <v>1.2999999999999999E-2</v>
      </c>
      <c r="W2965" s="2">
        <v>99.1</v>
      </c>
      <c r="X2965" s="2">
        <v>7.6</v>
      </c>
      <c r="Y2965" s="2">
        <v>16.7</v>
      </c>
      <c r="Z2965" s="5"/>
      <c r="AA2965" s="5" t="s">
        <v>43</v>
      </c>
      <c r="AB2965" s="5" t="s">
        <v>44</v>
      </c>
      <c r="AC2965" s="2"/>
      <c r="AD2965" s="1"/>
    </row>
    <row r="2966" spans="1:30">
      <c r="A2966" s="5" t="s">
        <v>83578</v>
      </c>
      <c r="B2966" s="2" t="s">
        <v>92500</v>
      </c>
      <c r="C2966" s="14" t="s">
        <v>92501</v>
      </c>
      <c r="D2966" s="2" t="s">
        <v>92502</v>
      </c>
      <c r="E2966" s="2" t="s">
        <v>36325</v>
      </c>
      <c r="F2966" s="8">
        <v>297</v>
      </c>
      <c r="G2966" s="5">
        <v>6</v>
      </c>
      <c r="H2966" s="5" t="s">
        <v>1518</v>
      </c>
      <c r="I2966" s="5" t="s">
        <v>36264</v>
      </c>
      <c r="J2966" s="2" t="s">
        <v>36265</v>
      </c>
      <c r="K2966" s="5" t="s">
        <v>36264</v>
      </c>
      <c r="L2966" s="2" t="s">
        <v>36265</v>
      </c>
      <c r="M2966" s="5" t="s">
        <v>36266</v>
      </c>
      <c r="N2966" s="5" t="s">
        <v>38</v>
      </c>
      <c r="O2966" s="5" t="s">
        <v>39</v>
      </c>
      <c r="P2966" s="5" t="s">
        <v>40</v>
      </c>
      <c r="Q2966" s="5" t="s">
        <v>1522</v>
      </c>
      <c r="R2966" s="5" t="s">
        <v>1523</v>
      </c>
      <c r="S2966" s="5" t="s">
        <v>42</v>
      </c>
      <c r="T2966" s="2">
        <v>2.5720000000000001</v>
      </c>
      <c r="U2966" s="2">
        <v>2.0209999999999999</v>
      </c>
      <c r="V2966" s="2">
        <v>1.2999999999999999E-2</v>
      </c>
      <c r="W2966" s="2">
        <v>99.1</v>
      </c>
      <c r="X2966" s="2">
        <v>7.6</v>
      </c>
      <c r="Y2966" s="2">
        <v>16.7</v>
      </c>
      <c r="Z2966" s="5"/>
      <c r="AA2966" s="5" t="s">
        <v>43</v>
      </c>
      <c r="AB2966" s="5" t="s">
        <v>44</v>
      </c>
      <c r="AC2966" s="2"/>
      <c r="AD2966" s="1"/>
    </row>
    <row r="2967" spans="1:30">
      <c r="A2967" s="5" t="s">
        <v>83578</v>
      </c>
      <c r="B2967" s="2" t="s">
        <v>92503</v>
      </c>
      <c r="C2967" s="14" t="s">
        <v>92504</v>
      </c>
      <c r="D2967" s="2" t="s">
        <v>92505</v>
      </c>
      <c r="E2967" s="2" t="s">
        <v>36337</v>
      </c>
      <c r="F2967" s="8">
        <v>297</v>
      </c>
      <c r="G2967" s="5">
        <v>6</v>
      </c>
      <c r="H2967" s="5" t="s">
        <v>1518</v>
      </c>
      <c r="I2967" s="5" t="s">
        <v>36264</v>
      </c>
      <c r="J2967" s="2" t="s">
        <v>36265</v>
      </c>
      <c r="K2967" s="5" t="s">
        <v>36264</v>
      </c>
      <c r="L2967" s="2" t="s">
        <v>36265</v>
      </c>
      <c r="M2967" s="5" t="s">
        <v>36266</v>
      </c>
      <c r="N2967" s="5" t="s">
        <v>38</v>
      </c>
      <c r="O2967" s="5" t="s">
        <v>39</v>
      </c>
      <c r="P2967" s="5" t="s">
        <v>40</v>
      </c>
      <c r="Q2967" s="5" t="s">
        <v>1522</v>
      </c>
      <c r="R2967" s="5" t="s">
        <v>1523</v>
      </c>
      <c r="S2967" s="5" t="s">
        <v>42</v>
      </c>
      <c r="T2967" s="2">
        <v>2.4990000000000001</v>
      </c>
      <c r="U2967" s="2">
        <v>1.948</v>
      </c>
      <c r="V2967" s="2">
        <v>1.2999999999999999E-2</v>
      </c>
      <c r="W2967" s="2">
        <v>99.1</v>
      </c>
      <c r="X2967" s="2">
        <v>7.6</v>
      </c>
      <c r="Y2967" s="2">
        <v>16.7</v>
      </c>
      <c r="Z2967" s="5"/>
      <c r="AA2967" s="5" t="s">
        <v>43</v>
      </c>
      <c r="AB2967" s="5" t="s">
        <v>44</v>
      </c>
      <c r="AC2967" s="2"/>
      <c r="AD2967" s="1"/>
    </row>
    <row r="2968" spans="1:30">
      <c r="A2968" s="5" t="s">
        <v>83578</v>
      </c>
      <c r="B2968" s="2" t="s">
        <v>92506</v>
      </c>
      <c r="C2968" s="14" t="s">
        <v>92507</v>
      </c>
      <c r="D2968" s="2" t="s">
        <v>92508</v>
      </c>
      <c r="E2968" s="2" t="s">
        <v>36341</v>
      </c>
      <c r="F2968" s="8">
        <v>297</v>
      </c>
      <c r="G2968" s="5">
        <v>6</v>
      </c>
      <c r="H2968" s="5" t="s">
        <v>1518</v>
      </c>
      <c r="I2968" s="5" t="s">
        <v>36264</v>
      </c>
      <c r="J2968" s="2" t="s">
        <v>36265</v>
      </c>
      <c r="K2968" s="5" t="s">
        <v>36264</v>
      </c>
      <c r="L2968" s="2" t="s">
        <v>36265</v>
      </c>
      <c r="M2968" s="5" t="s">
        <v>36266</v>
      </c>
      <c r="N2968" s="5" t="s">
        <v>38</v>
      </c>
      <c r="O2968" s="5" t="s">
        <v>39</v>
      </c>
      <c r="P2968" s="5" t="s">
        <v>40</v>
      </c>
      <c r="Q2968" s="5" t="s">
        <v>1522</v>
      </c>
      <c r="R2968" s="5" t="s">
        <v>1523</v>
      </c>
      <c r="S2968" s="5" t="s">
        <v>42</v>
      </c>
      <c r="T2968" s="2">
        <v>2.5720000000000001</v>
      </c>
      <c r="U2968" s="2">
        <v>2.0209999999999999</v>
      </c>
      <c r="V2968" s="2">
        <v>1.2999999999999999E-2</v>
      </c>
      <c r="W2968" s="2">
        <v>99.1</v>
      </c>
      <c r="X2968" s="2">
        <v>7.6</v>
      </c>
      <c r="Y2968" s="2">
        <v>16.7</v>
      </c>
      <c r="Z2968" s="5"/>
      <c r="AA2968" s="5" t="s">
        <v>43</v>
      </c>
      <c r="AB2968" s="5" t="s">
        <v>44</v>
      </c>
      <c r="AC2968" s="2"/>
      <c r="AD2968" s="1"/>
    </row>
    <row r="2969" spans="1:30">
      <c r="A2969" s="5" t="s">
        <v>83578</v>
      </c>
      <c r="B2969" s="2" t="s">
        <v>92509</v>
      </c>
      <c r="C2969" s="14" t="s">
        <v>92510</v>
      </c>
      <c r="D2969" s="2" t="s">
        <v>92511</v>
      </c>
      <c r="E2969" s="2" t="s">
        <v>36345</v>
      </c>
      <c r="F2969" s="8">
        <v>297</v>
      </c>
      <c r="G2969" s="5">
        <v>6</v>
      </c>
      <c r="H2969" s="5" t="s">
        <v>1518</v>
      </c>
      <c r="I2969" s="5" t="s">
        <v>36264</v>
      </c>
      <c r="J2969" s="2" t="s">
        <v>36265</v>
      </c>
      <c r="K2969" s="5" t="s">
        <v>36264</v>
      </c>
      <c r="L2969" s="2" t="s">
        <v>36265</v>
      </c>
      <c r="M2969" s="5" t="s">
        <v>36266</v>
      </c>
      <c r="N2969" s="5" t="s">
        <v>38</v>
      </c>
      <c r="O2969" s="5" t="s">
        <v>39</v>
      </c>
      <c r="P2969" s="5" t="s">
        <v>40</v>
      </c>
      <c r="Q2969" s="5" t="s">
        <v>1522</v>
      </c>
      <c r="R2969" s="5" t="s">
        <v>1523</v>
      </c>
      <c r="S2969" s="5" t="s">
        <v>42</v>
      </c>
      <c r="T2969" s="2">
        <v>2.4990000000000001</v>
      </c>
      <c r="U2969" s="2">
        <v>1.948</v>
      </c>
      <c r="V2969" s="2">
        <v>1.2999999999999999E-2</v>
      </c>
      <c r="W2969" s="2">
        <v>99.1</v>
      </c>
      <c r="X2969" s="2">
        <v>7.6</v>
      </c>
      <c r="Y2969" s="2">
        <v>16.7</v>
      </c>
      <c r="Z2969" s="5"/>
      <c r="AA2969" s="5" t="s">
        <v>43</v>
      </c>
      <c r="AB2969" s="5" t="s">
        <v>44</v>
      </c>
      <c r="AC2969" s="2"/>
      <c r="AD2969" s="1"/>
    </row>
    <row r="2970" spans="1:30">
      <c r="A2970" s="5" t="s">
        <v>83578</v>
      </c>
      <c r="B2970" s="2" t="s">
        <v>92512</v>
      </c>
      <c r="C2970" s="14" t="s">
        <v>92513</v>
      </c>
      <c r="D2970" s="2" t="s">
        <v>92514</v>
      </c>
      <c r="E2970" s="2" t="s">
        <v>36349</v>
      </c>
      <c r="F2970" s="8">
        <v>297</v>
      </c>
      <c r="G2970" s="5">
        <v>6</v>
      </c>
      <c r="H2970" s="5" t="s">
        <v>1518</v>
      </c>
      <c r="I2970" s="5" t="s">
        <v>36264</v>
      </c>
      <c r="J2970" s="2" t="s">
        <v>36265</v>
      </c>
      <c r="K2970" s="5" t="s">
        <v>36264</v>
      </c>
      <c r="L2970" s="2" t="s">
        <v>36265</v>
      </c>
      <c r="M2970" s="5" t="s">
        <v>36266</v>
      </c>
      <c r="N2970" s="5" t="s">
        <v>38</v>
      </c>
      <c r="O2970" s="5" t="s">
        <v>39</v>
      </c>
      <c r="P2970" s="5" t="s">
        <v>40</v>
      </c>
      <c r="Q2970" s="5" t="s">
        <v>1522</v>
      </c>
      <c r="R2970" s="5" t="s">
        <v>1523</v>
      </c>
      <c r="S2970" s="5" t="s">
        <v>42</v>
      </c>
      <c r="T2970" s="2">
        <v>2.5720000000000001</v>
      </c>
      <c r="U2970" s="2">
        <v>2.0209999999999999</v>
      </c>
      <c r="V2970" s="2">
        <v>1.2999999999999999E-2</v>
      </c>
      <c r="W2970" s="2">
        <v>99.1</v>
      </c>
      <c r="X2970" s="2">
        <v>7.6</v>
      </c>
      <c r="Y2970" s="2">
        <v>16.7</v>
      </c>
      <c r="Z2970" s="5"/>
      <c r="AA2970" s="5" t="s">
        <v>43</v>
      </c>
      <c r="AB2970" s="5" t="s">
        <v>44</v>
      </c>
      <c r="AC2970" s="2"/>
      <c r="AD2970" s="1"/>
    </row>
    <row r="2971" spans="1:30">
      <c r="A2971" s="5" t="s">
        <v>83578</v>
      </c>
      <c r="B2971" s="2" t="s">
        <v>92515</v>
      </c>
      <c r="C2971" s="14" t="s">
        <v>92516</v>
      </c>
      <c r="D2971" s="2" t="s">
        <v>92517</v>
      </c>
      <c r="E2971" s="2" t="s">
        <v>36353</v>
      </c>
      <c r="F2971" s="8">
        <v>297</v>
      </c>
      <c r="G2971" s="5">
        <v>6</v>
      </c>
      <c r="H2971" s="5" t="s">
        <v>1518</v>
      </c>
      <c r="I2971" s="5" t="s">
        <v>36264</v>
      </c>
      <c r="J2971" s="2" t="s">
        <v>36265</v>
      </c>
      <c r="K2971" s="5" t="s">
        <v>36264</v>
      </c>
      <c r="L2971" s="2" t="s">
        <v>36265</v>
      </c>
      <c r="M2971" s="5" t="s">
        <v>36266</v>
      </c>
      <c r="N2971" s="5" t="s">
        <v>38</v>
      </c>
      <c r="O2971" s="5" t="s">
        <v>39</v>
      </c>
      <c r="P2971" s="5" t="s">
        <v>40</v>
      </c>
      <c r="Q2971" s="5" t="s">
        <v>1522</v>
      </c>
      <c r="R2971" s="5" t="s">
        <v>1523</v>
      </c>
      <c r="S2971" s="5" t="s">
        <v>42</v>
      </c>
      <c r="T2971" s="2">
        <v>2.4990000000000001</v>
      </c>
      <c r="U2971" s="2">
        <v>1.948</v>
      </c>
      <c r="V2971" s="2">
        <v>1.2999999999999999E-2</v>
      </c>
      <c r="W2971" s="2">
        <v>99.1</v>
      </c>
      <c r="X2971" s="2">
        <v>7.6</v>
      </c>
      <c r="Y2971" s="2">
        <v>16.7</v>
      </c>
      <c r="Z2971" s="5"/>
      <c r="AA2971" s="5" t="s">
        <v>43</v>
      </c>
      <c r="AB2971" s="5" t="s">
        <v>44</v>
      </c>
      <c r="AC2971" s="2"/>
      <c r="AD2971" s="1"/>
    </row>
    <row r="2972" spans="1:30">
      <c r="A2972" s="5" t="s">
        <v>83578</v>
      </c>
      <c r="B2972" s="2" t="s">
        <v>92518</v>
      </c>
      <c r="C2972" s="14" t="s">
        <v>92519</v>
      </c>
      <c r="D2972" s="2" t="s">
        <v>92520</v>
      </c>
      <c r="E2972" s="2" t="s">
        <v>36357</v>
      </c>
      <c r="F2972" s="8">
        <v>297</v>
      </c>
      <c r="G2972" s="5">
        <v>6</v>
      </c>
      <c r="H2972" s="5" t="s">
        <v>1518</v>
      </c>
      <c r="I2972" s="5" t="s">
        <v>36264</v>
      </c>
      <c r="J2972" s="2" t="s">
        <v>36265</v>
      </c>
      <c r="K2972" s="5" t="s">
        <v>36264</v>
      </c>
      <c r="L2972" s="2" t="s">
        <v>36265</v>
      </c>
      <c r="M2972" s="5" t="s">
        <v>36266</v>
      </c>
      <c r="N2972" s="5" t="s">
        <v>38</v>
      </c>
      <c r="O2972" s="5" t="s">
        <v>39</v>
      </c>
      <c r="P2972" s="5" t="s">
        <v>40</v>
      </c>
      <c r="Q2972" s="5" t="s">
        <v>1522</v>
      </c>
      <c r="R2972" s="5" t="s">
        <v>1523</v>
      </c>
      <c r="S2972" s="5" t="s">
        <v>42</v>
      </c>
      <c r="T2972" s="2">
        <v>2.5720000000000001</v>
      </c>
      <c r="U2972" s="2">
        <v>2.0209999999999999</v>
      </c>
      <c r="V2972" s="2">
        <v>1.2999999999999999E-2</v>
      </c>
      <c r="W2972" s="2">
        <v>99.1</v>
      </c>
      <c r="X2972" s="2">
        <v>7.6</v>
      </c>
      <c r="Y2972" s="2">
        <v>16.7</v>
      </c>
      <c r="Z2972" s="5"/>
      <c r="AA2972" s="5" t="s">
        <v>43</v>
      </c>
      <c r="AB2972" s="5" t="s">
        <v>44</v>
      </c>
      <c r="AC2972" s="2"/>
      <c r="AD2972" s="1"/>
    </row>
    <row r="2973" spans="1:30">
      <c r="A2973" s="5" t="s">
        <v>83578</v>
      </c>
      <c r="B2973" s="2" t="s">
        <v>92521</v>
      </c>
      <c r="C2973" s="14" t="s">
        <v>92522</v>
      </c>
      <c r="D2973" s="2" t="s">
        <v>92523</v>
      </c>
      <c r="E2973" s="2" t="s">
        <v>45534</v>
      </c>
      <c r="F2973" s="8">
        <v>297</v>
      </c>
      <c r="G2973" s="5">
        <v>6</v>
      </c>
      <c r="H2973" s="5" t="s">
        <v>1518</v>
      </c>
      <c r="I2973" s="5" t="s">
        <v>36264</v>
      </c>
      <c r="J2973" s="2" t="s">
        <v>36265</v>
      </c>
      <c r="K2973" s="5" t="s">
        <v>36264</v>
      </c>
      <c r="L2973" s="2" t="s">
        <v>36265</v>
      </c>
      <c r="M2973" s="5" t="s">
        <v>36266</v>
      </c>
      <c r="N2973" s="5" t="s">
        <v>38</v>
      </c>
      <c r="O2973" s="5" t="s">
        <v>39</v>
      </c>
      <c r="P2973" s="5" t="s">
        <v>40</v>
      </c>
      <c r="Q2973" s="5" t="s">
        <v>1522</v>
      </c>
      <c r="R2973" s="5" t="s">
        <v>1523</v>
      </c>
      <c r="S2973" s="5" t="s">
        <v>42</v>
      </c>
      <c r="T2973" s="2">
        <v>2.5720000000000001</v>
      </c>
      <c r="U2973" s="2">
        <v>2.0209999999999999</v>
      </c>
      <c r="V2973" s="2">
        <v>1.2999999999999999E-2</v>
      </c>
      <c r="W2973" s="2">
        <v>99.1</v>
      </c>
      <c r="X2973" s="2">
        <v>7.6</v>
      </c>
      <c r="Y2973" s="2">
        <v>16.7</v>
      </c>
      <c r="Z2973" s="5"/>
      <c r="AA2973" s="5" t="s">
        <v>43</v>
      </c>
      <c r="AB2973" s="5" t="s">
        <v>44</v>
      </c>
      <c r="AC2973" s="2"/>
      <c r="AD2973" s="1"/>
    </row>
    <row r="2974" spans="1:30">
      <c r="A2974" s="5" t="s">
        <v>83578</v>
      </c>
      <c r="B2974" s="2" t="s">
        <v>92524</v>
      </c>
      <c r="C2974" s="14" t="s">
        <v>92525</v>
      </c>
      <c r="D2974" s="2" t="s">
        <v>92526</v>
      </c>
      <c r="E2974" s="2" t="s">
        <v>36373</v>
      </c>
      <c r="F2974" s="8">
        <v>297</v>
      </c>
      <c r="G2974" s="5">
        <v>6</v>
      </c>
      <c r="H2974" s="5" t="s">
        <v>1518</v>
      </c>
      <c r="I2974" s="5" t="s">
        <v>36264</v>
      </c>
      <c r="J2974" s="2" t="s">
        <v>36265</v>
      </c>
      <c r="K2974" s="5" t="s">
        <v>36264</v>
      </c>
      <c r="L2974" s="2" t="s">
        <v>36265</v>
      </c>
      <c r="M2974" s="5" t="s">
        <v>36266</v>
      </c>
      <c r="N2974" s="5" t="s">
        <v>38</v>
      </c>
      <c r="O2974" s="5" t="s">
        <v>39</v>
      </c>
      <c r="P2974" s="5" t="s">
        <v>40</v>
      </c>
      <c r="Q2974" s="5" t="s">
        <v>1522</v>
      </c>
      <c r="R2974" s="5" t="s">
        <v>1523</v>
      </c>
      <c r="S2974" s="5" t="s">
        <v>42</v>
      </c>
      <c r="T2974" s="2">
        <v>2.5720000000000001</v>
      </c>
      <c r="U2974" s="2">
        <v>2.0209999999999999</v>
      </c>
      <c r="V2974" s="2">
        <v>1.2999999999999999E-2</v>
      </c>
      <c r="W2974" s="2">
        <v>99.1</v>
      </c>
      <c r="X2974" s="2">
        <v>7.6</v>
      </c>
      <c r="Y2974" s="2">
        <v>16.7</v>
      </c>
      <c r="Z2974" s="5"/>
      <c r="AA2974" s="5" t="s">
        <v>43</v>
      </c>
      <c r="AB2974" s="5" t="s">
        <v>44</v>
      </c>
      <c r="AC2974" s="2"/>
      <c r="AD2974" s="1"/>
    </row>
    <row r="2975" spans="1:30">
      <c r="A2975" s="5" t="s">
        <v>83578</v>
      </c>
      <c r="B2975" s="2" t="s">
        <v>92527</v>
      </c>
      <c r="C2975" s="14" t="s">
        <v>92528</v>
      </c>
      <c r="D2975" s="2" t="s">
        <v>92529</v>
      </c>
      <c r="E2975" s="2" t="s">
        <v>36385</v>
      </c>
      <c r="F2975" s="8">
        <v>297</v>
      </c>
      <c r="G2975" s="5">
        <v>6</v>
      </c>
      <c r="H2975" s="5" t="s">
        <v>1518</v>
      </c>
      <c r="I2975" s="5" t="s">
        <v>36264</v>
      </c>
      <c r="J2975" s="2" t="s">
        <v>36265</v>
      </c>
      <c r="K2975" s="5" t="s">
        <v>36264</v>
      </c>
      <c r="L2975" s="2" t="s">
        <v>36265</v>
      </c>
      <c r="M2975" s="5" t="s">
        <v>36266</v>
      </c>
      <c r="N2975" s="5" t="s">
        <v>38</v>
      </c>
      <c r="O2975" s="5" t="s">
        <v>39</v>
      </c>
      <c r="P2975" s="5" t="s">
        <v>40</v>
      </c>
      <c r="Q2975" s="5" t="s">
        <v>1522</v>
      </c>
      <c r="R2975" s="5" t="s">
        <v>1523</v>
      </c>
      <c r="S2975" s="5" t="s">
        <v>42</v>
      </c>
      <c r="T2975" s="2">
        <v>2.4990000000000001</v>
      </c>
      <c r="U2975" s="2">
        <v>1.948</v>
      </c>
      <c r="V2975" s="2">
        <v>1.2999999999999999E-2</v>
      </c>
      <c r="W2975" s="2">
        <v>99.1</v>
      </c>
      <c r="X2975" s="2">
        <v>7.6</v>
      </c>
      <c r="Y2975" s="2">
        <v>16.7</v>
      </c>
      <c r="Z2975" s="5"/>
      <c r="AA2975" s="5" t="s">
        <v>43</v>
      </c>
      <c r="AB2975" s="5" t="s">
        <v>44</v>
      </c>
      <c r="AC2975" s="2"/>
      <c r="AD2975" s="1"/>
    </row>
    <row r="2976" spans="1:30">
      <c r="A2976" s="5" t="s">
        <v>83578</v>
      </c>
      <c r="B2976" s="2" t="s">
        <v>92530</v>
      </c>
      <c r="C2976" s="14" t="s">
        <v>92531</v>
      </c>
      <c r="D2976" s="2" t="s">
        <v>92532</v>
      </c>
      <c r="E2976" s="2" t="s">
        <v>36389</v>
      </c>
      <c r="F2976" s="8">
        <v>297</v>
      </c>
      <c r="G2976" s="5">
        <v>6</v>
      </c>
      <c r="H2976" s="5" t="s">
        <v>1518</v>
      </c>
      <c r="I2976" s="5" t="s">
        <v>36264</v>
      </c>
      <c r="J2976" s="2" t="s">
        <v>36265</v>
      </c>
      <c r="K2976" s="5" t="s">
        <v>36264</v>
      </c>
      <c r="L2976" s="2" t="s">
        <v>36265</v>
      </c>
      <c r="M2976" s="5" t="s">
        <v>36266</v>
      </c>
      <c r="N2976" s="5" t="s">
        <v>38</v>
      </c>
      <c r="O2976" s="5" t="s">
        <v>39</v>
      </c>
      <c r="P2976" s="5" t="s">
        <v>40</v>
      </c>
      <c r="Q2976" s="5" t="s">
        <v>1522</v>
      </c>
      <c r="R2976" s="5" t="s">
        <v>1523</v>
      </c>
      <c r="S2976" s="5" t="s">
        <v>42</v>
      </c>
      <c r="T2976" s="2">
        <v>2.5720000000000001</v>
      </c>
      <c r="U2976" s="2">
        <v>2.0209999999999999</v>
      </c>
      <c r="V2976" s="2">
        <v>1.2999999999999999E-2</v>
      </c>
      <c r="W2976" s="2">
        <v>99.1</v>
      </c>
      <c r="X2976" s="2">
        <v>7.6</v>
      </c>
      <c r="Y2976" s="2">
        <v>16.7</v>
      </c>
      <c r="Z2976" s="5"/>
      <c r="AA2976" s="5" t="s">
        <v>43</v>
      </c>
      <c r="AB2976" s="5" t="s">
        <v>44</v>
      </c>
      <c r="AC2976" s="2"/>
      <c r="AD2976" s="1"/>
    </row>
    <row r="2977" spans="1:30">
      <c r="A2977" s="5" t="s">
        <v>83578</v>
      </c>
      <c r="B2977" s="2" t="s">
        <v>92533</v>
      </c>
      <c r="C2977" s="14" t="s">
        <v>92534</v>
      </c>
      <c r="D2977" s="2" t="s">
        <v>92535</v>
      </c>
      <c r="E2977" s="2" t="s">
        <v>7204</v>
      </c>
      <c r="F2977" s="8">
        <v>280</v>
      </c>
      <c r="G2977" s="5">
        <v>6</v>
      </c>
      <c r="H2977" s="5" t="s">
        <v>1518</v>
      </c>
      <c r="I2977" s="5" t="s">
        <v>36264</v>
      </c>
      <c r="J2977" s="2" t="s">
        <v>36265</v>
      </c>
      <c r="K2977" s="5" t="s">
        <v>36264</v>
      </c>
      <c r="L2977" s="2" t="s">
        <v>36265</v>
      </c>
      <c r="M2977" s="5" t="s">
        <v>36266</v>
      </c>
      <c r="N2977" s="5" t="s">
        <v>38</v>
      </c>
      <c r="O2977" s="5" t="s">
        <v>39</v>
      </c>
      <c r="P2977" s="5" t="s">
        <v>40</v>
      </c>
      <c r="Q2977" s="5" t="s">
        <v>1522</v>
      </c>
      <c r="R2977" s="5" t="s">
        <v>1523</v>
      </c>
      <c r="S2977" s="5" t="s">
        <v>42</v>
      </c>
      <c r="T2977" s="2">
        <v>2.661</v>
      </c>
      <c r="U2977" s="2">
        <v>2.11</v>
      </c>
      <c r="V2977" s="2">
        <v>1.4999999999999999E-2</v>
      </c>
      <c r="W2977" s="2">
        <v>118.9</v>
      </c>
      <c r="X2977" s="2">
        <v>7.6</v>
      </c>
      <c r="Y2977" s="2">
        <v>16.7</v>
      </c>
      <c r="Z2977" s="5"/>
      <c r="AA2977" s="5" t="s">
        <v>43</v>
      </c>
      <c r="AB2977" s="5" t="s">
        <v>44</v>
      </c>
      <c r="AC2977" s="2"/>
      <c r="AD2977" s="1"/>
    </row>
    <row r="2978" spans="1:30">
      <c r="A2978" s="5" t="s">
        <v>83578</v>
      </c>
      <c r="B2978" s="2" t="s">
        <v>92536</v>
      </c>
      <c r="C2978" s="14" t="s">
        <v>92537</v>
      </c>
      <c r="D2978" s="2" t="s">
        <v>92538</v>
      </c>
      <c r="E2978" s="2" t="s">
        <v>7514</v>
      </c>
      <c r="F2978" s="8">
        <v>280</v>
      </c>
      <c r="G2978" s="5">
        <v>6</v>
      </c>
      <c r="H2978" s="5" t="s">
        <v>1518</v>
      </c>
      <c r="I2978" s="5" t="s">
        <v>36264</v>
      </c>
      <c r="J2978" s="2" t="s">
        <v>36265</v>
      </c>
      <c r="K2978" s="5" t="s">
        <v>36264</v>
      </c>
      <c r="L2978" s="2" t="s">
        <v>36265</v>
      </c>
      <c r="M2978" s="5" t="s">
        <v>36266</v>
      </c>
      <c r="N2978" s="5" t="s">
        <v>38</v>
      </c>
      <c r="O2978" s="5" t="s">
        <v>39</v>
      </c>
      <c r="P2978" s="5" t="s">
        <v>40</v>
      </c>
      <c r="Q2978" s="5" t="s">
        <v>1522</v>
      </c>
      <c r="R2978" s="5" t="s">
        <v>1523</v>
      </c>
      <c r="S2978" s="5" t="s">
        <v>42</v>
      </c>
      <c r="T2978" s="2">
        <v>2.7480000000000002</v>
      </c>
      <c r="U2978" s="2">
        <v>2.1970000000000001</v>
      </c>
      <c r="V2978" s="2">
        <v>1.4999999999999999E-2</v>
      </c>
      <c r="W2978" s="2">
        <v>118.9</v>
      </c>
      <c r="X2978" s="2">
        <v>7.6</v>
      </c>
      <c r="Y2978" s="2">
        <v>16.7</v>
      </c>
      <c r="Z2978" s="5"/>
      <c r="AA2978" s="5" t="s">
        <v>43</v>
      </c>
      <c r="AB2978" s="5" t="s">
        <v>44</v>
      </c>
      <c r="AC2978" s="2"/>
      <c r="AD2978" s="1"/>
    </row>
    <row r="2979" spans="1:30">
      <c r="A2979" s="5" t="s">
        <v>83578</v>
      </c>
      <c r="B2979" s="2" t="s">
        <v>92539</v>
      </c>
      <c r="C2979" s="14" t="s">
        <v>92540</v>
      </c>
      <c r="D2979" s="2" t="s">
        <v>92541</v>
      </c>
      <c r="E2979" s="2" t="s">
        <v>36273</v>
      </c>
      <c r="F2979" s="8">
        <v>280</v>
      </c>
      <c r="G2979" s="5">
        <v>6</v>
      </c>
      <c r="H2979" s="5" t="s">
        <v>1518</v>
      </c>
      <c r="I2979" s="5" t="s">
        <v>36264</v>
      </c>
      <c r="J2979" s="2" t="s">
        <v>36265</v>
      </c>
      <c r="K2979" s="5" t="s">
        <v>36264</v>
      </c>
      <c r="L2979" s="2" t="s">
        <v>36265</v>
      </c>
      <c r="M2979" s="5" t="s">
        <v>36266</v>
      </c>
      <c r="N2979" s="5" t="s">
        <v>38</v>
      </c>
      <c r="O2979" s="5" t="s">
        <v>39</v>
      </c>
      <c r="P2979" s="5" t="s">
        <v>40</v>
      </c>
      <c r="Q2979" s="5" t="s">
        <v>1522</v>
      </c>
      <c r="R2979" s="5" t="s">
        <v>1523</v>
      </c>
      <c r="S2979" s="5" t="s">
        <v>42</v>
      </c>
      <c r="T2979" s="2">
        <v>2.661</v>
      </c>
      <c r="U2979" s="2">
        <v>2.11</v>
      </c>
      <c r="V2979" s="2">
        <v>1.4999999999999999E-2</v>
      </c>
      <c r="W2979" s="2">
        <v>118.9</v>
      </c>
      <c r="X2979" s="2">
        <v>7.6</v>
      </c>
      <c r="Y2979" s="2">
        <v>16.7</v>
      </c>
      <c r="Z2979" s="5"/>
      <c r="AA2979" s="5" t="s">
        <v>43</v>
      </c>
      <c r="AB2979" s="5" t="s">
        <v>44</v>
      </c>
      <c r="AC2979" s="2"/>
      <c r="AD2979" s="1"/>
    </row>
    <row r="2980" spans="1:30">
      <c r="A2980" s="5" t="s">
        <v>83578</v>
      </c>
      <c r="B2980" s="2" t="s">
        <v>92542</v>
      </c>
      <c r="C2980" s="14" t="s">
        <v>92543</v>
      </c>
      <c r="D2980" s="2" t="s">
        <v>92544</v>
      </c>
      <c r="E2980" s="2" t="s">
        <v>36277</v>
      </c>
      <c r="F2980" s="8">
        <v>280</v>
      </c>
      <c r="G2980" s="5">
        <v>6</v>
      </c>
      <c r="H2980" s="5" t="s">
        <v>1518</v>
      </c>
      <c r="I2980" s="5" t="s">
        <v>36264</v>
      </c>
      <c r="J2980" s="2" t="s">
        <v>36265</v>
      </c>
      <c r="K2980" s="5" t="s">
        <v>36264</v>
      </c>
      <c r="L2980" s="2" t="s">
        <v>36265</v>
      </c>
      <c r="M2980" s="5" t="s">
        <v>36266</v>
      </c>
      <c r="N2980" s="5" t="s">
        <v>38</v>
      </c>
      <c r="O2980" s="5" t="s">
        <v>39</v>
      </c>
      <c r="P2980" s="5" t="s">
        <v>40</v>
      </c>
      <c r="Q2980" s="5" t="s">
        <v>1522</v>
      </c>
      <c r="R2980" s="5" t="s">
        <v>1523</v>
      </c>
      <c r="S2980" s="5" t="s">
        <v>42</v>
      </c>
      <c r="T2980" s="2">
        <v>2.7480000000000002</v>
      </c>
      <c r="U2980" s="2">
        <v>2.1970000000000001</v>
      </c>
      <c r="V2980" s="2">
        <v>1.4999999999999999E-2</v>
      </c>
      <c r="W2980" s="2">
        <v>118.9</v>
      </c>
      <c r="X2980" s="2">
        <v>7.6</v>
      </c>
      <c r="Y2980" s="2">
        <v>16.7</v>
      </c>
      <c r="Z2980" s="5"/>
      <c r="AA2980" s="5" t="s">
        <v>43</v>
      </c>
      <c r="AB2980" s="5" t="s">
        <v>44</v>
      </c>
      <c r="AC2980" s="2"/>
      <c r="AD2980" s="1"/>
    </row>
    <row r="2981" spans="1:30">
      <c r="A2981" s="5" t="s">
        <v>83578</v>
      </c>
      <c r="B2981" s="2" t="s">
        <v>92545</v>
      </c>
      <c r="C2981" s="14" t="s">
        <v>92546</v>
      </c>
      <c r="D2981" s="2" t="s">
        <v>92547</v>
      </c>
      <c r="E2981" s="2" t="s">
        <v>36281</v>
      </c>
      <c r="F2981" s="8">
        <v>302</v>
      </c>
      <c r="G2981" s="5">
        <v>6</v>
      </c>
      <c r="H2981" s="5" t="s">
        <v>1518</v>
      </c>
      <c r="I2981" s="5" t="s">
        <v>36264</v>
      </c>
      <c r="J2981" s="2" t="s">
        <v>36265</v>
      </c>
      <c r="K2981" s="5" t="s">
        <v>36264</v>
      </c>
      <c r="L2981" s="2" t="s">
        <v>36265</v>
      </c>
      <c r="M2981" s="5" t="s">
        <v>36266</v>
      </c>
      <c r="N2981" s="5" t="s">
        <v>38</v>
      </c>
      <c r="O2981" s="5" t="s">
        <v>39</v>
      </c>
      <c r="P2981" s="5" t="s">
        <v>40</v>
      </c>
      <c r="Q2981" s="5" t="s">
        <v>1522</v>
      </c>
      <c r="R2981" s="5" t="s">
        <v>1523</v>
      </c>
      <c r="S2981" s="5" t="s">
        <v>42</v>
      </c>
      <c r="T2981" s="2">
        <v>2.661</v>
      </c>
      <c r="U2981" s="2">
        <v>2.11</v>
      </c>
      <c r="V2981" s="2">
        <v>1.4999999999999999E-2</v>
      </c>
      <c r="W2981" s="2">
        <v>118.9</v>
      </c>
      <c r="X2981" s="2">
        <v>7.6</v>
      </c>
      <c r="Y2981" s="2">
        <v>16.7</v>
      </c>
      <c r="Z2981" s="5"/>
      <c r="AA2981" s="5" t="s">
        <v>43</v>
      </c>
      <c r="AB2981" s="5" t="s">
        <v>44</v>
      </c>
      <c r="AC2981" s="2"/>
      <c r="AD2981" s="1"/>
    </row>
    <row r="2982" spans="1:30">
      <c r="A2982" s="5" t="s">
        <v>83578</v>
      </c>
      <c r="B2982" s="2" t="s">
        <v>92548</v>
      </c>
      <c r="C2982" s="14" t="s">
        <v>92549</v>
      </c>
      <c r="D2982" s="2" t="s">
        <v>92550</v>
      </c>
      <c r="E2982" s="2" t="s">
        <v>36285</v>
      </c>
      <c r="F2982" s="8">
        <v>302</v>
      </c>
      <c r="G2982" s="5">
        <v>6</v>
      </c>
      <c r="H2982" s="5" t="s">
        <v>1518</v>
      </c>
      <c r="I2982" s="5" t="s">
        <v>36264</v>
      </c>
      <c r="J2982" s="2" t="s">
        <v>36265</v>
      </c>
      <c r="K2982" s="5" t="s">
        <v>36264</v>
      </c>
      <c r="L2982" s="2" t="s">
        <v>36265</v>
      </c>
      <c r="M2982" s="5" t="s">
        <v>36266</v>
      </c>
      <c r="N2982" s="5" t="s">
        <v>38</v>
      </c>
      <c r="O2982" s="5" t="s">
        <v>39</v>
      </c>
      <c r="P2982" s="5" t="s">
        <v>40</v>
      </c>
      <c r="Q2982" s="5" t="s">
        <v>1522</v>
      </c>
      <c r="R2982" s="5" t="s">
        <v>1523</v>
      </c>
      <c r="S2982" s="5" t="s">
        <v>42</v>
      </c>
      <c r="T2982" s="2">
        <v>2.7480000000000002</v>
      </c>
      <c r="U2982" s="2">
        <v>2.1970000000000001</v>
      </c>
      <c r="V2982" s="2">
        <v>1.4999999999999999E-2</v>
      </c>
      <c r="W2982" s="2">
        <v>118.9</v>
      </c>
      <c r="X2982" s="2">
        <v>7.6</v>
      </c>
      <c r="Y2982" s="2">
        <v>16.7</v>
      </c>
      <c r="Z2982" s="5"/>
      <c r="AA2982" s="5" t="s">
        <v>43</v>
      </c>
      <c r="AB2982" s="5" t="s">
        <v>44</v>
      </c>
      <c r="AC2982" s="2"/>
      <c r="AD2982" s="1"/>
    </row>
    <row r="2983" spans="1:30">
      <c r="A2983" s="5" t="s">
        <v>83578</v>
      </c>
      <c r="B2983" s="2" t="s">
        <v>92551</v>
      </c>
      <c r="C2983" s="14" t="s">
        <v>92552</v>
      </c>
      <c r="D2983" s="2" t="s">
        <v>92553</v>
      </c>
      <c r="E2983" s="2" t="s">
        <v>36289</v>
      </c>
      <c r="F2983" s="8">
        <v>302</v>
      </c>
      <c r="G2983" s="5">
        <v>6</v>
      </c>
      <c r="H2983" s="5" t="s">
        <v>1518</v>
      </c>
      <c r="I2983" s="5" t="s">
        <v>36264</v>
      </c>
      <c r="J2983" s="2" t="s">
        <v>36265</v>
      </c>
      <c r="K2983" s="5" t="s">
        <v>36264</v>
      </c>
      <c r="L2983" s="2" t="s">
        <v>36265</v>
      </c>
      <c r="M2983" s="5" t="s">
        <v>36266</v>
      </c>
      <c r="N2983" s="5" t="s">
        <v>38</v>
      </c>
      <c r="O2983" s="5" t="s">
        <v>39</v>
      </c>
      <c r="P2983" s="5" t="s">
        <v>40</v>
      </c>
      <c r="Q2983" s="5" t="s">
        <v>1522</v>
      </c>
      <c r="R2983" s="5" t="s">
        <v>1523</v>
      </c>
      <c r="S2983" s="5" t="s">
        <v>42</v>
      </c>
      <c r="T2983" s="2">
        <v>2.661</v>
      </c>
      <c r="U2983" s="2">
        <v>2.11</v>
      </c>
      <c r="V2983" s="2">
        <v>1.4999999999999999E-2</v>
      </c>
      <c r="W2983" s="2">
        <v>118.9</v>
      </c>
      <c r="X2983" s="2">
        <v>7.6</v>
      </c>
      <c r="Y2983" s="2">
        <v>16.7</v>
      </c>
      <c r="Z2983" s="5"/>
      <c r="AA2983" s="5" t="s">
        <v>43</v>
      </c>
      <c r="AB2983" s="5" t="s">
        <v>44</v>
      </c>
      <c r="AC2983" s="2"/>
      <c r="AD2983" s="1"/>
    </row>
    <row r="2984" spans="1:30">
      <c r="A2984" s="5" t="s">
        <v>83578</v>
      </c>
      <c r="B2984" s="2" t="s">
        <v>92554</v>
      </c>
      <c r="C2984" s="14" t="s">
        <v>92555</v>
      </c>
      <c r="D2984" s="2" t="s">
        <v>92556</v>
      </c>
      <c r="E2984" s="2" t="s">
        <v>36293</v>
      </c>
      <c r="F2984" s="8">
        <v>302</v>
      </c>
      <c r="G2984" s="5">
        <v>6</v>
      </c>
      <c r="H2984" s="5" t="s">
        <v>1518</v>
      </c>
      <c r="I2984" s="5" t="s">
        <v>36264</v>
      </c>
      <c r="J2984" s="2" t="s">
        <v>36265</v>
      </c>
      <c r="K2984" s="5" t="s">
        <v>36264</v>
      </c>
      <c r="L2984" s="2" t="s">
        <v>36265</v>
      </c>
      <c r="M2984" s="5" t="s">
        <v>36266</v>
      </c>
      <c r="N2984" s="5" t="s">
        <v>38</v>
      </c>
      <c r="O2984" s="5" t="s">
        <v>39</v>
      </c>
      <c r="P2984" s="5" t="s">
        <v>40</v>
      </c>
      <c r="Q2984" s="5" t="s">
        <v>1522</v>
      </c>
      <c r="R2984" s="5" t="s">
        <v>1523</v>
      </c>
      <c r="S2984" s="5" t="s">
        <v>42</v>
      </c>
      <c r="T2984" s="2">
        <v>2.7480000000000002</v>
      </c>
      <c r="U2984" s="2">
        <v>2.1970000000000001</v>
      </c>
      <c r="V2984" s="2">
        <v>1.4999999999999999E-2</v>
      </c>
      <c r="W2984" s="2">
        <v>118.9</v>
      </c>
      <c r="X2984" s="2">
        <v>7.6</v>
      </c>
      <c r="Y2984" s="2">
        <v>16.7</v>
      </c>
      <c r="Z2984" s="5"/>
      <c r="AA2984" s="5" t="s">
        <v>43</v>
      </c>
      <c r="AB2984" s="5" t="s">
        <v>44</v>
      </c>
      <c r="AC2984" s="2"/>
      <c r="AD2984" s="1"/>
    </row>
    <row r="2985" spans="1:30">
      <c r="A2985" s="5" t="s">
        <v>83578</v>
      </c>
      <c r="B2985" s="2" t="s">
        <v>92557</v>
      </c>
      <c r="C2985" s="14" t="s">
        <v>92558</v>
      </c>
      <c r="D2985" s="2" t="s">
        <v>92559</v>
      </c>
      <c r="E2985" s="2" t="s">
        <v>36297</v>
      </c>
      <c r="F2985" s="8">
        <v>280</v>
      </c>
      <c r="G2985" s="5">
        <v>6</v>
      </c>
      <c r="H2985" s="5" t="s">
        <v>1518</v>
      </c>
      <c r="I2985" s="5" t="s">
        <v>36264</v>
      </c>
      <c r="J2985" s="2" t="s">
        <v>36265</v>
      </c>
      <c r="K2985" s="5" t="s">
        <v>36264</v>
      </c>
      <c r="L2985" s="2" t="s">
        <v>36265</v>
      </c>
      <c r="M2985" s="5" t="s">
        <v>36266</v>
      </c>
      <c r="N2985" s="5" t="s">
        <v>38</v>
      </c>
      <c r="O2985" s="5" t="s">
        <v>39</v>
      </c>
      <c r="P2985" s="5" t="s">
        <v>40</v>
      </c>
      <c r="Q2985" s="5" t="s">
        <v>1522</v>
      </c>
      <c r="R2985" s="5" t="s">
        <v>1523</v>
      </c>
      <c r="S2985" s="5" t="s">
        <v>42</v>
      </c>
      <c r="T2985" s="2">
        <v>2.661</v>
      </c>
      <c r="U2985" s="2">
        <v>2.11</v>
      </c>
      <c r="V2985" s="2">
        <v>1.4999999999999999E-2</v>
      </c>
      <c r="W2985" s="2">
        <v>118.9</v>
      </c>
      <c r="X2985" s="2">
        <v>7.6</v>
      </c>
      <c r="Y2985" s="2">
        <v>16.7</v>
      </c>
      <c r="Z2985" s="5"/>
      <c r="AA2985" s="5" t="s">
        <v>43</v>
      </c>
      <c r="AB2985" s="5" t="s">
        <v>44</v>
      </c>
      <c r="AC2985" s="2"/>
      <c r="AD2985" s="1"/>
    </row>
    <row r="2986" spans="1:30">
      <c r="A2986" s="5" t="s">
        <v>83578</v>
      </c>
      <c r="B2986" s="2" t="s">
        <v>92560</v>
      </c>
      <c r="C2986" s="14" t="s">
        <v>92561</v>
      </c>
      <c r="D2986" s="2" t="s">
        <v>92562</v>
      </c>
      <c r="E2986" s="2" t="s">
        <v>36301</v>
      </c>
      <c r="F2986" s="8">
        <v>280</v>
      </c>
      <c r="G2986" s="5">
        <v>6</v>
      </c>
      <c r="H2986" s="5" t="s">
        <v>1518</v>
      </c>
      <c r="I2986" s="5" t="s">
        <v>36264</v>
      </c>
      <c r="J2986" s="2" t="s">
        <v>36265</v>
      </c>
      <c r="K2986" s="5" t="s">
        <v>36264</v>
      </c>
      <c r="L2986" s="2" t="s">
        <v>36265</v>
      </c>
      <c r="M2986" s="5" t="s">
        <v>36266</v>
      </c>
      <c r="N2986" s="5" t="s">
        <v>38</v>
      </c>
      <c r="O2986" s="5" t="s">
        <v>39</v>
      </c>
      <c r="P2986" s="5" t="s">
        <v>40</v>
      </c>
      <c r="Q2986" s="5" t="s">
        <v>1522</v>
      </c>
      <c r="R2986" s="5" t="s">
        <v>1523</v>
      </c>
      <c r="S2986" s="5" t="s">
        <v>42</v>
      </c>
      <c r="T2986" s="2">
        <v>2.7480000000000002</v>
      </c>
      <c r="U2986" s="2">
        <v>2.1970000000000001</v>
      </c>
      <c r="V2986" s="2">
        <v>1.4999999999999999E-2</v>
      </c>
      <c r="W2986" s="2">
        <v>118.9</v>
      </c>
      <c r="X2986" s="2">
        <v>7.6</v>
      </c>
      <c r="Y2986" s="2">
        <v>16.7</v>
      </c>
      <c r="Z2986" s="5"/>
      <c r="AA2986" s="5" t="s">
        <v>43</v>
      </c>
      <c r="AB2986" s="5" t="s">
        <v>44</v>
      </c>
      <c r="AC2986" s="2"/>
      <c r="AD2986" s="1"/>
    </row>
    <row r="2987" spans="1:30">
      <c r="A2987" s="5" t="s">
        <v>83578</v>
      </c>
      <c r="B2987" s="2" t="s">
        <v>92563</v>
      </c>
      <c r="C2987" s="14" t="s">
        <v>92564</v>
      </c>
      <c r="D2987" s="2" t="s">
        <v>92565</v>
      </c>
      <c r="E2987" s="2" t="s">
        <v>36305</v>
      </c>
      <c r="F2987" s="8">
        <v>280</v>
      </c>
      <c r="G2987" s="5">
        <v>6</v>
      </c>
      <c r="H2987" s="5" t="s">
        <v>1518</v>
      </c>
      <c r="I2987" s="5" t="s">
        <v>36264</v>
      </c>
      <c r="J2987" s="2" t="s">
        <v>36265</v>
      </c>
      <c r="K2987" s="5" t="s">
        <v>36264</v>
      </c>
      <c r="L2987" s="2" t="s">
        <v>36265</v>
      </c>
      <c r="M2987" s="5" t="s">
        <v>36266</v>
      </c>
      <c r="N2987" s="5" t="s">
        <v>38</v>
      </c>
      <c r="O2987" s="5" t="s">
        <v>39</v>
      </c>
      <c r="P2987" s="5" t="s">
        <v>40</v>
      </c>
      <c r="Q2987" s="5" t="s">
        <v>1522</v>
      </c>
      <c r="R2987" s="5" t="s">
        <v>1523</v>
      </c>
      <c r="S2987" s="5" t="s">
        <v>42</v>
      </c>
      <c r="T2987" s="2">
        <v>2.661</v>
      </c>
      <c r="U2987" s="2">
        <v>2.11</v>
      </c>
      <c r="V2987" s="2">
        <v>1.4999999999999999E-2</v>
      </c>
      <c r="W2987" s="2">
        <v>118.9</v>
      </c>
      <c r="X2987" s="2">
        <v>7.6</v>
      </c>
      <c r="Y2987" s="2">
        <v>16.7</v>
      </c>
      <c r="Z2987" s="5"/>
      <c r="AA2987" s="5" t="s">
        <v>43</v>
      </c>
      <c r="AB2987" s="5" t="s">
        <v>44</v>
      </c>
      <c r="AC2987" s="2"/>
      <c r="AD2987" s="1"/>
    </row>
    <row r="2988" spans="1:30">
      <c r="A2988" s="5" t="s">
        <v>83578</v>
      </c>
      <c r="B2988" s="2" t="s">
        <v>92566</v>
      </c>
      <c r="C2988" s="14" t="s">
        <v>92567</v>
      </c>
      <c r="D2988" s="2" t="s">
        <v>92568</v>
      </c>
      <c r="E2988" s="2" t="s">
        <v>36309</v>
      </c>
      <c r="F2988" s="8">
        <v>280</v>
      </c>
      <c r="G2988" s="5">
        <v>6</v>
      </c>
      <c r="H2988" s="5" t="s">
        <v>1518</v>
      </c>
      <c r="I2988" s="5" t="s">
        <v>36264</v>
      </c>
      <c r="J2988" s="2" t="s">
        <v>36265</v>
      </c>
      <c r="K2988" s="5" t="s">
        <v>36264</v>
      </c>
      <c r="L2988" s="2" t="s">
        <v>36265</v>
      </c>
      <c r="M2988" s="5" t="s">
        <v>36266</v>
      </c>
      <c r="N2988" s="5" t="s">
        <v>38</v>
      </c>
      <c r="O2988" s="5" t="s">
        <v>39</v>
      </c>
      <c r="P2988" s="5" t="s">
        <v>40</v>
      </c>
      <c r="Q2988" s="5" t="s">
        <v>1522</v>
      </c>
      <c r="R2988" s="5" t="s">
        <v>1523</v>
      </c>
      <c r="S2988" s="5" t="s">
        <v>42</v>
      </c>
      <c r="T2988" s="2">
        <v>2.7480000000000002</v>
      </c>
      <c r="U2988" s="2">
        <v>2.1970000000000001</v>
      </c>
      <c r="V2988" s="2">
        <v>1.4999999999999999E-2</v>
      </c>
      <c r="W2988" s="2">
        <v>118.9</v>
      </c>
      <c r="X2988" s="2">
        <v>7.6</v>
      </c>
      <c r="Y2988" s="2">
        <v>16.7</v>
      </c>
      <c r="Z2988" s="5"/>
      <c r="AA2988" s="5" t="s">
        <v>43</v>
      </c>
      <c r="AB2988" s="5" t="s">
        <v>44</v>
      </c>
      <c r="AC2988" s="2"/>
      <c r="AD2988" s="1"/>
    </row>
    <row r="2989" spans="1:30">
      <c r="A2989" s="5" t="s">
        <v>83578</v>
      </c>
      <c r="B2989" s="2" t="s">
        <v>92569</v>
      </c>
      <c r="C2989" s="14" t="s">
        <v>92570</v>
      </c>
      <c r="D2989" s="2" t="s">
        <v>92571</v>
      </c>
      <c r="E2989" s="2" t="s">
        <v>36313</v>
      </c>
      <c r="F2989" s="8">
        <v>302</v>
      </c>
      <c r="G2989" s="5">
        <v>6</v>
      </c>
      <c r="H2989" s="5" t="s">
        <v>1518</v>
      </c>
      <c r="I2989" s="5" t="s">
        <v>36264</v>
      </c>
      <c r="J2989" s="2" t="s">
        <v>36265</v>
      </c>
      <c r="K2989" s="5" t="s">
        <v>36264</v>
      </c>
      <c r="L2989" s="2" t="s">
        <v>36265</v>
      </c>
      <c r="M2989" s="5" t="s">
        <v>36266</v>
      </c>
      <c r="N2989" s="5" t="s">
        <v>38</v>
      </c>
      <c r="O2989" s="5" t="s">
        <v>39</v>
      </c>
      <c r="P2989" s="5" t="s">
        <v>40</v>
      </c>
      <c r="Q2989" s="5" t="s">
        <v>1522</v>
      </c>
      <c r="R2989" s="5" t="s">
        <v>1523</v>
      </c>
      <c r="S2989" s="5" t="s">
        <v>42</v>
      </c>
      <c r="T2989" s="2">
        <v>2.661</v>
      </c>
      <c r="U2989" s="2">
        <v>2.11</v>
      </c>
      <c r="V2989" s="2">
        <v>1.4999999999999999E-2</v>
      </c>
      <c r="W2989" s="2">
        <v>118.9</v>
      </c>
      <c r="X2989" s="2">
        <v>7.6</v>
      </c>
      <c r="Y2989" s="2">
        <v>16.7</v>
      </c>
      <c r="Z2989" s="5"/>
      <c r="AA2989" s="5" t="s">
        <v>43</v>
      </c>
      <c r="AB2989" s="5" t="s">
        <v>44</v>
      </c>
      <c r="AC2989" s="2"/>
      <c r="AD2989" s="1"/>
    </row>
    <row r="2990" spans="1:30">
      <c r="A2990" s="5" t="s">
        <v>83578</v>
      </c>
      <c r="B2990" s="2" t="s">
        <v>92572</v>
      </c>
      <c r="C2990" s="14" t="s">
        <v>92573</v>
      </c>
      <c r="D2990" s="2" t="s">
        <v>92574</v>
      </c>
      <c r="E2990" s="2" t="s">
        <v>36317</v>
      </c>
      <c r="F2990" s="8">
        <v>302</v>
      </c>
      <c r="G2990" s="5">
        <v>6</v>
      </c>
      <c r="H2990" s="5" t="s">
        <v>1518</v>
      </c>
      <c r="I2990" s="5" t="s">
        <v>36264</v>
      </c>
      <c r="J2990" s="2" t="s">
        <v>36265</v>
      </c>
      <c r="K2990" s="5" t="s">
        <v>36264</v>
      </c>
      <c r="L2990" s="2" t="s">
        <v>36265</v>
      </c>
      <c r="M2990" s="5" t="s">
        <v>36266</v>
      </c>
      <c r="N2990" s="5" t="s">
        <v>38</v>
      </c>
      <c r="O2990" s="5" t="s">
        <v>39</v>
      </c>
      <c r="P2990" s="5" t="s">
        <v>40</v>
      </c>
      <c r="Q2990" s="5" t="s">
        <v>1522</v>
      </c>
      <c r="R2990" s="5" t="s">
        <v>1523</v>
      </c>
      <c r="S2990" s="5" t="s">
        <v>42</v>
      </c>
      <c r="T2990" s="2">
        <v>2.7480000000000002</v>
      </c>
      <c r="U2990" s="2">
        <v>2.1970000000000001</v>
      </c>
      <c r="V2990" s="2">
        <v>1.4999999999999999E-2</v>
      </c>
      <c r="W2990" s="2">
        <v>118.9</v>
      </c>
      <c r="X2990" s="2">
        <v>7.6</v>
      </c>
      <c r="Y2990" s="2">
        <v>16.7</v>
      </c>
      <c r="Z2990" s="5"/>
      <c r="AA2990" s="5" t="s">
        <v>43</v>
      </c>
      <c r="AB2990" s="5" t="s">
        <v>44</v>
      </c>
      <c r="AC2990" s="2"/>
      <c r="AD2990" s="1"/>
    </row>
    <row r="2991" spans="1:30">
      <c r="A2991" s="5" t="s">
        <v>83578</v>
      </c>
      <c r="B2991" s="2" t="s">
        <v>92575</v>
      </c>
      <c r="C2991" s="14" t="s">
        <v>92576</v>
      </c>
      <c r="D2991" s="2" t="s">
        <v>92577</v>
      </c>
      <c r="E2991" s="2" t="s">
        <v>36321</v>
      </c>
      <c r="F2991" s="8">
        <v>302</v>
      </c>
      <c r="G2991" s="5">
        <v>6</v>
      </c>
      <c r="H2991" s="5" t="s">
        <v>1518</v>
      </c>
      <c r="I2991" s="5" t="s">
        <v>36264</v>
      </c>
      <c r="J2991" s="2" t="s">
        <v>36265</v>
      </c>
      <c r="K2991" s="5" t="s">
        <v>36264</v>
      </c>
      <c r="L2991" s="2" t="s">
        <v>36265</v>
      </c>
      <c r="M2991" s="5" t="s">
        <v>36266</v>
      </c>
      <c r="N2991" s="5" t="s">
        <v>38</v>
      </c>
      <c r="O2991" s="5" t="s">
        <v>39</v>
      </c>
      <c r="P2991" s="5" t="s">
        <v>40</v>
      </c>
      <c r="Q2991" s="5" t="s">
        <v>1522</v>
      </c>
      <c r="R2991" s="5" t="s">
        <v>1523</v>
      </c>
      <c r="S2991" s="5" t="s">
        <v>42</v>
      </c>
      <c r="T2991" s="2">
        <v>2.661</v>
      </c>
      <c r="U2991" s="2">
        <v>2.11</v>
      </c>
      <c r="V2991" s="2">
        <v>1.4999999999999999E-2</v>
      </c>
      <c r="W2991" s="2">
        <v>118.9</v>
      </c>
      <c r="X2991" s="2">
        <v>7.6</v>
      </c>
      <c r="Y2991" s="2">
        <v>16.7</v>
      </c>
      <c r="Z2991" s="5"/>
      <c r="AA2991" s="5" t="s">
        <v>43</v>
      </c>
      <c r="AB2991" s="5" t="s">
        <v>44</v>
      </c>
      <c r="AC2991" s="2"/>
      <c r="AD2991" s="1"/>
    </row>
    <row r="2992" spans="1:30">
      <c r="A2992" s="5" t="s">
        <v>83578</v>
      </c>
      <c r="B2992" s="2" t="s">
        <v>92578</v>
      </c>
      <c r="C2992" s="14" t="s">
        <v>92579</v>
      </c>
      <c r="D2992" s="2" t="s">
        <v>92580</v>
      </c>
      <c r="E2992" s="2" t="s">
        <v>36325</v>
      </c>
      <c r="F2992" s="8">
        <v>302</v>
      </c>
      <c r="G2992" s="5">
        <v>6</v>
      </c>
      <c r="H2992" s="5" t="s">
        <v>1518</v>
      </c>
      <c r="I2992" s="5" t="s">
        <v>36264</v>
      </c>
      <c r="J2992" s="2" t="s">
        <v>36265</v>
      </c>
      <c r="K2992" s="5" t="s">
        <v>36264</v>
      </c>
      <c r="L2992" s="2" t="s">
        <v>36265</v>
      </c>
      <c r="M2992" s="5" t="s">
        <v>36266</v>
      </c>
      <c r="N2992" s="5" t="s">
        <v>38</v>
      </c>
      <c r="O2992" s="5" t="s">
        <v>39</v>
      </c>
      <c r="P2992" s="5" t="s">
        <v>40</v>
      </c>
      <c r="Q2992" s="5" t="s">
        <v>1522</v>
      </c>
      <c r="R2992" s="5" t="s">
        <v>1523</v>
      </c>
      <c r="S2992" s="5" t="s">
        <v>42</v>
      </c>
      <c r="T2992" s="2">
        <v>2.7480000000000002</v>
      </c>
      <c r="U2992" s="2">
        <v>2.1970000000000001</v>
      </c>
      <c r="V2992" s="2">
        <v>1.4999999999999999E-2</v>
      </c>
      <c r="W2992" s="2">
        <v>118.9</v>
      </c>
      <c r="X2992" s="2">
        <v>7.6</v>
      </c>
      <c r="Y2992" s="2">
        <v>16.7</v>
      </c>
      <c r="Z2992" s="5"/>
      <c r="AA2992" s="5" t="s">
        <v>43</v>
      </c>
      <c r="AB2992" s="5" t="s">
        <v>44</v>
      </c>
      <c r="AC2992" s="2"/>
      <c r="AD2992" s="1"/>
    </row>
    <row r="2993" spans="1:30">
      <c r="A2993" s="5" t="s">
        <v>83578</v>
      </c>
      <c r="B2993" s="2" t="s">
        <v>92581</v>
      </c>
      <c r="C2993" s="14" t="s">
        <v>92582</v>
      </c>
      <c r="D2993" s="2" t="s">
        <v>92583</v>
      </c>
      <c r="E2993" s="2" t="s">
        <v>36329</v>
      </c>
      <c r="F2993" s="8">
        <v>302</v>
      </c>
      <c r="G2993" s="5">
        <v>6</v>
      </c>
      <c r="H2993" s="5" t="s">
        <v>1518</v>
      </c>
      <c r="I2993" s="5" t="s">
        <v>36264</v>
      </c>
      <c r="J2993" s="2" t="s">
        <v>36265</v>
      </c>
      <c r="K2993" s="5" t="s">
        <v>36264</v>
      </c>
      <c r="L2993" s="2" t="s">
        <v>36265</v>
      </c>
      <c r="M2993" s="5" t="s">
        <v>36266</v>
      </c>
      <c r="N2993" s="5" t="s">
        <v>38</v>
      </c>
      <c r="O2993" s="5" t="s">
        <v>39</v>
      </c>
      <c r="P2993" s="5" t="s">
        <v>40</v>
      </c>
      <c r="Q2993" s="5" t="s">
        <v>1522</v>
      </c>
      <c r="R2993" s="5" t="s">
        <v>1523</v>
      </c>
      <c r="S2993" s="5" t="s">
        <v>42</v>
      </c>
      <c r="T2993" s="2">
        <v>2.661</v>
      </c>
      <c r="U2993" s="2">
        <v>2.11</v>
      </c>
      <c r="V2993" s="2">
        <v>1.4999999999999999E-2</v>
      </c>
      <c r="W2993" s="2">
        <v>118.9</v>
      </c>
      <c r="X2993" s="2">
        <v>7.6</v>
      </c>
      <c r="Y2993" s="2">
        <v>16.7</v>
      </c>
      <c r="Z2993" s="5"/>
      <c r="AA2993" s="5" t="s">
        <v>43</v>
      </c>
      <c r="AB2993" s="5" t="s">
        <v>44</v>
      </c>
      <c r="AC2993" s="2"/>
      <c r="AD2993" s="1"/>
    </row>
    <row r="2994" spans="1:30">
      <c r="A2994" s="5" t="s">
        <v>83578</v>
      </c>
      <c r="B2994" s="2" t="s">
        <v>92584</v>
      </c>
      <c r="C2994" s="14" t="s">
        <v>92585</v>
      </c>
      <c r="D2994" s="2" t="s">
        <v>92586</v>
      </c>
      <c r="E2994" s="2" t="s">
        <v>36333</v>
      </c>
      <c r="F2994" s="8">
        <v>302</v>
      </c>
      <c r="G2994" s="5">
        <v>6</v>
      </c>
      <c r="H2994" s="5" t="s">
        <v>1518</v>
      </c>
      <c r="I2994" s="5" t="s">
        <v>36264</v>
      </c>
      <c r="J2994" s="2" t="s">
        <v>36265</v>
      </c>
      <c r="K2994" s="5" t="s">
        <v>36264</v>
      </c>
      <c r="L2994" s="2" t="s">
        <v>36265</v>
      </c>
      <c r="M2994" s="5" t="s">
        <v>36266</v>
      </c>
      <c r="N2994" s="5" t="s">
        <v>38</v>
      </c>
      <c r="O2994" s="5" t="s">
        <v>39</v>
      </c>
      <c r="P2994" s="5" t="s">
        <v>40</v>
      </c>
      <c r="Q2994" s="5" t="s">
        <v>1522</v>
      </c>
      <c r="R2994" s="5" t="s">
        <v>1523</v>
      </c>
      <c r="S2994" s="5" t="s">
        <v>42</v>
      </c>
      <c r="T2994" s="2">
        <v>2.7480000000000002</v>
      </c>
      <c r="U2994" s="2">
        <v>2.1970000000000001</v>
      </c>
      <c r="V2994" s="2">
        <v>1.4999999999999999E-2</v>
      </c>
      <c r="W2994" s="2">
        <v>118.9</v>
      </c>
      <c r="X2994" s="2">
        <v>7.6</v>
      </c>
      <c r="Y2994" s="2">
        <v>16.7</v>
      </c>
      <c r="Z2994" s="5"/>
      <c r="AA2994" s="5" t="s">
        <v>43</v>
      </c>
      <c r="AB2994" s="5" t="s">
        <v>44</v>
      </c>
      <c r="AC2994" s="2"/>
      <c r="AD2994" s="1"/>
    </row>
    <row r="2995" spans="1:30">
      <c r="A2995" s="5" t="s">
        <v>83578</v>
      </c>
      <c r="B2995" s="2" t="s">
        <v>92587</v>
      </c>
      <c r="C2995" s="14" t="s">
        <v>92588</v>
      </c>
      <c r="D2995" s="2" t="s">
        <v>92589</v>
      </c>
      <c r="E2995" s="2" t="s">
        <v>36337</v>
      </c>
      <c r="F2995" s="8">
        <v>302</v>
      </c>
      <c r="G2995" s="5">
        <v>6</v>
      </c>
      <c r="H2995" s="5" t="s">
        <v>1518</v>
      </c>
      <c r="I2995" s="5" t="s">
        <v>36264</v>
      </c>
      <c r="J2995" s="2" t="s">
        <v>36265</v>
      </c>
      <c r="K2995" s="5" t="s">
        <v>36264</v>
      </c>
      <c r="L2995" s="2" t="s">
        <v>36265</v>
      </c>
      <c r="M2995" s="5" t="s">
        <v>36266</v>
      </c>
      <c r="N2995" s="5" t="s">
        <v>38</v>
      </c>
      <c r="O2995" s="5" t="s">
        <v>39</v>
      </c>
      <c r="P2995" s="5" t="s">
        <v>40</v>
      </c>
      <c r="Q2995" s="5" t="s">
        <v>1522</v>
      </c>
      <c r="R2995" s="5" t="s">
        <v>1523</v>
      </c>
      <c r="S2995" s="5" t="s">
        <v>42</v>
      </c>
      <c r="T2995" s="2">
        <v>2.661</v>
      </c>
      <c r="U2995" s="2">
        <v>2.11</v>
      </c>
      <c r="V2995" s="2">
        <v>1.4999999999999999E-2</v>
      </c>
      <c r="W2995" s="2">
        <v>118.9</v>
      </c>
      <c r="X2995" s="2">
        <v>7.6</v>
      </c>
      <c r="Y2995" s="2">
        <v>16.7</v>
      </c>
      <c r="Z2995" s="5"/>
      <c r="AA2995" s="5" t="s">
        <v>43</v>
      </c>
      <c r="AB2995" s="5" t="s">
        <v>44</v>
      </c>
      <c r="AC2995" s="2"/>
      <c r="AD2995" s="1"/>
    </row>
    <row r="2996" spans="1:30">
      <c r="A2996" s="5" t="s">
        <v>83578</v>
      </c>
      <c r="B2996" s="2" t="s">
        <v>92590</v>
      </c>
      <c r="C2996" s="14" t="s">
        <v>92591</v>
      </c>
      <c r="D2996" s="2" t="s">
        <v>92592</v>
      </c>
      <c r="E2996" s="2" t="s">
        <v>36341</v>
      </c>
      <c r="F2996" s="8">
        <v>302</v>
      </c>
      <c r="G2996" s="5">
        <v>6</v>
      </c>
      <c r="H2996" s="5" t="s">
        <v>1518</v>
      </c>
      <c r="I2996" s="5" t="s">
        <v>36264</v>
      </c>
      <c r="J2996" s="2" t="s">
        <v>36265</v>
      </c>
      <c r="K2996" s="5" t="s">
        <v>36264</v>
      </c>
      <c r="L2996" s="2" t="s">
        <v>36265</v>
      </c>
      <c r="M2996" s="5" t="s">
        <v>36266</v>
      </c>
      <c r="N2996" s="5" t="s">
        <v>38</v>
      </c>
      <c r="O2996" s="5" t="s">
        <v>39</v>
      </c>
      <c r="P2996" s="5" t="s">
        <v>40</v>
      </c>
      <c r="Q2996" s="5" t="s">
        <v>1522</v>
      </c>
      <c r="R2996" s="5" t="s">
        <v>1523</v>
      </c>
      <c r="S2996" s="5" t="s">
        <v>42</v>
      </c>
      <c r="T2996" s="2">
        <v>2.7480000000000002</v>
      </c>
      <c r="U2996" s="2">
        <v>2.1970000000000001</v>
      </c>
      <c r="V2996" s="2">
        <v>1.4999999999999999E-2</v>
      </c>
      <c r="W2996" s="2">
        <v>118.9</v>
      </c>
      <c r="X2996" s="2">
        <v>7.6</v>
      </c>
      <c r="Y2996" s="2">
        <v>16.7</v>
      </c>
      <c r="Z2996" s="5"/>
      <c r="AA2996" s="5" t="s">
        <v>43</v>
      </c>
      <c r="AB2996" s="5" t="s">
        <v>44</v>
      </c>
      <c r="AC2996" s="2"/>
      <c r="AD2996" s="1"/>
    </row>
    <row r="2997" spans="1:30">
      <c r="A2997" s="5" t="s">
        <v>83578</v>
      </c>
      <c r="B2997" s="2" t="s">
        <v>92593</v>
      </c>
      <c r="C2997" s="14" t="s">
        <v>92594</v>
      </c>
      <c r="D2997" s="2" t="s">
        <v>92595</v>
      </c>
      <c r="E2997" s="2" t="s">
        <v>36345</v>
      </c>
      <c r="F2997" s="8">
        <v>302</v>
      </c>
      <c r="G2997" s="5">
        <v>6</v>
      </c>
      <c r="H2997" s="5" t="s">
        <v>1518</v>
      </c>
      <c r="I2997" s="5" t="s">
        <v>36264</v>
      </c>
      <c r="J2997" s="2" t="s">
        <v>36265</v>
      </c>
      <c r="K2997" s="5" t="s">
        <v>36264</v>
      </c>
      <c r="L2997" s="2" t="s">
        <v>36265</v>
      </c>
      <c r="M2997" s="5" t="s">
        <v>36266</v>
      </c>
      <c r="N2997" s="5" t="s">
        <v>38</v>
      </c>
      <c r="O2997" s="5" t="s">
        <v>39</v>
      </c>
      <c r="P2997" s="5" t="s">
        <v>40</v>
      </c>
      <c r="Q2997" s="5" t="s">
        <v>1522</v>
      </c>
      <c r="R2997" s="5" t="s">
        <v>1523</v>
      </c>
      <c r="S2997" s="5" t="s">
        <v>42</v>
      </c>
      <c r="T2997" s="2">
        <v>2.661</v>
      </c>
      <c r="U2997" s="2">
        <v>2.11</v>
      </c>
      <c r="V2997" s="2">
        <v>1.4999999999999999E-2</v>
      </c>
      <c r="W2997" s="2">
        <v>118.9</v>
      </c>
      <c r="X2997" s="2">
        <v>7.6</v>
      </c>
      <c r="Y2997" s="2">
        <v>16.7</v>
      </c>
      <c r="Z2997" s="5"/>
      <c r="AA2997" s="5" t="s">
        <v>43</v>
      </c>
      <c r="AB2997" s="5" t="s">
        <v>44</v>
      </c>
      <c r="AC2997" s="2"/>
      <c r="AD2997" s="1"/>
    </row>
    <row r="2998" spans="1:30">
      <c r="A2998" s="5" t="s">
        <v>83578</v>
      </c>
      <c r="B2998" s="2" t="s">
        <v>92596</v>
      </c>
      <c r="C2998" s="14" t="s">
        <v>92597</v>
      </c>
      <c r="D2998" s="2" t="s">
        <v>92598</v>
      </c>
      <c r="E2998" s="2" t="s">
        <v>36349</v>
      </c>
      <c r="F2998" s="8">
        <v>302</v>
      </c>
      <c r="G2998" s="5">
        <v>6</v>
      </c>
      <c r="H2998" s="5" t="s">
        <v>1518</v>
      </c>
      <c r="I2998" s="5" t="s">
        <v>36264</v>
      </c>
      <c r="J2998" s="2" t="s">
        <v>36265</v>
      </c>
      <c r="K2998" s="5" t="s">
        <v>36264</v>
      </c>
      <c r="L2998" s="2" t="s">
        <v>36265</v>
      </c>
      <c r="M2998" s="5" t="s">
        <v>36266</v>
      </c>
      <c r="N2998" s="5" t="s">
        <v>38</v>
      </c>
      <c r="O2998" s="5" t="s">
        <v>39</v>
      </c>
      <c r="P2998" s="5" t="s">
        <v>40</v>
      </c>
      <c r="Q2998" s="5" t="s">
        <v>1522</v>
      </c>
      <c r="R2998" s="5" t="s">
        <v>1523</v>
      </c>
      <c r="S2998" s="5" t="s">
        <v>42</v>
      </c>
      <c r="T2998" s="2">
        <v>2.7480000000000002</v>
      </c>
      <c r="U2998" s="2">
        <v>2.1970000000000001</v>
      </c>
      <c r="V2998" s="2">
        <v>1.4999999999999999E-2</v>
      </c>
      <c r="W2998" s="2">
        <v>118.9</v>
      </c>
      <c r="X2998" s="2">
        <v>7.6</v>
      </c>
      <c r="Y2998" s="2">
        <v>16.7</v>
      </c>
      <c r="Z2998" s="5"/>
      <c r="AA2998" s="5" t="s">
        <v>43</v>
      </c>
      <c r="AB2998" s="5" t="s">
        <v>44</v>
      </c>
      <c r="AC2998" s="2"/>
      <c r="AD2998" s="1"/>
    </row>
    <row r="2999" spans="1:30">
      <c r="A2999" s="5" t="s">
        <v>83578</v>
      </c>
      <c r="B2999" s="2" t="s">
        <v>92599</v>
      </c>
      <c r="C2999" s="14" t="s">
        <v>92600</v>
      </c>
      <c r="D2999" s="2" t="s">
        <v>92601</v>
      </c>
      <c r="E2999" s="2" t="s">
        <v>36353</v>
      </c>
      <c r="F2999" s="8">
        <v>302</v>
      </c>
      <c r="G2999" s="5">
        <v>6</v>
      </c>
      <c r="H2999" s="5" t="s">
        <v>1518</v>
      </c>
      <c r="I2999" s="5" t="s">
        <v>36264</v>
      </c>
      <c r="J2999" s="2" t="s">
        <v>36265</v>
      </c>
      <c r="K2999" s="5" t="s">
        <v>36264</v>
      </c>
      <c r="L2999" s="2" t="s">
        <v>36265</v>
      </c>
      <c r="M2999" s="5" t="s">
        <v>36266</v>
      </c>
      <c r="N2999" s="5" t="s">
        <v>38</v>
      </c>
      <c r="O2999" s="5" t="s">
        <v>39</v>
      </c>
      <c r="P2999" s="5" t="s">
        <v>40</v>
      </c>
      <c r="Q2999" s="5" t="s">
        <v>1522</v>
      </c>
      <c r="R2999" s="5" t="s">
        <v>1523</v>
      </c>
      <c r="S2999" s="5" t="s">
        <v>42</v>
      </c>
      <c r="T2999" s="2">
        <v>2.661</v>
      </c>
      <c r="U2999" s="2">
        <v>2.11</v>
      </c>
      <c r="V2999" s="2">
        <v>1.4999999999999999E-2</v>
      </c>
      <c r="W2999" s="2">
        <v>118.9</v>
      </c>
      <c r="X2999" s="2">
        <v>7.6</v>
      </c>
      <c r="Y2999" s="2">
        <v>16.7</v>
      </c>
      <c r="Z2999" s="5"/>
      <c r="AA2999" s="5" t="s">
        <v>43</v>
      </c>
      <c r="AB2999" s="5" t="s">
        <v>44</v>
      </c>
      <c r="AC2999" s="2"/>
      <c r="AD2999" s="1"/>
    </row>
    <row r="3000" spans="1:30">
      <c r="A3000" s="5" t="s">
        <v>83578</v>
      </c>
      <c r="B3000" s="2" t="s">
        <v>92602</v>
      </c>
      <c r="C3000" s="14" t="s">
        <v>92603</v>
      </c>
      <c r="D3000" s="2" t="s">
        <v>92604</v>
      </c>
      <c r="E3000" s="2" t="s">
        <v>36357</v>
      </c>
      <c r="F3000" s="8">
        <v>302</v>
      </c>
      <c r="G3000" s="5">
        <v>6</v>
      </c>
      <c r="H3000" s="5" t="s">
        <v>1518</v>
      </c>
      <c r="I3000" s="5" t="s">
        <v>36264</v>
      </c>
      <c r="J3000" s="2" t="s">
        <v>36265</v>
      </c>
      <c r="K3000" s="5" t="s">
        <v>36264</v>
      </c>
      <c r="L3000" s="2" t="s">
        <v>36265</v>
      </c>
      <c r="M3000" s="5" t="s">
        <v>36266</v>
      </c>
      <c r="N3000" s="5" t="s">
        <v>38</v>
      </c>
      <c r="O3000" s="5" t="s">
        <v>39</v>
      </c>
      <c r="P3000" s="5" t="s">
        <v>40</v>
      </c>
      <c r="Q3000" s="5" t="s">
        <v>1522</v>
      </c>
      <c r="R3000" s="5" t="s">
        <v>1523</v>
      </c>
      <c r="S3000" s="5" t="s">
        <v>42</v>
      </c>
      <c r="T3000" s="2">
        <v>2.7480000000000002</v>
      </c>
      <c r="U3000" s="2">
        <v>2.1970000000000001</v>
      </c>
      <c r="V3000" s="2">
        <v>1.4999999999999999E-2</v>
      </c>
      <c r="W3000" s="2">
        <v>118.9</v>
      </c>
      <c r="X3000" s="2">
        <v>7.6</v>
      </c>
      <c r="Y3000" s="2">
        <v>16.7</v>
      </c>
      <c r="Z3000" s="5"/>
      <c r="AA3000" s="5" t="s">
        <v>43</v>
      </c>
      <c r="AB3000" s="5" t="s">
        <v>44</v>
      </c>
      <c r="AC3000" s="2"/>
      <c r="AD3000" s="1"/>
    </row>
    <row r="3001" spans="1:30">
      <c r="A3001" s="5" t="s">
        <v>83578</v>
      </c>
      <c r="B3001" s="2" t="s">
        <v>92605</v>
      </c>
      <c r="C3001" s="14" t="s">
        <v>92606</v>
      </c>
      <c r="D3001" s="2" t="s">
        <v>92607</v>
      </c>
      <c r="E3001" s="2" t="s">
        <v>45534</v>
      </c>
      <c r="F3001" s="8">
        <v>302</v>
      </c>
      <c r="G3001" s="5">
        <v>6</v>
      </c>
      <c r="H3001" s="5" t="s">
        <v>1518</v>
      </c>
      <c r="I3001" s="5" t="s">
        <v>36264</v>
      </c>
      <c r="J3001" s="2" t="s">
        <v>36265</v>
      </c>
      <c r="K3001" s="5" t="s">
        <v>36264</v>
      </c>
      <c r="L3001" s="2" t="s">
        <v>36265</v>
      </c>
      <c r="M3001" s="5" t="s">
        <v>36266</v>
      </c>
      <c r="N3001" s="5" t="s">
        <v>38</v>
      </c>
      <c r="O3001" s="5" t="s">
        <v>39</v>
      </c>
      <c r="P3001" s="5" t="s">
        <v>40</v>
      </c>
      <c r="Q3001" s="5" t="s">
        <v>1522</v>
      </c>
      <c r="R3001" s="5" t="s">
        <v>1523</v>
      </c>
      <c r="S3001" s="5" t="s">
        <v>42</v>
      </c>
      <c r="T3001" s="2">
        <v>2.7480000000000002</v>
      </c>
      <c r="U3001" s="2">
        <v>2.1970000000000001</v>
      </c>
      <c r="V3001" s="2">
        <v>1.4999999999999999E-2</v>
      </c>
      <c r="W3001" s="2">
        <v>118.9</v>
      </c>
      <c r="X3001" s="2">
        <v>7.6</v>
      </c>
      <c r="Y3001" s="2">
        <v>16.7</v>
      </c>
      <c r="Z3001" s="5"/>
      <c r="AA3001" s="5" t="s">
        <v>43</v>
      </c>
      <c r="AB3001" s="5" t="s">
        <v>44</v>
      </c>
      <c r="AC3001" s="2"/>
      <c r="AD3001" s="1"/>
    </row>
    <row r="3002" spans="1:30">
      <c r="A3002" s="5" t="s">
        <v>83578</v>
      </c>
      <c r="B3002" s="2" t="s">
        <v>92608</v>
      </c>
      <c r="C3002" s="14" t="s">
        <v>92609</v>
      </c>
      <c r="D3002" s="2" t="s">
        <v>92610</v>
      </c>
      <c r="E3002" s="2" t="s">
        <v>36369</v>
      </c>
      <c r="F3002" s="8">
        <v>302</v>
      </c>
      <c r="G3002" s="5">
        <v>6</v>
      </c>
      <c r="H3002" s="5" t="s">
        <v>1518</v>
      </c>
      <c r="I3002" s="5" t="s">
        <v>36264</v>
      </c>
      <c r="J3002" s="2" t="s">
        <v>36265</v>
      </c>
      <c r="K3002" s="5" t="s">
        <v>36264</v>
      </c>
      <c r="L3002" s="2" t="s">
        <v>36265</v>
      </c>
      <c r="M3002" s="5" t="s">
        <v>36266</v>
      </c>
      <c r="N3002" s="5" t="s">
        <v>38</v>
      </c>
      <c r="O3002" s="5" t="s">
        <v>39</v>
      </c>
      <c r="P3002" s="5" t="s">
        <v>40</v>
      </c>
      <c r="Q3002" s="5" t="s">
        <v>1522</v>
      </c>
      <c r="R3002" s="5" t="s">
        <v>1523</v>
      </c>
      <c r="S3002" s="5" t="s">
        <v>42</v>
      </c>
      <c r="T3002" s="2">
        <v>2.661</v>
      </c>
      <c r="U3002" s="2">
        <v>2.11</v>
      </c>
      <c r="V3002" s="2">
        <v>1.4999999999999999E-2</v>
      </c>
      <c r="W3002" s="2">
        <v>118.9</v>
      </c>
      <c r="X3002" s="2">
        <v>7.6</v>
      </c>
      <c r="Y3002" s="2">
        <v>16.7</v>
      </c>
      <c r="Z3002" s="5"/>
      <c r="AA3002" s="5" t="s">
        <v>43</v>
      </c>
      <c r="AB3002" s="5" t="s">
        <v>44</v>
      </c>
      <c r="AC3002" s="2"/>
      <c r="AD3002" s="1"/>
    </row>
    <row r="3003" spans="1:30">
      <c r="A3003" s="5" t="s">
        <v>83578</v>
      </c>
      <c r="B3003" s="2" t="s">
        <v>92611</v>
      </c>
      <c r="C3003" s="14" t="s">
        <v>92612</v>
      </c>
      <c r="D3003" s="2" t="s">
        <v>92613</v>
      </c>
      <c r="E3003" s="2" t="s">
        <v>36373</v>
      </c>
      <c r="F3003" s="8">
        <v>302</v>
      </c>
      <c r="G3003" s="5">
        <v>6</v>
      </c>
      <c r="H3003" s="5" t="s">
        <v>1518</v>
      </c>
      <c r="I3003" s="5" t="s">
        <v>36264</v>
      </c>
      <c r="J3003" s="2" t="s">
        <v>36265</v>
      </c>
      <c r="K3003" s="5" t="s">
        <v>36264</v>
      </c>
      <c r="L3003" s="2" t="s">
        <v>36265</v>
      </c>
      <c r="M3003" s="5" t="s">
        <v>36266</v>
      </c>
      <c r="N3003" s="5" t="s">
        <v>38</v>
      </c>
      <c r="O3003" s="5" t="s">
        <v>39</v>
      </c>
      <c r="P3003" s="5" t="s">
        <v>40</v>
      </c>
      <c r="Q3003" s="5" t="s">
        <v>1522</v>
      </c>
      <c r="R3003" s="5" t="s">
        <v>1523</v>
      </c>
      <c r="S3003" s="5" t="s">
        <v>42</v>
      </c>
      <c r="T3003" s="2">
        <v>2.7480000000000002</v>
      </c>
      <c r="U3003" s="2">
        <v>2.1970000000000001</v>
      </c>
      <c r="V3003" s="2">
        <v>1.4999999999999999E-2</v>
      </c>
      <c r="W3003" s="2">
        <v>118.9</v>
      </c>
      <c r="X3003" s="2">
        <v>7.6</v>
      </c>
      <c r="Y3003" s="2">
        <v>16.7</v>
      </c>
      <c r="Z3003" s="5"/>
      <c r="AA3003" s="5" t="s">
        <v>43</v>
      </c>
      <c r="AB3003" s="5" t="s">
        <v>44</v>
      </c>
      <c r="AC3003" s="2"/>
      <c r="AD3003" s="1"/>
    </row>
    <row r="3004" spans="1:30">
      <c r="A3004" s="5" t="s">
        <v>83578</v>
      </c>
      <c r="B3004" s="2" t="s">
        <v>92614</v>
      </c>
      <c r="C3004" s="14" t="s">
        <v>92615</v>
      </c>
      <c r="D3004" s="2" t="s">
        <v>92616</v>
      </c>
      <c r="E3004" s="2" t="s">
        <v>36377</v>
      </c>
      <c r="F3004" s="8">
        <v>302</v>
      </c>
      <c r="G3004" s="5">
        <v>6</v>
      </c>
      <c r="H3004" s="5" t="s">
        <v>1518</v>
      </c>
      <c r="I3004" s="5" t="s">
        <v>36264</v>
      </c>
      <c r="J3004" s="2" t="s">
        <v>36265</v>
      </c>
      <c r="K3004" s="5" t="s">
        <v>36264</v>
      </c>
      <c r="L3004" s="2" t="s">
        <v>36265</v>
      </c>
      <c r="M3004" s="5" t="s">
        <v>36266</v>
      </c>
      <c r="N3004" s="5" t="s">
        <v>38</v>
      </c>
      <c r="O3004" s="5" t="s">
        <v>39</v>
      </c>
      <c r="P3004" s="5" t="s">
        <v>40</v>
      </c>
      <c r="Q3004" s="5" t="s">
        <v>1522</v>
      </c>
      <c r="R3004" s="5" t="s">
        <v>1523</v>
      </c>
      <c r="S3004" s="5" t="s">
        <v>42</v>
      </c>
      <c r="T3004" s="2">
        <v>2.661</v>
      </c>
      <c r="U3004" s="2">
        <v>2.11</v>
      </c>
      <c r="V3004" s="2">
        <v>1.4999999999999999E-2</v>
      </c>
      <c r="W3004" s="2">
        <v>118.9</v>
      </c>
      <c r="X3004" s="2">
        <v>7.6</v>
      </c>
      <c r="Y3004" s="2">
        <v>16.7</v>
      </c>
      <c r="Z3004" s="5"/>
      <c r="AA3004" s="5" t="s">
        <v>43</v>
      </c>
      <c r="AB3004" s="5" t="s">
        <v>44</v>
      </c>
      <c r="AC3004" s="2"/>
      <c r="AD3004" s="1"/>
    </row>
    <row r="3005" spans="1:30">
      <c r="A3005" s="5" t="s">
        <v>83578</v>
      </c>
      <c r="B3005" s="2" t="s">
        <v>92617</v>
      </c>
      <c r="C3005" s="14" t="s">
        <v>92618</v>
      </c>
      <c r="D3005" s="2" t="s">
        <v>92619</v>
      </c>
      <c r="E3005" s="2" t="s">
        <v>36381</v>
      </c>
      <c r="F3005" s="8">
        <v>302</v>
      </c>
      <c r="G3005" s="5">
        <v>6</v>
      </c>
      <c r="H3005" s="5" t="s">
        <v>1518</v>
      </c>
      <c r="I3005" s="5" t="s">
        <v>36264</v>
      </c>
      <c r="J3005" s="2" t="s">
        <v>36265</v>
      </c>
      <c r="K3005" s="5" t="s">
        <v>36264</v>
      </c>
      <c r="L3005" s="2" t="s">
        <v>36265</v>
      </c>
      <c r="M3005" s="5" t="s">
        <v>36266</v>
      </c>
      <c r="N3005" s="5" t="s">
        <v>38</v>
      </c>
      <c r="O3005" s="5" t="s">
        <v>39</v>
      </c>
      <c r="P3005" s="5" t="s">
        <v>40</v>
      </c>
      <c r="Q3005" s="5" t="s">
        <v>1522</v>
      </c>
      <c r="R3005" s="5" t="s">
        <v>1523</v>
      </c>
      <c r="S3005" s="5" t="s">
        <v>42</v>
      </c>
      <c r="T3005" s="2">
        <v>2.7480000000000002</v>
      </c>
      <c r="U3005" s="2">
        <v>2.1970000000000001</v>
      </c>
      <c r="V3005" s="2">
        <v>1.4999999999999999E-2</v>
      </c>
      <c r="W3005" s="2">
        <v>118.9</v>
      </c>
      <c r="X3005" s="2">
        <v>7.6</v>
      </c>
      <c r="Y3005" s="2">
        <v>16.7</v>
      </c>
      <c r="Z3005" s="5"/>
      <c r="AA3005" s="5" t="s">
        <v>43</v>
      </c>
      <c r="AB3005" s="5" t="s">
        <v>44</v>
      </c>
      <c r="AC3005" s="2"/>
      <c r="AD3005" s="1"/>
    </row>
    <row r="3006" spans="1:30">
      <c r="A3006" s="5" t="s">
        <v>83578</v>
      </c>
      <c r="B3006" s="2" t="s">
        <v>92620</v>
      </c>
      <c r="C3006" s="14" t="s">
        <v>92621</v>
      </c>
      <c r="D3006" s="2" t="s">
        <v>92622</v>
      </c>
      <c r="E3006" s="2" t="s">
        <v>36385</v>
      </c>
      <c r="F3006" s="8">
        <v>302</v>
      </c>
      <c r="G3006" s="5">
        <v>6</v>
      </c>
      <c r="H3006" s="5" t="s">
        <v>1518</v>
      </c>
      <c r="I3006" s="5" t="s">
        <v>36264</v>
      </c>
      <c r="J3006" s="2" t="s">
        <v>36265</v>
      </c>
      <c r="K3006" s="5" t="s">
        <v>36264</v>
      </c>
      <c r="L3006" s="2" t="s">
        <v>36265</v>
      </c>
      <c r="M3006" s="5" t="s">
        <v>36266</v>
      </c>
      <c r="N3006" s="5" t="s">
        <v>38</v>
      </c>
      <c r="O3006" s="5" t="s">
        <v>39</v>
      </c>
      <c r="P3006" s="5" t="s">
        <v>40</v>
      </c>
      <c r="Q3006" s="5" t="s">
        <v>1522</v>
      </c>
      <c r="R3006" s="5" t="s">
        <v>1523</v>
      </c>
      <c r="S3006" s="5" t="s">
        <v>42</v>
      </c>
      <c r="T3006" s="2">
        <v>2.661</v>
      </c>
      <c r="U3006" s="2">
        <v>2.11</v>
      </c>
      <c r="V3006" s="2">
        <v>1.4999999999999999E-2</v>
      </c>
      <c r="W3006" s="2">
        <v>118.9</v>
      </c>
      <c r="X3006" s="2">
        <v>7.6</v>
      </c>
      <c r="Y3006" s="2">
        <v>16.7</v>
      </c>
      <c r="Z3006" s="5"/>
      <c r="AA3006" s="5" t="s">
        <v>43</v>
      </c>
      <c r="AB3006" s="5" t="s">
        <v>44</v>
      </c>
      <c r="AC3006" s="2"/>
      <c r="AD3006" s="1"/>
    </row>
    <row r="3007" spans="1:30">
      <c r="A3007" s="5" t="s">
        <v>83578</v>
      </c>
      <c r="B3007" s="2" t="s">
        <v>92623</v>
      </c>
      <c r="C3007" s="14" t="s">
        <v>92624</v>
      </c>
      <c r="D3007" s="2" t="s">
        <v>92625</v>
      </c>
      <c r="E3007" s="2" t="s">
        <v>36389</v>
      </c>
      <c r="F3007" s="8">
        <v>302</v>
      </c>
      <c r="G3007" s="5">
        <v>6</v>
      </c>
      <c r="H3007" s="5" t="s">
        <v>1518</v>
      </c>
      <c r="I3007" s="5" t="s">
        <v>36264</v>
      </c>
      <c r="J3007" s="2" t="s">
        <v>36265</v>
      </c>
      <c r="K3007" s="5" t="s">
        <v>36264</v>
      </c>
      <c r="L3007" s="2" t="s">
        <v>36265</v>
      </c>
      <c r="M3007" s="5" t="s">
        <v>36266</v>
      </c>
      <c r="N3007" s="5" t="s">
        <v>38</v>
      </c>
      <c r="O3007" s="5" t="s">
        <v>39</v>
      </c>
      <c r="P3007" s="5" t="s">
        <v>40</v>
      </c>
      <c r="Q3007" s="5" t="s">
        <v>1522</v>
      </c>
      <c r="R3007" s="5" t="s">
        <v>1523</v>
      </c>
      <c r="S3007" s="5" t="s">
        <v>42</v>
      </c>
      <c r="T3007" s="2">
        <v>2.7480000000000002</v>
      </c>
      <c r="U3007" s="2">
        <v>2.1970000000000001</v>
      </c>
      <c r="V3007" s="2">
        <v>1.4999999999999999E-2</v>
      </c>
      <c r="W3007" s="2">
        <v>118.9</v>
      </c>
      <c r="X3007" s="2">
        <v>7.6</v>
      </c>
      <c r="Y3007" s="2">
        <v>16.7</v>
      </c>
      <c r="Z3007" s="5"/>
      <c r="AA3007" s="5" t="s">
        <v>43</v>
      </c>
      <c r="AB3007" s="5" t="s">
        <v>44</v>
      </c>
      <c r="AC3007" s="2"/>
      <c r="AD3007" s="1"/>
    </row>
    <row r="3008" spans="1:30">
      <c r="A3008" s="5" t="s">
        <v>83578</v>
      </c>
      <c r="B3008" s="2" t="s">
        <v>92626</v>
      </c>
      <c r="C3008" s="14" t="s">
        <v>92627</v>
      </c>
      <c r="D3008" s="2" t="s">
        <v>92628</v>
      </c>
      <c r="E3008" s="2" t="s">
        <v>36273</v>
      </c>
      <c r="F3008" s="8">
        <v>262</v>
      </c>
      <c r="G3008" s="5">
        <v>6</v>
      </c>
      <c r="H3008" s="5" t="s">
        <v>1518</v>
      </c>
      <c r="I3008" s="5" t="s">
        <v>36264</v>
      </c>
      <c r="J3008" s="2" t="s">
        <v>36265</v>
      </c>
      <c r="K3008" s="5" t="s">
        <v>36264</v>
      </c>
      <c r="L3008" s="2" t="s">
        <v>36265</v>
      </c>
      <c r="M3008" s="5" t="s">
        <v>36266</v>
      </c>
      <c r="N3008" s="5" t="s">
        <v>38</v>
      </c>
      <c r="O3008" s="5" t="s">
        <v>39</v>
      </c>
      <c r="P3008" s="5" t="s">
        <v>40</v>
      </c>
      <c r="Q3008" s="5" t="s">
        <v>1522</v>
      </c>
      <c r="R3008" s="5" t="s">
        <v>1523</v>
      </c>
      <c r="S3008" s="5" t="s">
        <v>42</v>
      </c>
      <c r="T3008" s="2">
        <v>2.286</v>
      </c>
      <c r="U3008" s="2">
        <v>1.8160000000000001</v>
      </c>
      <c r="V3008" s="2">
        <v>1.0999999999999999E-2</v>
      </c>
      <c r="W3008" s="2">
        <v>82.9</v>
      </c>
      <c r="X3008" s="2">
        <v>7.6</v>
      </c>
      <c r="Y3008" s="2">
        <v>16.7</v>
      </c>
      <c r="Z3008" s="5"/>
      <c r="AA3008" s="5" t="s">
        <v>43</v>
      </c>
      <c r="AB3008" s="5" t="s">
        <v>44</v>
      </c>
      <c r="AC3008" s="2"/>
      <c r="AD3008" s="1"/>
    </row>
    <row r="3009" spans="1:30">
      <c r="A3009" s="5" t="s">
        <v>83578</v>
      </c>
      <c r="B3009" s="2" t="s">
        <v>92629</v>
      </c>
      <c r="C3009" s="14" t="s">
        <v>92630</v>
      </c>
      <c r="D3009" s="2" t="s">
        <v>92631</v>
      </c>
      <c r="E3009" s="2" t="s">
        <v>36285</v>
      </c>
      <c r="F3009" s="8">
        <v>282</v>
      </c>
      <c r="G3009" s="5">
        <v>6</v>
      </c>
      <c r="H3009" s="5" t="s">
        <v>1518</v>
      </c>
      <c r="I3009" s="5" t="s">
        <v>36264</v>
      </c>
      <c r="J3009" s="2" t="s">
        <v>36265</v>
      </c>
      <c r="K3009" s="5" t="s">
        <v>36264</v>
      </c>
      <c r="L3009" s="2" t="s">
        <v>36265</v>
      </c>
      <c r="M3009" s="5" t="s">
        <v>36266</v>
      </c>
      <c r="N3009" s="5" t="s">
        <v>38</v>
      </c>
      <c r="O3009" s="5" t="s">
        <v>39</v>
      </c>
      <c r="P3009" s="5" t="s">
        <v>40</v>
      </c>
      <c r="Q3009" s="5" t="s">
        <v>1522</v>
      </c>
      <c r="R3009" s="5" t="s">
        <v>1523</v>
      </c>
      <c r="S3009" s="5" t="s">
        <v>42</v>
      </c>
      <c r="T3009" s="2">
        <v>2.3519999999999999</v>
      </c>
      <c r="U3009" s="2">
        <v>1.8819999999999999</v>
      </c>
      <c r="V3009" s="2">
        <v>1.0999999999999999E-2</v>
      </c>
      <c r="W3009" s="2">
        <v>82.9</v>
      </c>
      <c r="X3009" s="2">
        <v>7.6</v>
      </c>
      <c r="Y3009" s="2">
        <v>16.7</v>
      </c>
      <c r="Z3009" s="5"/>
      <c r="AA3009" s="5" t="s">
        <v>43</v>
      </c>
      <c r="AB3009" s="5" t="s">
        <v>44</v>
      </c>
      <c r="AC3009" s="2"/>
      <c r="AD3009" s="1"/>
    </row>
    <row r="3010" spans="1:30">
      <c r="A3010" s="5" t="s">
        <v>83578</v>
      </c>
      <c r="B3010" s="2" t="s">
        <v>92632</v>
      </c>
      <c r="C3010" s="14" t="s">
        <v>92633</v>
      </c>
      <c r="D3010" s="2" t="s">
        <v>92634</v>
      </c>
      <c r="E3010" s="2" t="s">
        <v>36289</v>
      </c>
      <c r="F3010" s="8">
        <v>282</v>
      </c>
      <c r="G3010" s="5">
        <v>6</v>
      </c>
      <c r="H3010" s="5" t="s">
        <v>1518</v>
      </c>
      <c r="I3010" s="5" t="s">
        <v>36264</v>
      </c>
      <c r="J3010" s="2" t="s">
        <v>36265</v>
      </c>
      <c r="K3010" s="5" t="s">
        <v>36264</v>
      </c>
      <c r="L3010" s="2" t="s">
        <v>36265</v>
      </c>
      <c r="M3010" s="5" t="s">
        <v>36266</v>
      </c>
      <c r="N3010" s="5" t="s">
        <v>38</v>
      </c>
      <c r="O3010" s="5" t="s">
        <v>39</v>
      </c>
      <c r="P3010" s="5" t="s">
        <v>40</v>
      </c>
      <c r="Q3010" s="5" t="s">
        <v>1522</v>
      </c>
      <c r="R3010" s="5" t="s">
        <v>1523</v>
      </c>
      <c r="S3010" s="5" t="s">
        <v>42</v>
      </c>
      <c r="T3010" s="2">
        <v>2.286</v>
      </c>
      <c r="U3010" s="2">
        <v>1.8160000000000001</v>
      </c>
      <c r="V3010" s="2">
        <v>1.0999999999999999E-2</v>
      </c>
      <c r="W3010" s="2">
        <v>82.9</v>
      </c>
      <c r="X3010" s="2">
        <v>7.6</v>
      </c>
      <c r="Y3010" s="2">
        <v>16.7</v>
      </c>
      <c r="Z3010" s="5"/>
      <c r="AA3010" s="5" t="s">
        <v>43</v>
      </c>
      <c r="AB3010" s="5" t="s">
        <v>44</v>
      </c>
      <c r="AC3010" s="2"/>
      <c r="AD3010" s="1"/>
    </row>
    <row r="3011" spans="1:30">
      <c r="A3011" s="5" t="s">
        <v>83578</v>
      </c>
      <c r="B3011" s="2" t="s">
        <v>92635</v>
      </c>
      <c r="C3011" s="14" t="s">
        <v>92636</v>
      </c>
      <c r="D3011" s="2" t="s">
        <v>92637</v>
      </c>
      <c r="E3011" s="2" t="s">
        <v>36309</v>
      </c>
      <c r="F3011" s="8">
        <v>262</v>
      </c>
      <c r="G3011" s="5">
        <v>6</v>
      </c>
      <c r="H3011" s="5" t="s">
        <v>1518</v>
      </c>
      <c r="I3011" s="5" t="s">
        <v>36264</v>
      </c>
      <c r="J3011" s="2" t="s">
        <v>36265</v>
      </c>
      <c r="K3011" s="5" t="s">
        <v>36264</v>
      </c>
      <c r="L3011" s="2" t="s">
        <v>36265</v>
      </c>
      <c r="M3011" s="5" t="s">
        <v>36266</v>
      </c>
      <c r="N3011" s="5" t="s">
        <v>38</v>
      </c>
      <c r="O3011" s="5" t="s">
        <v>39</v>
      </c>
      <c r="P3011" s="5" t="s">
        <v>40</v>
      </c>
      <c r="Q3011" s="5" t="s">
        <v>1522</v>
      </c>
      <c r="R3011" s="5" t="s">
        <v>1523</v>
      </c>
      <c r="S3011" s="5" t="s">
        <v>42</v>
      </c>
      <c r="T3011" s="2">
        <v>2.3519999999999999</v>
      </c>
      <c r="U3011" s="2">
        <v>1.8819999999999999</v>
      </c>
      <c r="V3011" s="2">
        <v>1.0999999999999999E-2</v>
      </c>
      <c r="W3011" s="2">
        <v>82.9</v>
      </c>
      <c r="X3011" s="2">
        <v>7.6</v>
      </c>
      <c r="Y3011" s="2">
        <v>16.7</v>
      </c>
      <c r="Z3011" s="5"/>
      <c r="AA3011" s="5" t="s">
        <v>43</v>
      </c>
      <c r="AB3011" s="5" t="s">
        <v>44</v>
      </c>
      <c r="AC3011" s="2"/>
      <c r="AD3011" s="1"/>
    </row>
    <row r="3012" spans="1:30">
      <c r="A3012" s="5" t="s">
        <v>83578</v>
      </c>
      <c r="B3012" s="2" t="s">
        <v>92638</v>
      </c>
      <c r="C3012" s="14" t="s">
        <v>92639</v>
      </c>
      <c r="D3012" s="2" t="s">
        <v>92640</v>
      </c>
      <c r="E3012" s="2" t="s">
        <v>36313</v>
      </c>
      <c r="F3012" s="8">
        <v>282</v>
      </c>
      <c r="G3012" s="5">
        <v>6</v>
      </c>
      <c r="H3012" s="5" t="s">
        <v>1518</v>
      </c>
      <c r="I3012" s="5" t="s">
        <v>36264</v>
      </c>
      <c r="J3012" s="2" t="s">
        <v>36265</v>
      </c>
      <c r="K3012" s="5" t="s">
        <v>36264</v>
      </c>
      <c r="L3012" s="2" t="s">
        <v>36265</v>
      </c>
      <c r="M3012" s="5" t="s">
        <v>36266</v>
      </c>
      <c r="N3012" s="5" t="s">
        <v>38</v>
      </c>
      <c r="O3012" s="5" t="s">
        <v>39</v>
      </c>
      <c r="P3012" s="5" t="s">
        <v>40</v>
      </c>
      <c r="Q3012" s="5" t="s">
        <v>1522</v>
      </c>
      <c r="R3012" s="5" t="s">
        <v>1523</v>
      </c>
      <c r="S3012" s="5" t="s">
        <v>42</v>
      </c>
      <c r="T3012" s="2">
        <v>2.286</v>
      </c>
      <c r="U3012" s="2">
        <v>1.8160000000000001</v>
      </c>
      <c r="V3012" s="2">
        <v>1.0999999999999999E-2</v>
      </c>
      <c r="W3012" s="2">
        <v>82.9</v>
      </c>
      <c r="X3012" s="2">
        <v>7.6</v>
      </c>
      <c r="Y3012" s="2">
        <v>16.7</v>
      </c>
      <c r="Z3012" s="5"/>
      <c r="AA3012" s="5" t="s">
        <v>43</v>
      </c>
      <c r="AB3012" s="5" t="s">
        <v>44</v>
      </c>
      <c r="AC3012" s="2"/>
      <c r="AD3012" s="1"/>
    </row>
    <row r="3013" spans="1:30">
      <c r="A3013" s="5" t="s">
        <v>83578</v>
      </c>
      <c r="B3013" s="2" t="s">
        <v>92641</v>
      </c>
      <c r="C3013" s="14" t="s">
        <v>92642</v>
      </c>
      <c r="D3013" s="2" t="s">
        <v>92643</v>
      </c>
      <c r="E3013" s="2" t="s">
        <v>36317</v>
      </c>
      <c r="F3013" s="8">
        <v>282</v>
      </c>
      <c r="G3013" s="5">
        <v>6</v>
      </c>
      <c r="H3013" s="5" t="s">
        <v>1518</v>
      </c>
      <c r="I3013" s="5" t="s">
        <v>36264</v>
      </c>
      <c r="J3013" s="2" t="s">
        <v>36265</v>
      </c>
      <c r="K3013" s="5" t="s">
        <v>36264</v>
      </c>
      <c r="L3013" s="2" t="s">
        <v>36265</v>
      </c>
      <c r="M3013" s="5" t="s">
        <v>36266</v>
      </c>
      <c r="N3013" s="5" t="s">
        <v>38</v>
      </c>
      <c r="O3013" s="5" t="s">
        <v>39</v>
      </c>
      <c r="P3013" s="5" t="s">
        <v>40</v>
      </c>
      <c r="Q3013" s="5" t="s">
        <v>1522</v>
      </c>
      <c r="R3013" s="5" t="s">
        <v>1523</v>
      </c>
      <c r="S3013" s="5" t="s">
        <v>42</v>
      </c>
      <c r="T3013" s="2">
        <v>2.3519999999999999</v>
      </c>
      <c r="U3013" s="2">
        <v>1.8819999999999999</v>
      </c>
      <c r="V3013" s="2">
        <v>1.0999999999999999E-2</v>
      </c>
      <c r="W3013" s="2">
        <v>82.9</v>
      </c>
      <c r="X3013" s="2">
        <v>7.6</v>
      </c>
      <c r="Y3013" s="2">
        <v>16.7</v>
      </c>
      <c r="Z3013" s="5"/>
      <c r="AA3013" s="5" t="s">
        <v>43</v>
      </c>
      <c r="AB3013" s="5" t="s">
        <v>44</v>
      </c>
      <c r="AC3013" s="2"/>
      <c r="AD3013" s="1"/>
    </row>
    <row r="3014" spans="1:30">
      <c r="A3014" s="5" t="s">
        <v>83578</v>
      </c>
      <c r="B3014" s="2" t="s">
        <v>92644</v>
      </c>
      <c r="C3014" s="14" t="s">
        <v>92645</v>
      </c>
      <c r="D3014" s="2" t="s">
        <v>92646</v>
      </c>
      <c r="E3014" s="2" t="s">
        <v>36321</v>
      </c>
      <c r="F3014" s="8">
        <v>282</v>
      </c>
      <c r="G3014" s="5">
        <v>6</v>
      </c>
      <c r="H3014" s="5" t="s">
        <v>1518</v>
      </c>
      <c r="I3014" s="5" t="s">
        <v>36264</v>
      </c>
      <c r="J3014" s="2" t="s">
        <v>36265</v>
      </c>
      <c r="K3014" s="5" t="s">
        <v>36264</v>
      </c>
      <c r="L3014" s="2" t="s">
        <v>36265</v>
      </c>
      <c r="M3014" s="5" t="s">
        <v>36266</v>
      </c>
      <c r="N3014" s="5" t="s">
        <v>38</v>
      </c>
      <c r="O3014" s="5" t="s">
        <v>39</v>
      </c>
      <c r="P3014" s="5" t="s">
        <v>40</v>
      </c>
      <c r="Q3014" s="5" t="s">
        <v>1522</v>
      </c>
      <c r="R3014" s="5" t="s">
        <v>1523</v>
      </c>
      <c r="S3014" s="5" t="s">
        <v>42</v>
      </c>
      <c r="T3014" s="2">
        <v>2.286</v>
      </c>
      <c r="U3014" s="2">
        <v>1.8160000000000001</v>
      </c>
      <c r="V3014" s="2">
        <v>1.0999999999999999E-2</v>
      </c>
      <c r="W3014" s="2">
        <v>82.9</v>
      </c>
      <c r="X3014" s="2">
        <v>7.6</v>
      </c>
      <c r="Y3014" s="2">
        <v>16.7</v>
      </c>
      <c r="Z3014" s="5"/>
      <c r="AA3014" s="5" t="s">
        <v>43</v>
      </c>
      <c r="AB3014" s="5" t="s">
        <v>44</v>
      </c>
      <c r="AC3014" s="2"/>
      <c r="AD3014" s="1"/>
    </row>
    <row r="3015" spans="1:30">
      <c r="A3015" s="5" t="s">
        <v>83578</v>
      </c>
      <c r="B3015" s="2" t="s">
        <v>92647</v>
      </c>
      <c r="C3015" s="14" t="s">
        <v>92648</v>
      </c>
      <c r="D3015" s="2" t="s">
        <v>92649</v>
      </c>
      <c r="E3015" s="2" t="s">
        <v>36325</v>
      </c>
      <c r="F3015" s="8">
        <v>282</v>
      </c>
      <c r="G3015" s="5">
        <v>6</v>
      </c>
      <c r="H3015" s="5" t="s">
        <v>1518</v>
      </c>
      <c r="I3015" s="5" t="s">
        <v>36264</v>
      </c>
      <c r="J3015" s="2" t="s">
        <v>36265</v>
      </c>
      <c r="K3015" s="5" t="s">
        <v>36264</v>
      </c>
      <c r="L3015" s="2" t="s">
        <v>36265</v>
      </c>
      <c r="M3015" s="5" t="s">
        <v>36266</v>
      </c>
      <c r="N3015" s="5" t="s">
        <v>38</v>
      </c>
      <c r="O3015" s="5" t="s">
        <v>39</v>
      </c>
      <c r="P3015" s="5" t="s">
        <v>40</v>
      </c>
      <c r="Q3015" s="5" t="s">
        <v>1522</v>
      </c>
      <c r="R3015" s="5" t="s">
        <v>1523</v>
      </c>
      <c r="S3015" s="5" t="s">
        <v>42</v>
      </c>
      <c r="T3015" s="2">
        <v>2.3519999999999999</v>
      </c>
      <c r="U3015" s="2">
        <v>1.8819999999999999</v>
      </c>
      <c r="V3015" s="2">
        <v>1.0999999999999999E-2</v>
      </c>
      <c r="W3015" s="2">
        <v>82.9</v>
      </c>
      <c r="X3015" s="2">
        <v>7.6</v>
      </c>
      <c r="Y3015" s="2">
        <v>16.7</v>
      </c>
      <c r="Z3015" s="5"/>
      <c r="AA3015" s="5" t="s">
        <v>43</v>
      </c>
      <c r="AB3015" s="5" t="s">
        <v>44</v>
      </c>
      <c r="AC3015" s="2"/>
      <c r="AD3015" s="1"/>
    </row>
    <row r="3016" spans="1:30">
      <c r="A3016" s="5" t="s">
        <v>83578</v>
      </c>
      <c r="B3016" s="2" t="s">
        <v>92650</v>
      </c>
      <c r="C3016" s="14" t="s">
        <v>92651</v>
      </c>
      <c r="D3016" s="2" t="s">
        <v>92652</v>
      </c>
      <c r="E3016" s="2" t="s">
        <v>36337</v>
      </c>
      <c r="F3016" s="8">
        <v>282</v>
      </c>
      <c r="G3016" s="5">
        <v>6</v>
      </c>
      <c r="H3016" s="5" t="s">
        <v>1518</v>
      </c>
      <c r="I3016" s="5" t="s">
        <v>36264</v>
      </c>
      <c r="J3016" s="2" t="s">
        <v>36265</v>
      </c>
      <c r="K3016" s="5" t="s">
        <v>36264</v>
      </c>
      <c r="L3016" s="2" t="s">
        <v>36265</v>
      </c>
      <c r="M3016" s="5" t="s">
        <v>36266</v>
      </c>
      <c r="N3016" s="5" t="s">
        <v>38</v>
      </c>
      <c r="O3016" s="5" t="s">
        <v>39</v>
      </c>
      <c r="P3016" s="5" t="s">
        <v>40</v>
      </c>
      <c r="Q3016" s="5" t="s">
        <v>1522</v>
      </c>
      <c r="R3016" s="5" t="s">
        <v>1523</v>
      </c>
      <c r="S3016" s="5" t="s">
        <v>42</v>
      </c>
      <c r="T3016" s="2">
        <v>2.286</v>
      </c>
      <c r="U3016" s="2">
        <v>1.8160000000000001</v>
      </c>
      <c r="V3016" s="2">
        <v>1.0999999999999999E-2</v>
      </c>
      <c r="W3016" s="2">
        <v>82.9</v>
      </c>
      <c r="X3016" s="2">
        <v>7.6</v>
      </c>
      <c r="Y3016" s="2">
        <v>16.7</v>
      </c>
      <c r="Z3016" s="5"/>
      <c r="AA3016" s="5" t="s">
        <v>43</v>
      </c>
      <c r="AB3016" s="5" t="s">
        <v>44</v>
      </c>
      <c r="AC3016" s="2"/>
      <c r="AD3016" s="1"/>
    </row>
    <row r="3017" spans="1:30">
      <c r="A3017" s="5" t="s">
        <v>83578</v>
      </c>
      <c r="B3017" s="2" t="s">
        <v>92653</v>
      </c>
      <c r="C3017" s="14" t="s">
        <v>92654</v>
      </c>
      <c r="D3017" s="2" t="s">
        <v>92655</v>
      </c>
      <c r="E3017" s="2" t="s">
        <v>36341</v>
      </c>
      <c r="F3017" s="8">
        <v>282</v>
      </c>
      <c r="G3017" s="5">
        <v>6</v>
      </c>
      <c r="H3017" s="5" t="s">
        <v>1518</v>
      </c>
      <c r="I3017" s="5" t="s">
        <v>36264</v>
      </c>
      <c r="J3017" s="2" t="s">
        <v>36265</v>
      </c>
      <c r="K3017" s="5" t="s">
        <v>36264</v>
      </c>
      <c r="L3017" s="2" t="s">
        <v>36265</v>
      </c>
      <c r="M3017" s="5" t="s">
        <v>36266</v>
      </c>
      <c r="N3017" s="5" t="s">
        <v>38</v>
      </c>
      <c r="O3017" s="5" t="s">
        <v>39</v>
      </c>
      <c r="P3017" s="5" t="s">
        <v>40</v>
      </c>
      <c r="Q3017" s="5" t="s">
        <v>1522</v>
      </c>
      <c r="R3017" s="5" t="s">
        <v>1523</v>
      </c>
      <c r="S3017" s="5" t="s">
        <v>42</v>
      </c>
      <c r="T3017" s="2">
        <v>2.3519999999999999</v>
      </c>
      <c r="U3017" s="2">
        <v>1.8819999999999999</v>
      </c>
      <c r="V3017" s="2">
        <v>1.0999999999999999E-2</v>
      </c>
      <c r="W3017" s="2">
        <v>82.9</v>
      </c>
      <c r="X3017" s="2">
        <v>7.6</v>
      </c>
      <c r="Y3017" s="2">
        <v>16.7</v>
      </c>
      <c r="Z3017" s="5"/>
      <c r="AA3017" s="5" t="s">
        <v>43</v>
      </c>
      <c r="AB3017" s="5" t="s">
        <v>44</v>
      </c>
      <c r="AC3017" s="2"/>
      <c r="AD3017" s="1"/>
    </row>
    <row r="3018" spans="1:30">
      <c r="A3018" s="5" t="s">
        <v>83578</v>
      </c>
      <c r="B3018" s="2" t="s">
        <v>92656</v>
      </c>
      <c r="C3018" s="14" t="s">
        <v>92657</v>
      </c>
      <c r="D3018" s="2" t="s">
        <v>92658</v>
      </c>
      <c r="E3018" s="2" t="s">
        <v>36345</v>
      </c>
      <c r="F3018" s="8">
        <v>282</v>
      </c>
      <c r="G3018" s="5">
        <v>6</v>
      </c>
      <c r="H3018" s="5" t="s">
        <v>1518</v>
      </c>
      <c r="I3018" s="5" t="s">
        <v>36264</v>
      </c>
      <c r="J3018" s="2" t="s">
        <v>36265</v>
      </c>
      <c r="K3018" s="5" t="s">
        <v>36264</v>
      </c>
      <c r="L3018" s="2" t="s">
        <v>36265</v>
      </c>
      <c r="M3018" s="5" t="s">
        <v>36266</v>
      </c>
      <c r="N3018" s="5" t="s">
        <v>38</v>
      </c>
      <c r="O3018" s="5" t="s">
        <v>39</v>
      </c>
      <c r="P3018" s="5" t="s">
        <v>40</v>
      </c>
      <c r="Q3018" s="5" t="s">
        <v>1522</v>
      </c>
      <c r="R3018" s="5" t="s">
        <v>1523</v>
      </c>
      <c r="S3018" s="5" t="s">
        <v>42</v>
      </c>
      <c r="T3018" s="2">
        <v>2.286</v>
      </c>
      <c r="U3018" s="2">
        <v>1.8160000000000001</v>
      </c>
      <c r="V3018" s="2">
        <v>1.0999999999999999E-2</v>
      </c>
      <c r="W3018" s="2">
        <v>82.9</v>
      </c>
      <c r="X3018" s="2">
        <v>7.6</v>
      </c>
      <c r="Y3018" s="2">
        <v>16.7</v>
      </c>
      <c r="Z3018" s="5"/>
      <c r="AA3018" s="5" t="s">
        <v>43</v>
      </c>
      <c r="AB3018" s="5" t="s">
        <v>44</v>
      </c>
      <c r="AC3018" s="2"/>
      <c r="AD3018" s="1"/>
    </row>
    <row r="3019" spans="1:30">
      <c r="A3019" s="5" t="s">
        <v>83578</v>
      </c>
      <c r="B3019" s="2" t="s">
        <v>92659</v>
      </c>
      <c r="C3019" s="14" t="s">
        <v>92660</v>
      </c>
      <c r="D3019" s="2" t="s">
        <v>92661</v>
      </c>
      <c r="E3019" s="2" t="s">
        <v>36349</v>
      </c>
      <c r="F3019" s="8">
        <v>282</v>
      </c>
      <c r="G3019" s="5">
        <v>6</v>
      </c>
      <c r="H3019" s="5" t="s">
        <v>1518</v>
      </c>
      <c r="I3019" s="5" t="s">
        <v>36264</v>
      </c>
      <c r="J3019" s="2" t="s">
        <v>36265</v>
      </c>
      <c r="K3019" s="5" t="s">
        <v>36264</v>
      </c>
      <c r="L3019" s="2" t="s">
        <v>36265</v>
      </c>
      <c r="M3019" s="5" t="s">
        <v>36266</v>
      </c>
      <c r="N3019" s="5" t="s">
        <v>38</v>
      </c>
      <c r="O3019" s="5" t="s">
        <v>39</v>
      </c>
      <c r="P3019" s="5" t="s">
        <v>40</v>
      </c>
      <c r="Q3019" s="5" t="s">
        <v>1522</v>
      </c>
      <c r="R3019" s="5" t="s">
        <v>1523</v>
      </c>
      <c r="S3019" s="5" t="s">
        <v>42</v>
      </c>
      <c r="T3019" s="2">
        <v>2.3519999999999999</v>
      </c>
      <c r="U3019" s="2">
        <v>1.8819999999999999</v>
      </c>
      <c r="V3019" s="2">
        <v>1.0999999999999999E-2</v>
      </c>
      <c r="W3019" s="2">
        <v>82.9</v>
      </c>
      <c r="X3019" s="2">
        <v>7.6</v>
      </c>
      <c r="Y3019" s="2">
        <v>16.7</v>
      </c>
      <c r="Z3019" s="5"/>
      <c r="AA3019" s="5" t="s">
        <v>43</v>
      </c>
      <c r="AB3019" s="5" t="s">
        <v>44</v>
      </c>
      <c r="AC3019" s="2"/>
      <c r="AD3019" s="1"/>
    </row>
    <row r="3020" spans="1:30">
      <c r="A3020" s="5" t="s">
        <v>83578</v>
      </c>
      <c r="B3020" s="2" t="s">
        <v>92662</v>
      </c>
      <c r="C3020" s="14" t="s">
        <v>92663</v>
      </c>
      <c r="D3020" s="2" t="s">
        <v>92664</v>
      </c>
      <c r="E3020" s="2" t="s">
        <v>36353</v>
      </c>
      <c r="F3020" s="8">
        <v>282</v>
      </c>
      <c r="G3020" s="5">
        <v>6</v>
      </c>
      <c r="H3020" s="5" t="s">
        <v>1518</v>
      </c>
      <c r="I3020" s="5" t="s">
        <v>36264</v>
      </c>
      <c r="J3020" s="2" t="s">
        <v>36265</v>
      </c>
      <c r="K3020" s="5" t="s">
        <v>36264</v>
      </c>
      <c r="L3020" s="2" t="s">
        <v>36265</v>
      </c>
      <c r="M3020" s="5" t="s">
        <v>36266</v>
      </c>
      <c r="N3020" s="5" t="s">
        <v>38</v>
      </c>
      <c r="O3020" s="5" t="s">
        <v>39</v>
      </c>
      <c r="P3020" s="5" t="s">
        <v>40</v>
      </c>
      <c r="Q3020" s="5" t="s">
        <v>1522</v>
      </c>
      <c r="R3020" s="5" t="s">
        <v>1523</v>
      </c>
      <c r="S3020" s="5" t="s">
        <v>42</v>
      </c>
      <c r="T3020" s="2">
        <v>2.286</v>
      </c>
      <c r="U3020" s="2">
        <v>1.8160000000000001</v>
      </c>
      <c r="V3020" s="2">
        <v>1.0999999999999999E-2</v>
      </c>
      <c r="W3020" s="2">
        <v>82.9</v>
      </c>
      <c r="X3020" s="2">
        <v>7.6</v>
      </c>
      <c r="Y3020" s="2">
        <v>16.7</v>
      </c>
      <c r="Z3020" s="5"/>
      <c r="AA3020" s="5" t="s">
        <v>43</v>
      </c>
      <c r="AB3020" s="5" t="s">
        <v>44</v>
      </c>
      <c r="AC3020" s="2"/>
      <c r="AD3020" s="1"/>
    </row>
    <row r="3021" spans="1:30">
      <c r="A3021" s="5" t="s">
        <v>83578</v>
      </c>
      <c r="B3021" s="2" t="s">
        <v>92665</v>
      </c>
      <c r="C3021" s="14" t="s">
        <v>92666</v>
      </c>
      <c r="D3021" s="2" t="s">
        <v>92667</v>
      </c>
      <c r="E3021" s="2" t="s">
        <v>36357</v>
      </c>
      <c r="F3021" s="8">
        <v>282</v>
      </c>
      <c r="G3021" s="5">
        <v>6</v>
      </c>
      <c r="H3021" s="5" t="s">
        <v>1518</v>
      </c>
      <c r="I3021" s="5" t="s">
        <v>36264</v>
      </c>
      <c r="J3021" s="2" t="s">
        <v>36265</v>
      </c>
      <c r="K3021" s="5" t="s">
        <v>36264</v>
      </c>
      <c r="L3021" s="2" t="s">
        <v>36265</v>
      </c>
      <c r="M3021" s="5" t="s">
        <v>36266</v>
      </c>
      <c r="N3021" s="5" t="s">
        <v>38</v>
      </c>
      <c r="O3021" s="5" t="s">
        <v>39</v>
      </c>
      <c r="P3021" s="5" t="s">
        <v>40</v>
      </c>
      <c r="Q3021" s="5" t="s">
        <v>1522</v>
      </c>
      <c r="R3021" s="5" t="s">
        <v>1523</v>
      </c>
      <c r="S3021" s="5" t="s">
        <v>42</v>
      </c>
      <c r="T3021" s="2">
        <v>2.3519999999999999</v>
      </c>
      <c r="U3021" s="2">
        <v>1.8819999999999999</v>
      </c>
      <c r="V3021" s="2">
        <v>1.0999999999999999E-2</v>
      </c>
      <c r="W3021" s="2">
        <v>82.9</v>
      </c>
      <c r="X3021" s="2">
        <v>7.6</v>
      </c>
      <c r="Y3021" s="2">
        <v>16.7</v>
      </c>
      <c r="Z3021" s="5"/>
      <c r="AA3021" s="5" t="s">
        <v>43</v>
      </c>
      <c r="AB3021" s="5" t="s">
        <v>44</v>
      </c>
      <c r="AC3021" s="2"/>
      <c r="AD3021" s="1"/>
    </row>
    <row r="3022" spans="1:30">
      <c r="A3022" s="5" t="s">
        <v>83578</v>
      </c>
      <c r="B3022" s="2" t="s">
        <v>92668</v>
      </c>
      <c r="C3022" s="14" t="s">
        <v>92669</v>
      </c>
      <c r="D3022" s="2" t="s">
        <v>92670</v>
      </c>
      <c r="E3022" s="2" t="s">
        <v>45598</v>
      </c>
      <c r="F3022" s="8">
        <v>282</v>
      </c>
      <c r="G3022" s="5">
        <v>6</v>
      </c>
      <c r="H3022" s="5" t="s">
        <v>1518</v>
      </c>
      <c r="I3022" s="5" t="s">
        <v>36264</v>
      </c>
      <c r="J3022" s="2" t="s">
        <v>36265</v>
      </c>
      <c r="K3022" s="5" t="s">
        <v>36264</v>
      </c>
      <c r="L3022" s="2" t="s">
        <v>36265</v>
      </c>
      <c r="M3022" s="5" t="s">
        <v>36266</v>
      </c>
      <c r="N3022" s="5" t="s">
        <v>38</v>
      </c>
      <c r="O3022" s="5" t="s">
        <v>39</v>
      </c>
      <c r="P3022" s="5" t="s">
        <v>40</v>
      </c>
      <c r="Q3022" s="5" t="s">
        <v>1522</v>
      </c>
      <c r="R3022" s="5" t="s">
        <v>1523</v>
      </c>
      <c r="S3022" s="5" t="s">
        <v>42</v>
      </c>
      <c r="T3022" s="2">
        <v>2.286</v>
      </c>
      <c r="U3022" s="2">
        <v>1.8160000000000001</v>
      </c>
      <c r="V3022" s="2">
        <v>1.0999999999999999E-2</v>
      </c>
      <c r="W3022" s="2">
        <v>82.9</v>
      </c>
      <c r="X3022" s="2">
        <v>7.6</v>
      </c>
      <c r="Y3022" s="2">
        <v>16.7</v>
      </c>
      <c r="Z3022" s="5"/>
      <c r="AA3022" s="5" t="s">
        <v>43</v>
      </c>
      <c r="AB3022" s="5" t="s">
        <v>44</v>
      </c>
      <c r="AC3022" s="2"/>
      <c r="AD3022" s="1"/>
    </row>
    <row r="3023" spans="1:30">
      <c r="A3023" s="5" t="s">
        <v>83578</v>
      </c>
      <c r="B3023" s="2" t="s">
        <v>92671</v>
      </c>
      <c r="C3023" s="14" t="s">
        <v>92672</v>
      </c>
      <c r="D3023" s="2" t="s">
        <v>92673</v>
      </c>
      <c r="E3023" s="2" t="s">
        <v>45534</v>
      </c>
      <c r="F3023" s="8">
        <v>282</v>
      </c>
      <c r="G3023" s="5">
        <v>6</v>
      </c>
      <c r="H3023" s="5" t="s">
        <v>1518</v>
      </c>
      <c r="I3023" s="5" t="s">
        <v>36264</v>
      </c>
      <c r="J3023" s="2" t="s">
        <v>36265</v>
      </c>
      <c r="K3023" s="5" t="s">
        <v>36264</v>
      </c>
      <c r="L3023" s="2" t="s">
        <v>36265</v>
      </c>
      <c r="M3023" s="5" t="s">
        <v>36266</v>
      </c>
      <c r="N3023" s="5" t="s">
        <v>38</v>
      </c>
      <c r="O3023" s="5" t="s">
        <v>39</v>
      </c>
      <c r="P3023" s="5" t="s">
        <v>40</v>
      </c>
      <c r="Q3023" s="5" t="s">
        <v>1522</v>
      </c>
      <c r="R3023" s="5" t="s">
        <v>1523</v>
      </c>
      <c r="S3023" s="5" t="s">
        <v>42</v>
      </c>
      <c r="T3023" s="2">
        <v>2.3519999999999999</v>
      </c>
      <c r="U3023" s="2">
        <v>1.8819999999999999</v>
      </c>
      <c r="V3023" s="2">
        <v>1.0999999999999999E-2</v>
      </c>
      <c r="W3023" s="2">
        <v>82.9</v>
      </c>
      <c r="X3023" s="2">
        <v>7.6</v>
      </c>
      <c r="Y3023" s="2">
        <v>16.7</v>
      </c>
      <c r="Z3023" s="5"/>
      <c r="AA3023" s="5" t="s">
        <v>43</v>
      </c>
      <c r="AB3023" s="5" t="s">
        <v>44</v>
      </c>
      <c r="AC3023" s="2"/>
      <c r="AD3023" s="1"/>
    </row>
    <row r="3024" spans="1:30">
      <c r="A3024" s="5" t="s">
        <v>83578</v>
      </c>
      <c r="B3024" s="2" t="s">
        <v>92674</v>
      </c>
      <c r="C3024" s="14" t="s">
        <v>92675</v>
      </c>
      <c r="D3024" s="2" t="s">
        <v>92676</v>
      </c>
      <c r="E3024" s="2" t="s">
        <v>36377</v>
      </c>
      <c r="F3024" s="8">
        <v>282</v>
      </c>
      <c r="G3024" s="5">
        <v>6</v>
      </c>
      <c r="H3024" s="5" t="s">
        <v>1518</v>
      </c>
      <c r="I3024" s="5" t="s">
        <v>36264</v>
      </c>
      <c r="J3024" s="2" t="s">
        <v>36265</v>
      </c>
      <c r="K3024" s="5" t="s">
        <v>36264</v>
      </c>
      <c r="L3024" s="2" t="s">
        <v>36265</v>
      </c>
      <c r="M3024" s="5" t="s">
        <v>36266</v>
      </c>
      <c r="N3024" s="5" t="s">
        <v>38</v>
      </c>
      <c r="O3024" s="5" t="s">
        <v>39</v>
      </c>
      <c r="P3024" s="5" t="s">
        <v>40</v>
      </c>
      <c r="Q3024" s="5" t="s">
        <v>1522</v>
      </c>
      <c r="R3024" s="5" t="s">
        <v>1523</v>
      </c>
      <c r="S3024" s="5" t="s">
        <v>42</v>
      </c>
      <c r="T3024" s="2">
        <v>2.286</v>
      </c>
      <c r="U3024" s="2">
        <v>1.8160000000000001</v>
      </c>
      <c r="V3024" s="2">
        <v>1.0999999999999999E-2</v>
      </c>
      <c r="W3024" s="2">
        <v>82.9</v>
      </c>
      <c r="X3024" s="2">
        <v>7.6</v>
      </c>
      <c r="Y3024" s="2">
        <v>16.7</v>
      </c>
      <c r="Z3024" s="5"/>
      <c r="AA3024" s="5" t="s">
        <v>43</v>
      </c>
      <c r="AB3024" s="5" t="s">
        <v>44</v>
      </c>
      <c r="AC3024" s="2"/>
      <c r="AD3024" s="1"/>
    </row>
    <row r="3025" spans="1:30">
      <c r="A3025" s="5" t="s">
        <v>83578</v>
      </c>
      <c r="B3025" s="2" t="s">
        <v>92677</v>
      </c>
      <c r="C3025" s="14" t="s">
        <v>92678</v>
      </c>
      <c r="D3025" s="2" t="s">
        <v>92679</v>
      </c>
      <c r="E3025" s="2" t="s">
        <v>36385</v>
      </c>
      <c r="F3025" s="8">
        <v>282</v>
      </c>
      <c r="G3025" s="5">
        <v>6</v>
      </c>
      <c r="H3025" s="5" t="s">
        <v>1518</v>
      </c>
      <c r="I3025" s="5" t="s">
        <v>36264</v>
      </c>
      <c r="J3025" s="2" t="s">
        <v>36265</v>
      </c>
      <c r="K3025" s="5" t="s">
        <v>36264</v>
      </c>
      <c r="L3025" s="2" t="s">
        <v>36265</v>
      </c>
      <c r="M3025" s="5" t="s">
        <v>36266</v>
      </c>
      <c r="N3025" s="5" t="s">
        <v>38</v>
      </c>
      <c r="O3025" s="5" t="s">
        <v>39</v>
      </c>
      <c r="P3025" s="5" t="s">
        <v>40</v>
      </c>
      <c r="Q3025" s="5" t="s">
        <v>1522</v>
      </c>
      <c r="R3025" s="5" t="s">
        <v>1523</v>
      </c>
      <c r="S3025" s="5" t="s">
        <v>42</v>
      </c>
      <c r="T3025" s="2">
        <v>2.286</v>
      </c>
      <c r="U3025" s="2">
        <v>1.8160000000000001</v>
      </c>
      <c r="V3025" s="2">
        <v>1.0999999999999999E-2</v>
      </c>
      <c r="W3025" s="2">
        <v>82.9</v>
      </c>
      <c r="X3025" s="2">
        <v>7.6</v>
      </c>
      <c r="Y3025" s="2">
        <v>16.7</v>
      </c>
      <c r="Z3025" s="5"/>
      <c r="AA3025" s="5" t="s">
        <v>43</v>
      </c>
      <c r="AB3025" s="5" t="s">
        <v>44</v>
      </c>
      <c r="AC3025" s="2"/>
      <c r="AD3025" s="1"/>
    </row>
    <row r="3026" spans="1:30">
      <c r="A3026" s="5" t="s">
        <v>83578</v>
      </c>
      <c r="B3026" s="2" t="s">
        <v>92680</v>
      </c>
      <c r="C3026" s="14" t="s">
        <v>92681</v>
      </c>
      <c r="D3026" s="2" t="s">
        <v>92682</v>
      </c>
      <c r="E3026" s="2" t="s">
        <v>36389</v>
      </c>
      <c r="F3026" s="8">
        <v>282</v>
      </c>
      <c r="G3026" s="5">
        <v>6</v>
      </c>
      <c r="H3026" s="5" t="s">
        <v>1518</v>
      </c>
      <c r="I3026" s="5" t="s">
        <v>36264</v>
      </c>
      <c r="J3026" s="2" t="s">
        <v>36265</v>
      </c>
      <c r="K3026" s="5" t="s">
        <v>36264</v>
      </c>
      <c r="L3026" s="2" t="s">
        <v>36265</v>
      </c>
      <c r="M3026" s="5" t="s">
        <v>36266</v>
      </c>
      <c r="N3026" s="5" t="s">
        <v>38</v>
      </c>
      <c r="O3026" s="5" t="s">
        <v>39</v>
      </c>
      <c r="P3026" s="5" t="s">
        <v>40</v>
      </c>
      <c r="Q3026" s="5" t="s">
        <v>1522</v>
      </c>
      <c r="R3026" s="5" t="s">
        <v>1523</v>
      </c>
      <c r="S3026" s="5" t="s">
        <v>42</v>
      </c>
      <c r="T3026" s="2">
        <v>2.3519999999999999</v>
      </c>
      <c r="U3026" s="2">
        <v>1.8819999999999999</v>
      </c>
      <c r="V3026" s="2">
        <v>1.0999999999999999E-2</v>
      </c>
      <c r="W3026" s="2">
        <v>82.9</v>
      </c>
      <c r="X3026" s="2">
        <v>7.6</v>
      </c>
      <c r="Y3026" s="2">
        <v>16.7</v>
      </c>
      <c r="Z3026" s="5"/>
      <c r="AA3026" s="5" t="s">
        <v>43</v>
      </c>
      <c r="AB3026" s="5" t="s">
        <v>44</v>
      </c>
      <c r="AC3026" s="2"/>
      <c r="AD3026" s="1"/>
    </row>
    <row r="3027" spans="1:30">
      <c r="A3027" s="5" t="s">
        <v>83578</v>
      </c>
      <c r="B3027" s="2" t="s">
        <v>92683</v>
      </c>
      <c r="C3027" s="14" t="s">
        <v>92684</v>
      </c>
      <c r="D3027" s="2" t="s">
        <v>92685</v>
      </c>
      <c r="E3027" s="2" t="s">
        <v>36281</v>
      </c>
      <c r="F3027" s="8">
        <v>297</v>
      </c>
      <c r="G3027" s="5">
        <v>6</v>
      </c>
      <c r="H3027" s="5" t="s">
        <v>1518</v>
      </c>
      <c r="I3027" s="5" t="s">
        <v>36264</v>
      </c>
      <c r="J3027" s="2" t="s">
        <v>36265</v>
      </c>
      <c r="K3027" s="5" t="s">
        <v>36264</v>
      </c>
      <c r="L3027" s="2" t="s">
        <v>36265</v>
      </c>
      <c r="M3027" s="5" t="s">
        <v>36266</v>
      </c>
      <c r="N3027" s="5" t="s">
        <v>38</v>
      </c>
      <c r="O3027" s="5" t="s">
        <v>39</v>
      </c>
      <c r="P3027" s="5" t="s">
        <v>40</v>
      </c>
      <c r="Q3027" s="5" t="s">
        <v>1522</v>
      </c>
      <c r="R3027" s="5" t="s">
        <v>1523</v>
      </c>
      <c r="S3027" s="5" t="s">
        <v>42</v>
      </c>
      <c r="T3027" s="2">
        <v>2.5339999999999998</v>
      </c>
      <c r="U3027" s="2">
        <v>1.9770000000000001</v>
      </c>
      <c r="V3027" s="2">
        <v>1.4999999999999999E-2</v>
      </c>
      <c r="W3027" s="2">
        <v>118.9</v>
      </c>
      <c r="X3027" s="2">
        <v>7.6</v>
      </c>
      <c r="Y3027" s="2">
        <v>16.7</v>
      </c>
      <c r="Z3027" s="5"/>
      <c r="AA3027" s="5" t="s">
        <v>43</v>
      </c>
      <c r="AB3027" s="5" t="s">
        <v>44</v>
      </c>
      <c r="AC3027" s="2"/>
      <c r="AD3027" s="1"/>
    </row>
    <row r="3028" spans="1:30">
      <c r="A3028" s="5" t="s">
        <v>83578</v>
      </c>
      <c r="B3028" s="2" t="s">
        <v>92686</v>
      </c>
      <c r="C3028" s="14" t="s">
        <v>92687</v>
      </c>
      <c r="D3028" s="2" t="s">
        <v>92688</v>
      </c>
      <c r="E3028" s="2" t="s">
        <v>36285</v>
      </c>
      <c r="F3028" s="8">
        <v>297</v>
      </c>
      <c r="G3028" s="5">
        <v>6</v>
      </c>
      <c r="H3028" s="5" t="s">
        <v>1518</v>
      </c>
      <c r="I3028" s="5" t="s">
        <v>36264</v>
      </c>
      <c r="J3028" s="2" t="s">
        <v>36265</v>
      </c>
      <c r="K3028" s="5" t="s">
        <v>36264</v>
      </c>
      <c r="L3028" s="2" t="s">
        <v>36265</v>
      </c>
      <c r="M3028" s="5" t="s">
        <v>36266</v>
      </c>
      <c r="N3028" s="5" t="s">
        <v>38</v>
      </c>
      <c r="O3028" s="5" t="s">
        <v>39</v>
      </c>
      <c r="P3028" s="5" t="s">
        <v>40</v>
      </c>
      <c r="Q3028" s="5" t="s">
        <v>1522</v>
      </c>
      <c r="R3028" s="5" t="s">
        <v>1523</v>
      </c>
      <c r="S3028" s="5" t="s">
        <v>42</v>
      </c>
      <c r="T3028" s="2">
        <v>2.6110000000000002</v>
      </c>
      <c r="U3028" s="2">
        <v>2.0539999999999998</v>
      </c>
      <c r="V3028" s="2">
        <v>1.4999999999999999E-2</v>
      </c>
      <c r="W3028" s="2">
        <v>118.9</v>
      </c>
      <c r="X3028" s="2">
        <v>7.6</v>
      </c>
      <c r="Y3028" s="2">
        <v>16.7</v>
      </c>
      <c r="Z3028" s="5"/>
      <c r="AA3028" s="5" t="s">
        <v>43</v>
      </c>
      <c r="AB3028" s="5" t="s">
        <v>44</v>
      </c>
      <c r="AC3028" s="2"/>
      <c r="AD3028" s="1"/>
    </row>
    <row r="3029" spans="1:30">
      <c r="A3029" s="5" t="s">
        <v>83578</v>
      </c>
      <c r="B3029" s="2" t="s">
        <v>92689</v>
      </c>
      <c r="C3029" s="14" t="s">
        <v>92690</v>
      </c>
      <c r="D3029" s="2" t="s">
        <v>92691</v>
      </c>
      <c r="E3029" s="2" t="s">
        <v>36317</v>
      </c>
      <c r="F3029" s="8">
        <v>297</v>
      </c>
      <c r="G3029" s="5">
        <v>6</v>
      </c>
      <c r="H3029" s="5" t="s">
        <v>1518</v>
      </c>
      <c r="I3029" s="5" t="s">
        <v>36264</v>
      </c>
      <c r="J3029" s="2" t="s">
        <v>36265</v>
      </c>
      <c r="K3029" s="5" t="s">
        <v>36264</v>
      </c>
      <c r="L3029" s="2" t="s">
        <v>36265</v>
      </c>
      <c r="M3029" s="5" t="s">
        <v>36266</v>
      </c>
      <c r="N3029" s="5" t="s">
        <v>38</v>
      </c>
      <c r="O3029" s="5" t="s">
        <v>39</v>
      </c>
      <c r="P3029" s="5" t="s">
        <v>40</v>
      </c>
      <c r="Q3029" s="5" t="s">
        <v>1522</v>
      </c>
      <c r="R3029" s="5" t="s">
        <v>1523</v>
      </c>
      <c r="S3029" s="5" t="s">
        <v>42</v>
      </c>
      <c r="T3029" s="2">
        <v>2.6110000000000002</v>
      </c>
      <c r="U3029" s="2">
        <v>2.0539999999999998</v>
      </c>
      <c r="V3029" s="2">
        <v>1.4999999999999999E-2</v>
      </c>
      <c r="W3029" s="2">
        <v>118.9</v>
      </c>
      <c r="X3029" s="2">
        <v>7.6</v>
      </c>
      <c r="Y3029" s="2">
        <v>16.7</v>
      </c>
      <c r="Z3029" s="5"/>
      <c r="AA3029" s="5" t="s">
        <v>43</v>
      </c>
      <c r="AB3029" s="5" t="s">
        <v>44</v>
      </c>
      <c r="AC3029" s="2"/>
      <c r="AD3029" s="1"/>
    </row>
    <row r="3030" spans="1:30">
      <c r="A3030" s="5" t="s">
        <v>83578</v>
      </c>
      <c r="B3030" s="2" t="s">
        <v>92692</v>
      </c>
      <c r="C3030" s="14" t="s">
        <v>92693</v>
      </c>
      <c r="D3030" s="2" t="s">
        <v>92694</v>
      </c>
      <c r="E3030" s="2" t="s">
        <v>36321</v>
      </c>
      <c r="F3030" s="8">
        <v>297</v>
      </c>
      <c r="G3030" s="5">
        <v>6</v>
      </c>
      <c r="H3030" s="5" t="s">
        <v>1518</v>
      </c>
      <c r="I3030" s="5" t="s">
        <v>36264</v>
      </c>
      <c r="J3030" s="2" t="s">
        <v>36265</v>
      </c>
      <c r="K3030" s="5" t="s">
        <v>36264</v>
      </c>
      <c r="L3030" s="2" t="s">
        <v>36265</v>
      </c>
      <c r="M3030" s="5" t="s">
        <v>36266</v>
      </c>
      <c r="N3030" s="5" t="s">
        <v>38</v>
      </c>
      <c r="O3030" s="5" t="s">
        <v>39</v>
      </c>
      <c r="P3030" s="5" t="s">
        <v>40</v>
      </c>
      <c r="Q3030" s="5" t="s">
        <v>1522</v>
      </c>
      <c r="R3030" s="5" t="s">
        <v>1523</v>
      </c>
      <c r="S3030" s="5" t="s">
        <v>42</v>
      </c>
      <c r="T3030" s="2">
        <v>2.5339999999999998</v>
      </c>
      <c r="U3030" s="2">
        <v>1.9770000000000001</v>
      </c>
      <c r="V3030" s="2">
        <v>1.4999999999999999E-2</v>
      </c>
      <c r="W3030" s="2">
        <v>118.9</v>
      </c>
      <c r="X3030" s="2">
        <v>7.6</v>
      </c>
      <c r="Y3030" s="2">
        <v>16.7</v>
      </c>
      <c r="Z3030" s="5"/>
      <c r="AA3030" s="5" t="s">
        <v>43</v>
      </c>
      <c r="AB3030" s="5" t="s">
        <v>44</v>
      </c>
      <c r="AC3030" s="2"/>
      <c r="AD3030" s="1"/>
    </row>
    <row r="3031" spans="1:30">
      <c r="A3031" s="5" t="s">
        <v>83578</v>
      </c>
      <c r="B3031" s="2" t="s">
        <v>92695</v>
      </c>
      <c r="C3031" s="14" t="s">
        <v>92696</v>
      </c>
      <c r="D3031" s="2" t="s">
        <v>92697</v>
      </c>
      <c r="E3031" s="2" t="s">
        <v>36325</v>
      </c>
      <c r="F3031" s="8">
        <v>297</v>
      </c>
      <c r="G3031" s="5">
        <v>6</v>
      </c>
      <c r="H3031" s="5" t="s">
        <v>1518</v>
      </c>
      <c r="I3031" s="5" t="s">
        <v>36264</v>
      </c>
      <c r="J3031" s="2" t="s">
        <v>36265</v>
      </c>
      <c r="K3031" s="5" t="s">
        <v>36264</v>
      </c>
      <c r="L3031" s="2" t="s">
        <v>36265</v>
      </c>
      <c r="M3031" s="5" t="s">
        <v>36266</v>
      </c>
      <c r="N3031" s="5" t="s">
        <v>38</v>
      </c>
      <c r="O3031" s="5" t="s">
        <v>39</v>
      </c>
      <c r="P3031" s="5" t="s">
        <v>40</v>
      </c>
      <c r="Q3031" s="5" t="s">
        <v>1522</v>
      </c>
      <c r="R3031" s="5" t="s">
        <v>1523</v>
      </c>
      <c r="S3031" s="5" t="s">
        <v>42</v>
      </c>
      <c r="T3031" s="2">
        <v>2.6110000000000002</v>
      </c>
      <c r="U3031" s="2">
        <v>2.0539999999999998</v>
      </c>
      <c r="V3031" s="2">
        <v>1.4999999999999999E-2</v>
      </c>
      <c r="W3031" s="2">
        <v>118.9</v>
      </c>
      <c r="X3031" s="2">
        <v>7.6</v>
      </c>
      <c r="Y3031" s="2">
        <v>16.7</v>
      </c>
      <c r="Z3031" s="5"/>
      <c r="AA3031" s="5" t="s">
        <v>43</v>
      </c>
      <c r="AB3031" s="5" t="s">
        <v>44</v>
      </c>
      <c r="AC3031" s="2"/>
      <c r="AD3031" s="1"/>
    </row>
    <row r="3032" spans="1:30">
      <c r="A3032" s="5" t="s">
        <v>83578</v>
      </c>
      <c r="B3032" s="2" t="s">
        <v>92698</v>
      </c>
      <c r="C3032" s="14" t="s">
        <v>92699</v>
      </c>
      <c r="D3032" s="2" t="s">
        <v>92700</v>
      </c>
      <c r="E3032" s="2" t="s">
        <v>36341</v>
      </c>
      <c r="F3032" s="8">
        <v>297</v>
      </c>
      <c r="G3032" s="5">
        <v>6</v>
      </c>
      <c r="H3032" s="5" t="s">
        <v>1518</v>
      </c>
      <c r="I3032" s="5" t="s">
        <v>36264</v>
      </c>
      <c r="J3032" s="2" t="s">
        <v>36265</v>
      </c>
      <c r="K3032" s="5" t="s">
        <v>36264</v>
      </c>
      <c r="L3032" s="2" t="s">
        <v>36265</v>
      </c>
      <c r="M3032" s="5" t="s">
        <v>36266</v>
      </c>
      <c r="N3032" s="5" t="s">
        <v>38</v>
      </c>
      <c r="O3032" s="5" t="s">
        <v>39</v>
      </c>
      <c r="P3032" s="5" t="s">
        <v>40</v>
      </c>
      <c r="Q3032" s="5" t="s">
        <v>1522</v>
      </c>
      <c r="R3032" s="5" t="s">
        <v>1523</v>
      </c>
      <c r="S3032" s="5" t="s">
        <v>42</v>
      </c>
      <c r="T3032" s="2">
        <v>2.6110000000000002</v>
      </c>
      <c r="U3032" s="2">
        <v>2.0539999999999998</v>
      </c>
      <c r="V3032" s="2">
        <v>1.4999999999999999E-2</v>
      </c>
      <c r="W3032" s="2">
        <v>118.9</v>
      </c>
      <c r="X3032" s="2">
        <v>7.6</v>
      </c>
      <c r="Y3032" s="2">
        <v>16.7</v>
      </c>
      <c r="Z3032" s="5"/>
      <c r="AA3032" s="5" t="s">
        <v>43</v>
      </c>
      <c r="AB3032" s="5" t="s">
        <v>44</v>
      </c>
      <c r="AC3032" s="2"/>
      <c r="AD3032" s="1"/>
    </row>
    <row r="3033" spans="1:30">
      <c r="A3033" s="5" t="s">
        <v>83578</v>
      </c>
      <c r="B3033" s="2" t="s">
        <v>92701</v>
      </c>
      <c r="C3033" s="14" t="s">
        <v>92702</v>
      </c>
      <c r="D3033" s="2" t="s">
        <v>92703</v>
      </c>
      <c r="E3033" s="2" t="s">
        <v>36353</v>
      </c>
      <c r="F3033" s="8">
        <v>297</v>
      </c>
      <c r="G3033" s="5">
        <v>6</v>
      </c>
      <c r="H3033" s="5" t="s">
        <v>1518</v>
      </c>
      <c r="I3033" s="5" t="s">
        <v>36264</v>
      </c>
      <c r="J3033" s="2" t="s">
        <v>36265</v>
      </c>
      <c r="K3033" s="5" t="s">
        <v>36264</v>
      </c>
      <c r="L3033" s="2" t="s">
        <v>36265</v>
      </c>
      <c r="M3033" s="5" t="s">
        <v>36266</v>
      </c>
      <c r="N3033" s="5" t="s">
        <v>38</v>
      </c>
      <c r="O3033" s="5" t="s">
        <v>39</v>
      </c>
      <c r="P3033" s="5" t="s">
        <v>40</v>
      </c>
      <c r="Q3033" s="5" t="s">
        <v>1522</v>
      </c>
      <c r="R3033" s="5" t="s">
        <v>1523</v>
      </c>
      <c r="S3033" s="5" t="s">
        <v>42</v>
      </c>
      <c r="T3033" s="2">
        <v>2.5339999999999998</v>
      </c>
      <c r="U3033" s="2">
        <v>1.9770000000000001</v>
      </c>
      <c r="V3033" s="2">
        <v>1.4999999999999999E-2</v>
      </c>
      <c r="W3033" s="2">
        <v>118.9</v>
      </c>
      <c r="X3033" s="2">
        <v>7.6</v>
      </c>
      <c r="Y3033" s="2">
        <v>16.7</v>
      </c>
      <c r="Z3033" s="5"/>
      <c r="AA3033" s="5" t="s">
        <v>43</v>
      </c>
      <c r="AB3033" s="5" t="s">
        <v>44</v>
      </c>
      <c r="AC3033" s="2"/>
      <c r="AD3033" s="1"/>
    </row>
    <row r="3034" spans="1:30">
      <c r="A3034" s="5" t="s">
        <v>83578</v>
      </c>
      <c r="B3034" s="2" t="s">
        <v>92704</v>
      </c>
      <c r="C3034" s="14" t="s">
        <v>92705</v>
      </c>
      <c r="D3034" s="2" t="s">
        <v>92706</v>
      </c>
      <c r="E3034" s="2" t="s">
        <v>36369</v>
      </c>
      <c r="F3034" s="8">
        <v>297</v>
      </c>
      <c r="G3034" s="5">
        <v>6</v>
      </c>
      <c r="H3034" s="5" t="s">
        <v>1518</v>
      </c>
      <c r="I3034" s="5" t="s">
        <v>36264</v>
      </c>
      <c r="J3034" s="2" t="s">
        <v>36265</v>
      </c>
      <c r="K3034" s="5" t="s">
        <v>36264</v>
      </c>
      <c r="L3034" s="2" t="s">
        <v>36265</v>
      </c>
      <c r="M3034" s="5" t="s">
        <v>36266</v>
      </c>
      <c r="N3034" s="5" t="s">
        <v>38</v>
      </c>
      <c r="O3034" s="5" t="s">
        <v>39</v>
      </c>
      <c r="P3034" s="5" t="s">
        <v>40</v>
      </c>
      <c r="Q3034" s="5" t="s">
        <v>1522</v>
      </c>
      <c r="R3034" s="5" t="s">
        <v>1523</v>
      </c>
      <c r="S3034" s="5" t="s">
        <v>42</v>
      </c>
      <c r="T3034" s="2">
        <v>2.5339999999999998</v>
      </c>
      <c r="U3034" s="2">
        <v>1.9770000000000001</v>
      </c>
      <c r="V3034" s="2">
        <v>1.4999999999999999E-2</v>
      </c>
      <c r="W3034" s="2">
        <v>118.9</v>
      </c>
      <c r="X3034" s="2">
        <v>7.6</v>
      </c>
      <c r="Y3034" s="2">
        <v>16.7</v>
      </c>
      <c r="Z3034" s="5"/>
      <c r="AA3034" s="5" t="s">
        <v>43</v>
      </c>
      <c r="AB3034" s="5" t="s">
        <v>44</v>
      </c>
      <c r="AC3034" s="2"/>
      <c r="AD3034" s="1"/>
    </row>
    <row r="3035" spans="1:30">
      <c r="A3035" s="5" t="s">
        <v>83578</v>
      </c>
      <c r="B3035" s="2" t="s">
        <v>92707</v>
      </c>
      <c r="C3035" s="14" t="s">
        <v>92708</v>
      </c>
      <c r="D3035" s="2" t="s">
        <v>92709</v>
      </c>
      <c r="E3035" s="2" t="s">
        <v>36285</v>
      </c>
      <c r="F3035" s="8">
        <v>302</v>
      </c>
      <c r="G3035" s="5">
        <v>6</v>
      </c>
      <c r="H3035" s="5" t="s">
        <v>1518</v>
      </c>
      <c r="I3035" s="5" t="s">
        <v>36264</v>
      </c>
      <c r="J3035" s="2" t="s">
        <v>36265</v>
      </c>
      <c r="K3035" s="5" t="s">
        <v>36264</v>
      </c>
      <c r="L3035" s="2" t="s">
        <v>36265</v>
      </c>
      <c r="M3035" s="5" t="s">
        <v>36266</v>
      </c>
      <c r="N3035" s="5" t="s">
        <v>38</v>
      </c>
      <c r="O3035" s="5" t="s">
        <v>39</v>
      </c>
      <c r="P3035" s="5" t="s">
        <v>40</v>
      </c>
      <c r="Q3035" s="5" t="s">
        <v>1522</v>
      </c>
      <c r="R3035" s="5" t="s">
        <v>1523</v>
      </c>
      <c r="S3035" s="5" t="s">
        <v>42</v>
      </c>
      <c r="T3035" s="2">
        <v>2.871</v>
      </c>
      <c r="U3035" s="2">
        <v>2.2400000000000002</v>
      </c>
      <c r="V3035" s="2">
        <v>1.7999999999999999E-2</v>
      </c>
      <c r="W3035" s="2">
        <v>139.1</v>
      </c>
      <c r="X3035" s="2">
        <v>7.6</v>
      </c>
      <c r="Y3035" s="2">
        <v>16.7</v>
      </c>
      <c r="Z3035" s="5"/>
      <c r="AA3035" s="5" t="s">
        <v>43</v>
      </c>
      <c r="AB3035" s="5" t="s">
        <v>44</v>
      </c>
      <c r="AC3035" s="2"/>
      <c r="AD3035" s="1"/>
    </row>
    <row r="3036" spans="1:30">
      <c r="A3036" s="5" t="s">
        <v>83578</v>
      </c>
      <c r="B3036" s="2" t="s">
        <v>92710</v>
      </c>
      <c r="C3036" s="14" t="s">
        <v>92711</v>
      </c>
      <c r="D3036" s="2" t="s">
        <v>92712</v>
      </c>
      <c r="E3036" s="2" t="s">
        <v>36297</v>
      </c>
      <c r="F3036" s="8">
        <v>280</v>
      </c>
      <c r="G3036" s="5">
        <v>6</v>
      </c>
      <c r="H3036" s="5" t="s">
        <v>1518</v>
      </c>
      <c r="I3036" s="5" t="s">
        <v>36264</v>
      </c>
      <c r="J3036" s="2" t="s">
        <v>36265</v>
      </c>
      <c r="K3036" s="5" t="s">
        <v>36264</v>
      </c>
      <c r="L3036" s="2" t="s">
        <v>36265</v>
      </c>
      <c r="M3036" s="5" t="s">
        <v>36266</v>
      </c>
      <c r="N3036" s="5" t="s">
        <v>38</v>
      </c>
      <c r="O3036" s="5" t="s">
        <v>39</v>
      </c>
      <c r="P3036" s="5" t="s">
        <v>40</v>
      </c>
      <c r="Q3036" s="5" t="s">
        <v>1522</v>
      </c>
      <c r="R3036" s="5" t="s">
        <v>1523</v>
      </c>
      <c r="S3036" s="5" t="s">
        <v>42</v>
      </c>
      <c r="T3036" s="2">
        <v>2.782</v>
      </c>
      <c r="U3036" s="2">
        <v>2.1509999999999998</v>
      </c>
      <c r="V3036" s="2">
        <v>1.7999999999999999E-2</v>
      </c>
      <c r="W3036" s="2">
        <v>139.1</v>
      </c>
      <c r="X3036" s="2">
        <v>7.6</v>
      </c>
      <c r="Y3036" s="2">
        <v>16.7</v>
      </c>
      <c r="Z3036" s="5"/>
      <c r="AA3036" s="5" t="s">
        <v>43</v>
      </c>
      <c r="AB3036" s="5" t="s">
        <v>44</v>
      </c>
      <c r="AC3036" s="2"/>
      <c r="AD3036" s="1"/>
    </row>
    <row r="3037" spans="1:30">
      <c r="A3037" s="5" t="s">
        <v>83578</v>
      </c>
      <c r="B3037" s="2" t="s">
        <v>92713</v>
      </c>
      <c r="C3037" s="14" t="s">
        <v>92714</v>
      </c>
      <c r="D3037" s="2" t="s">
        <v>92715</v>
      </c>
      <c r="E3037" s="2" t="s">
        <v>36301</v>
      </c>
      <c r="F3037" s="8">
        <v>280</v>
      </c>
      <c r="G3037" s="5">
        <v>6</v>
      </c>
      <c r="H3037" s="5" t="s">
        <v>1518</v>
      </c>
      <c r="I3037" s="5" t="s">
        <v>36264</v>
      </c>
      <c r="J3037" s="2" t="s">
        <v>36265</v>
      </c>
      <c r="K3037" s="5" t="s">
        <v>36264</v>
      </c>
      <c r="L3037" s="2" t="s">
        <v>36265</v>
      </c>
      <c r="M3037" s="5" t="s">
        <v>36266</v>
      </c>
      <c r="N3037" s="5" t="s">
        <v>38</v>
      </c>
      <c r="O3037" s="5" t="s">
        <v>39</v>
      </c>
      <c r="P3037" s="5" t="s">
        <v>40</v>
      </c>
      <c r="Q3037" s="5" t="s">
        <v>1522</v>
      </c>
      <c r="R3037" s="5" t="s">
        <v>1523</v>
      </c>
      <c r="S3037" s="5" t="s">
        <v>42</v>
      </c>
      <c r="T3037" s="2">
        <v>2.871</v>
      </c>
      <c r="U3037" s="2">
        <v>2.2400000000000002</v>
      </c>
      <c r="V3037" s="2">
        <v>1.7999999999999999E-2</v>
      </c>
      <c r="W3037" s="2">
        <v>139.1</v>
      </c>
      <c r="X3037" s="2">
        <v>7.6</v>
      </c>
      <c r="Y3037" s="2">
        <v>16.7</v>
      </c>
      <c r="Z3037" s="5"/>
      <c r="AA3037" s="5" t="s">
        <v>43</v>
      </c>
      <c r="AB3037" s="5" t="s">
        <v>44</v>
      </c>
      <c r="AC3037" s="2"/>
      <c r="AD3037" s="1"/>
    </row>
    <row r="3038" spans="1:30">
      <c r="A3038" s="5" t="s">
        <v>83578</v>
      </c>
      <c r="B3038" s="2" t="s">
        <v>92716</v>
      </c>
      <c r="C3038" s="14" t="s">
        <v>92717</v>
      </c>
      <c r="D3038" s="2" t="s">
        <v>92718</v>
      </c>
      <c r="E3038" s="2" t="s">
        <v>36313</v>
      </c>
      <c r="F3038" s="8">
        <v>302</v>
      </c>
      <c r="G3038" s="5">
        <v>6</v>
      </c>
      <c r="H3038" s="5" t="s">
        <v>1518</v>
      </c>
      <c r="I3038" s="5" t="s">
        <v>36264</v>
      </c>
      <c r="J3038" s="2" t="s">
        <v>36265</v>
      </c>
      <c r="K3038" s="5" t="s">
        <v>36264</v>
      </c>
      <c r="L3038" s="2" t="s">
        <v>36265</v>
      </c>
      <c r="M3038" s="5" t="s">
        <v>36266</v>
      </c>
      <c r="N3038" s="5" t="s">
        <v>38</v>
      </c>
      <c r="O3038" s="5" t="s">
        <v>39</v>
      </c>
      <c r="P3038" s="5" t="s">
        <v>40</v>
      </c>
      <c r="Q3038" s="5" t="s">
        <v>1522</v>
      </c>
      <c r="R3038" s="5" t="s">
        <v>1523</v>
      </c>
      <c r="S3038" s="5" t="s">
        <v>42</v>
      </c>
      <c r="T3038" s="2">
        <v>2.782</v>
      </c>
      <c r="U3038" s="2">
        <v>2.1509999999999998</v>
      </c>
      <c r="V3038" s="2">
        <v>1.7999999999999999E-2</v>
      </c>
      <c r="W3038" s="2">
        <v>139.1</v>
      </c>
      <c r="X3038" s="2">
        <v>7.6</v>
      </c>
      <c r="Y3038" s="2">
        <v>16.7</v>
      </c>
      <c r="Z3038" s="5"/>
      <c r="AA3038" s="5" t="s">
        <v>43</v>
      </c>
      <c r="AB3038" s="5" t="s">
        <v>44</v>
      </c>
      <c r="AC3038" s="2"/>
      <c r="AD3038" s="1"/>
    </row>
    <row r="3039" spans="1:30">
      <c r="A3039" s="5" t="s">
        <v>83578</v>
      </c>
      <c r="B3039" s="2" t="s">
        <v>92719</v>
      </c>
      <c r="C3039" s="14" t="s">
        <v>92720</v>
      </c>
      <c r="D3039" s="2" t="s">
        <v>92721</v>
      </c>
      <c r="E3039" s="2" t="s">
        <v>36317</v>
      </c>
      <c r="F3039" s="8">
        <v>302</v>
      </c>
      <c r="G3039" s="5">
        <v>6</v>
      </c>
      <c r="H3039" s="5" t="s">
        <v>1518</v>
      </c>
      <c r="I3039" s="5" t="s">
        <v>36264</v>
      </c>
      <c r="J3039" s="2" t="s">
        <v>36265</v>
      </c>
      <c r="K3039" s="5" t="s">
        <v>36264</v>
      </c>
      <c r="L3039" s="2" t="s">
        <v>36265</v>
      </c>
      <c r="M3039" s="5" t="s">
        <v>36266</v>
      </c>
      <c r="N3039" s="5" t="s">
        <v>38</v>
      </c>
      <c r="O3039" s="5" t="s">
        <v>39</v>
      </c>
      <c r="P3039" s="5" t="s">
        <v>40</v>
      </c>
      <c r="Q3039" s="5" t="s">
        <v>1522</v>
      </c>
      <c r="R3039" s="5" t="s">
        <v>1523</v>
      </c>
      <c r="S3039" s="5" t="s">
        <v>42</v>
      </c>
      <c r="T3039" s="2">
        <v>2.871</v>
      </c>
      <c r="U3039" s="2">
        <v>2.2400000000000002</v>
      </c>
      <c r="V3039" s="2">
        <v>1.7999999999999999E-2</v>
      </c>
      <c r="W3039" s="2">
        <v>139.1</v>
      </c>
      <c r="X3039" s="2">
        <v>7.6</v>
      </c>
      <c r="Y3039" s="2">
        <v>16.7</v>
      </c>
      <c r="Z3039" s="5"/>
      <c r="AA3039" s="5" t="s">
        <v>43</v>
      </c>
      <c r="AB3039" s="5" t="s">
        <v>44</v>
      </c>
      <c r="AC3039" s="2"/>
      <c r="AD3039" s="1"/>
    </row>
    <row r="3040" spans="1:30">
      <c r="A3040" s="5" t="s">
        <v>83578</v>
      </c>
      <c r="B3040" s="2" t="s">
        <v>92722</v>
      </c>
      <c r="C3040" s="14" t="s">
        <v>92723</v>
      </c>
      <c r="D3040" s="2" t="s">
        <v>92724</v>
      </c>
      <c r="E3040" s="2" t="s">
        <v>36321</v>
      </c>
      <c r="F3040" s="8">
        <v>302</v>
      </c>
      <c r="G3040" s="5">
        <v>6</v>
      </c>
      <c r="H3040" s="5" t="s">
        <v>1518</v>
      </c>
      <c r="I3040" s="5" t="s">
        <v>36264</v>
      </c>
      <c r="J3040" s="2" t="s">
        <v>36265</v>
      </c>
      <c r="K3040" s="5" t="s">
        <v>36264</v>
      </c>
      <c r="L3040" s="2" t="s">
        <v>36265</v>
      </c>
      <c r="M3040" s="5" t="s">
        <v>36266</v>
      </c>
      <c r="N3040" s="5" t="s">
        <v>38</v>
      </c>
      <c r="O3040" s="5" t="s">
        <v>39</v>
      </c>
      <c r="P3040" s="5" t="s">
        <v>40</v>
      </c>
      <c r="Q3040" s="5" t="s">
        <v>1522</v>
      </c>
      <c r="R3040" s="5" t="s">
        <v>1523</v>
      </c>
      <c r="S3040" s="5" t="s">
        <v>42</v>
      </c>
      <c r="T3040" s="2">
        <v>2.782</v>
      </c>
      <c r="U3040" s="2">
        <v>2.1509999999999998</v>
      </c>
      <c r="V3040" s="2">
        <v>1.7999999999999999E-2</v>
      </c>
      <c r="W3040" s="2">
        <v>139.1</v>
      </c>
      <c r="X3040" s="2">
        <v>7.6</v>
      </c>
      <c r="Y3040" s="2">
        <v>16.7</v>
      </c>
      <c r="Z3040" s="5"/>
      <c r="AA3040" s="5" t="s">
        <v>43</v>
      </c>
      <c r="AB3040" s="5" t="s">
        <v>44</v>
      </c>
      <c r="AC3040" s="2"/>
      <c r="AD3040" s="1"/>
    </row>
    <row r="3041" spans="1:30">
      <c r="A3041" s="5" t="s">
        <v>83578</v>
      </c>
      <c r="B3041" s="2" t="s">
        <v>92725</v>
      </c>
      <c r="C3041" s="14" t="s">
        <v>92726</v>
      </c>
      <c r="D3041" s="2" t="s">
        <v>92727</v>
      </c>
      <c r="E3041" s="2" t="s">
        <v>36325</v>
      </c>
      <c r="F3041" s="8">
        <v>302</v>
      </c>
      <c r="G3041" s="5">
        <v>6</v>
      </c>
      <c r="H3041" s="5" t="s">
        <v>1518</v>
      </c>
      <c r="I3041" s="5" t="s">
        <v>36264</v>
      </c>
      <c r="J3041" s="2" t="s">
        <v>36265</v>
      </c>
      <c r="K3041" s="5" t="s">
        <v>36264</v>
      </c>
      <c r="L3041" s="2" t="s">
        <v>36265</v>
      </c>
      <c r="M3041" s="5" t="s">
        <v>36266</v>
      </c>
      <c r="N3041" s="5" t="s">
        <v>38</v>
      </c>
      <c r="O3041" s="5" t="s">
        <v>39</v>
      </c>
      <c r="P3041" s="5" t="s">
        <v>40</v>
      </c>
      <c r="Q3041" s="5" t="s">
        <v>1522</v>
      </c>
      <c r="R3041" s="5" t="s">
        <v>1523</v>
      </c>
      <c r="S3041" s="5" t="s">
        <v>42</v>
      </c>
      <c r="T3041" s="2">
        <v>2.871</v>
      </c>
      <c r="U3041" s="2">
        <v>2.2400000000000002</v>
      </c>
      <c r="V3041" s="2">
        <v>1.7999999999999999E-2</v>
      </c>
      <c r="W3041" s="2">
        <v>139.1</v>
      </c>
      <c r="X3041" s="2">
        <v>7.6</v>
      </c>
      <c r="Y3041" s="2">
        <v>16.7</v>
      </c>
      <c r="Z3041" s="5"/>
      <c r="AA3041" s="5" t="s">
        <v>43</v>
      </c>
      <c r="AB3041" s="5" t="s">
        <v>44</v>
      </c>
      <c r="AC3041" s="2"/>
      <c r="AD3041" s="1"/>
    </row>
    <row r="3042" spans="1:30">
      <c r="A3042" s="5" t="s">
        <v>83578</v>
      </c>
      <c r="B3042" s="2" t="s">
        <v>92728</v>
      </c>
      <c r="C3042" s="14" t="s">
        <v>92729</v>
      </c>
      <c r="D3042" s="2" t="s">
        <v>92730</v>
      </c>
      <c r="E3042" s="2" t="s">
        <v>36329</v>
      </c>
      <c r="F3042" s="8">
        <v>302</v>
      </c>
      <c r="G3042" s="5">
        <v>6</v>
      </c>
      <c r="H3042" s="5" t="s">
        <v>1518</v>
      </c>
      <c r="I3042" s="5" t="s">
        <v>36264</v>
      </c>
      <c r="J3042" s="2" t="s">
        <v>36265</v>
      </c>
      <c r="K3042" s="5" t="s">
        <v>36264</v>
      </c>
      <c r="L3042" s="2" t="s">
        <v>36265</v>
      </c>
      <c r="M3042" s="5" t="s">
        <v>36266</v>
      </c>
      <c r="N3042" s="5" t="s">
        <v>38</v>
      </c>
      <c r="O3042" s="5" t="s">
        <v>39</v>
      </c>
      <c r="P3042" s="5" t="s">
        <v>40</v>
      </c>
      <c r="Q3042" s="5" t="s">
        <v>1522</v>
      </c>
      <c r="R3042" s="5" t="s">
        <v>1523</v>
      </c>
      <c r="S3042" s="5" t="s">
        <v>42</v>
      </c>
      <c r="T3042" s="2">
        <v>2.782</v>
      </c>
      <c r="U3042" s="2">
        <v>2.1509999999999998</v>
      </c>
      <c r="V3042" s="2">
        <v>1.7999999999999999E-2</v>
      </c>
      <c r="W3042" s="2">
        <v>139.1</v>
      </c>
      <c r="X3042" s="2">
        <v>7.6</v>
      </c>
      <c r="Y3042" s="2">
        <v>16.7</v>
      </c>
      <c r="Z3042" s="5"/>
      <c r="AA3042" s="5" t="s">
        <v>43</v>
      </c>
      <c r="AB3042" s="5" t="s">
        <v>44</v>
      </c>
      <c r="AC3042" s="2"/>
      <c r="AD3042" s="1"/>
    </row>
    <row r="3043" spans="1:30">
      <c r="A3043" s="5" t="s">
        <v>83578</v>
      </c>
      <c r="B3043" s="2" t="s">
        <v>92731</v>
      </c>
      <c r="C3043" s="14" t="s">
        <v>92732</v>
      </c>
      <c r="D3043" s="2" t="s">
        <v>92733</v>
      </c>
      <c r="E3043" s="2" t="s">
        <v>36333</v>
      </c>
      <c r="F3043" s="8">
        <v>302</v>
      </c>
      <c r="G3043" s="5">
        <v>6</v>
      </c>
      <c r="H3043" s="5" t="s">
        <v>1518</v>
      </c>
      <c r="I3043" s="5" t="s">
        <v>36264</v>
      </c>
      <c r="J3043" s="2" t="s">
        <v>36265</v>
      </c>
      <c r="K3043" s="5" t="s">
        <v>36264</v>
      </c>
      <c r="L3043" s="2" t="s">
        <v>36265</v>
      </c>
      <c r="M3043" s="5" t="s">
        <v>36266</v>
      </c>
      <c r="N3043" s="5" t="s">
        <v>38</v>
      </c>
      <c r="O3043" s="5" t="s">
        <v>39</v>
      </c>
      <c r="P3043" s="5" t="s">
        <v>40</v>
      </c>
      <c r="Q3043" s="5" t="s">
        <v>1522</v>
      </c>
      <c r="R3043" s="5" t="s">
        <v>1523</v>
      </c>
      <c r="S3043" s="5" t="s">
        <v>42</v>
      </c>
      <c r="T3043" s="2">
        <v>2.871</v>
      </c>
      <c r="U3043" s="2">
        <v>2.2400000000000002</v>
      </c>
      <c r="V3043" s="2">
        <v>1.7999999999999999E-2</v>
      </c>
      <c r="W3043" s="2">
        <v>139.1</v>
      </c>
      <c r="X3043" s="2">
        <v>7.6</v>
      </c>
      <c r="Y3043" s="2">
        <v>16.7</v>
      </c>
      <c r="Z3043" s="5"/>
      <c r="AA3043" s="5" t="s">
        <v>43</v>
      </c>
      <c r="AB3043" s="5" t="s">
        <v>44</v>
      </c>
      <c r="AC3043" s="2"/>
      <c r="AD3043" s="1"/>
    </row>
    <row r="3044" spans="1:30">
      <c r="A3044" s="5" t="s">
        <v>83578</v>
      </c>
      <c r="B3044" s="2" t="s">
        <v>92734</v>
      </c>
      <c r="C3044" s="14" t="s">
        <v>92735</v>
      </c>
      <c r="D3044" s="2" t="s">
        <v>92736</v>
      </c>
      <c r="E3044" s="2" t="s">
        <v>36337</v>
      </c>
      <c r="F3044" s="8">
        <v>302</v>
      </c>
      <c r="G3044" s="5">
        <v>6</v>
      </c>
      <c r="H3044" s="5" t="s">
        <v>1518</v>
      </c>
      <c r="I3044" s="5" t="s">
        <v>36264</v>
      </c>
      <c r="J3044" s="2" t="s">
        <v>36265</v>
      </c>
      <c r="K3044" s="5" t="s">
        <v>36264</v>
      </c>
      <c r="L3044" s="2" t="s">
        <v>36265</v>
      </c>
      <c r="M3044" s="5" t="s">
        <v>36266</v>
      </c>
      <c r="N3044" s="5" t="s">
        <v>38</v>
      </c>
      <c r="O3044" s="5" t="s">
        <v>39</v>
      </c>
      <c r="P3044" s="5" t="s">
        <v>40</v>
      </c>
      <c r="Q3044" s="5" t="s">
        <v>1522</v>
      </c>
      <c r="R3044" s="5" t="s">
        <v>1523</v>
      </c>
      <c r="S3044" s="5" t="s">
        <v>42</v>
      </c>
      <c r="T3044" s="2">
        <v>2.782</v>
      </c>
      <c r="U3044" s="2">
        <v>2.1509999999999998</v>
      </c>
      <c r="V3044" s="2">
        <v>1.7999999999999999E-2</v>
      </c>
      <c r="W3044" s="2">
        <v>139.1</v>
      </c>
      <c r="X3044" s="2">
        <v>7.6</v>
      </c>
      <c r="Y3044" s="2">
        <v>16.7</v>
      </c>
      <c r="Z3044" s="5"/>
      <c r="AA3044" s="5" t="s">
        <v>43</v>
      </c>
      <c r="AB3044" s="5" t="s">
        <v>44</v>
      </c>
      <c r="AC3044" s="2"/>
      <c r="AD3044" s="1"/>
    </row>
    <row r="3045" spans="1:30">
      <c r="A3045" s="5" t="s">
        <v>83578</v>
      </c>
      <c r="B3045" s="2" t="s">
        <v>92737</v>
      </c>
      <c r="C3045" s="14" t="s">
        <v>92738</v>
      </c>
      <c r="D3045" s="2" t="s">
        <v>92739</v>
      </c>
      <c r="E3045" s="2" t="s">
        <v>36345</v>
      </c>
      <c r="F3045" s="8">
        <v>302</v>
      </c>
      <c r="G3045" s="5">
        <v>6</v>
      </c>
      <c r="H3045" s="5" t="s">
        <v>1518</v>
      </c>
      <c r="I3045" s="5" t="s">
        <v>36264</v>
      </c>
      <c r="J3045" s="2" t="s">
        <v>36265</v>
      </c>
      <c r="K3045" s="5" t="s">
        <v>36264</v>
      </c>
      <c r="L3045" s="2" t="s">
        <v>36265</v>
      </c>
      <c r="M3045" s="5" t="s">
        <v>36266</v>
      </c>
      <c r="N3045" s="5" t="s">
        <v>38</v>
      </c>
      <c r="O3045" s="5" t="s">
        <v>39</v>
      </c>
      <c r="P3045" s="5" t="s">
        <v>40</v>
      </c>
      <c r="Q3045" s="5" t="s">
        <v>1522</v>
      </c>
      <c r="R3045" s="5" t="s">
        <v>1523</v>
      </c>
      <c r="S3045" s="5" t="s">
        <v>42</v>
      </c>
      <c r="T3045" s="2">
        <v>2.782</v>
      </c>
      <c r="U3045" s="2">
        <v>2.1509999999999998</v>
      </c>
      <c r="V3045" s="2">
        <v>1.7999999999999999E-2</v>
      </c>
      <c r="W3045" s="2">
        <v>139.1</v>
      </c>
      <c r="X3045" s="2">
        <v>7.6</v>
      </c>
      <c r="Y3045" s="2">
        <v>16.7</v>
      </c>
      <c r="Z3045" s="5"/>
      <c r="AA3045" s="5" t="s">
        <v>43</v>
      </c>
      <c r="AB3045" s="5" t="s">
        <v>44</v>
      </c>
      <c r="AC3045" s="2"/>
      <c r="AD3045" s="1"/>
    </row>
    <row r="3046" spans="1:30">
      <c r="A3046" s="5" t="s">
        <v>83578</v>
      </c>
      <c r="B3046" s="2" t="s">
        <v>92740</v>
      </c>
      <c r="C3046" s="14" t="s">
        <v>92741</v>
      </c>
      <c r="D3046" s="2" t="s">
        <v>92742</v>
      </c>
      <c r="E3046" s="2" t="s">
        <v>36353</v>
      </c>
      <c r="F3046" s="8">
        <v>302</v>
      </c>
      <c r="G3046" s="5">
        <v>6</v>
      </c>
      <c r="H3046" s="5" t="s">
        <v>1518</v>
      </c>
      <c r="I3046" s="5" t="s">
        <v>36264</v>
      </c>
      <c r="J3046" s="2" t="s">
        <v>36265</v>
      </c>
      <c r="K3046" s="5" t="s">
        <v>36264</v>
      </c>
      <c r="L3046" s="2" t="s">
        <v>36265</v>
      </c>
      <c r="M3046" s="5" t="s">
        <v>36266</v>
      </c>
      <c r="N3046" s="5" t="s">
        <v>38</v>
      </c>
      <c r="O3046" s="5" t="s">
        <v>39</v>
      </c>
      <c r="P3046" s="5" t="s">
        <v>40</v>
      </c>
      <c r="Q3046" s="5" t="s">
        <v>1522</v>
      </c>
      <c r="R3046" s="5" t="s">
        <v>1523</v>
      </c>
      <c r="S3046" s="5" t="s">
        <v>42</v>
      </c>
      <c r="T3046" s="2">
        <v>2.782</v>
      </c>
      <c r="U3046" s="2">
        <v>2.1509999999999998</v>
      </c>
      <c r="V3046" s="2">
        <v>1.7999999999999999E-2</v>
      </c>
      <c r="W3046" s="2">
        <v>139.1</v>
      </c>
      <c r="X3046" s="2">
        <v>7.6</v>
      </c>
      <c r="Y3046" s="2">
        <v>16.7</v>
      </c>
      <c r="Z3046" s="5"/>
      <c r="AA3046" s="5" t="s">
        <v>43</v>
      </c>
      <c r="AB3046" s="5" t="s">
        <v>44</v>
      </c>
      <c r="AC3046" s="2"/>
      <c r="AD3046" s="1"/>
    </row>
    <row r="3047" spans="1:30">
      <c r="A3047" s="5" t="s">
        <v>83578</v>
      </c>
      <c r="B3047" s="2" t="s">
        <v>92743</v>
      </c>
      <c r="C3047" s="14" t="s">
        <v>92744</v>
      </c>
      <c r="D3047" s="2" t="s">
        <v>92745</v>
      </c>
      <c r="E3047" s="2" t="s">
        <v>36357</v>
      </c>
      <c r="F3047" s="8">
        <v>302</v>
      </c>
      <c r="G3047" s="5">
        <v>6</v>
      </c>
      <c r="H3047" s="5" t="s">
        <v>1518</v>
      </c>
      <c r="I3047" s="5" t="s">
        <v>36264</v>
      </c>
      <c r="J3047" s="2" t="s">
        <v>36265</v>
      </c>
      <c r="K3047" s="5" t="s">
        <v>36264</v>
      </c>
      <c r="L3047" s="2" t="s">
        <v>36265</v>
      </c>
      <c r="M3047" s="5" t="s">
        <v>36266</v>
      </c>
      <c r="N3047" s="5" t="s">
        <v>38</v>
      </c>
      <c r="O3047" s="5" t="s">
        <v>39</v>
      </c>
      <c r="P3047" s="5" t="s">
        <v>40</v>
      </c>
      <c r="Q3047" s="5" t="s">
        <v>1522</v>
      </c>
      <c r="R3047" s="5" t="s">
        <v>1523</v>
      </c>
      <c r="S3047" s="5" t="s">
        <v>42</v>
      </c>
      <c r="T3047" s="2">
        <v>2.871</v>
      </c>
      <c r="U3047" s="2">
        <v>2.2400000000000002</v>
      </c>
      <c r="V3047" s="2">
        <v>1.7999999999999999E-2</v>
      </c>
      <c r="W3047" s="2">
        <v>139.1</v>
      </c>
      <c r="X3047" s="2">
        <v>7.6</v>
      </c>
      <c r="Y3047" s="2">
        <v>16.7</v>
      </c>
      <c r="Z3047" s="5"/>
      <c r="AA3047" s="5" t="s">
        <v>43</v>
      </c>
      <c r="AB3047" s="5" t="s">
        <v>44</v>
      </c>
      <c r="AC3047" s="2"/>
      <c r="AD3047" s="1"/>
    </row>
    <row r="3048" spans="1:30">
      <c r="A3048" s="5" t="s">
        <v>83578</v>
      </c>
      <c r="B3048" s="2" t="s">
        <v>92746</v>
      </c>
      <c r="C3048" s="14" t="s">
        <v>92747</v>
      </c>
      <c r="D3048" s="2" t="s">
        <v>92748</v>
      </c>
      <c r="E3048" s="2" t="s">
        <v>45598</v>
      </c>
      <c r="F3048" s="8">
        <v>302</v>
      </c>
      <c r="G3048" s="5">
        <v>6</v>
      </c>
      <c r="H3048" s="5" t="s">
        <v>1518</v>
      </c>
      <c r="I3048" s="5" t="s">
        <v>36264</v>
      </c>
      <c r="J3048" s="2" t="s">
        <v>36265</v>
      </c>
      <c r="K3048" s="5" t="s">
        <v>36264</v>
      </c>
      <c r="L3048" s="2" t="s">
        <v>36265</v>
      </c>
      <c r="M3048" s="5" t="s">
        <v>36266</v>
      </c>
      <c r="N3048" s="5" t="s">
        <v>38</v>
      </c>
      <c r="O3048" s="5" t="s">
        <v>39</v>
      </c>
      <c r="P3048" s="5" t="s">
        <v>40</v>
      </c>
      <c r="Q3048" s="5" t="s">
        <v>1522</v>
      </c>
      <c r="R3048" s="5" t="s">
        <v>1523</v>
      </c>
      <c r="S3048" s="5" t="s">
        <v>42</v>
      </c>
      <c r="T3048" s="2">
        <v>2.782</v>
      </c>
      <c r="U3048" s="2">
        <v>2.1509999999999998</v>
      </c>
      <c r="V3048" s="2">
        <v>1.7999999999999999E-2</v>
      </c>
      <c r="W3048" s="2">
        <v>139.1</v>
      </c>
      <c r="X3048" s="2">
        <v>7.6</v>
      </c>
      <c r="Y3048" s="2">
        <v>16.7</v>
      </c>
      <c r="Z3048" s="5"/>
      <c r="AA3048" s="5" t="s">
        <v>43</v>
      </c>
      <c r="AB3048" s="5" t="s">
        <v>44</v>
      </c>
      <c r="AC3048" s="2"/>
      <c r="AD3048" s="1"/>
    </row>
    <row r="3049" spans="1:30">
      <c r="A3049" s="5" t="s">
        <v>83578</v>
      </c>
      <c r="B3049" s="2" t="s">
        <v>92749</v>
      </c>
      <c r="C3049" s="14" t="s">
        <v>92750</v>
      </c>
      <c r="D3049" s="2" t="s">
        <v>92751</v>
      </c>
      <c r="E3049" s="2" t="s">
        <v>45534</v>
      </c>
      <c r="F3049" s="8">
        <v>302</v>
      </c>
      <c r="G3049" s="5">
        <v>6</v>
      </c>
      <c r="H3049" s="5" t="s">
        <v>1518</v>
      </c>
      <c r="I3049" s="5" t="s">
        <v>36264</v>
      </c>
      <c r="J3049" s="2" t="s">
        <v>36265</v>
      </c>
      <c r="K3049" s="5" t="s">
        <v>36264</v>
      </c>
      <c r="L3049" s="2" t="s">
        <v>36265</v>
      </c>
      <c r="M3049" s="5" t="s">
        <v>36266</v>
      </c>
      <c r="N3049" s="5" t="s">
        <v>38</v>
      </c>
      <c r="O3049" s="5" t="s">
        <v>39</v>
      </c>
      <c r="P3049" s="5" t="s">
        <v>40</v>
      </c>
      <c r="Q3049" s="5" t="s">
        <v>1522</v>
      </c>
      <c r="R3049" s="5" t="s">
        <v>1523</v>
      </c>
      <c r="S3049" s="5" t="s">
        <v>42</v>
      </c>
      <c r="T3049" s="2">
        <v>2.871</v>
      </c>
      <c r="U3049" s="2">
        <v>2.2400000000000002</v>
      </c>
      <c r="V3049" s="2">
        <v>1.7999999999999999E-2</v>
      </c>
      <c r="W3049" s="2">
        <v>139.1</v>
      </c>
      <c r="X3049" s="2">
        <v>7.6</v>
      </c>
      <c r="Y3049" s="2">
        <v>16.7</v>
      </c>
      <c r="Z3049" s="5"/>
      <c r="AA3049" s="5" t="s">
        <v>43</v>
      </c>
      <c r="AB3049" s="5" t="s">
        <v>44</v>
      </c>
      <c r="AC3049" s="2"/>
      <c r="AD3049" s="1"/>
    </row>
    <row r="3050" spans="1:30">
      <c r="A3050" s="5" t="s">
        <v>83578</v>
      </c>
      <c r="B3050" s="2" t="s">
        <v>92752</v>
      </c>
      <c r="C3050" s="14" t="s">
        <v>92753</v>
      </c>
      <c r="D3050" s="2" t="s">
        <v>92754</v>
      </c>
      <c r="E3050" s="2" t="s">
        <v>36377</v>
      </c>
      <c r="F3050" s="8">
        <v>302</v>
      </c>
      <c r="G3050" s="5">
        <v>6</v>
      </c>
      <c r="H3050" s="5" t="s">
        <v>1518</v>
      </c>
      <c r="I3050" s="5" t="s">
        <v>36264</v>
      </c>
      <c r="J3050" s="2" t="s">
        <v>36265</v>
      </c>
      <c r="K3050" s="5" t="s">
        <v>36264</v>
      </c>
      <c r="L3050" s="2" t="s">
        <v>36265</v>
      </c>
      <c r="M3050" s="5" t="s">
        <v>36266</v>
      </c>
      <c r="N3050" s="5" t="s">
        <v>38</v>
      </c>
      <c r="O3050" s="5" t="s">
        <v>39</v>
      </c>
      <c r="P3050" s="5" t="s">
        <v>40</v>
      </c>
      <c r="Q3050" s="5" t="s">
        <v>1522</v>
      </c>
      <c r="R3050" s="5" t="s">
        <v>1523</v>
      </c>
      <c r="S3050" s="5" t="s">
        <v>42</v>
      </c>
      <c r="T3050" s="2">
        <v>2.782</v>
      </c>
      <c r="U3050" s="2">
        <v>2.1509999999999998</v>
      </c>
      <c r="V3050" s="2">
        <v>1.7999999999999999E-2</v>
      </c>
      <c r="W3050" s="2">
        <v>139.1</v>
      </c>
      <c r="X3050" s="2">
        <v>7.6</v>
      </c>
      <c r="Y3050" s="2">
        <v>16.7</v>
      </c>
      <c r="Z3050" s="5"/>
      <c r="AA3050" s="5" t="s">
        <v>43</v>
      </c>
      <c r="AB3050" s="5" t="s">
        <v>44</v>
      </c>
      <c r="AC3050" s="2"/>
      <c r="AD3050" s="1"/>
    </row>
    <row r="3051" spans="1:30">
      <c r="A3051" s="5" t="s">
        <v>83578</v>
      </c>
      <c r="B3051" s="2" t="s">
        <v>92755</v>
      </c>
      <c r="C3051" s="14" t="s">
        <v>92756</v>
      </c>
      <c r="D3051" s="2" t="s">
        <v>92757</v>
      </c>
      <c r="E3051" s="2" t="s">
        <v>36381</v>
      </c>
      <c r="F3051" s="8">
        <v>302</v>
      </c>
      <c r="G3051" s="5">
        <v>6</v>
      </c>
      <c r="H3051" s="5" t="s">
        <v>1518</v>
      </c>
      <c r="I3051" s="5" t="s">
        <v>36264</v>
      </c>
      <c r="J3051" s="2" t="s">
        <v>36265</v>
      </c>
      <c r="K3051" s="5" t="s">
        <v>36264</v>
      </c>
      <c r="L3051" s="2" t="s">
        <v>36265</v>
      </c>
      <c r="M3051" s="5" t="s">
        <v>36266</v>
      </c>
      <c r="N3051" s="5" t="s">
        <v>38</v>
      </c>
      <c r="O3051" s="5" t="s">
        <v>39</v>
      </c>
      <c r="P3051" s="5" t="s">
        <v>40</v>
      </c>
      <c r="Q3051" s="5" t="s">
        <v>1522</v>
      </c>
      <c r="R3051" s="5" t="s">
        <v>1523</v>
      </c>
      <c r="S3051" s="5" t="s">
        <v>42</v>
      </c>
      <c r="T3051" s="2">
        <v>2.871</v>
      </c>
      <c r="U3051" s="2">
        <v>2.2400000000000002</v>
      </c>
      <c r="V3051" s="2">
        <v>1.7999999999999999E-2</v>
      </c>
      <c r="W3051" s="2">
        <v>139.1</v>
      </c>
      <c r="X3051" s="2">
        <v>7.6</v>
      </c>
      <c r="Y3051" s="2">
        <v>16.7</v>
      </c>
      <c r="Z3051" s="5"/>
      <c r="AA3051" s="5" t="s">
        <v>43</v>
      </c>
      <c r="AB3051" s="5" t="s">
        <v>44</v>
      </c>
      <c r="AC3051" s="2"/>
      <c r="AD3051" s="1"/>
    </row>
    <row r="3052" spans="1:30">
      <c r="A3052" s="5" t="s">
        <v>83578</v>
      </c>
      <c r="B3052" s="2" t="s">
        <v>92758</v>
      </c>
      <c r="C3052" s="14" t="s">
        <v>92759</v>
      </c>
      <c r="D3052" s="2" t="s">
        <v>92760</v>
      </c>
      <c r="E3052" s="2" t="s">
        <v>36389</v>
      </c>
      <c r="F3052" s="8">
        <v>302</v>
      </c>
      <c r="G3052" s="5">
        <v>6</v>
      </c>
      <c r="H3052" s="5" t="s">
        <v>1518</v>
      </c>
      <c r="I3052" s="5" t="s">
        <v>36264</v>
      </c>
      <c r="J3052" s="2" t="s">
        <v>36265</v>
      </c>
      <c r="K3052" s="5" t="s">
        <v>36264</v>
      </c>
      <c r="L3052" s="2" t="s">
        <v>36265</v>
      </c>
      <c r="M3052" s="5" t="s">
        <v>36266</v>
      </c>
      <c r="N3052" s="5" t="s">
        <v>38</v>
      </c>
      <c r="O3052" s="5" t="s">
        <v>39</v>
      </c>
      <c r="P3052" s="5" t="s">
        <v>40</v>
      </c>
      <c r="Q3052" s="5" t="s">
        <v>1522</v>
      </c>
      <c r="R3052" s="5" t="s">
        <v>1523</v>
      </c>
      <c r="S3052" s="5" t="s">
        <v>42</v>
      </c>
      <c r="T3052" s="2">
        <v>2.871</v>
      </c>
      <c r="U3052" s="2">
        <v>2.2400000000000002</v>
      </c>
      <c r="V3052" s="2">
        <v>1.7999999999999999E-2</v>
      </c>
      <c r="W3052" s="2">
        <v>139.1</v>
      </c>
      <c r="X3052" s="2">
        <v>7.6</v>
      </c>
      <c r="Y3052" s="2">
        <v>16.7</v>
      </c>
      <c r="Z3052" s="5"/>
      <c r="AA3052" s="5" t="s">
        <v>43</v>
      </c>
      <c r="AB3052" s="5" t="s">
        <v>44</v>
      </c>
      <c r="AC3052" s="2"/>
      <c r="AD3052" s="1"/>
    </row>
    <row r="3053" spans="1:30">
      <c r="A3053" s="5" t="s">
        <v>83578</v>
      </c>
      <c r="B3053" s="2" t="s">
        <v>92761</v>
      </c>
      <c r="C3053" s="14" t="s">
        <v>92762</v>
      </c>
      <c r="D3053" s="2" t="s">
        <v>92763</v>
      </c>
      <c r="E3053" s="2" t="s">
        <v>36281</v>
      </c>
      <c r="F3053" s="8">
        <v>289</v>
      </c>
      <c r="G3053" s="5">
        <v>6</v>
      </c>
      <c r="H3053" s="5" t="s">
        <v>1518</v>
      </c>
      <c r="I3053" s="5" t="s">
        <v>36264</v>
      </c>
      <c r="J3053" s="2" t="s">
        <v>36265</v>
      </c>
      <c r="K3053" s="5" t="s">
        <v>36264</v>
      </c>
      <c r="L3053" s="2" t="s">
        <v>36265</v>
      </c>
      <c r="M3053" s="5" t="s">
        <v>36266</v>
      </c>
      <c r="N3053" s="5" t="s">
        <v>38</v>
      </c>
      <c r="O3053" s="5" t="s">
        <v>39</v>
      </c>
      <c r="P3053" s="5" t="s">
        <v>40</v>
      </c>
      <c r="Q3053" s="5" t="s">
        <v>1522</v>
      </c>
      <c r="R3053" s="5" t="s">
        <v>1523</v>
      </c>
      <c r="S3053" s="5" t="s">
        <v>42</v>
      </c>
      <c r="T3053" s="2">
        <v>2.516</v>
      </c>
      <c r="U3053" s="2">
        <v>1.97</v>
      </c>
      <c r="V3053" s="2">
        <v>1.2999999999999999E-2</v>
      </c>
      <c r="W3053" s="2">
        <v>99.1</v>
      </c>
      <c r="X3053" s="2">
        <v>7.6</v>
      </c>
      <c r="Y3053" s="2">
        <v>16.7</v>
      </c>
      <c r="Z3053" s="5"/>
      <c r="AA3053" s="5" t="s">
        <v>43</v>
      </c>
      <c r="AB3053" s="5" t="s">
        <v>44</v>
      </c>
      <c r="AC3053" s="2"/>
      <c r="AD3053" s="1"/>
    </row>
    <row r="3054" spans="1:30">
      <c r="A3054" s="5" t="s">
        <v>83578</v>
      </c>
      <c r="B3054" s="2" t="s">
        <v>92764</v>
      </c>
      <c r="C3054" s="14" t="s">
        <v>92765</v>
      </c>
      <c r="D3054" s="2" t="s">
        <v>92766</v>
      </c>
      <c r="E3054" s="2" t="s">
        <v>36285</v>
      </c>
      <c r="F3054" s="8">
        <v>289</v>
      </c>
      <c r="G3054" s="5">
        <v>6</v>
      </c>
      <c r="H3054" s="5" t="s">
        <v>1518</v>
      </c>
      <c r="I3054" s="5" t="s">
        <v>36264</v>
      </c>
      <c r="J3054" s="2" t="s">
        <v>36265</v>
      </c>
      <c r="K3054" s="5" t="s">
        <v>36264</v>
      </c>
      <c r="L3054" s="2" t="s">
        <v>36265</v>
      </c>
      <c r="M3054" s="5" t="s">
        <v>36266</v>
      </c>
      <c r="N3054" s="5" t="s">
        <v>38</v>
      </c>
      <c r="O3054" s="5" t="s">
        <v>39</v>
      </c>
      <c r="P3054" s="5" t="s">
        <v>40</v>
      </c>
      <c r="Q3054" s="5" t="s">
        <v>1522</v>
      </c>
      <c r="R3054" s="5" t="s">
        <v>1523</v>
      </c>
      <c r="S3054" s="5" t="s">
        <v>42</v>
      </c>
      <c r="T3054" s="2">
        <v>2.5830000000000002</v>
      </c>
      <c r="U3054" s="2">
        <v>2.0369999999999999</v>
      </c>
      <c r="V3054" s="2">
        <v>1.2999999999999999E-2</v>
      </c>
      <c r="W3054" s="2">
        <v>99.1</v>
      </c>
      <c r="X3054" s="2">
        <v>7.6</v>
      </c>
      <c r="Y3054" s="2">
        <v>16.7</v>
      </c>
      <c r="Z3054" s="5"/>
      <c r="AA3054" s="5" t="s">
        <v>43</v>
      </c>
      <c r="AB3054" s="5" t="s">
        <v>44</v>
      </c>
      <c r="AC3054" s="2"/>
      <c r="AD3054" s="1"/>
    </row>
    <row r="3055" spans="1:30">
      <c r="A3055" s="5" t="s">
        <v>83578</v>
      </c>
      <c r="B3055" s="2" t="s">
        <v>92767</v>
      </c>
      <c r="C3055" s="14" t="s">
        <v>92768</v>
      </c>
      <c r="D3055" s="2" t="s">
        <v>92769</v>
      </c>
      <c r="E3055" s="2" t="s">
        <v>36309</v>
      </c>
      <c r="F3055" s="8">
        <v>268</v>
      </c>
      <c r="G3055" s="5">
        <v>6</v>
      </c>
      <c r="H3055" s="5" t="s">
        <v>1518</v>
      </c>
      <c r="I3055" s="5" t="s">
        <v>36264</v>
      </c>
      <c r="J3055" s="2" t="s">
        <v>36265</v>
      </c>
      <c r="K3055" s="5" t="s">
        <v>36264</v>
      </c>
      <c r="L3055" s="2" t="s">
        <v>36265</v>
      </c>
      <c r="M3055" s="5" t="s">
        <v>36266</v>
      </c>
      <c r="N3055" s="5" t="s">
        <v>38</v>
      </c>
      <c r="O3055" s="5" t="s">
        <v>39</v>
      </c>
      <c r="P3055" s="5" t="s">
        <v>40</v>
      </c>
      <c r="Q3055" s="5" t="s">
        <v>1522</v>
      </c>
      <c r="R3055" s="5" t="s">
        <v>1523</v>
      </c>
      <c r="S3055" s="5" t="s">
        <v>42</v>
      </c>
      <c r="T3055" s="2">
        <v>2.5830000000000002</v>
      </c>
      <c r="U3055" s="2">
        <v>2.0369999999999999</v>
      </c>
      <c r="V3055" s="2">
        <v>1.2999999999999999E-2</v>
      </c>
      <c r="W3055" s="2">
        <v>99.1</v>
      </c>
      <c r="X3055" s="2">
        <v>7.6</v>
      </c>
      <c r="Y3055" s="2">
        <v>16.7</v>
      </c>
      <c r="Z3055" s="5"/>
      <c r="AA3055" s="5" t="s">
        <v>43</v>
      </c>
      <c r="AB3055" s="5" t="s">
        <v>44</v>
      </c>
      <c r="AC3055" s="2"/>
      <c r="AD3055" s="1"/>
    </row>
    <row r="3056" spans="1:30">
      <c r="A3056" s="5" t="s">
        <v>83578</v>
      </c>
      <c r="B3056" s="2" t="s">
        <v>92770</v>
      </c>
      <c r="C3056" s="14" t="s">
        <v>92771</v>
      </c>
      <c r="D3056" s="2" t="s">
        <v>92772</v>
      </c>
      <c r="E3056" s="2" t="s">
        <v>36313</v>
      </c>
      <c r="F3056" s="8">
        <v>289</v>
      </c>
      <c r="G3056" s="5">
        <v>6</v>
      </c>
      <c r="H3056" s="5" t="s">
        <v>1518</v>
      </c>
      <c r="I3056" s="5" t="s">
        <v>36264</v>
      </c>
      <c r="J3056" s="2" t="s">
        <v>36265</v>
      </c>
      <c r="K3056" s="5" t="s">
        <v>36264</v>
      </c>
      <c r="L3056" s="2" t="s">
        <v>36265</v>
      </c>
      <c r="M3056" s="5" t="s">
        <v>36266</v>
      </c>
      <c r="N3056" s="5" t="s">
        <v>38</v>
      </c>
      <c r="O3056" s="5" t="s">
        <v>39</v>
      </c>
      <c r="P3056" s="5" t="s">
        <v>40</v>
      </c>
      <c r="Q3056" s="5" t="s">
        <v>1522</v>
      </c>
      <c r="R3056" s="5" t="s">
        <v>1523</v>
      </c>
      <c r="S3056" s="5" t="s">
        <v>42</v>
      </c>
      <c r="T3056" s="2">
        <v>2.516</v>
      </c>
      <c r="U3056" s="2">
        <v>1.97</v>
      </c>
      <c r="V3056" s="2">
        <v>1.2999999999999999E-2</v>
      </c>
      <c r="W3056" s="2">
        <v>99.1</v>
      </c>
      <c r="X3056" s="2">
        <v>7.6</v>
      </c>
      <c r="Y3056" s="2">
        <v>16.7</v>
      </c>
      <c r="Z3056" s="5"/>
      <c r="AA3056" s="5" t="s">
        <v>43</v>
      </c>
      <c r="AB3056" s="5" t="s">
        <v>44</v>
      </c>
      <c r="AC3056" s="2"/>
      <c r="AD3056" s="1"/>
    </row>
    <row r="3057" spans="1:30">
      <c r="A3057" s="5" t="s">
        <v>83578</v>
      </c>
      <c r="B3057" s="2" t="s">
        <v>92773</v>
      </c>
      <c r="C3057" s="14" t="s">
        <v>92774</v>
      </c>
      <c r="D3057" s="2" t="s">
        <v>92775</v>
      </c>
      <c r="E3057" s="2" t="s">
        <v>36317</v>
      </c>
      <c r="F3057" s="8">
        <v>289</v>
      </c>
      <c r="G3057" s="5">
        <v>6</v>
      </c>
      <c r="H3057" s="5" t="s">
        <v>1518</v>
      </c>
      <c r="I3057" s="5" t="s">
        <v>36264</v>
      </c>
      <c r="J3057" s="2" t="s">
        <v>36265</v>
      </c>
      <c r="K3057" s="5" t="s">
        <v>36264</v>
      </c>
      <c r="L3057" s="2" t="s">
        <v>36265</v>
      </c>
      <c r="M3057" s="5" t="s">
        <v>36266</v>
      </c>
      <c r="N3057" s="5" t="s">
        <v>38</v>
      </c>
      <c r="O3057" s="5" t="s">
        <v>39</v>
      </c>
      <c r="P3057" s="5" t="s">
        <v>40</v>
      </c>
      <c r="Q3057" s="5" t="s">
        <v>1522</v>
      </c>
      <c r="R3057" s="5" t="s">
        <v>1523</v>
      </c>
      <c r="S3057" s="5" t="s">
        <v>42</v>
      </c>
      <c r="T3057" s="2">
        <v>2.5830000000000002</v>
      </c>
      <c r="U3057" s="2">
        <v>2.0369999999999999</v>
      </c>
      <c r="V3057" s="2">
        <v>1.2999999999999999E-2</v>
      </c>
      <c r="W3057" s="2">
        <v>99.1</v>
      </c>
      <c r="X3057" s="2">
        <v>7.6</v>
      </c>
      <c r="Y3057" s="2">
        <v>16.7</v>
      </c>
      <c r="Z3057" s="5"/>
      <c r="AA3057" s="5" t="s">
        <v>43</v>
      </c>
      <c r="AB3057" s="5" t="s">
        <v>44</v>
      </c>
      <c r="AC3057" s="2"/>
      <c r="AD3057" s="1"/>
    </row>
    <row r="3058" spans="1:30">
      <c r="A3058" s="5" t="s">
        <v>83578</v>
      </c>
      <c r="B3058" s="2" t="s">
        <v>92776</v>
      </c>
      <c r="C3058" s="14" t="s">
        <v>92777</v>
      </c>
      <c r="D3058" s="2" t="s">
        <v>92778</v>
      </c>
      <c r="E3058" s="2" t="s">
        <v>36321</v>
      </c>
      <c r="F3058" s="8">
        <v>289</v>
      </c>
      <c r="G3058" s="5">
        <v>6</v>
      </c>
      <c r="H3058" s="5" t="s">
        <v>1518</v>
      </c>
      <c r="I3058" s="5" t="s">
        <v>36264</v>
      </c>
      <c r="J3058" s="2" t="s">
        <v>36265</v>
      </c>
      <c r="K3058" s="5" t="s">
        <v>36264</v>
      </c>
      <c r="L3058" s="2" t="s">
        <v>36265</v>
      </c>
      <c r="M3058" s="5" t="s">
        <v>36266</v>
      </c>
      <c r="N3058" s="5" t="s">
        <v>38</v>
      </c>
      <c r="O3058" s="5" t="s">
        <v>39</v>
      </c>
      <c r="P3058" s="5" t="s">
        <v>40</v>
      </c>
      <c r="Q3058" s="5" t="s">
        <v>1522</v>
      </c>
      <c r="R3058" s="5" t="s">
        <v>1523</v>
      </c>
      <c r="S3058" s="5" t="s">
        <v>42</v>
      </c>
      <c r="T3058" s="2">
        <v>2.516</v>
      </c>
      <c r="U3058" s="2">
        <v>1.97</v>
      </c>
      <c r="V3058" s="2">
        <v>1.2999999999999999E-2</v>
      </c>
      <c r="W3058" s="2">
        <v>99.1</v>
      </c>
      <c r="X3058" s="2">
        <v>7.6</v>
      </c>
      <c r="Y3058" s="2">
        <v>16.7</v>
      </c>
      <c r="Z3058" s="5"/>
      <c r="AA3058" s="5" t="s">
        <v>43</v>
      </c>
      <c r="AB3058" s="5" t="s">
        <v>44</v>
      </c>
      <c r="AC3058" s="2"/>
      <c r="AD3058" s="1"/>
    </row>
    <row r="3059" spans="1:30">
      <c r="A3059" s="5" t="s">
        <v>83578</v>
      </c>
      <c r="B3059" s="2" t="s">
        <v>92779</v>
      </c>
      <c r="C3059" s="14" t="s">
        <v>92780</v>
      </c>
      <c r="D3059" s="2" t="s">
        <v>92781</v>
      </c>
      <c r="E3059" s="2" t="s">
        <v>36325</v>
      </c>
      <c r="F3059" s="8">
        <v>289</v>
      </c>
      <c r="G3059" s="5">
        <v>6</v>
      </c>
      <c r="H3059" s="5" t="s">
        <v>1518</v>
      </c>
      <c r="I3059" s="5" t="s">
        <v>36264</v>
      </c>
      <c r="J3059" s="2" t="s">
        <v>36265</v>
      </c>
      <c r="K3059" s="5" t="s">
        <v>36264</v>
      </c>
      <c r="L3059" s="2" t="s">
        <v>36265</v>
      </c>
      <c r="M3059" s="5" t="s">
        <v>36266</v>
      </c>
      <c r="N3059" s="5" t="s">
        <v>38</v>
      </c>
      <c r="O3059" s="5" t="s">
        <v>39</v>
      </c>
      <c r="P3059" s="5" t="s">
        <v>40</v>
      </c>
      <c r="Q3059" s="5" t="s">
        <v>1522</v>
      </c>
      <c r="R3059" s="5" t="s">
        <v>1523</v>
      </c>
      <c r="S3059" s="5" t="s">
        <v>42</v>
      </c>
      <c r="T3059" s="2">
        <v>2.5830000000000002</v>
      </c>
      <c r="U3059" s="2">
        <v>2.0369999999999999</v>
      </c>
      <c r="V3059" s="2">
        <v>1.2999999999999999E-2</v>
      </c>
      <c r="W3059" s="2">
        <v>99.1</v>
      </c>
      <c r="X3059" s="2">
        <v>7.6</v>
      </c>
      <c r="Y3059" s="2">
        <v>16.7</v>
      </c>
      <c r="Z3059" s="5"/>
      <c r="AA3059" s="5" t="s">
        <v>43</v>
      </c>
      <c r="AB3059" s="5" t="s">
        <v>44</v>
      </c>
      <c r="AC3059" s="2"/>
      <c r="AD3059" s="1"/>
    </row>
    <row r="3060" spans="1:30">
      <c r="A3060" s="5" t="s">
        <v>83578</v>
      </c>
      <c r="B3060" s="2" t="s">
        <v>92782</v>
      </c>
      <c r="C3060" s="14" t="s">
        <v>92783</v>
      </c>
      <c r="D3060" s="2" t="s">
        <v>92784</v>
      </c>
      <c r="E3060" s="2" t="s">
        <v>36337</v>
      </c>
      <c r="F3060" s="8">
        <v>289</v>
      </c>
      <c r="G3060" s="5">
        <v>6</v>
      </c>
      <c r="H3060" s="5" t="s">
        <v>1518</v>
      </c>
      <c r="I3060" s="5" t="s">
        <v>36264</v>
      </c>
      <c r="J3060" s="2" t="s">
        <v>36265</v>
      </c>
      <c r="K3060" s="5" t="s">
        <v>36264</v>
      </c>
      <c r="L3060" s="2" t="s">
        <v>36265</v>
      </c>
      <c r="M3060" s="5" t="s">
        <v>36266</v>
      </c>
      <c r="N3060" s="5" t="s">
        <v>38</v>
      </c>
      <c r="O3060" s="5" t="s">
        <v>39</v>
      </c>
      <c r="P3060" s="5" t="s">
        <v>40</v>
      </c>
      <c r="Q3060" s="5" t="s">
        <v>1522</v>
      </c>
      <c r="R3060" s="5" t="s">
        <v>1523</v>
      </c>
      <c r="S3060" s="5" t="s">
        <v>42</v>
      </c>
      <c r="T3060" s="2">
        <v>2.516</v>
      </c>
      <c r="U3060" s="2">
        <v>1.97</v>
      </c>
      <c r="V3060" s="2">
        <v>1.2999999999999999E-2</v>
      </c>
      <c r="W3060" s="2">
        <v>99.1</v>
      </c>
      <c r="X3060" s="2">
        <v>7.6</v>
      </c>
      <c r="Y3060" s="2">
        <v>16.7</v>
      </c>
      <c r="Z3060" s="5"/>
      <c r="AA3060" s="5" t="s">
        <v>43</v>
      </c>
      <c r="AB3060" s="5" t="s">
        <v>44</v>
      </c>
      <c r="AC3060" s="2"/>
      <c r="AD3060" s="1"/>
    </row>
    <row r="3061" spans="1:30">
      <c r="A3061" s="5" t="s">
        <v>83578</v>
      </c>
      <c r="B3061" s="2" t="s">
        <v>92785</v>
      </c>
      <c r="C3061" s="14" t="s">
        <v>92786</v>
      </c>
      <c r="D3061" s="2" t="s">
        <v>92787</v>
      </c>
      <c r="E3061" s="2" t="s">
        <v>36341</v>
      </c>
      <c r="F3061" s="8">
        <v>289</v>
      </c>
      <c r="G3061" s="5">
        <v>6</v>
      </c>
      <c r="H3061" s="5" t="s">
        <v>1518</v>
      </c>
      <c r="I3061" s="5" t="s">
        <v>36264</v>
      </c>
      <c r="J3061" s="2" t="s">
        <v>36265</v>
      </c>
      <c r="K3061" s="5" t="s">
        <v>36264</v>
      </c>
      <c r="L3061" s="2" t="s">
        <v>36265</v>
      </c>
      <c r="M3061" s="5" t="s">
        <v>36266</v>
      </c>
      <c r="N3061" s="5" t="s">
        <v>38</v>
      </c>
      <c r="O3061" s="5" t="s">
        <v>39</v>
      </c>
      <c r="P3061" s="5" t="s">
        <v>40</v>
      </c>
      <c r="Q3061" s="5" t="s">
        <v>1522</v>
      </c>
      <c r="R3061" s="5" t="s">
        <v>1523</v>
      </c>
      <c r="S3061" s="5" t="s">
        <v>42</v>
      </c>
      <c r="T3061" s="2">
        <v>2.5830000000000002</v>
      </c>
      <c r="U3061" s="2">
        <v>2.0369999999999999</v>
      </c>
      <c r="V3061" s="2">
        <v>1.2999999999999999E-2</v>
      </c>
      <c r="W3061" s="2">
        <v>99.1</v>
      </c>
      <c r="X3061" s="2">
        <v>7.6</v>
      </c>
      <c r="Y3061" s="2">
        <v>16.7</v>
      </c>
      <c r="Z3061" s="5"/>
      <c r="AA3061" s="5" t="s">
        <v>43</v>
      </c>
      <c r="AB3061" s="5" t="s">
        <v>44</v>
      </c>
      <c r="AC3061" s="2"/>
      <c r="AD3061" s="1"/>
    </row>
    <row r="3062" spans="1:30">
      <c r="A3062" s="5" t="s">
        <v>83578</v>
      </c>
      <c r="B3062" s="2" t="s">
        <v>92788</v>
      </c>
      <c r="C3062" s="14" t="s">
        <v>92789</v>
      </c>
      <c r="D3062" s="2" t="s">
        <v>92790</v>
      </c>
      <c r="E3062" s="2" t="s">
        <v>45598</v>
      </c>
      <c r="F3062" s="8">
        <v>289</v>
      </c>
      <c r="G3062" s="5">
        <v>6</v>
      </c>
      <c r="H3062" s="5" t="s">
        <v>1518</v>
      </c>
      <c r="I3062" s="5" t="s">
        <v>36264</v>
      </c>
      <c r="J3062" s="2" t="s">
        <v>36265</v>
      </c>
      <c r="K3062" s="5" t="s">
        <v>36264</v>
      </c>
      <c r="L3062" s="2" t="s">
        <v>36265</v>
      </c>
      <c r="M3062" s="5" t="s">
        <v>36266</v>
      </c>
      <c r="N3062" s="5" t="s">
        <v>38</v>
      </c>
      <c r="O3062" s="5" t="s">
        <v>39</v>
      </c>
      <c r="P3062" s="5" t="s">
        <v>40</v>
      </c>
      <c r="Q3062" s="5" t="s">
        <v>1522</v>
      </c>
      <c r="R3062" s="5" t="s">
        <v>1523</v>
      </c>
      <c r="S3062" s="5" t="s">
        <v>42</v>
      </c>
      <c r="T3062" s="2">
        <v>2.516</v>
      </c>
      <c r="U3062" s="2">
        <v>1.97</v>
      </c>
      <c r="V3062" s="2">
        <v>1.2999999999999999E-2</v>
      </c>
      <c r="W3062" s="2">
        <v>99.1</v>
      </c>
      <c r="X3062" s="2">
        <v>7.6</v>
      </c>
      <c r="Y3062" s="2">
        <v>16.7</v>
      </c>
      <c r="Z3062" s="5"/>
      <c r="AA3062" s="5" t="s">
        <v>43</v>
      </c>
      <c r="AB3062" s="5" t="s">
        <v>44</v>
      </c>
      <c r="AC3062" s="2"/>
      <c r="AD3062" s="1"/>
    </row>
    <row r="3063" spans="1:30">
      <c r="A3063" s="5" t="s">
        <v>83578</v>
      </c>
      <c r="B3063" s="2" t="s">
        <v>92791</v>
      </c>
      <c r="C3063" s="14" t="s">
        <v>92792</v>
      </c>
      <c r="D3063" s="2" t="s">
        <v>92793</v>
      </c>
      <c r="E3063" s="2" t="s">
        <v>45534</v>
      </c>
      <c r="F3063" s="8">
        <v>289</v>
      </c>
      <c r="G3063" s="5">
        <v>6</v>
      </c>
      <c r="H3063" s="5" t="s">
        <v>1518</v>
      </c>
      <c r="I3063" s="5" t="s">
        <v>36264</v>
      </c>
      <c r="J3063" s="2" t="s">
        <v>36265</v>
      </c>
      <c r="K3063" s="5" t="s">
        <v>36264</v>
      </c>
      <c r="L3063" s="2" t="s">
        <v>36265</v>
      </c>
      <c r="M3063" s="5" t="s">
        <v>36266</v>
      </c>
      <c r="N3063" s="5" t="s">
        <v>38</v>
      </c>
      <c r="O3063" s="5" t="s">
        <v>39</v>
      </c>
      <c r="P3063" s="5" t="s">
        <v>40</v>
      </c>
      <c r="Q3063" s="5" t="s">
        <v>1522</v>
      </c>
      <c r="R3063" s="5" t="s">
        <v>1523</v>
      </c>
      <c r="S3063" s="5" t="s">
        <v>42</v>
      </c>
      <c r="T3063" s="2">
        <v>2.5830000000000002</v>
      </c>
      <c r="U3063" s="2">
        <v>2.0369999999999999</v>
      </c>
      <c r="V3063" s="2">
        <v>1.2999999999999999E-2</v>
      </c>
      <c r="W3063" s="2">
        <v>99.1</v>
      </c>
      <c r="X3063" s="2">
        <v>7.6</v>
      </c>
      <c r="Y3063" s="2">
        <v>16.7</v>
      </c>
      <c r="Z3063" s="5"/>
      <c r="AA3063" s="5" t="s">
        <v>43</v>
      </c>
      <c r="AB3063" s="5" t="s">
        <v>44</v>
      </c>
      <c r="AC3063" s="2"/>
      <c r="AD3063" s="1"/>
    </row>
    <row r="3064" spans="1:30">
      <c r="A3064" s="5" t="s">
        <v>83578</v>
      </c>
      <c r="B3064" s="2" t="s">
        <v>92794</v>
      </c>
      <c r="C3064" s="14" t="s">
        <v>92795</v>
      </c>
      <c r="D3064" s="2" t="s">
        <v>92796</v>
      </c>
      <c r="E3064" s="2" t="s">
        <v>36369</v>
      </c>
      <c r="F3064" s="8">
        <v>289</v>
      </c>
      <c r="G3064" s="5">
        <v>6</v>
      </c>
      <c r="H3064" s="5" t="s">
        <v>1518</v>
      </c>
      <c r="I3064" s="5" t="s">
        <v>36264</v>
      </c>
      <c r="J3064" s="2" t="s">
        <v>36265</v>
      </c>
      <c r="K3064" s="5" t="s">
        <v>36264</v>
      </c>
      <c r="L3064" s="2" t="s">
        <v>36265</v>
      </c>
      <c r="M3064" s="5" t="s">
        <v>36266</v>
      </c>
      <c r="N3064" s="5" t="s">
        <v>38</v>
      </c>
      <c r="O3064" s="5" t="s">
        <v>39</v>
      </c>
      <c r="P3064" s="5" t="s">
        <v>40</v>
      </c>
      <c r="Q3064" s="5" t="s">
        <v>1522</v>
      </c>
      <c r="R3064" s="5" t="s">
        <v>1523</v>
      </c>
      <c r="S3064" s="5" t="s">
        <v>42</v>
      </c>
      <c r="T3064" s="2">
        <v>2.516</v>
      </c>
      <c r="U3064" s="2">
        <v>1.97</v>
      </c>
      <c r="V3064" s="2">
        <v>1.2999999999999999E-2</v>
      </c>
      <c r="W3064" s="2">
        <v>99.1</v>
      </c>
      <c r="X3064" s="2">
        <v>7.6</v>
      </c>
      <c r="Y3064" s="2">
        <v>16.7</v>
      </c>
      <c r="Z3064" s="5"/>
      <c r="AA3064" s="5" t="s">
        <v>43</v>
      </c>
      <c r="AB3064" s="5" t="s">
        <v>44</v>
      </c>
      <c r="AC3064" s="2"/>
      <c r="AD3064" s="1"/>
    </row>
    <row r="3065" spans="1:30">
      <c r="A3065" s="5" t="s">
        <v>83578</v>
      </c>
      <c r="B3065" s="2" t="s">
        <v>92797</v>
      </c>
      <c r="C3065" s="14" t="s">
        <v>92798</v>
      </c>
      <c r="D3065" s="2" t="s">
        <v>92799</v>
      </c>
      <c r="E3065" s="2" t="s">
        <v>36381</v>
      </c>
      <c r="F3065" s="8">
        <v>289</v>
      </c>
      <c r="G3065" s="5">
        <v>6</v>
      </c>
      <c r="H3065" s="5" t="s">
        <v>1518</v>
      </c>
      <c r="I3065" s="5" t="s">
        <v>36264</v>
      </c>
      <c r="J3065" s="2" t="s">
        <v>36265</v>
      </c>
      <c r="K3065" s="5" t="s">
        <v>36264</v>
      </c>
      <c r="L3065" s="2" t="s">
        <v>36265</v>
      </c>
      <c r="M3065" s="5" t="s">
        <v>36266</v>
      </c>
      <c r="N3065" s="5" t="s">
        <v>38</v>
      </c>
      <c r="O3065" s="5" t="s">
        <v>39</v>
      </c>
      <c r="P3065" s="5" t="s">
        <v>40</v>
      </c>
      <c r="Q3065" s="5" t="s">
        <v>1522</v>
      </c>
      <c r="R3065" s="5" t="s">
        <v>1523</v>
      </c>
      <c r="S3065" s="5" t="s">
        <v>42</v>
      </c>
      <c r="T3065" s="2">
        <v>2.5830000000000002</v>
      </c>
      <c r="U3065" s="2">
        <v>2.0369999999999999</v>
      </c>
      <c r="V3065" s="2">
        <v>1.2999999999999999E-2</v>
      </c>
      <c r="W3065" s="2">
        <v>99.1</v>
      </c>
      <c r="X3065" s="2">
        <v>7.6</v>
      </c>
      <c r="Y3065" s="2">
        <v>16.7</v>
      </c>
      <c r="Z3065" s="5"/>
      <c r="AA3065" s="5" t="s">
        <v>43</v>
      </c>
      <c r="AB3065" s="5" t="s">
        <v>44</v>
      </c>
      <c r="AC3065" s="2"/>
      <c r="AD3065" s="1"/>
    </row>
    <row r="3066" spans="1:30">
      <c r="A3066" s="5" t="s">
        <v>83578</v>
      </c>
      <c r="B3066" s="2" t="s">
        <v>92800</v>
      </c>
      <c r="C3066" s="14" t="s">
        <v>92801</v>
      </c>
      <c r="D3066" s="2" t="s">
        <v>92802</v>
      </c>
      <c r="E3066" s="2" t="s">
        <v>36385</v>
      </c>
      <c r="F3066" s="8">
        <v>289</v>
      </c>
      <c r="G3066" s="5">
        <v>6</v>
      </c>
      <c r="H3066" s="5" t="s">
        <v>1518</v>
      </c>
      <c r="I3066" s="5" t="s">
        <v>36264</v>
      </c>
      <c r="J3066" s="2" t="s">
        <v>36265</v>
      </c>
      <c r="K3066" s="5" t="s">
        <v>36264</v>
      </c>
      <c r="L3066" s="2" t="s">
        <v>36265</v>
      </c>
      <c r="M3066" s="5" t="s">
        <v>36266</v>
      </c>
      <c r="N3066" s="5" t="s">
        <v>38</v>
      </c>
      <c r="O3066" s="5" t="s">
        <v>39</v>
      </c>
      <c r="P3066" s="5" t="s">
        <v>40</v>
      </c>
      <c r="Q3066" s="5" t="s">
        <v>1522</v>
      </c>
      <c r="R3066" s="5" t="s">
        <v>1523</v>
      </c>
      <c r="S3066" s="5" t="s">
        <v>42</v>
      </c>
      <c r="T3066" s="2">
        <v>2.516</v>
      </c>
      <c r="U3066" s="2">
        <v>1.97</v>
      </c>
      <c r="V3066" s="2">
        <v>1.2999999999999999E-2</v>
      </c>
      <c r="W3066" s="2">
        <v>99.1</v>
      </c>
      <c r="X3066" s="2">
        <v>7.6</v>
      </c>
      <c r="Y3066" s="2">
        <v>16.7</v>
      </c>
      <c r="Z3066" s="5"/>
      <c r="AA3066" s="5" t="s">
        <v>43</v>
      </c>
      <c r="AB3066" s="5" t="s">
        <v>44</v>
      </c>
      <c r="AC3066" s="2"/>
      <c r="AD3066" s="1"/>
    </row>
    <row r="3067" spans="1:30">
      <c r="A3067" s="5" t="s">
        <v>83578</v>
      </c>
      <c r="B3067" s="2" t="s">
        <v>92803</v>
      </c>
      <c r="C3067" s="14" t="s">
        <v>92804</v>
      </c>
      <c r="D3067" s="2" t="s">
        <v>92805</v>
      </c>
      <c r="E3067" s="2" t="s">
        <v>36389</v>
      </c>
      <c r="F3067" s="8">
        <v>289</v>
      </c>
      <c r="G3067" s="5">
        <v>6</v>
      </c>
      <c r="H3067" s="5" t="s">
        <v>1518</v>
      </c>
      <c r="I3067" s="5" t="s">
        <v>36264</v>
      </c>
      <c r="J3067" s="2" t="s">
        <v>36265</v>
      </c>
      <c r="K3067" s="5" t="s">
        <v>36264</v>
      </c>
      <c r="L3067" s="2" t="s">
        <v>36265</v>
      </c>
      <c r="M3067" s="5" t="s">
        <v>36266</v>
      </c>
      <c r="N3067" s="5" t="s">
        <v>38</v>
      </c>
      <c r="O3067" s="5" t="s">
        <v>39</v>
      </c>
      <c r="P3067" s="5" t="s">
        <v>40</v>
      </c>
      <c r="Q3067" s="5" t="s">
        <v>1522</v>
      </c>
      <c r="R3067" s="5" t="s">
        <v>1523</v>
      </c>
      <c r="S3067" s="5" t="s">
        <v>42</v>
      </c>
      <c r="T3067" s="2">
        <v>2.5830000000000002</v>
      </c>
      <c r="U3067" s="2">
        <v>2.0369999999999999</v>
      </c>
      <c r="V3067" s="2">
        <v>1.2999999999999999E-2</v>
      </c>
      <c r="W3067" s="2">
        <v>99.1</v>
      </c>
      <c r="X3067" s="2">
        <v>7.6</v>
      </c>
      <c r="Y3067" s="2">
        <v>16.7</v>
      </c>
      <c r="Z3067" s="5"/>
      <c r="AA3067" s="5" t="s">
        <v>43</v>
      </c>
      <c r="AB3067" s="5" t="s">
        <v>44</v>
      </c>
      <c r="AC3067" s="2"/>
      <c r="AD3067" s="1"/>
    </row>
    <row r="3068" spans="1:30">
      <c r="A3068" s="5" t="s">
        <v>83578</v>
      </c>
      <c r="B3068" s="2" t="s">
        <v>92806</v>
      </c>
      <c r="C3068" s="14" t="s">
        <v>92807</v>
      </c>
      <c r="D3068" s="2" t="s">
        <v>92808</v>
      </c>
      <c r="E3068" s="2" t="s">
        <v>7204</v>
      </c>
      <c r="F3068" s="8">
        <v>280</v>
      </c>
      <c r="G3068" s="5">
        <v>6</v>
      </c>
      <c r="H3068" s="5" t="s">
        <v>1518</v>
      </c>
      <c r="I3068" s="5" t="s">
        <v>36264</v>
      </c>
      <c r="J3068" s="2" t="s">
        <v>36265</v>
      </c>
      <c r="K3068" s="5" t="s">
        <v>36264</v>
      </c>
      <c r="L3068" s="2" t="s">
        <v>36265</v>
      </c>
      <c r="M3068" s="5" t="s">
        <v>36266</v>
      </c>
      <c r="N3068" s="5" t="s">
        <v>38</v>
      </c>
      <c r="O3068" s="5" t="s">
        <v>39</v>
      </c>
      <c r="P3068" s="5" t="s">
        <v>40</v>
      </c>
      <c r="Q3068" s="5" t="s">
        <v>1522</v>
      </c>
      <c r="R3068" s="5" t="s">
        <v>1523</v>
      </c>
      <c r="S3068" s="5" t="s">
        <v>42</v>
      </c>
      <c r="T3068" s="2">
        <v>2.6720000000000002</v>
      </c>
      <c r="U3068" s="2">
        <v>2.1349999999999998</v>
      </c>
      <c r="V3068" s="2">
        <v>1.2999999999999999E-2</v>
      </c>
      <c r="W3068" s="2">
        <v>99.1</v>
      </c>
      <c r="X3068" s="2">
        <v>7.6</v>
      </c>
      <c r="Y3068" s="2">
        <v>16.7</v>
      </c>
      <c r="Z3068" s="5"/>
      <c r="AA3068" s="5" t="s">
        <v>43</v>
      </c>
      <c r="AB3068" s="5" t="s">
        <v>44</v>
      </c>
      <c r="AC3068" s="2"/>
      <c r="AD3068" s="1"/>
    </row>
    <row r="3069" spans="1:30">
      <c r="A3069" s="5" t="s">
        <v>83578</v>
      </c>
      <c r="B3069" s="2" t="s">
        <v>92809</v>
      </c>
      <c r="C3069" s="14" t="s">
        <v>92810</v>
      </c>
      <c r="D3069" s="2" t="s">
        <v>92811</v>
      </c>
      <c r="E3069" s="2" t="s">
        <v>36285</v>
      </c>
      <c r="F3069" s="8">
        <v>302</v>
      </c>
      <c r="G3069" s="5">
        <v>6</v>
      </c>
      <c r="H3069" s="5" t="s">
        <v>1518</v>
      </c>
      <c r="I3069" s="5" t="s">
        <v>36264</v>
      </c>
      <c r="J3069" s="2" t="s">
        <v>36265</v>
      </c>
      <c r="K3069" s="5" t="s">
        <v>36264</v>
      </c>
      <c r="L3069" s="2" t="s">
        <v>36265</v>
      </c>
      <c r="M3069" s="5" t="s">
        <v>36266</v>
      </c>
      <c r="N3069" s="5" t="s">
        <v>38</v>
      </c>
      <c r="O3069" s="5" t="s">
        <v>39</v>
      </c>
      <c r="P3069" s="5" t="s">
        <v>40</v>
      </c>
      <c r="Q3069" s="5" t="s">
        <v>1522</v>
      </c>
      <c r="R3069" s="5" t="s">
        <v>1523</v>
      </c>
      <c r="S3069" s="5" t="s">
        <v>42</v>
      </c>
      <c r="T3069" s="2">
        <v>2.75</v>
      </c>
      <c r="U3069" s="2">
        <v>2.2130000000000001</v>
      </c>
      <c r="V3069" s="2">
        <v>1.2999999999999999E-2</v>
      </c>
      <c r="W3069" s="2">
        <v>99.1</v>
      </c>
      <c r="X3069" s="2">
        <v>7.6</v>
      </c>
      <c r="Y3069" s="2">
        <v>16.7</v>
      </c>
      <c r="Z3069" s="5"/>
      <c r="AA3069" s="5" t="s">
        <v>43</v>
      </c>
      <c r="AB3069" s="5" t="s">
        <v>44</v>
      </c>
      <c r="AC3069" s="2"/>
      <c r="AD3069" s="1"/>
    </row>
    <row r="3070" spans="1:30">
      <c r="A3070" s="5" t="s">
        <v>83578</v>
      </c>
      <c r="B3070" s="2" t="s">
        <v>92812</v>
      </c>
      <c r="C3070" s="14" t="s">
        <v>92813</v>
      </c>
      <c r="D3070" s="2" t="s">
        <v>92814</v>
      </c>
      <c r="E3070" s="2" t="s">
        <v>36293</v>
      </c>
      <c r="F3070" s="8">
        <v>302</v>
      </c>
      <c r="G3070" s="5">
        <v>6</v>
      </c>
      <c r="H3070" s="5" t="s">
        <v>1518</v>
      </c>
      <c r="I3070" s="5" t="s">
        <v>36264</v>
      </c>
      <c r="J3070" s="2" t="s">
        <v>36265</v>
      </c>
      <c r="K3070" s="5" t="s">
        <v>36264</v>
      </c>
      <c r="L3070" s="2" t="s">
        <v>36265</v>
      </c>
      <c r="M3070" s="5" t="s">
        <v>36266</v>
      </c>
      <c r="N3070" s="5" t="s">
        <v>38</v>
      </c>
      <c r="O3070" s="5" t="s">
        <v>39</v>
      </c>
      <c r="P3070" s="5" t="s">
        <v>40</v>
      </c>
      <c r="Q3070" s="5" t="s">
        <v>1522</v>
      </c>
      <c r="R3070" s="5" t="s">
        <v>1523</v>
      </c>
      <c r="S3070" s="5" t="s">
        <v>42</v>
      </c>
      <c r="T3070" s="2">
        <v>2.75</v>
      </c>
      <c r="U3070" s="2">
        <v>2.2130000000000001</v>
      </c>
      <c r="V3070" s="2">
        <v>1.2999999999999999E-2</v>
      </c>
      <c r="W3070" s="2">
        <v>99.1</v>
      </c>
      <c r="X3070" s="2">
        <v>7.6</v>
      </c>
      <c r="Y3070" s="2">
        <v>16.7</v>
      </c>
      <c r="Z3070" s="5"/>
      <c r="AA3070" s="5" t="s">
        <v>43</v>
      </c>
      <c r="AB3070" s="5" t="s">
        <v>44</v>
      </c>
      <c r="AC3070" s="2"/>
      <c r="AD3070" s="1"/>
    </row>
    <row r="3071" spans="1:30">
      <c r="A3071" s="5" t="s">
        <v>83578</v>
      </c>
      <c r="B3071" s="2" t="s">
        <v>92815</v>
      </c>
      <c r="C3071" s="14" t="s">
        <v>92816</v>
      </c>
      <c r="D3071" s="2" t="s">
        <v>92817</v>
      </c>
      <c r="E3071" s="2" t="s">
        <v>36297</v>
      </c>
      <c r="F3071" s="8">
        <v>280</v>
      </c>
      <c r="G3071" s="5">
        <v>6</v>
      </c>
      <c r="H3071" s="5" t="s">
        <v>1518</v>
      </c>
      <c r="I3071" s="5" t="s">
        <v>36264</v>
      </c>
      <c r="J3071" s="2" t="s">
        <v>36265</v>
      </c>
      <c r="K3071" s="5" t="s">
        <v>36264</v>
      </c>
      <c r="L3071" s="2" t="s">
        <v>36265</v>
      </c>
      <c r="M3071" s="5" t="s">
        <v>36266</v>
      </c>
      <c r="N3071" s="5" t="s">
        <v>38</v>
      </c>
      <c r="O3071" s="5" t="s">
        <v>39</v>
      </c>
      <c r="P3071" s="5" t="s">
        <v>40</v>
      </c>
      <c r="Q3071" s="5" t="s">
        <v>1522</v>
      </c>
      <c r="R3071" s="5" t="s">
        <v>1523</v>
      </c>
      <c r="S3071" s="5" t="s">
        <v>42</v>
      </c>
      <c r="T3071" s="2">
        <v>2.6720000000000002</v>
      </c>
      <c r="U3071" s="2">
        <v>2.1349999999999998</v>
      </c>
      <c r="V3071" s="2">
        <v>1.2999999999999999E-2</v>
      </c>
      <c r="W3071" s="2">
        <v>99.1</v>
      </c>
      <c r="X3071" s="2">
        <v>7.6</v>
      </c>
      <c r="Y3071" s="2">
        <v>16.7</v>
      </c>
      <c r="Z3071" s="5"/>
      <c r="AA3071" s="5" t="s">
        <v>43</v>
      </c>
      <c r="AB3071" s="5" t="s">
        <v>44</v>
      </c>
      <c r="AC3071" s="2"/>
      <c r="AD3071" s="1"/>
    </row>
    <row r="3072" spans="1:30">
      <c r="A3072" s="5" t="s">
        <v>83578</v>
      </c>
      <c r="B3072" s="2" t="s">
        <v>92818</v>
      </c>
      <c r="C3072" s="14" t="s">
        <v>92819</v>
      </c>
      <c r="D3072" s="2" t="s">
        <v>92820</v>
      </c>
      <c r="E3072" s="2" t="s">
        <v>36301</v>
      </c>
      <c r="F3072" s="8">
        <v>280</v>
      </c>
      <c r="G3072" s="5">
        <v>6</v>
      </c>
      <c r="H3072" s="5" t="s">
        <v>1518</v>
      </c>
      <c r="I3072" s="5" t="s">
        <v>36264</v>
      </c>
      <c r="J3072" s="2" t="s">
        <v>36265</v>
      </c>
      <c r="K3072" s="5" t="s">
        <v>36264</v>
      </c>
      <c r="L3072" s="2" t="s">
        <v>36265</v>
      </c>
      <c r="M3072" s="5" t="s">
        <v>36266</v>
      </c>
      <c r="N3072" s="5" t="s">
        <v>38</v>
      </c>
      <c r="O3072" s="5" t="s">
        <v>39</v>
      </c>
      <c r="P3072" s="5" t="s">
        <v>40</v>
      </c>
      <c r="Q3072" s="5" t="s">
        <v>1522</v>
      </c>
      <c r="R3072" s="5" t="s">
        <v>1523</v>
      </c>
      <c r="S3072" s="5" t="s">
        <v>42</v>
      </c>
      <c r="T3072" s="2">
        <v>2.75</v>
      </c>
      <c r="U3072" s="2">
        <v>2.2130000000000001</v>
      </c>
      <c r="V3072" s="2">
        <v>1.2999999999999999E-2</v>
      </c>
      <c r="W3072" s="2">
        <v>99.1</v>
      </c>
      <c r="X3072" s="2">
        <v>7.6</v>
      </c>
      <c r="Y3072" s="2">
        <v>16.7</v>
      </c>
      <c r="Z3072" s="5"/>
      <c r="AA3072" s="5" t="s">
        <v>43</v>
      </c>
      <c r="AB3072" s="5" t="s">
        <v>44</v>
      </c>
      <c r="AC3072" s="2"/>
      <c r="AD3072" s="1"/>
    </row>
    <row r="3073" spans="1:30">
      <c r="A3073" s="5" t="s">
        <v>83578</v>
      </c>
      <c r="B3073" s="2" t="s">
        <v>92821</v>
      </c>
      <c r="C3073" s="14" t="s">
        <v>92822</v>
      </c>
      <c r="D3073" s="2" t="s">
        <v>92823</v>
      </c>
      <c r="E3073" s="2" t="s">
        <v>36305</v>
      </c>
      <c r="F3073" s="8">
        <v>280</v>
      </c>
      <c r="G3073" s="5">
        <v>6</v>
      </c>
      <c r="H3073" s="5" t="s">
        <v>1518</v>
      </c>
      <c r="I3073" s="5" t="s">
        <v>36264</v>
      </c>
      <c r="J3073" s="2" t="s">
        <v>36265</v>
      </c>
      <c r="K3073" s="5" t="s">
        <v>36264</v>
      </c>
      <c r="L3073" s="2" t="s">
        <v>36265</v>
      </c>
      <c r="M3073" s="5" t="s">
        <v>36266</v>
      </c>
      <c r="N3073" s="5" t="s">
        <v>38</v>
      </c>
      <c r="O3073" s="5" t="s">
        <v>39</v>
      </c>
      <c r="P3073" s="5" t="s">
        <v>40</v>
      </c>
      <c r="Q3073" s="5" t="s">
        <v>1522</v>
      </c>
      <c r="R3073" s="5" t="s">
        <v>1523</v>
      </c>
      <c r="S3073" s="5" t="s">
        <v>42</v>
      </c>
      <c r="T3073" s="2">
        <v>2.6720000000000002</v>
      </c>
      <c r="U3073" s="2">
        <v>2.1349999999999998</v>
      </c>
      <c r="V3073" s="2">
        <v>1.2999999999999999E-2</v>
      </c>
      <c r="W3073" s="2">
        <v>99.1</v>
      </c>
      <c r="X3073" s="2">
        <v>7.6</v>
      </c>
      <c r="Y3073" s="2">
        <v>16.7</v>
      </c>
      <c r="Z3073" s="5"/>
      <c r="AA3073" s="5" t="s">
        <v>43</v>
      </c>
      <c r="AB3073" s="5" t="s">
        <v>44</v>
      </c>
      <c r="AC3073" s="2"/>
      <c r="AD3073" s="1"/>
    </row>
    <row r="3074" spans="1:30">
      <c r="A3074" s="5" t="s">
        <v>83578</v>
      </c>
      <c r="B3074" s="2" t="s">
        <v>92824</v>
      </c>
      <c r="C3074" s="14" t="s">
        <v>92825</v>
      </c>
      <c r="D3074" s="2" t="s">
        <v>92826</v>
      </c>
      <c r="E3074" s="2" t="s">
        <v>36309</v>
      </c>
      <c r="F3074" s="8">
        <v>280</v>
      </c>
      <c r="G3074" s="5">
        <v>6</v>
      </c>
      <c r="H3074" s="5" t="s">
        <v>1518</v>
      </c>
      <c r="I3074" s="5" t="s">
        <v>36264</v>
      </c>
      <c r="J3074" s="2" t="s">
        <v>36265</v>
      </c>
      <c r="K3074" s="5" t="s">
        <v>36264</v>
      </c>
      <c r="L3074" s="2" t="s">
        <v>36265</v>
      </c>
      <c r="M3074" s="5" t="s">
        <v>36266</v>
      </c>
      <c r="N3074" s="5" t="s">
        <v>38</v>
      </c>
      <c r="O3074" s="5" t="s">
        <v>39</v>
      </c>
      <c r="P3074" s="5" t="s">
        <v>40</v>
      </c>
      <c r="Q3074" s="5" t="s">
        <v>1522</v>
      </c>
      <c r="R3074" s="5" t="s">
        <v>1523</v>
      </c>
      <c r="S3074" s="5" t="s">
        <v>42</v>
      </c>
      <c r="T3074" s="2">
        <v>2.75</v>
      </c>
      <c r="U3074" s="2">
        <v>2.2130000000000001</v>
      </c>
      <c r="V3074" s="2">
        <v>1.2999999999999999E-2</v>
      </c>
      <c r="W3074" s="2">
        <v>99.1</v>
      </c>
      <c r="X3074" s="2">
        <v>7.6</v>
      </c>
      <c r="Y3074" s="2">
        <v>16.7</v>
      </c>
      <c r="Z3074" s="5"/>
      <c r="AA3074" s="5" t="s">
        <v>43</v>
      </c>
      <c r="AB3074" s="5" t="s">
        <v>44</v>
      </c>
      <c r="AC3074" s="2"/>
      <c r="AD3074" s="1"/>
    </row>
    <row r="3075" spans="1:30">
      <c r="A3075" s="5" t="s">
        <v>83578</v>
      </c>
      <c r="B3075" s="2" t="s">
        <v>92827</v>
      </c>
      <c r="C3075" s="14" t="s">
        <v>92828</v>
      </c>
      <c r="D3075" s="2" t="s">
        <v>92829</v>
      </c>
      <c r="E3075" s="2" t="s">
        <v>36313</v>
      </c>
      <c r="F3075" s="8">
        <v>302</v>
      </c>
      <c r="G3075" s="5">
        <v>6</v>
      </c>
      <c r="H3075" s="5" t="s">
        <v>1518</v>
      </c>
      <c r="I3075" s="5" t="s">
        <v>36264</v>
      </c>
      <c r="J3075" s="2" t="s">
        <v>36265</v>
      </c>
      <c r="K3075" s="5" t="s">
        <v>36264</v>
      </c>
      <c r="L3075" s="2" t="s">
        <v>36265</v>
      </c>
      <c r="M3075" s="5" t="s">
        <v>36266</v>
      </c>
      <c r="N3075" s="5" t="s">
        <v>38</v>
      </c>
      <c r="O3075" s="5" t="s">
        <v>39</v>
      </c>
      <c r="P3075" s="5" t="s">
        <v>40</v>
      </c>
      <c r="Q3075" s="5" t="s">
        <v>1522</v>
      </c>
      <c r="R3075" s="5" t="s">
        <v>1523</v>
      </c>
      <c r="S3075" s="5" t="s">
        <v>42</v>
      </c>
      <c r="T3075" s="2">
        <v>2.6720000000000002</v>
      </c>
      <c r="U3075" s="2">
        <v>2.1349999999999998</v>
      </c>
      <c r="V3075" s="2">
        <v>1.2999999999999999E-2</v>
      </c>
      <c r="W3075" s="2">
        <v>99.1</v>
      </c>
      <c r="X3075" s="2">
        <v>7.6</v>
      </c>
      <c r="Y3075" s="2">
        <v>16.7</v>
      </c>
      <c r="Z3075" s="5"/>
      <c r="AA3075" s="5" t="s">
        <v>43</v>
      </c>
      <c r="AB3075" s="5" t="s">
        <v>44</v>
      </c>
      <c r="AC3075" s="2"/>
      <c r="AD3075" s="1"/>
    </row>
    <row r="3076" spans="1:30">
      <c r="A3076" s="5" t="s">
        <v>83578</v>
      </c>
      <c r="B3076" s="2" t="s">
        <v>92830</v>
      </c>
      <c r="C3076" s="14" t="s">
        <v>92831</v>
      </c>
      <c r="D3076" s="2" t="s">
        <v>92832</v>
      </c>
      <c r="E3076" s="2" t="s">
        <v>36317</v>
      </c>
      <c r="F3076" s="8">
        <v>302</v>
      </c>
      <c r="G3076" s="5">
        <v>6</v>
      </c>
      <c r="H3076" s="5" t="s">
        <v>1518</v>
      </c>
      <c r="I3076" s="5" t="s">
        <v>36264</v>
      </c>
      <c r="J3076" s="2" t="s">
        <v>36265</v>
      </c>
      <c r="K3076" s="5" t="s">
        <v>36264</v>
      </c>
      <c r="L3076" s="2" t="s">
        <v>36265</v>
      </c>
      <c r="M3076" s="5" t="s">
        <v>36266</v>
      </c>
      <c r="N3076" s="5" t="s">
        <v>38</v>
      </c>
      <c r="O3076" s="5" t="s">
        <v>39</v>
      </c>
      <c r="P3076" s="5" t="s">
        <v>40</v>
      </c>
      <c r="Q3076" s="5" t="s">
        <v>1522</v>
      </c>
      <c r="R3076" s="5" t="s">
        <v>1523</v>
      </c>
      <c r="S3076" s="5" t="s">
        <v>42</v>
      </c>
      <c r="T3076" s="2">
        <v>2.75</v>
      </c>
      <c r="U3076" s="2">
        <v>2.2130000000000001</v>
      </c>
      <c r="V3076" s="2">
        <v>1.2999999999999999E-2</v>
      </c>
      <c r="W3076" s="2">
        <v>99.1</v>
      </c>
      <c r="X3076" s="2">
        <v>7.6</v>
      </c>
      <c r="Y3076" s="2">
        <v>16.7</v>
      </c>
      <c r="Z3076" s="5"/>
      <c r="AA3076" s="5" t="s">
        <v>43</v>
      </c>
      <c r="AB3076" s="5" t="s">
        <v>44</v>
      </c>
      <c r="AC3076" s="2"/>
      <c r="AD3076" s="1"/>
    </row>
    <row r="3077" spans="1:30">
      <c r="A3077" s="5" t="s">
        <v>83578</v>
      </c>
      <c r="B3077" s="2" t="s">
        <v>92833</v>
      </c>
      <c r="C3077" s="14" t="s">
        <v>92834</v>
      </c>
      <c r="D3077" s="2" t="s">
        <v>92835</v>
      </c>
      <c r="E3077" s="2" t="s">
        <v>36325</v>
      </c>
      <c r="F3077" s="8">
        <v>302</v>
      </c>
      <c r="G3077" s="5">
        <v>6</v>
      </c>
      <c r="H3077" s="5" t="s">
        <v>1518</v>
      </c>
      <c r="I3077" s="5" t="s">
        <v>36264</v>
      </c>
      <c r="J3077" s="2" t="s">
        <v>36265</v>
      </c>
      <c r="K3077" s="5" t="s">
        <v>36264</v>
      </c>
      <c r="L3077" s="2" t="s">
        <v>36265</v>
      </c>
      <c r="M3077" s="5" t="s">
        <v>36266</v>
      </c>
      <c r="N3077" s="5" t="s">
        <v>38</v>
      </c>
      <c r="O3077" s="5" t="s">
        <v>39</v>
      </c>
      <c r="P3077" s="5" t="s">
        <v>40</v>
      </c>
      <c r="Q3077" s="5" t="s">
        <v>1522</v>
      </c>
      <c r="R3077" s="5" t="s">
        <v>1523</v>
      </c>
      <c r="S3077" s="5" t="s">
        <v>42</v>
      </c>
      <c r="T3077" s="2">
        <v>2.75</v>
      </c>
      <c r="U3077" s="2">
        <v>2.2130000000000001</v>
      </c>
      <c r="V3077" s="2">
        <v>1.2999999999999999E-2</v>
      </c>
      <c r="W3077" s="2">
        <v>99.1</v>
      </c>
      <c r="X3077" s="2">
        <v>7.6</v>
      </c>
      <c r="Y3077" s="2">
        <v>16.7</v>
      </c>
      <c r="Z3077" s="5"/>
      <c r="AA3077" s="5" t="s">
        <v>43</v>
      </c>
      <c r="AB3077" s="5" t="s">
        <v>44</v>
      </c>
      <c r="AC3077" s="2"/>
      <c r="AD3077" s="1"/>
    </row>
    <row r="3078" spans="1:30">
      <c r="A3078" s="5" t="s">
        <v>83578</v>
      </c>
      <c r="B3078" s="2" t="s">
        <v>92836</v>
      </c>
      <c r="C3078" s="14" t="s">
        <v>92837</v>
      </c>
      <c r="D3078" s="2" t="s">
        <v>92838</v>
      </c>
      <c r="E3078" s="2" t="s">
        <v>36333</v>
      </c>
      <c r="F3078" s="8">
        <v>302</v>
      </c>
      <c r="G3078" s="5">
        <v>6</v>
      </c>
      <c r="H3078" s="5" t="s">
        <v>1518</v>
      </c>
      <c r="I3078" s="5" t="s">
        <v>36264</v>
      </c>
      <c r="J3078" s="2" t="s">
        <v>36265</v>
      </c>
      <c r="K3078" s="5" t="s">
        <v>36264</v>
      </c>
      <c r="L3078" s="2" t="s">
        <v>36265</v>
      </c>
      <c r="M3078" s="5" t="s">
        <v>36266</v>
      </c>
      <c r="N3078" s="5" t="s">
        <v>38</v>
      </c>
      <c r="O3078" s="5" t="s">
        <v>39</v>
      </c>
      <c r="P3078" s="5" t="s">
        <v>40</v>
      </c>
      <c r="Q3078" s="5" t="s">
        <v>1522</v>
      </c>
      <c r="R3078" s="5" t="s">
        <v>1523</v>
      </c>
      <c r="S3078" s="5" t="s">
        <v>42</v>
      </c>
      <c r="T3078" s="2">
        <v>2.75</v>
      </c>
      <c r="U3078" s="2">
        <v>2.2130000000000001</v>
      </c>
      <c r="V3078" s="2">
        <v>1.2999999999999999E-2</v>
      </c>
      <c r="W3078" s="2">
        <v>99.1</v>
      </c>
      <c r="X3078" s="2">
        <v>7.6</v>
      </c>
      <c r="Y3078" s="2">
        <v>16.7</v>
      </c>
      <c r="Z3078" s="5"/>
      <c r="AA3078" s="5" t="s">
        <v>43</v>
      </c>
      <c r="AB3078" s="5" t="s">
        <v>44</v>
      </c>
      <c r="AC3078" s="2"/>
      <c r="AD3078" s="1"/>
    </row>
    <row r="3079" spans="1:30">
      <c r="A3079" s="5" t="s">
        <v>83578</v>
      </c>
      <c r="B3079" s="2" t="s">
        <v>92839</v>
      </c>
      <c r="C3079" s="14" t="s">
        <v>92840</v>
      </c>
      <c r="D3079" s="2" t="s">
        <v>92841</v>
      </c>
      <c r="E3079" s="2" t="s">
        <v>36337</v>
      </c>
      <c r="F3079" s="8">
        <v>302</v>
      </c>
      <c r="G3079" s="5">
        <v>6</v>
      </c>
      <c r="H3079" s="5" t="s">
        <v>1518</v>
      </c>
      <c r="I3079" s="5" t="s">
        <v>36264</v>
      </c>
      <c r="J3079" s="2" t="s">
        <v>36265</v>
      </c>
      <c r="K3079" s="5" t="s">
        <v>36264</v>
      </c>
      <c r="L3079" s="2" t="s">
        <v>36265</v>
      </c>
      <c r="M3079" s="5" t="s">
        <v>36266</v>
      </c>
      <c r="N3079" s="5" t="s">
        <v>38</v>
      </c>
      <c r="O3079" s="5" t="s">
        <v>39</v>
      </c>
      <c r="P3079" s="5" t="s">
        <v>40</v>
      </c>
      <c r="Q3079" s="5" t="s">
        <v>1522</v>
      </c>
      <c r="R3079" s="5" t="s">
        <v>1523</v>
      </c>
      <c r="S3079" s="5" t="s">
        <v>42</v>
      </c>
      <c r="T3079" s="2">
        <v>2.6720000000000002</v>
      </c>
      <c r="U3079" s="2">
        <v>2.1349999999999998</v>
      </c>
      <c r="V3079" s="2">
        <v>1.2999999999999999E-2</v>
      </c>
      <c r="W3079" s="2">
        <v>99.1</v>
      </c>
      <c r="X3079" s="2">
        <v>7.6</v>
      </c>
      <c r="Y3079" s="2">
        <v>16.7</v>
      </c>
      <c r="Z3079" s="5"/>
      <c r="AA3079" s="5" t="s">
        <v>43</v>
      </c>
      <c r="AB3079" s="5" t="s">
        <v>44</v>
      </c>
      <c r="AC3079" s="2"/>
      <c r="AD3079" s="1"/>
    </row>
    <row r="3080" spans="1:30">
      <c r="A3080" s="5" t="s">
        <v>83578</v>
      </c>
      <c r="B3080" s="2" t="s">
        <v>92842</v>
      </c>
      <c r="C3080" s="14" t="s">
        <v>92843</v>
      </c>
      <c r="D3080" s="2" t="s">
        <v>92844</v>
      </c>
      <c r="E3080" s="2" t="s">
        <v>36341</v>
      </c>
      <c r="F3080" s="8">
        <v>302</v>
      </c>
      <c r="G3080" s="5">
        <v>6</v>
      </c>
      <c r="H3080" s="5" t="s">
        <v>1518</v>
      </c>
      <c r="I3080" s="5" t="s">
        <v>36264</v>
      </c>
      <c r="J3080" s="2" t="s">
        <v>36265</v>
      </c>
      <c r="K3080" s="5" t="s">
        <v>36264</v>
      </c>
      <c r="L3080" s="2" t="s">
        <v>36265</v>
      </c>
      <c r="M3080" s="5" t="s">
        <v>36266</v>
      </c>
      <c r="N3080" s="5" t="s">
        <v>38</v>
      </c>
      <c r="O3080" s="5" t="s">
        <v>39</v>
      </c>
      <c r="P3080" s="5" t="s">
        <v>40</v>
      </c>
      <c r="Q3080" s="5" t="s">
        <v>1522</v>
      </c>
      <c r="R3080" s="5" t="s">
        <v>1523</v>
      </c>
      <c r="S3080" s="5" t="s">
        <v>42</v>
      </c>
      <c r="T3080" s="2">
        <v>2.75</v>
      </c>
      <c r="U3080" s="2">
        <v>2.2130000000000001</v>
      </c>
      <c r="V3080" s="2">
        <v>1.2999999999999999E-2</v>
      </c>
      <c r="W3080" s="2">
        <v>99.1</v>
      </c>
      <c r="X3080" s="2">
        <v>7.6</v>
      </c>
      <c r="Y3080" s="2">
        <v>16.7</v>
      </c>
      <c r="Z3080" s="5"/>
      <c r="AA3080" s="5" t="s">
        <v>43</v>
      </c>
      <c r="AB3080" s="5" t="s">
        <v>44</v>
      </c>
      <c r="AC3080" s="2"/>
      <c r="AD3080" s="1"/>
    </row>
    <row r="3081" spans="1:30">
      <c r="A3081" s="5" t="s">
        <v>83578</v>
      </c>
      <c r="B3081" s="2" t="s">
        <v>92845</v>
      </c>
      <c r="C3081" s="14" t="s">
        <v>92846</v>
      </c>
      <c r="D3081" s="2" t="s">
        <v>92847</v>
      </c>
      <c r="E3081" s="2" t="s">
        <v>36345</v>
      </c>
      <c r="F3081" s="8">
        <v>302</v>
      </c>
      <c r="G3081" s="5">
        <v>6</v>
      </c>
      <c r="H3081" s="5" t="s">
        <v>1518</v>
      </c>
      <c r="I3081" s="5" t="s">
        <v>36264</v>
      </c>
      <c r="J3081" s="2" t="s">
        <v>36265</v>
      </c>
      <c r="K3081" s="5" t="s">
        <v>36264</v>
      </c>
      <c r="L3081" s="2" t="s">
        <v>36265</v>
      </c>
      <c r="M3081" s="5" t="s">
        <v>36266</v>
      </c>
      <c r="N3081" s="5" t="s">
        <v>38</v>
      </c>
      <c r="O3081" s="5" t="s">
        <v>39</v>
      </c>
      <c r="P3081" s="5" t="s">
        <v>40</v>
      </c>
      <c r="Q3081" s="5" t="s">
        <v>1522</v>
      </c>
      <c r="R3081" s="5" t="s">
        <v>1523</v>
      </c>
      <c r="S3081" s="5" t="s">
        <v>42</v>
      </c>
      <c r="T3081" s="2">
        <v>2.6720000000000002</v>
      </c>
      <c r="U3081" s="2">
        <v>2.1349999999999998</v>
      </c>
      <c r="V3081" s="2">
        <v>1.2999999999999999E-2</v>
      </c>
      <c r="W3081" s="2">
        <v>99.1</v>
      </c>
      <c r="X3081" s="2">
        <v>7.6</v>
      </c>
      <c r="Y3081" s="2">
        <v>16.7</v>
      </c>
      <c r="Z3081" s="5"/>
      <c r="AA3081" s="5" t="s">
        <v>43</v>
      </c>
      <c r="AB3081" s="5" t="s">
        <v>44</v>
      </c>
      <c r="AC3081" s="2"/>
      <c r="AD3081" s="1"/>
    </row>
    <row r="3082" spans="1:30">
      <c r="A3082" s="5" t="s">
        <v>83578</v>
      </c>
      <c r="B3082" s="2" t="s">
        <v>92848</v>
      </c>
      <c r="C3082" s="14" t="s">
        <v>92849</v>
      </c>
      <c r="D3082" s="2" t="s">
        <v>92850</v>
      </c>
      <c r="E3082" s="2" t="s">
        <v>36353</v>
      </c>
      <c r="F3082" s="8">
        <v>302</v>
      </c>
      <c r="G3082" s="5">
        <v>6</v>
      </c>
      <c r="H3082" s="5" t="s">
        <v>1518</v>
      </c>
      <c r="I3082" s="5" t="s">
        <v>36264</v>
      </c>
      <c r="J3082" s="2" t="s">
        <v>36265</v>
      </c>
      <c r="K3082" s="5" t="s">
        <v>36264</v>
      </c>
      <c r="L3082" s="2" t="s">
        <v>36265</v>
      </c>
      <c r="M3082" s="5" t="s">
        <v>36266</v>
      </c>
      <c r="N3082" s="5" t="s">
        <v>38</v>
      </c>
      <c r="O3082" s="5" t="s">
        <v>39</v>
      </c>
      <c r="P3082" s="5" t="s">
        <v>40</v>
      </c>
      <c r="Q3082" s="5" t="s">
        <v>1522</v>
      </c>
      <c r="R3082" s="5" t="s">
        <v>1523</v>
      </c>
      <c r="S3082" s="5" t="s">
        <v>42</v>
      </c>
      <c r="T3082" s="2">
        <v>2.6720000000000002</v>
      </c>
      <c r="U3082" s="2">
        <v>2.1349999999999998</v>
      </c>
      <c r="V3082" s="2">
        <v>1.2999999999999999E-2</v>
      </c>
      <c r="W3082" s="2">
        <v>99.1</v>
      </c>
      <c r="X3082" s="2">
        <v>7.6</v>
      </c>
      <c r="Y3082" s="2">
        <v>16.7</v>
      </c>
      <c r="Z3082" s="5"/>
      <c r="AA3082" s="5" t="s">
        <v>43</v>
      </c>
      <c r="AB3082" s="5" t="s">
        <v>44</v>
      </c>
      <c r="AC3082" s="2"/>
      <c r="AD3082" s="1"/>
    </row>
    <row r="3083" spans="1:30">
      <c r="A3083" s="5" t="s">
        <v>83578</v>
      </c>
      <c r="B3083" s="2" t="s">
        <v>92851</v>
      </c>
      <c r="C3083" s="14" t="s">
        <v>92852</v>
      </c>
      <c r="D3083" s="2" t="s">
        <v>92853</v>
      </c>
      <c r="E3083" s="2" t="s">
        <v>36357</v>
      </c>
      <c r="F3083" s="8">
        <v>302</v>
      </c>
      <c r="G3083" s="5">
        <v>6</v>
      </c>
      <c r="H3083" s="5" t="s">
        <v>1518</v>
      </c>
      <c r="I3083" s="5" t="s">
        <v>36264</v>
      </c>
      <c r="J3083" s="2" t="s">
        <v>36265</v>
      </c>
      <c r="K3083" s="5" t="s">
        <v>36264</v>
      </c>
      <c r="L3083" s="2" t="s">
        <v>36265</v>
      </c>
      <c r="M3083" s="5" t="s">
        <v>36266</v>
      </c>
      <c r="N3083" s="5" t="s">
        <v>38</v>
      </c>
      <c r="O3083" s="5" t="s">
        <v>39</v>
      </c>
      <c r="P3083" s="5" t="s">
        <v>40</v>
      </c>
      <c r="Q3083" s="5" t="s">
        <v>1522</v>
      </c>
      <c r="R3083" s="5" t="s">
        <v>1523</v>
      </c>
      <c r="S3083" s="5" t="s">
        <v>42</v>
      </c>
      <c r="T3083" s="2">
        <v>2.75</v>
      </c>
      <c r="U3083" s="2">
        <v>2.2130000000000001</v>
      </c>
      <c r="V3083" s="2">
        <v>1.2999999999999999E-2</v>
      </c>
      <c r="W3083" s="2">
        <v>99.1</v>
      </c>
      <c r="X3083" s="2">
        <v>7.6</v>
      </c>
      <c r="Y3083" s="2">
        <v>16.7</v>
      </c>
      <c r="Z3083" s="5"/>
      <c r="AA3083" s="5" t="s">
        <v>43</v>
      </c>
      <c r="AB3083" s="5" t="s">
        <v>44</v>
      </c>
      <c r="AC3083" s="2"/>
      <c r="AD3083" s="1"/>
    </row>
    <row r="3084" spans="1:30">
      <c r="A3084" s="5" t="s">
        <v>83578</v>
      </c>
      <c r="B3084" s="2" t="s">
        <v>92854</v>
      </c>
      <c r="C3084" s="14" t="s">
        <v>92855</v>
      </c>
      <c r="D3084" s="2" t="s">
        <v>92856</v>
      </c>
      <c r="E3084" s="2" t="s">
        <v>36369</v>
      </c>
      <c r="F3084" s="8">
        <v>302</v>
      </c>
      <c r="G3084" s="5">
        <v>6</v>
      </c>
      <c r="H3084" s="5" t="s">
        <v>1518</v>
      </c>
      <c r="I3084" s="5" t="s">
        <v>36264</v>
      </c>
      <c r="J3084" s="2" t="s">
        <v>36265</v>
      </c>
      <c r="K3084" s="5" t="s">
        <v>36264</v>
      </c>
      <c r="L3084" s="2" t="s">
        <v>36265</v>
      </c>
      <c r="M3084" s="5" t="s">
        <v>36266</v>
      </c>
      <c r="N3084" s="5" t="s">
        <v>38</v>
      </c>
      <c r="O3084" s="5" t="s">
        <v>39</v>
      </c>
      <c r="P3084" s="5" t="s">
        <v>40</v>
      </c>
      <c r="Q3084" s="5" t="s">
        <v>1522</v>
      </c>
      <c r="R3084" s="5" t="s">
        <v>1523</v>
      </c>
      <c r="S3084" s="5" t="s">
        <v>42</v>
      </c>
      <c r="T3084" s="2">
        <v>2.6720000000000002</v>
      </c>
      <c r="U3084" s="2">
        <v>2.1349999999999998</v>
      </c>
      <c r="V3084" s="2">
        <v>1.2999999999999999E-2</v>
      </c>
      <c r="W3084" s="2">
        <v>99.1</v>
      </c>
      <c r="X3084" s="2">
        <v>7.6</v>
      </c>
      <c r="Y3084" s="2">
        <v>16.7</v>
      </c>
      <c r="Z3084" s="5"/>
      <c r="AA3084" s="5" t="s">
        <v>43</v>
      </c>
      <c r="AB3084" s="5" t="s">
        <v>44</v>
      </c>
      <c r="AC3084" s="2"/>
      <c r="AD3084" s="1"/>
    </row>
    <row r="3085" spans="1:30">
      <c r="A3085" s="5" t="s">
        <v>83578</v>
      </c>
      <c r="B3085" s="2" t="s">
        <v>92857</v>
      </c>
      <c r="C3085" s="14" t="s">
        <v>92858</v>
      </c>
      <c r="D3085" s="2" t="s">
        <v>92859</v>
      </c>
      <c r="E3085" s="2" t="s">
        <v>36373</v>
      </c>
      <c r="F3085" s="8">
        <v>302</v>
      </c>
      <c r="G3085" s="5">
        <v>6</v>
      </c>
      <c r="H3085" s="5" t="s">
        <v>1518</v>
      </c>
      <c r="I3085" s="5" t="s">
        <v>36264</v>
      </c>
      <c r="J3085" s="2" t="s">
        <v>36265</v>
      </c>
      <c r="K3085" s="5" t="s">
        <v>36264</v>
      </c>
      <c r="L3085" s="2" t="s">
        <v>36265</v>
      </c>
      <c r="M3085" s="5" t="s">
        <v>36266</v>
      </c>
      <c r="N3085" s="5" t="s">
        <v>38</v>
      </c>
      <c r="O3085" s="5" t="s">
        <v>39</v>
      </c>
      <c r="P3085" s="5" t="s">
        <v>40</v>
      </c>
      <c r="Q3085" s="5" t="s">
        <v>1522</v>
      </c>
      <c r="R3085" s="5" t="s">
        <v>1523</v>
      </c>
      <c r="S3085" s="5" t="s">
        <v>42</v>
      </c>
      <c r="T3085" s="2">
        <v>2.75</v>
      </c>
      <c r="U3085" s="2">
        <v>2.2130000000000001</v>
      </c>
      <c r="V3085" s="2">
        <v>1.2999999999999999E-2</v>
      </c>
      <c r="W3085" s="2">
        <v>99.1</v>
      </c>
      <c r="X3085" s="2">
        <v>7.6</v>
      </c>
      <c r="Y3085" s="2">
        <v>16.7</v>
      </c>
      <c r="Z3085" s="5"/>
      <c r="AA3085" s="5" t="s">
        <v>43</v>
      </c>
      <c r="AB3085" s="5" t="s">
        <v>44</v>
      </c>
      <c r="AC3085" s="2"/>
      <c r="AD3085" s="1"/>
    </row>
    <row r="3086" spans="1:30">
      <c r="A3086" s="5" t="s">
        <v>83578</v>
      </c>
      <c r="B3086" s="2" t="s">
        <v>92860</v>
      </c>
      <c r="C3086" s="14" t="s">
        <v>92861</v>
      </c>
      <c r="D3086" s="2" t="s">
        <v>92862</v>
      </c>
      <c r="E3086" s="2" t="s">
        <v>36385</v>
      </c>
      <c r="F3086" s="8">
        <v>302</v>
      </c>
      <c r="G3086" s="5">
        <v>6</v>
      </c>
      <c r="H3086" s="5" t="s">
        <v>1518</v>
      </c>
      <c r="I3086" s="5" t="s">
        <v>36264</v>
      </c>
      <c r="J3086" s="2" t="s">
        <v>36265</v>
      </c>
      <c r="K3086" s="5" t="s">
        <v>36264</v>
      </c>
      <c r="L3086" s="2" t="s">
        <v>36265</v>
      </c>
      <c r="M3086" s="5" t="s">
        <v>36266</v>
      </c>
      <c r="N3086" s="5" t="s">
        <v>38</v>
      </c>
      <c r="O3086" s="5" t="s">
        <v>39</v>
      </c>
      <c r="P3086" s="5" t="s">
        <v>40</v>
      </c>
      <c r="Q3086" s="5" t="s">
        <v>1522</v>
      </c>
      <c r="R3086" s="5" t="s">
        <v>1523</v>
      </c>
      <c r="S3086" s="5" t="s">
        <v>42</v>
      </c>
      <c r="T3086" s="2">
        <v>2.6720000000000002</v>
      </c>
      <c r="U3086" s="2">
        <v>2.1349999999999998</v>
      </c>
      <c r="V3086" s="2">
        <v>1.2999999999999999E-2</v>
      </c>
      <c r="W3086" s="2">
        <v>99.1</v>
      </c>
      <c r="X3086" s="2">
        <v>7.6</v>
      </c>
      <c r="Y3086" s="2">
        <v>16.7</v>
      </c>
      <c r="Z3086" s="5"/>
      <c r="AA3086" s="5" t="s">
        <v>43</v>
      </c>
      <c r="AB3086" s="5" t="s">
        <v>44</v>
      </c>
      <c r="AC3086" s="2"/>
      <c r="AD3086" s="1"/>
    </row>
    <row r="3087" spans="1:30">
      <c r="A3087" s="5" t="s">
        <v>83578</v>
      </c>
      <c r="B3087" s="2" t="s">
        <v>92863</v>
      </c>
      <c r="C3087" s="14" t="s">
        <v>92864</v>
      </c>
      <c r="D3087" s="2" t="s">
        <v>92865</v>
      </c>
      <c r="E3087" s="2" t="s">
        <v>36389</v>
      </c>
      <c r="F3087" s="8">
        <v>302</v>
      </c>
      <c r="G3087" s="5">
        <v>6</v>
      </c>
      <c r="H3087" s="5" t="s">
        <v>1518</v>
      </c>
      <c r="I3087" s="5" t="s">
        <v>36264</v>
      </c>
      <c r="J3087" s="2" t="s">
        <v>36265</v>
      </c>
      <c r="K3087" s="5" t="s">
        <v>36264</v>
      </c>
      <c r="L3087" s="2" t="s">
        <v>36265</v>
      </c>
      <c r="M3087" s="5" t="s">
        <v>36266</v>
      </c>
      <c r="N3087" s="5" t="s">
        <v>38</v>
      </c>
      <c r="O3087" s="5" t="s">
        <v>39</v>
      </c>
      <c r="P3087" s="5" t="s">
        <v>40</v>
      </c>
      <c r="Q3087" s="5" t="s">
        <v>1522</v>
      </c>
      <c r="R3087" s="5" t="s">
        <v>1523</v>
      </c>
      <c r="S3087" s="5" t="s">
        <v>42</v>
      </c>
      <c r="T3087" s="2">
        <v>2.75</v>
      </c>
      <c r="U3087" s="2">
        <v>2.2130000000000001</v>
      </c>
      <c r="V3087" s="2">
        <v>1.2999999999999999E-2</v>
      </c>
      <c r="W3087" s="2">
        <v>99.1</v>
      </c>
      <c r="X3087" s="2">
        <v>7.6</v>
      </c>
      <c r="Y3087" s="2">
        <v>16.7</v>
      </c>
      <c r="Z3087" s="5"/>
      <c r="AA3087" s="5" t="s">
        <v>43</v>
      </c>
      <c r="AB3087" s="5" t="s">
        <v>44</v>
      </c>
      <c r="AC3087" s="2"/>
      <c r="AD3087" s="1"/>
    </row>
    <row r="3088" spans="1:30">
      <c r="A3088" s="5" t="s">
        <v>83578</v>
      </c>
      <c r="B3088" s="2" t="s">
        <v>92866</v>
      </c>
      <c r="C3088" s="14" t="s">
        <v>92867</v>
      </c>
      <c r="D3088" s="2" t="s">
        <v>92868</v>
      </c>
      <c r="E3088" s="2" t="s">
        <v>36285</v>
      </c>
      <c r="F3088" s="8">
        <v>308</v>
      </c>
      <c r="G3088" s="5">
        <v>6</v>
      </c>
      <c r="H3088" s="5" t="s">
        <v>1518</v>
      </c>
      <c r="I3088" s="5" t="s">
        <v>36264</v>
      </c>
      <c r="J3088" s="2" t="s">
        <v>36265</v>
      </c>
      <c r="K3088" s="5" t="s">
        <v>36264</v>
      </c>
      <c r="L3088" s="2" t="s">
        <v>36265</v>
      </c>
      <c r="M3088" s="5" t="s">
        <v>36266</v>
      </c>
      <c r="N3088" s="5" t="s">
        <v>38</v>
      </c>
      <c r="O3088" s="5" t="s">
        <v>39</v>
      </c>
      <c r="P3088" s="5" t="s">
        <v>40</v>
      </c>
      <c r="Q3088" s="5" t="s">
        <v>1522</v>
      </c>
      <c r="R3088" s="5" t="s">
        <v>1523</v>
      </c>
      <c r="S3088" s="5" t="s">
        <v>42</v>
      </c>
      <c r="T3088" s="2">
        <v>2.9329999999999998</v>
      </c>
      <c r="U3088" s="2">
        <v>2.3959999999999999</v>
      </c>
      <c r="V3088" s="2">
        <v>1.4999999999999999E-2</v>
      </c>
      <c r="W3088" s="2">
        <v>118.9</v>
      </c>
      <c r="X3088" s="2">
        <v>7.6</v>
      </c>
      <c r="Y3088" s="2">
        <v>16.7</v>
      </c>
      <c r="Z3088" s="5"/>
      <c r="AA3088" s="5" t="s">
        <v>43</v>
      </c>
      <c r="AB3088" s="5" t="s">
        <v>44</v>
      </c>
      <c r="AC3088" s="2"/>
      <c r="AD3088" s="1"/>
    </row>
    <row r="3089" spans="1:30">
      <c r="A3089" s="5" t="s">
        <v>83578</v>
      </c>
      <c r="B3089" s="2" t="s">
        <v>92869</v>
      </c>
      <c r="C3089" s="14" t="s">
        <v>92870</v>
      </c>
      <c r="D3089" s="2" t="s">
        <v>92871</v>
      </c>
      <c r="E3089" s="2" t="s">
        <v>36297</v>
      </c>
      <c r="F3089" s="8">
        <v>285</v>
      </c>
      <c r="G3089" s="5">
        <v>6</v>
      </c>
      <c r="H3089" s="5" t="s">
        <v>1518</v>
      </c>
      <c r="I3089" s="5" t="s">
        <v>36264</v>
      </c>
      <c r="J3089" s="2" t="s">
        <v>36265</v>
      </c>
      <c r="K3089" s="5" t="s">
        <v>36264</v>
      </c>
      <c r="L3089" s="2" t="s">
        <v>36265</v>
      </c>
      <c r="M3089" s="5" t="s">
        <v>36266</v>
      </c>
      <c r="N3089" s="5" t="s">
        <v>38</v>
      </c>
      <c r="O3089" s="5" t="s">
        <v>39</v>
      </c>
      <c r="P3089" s="5" t="s">
        <v>40</v>
      </c>
      <c r="Q3089" s="5" t="s">
        <v>1522</v>
      </c>
      <c r="R3089" s="5" t="s">
        <v>1523</v>
      </c>
      <c r="S3089" s="5" t="s">
        <v>42</v>
      </c>
      <c r="T3089" s="2">
        <v>2.8410000000000002</v>
      </c>
      <c r="U3089" s="2">
        <v>2.3039999999999998</v>
      </c>
      <c r="V3089" s="2">
        <v>1.4999999999999999E-2</v>
      </c>
      <c r="W3089" s="2">
        <v>118.9</v>
      </c>
      <c r="X3089" s="2">
        <v>7.6</v>
      </c>
      <c r="Y3089" s="2">
        <v>16.7</v>
      </c>
      <c r="Z3089" s="5"/>
      <c r="AA3089" s="5" t="s">
        <v>43</v>
      </c>
      <c r="AB3089" s="5" t="s">
        <v>44</v>
      </c>
      <c r="AC3089" s="2"/>
      <c r="AD3089" s="1"/>
    </row>
    <row r="3090" spans="1:30">
      <c r="A3090" s="5" t="s">
        <v>83578</v>
      </c>
      <c r="B3090" s="2" t="s">
        <v>92872</v>
      </c>
      <c r="C3090" s="14" t="s">
        <v>92873</v>
      </c>
      <c r="D3090" s="2" t="s">
        <v>92874</v>
      </c>
      <c r="E3090" s="2" t="s">
        <v>36301</v>
      </c>
      <c r="F3090" s="8">
        <v>285</v>
      </c>
      <c r="G3090" s="5">
        <v>6</v>
      </c>
      <c r="H3090" s="5" t="s">
        <v>1518</v>
      </c>
      <c r="I3090" s="5" t="s">
        <v>36264</v>
      </c>
      <c r="J3090" s="2" t="s">
        <v>36265</v>
      </c>
      <c r="K3090" s="5" t="s">
        <v>36264</v>
      </c>
      <c r="L3090" s="2" t="s">
        <v>36265</v>
      </c>
      <c r="M3090" s="5" t="s">
        <v>36266</v>
      </c>
      <c r="N3090" s="5" t="s">
        <v>38</v>
      </c>
      <c r="O3090" s="5" t="s">
        <v>39</v>
      </c>
      <c r="P3090" s="5" t="s">
        <v>40</v>
      </c>
      <c r="Q3090" s="5" t="s">
        <v>1522</v>
      </c>
      <c r="R3090" s="5" t="s">
        <v>1523</v>
      </c>
      <c r="S3090" s="5" t="s">
        <v>42</v>
      </c>
      <c r="T3090" s="2">
        <v>2.9329999999999998</v>
      </c>
      <c r="U3090" s="2">
        <v>2.3959999999999999</v>
      </c>
      <c r="V3090" s="2">
        <v>1.4999999999999999E-2</v>
      </c>
      <c r="W3090" s="2">
        <v>118.9</v>
      </c>
      <c r="X3090" s="2">
        <v>7.6</v>
      </c>
      <c r="Y3090" s="2">
        <v>16.7</v>
      </c>
      <c r="Z3090" s="5"/>
      <c r="AA3090" s="5" t="s">
        <v>43</v>
      </c>
      <c r="AB3090" s="5" t="s">
        <v>44</v>
      </c>
      <c r="AC3090" s="2"/>
      <c r="AD3090" s="1"/>
    </row>
    <row r="3091" spans="1:30">
      <c r="A3091" s="5" t="s">
        <v>83578</v>
      </c>
      <c r="B3091" s="2" t="s">
        <v>92875</v>
      </c>
      <c r="C3091" s="14" t="s">
        <v>92876</v>
      </c>
      <c r="D3091" s="2" t="s">
        <v>92877</v>
      </c>
      <c r="E3091" s="2" t="s">
        <v>36313</v>
      </c>
      <c r="F3091" s="8">
        <v>308</v>
      </c>
      <c r="G3091" s="5">
        <v>6</v>
      </c>
      <c r="H3091" s="5" t="s">
        <v>1518</v>
      </c>
      <c r="I3091" s="5" t="s">
        <v>36264</v>
      </c>
      <c r="J3091" s="2" t="s">
        <v>36265</v>
      </c>
      <c r="K3091" s="5" t="s">
        <v>36264</v>
      </c>
      <c r="L3091" s="2" t="s">
        <v>36265</v>
      </c>
      <c r="M3091" s="5" t="s">
        <v>36266</v>
      </c>
      <c r="N3091" s="5" t="s">
        <v>38</v>
      </c>
      <c r="O3091" s="5" t="s">
        <v>39</v>
      </c>
      <c r="P3091" s="5" t="s">
        <v>40</v>
      </c>
      <c r="Q3091" s="5" t="s">
        <v>1522</v>
      </c>
      <c r="R3091" s="5" t="s">
        <v>1523</v>
      </c>
      <c r="S3091" s="5" t="s">
        <v>42</v>
      </c>
      <c r="T3091" s="2">
        <v>2.8410000000000002</v>
      </c>
      <c r="U3091" s="2">
        <v>2.3039999999999998</v>
      </c>
      <c r="V3091" s="2">
        <v>1.4999999999999999E-2</v>
      </c>
      <c r="W3091" s="2">
        <v>118.9</v>
      </c>
      <c r="X3091" s="2">
        <v>7.6</v>
      </c>
      <c r="Y3091" s="2">
        <v>16.7</v>
      </c>
      <c r="Z3091" s="5"/>
      <c r="AA3091" s="5" t="s">
        <v>43</v>
      </c>
      <c r="AB3091" s="5" t="s">
        <v>44</v>
      </c>
      <c r="AC3091" s="2"/>
      <c r="AD3091" s="1"/>
    </row>
    <row r="3092" spans="1:30">
      <c r="A3092" s="5" t="s">
        <v>83578</v>
      </c>
      <c r="B3092" s="2" t="s">
        <v>92878</v>
      </c>
      <c r="C3092" s="14" t="s">
        <v>92879</v>
      </c>
      <c r="D3092" s="2" t="s">
        <v>92880</v>
      </c>
      <c r="E3092" s="2" t="s">
        <v>36317</v>
      </c>
      <c r="F3092" s="8">
        <v>308</v>
      </c>
      <c r="G3092" s="5">
        <v>6</v>
      </c>
      <c r="H3092" s="5" t="s">
        <v>1518</v>
      </c>
      <c r="I3092" s="5" t="s">
        <v>36264</v>
      </c>
      <c r="J3092" s="2" t="s">
        <v>36265</v>
      </c>
      <c r="K3092" s="5" t="s">
        <v>36264</v>
      </c>
      <c r="L3092" s="2" t="s">
        <v>36265</v>
      </c>
      <c r="M3092" s="5" t="s">
        <v>36266</v>
      </c>
      <c r="N3092" s="5" t="s">
        <v>38</v>
      </c>
      <c r="O3092" s="5" t="s">
        <v>39</v>
      </c>
      <c r="P3092" s="5" t="s">
        <v>40</v>
      </c>
      <c r="Q3092" s="5" t="s">
        <v>1522</v>
      </c>
      <c r="R3092" s="5" t="s">
        <v>1523</v>
      </c>
      <c r="S3092" s="5" t="s">
        <v>42</v>
      </c>
      <c r="T3092" s="2">
        <v>2.9329999999999998</v>
      </c>
      <c r="U3092" s="2">
        <v>2.3959999999999999</v>
      </c>
      <c r="V3092" s="2">
        <v>1.4999999999999999E-2</v>
      </c>
      <c r="W3092" s="2">
        <v>118.9</v>
      </c>
      <c r="X3092" s="2">
        <v>7.6</v>
      </c>
      <c r="Y3092" s="2">
        <v>16.7</v>
      </c>
      <c r="Z3092" s="5"/>
      <c r="AA3092" s="5" t="s">
        <v>43</v>
      </c>
      <c r="AB3092" s="5" t="s">
        <v>44</v>
      </c>
      <c r="AC3092" s="2"/>
      <c r="AD3092" s="1"/>
    </row>
    <row r="3093" spans="1:30">
      <c r="A3093" s="5" t="s">
        <v>83578</v>
      </c>
      <c r="B3093" s="2" t="s">
        <v>92881</v>
      </c>
      <c r="C3093" s="14" t="s">
        <v>92882</v>
      </c>
      <c r="D3093" s="2" t="s">
        <v>92883</v>
      </c>
      <c r="E3093" s="2" t="s">
        <v>36325</v>
      </c>
      <c r="F3093" s="8">
        <v>308</v>
      </c>
      <c r="G3093" s="5">
        <v>6</v>
      </c>
      <c r="H3093" s="5" t="s">
        <v>1518</v>
      </c>
      <c r="I3093" s="5" t="s">
        <v>36264</v>
      </c>
      <c r="J3093" s="2" t="s">
        <v>36265</v>
      </c>
      <c r="K3093" s="5" t="s">
        <v>36264</v>
      </c>
      <c r="L3093" s="2" t="s">
        <v>36265</v>
      </c>
      <c r="M3093" s="5" t="s">
        <v>36266</v>
      </c>
      <c r="N3093" s="5" t="s">
        <v>38</v>
      </c>
      <c r="O3093" s="5" t="s">
        <v>39</v>
      </c>
      <c r="P3093" s="5" t="s">
        <v>40</v>
      </c>
      <c r="Q3093" s="5" t="s">
        <v>1522</v>
      </c>
      <c r="R3093" s="5" t="s">
        <v>1523</v>
      </c>
      <c r="S3093" s="5" t="s">
        <v>42</v>
      </c>
      <c r="T3093" s="2">
        <v>2.9329999999999998</v>
      </c>
      <c r="U3093" s="2">
        <v>2.3959999999999999</v>
      </c>
      <c r="V3093" s="2">
        <v>1.4999999999999999E-2</v>
      </c>
      <c r="W3093" s="2">
        <v>118.9</v>
      </c>
      <c r="X3093" s="2">
        <v>7.6</v>
      </c>
      <c r="Y3093" s="2">
        <v>16.7</v>
      </c>
      <c r="Z3093" s="5"/>
      <c r="AA3093" s="5" t="s">
        <v>43</v>
      </c>
      <c r="AB3093" s="5" t="s">
        <v>44</v>
      </c>
      <c r="AC3093" s="2"/>
      <c r="AD3093" s="1"/>
    </row>
    <row r="3094" spans="1:30">
      <c r="A3094" s="5" t="s">
        <v>83578</v>
      </c>
      <c r="B3094" s="2" t="s">
        <v>92884</v>
      </c>
      <c r="C3094" s="14" t="s">
        <v>92885</v>
      </c>
      <c r="D3094" s="2" t="s">
        <v>92886</v>
      </c>
      <c r="E3094" s="2" t="s">
        <v>36333</v>
      </c>
      <c r="F3094" s="8">
        <v>308</v>
      </c>
      <c r="G3094" s="5">
        <v>6</v>
      </c>
      <c r="H3094" s="5" t="s">
        <v>1518</v>
      </c>
      <c r="I3094" s="5" t="s">
        <v>36264</v>
      </c>
      <c r="J3094" s="2" t="s">
        <v>36265</v>
      </c>
      <c r="K3094" s="5" t="s">
        <v>36264</v>
      </c>
      <c r="L3094" s="2" t="s">
        <v>36265</v>
      </c>
      <c r="M3094" s="5" t="s">
        <v>36266</v>
      </c>
      <c r="N3094" s="5" t="s">
        <v>38</v>
      </c>
      <c r="O3094" s="5" t="s">
        <v>39</v>
      </c>
      <c r="P3094" s="5" t="s">
        <v>40</v>
      </c>
      <c r="Q3094" s="5" t="s">
        <v>1522</v>
      </c>
      <c r="R3094" s="5" t="s">
        <v>1523</v>
      </c>
      <c r="S3094" s="5" t="s">
        <v>42</v>
      </c>
      <c r="T3094" s="2">
        <v>2.9329999999999998</v>
      </c>
      <c r="U3094" s="2">
        <v>2.3959999999999999</v>
      </c>
      <c r="V3094" s="2">
        <v>1.4999999999999999E-2</v>
      </c>
      <c r="W3094" s="2">
        <v>118.9</v>
      </c>
      <c r="X3094" s="2">
        <v>7.6</v>
      </c>
      <c r="Y3094" s="2">
        <v>16.7</v>
      </c>
      <c r="Z3094" s="5"/>
      <c r="AA3094" s="5" t="s">
        <v>43</v>
      </c>
      <c r="AB3094" s="5" t="s">
        <v>44</v>
      </c>
      <c r="AC3094" s="2"/>
      <c r="AD3094" s="1"/>
    </row>
    <row r="3095" spans="1:30">
      <c r="A3095" s="5" t="s">
        <v>83578</v>
      </c>
      <c r="B3095" s="2" t="s">
        <v>92887</v>
      </c>
      <c r="C3095" s="14" t="s">
        <v>92888</v>
      </c>
      <c r="D3095" s="2" t="s">
        <v>92889</v>
      </c>
      <c r="E3095" s="2" t="s">
        <v>36337</v>
      </c>
      <c r="F3095" s="8">
        <v>308</v>
      </c>
      <c r="G3095" s="5">
        <v>6</v>
      </c>
      <c r="H3095" s="5" t="s">
        <v>1518</v>
      </c>
      <c r="I3095" s="5" t="s">
        <v>36264</v>
      </c>
      <c r="J3095" s="2" t="s">
        <v>36265</v>
      </c>
      <c r="K3095" s="5" t="s">
        <v>36264</v>
      </c>
      <c r="L3095" s="2" t="s">
        <v>36265</v>
      </c>
      <c r="M3095" s="5" t="s">
        <v>36266</v>
      </c>
      <c r="N3095" s="5" t="s">
        <v>38</v>
      </c>
      <c r="O3095" s="5" t="s">
        <v>39</v>
      </c>
      <c r="P3095" s="5" t="s">
        <v>40</v>
      </c>
      <c r="Q3095" s="5" t="s">
        <v>1522</v>
      </c>
      <c r="R3095" s="5" t="s">
        <v>1523</v>
      </c>
      <c r="S3095" s="5" t="s">
        <v>42</v>
      </c>
      <c r="T3095" s="2">
        <v>2.8410000000000002</v>
      </c>
      <c r="U3095" s="2">
        <v>2.3039999999999998</v>
      </c>
      <c r="V3095" s="2">
        <v>1.4999999999999999E-2</v>
      </c>
      <c r="W3095" s="2">
        <v>118.9</v>
      </c>
      <c r="X3095" s="2">
        <v>7.6</v>
      </c>
      <c r="Y3095" s="2">
        <v>16.7</v>
      </c>
      <c r="Z3095" s="5"/>
      <c r="AA3095" s="5" t="s">
        <v>43</v>
      </c>
      <c r="AB3095" s="5" t="s">
        <v>44</v>
      </c>
      <c r="AC3095" s="2"/>
      <c r="AD3095" s="1"/>
    </row>
    <row r="3096" spans="1:30">
      <c r="A3096" s="5" t="s">
        <v>83578</v>
      </c>
      <c r="B3096" s="2" t="s">
        <v>92890</v>
      </c>
      <c r="C3096" s="14" t="s">
        <v>92891</v>
      </c>
      <c r="D3096" s="2" t="s">
        <v>92892</v>
      </c>
      <c r="E3096" s="2" t="s">
        <v>36341</v>
      </c>
      <c r="F3096" s="8">
        <v>308</v>
      </c>
      <c r="G3096" s="5">
        <v>6</v>
      </c>
      <c r="H3096" s="5" t="s">
        <v>1518</v>
      </c>
      <c r="I3096" s="5" t="s">
        <v>36264</v>
      </c>
      <c r="J3096" s="2" t="s">
        <v>36265</v>
      </c>
      <c r="K3096" s="5" t="s">
        <v>36264</v>
      </c>
      <c r="L3096" s="2" t="s">
        <v>36265</v>
      </c>
      <c r="M3096" s="5" t="s">
        <v>36266</v>
      </c>
      <c r="N3096" s="5" t="s">
        <v>38</v>
      </c>
      <c r="O3096" s="5" t="s">
        <v>39</v>
      </c>
      <c r="P3096" s="5" t="s">
        <v>40</v>
      </c>
      <c r="Q3096" s="5" t="s">
        <v>1522</v>
      </c>
      <c r="R3096" s="5" t="s">
        <v>1523</v>
      </c>
      <c r="S3096" s="5" t="s">
        <v>42</v>
      </c>
      <c r="T3096" s="2">
        <v>2.9329999999999998</v>
      </c>
      <c r="U3096" s="2">
        <v>2.3959999999999999</v>
      </c>
      <c r="V3096" s="2">
        <v>1.4999999999999999E-2</v>
      </c>
      <c r="W3096" s="2">
        <v>118.9</v>
      </c>
      <c r="X3096" s="2">
        <v>7.6</v>
      </c>
      <c r="Y3096" s="2">
        <v>16.7</v>
      </c>
      <c r="Z3096" s="5"/>
      <c r="AA3096" s="5" t="s">
        <v>43</v>
      </c>
      <c r="AB3096" s="5" t="s">
        <v>44</v>
      </c>
      <c r="AC3096" s="2"/>
      <c r="AD3096" s="1"/>
    </row>
    <row r="3097" spans="1:30">
      <c r="A3097" s="5" t="s">
        <v>83578</v>
      </c>
      <c r="B3097" s="2" t="s">
        <v>92893</v>
      </c>
      <c r="C3097" s="14" t="s">
        <v>92894</v>
      </c>
      <c r="D3097" s="2" t="s">
        <v>92895</v>
      </c>
      <c r="E3097" s="2" t="s">
        <v>36349</v>
      </c>
      <c r="F3097" s="8">
        <v>308</v>
      </c>
      <c r="G3097" s="5">
        <v>6</v>
      </c>
      <c r="H3097" s="5" t="s">
        <v>1518</v>
      </c>
      <c r="I3097" s="5" t="s">
        <v>36264</v>
      </c>
      <c r="J3097" s="2" t="s">
        <v>36265</v>
      </c>
      <c r="K3097" s="5" t="s">
        <v>36264</v>
      </c>
      <c r="L3097" s="2" t="s">
        <v>36265</v>
      </c>
      <c r="M3097" s="5" t="s">
        <v>36266</v>
      </c>
      <c r="N3097" s="5" t="s">
        <v>38</v>
      </c>
      <c r="O3097" s="5" t="s">
        <v>39</v>
      </c>
      <c r="P3097" s="5" t="s">
        <v>40</v>
      </c>
      <c r="Q3097" s="5" t="s">
        <v>1522</v>
      </c>
      <c r="R3097" s="5" t="s">
        <v>1523</v>
      </c>
      <c r="S3097" s="5" t="s">
        <v>42</v>
      </c>
      <c r="T3097" s="2">
        <v>2.9329999999999998</v>
      </c>
      <c r="U3097" s="2">
        <v>2.3959999999999999</v>
      </c>
      <c r="V3097" s="2">
        <v>1.4999999999999999E-2</v>
      </c>
      <c r="W3097" s="2">
        <v>118.9</v>
      </c>
      <c r="X3097" s="2">
        <v>7.6</v>
      </c>
      <c r="Y3097" s="2">
        <v>16.7</v>
      </c>
      <c r="Z3097" s="5"/>
      <c r="AA3097" s="5" t="s">
        <v>43</v>
      </c>
      <c r="AB3097" s="5" t="s">
        <v>44</v>
      </c>
      <c r="AC3097" s="2"/>
      <c r="AD3097" s="1"/>
    </row>
    <row r="3098" spans="1:30">
      <c r="A3098" s="5" t="s">
        <v>83578</v>
      </c>
      <c r="B3098" s="2" t="s">
        <v>92896</v>
      </c>
      <c r="C3098" s="14" t="s">
        <v>92897</v>
      </c>
      <c r="D3098" s="2" t="s">
        <v>92898</v>
      </c>
      <c r="E3098" s="2" t="s">
        <v>36353</v>
      </c>
      <c r="F3098" s="8">
        <v>308</v>
      </c>
      <c r="G3098" s="5">
        <v>6</v>
      </c>
      <c r="H3098" s="5" t="s">
        <v>1518</v>
      </c>
      <c r="I3098" s="5" t="s">
        <v>36264</v>
      </c>
      <c r="J3098" s="2" t="s">
        <v>36265</v>
      </c>
      <c r="K3098" s="5" t="s">
        <v>36264</v>
      </c>
      <c r="L3098" s="2" t="s">
        <v>36265</v>
      </c>
      <c r="M3098" s="5" t="s">
        <v>36266</v>
      </c>
      <c r="N3098" s="5" t="s">
        <v>38</v>
      </c>
      <c r="O3098" s="5" t="s">
        <v>39</v>
      </c>
      <c r="P3098" s="5" t="s">
        <v>40</v>
      </c>
      <c r="Q3098" s="5" t="s">
        <v>1522</v>
      </c>
      <c r="R3098" s="5" t="s">
        <v>1523</v>
      </c>
      <c r="S3098" s="5" t="s">
        <v>42</v>
      </c>
      <c r="T3098" s="2">
        <v>2.8410000000000002</v>
      </c>
      <c r="U3098" s="2">
        <v>2.3039999999999998</v>
      </c>
      <c r="V3098" s="2">
        <v>1.4999999999999999E-2</v>
      </c>
      <c r="W3098" s="2">
        <v>118.9</v>
      </c>
      <c r="X3098" s="2">
        <v>7.6</v>
      </c>
      <c r="Y3098" s="2">
        <v>16.7</v>
      </c>
      <c r="Z3098" s="5"/>
      <c r="AA3098" s="5" t="s">
        <v>43</v>
      </c>
      <c r="AB3098" s="5" t="s">
        <v>44</v>
      </c>
      <c r="AC3098" s="2"/>
      <c r="AD3098" s="1"/>
    </row>
    <row r="3099" spans="1:30">
      <c r="A3099" s="5" t="s">
        <v>83578</v>
      </c>
      <c r="B3099" s="2" t="s">
        <v>92899</v>
      </c>
      <c r="C3099" s="14" t="s">
        <v>92900</v>
      </c>
      <c r="D3099" s="2" t="s">
        <v>92901</v>
      </c>
      <c r="E3099" s="2" t="s">
        <v>45598</v>
      </c>
      <c r="F3099" s="8">
        <v>308</v>
      </c>
      <c r="G3099" s="5">
        <v>6</v>
      </c>
      <c r="H3099" s="5" t="s">
        <v>1518</v>
      </c>
      <c r="I3099" s="5" t="s">
        <v>36264</v>
      </c>
      <c r="J3099" s="2" t="s">
        <v>36265</v>
      </c>
      <c r="K3099" s="5" t="s">
        <v>36264</v>
      </c>
      <c r="L3099" s="2" t="s">
        <v>36265</v>
      </c>
      <c r="M3099" s="5" t="s">
        <v>36266</v>
      </c>
      <c r="N3099" s="5" t="s">
        <v>38</v>
      </c>
      <c r="O3099" s="5" t="s">
        <v>39</v>
      </c>
      <c r="P3099" s="5" t="s">
        <v>40</v>
      </c>
      <c r="Q3099" s="5" t="s">
        <v>1522</v>
      </c>
      <c r="R3099" s="5" t="s">
        <v>1523</v>
      </c>
      <c r="S3099" s="5" t="s">
        <v>42</v>
      </c>
      <c r="T3099" s="2">
        <v>2.8410000000000002</v>
      </c>
      <c r="U3099" s="2">
        <v>2.3039999999999998</v>
      </c>
      <c r="V3099" s="2">
        <v>1.4999999999999999E-2</v>
      </c>
      <c r="W3099" s="2">
        <v>118.9</v>
      </c>
      <c r="X3099" s="2">
        <v>7.6</v>
      </c>
      <c r="Y3099" s="2">
        <v>16.7</v>
      </c>
      <c r="Z3099" s="5"/>
      <c r="AA3099" s="5" t="s">
        <v>43</v>
      </c>
      <c r="AB3099" s="5" t="s">
        <v>44</v>
      </c>
      <c r="AC3099" s="2"/>
      <c r="AD3099" s="1"/>
    </row>
    <row r="3100" spans="1:30">
      <c r="A3100" s="5" t="s">
        <v>83578</v>
      </c>
      <c r="B3100" s="2" t="s">
        <v>92902</v>
      </c>
      <c r="C3100" s="14" t="s">
        <v>92903</v>
      </c>
      <c r="D3100" s="2" t="s">
        <v>92904</v>
      </c>
      <c r="E3100" s="2" t="s">
        <v>36369</v>
      </c>
      <c r="F3100" s="8">
        <v>308</v>
      </c>
      <c r="G3100" s="5">
        <v>6</v>
      </c>
      <c r="H3100" s="5" t="s">
        <v>1518</v>
      </c>
      <c r="I3100" s="5" t="s">
        <v>36264</v>
      </c>
      <c r="J3100" s="2" t="s">
        <v>36265</v>
      </c>
      <c r="K3100" s="5" t="s">
        <v>36264</v>
      </c>
      <c r="L3100" s="2" t="s">
        <v>36265</v>
      </c>
      <c r="M3100" s="5" t="s">
        <v>36266</v>
      </c>
      <c r="N3100" s="5" t="s">
        <v>38</v>
      </c>
      <c r="O3100" s="5" t="s">
        <v>39</v>
      </c>
      <c r="P3100" s="5" t="s">
        <v>40</v>
      </c>
      <c r="Q3100" s="5" t="s">
        <v>1522</v>
      </c>
      <c r="R3100" s="5" t="s">
        <v>1523</v>
      </c>
      <c r="S3100" s="5" t="s">
        <v>42</v>
      </c>
      <c r="T3100" s="2">
        <v>2.8410000000000002</v>
      </c>
      <c r="U3100" s="2">
        <v>2.3039999999999998</v>
      </c>
      <c r="V3100" s="2">
        <v>1.4999999999999999E-2</v>
      </c>
      <c r="W3100" s="2">
        <v>118.9</v>
      </c>
      <c r="X3100" s="2">
        <v>7.6</v>
      </c>
      <c r="Y3100" s="2">
        <v>16.7</v>
      </c>
      <c r="Z3100" s="5"/>
      <c r="AA3100" s="5" t="s">
        <v>43</v>
      </c>
      <c r="AB3100" s="5" t="s">
        <v>44</v>
      </c>
      <c r="AC3100" s="2"/>
      <c r="AD3100" s="1"/>
    </row>
    <row r="3101" spans="1:30">
      <c r="A3101" s="5" t="s">
        <v>83578</v>
      </c>
      <c r="B3101" s="2" t="s">
        <v>92905</v>
      </c>
      <c r="C3101" s="14" t="s">
        <v>92906</v>
      </c>
      <c r="D3101" s="2" t="s">
        <v>92907</v>
      </c>
      <c r="E3101" s="2" t="s">
        <v>36373</v>
      </c>
      <c r="F3101" s="8">
        <v>308</v>
      </c>
      <c r="G3101" s="5">
        <v>6</v>
      </c>
      <c r="H3101" s="5" t="s">
        <v>1518</v>
      </c>
      <c r="I3101" s="5" t="s">
        <v>36264</v>
      </c>
      <c r="J3101" s="2" t="s">
        <v>36265</v>
      </c>
      <c r="K3101" s="5" t="s">
        <v>36264</v>
      </c>
      <c r="L3101" s="2" t="s">
        <v>36265</v>
      </c>
      <c r="M3101" s="5" t="s">
        <v>36266</v>
      </c>
      <c r="N3101" s="5" t="s">
        <v>38</v>
      </c>
      <c r="O3101" s="5" t="s">
        <v>39</v>
      </c>
      <c r="P3101" s="5" t="s">
        <v>40</v>
      </c>
      <c r="Q3101" s="5" t="s">
        <v>1522</v>
      </c>
      <c r="R3101" s="5" t="s">
        <v>1523</v>
      </c>
      <c r="S3101" s="5" t="s">
        <v>42</v>
      </c>
      <c r="T3101" s="2">
        <v>2.9329999999999998</v>
      </c>
      <c r="U3101" s="2">
        <v>2.3959999999999999</v>
      </c>
      <c r="V3101" s="2">
        <v>1.4999999999999999E-2</v>
      </c>
      <c r="W3101" s="2">
        <v>118.9</v>
      </c>
      <c r="X3101" s="2">
        <v>7.6</v>
      </c>
      <c r="Y3101" s="2">
        <v>16.7</v>
      </c>
      <c r="Z3101" s="5"/>
      <c r="AA3101" s="5" t="s">
        <v>43</v>
      </c>
      <c r="AB3101" s="5" t="s">
        <v>44</v>
      </c>
      <c r="AC3101" s="2"/>
      <c r="AD3101" s="1"/>
    </row>
    <row r="3102" spans="1:30">
      <c r="A3102" s="5" t="s">
        <v>83578</v>
      </c>
      <c r="B3102" s="2" t="s">
        <v>92908</v>
      </c>
      <c r="C3102" s="14" t="s">
        <v>92909</v>
      </c>
      <c r="D3102" s="2" t="s">
        <v>92910</v>
      </c>
      <c r="E3102" s="2" t="s">
        <v>36389</v>
      </c>
      <c r="F3102" s="8">
        <v>308</v>
      </c>
      <c r="G3102" s="5">
        <v>6</v>
      </c>
      <c r="H3102" s="5" t="s">
        <v>1518</v>
      </c>
      <c r="I3102" s="5" t="s">
        <v>36264</v>
      </c>
      <c r="J3102" s="2" t="s">
        <v>36265</v>
      </c>
      <c r="K3102" s="5" t="s">
        <v>36264</v>
      </c>
      <c r="L3102" s="2" t="s">
        <v>36265</v>
      </c>
      <c r="M3102" s="5" t="s">
        <v>36266</v>
      </c>
      <c r="N3102" s="5" t="s">
        <v>38</v>
      </c>
      <c r="O3102" s="5" t="s">
        <v>39</v>
      </c>
      <c r="P3102" s="5" t="s">
        <v>40</v>
      </c>
      <c r="Q3102" s="5" t="s">
        <v>1522</v>
      </c>
      <c r="R3102" s="5" t="s">
        <v>1523</v>
      </c>
      <c r="S3102" s="5" t="s">
        <v>42</v>
      </c>
      <c r="T3102" s="2">
        <v>2.9329999999999998</v>
      </c>
      <c r="U3102" s="2">
        <v>2.3959999999999999</v>
      </c>
      <c r="V3102" s="2">
        <v>1.4999999999999999E-2</v>
      </c>
      <c r="W3102" s="2">
        <v>118.9</v>
      </c>
      <c r="X3102" s="2">
        <v>7.6</v>
      </c>
      <c r="Y3102" s="2">
        <v>16.7</v>
      </c>
      <c r="Z3102" s="5"/>
      <c r="AA3102" s="5" t="s">
        <v>43</v>
      </c>
      <c r="AB3102" s="5" t="s">
        <v>44</v>
      </c>
      <c r="AC3102" s="2"/>
      <c r="AD3102" s="1"/>
    </row>
    <row r="3103" spans="1:30">
      <c r="A3103" s="5" t="s">
        <v>83578</v>
      </c>
      <c r="B3103" s="2" t="s">
        <v>92911</v>
      </c>
      <c r="C3103" s="14" t="s">
        <v>92912</v>
      </c>
      <c r="D3103" s="2" t="s">
        <v>92913</v>
      </c>
      <c r="E3103" s="2" t="s">
        <v>7514</v>
      </c>
      <c r="F3103" s="8">
        <v>294</v>
      </c>
      <c r="G3103" s="5">
        <v>6</v>
      </c>
      <c r="H3103" s="5" t="s">
        <v>1518</v>
      </c>
      <c r="I3103" s="5" t="s">
        <v>36264</v>
      </c>
      <c r="J3103" s="2" t="s">
        <v>36265</v>
      </c>
      <c r="K3103" s="5" t="s">
        <v>36264</v>
      </c>
      <c r="L3103" s="2" t="s">
        <v>36265</v>
      </c>
      <c r="M3103" s="5" t="s">
        <v>36266</v>
      </c>
      <c r="N3103" s="5" t="s">
        <v>38</v>
      </c>
      <c r="O3103" s="5" t="s">
        <v>39</v>
      </c>
      <c r="P3103" s="5" t="s">
        <v>40</v>
      </c>
      <c r="Q3103" s="5" t="s">
        <v>1522</v>
      </c>
      <c r="R3103" s="5" t="s">
        <v>1523</v>
      </c>
      <c r="S3103" s="5" t="s">
        <v>42</v>
      </c>
      <c r="T3103" s="2">
        <v>3.1880000000000002</v>
      </c>
      <c r="U3103" s="2">
        <v>2.5750000000000002</v>
      </c>
      <c r="V3103" s="2">
        <v>1.7999999999999999E-2</v>
      </c>
      <c r="W3103" s="2">
        <v>139.1</v>
      </c>
      <c r="X3103" s="2">
        <v>7.6</v>
      </c>
      <c r="Y3103" s="2">
        <v>16.7</v>
      </c>
      <c r="Z3103" s="5"/>
      <c r="AA3103" s="5" t="s">
        <v>43</v>
      </c>
      <c r="AB3103" s="5" t="s">
        <v>44</v>
      </c>
      <c r="AC3103" s="2"/>
      <c r="AD3103" s="1"/>
    </row>
    <row r="3104" spans="1:30">
      <c r="A3104" s="5" t="s">
        <v>83578</v>
      </c>
      <c r="B3104" s="2" t="s">
        <v>92914</v>
      </c>
      <c r="C3104" s="14" t="s">
        <v>92915</v>
      </c>
      <c r="D3104" s="2" t="s">
        <v>92916</v>
      </c>
      <c r="E3104" s="2" t="s">
        <v>36273</v>
      </c>
      <c r="F3104" s="8">
        <v>294</v>
      </c>
      <c r="G3104" s="5">
        <v>6</v>
      </c>
      <c r="H3104" s="5" t="s">
        <v>1518</v>
      </c>
      <c r="I3104" s="5" t="s">
        <v>36264</v>
      </c>
      <c r="J3104" s="2" t="s">
        <v>36265</v>
      </c>
      <c r="K3104" s="5" t="s">
        <v>36264</v>
      </c>
      <c r="L3104" s="2" t="s">
        <v>36265</v>
      </c>
      <c r="M3104" s="5" t="s">
        <v>36266</v>
      </c>
      <c r="N3104" s="5" t="s">
        <v>38</v>
      </c>
      <c r="O3104" s="5" t="s">
        <v>39</v>
      </c>
      <c r="P3104" s="5" t="s">
        <v>40</v>
      </c>
      <c r="Q3104" s="5" t="s">
        <v>1522</v>
      </c>
      <c r="R3104" s="5" t="s">
        <v>1523</v>
      </c>
      <c r="S3104" s="5" t="s">
        <v>42</v>
      </c>
      <c r="T3104" s="2">
        <v>3.0859999999999999</v>
      </c>
      <c r="U3104" s="2">
        <v>2.4729999999999999</v>
      </c>
      <c r="V3104" s="2">
        <v>1.7999999999999999E-2</v>
      </c>
      <c r="W3104" s="2">
        <v>139.1</v>
      </c>
      <c r="X3104" s="2">
        <v>7.6</v>
      </c>
      <c r="Y3104" s="2">
        <v>16.7</v>
      </c>
      <c r="Z3104" s="5"/>
      <c r="AA3104" s="5" t="s">
        <v>43</v>
      </c>
      <c r="AB3104" s="5" t="s">
        <v>44</v>
      </c>
      <c r="AC3104" s="2"/>
      <c r="AD3104" s="1"/>
    </row>
    <row r="3105" spans="1:30">
      <c r="A3105" s="5" t="s">
        <v>83578</v>
      </c>
      <c r="B3105" s="2" t="s">
        <v>92917</v>
      </c>
      <c r="C3105" s="14" t="s">
        <v>92918</v>
      </c>
      <c r="D3105" s="2" t="s">
        <v>92919</v>
      </c>
      <c r="E3105" s="2" t="s">
        <v>36277</v>
      </c>
      <c r="F3105" s="8">
        <v>294</v>
      </c>
      <c r="G3105" s="5">
        <v>6</v>
      </c>
      <c r="H3105" s="5" t="s">
        <v>1518</v>
      </c>
      <c r="I3105" s="5" t="s">
        <v>36264</v>
      </c>
      <c r="J3105" s="2" t="s">
        <v>36265</v>
      </c>
      <c r="K3105" s="5" t="s">
        <v>36264</v>
      </c>
      <c r="L3105" s="2" t="s">
        <v>36265</v>
      </c>
      <c r="M3105" s="5" t="s">
        <v>36266</v>
      </c>
      <c r="N3105" s="5" t="s">
        <v>38</v>
      </c>
      <c r="O3105" s="5" t="s">
        <v>39</v>
      </c>
      <c r="P3105" s="5" t="s">
        <v>40</v>
      </c>
      <c r="Q3105" s="5" t="s">
        <v>1522</v>
      </c>
      <c r="R3105" s="5" t="s">
        <v>1523</v>
      </c>
      <c r="S3105" s="5" t="s">
        <v>42</v>
      </c>
      <c r="T3105" s="2">
        <v>3.1880000000000002</v>
      </c>
      <c r="U3105" s="2">
        <v>2.5750000000000002</v>
      </c>
      <c r="V3105" s="2">
        <v>1.7999999999999999E-2</v>
      </c>
      <c r="W3105" s="2">
        <v>139.1</v>
      </c>
      <c r="X3105" s="2">
        <v>7.6</v>
      </c>
      <c r="Y3105" s="2">
        <v>16.7</v>
      </c>
      <c r="Z3105" s="5"/>
      <c r="AA3105" s="5" t="s">
        <v>43</v>
      </c>
      <c r="AB3105" s="5" t="s">
        <v>44</v>
      </c>
      <c r="AC3105" s="2"/>
      <c r="AD3105" s="1"/>
    </row>
    <row r="3106" spans="1:30">
      <c r="A3106" s="5" t="s">
        <v>83578</v>
      </c>
      <c r="B3106" s="2" t="s">
        <v>92920</v>
      </c>
      <c r="C3106" s="14" t="s">
        <v>92921</v>
      </c>
      <c r="D3106" s="2" t="s">
        <v>92922</v>
      </c>
      <c r="E3106" s="2" t="s">
        <v>36281</v>
      </c>
      <c r="F3106" s="8">
        <v>318</v>
      </c>
      <c r="G3106" s="5">
        <v>6</v>
      </c>
      <c r="H3106" s="5" t="s">
        <v>1518</v>
      </c>
      <c r="I3106" s="5" t="s">
        <v>36264</v>
      </c>
      <c r="J3106" s="2" t="s">
        <v>36265</v>
      </c>
      <c r="K3106" s="5" t="s">
        <v>36264</v>
      </c>
      <c r="L3106" s="2" t="s">
        <v>36265</v>
      </c>
      <c r="M3106" s="5" t="s">
        <v>36266</v>
      </c>
      <c r="N3106" s="5" t="s">
        <v>38</v>
      </c>
      <c r="O3106" s="5" t="s">
        <v>39</v>
      </c>
      <c r="P3106" s="5" t="s">
        <v>40</v>
      </c>
      <c r="Q3106" s="5" t="s">
        <v>1522</v>
      </c>
      <c r="R3106" s="5" t="s">
        <v>1523</v>
      </c>
      <c r="S3106" s="5" t="s">
        <v>42</v>
      </c>
      <c r="T3106" s="2">
        <v>3.0859999999999999</v>
      </c>
      <c r="U3106" s="2">
        <v>2.4729999999999999</v>
      </c>
      <c r="V3106" s="2">
        <v>1.7999999999999999E-2</v>
      </c>
      <c r="W3106" s="2">
        <v>139.1</v>
      </c>
      <c r="X3106" s="2">
        <v>7.6</v>
      </c>
      <c r="Y3106" s="2">
        <v>16.7</v>
      </c>
      <c r="Z3106" s="5"/>
      <c r="AA3106" s="5" t="s">
        <v>43</v>
      </c>
      <c r="AB3106" s="5" t="s">
        <v>44</v>
      </c>
      <c r="AC3106" s="2"/>
      <c r="AD3106" s="1"/>
    </row>
    <row r="3107" spans="1:30">
      <c r="A3107" s="5" t="s">
        <v>83578</v>
      </c>
      <c r="B3107" s="2" t="s">
        <v>92923</v>
      </c>
      <c r="C3107" s="14" t="s">
        <v>92924</v>
      </c>
      <c r="D3107" s="2" t="s">
        <v>92925</v>
      </c>
      <c r="E3107" s="2" t="s">
        <v>36285</v>
      </c>
      <c r="F3107" s="8">
        <v>318</v>
      </c>
      <c r="G3107" s="5">
        <v>6</v>
      </c>
      <c r="H3107" s="5" t="s">
        <v>1518</v>
      </c>
      <c r="I3107" s="5" t="s">
        <v>36264</v>
      </c>
      <c r="J3107" s="2" t="s">
        <v>36265</v>
      </c>
      <c r="K3107" s="5" t="s">
        <v>36264</v>
      </c>
      <c r="L3107" s="2" t="s">
        <v>36265</v>
      </c>
      <c r="M3107" s="5" t="s">
        <v>36266</v>
      </c>
      <c r="N3107" s="5" t="s">
        <v>38</v>
      </c>
      <c r="O3107" s="5" t="s">
        <v>39</v>
      </c>
      <c r="P3107" s="5" t="s">
        <v>40</v>
      </c>
      <c r="Q3107" s="5" t="s">
        <v>1522</v>
      </c>
      <c r="R3107" s="5" t="s">
        <v>1523</v>
      </c>
      <c r="S3107" s="5" t="s">
        <v>42</v>
      </c>
      <c r="T3107" s="2">
        <v>3.1880000000000002</v>
      </c>
      <c r="U3107" s="2">
        <v>2.5750000000000002</v>
      </c>
      <c r="V3107" s="2">
        <v>1.7999999999999999E-2</v>
      </c>
      <c r="W3107" s="2">
        <v>139.1</v>
      </c>
      <c r="X3107" s="2">
        <v>7.6</v>
      </c>
      <c r="Y3107" s="2">
        <v>16.7</v>
      </c>
      <c r="Z3107" s="5"/>
      <c r="AA3107" s="5" t="s">
        <v>43</v>
      </c>
      <c r="AB3107" s="5" t="s">
        <v>44</v>
      </c>
      <c r="AC3107" s="2"/>
      <c r="AD3107" s="1"/>
    </row>
    <row r="3108" spans="1:30">
      <c r="A3108" s="5" t="s">
        <v>83578</v>
      </c>
      <c r="B3108" s="2" t="s">
        <v>92926</v>
      </c>
      <c r="C3108" s="14" t="s">
        <v>92927</v>
      </c>
      <c r="D3108" s="2" t="s">
        <v>92928</v>
      </c>
      <c r="E3108" s="2" t="s">
        <v>36289</v>
      </c>
      <c r="F3108" s="8">
        <v>318</v>
      </c>
      <c r="G3108" s="5">
        <v>6</v>
      </c>
      <c r="H3108" s="5" t="s">
        <v>1518</v>
      </c>
      <c r="I3108" s="5" t="s">
        <v>36264</v>
      </c>
      <c r="J3108" s="2" t="s">
        <v>36265</v>
      </c>
      <c r="K3108" s="5" t="s">
        <v>36264</v>
      </c>
      <c r="L3108" s="2" t="s">
        <v>36265</v>
      </c>
      <c r="M3108" s="5" t="s">
        <v>36266</v>
      </c>
      <c r="N3108" s="5" t="s">
        <v>38</v>
      </c>
      <c r="O3108" s="5" t="s">
        <v>39</v>
      </c>
      <c r="P3108" s="5" t="s">
        <v>40</v>
      </c>
      <c r="Q3108" s="5" t="s">
        <v>1522</v>
      </c>
      <c r="R3108" s="5" t="s">
        <v>1523</v>
      </c>
      <c r="S3108" s="5" t="s">
        <v>42</v>
      </c>
      <c r="T3108" s="2">
        <v>3.0859999999999999</v>
      </c>
      <c r="U3108" s="2">
        <v>2.4729999999999999</v>
      </c>
      <c r="V3108" s="2">
        <v>1.7999999999999999E-2</v>
      </c>
      <c r="W3108" s="2">
        <v>139.1</v>
      </c>
      <c r="X3108" s="2">
        <v>7.6</v>
      </c>
      <c r="Y3108" s="2">
        <v>16.7</v>
      </c>
      <c r="Z3108" s="5"/>
      <c r="AA3108" s="5" t="s">
        <v>43</v>
      </c>
      <c r="AB3108" s="5" t="s">
        <v>44</v>
      </c>
      <c r="AC3108" s="2"/>
      <c r="AD3108" s="1"/>
    </row>
    <row r="3109" spans="1:30">
      <c r="A3109" s="5" t="s">
        <v>83578</v>
      </c>
      <c r="B3109" s="2" t="s">
        <v>92929</v>
      </c>
      <c r="C3109" s="14" t="s">
        <v>92930</v>
      </c>
      <c r="D3109" s="2" t="s">
        <v>92931</v>
      </c>
      <c r="E3109" s="2" t="s">
        <v>36293</v>
      </c>
      <c r="F3109" s="8">
        <v>318</v>
      </c>
      <c r="G3109" s="5">
        <v>6</v>
      </c>
      <c r="H3109" s="5" t="s">
        <v>1518</v>
      </c>
      <c r="I3109" s="5" t="s">
        <v>36264</v>
      </c>
      <c r="J3109" s="2" t="s">
        <v>36265</v>
      </c>
      <c r="K3109" s="5" t="s">
        <v>36264</v>
      </c>
      <c r="L3109" s="2" t="s">
        <v>36265</v>
      </c>
      <c r="M3109" s="5" t="s">
        <v>36266</v>
      </c>
      <c r="N3109" s="5" t="s">
        <v>38</v>
      </c>
      <c r="O3109" s="5" t="s">
        <v>39</v>
      </c>
      <c r="P3109" s="5" t="s">
        <v>40</v>
      </c>
      <c r="Q3109" s="5" t="s">
        <v>1522</v>
      </c>
      <c r="R3109" s="5" t="s">
        <v>1523</v>
      </c>
      <c r="S3109" s="5" t="s">
        <v>42</v>
      </c>
      <c r="T3109" s="2">
        <v>3.1880000000000002</v>
      </c>
      <c r="U3109" s="2">
        <v>2.5750000000000002</v>
      </c>
      <c r="V3109" s="2">
        <v>1.7999999999999999E-2</v>
      </c>
      <c r="W3109" s="2">
        <v>139.1</v>
      </c>
      <c r="X3109" s="2">
        <v>7.6</v>
      </c>
      <c r="Y3109" s="2">
        <v>16.7</v>
      </c>
      <c r="Z3109" s="5"/>
      <c r="AA3109" s="5" t="s">
        <v>43</v>
      </c>
      <c r="AB3109" s="5" t="s">
        <v>44</v>
      </c>
      <c r="AC3109" s="2"/>
      <c r="AD3109" s="1"/>
    </row>
    <row r="3110" spans="1:30">
      <c r="A3110" s="5" t="s">
        <v>83578</v>
      </c>
      <c r="B3110" s="2" t="s">
        <v>92932</v>
      </c>
      <c r="C3110" s="14" t="s">
        <v>92933</v>
      </c>
      <c r="D3110" s="2" t="s">
        <v>92934</v>
      </c>
      <c r="E3110" s="2" t="s">
        <v>36297</v>
      </c>
      <c r="F3110" s="8">
        <v>294</v>
      </c>
      <c r="G3110" s="5">
        <v>6</v>
      </c>
      <c r="H3110" s="5" t="s">
        <v>1518</v>
      </c>
      <c r="I3110" s="5" t="s">
        <v>36264</v>
      </c>
      <c r="J3110" s="2" t="s">
        <v>36265</v>
      </c>
      <c r="K3110" s="5" t="s">
        <v>36264</v>
      </c>
      <c r="L3110" s="2" t="s">
        <v>36265</v>
      </c>
      <c r="M3110" s="5" t="s">
        <v>36266</v>
      </c>
      <c r="N3110" s="5" t="s">
        <v>38</v>
      </c>
      <c r="O3110" s="5" t="s">
        <v>39</v>
      </c>
      <c r="P3110" s="5" t="s">
        <v>40</v>
      </c>
      <c r="Q3110" s="5" t="s">
        <v>1522</v>
      </c>
      <c r="R3110" s="5" t="s">
        <v>1523</v>
      </c>
      <c r="S3110" s="5" t="s">
        <v>42</v>
      </c>
      <c r="T3110" s="2">
        <v>3.0859999999999999</v>
      </c>
      <c r="U3110" s="2">
        <v>2.4729999999999999</v>
      </c>
      <c r="V3110" s="2">
        <v>1.7999999999999999E-2</v>
      </c>
      <c r="W3110" s="2">
        <v>139.1</v>
      </c>
      <c r="X3110" s="2">
        <v>7.6</v>
      </c>
      <c r="Y3110" s="2">
        <v>16.7</v>
      </c>
      <c r="Z3110" s="5"/>
      <c r="AA3110" s="5" t="s">
        <v>43</v>
      </c>
      <c r="AB3110" s="5" t="s">
        <v>44</v>
      </c>
      <c r="AC3110" s="2"/>
      <c r="AD3110" s="1"/>
    </row>
    <row r="3111" spans="1:30">
      <c r="A3111" s="5" t="s">
        <v>83578</v>
      </c>
      <c r="B3111" s="2" t="s">
        <v>92935</v>
      </c>
      <c r="C3111" s="14" t="s">
        <v>92936</v>
      </c>
      <c r="D3111" s="2" t="s">
        <v>92937</v>
      </c>
      <c r="E3111" s="2" t="s">
        <v>36301</v>
      </c>
      <c r="F3111" s="8">
        <v>294</v>
      </c>
      <c r="G3111" s="5">
        <v>6</v>
      </c>
      <c r="H3111" s="5" t="s">
        <v>1518</v>
      </c>
      <c r="I3111" s="5" t="s">
        <v>36264</v>
      </c>
      <c r="J3111" s="2" t="s">
        <v>36265</v>
      </c>
      <c r="K3111" s="5" t="s">
        <v>36264</v>
      </c>
      <c r="L3111" s="2" t="s">
        <v>36265</v>
      </c>
      <c r="M3111" s="5" t="s">
        <v>36266</v>
      </c>
      <c r="N3111" s="5" t="s">
        <v>38</v>
      </c>
      <c r="O3111" s="5" t="s">
        <v>39</v>
      </c>
      <c r="P3111" s="5" t="s">
        <v>40</v>
      </c>
      <c r="Q3111" s="5" t="s">
        <v>1522</v>
      </c>
      <c r="R3111" s="5" t="s">
        <v>1523</v>
      </c>
      <c r="S3111" s="5" t="s">
        <v>42</v>
      </c>
      <c r="T3111" s="2">
        <v>3.1880000000000002</v>
      </c>
      <c r="U3111" s="2">
        <v>2.5750000000000002</v>
      </c>
      <c r="V3111" s="2">
        <v>1.7999999999999999E-2</v>
      </c>
      <c r="W3111" s="2">
        <v>139.1</v>
      </c>
      <c r="X3111" s="2">
        <v>7.6</v>
      </c>
      <c r="Y3111" s="2">
        <v>16.7</v>
      </c>
      <c r="Z3111" s="5"/>
      <c r="AA3111" s="5" t="s">
        <v>43</v>
      </c>
      <c r="AB3111" s="5" t="s">
        <v>44</v>
      </c>
      <c r="AC3111" s="2"/>
      <c r="AD3111" s="1"/>
    </row>
    <row r="3112" spans="1:30">
      <c r="A3112" s="5" t="s">
        <v>83578</v>
      </c>
      <c r="B3112" s="2" t="s">
        <v>92938</v>
      </c>
      <c r="C3112" s="14" t="s">
        <v>92939</v>
      </c>
      <c r="D3112" s="2" t="s">
        <v>92940</v>
      </c>
      <c r="E3112" s="2" t="s">
        <v>36305</v>
      </c>
      <c r="F3112" s="8">
        <v>294</v>
      </c>
      <c r="G3112" s="5">
        <v>6</v>
      </c>
      <c r="H3112" s="5" t="s">
        <v>1518</v>
      </c>
      <c r="I3112" s="5" t="s">
        <v>36264</v>
      </c>
      <c r="J3112" s="2" t="s">
        <v>36265</v>
      </c>
      <c r="K3112" s="5" t="s">
        <v>36264</v>
      </c>
      <c r="L3112" s="2" t="s">
        <v>36265</v>
      </c>
      <c r="M3112" s="5" t="s">
        <v>36266</v>
      </c>
      <c r="N3112" s="5" t="s">
        <v>38</v>
      </c>
      <c r="O3112" s="5" t="s">
        <v>39</v>
      </c>
      <c r="P3112" s="5" t="s">
        <v>40</v>
      </c>
      <c r="Q3112" s="5" t="s">
        <v>1522</v>
      </c>
      <c r="R3112" s="5" t="s">
        <v>1523</v>
      </c>
      <c r="S3112" s="5" t="s">
        <v>42</v>
      </c>
      <c r="T3112" s="2">
        <v>3.0859999999999999</v>
      </c>
      <c r="U3112" s="2">
        <v>2.4729999999999999</v>
      </c>
      <c r="V3112" s="2">
        <v>1.7999999999999999E-2</v>
      </c>
      <c r="W3112" s="2">
        <v>139.1</v>
      </c>
      <c r="X3112" s="2">
        <v>7.6</v>
      </c>
      <c r="Y3112" s="2">
        <v>16.7</v>
      </c>
      <c r="Z3112" s="5"/>
      <c r="AA3112" s="5" t="s">
        <v>43</v>
      </c>
      <c r="AB3112" s="5" t="s">
        <v>44</v>
      </c>
      <c r="AC3112" s="2"/>
      <c r="AD3112" s="1"/>
    </row>
    <row r="3113" spans="1:30">
      <c r="A3113" s="5" t="s">
        <v>83578</v>
      </c>
      <c r="B3113" s="2" t="s">
        <v>92941</v>
      </c>
      <c r="C3113" s="14" t="s">
        <v>92942</v>
      </c>
      <c r="D3113" s="2" t="s">
        <v>92943</v>
      </c>
      <c r="E3113" s="2" t="s">
        <v>36309</v>
      </c>
      <c r="F3113" s="8">
        <v>294</v>
      </c>
      <c r="G3113" s="5">
        <v>6</v>
      </c>
      <c r="H3113" s="5" t="s">
        <v>1518</v>
      </c>
      <c r="I3113" s="5" t="s">
        <v>36264</v>
      </c>
      <c r="J3113" s="2" t="s">
        <v>36265</v>
      </c>
      <c r="K3113" s="5" t="s">
        <v>36264</v>
      </c>
      <c r="L3113" s="2" t="s">
        <v>36265</v>
      </c>
      <c r="M3113" s="5" t="s">
        <v>36266</v>
      </c>
      <c r="N3113" s="5" t="s">
        <v>38</v>
      </c>
      <c r="O3113" s="5" t="s">
        <v>39</v>
      </c>
      <c r="P3113" s="5" t="s">
        <v>40</v>
      </c>
      <c r="Q3113" s="5" t="s">
        <v>1522</v>
      </c>
      <c r="R3113" s="5" t="s">
        <v>1523</v>
      </c>
      <c r="S3113" s="5" t="s">
        <v>42</v>
      </c>
      <c r="T3113" s="2">
        <v>3.1880000000000002</v>
      </c>
      <c r="U3113" s="2">
        <v>2.5750000000000002</v>
      </c>
      <c r="V3113" s="2">
        <v>1.7999999999999999E-2</v>
      </c>
      <c r="W3113" s="2">
        <v>139.1</v>
      </c>
      <c r="X3113" s="2">
        <v>7.6</v>
      </c>
      <c r="Y3113" s="2">
        <v>16.7</v>
      </c>
      <c r="Z3113" s="5"/>
      <c r="AA3113" s="5" t="s">
        <v>43</v>
      </c>
      <c r="AB3113" s="5" t="s">
        <v>44</v>
      </c>
      <c r="AC3113" s="2"/>
      <c r="AD3113" s="1"/>
    </row>
    <row r="3114" spans="1:30">
      <c r="A3114" s="5" t="s">
        <v>83578</v>
      </c>
      <c r="B3114" s="2" t="s">
        <v>92944</v>
      </c>
      <c r="C3114" s="14" t="s">
        <v>92945</v>
      </c>
      <c r="D3114" s="2" t="s">
        <v>92946</v>
      </c>
      <c r="E3114" s="2" t="s">
        <v>36313</v>
      </c>
      <c r="F3114" s="8">
        <v>318</v>
      </c>
      <c r="G3114" s="5">
        <v>6</v>
      </c>
      <c r="H3114" s="5" t="s">
        <v>1518</v>
      </c>
      <c r="I3114" s="5" t="s">
        <v>36264</v>
      </c>
      <c r="J3114" s="2" t="s">
        <v>36265</v>
      </c>
      <c r="K3114" s="5" t="s">
        <v>36264</v>
      </c>
      <c r="L3114" s="2" t="s">
        <v>36265</v>
      </c>
      <c r="M3114" s="5" t="s">
        <v>36266</v>
      </c>
      <c r="N3114" s="5" t="s">
        <v>38</v>
      </c>
      <c r="O3114" s="5" t="s">
        <v>39</v>
      </c>
      <c r="P3114" s="5" t="s">
        <v>40</v>
      </c>
      <c r="Q3114" s="5" t="s">
        <v>1522</v>
      </c>
      <c r="R3114" s="5" t="s">
        <v>1523</v>
      </c>
      <c r="S3114" s="5" t="s">
        <v>42</v>
      </c>
      <c r="T3114" s="2">
        <v>3.0859999999999999</v>
      </c>
      <c r="U3114" s="2">
        <v>2.4729999999999999</v>
      </c>
      <c r="V3114" s="2">
        <v>1.7999999999999999E-2</v>
      </c>
      <c r="W3114" s="2">
        <v>139.1</v>
      </c>
      <c r="X3114" s="2">
        <v>7.6</v>
      </c>
      <c r="Y3114" s="2">
        <v>16.7</v>
      </c>
      <c r="Z3114" s="5"/>
      <c r="AA3114" s="5" t="s">
        <v>43</v>
      </c>
      <c r="AB3114" s="5" t="s">
        <v>44</v>
      </c>
      <c r="AC3114" s="2"/>
      <c r="AD3114" s="1"/>
    </row>
    <row r="3115" spans="1:30">
      <c r="A3115" s="5" t="s">
        <v>83578</v>
      </c>
      <c r="B3115" s="2" t="s">
        <v>92947</v>
      </c>
      <c r="C3115" s="14" t="s">
        <v>92948</v>
      </c>
      <c r="D3115" s="2" t="s">
        <v>92949</v>
      </c>
      <c r="E3115" s="2" t="s">
        <v>36317</v>
      </c>
      <c r="F3115" s="8">
        <v>318</v>
      </c>
      <c r="G3115" s="5">
        <v>6</v>
      </c>
      <c r="H3115" s="5" t="s">
        <v>1518</v>
      </c>
      <c r="I3115" s="5" t="s">
        <v>36264</v>
      </c>
      <c r="J3115" s="2" t="s">
        <v>36265</v>
      </c>
      <c r="K3115" s="5" t="s">
        <v>36264</v>
      </c>
      <c r="L3115" s="2" t="s">
        <v>36265</v>
      </c>
      <c r="M3115" s="5" t="s">
        <v>36266</v>
      </c>
      <c r="N3115" s="5" t="s">
        <v>38</v>
      </c>
      <c r="O3115" s="5" t="s">
        <v>39</v>
      </c>
      <c r="P3115" s="5" t="s">
        <v>40</v>
      </c>
      <c r="Q3115" s="5" t="s">
        <v>1522</v>
      </c>
      <c r="R3115" s="5" t="s">
        <v>1523</v>
      </c>
      <c r="S3115" s="5" t="s">
        <v>42</v>
      </c>
      <c r="T3115" s="2">
        <v>3.1880000000000002</v>
      </c>
      <c r="U3115" s="2">
        <v>2.5750000000000002</v>
      </c>
      <c r="V3115" s="2">
        <v>1.7999999999999999E-2</v>
      </c>
      <c r="W3115" s="2">
        <v>139.1</v>
      </c>
      <c r="X3115" s="2">
        <v>7.6</v>
      </c>
      <c r="Y3115" s="2">
        <v>16.7</v>
      </c>
      <c r="Z3115" s="5"/>
      <c r="AA3115" s="5" t="s">
        <v>43</v>
      </c>
      <c r="AB3115" s="5" t="s">
        <v>44</v>
      </c>
      <c r="AC3115" s="2"/>
      <c r="AD3115" s="1"/>
    </row>
    <row r="3116" spans="1:30">
      <c r="A3116" s="5" t="s">
        <v>83578</v>
      </c>
      <c r="B3116" s="2" t="s">
        <v>92950</v>
      </c>
      <c r="C3116" s="14" t="s">
        <v>92951</v>
      </c>
      <c r="D3116" s="2" t="s">
        <v>92952</v>
      </c>
      <c r="E3116" s="2" t="s">
        <v>36321</v>
      </c>
      <c r="F3116" s="8">
        <v>318</v>
      </c>
      <c r="G3116" s="5">
        <v>6</v>
      </c>
      <c r="H3116" s="5" t="s">
        <v>1518</v>
      </c>
      <c r="I3116" s="5" t="s">
        <v>36264</v>
      </c>
      <c r="J3116" s="2" t="s">
        <v>36265</v>
      </c>
      <c r="K3116" s="5" t="s">
        <v>36264</v>
      </c>
      <c r="L3116" s="2" t="s">
        <v>36265</v>
      </c>
      <c r="M3116" s="5" t="s">
        <v>36266</v>
      </c>
      <c r="N3116" s="5" t="s">
        <v>38</v>
      </c>
      <c r="O3116" s="5" t="s">
        <v>39</v>
      </c>
      <c r="P3116" s="5" t="s">
        <v>40</v>
      </c>
      <c r="Q3116" s="5" t="s">
        <v>1522</v>
      </c>
      <c r="R3116" s="5" t="s">
        <v>1523</v>
      </c>
      <c r="S3116" s="5" t="s">
        <v>42</v>
      </c>
      <c r="T3116" s="2">
        <v>3.0859999999999999</v>
      </c>
      <c r="U3116" s="2">
        <v>2.4729999999999999</v>
      </c>
      <c r="V3116" s="2">
        <v>1.7999999999999999E-2</v>
      </c>
      <c r="W3116" s="2">
        <v>139.1</v>
      </c>
      <c r="X3116" s="2">
        <v>7.6</v>
      </c>
      <c r="Y3116" s="2">
        <v>16.7</v>
      </c>
      <c r="Z3116" s="5"/>
      <c r="AA3116" s="5" t="s">
        <v>43</v>
      </c>
      <c r="AB3116" s="5" t="s">
        <v>44</v>
      </c>
      <c r="AC3116" s="2"/>
      <c r="AD3116" s="1"/>
    </row>
    <row r="3117" spans="1:30">
      <c r="A3117" s="5" t="s">
        <v>83578</v>
      </c>
      <c r="B3117" s="2" t="s">
        <v>92953</v>
      </c>
      <c r="C3117" s="14" t="s">
        <v>92954</v>
      </c>
      <c r="D3117" s="2" t="s">
        <v>92955</v>
      </c>
      <c r="E3117" s="2" t="s">
        <v>36325</v>
      </c>
      <c r="F3117" s="8">
        <v>318</v>
      </c>
      <c r="G3117" s="5">
        <v>6</v>
      </c>
      <c r="H3117" s="5" t="s">
        <v>1518</v>
      </c>
      <c r="I3117" s="5" t="s">
        <v>36264</v>
      </c>
      <c r="J3117" s="2" t="s">
        <v>36265</v>
      </c>
      <c r="K3117" s="5" t="s">
        <v>36264</v>
      </c>
      <c r="L3117" s="2" t="s">
        <v>36265</v>
      </c>
      <c r="M3117" s="5" t="s">
        <v>36266</v>
      </c>
      <c r="N3117" s="5" t="s">
        <v>38</v>
      </c>
      <c r="O3117" s="5" t="s">
        <v>39</v>
      </c>
      <c r="P3117" s="5" t="s">
        <v>40</v>
      </c>
      <c r="Q3117" s="5" t="s">
        <v>1522</v>
      </c>
      <c r="R3117" s="5" t="s">
        <v>1523</v>
      </c>
      <c r="S3117" s="5" t="s">
        <v>42</v>
      </c>
      <c r="T3117" s="2">
        <v>3.1880000000000002</v>
      </c>
      <c r="U3117" s="2">
        <v>2.5750000000000002</v>
      </c>
      <c r="V3117" s="2">
        <v>1.7999999999999999E-2</v>
      </c>
      <c r="W3117" s="2">
        <v>139.1</v>
      </c>
      <c r="X3117" s="2">
        <v>7.6</v>
      </c>
      <c r="Y3117" s="2">
        <v>16.7</v>
      </c>
      <c r="Z3117" s="5"/>
      <c r="AA3117" s="5" t="s">
        <v>43</v>
      </c>
      <c r="AB3117" s="5" t="s">
        <v>44</v>
      </c>
      <c r="AC3117" s="2"/>
      <c r="AD3117" s="1"/>
    </row>
    <row r="3118" spans="1:30">
      <c r="A3118" s="5" t="s">
        <v>83578</v>
      </c>
      <c r="B3118" s="2" t="s">
        <v>92956</v>
      </c>
      <c r="C3118" s="14" t="s">
        <v>92957</v>
      </c>
      <c r="D3118" s="2" t="s">
        <v>92958</v>
      </c>
      <c r="E3118" s="2" t="s">
        <v>36329</v>
      </c>
      <c r="F3118" s="8">
        <v>318</v>
      </c>
      <c r="G3118" s="5">
        <v>6</v>
      </c>
      <c r="H3118" s="5" t="s">
        <v>1518</v>
      </c>
      <c r="I3118" s="5" t="s">
        <v>36264</v>
      </c>
      <c r="J3118" s="2" t="s">
        <v>36265</v>
      </c>
      <c r="K3118" s="5" t="s">
        <v>36264</v>
      </c>
      <c r="L3118" s="2" t="s">
        <v>36265</v>
      </c>
      <c r="M3118" s="5" t="s">
        <v>36266</v>
      </c>
      <c r="N3118" s="5" t="s">
        <v>38</v>
      </c>
      <c r="O3118" s="5" t="s">
        <v>39</v>
      </c>
      <c r="P3118" s="5" t="s">
        <v>40</v>
      </c>
      <c r="Q3118" s="5" t="s">
        <v>1522</v>
      </c>
      <c r="R3118" s="5" t="s">
        <v>1523</v>
      </c>
      <c r="S3118" s="5" t="s">
        <v>42</v>
      </c>
      <c r="T3118" s="2">
        <v>3.0859999999999999</v>
      </c>
      <c r="U3118" s="2">
        <v>2.4729999999999999</v>
      </c>
      <c r="V3118" s="2">
        <v>1.7999999999999999E-2</v>
      </c>
      <c r="W3118" s="2">
        <v>139.1</v>
      </c>
      <c r="X3118" s="2">
        <v>7.6</v>
      </c>
      <c r="Y3118" s="2">
        <v>16.7</v>
      </c>
      <c r="Z3118" s="5"/>
      <c r="AA3118" s="5" t="s">
        <v>43</v>
      </c>
      <c r="AB3118" s="5" t="s">
        <v>44</v>
      </c>
      <c r="AC3118" s="2"/>
      <c r="AD3118" s="1"/>
    </row>
    <row r="3119" spans="1:30">
      <c r="A3119" s="5" t="s">
        <v>83578</v>
      </c>
      <c r="B3119" s="2" t="s">
        <v>92959</v>
      </c>
      <c r="C3119" s="14" t="s">
        <v>92960</v>
      </c>
      <c r="D3119" s="2" t="s">
        <v>92961</v>
      </c>
      <c r="E3119" s="2" t="s">
        <v>36333</v>
      </c>
      <c r="F3119" s="8">
        <v>318</v>
      </c>
      <c r="G3119" s="5">
        <v>6</v>
      </c>
      <c r="H3119" s="5" t="s">
        <v>1518</v>
      </c>
      <c r="I3119" s="5" t="s">
        <v>36264</v>
      </c>
      <c r="J3119" s="2" t="s">
        <v>36265</v>
      </c>
      <c r="K3119" s="5" t="s">
        <v>36264</v>
      </c>
      <c r="L3119" s="2" t="s">
        <v>36265</v>
      </c>
      <c r="M3119" s="5" t="s">
        <v>36266</v>
      </c>
      <c r="N3119" s="5" t="s">
        <v>38</v>
      </c>
      <c r="O3119" s="5" t="s">
        <v>39</v>
      </c>
      <c r="P3119" s="5" t="s">
        <v>40</v>
      </c>
      <c r="Q3119" s="5" t="s">
        <v>1522</v>
      </c>
      <c r="R3119" s="5" t="s">
        <v>1523</v>
      </c>
      <c r="S3119" s="5" t="s">
        <v>42</v>
      </c>
      <c r="T3119" s="2">
        <v>3.1880000000000002</v>
      </c>
      <c r="U3119" s="2">
        <v>2.5750000000000002</v>
      </c>
      <c r="V3119" s="2">
        <v>1.7999999999999999E-2</v>
      </c>
      <c r="W3119" s="2">
        <v>139.1</v>
      </c>
      <c r="X3119" s="2">
        <v>7.6</v>
      </c>
      <c r="Y3119" s="2">
        <v>16.7</v>
      </c>
      <c r="Z3119" s="5"/>
      <c r="AA3119" s="5" t="s">
        <v>43</v>
      </c>
      <c r="AB3119" s="5" t="s">
        <v>44</v>
      </c>
      <c r="AC3119" s="2"/>
      <c r="AD3119" s="1"/>
    </row>
    <row r="3120" spans="1:30">
      <c r="A3120" s="5" t="s">
        <v>83578</v>
      </c>
      <c r="B3120" s="2" t="s">
        <v>92962</v>
      </c>
      <c r="C3120" s="14" t="s">
        <v>92963</v>
      </c>
      <c r="D3120" s="2" t="s">
        <v>92964</v>
      </c>
      <c r="E3120" s="2" t="s">
        <v>36337</v>
      </c>
      <c r="F3120" s="8">
        <v>318</v>
      </c>
      <c r="G3120" s="5">
        <v>6</v>
      </c>
      <c r="H3120" s="5" t="s">
        <v>1518</v>
      </c>
      <c r="I3120" s="5" t="s">
        <v>36264</v>
      </c>
      <c r="J3120" s="2" t="s">
        <v>36265</v>
      </c>
      <c r="K3120" s="5" t="s">
        <v>36264</v>
      </c>
      <c r="L3120" s="2" t="s">
        <v>36265</v>
      </c>
      <c r="M3120" s="5" t="s">
        <v>36266</v>
      </c>
      <c r="N3120" s="5" t="s">
        <v>38</v>
      </c>
      <c r="O3120" s="5" t="s">
        <v>39</v>
      </c>
      <c r="P3120" s="5" t="s">
        <v>40</v>
      </c>
      <c r="Q3120" s="5" t="s">
        <v>1522</v>
      </c>
      <c r="R3120" s="5" t="s">
        <v>1523</v>
      </c>
      <c r="S3120" s="5" t="s">
        <v>42</v>
      </c>
      <c r="T3120" s="2">
        <v>3.0859999999999999</v>
      </c>
      <c r="U3120" s="2">
        <v>2.4729999999999999</v>
      </c>
      <c r="V3120" s="2">
        <v>1.7999999999999999E-2</v>
      </c>
      <c r="W3120" s="2">
        <v>139.1</v>
      </c>
      <c r="X3120" s="2">
        <v>7.6</v>
      </c>
      <c r="Y3120" s="2">
        <v>16.7</v>
      </c>
      <c r="Z3120" s="5"/>
      <c r="AA3120" s="5" t="s">
        <v>43</v>
      </c>
      <c r="AB3120" s="5" t="s">
        <v>44</v>
      </c>
      <c r="AC3120" s="2"/>
      <c r="AD3120" s="1"/>
    </row>
    <row r="3121" spans="1:30">
      <c r="A3121" s="5" t="s">
        <v>83578</v>
      </c>
      <c r="B3121" s="2" t="s">
        <v>92965</v>
      </c>
      <c r="C3121" s="14" t="s">
        <v>92966</v>
      </c>
      <c r="D3121" s="2" t="s">
        <v>92967</v>
      </c>
      <c r="E3121" s="2" t="s">
        <v>36341</v>
      </c>
      <c r="F3121" s="8">
        <v>318</v>
      </c>
      <c r="G3121" s="5">
        <v>6</v>
      </c>
      <c r="H3121" s="5" t="s">
        <v>1518</v>
      </c>
      <c r="I3121" s="5" t="s">
        <v>36264</v>
      </c>
      <c r="J3121" s="2" t="s">
        <v>36265</v>
      </c>
      <c r="K3121" s="5" t="s">
        <v>36264</v>
      </c>
      <c r="L3121" s="2" t="s">
        <v>36265</v>
      </c>
      <c r="M3121" s="5" t="s">
        <v>36266</v>
      </c>
      <c r="N3121" s="5" t="s">
        <v>38</v>
      </c>
      <c r="O3121" s="5" t="s">
        <v>39</v>
      </c>
      <c r="P3121" s="5" t="s">
        <v>40</v>
      </c>
      <c r="Q3121" s="5" t="s">
        <v>1522</v>
      </c>
      <c r="R3121" s="5" t="s">
        <v>1523</v>
      </c>
      <c r="S3121" s="5" t="s">
        <v>42</v>
      </c>
      <c r="T3121" s="2">
        <v>3.1880000000000002</v>
      </c>
      <c r="U3121" s="2">
        <v>2.5750000000000002</v>
      </c>
      <c r="V3121" s="2">
        <v>1.7999999999999999E-2</v>
      </c>
      <c r="W3121" s="2">
        <v>139.1</v>
      </c>
      <c r="X3121" s="2">
        <v>7.6</v>
      </c>
      <c r="Y3121" s="2">
        <v>16.7</v>
      </c>
      <c r="Z3121" s="5"/>
      <c r="AA3121" s="5" t="s">
        <v>43</v>
      </c>
      <c r="AB3121" s="5" t="s">
        <v>44</v>
      </c>
      <c r="AC3121" s="2"/>
      <c r="AD3121" s="1"/>
    </row>
    <row r="3122" spans="1:30">
      <c r="A3122" s="5" t="s">
        <v>83578</v>
      </c>
      <c r="B3122" s="2" t="s">
        <v>92968</v>
      </c>
      <c r="C3122" s="14" t="s">
        <v>92969</v>
      </c>
      <c r="D3122" s="2" t="s">
        <v>92970</v>
      </c>
      <c r="E3122" s="2" t="s">
        <v>36345</v>
      </c>
      <c r="F3122" s="8">
        <v>318</v>
      </c>
      <c r="G3122" s="5">
        <v>6</v>
      </c>
      <c r="H3122" s="5" t="s">
        <v>1518</v>
      </c>
      <c r="I3122" s="5" t="s">
        <v>36264</v>
      </c>
      <c r="J3122" s="2" t="s">
        <v>36265</v>
      </c>
      <c r="K3122" s="5" t="s">
        <v>36264</v>
      </c>
      <c r="L3122" s="2" t="s">
        <v>36265</v>
      </c>
      <c r="M3122" s="5" t="s">
        <v>36266</v>
      </c>
      <c r="N3122" s="5" t="s">
        <v>38</v>
      </c>
      <c r="O3122" s="5" t="s">
        <v>39</v>
      </c>
      <c r="P3122" s="5" t="s">
        <v>40</v>
      </c>
      <c r="Q3122" s="5" t="s">
        <v>1522</v>
      </c>
      <c r="R3122" s="5" t="s">
        <v>1523</v>
      </c>
      <c r="S3122" s="5" t="s">
        <v>42</v>
      </c>
      <c r="T3122" s="2">
        <v>3.0859999999999999</v>
      </c>
      <c r="U3122" s="2">
        <v>2.4729999999999999</v>
      </c>
      <c r="V3122" s="2">
        <v>1.7999999999999999E-2</v>
      </c>
      <c r="W3122" s="2">
        <v>139.1</v>
      </c>
      <c r="X3122" s="2">
        <v>7.6</v>
      </c>
      <c r="Y3122" s="2">
        <v>16.7</v>
      </c>
      <c r="Z3122" s="5"/>
      <c r="AA3122" s="5" t="s">
        <v>43</v>
      </c>
      <c r="AB3122" s="5" t="s">
        <v>44</v>
      </c>
      <c r="AC3122" s="2"/>
      <c r="AD3122" s="1"/>
    </row>
    <row r="3123" spans="1:30">
      <c r="A3123" s="5" t="s">
        <v>83578</v>
      </c>
      <c r="B3123" s="2" t="s">
        <v>92971</v>
      </c>
      <c r="C3123" s="14" t="s">
        <v>92972</v>
      </c>
      <c r="D3123" s="2" t="s">
        <v>92973</v>
      </c>
      <c r="E3123" s="2" t="s">
        <v>36349</v>
      </c>
      <c r="F3123" s="8">
        <v>318</v>
      </c>
      <c r="G3123" s="5">
        <v>6</v>
      </c>
      <c r="H3123" s="5" t="s">
        <v>1518</v>
      </c>
      <c r="I3123" s="5" t="s">
        <v>36264</v>
      </c>
      <c r="J3123" s="2" t="s">
        <v>36265</v>
      </c>
      <c r="K3123" s="5" t="s">
        <v>36264</v>
      </c>
      <c r="L3123" s="2" t="s">
        <v>36265</v>
      </c>
      <c r="M3123" s="5" t="s">
        <v>36266</v>
      </c>
      <c r="N3123" s="5" t="s">
        <v>38</v>
      </c>
      <c r="O3123" s="5" t="s">
        <v>39</v>
      </c>
      <c r="P3123" s="5" t="s">
        <v>40</v>
      </c>
      <c r="Q3123" s="5" t="s">
        <v>1522</v>
      </c>
      <c r="R3123" s="5" t="s">
        <v>1523</v>
      </c>
      <c r="S3123" s="5" t="s">
        <v>42</v>
      </c>
      <c r="T3123" s="2">
        <v>3.1880000000000002</v>
      </c>
      <c r="U3123" s="2">
        <v>2.5750000000000002</v>
      </c>
      <c r="V3123" s="2">
        <v>1.7999999999999999E-2</v>
      </c>
      <c r="W3123" s="2">
        <v>139.1</v>
      </c>
      <c r="X3123" s="2">
        <v>7.6</v>
      </c>
      <c r="Y3123" s="2">
        <v>16.7</v>
      </c>
      <c r="Z3123" s="5"/>
      <c r="AA3123" s="5" t="s">
        <v>43</v>
      </c>
      <c r="AB3123" s="5" t="s">
        <v>44</v>
      </c>
      <c r="AC3123" s="2"/>
      <c r="AD3123" s="1"/>
    </row>
    <row r="3124" spans="1:30">
      <c r="A3124" s="5" t="s">
        <v>83578</v>
      </c>
      <c r="B3124" s="2" t="s">
        <v>92974</v>
      </c>
      <c r="C3124" s="14" t="s">
        <v>92975</v>
      </c>
      <c r="D3124" s="2" t="s">
        <v>92976</v>
      </c>
      <c r="E3124" s="2" t="s">
        <v>36353</v>
      </c>
      <c r="F3124" s="8">
        <v>318</v>
      </c>
      <c r="G3124" s="5">
        <v>6</v>
      </c>
      <c r="H3124" s="5" t="s">
        <v>1518</v>
      </c>
      <c r="I3124" s="5" t="s">
        <v>36264</v>
      </c>
      <c r="J3124" s="2" t="s">
        <v>36265</v>
      </c>
      <c r="K3124" s="5" t="s">
        <v>36264</v>
      </c>
      <c r="L3124" s="2" t="s">
        <v>36265</v>
      </c>
      <c r="M3124" s="5" t="s">
        <v>36266</v>
      </c>
      <c r="N3124" s="5" t="s">
        <v>38</v>
      </c>
      <c r="O3124" s="5" t="s">
        <v>39</v>
      </c>
      <c r="P3124" s="5" t="s">
        <v>40</v>
      </c>
      <c r="Q3124" s="5" t="s">
        <v>1522</v>
      </c>
      <c r="R3124" s="5" t="s">
        <v>1523</v>
      </c>
      <c r="S3124" s="5" t="s">
        <v>42</v>
      </c>
      <c r="T3124" s="2">
        <v>3.0859999999999999</v>
      </c>
      <c r="U3124" s="2">
        <v>2.4729999999999999</v>
      </c>
      <c r="V3124" s="2">
        <v>1.7999999999999999E-2</v>
      </c>
      <c r="W3124" s="2">
        <v>139.1</v>
      </c>
      <c r="X3124" s="2">
        <v>7.6</v>
      </c>
      <c r="Y3124" s="2">
        <v>16.7</v>
      </c>
      <c r="Z3124" s="5"/>
      <c r="AA3124" s="5" t="s">
        <v>43</v>
      </c>
      <c r="AB3124" s="5" t="s">
        <v>44</v>
      </c>
      <c r="AC3124" s="2"/>
      <c r="AD3124" s="1"/>
    </row>
    <row r="3125" spans="1:30">
      <c r="A3125" s="5" t="s">
        <v>83578</v>
      </c>
      <c r="B3125" s="2" t="s">
        <v>92977</v>
      </c>
      <c r="C3125" s="14" t="s">
        <v>92978</v>
      </c>
      <c r="D3125" s="2" t="s">
        <v>92979</v>
      </c>
      <c r="E3125" s="2" t="s">
        <v>36357</v>
      </c>
      <c r="F3125" s="8">
        <v>318</v>
      </c>
      <c r="G3125" s="5">
        <v>6</v>
      </c>
      <c r="H3125" s="5" t="s">
        <v>1518</v>
      </c>
      <c r="I3125" s="5" t="s">
        <v>36264</v>
      </c>
      <c r="J3125" s="2" t="s">
        <v>36265</v>
      </c>
      <c r="K3125" s="5" t="s">
        <v>36264</v>
      </c>
      <c r="L3125" s="2" t="s">
        <v>36265</v>
      </c>
      <c r="M3125" s="5" t="s">
        <v>36266</v>
      </c>
      <c r="N3125" s="5" t="s">
        <v>38</v>
      </c>
      <c r="O3125" s="5" t="s">
        <v>39</v>
      </c>
      <c r="P3125" s="5" t="s">
        <v>40</v>
      </c>
      <c r="Q3125" s="5" t="s">
        <v>1522</v>
      </c>
      <c r="R3125" s="5" t="s">
        <v>1523</v>
      </c>
      <c r="S3125" s="5" t="s">
        <v>42</v>
      </c>
      <c r="T3125" s="2">
        <v>3.1880000000000002</v>
      </c>
      <c r="U3125" s="2">
        <v>2.5750000000000002</v>
      </c>
      <c r="V3125" s="2">
        <v>1.7999999999999999E-2</v>
      </c>
      <c r="W3125" s="2">
        <v>139.1</v>
      </c>
      <c r="X3125" s="2">
        <v>7.6</v>
      </c>
      <c r="Y3125" s="2">
        <v>16.7</v>
      </c>
      <c r="Z3125" s="5"/>
      <c r="AA3125" s="5" t="s">
        <v>43</v>
      </c>
      <c r="AB3125" s="5" t="s">
        <v>44</v>
      </c>
      <c r="AC3125" s="2"/>
      <c r="AD3125" s="1"/>
    </row>
    <row r="3126" spans="1:30">
      <c r="A3126" s="5" t="s">
        <v>83578</v>
      </c>
      <c r="B3126" s="2" t="s">
        <v>92980</v>
      </c>
      <c r="C3126" s="14" t="s">
        <v>92981</v>
      </c>
      <c r="D3126" s="2" t="s">
        <v>92982</v>
      </c>
      <c r="E3126" s="2" t="s">
        <v>45598</v>
      </c>
      <c r="F3126" s="8">
        <v>318</v>
      </c>
      <c r="G3126" s="5">
        <v>6</v>
      </c>
      <c r="H3126" s="5" t="s">
        <v>1518</v>
      </c>
      <c r="I3126" s="5" t="s">
        <v>36264</v>
      </c>
      <c r="J3126" s="2" t="s">
        <v>36265</v>
      </c>
      <c r="K3126" s="5" t="s">
        <v>36264</v>
      </c>
      <c r="L3126" s="2" t="s">
        <v>36265</v>
      </c>
      <c r="M3126" s="5" t="s">
        <v>36266</v>
      </c>
      <c r="N3126" s="5" t="s">
        <v>38</v>
      </c>
      <c r="O3126" s="5" t="s">
        <v>39</v>
      </c>
      <c r="P3126" s="5" t="s">
        <v>40</v>
      </c>
      <c r="Q3126" s="5" t="s">
        <v>1522</v>
      </c>
      <c r="R3126" s="5" t="s">
        <v>1523</v>
      </c>
      <c r="S3126" s="5" t="s">
        <v>42</v>
      </c>
      <c r="T3126" s="2">
        <v>3.0859999999999999</v>
      </c>
      <c r="U3126" s="2">
        <v>2.4729999999999999</v>
      </c>
      <c r="V3126" s="2">
        <v>1.7999999999999999E-2</v>
      </c>
      <c r="W3126" s="2">
        <v>139.1</v>
      </c>
      <c r="X3126" s="2">
        <v>7.6</v>
      </c>
      <c r="Y3126" s="2">
        <v>16.7</v>
      </c>
      <c r="Z3126" s="5"/>
      <c r="AA3126" s="5" t="s">
        <v>43</v>
      </c>
      <c r="AB3126" s="5" t="s">
        <v>44</v>
      </c>
      <c r="AC3126" s="2"/>
      <c r="AD3126" s="1"/>
    </row>
    <row r="3127" spans="1:30">
      <c r="A3127" s="5" t="s">
        <v>83578</v>
      </c>
      <c r="B3127" s="2" t="s">
        <v>92983</v>
      </c>
      <c r="C3127" s="14" t="s">
        <v>92984</v>
      </c>
      <c r="D3127" s="2" t="s">
        <v>92985</v>
      </c>
      <c r="E3127" s="2" t="s">
        <v>45534</v>
      </c>
      <c r="F3127" s="8">
        <v>318</v>
      </c>
      <c r="G3127" s="5">
        <v>6</v>
      </c>
      <c r="H3127" s="5" t="s">
        <v>1518</v>
      </c>
      <c r="I3127" s="5" t="s">
        <v>36264</v>
      </c>
      <c r="J3127" s="2" t="s">
        <v>36265</v>
      </c>
      <c r="K3127" s="5" t="s">
        <v>36264</v>
      </c>
      <c r="L3127" s="2" t="s">
        <v>36265</v>
      </c>
      <c r="M3127" s="5" t="s">
        <v>36266</v>
      </c>
      <c r="N3127" s="5" t="s">
        <v>38</v>
      </c>
      <c r="O3127" s="5" t="s">
        <v>39</v>
      </c>
      <c r="P3127" s="5" t="s">
        <v>40</v>
      </c>
      <c r="Q3127" s="5" t="s">
        <v>1522</v>
      </c>
      <c r="R3127" s="5" t="s">
        <v>1523</v>
      </c>
      <c r="S3127" s="5" t="s">
        <v>42</v>
      </c>
      <c r="T3127" s="2">
        <v>3.1880000000000002</v>
      </c>
      <c r="U3127" s="2">
        <v>2.5750000000000002</v>
      </c>
      <c r="V3127" s="2">
        <v>1.7999999999999999E-2</v>
      </c>
      <c r="W3127" s="2">
        <v>139.1</v>
      </c>
      <c r="X3127" s="2">
        <v>7.6</v>
      </c>
      <c r="Y3127" s="2">
        <v>16.7</v>
      </c>
      <c r="Z3127" s="5"/>
      <c r="AA3127" s="5" t="s">
        <v>43</v>
      </c>
      <c r="AB3127" s="5" t="s">
        <v>44</v>
      </c>
      <c r="AC3127" s="2"/>
      <c r="AD3127" s="1"/>
    </row>
    <row r="3128" spans="1:30">
      <c r="A3128" s="5" t="s">
        <v>83578</v>
      </c>
      <c r="B3128" s="2" t="s">
        <v>92986</v>
      </c>
      <c r="C3128" s="14" t="s">
        <v>92987</v>
      </c>
      <c r="D3128" s="2" t="s">
        <v>92988</v>
      </c>
      <c r="E3128" s="2" t="s">
        <v>36369</v>
      </c>
      <c r="F3128" s="8">
        <v>318</v>
      </c>
      <c r="G3128" s="5">
        <v>6</v>
      </c>
      <c r="H3128" s="5" t="s">
        <v>1518</v>
      </c>
      <c r="I3128" s="5" t="s">
        <v>36264</v>
      </c>
      <c r="J3128" s="2" t="s">
        <v>36265</v>
      </c>
      <c r="K3128" s="5" t="s">
        <v>36264</v>
      </c>
      <c r="L3128" s="2" t="s">
        <v>36265</v>
      </c>
      <c r="M3128" s="5" t="s">
        <v>36266</v>
      </c>
      <c r="N3128" s="5" t="s">
        <v>38</v>
      </c>
      <c r="O3128" s="5" t="s">
        <v>39</v>
      </c>
      <c r="P3128" s="5" t="s">
        <v>40</v>
      </c>
      <c r="Q3128" s="5" t="s">
        <v>1522</v>
      </c>
      <c r="R3128" s="5" t="s">
        <v>1523</v>
      </c>
      <c r="S3128" s="5" t="s">
        <v>42</v>
      </c>
      <c r="T3128" s="2">
        <v>3.0859999999999999</v>
      </c>
      <c r="U3128" s="2">
        <v>2.4729999999999999</v>
      </c>
      <c r="V3128" s="2">
        <v>1.7999999999999999E-2</v>
      </c>
      <c r="W3128" s="2">
        <v>139.1</v>
      </c>
      <c r="X3128" s="2">
        <v>7.6</v>
      </c>
      <c r="Y3128" s="2">
        <v>16.7</v>
      </c>
      <c r="Z3128" s="5"/>
      <c r="AA3128" s="5" t="s">
        <v>43</v>
      </c>
      <c r="AB3128" s="5" t="s">
        <v>44</v>
      </c>
      <c r="AC3128" s="2"/>
      <c r="AD3128" s="1"/>
    </row>
    <row r="3129" spans="1:30">
      <c r="A3129" s="5" t="s">
        <v>83578</v>
      </c>
      <c r="B3129" s="2" t="s">
        <v>92989</v>
      </c>
      <c r="C3129" s="14" t="s">
        <v>92990</v>
      </c>
      <c r="D3129" s="2" t="s">
        <v>92991</v>
      </c>
      <c r="E3129" s="2" t="s">
        <v>36373</v>
      </c>
      <c r="F3129" s="8">
        <v>318</v>
      </c>
      <c r="G3129" s="5">
        <v>6</v>
      </c>
      <c r="H3129" s="5" t="s">
        <v>1518</v>
      </c>
      <c r="I3129" s="5" t="s">
        <v>36264</v>
      </c>
      <c r="J3129" s="2" t="s">
        <v>36265</v>
      </c>
      <c r="K3129" s="5" t="s">
        <v>36264</v>
      </c>
      <c r="L3129" s="2" t="s">
        <v>36265</v>
      </c>
      <c r="M3129" s="5" t="s">
        <v>36266</v>
      </c>
      <c r="N3129" s="5" t="s">
        <v>38</v>
      </c>
      <c r="O3129" s="5" t="s">
        <v>39</v>
      </c>
      <c r="P3129" s="5" t="s">
        <v>40</v>
      </c>
      <c r="Q3129" s="5" t="s">
        <v>1522</v>
      </c>
      <c r="R3129" s="5" t="s">
        <v>1523</v>
      </c>
      <c r="S3129" s="5" t="s">
        <v>42</v>
      </c>
      <c r="T3129" s="2">
        <v>3.1880000000000002</v>
      </c>
      <c r="U3129" s="2">
        <v>2.5750000000000002</v>
      </c>
      <c r="V3129" s="2">
        <v>1.7999999999999999E-2</v>
      </c>
      <c r="W3129" s="2">
        <v>139.1</v>
      </c>
      <c r="X3129" s="2">
        <v>7.6</v>
      </c>
      <c r="Y3129" s="2">
        <v>16.7</v>
      </c>
      <c r="Z3129" s="5"/>
      <c r="AA3129" s="5" t="s">
        <v>43</v>
      </c>
      <c r="AB3129" s="5" t="s">
        <v>44</v>
      </c>
      <c r="AC3129" s="2"/>
      <c r="AD3129" s="1"/>
    </row>
    <row r="3130" spans="1:30">
      <c r="A3130" s="5" t="s">
        <v>83578</v>
      </c>
      <c r="B3130" s="2" t="s">
        <v>92992</v>
      </c>
      <c r="C3130" s="14" t="s">
        <v>92993</v>
      </c>
      <c r="D3130" s="2" t="s">
        <v>92994</v>
      </c>
      <c r="E3130" s="2" t="s">
        <v>36381</v>
      </c>
      <c r="F3130" s="8">
        <v>318</v>
      </c>
      <c r="G3130" s="5">
        <v>6</v>
      </c>
      <c r="H3130" s="5" t="s">
        <v>1518</v>
      </c>
      <c r="I3130" s="5" t="s">
        <v>36264</v>
      </c>
      <c r="J3130" s="2" t="s">
        <v>36265</v>
      </c>
      <c r="K3130" s="5" t="s">
        <v>36264</v>
      </c>
      <c r="L3130" s="2" t="s">
        <v>36265</v>
      </c>
      <c r="M3130" s="5" t="s">
        <v>36266</v>
      </c>
      <c r="N3130" s="5" t="s">
        <v>38</v>
      </c>
      <c r="O3130" s="5" t="s">
        <v>39</v>
      </c>
      <c r="P3130" s="5" t="s">
        <v>40</v>
      </c>
      <c r="Q3130" s="5" t="s">
        <v>1522</v>
      </c>
      <c r="R3130" s="5" t="s">
        <v>1523</v>
      </c>
      <c r="S3130" s="5" t="s">
        <v>42</v>
      </c>
      <c r="T3130" s="2">
        <v>3.1880000000000002</v>
      </c>
      <c r="U3130" s="2">
        <v>2.5750000000000002</v>
      </c>
      <c r="V3130" s="2">
        <v>1.7999999999999999E-2</v>
      </c>
      <c r="W3130" s="2">
        <v>139.1</v>
      </c>
      <c r="X3130" s="2">
        <v>7.6</v>
      </c>
      <c r="Y3130" s="2">
        <v>16.7</v>
      </c>
      <c r="Z3130" s="5"/>
      <c r="AA3130" s="5" t="s">
        <v>43</v>
      </c>
      <c r="AB3130" s="5" t="s">
        <v>44</v>
      </c>
      <c r="AC3130" s="2"/>
      <c r="AD3130" s="1"/>
    </row>
    <row r="3131" spans="1:30">
      <c r="A3131" s="5" t="s">
        <v>83578</v>
      </c>
      <c r="B3131" s="2" t="s">
        <v>92995</v>
      </c>
      <c r="C3131" s="14" t="s">
        <v>92996</v>
      </c>
      <c r="D3131" s="2" t="s">
        <v>92997</v>
      </c>
      <c r="E3131" s="2" t="s">
        <v>36385</v>
      </c>
      <c r="F3131" s="8">
        <v>318</v>
      </c>
      <c r="G3131" s="5">
        <v>6</v>
      </c>
      <c r="H3131" s="5" t="s">
        <v>1518</v>
      </c>
      <c r="I3131" s="5" t="s">
        <v>36264</v>
      </c>
      <c r="J3131" s="2" t="s">
        <v>36265</v>
      </c>
      <c r="K3131" s="5" t="s">
        <v>36264</v>
      </c>
      <c r="L3131" s="2" t="s">
        <v>36265</v>
      </c>
      <c r="M3131" s="5" t="s">
        <v>36266</v>
      </c>
      <c r="N3131" s="5" t="s">
        <v>38</v>
      </c>
      <c r="O3131" s="5" t="s">
        <v>39</v>
      </c>
      <c r="P3131" s="5" t="s">
        <v>40</v>
      </c>
      <c r="Q3131" s="5" t="s">
        <v>1522</v>
      </c>
      <c r="R3131" s="5" t="s">
        <v>1523</v>
      </c>
      <c r="S3131" s="5" t="s">
        <v>42</v>
      </c>
      <c r="T3131" s="2">
        <v>3.0859999999999999</v>
      </c>
      <c r="U3131" s="2">
        <v>2.4729999999999999</v>
      </c>
      <c r="V3131" s="2">
        <v>1.7999999999999999E-2</v>
      </c>
      <c r="W3131" s="2">
        <v>139.1</v>
      </c>
      <c r="X3131" s="2">
        <v>7.6</v>
      </c>
      <c r="Y3131" s="2">
        <v>16.7</v>
      </c>
      <c r="Z3131" s="5"/>
      <c r="AA3131" s="5" t="s">
        <v>43</v>
      </c>
      <c r="AB3131" s="5" t="s">
        <v>44</v>
      </c>
      <c r="AC3131" s="2"/>
      <c r="AD3131" s="1"/>
    </row>
    <row r="3132" spans="1:30">
      <c r="A3132" s="5" t="s">
        <v>83578</v>
      </c>
      <c r="B3132" s="2" t="s">
        <v>92998</v>
      </c>
      <c r="C3132" s="14" t="s">
        <v>92999</v>
      </c>
      <c r="D3132" s="2" t="s">
        <v>93000</v>
      </c>
      <c r="E3132" s="2" t="s">
        <v>36389</v>
      </c>
      <c r="F3132" s="8">
        <v>318</v>
      </c>
      <c r="G3132" s="5">
        <v>6</v>
      </c>
      <c r="H3132" s="5" t="s">
        <v>1518</v>
      </c>
      <c r="I3132" s="5" t="s">
        <v>36264</v>
      </c>
      <c r="J3132" s="2" t="s">
        <v>36265</v>
      </c>
      <c r="K3132" s="5" t="s">
        <v>36264</v>
      </c>
      <c r="L3132" s="2" t="s">
        <v>36265</v>
      </c>
      <c r="M3132" s="5" t="s">
        <v>36266</v>
      </c>
      <c r="N3132" s="5" t="s">
        <v>38</v>
      </c>
      <c r="O3132" s="5" t="s">
        <v>39</v>
      </c>
      <c r="P3132" s="5" t="s">
        <v>40</v>
      </c>
      <c r="Q3132" s="5" t="s">
        <v>1522</v>
      </c>
      <c r="R3132" s="5" t="s">
        <v>1523</v>
      </c>
      <c r="S3132" s="5" t="s">
        <v>42</v>
      </c>
      <c r="T3132" s="2">
        <v>3.1880000000000002</v>
      </c>
      <c r="U3132" s="2">
        <v>2.5750000000000002</v>
      </c>
      <c r="V3132" s="2">
        <v>1.7999999999999999E-2</v>
      </c>
      <c r="W3132" s="2">
        <v>139.1</v>
      </c>
      <c r="X3132" s="2">
        <v>7.6</v>
      </c>
      <c r="Y3132" s="2">
        <v>16.7</v>
      </c>
      <c r="Z3132" s="5"/>
      <c r="AA3132" s="5" t="s">
        <v>43</v>
      </c>
      <c r="AB3132" s="5" t="s">
        <v>44</v>
      </c>
      <c r="AC3132" s="2"/>
      <c r="AD3132" s="1"/>
    </row>
    <row r="3133" spans="1:30">
      <c r="A3133" s="5" t="s">
        <v>83578</v>
      </c>
      <c r="B3133" s="2" t="s">
        <v>93001</v>
      </c>
      <c r="C3133" s="14" t="s">
        <v>93002</v>
      </c>
      <c r="D3133" s="2" t="s">
        <v>93003</v>
      </c>
      <c r="E3133" s="2" t="s">
        <v>36345</v>
      </c>
      <c r="F3133" s="8">
        <v>289</v>
      </c>
      <c r="G3133" s="5">
        <v>6</v>
      </c>
      <c r="H3133" s="5" t="s">
        <v>1518</v>
      </c>
      <c r="I3133" s="5" t="s">
        <v>36264</v>
      </c>
      <c r="J3133" s="2" t="s">
        <v>36265</v>
      </c>
      <c r="K3133" s="5" t="s">
        <v>36264</v>
      </c>
      <c r="L3133" s="2" t="s">
        <v>36265</v>
      </c>
      <c r="M3133" s="5" t="s">
        <v>36266</v>
      </c>
      <c r="N3133" s="5" t="s">
        <v>38</v>
      </c>
      <c r="O3133" s="5" t="s">
        <v>39</v>
      </c>
      <c r="P3133" s="5" t="s">
        <v>40</v>
      </c>
      <c r="Q3133" s="5" t="s">
        <v>1522</v>
      </c>
      <c r="R3133" s="5" t="s">
        <v>1523</v>
      </c>
      <c r="S3133" s="5" t="s">
        <v>42</v>
      </c>
      <c r="T3133" s="2">
        <v>2.544</v>
      </c>
      <c r="U3133" s="2">
        <v>2.0009999999999999</v>
      </c>
      <c r="V3133" s="2">
        <v>1.2999999999999999E-2</v>
      </c>
      <c r="W3133" s="2">
        <v>99.1</v>
      </c>
      <c r="X3133" s="2">
        <v>7.6</v>
      </c>
      <c r="Y3133" s="2">
        <v>16.7</v>
      </c>
      <c r="Z3133" s="5"/>
      <c r="AA3133" s="5" t="s">
        <v>43</v>
      </c>
      <c r="AB3133" s="5" t="s">
        <v>44</v>
      </c>
      <c r="AC3133" s="2"/>
      <c r="AD3133" s="1"/>
    </row>
    <row r="3134" spans="1:30">
      <c r="A3134" s="5" t="s">
        <v>83578</v>
      </c>
      <c r="B3134" s="2" t="s">
        <v>93004</v>
      </c>
      <c r="C3134" s="14" t="s">
        <v>93005</v>
      </c>
      <c r="D3134" s="2" t="s">
        <v>93006</v>
      </c>
      <c r="E3134" s="2" t="s">
        <v>36325</v>
      </c>
      <c r="F3134" s="8">
        <v>302</v>
      </c>
      <c r="G3134" s="5">
        <v>6</v>
      </c>
      <c r="H3134" s="5" t="s">
        <v>1518</v>
      </c>
      <c r="I3134" s="5" t="s">
        <v>36264</v>
      </c>
      <c r="J3134" s="2" t="s">
        <v>36265</v>
      </c>
      <c r="K3134" s="5" t="s">
        <v>36264</v>
      </c>
      <c r="L3134" s="2" t="s">
        <v>36265</v>
      </c>
      <c r="M3134" s="5" t="s">
        <v>36266</v>
      </c>
      <c r="N3134" s="5" t="s">
        <v>38</v>
      </c>
      <c r="O3134" s="5" t="s">
        <v>39</v>
      </c>
      <c r="P3134" s="5" t="s">
        <v>40</v>
      </c>
      <c r="Q3134" s="5" t="s">
        <v>1522</v>
      </c>
      <c r="R3134" s="5" t="s">
        <v>1523</v>
      </c>
      <c r="S3134" s="5" t="s">
        <v>42</v>
      </c>
      <c r="T3134" s="2">
        <v>2.7909999999999999</v>
      </c>
      <c r="U3134" s="2">
        <v>2.2480000000000002</v>
      </c>
      <c r="V3134" s="2">
        <v>1.4999999999999999E-2</v>
      </c>
      <c r="W3134" s="2">
        <v>118.9</v>
      </c>
      <c r="X3134" s="2">
        <v>7.6</v>
      </c>
      <c r="Y3134" s="2">
        <v>16.7</v>
      </c>
      <c r="Z3134" s="5"/>
      <c r="AA3134" s="5" t="s">
        <v>43</v>
      </c>
      <c r="AB3134" s="5" t="s">
        <v>44</v>
      </c>
      <c r="AC3134" s="2"/>
      <c r="AD3134" s="1"/>
    </row>
    <row r="3135" spans="1:30">
      <c r="A3135" s="5" t="s">
        <v>83578</v>
      </c>
      <c r="B3135" s="2" t="s">
        <v>93007</v>
      </c>
      <c r="C3135" s="14" t="s">
        <v>93008</v>
      </c>
      <c r="D3135" s="2" t="s">
        <v>93009</v>
      </c>
      <c r="E3135" s="2" t="s">
        <v>36337</v>
      </c>
      <c r="F3135" s="8">
        <v>302</v>
      </c>
      <c r="G3135" s="5">
        <v>6</v>
      </c>
      <c r="H3135" s="5" t="s">
        <v>1518</v>
      </c>
      <c r="I3135" s="5" t="s">
        <v>36264</v>
      </c>
      <c r="J3135" s="2" t="s">
        <v>36265</v>
      </c>
      <c r="K3135" s="5" t="s">
        <v>36264</v>
      </c>
      <c r="L3135" s="2" t="s">
        <v>36265</v>
      </c>
      <c r="M3135" s="5" t="s">
        <v>36266</v>
      </c>
      <c r="N3135" s="5" t="s">
        <v>38</v>
      </c>
      <c r="O3135" s="5" t="s">
        <v>39</v>
      </c>
      <c r="P3135" s="5" t="s">
        <v>40</v>
      </c>
      <c r="Q3135" s="5" t="s">
        <v>1522</v>
      </c>
      <c r="R3135" s="5" t="s">
        <v>1523</v>
      </c>
      <c r="S3135" s="5" t="s">
        <v>42</v>
      </c>
      <c r="T3135" s="2">
        <v>2.7090000000000001</v>
      </c>
      <c r="U3135" s="2">
        <v>2.1659999999999999</v>
      </c>
      <c r="V3135" s="2">
        <v>1.4999999999999999E-2</v>
      </c>
      <c r="W3135" s="2">
        <v>118.9</v>
      </c>
      <c r="X3135" s="2">
        <v>7.6</v>
      </c>
      <c r="Y3135" s="2">
        <v>16.7</v>
      </c>
      <c r="Z3135" s="5"/>
      <c r="AA3135" s="5" t="s">
        <v>43</v>
      </c>
      <c r="AB3135" s="5" t="s">
        <v>44</v>
      </c>
      <c r="AC3135" s="2"/>
      <c r="AD3135" s="1"/>
    </row>
    <row r="3136" spans="1:30">
      <c r="A3136" s="5" t="s">
        <v>83578</v>
      </c>
      <c r="B3136" s="2" t="s">
        <v>93010</v>
      </c>
      <c r="C3136" s="14" t="s">
        <v>93011</v>
      </c>
      <c r="D3136" s="2" t="s">
        <v>93012</v>
      </c>
      <c r="E3136" s="2" t="s">
        <v>36353</v>
      </c>
      <c r="F3136" s="8">
        <v>302</v>
      </c>
      <c r="G3136" s="5">
        <v>6</v>
      </c>
      <c r="H3136" s="5" t="s">
        <v>1518</v>
      </c>
      <c r="I3136" s="5" t="s">
        <v>36264</v>
      </c>
      <c r="J3136" s="2" t="s">
        <v>36265</v>
      </c>
      <c r="K3136" s="5" t="s">
        <v>36264</v>
      </c>
      <c r="L3136" s="2" t="s">
        <v>36265</v>
      </c>
      <c r="M3136" s="5" t="s">
        <v>36266</v>
      </c>
      <c r="N3136" s="5" t="s">
        <v>38</v>
      </c>
      <c r="O3136" s="5" t="s">
        <v>39</v>
      </c>
      <c r="P3136" s="5" t="s">
        <v>40</v>
      </c>
      <c r="Q3136" s="5" t="s">
        <v>1522</v>
      </c>
      <c r="R3136" s="5" t="s">
        <v>1523</v>
      </c>
      <c r="S3136" s="5" t="s">
        <v>42</v>
      </c>
      <c r="T3136" s="2">
        <v>2.7090000000000001</v>
      </c>
      <c r="U3136" s="2">
        <v>2.1659999999999999</v>
      </c>
      <c r="V3136" s="2">
        <v>1.4999999999999999E-2</v>
      </c>
      <c r="W3136" s="2">
        <v>118.9</v>
      </c>
      <c r="X3136" s="2">
        <v>7.6</v>
      </c>
      <c r="Y3136" s="2">
        <v>16.7</v>
      </c>
      <c r="Z3136" s="5"/>
      <c r="AA3136" s="5" t="s">
        <v>43</v>
      </c>
      <c r="AB3136" s="5" t="s">
        <v>44</v>
      </c>
      <c r="AC3136" s="2"/>
      <c r="AD3136" s="1"/>
    </row>
    <row r="3137" spans="1:30">
      <c r="A3137" s="5" t="s">
        <v>83578</v>
      </c>
      <c r="B3137" s="2" t="s">
        <v>93013</v>
      </c>
      <c r="C3137" s="14" t="s">
        <v>93014</v>
      </c>
      <c r="D3137" s="2" t="s">
        <v>93015</v>
      </c>
      <c r="E3137" s="2" t="s">
        <v>36321</v>
      </c>
      <c r="F3137" s="8">
        <v>308</v>
      </c>
      <c r="G3137" s="5">
        <v>6</v>
      </c>
      <c r="H3137" s="5" t="s">
        <v>1518</v>
      </c>
      <c r="I3137" s="5" t="s">
        <v>36264</v>
      </c>
      <c r="J3137" s="2" t="s">
        <v>36265</v>
      </c>
      <c r="K3137" s="5" t="s">
        <v>36264</v>
      </c>
      <c r="L3137" s="2" t="s">
        <v>36265</v>
      </c>
      <c r="M3137" s="5" t="s">
        <v>36266</v>
      </c>
      <c r="N3137" s="5" t="s">
        <v>38</v>
      </c>
      <c r="O3137" s="5" t="s">
        <v>39</v>
      </c>
      <c r="P3137" s="5" t="s">
        <v>40</v>
      </c>
      <c r="Q3137" s="5" t="s">
        <v>1522</v>
      </c>
      <c r="R3137" s="5" t="s">
        <v>1523</v>
      </c>
      <c r="S3137" s="5" t="s">
        <v>42</v>
      </c>
      <c r="T3137" s="2">
        <v>2.964</v>
      </c>
      <c r="U3137" s="2">
        <v>2.347</v>
      </c>
      <c r="V3137" s="2">
        <v>1.7999999999999999E-2</v>
      </c>
      <c r="W3137" s="2">
        <v>139.1</v>
      </c>
      <c r="X3137" s="2">
        <v>7.6</v>
      </c>
      <c r="Y3137" s="2">
        <v>16.7</v>
      </c>
      <c r="Z3137" s="5"/>
      <c r="AA3137" s="5" t="s">
        <v>43</v>
      </c>
      <c r="AB3137" s="5" t="s">
        <v>44</v>
      </c>
      <c r="AC3137" s="2"/>
      <c r="AD3137" s="1"/>
    </row>
    <row r="3138" spans="1:30">
      <c r="A3138" s="5" t="s">
        <v>83578</v>
      </c>
      <c r="B3138" s="2" t="s">
        <v>93016</v>
      </c>
      <c r="C3138" s="14" t="s">
        <v>93017</v>
      </c>
      <c r="D3138" s="2" t="s">
        <v>93018</v>
      </c>
      <c r="E3138" s="2" t="s">
        <v>36337</v>
      </c>
      <c r="F3138" s="8">
        <v>308</v>
      </c>
      <c r="G3138" s="5">
        <v>6</v>
      </c>
      <c r="H3138" s="5" t="s">
        <v>1518</v>
      </c>
      <c r="I3138" s="5" t="s">
        <v>36264</v>
      </c>
      <c r="J3138" s="2" t="s">
        <v>36265</v>
      </c>
      <c r="K3138" s="5" t="s">
        <v>36264</v>
      </c>
      <c r="L3138" s="2" t="s">
        <v>36265</v>
      </c>
      <c r="M3138" s="5" t="s">
        <v>36266</v>
      </c>
      <c r="N3138" s="5" t="s">
        <v>38</v>
      </c>
      <c r="O3138" s="5" t="s">
        <v>39</v>
      </c>
      <c r="P3138" s="5" t="s">
        <v>40</v>
      </c>
      <c r="Q3138" s="5" t="s">
        <v>1522</v>
      </c>
      <c r="R3138" s="5" t="s">
        <v>1523</v>
      </c>
      <c r="S3138" s="5" t="s">
        <v>42</v>
      </c>
      <c r="T3138" s="2">
        <v>2.964</v>
      </c>
      <c r="U3138" s="2">
        <v>2.347</v>
      </c>
      <c r="V3138" s="2">
        <v>1.7999999999999999E-2</v>
      </c>
      <c r="W3138" s="2">
        <v>139.1</v>
      </c>
      <c r="X3138" s="2">
        <v>7.6</v>
      </c>
      <c r="Y3138" s="2">
        <v>16.7</v>
      </c>
      <c r="Z3138" s="5"/>
      <c r="AA3138" s="5" t="s">
        <v>43</v>
      </c>
      <c r="AB3138" s="5" t="s">
        <v>44</v>
      </c>
      <c r="AC3138" s="2"/>
      <c r="AD3138" s="1"/>
    </row>
    <row r="3139" spans="1:30">
      <c r="A3139" s="5" t="s">
        <v>83578</v>
      </c>
      <c r="B3139" s="2" t="s">
        <v>93019</v>
      </c>
      <c r="C3139" s="14" t="s">
        <v>93020</v>
      </c>
      <c r="D3139" s="2" t="s">
        <v>93021</v>
      </c>
      <c r="E3139" s="2" t="s">
        <v>36369</v>
      </c>
      <c r="F3139" s="8">
        <v>308</v>
      </c>
      <c r="G3139" s="5">
        <v>6</v>
      </c>
      <c r="H3139" s="5" t="s">
        <v>1518</v>
      </c>
      <c r="I3139" s="5" t="s">
        <v>36264</v>
      </c>
      <c r="J3139" s="2" t="s">
        <v>36265</v>
      </c>
      <c r="K3139" s="5" t="s">
        <v>36264</v>
      </c>
      <c r="L3139" s="2" t="s">
        <v>36265</v>
      </c>
      <c r="M3139" s="5" t="s">
        <v>36266</v>
      </c>
      <c r="N3139" s="5" t="s">
        <v>38</v>
      </c>
      <c r="O3139" s="5" t="s">
        <v>39</v>
      </c>
      <c r="P3139" s="5" t="s">
        <v>40</v>
      </c>
      <c r="Q3139" s="5" t="s">
        <v>1522</v>
      </c>
      <c r="R3139" s="5" t="s">
        <v>1523</v>
      </c>
      <c r="S3139" s="5" t="s">
        <v>42</v>
      </c>
      <c r="T3139" s="2">
        <v>2.964</v>
      </c>
      <c r="U3139" s="2">
        <v>2.347</v>
      </c>
      <c r="V3139" s="2">
        <v>1.7999999999999999E-2</v>
      </c>
      <c r="W3139" s="2">
        <v>139.1</v>
      </c>
      <c r="X3139" s="2">
        <v>7.6</v>
      </c>
      <c r="Y3139" s="2">
        <v>16.7</v>
      </c>
      <c r="Z3139" s="5"/>
      <c r="AA3139" s="5" t="s">
        <v>43</v>
      </c>
      <c r="AB3139" s="5" t="s">
        <v>44</v>
      </c>
      <c r="AC3139" s="2"/>
      <c r="AD3139" s="1"/>
    </row>
    <row r="3140" spans="1:30">
      <c r="A3140" s="5" t="s">
        <v>83578</v>
      </c>
      <c r="B3140" s="2" t="s">
        <v>93022</v>
      </c>
      <c r="C3140" s="14" t="s">
        <v>93023</v>
      </c>
      <c r="D3140" s="2" t="s">
        <v>93024</v>
      </c>
      <c r="E3140" s="2" t="s">
        <v>36385</v>
      </c>
      <c r="F3140" s="8">
        <v>308</v>
      </c>
      <c r="G3140" s="5">
        <v>6</v>
      </c>
      <c r="H3140" s="5" t="s">
        <v>1518</v>
      </c>
      <c r="I3140" s="5" t="s">
        <v>36264</v>
      </c>
      <c r="J3140" s="2" t="s">
        <v>36265</v>
      </c>
      <c r="K3140" s="5" t="s">
        <v>36264</v>
      </c>
      <c r="L3140" s="2" t="s">
        <v>36265</v>
      </c>
      <c r="M3140" s="5" t="s">
        <v>36266</v>
      </c>
      <c r="N3140" s="5" t="s">
        <v>38</v>
      </c>
      <c r="O3140" s="5" t="s">
        <v>39</v>
      </c>
      <c r="P3140" s="5" t="s">
        <v>40</v>
      </c>
      <c r="Q3140" s="5" t="s">
        <v>1522</v>
      </c>
      <c r="R3140" s="5" t="s">
        <v>1523</v>
      </c>
      <c r="S3140" s="5" t="s">
        <v>42</v>
      </c>
      <c r="T3140" s="2">
        <v>2.964</v>
      </c>
      <c r="U3140" s="2">
        <v>2.347</v>
      </c>
      <c r="V3140" s="2">
        <v>1.7999999999999999E-2</v>
      </c>
      <c r="W3140" s="2">
        <v>139.1</v>
      </c>
      <c r="X3140" s="2">
        <v>7.6</v>
      </c>
      <c r="Y3140" s="2">
        <v>16.7</v>
      </c>
      <c r="Z3140" s="5"/>
      <c r="AA3140" s="5" t="s">
        <v>43</v>
      </c>
      <c r="AB3140" s="5" t="s">
        <v>44</v>
      </c>
      <c r="AC3140" s="2"/>
      <c r="AD3140" s="1"/>
    </row>
    <row r="3141" spans="1:30">
      <c r="A3141" s="5" t="s">
        <v>83578</v>
      </c>
      <c r="B3141" s="2" t="s">
        <v>93025</v>
      </c>
      <c r="C3141" s="14" t="s">
        <v>93026</v>
      </c>
      <c r="D3141" s="2" t="s">
        <v>93027</v>
      </c>
      <c r="E3141" s="2" t="s">
        <v>36273</v>
      </c>
      <c r="F3141" s="8">
        <v>294</v>
      </c>
      <c r="G3141" s="5">
        <v>6</v>
      </c>
      <c r="H3141" s="5" t="s">
        <v>1518</v>
      </c>
      <c r="I3141" s="5" t="s">
        <v>36264</v>
      </c>
      <c r="J3141" s="2" t="s">
        <v>36265</v>
      </c>
      <c r="K3141" s="5" t="s">
        <v>36264</v>
      </c>
      <c r="L3141" s="2" t="s">
        <v>36265</v>
      </c>
      <c r="M3141" s="5" t="s">
        <v>36266</v>
      </c>
      <c r="N3141" s="5" t="s">
        <v>38</v>
      </c>
      <c r="O3141" s="5" t="s">
        <v>39</v>
      </c>
      <c r="P3141" s="5" t="s">
        <v>40</v>
      </c>
      <c r="Q3141" s="5" t="s">
        <v>1522</v>
      </c>
      <c r="R3141" s="5" t="s">
        <v>1523</v>
      </c>
      <c r="S3141" s="5" t="s">
        <v>42</v>
      </c>
      <c r="T3141" s="2">
        <v>3.214</v>
      </c>
      <c r="U3141" s="2">
        <v>2.5139999999999998</v>
      </c>
      <c r="V3141" s="2">
        <v>0.02</v>
      </c>
      <c r="W3141" s="2">
        <v>159.1</v>
      </c>
      <c r="X3141" s="2">
        <v>7.6</v>
      </c>
      <c r="Y3141" s="2">
        <v>16.7</v>
      </c>
      <c r="Z3141" s="5"/>
      <c r="AA3141" s="5" t="s">
        <v>43</v>
      </c>
      <c r="AB3141" s="5" t="s">
        <v>44</v>
      </c>
      <c r="AC3141" s="2"/>
      <c r="AD3141" s="1"/>
    </row>
    <row r="3142" spans="1:30">
      <c r="A3142" s="5" t="s">
        <v>83578</v>
      </c>
      <c r="B3142" s="2" t="s">
        <v>93028</v>
      </c>
      <c r="C3142" s="14" t="s">
        <v>93029</v>
      </c>
      <c r="D3142" s="2" t="s">
        <v>93030</v>
      </c>
      <c r="E3142" s="2" t="s">
        <v>36285</v>
      </c>
      <c r="F3142" s="8">
        <v>318</v>
      </c>
      <c r="G3142" s="5">
        <v>6</v>
      </c>
      <c r="H3142" s="5" t="s">
        <v>1518</v>
      </c>
      <c r="I3142" s="5" t="s">
        <v>36264</v>
      </c>
      <c r="J3142" s="2" t="s">
        <v>36265</v>
      </c>
      <c r="K3142" s="5" t="s">
        <v>36264</v>
      </c>
      <c r="L3142" s="2" t="s">
        <v>36265</v>
      </c>
      <c r="M3142" s="5" t="s">
        <v>36266</v>
      </c>
      <c r="N3142" s="5" t="s">
        <v>38</v>
      </c>
      <c r="O3142" s="5" t="s">
        <v>39</v>
      </c>
      <c r="P3142" s="5" t="s">
        <v>40</v>
      </c>
      <c r="Q3142" s="5" t="s">
        <v>1522</v>
      </c>
      <c r="R3142" s="5" t="s">
        <v>1523</v>
      </c>
      <c r="S3142" s="5" t="s">
        <v>42</v>
      </c>
      <c r="T3142" s="2">
        <v>3.32</v>
      </c>
      <c r="U3142" s="2">
        <v>2.62</v>
      </c>
      <c r="V3142" s="2">
        <v>0.02</v>
      </c>
      <c r="W3142" s="2">
        <v>159.1</v>
      </c>
      <c r="X3142" s="2">
        <v>7.6</v>
      </c>
      <c r="Y3142" s="2">
        <v>16.7</v>
      </c>
      <c r="Z3142" s="5"/>
      <c r="AA3142" s="5" t="s">
        <v>43</v>
      </c>
      <c r="AB3142" s="5" t="s">
        <v>44</v>
      </c>
      <c r="AC3142" s="2"/>
      <c r="AD3142" s="1"/>
    </row>
    <row r="3143" spans="1:30">
      <c r="A3143" s="5" t="s">
        <v>83578</v>
      </c>
      <c r="B3143" s="2" t="s">
        <v>93031</v>
      </c>
      <c r="C3143" s="14" t="s">
        <v>93032</v>
      </c>
      <c r="D3143" s="2" t="s">
        <v>93033</v>
      </c>
      <c r="E3143" s="2" t="s">
        <v>36313</v>
      </c>
      <c r="F3143" s="8">
        <v>318</v>
      </c>
      <c r="G3143" s="5">
        <v>6</v>
      </c>
      <c r="H3143" s="5" t="s">
        <v>1518</v>
      </c>
      <c r="I3143" s="5" t="s">
        <v>36264</v>
      </c>
      <c r="J3143" s="2" t="s">
        <v>36265</v>
      </c>
      <c r="K3143" s="5" t="s">
        <v>36264</v>
      </c>
      <c r="L3143" s="2" t="s">
        <v>36265</v>
      </c>
      <c r="M3143" s="5" t="s">
        <v>36266</v>
      </c>
      <c r="N3143" s="5" t="s">
        <v>38</v>
      </c>
      <c r="O3143" s="5" t="s">
        <v>39</v>
      </c>
      <c r="P3143" s="5" t="s">
        <v>40</v>
      </c>
      <c r="Q3143" s="5" t="s">
        <v>1522</v>
      </c>
      <c r="R3143" s="5" t="s">
        <v>1523</v>
      </c>
      <c r="S3143" s="5" t="s">
        <v>42</v>
      </c>
      <c r="T3143" s="2">
        <v>3.214</v>
      </c>
      <c r="U3143" s="2">
        <v>2.5139999999999998</v>
      </c>
      <c r="V3143" s="2">
        <v>0.02</v>
      </c>
      <c r="W3143" s="2">
        <v>159.1</v>
      </c>
      <c r="X3143" s="2">
        <v>7.6</v>
      </c>
      <c r="Y3143" s="2">
        <v>16.7</v>
      </c>
      <c r="Z3143" s="5"/>
      <c r="AA3143" s="5" t="s">
        <v>43</v>
      </c>
      <c r="AB3143" s="5" t="s">
        <v>44</v>
      </c>
      <c r="AC3143" s="2"/>
      <c r="AD3143" s="1"/>
    </row>
    <row r="3144" spans="1:30">
      <c r="A3144" s="5" t="s">
        <v>83578</v>
      </c>
      <c r="B3144" s="2" t="s">
        <v>93034</v>
      </c>
      <c r="C3144" s="14" t="s">
        <v>93035</v>
      </c>
      <c r="D3144" s="2" t="s">
        <v>93036</v>
      </c>
      <c r="E3144" s="2" t="s">
        <v>36321</v>
      </c>
      <c r="F3144" s="8">
        <v>318</v>
      </c>
      <c r="G3144" s="5">
        <v>6</v>
      </c>
      <c r="H3144" s="5" t="s">
        <v>1518</v>
      </c>
      <c r="I3144" s="5" t="s">
        <v>36264</v>
      </c>
      <c r="J3144" s="2" t="s">
        <v>36265</v>
      </c>
      <c r="K3144" s="5" t="s">
        <v>36264</v>
      </c>
      <c r="L3144" s="2" t="s">
        <v>36265</v>
      </c>
      <c r="M3144" s="5" t="s">
        <v>36266</v>
      </c>
      <c r="N3144" s="5" t="s">
        <v>38</v>
      </c>
      <c r="O3144" s="5" t="s">
        <v>39</v>
      </c>
      <c r="P3144" s="5" t="s">
        <v>40</v>
      </c>
      <c r="Q3144" s="5" t="s">
        <v>1522</v>
      </c>
      <c r="R3144" s="5" t="s">
        <v>1523</v>
      </c>
      <c r="S3144" s="5" t="s">
        <v>42</v>
      </c>
      <c r="T3144" s="2">
        <v>3.214</v>
      </c>
      <c r="U3144" s="2">
        <v>2.5139999999999998</v>
      </c>
      <c r="V3144" s="2">
        <v>0.02</v>
      </c>
      <c r="W3144" s="2">
        <v>159.1</v>
      </c>
      <c r="X3144" s="2">
        <v>7.6</v>
      </c>
      <c r="Y3144" s="2">
        <v>16.7</v>
      </c>
      <c r="Z3144" s="5"/>
      <c r="AA3144" s="5" t="s">
        <v>43</v>
      </c>
      <c r="AB3144" s="5" t="s">
        <v>44</v>
      </c>
      <c r="AC3144" s="2"/>
      <c r="AD3144" s="1"/>
    </row>
    <row r="3145" spans="1:30">
      <c r="A3145" s="5" t="s">
        <v>83578</v>
      </c>
      <c r="B3145" s="2" t="s">
        <v>93037</v>
      </c>
      <c r="C3145" s="14" t="s">
        <v>93038</v>
      </c>
      <c r="D3145" s="2" t="s">
        <v>93039</v>
      </c>
      <c r="E3145" s="2" t="s">
        <v>36325</v>
      </c>
      <c r="F3145" s="8">
        <v>318</v>
      </c>
      <c r="G3145" s="5">
        <v>6</v>
      </c>
      <c r="H3145" s="5" t="s">
        <v>1518</v>
      </c>
      <c r="I3145" s="5" t="s">
        <v>36264</v>
      </c>
      <c r="J3145" s="2" t="s">
        <v>36265</v>
      </c>
      <c r="K3145" s="5" t="s">
        <v>36264</v>
      </c>
      <c r="L3145" s="2" t="s">
        <v>36265</v>
      </c>
      <c r="M3145" s="5" t="s">
        <v>36266</v>
      </c>
      <c r="N3145" s="5" t="s">
        <v>38</v>
      </c>
      <c r="O3145" s="5" t="s">
        <v>39</v>
      </c>
      <c r="P3145" s="5" t="s">
        <v>40</v>
      </c>
      <c r="Q3145" s="5" t="s">
        <v>1522</v>
      </c>
      <c r="R3145" s="5" t="s">
        <v>1523</v>
      </c>
      <c r="S3145" s="5" t="s">
        <v>42</v>
      </c>
      <c r="T3145" s="2">
        <v>3.32</v>
      </c>
      <c r="U3145" s="2">
        <v>2.62</v>
      </c>
      <c r="V3145" s="2">
        <v>0.02</v>
      </c>
      <c r="W3145" s="2">
        <v>159.1</v>
      </c>
      <c r="X3145" s="2">
        <v>7.6</v>
      </c>
      <c r="Y3145" s="2">
        <v>16.7</v>
      </c>
      <c r="Z3145" s="5"/>
      <c r="AA3145" s="5" t="s">
        <v>43</v>
      </c>
      <c r="AB3145" s="5" t="s">
        <v>44</v>
      </c>
      <c r="AC3145" s="2"/>
      <c r="AD3145" s="1"/>
    </row>
    <row r="3146" spans="1:30">
      <c r="A3146" s="5" t="s">
        <v>83578</v>
      </c>
      <c r="B3146" s="2" t="s">
        <v>93040</v>
      </c>
      <c r="C3146" s="14" t="s">
        <v>93041</v>
      </c>
      <c r="D3146" s="2" t="s">
        <v>93042</v>
      </c>
      <c r="E3146" s="2" t="s">
        <v>36329</v>
      </c>
      <c r="F3146" s="8">
        <v>318</v>
      </c>
      <c r="G3146" s="5">
        <v>6</v>
      </c>
      <c r="H3146" s="5" t="s">
        <v>1518</v>
      </c>
      <c r="I3146" s="5" t="s">
        <v>36264</v>
      </c>
      <c r="J3146" s="2" t="s">
        <v>36265</v>
      </c>
      <c r="K3146" s="5" t="s">
        <v>36264</v>
      </c>
      <c r="L3146" s="2" t="s">
        <v>36265</v>
      </c>
      <c r="M3146" s="5" t="s">
        <v>36266</v>
      </c>
      <c r="N3146" s="5" t="s">
        <v>38</v>
      </c>
      <c r="O3146" s="5" t="s">
        <v>39</v>
      </c>
      <c r="P3146" s="5" t="s">
        <v>40</v>
      </c>
      <c r="Q3146" s="5" t="s">
        <v>1522</v>
      </c>
      <c r="R3146" s="5" t="s">
        <v>1523</v>
      </c>
      <c r="S3146" s="5" t="s">
        <v>42</v>
      </c>
      <c r="T3146" s="2">
        <v>3.214</v>
      </c>
      <c r="U3146" s="2">
        <v>2.5139999999999998</v>
      </c>
      <c r="V3146" s="2">
        <v>0.02</v>
      </c>
      <c r="W3146" s="2">
        <v>159.1</v>
      </c>
      <c r="X3146" s="2">
        <v>7.6</v>
      </c>
      <c r="Y3146" s="2">
        <v>16.7</v>
      </c>
      <c r="Z3146" s="5"/>
      <c r="AA3146" s="5" t="s">
        <v>43</v>
      </c>
      <c r="AB3146" s="5" t="s">
        <v>44</v>
      </c>
      <c r="AC3146" s="2"/>
      <c r="AD3146" s="1"/>
    </row>
    <row r="3147" spans="1:30">
      <c r="A3147" s="5" t="s">
        <v>83578</v>
      </c>
      <c r="B3147" s="2" t="s">
        <v>93043</v>
      </c>
      <c r="C3147" s="14" t="s">
        <v>93044</v>
      </c>
      <c r="D3147" s="2" t="s">
        <v>93045</v>
      </c>
      <c r="E3147" s="2" t="s">
        <v>36337</v>
      </c>
      <c r="F3147" s="8">
        <v>318</v>
      </c>
      <c r="G3147" s="5">
        <v>6</v>
      </c>
      <c r="H3147" s="5" t="s">
        <v>1518</v>
      </c>
      <c r="I3147" s="5" t="s">
        <v>36264</v>
      </c>
      <c r="J3147" s="2" t="s">
        <v>36265</v>
      </c>
      <c r="K3147" s="5" t="s">
        <v>36264</v>
      </c>
      <c r="L3147" s="2" t="s">
        <v>36265</v>
      </c>
      <c r="M3147" s="5" t="s">
        <v>36266</v>
      </c>
      <c r="N3147" s="5" t="s">
        <v>38</v>
      </c>
      <c r="O3147" s="5" t="s">
        <v>39</v>
      </c>
      <c r="P3147" s="5" t="s">
        <v>40</v>
      </c>
      <c r="Q3147" s="5" t="s">
        <v>1522</v>
      </c>
      <c r="R3147" s="5" t="s">
        <v>1523</v>
      </c>
      <c r="S3147" s="5" t="s">
        <v>42</v>
      </c>
      <c r="T3147" s="2">
        <v>3.214</v>
      </c>
      <c r="U3147" s="2">
        <v>2.5139999999999998</v>
      </c>
      <c r="V3147" s="2">
        <v>0.02</v>
      </c>
      <c r="W3147" s="2">
        <v>159.1</v>
      </c>
      <c r="X3147" s="2">
        <v>7.6</v>
      </c>
      <c r="Y3147" s="2">
        <v>16.7</v>
      </c>
      <c r="Z3147" s="5"/>
      <c r="AA3147" s="5" t="s">
        <v>43</v>
      </c>
      <c r="AB3147" s="5" t="s">
        <v>44</v>
      </c>
      <c r="AC3147" s="2"/>
      <c r="AD3147" s="1"/>
    </row>
    <row r="3148" spans="1:30">
      <c r="A3148" s="5" t="s">
        <v>83578</v>
      </c>
      <c r="B3148" s="2" t="s">
        <v>93046</v>
      </c>
      <c r="C3148" s="14" t="s">
        <v>93047</v>
      </c>
      <c r="D3148" s="2" t="s">
        <v>93048</v>
      </c>
      <c r="E3148" s="2" t="s">
        <v>36341</v>
      </c>
      <c r="F3148" s="8">
        <v>318</v>
      </c>
      <c r="G3148" s="5">
        <v>6</v>
      </c>
      <c r="H3148" s="5" t="s">
        <v>1518</v>
      </c>
      <c r="I3148" s="5" t="s">
        <v>36264</v>
      </c>
      <c r="J3148" s="2" t="s">
        <v>36265</v>
      </c>
      <c r="K3148" s="5" t="s">
        <v>36264</v>
      </c>
      <c r="L3148" s="2" t="s">
        <v>36265</v>
      </c>
      <c r="M3148" s="5" t="s">
        <v>36266</v>
      </c>
      <c r="N3148" s="5" t="s">
        <v>38</v>
      </c>
      <c r="O3148" s="5" t="s">
        <v>39</v>
      </c>
      <c r="P3148" s="5" t="s">
        <v>40</v>
      </c>
      <c r="Q3148" s="5" t="s">
        <v>1522</v>
      </c>
      <c r="R3148" s="5" t="s">
        <v>1523</v>
      </c>
      <c r="S3148" s="5" t="s">
        <v>42</v>
      </c>
      <c r="T3148" s="2">
        <v>3.32</v>
      </c>
      <c r="U3148" s="2">
        <v>2.62</v>
      </c>
      <c r="V3148" s="2">
        <v>0.02</v>
      </c>
      <c r="W3148" s="2">
        <v>159.1</v>
      </c>
      <c r="X3148" s="2">
        <v>7.6</v>
      </c>
      <c r="Y3148" s="2">
        <v>16.7</v>
      </c>
      <c r="Z3148" s="5"/>
      <c r="AA3148" s="5" t="s">
        <v>43</v>
      </c>
      <c r="AB3148" s="5" t="s">
        <v>44</v>
      </c>
      <c r="AC3148" s="2"/>
      <c r="AD3148" s="1"/>
    </row>
    <row r="3149" spans="1:30">
      <c r="A3149" s="5" t="s">
        <v>83578</v>
      </c>
      <c r="B3149" s="2" t="s">
        <v>93049</v>
      </c>
      <c r="C3149" s="14" t="s">
        <v>93050</v>
      </c>
      <c r="D3149" s="2" t="s">
        <v>93051</v>
      </c>
      <c r="E3149" s="2" t="s">
        <v>36345</v>
      </c>
      <c r="F3149" s="8">
        <v>318</v>
      </c>
      <c r="G3149" s="5">
        <v>6</v>
      </c>
      <c r="H3149" s="5" t="s">
        <v>1518</v>
      </c>
      <c r="I3149" s="5" t="s">
        <v>36264</v>
      </c>
      <c r="J3149" s="2" t="s">
        <v>36265</v>
      </c>
      <c r="K3149" s="5" t="s">
        <v>36264</v>
      </c>
      <c r="L3149" s="2" t="s">
        <v>36265</v>
      </c>
      <c r="M3149" s="5" t="s">
        <v>36266</v>
      </c>
      <c r="N3149" s="5" t="s">
        <v>38</v>
      </c>
      <c r="O3149" s="5" t="s">
        <v>39</v>
      </c>
      <c r="P3149" s="5" t="s">
        <v>40</v>
      </c>
      <c r="Q3149" s="5" t="s">
        <v>1522</v>
      </c>
      <c r="R3149" s="5" t="s">
        <v>1523</v>
      </c>
      <c r="S3149" s="5" t="s">
        <v>42</v>
      </c>
      <c r="T3149" s="2">
        <v>3.214</v>
      </c>
      <c r="U3149" s="2">
        <v>2.5139999999999998</v>
      </c>
      <c r="V3149" s="2">
        <v>0.02</v>
      </c>
      <c r="W3149" s="2">
        <v>159.1</v>
      </c>
      <c r="X3149" s="2">
        <v>7.6</v>
      </c>
      <c r="Y3149" s="2">
        <v>16.7</v>
      </c>
      <c r="Z3149" s="5"/>
      <c r="AA3149" s="5" t="s">
        <v>43</v>
      </c>
      <c r="AB3149" s="5" t="s">
        <v>44</v>
      </c>
      <c r="AC3149" s="2"/>
      <c r="AD3149" s="1"/>
    </row>
    <row r="3150" spans="1:30">
      <c r="A3150" s="5" t="s">
        <v>83578</v>
      </c>
      <c r="B3150" s="2" t="s">
        <v>93052</v>
      </c>
      <c r="C3150" s="14" t="s">
        <v>93053</v>
      </c>
      <c r="D3150" s="2" t="s">
        <v>93054</v>
      </c>
      <c r="E3150" s="2" t="s">
        <v>36353</v>
      </c>
      <c r="F3150" s="8">
        <v>318</v>
      </c>
      <c r="G3150" s="5">
        <v>6</v>
      </c>
      <c r="H3150" s="5" t="s">
        <v>1518</v>
      </c>
      <c r="I3150" s="5" t="s">
        <v>36264</v>
      </c>
      <c r="J3150" s="2" t="s">
        <v>36265</v>
      </c>
      <c r="K3150" s="5" t="s">
        <v>36264</v>
      </c>
      <c r="L3150" s="2" t="s">
        <v>36265</v>
      </c>
      <c r="M3150" s="5" t="s">
        <v>36266</v>
      </c>
      <c r="N3150" s="5" t="s">
        <v>38</v>
      </c>
      <c r="O3150" s="5" t="s">
        <v>39</v>
      </c>
      <c r="P3150" s="5" t="s">
        <v>40</v>
      </c>
      <c r="Q3150" s="5" t="s">
        <v>1522</v>
      </c>
      <c r="R3150" s="5" t="s">
        <v>1523</v>
      </c>
      <c r="S3150" s="5" t="s">
        <v>42</v>
      </c>
      <c r="T3150" s="2">
        <v>3.214</v>
      </c>
      <c r="U3150" s="2">
        <v>2.5139999999999998</v>
      </c>
      <c r="V3150" s="2">
        <v>0.02</v>
      </c>
      <c r="W3150" s="2">
        <v>159.1</v>
      </c>
      <c r="X3150" s="2">
        <v>7.6</v>
      </c>
      <c r="Y3150" s="2">
        <v>16.7</v>
      </c>
      <c r="Z3150" s="5"/>
      <c r="AA3150" s="5" t="s">
        <v>43</v>
      </c>
      <c r="AB3150" s="5" t="s">
        <v>44</v>
      </c>
      <c r="AC3150" s="2"/>
      <c r="AD3150" s="1"/>
    </row>
    <row r="3151" spans="1:30">
      <c r="A3151" s="5" t="s">
        <v>83578</v>
      </c>
      <c r="B3151" s="2" t="s">
        <v>93055</v>
      </c>
      <c r="C3151" s="14" t="s">
        <v>93056</v>
      </c>
      <c r="D3151" s="2" t="s">
        <v>93057</v>
      </c>
      <c r="E3151" s="2" t="s">
        <v>36357</v>
      </c>
      <c r="F3151" s="8">
        <v>318</v>
      </c>
      <c r="G3151" s="5">
        <v>6</v>
      </c>
      <c r="H3151" s="5" t="s">
        <v>1518</v>
      </c>
      <c r="I3151" s="5" t="s">
        <v>36264</v>
      </c>
      <c r="J3151" s="2" t="s">
        <v>36265</v>
      </c>
      <c r="K3151" s="5" t="s">
        <v>36264</v>
      </c>
      <c r="L3151" s="2" t="s">
        <v>36265</v>
      </c>
      <c r="M3151" s="5" t="s">
        <v>36266</v>
      </c>
      <c r="N3151" s="5" t="s">
        <v>38</v>
      </c>
      <c r="O3151" s="5" t="s">
        <v>39</v>
      </c>
      <c r="P3151" s="5" t="s">
        <v>40</v>
      </c>
      <c r="Q3151" s="5" t="s">
        <v>1522</v>
      </c>
      <c r="R3151" s="5" t="s">
        <v>1523</v>
      </c>
      <c r="S3151" s="5" t="s">
        <v>42</v>
      </c>
      <c r="T3151" s="2">
        <v>3.32</v>
      </c>
      <c r="U3151" s="2">
        <v>2.62</v>
      </c>
      <c r="V3151" s="2">
        <v>0.02</v>
      </c>
      <c r="W3151" s="2">
        <v>159.1</v>
      </c>
      <c r="X3151" s="2">
        <v>7.6</v>
      </c>
      <c r="Y3151" s="2">
        <v>16.7</v>
      </c>
      <c r="Z3151" s="5"/>
      <c r="AA3151" s="5" t="s">
        <v>43</v>
      </c>
      <c r="AB3151" s="5" t="s">
        <v>44</v>
      </c>
      <c r="AC3151" s="2"/>
      <c r="AD3151" s="1"/>
    </row>
    <row r="3152" spans="1:30">
      <c r="A3152" s="5" t="s">
        <v>83578</v>
      </c>
      <c r="B3152" s="2" t="s">
        <v>93058</v>
      </c>
      <c r="C3152" s="14" t="s">
        <v>93059</v>
      </c>
      <c r="D3152" s="2" t="s">
        <v>93060</v>
      </c>
      <c r="E3152" s="2" t="s">
        <v>45598</v>
      </c>
      <c r="F3152" s="8">
        <v>318</v>
      </c>
      <c r="G3152" s="5">
        <v>6</v>
      </c>
      <c r="H3152" s="5" t="s">
        <v>1518</v>
      </c>
      <c r="I3152" s="5" t="s">
        <v>36264</v>
      </c>
      <c r="J3152" s="2" t="s">
        <v>36265</v>
      </c>
      <c r="K3152" s="5" t="s">
        <v>36264</v>
      </c>
      <c r="L3152" s="2" t="s">
        <v>36265</v>
      </c>
      <c r="M3152" s="5" t="s">
        <v>36266</v>
      </c>
      <c r="N3152" s="5" t="s">
        <v>38</v>
      </c>
      <c r="O3152" s="5" t="s">
        <v>39</v>
      </c>
      <c r="P3152" s="5" t="s">
        <v>40</v>
      </c>
      <c r="Q3152" s="5" t="s">
        <v>1522</v>
      </c>
      <c r="R3152" s="5" t="s">
        <v>1523</v>
      </c>
      <c r="S3152" s="5" t="s">
        <v>42</v>
      </c>
      <c r="T3152" s="2">
        <v>3.214</v>
      </c>
      <c r="U3152" s="2">
        <v>2.5139999999999998</v>
      </c>
      <c r="V3152" s="2">
        <v>0.02</v>
      </c>
      <c r="W3152" s="2">
        <v>159.1</v>
      </c>
      <c r="X3152" s="2">
        <v>7.6</v>
      </c>
      <c r="Y3152" s="2">
        <v>16.7</v>
      </c>
      <c r="Z3152" s="5"/>
      <c r="AA3152" s="5" t="s">
        <v>43</v>
      </c>
      <c r="AB3152" s="5" t="s">
        <v>44</v>
      </c>
      <c r="AC3152" s="2"/>
      <c r="AD3152" s="1"/>
    </row>
    <row r="3153" spans="1:30">
      <c r="A3153" s="5" t="s">
        <v>83578</v>
      </c>
      <c r="B3153" s="2" t="s">
        <v>93061</v>
      </c>
      <c r="C3153" s="14" t="s">
        <v>93062</v>
      </c>
      <c r="D3153" s="2" t="s">
        <v>93063</v>
      </c>
      <c r="E3153" s="2" t="s">
        <v>36385</v>
      </c>
      <c r="F3153" s="8">
        <v>318</v>
      </c>
      <c r="G3153" s="5">
        <v>6</v>
      </c>
      <c r="H3153" s="5" t="s">
        <v>1518</v>
      </c>
      <c r="I3153" s="5" t="s">
        <v>36264</v>
      </c>
      <c r="J3153" s="2" t="s">
        <v>36265</v>
      </c>
      <c r="K3153" s="5" t="s">
        <v>36264</v>
      </c>
      <c r="L3153" s="2" t="s">
        <v>36265</v>
      </c>
      <c r="M3153" s="5" t="s">
        <v>36266</v>
      </c>
      <c r="N3153" s="5" t="s">
        <v>38</v>
      </c>
      <c r="O3153" s="5" t="s">
        <v>39</v>
      </c>
      <c r="P3153" s="5" t="s">
        <v>40</v>
      </c>
      <c r="Q3153" s="5" t="s">
        <v>1522</v>
      </c>
      <c r="R3153" s="5" t="s">
        <v>1523</v>
      </c>
      <c r="S3153" s="5" t="s">
        <v>42</v>
      </c>
      <c r="T3153" s="2">
        <v>3.214</v>
      </c>
      <c r="U3153" s="2">
        <v>2.5139999999999998</v>
      </c>
      <c r="V3153" s="2">
        <v>0.02</v>
      </c>
      <c r="W3153" s="2">
        <v>159.1</v>
      </c>
      <c r="X3153" s="2">
        <v>7.6</v>
      </c>
      <c r="Y3153" s="2">
        <v>16.7</v>
      </c>
      <c r="Z3153" s="5"/>
      <c r="AA3153" s="5" t="s">
        <v>43</v>
      </c>
      <c r="AB3153" s="5" t="s">
        <v>44</v>
      </c>
      <c r="AC3153" s="2"/>
      <c r="AD3153" s="1"/>
    </row>
    <row r="3154" spans="1:30">
      <c r="A3154" s="5" t="s">
        <v>83578</v>
      </c>
      <c r="B3154" s="2" t="s">
        <v>93064</v>
      </c>
      <c r="C3154" s="14" t="s">
        <v>93065</v>
      </c>
      <c r="D3154" s="2" t="s">
        <v>93066</v>
      </c>
      <c r="E3154" s="2" t="s">
        <v>36273</v>
      </c>
      <c r="F3154" s="8">
        <v>307</v>
      </c>
      <c r="G3154" s="5">
        <v>6</v>
      </c>
      <c r="H3154" s="5" t="s">
        <v>1518</v>
      </c>
      <c r="I3154" s="5" t="s">
        <v>36264</v>
      </c>
      <c r="J3154" s="2" t="s">
        <v>36265</v>
      </c>
      <c r="K3154" s="5" t="s">
        <v>36264</v>
      </c>
      <c r="L3154" s="2" t="s">
        <v>36265</v>
      </c>
      <c r="M3154" s="5" t="s">
        <v>36266</v>
      </c>
      <c r="N3154" s="5" t="s">
        <v>38</v>
      </c>
      <c r="O3154" s="5" t="s">
        <v>39</v>
      </c>
      <c r="P3154" s="5" t="s">
        <v>40</v>
      </c>
      <c r="Q3154" s="5" t="s">
        <v>1522</v>
      </c>
      <c r="R3154" s="5" t="s">
        <v>1523</v>
      </c>
      <c r="S3154" s="5" t="s">
        <v>42</v>
      </c>
      <c r="T3154" s="2">
        <v>3.4369999999999998</v>
      </c>
      <c r="U3154" s="2">
        <v>2.669</v>
      </c>
      <c r="V3154" s="2">
        <v>2.1000000000000001E-2</v>
      </c>
      <c r="W3154" s="2">
        <v>165.1</v>
      </c>
      <c r="X3154" s="2">
        <v>7.6</v>
      </c>
      <c r="Y3154" s="2">
        <v>16.7</v>
      </c>
      <c r="Z3154" s="5"/>
      <c r="AA3154" s="5" t="s">
        <v>43</v>
      </c>
      <c r="AB3154" s="5" t="s">
        <v>44</v>
      </c>
      <c r="AC3154" s="2"/>
      <c r="AD3154" s="1"/>
    </row>
    <row r="3155" spans="1:30">
      <c r="A3155" s="5" t="s">
        <v>83578</v>
      </c>
      <c r="B3155" s="2" t="s">
        <v>93067</v>
      </c>
      <c r="C3155" s="14" t="s">
        <v>93068</v>
      </c>
      <c r="D3155" s="2" t="s">
        <v>93069</v>
      </c>
      <c r="E3155" s="2" t="s">
        <v>36277</v>
      </c>
      <c r="F3155" s="8">
        <v>307</v>
      </c>
      <c r="G3155" s="5">
        <v>6</v>
      </c>
      <c r="H3155" s="5" t="s">
        <v>1518</v>
      </c>
      <c r="I3155" s="5" t="s">
        <v>36264</v>
      </c>
      <c r="J3155" s="2" t="s">
        <v>36265</v>
      </c>
      <c r="K3155" s="5" t="s">
        <v>36264</v>
      </c>
      <c r="L3155" s="2" t="s">
        <v>36265</v>
      </c>
      <c r="M3155" s="5" t="s">
        <v>36266</v>
      </c>
      <c r="N3155" s="5" t="s">
        <v>38</v>
      </c>
      <c r="O3155" s="5" t="s">
        <v>39</v>
      </c>
      <c r="P3155" s="5" t="s">
        <v>40</v>
      </c>
      <c r="Q3155" s="5" t="s">
        <v>1522</v>
      </c>
      <c r="R3155" s="5" t="s">
        <v>1523</v>
      </c>
      <c r="S3155" s="5" t="s">
        <v>42</v>
      </c>
      <c r="T3155" s="2">
        <v>3.5539999999999998</v>
      </c>
      <c r="U3155" s="2">
        <v>2.786</v>
      </c>
      <c r="V3155" s="2">
        <v>2.1000000000000001E-2</v>
      </c>
      <c r="W3155" s="2">
        <v>165.1</v>
      </c>
      <c r="X3155" s="2">
        <v>7.6</v>
      </c>
      <c r="Y3155" s="2">
        <v>16.7</v>
      </c>
      <c r="Z3155" s="5"/>
      <c r="AA3155" s="5" t="s">
        <v>43</v>
      </c>
      <c r="AB3155" s="5" t="s">
        <v>44</v>
      </c>
      <c r="AC3155" s="2"/>
      <c r="AD3155" s="1"/>
    </row>
    <row r="3156" spans="1:30">
      <c r="A3156" s="5" t="s">
        <v>83578</v>
      </c>
      <c r="B3156" s="2" t="s">
        <v>93070</v>
      </c>
      <c r="C3156" s="14" t="s">
        <v>93071</v>
      </c>
      <c r="D3156" s="2" t="s">
        <v>93072</v>
      </c>
      <c r="E3156" s="2" t="s">
        <v>36281</v>
      </c>
      <c r="F3156" s="8">
        <v>333</v>
      </c>
      <c r="G3156" s="5">
        <v>6</v>
      </c>
      <c r="H3156" s="5" t="s">
        <v>1518</v>
      </c>
      <c r="I3156" s="5" t="s">
        <v>36264</v>
      </c>
      <c r="J3156" s="2" t="s">
        <v>36265</v>
      </c>
      <c r="K3156" s="5" t="s">
        <v>36264</v>
      </c>
      <c r="L3156" s="2" t="s">
        <v>36265</v>
      </c>
      <c r="M3156" s="5" t="s">
        <v>36266</v>
      </c>
      <c r="N3156" s="5" t="s">
        <v>38</v>
      </c>
      <c r="O3156" s="5" t="s">
        <v>39</v>
      </c>
      <c r="P3156" s="5" t="s">
        <v>40</v>
      </c>
      <c r="Q3156" s="5" t="s">
        <v>1522</v>
      </c>
      <c r="R3156" s="5" t="s">
        <v>1523</v>
      </c>
      <c r="S3156" s="5" t="s">
        <v>42</v>
      </c>
      <c r="T3156" s="2">
        <v>3.4369999999999998</v>
      </c>
      <c r="U3156" s="2">
        <v>2.669</v>
      </c>
      <c r="V3156" s="2">
        <v>2.1000000000000001E-2</v>
      </c>
      <c r="W3156" s="2">
        <v>165.1</v>
      </c>
      <c r="X3156" s="2">
        <v>7.6</v>
      </c>
      <c r="Y3156" s="2">
        <v>16.7</v>
      </c>
      <c r="Z3156" s="5"/>
      <c r="AA3156" s="5" t="s">
        <v>43</v>
      </c>
      <c r="AB3156" s="5" t="s">
        <v>44</v>
      </c>
      <c r="AC3156" s="2"/>
      <c r="AD3156" s="1"/>
    </row>
    <row r="3157" spans="1:30">
      <c r="A3157" s="5" t="s">
        <v>83578</v>
      </c>
      <c r="B3157" s="2" t="s">
        <v>93073</v>
      </c>
      <c r="C3157" s="14" t="s">
        <v>93074</v>
      </c>
      <c r="D3157" s="2" t="s">
        <v>93075</v>
      </c>
      <c r="E3157" s="2" t="s">
        <v>36285</v>
      </c>
      <c r="F3157" s="8">
        <v>333</v>
      </c>
      <c r="G3157" s="5">
        <v>6</v>
      </c>
      <c r="H3157" s="5" t="s">
        <v>1518</v>
      </c>
      <c r="I3157" s="5" t="s">
        <v>36264</v>
      </c>
      <c r="J3157" s="2" t="s">
        <v>36265</v>
      </c>
      <c r="K3157" s="5" t="s">
        <v>36264</v>
      </c>
      <c r="L3157" s="2" t="s">
        <v>36265</v>
      </c>
      <c r="M3157" s="5" t="s">
        <v>36266</v>
      </c>
      <c r="N3157" s="5" t="s">
        <v>38</v>
      </c>
      <c r="O3157" s="5" t="s">
        <v>39</v>
      </c>
      <c r="P3157" s="5" t="s">
        <v>40</v>
      </c>
      <c r="Q3157" s="5" t="s">
        <v>1522</v>
      </c>
      <c r="R3157" s="5" t="s">
        <v>1523</v>
      </c>
      <c r="S3157" s="5" t="s">
        <v>42</v>
      </c>
      <c r="T3157" s="2">
        <v>3.5539999999999998</v>
      </c>
      <c r="U3157" s="2">
        <v>2.786</v>
      </c>
      <c r="V3157" s="2">
        <v>2.1000000000000001E-2</v>
      </c>
      <c r="W3157" s="2">
        <v>165.1</v>
      </c>
      <c r="X3157" s="2">
        <v>7.6</v>
      </c>
      <c r="Y3157" s="2">
        <v>16.7</v>
      </c>
      <c r="Z3157" s="5"/>
      <c r="AA3157" s="5" t="s">
        <v>43</v>
      </c>
      <c r="AB3157" s="5" t="s">
        <v>44</v>
      </c>
      <c r="AC3157" s="2"/>
      <c r="AD3157" s="1"/>
    </row>
    <row r="3158" spans="1:30">
      <c r="A3158" s="5" t="s">
        <v>83578</v>
      </c>
      <c r="B3158" s="2" t="s">
        <v>93076</v>
      </c>
      <c r="C3158" s="14" t="s">
        <v>93077</v>
      </c>
      <c r="D3158" s="2" t="s">
        <v>93078</v>
      </c>
      <c r="E3158" s="2" t="s">
        <v>36289</v>
      </c>
      <c r="F3158" s="8">
        <v>333</v>
      </c>
      <c r="G3158" s="5">
        <v>6</v>
      </c>
      <c r="H3158" s="5" t="s">
        <v>1518</v>
      </c>
      <c r="I3158" s="5" t="s">
        <v>36264</v>
      </c>
      <c r="J3158" s="2" t="s">
        <v>36265</v>
      </c>
      <c r="K3158" s="5" t="s">
        <v>36264</v>
      </c>
      <c r="L3158" s="2" t="s">
        <v>36265</v>
      </c>
      <c r="M3158" s="5" t="s">
        <v>36266</v>
      </c>
      <c r="N3158" s="5" t="s">
        <v>38</v>
      </c>
      <c r="O3158" s="5" t="s">
        <v>39</v>
      </c>
      <c r="P3158" s="5" t="s">
        <v>40</v>
      </c>
      <c r="Q3158" s="5" t="s">
        <v>1522</v>
      </c>
      <c r="R3158" s="5" t="s">
        <v>1523</v>
      </c>
      <c r="S3158" s="5" t="s">
        <v>42</v>
      </c>
      <c r="T3158" s="2">
        <v>3.4369999999999998</v>
      </c>
      <c r="U3158" s="2">
        <v>2.669</v>
      </c>
      <c r="V3158" s="2">
        <v>2.1000000000000001E-2</v>
      </c>
      <c r="W3158" s="2">
        <v>165.1</v>
      </c>
      <c r="X3158" s="2">
        <v>7.6</v>
      </c>
      <c r="Y3158" s="2">
        <v>16.7</v>
      </c>
      <c r="Z3158" s="5"/>
      <c r="AA3158" s="5" t="s">
        <v>43</v>
      </c>
      <c r="AB3158" s="5" t="s">
        <v>44</v>
      </c>
      <c r="AC3158" s="2"/>
      <c r="AD3158" s="1"/>
    </row>
    <row r="3159" spans="1:30">
      <c r="A3159" s="5" t="s">
        <v>83578</v>
      </c>
      <c r="B3159" s="2" t="s">
        <v>93079</v>
      </c>
      <c r="C3159" s="14" t="s">
        <v>93080</v>
      </c>
      <c r="D3159" s="2" t="s">
        <v>93081</v>
      </c>
      <c r="E3159" s="2" t="s">
        <v>36293</v>
      </c>
      <c r="F3159" s="8">
        <v>333</v>
      </c>
      <c r="G3159" s="5">
        <v>6</v>
      </c>
      <c r="H3159" s="5" t="s">
        <v>1518</v>
      </c>
      <c r="I3159" s="5" t="s">
        <v>36264</v>
      </c>
      <c r="J3159" s="2" t="s">
        <v>36265</v>
      </c>
      <c r="K3159" s="5" t="s">
        <v>36264</v>
      </c>
      <c r="L3159" s="2" t="s">
        <v>36265</v>
      </c>
      <c r="M3159" s="5" t="s">
        <v>36266</v>
      </c>
      <c r="N3159" s="5" t="s">
        <v>38</v>
      </c>
      <c r="O3159" s="5" t="s">
        <v>39</v>
      </c>
      <c r="P3159" s="5" t="s">
        <v>40</v>
      </c>
      <c r="Q3159" s="5" t="s">
        <v>1522</v>
      </c>
      <c r="R3159" s="5" t="s">
        <v>1523</v>
      </c>
      <c r="S3159" s="5" t="s">
        <v>42</v>
      </c>
      <c r="T3159" s="2">
        <v>3.5539999999999998</v>
      </c>
      <c r="U3159" s="2">
        <v>2.786</v>
      </c>
      <c r="V3159" s="2">
        <v>2.1000000000000001E-2</v>
      </c>
      <c r="W3159" s="2">
        <v>165.1</v>
      </c>
      <c r="X3159" s="2">
        <v>7.6</v>
      </c>
      <c r="Y3159" s="2">
        <v>16.7</v>
      </c>
      <c r="Z3159" s="5"/>
      <c r="AA3159" s="5" t="s">
        <v>43</v>
      </c>
      <c r="AB3159" s="5" t="s">
        <v>44</v>
      </c>
      <c r="AC3159" s="2"/>
      <c r="AD3159" s="1"/>
    </row>
    <row r="3160" spans="1:30">
      <c r="A3160" s="5" t="s">
        <v>83578</v>
      </c>
      <c r="B3160" s="2" t="s">
        <v>93082</v>
      </c>
      <c r="C3160" s="14" t="s">
        <v>93083</v>
      </c>
      <c r="D3160" s="2" t="s">
        <v>93084</v>
      </c>
      <c r="E3160" s="2" t="s">
        <v>36297</v>
      </c>
      <c r="F3160" s="8">
        <v>307</v>
      </c>
      <c r="G3160" s="5">
        <v>6</v>
      </c>
      <c r="H3160" s="5" t="s">
        <v>1518</v>
      </c>
      <c r="I3160" s="5" t="s">
        <v>36264</v>
      </c>
      <c r="J3160" s="2" t="s">
        <v>36265</v>
      </c>
      <c r="K3160" s="5" t="s">
        <v>36264</v>
      </c>
      <c r="L3160" s="2" t="s">
        <v>36265</v>
      </c>
      <c r="M3160" s="5" t="s">
        <v>36266</v>
      </c>
      <c r="N3160" s="5" t="s">
        <v>38</v>
      </c>
      <c r="O3160" s="5" t="s">
        <v>39</v>
      </c>
      <c r="P3160" s="5" t="s">
        <v>40</v>
      </c>
      <c r="Q3160" s="5" t="s">
        <v>1522</v>
      </c>
      <c r="R3160" s="5" t="s">
        <v>1523</v>
      </c>
      <c r="S3160" s="5" t="s">
        <v>42</v>
      </c>
      <c r="T3160" s="2">
        <v>3.4369999999999998</v>
      </c>
      <c r="U3160" s="2">
        <v>2.669</v>
      </c>
      <c r="V3160" s="2">
        <v>2.1000000000000001E-2</v>
      </c>
      <c r="W3160" s="2">
        <v>165.1</v>
      </c>
      <c r="X3160" s="2">
        <v>7.6</v>
      </c>
      <c r="Y3160" s="2">
        <v>16.7</v>
      </c>
      <c r="Z3160" s="5"/>
      <c r="AA3160" s="5" t="s">
        <v>43</v>
      </c>
      <c r="AB3160" s="5" t="s">
        <v>44</v>
      </c>
      <c r="AC3160" s="2"/>
      <c r="AD3160" s="1"/>
    </row>
    <row r="3161" spans="1:30">
      <c r="A3161" s="5" t="s">
        <v>83578</v>
      </c>
      <c r="B3161" s="2" t="s">
        <v>93085</v>
      </c>
      <c r="C3161" s="14" t="s">
        <v>93086</v>
      </c>
      <c r="D3161" s="2" t="s">
        <v>93087</v>
      </c>
      <c r="E3161" s="2" t="s">
        <v>36301</v>
      </c>
      <c r="F3161" s="8">
        <v>307</v>
      </c>
      <c r="G3161" s="5">
        <v>6</v>
      </c>
      <c r="H3161" s="5" t="s">
        <v>1518</v>
      </c>
      <c r="I3161" s="5" t="s">
        <v>36264</v>
      </c>
      <c r="J3161" s="2" t="s">
        <v>36265</v>
      </c>
      <c r="K3161" s="5" t="s">
        <v>36264</v>
      </c>
      <c r="L3161" s="2" t="s">
        <v>36265</v>
      </c>
      <c r="M3161" s="5" t="s">
        <v>36266</v>
      </c>
      <c r="N3161" s="5" t="s">
        <v>38</v>
      </c>
      <c r="O3161" s="5" t="s">
        <v>39</v>
      </c>
      <c r="P3161" s="5" t="s">
        <v>40</v>
      </c>
      <c r="Q3161" s="5" t="s">
        <v>1522</v>
      </c>
      <c r="R3161" s="5" t="s">
        <v>1523</v>
      </c>
      <c r="S3161" s="5" t="s">
        <v>42</v>
      </c>
      <c r="T3161" s="2">
        <v>3.5539999999999998</v>
      </c>
      <c r="U3161" s="2">
        <v>2.786</v>
      </c>
      <c r="V3161" s="2">
        <v>2.1000000000000001E-2</v>
      </c>
      <c r="W3161" s="2">
        <v>165.1</v>
      </c>
      <c r="X3161" s="2">
        <v>7.6</v>
      </c>
      <c r="Y3161" s="2">
        <v>16.7</v>
      </c>
      <c r="Z3161" s="5"/>
      <c r="AA3161" s="5" t="s">
        <v>43</v>
      </c>
      <c r="AB3161" s="5" t="s">
        <v>44</v>
      </c>
      <c r="AC3161" s="2"/>
      <c r="AD3161" s="1"/>
    </row>
    <row r="3162" spans="1:30">
      <c r="A3162" s="5" t="s">
        <v>83578</v>
      </c>
      <c r="B3162" s="2" t="s">
        <v>93088</v>
      </c>
      <c r="C3162" s="14" t="s">
        <v>93089</v>
      </c>
      <c r="D3162" s="2" t="s">
        <v>93090</v>
      </c>
      <c r="E3162" s="2" t="s">
        <v>36313</v>
      </c>
      <c r="F3162" s="8">
        <v>333</v>
      </c>
      <c r="G3162" s="5">
        <v>6</v>
      </c>
      <c r="H3162" s="5" t="s">
        <v>1518</v>
      </c>
      <c r="I3162" s="5" t="s">
        <v>36264</v>
      </c>
      <c r="J3162" s="2" t="s">
        <v>36265</v>
      </c>
      <c r="K3162" s="5" t="s">
        <v>36264</v>
      </c>
      <c r="L3162" s="2" t="s">
        <v>36265</v>
      </c>
      <c r="M3162" s="5" t="s">
        <v>36266</v>
      </c>
      <c r="N3162" s="5" t="s">
        <v>38</v>
      </c>
      <c r="O3162" s="5" t="s">
        <v>39</v>
      </c>
      <c r="P3162" s="5" t="s">
        <v>40</v>
      </c>
      <c r="Q3162" s="5" t="s">
        <v>1522</v>
      </c>
      <c r="R3162" s="5" t="s">
        <v>1523</v>
      </c>
      <c r="S3162" s="5" t="s">
        <v>42</v>
      </c>
      <c r="T3162" s="2">
        <v>3.4369999999999998</v>
      </c>
      <c r="U3162" s="2">
        <v>2.669</v>
      </c>
      <c r="V3162" s="2">
        <v>2.1000000000000001E-2</v>
      </c>
      <c r="W3162" s="2">
        <v>165.1</v>
      </c>
      <c r="X3162" s="2">
        <v>7.6</v>
      </c>
      <c r="Y3162" s="2">
        <v>16.7</v>
      </c>
      <c r="Z3162" s="5"/>
      <c r="AA3162" s="5" t="s">
        <v>43</v>
      </c>
      <c r="AB3162" s="5" t="s">
        <v>44</v>
      </c>
      <c r="AC3162" s="2"/>
      <c r="AD3162" s="1"/>
    </row>
    <row r="3163" spans="1:30">
      <c r="A3163" s="5" t="s">
        <v>83578</v>
      </c>
      <c r="B3163" s="2" t="s">
        <v>93091</v>
      </c>
      <c r="C3163" s="14" t="s">
        <v>93092</v>
      </c>
      <c r="D3163" s="2" t="s">
        <v>93093</v>
      </c>
      <c r="E3163" s="2" t="s">
        <v>36317</v>
      </c>
      <c r="F3163" s="8">
        <v>333</v>
      </c>
      <c r="G3163" s="5">
        <v>6</v>
      </c>
      <c r="H3163" s="5" t="s">
        <v>1518</v>
      </c>
      <c r="I3163" s="5" t="s">
        <v>36264</v>
      </c>
      <c r="J3163" s="2" t="s">
        <v>36265</v>
      </c>
      <c r="K3163" s="5" t="s">
        <v>36264</v>
      </c>
      <c r="L3163" s="2" t="s">
        <v>36265</v>
      </c>
      <c r="M3163" s="5" t="s">
        <v>36266</v>
      </c>
      <c r="N3163" s="5" t="s">
        <v>38</v>
      </c>
      <c r="O3163" s="5" t="s">
        <v>39</v>
      </c>
      <c r="P3163" s="5" t="s">
        <v>40</v>
      </c>
      <c r="Q3163" s="5" t="s">
        <v>1522</v>
      </c>
      <c r="R3163" s="5" t="s">
        <v>1523</v>
      </c>
      <c r="S3163" s="5" t="s">
        <v>42</v>
      </c>
      <c r="T3163" s="2">
        <v>3.5539999999999998</v>
      </c>
      <c r="U3163" s="2">
        <v>2.786</v>
      </c>
      <c r="V3163" s="2">
        <v>2.1000000000000001E-2</v>
      </c>
      <c r="W3163" s="2">
        <v>165.1</v>
      </c>
      <c r="X3163" s="2">
        <v>7.6</v>
      </c>
      <c r="Y3163" s="2">
        <v>16.7</v>
      </c>
      <c r="Z3163" s="5"/>
      <c r="AA3163" s="5" t="s">
        <v>43</v>
      </c>
      <c r="AB3163" s="5" t="s">
        <v>44</v>
      </c>
      <c r="AC3163" s="2"/>
      <c r="AD3163" s="1"/>
    </row>
    <row r="3164" spans="1:30">
      <c r="A3164" s="5" t="s">
        <v>83578</v>
      </c>
      <c r="B3164" s="2" t="s">
        <v>93094</v>
      </c>
      <c r="C3164" s="14" t="s">
        <v>93095</v>
      </c>
      <c r="D3164" s="2" t="s">
        <v>93096</v>
      </c>
      <c r="E3164" s="2" t="s">
        <v>36321</v>
      </c>
      <c r="F3164" s="8">
        <v>333</v>
      </c>
      <c r="G3164" s="5">
        <v>6</v>
      </c>
      <c r="H3164" s="5" t="s">
        <v>1518</v>
      </c>
      <c r="I3164" s="5" t="s">
        <v>36264</v>
      </c>
      <c r="J3164" s="2" t="s">
        <v>36265</v>
      </c>
      <c r="K3164" s="5" t="s">
        <v>36264</v>
      </c>
      <c r="L3164" s="2" t="s">
        <v>36265</v>
      </c>
      <c r="M3164" s="5" t="s">
        <v>36266</v>
      </c>
      <c r="N3164" s="5" t="s">
        <v>38</v>
      </c>
      <c r="O3164" s="5" t="s">
        <v>39</v>
      </c>
      <c r="P3164" s="5" t="s">
        <v>40</v>
      </c>
      <c r="Q3164" s="5" t="s">
        <v>1522</v>
      </c>
      <c r="R3164" s="5" t="s">
        <v>1523</v>
      </c>
      <c r="S3164" s="5" t="s">
        <v>42</v>
      </c>
      <c r="T3164" s="2">
        <v>3.4369999999999998</v>
      </c>
      <c r="U3164" s="2">
        <v>2.669</v>
      </c>
      <c r="V3164" s="2">
        <v>2.1000000000000001E-2</v>
      </c>
      <c r="W3164" s="2">
        <v>165.1</v>
      </c>
      <c r="X3164" s="2">
        <v>7.6</v>
      </c>
      <c r="Y3164" s="2">
        <v>16.7</v>
      </c>
      <c r="Z3164" s="5"/>
      <c r="AA3164" s="5" t="s">
        <v>43</v>
      </c>
      <c r="AB3164" s="5" t="s">
        <v>44</v>
      </c>
      <c r="AC3164" s="2"/>
      <c r="AD3164" s="1"/>
    </row>
    <row r="3165" spans="1:30">
      <c r="A3165" s="5" t="s">
        <v>83578</v>
      </c>
      <c r="B3165" s="2" t="s">
        <v>93097</v>
      </c>
      <c r="C3165" s="14" t="s">
        <v>93098</v>
      </c>
      <c r="D3165" s="2" t="s">
        <v>93099</v>
      </c>
      <c r="E3165" s="2" t="s">
        <v>36325</v>
      </c>
      <c r="F3165" s="8">
        <v>333</v>
      </c>
      <c r="G3165" s="5">
        <v>6</v>
      </c>
      <c r="H3165" s="5" t="s">
        <v>1518</v>
      </c>
      <c r="I3165" s="5" t="s">
        <v>36264</v>
      </c>
      <c r="J3165" s="2" t="s">
        <v>36265</v>
      </c>
      <c r="K3165" s="5" t="s">
        <v>36264</v>
      </c>
      <c r="L3165" s="2" t="s">
        <v>36265</v>
      </c>
      <c r="M3165" s="5" t="s">
        <v>36266</v>
      </c>
      <c r="N3165" s="5" t="s">
        <v>38</v>
      </c>
      <c r="O3165" s="5" t="s">
        <v>39</v>
      </c>
      <c r="P3165" s="5" t="s">
        <v>40</v>
      </c>
      <c r="Q3165" s="5" t="s">
        <v>1522</v>
      </c>
      <c r="R3165" s="5" t="s">
        <v>1523</v>
      </c>
      <c r="S3165" s="5" t="s">
        <v>42</v>
      </c>
      <c r="T3165" s="2">
        <v>3.5539999999999998</v>
      </c>
      <c r="U3165" s="2">
        <v>2.786</v>
      </c>
      <c r="V3165" s="2">
        <v>2.1000000000000001E-2</v>
      </c>
      <c r="W3165" s="2">
        <v>165.1</v>
      </c>
      <c r="X3165" s="2">
        <v>7.6</v>
      </c>
      <c r="Y3165" s="2">
        <v>16.7</v>
      </c>
      <c r="Z3165" s="5"/>
      <c r="AA3165" s="5" t="s">
        <v>43</v>
      </c>
      <c r="AB3165" s="5" t="s">
        <v>44</v>
      </c>
      <c r="AC3165" s="2"/>
      <c r="AD3165" s="1"/>
    </row>
    <row r="3166" spans="1:30">
      <c r="A3166" s="5" t="s">
        <v>83578</v>
      </c>
      <c r="B3166" s="2" t="s">
        <v>93100</v>
      </c>
      <c r="C3166" s="14" t="s">
        <v>93101</v>
      </c>
      <c r="D3166" s="2" t="s">
        <v>93102</v>
      </c>
      <c r="E3166" s="2" t="s">
        <v>36329</v>
      </c>
      <c r="F3166" s="8">
        <v>333</v>
      </c>
      <c r="G3166" s="5">
        <v>6</v>
      </c>
      <c r="H3166" s="5" t="s">
        <v>1518</v>
      </c>
      <c r="I3166" s="5" t="s">
        <v>36264</v>
      </c>
      <c r="J3166" s="2" t="s">
        <v>36265</v>
      </c>
      <c r="K3166" s="5" t="s">
        <v>36264</v>
      </c>
      <c r="L3166" s="2" t="s">
        <v>36265</v>
      </c>
      <c r="M3166" s="5" t="s">
        <v>36266</v>
      </c>
      <c r="N3166" s="5" t="s">
        <v>38</v>
      </c>
      <c r="O3166" s="5" t="s">
        <v>39</v>
      </c>
      <c r="P3166" s="5" t="s">
        <v>40</v>
      </c>
      <c r="Q3166" s="5" t="s">
        <v>1522</v>
      </c>
      <c r="R3166" s="5" t="s">
        <v>1523</v>
      </c>
      <c r="S3166" s="5" t="s">
        <v>42</v>
      </c>
      <c r="T3166" s="2">
        <v>3.4369999999999998</v>
      </c>
      <c r="U3166" s="2">
        <v>2.669</v>
      </c>
      <c r="V3166" s="2">
        <v>2.1000000000000001E-2</v>
      </c>
      <c r="W3166" s="2">
        <v>165.1</v>
      </c>
      <c r="X3166" s="2">
        <v>7.6</v>
      </c>
      <c r="Y3166" s="2">
        <v>16.7</v>
      </c>
      <c r="Z3166" s="5"/>
      <c r="AA3166" s="5" t="s">
        <v>43</v>
      </c>
      <c r="AB3166" s="5" t="s">
        <v>44</v>
      </c>
      <c r="AC3166" s="2"/>
      <c r="AD3166" s="1"/>
    </row>
    <row r="3167" spans="1:30">
      <c r="A3167" s="5" t="s">
        <v>83578</v>
      </c>
      <c r="B3167" s="2" t="s">
        <v>93103</v>
      </c>
      <c r="C3167" s="14" t="s">
        <v>93104</v>
      </c>
      <c r="D3167" s="2" t="s">
        <v>93105</v>
      </c>
      <c r="E3167" s="2" t="s">
        <v>36333</v>
      </c>
      <c r="F3167" s="8">
        <v>333</v>
      </c>
      <c r="G3167" s="5">
        <v>6</v>
      </c>
      <c r="H3167" s="5" t="s">
        <v>1518</v>
      </c>
      <c r="I3167" s="5" t="s">
        <v>36264</v>
      </c>
      <c r="J3167" s="2" t="s">
        <v>36265</v>
      </c>
      <c r="K3167" s="5" t="s">
        <v>36264</v>
      </c>
      <c r="L3167" s="2" t="s">
        <v>36265</v>
      </c>
      <c r="M3167" s="5" t="s">
        <v>36266</v>
      </c>
      <c r="N3167" s="5" t="s">
        <v>38</v>
      </c>
      <c r="O3167" s="5" t="s">
        <v>39</v>
      </c>
      <c r="P3167" s="5" t="s">
        <v>40</v>
      </c>
      <c r="Q3167" s="5" t="s">
        <v>1522</v>
      </c>
      <c r="R3167" s="5" t="s">
        <v>1523</v>
      </c>
      <c r="S3167" s="5" t="s">
        <v>42</v>
      </c>
      <c r="T3167" s="2">
        <v>3.5539999999999998</v>
      </c>
      <c r="U3167" s="2">
        <v>2.786</v>
      </c>
      <c r="V3167" s="2">
        <v>2.1000000000000001E-2</v>
      </c>
      <c r="W3167" s="2">
        <v>165.1</v>
      </c>
      <c r="X3167" s="2">
        <v>7.6</v>
      </c>
      <c r="Y3167" s="2">
        <v>16.7</v>
      </c>
      <c r="Z3167" s="5"/>
      <c r="AA3167" s="5" t="s">
        <v>43</v>
      </c>
      <c r="AB3167" s="5" t="s">
        <v>44</v>
      </c>
      <c r="AC3167" s="2"/>
      <c r="AD3167" s="1"/>
    </row>
    <row r="3168" spans="1:30">
      <c r="A3168" s="5" t="s">
        <v>83578</v>
      </c>
      <c r="B3168" s="2" t="s">
        <v>93106</v>
      </c>
      <c r="C3168" s="14" t="s">
        <v>93107</v>
      </c>
      <c r="D3168" s="2" t="s">
        <v>93108</v>
      </c>
      <c r="E3168" s="2" t="s">
        <v>36337</v>
      </c>
      <c r="F3168" s="8">
        <v>333</v>
      </c>
      <c r="G3168" s="5">
        <v>6</v>
      </c>
      <c r="H3168" s="5" t="s">
        <v>1518</v>
      </c>
      <c r="I3168" s="5" t="s">
        <v>36264</v>
      </c>
      <c r="J3168" s="2" t="s">
        <v>36265</v>
      </c>
      <c r="K3168" s="5" t="s">
        <v>36264</v>
      </c>
      <c r="L3168" s="2" t="s">
        <v>36265</v>
      </c>
      <c r="M3168" s="5" t="s">
        <v>36266</v>
      </c>
      <c r="N3168" s="5" t="s">
        <v>38</v>
      </c>
      <c r="O3168" s="5" t="s">
        <v>39</v>
      </c>
      <c r="P3168" s="5" t="s">
        <v>40</v>
      </c>
      <c r="Q3168" s="5" t="s">
        <v>1522</v>
      </c>
      <c r="R3168" s="5" t="s">
        <v>1523</v>
      </c>
      <c r="S3168" s="5" t="s">
        <v>42</v>
      </c>
      <c r="T3168" s="2">
        <v>3.4369999999999998</v>
      </c>
      <c r="U3168" s="2">
        <v>2.669</v>
      </c>
      <c r="V3168" s="2">
        <v>2.1000000000000001E-2</v>
      </c>
      <c r="W3168" s="2">
        <v>165.1</v>
      </c>
      <c r="X3168" s="2">
        <v>7.6</v>
      </c>
      <c r="Y3168" s="2">
        <v>16.7</v>
      </c>
      <c r="Z3168" s="5"/>
      <c r="AA3168" s="5" t="s">
        <v>43</v>
      </c>
      <c r="AB3168" s="5" t="s">
        <v>44</v>
      </c>
      <c r="AC3168" s="2"/>
      <c r="AD3168" s="1"/>
    </row>
    <row r="3169" spans="1:30">
      <c r="A3169" s="5" t="s">
        <v>83578</v>
      </c>
      <c r="B3169" s="2" t="s">
        <v>93109</v>
      </c>
      <c r="C3169" s="14" t="s">
        <v>93110</v>
      </c>
      <c r="D3169" s="2" t="s">
        <v>93111</v>
      </c>
      <c r="E3169" s="2" t="s">
        <v>36341</v>
      </c>
      <c r="F3169" s="8">
        <v>333</v>
      </c>
      <c r="G3169" s="5">
        <v>6</v>
      </c>
      <c r="H3169" s="5" t="s">
        <v>1518</v>
      </c>
      <c r="I3169" s="5" t="s">
        <v>36264</v>
      </c>
      <c r="J3169" s="2" t="s">
        <v>36265</v>
      </c>
      <c r="K3169" s="5" t="s">
        <v>36264</v>
      </c>
      <c r="L3169" s="2" t="s">
        <v>36265</v>
      </c>
      <c r="M3169" s="5" t="s">
        <v>36266</v>
      </c>
      <c r="N3169" s="5" t="s">
        <v>38</v>
      </c>
      <c r="O3169" s="5" t="s">
        <v>39</v>
      </c>
      <c r="P3169" s="5" t="s">
        <v>40</v>
      </c>
      <c r="Q3169" s="5" t="s">
        <v>1522</v>
      </c>
      <c r="R3169" s="5" t="s">
        <v>1523</v>
      </c>
      <c r="S3169" s="5" t="s">
        <v>42</v>
      </c>
      <c r="T3169" s="2">
        <v>3.5539999999999998</v>
      </c>
      <c r="U3169" s="2">
        <v>2.786</v>
      </c>
      <c r="V3169" s="2">
        <v>2.1000000000000001E-2</v>
      </c>
      <c r="W3169" s="2">
        <v>165.1</v>
      </c>
      <c r="X3169" s="2">
        <v>7.6</v>
      </c>
      <c r="Y3169" s="2">
        <v>16.7</v>
      </c>
      <c r="Z3169" s="5"/>
      <c r="AA3169" s="5" t="s">
        <v>43</v>
      </c>
      <c r="AB3169" s="5" t="s">
        <v>44</v>
      </c>
      <c r="AC3169" s="2"/>
      <c r="AD3169" s="1"/>
    </row>
    <row r="3170" spans="1:30">
      <c r="A3170" s="5" t="s">
        <v>83578</v>
      </c>
      <c r="B3170" s="2" t="s">
        <v>93112</v>
      </c>
      <c r="C3170" s="14" t="s">
        <v>93113</v>
      </c>
      <c r="D3170" s="2" t="s">
        <v>93114</v>
      </c>
      <c r="E3170" s="2" t="s">
        <v>36345</v>
      </c>
      <c r="F3170" s="8">
        <v>333</v>
      </c>
      <c r="G3170" s="5">
        <v>6</v>
      </c>
      <c r="H3170" s="5" t="s">
        <v>1518</v>
      </c>
      <c r="I3170" s="5" t="s">
        <v>36264</v>
      </c>
      <c r="J3170" s="2" t="s">
        <v>36265</v>
      </c>
      <c r="K3170" s="5" t="s">
        <v>36264</v>
      </c>
      <c r="L3170" s="2" t="s">
        <v>36265</v>
      </c>
      <c r="M3170" s="5" t="s">
        <v>36266</v>
      </c>
      <c r="N3170" s="5" t="s">
        <v>38</v>
      </c>
      <c r="O3170" s="5" t="s">
        <v>39</v>
      </c>
      <c r="P3170" s="5" t="s">
        <v>40</v>
      </c>
      <c r="Q3170" s="5" t="s">
        <v>1522</v>
      </c>
      <c r="R3170" s="5" t="s">
        <v>1523</v>
      </c>
      <c r="S3170" s="5" t="s">
        <v>42</v>
      </c>
      <c r="T3170" s="2">
        <v>3.4369999999999998</v>
      </c>
      <c r="U3170" s="2">
        <v>2.669</v>
      </c>
      <c r="V3170" s="2">
        <v>2.1000000000000001E-2</v>
      </c>
      <c r="W3170" s="2">
        <v>165.1</v>
      </c>
      <c r="X3170" s="2">
        <v>7.6</v>
      </c>
      <c r="Y3170" s="2">
        <v>16.7</v>
      </c>
      <c r="Z3170" s="5"/>
      <c r="AA3170" s="5" t="s">
        <v>43</v>
      </c>
      <c r="AB3170" s="5" t="s">
        <v>44</v>
      </c>
      <c r="AC3170" s="2"/>
      <c r="AD3170" s="1"/>
    </row>
    <row r="3171" spans="1:30">
      <c r="A3171" s="5" t="s">
        <v>83578</v>
      </c>
      <c r="B3171" s="2" t="s">
        <v>93115</v>
      </c>
      <c r="C3171" s="14" t="s">
        <v>93116</v>
      </c>
      <c r="D3171" s="2" t="s">
        <v>93117</v>
      </c>
      <c r="E3171" s="2" t="s">
        <v>36353</v>
      </c>
      <c r="F3171" s="8">
        <v>333</v>
      </c>
      <c r="G3171" s="5">
        <v>6</v>
      </c>
      <c r="H3171" s="5" t="s">
        <v>1518</v>
      </c>
      <c r="I3171" s="5" t="s">
        <v>36264</v>
      </c>
      <c r="J3171" s="2" t="s">
        <v>36265</v>
      </c>
      <c r="K3171" s="5" t="s">
        <v>36264</v>
      </c>
      <c r="L3171" s="2" t="s">
        <v>36265</v>
      </c>
      <c r="M3171" s="5" t="s">
        <v>36266</v>
      </c>
      <c r="N3171" s="5" t="s">
        <v>38</v>
      </c>
      <c r="O3171" s="5" t="s">
        <v>39</v>
      </c>
      <c r="P3171" s="5" t="s">
        <v>40</v>
      </c>
      <c r="Q3171" s="5" t="s">
        <v>1522</v>
      </c>
      <c r="R3171" s="5" t="s">
        <v>1523</v>
      </c>
      <c r="S3171" s="5" t="s">
        <v>42</v>
      </c>
      <c r="T3171" s="2">
        <v>3.4369999999999998</v>
      </c>
      <c r="U3171" s="2">
        <v>2.669</v>
      </c>
      <c r="V3171" s="2">
        <v>2.1000000000000001E-2</v>
      </c>
      <c r="W3171" s="2">
        <v>165.1</v>
      </c>
      <c r="X3171" s="2">
        <v>7.6</v>
      </c>
      <c r="Y3171" s="2">
        <v>16.7</v>
      </c>
      <c r="Z3171" s="5"/>
      <c r="AA3171" s="5" t="s">
        <v>43</v>
      </c>
      <c r="AB3171" s="5" t="s">
        <v>44</v>
      </c>
      <c r="AC3171" s="2"/>
      <c r="AD3171" s="1"/>
    </row>
    <row r="3172" spans="1:30">
      <c r="A3172" s="5" t="s">
        <v>83578</v>
      </c>
      <c r="B3172" s="2" t="s">
        <v>93118</v>
      </c>
      <c r="C3172" s="14" t="s">
        <v>93119</v>
      </c>
      <c r="D3172" s="2" t="s">
        <v>93120</v>
      </c>
      <c r="E3172" s="2" t="s">
        <v>36357</v>
      </c>
      <c r="F3172" s="8">
        <v>333</v>
      </c>
      <c r="G3172" s="5">
        <v>6</v>
      </c>
      <c r="H3172" s="5" t="s">
        <v>1518</v>
      </c>
      <c r="I3172" s="5" t="s">
        <v>36264</v>
      </c>
      <c r="J3172" s="2" t="s">
        <v>36265</v>
      </c>
      <c r="K3172" s="5" t="s">
        <v>36264</v>
      </c>
      <c r="L3172" s="2" t="s">
        <v>36265</v>
      </c>
      <c r="M3172" s="5" t="s">
        <v>36266</v>
      </c>
      <c r="N3172" s="5" t="s">
        <v>38</v>
      </c>
      <c r="O3172" s="5" t="s">
        <v>39</v>
      </c>
      <c r="P3172" s="5" t="s">
        <v>40</v>
      </c>
      <c r="Q3172" s="5" t="s">
        <v>1522</v>
      </c>
      <c r="R3172" s="5" t="s">
        <v>1523</v>
      </c>
      <c r="S3172" s="5" t="s">
        <v>42</v>
      </c>
      <c r="T3172" s="2">
        <v>3.5539999999999998</v>
      </c>
      <c r="U3172" s="2">
        <v>2.786</v>
      </c>
      <c r="V3172" s="2">
        <v>2.1000000000000001E-2</v>
      </c>
      <c r="W3172" s="2">
        <v>165.1</v>
      </c>
      <c r="X3172" s="2">
        <v>7.6</v>
      </c>
      <c r="Y3172" s="2">
        <v>16.7</v>
      </c>
      <c r="Z3172" s="5"/>
      <c r="AA3172" s="5" t="s">
        <v>43</v>
      </c>
      <c r="AB3172" s="5" t="s">
        <v>44</v>
      </c>
      <c r="AC3172" s="2"/>
      <c r="AD3172" s="1"/>
    </row>
    <row r="3173" spans="1:30">
      <c r="A3173" s="5" t="s">
        <v>83578</v>
      </c>
      <c r="B3173" s="2" t="s">
        <v>93121</v>
      </c>
      <c r="C3173" s="14" t="s">
        <v>93122</v>
      </c>
      <c r="D3173" s="2" t="s">
        <v>93123</v>
      </c>
      <c r="E3173" s="2" t="s">
        <v>45598</v>
      </c>
      <c r="F3173" s="8">
        <v>333</v>
      </c>
      <c r="G3173" s="5">
        <v>6</v>
      </c>
      <c r="H3173" s="5" t="s">
        <v>1518</v>
      </c>
      <c r="I3173" s="5" t="s">
        <v>36264</v>
      </c>
      <c r="J3173" s="2" t="s">
        <v>36265</v>
      </c>
      <c r="K3173" s="5" t="s">
        <v>36264</v>
      </c>
      <c r="L3173" s="2" t="s">
        <v>36265</v>
      </c>
      <c r="M3173" s="5" t="s">
        <v>36266</v>
      </c>
      <c r="N3173" s="5" t="s">
        <v>38</v>
      </c>
      <c r="O3173" s="5" t="s">
        <v>39</v>
      </c>
      <c r="P3173" s="5" t="s">
        <v>40</v>
      </c>
      <c r="Q3173" s="5" t="s">
        <v>1522</v>
      </c>
      <c r="R3173" s="5" t="s">
        <v>1523</v>
      </c>
      <c r="S3173" s="5" t="s">
        <v>42</v>
      </c>
      <c r="T3173" s="2">
        <v>3.4369999999999998</v>
      </c>
      <c r="U3173" s="2">
        <v>2.669</v>
      </c>
      <c r="V3173" s="2">
        <v>2.1000000000000001E-2</v>
      </c>
      <c r="W3173" s="2">
        <v>165.1</v>
      </c>
      <c r="X3173" s="2">
        <v>7.6</v>
      </c>
      <c r="Y3173" s="2">
        <v>16.7</v>
      </c>
      <c r="Z3173" s="5"/>
      <c r="AA3173" s="5" t="s">
        <v>43</v>
      </c>
      <c r="AB3173" s="5" t="s">
        <v>44</v>
      </c>
      <c r="AC3173" s="2"/>
      <c r="AD3173" s="1"/>
    </row>
    <row r="3174" spans="1:30">
      <c r="A3174" s="5" t="s">
        <v>83578</v>
      </c>
      <c r="B3174" s="2" t="s">
        <v>93124</v>
      </c>
      <c r="C3174" s="14" t="s">
        <v>93125</v>
      </c>
      <c r="D3174" s="2" t="s">
        <v>93126</v>
      </c>
      <c r="E3174" s="2" t="s">
        <v>45534</v>
      </c>
      <c r="F3174" s="8">
        <v>333</v>
      </c>
      <c r="G3174" s="5">
        <v>6</v>
      </c>
      <c r="H3174" s="5" t="s">
        <v>1518</v>
      </c>
      <c r="I3174" s="5" t="s">
        <v>36264</v>
      </c>
      <c r="J3174" s="2" t="s">
        <v>36265</v>
      </c>
      <c r="K3174" s="5" t="s">
        <v>36264</v>
      </c>
      <c r="L3174" s="2" t="s">
        <v>36265</v>
      </c>
      <c r="M3174" s="5" t="s">
        <v>36266</v>
      </c>
      <c r="N3174" s="5" t="s">
        <v>38</v>
      </c>
      <c r="O3174" s="5" t="s">
        <v>39</v>
      </c>
      <c r="P3174" s="5" t="s">
        <v>40</v>
      </c>
      <c r="Q3174" s="5" t="s">
        <v>1522</v>
      </c>
      <c r="R3174" s="5" t="s">
        <v>1523</v>
      </c>
      <c r="S3174" s="5" t="s">
        <v>42</v>
      </c>
      <c r="T3174" s="2">
        <v>3.5539999999999998</v>
      </c>
      <c r="U3174" s="2">
        <v>2.786</v>
      </c>
      <c r="V3174" s="2">
        <v>2.1000000000000001E-2</v>
      </c>
      <c r="W3174" s="2">
        <v>165.1</v>
      </c>
      <c r="X3174" s="2">
        <v>7.6</v>
      </c>
      <c r="Y3174" s="2">
        <v>16.7</v>
      </c>
      <c r="Z3174" s="5"/>
      <c r="AA3174" s="5" t="s">
        <v>43</v>
      </c>
      <c r="AB3174" s="5" t="s">
        <v>44</v>
      </c>
      <c r="AC3174" s="2"/>
      <c r="AD3174" s="1"/>
    </row>
    <row r="3175" spans="1:30">
      <c r="A3175" s="5" t="s">
        <v>83578</v>
      </c>
      <c r="B3175" s="2" t="s">
        <v>93127</v>
      </c>
      <c r="C3175" s="14" t="s">
        <v>93128</v>
      </c>
      <c r="D3175" s="2" t="s">
        <v>93129</v>
      </c>
      <c r="E3175" s="2" t="s">
        <v>36369</v>
      </c>
      <c r="F3175" s="8">
        <v>333</v>
      </c>
      <c r="G3175" s="5">
        <v>6</v>
      </c>
      <c r="H3175" s="5" t="s">
        <v>1518</v>
      </c>
      <c r="I3175" s="5" t="s">
        <v>36264</v>
      </c>
      <c r="J3175" s="2" t="s">
        <v>36265</v>
      </c>
      <c r="K3175" s="5" t="s">
        <v>36264</v>
      </c>
      <c r="L3175" s="2" t="s">
        <v>36265</v>
      </c>
      <c r="M3175" s="5" t="s">
        <v>36266</v>
      </c>
      <c r="N3175" s="5" t="s">
        <v>38</v>
      </c>
      <c r="O3175" s="5" t="s">
        <v>39</v>
      </c>
      <c r="P3175" s="5" t="s">
        <v>40</v>
      </c>
      <c r="Q3175" s="5" t="s">
        <v>1522</v>
      </c>
      <c r="R3175" s="5" t="s">
        <v>1523</v>
      </c>
      <c r="S3175" s="5" t="s">
        <v>42</v>
      </c>
      <c r="T3175" s="2">
        <v>3.4369999999999998</v>
      </c>
      <c r="U3175" s="2">
        <v>2.669</v>
      </c>
      <c r="V3175" s="2">
        <v>2.1000000000000001E-2</v>
      </c>
      <c r="W3175" s="2">
        <v>165.1</v>
      </c>
      <c r="X3175" s="2">
        <v>7.6</v>
      </c>
      <c r="Y3175" s="2">
        <v>16.7</v>
      </c>
      <c r="Z3175" s="5"/>
      <c r="AA3175" s="5" t="s">
        <v>43</v>
      </c>
      <c r="AB3175" s="5" t="s">
        <v>44</v>
      </c>
      <c r="AC3175" s="2"/>
      <c r="AD3175" s="1"/>
    </row>
    <row r="3176" spans="1:30">
      <c r="A3176" s="5" t="s">
        <v>83578</v>
      </c>
      <c r="B3176" s="2" t="s">
        <v>93130</v>
      </c>
      <c r="C3176" s="14" t="s">
        <v>93131</v>
      </c>
      <c r="D3176" s="2" t="s">
        <v>93132</v>
      </c>
      <c r="E3176" s="2" t="s">
        <v>36373</v>
      </c>
      <c r="F3176" s="8">
        <v>333</v>
      </c>
      <c r="G3176" s="5">
        <v>6</v>
      </c>
      <c r="H3176" s="5" t="s">
        <v>1518</v>
      </c>
      <c r="I3176" s="5" t="s">
        <v>36264</v>
      </c>
      <c r="J3176" s="2" t="s">
        <v>36265</v>
      </c>
      <c r="K3176" s="5" t="s">
        <v>36264</v>
      </c>
      <c r="L3176" s="2" t="s">
        <v>36265</v>
      </c>
      <c r="M3176" s="5" t="s">
        <v>36266</v>
      </c>
      <c r="N3176" s="5" t="s">
        <v>38</v>
      </c>
      <c r="O3176" s="5" t="s">
        <v>39</v>
      </c>
      <c r="P3176" s="5" t="s">
        <v>40</v>
      </c>
      <c r="Q3176" s="5" t="s">
        <v>1522</v>
      </c>
      <c r="R3176" s="5" t="s">
        <v>1523</v>
      </c>
      <c r="S3176" s="5" t="s">
        <v>42</v>
      </c>
      <c r="T3176" s="2">
        <v>3.5539999999999998</v>
      </c>
      <c r="U3176" s="2">
        <v>2.786</v>
      </c>
      <c r="V3176" s="2">
        <v>2.1000000000000001E-2</v>
      </c>
      <c r="W3176" s="2">
        <v>165.1</v>
      </c>
      <c r="X3176" s="2">
        <v>7.6</v>
      </c>
      <c r="Y3176" s="2">
        <v>16.7</v>
      </c>
      <c r="Z3176" s="5"/>
      <c r="AA3176" s="5" t="s">
        <v>43</v>
      </c>
      <c r="AB3176" s="5" t="s">
        <v>44</v>
      </c>
      <c r="AC3176" s="2"/>
      <c r="AD3176" s="1"/>
    </row>
    <row r="3177" spans="1:30">
      <c r="A3177" s="5" t="s">
        <v>83578</v>
      </c>
      <c r="B3177" s="2" t="s">
        <v>93133</v>
      </c>
      <c r="C3177" s="14" t="s">
        <v>93134</v>
      </c>
      <c r="D3177" s="2" t="s">
        <v>93135</v>
      </c>
      <c r="E3177" s="2" t="s">
        <v>36377</v>
      </c>
      <c r="F3177" s="8">
        <v>333</v>
      </c>
      <c r="G3177" s="5">
        <v>6</v>
      </c>
      <c r="H3177" s="5" t="s">
        <v>1518</v>
      </c>
      <c r="I3177" s="5" t="s">
        <v>36264</v>
      </c>
      <c r="J3177" s="2" t="s">
        <v>36265</v>
      </c>
      <c r="K3177" s="5" t="s">
        <v>36264</v>
      </c>
      <c r="L3177" s="2" t="s">
        <v>36265</v>
      </c>
      <c r="M3177" s="5" t="s">
        <v>36266</v>
      </c>
      <c r="N3177" s="5" t="s">
        <v>38</v>
      </c>
      <c r="O3177" s="5" t="s">
        <v>39</v>
      </c>
      <c r="P3177" s="5" t="s">
        <v>40</v>
      </c>
      <c r="Q3177" s="5" t="s">
        <v>1522</v>
      </c>
      <c r="R3177" s="5" t="s">
        <v>1523</v>
      </c>
      <c r="S3177" s="5" t="s">
        <v>42</v>
      </c>
      <c r="T3177" s="2">
        <v>3.4369999999999998</v>
      </c>
      <c r="U3177" s="2">
        <v>2.669</v>
      </c>
      <c r="V3177" s="2">
        <v>2.1000000000000001E-2</v>
      </c>
      <c r="W3177" s="2">
        <v>165.1</v>
      </c>
      <c r="X3177" s="2">
        <v>7.6</v>
      </c>
      <c r="Y3177" s="2">
        <v>16.7</v>
      </c>
      <c r="Z3177" s="5"/>
      <c r="AA3177" s="5" t="s">
        <v>43</v>
      </c>
      <c r="AB3177" s="5" t="s">
        <v>44</v>
      </c>
      <c r="AC3177" s="2"/>
      <c r="AD3177" s="1"/>
    </row>
    <row r="3178" spans="1:30">
      <c r="A3178" s="5" t="s">
        <v>83578</v>
      </c>
      <c r="B3178" s="2" t="s">
        <v>93136</v>
      </c>
      <c r="C3178" s="14" t="s">
        <v>93137</v>
      </c>
      <c r="D3178" s="2" t="s">
        <v>93138</v>
      </c>
      <c r="E3178" s="2" t="s">
        <v>36381</v>
      </c>
      <c r="F3178" s="8">
        <v>333</v>
      </c>
      <c r="G3178" s="5">
        <v>6</v>
      </c>
      <c r="H3178" s="5" t="s">
        <v>1518</v>
      </c>
      <c r="I3178" s="5" t="s">
        <v>36264</v>
      </c>
      <c r="J3178" s="2" t="s">
        <v>36265</v>
      </c>
      <c r="K3178" s="5" t="s">
        <v>36264</v>
      </c>
      <c r="L3178" s="2" t="s">
        <v>36265</v>
      </c>
      <c r="M3178" s="5" t="s">
        <v>36266</v>
      </c>
      <c r="N3178" s="5" t="s">
        <v>38</v>
      </c>
      <c r="O3178" s="5" t="s">
        <v>39</v>
      </c>
      <c r="P3178" s="5" t="s">
        <v>40</v>
      </c>
      <c r="Q3178" s="5" t="s">
        <v>1522</v>
      </c>
      <c r="R3178" s="5" t="s">
        <v>1523</v>
      </c>
      <c r="S3178" s="5" t="s">
        <v>42</v>
      </c>
      <c r="T3178" s="2">
        <v>3.5539999999999998</v>
      </c>
      <c r="U3178" s="2">
        <v>2.786</v>
      </c>
      <c r="V3178" s="2">
        <v>2.1000000000000001E-2</v>
      </c>
      <c r="W3178" s="2">
        <v>165.1</v>
      </c>
      <c r="X3178" s="2">
        <v>7.6</v>
      </c>
      <c r="Y3178" s="2">
        <v>16.7</v>
      </c>
      <c r="Z3178" s="5"/>
      <c r="AA3178" s="5" t="s">
        <v>43</v>
      </c>
      <c r="AB3178" s="5" t="s">
        <v>44</v>
      </c>
      <c r="AC3178" s="2"/>
      <c r="AD3178" s="1"/>
    </row>
    <row r="3179" spans="1:30">
      <c r="A3179" s="5" t="s">
        <v>83578</v>
      </c>
      <c r="B3179" s="2" t="s">
        <v>93139</v>
      </c>
      <c r="C3179" s="14" t="s">
        <v>93140</v>
      </c>
      <c r="D3179" s="2" t="s">
        <v>93141</v>
      </c>
      <c r="E3179" s="2" t="s">
        <v>36385</v>
      </c>
      <c r="F3179" s="8">
        <v>333</v>
      </c>
      <c r="G3179" s="5">
        <v>6</v>
      </c>
      <c r="H3179" s="5" t="s">
        <v>1518</v>
      </c>
      <c r="I3179" s="5" t="s">
        <v>36264</v>
      </c>
      <c r="J3179" s="2" t="s">
        <v>36265</v>
      </c>
      <c r="K3179" s="5" t="s">
        <v>36264</v>
      </c>
      <c r="L3179" s="2" t="s">
        <v>36265</v>
      </c>
      <c r="M3179" s="5" t="s">
        <v>36266</v>
      </c>
      <c r="N3179" s="5" t="s">
        <v>38</v>
      </c>
      <c r="O3179" s="5" t="s">
        <v>39</v>
      </c>
      <c r="P3179" s="5" t="s">
        <v>40</v>
      </c>
      <c r="Q3179" s="5" t="s">
        <v>1522</v>
      </c>
      <c r="R3179" s="5" t="s">
        <v>1523</v>
      </c>
      <c r="S3179" s="5" t="s">
        <v>42</v>
      </c>
      <c r="T3179" s="2">
        <v>3.4369999999999998</v>
      </c>
      <c r="U3179" s="2">
        <v>2.669</v>
      </c>
      <c r="V3179" s="2">
        <v>2.1000000000000001E-2</v>
      </c>
      <c r="W3179" s="2">
        <v>165.1</v>
      </c>
      <c r="X3179" s="2">
        <v>7.6</v>
      </c>
      <c r="Y3179" s="2">
        <v>16.7</v>
      </c>
      <c r="Z3179" s="5"/>
      <c r="AA3179" s="5" t="s">
        <v>43</v>
      </c>
      <c r="AB3179" s="5" t="s">
        <v>44</v>
      </c>
      <c r="AC3179" s="2"/>
      <c r="AD3179" s="1"/>
    </row>
    <row r="3180" spans="1:30">
      <c r="A3180" s="5" t="s">
        <v>83578</v>
      </c>
      <c r="B3180" s="2" t="s">
        <v>93142</v>
      </c>
      <c r="C3180" s="14" t="s">
        <v>93143</v>
      </c>
      <c r="D3180" s="2" t="s">
        <v>93144</v>
      </c>
      <c r="E3180" s="2" t="s">
        <v>36389</v>
      </c>
      <c r="F3180" s="8">
        <v>333</v>
      </c>
      <c r="G3180" s="5">
        <v>6</v>
      </c>
      <c r="H3180" s="5" t="s">
        <v>1518</v>
      </c>
      <c r="I3180" s="5" t="s">
        <v>36264</v>
      </c>
      <c r="J3180" s="2" t="s">
        <v>36265</v>
      </c>
      <c r="K3180" s="5" t="s">
        <v>36264</v>
      </c>
      <c r="L3180" s="2" t="s">
        <v>36265</v>
      </c>
      <c r="M3180" s="5" t="s">
        <v>36266</v>
      </c>
      <c r="N3180" s="5" t="s">
        <v>38</v>
      </c>
      <c r="O3180" s="5" t="s">
        <v>39</v>
      </c>
      <c r="P3180" s="5" t="s">
        <v>40</v>
      </c>
      <c r="Q3180" s="5" t="s">
        <v>1522</v>
      </c>
      <c r="R3180" s="5" t="s">
        <v>1523</v>
      </c>
      <c r="S3180" s="5" t="s">
        <v>42</v>
      </c>
      <c r="T3180" s="2">
        <v>3.5539999999999998</v>
      </c>
      <c r="U3180" s="2">
        <v>2.786</v>
      </c>
      <c r="V3180" s="2">
        <v>2.1000000000000001E-2</v>
      </c>
      <c r="W3180" s="2">
        <v>165.1</v>
      </c>
      <c r="X3180" s="2">
        <v>7.6</v>
      </c>
      <c r="Y3180" s="2">
        <v>16.7</v>
      </c>
      <c r="Z3180" s="5"/>
      <c r="AA3180" s="5" t="s">
        <v>43</v>
      </c>
      <c r="AB3180" s="5" t="s">
        <v>44</v>
      </c>
      <c r="AC3180" s="2"/>
      <c r="AD3180" s="1"/>
    </row>
    <row r="3181" spans="1:30">
      <c r="A3181" s="5" t="s">
        <v>83578</v>
      </c>
      <c r="B3181" s="2" t="s">
        <v>93145</v>
      </c>
      <c r="C3181" s="14" t="s">
        <v>93146</v>
      </c>
      <c r="D3181" s="2" t="s">
        <v>93147</v>
      </c>
      <c r="E3181" s="2" t="s">
        <v>7204</v>
      </c>
      <c r="F3181" s="8">
        <v>291</v>
      </c>
      <c r="G3181" s="5">
        <v>6</v>
      </c>
      <c r="H3181" s="5" t="s">
        <v>1518</v>
      </c>
      <c r="I3181" s="5" t="s">
        <v>36264</v>
      </c>
      <c r="J3181" s="2" t="s">
        <v>36265</v>
      </c>
      <c r="K3181" s="5" t="s">
        <v>36264</v>
      </c>
      <c r="L3181" s="2" t="s">
        <v>36265</v>
      </c>
      <c r="M3181" s="5" t="s">
        <v>36266</v>
      </c>
      <c r="N3181" s="5" t="s">
        <v>38</v>
      </c>
      <c r="O3181" s="5" t="s">
        <v>39</v>
      </c>
      <c r="P3181" s="5" t="s">
        <v>40</v>
      </c>
      <c r="Q3181" s="5" t="s">
        <v>1522</v>
      </c>
      <c r="R3181" s="5" t="s">
        <v>1523</v>
      </c>
      <c r="S3181" s="5" t="s">
        <v>42</v>
      </c>
      <c r="T3181" s="2">
        <v>2.7509999999999999</v>
      </c>
      <c r="U3181" s="2">
        <v>2.2160000000000002</v>
      </c>
      <c r="V3181" s="2">
        <v>1.4999999999999999E-2</v>
      </c>
      <c r="W3181" s="2">
        <v>118.9</v>
      </c>
      <c r="X3181" s="2">
        <v>7.6</v>
      </c>
      <c r="Y3181" s="2">
        <v>16.7</v>
      </c>
      <c r="Z3181" s="5"/>
      <c r="AA3181" s="5" t="s">
        <v>43</v>
      </c>
      <c r="AB3181" s="5" t="s">
        <v>44</v>
      </c>
      <c r="AC3181" s="2"/>
      <c r="AD3181" s="1"/>
    </row>
    <row r="3182" spans="1:30">
      <c r="A3182" s="5" t="s">
        <v>83578</v>
      </c>
      <c r="B3182" s="2" t="s">
        <v>93148</v>
      </c>
      <c r="C3182" s="14" t="s">
        <v>93149</v>
      </c>
      <c r="D3182" s="2" t="s">
        <v>93150</v>
      </c>
      <c r="E3182" s="2" t="s">
        <v>7514</v>
      </c>
      <c r="F3182" s="8">
        <v>291</v>
      </c>
      <c r="G3182" s="5">
        <v>6</v>
      </c>
      <c r="H3182" s="5" t="s">
        <v>1518</v>
      </c>
      <c r="I3182" s="5" t="s">
        <v>36264</v>
      </c>
      <c r="J3182" s="2" t="s">
        <v>36265</v>
      </c>
      <c r="K3182" s="5" t="s">
        <v>36264</v>
      </c>
      <c r="L3182" s="2" t="s">
        <v>36265</v>
      </c>
      <c r="M3182" s="5" t="s">
        <v>36266</v>
      </c>
      <c r="N3182" s="5" t="s">
        <v>38</v>
      </c>
      <c r="O3182" s="5" t="s">
        <v>39</v>
      </c>
      <c r="P3182" s="5" t="s">
        <v>40</v>
      </c>
      <c r="Q3182" s="5" t="s">
        <v>1522</v>
      </c>
      <c r="R3182" s="5" t="s">
        <v>1523</v>
      </c>
      <c r="S3182" s="5" t="s">
        <v>42</v>
      </c>
      <c r="T3182" s="2">
        <v>2.8260000000000001</v>
      </c>
      <c r="U3182" s="2">
        <v>2.2909999999999999</v>
      </c>
      <c r="V3182" s="2">
        <v>1.4999999999999999E-2</v>
      </c>
      <c r="W3182" s="2">
        <v>118.9</v>
      </c>
      <c r="X3182" s="2">
        <v>7.6</v>
      </c>
      <c r="Y3182" s="2">
        <v>16.7</v>
      </c>
      <c r="Z3182" s="5"/>
      <c r="AA3182" s="5" t="s">
        <v>43</v>
      </c>
      <c r="AB3182" s="5" t="s">
        <v>44</v>
      </c>
      <c r="AC3182" s="2"/>
      <c r="AD3182" s="1"/>
    </row>
    <row r="3183" spans="1:30">
      <c r="A3183" s="5" t="s">
        <v>83578</v>
      </c>
      <c r="B3183" s="2" t="s">
        <v>93151</v>
      </c>
      <c r="C3183" s="14" t="s">
        <v>93152</v>
      </c>
      <c r="D3183" s="2" t="s">
        <v>93153</v>
      </c>
      <c r="E3183" s="2" t="s">
        <v>36273</v>
      </c>
      <c r="F3183" s="8">
        <v>291</v>
      </c>
      <c r="G3183" s="5">
        <v>6</v>
      </c>
      <c r="H3183" s="5" t="s">
        <v>1518</v>
      </c>
      <c r="I3183" s="5" t="s">
        <v>36264</v>
      </c>
      <c r="J3183" s="2" t="s">
        <v>36265</v>
      </c>
      <c r="K3183" s="5" t="s">
        <v>36264</v>
      </c>
      <c r="L3183" s="2" t="s">
        <v>36265</v>
      </c>
      <c r="M3183" s="5" t="s">
        <v>36266</v>
      </c>
      <c r="N3183" s="5" t="s">
        <v>38</v>
      </c>
      <c r="O3183" s="5" t="s">
        <v>39</v>
      </c>
      <c r="P3183" s="5" t="s">
        <v>40</v>
      </c>
      <c r="Q3183" s="5" t="s">
        <v>1522</v>
      </c>
      <c r="R3183" s="5" t="s">
        <v>1523</v>
      </c>
      <c r="S3183" s="5" t="s">
        <v>42</v>
      </c>
      <c r="T3183" s="2">
        <v>2.7509999999999999</v>
      </c>
      <c r="U3183" s="2">
        <v>2.2160000000000002</v>
      </c>
      <c r="V3183" s="2">
        <v>1.4999999999999999E-2</v>
      </c>
      <c r="W3183" s="2">
        <v>118.9</v>
      </c>
      <c r="X3183" s="2">
        <v>7.6</v>
      </c>
      <c r="Y3183" s="2">
        <v>16.7</v>
      </c>
      <c r="Z3183" s="5"/>
      <c r="AA3183" s="5" t="s">
        <v>43</v>
      </c>
      <c r="AB3183" s="5" t="s">
        <v>44</v>
      </c>
      <c r="AC3183" s="2"/>
      <c r="AD3183" s="1"/>
    </row>
    <row r="3184" spans="1:30">
      <c r="A3184" s="5" t="s">
        <v>83578</v>
      </c>
      <c r="B3184" s="2" t="s">
        <v>93154</v>
      </c>
      <c r="C3184" s="14" t="s">
        <v>93155</v>
      </c>
      <c r="D3184" s="2" t="s">
        <v>93156</v>
      </c>
      <c r="E3184" s="2" t="s">
        <v>36277</v>
      </c>
      <c r="F3184" s="8">
        <v>291</v>
      </c>
      <c r="G3184" s="5">
        <v>6</v>
      </c>
      <c r="H3184" s="5" t="s">
        <v>1518</v>
      </c>
      <c r="I3184" s="5" t="s">
        <v>36264</v>
      </c>
      <c r="J3184" s="2" t="s">
        <v>36265</v>
      </c>
      <c r="K3184" s="5" t="s">
        <v>36264</v>
      </c>
      <c r="L3184" s="2" t="s">
        <v>36265</v>
      </c>
      <c r="M3184" s="5" t="s">
        <v>36266</v>
      </c>
      <c r="N3184" s="5" t="s">
        <v>38</v>
      </c>
      <c r="O3184" s="5" t="s">
        <v>39</v>
      </c>
      <c r="P3184" s="5" t="s">
        <v>40</v>
      </c>
      <c r="Q3184" s="5" t="s">
        <v>1522</v>
      </c>
      <c r="R3184" s="5" t="s">
        <v>1523</v>
      </c>
      <c r="S3184" s="5" t="s">
        <v>42</v>
      </c>
      <c r="T3184" s="2">
        <v>2.8260000000000001</v>
      </c>
      <c r="U3184" s="2">
        <v>2.2909999999999999</v>
      </c>
      <c r="V3184" s="2">
        <v>1.4999999999999999E-2</v>
      </c>
      <c r="W3184" s="2">
        <v>118.9</v>
      </c>
      <c r="X3184" s="2">
        <v>7.6</v>
      </c>
      <c r="Y3184" s="2">
        <v>16.7</v>
      </c>
      <c r="Z3184" s="5"/>
      <c r="AA3184" s="5" t="s">
        <v>43</v>
      </c>
      <c r="AB3184" s="5" t="s">
        <v>44</v>
      </c>
      <c r="AC3184" s="2"/>
      <c r="AD3184" s="1"/>
    </row>
    <row r="3185" spans="1:30">
      <c r="A3185" s="5" t="s">
        <v>83578</v>
      </c>
      <c r="B3185" s="2" t="s">
        <v>93157</v>
      </c>
      <c r="C3185" s="14" t="s">
        <v>93158</v>
      </c>
      <c r="D3185" s="2" t="s">
        <v>93159</v>
      </c>
      <c r="E3185" s="2" t="s">
        <v>36281</v>
      </c>
      <c r="F3185" s="8">
        <v>314</v>
      </c>
      <c r="G3185" s="5">
        <v>6</v>
      </c>
      <c r="H3185" s="5" t="s">
        <v>1518</v>
      </c>
      <c r="I3185" s="5" t="s">
        <v>36264</v>
      </c>
      <c r="J3185" s="2" t="s">
        <v>36265</v>
      </c>
      <c r="K3185" s="5" t="s">
        <v>36264</v>
      </c>
      <c r="L3185" s="2" t="s">
        <v>36265</v>
      </c>
      <c r="M3185" s="5" t="s">
        <v>36266</v>
      </c>
      <c r="N3185" s="5" t="s">
        <v>38</v>
      </c>
      <c r="O3185" s="5" t="s">
        <v>39</v>
      </c>
      <c r="P3185" s="5" t="s">
        <v>40</v>
      </c>
      <c r="Q3185" s="5" t="s">
        <v>1522</v>
      </c>
      <c r="R3185" s="5" t="s">
        <v>1523</v>
      </c>
      <c r="S3185" s="5" t="s">
        <v>42</v>
      </c>
      <c r="T3185" s="2">
        <v>2.7509999999999999</v>
      </c>
      <c r="U3185" s="2">
        <v>2.2160000000000002</v>
      </c>
      <c r="V3185" s="2">
        <v>1.4999999999999999E-2</v>
      </c>
      <c r="W3185" s="2">
        <v>118.9</v>
      </c>
      <c r="X3185" s="2">
        <v>7.6</v>
      </c>
      <c r="Y3185" s="2">
        <v>16.7</v>
      </c>
      <c r="Z3185" s="5"/>
      <c r="AA3185" s="5" t="s">
        <v>43</v>
      </c>
      <c r="AB3185" s="5" t="s">
        <v>44</v>
      </c>
      <c r="AC3185" s="2"/>
      <c r="AD3185" s="1"/>
    </row>
    <row r="3186" spans="1:30">
      <c r="A3186" s="5" t="s">
        <v>83578</v>
      </c>
      <c r="B3186" s="2" t="s">
        <v>93160</v>
      </c>
      <c r="C3186" s="14" t="s">
        <v>93161</v>
      </c>
      <c r="D3186" s="2" t="s">
        <v>93162</v>
      </c>
      <c r="E3186" s="2" t="s">
        <v>36285</v>
      </c>
      <c r="F3186" s="8">
        <v>314</v>
      </c>
      <c r="G3186" s="5">
        <v>6</v>
      </c>
      <c r="H3186" s="5" t="s">
        <v>1518</v>
      </c>
      <c r="I3186" s="5" t="s">
        <v>36264</v>
      </c>
      <c r="J3186" s="2" t="s">
        <v>36265</v>
      </c>
      <c r="K3186" s="5" t="s">
        <v>36264</v>
      </c>
      <c r="L3186" s="2" t="s">
        <v>36265</v>
      </c>
      <c r="M3186" s="5" t="s">
        <v>36266</v>
      </c>
      <c r="N3186" s="5" t="s">
        <v>38</v>
      </c>
      <c r="O3186" s="5" t="s">
        <v>39</v>
      </c>
      <c r="P3186" s="5" t="s">
        <v>40</v>
      </c>
      <c r="Q3186" s="5" t="s">
        <v>1522</v>
      </c>
      <c r="R3186" s="5" t="s">
        <v>1523</v>
      </c>
      <c r="S3186" s="5" t="s">
        <v>42</v>
      </c>
      <c r="T3186" s="2">
        <v>2.8260000000000001</v>
      </c>
      <c r="U3186" s="2">
        <v>2.2909999999999999</v>
      </c>
      <c r="V3186" s="2">
        <v>1.4999999999999999E-2</v>
      </c>
      <c r="W3186" s="2">
        <v>118.9</v>
      </c>
      <c r="X3186" s="2">
        <v>7.6</v>
      </c>
      <c r="Y3186" s="2">
        <v>16.7</v>
      </c>
      <c r="Z3186" s="5"/>
      <c r="AA3186" s="5" t="s">
        <v>43</v>
      </c>
      <c r="AB3186" s="5" t="s">
        <v>44</v>
      </c>
      <c r="AC3186" s="2"/>
      <c r="AD3186" s="1"/>
    </row>
    <row r="3187" spans="1:30">
      <c r="A3187" s="5" t="s">
        <v>83578</v>
      </c>
      <c r="B3187" s="2" t="s">
        <v>93163</v>
      </c>
      <c r="C3187" s="14" t="s">
        <v>93164</v>
      </c>
      <c r="D3187" s="2" t="s">
        <v>93165</v>
      </c>
      <c r="E3187" s="2" t="s">
        <v>36289</v>
      </c>
      <c r="F3187" s="8">
        <v>314</v>
      </c>
      <c r="G3187" s="5">
        <v>6</v>
      </c>
      <c r="H3187" s="5" t="s">
        <v>1518</v>
      </c>
      <c r="I3187" s="5" t="s">
        <v>36264</v>
      </c>
      <c r="J3187" s="2" t="s">
        <v>36265</v>
      </c>
      <c r="K3187" s="5" t="s">
        <v>36264</v>
      </c>
      <c r="L3187" s="2" t="s">
        <v>36265</v>
      </c>
      <c r="M3187" s="5" t="s">
        <v>36266</v>
      </c>
      <c r="N3187" s="5" t="s">
        <v>38</v>
      </c>
      <c r="O3187" s="5" t="s">
        <v>39</v>
      </c>
      <c r="P3187" s="5" t="s">
        <v>40</v>
      </c>
      <c r="Q3187" s="5" t="s">
        <v>1522</v>
      </c>
      <c r="R3187" s="5" t="s">
        <v>1523</v>
      </c>
      <c r="S3187" s="5" t="s">
        <v>42</v>
      </c>
      <c r="T3187" s="2">
        <v>2.7509999999999999</v>
      </c>
      <c r="U3187" s="2">
        <v>2.2160000000000002</v>
      </c>
      <c r="V3187" s="2">
        <v>1.4999999999999999E-2</v>
      </c>
      <c r="W3187" s="2">
        <v>118.9</v>
      </c>
      <c r="X3187" s="2">
        <v>7.6</v>
      </c>
      <c r="Y3187" s="2">
        <v>16.7</v>
      </c>
      <c r="Z3187" s="5"/>
      <c r="AA3187" s="5" t="s">
        <v>43</v>
      </c>
      <c r="AB3187" s="5" t="s">
        <v>44</v>
      </c>
      <c r="AC3187" s="2"/>
      <c r="AD3187" s="1"/>
    </row>
    <row r="3188" spans="1:30">
      <c r="A3188" s="5" t="s">
        <v>83578</v>
      </c>
      <c r="B3188" s="2" t="s">
        <v>93166</v>
      </c>
      <c r="C3188" s="14" t="s">
        <v>93167</v>
      </c>
      <c r="D3188" s="2" t="s">
        <v>93168</v>
      </c>
      <c r="E3188" s="2" t="s">
        <v>36293</v>
      </c>
      <c r="F3188" s="8">
        <v>314</v>
      </c>
      <c r="G3188" s="5">
        <v>6</v>
      </c>
      <c r="H3188" s="5" t="s">
        <v>1518</v>
      </c>
      <c r="I3188" s="5" t="s">
        <v>36264</v>
      </c>
      <c r="J3188" s="2" t="s">
        <v>36265</v>
      </c>
      <c r="K3188" s="5" t="s">
        <v>36264</v>
      </c>
      <c r="L3188" s="2" t="s">
        <v>36265</v>
      </c>
      <c r="M3188" s="5" t="s">
        <v>36266</v>
      </c>
      <c r="N3188" s="5" t="s">
        <v>38</v>
      </c>
      <c r="O3188" s="5" t="s">
        <v>39</v>
      </c>
      <c r="P3188" s="5" t="s">
        <v>40</v>
      </c>
      <c r="Q3188" s="5" t="s">
        <v>1522</v>
      </c>
      <c r="R3188" s="5" t="s">
        <v>1523</v>
      </c>
      <c r="S3188" s="5" t="s">
        <v>42</v>
      </c>
      <c r="T3188" s="2">
        <v>2.8260000000000001</v>
      </c>
      <c r="U3188" s="2">
        <v>2.2909999999999999</v>
      </c>
      <c r="V3188" s="2">
        <v>1.4999999999999999E-2</v>
      </c>
      <c r="W3188" s="2">
        <v>118.9</v>
      </c>
      <c r="X3188" s="2">
        <v>7.6</v>
      </c>
      <c r="Y3188" s="2">
        <v>16.7</v>
      </c>
      <c r="Z3188" s="5"/>
      <c r="AA3188" s="5" t="s">
        <v>43</v>
      </c>
      <c r="AB3188" s="5" t="s">
        <v>44</v>
      </c>
      <c r="AC3188" s="2"/>
      <c r="AD3188" s="1"/>
    </row>
    <row r="3189" spans="1:30">
      <c r="A3189" s="5" t="s">
        <v>83578</v>
      </c>
      <c r="B3189" s="2" t="s">
        <v>93169</v>
      </c>
      <c r="C3189" s="14" t="s">
        <v>93170</v>
      </c>
      <c r="D3189" s="2" t="s">
        <v>93171</v>
      </c>
      <c r="E3189" s="2" t="s">
        <v>36297</v>
      </c>
      <c r="F3189" s="8">
        <v>291</v>
      </c>
      <c r="G3189" s="5">
        <v>6</v>
      </c>
      <c r="H3189" s="5" t="s">
        <v>1518</v>
      </c>
      <c r="I3189" s="5" t="s">
        <v>36264</v>
      </c>
      <c r="J3189" s="2" t="s">
        <v>36265</v>
      </c>
      <c r="K3189" s="5" t="s">
        <v>36264</v>
      </c>
      <c r="L3189" s="2" t="s">
        <v>36265</v>
      </c>
      <c r="M3189" s="5" t="s">
        <v>36266</v>
      </c>
      <c r="N3189" s="5" t="s">
        <v>38</v>
      </c>
      <c r="O3189" s="5" t="s">
        <v>39</v>
      </c>
      <c r="P3189" s="5" t="s">
        <v>40</v>
      </c>
      <c r="Q3189" s="5" t="s">
        <v>1522</v>
      </c>
      <c r="R3189" s="5" t="s">
        <v>1523</v>
      </c>
      <c r="S3189" s="5" t="s">
        <v>42</v>
      </c>
      <c r="T3189" s="2">
        <v>2.7509999999999999</v>
      </c>
      <c r="U3189" s="2">
        <v>2.2160000000000002</v>
      </c>
      <c r="V3189" s="2">
        <v>1.4999999999999999E-2</v>
      </c>
      <c r="W3189" s="2">
        <v>118.9</v>
      </c>
      <c r="X3189" s="2">
        <v>7.6</v>
      </c>
      <c r="Y3189" s="2">
        <v>16.7</v>
      </c>
      <c r="Z3189" s="5"/>
      <c r="AA3189" s="5" t="s">
        <v>43</v>
      </c>
      <c r="AB3189" s="5" t="s">
        <v>44</v>
      </c>
      <c r="AC3189" s="2"/>
      <c r="AD3189" s="1"/>
    </row>
    <row r="3190" spans="1:30">
      <c r="A3190" s="5" t="s">
        <v>83578</v>
      </c>
      <c r="B3190" s="2" t="s">
        <v>93172</v>
      </c>
      <c r="C3190" s="14" t="s">
        <v>93173</v>
      </c>
      <c r="D3190" s="2" t="s">
        <v>93174</v>
      </c>
      <c r="E3190" s="2" t="s">
        <v>36301</v>
      </c>
      <c r="F3190" s="8">
        <v>291</v>
      </c>
      <c r="G3190" s="5">
        <v>6</v>
      </c>
      <c r="H3190" s="5" t="s">
        <v>1518</v>
      </c>
      <c r="I3190" s="5" t="s">
        <v>36264</v>
      </c>
      <c r="J3190" s="2" t="s">
        <v>36265</v>
      </c>
      <c r="K3190" s="5" t="s">
        <v>36264</v>
      </c>
      <c r="L3190" s="2" t="s">
        <v>36265</v>
      </c>
      <c r="M3190" s="5" t="s">
        <v>36266</v>
      </c>
      <c r="N3190" s="5" t="s">
        <v>38</v>
      </c>
      <c r="O3190" s="5" t="s">
        <v>39</v>
      </c>
      <c r="P3190" s="5" t="s">
        <v>40</v>
      </c>
      <c r="Q3190" s="5" t="s">
        <v>1522</v>
      </c>
      <c r="R3190" s="5" t="s">
        <v>1523</v>
      </c>
      <c r="S3190" s="5" t="s">
        <v>42</v>
      </c>
      <c r="T3190" s="2">
        <v>2.8260000000000001</v>
      </c>
      <c r="U3190" s="2">
        <v>2.2909999999999999</v>
      </c>
      <c r="V3190" s="2">
        <v>1.4999999999999999E-2</v>
      </c>
      <c r="W3190" s="2">
        <v>118.9</v>
      </c>
      <c r="X3190" s="2">
        <v>7.6</v>
      </c>
      <c r="Y3190" s="2">
        <v>16.7</v>
      </c>
      <c r="Z3190" s="5"/>
      <c r="AA3190" s="5" t="s">
        <v>43</v>
      </c>
      <c r="AB3190" s="5" t="s">
        <v>44</v>
      </c>
      <c r="AC3190" s="2"/>
      <c r="AD3190" s="1"/>
    </row>
    <row r="3191" spans="1:30">
      <c r="A3191" s="5" t="s">
        <v>83578</v>
      </c>
      <c r="B3191" s="2" t="s">
        <v>93175</v>
      </c>
      <c r="C3191" s="14" t="s">
        <v>93176</v>
      </c>
      <c r="D3191" s="2" t="s">
        <v>93177</v>
      </c>
      <c r="E3191" s="2" t="s">
        <v>36305</v>
      </c>
      <c r="F3191" s="8">
        <v>291</v>
      </c>
      <c r="G3191" s="5">
        <v>6</v>
      </c>
      <c r="H3191" s="5" t="s">
        <v>1518</v>
      </c>
      <c r="I3191" s="5" t="s">
        <v>36264</v>
      </c>
      <c r="J3191" s="2" t="s">
        <v>36265</v>
      </c>
      <c r="K3191" s="5" t="s">
        <v>36264</v>
      </c>
      <c r="L3191" s="2" t="s">
        <v>36265</v>
      </c>
      <c r="M3191" s="5" t="s">
        <v>36266</v>
      </c>
      <c r="N3191" s="5" t="s">
        <v>38</v>
      </c>
      <c r="O3191" s="5" t="s">
        <v>39</v>
      </c>
      <c r="P3191" s="5" t="s">
        <v>40</v>
      </c>
      <c r="Q3191" s="5" t="s">
        <v>1522</v>
      </c>
      <c r="R3191" s="5" t="s">
        <v>1523</v>
      </c>
      <c r="S3191" s="5" t="s">
        <v>42</v>
      </c>
      <c r="T3191" s="2">
        <v>2.7509999999999999</v>
      </c>
      <c r="U3191" s="2">
        <v>2.2160000000000002</v>
      </c>
      <c r="V3191" s="2">
        <v>1.4999999999999999E-2</v>
      </c>
      <c r="W3191" s="2">
        <v>118.9</v>
      </c>
      <c r="X3191" s="2">
        <v>7.6</v>
      </c>
      <c r="Y3191" s="2">
        <v>16.7</v>
      </c>
      <c r="Z3191" s="5"/>
      <c r="AA3191" s="5" t="s">
        <v>43</v>
      </c>
      <c r="AB3191" s="5" t="s">
        <v>44</v>
      </c>
      <c r="AC3191" s="2"/>
      <c r="AD3191" s="1"/>
    </row>
    <row r="3192" spans="1:30">
      <c r="A3192" s="5" t="s">
        <v>83578</v>
      </c>
      <c r="B3192" s="2" t="s">
        <v>93178</v>
      </c>
      <c r="C3192" s="14" t="s">
        <v>93179</v>
      </c>
      <c r="D3192" s="2" t="s">
        <v>93180</v>
      </c>
      <c r="E3192" s="2" t="s">
        <v>36309</v>
      </c>
      <c r="F3192" s="8">
        <v>291</v>
      </c>
      <c r="G3192" s="5">
        <v>6</v>
      </c>
      <c r="H3192" s="5" t="s">
        <v>1518</v>
      </c>
      <c r="I3192" s="5" t="s">
        <v>36264</v>
      </c>
      <c r="J3192" s="2" t="s">
        <v>36265</v>
      </c>
      <c r="K3192" s="5" t="s">
        <v>36264</v>
      </c>
      <c r="L3192" s="2" t="s">
        <v>36265</v>
      </c>
      <c r="M3192" s="5" t="s">
        <v>36266</v>
      </c>
      <c r="N3192" s="5" t="s">
        <v>38</v>
      </c>
      <c r="O3192" s="5" t="s">
        <v>39</v>
      </c>
      <c r="P3192" s="5" t="s">
        <v>40</v>
      </c>
      <c r="Q3192" s="5" t="s">
        <v>1522</v>
      </c>
      <c r="R3192" s="5" t="s">
        <v>1523</v>
      </c>
      <c r="S3192" s="5" t="s">
        <v>42</v>
      </c>
      <c r="T3192" s="2">
        <v>2.8260000000000001</v>
      </c>
      <c r="U3192" s="2">
        <v>2.2909999999999999</v>
      </c>
      <c r="V3192" s="2">
        <v>1.4999999999999999E-2</v>
      </c>
      <c r="W3192" s="2">
        <v>118.9</v>
      </c>
      <c r="X3192" s="2">
        <v>7.6</v>
      </c>
      <c r="Y3192" s="2">
        <v>16.7</v>
      </c>
      <c r="Z3192" s="5"/>
      <c r="AA3192" s="5" t="s">
        <v>43</v>
      </c>
      <c r="AB3192" s="5" t="s">
        <v>44</v>
      </c>
      <c r="AC3192" s="2"/>
      <c r="AD3192" s="1"/>
    </row>
    <row r="3193" spans="1:30">
      <c r="A3193" s="5" t="s">
        <v>83578</v>
      </c>
      <c r="B3193" s="2" t="s">
        <v>93181</v>
      </c>
      <c r="C3193" s="14" t="s">
        <v>93182</v>
      </c>
      <c r="D3193" s="2" t="s">
        <v>93183</v>
      </c>
      <c r="E3193" s="2" t="s">
        <v>36313</v>
      </c>
      <c r="F3193" s="8">
        <v>314</v>
      </c>
      <c r="G3193" s="5">
        <v>6</v>
      </c>
      <c r="H3193" s="5" t="s">
        <v>1518</v>
      </c>
      <c r="I3193" s="5" t="s">
        <v>36264</v>
      </c>
      <c r="J3193" s="2" t="s">
        <v>36265</v>
      </c>
      <c r="K3193" s="5" t="s">
        <v>36264</v>
      </c>
      <c r="L3193" s="2" t="s">
        <v>36265</v>
      </c>
      <c r="M3193" s="5" t="s">
        <v>36266</v>
      </c>
      <c r="N3193" s="5" t="s">
        <v>38</v>
      </c>
      <c r="O3193" s="5" t="s">
        <v>39</v>
      </c>
      <c r="P3193" s="5" t="s">
        <v>40</v>
      </c>
      <c r="Q3193" s="5" t="s">
        <v>1522</v>
      </c>
      <c r="R3193" s="5" t="s">
        <v>1523</v>
      </c>
      <c r="S3193" s="5" t="s">
        <v>42</v>
      </c>
      <c r="T3193" s="2">
        <v>2.7509999999999999</v>
      </c>
      <c r="U3193" s="2">
        <v>2.2160000000000002</v>
      </c>
      <c r="V3193" s="2">
        <v>1.4999999999999999E-2</v>
      </c>
      <c r="W3193" s="2">
        <v>118.9</v>
      </c>
      <c r="X3193" s="2">
        <v>7.6</v>
      </c>
      <c r="Y3193" s="2">
        <v>16.7</v>
      </c>
      <c r="Z3193" s="5"/>
      <c r="AA3193" s="5" t="s">
        <v>43</v>
      </c>
      <c r="AB3193" s="5" t="s">
        <v>44</v>
      </c>
      <c r="AC3193" s="2"/>
      <c r="AD3193" s="1"/>
    </row>
    <row r="3194" spans="1:30">
      <c r="A3194" s="5" t="s">
        <v>83578</v>
      </c>
      <c r="B3194" s="2" t="s">
        <v>93184</v>
      </c>
      <c r="C3194" s="14" t="s">
        <v>93185</v>
      </c>
      <c r="D3194" s="2" t="s">
        <v>93186</v>
      </c>
      <c r="E3194" s="2" t="s">
        <v>36317</v>
      </c>
      <c r="F3194" s="8">
        <v>314</v>
      </c>
      <c r="G3194" s="5">
        <v>6</v>
      </c>
      <c r="H3194" s="5" t="s">
        <v>1518</v>
      </c>
      <c r="I3194" s="5" t="s">
        <v>36264</v>
      </c>
      <c r="J3194" s="2" t="s">
        <v>36265</v>
      </c>
      <c r="K3194" s="5" t="s">
        <v>36264</v>
      </c>
      <c r="L3194" s="2" t="s">
        <v>36265</v>
      </c>
      <c r="M3194" s="5" t="s">
        <v>36266</v>
      </c>
      <c r="N3194" s="5" t="s">
        <v>38</v>
      </c>
      <c r="O3194" s="5" t="s">
        <v>39</v>
      </c>
      <c r="P3194" s="5" t="s">
        <v>40</v>
      </c>
      <c r="Q3194" s="5" t="s">
        <v>1522</v>
      </c>
      <c r="R3194" s="5" t="s">
        <v>1523</v>
      </c>
      <c r="S3194" s="5" t="s">
        <v>42</v>
      </c>
      <c r="T3194" s="2">
        <v>2.8260000000000001</v>
      </c>
      <c r="U3194" s="2">
        <v>2.2909999999999999</v>
      </c>
      <c r="V3194" s="2">
        <v>1.4999999999999999E-2</v>
      </c>
      <c r="W3194" s="2">
        <v>118.9</v>
      </c>
      <c r="X3194" s="2">
        <v>7.6</v>
      </c>
      <c r="Y3194" s="2">
        <v>16.7</v>
      </c>
      <c r="Z3194" s="5"/>
      <c r="AA3194" s="5" t="s">
        <v>43</v>
      </c>
      <c r="AB3194" s="5" t="s">
        <v>44</v>
      </c>
      <c r="AC3194" s="2"/>
      <c r="AD3194" s="1"/>
    </row>
    <row r="3195" spans="1:30">
      <c r="A3195" s="5" t="s">
        <v>83578</v>
      </c>
      <c r="B3195" s="2" t="s">
        <v>93187</v>
      </c>
      <c r="C3195" s="14" t="s">
        <v>93188</v>
      </c>
      <c r="D3195" s="2" t="s">
        <v>93189</v>
      </c>
      <c r="E3195" s="2" t="s">
        <v>36321</v>
      </c>
      <c r="F3195" s="8">
        <v>314</v>
      </c>
      <c r="G3195" s="5">
        <v>6</v>
      </c>
      <c r="H3195" s="5" t="s">
        <v>1518</v>
      </c>
      <c r="I3195" s="5" t="s">
        <v>36264</v>
      </c>
      <c r="J3195" s="2" t="s">
        <v>36265</v>
      </c>
      <c r="K3195" s="5" t="s">
        <v>36264</v>
      </c>
      <c r="L3195" s="2" t="s">
        <v>36265</v>
      </c>
      <c r="M3195" s="5" t="s">
        <v>36266</v>
      </c>
      <c r="N3195" s="5" t="s">
        <v>38</v>
      </c>
      <c r="O3195" s="5" t="s">
        <v>39</v>
      </c>
      <c r="P3195" s="5" t="s">
        <v>40</v>
      </c>
      <c r="Q3195" s="5" t="s">
        <v>1522</v>
      </c>
      <c r="R3195" s="5" t="s">
        <v>1523</v>
      </c>
      <c r="S3195" s="5" t="s">
        <v>42</v>
      </c>
      <c r="T3195" s="2">
        <v>2.7509999999999999</v>
      </c>
      <c r="U3195" s="2">
        <v>2.2160000000000002</v>
      </c>
      <c r="V3195" s="2">
        <v>1.4999999999999999E-2</v>
      </c>
      <c r="W3195" s="2">
        <v>118.9</v>
      </c>
      <c r="X3195" s="2">
        <v>7.6</v>
      </c>
      <c r="Y3195" s="2">
        <v>16.7</v>
      </c>
      <c r="Z3195" s="5"/>
      <c r="AA3195" s="5" t="s">
        <v>43</v>
      </c>
      <c r="AB3195" s="5" t="s">
        <v>44</v>
      </c>
      <c r="AC3195" s="2"/>
      <c r="AD3195" s="1"/>
    </row>
    <row r="3196" spans="1:30">
      <c r="A3196" s="5" t="s">
        <v>83578</v>
      </c>
      <c r="B3196" s="2" t="s">
        <v>93190</v>
      </c>
      <c r="C3196" s="14" t="s">
        <v>93191</v>
      </c>
      <c r="D3196" s="2" t="s">
        <v>93192</v>
      </c>
      <c r="E3196" s="2" t="s">
        <v>36325</v>
      </c>
      <c r="F3196" s="8">
        <v>314</v>
      </c>
      <c r="G3196" s="5">
        <v>6</v>
      </c>
      <c r="H3196" s="5" t="s">
        <v>1518</v>
      </c>
      <c r="I3196" s="5" t="s">
        <v>36264</v>
      </c>
      <c r="J3196" s="2" t="s">
        <v>36265</v>
      </c>
      <c r="K3196" s="5" t="s">
        <v>36264</v>
      </c>
      <c r="L3196" s="2" t="s">
        <v>36265</v>
      </c>
      <c r="M3196" s="5" t="s">
        <v>36266</v>
      </c>
      <c r="N3196" s="5" t="s">
        <v>38</v>
      </c>
      <c r="O3196" s="5" t="s">
        <v>39</v>
      </c>
      <c r="P3196" s="5" t="s">
        <v>40</v>
      </c>
      <c r="Q3196" s="5" t="s">
        <v>1522</v>
      </c>
      <c r="R3196" s="5" t="s">
        <v>1523</v>
      </c>
      <c r="S3196" s="5" t="s">
        <v>42</v>
      </c>
      <c r="T3196" s="2">
        <v>2.8260000000000001</v>
      </c>
      <c r="U3196" s="2">
        <v>2.2909999999999999</v>
      </c>
      <c r="V3196" s="2">
        <v>1.4999999999999999E-2</v>
      </c>
      <c r="W3196" s="2">
        <v>118.9</v>
      </c>
      <c r="X3196" s="2">
        <v>7.6</v>
      </c>
      <c r="Y3196" s="2">
        <v>16.7</v>
      </c>
      <c r="Z3196" s="5"/>
      <c r="AA3196" s="5" t="s">
        <v>43</v>
      </c>
      <c r="AB3196" s="5" t="s">
        <v>44</v>
      </c>
      <c r="AC3196" s="2"/>
      <c r="AD3196" s="1"/>
    </row>
    <row r="3197" spans="1:30">
      <c r="A3197" s="5" t="s">
        <v>83578</v>
      </c>
      <c r="B3197" s="2" t="s">
        <v>93193</v>
      </c>
      <c r="C3197" s="14" t="s">
        <v>93194</v>
      </c>
      <c r="D3197" s="2" t="s">
        <v>93195</v>
      </c>
      <c r="E3197" s="2" t="s">
        <v>36329</v>
      </c>
      <c r="F3197" s="8">
        <v>314</v>
      </c>
      <c r="G3197" s="5">
        <v>6</v>
      </c>
      <c r="H3197" s="5" t="s">
        <v>1518</v>
      </c>
      <c r="I3197" s="5" t="s">
        <v>36264</v>
      </c>
      <c r="J3197" s="2" t="s">
        <v>36265</v>
      </c>
      <c r="K3197" s="5" t="s">
        <v>36264</v>
      </c>
      <c r="L3197" s="2" t="s">
        <v>36265</v>
      </c>
      <c r="M3197" s="5" t="s">
        <v>36266</v>
      </c>
      <c r="N3197" s="5" t="s">
        <v>38</v>
      </c>
      <c r="O3197" s="5" t="s">
        <v>39</v>
      </c>
      <c r="P3197" s="5" t="s">
        <v>40</v>
      </c>
      <c r="Q3197" s="5" t="s">
        <v>1522</v>
      </c>
      <c r="R3197" s="5" t="s">
        <v>1523</v>
      </c>
      <c r="S3197" s="5" t="s">
        <v>42</v>
      </c>
      <c r="T3197" s="2">
        <v>2.7509999999999999</v>
      </c>
      <c r="U3197" s="2">
        <v>2.2160000000000002</v>
      </c>
      <c r="V3197" s="2">
        <v>1.4999999999999999E-2</v>
      </c>
      <c r="W3197" s="2">
        <v>118.9</v>
      </c>
      <c r="X3197" s="2">
        <v>7.6</v>
      </c>
      <c r="Y3197" s="2">
        <v>16.7</v>
      </c>
      <c r="Z3197" s="5"/>
      <c r="AA3197" s="5" t="s">
        <v>43</v>
      </c>
      <c r="AB3197" s="5" t="s">
        <v>44</v>
      </c>
      <c r="AC3197" s="2"/>
      <c r="AD3197" s="1"/>
    </row>
    <row r="3198" spans="1:30">
      <c r="A3198" s="5" t="s">
        <v>83578</v>
      </c>
      <c r="B3198" s="2" t="s">
        <v>93196</v>
      </c>
      <c r="C3198" s="14" t="s">
        <v>93197</v>
      </c>
      <c r="D3198" s="2" t="s">
        <v>93198</v>
      </c>
      <c r="E3198" s="2" t="s">
        <v>36333</v>
      </c>
      <c r="F3198" s="8">
        <v>314</v>
      </c>
      <c r="G3198" s="5">
        <v>6</v>
      </c>
      <c r="H3198" s="5" t="s">
        <v>1518</v>
      </c>
      <c r="I3198" s="5" t="s">
        <v>36264</v>
      </c>
      <c r="J3198" s="2" t="s">
        <v>36265</v>
      </c>
      <c r="K3198" s="5" t="s">
        <v>36264</v>
      </c>
      <c r="L3198" s="2" t="s">
        <v>36265</v>
      </c>
      <c r="M3198" s="5" t="s">
        <v>36266</v>
      </c>
      <c r="N3198" s="5" t="s">
        <v>38</v>
      </c>
      <c r="O3198" s="5" t="s">
        <v>39</v>
      </c>
      <c r="P3198" s="5" t="s">
        <v>40</v>
      </c>
      <c r="Q3198" s="5" t="s">
        <v>1522</v>
      </c>
      <c r="R3198" s="5" t="s">
        <v>1523</v>
      </c>
      <c r="S3198" s="5" t="s">
        <v>42</v>
      </c>
      <c r="T3198" s="2">
        <v>2.8260000000000001</v>
      </c>
      <c r="U3198" s="2">
        <v>2.2909999999999999</v>
      </c>
      <c r="V3198" s="2">
        <v>1.4999999999999999E-2</v>
      </c>
      <c r="W3198" s="2">
        <v>118.9</v>
      </c>
      <c r="X3198" s="2">
        <v>7.6</v>
      </c>
      <c r="Y3198" s="2">
        <v>16.7</v>
      </c>
      <c r="Z3198" s="5"/>
      <c r="AA3198" s="5" t="s">
        <v>43</v>
      </c>
      <c r="AB3198" s="5" t="s">
        <v>44</v>
      </c>
      <c r="AC3198" s="2"/>
      <c r="AD3198" s="1"/>
    </row>
    <row r="3199" spans="1:30">
      <c r="A3199" s="5" t="s">
        <v>83578</v>
      </c>
      <c r="B3199" s="2" t="s">
        <v>93199</v>
      </c>
      <c r="C3199" s="14" t="s">
        <v>93200</v>
      </c>
      <c r="D3199" s="2" t="s">
        <v>93201</v>
      </c>
      <c r="E3199" s="2" t="s">
        <v>36337</v>
      </c>
      <c r="F3199" s="8">
        <v>314</v>
      </c>
      <c r="G3199" s="5">
        <v>6</v>
      </c>
      <c r="H3199" s="5" t="s">
        <v>1518</v>
      </c>
      <c r="I3199" s="5" t="s">
        <v>36264</v>
      </c>
      <c r="J3199" s="2" t="s">
        <v>36265</v>
      </c>
      <c r="K3199" s="5" t="s">
        <v>36264</v>
      </c>
      <c r="L3199" s="2" t="s">
        <v>36265</v>
      </c>
      <c r="M3199" s="5" t="s">
        <v>36266</v>
      </c>
      <c r="N3199" s="5" t="s">
        <v>38</v>
      </c>
      <c r="O3199" s="5" t="s">
        <v>39</v>
      </c>
      <c r="P3199" s="5" t="s">
        <v>40</v>
      </c>
      <c r="Q3199" s="5" t="s">
        <v>1522</v>
      </c>
      <c r="R3199" s="5" t="s">
        <v>1523</v>
      </c>
      <c r="S3199" s="5" t="s">
        <v>42</v>
      </c>
      <c r="T3199" s="2">
        <v>2.7509999999999999</v>
      </c>
      <c r="U3199" s="2">
        <v>2.2160000000000002</v>
      </c>
      <c r="V3199" s="2">
        <v>1.4999999999999999E-2</v>
      </c>
      <c r="W3199" s="2">
        <v>118.9</v>
      </c>
      <c r="X3199" s="2">
        <v>7.6</v>
      </c>
      <c r="Y3199" s="2">
        <v>16.7</v>
      </c>
      <c r="Z3199" s="5"/>
      <c r="AA3199" s="5" t="s">
        <v>43</v>
      </c>
      <c r="AB3199" s="5" t="s">
        <v>44</v>
      </c>
      <c r="AC3199" s="2"/>
      <c r="AD3199" s="1"/>
    </row>
    <row r="3200" spans="1:30">
      <c r="A3200" s="5" t="s">
        <v>83578</v>
      </c>
      <c r="B3200" s="2" t="s">
        <v>93202</v>
      </c>
      <c r="C3200" s="14" t="s">
        <v>93203</v>
      </c>
      <c r="D3200" s="2" t="s">
        <v>93204</v>
      </c>
      <c r="E3200" s="2" t="s">
        <v>36341</v>
      </c>
      <c r="F3200" s="8">
        <v>314</v>
      </c>
      <c r="G3200" s="5">
        <v>6</v>
      </c>
      <c r="H3200" s="5" t="s">
        <v>1518</v>
      </c>
      <c r="I3200" s="5" t="s">
        <v>36264</v>
      </c>
      <c r="J3200" s="2" t="s">
        <v>36265</v>
      </c>
      <c r="K3200" s="5" t="s">
        <v>36264</v>
      </c>
      <c r="L3200" s="2" t="s">
        <v>36265</v>
      </c>
      <c r="M3200" s="5" t="s">
        <v>36266</v>
      </c>
      <c r="N3200" s="5" t="s">
        <v>38</v>
      </c>
      <c r="O3200" s="5" t="s">
        <v>39</v>
      </c>
      <c r="P3200" s="5" t="s">
        <v>40</v>
      </c>
      <c r="Q3200" s="5" t="s">
        <v>1522</v>
      </c>
      <c r="R3200" s="5" t="s">
        <v>1523</v>
      </c>
      <c r="S3200" s="5" t="s">
        <v>42</v>
      </c>
      <c r="T3200" s="2">
        <v>2.8260000000000001</v>
      </c>
      <c r="U3200" s="2">
        <v>2.2909999999999999</v>
      </c>
      <c r="V3200" s="2">
        <v>1.4999999999999999E-2</v>
      </c>
      <c r="W3200" s="2">
        <v>118.9</v>
      </c>
      <c r="X3200" s="2">
        <v>7.6</v>
      </c>
      <c r="Y3200" s="2">
        <v>16.7</v>
      </c>
      <c r="Z3200" s="5"/>
      <c r="AA3200" s="5" t="s">
        <v>43</v>
      </c>
      <c r="AB3200" s="5" t="s">
        <v>44</v>
      </c>
      <c r="AC3200" s="2"/>
      <c r="AD3200" s="1"/>
    </row>
    <row r="3201" spans="1:30">
      <c r="A3201" s="5" t="s">
        <v>83578</v>
      </c>
      <c r="B3201" s="2" t="s">
        <v>93205</v>
      </c>
      <c r="C3201" s="14" t="s">
        <v>93206</v>
      </c>
      <c r="D3201" s="2" t="s">
        <v>93207</v>
      </c>
      <c r="E3201" s="2" t="s">
        <v>36345</v>
      </c>
      <c r="F3201" s="8">
        <v>314</v>
      </c>
      <c r="G3201" s="5">
        <v>6</v>
      </c>
      <c r="H3201" s="5" t="s">
        <v>1518</v>
      </c>
      <c r="I3201" s="5" t="s">
        <v>36264</v>
      </c>
      <c r="J3201" s="2" t="s">
        <v>36265</v>
      </c>
      <c r="K3201" s="5" t="s">
        <v>36264</v>
      </c>
      <c r="L3201" s="2" t="s">
        <v>36265</v>
      </c>
      <c r="M3201" s="5" t="s">
        <v>36266</v>
      </c>
      <c r="N3201" s="5" t="s">
        <v>38</v>
      </c>
      <c r="O3201" s="5" t="s">
        <v>39</v>
      </c>
      <c r="P3201" s="5" t="s">
        <v>40</v>
      </c>
      <c r="Q3201" s="5" t="s">
        <v>1522</v>
      </c>
      <c r="R3201" s="5" t="s">
        <v>1523</v>
      </c>
      <c r="S3201" s="5" t="s">
        <v>42</v>
      </c>
      <c r="T3201" s="2">
        <v>2.7509999999999999</v>
      </c>
      <c r="U3201" s="2">
        <v>2.2160000000000002</v>
      </c>
      <c r="V3201" s="2">
        <v>1.4999999999999999E-2</v>
      </c>
      <c r="W3201" s="2">
        <v>118.9</v>
      </c>
      <c r="X3201" s="2">
        <v>7.6</v>
      </c>
      <c r="Y3201" s="2">
        <v>16.7</v>
      </c>
      <c r="Z3201" s="5"/>
      <c r="AA3201" s="5" t="s">
        <v>43</v>
      </c>
      <c r="AB3201" s="5" t="s">
        <v>44</v>
      </c>
      <c r="AC3201" s="2"/>
      <c r="AD3201" s="1"/>
    </row>
    <row r="3202" spans="1:30">
      <c r="A3202" s="5" t="s">
        <v>83578</v>
      </c>
      <c r="B3202" s="2" t="s">
        <v>93208</v>
      </c>
      <c r="C3202" s="14" t="s">
        <v>93209</v>
      </c>
      <c r="D3202" s="2" t="s">
        <v>93210</v>
      </c>
      <c r="E3202" s="2" t="s">
        <v>36349</v>
      </c>
      <c r="F3202" s="8">
        <v>314</v>
      </c>
      <c r="G3202" s="5">
        <v>6</v>
      </c>
      <c r="H3202" s="5" t="s">
        <v>1518</v>
      </c>
      <c r="I3202" s="5" t="s">
        <v>36264</v>
      </c>
      <c r="J3202" s="2" t="s">
        <v>36265</v>
      </c>
      <c r="K3202" s="5" t="s">
        <v>36264</v>
      </c>
      <c r="L3202" s="2" t="s">
        <v>36265</v>
      </c>
      <c r="M3202" s="5" t="s">
        <v>36266</v>
      </c>
      <c r="N3202" s="5" t="s">
        <v>38</v>
      </c>
      <c r="O3202" s="5" t="s">
        <v>39</v>
      </c>
      <c r="P3202" s="5" t="s">
        <v>40</v>
      </c>
      <c r="Q3202" s="5" t="s">
        <v>1522</v>
      </c>
      <c r="R3202" s="5" t="s">
        <v>1523</v>
      </c>
      <c r="S3202" s="5" t="s">
        <v>42</v>
      </c>
      <c r="T3202" s="2">
        <v>2.8260000000000001</v>
      </c>
      <c r="U3202" s="2">
        <v>2.2909999999999999</v>
      </c>
      <c r="V3202" s="2">
        <v>1.4999999999999999E-2</v>
      </c>
      <c r="W3202" s="2">
        <v>118.9</v>
      </c>
      <c r="X3202" s="2">
        <v>7.6</v>
      </c>
      <c r="Y3202" s="2">
        <v>16.7</v>
      </c>
      <c r="Z3202" s="5"/>
      <c r="AA3202" s="5" t="s">
        <v>43</v>
      </c>
      <c r="AB3202" s="5" t="s">
        <v>44</v>
      </c>
      <c r="AC3202" s="2"/>
      <c r="AD3202" s="1"/>
    </row>
    <row r="3203" spans="1:30">
      <c r="A3203" s="5" t="s">
        <v>83578</v>
      </c>
      <c r="B3203" s="2" t="s">
        <v>93211</v>
      </c>
      <c r="C3203" s="14" t="s">
        <v>93212</v>
      </c>
      <c r="D3203" s="2" t="s">
        <v>93213</v>
      </c>
      <c r="E3203" s="2" t="s">
        <v>36353</v>
      </c>
      <c r="F3203" s="8">
        <v>314</v>
      </c>
      <c r="G3203" s="5">
        <v>6</v>
      </c>
      <c r="H3203" s="5" t="s">
        <v>1518</v>
      </c>
      <c r="I3203" s="5" t="s">
        <v>36264</v>
      </c>
      <c r="J3203" s="2" t="s">
        <v>36265</v>
      </c>
      <c r="K3203" s="5" t="s">
        <v>36264</v>
      </c>
      <c r="L3203" s="2" t="s">
        <v>36265</v>
      </c>
      <c r="M3203" s="5" t="s">
        <v>36266</v>
      </c>
      <c r="N3203" s="5" t="s">
        <v>38</v>
      </c>
      <c r="O3203" s="5" t="s">
        <v>39</v>
      </c>
      <c r="P3203" s="5" t="s">
        <v>40</v>
      </c>
      <c r="Q3203" s="5" t="s">
        <v>1522</v>
      </c>
      <c r="R3203" s="5" t="s">
        <v>1523</v>
      </c>
      <c r="S3203" s="5" t="s">
        <v>42</v>
      </c>
      <c r="T3203" s="2">
        <v>2.7509999999999999</v>
      </c>
      <c r="U3203" s="2">
        <v>2.2160000000000002</v>
      </c>
      <c r="V3203" s="2">
        <v>1.4999999999999999E-2</v>
      </c>
      <c r="W3203" s="2">
        <v>118.9</v>
      </c>
      <c r="X3203" s="2">
        <v>7.6</v>
      </c>
      <c r="Y3203" s="2">
        <v>16.7</v>
      </c>
      <c r="Z3203" s="5"/>
      <c r="AA3203" s="5" t="s">
        <v>43</v>
      </c>
      <c r="AB3203" s="5" t="s">
        <v>44</v>
      </c>
      <c r="AC3203" s="2"/>
      <c r="AD3203" s="1"/>
    </row>
    <row r="3204" spans="1:30">
      <c r="A3204" s="5" t="s">
        <v>83578</v>
      </c>
      <c r="B3204" s="2" t="s">
        <v>93214</v>
      </c>
      <c r="C3204" s="14" t="s">
        <v>93215</v>
      </c>
      <c r="D3204" s="2" t="s">
        <v>93216</v>
      </c>
      <c r="E3204" s="2" t="s">
        <v>36357</v>
      </c>
      <c r="F3204" s="8">
        <v>314</v>
      </c>
      <c r="G3204" s="5">
        <v>6</v>
      </c>
      <c r="H3204" s="5" t="s">
        <v>1518</v>
      </c>
      <c r="I3204" s="5" t="s">
        <v>36264</v>
      </c>
      <c r="J3204" s="2" t="s">
        <v>36265</v>
      </c>
      <c r="K3204" s="5" t="s">
        <v>36264</v>
      </c>
      <c r="L3204" s="2" t="s">
        <v>36265</v>
      </c>
      <c r="M3204" s="5" t="s">
        <v>36266</v>
      </c>
      <c r="N3204" s="5" t="s">
        <v>38</v>
      </c>
      <c r="O3204" s="5" t="s">
        <v>39</v>
      </c>
      <c r="P3204" s="5" t="s">
        <v>40</v>
      </c>
      <c r="Q3204" s="5" t="s">
        <v>1522</v>
      </c>
      <c r="R3204" s="5" t="s">
        <v>1523</v>
      </c>
      <c r="S3204" s="5" t="s">
        <v>42</v>
      </c>
      <c r="T3204" s="2">
        <v>2.8260000000000001</v>
      </c>
      <c r="U3204" s="2">
        <v>2.2909999999999999</v>
      </c>
      <c r="V3204" s="2">
        <v>1.4999999999999999E-2</v>
      </c>
      <c r="W3204" s="2">
        <v>118.9</v>
      </c>
      <c r="X3204" s="2">
        <v>7.6</v>
      </c>
      <c r="Y3204" s="2">
        <v>16.7</v>
      </c>
      <c r="Z3204" s="5"/>
      <c r="AA3204" s="5" t="s">
        <v>43</v>
      </c>
      <c r="AB3204" s="5" t="s">
        <v>44</v>
      </c>
      <c r="AC3204" s="2"/>
      <c r="AD3204" s="1"/>
    </row>
    <row r="3205" spans="1:30">
      <c r="A3205" s="5" t="s">
        <v>83578</v>
      </c>
      <c r="B3205" s="2" t="s">
        <v>93217</v>
      </c>
      <c r="C3205" s="14" t="s">
        <v>93218</v>
      </c>
      <c r="D3205" s="2" t="s">
        <v>93219</v>
      </c>
      <c r="E3205" s="2" t="s">
        <v>45598</v>
      </c>
      <c r="F3205" s="8">
        <v>314</v>
      </c>
      <c r="G3205" s="5">
        <v>6</v>
      </c>
      <c r="H3205" s="5" t="s">
        <v>1518</v>
      </c>
      <c r="I3205" s="5" t="s">
        <v>36264</v>
      </c>
      <c r="J3205" s="2" t="s">
        <v>36265</v>
      </c>
      <c r="K3205" s="5" t="s">
        <v>36264</v>
      </c>
      <c r="L3205" s="2" t="s">
        <v>36265</v>
      </c>
      <c r="M3205" s="5" t="s">
        <v>36266</v>
      </c>
      <c r="N3205" s="5" t="s">
        <v>38</v>
      </c>
      <c r="O3205" s="5" t="s">
        <v>39</v>
      </c>
      <c r="P3205" s="5" t="s">
        <v>40</v>
      </c>
      <c r="Q3205" s="5" t="s">
        <v>1522</v>
      </c>
      <c r="R3205" s="5" t="s">
        <v>1523</v>
      </c>
      <c r="S3205" s="5" t="s">
        <v>42</v>
      </c>
      <c r="T3205" s="2">
        <v>2.7509999999999999</v>
      </c>
      <c r="U3205" s="2">
        <v>2.2160000000000002</v>
      </c>
      <c r="V3205" s="2">
        <v>1.4999999999999999E-2</v>
      </c>
      <c r="W3205" s="2">
        <v>118.9</v>
      </c>
      <c r="X3205" s="2">
        <v>7.6</v>
      </c>
      <c r="Y3205" s="2">
        <v>16.7</v>
      </c>
      <c r="Z3205" s="5"/>
      <c r="AA3205" s="5" t="s">
        <v>43</v>
      </c>
      <c r="AB3205" s="5" t="s">
        <v>44</v>
      </c>
      <c r="AC3205" s="2"/>
      <c r="AD3205" s="1"/>
    </row>
    <row r="3206" spans="1:30">
      <c r="A3206" s="5" t="s">
        <v>83578</v>
      </c>
      <c r="B3206" s="2" t="s">
        <v>93220</v>
      </c>
      <c r="C3206" s="14" t="s">
        <v>93221</v>
      </c>
      <c r="D3206" s="2" t="s">
        <v>93222</v>
      </c>
      <c r="E3206" s="2" t="s">
        <v>45534</v>
      </c>
      <c r="F3206" s="8">
        <v>314</v>
      </c>
      <c r="G3206" s="5">
        <v>6</v>
      </c>
      <c r="H3206" s="5" t="s">
        <v>1518</v>
      </c>
      <c r="I3206" s="5" t="s">
        <v>36264</v>
      </c>
      <c r="J3206" s="2" t="s">
        <v>36265</v>
      </c>
      <c r="K3206" s="5" t="s">
        <v>36264</v>
      </c>
      <c r="L3206" s="2" t="s">
        <v>36265</v>
      </c>
      <c r="M3206" s="5" t="s">
        <v>36266</v>
      </c>
      <c r="N3206" s="5" t="s">
        <v>38</v>
      </c>
      <c r="O3206" s="5" t="s">
        <v>39</v>
      </c>
      <c r="P3206" s="5" t="s">
        <v>40</v>
      </c>
      <c r="Q3206" s="5" t="s">
        <v>1522</v>
      </c>
      <c r="R3206" s="5" t="s">
        <v>1523</v>
      </c>
      <c r="S3206" s="5" t="s">
        <v>42</v>
      </c>
      <c r="T3206" s="2">
        <v>2.8260000000000001</v>
      </c>
      <c r="U3206" s="2">
        <v>2.2909999999999999</v>
      </c>
      <c r="V3206" s="2">
        <v>1.4999999999999999E-2</v>
      </c>
      <c r="W3206" s="2">
        <v>118.9</v>
      </c>
      <c r="X3206" s="2">
        <v>7.6</v>
      </c>
      <c r="Y3206" s="2">
        <v>16.7</v>
      </c>
      <c r="Z3206" s="5"/>
      <c r="AA3206" s="5" t="s">
        <v>43</v>
      </c>
      <c r="AB3206" s="5" t="s">
        <v>44</v>
      </c>
      <c r="AC3206" s="2"/>
      <c r="AD3206" s="1"/>
    </row>
    <row r="3207" spans="1:30">
      <c r="A3207" s="5" t="s">
        <v>83578</v>
      </c>
      <c r="B3207" s="2" t="s">
        <v>93223</v>
      </c>
      <c r="C3207" s="14" t="s">
        <v>93224</v>
      </c>
      <c r="D3207" s="2" t="s">
        <v>93225</v>
      </c>
      <c r="E3207" s="2" t="s">
        <v>36369</v>
      </c>
      <c r="F3207" s="8">
        <v>314</v>
      </c>
      <c r="G3207" s="5">
        <v>6</v>
      </c>
      <c r="H3207" s="5" t="s">
        <v>1518</v>
      </c>
      <c r="I3207" s="5" t="s">
        <v>36264</v>
      </c>
      <c r="J3207" s="2" t="s">
        <v>36265</v>
      </c>
      <c r="K3207" s="5" t="s">
        <v>36264</v>
      </c>
      <c r="L3207" s="2" t="s">
        <v>36265</v>
      </c>
      <c r="M3207" s="5" t="s">
        <v>36266</v>
      </c>
      <c r="N3207" s="5" t="s">
        <v>38</v>
      </c>
      <c r="O3207" s="5" t="s">
        <v>39</v>
      </c>
      <c r="P3207" s="5" t="s">
        <v>40</v>
      </c>
      <c r="Q3207" s="5" t="s">
        <v>1522</v>
      </c>
      <c r="R3207" s="5" t="s">
        <v>1523</v>
      </c>
      <c r="S3207" s="5" t="s">
        <v>42</v>
      </c>
      <c r="T3207" s="2">
        <v>2.7509999999999999</v>
      </c>
      <c r="U3207" s="2">
        <v>2.2160000000000002</v>
      </c>
      <c r="V3207" s="2">
        <v>1.4999999999999999E-2</v>
      </c>
      <c r="W3207" s="2">
        <v>118.9</v>
      </c>
      <c r="X3207" s="2">
        <v>7.6</v>
      </c>
      <c r="Y3207" s="2">
        <v>16.7</v>
      </c>
      <c r="Z3207" s="5"/>
      <c r="AA3207" s="5" t="s">
        <v>43</v>
      </c>
      <c r="AB3207" s="5" t="s">
        <v>44</v>
      </c>
      <c r="AC3207" s="2"/>
      <c r="AD3207" s="1"/>
    </row>
    <row r="3208" spans="1:30">
      <c r="A3208" s="5" t="s">
        <v>83578</v>
      </c>
      <c r="B3208" s="2" t="s">
        <v>93226</v>
      </c>
      <c r="C3208" s="14" t="s">
        <v>93227</v>
      </c>
      <c r="D3208" s="2" t="s">
        <v>93228</v>
      </c>
      <c r="E3208" s="2" t="s">
        <v>36373</v>
      </c>
      <c r="F3208" s="8">
        <v>314</v>
      </c>
      <c r="G3208" s="5">
        <v>6</v>
      </c>
      <c r="H3208" s="5" t="s">
        <v>1518</v>
      </c>
      <c r="I3208" s="5" t="s">
        <v>36264</v>
      </c>
      <c r="J3208" s="2" t="s">
        <v>36265</v>
      </c>
      <c r="K3208" s="5" t="s">
        <v>36264</v>
      </c>
      <c r="L3208" s="2" t="s">
        <v>36265</v>
      </c>
      <c r="M3208" s="5" t="s">
        <v>36266</v>
      </c>
      <c r="N3208" s="5" t="s">
        <v>38</v>
      </c>
      <c r="O3208" s="5" t="s">
        <v>39</v>
      </c>
      <c r="P3208" s="5" t="s">
        <v>40</v>
      </c>
      <c r="Q3208" s="5" t="s">
        <v>1522</v>
      </c>
      <c r="R3208" s="5" t="s">
        <v>1523</v>
      </c>
      <c r="S3208" s="5" t="s">
        <v>42</v>
      </c>
      <c r="T3208" s="2">
        <v>2.8260000000000001</v>
      </c>
      <c r="U3208" s="2">
        <v>2.2909999999999999</v>
      </c>
      <c r="V3208" s="2">
        <v>1.4999999999999999E-2</v>
      </c>
      <c r="W3208" s="2">
        <v>118.9</v>
      </c>
      <c r="X3208" s="2">
        <v>7.6</v>
      </c>
      <c r="Y3208" s="2">
        <v>16.7</v>
      </c>
      <c r="Z3208" s="5"/>
      <c r="AA3208" s="5" t="s">
        <v>43</v>
      </c>
      <c r="AB3208" s="5" t="s">
        <v>44</v>
      </c>
      <c r="AC3208" s="2"/>
      <c r="AD3208" s="1"/>
    </row>
    <row r="3209" spans="1:30">
      <c r="A3209" s="5" t="s">
        <v>83578</v>
      </c>
      <c r="B3209" s="2" t="s">
        <v>93229</v>
      </c>
      <c r="C3209" s="14" t="s">
        <v>93230</v>
      </c>
      <c r="D3209" s="2" t="s">
        <v>93231</v>
      </c>
      <c r="E3209" s="2" t="s">
        <v>36377</v>
      </c>
      <c r="F3209" s="8">
        <v>314</v>
      </c>
      <c r="G3209" s="5">
        <v>6</v>
      </c>
      <c r="H3209" s="5" t="s">
        <v>1518</v>
      </c>
      <c r="I3209" s="5" t="s">
        <v>36264</v>
      </c>
      <c r="J3209" s="2" t="s">
        <v>36265</v>
      </c>
      <c r="K3209" s="5" t="s">
        <v>36264</v>
      </c>
      <c r="L3209" s="2" t="s">
        <v>36265</v>
      </c>
      <c r="M3209" s="5" t="s">
        <v>36266</v>
      </c>
      <c r="N3209" s="5" t="s">
        <v>38</v>
      </c>
      <c r="O3209" s="5" t="s">
        <v>39</v>
      </c>
      <c r="P3209" s="5" t="s">
        <v>40</v>
      </c>
      <c r="Q3209" s="5" t="s">
        <v>1522</v>
      </c>
      <c r="R3209" s="5" t="s">
        <v>1523</v>
      </c>
      <c r="S3209" s="5" t="s">
        <v>42</v>
      </c>
      <c r="T3209" s="2">
        <v>2.7509999999999999</v>
      </c>
      <c r="U3209" s="2">
        <v>2.2160000000000002</v>
      </c>
      <c r="V3209" s="2">
        <v>1.4999999999999999E-2</v>
      </c>
      <c r="W3209" s="2">
        <v>118.9</v>
      </c>
      <c r="X3209" s="2">
        <v>7.6</v>
      </c>
      <c r="Y3209" s="2">
        <v>16.7</v>
      </c>
      <c r="Z3209" s="5"/>
      <c r="AA3209" s="5" t="s">
        <v>43</v>
      </c>
      <c r="AB3209" s="5" t="s">
        <v>44</v>
      </c>
      <c r="AC3209" s="2"/>
      <c r="AD3209" s="1"/>
    </row>
    <row r="3210" spans="1:30">
      <c r="A3210" s="5" t="s">
        <v>83578</v>
      </c>
      <c r="B3210" s="2" t="s">
        <v>93232</v>
      </c>
      <c r="C3210" s="14" t="s">
        <v>93233</v>
      </c>
      <c r="D3210" s="2" t="s">
        <v>93234</v>
      </c>
      <c r="E3210" s="2" t="s">
        <v>36381</v>
      </c>
      <c r="F3210" s="8">
        <v>314</v>
      </c>
      <c r="G3210" s="5">
        <v>6</v>
      </c>
      <c r="H3210" s="5" t="s">
        <v>1518</v>
      </c>
      <c r="I3210" s="5" t="s">
        <v>36264</v>
      </c>
      <c r="J3210" s="2" t="s">
        <v>36265</v>
      </c>
      <c r="K3210" s="5" t="s">
        <v>36264</v>
      </c>
      <c r="L3210" s="2" t="s">
        <v>36265</v>
      </c>
      <c r="M3210" s="5" t="s">
        <v>36266</v>
      </c>
      <c r="N3210" s="5" t="s">
        <v>38</v>
      </c>
      <c r="O3210" s="5" t="s">
        <v>39</v>
      </c>
      <c r="P3210" s="5" t="s">
        <v>40</v>
      </c>
      <c r="Q3210" s="5" t="s">
        <v>1522</v>
      </c>
      <c r="R3210" s="5" t="s">
        <v>1523</v>
      </c>
      <c r="S3210" s="5" t="s">
        <v>42</v>
      </c>
      <c r="T3210" s="2">
        <v>2.8260000000000001</v>
      </c>
      <c r="U3210" s="2">
        <v>2.2909999999999999</v>
      </c>
      <c r="V3210" s="2">
        <v>1.4999999999999999E-2</v>
      </c>
      <c r="W3210" s="2">
        <v>118.9</v>
      </c>
      <c r="X3210" s="2">
        <v>7.6</v>
      </c>
      <c r="Y3210" s="2">
        <v>16.7</v>
      </c>
      <c r="Z3210" s="5"/>
      <c r="AA3210" s="5" t="s">
        <v>43</v>
      </c>
      <c r="AB3210" s="5" t="s">
        <v>44</v>
      </c>
      <c r="AC3210" s="2"/>
      <c r="AD3210" s="1"/>
    </row>
    <row r="3211" spans="1:30">
      <c r="A3211" s="5" t="s">
        <v>83578</v>
      </c>
      <c r="B3211" s="2" t="s">
        <v>93235</v>
      </c>
      <c r="C3211" s="14" t="s">
        <v>93236</v>
      </c>
      <c r="D3211" s="2" t="s">
        <v>93237</v>
      </c>
      <c r="E3211" s="2" t="s">
        <v>36385</v>
      </c>
      <c r="F3211" s="8">
        <v>314</v>
      </c>
      <c r="G3211" s="5">
        <v>6</v>
      </c>
      <c r="H3211" s="5" t="s">
        <v>1518</v>
      </c>
      <c r="I3211" s="5" t="s">
        <v>36264</v>
      </c>
      <c r="J3211" s="2" t="s">
        <v>36265</v>
      </c>
      <c r="K3211" s="5" t="s">
        <v>36264</v>
      </c>
      <c r="L3211" s="2" t="s">
        <v>36265</v>
      </c>
      <c r="M3211" s="5" t="s">
        <v>36266</v>
      </c>
      <c r="N3211" s="5" t="s">
        <v>38</v>
      </c>
      <c r="O3211" s="5" t="s">
        <v>39</v>
      </c>
      <c r="P3211" s="5" t="s">
        <v>40</v>
      </c>
      <c r="Q3211" s="5" t="s">
        <v>1522</v>
      </c>
      <c r="R3211" s="5" t="s">
        <v>1523</v>
      </c>
      <c r="S3211" s="5" t="s">
        <v>42</v>
      </c>
      <c r="T3211" s="2">
        <v>2.7509999999999999</v>
      </c>
      <c r="U3211" s="2">
        <v>2.2160000000000002</v>
      </c>
      <c r="V3211" s="2">
        <v>1.4999999999999999E-2</v>
      </c>
      <c r="W3211" s="2">
        <v>118.9</v>
      </c>
      <c r="X3211" s="2">
        <v>7.6</v>
      </c>
      <c r="Y3211" s="2">
        <v>16.7</v>
      </c>
      <c r="Z3211" s="5"/>
      <c r="AA3211" s="5" t="s">
        <v>43</v>
      </c>
      <c r="AB3211" s="5" t="s">
        <v>44</v>
      </c>
      <c r="AC3211" s="2"/>
      <c r="AD3211" s="1"/>
    </row>
    <row r="3212" spans="1:30">
      <c r="A3212" s="5" t="s">
        <v>83578</v>
      </c>
      <c r="B3212" s="2" t="s">
        <v>93238</v>
      </c>
      <c r="C3212" s="14" t="s">
        <v>93239</v>
      </c>
      <c r="D3212" s="2" t="s">
        <v>93240</v>
      </c>
      <c r="E3212" s="2" t="s">
        <v>36389</v>
      </c>
      <c r="F3212" s="8">
        <v>314</v>
      </c>
      <c r="G3212" s="5">
        <v>6</v>
      </c>
      <c r="H3212" s="5" t="s">
        <v>1518</v>
      </c>
      <c r="I3212" s="5" t="s">
        <v>36264</v>
      </c>
      <c r="J3212" s="2" t="s">
        <v>36265</v>
      </c>
      <c r="K3212" s="5" t="s">
        <v>36264</v>
      </c>
      <c r="L3212" s="2" t="s">
        <v>36265</v>
      </c>
      <c r="M3212" s="5" t="s">
        <v>36266</v>
      </c>
      <c r="N3212" s="5" t="s">
        <v>38</v>
      </c>
      <c r="O3212" s="5" t="s">
        <v>39</v>
      </c>
      <c r="P3212" s="5" t="s">
        <v>40</v>
      </c>
      <c r="Q3212" s="5" t="s">
        <v>1522</v>
      </c>
      <c r="R3212" s="5" t="s">
        <v>1523</v>
      </c>
      <c r="S3212" s="5" t="s">
        <v>42</v>
      </c>
      <c r="T3212" s="2">
        <v>2.8260000000000001</v>
      </c>
      <c r="U3212" s="2">
        <v>2.2909999999999999</v>
      </c>
      <c r="V3212" s="2">
        <v>1.4999999999999999E-2</v>
      </c>
      <c r="W3212" s="2">
        <v>118.9</v>
      </c>
      <c r="X3212" s="2">
        <v>7.6</v>
      </c>
      <c r="Y3212" s="2">
        <v>16.7</v>
      </c>
      <c r="Z3212" s="5"/>
      <c r="AA3212" s="5" t="s">
        <v>43</v>
      </c>
      <c r="AB3212" s="5" t="s">
        <v>44</v>
      </c>
      <c r="AC3212" s="2"/>
      <c r="AD3212" s="1"/>
    </row>
    <row r="3213" spans="1:30">
      <c r="A3213" s="5" t="s">
        <v>83578</v>
      </c>
      <c r="B3213" s="2" t="s">
        <v>93241</v>
      </c>
      <c r="C3213" s="14" t="s">
        <v>93242</v>
      </c>
      <c r="D3213" s="2" t="s">
        <v>93243</v>
      </c>
      <c r="E3213" s="2" t="s">
        <v>7204</v>
      </c>
      <c r="F3213" s="8">
        <v>291</v>
      </c>
      <c r="G3213" s="5">
        <v>6</v>
      </c>
      <c r="H3213" s="5" t="s">
        <v>1518</v>
      </c>
      <c r="I3213" s="5" t="s">
        <v>36264</v>
      </c>
      <c r="J3213" s="2" t="s">
        <v>36265</v>
      </c>
      <c r="K3213" s="5" t="s">
        <v>36264</v>
      </c>
      <c r="L3213" s="2" t="s">
        <v>36265</v>
      </c>
      <c r="M3213" s="5" t="s">
        <v>36266</v>
      </c>
      <c r="N3213" s="5" t="s">
        <v>38</v>
      </c>
      <c r="O3213" s="5" t="s">
        <v>39</v>
      </c>
      <c r="P3213" s="5" t="s">
        <v>40</v>
      </c>
      <c r="Q3213" s="5" t="s">
        <v>1522</v>
      </c>
      <c r="R3213" s="5" t="s">
        <v>1523</v>
      </c>
      <c r="S3213" s="5" t="s">
        <v>42</v>
      </c>
      <c r="T3213" s="2">
        <v>2.9159999999999999</v>
      </c>
      <c r="U3213" s="2">
        <v>2.3889999999999998</v>
      </c>
      <c r="V3213" s="2">
        <v>1.4999999999999999E-2</v>
      </c>
      <c r="W3213" s="2">
        <v>118.9</v>
      </c>
      <c r="X3213" s="2">
        <v>7.6</v>
      </c>
      <c r="Y3213" s="2">
        <v>16.7</v>
      </c>
      <c r="Z3213" s="5"/>
      <c r="AA3213" s="5" t="s">
        <v>43</v>
      </c>
      <c r="AB3213" s="5" t="s">
        <v>44</v>
      </c>
      <c r="AC3213" s="2"/>
      <c r="AD3213" s="1"/>
    </row>
    <row r="3214" spans="1:30">
      <c r="A3214" s="5" t="s">
        <v>83578</v>
      </c>
      <c r="B3214" s="2" t="s">
        <v>93244</v>
      </c>
      <c r="C3214" s="14" t="s">
        <v>93245</v>
      </c>
      <c r="D3214" s="2" t="s">
        <v>93246</v>
      </c>
      <c r="E3214" s="2" t="s">
        <v>7514</v>
      </c>
      <c r="F3214" s="8">
        <v>291</v>
      </c>
      <c r="G3214" s="5">
        <v>6</v>
      </c>
      <c r="H3214" s="5" t="s">
        <v>1518</v>
      </c>
      <c r="I3214" s="5" t="s">
        <v>36264</v>
      </c>
      <c r="J3214" s="2" t="s">
        <v>36265</v>
      </c>
      <c r="K3214" s="5" t="s">
        <v>36264</v>
      </c>
      <c r="L3214" s="2" t="s">
        <v>36265</v>
      </c>
      <c r="M3214" s="5" t="s">
        <v>36266</v>
      </c>
      <c r="N3214" s="5" t="s">
        <v>38</v>
      </c>
      <c r="O3214" s="5" t="s">
        <v>39</v>
      </c>
      <c r="P3214" s="5" t="s">
        <v>40</v>
      </c>
      <c r="Q3214" s="5" t="s">
        <v>1522</v>
      </c>
      <c r="R3214" s="5" t="s">
        <v>1523</v>
      </c>
      <c r="S3214" s="5" t="s">
        <v>42</v>
      </c>
      <c r="T3214" s="2">
        <v>3.0019999999999998</v>
      </c>
      <c r="U3214" s="2">
        <v>2.4750000000000001</v>
      </c>
      <c r="V3214" s="2">
        <v>1.4999999999999999E-2</v>
      </c>
      <c r="W3214" s="2">
        <v>118.9</v>
      </c>
      <c r="X3214" s="2">
        <v>7.6</v>
      </c>
      <c r="Y3214" s="2">
        <v>16.7</v>
      </c>
      <c r="Z3214" s="5"/>
      <c r="AA3214" s="5" t="s">
        <v>43</v>
      </c>
      <c r="AB3214" s="5" t="s">
        <v>44</v>
      </c>
      <c r="AC3214" s="2"/>
      <c r="AD3214" s="1"/>
    </row>
    <row r="3215" spans="1:30">
      <c r="A3215" s="5" t="s">
        <v>83578</v>
      </c>
      <c r="B3215" s="2" t="s">
        <v>93247</v>
      </c>
      <c r="C3215" s="14" t="s">
        <v>93248</v>
      </c>
      <c r="D3215" s="2" t="s">
        <v>93249</v>
      </c>
      <c r="E3215" s="2" t="s">
        <v>36273</v>
      </c>
      <c r="F3215" s="8">
        <v>291</v>
      </c>
      <c r="G3215" s="5">
        <v>6</v>
      </c>
      <c r="H3215" s="5" t="s">
        <v>1518</v>
      </c>
      <c r="I3215" s="5" t="s">
        <v>36264</v>
      </c>
      <c r="J3215" s="2" t="s">
        <v>36265</v>
      </c>
      <c r="K3215" s="5" t="s">
        <v>36264</v>
      </c>
      <c r="L3215" s="2" t="s">
        <v>36265</v>
      </c>
      <c r="M3215" s="5" t="s">
        <v>36266</v>
      </c>
      <c r="N3215" s="5" t="s">
        <v>38</v>
      </c>
      <c r="O3215" s="5" t="s">
        <v>39</v>
      </c>
      <c r="P3215" s="5" t="s">
        <v>40</v>
      </c>
      <c r="Q3215" s="5" t="s">
        <v>1522</v>
      </c>
      <c r="R3215" s="5" t="s">
        <v>1523</v>
      </c>
      <c r="S3215" s="5" t="s">
        <v>42</v>
      </c>
      <c r="T3215" s="2">
        <v>2.9159999999999999</v>
      </c>
      <c r="U3215" s="2">
        <v>2.3889999999999998</v>
      </c>
      <c r="V3215" s="2">
        <v>1.4999999999999999E-2</v>
      </c>
      <c r="W3215" s="2">
        <v>118.9</v>
      </c>
      <c r="X3215" s="2">
        <v>7.6</v>
      </c>
      <c r="Y3215" s="2">
        <v>16.7</v>
      </c>
      <c r="Z3215" s="5"/>
      <c r="AA3215" s="5" t="s">
        <v>43</v>
      </c>
      <c r="AB3215" s="5" t="s">
        <v>44</v>
      </c>
      <c r="AC3215" s="2"/>
      <c r="AD3215" s="1"/>
    </row>
    <row r="3216" spans="1:30">
      <c r="A3216" s="5" t="s">
        <v>83578</v>
      </c>
      <c r="B3216" s="2" t="s">
        <v>93250</v>
      </c>
      <c r="C3216" s="14" t="s">
        <v>93251</v>
      </c>
      <c r="D3216" s="2" t="s">
        <v>93252</v>
      </c>
      <c r="E3216" s="2" t="s">
        <v>36277</v>
      </c>
      <c r="F3216" s="8">
        <v>291</v>
      </c>
      <c r="G3216" s="5">
        <v>6</v>
      </c>
      <c r="H3216" s="5" t="s">
        <v>1518</v>
      </c>
      <c r="I3216" s="5" t="s">
        <v>36264</v>
      </c>
      <c r="J3216" s="2" t="s">
        <v>36265</v>
      </c>
      <c r="K3216" s="5" t="s">
        <v>36264</v>
      </c>
      <c r="L3216" s="2" t="s">
        <v>36265</v>
      </c>
      <c r="M3216" s="5" t="s">
        <v>36266</v>
      </c>
      <c r="N3216" s="5" t="s">
        <v>38</v>
      </c>
      <c r="O3216" s="5" t="s">
        <v>39</v>
      </c>
      <c r="P3216" s="5" t="s">
        <v>40</v>
      </c>
      <c r="Q3216" s="5" t="s">
        <v>1522</v>
      </c>
      <c r="R3216" s="5" t="s">
        <v>1523</v>
      </c>
      <c r="S3216" s="5" t="s">
        <v>42</v>
      </c>
      <c r="T3216" s="2">
        <v>3.0019999999999998</v>
      </c>
      <c r="U3216" s="2">
        <v>2.4750000000000001</v>
      </c>
      <c r="V3216" s="2">
        <v>1.4999999999999999E-2</v>
      </c>
      <c r="W3216" s="2">
        <v>118.9</v>
      </c>
      <c r="X3216" s="2">
        <v>7.6</v>
      </c>
      <c r="Y3216" s="2">
        <v>16.7</v>
      </c>
      <c r="Z3216" s="5"/>
      <c r="AA3216" s="5" t="s">
        <v>43</v>
      </c>
      <c r="AB3216" s="5" t="s">
        <v>44</v>
      </c>
      <c r="AC3216" s="2"/>
      <c r="AD3216" s="1"/>
    </row>
    <row r="3217" spans="1:30">
      <c r="A3217" s="5" t="s">
        <v>83578</v>
      </c>
      <c r="B3217" s="2" t="s">
        <v>93253</v>
      </c>
      <c r="C3217" s="14" t="s">
        <v>93254</v>
      </c>
      <c r="D3217" s="2" t="s">
        <v>93255</v>
      </c>
      <c r="E3217" s="2" t="s">
        <v>36281</v>
      </c>
      <c r="F3217" s="8">
        <v>314</v>
      </c>
      <c r="G3217" s="5">
        <v>6</v>
      </c>
      <c r="H3217" s="5" t="s">
        <v>1518</v>
      </c>
      <c r="I3217" s="5" t="s">
        <v>36264</v>
      </c>
      <c r="J3217" s="2" t="s">
        <v>36265</v>
      </c>
      <c r="K3217" s="5" t="s">
        <v>36264</v>
      </c>
      <c r="L3217" s="2" t="s">
        <v>36265</v>
      </c>
      <c r="M3217" s="5" t="s">
        <v>36266</v>
      </c>
      <c r="N3217" s="5" t="s">
        <v>38</v>
      </c>
      <c r="O3217" s="5" t="s">
        <v>39</v>
      </c>
      <c r="P3217" s="5" t="s">
        <v>40</v>
      </c>
      <c r="Q3217" s="5" t="s">
        <v>1522</v>
      </c>
      <c r="R3217" s="5" t="s">
        <v>1523</v>
      </c>
      <c r="S3217" s="5" t="s">
        <v>42</v>
      </c>
      <c r="T3217" s="2">
        <v>2.9159999999999999</v>
      </c>
      <c r="U3217" s="2">
        <v>2.3889999999999998</v>
      </c>
      <c r="V3217" s="2">
        <v>1.4999999999999999E-2</v>
      </c>
      <c r="W3217" s="2">
        <v>118.9</v>
      </c>
      <c r="X3217" s="2">
        <v>7.6</v>
      </c>
      <c r="Y3217" s="2">
        <v>16.7</v>
      </c>
      <c r="Z3217" s="5"/>
      <c r="AA3217" s="5" t="s">
        <v>43</v>
      </c>
      <c r="AB3217" s="5" t="s">
        <v>44</v>
      </c>
      <c r="AC3217" s="2"/>
      <c r="AD3217" s="1"/>
    </row>
    <row r="3218" spans="1:30">
      <c r="A3218" s="5" t="s">
        <v>83578</v>
      </c>
      <c r="B3218" s="2" t="s">
        <v>93256</v>
      </c>
      <c r="C3218" s="14" t="s">
        <v>93257</v>
      </c>
      <c r="D3218" s="2" t="s">
        <v>93258</v>
      </c>
      <c r="E3218" s="2" t="s">
        <v>36285</v>
      </c>
      <c r="F3218" s="8">
        <v>314</v>
      </c>
      <c r="G3218" s="5">
        <v>6</v>
      </c>
      <c r="H3218" s="5" t="s">
        <v>1518</v>
      </c>
      <c r="I3218" s="5" t="s">
        <v>36264</v>
      </c>
      <c r="J3218" s="2" t="s">
        <v>36265</v>
      </c>
      <c r="K3218" s="5" t="s">
        <v>36264</v>
      </c>
      <c r="L3218" s="2" t="s">
        <v>36265</v>
      </c>
      <c r="M3218" s="5" t="s">
        <v>36266</v>
      </c>
      <c r="N3218" s="5" t="s">
        <v>38</v>
      </c>
      <c r="O3218" s="5" t="s">
        <v>39</v>
      </c>
      <c r="P3218" s="5" t="s">
        <v>40</v>
      </c>
      <c r="Q3218" s="5" t="s">
        <v>1522</v>
      </c>
      <c r="R3218" s="5" t="s">
        <v>1523</v>
      </c>
      <c r="S3218" s="5" t="s">
        <v>42</v>
      </c>
      <c r="T3218" s="2">
        <v>3.0019999999999998</v>
      </c>
      <c r="U3218" s="2">
        <v>2.4750000000000001</v>
      </c>
      <c r="V3218" s="2">
        <v>1.4999999999999999E-2</v>
      </c>
      <c r="W3218" s="2">
        <v>118.9</v>
      </c>
      <c r="X3218" s="2">
        <v>7.6</v>
      </c>
      <c r="Y3218" s="2">
        <v>16.7</v>
      </c>
      <c r="Z3218" s="5"/>
      <c r="AA3218" s="5" t="s">
        <v>43</v>
      </c>
      <c r="AB3218" s="5" t="s">
        <v>44</v>
      </c>
      <c r="AC3218" s="2"/>
      <c r="AD3218" s="1"/>
    </row>
    <row r="3219" spans="1:30">
      <c r="A3219" s="5" t="s">
        <v>83578</v>
      </c>
      <c r="B3219" s="2" t="s">
        <v>93259</v>
      </c>
      <c r="C3219" s="14" t="s">
        <v>93260</v>
      </c>
      <c r="D3219" s="2" t="s">
        <v>93261</v>
      </c>
      <c r="E3219" s="2" t="s">
        <v>36289</v>
      </c>
      <c r="F3219" s="8">
        <v>314</v>
      </c>
      <c r="G3219" s="5">
        <v>6</v>
      </c>
      <c r="H3219" s="5" t="s">
        <v>1518</v>
      </c>
      <c r="I3219" s="5" t="s">
        <v>36264</v>
      </c>
      <c r="J3219" s="2" t="s">
        <v>36265</v>
      </c>
      <c r="K3219" s="5" t="s">
        <v>36264</v>
      </c>
      <c r="L3219" s="2" t="s">
        <v>36265</v>
      </c>
      <c r="M3219" s="5" t="s">
        <v>36266</v>
      </c>
      <c r="N3219" s="5" t="s">
        <v>38</v>
      </c>
      <c r="O3219" s="5" t="s">
        <v>39</v>
      </c>
      <c r="P3219" s="5" t="s">
        <v>40</v>
      </c>
      <c r="Q3219" s="5" t="s">
        <v>1522</v>
      </c>
      <c r="R3219" s="5" t="s">
        <v>1523</v>
      </c>
      <c r="S3219" s="5" t="s">
        <v>42</v>
      </c>
      <c r="T3219" s="2">
        <v>2.9159999999999999</v>
      </c>
      <c r="U3219" s="2">
        <v>2.3889999999999998</v>
      </c>
      <c r="V3219" s="2">
        <v>1.4999999999999999E-2</v>
      </c>
      <c r="W3219" s="2">
        <v>118.9</v>
      </c>
      <c r="X3219" s="2">
        <v>7.6</v>
      </c>
      <c r="Y3219" s="2">
        <v>16.7</v>
      </c>
      <c r="Z3219" s="5"/>
      <c r="AA3219" s="5" t="s">
        <v>43</v>
      </c>
      <c r="AB3219" s="5" t="s">
        <v>44</v>
      </c>
      <c r="AC3219" s="2"/>
      <c r="AD3219" s="1"/>
    </row>
    <row r="3220" spans="1:30">
      <c r="A3220" s="5" t="s">
        <v>83578</v>
      </c>
      <c r="B3220" s="2" t="s">
        <v>93262</v>
      </c>
      <c r="C3220" s="14" t="s">
        <v>93263</v>
      </c>
      <c r="D3220" s="2" t="s">
        <v>93264</v>
      </c>
      <c r="E3220" s="2" t="s">
        <v>36293</v>
      </c>
      <c r="F3220" s="8">
        <v>314</v>
      </c>
      <c r="G3220" s="5">
        <v>6</v>
      </c>
      <c r="H3220" s="5" t="s">
        <v>1518</v>
      </c>
      <c r="I3220" s="5" t="s">
        <v>36264</v>
      </c>
      <c r="J3220" s="2" t="s">
        <v>36265</v>
      </c>
      <c r="K3220" s="5" t="s">
        <v>36264</v>
      </c>
      <c r="L3220" s="2" t="s">
        <v>36265</v>
      </c>
      <c r="M3220" s="5" t="s">
        <v>36266</v>
      </c>
      <c r="N3220" s="5" t="s">
        <v>38</v>
      </c>
      <c r="O3220" s="5" t="s">
        <v>39</v>
      </c>
      <c r="P3220" s="5" t="s">
        <v>40</v>
      </c>
      <c r="Q3220" s="5" t="s">
        <v>1522</v>
      </c>
      <c r="R3220" s="5" t="s">
        <v>1523</v>
      </c>
      <c r="S3220" s="5" t="s">
        <v>42</v>
      </c>
      <c r="T3220" s="2">
        <v>3.0019999999999998</v>
      </c>
      <c r="U3220" s="2">
        <v>2.4750000000000001</v>
      </c>
      <c r="V3220" s="2">
        <v>1.4999999999999999E-2</v>
      </c>
      <c r="W3220" s="2">
        <v>118.9</v>
      </c>
      <c r="X3220" s="2">
        <v>7.6</v>
      </c>
      <c r="Y3220" s="2">
        <v>16.7</v>
      </c>
      <c r="Z3220" s="5"/>
      <c r="AA3220" s="5" t="s">
        <v>43</v>
      </c>
      <c r="AB3220" s="5" t="s">
        <v>44</v>
      </c>
      <c r="AC3220" s="2"/>
      <c r="AD3220" s="1"/>
    </row>
    <row r="3221" spans="1:30">
      <c r="A3221" s="5" t="s">
        <v>83578</v>
      </c>
      <c r="B3221" s="2" t="s">
        <v>93265</v>
      </c>
      <c r="C3221" s="14" t="s">
        <v>93266</v>
      </c>
      <c r="D3221" s="2" t="s">
        <v>93267</v>
      </c>
      <c r="E3221" s="2" t="s">
        <v>36297</v>
      </c>
      <c r="F3221" s="8">
        <v>291</v>
      </c>
      <c r="G3221" s="5">
        <v>6</v>
      </c>
      <c r="H3221" s="5" t="s">
        <v>1518</v>
      </c>
      <c r="I3221" s="5" t="s">
        <v>36264</v>
      </c>
      <c r="J3221" s="2" t="s">
        <v>36265</v>
      </c>
      <c r="K3221" s="5" t="s">
        <v>36264</v>
      </c>
      <c r="L3221" s="2" t="s">
        <v>36265</v>
      </c>
      <c r="M3221" s="5" t="s">
        <v>36266</v>
      </c>
      <c r="N3221" s="5" t="s">
        <v>38</v>
      </c>
      <c r="O3221" s="5" t="s">
        <v>39</v>
      </c>
      <c r="P3221" s="5" t="s">
        <v>40</v>
      </c>
      <c r="Q3221" s="5" t="s">
        <v>1522</v>
      </c>
      <c r="R3221" s="5" t="s">
        <v>1523</v>
      </c>
      <c r="S3221" s="5" t="s">
        <v>42</v>
      </c>
      <c r="T3221" s="2">
        <v>2.9159999999999999</v>
      </c>
      <c r="U3221" s="2">
        <v>2.3889999999999998</v>
      </c>
      <c r="V3221" s="2">
        <v>1.4999999999999999E-2</v>
      </c>
      <c r="W3221" s="2">
        <v>118.9</v>
      </c>
      <c r="X3221" s="2">
        <v>7.6</v>
      </c>
      <c r="Y3221" s="2">
        <v>16.7</v>
      </c>
      <c r="Z3221" s="5"/>
      <c r="AA3221" s="5" t="s">
        <v>43</v>
      </c>
      <c r="AB3221" s="5" t="s">
        <v>44</v>
      </c>
      <c r="AC3221" s="2"/>
      <c r="AD3221" s="1"/>
    </row>
    <row r="3222" spans="1:30">
      <c r="A3222" s="5" t="s">
        <v>83578</v>
      </c>
      <c r="B3222" s="2" t="s">
        <v>93268</v>
      </c>
      <c r="C3222" s="14" t="s">
        <v>93269</v>
      </c>
      <c r="D3222" s="2" t="s">
        <v>93270</v>
      </c>
      <c r="E3222" s="2" t="s">
        <v>36301</v>
      </c>
      <c r="F3222" s="8">
        <v>291</v>
      </c>
      <c r="G3222" s="5">
        <v>6</v>
      </c>
      <c r="H3222" s="5" t="s">
        <v>1518</v>
      </c>
      <c r="I3222" s="5" t="s">
        <v>36264</v>
      </c>
      <c r="J3222" s="2" t="s">
        <v>36265</v>
      </c>
      <c r="K3222" s="5" t="s">
        <v>36264</v>
      </c>
      <c r="L3222" s="2" t="s">
        <v>36265</v>
      </c>
      <c r="M3222" s="5" t="s">
        <v>36266</v>
      </c>
      <c r="N3222" s="5" t="s">
        <v>38</v>
      </c>
      <c r="O3222" s="5" t="s">
        <v>39</v>
      </c>
      <c r="P3222" s="5" t="s">
        <v>40</v>
      </c>
      <c r="Q3222" s="5" t="s">
        <v>1522</v>
      </c>
      <c r="R3222" s="5" t="s">
        <v>1523</v>
      </c>
      <c r="S3222" s="5" t="s">
        <v>42</v>
      </c>
      <c r="T3222" s="2">
        <v>3.0019999999999998</v>
      </c>
      <c r="U3222" s="2">
        <v>2.4750000000000001</v>
      </c>
      <c r="V3222" s="2">
        <v>1.4999999999999999E-2</v>
      </c>
      <c r="W3222" s="2">
        <v>118.9</v>
      </c>
      <c r="X3222" s="2">
        <v>7.6</v>
      </c>
      <c r="Y3222" s="2">
        <v>16.7</v>
      </c>
      <c r="Z3222" s="5"/>
      <c r="AA3222" s="5" t="s">
        <v>43</v>
      </c>
      <c r="AB3222" s="5" t="s">
        <v>44</v>
      </c>
      <c r="AC3222" s="2"/>
      <c r="AD3222" s="1"/>
    </row>
    <row r="3223" spans="1:30">
      <c r="A3223" s="5" t="s">
        <v>83578</v>
      </c>
      <c r="B3223" s="2" t="s">
        <v>93271</v>
      </c>
      <c r="C3223" s="14" t="s">
        <v>93272</v>
      </c>
      <c r="D3223" s="2" t="s">
        <v>93273</v>
      </c>
      <c r="E3223" s="2" t="s">
        <v>36305</v>
      </c>
      <c r="F3223" s="8">
        <v>291</v>
      </c>
      <c r="G3223" s="5">
        <v>6</v>
      </c>
      <c r="H3223" s="5" t="s">
        <v>1518</v>
      </c>
      <c r="I3223" s="5" t="s">
        <v>36264</v>
      </c>
      <c r="J3223" s="2" t="s">
        <v>36265</v>
      </c>
      <c r="K3223" s="5" t="s">
        <v>36264</v>
      </c>
      <c r="L3223" s="2" t="s">
        <v>36265</v>
      </c>
      <c r="M3223" s="5" t="s">
        <v>36266</v>
      </c>
      <c r="N3223" s="5" t="s">
        <v>38</v>
      </c>
      <c r="O3223" s="5" t="s">
        <v>39</v>
      </c>
      <c r="P3223" s="5" t="s">
        <v>40</v>
      </c>
      <c r="Q3223" s="5" t="s">
        <v>1522</v>
      </c>
      <c r="R3223" s="5" t="s">
        <v>1523</v>
      </c>
      <c r="S3223" s="5" t="s">
        <v>42</v>
      </c>
      <c r="T3223" s="2">
        <v>2.9159999999999999</v>
      </c>
      <c r="U3223" s="2">
        <v>2.3889999999999998</v>
      </c>
      <c r="V3223" s="2">
        <v>1.4999999999999999E-2</v>
      </c>
      <c r="W3223" s="2">
        <v>118.9</v>
      </c>
      <c r="X3223" s="2">
        <v>7.6</v>
      </c>
      <c r="Y3223" s="2">
        <v>16.7</v>
      </c>
      <c r="Z3223" s="5"/>
      <c r="AA3223" s="5" t="s">
        <v>43</v>
      </c>
      <c r="AB3223" s="5" t="s">
        <v>44</v>
      </c>
      <c r="AC3223" s="2"/>
      <c r="AD3223" s="1"/>
    </row>
    <row r="3224" spans="1:30">
      <c r="A3224" s="5" t="s">
        <v>83578</v>
      </c>
      <c r="B3224" s="2" t="s">
        <v>93274</v>
      </c>
      <c r="C3224" s="14" t="s">
        <v>93275</v>
      </c>
      <c r="D3224" s="2" t="s">
        <v>93276</v>
      </c>
      <c r="E3224" s="2" t="s">
        <v>36309</v>
      </c>
      <c r="F3224" s="8">
        <v>291</v>
      </c>
      <c r="G3224" s="5">
        <v>6</v>
      </c>
      <c r="H3224" s="5" t="s">
        <v>1518</v>
      </c>
      <c r="I3224" s="5" t="s">
        <v>36264</v>
      </c>
      <c r="J3224" s="2" t="s">
        <v>36265</v>
      </c>
      <c r="K3224" s="5" t="s">
        <v>36264</v>
      </c>
      <c r="L3224" s="2" t="s">
        <v>36265</v>
      </c>
      <c r="M3224" s="5" t="s">
        <v>36266</v>
      </c>
      <c r="N3224" s="5" t="s">
        <v>38</v>
      </c>
      <c r="O3224" s="5" t="s">
        <v>39</v>
      </c>
      <c r="P3224" s="5" t="s">
        <v>40</v>
      </c>
      <c r="Q3224" s="5" t="s">
        <v>1522</v>
      </c>
      <c r="R3224" s="5" t="s">
        <v>1523</v>
      </c>
      <c r="S3224" s="5" t="s">
        <v>42</v>
      </c>
      <c r="T3224" s="2">
        <v>3.0019999999999998</v>
      </c>
      <c r="U3224" s="2">
        <v>2.4750000000000001</v>
      </c>
      <c r="V3224" s="2">
        <v>1.4999999999999999E-2</v>
      </c>
      <c r="W3224" s="2">
        <v>118.9</v>
      </c>
      <c r="X3224" s="2">
        <v>7.6</v>
      </c>
      <c r="Y3224" s="2">
        <v>16.7</v>
      </c>
      <c r="Z3224" s="5"/>
      <c r="AA3224" s="5" t="s">
        <v>43</v>
      </c>
      <c r="AB3224" s="5" t="s">
        <v>44</v>
      </c>
      <c r="AC3224" s="2"/>
      <c r="AD3224" s="1"/>
    </row>
    <row r="3225" spans="1:30">
      <c r="A3225" s="5" t="s">
        <v>83578</v>
      </c>
      <c r="B3225" s="2" t="s">
        <v>93277</v>
      </c>
      <c r="C3225" s="14" t="s">
        <v>93278</v>
      </c>
      <c r="D3225" s="2" t="s">
        <v>93279</v>
      </c>
      <c r="E3225" s="2" t="s">
        <v>36313</v>
      </c>
      <c r="F3225" s="8">
        <v>314</v>
      </c>
      <c r="G3225" s="5">
        <v>6</v>
      </c>
      <c r="H3225" s="5" t="s">
        <v>1518</v>
      </c>
      <c r="I3225" s="5" t="s">
        <v>36264</v>
      </c>
      <c r="J3225" s="2" t="s">
        <v>36265</v>
      </c>
      <c r="K3225" s="5" t="s">
        <v>36264</v>
      </c>
      <c r="L3225" s="2" t="s">
        <v>36265</v>
      </c>
      <c r="M3225" s="5" t="s">
        <v>36266</v>
      </c>
      <c r="N3225" s="5" t="s">
        <v>38</v>
      </c>
      <c r="O3225" s="5" t="s">
        <v>39</v>
      </c>
      <c r="P3225" s="5" t="s">
        <v>40</v>
      </c>
      <c r="Q3225" s="5" t="s">
        <v>1522</v>
      </c>
      <c r="R3225" s="5" t="s">
        <v>1523</v>
      </c>
      <c r="S3225" s="5" t="s">
        <v>42</v>
      </c>
      <c r="T3225" s="2">
        <v>2.9159999999999999</v>
      </c>
      <c r="U3225" s="2">
        <v>2.3889999999999998</v>
      </c>
      <c r="V3225" s="2">
        <v>1.4999999999999999E-2</v>
      </c>
      <c r="W3225" s="2">
        <v>118.9</v>
      </c>
      <c r="X3225" s="2">
        <v>7.6</v>
      </c>
      <c r="Y3225" s="2">
        <v>16.7</v>
      </c>
      <c r="Z3225" s="5"/>
      <c r="AA3225" s="5" t="s">
        <v>43</v>
      </c>
      <c r="AB3225" s="5" t="s">
        <v>44</v>
      </c>
      <c r="AC3225" s="2"/>
      <c r="AD3225" s="1"/>
    </row>
    <row r="3226" spans="1:30">
      <c r="A3226" s="5" t="s">
        <v>83578</v>
      </c>
      <c r="B3226" s="2" t="s">
        <v>93280</v>
      </c>
      <c r="C3226" s="14" t="s">
        <v>93281</v>
      </c>
      <c r="D3226" s="2" t="s">
        <v>93282</v>
      </c>
      <c r="E3226" s="2" t="s">
        <v>36317</v>
      </c>
      <c r="F3226" s="8">
        <v>314</v>
      </c>
      <c r="G3226" s="5">
        <v>6</v>
      </c>
      <c r="H3226" s="5" t="s">
        <v>1518</v>
      </c>
      <c r="I3226" s="5" t="s">
        <v>36264</v>
      </c>
      <c r="J3226" s="2" t="s">
        <v>36265</v>
      </c>
      <c r="K3226" s="5" t="s">
        <v>36264</v>
      </c>
      <c r="L3226" s="2" t="s">
        <v>36265</v>
      </c>
      <c r="M3226" s="5" t="s">
        <v>36266</v>
      </c>
      <c r="N3226" s="5" t="s">
        <v>38</v>
      </c>
      <c r="O3226" s="5" t="s">
        <v>39</v>
      </c>
      <c r="P3226" s="5" t="s">
        <v>40</v>
      </c>
      <c r="Q3226" s="5" t="s">
        <v>1522</v>
      </c>
      <c r="R3226" s="5" t="s">
        <v>1523</v>
      </c>
      <c r="S3226" s="5" t="s">
        <v>42</v>
      </c>
      <c r="T3226" s="2">
        <v>3.0019999999999998</v>
      </c>
      <c r="U3226" s="2">
        <v>2.4750000000000001</v>
      </c>
      <c r="V3226" s="2">
        <v>1.4999999999999999E-2</v>
      </c>
      <c r="W3226" s="2">
        <v>118.9</v>
      </c>
      <c r="X3226" s="2">
        <v>7.6</v>
      </c>
      <c r="Y3226" s="2">
        <v>16.7</v>
      </c>
      <c r="Z3226" s="5"/>
      <c r="AA3226" s="5" t="s">
        <v>43</v>
      </c>
      <c r="AB3226" s="5" t="s">
        <v>44</v>
      </c>
      <c r="AC3226" s="2"/>
      <c r="AD3226" s="1"/>
    </row>
    <row r="3227" spans="1:30">
      <c r="A3227" s="5" t="s">
        <v>83578</v>
      </c>
      <c r="B3227" s="2" t="s">
        <v>93283</v>
      </c>
      <c r="C3227" s="14" t="s">
        <v>93284</v>
      </c>
      <c r="D3227" s="2" t="s">
        <v>93285</v>
      </c>
      <c r="E3227" s="2" t="s">
        <v>36321</v>
      </c>
      <c r="F3227" s="8">
        <v>314</v>
      </c>
      <c r="G3227" s="5">
        <v>6</v>
      </c>
      <c r="H3227" s="5" t="s">
        <v>1518</v>
      </c>
      <c r="I3227" s="5" t="s">
        <v>36264</v>
      </c>
      <c r="J3227" s="2" t="s">
        <v>36265</v>
      </c>
      <c r="K3227" s="5" t="s">
        <v>36264</v>
      </c>
      <c r="L3227" s="2" t="s">
        <v>36265</v>
      </c>
      <c r="M3227" s="5" t="s">
        <v>36266</v>
      </c>
      <c r="N3227" s="5" t="s">
        <v>38</v>
      </c>
      <c r="O3227" s="5" t="s">
        <v>39</v>
      </c>
      <c r="P3227" s="5" t="s">
        <v>40</v>
      </c>
      <c r="Q3227" s="5" t="s">
        <v>1522</v>
      </c>
      <c r="R3227" s="5" t="s">
        <v>1523</v>
      </c>
      <c r="S3227" s="5" t="s">
        <v>42</v>
      </c>
      <c r="T3227" s="2">
        <v>2.9159999999999999</v>
      </c>
      <c r="U3227" s="2">
        <v>2.3889999999999998</v>
      </c>
      <c r="V3227" s="2">
        <v>1.4999999999999999E-2</v>
      </c>
      <c r="W3227" s="2">
        <v>118.9</v>
      </c>
      <c r="X3227" s="2">
        <v>7.6</v>
      </c>
      <c r="Y3227" s="2">
        <v>16.7</v>
      </c>
      <c r="Z3227" s="5"/>
      <c r="AA3227" s="5" t="s">
        <v>43</v>
      </c>
      <c r="AB3227" s="5" t="s">
        <v>44</v>
      </c>
      <c r="AC3227" s="2"/>
      <c r="AD3227" s="1"/>
    </row>
    <row r="3228" spans="1:30">
      <c r="A3228" s="5" t="s">
        <v>83578</v>
      </c>
      <c r="B3228" s="2" t="s">
        <v>93286</v>
      </c>
      <c r="C3228" s="14" t="s">
        <v>93287</v>
      </c>
      <c r="D3228" s="2" t="s">
        <v>93288</v>
      </c>
      <c r="E3228" s="2" t="s">
        <v>36325</v>
      </c>
      <c r="F3228" s="8">
        <v>314</v>
      </c>
      <c r="G3228" s="5">
        <v>6</v>
      </c>
      <c r="H3228" s="5" t="s">
        <v>1518</v>
      </c>
      <c r="I3228" s="5" t="s">
        <v>36264</v>
      </c>
      <c r="J3228" s="2" t="s">
        <v>36265</v>
      </c>
      <c r="K3228" s="5" t="s">
        <v>36264</v>
      </c>
      <c r="L3228" s="2" t="s">
        <v>36265</v>
      </c>
      <c r="M3228" s="5" t="s">
        <v>36266</v>
      </c>
      <c r="N3228" s="5" t="s">
        <v>38</v>
      </c>
      <c r="O3228" s="5" t="s">
        <v>39</v>
      </c>
      <c r="P3228" s="5" t="s">
        <v>40</v>
      </c>
      <c r="Q3228" s="5" t="s">
        <v>1522</v>
      </c>
      <c r="R3228" s="5" t="s">
        <v>1523</v>
      </c>
      <c r="S3228" s="5" t="s">
        <v>42</v>
      </c>
      <c r="T3228" s="2">
        <v>3.0019999999999998</v>
      </c>
      <c r="U3228" s="2">
        <v>2.4750000000000001</v>
      </c>
      <c r="V3228" s="2">
        <v>1.4999999999999999E-2</v>
      </c>
      <c r="W3228" s="2">
        <v>118.9</v>
      </c>
      <c r="X3228" s="2">
        <v>7.6</v>
      </c>
      <c r="Y3228" s="2">
        <v>16.7</v>
      </c>
      <c r="Z3228" s="5"/>
      <c r="AA3228" s="5" t="s">
        <v>43</v>
      </c>
      <c r="AB3228" s="5" t="s">
        <v>44</v>
      </c>
      <c r="AC3228" s="2"/>
      <c r="AD3228" s="1"/>
    </row>
    <row r="3229" spans="1:30">
      <c r="A3229" s="5" t="s">
        <v>83578</v>
      </c>
      <c r="B3229" s="2" t="s">
        <v>93289</v>
      </c>
      <c r="C3229" s="14" t="s">
        <v>93290</v>
      </c>
      <c r="D3229" s="2" t="s">
        <v>93291</v>
      </c>
      <c r="E3229" s="2" t="s">
        <v>36329</v>
      </c>
      <c r="F3229" s="8">
        <v>314</v>
      </c>
      <c r="G3229" s="5">
        <v>6</v>
      </c>
      <c r="H3229" s="5" t="s">
        <v>1518</v>
      </c>
      <c r="I3229" s="5" t="s">
        <v>36264</v>
      </c>
      <c r="J3229" s="2" t="s">
        <v>36265</v>
      </c>
      <c r="K3229" s="5" t="s">
        <v>36264</v>
      </c>
      <c r="L3229" s="2" t="s">
        <v>36265</v>
      </c>
      <c r="M3229" s="5" t="s">
        <v>36266</v>
      </c>
      <c r="N3229" s="5" t="s">
        <v>38</v>
      </c>
      <c r="O3229" s="5" t="s">
        <v>39</v>
      </c>
      <c r="P3229" s="5" t="s">
        <v>40</v>
      </c>
      <c r="Q3229" s="5" t="s">
        <v>1522</v>
      </c>
      <c r="R3229" s="5" t="s">
        <v>1523</v>
      </c>
      <c r="S3229" s="5" t="s">
        <v>42</v>
      </c>
      <c r="T3229" s="2">
        <v>2.9159999999999999</v>
      </c>
      <c r="U3229" s="2">
        <v>2.3889999999999998</v>
      </c>
      <c r="V3229" s="2">
        <v>1.4999999999999999E-2</v>
      </c>
      <c r="W3229" s="2">
        <v>118.9</v>
      </c>
      <c r="X3229" s="2">
        <v>7.6</v>
      </c>
      <c r="Y3229" s="2">
        <v>16.7</v>
      </c>
      <c r="Z3229" s="5"/>
      <c r="AA3229" s="5" t="s">
        <v>43</v>
      </c>
      <c r="AB3229" s="5" t="s">
        <v>44</v>
      </c>
      <c r="AC3229" s="2"/>
      <c r="AD3229" s="1"/>
    </row>
    <row r="3230" spans="1:30">
      <c r="A3230" s="5" t="s">
        <v>83578</v>
      </c>
      <c r="B3230" s="2" t="s">
        <v>93292</v>
      </c>
      <c r="C3230" s="14" t="s">
        <v>93293</v>
      </c>
      <c r="D3230" s="2" t="s">
        <v>93294</v>
      </c>
      <c r="E3230" s="2" t="s">
        <v>36333</v>
      </c>
      <c r="F3230" s="8">
        <v>314</v>
      </c>
      <c r="G3230" s="5">
        <v>6</v>
      </c>
      <c r="H3230" s="5" t="s">
        <v>1518</v>
      </c>
      <c r="I3230" s="5" t="s">
        <v>36264</v>
      </c>
      <c r="J3230" s="2" t="s">
        <v>36265</v>
      </c>
      <c r="K3230" s="5" t="s">
        <v>36264</v>
      </c>
      <c r="L3230" s="2" t="s">
        <v>36265</v>
      </c>
      <c r="M3230" s="5" t="s">
        <v>36266</v>
      </c>
      <c r="N3230" s="5" t="s">
        <v>38</v>
      </c>
      <c r="O3230" s="5" t="s">
        <v>39</v>
      </c>
      <c r="P3230" s="5" t="s">
        <v>40</v>
      </c>
      <c r="Q3230" s="5" t="s">
        <v>1522</v>
      </c>
      <c r="R3230" s="5" t="s">
        <v>1523</v>
      </c>
      <c r="S3230" s="5" t="s">
        <v>42</v>
      </c>
      <c r="T3230" s="2">
        <v>3.0019999999999998</v>
      </c>
      <c r="U3230" s="2">
        <v>2.4750000000000001</v>
      </c>
      <c r="V3230" s="2">
        <v>1.4999999999999999E-2</v>
      </c>
      <c r="W3230" s="2">
        <v>118.9</v>
      </c>
      <c r="X3230" s="2">
        <v>7.6</v>
      </c>
      <c r="Y3230" s="2">
        <v>16.7</v>
      </c>
      <c r="Z3230" s="5"/>
      <c r="AA3230" s="5" t="s">
        <v>43</v>
      </c>
      <c r="AB3230" s="5" t="s">
        <v>44</v>
      </c>
      <c r="AC3230" s="2"/>
      <c r="AD3230" s="1"/>
    </row>
    <row r="3231" spans="1:30">
      <c r="A3231" s="5" t="s">
        <v>83578</v>
      </c>
      <c r="B3231" s="2" t="s">
        <v>93295</v>
      </c>
      <c r="C3231" s="14" t="s">
        <v>93296</v>
      </c>
      <c r="D3231" s="2" t="s">
        <v>93297</v>
      </c>
      <c r="E3231" s="2" t="s">
        <v>36337</v>
      </c>
      <c r="F3231" s="8">
        <v>314</v>
      </c>
      <c r="G3231" s="5">
        <v>6</v>
      </c>
      <c r="H3231" s="5" t="s">
        <v>1518</v>
      </c>
      <c r="I3231" s="5" t="s">
        <v>36264</v>
      </c>
      <c r="J3231" s="2" t="s">
        <v>36265</v>
      </c>
      <c r="K3231" s="5" t="s">
        <v>36264</v>
      </c>
      <c r="L3231" s="2" t="s">
        <v>36265</v>
      </c>
      <c r="M3231" s="5" t="s">
        <v>36266</v>
      </c>
      <c r="N3231" s="5" t="s">
        <v>38</v>
      </c>
      <c r="O3231" s="5" t="s">
        <v>39</v>
      </c>
      <c r="P3231" s="5" t="s">
        <v>40</v>
      </c>
      <c r="Q3231" s="5" t="s">
        <v>1522</v>
      </c>
      <c r="R3231" s="5" t="s">
        <v>1523</v>
      </c>
      <c r="S3231" s="5" t="s">
        <v>42</v>
      </c>
      <c r="T3231" s="2">
        <v>2.9159999999999999</v>
      </c>
      <c r="U3231" s="2">
        <v>2.3889999999999998</v>
      </c>
      <c r="V3231" s="2">
        <v>1.4999999999999999E-2</v>
      </c>
      <c r="W3231" s="2">
        <v>118.9</v>
      </c>
      <c r="X3231" s="2">
        <v>7.6</v>
      </c>
      <c r="Y3231" s="2">
        <v>16.7</v>
      </c>
      <c r="Z3231" s="5"/>
      <c r="AA3231" s="5" t="s">
        <v>43</v>
      </c>
      <c r="AB3231" s="5" t="s">
        <v>44</v>
      </c>
      <c r="AC3231" s="2"/>
      <c r="AD3231" s="1"/>
    </row>
    <row r="3232" spans="1:30">
      <c r="A3232" s="5" t="s">
        <v>83578</v>
      </c>
      <c r="B3232" s="2" t="s">
        <v>93298</v>
      </c>
      <c r="C3232" s="14" t="s">
        <v>93299</v>
      </c>
      <c r="D3232" s="2" t="s">
        <v>93300</v>
      </c>
      <c r="E3232" s="2" t="s">
        <v>36341</v>
      </c>
      <c r="F3232" s="8">
        <v>314</v>
      </c>
      <c r="G3232" s="5">
        <v>6</v>
      </c>
      <c r="H3232" s="5" t="s">
        <v>1518</v>
      </c>
      <c r="I3232" s="5" t="s">
        <v>36264</v>
      </c>
      <c r="J3232" s="2" t="s">
        <v>36265</v>
      </c>
      <c r="K3232" s="5" t="s">
        <v>36264</v>
      </c>
      <c r="L3232" s="2" t="s">
        <v>36265</v>
      </c>
      <c r="M3232" s="5" t="s">
        <v>36266</v>
      </c>
      <c r="N3232" s="5" t="s">
        <v>38</v>
      </c>
      <c r="O3232" s="5" t="s">
        <v>39</v>
      </c>
      <c r="P3232" s="5" t="s">
        <v>40</v>
      </c>
      <c r="Q3232" s="5" t="s">
        <v>1522</v>
      </c>
      <c r="R3232" s="5" t="s">
        <v>1523</v>
      </c>
      <c r="S3232" s="5" t="s">
        <v>42</v>
      </c>
      <c r="T3232" s="2">
        <v>3.0019999999999998</v>
      </c>
      <c r="U3232" s="2">
        <v>2.4750000000000001</v>
      </c>
      <c r="V3232" s="2">
        <v>1.4999999999999999E-2</v>
      </c>
      <c r="W3232" s="2">
        <v>118.9</v>
      </c>
      <c r="X3232" s="2">
        <v>7.6</v>
      </c>
      <c r="Y3232" s="2">
        <v>16.7</v>
      </c>
      <c r="Z3232" s="5"/>
      <c r="AA3232" s="5" t="s">
        <v>43</v>
      </c>
      <c r="AB3232" s="5" t="s">
        <v>44</v>
      </c>
      <c r="AC3232" s="2"/>
      <c r="AD3232" s="1"/>
    </row>
    <row r="3233" spans="1:30">
      <c r="A3233" s="5" t="s">
        <v>83578</v>
      </c>
      <c r="B3233" s="2" t="s">
        <v>93301</v>
      </c>
      <c r="C3233" s="14" t="s">
        <v>93302</v>
      </c>
      <c r="D3233" s="2" t="s">
        <v>93303</v>
      </c>
      <c r="E3233" s="2" t="s">
        <v>36345</v>
      </c>
      <c r="F3233" s="8">
        <v>314</v>
      </c>
      <c r="G3233" s="5">
        <v>6</v>
      </c>
      <c r="H3233" s="5" t="s">
        <v>1518</v>
      </c>
      <c r="I3233" s="5" t="s">
        <v>36264</v>
      </c>
      <c r="J3233" s="2" t="s">
        <v>36265</v>
      </c>
      <c r="K3233" s="5" t="s">
        <v>36264</v>
      </c>
      <c r="L3233" s="2" t="s">
        <v>36265</v>
      </c>
      <c r="M3233" s="5" t="s">
        <v>36266</v>
      </c>
      <c r="N3233" s="5" t="s">
        <v>38</v>
      </c>
      <c r="O3233" s="5" t="s">
        <v>39</v>
      </c>
      <c r="P3233" s="5" t="s">
        <v>40</v>
      </c>
      <c r="Q3233" s="5" t="s">
        <v>1522</v>
      </c>
      <c r="R3233" s="5" t="s">
        <v>1523</v>
      </c>
      <c r="S3233" s="5" t="s">
        <v>42</v>
      </c>
      <c r="T3233" s="2">
        <v>2.9159999999999999</v>
      </c>
      <c r="U3233" s="2">
        <v>2.3889999999999998</v>
      </c>
      <c r="V3233" s="2">
        <v>1.4999999999999999E-2</v>
      </c>
      <c r="W3233" s="2">
        <v>118.9</v>
      </c>
      <c r="X3233" s="2">
        <v>7.6</v>
      </c>
      <c r="Y3233" s="2">
        <v>16.7</v>
      </c>
      <c r="Z3233" s="5"/>
      <c r="AA3233" s="5" t="s">
        <v>43</v>
      </c>
      <c r="AB3233" s="5" t="s">
        <v>44</v>
      </c>
      <c r="AC3233" s="2"/>
      <c r="AD3233" s="1"/>
    </row>
    <row r="3234" spans="1:30">
      <c r="A3234" s="5" t="s">
        <v>83578</v>
      </c>
      <c r="B3234" s="2" t="s">
        <v>93304</v>
      </c>
      <c r="C3234" s="14" t="s">
        <v>93305</v>
      </c>
      <c r="D3234" s="2" t="s">
        <v>93306</v>
      </c>
      <c r="E3234" s="2" t="s">
        <v>36349</v>
      </c>
      <c r="F3234" s="8">
        <v>314</v>
      </c>
      <c r="G3234" s="5">
        <v>6</v>
      </c>
      <c r="H3234" s="5" t="s">
        <v>1518</v>
      </c>
      <c r="I3234" s="5" t="s">
        <v>36264</v>
      </c>
      <c r="J3234" s="2" t="s">
        <v>36265</v>
      </c>
      <c r="K3234" s="5" t="s">
        <v>36264</v>
      </c>
      <c r="L3234" s="2" t="s">
        <v>36265</v>
      </c>
      <c r="M3234" s="5" t="s">
        <v>36266</v>
      </c>
      <c r="N3234" s="5" t="s">
        <v>38</v>
      </c>
      <c r="O3234" s="5" t="s">
        <v>39</v>
      </c>
      <c r="P3234" s="5" t="s">
        <v>40</v>
      </c>
      <c r="Q3234" s="5" t="s">
        <v>1522</v>
      </c>
      <c r="R3234" s="5" t="s">
        <v>1523</v>
      </c>
      <c r="S3234" s="5" t="s">
        <v>42</v>
      </c>
      <c r="T3234" s="2">
        <v>3.0019999999999998</v>
      </c>
      <c r="U3234" s="2">
        <v>2.4750000000000001</v>
      </c>
      <c r="V3234" s="2">
        <v>1.4999999999999999E-2</v>
      </c>
      <c r="W3234" s="2">
        <v>118.9</v>
      </c>
      <c r="X3234" s="2">
        <v>7.6</v>
      </c>
      <c r="Y3234" s="2">
        <v>16.7</v>
      </c>
      <c r="Z3234" s="5"/>
      <c r="AA3234" s="5" t="s">
        <v>43</v>
      </c>
      <c r="AB3234" s="5" t="s">
        <v>44</v>
      </c>
      <c r="AC3234" s="2"/>
      <c r="AD3234" s="1"/>
    </row>
    <row r="3235" spans="1:30">
      <c r="A3235" s="5" t="s">
        <v>83578</v>
      </c>
      <c r="B3235" s="2" t="s">
        <v>93307</v>
      </c>
      <c r="C3235" s="14" t="s">
        <v>93308</v>
      </c>
      <c r="D3235" s="2" t="s">
        <v>93309</v>
      </c>
      <c r="E3235" s="2" t="s">
        <v>36353</v>
      </c>
      <c r="F3235" s="8">
        <v>314</v>
      </c>
      <c r="G3235" s="5">
        <v>6</v>
      </c>
      <c r="H3235" s="5" t="s">
        <v>1518</v>
      </c>
      <c r="I3235" s="5" t="s">
        <v>36264</v>
      </c>
      <c r="J3235" s="2" t="s">
        <v>36265</v>
      </c>
      <c r="K3235" s="5" t="s">
        <v>36264</v>
      </c>
      <c r="L3235" s="2" t="s">
        <v>36265</v>
      </c>
      <c r="M3235" s="5" t="s">
        <v>36266</v>
      </c>
      <c r="N3235" s="5" t="s">
        <v>38</v>
      </c>
      <c r="O3235" s="5" t="s">
        <v>39</v>
      </c>
      <c r="P3235" s="5" t="s">
        <v>40</v>
      </c>
      <c r="Q3235" s="5" t="s">
        <v>1522</v>
      </c>
      <c r="R3235" s="5" t="s">
        <v>1523</v>
      </c>
      <c r="S3235" s="5" t="s">
        <v>42</v>
      </c>
      <c r="T3235" s="2">
        <v>2.9159999999999999</v>
      </c>
      <c r="U3235" s="2">
        <v>2.3889999999999998</v>
      </c>
      <c r="V3235" s="2">
        <v>1.4999999999999999E-2</v>
      </c>
      <c r="W3235" s="2">
        <v>118.9</v>
      </c>
      <c r="X3235" s="2">
        <v>7.6</v>
      </c>
      <c r="Y3235" s="2">
        <v>16.7</v>
      </c>
      <c r="Z3235" s="5"/>
      <c r="AA3235" s="5" t="s">
        <v>43</v>
      </c>
      <c r="AB3235" s="5" t="s">
        <v>44</v>
      </c>
      <c r="AC3235" s="2"/>
      <c r="AD3235" s="1"/>
    </row>
    <row r="3236" spans="1:30">
      <c r="A3236" s="5" t="s">
        <v>83578</v>
      </c>
      <c r="B3236" s="2" t="s">
        <v>93310</v>
      </c>
      <c r="C3236" s="14" t="s">
        <v>93311</v>
      </c>
      <c r="D3236" s="2" t="s">
        <v>93312</v>
      </c>
      <c r="E3236" s="2" t="s">
        <v>36357</v>
      </c>
      <c r="F3236" s="8">
        <v>314</v>
      </c>
      <c r="G3236" s="5">
        <v>6</v>
      </c>
      <c r="H3236" s="5" t="s">
        <v>1518</v>
      </c>
      <c r="I3236" s="5" t="s">
        <v>36264</v>
      </c>
      <c r="J3236" s="2" t="s">
        <v>36265</v>
      </c>
      <c r="K3236" s="5" t="s">
        <v>36264</v>
      </c>
      <c r="L3236" s="2" t="s">
        <v>36265</v>
      </c>
      <c r="M3236" s="5" t="s">
        <v>36266</v>
      </c>
      <c r="N3236" s="5" t="s">
        <v>38</v>
      </c>
      <c r="O3236" s="5" t="s">
        <v>39</v>
      </c>
      <c r="P3236" s="5" t="s">
        <v>40</v>
      </c>
      <c r="Q3236" s="5" t="s">
        <v>1522</v>
      </c>
      <c r="R3236" s="5" t="s">
        <v>1523</v>
      </c>
      <c r="S3236" s="5" t="s">
        <v>42</v>
      </c>
      <c r="T3236" s="2">
        <v>3.0019999999999998</v>
      </c>
      <c r="U3236" s="2">
        <v>2.4750000000000001</v>
      </c>
      <c r="V3236" s="2">
        <v>1.4999999999999999E-2</v>
      </c>
      <c r="W3236" s="2">
        <v>118.9</v>
      </c>
      <c r="X3236" s="2">
        <v>7.6</v>
      </c>
      <c r="Y3236" s="2">
        <v>16.7</v>
      </c>
      <c r="Z3236" s="5"/>
      <c r="AA3236" s="5" t="s">
        <v>43</v>
      </c>
      <c r="AB3236" s="5" t="s">
        <v>44</v>
      </c>
      <c r="AC3236" s="2"/>
      <c r="AD3236" s="1"/>
    </row>
    <row r="3237" spans="1:30">
      <c r="A3237" s="5" t="s">
        <v>83578</v>
      </c>
      <c r="B3237" s="2" t="s">
        <v>93313</v>
      </c>
      <c r="C3237" s="14" t="s">
        <v>93314</v>
      </c>
      <c r="D3237" s="2" t="s">
        <v>93315</v>
      </c>
      <c r="E3237" s="2" t="s">
        <v>45598</v>
      </c>
      <c r="F3237" s="8">
        <v>314</v>
      </c>
      <c r="G3237" s="5">
        <v>6</v>
      </c>
      <c r="H3237" s="5" t="s">
        <v>1518</v>
      </c>
      <c r="I3237" s="5" t="s">
        <v>36264</v>
      </c>
      <c r="J3237" s="2" t="s">
        <v>36265</v>
      </c>
      <c r="K3237" s="5" t="s">
        <v>36264</v>
      </c>
      <c r="L3237" s="2" t="s">
        <v>36265</v>
      </c>
      <c r="M3237" s="5" t="s">
        <v>36266</v>
      </c>
      <c r="N3237" s="5" t="s">
        <v>38</v>
      </c>
      <c r="O3237" s="5" t="s">
        <v>39</v>
      </c>
      <c r="P3237" s="5" t="s">
        <v>40</v>
      </c>
      <c r="Q3237" s="5" t="s">
        <v>1522</v>
      </c>
      <c r="R3237" s="5" t="s">
        <v>1523</v>
      </c>
      <c r="S3237" s="5" t="s">
        <v>42</v>
      </c>
      <c r="T3237" s="2">
        <v>2.9159999999999999</v>
      </c>
      <c r="U3237" s="2">
        <v>2.3889999999999998</v>
      </c>
      <c r="V3237" s="2">
        <v>1.4999999999999999E-2</v>
      </c>
      <c r="W3237" s="2">
        <v>118.9</v>
      </c>
      <c r="X3237" s="2">
        <v>7.6</v>
      </c>
      <c r="Y3237" s="2">
        <v>16.7</v>
      </c>
      <c r="Z3237" s="5"/>
      <c r="AA3237" s="5" t="s">
        <v>43</v>
      </c>
      <c r="AB3237" s="5" t="s">
        <v>44</v>
      </c>
      <c r="AC3237" s="2"/>
      <c r="AD3237" s="1"/>
    </row>
    <row r="3238" spans="1:30">
      <c r="A3238" s="5" t="s">
        <v>83578</v>
      </c>
      <c r="B3238" s="2" t="s">
        <v>93316</v>
      </c>
      <c r="C3238" s="14" t="s">
        <v>93317</v>
      </c>
      <c r="D3238" s="2" t="s">
        <v>93318</v>
      </c>
      <c r="E3238" s="2" t="s">
        <v>45534</v>
      </c>
      <c r="F3238" s="8">
        <v>314</v>
      </c>
      <c r="G3238" s="5">
        <v>6</v>
      </c>
      <c r="H3238" s="5" t="s">
        <v>1518</v>
      </c>
      <c r="I3238" s="5" t="s">
        <v>36264</v>
      </c>
      <c r="J3238" s="2" t="s">
        <v>36265</v>
      </c>
      <c r="K3238" s="5" t="s">
        <v>36264</v>
      </c>
      <c r="L3238" s="2" t="s">
        <v>36265</v>
      </c>
      <c r="M3238" s="5" t="s">
        <v>36266</v>
      </c>
      <c r="N3238" s="5" t="s">
        <v>38</v>
      </c>
      <c r="O3238" s="5" t="s">
        <v>39</v>
      </c>
      <c r="P3238" s="5" t="s">
        <v>40</v>
      </c>
      <c r="Q3238" s="5" t="s">
        <v>1522</v>
      </c>
      <c r="R3238" s="5" t="s">
        <v>1523</v>
      </c>
      <c r="S3238" s="5" t="s">
        <v>42</v>
      </c>
      <c r="T3238" s="2">
        <v>3.0019999999999998</v>
      </c>
      <c r="U3238" s="2">
        <v>2.4750000000000001</v>
      </c>
      <c r="V3238" s="2">
        <v>1.4999999999999999E-2</v>
      </c>
      <c r="W3238" s="2">
        <v>118.9</v>
      </c>
      <c r="X3238" s="2">
        <v>7.6</v>
      </c>
      <c r="Y3238" s="2">
        <v>16.7</v>
      </c>
      <c r="Z3238" s="5"/>
      <c r="AA3238" s="5" t="s">
        <v>43</v>
      </c>
      <c r="AB3238" s="5" t="s">
        <v>44</v>
      </c>
      <c r="AC3238" s="2"/>
      <c r="AD3238" s="1"/>
    </row>
    <row r="3239" spans="1:30">
      <c r="A3239" s="5" t="s">
        <v>83578</v>
      </c>
      <c r="B3239" s="2" t="s">
        <v>93319</v>
      </c>
      <c r="C3239" s="14" t="s">
        <v>93320</v>
      </c>
      <c r="D3239" s="2" t="s">
        <v>93321</v>
      </c>
      <c r="E3239" s="2" t="s">
        <v>36369</v>
      </c>
      <c r="F3239" s="8">
        <v>314</v>
      </c>
      <c r="G3239" s="5">
        <v>6</v>
      </c>
      <c r="H3239" s="5" t="s">
        <v>1518</v>
      </c>
      <c r="I3239" s="5" t="s">
        <v>36264</v>
      </c>
      <c r="J3239" s="2" t="s">
        <v>36265</v>
      </c>
      <c r="K3239" s="5" t="s">
        <v>36264</v>
      </c>
      <c r="L3239" s="2" t="s">
        <v>36265</v>
      </c>
      <c r="M3239" s="5" t="s">
        <v>36266</v>
      </c>
      <c r="N3239" s="5" t="s">
        <v>38</v>
      </c>
      <c r="O3239" s="5" t="s">
        <v>39</v>
      </c>
      <c r="P3239" s="5" t="s">
        <v>40</v>
      </c>
      <c r="Q3239" s="5" t="s">
        <v>1522</v>
      </c>
      <c r="R3239" s="5" t="s">
        <v>1523</v>
      </c>
      <c r="S3239" s="5" t="s">
        <v>42</v>
      </c>
      <c r="T3239" s="2">
        <v>2.9159999999999999</v>
      </c>
      <c r="U3239" s="2">
        <v>2.3889999999999998</v>
      </c>
      <c r="V3239" s="2">
        <v>1.4999999999999999E-2</v>
      </c>
      <c r="W3239" s="2">
        <v>118.9</v>
      </c>
      <c r="X3239" s="2">
        <v>7.6</v>
      </c>
      <c r="Y3239" s="2">
        <v>16.7</v>
      </c>
      <c r="Z3239" s="5"/>
      <c r="AA3239" s="5" t="s">
        <v>43</v>
      </c>
      <c r="AB3239" s="5" t="s">
        <v>44</v>
      </c>
      <c r="AC3239" s="2"/>
      <c r="AD3239" s="1"/>
    </row>
    <row r="3240" spans="1:30">
      <c r="A3240" s="5" t="s">
        <v>83578</v>
      </c>
      <c r="B3240" s="2" t="s">
        <v>93322</v>
      </c>
      <c r="C3240" s="14" t="s">
        <v>93323</v>
      </c>
      <c r="D3240" s="2" t="s">
        <v>93324</v>
      </c>
      <c r="E3240" s="2" t="s">
        <v>36373</v>
      </c>
      <c r="F3240" s="8">
        <v>314</v>
      </c>
      <c r="G3240" s="5">
        <v>6</v>
      </c>
      <c r="H3240" s="5" t="s">
        <v>1518</v>
      </c>
      <c r="I3240" s="5" t="s">
        <v>36264</v>
      </c>
      <c r="J3240" s="2" t="s">
        <v>36265</v>
      </c>
      <c r="K3240" s="5" t="s">
        <v>36264</v>
      </c>
      <c r="L3240" s="2" t="s">
        <v>36265</v>
      </c>
      <c r="M3240" s="5" t="s">
        <v>36266</v>
      </c>
      <c r="N3240" s="5" t="s">
        <v>38</v>
      </c>
      <c r="O3240" s="5" t="s">
        <v>39</v>
      </c>
      <c r="P3240" s="5" t="s">
        <v>40</v>
      </c>
      <c r="Q3240" s="5" t="s">
        <v>1522</v>
      </c>
      <c r="R3240" s="5" t="s">
        <v>1523</v>
      </c>
      <c r="S3240" s="5" t="s">
        <v>42</v>
      </c>
      <c r="T3240" s="2">
        <v>3.0019999999999998</v>
      </c>
      <c r="U3240" s="2">
        <v>2.4750000000000001</v>
      </c>
      <c r="V3240" s="2">
        <v>1.4999999999999999E-2</v>
      </c>
      <c r="W3240" s="2">
        <v>118.9</v>
      </c>
      <c r="X3240" s="2">
        <v>7.6</v>
      </c>
      <c r="Y3240" s="2">
        <v>16.7</v>
      </c>
      <c r="Z3240" s="5"/>
      <c r="AA3240" s="5" t="s">
        <v>43</v>
      </c>
      <c r="AB3240" s="5" t="s">
        <v>44</v>
      </c>
      <c r="AC3240" s="2"/>
      <c r="AD3240" s="1"/>
    </row>
    <row r="3241" spans="1:30">
      <c r="A3241" s="5" t="s">
        <v>83578</v>
      </c>
      <c r="B3241" s="2" t="s">
        <v>93325</v>
      </c>
      <c r="C3241" s="14" t="s">
        <v>93326</v>
      </c>
      <c r="D3241" s="2" t="s">
        <v>93327</v>
      </c>
      <c r="E3241" s="2" t="s">
        <v>36377</v>
      </c>
      <c r="F3241" s="8">
        <v>314</v>
      </c>
      <c r="G3241" s="5">
        <v>6</v>
      </c>
      <c r="H3241" s="5" t="s">
        <v>1518</v>
      </c>
      <c r="I3241" s="5" t="s">
        <v>36264</v>
      </c>
      <c r="J3241" s="2" t="s">
        <v>36265</v>
      </c>
      <c r="K3241" s="5" t="s">
        <v>36264</v>
      </c>
      <c r="L3241" s="2" t="s">
        <v>36265</v>
      </c>
      <c r="M3241" s="5" t="s">
        <v>36266</v>
      </c>
      <c r="N3241" s="5" t="s">
        <v>38</v>
      </c>
      <c r="O3241" s="5" t="s">
        <v>39</v>
      </c>
      <c r="P3241" s="5" t="s">
        <v>40</v>
      </c>
      <c r="Q3241" s="5" t="s">
        <v>1522</v>
      </c>
      <c r="R3241" s="5" t="s">
        <v>1523</v>
      </c>
      <c r="S3241" s="5" t="s">
        <v>42</v>
      </c>
      <c r="T3241" s="2">
        <v>2.9159999999999999</v>
      </c>
      <c r="U3241" s="2">
        <v>2.3889999999999998</v>
      </c>
      <c r="V3241" s="2">
        <v>1.4999999999999999E-2</v>
      </c>
      <c r="W3241" s="2">
        <v>118.9</v>
      </c>
      <c r="X3241" s="2">
        <v>7.6</v>
      </c>
      <c r="Y3241" s="2">
        <v>16.7</v>
      </c>
      <c r="Z3241" s="5"/>
      <c r="AA3241" s="5" t="s">
        <v>43</v>
      </c>
      <c r="AB3241" s="5" t="s">
        <v>44</v>
      </c>
      <c r="AC3241" s="2"/>
      <c r="AD3241" s="1"/>
    </row>
    <row r="3242" spans="1:30">
      <c r="A3242" s="5" t="s">
        <v>83578</v>
      </c>
      <c r="B3242" s="2" t="s">
        <v>93328</v>
      </c>
      <c r="C3242" s="14" t="s">
        <v>93329</v>
      </c>
      <c r="D3242" s="2" t="s">
        <v>93330</v>
      </c>
      <c r="E3242" s="2" t="s">
        <v>36381</v>
      </c>
      <c r="F3242" s="8">
        <v>314</v>
      </c>
      <c r="G3242" s="5">
        <v>6</v>
      </c>
      <c r="H3242" s="5" t="s">
        <v>1518</v>
      </c>
      <c r="I3242" s="5" t="s">
        <v>36264</v>
      </c>
      <c r="J3242" s="2" t="s">
        <v>36265</v>
      </c>
      <c r="K3242" s="5" t="s">
        <v>36264</v>
      </c>
      <c r="L3242" s="2" t="s">
        <v>36265</v>
      </c>
      <c r="M3242" s="5" t="s">
        <v>36266</v>
      </c>
      <c r="N3242" s="5" t="s">
        <v>38</v>
      </c>
      <c r="O3242" s="5" t="s">
        <v>39</v>
      </c>
      <c r="P3242" s="5" t="s">
        <v>40</v>
      </c>
      <c r="Q3242" s="5" t="s">
        <v>1522</v>
      </c>
      <c r="R3242" s="5" t="s">
        <v>1523</v>
      </c>
      <c r="S3242" s="5" t="s">
        <v>42</v>
      </c>
      <c r="T3242" s="2">
        <v>3.0019999999999998</v>
      </c>
      <c r="U3242" s="2">
        <v>2.4750000000000001</v>
      </c>
      <c r="V3242" s="2">
        <v>1.4999999999999999E-2</v>
      </c>
      <c r="W3242" s="2">
        <v>118.9</v>
      </c>
      <c r="X3242" s="2">
        <v>7.6</v>
      </c>
      <c r="Y3242" s="2">
        <v>16.7</v>
      </c>
      <c r="Z3242" s="5"/>
      <c r="AA3242" s="5" t="s">
        <v>43</v>
      </c>
      <c r="AB3242" s="5" t="s">
        <v>44</v>
      </c>
      <c r="AC3242" s="2"/>
      <c r="AD3242" s="1"/>
    </row>
    <row r="3243" spans="1:30">
      <c r="A3243" s="5" t="s">
        <v>83578</v>
      </c>
      <c r="B3243" s="2" t="s">
        <v>93331</v>
      </c>
      <c r="C3243" s="14" t="s">
        <v>93332</v>
      </c>
      <c r="D3243" s="2" t="s">
        <v>93333</v>
      </c>
      <c r="E3243" s="2" t="s">
        <v>36385</v>
      </c>
      <c r="F3243" s="8">
        <v>314</v>
      </c>
      <c r="G3243" s="5">
        <v>6</v>
      </c>
      <c r="H3243" s="5" t="s">
        <v>1518</v>
      </c>
      <c r="I3243" s="5" t="s">
        <v>36264</v>
      </c>
      <c r="J3243" s="2" t="s">
        <v>36265</v>
      </c>
      <c r="K3243" s="5" t="s">
        <v>36264</v>
      </c>
      <c r="L3243" s="2" t="s">
        <v>36265</v>
      </c>
      <c r="M3243" s="5" t="s">
        <v>36266</v>
      </c>
      <c r="N3243" s="5" t="s">
        <v>38</v>
      </c>
      <c r="O3243" s="5" t="s">
        <v>39</v>
      </c>
      <c r="P3243" s="5" t="s">
        <v>40</v>
      </c>
      <c r="Q3243" s="5" t="s">
        <v>1522</v>
      </c>
      <c r="R3243" s="5" t="s">
        <v>1523</v>
      </c>
      <c r="S3243" s="5" t="s">
        <v>42</v>
      </c>
      <c r="T3243" s="2">
        <v>2.9159999999999999</v>
      </c>
      <c r="U3243" s="2">
        <v>2.3889999999999998</v>
      </c>
      <c r="V3243" s="2">
        <v>1.4999999999999999E-2</v>
      </c>
      <c r="W3243" s="2">
        <v>118.9</v>
      </c>
      <c r="X3243" s="2">
        <v>7.6</v>
      </c>
      <c r="Y3243" s="2">
        <v>16.7</v>
      </c>
      <c r="Z3243" s="5"/>
      <c r="AA3243" s="5" t="s">
        <v>43</v>
      </c>
      <c r="AB3243" s="5" t="s">
        <v>44</v>
      </c>
      <c r="AC3243" s="2"/>
      <c r="AD3243" s="1"/>
    </row>
    <row r="3244" spans="1:30">
      <c r="A3244" s="5" t="s">
        <v>83578</v>
      </c>
      <c r="B3244" s="2" t="s">
        <v>93334</v>
      </c>
      <c r="C3244" s="14" t="s">
        <v>93335</v>
      </c>
      <c r="D3244" s="2" t="s">
        <v>93336</v>
      </c>
      <c r="E3244" s="2" t="s">
        <v>36389</v>
      </c>
      <c r="F3244" s="8">
        <v>314</v>
      </c>
      <c r="G3244" s="5">
        <v>6</v>
      </c>
      <c r="H3244" s="5" t="s">
        <v>1518</v>
      </c>
      <c r="I3244" s="5" t="s">
        <v>36264</v>
      </c>
      <c r="J3244" s="2" t="s">
        <v>36265</v>
      </c>
      <c r="K3244" s="5" t="s">
        <v>36264</v>
      </c>
      <c r="L3244" s="2" t="s">
        <v>36265</v>
      </c>
      <c r="M3244" s="5" t="s">
        <v>36266</v>
      </c>
      <c r="N3244" s="5" t="s">
        <v>38</v>
      </c>
      <c r="O3244" s="5" t="s">
        <v>39</v>
      </c>
      <c r="P3244" s="5" t="s">
        <v>40</v>
      </c>
      <c r="Q3244" s="5" t="s">
        <v>1522</v>
      </c>
      <c r="R3244" s="5" t="s">
        <v>1523</v>
      </c>
      <c r="S3244" s="5" t="s">
        <v>42</v>
      </c>
      <c r="T3244" s="2">
        <v>3.0019999999999998</v>
      </c>
      <c r="U3244" s="2">
        <v>2.4750000000000001</v>
      </c>
      <c r="V3244" s="2">
        <v>1.4999999999999999E-2</v>
      </c>
      <c r="W3244" s="2">
        <v>118.9</v>
      </c>
      <c r="X3244" s="2">
        <v>7.6</v>
      </c>
      <c r="Y3244" s="2">
        <v>16.7</v>
      </c>
      <c r="Z3244" s="5"/>
      <c r="AA3244" s="5" t="s">
        <v>43</v>
      </c>
      <c r="AB3244" s="5" t="s">
        <v>44</v>
      </c>
      <c r="AC3244" s="2"/>
      <c r="AD3244" s="1"/>
    </row>
    <row r="3245" spans="1:30">
      <c r="A3245" s="5" t="s">
        <v>83578</v>
      </c>
      <c r="B3245" s="2" t="s">
        <v>93337</v>
      </c>
      <c r="C3245" s="14" t="s">
        <v>93338</v>
      </c>
      <c r="D3245" s="2" t="s">
        <v>93339</v>
      </c>
      <c r="E3245" s="2" t="s">
        <v>36273</v>
      </c>
      <c r="F3245" s="8">
        <v>302</v>
      </c>
      <c r="G3245" s="5">
        <v>6</v>
      </c>
      <c r="H3245" s="5" t="s">
        <v>1518</v>
      </c>
      <c r="I3245" s="5" t="s">
        <v>36264</v>
      </c>
      <c r="J3245" s="2" t="s">
        <v>36265</v>
      </c>
      <c r="K3245" s="5" t="s">
        <v>36264</v>
      </c>
      <c r="L3245" s="2" t="s">
        <v>36265</v>
      </c>
      <c r="M3245" s="5" t="s">
        <v>36266</v>
      </c>
      <c r="N3245" s="5" t="s">
        <v>38</v>
      </c>
      <c r="O3245" s="5" t="s">
        <v>39</v>
      </c>
      <c r="P3245" s="5" t="s">
        <v>40</v>
      </c>
      <c r="Q3245" s="5" t="s">
        <v>1522</v>
      </c>
      <c r="R3245" s="5" t="s">
        <v>1523</v>
      </c>
      <c r="S3245" s="5" t="s">
        <v>42</v>
      </c>
      <c r="T3245" s="2">
        <v>3.0859999999999999</v>
      </c>
      <c r="U3245" s="2">
        <v>2.5680000000000001</v>
      </c>
      <c r="V3245" s="2">
        <v>1.4999999999999999E-2</v>
      </c>
      <c r="W3245" s="2">
        <v>118.9</v>
      </c>
      <c r="X3245" s="2">
        <v>7.6</v>
      </c>
      <c r="Y3245" s="2">
        <v>16.7</v>
      </c>
      <c r="Z3245" s="5"/>
      <c r="AA3245" s="5" t="s">
        <v>43</v>
      </c>
      <c r="AB3245" s="5" t="s">
        <v>44</v>
      </c>
      <c r="AC3245" s="2"/>
      <c r="AD3245" s="1"/>
    </row>
    <row r="3246" spans="1:30">
      <c r="A3246" s="5" t="s">
        <v>83578</v>
      </c>
      <c r="B3246" s="2" t="s">
        <v>93340</v>
      </c>
      <c r="C3246" s="14" t="s">
        <v>93341</v>
      </c>
      <c r="D3246" s="2" t="s">
        <v>93342</v>
      </c>
      <c r="E3246" s="2" t="s">
        <v>36277</v>
      </c>
      <c r="F3246" s="8">
        <v>302</v>
      </c>
      <c r="G3246" s="5">
        <v>6</v>
      </c>
      <c r="H3246" s="5" t="s">
        <v>1518</v>
      </c>
      <c r="I3246" s="5" t="s">
        <v>36264</v>
      </c>
      <c r="J3246" s="2" t="s">
        <v>36265</v>
      </c>
      <c r="K3246" s="5" t="s">
        <v>36264</v>
      </c>
      <c r="L3246" s="2" t="s">
        <v>36265</v>
      </c>
      <c r="M3246" s="5" t="s">
        <v>36266</v>
      </c>
      <c r="N3246" s="5" t="s">
        <v>38</v>
      </c>
      <c r="O3246" s="5" t="s">
        <v>39</v>
      </c>
      <c r="P3246" s="5" t="s">
        <v>40</v>
      </c>
      <c r="Q3246" s="5" t="s">
        <v>1522</v>
      </c>
      <c r="R3246" s="5" t="s">
        <v>1523</v>
      </c>
      <c r="S3246" s="5" t="s">
        <v>42</v>
      </c>
      <c r="T3246" s="2">
        <v>3.1859999999999999</v>
      </c>
      <c r="U3246" s="2">
        <v>2.6680000000000001</v>
      </c>
      <c r="V3246" s="2">
        <v>1.4999999999999999E-2</v>
      </c>
      <c r="W3246" s="2">
        <v>118.9</v>
      </c>
      <c r="X3246" s="2">
        <v>7.6</v>
      </c>
      <c r="Y3246" s="2">
        <v>16.7</v>
      </c>
      <c r="Z3246" s="5"/>
      <c r="AA3246" s="5" t="s">
        <v>43</v>
      </c>
      <c r="AB3246" s="5" t="s">
        <v>44</v>
      </c>
      <c r="AC3246" s="2"/>
      <c r="AD3246" s="1"/>
    </row>
    <row r="3247" spans="1:30">
      <c r="A3247" s="5" t="s">
        <v>83578</v>
      </c>
      <c r="B3247" s="2" t="s">
        <v>93343</v>
      </c>
      <c r="C3247" s="14" t="s">
        <v>93344</v>
      </c>
      <c r="D3247" s="2" t="s">
        <v>93345</v>
      </c>
      <c r="E3247" s="2" t="s">
        <v>36281</v>
      </c>
      <c r="F3247" s="8">
        <v>328</v>
      </c>
      <c r="G3247" s="5">
        <v>6</v>
      </c>
      <c r="H3247" s="5" t="s">
        <v>1518</v>
      </c>
      <c r="I3247" s="5" t="s">
        <v>36264</v>
      </c>
      <c r="J3247" s="2" t="s">
        <v>36265</v>
      </c>
      <c r="K3247" s="5" t="s">
        <v>36264</v>
      </c>
      <c r="L3247" s="2" t="s">
        <v>36265</v>
      </c>
      <c r="M3247" s="5" t="s">
        <v>36266</v>
      </c>
      <c r="N3247" s="5" t="s">
        <v>38</v>
      </c>
      <c r="O3247" s="5" t="s">
        <v>39</v>
      </c>
      <c r="P3247" s="5" t="s">
        <v>40</v>
      </c>
      <c r="Q3247" s="5" t="s">
        <v>1522</v>
      </c>
      <c r="R3247" s="5" t="s">
        <v>1523</v>
      </c>
      <c r="S3247" s="5" t="s">
        <v>42</v>
      </c>
      <c r="T3247" s="2">
        <v>3.0859999999999999</v>
      </c>
      <c r="U3247" s="2">
        <v>2.5680000000000001</v>
      </c>
      <c r="V3247" s="2">
        <v>1.4999999999999999E-2</v>
      </c>
      <c r="W3247" s="2">
        <v>118.9</v>
      </c>
      <c r="X3247" s="2">
        <v>7.6</v>
      </c>
      <c r="Y3247" s="2">
        <v>16.7</v>
      </c>
      <c r="Z3247" s="5"/>
      <c r="AA3247" s="5" t="s">
        <v>43</v>
      </c>
      <c r="AB3247" s="5" t="s">
        <v>44</v>
      </c>
      <c r="AC3247" s="2"/>
      <c r="AD3247" s="1"/>
    </row>
    <row r="3248" spans="1:30">
      <c r="A3248" s="5" t="s">
        <v>83578</v>
      </c>
      <c r="B3248" s="2" t="s">
        <v>93346</v>
      </c>
      <c r="C3248" s="14" t="s">
        <v>93347</v>
      </c>
      <c r="D3248" s="2" t="s">
        <v>93348</v>
      </c>
      <c r="E3248" s="2" t="s">
        <v>36285</v>
      </c>
      <c r="F3248" s="8">
        <v>328</v>
      </c>
      <c r="G3248" s="5">
        <v>6</v>
      </c>
      <c r="H3248" s="5" t="s">
        <v>1518</v>
      </c>
      <c r="I3248" s="5" t="s">
        <v>36264</v>
      </c>
      <c r="J3248" s="2" t="s">
        <v>36265</v>
      </c>
      <c r="K3248" s="5" t="s">
        <v>36264</v>
      </c>
      <c r="L3248" s="2" t="s">
        <v>36265</v>
      </c>
      <c r="M3248" s="5" t="s">
        <v>36266</v>
      </c>
      <c r="N3248" s="5" t="s">
        <v>38</v>
      </c>
      <c r="O3248" s="5" t="s">
        <v>39</v>
      </c>
      <c r="P3248" s="5" t="s">
        <v>40</v>
      </c>
      <c r="Q3248" s="5" t="s">
        <v>1522</v>
      </c>
      <c r="R3248" s="5" t="s">
        <v>1523</v>
      </c>
      <c r="S3248" s="5" t="s">
        <v>42</v>
      </c>
      <c r="T3248" s="2">
        <v>3.1859999999999999</v>
      </c>
      <c r="U3248" s="2">
        <v>2.6680000000000001</v>
      </c>
      <c r="V3248" s="2">
        <v>1.4999999999999999E-2</v>
      </c>
      <c r="W3248" s="2">
        <v>118.9</v>
      </c>
      <c r="X3248" s="2">
        <v>7.6</v>
      </c>
      <c r="Y3248" s="2">
        <v>16.7</v>
      </c>
      <c r="Z3248" s="5"/>
      <c r="AA3248" s="5" t="s">
        <v>43</v>
      </c>
      <c r="AB3248" s="5" t="s">
        <v>44</v>
      </c>
      <c r="AC3248" s="2"/>
      <c r="AD3248" s="1"/>
    </row>
    <row r="3249" spans="1:30">
      <c r="A3249" s="5" t="s">
        <v>83578</v>
      </c>
      <c r="B3249" s="2" t="s">
        <v>93349</v>
      </c>
      <c r="C3249" s="14" t="s">
        <v>93350</v>
      </c>
      <c r="D3249" s="2" t="s">
        <v>93351</v>
      </c>
      <c r="E3249" s="2" t="s">
        <v>36289</v>
      </c>
      <c r="F3249" s="8">
        <v>328</v>
      </c>
      <c r="G3249" s="5">
        <v>6</v>
      </c>
      <c r="H3249" s="5" t="s">
        <v>1518</v>
      </c>
      <c r="I3249" s="5" t="s">
        <v>36264</v>
      </c>
      <c r="J3249" s="2" t="s">
        <v>36265</v>
      </c>
      <c r="K3249" s="5" t="s">
        <v>36264</v>
      </c>
      <c r="L3249" s="2" t="s">
        <v>36265</v>
      </c>
      <c r="M3249" s="5" t="s">
        <v>36266</v>
      </c>
      <c r="N3249" s="5" t="s">
        <v>38</v>
      </c>
      <c r="O3249" s="5" t="s">
        <v>39</v>
      </c>
      <c r="P3249" s="5" t="s">
        <v>40</v>
      </c>
      <c r="Q3249" s="5" t="s">
        <v>1522</v>
      </c>
      <c r="R3249" s="5" t="s">
        <v>1523</v>
      </c>
      <c r="S3249" s="5" t="s">
        <v>42</v>
      </c>
      <c r="T3249" s="2">
        <v>3.0859999999999999</v>
      </c>
      <c r="U3249" s="2">
        <v>2.5680000000000001</v>
      </c>
      <c r="V3249" s="2">
        <v>1.4999999999999999E-2</v>
      </c>
      <c r="W3249" s="2">
        <v>118.9</v>
      </c>
      <c r="X3249" s="2">
        <v>7.6</v>
      </c>
      <c r="Y3249" s="2">
        <v>16.7</v>
      </c>
      <c r="Z3249" s="5"/>
      <c r="AA3249" s="5" t="s">
        <v>43</v>
      </c>
      <c r="AB3249" s="5" t="s">
        <v>44</v>
      </c>
      <c r="AC3249" s="2"/>
      <c r="AD3249" s="1"/>
    </row>
    <row r="3250" spans="1:30">
      <c r="A3250" s="5" t="s">
        <v>83578</v>
      </c>
      <c r="B3250" s="2" t="s">
        <v>93352</v>
      </c>
      <c r="C3250" s="14" t="s">
        <v>93353</v>
      </c>
      <c r="D3250" s="2" t="s">
        <v>93354</v>
      </c>
      <c r="E3250" s="2" t="s">
        <v>36293</v>
      </c>
      <c r="F3250" s="8">
        <v>328</v>
      </c>
      <c r="G3250" s="5">
        <v>6</v>
      </c>
      <c r="H3250" s="5" t="s">
        <v>1518</v>
      </c>
      <c r="I3250" s="5" t="s">
        <v>36264</v>
      </c>
      <c r="J3250" s="2" t="s">
        <v>36265</v>
      </c>
      <c r="K3250" s="5" t="s">
        <v>36264</v>
      </c>
      <c r="L3250" s="2" t="s">
        <v>36265</v>
      </c>
      <c r="M3250" s="5" t="s">
        <v>36266</v>
      </c>
      <c r="N3250" s="5" t="s">
        <v>38</v>
      </c>
      <c r="O3250" s="5" t="s">
        <v>39</v>
      </c>
      <c r="P3250" s="5" t="s">
        <v>40</v>
      </c>
      <c r="Q3250" s="5" t="s">
        <v>1522</v>
      </c>
      <c r="R3250" s="5" t="s">
        <v>1523</v>
      </c>
      <c r="S3250" s="5" t="s">
        <v>42</v>
      </c>
      <c r="T3250" s="2">
        <v>3.1859999999999999</v>
      </c>
      <c r="U3250" s="2">
        <v>2.6680000000000001</v>
      </c>
      <c r="V3250" s="2">
        <v>1.4999999999999999E-2</v>
      </c>
      <c r="W3250" s="2">
        <v>118.9</v>
      </c>
      <c r="X3250" s="2">
        <v>7.6</v>
      </c>
      <c r="Y3250" s="2">
        <v>16.7</v>
      </c>
      <c r="Z3250" s="5"/>
      <c r="AA3250" s="5" t="s">
        <v>43</v>
      </c>
      <c r="AB3250" s="5" t="s">
        <v>44</v>
      </c>
      <c r="AC3250" s="2"/>
      <c r="AD3250" s="1"/>
    </row>
    <row r="3251" spans="1:30">
      <c r="A3251" s="5" t="s">
        <v>83578</v>
      </c>
      <c r="B3251" s="2" t="s">
        <v>93355</v>
      </c>
      <c r="C3251" s="14" t="s">
        <v>93356</v>
      </c>
      <c r="D3251" s="2" t="s">
        <v>93357</v>
      </c>
      <c r="E3251" s="2" t="s">
        <v>36297</v>
      </c>
      <c r="F3251" s="8">
        <v>302</v>
      </c>
      <c r="G3251" s="5">
        <v>6</v>
      </c>
      <c r="H3251" s="5" t="s">
        <v>1518</v>
      </c>
      <c r="I3251" s="5" t="s">
        <v>36264</v>
      </c>
      <c r="J3251" s="2" t="s">
        <v>36265</v>
      </c>
      <c r="K3251" s="5" t="s">
        <v>36264</v>
      </c>
      <c r="L3251" s="2" t="s">
        <v>36265</v>
      </c>
      <c r="M3251" s="5" t="s">
        <v>36266</v>
      </c>
      <c r="N3251" s="5" t="s">
        <v>38</v>
      </c>
      <c r="O3251" s="5" t="s">
        <v>39</v>
      </c>
      <c r="P3251" s="5" t="s">
        <v>40</v>
      </c>
      <c r="Q3251" s="5" t="s">
        <v>1522</v>
      </c>
      <c r="R3251" s="5" t="s">
        <v>1523</v>
      </c>
      <c r="S3251" s="5" t="s">
        <v>42</v>
      </c>
      <c r="T3251" s="2">
        <v>3.0859999999999999</v>
      </c>
      <c r="U3251" s="2">
        <v>2.5680000000000001</v>
      </c>
      <c r="V3251" s="2">
        <v>1.4999999999999999E-2</v>
      </c>
      <c r="W3251" s="2">
        <v>118.9</v>
      </c>
      <c r="X3251" s="2">
        <v>7.6</v>
      </c>
      <c r="Y3251" s="2">
        <v>16.7</v>
      </c>
      <c r="Z3251" s="5"/>
      <c r="AA3251" s="5" t="s">
        <v>43</v>
      </c>
      <c r="AB3251" s="5" t="s">
        <v>44</v>
      </c>
      <c r="AC3251" s="2"/>
      <c r="AD3251" s="1"/>
    </row>
    <row r="3252" spans="1:30">
      <c r="A3252" s="5" t="s">
        <v>83578</v>
      </c>
      <c r="B3252" s="2" t="s">
        <v>93358</v>
      </c>
      <c r="C3252" s="14" t="s">
        <v>93359</v>
      </c>
      <c r="D3252" s="2" t="s">
        <v>93360</v>
      </c>
      <c r="E3252" s="2" t="s">
        <v>36301</v>
      </c>
      <c r="F3252" s="8">
        <v>302</v>
      </c>
      <c r="G3252" s="5">
        <v>6</v>
      </c>
      <c r="H3252" s="5" t="s">
        <v>1518</v>
      </c>
      <c r="I3252" s="5" t="s">
        <v>36264</v>
      </c>
      <c r="J3252" s="2" t="s">
        <v>36265</v>
      </c>
      <c r="K3252" s="5" t="s">
        <v>36264</v>
      </c>
      <c r="L3252" s="2" t="s">
        <v>36265</v>
      </c>
      <c r="M3252" s="5" t="s">
        <v>36266</v>
      </c>
      <c r="N3252" s="5" t="s">
        <v>38</v>
      </c>
      <c r="O3252" s="5" t="s">
        <v>39</v>
      </c>
      <c r="P3252" s="5" t="s">
        <v>40</v>
      </c>
      <c r="Q3252" s="5" t="s">
        <v>1522</v>
      </c>
      <c r="R3252" s="5" t="s">
        <v>1523</v>
      </c>
      <c r="S3252" s="5" t="s">
        <v>42</v>
      </c>
      <c r="T3252" s="2">
        <v>3.1859999999999999</v>
      </c>
      <c r="U3252" s="2">
        <v>2.6680000000000001</v>
      </c>
      <c r="V3252" s="2">
        <v>1.4999999999999999E-2</v>
      </c>
      <c r="W3252" s="2">
        <v>118.9</v>
      </c>
      <c r="X3252" s="2">
        <v>7.6</v>
      </c>
      <c r="Y3252" s="2">
        <v>16.7</v>
      </c>
      <c r="Z3252" s="5"/>
      <c r="AA3252" s="5" t="s">
        <v>43</v>
      </c>
      <c r="AB3252" s="5" t="s">
        <v>44</v>
      </c>
      <c r="AC3252" s="2"/>
      <c r="AD3252" s="1"/>
    </row>
    <row r="3253" spans="1:30">
      <c r="A3253" s="5" t="s">
        <v>83578</v>
      </c>
      <c r="B3253" s="2" t="s">
        <v>93361</v>
      </c>
      <c r="C3253" s="14" t="s">
        <v>93362</v>
      </c>
      <c r="D3253" s="2" t="s">
        <v>93363</v>
      </c>
      <c r="E3253" s="2" t="s">
        <v>36305</v>
      </c>
      <c r="F3253" s="8">
        <v>302</v>
      </c>
      <c r="G3253" s="5">
        <v>6</v>
      </c>
      <c r="H3253" s="5" t="s">
        <v>1518</v>
      </c>
      <c r="I3253" s="5" t="s">
        <v>36264</v>
      </c>
      <c r="J3253" s="2" t="s">
        <v>36265</v>
      </c>
      <c r="K3253" s="5" t="s">
        <v>36264</v>
      </c>
      <c r="L3253" s="2" t="s">
        <v>36265</v>
      </c>
      <c r="M3253" s="5" t="s">
        <v>36266</v>
      </c>
      <c r="N3253" s="5" t="s">
        <v>38</v>
      </c>
      <c r="O3253" s="5" t="s">
        <v>39</v>
      </c>
      <c r="P3253" s="5" t="s">
        <v>40</v>
      </c>
      <c r="Q3253" s="5" t="s">
        <v>1522</v>
      </c>
      <c r="R3253" s="5" t="s">
        <v>1523</v>
      </c>
      <c r="S3253" s="5" t="s">
        <v>42</v>
      </c>
      <c r="T3253" s="2">
        <v>3.0859999999999999</v>
      </c>
      <c r="U3253" s="2">
        <v>2.5680000000000001</v>
      </c>
      <c r="V3253" s="2">
        <v>1.4999999999999999E-2</v>
      </c>
      <c r="W3253" s="2">
        <v>118.9</v>
      </c>
      <c r="X3253" s="2">
        <v>7.6</v>
      </c>
      <c r="Y3253" s="2">
        <v>16.7</v>
      </c>
      <c r="Z3253" s="5"/>
      <c r="AA3253" s="5" t="s">
        <v>43</v>
      </c>
      <c r="AB3253" s="5" t="s">
        <v>44</v>
      </c>
      <c r="AC3253" s="2"/>
      <c r="AD3253" s="1"/>
    </row>
    <row r="3254" spans="1:30">
      <c r="A3254" s="5" t="s">
        <v>83578</v>
      </c>
      <c r="B3254" s="2" t="s">
        <v>93364</v>
      </c>
      <c r="C3254" s="14" t="s">
        <v>93365</v>
      </c>
      <c r="D3254" s="2" t="s">
        <v>93366</v>
      </c>
      <c r="E3254" s="2" t="s">
        <v>36309</v>
      </c>
      <c r="F3254" s="8">
        <v>302</v>
      </c>
      <c r="G3254" s="5">
        <v>6</v>
      </c>
      <c r="H3254" s="5" t="s">
        <v>1518</v>
      </c>
      <c r="I3254" s="5" t="s">
        <v>36264</v>
      </c>
      <c r="J3254" s="2" t="s">
        <v>36265</v>
      </c>
      <c r="K3254" s="5" t="s">
        <v>36264</v>
      </c>
      <c r="L3254" s="2" t="s">
        <v>36265</v>
      </c>
      <c r="M3254" s="5" t="s">
        <v>36266</v>
      </c>
      <c r="N3254" s="5" t="s">
        <v>38</v>
      </c>
      <c r="O3254" s="5" t="s">
        <v>39</v>
      </c>
      <c r="P3254" s="5" t="s">
        <v>40</v>
      </c>
      <c r="Q3254" s="5" t="s">
        <v>1522</v>
      </c>
      <c r="R3254" s="5" t="s">
        <v>1523</v>
      </c>
      <c r="S3254" s="5" t="s">
        <v>42</v>
      </c>
      <c r="T3254" s="2">
        <v>3.1859999999999999</v>
      </c>
      <c r="U3254" s="2">
        <v>2.6680000000000001</v>
      </c>
      <c r="V3254" s="2">
        <v>1.4999999999999999E-2</v>
      </c>
      <c r="W3254" s="2">
        <v>118.9</v>
      </c>
      <c r="X3254" s="2">
        <v>7.6</v>
      </c>
      <c r="Y3254" s="2">
        <v>16.7</v>
      </c>
      <c r="Z3254" s="5"/>
      <c r="AA3254" s="5" t="s">
        <v>43</v>
      </c>
      <c r="AB3254" s="5" t="s">
        <v>44</v>
      </c>
      <c r="AC3254" s="2"/>
      <c r="AD3254" s="1"/>
    </row>
    <row r="3255" spans="1:30">
      <c r="A3255" s="5" t="s">
        <v>83578</v>
      </c>
      <c r="B3255" s="2" t="s">
        <v>93367</v>
      </c>
      <c r="C3255" s="14" t="s">
        <v>93368</v>
      </c>
      <c r="D3255" s="2" t="s">
        <v>93369</v>
      </c>
      <c r="E3255" s="2" t="s">
        <v>36313</v>
      </c>
      <c r="F3255" s="8">
        <v>328</v>
      </c>
      <c r="G3255" s="5">
        <v>6</v>
      </c>
      <c r="H3255" s="5" t="s">
        <v>1518</v>
      </c>
      <c r="I3255" s="5" t="s">
        <v>36264</v>
      </c>
      <c r="J3255" s="2" t="s">
        <v>36265</v>
      </c>
      <c r="K3255" s="5" t="s">
        <v>36264</v>
      </c>
      <c r="L3255" s="2" t="s">
        <v>36265</v>
      </c>
      <c r="M3255" s="5" t="s">
        <v>36266</v>
      </c>
      <c r="N3255" s="5" t="s">
        <v>38</v>
      </c>
      <c r="O3255" s="5" t="s">
        <v>39</v>
      </c>
      <c r="P3255" s="5" t="s">
        <v>40</v>
      </c>
      <c r="Q3255" s="5" t="s">
        <v>1522</v>
      </c>
      <c r="R3255" s="5" t="s">
        <v>1523</v>
      </c>
      <c r="S3255" s="5" t="s">
        <v>42</v>
      </c>
      <c r="T3255" s="2">
        <v>3.0859999999999999</v>
      </c>
      <c r="U3255" s="2">
        <v>2.5680000000000001</v>
      </c>
      <c r="V3255" s="2">
        <v>1.4999999999999999E-2</v>
      </c>
      <c r="W3255" s="2">
        <v>118.9</v>
      </c>
      <c r="X3255" s="2">
        <v>7.6</v>
      </c>
      <c r="Y3255" s="2">
        <v>16.7</v>
      </c>
      <c r="Z3255" s="5"/>
      <c r="AA3255" s="5" t="s">
        <v>43</v>
      </c>
      <c r="AB3255" s="5" t="s">
        <v>44</v>
      </c>
      <c r="AC3255" s="2"/>
      <c r="AD3255" s="1"/>
    </row>
    <row r="3256" spans="1:30">
      <c r="A3256" s="5" t="s">
        <v>83578</v>
      </c>
      <c r="B3256" s="2" t="s">
        <v>93370</v>
      </c>
      <c r="C3256" s="14" t="s">
        <v>93371</v>
      </c>
      <c r="D3256" s="2" t="s">
        <v>93372</v>
      </c>
      <c r="E3256" s="2" t="s">
        <v>36317</v>
      </c>
      <c r="F3256" s="8">
        <v>328</v>
      </c>
      <c r="G3256" s="5">
        <v>6</v>
      </c>
      <c r="H3256" s="5" t="s">
        <v>1518</v>
      </c>
      <c r="I3256" s="5" t="s">
        <v>36264</v>
      </c>
      <c r="J3256" s="2" t="s">
        <v>36265</v>
      </c>
      <c r="K3256" s="5" t="s">
        <v>36264</v>
      </c>
      <c r="L3256" s="2" t="s">
        <v>36265</v>
      </c>
      <c r="M3256" s="5" t="s">
        <v>36266</v>
      </c>
      <c r="N3256" s="5" t="s">
        <v>38</v>
      </c>
      <c r="O3256" s="5" t="s">
        <v>39</v>
      </c>
      <c r="P3256" s="5" t="s">
        <v>40</v>
      </c>
      <c r="Q3256" s="5" t="s">
        <v>1522</v>
      </c>
      <c r="R3256" s="5" t="s">
        <v>1523</v>
      </c>
      <c r="S3256" s="5" t="s">
        <v>42</v>
      </c>
      <c r="T3256" s="2">
        <v>3.1859999999999999</v>
      </c>
      <c r="U3256" s="2">
        <v>2.6680000000000001</v>
      </c>
      <c r="V3256" s="2">
        <v>1.4999999999999999E-2</v>
      </c>
      <c r="W3256" s="2">
        <v>118.9</v>
      </c>
      <c r="X3256" s="2">
        <v>7.6</v>
      </c>
      <c r="Y3256" s="2">
        <v>16.7</v>
      </c>
      <c r="Z3256" s="5"/>
      <c r="AA3256" s="5" t="s">
        <v>43</v>
      </c>
      <c r="AB3256" s="5" t="s">
        <v>44</v>
      </c>
      <c r="AC3256" s="2"/>
      <c r="AD3256" s="1"/>
    </row>
    <row r="3257" spans="1:30">
      <c r="A3257" s="5" t="s">
        <v>83578</v>
      </c>
      <c r="B3257" s="2" t="s">
        <v>93373</v>
      </c>
      <c r="C3257" s="14" t="s">
        <v>93374</v>
      </c>
      <c r="D3257" s="2" t="s">
        <v>93375</v>
      </c>
      <c r="E3257" s="2" t="s">
        <v>36321</v>
      </c>
      <c r="F3257" s="8">
        <v>328</v>
      </c>
      <c r="G3257" s="5">
        <v>6</v>
      </c>
      <c r="H3257" s="5" t="s">
        <v>1518</v>
      </c>
      <c r="I3257" s="5" t="s">
        <v>36264</v>
      </c>
      <c r="J3257" s="2" t="s">
        <v>36265</v>
      </c>
      <c r="K3257" s="5" t="s">
        <v>36264</v>
      </c>
      <c r="L3257" s="2" t="s">
        <v>36265</v>
      </c>
      <c r="M3257" s="5" t="s">
        <v>36266</v>
      </c>
      <c r="N3257" s="5" t="s">
        <v>38</v>
      </c>
      <c r="O3257" s="5" t="s">
        <v>39</v>
      </c>
      <c r="P3257" s="5" t="s">
        <v>40</v>
      </c>
      <c r="Q3257" s="5" t="s">
        <v>1522</v>
      </c>
      <c r="R3257" s="5" t="s">
        <v>1523</v>
      </c>
      <c r="S3257" s="5" t="s">
        <v>42</v>
      </c>
      <c r="T3257" s="2">
        <v>3.0859999999999999</v>
      </c>
      <c r="U3257" s="2">
        <v>2.5680000000000001</v>
      </c>
      <c r="V3257" s="2">
        <v>1.4999999999999999E-2</v>
      </c>
      <c r="W3257" s="2">
        <v>118.9</v>
      </c>
      <c r="X3257" s="2">
        <v>7.6</v>
      </c>
      <c r="Y3257" s="2">
        <v>16.7</v>
      </c>
      <c r="Z3257" s="5"/>
      <c r="AA3257" s="5" t="s">
        <v>43</v>
      </c>
      <c r="AB3257" s="5" t="s">
        <v>44</v>
      </c>
      <c r="AC3257" s="2"/>
      <c r="AD3257" s="1"/>
    </row>
    <row r="3258" spans="1:30">
      <c r="A3258" s="5" t="s">
        <v>83578</v>
      </c>
      <c r="B3258" s="2" t="s">
        <v>93376</v>
      </c>
      <c r="C3258" s="14" t="s">
        <v>93377</v>
      </c>
      <c r="D3258" s="2" t="s">
        <v>93378</v>
      </c>
      <c r="E3258" s="2" t="s">
        <v>36325</v>
      </c>
      <c r="F3258" s="8">
        <v>328</v>
      </c>
      <c r="G3258" s="5">
        <v>6</v>
      </c>
      <c r="H3258" s="5" t="s">
        <v>1518</v>
      </c>
      <c r="I3258" s="5" t="s">
        <v>36264</v>
      </c>
      <c r="J3258" s="2" t="s">
        <v>36265</v>
      </c>
      <c r="K3258" s="5" t="s">
        <v>36264</v>
      </c>
      <c r="L3258" s="2" t="s">
        <v>36265</v>
      </c>
      <c r="M3258" s="5" t="s">
        <v>36266</v>
      </c>
      <c r="N3258" s="5" t="s">
        <v>38</v>
      </c>
      <c r="O3258" s="5" t="s">
        <v>39</v>
      </c>
      <c r="P3258" s="5" t="s">
        <v>40</v>
      </c>
      <c r="Q3258" s="5" t="s">
        <v>1522</v>
      </c>
      <c r="R3258" s="5" t="s">
        <v>1523</v>
      </c>
      <c r="S3258" s="5" t="s">
        <v>42</v>
      </c>
      <c r="T3258" s="2">
        <v>3.1859999999999999</v>
      </c>
      <c r="U3258" s="2">
        <v>2.6680000000000001</v>
      </c>
      <c r="V3258" s="2">
        <v>1.4999999999999999E-2</v>
      </c>
      <c r="W3258" s="2">
        <v>118.9</v>
      </c>
      <c r="X3258" s="2">
        <v>7.6</v>
      </c>
      <c r="Y3258" s="2">
        <v>16.7</v>
      </c>
      <c r="Z3258" s="5"/>
      <c r="AA3258" s="5" t="s">
        <v>43</v>
      </c>
      <c r="AB3258" s="5" t="s">
        <v>44</v>
      </c>
      <c r="AC3258" s="2"/>
      <c r="AD3258" s="1"/>
    </row>
    <row r="3259" spans="1:30">
      <c r="A3259" s="5" t="s">
        <v>83578</v>
      </c>
      <c r="B3259" s="2" t="s">
        <v>93379</v>
      </c>
      <c r="C3259" s="14" t="s">
        <v>93380</v>
      </c>
      <c r="D3259" s="2" t="s">
        <v>93381</v>
      </c>
      <c r="E3259" s="2" t="s">
        <v>36329</v>
      </c>
      <c r="F3259" s="8">
        <v>328</v>
      </c>
      <c r="G3259" s="5">
        <v>6</v>
      </c>
      <c r="H3259" s="5" t="s">
        <v>1518</v>
      </c>
      <c r="I3259" s="5" t="s">
        <v>36264</v>
      </c>
      <c r="J3259" s="2" t="s">
        <v>36265</v>
      </c>
      <c r="K3259" s="5" t="s">
        <v>36264</v>
      </c>
      <c r="L3259" s="2" t="s">
        <v>36265</v>
      </c>
      <c r="M3259" s="5" t="s">
        <v>36266</v>
      </c>
      <c r="N3259" s="5" t="s">
        <v>38</v>
      </c>
      <c r="O3259" s="5" t="s">
        <v>39</v>
      </c>
      <c r="P3259" s="5" t="s">
        <v>40</v>
      </c>
      <c r="Q3259" s="5" t="s">
        <v>1522</v>
      </c>
      <c r="R3259" s="5" t="s">
        <v>1523</v>
      </c>
      <c r="S3259" s="5" t="s">
        <v>42</v>
      </c>
      <c r="T3259" s="2">
        <v>3.0859999999999999</v>
      </c>
      <c r="U3259" s="2">
        <v>2.5680000000000001</v>
      </c>
      <c r="V3259" s="2">
        <v>1.4999999999999999E-2</v>
      </c>
      <c r="W3259" s="2">
        <v>118.9</v>
      </c>
      <c r="X3259" s="2">
        <v>7.6</v>
      </c>
      <c r="Y3259" s="2">
        <v>16.7</v>
      </c>
      <c r="Z3259" s="5"/>
      <c r="AA3259" s="5" t="s">
        <v>43</v>
      </c>
      <c r="AB3259" s="5" t="s">
        <v>44</v>
      </c>
      <c r="AC3259" s="2"/>
      <c r="AD3259" s="1"/>
    </row>
    <row r="3260" spans="1:30">
      <c r="A3260" s="5" t="s">
        <v>83578</v>
      </c>
      <c r="B3260" s="2" t="s">
        <v>93382</v>
      </c>
      <c r="C3260" s="14" t="s">
        <v>93383</v>
      </c>
      <c r="D3260" s="2" t="s">
        <v>93384</v>
      </c>
      <c r="E3260" s="2" t="s">
        <v>36333</v>
      </c>
      <c r="F3260" s="8">
        <v>328</v>
      </c>
      <c r="G3260" s="5">
        <v>6</v>
      </c>
      <c r="H3260" s="5" t="s">
        <v>1518</v>
      </c>
      <c r="I3260" s="5" t="s">
        <v>36264</v>
      </c>
      <c r="J3260" s="2" t="s">
        <v>36265</v>
      </c>
      <c r="K3260" s="5" t="s">
        <v>36264</v>
      </c>
      <c r="L3260" s="2" t="s">
        <v>36265</v>
      </c>
      <c r="M3260" s="5" t="s">
        <v>36266</v>
      </c>
      <c r="N3260" s="5" t="s">
        <v>38</v>
      </c>
      <c r="O3260" s="5" t="s">
        <v>39</v>
      </c>
      <c r="P3260" s="5" t="s">
        <v>40</v>
      </c>
      <c r="Q3260" s="5" t="s">
        <v>1522</v>
      </c>
      <c r="R3260" s="5" t="s">
        <v>1523</v>
      </c>
      <c r="S3260" s="5" t="s">
        <v>42</v>
      </c>
      <c r="T3260" s="2">
        <v>3.1859999999999999</v>
      </c>
      <c r="U3260" s="2">
        <v>2.6680000000000001</v>
      </c>
      <c r="V3260" s="2">
        <v>1.4999999999999999E-2</v>
      </c>
      <c r="W3260" s="2">
        <v>118.9</v>
      </c>
      <c r="X3260" s="2">
        <v>7.6</v>
      </c>
      <c r="Y3260" s="2">
        <v>16.7</v>
      </c>
      <c r="Z3260" s="5"/>
      <c r="AA3260" s="5" t="s">
        <v>43</v>
      </c>
      <c r="AB3260" s="5" t="s">
        <v>44</v>
      </c>
      <c r="AC3260" s="2"/>
      <c r="AD3260" s="1"/>
    </row>
    <row r="3261" spans="1:30">
      <c r="A3261" s="5" t="s">
        <v>83578</v>
      </c>
      <c r="B3261" s="2" t="s">
        <v>93385</v>
      </c>
      <c r="C3261" s="14" t="s">
        <v>93386</v>
      </c>
      <c r="D3261" s="2" t="s">
        <v>93387</v>
      </c>
      <c r="E3261" s="2" t="s">
        <v>36337</v>
      </c>
      <c r="F3261" s="8">
        <v>328</v>
      </c>
      <c r="G3261" s="5">
        <v>6</v>
      </c>
      <c r="H3261" s="5" t="s">
        <v>1518</v>
      </c>
      <c r="I3261" s="5" t="s">
        <v>36264</v>
      </c>
      <c r="J3261" s="2" t="s">
        <v>36265</v>
      </c>
      <c r="K3261" s="5" t="s">
        <v>36264</v>
      </c>
      <c r="L3261" s="2" t="s">
        <v>36265</v>
      </c>
      <c r="M3261" s="5" t="s">
        <v>36266</v>
      </c>
      <c r="N3261" s="5" t="s">
        <v>38</v>
      </c>
      <c r="O3261" s="5" t="s">
        <v>39</v>
      </c>
      <c r="P3261" s="5" t="s">
        <v>40</v>
      </c>
      <c r="Q3261" s="5" t="s">
        <v>1522</v>
      </c>
      <c r="R3261" s="5" t="s">
        <v>1523</v>
      </c>
      <c r="S3261" s="5" t="s">
        <v>42</v>
      </c>
      <c r="T3261" s="2">
        <v>3.0859999999999999</v>
      </c>
      <c r="U3261" s="2">
        <v>2.5680000000000001</v>
      </c>
      <c r="V3261" s="2">
        <v>1.4999999999999999E-2</v>
      </c>
      <c r="W3261" s="2">
        <v>118.9</v>
      </c>
      <c r="X3261" s="2">
        <v>7.6</v>
      </c>
      <c r="Y3261" s="2">
        <v>16.7</v>
      </c>
      <c r="Z3261" s="5"/>
      <c r="AA3261" s="5" t="s">
        <v>43</v>
      </c>
      <c r="AB3261" s="5" t="s">
        <v>44</v>
      </c>
      <c r="AC3261" s="2"/>
      <c r="AD3261" s="1"/>
    </row>
    <row r="3262" spans="1:30">
      <c r="A3262" s="5" t="s">
        <v>83578</v>
      </c>
      <c r="B3262" s="2" t="s">
        <v>93388</v>
      </c>
      <c r="C3262" s="14" t="s">
        <v>93389</v>
      </c>
      <c r="D3262" s="2" t="s">
        <v>93390</v>
      </c>
      <c r="E3262" s="2" t="s">
        <v>36341</v>
      </c>
      <c r="F3262" s="8">
        <v>328</v>
      </c>
      <c r="G3262" s="5">
        <v>6</v>
      </c>
      <c r="H3262" s="5" t="s">
        <v>1518</v>
      </c>
      <c r="I3262" s="5" t="s">
        <v>36264</v>
      </c>
      <c r="J3262" s="2" t="s">
        <v>36265</v>
      </c>
      <c r="K3262" s="5" t="s">
        <v>36264</v>
      </c>
      <c r="L3262" s="2" t="s">
        <v>36265</v>
      </c>
      <c r="M3262" s="5" t="s">
        <v>36266</v>
      </c>
      <c r="N3262" s="5" t="s">
        <v>38</v>
      </c>
      <c r="O3262" s="5" t="s">
        <v>39</v>
      </c>
      <c r="P3262" s="5" t="s">
        <v>40</v>
      </c>
      <c r="Q3262" s="5" t="s">
        <v>1522</v>
      </c>
      <c r="R3262" s="5" t="s">
        <v>1523</v>
      </c>
      <c r="S3262" s="5" t="s">
        <v>42</v>
      </c>
      <c r="T3262" s="2">
        <v>3.1859999999999999</v>
      </c>
      <c r="U3262" s="2">
        <v>2.6680000000000001</v>
      </c>
      <c r="V3262" s="2">
        <v>1.4999999999999999E-2</v>
      </c>
      <c r="W3262" s="2">
        <v>118.9</v>
      </c>
      <c r="X3262" s="2">
        <v>7.6</v>
      </c>
      <c r="Y3262" s="2">
        <v>16.7</v>
      </c>
      <c r="Z3262" s="5"/>
      <c r="AA3262" s="5" t="s">
        <v>43</v>
      </c>
      <c r="AB3262" s="5" t="s">
        <v>44</v>
      </c>
      <c r="AC3262" s="2"/>
      <c r="AD3262" s="1"/>
    </row>
    <row r="3263" spans="1:30">
      <c r="A3263" s="5" t="s">
        <v>83578</v>
      </c>
      <c r="B3263" s="2" t="s">
        <v>93391</v>
      </c>
      <c r="C3263" s="14" t="s">
        <v>93392</v>
      </c>
      <c r="D3263" s="2" t="s">
        <v>93393</v>
      </c>
      <c r="E3263" s="2" t="s">
        <v>36345</v>
      </c>
      <c r="F3263" s="8">
        <v>328</v>
      </c>
      <c r="G3263" s="5">
        <v>6</v>
      </c>
      <c r="H3263" s="5" t="s">
        <v>1518</v>
      </c>
      <c r="I3263" s="5" t="s">
        <v>36264</v>
      </c>
      <c r="J3263" s="2" t="s">
        <v>36265</v>
      </c>
      <c r="K3263" s="5" t="s">
        <v>36264</v>
      </c>
      <c r="L3263" s="2" t="s">
        <v>36265</v>
      </c>
      <c r="M3263" s="5" t="s">
        <v>36266</v>
      </c>
      <c r="N3263" s="5" t="s">
        <v>38</v>
      </c>
      <c r="O3263" s="5" t="s">
        <v>39</v>
      </c>
      <c r="P3263" s="5" t="s">
        <v>40</v>
      </c>
      <c r="Q3263" s="5" t="s">
        <v>1522</v>
      </c>
      <c r="R3263" s="5" t="s">
        <v>1523</v>
      </c>
      <c r="S3263" s="5" t="s">
        <v>42</v>
      </c>
      <c r="T3263" s="2">
        <v>3.0859999999999999</v>
      </c>
      <c r="U3263" s="2">
        <v>2.5680000000000001</v>
      </c>
      <c r="V3263" s="2">
        <v>1.4999999999999999E-2</v>
      </c>
      <c r="W3263" s="2">
        <v>118.9</v>
      </c>
      <c r="X3263" s="2">
        <v>7.6</v>
      </c>
      <c r="Y3263" s="2">
        <v>16.7</v>
      </c>
      <c r="Z3263" s="5"/>
      <c r="AA3263" s="5" t="s">
        <v>43</v>
      </c>
      <c r="AB3263" s="5" t="s">
        <v>44</v>
      </c>
      <c r="AC3263" s="2"/>
      <c r="AD3263" s="1"/>
    </row>
    <row r="3264" spans="1:30">
      <c r="A3264" s="5" t="s">
        <v>83578</v>
      </c>
      <c r="B3264" s="2" t="s">
        <v>93394</v>
      </c>
      <c r="C3264" s="14" t="s">
        <v>93395</v>
      </c>
      <c r="D3264" s="2" t="s">
        <v>93396</v>
      </c>
      <c r="E3264" s="2" t="s">
        <v>36349</v>
      </c>
      <c r="F3264" s="8">
        <v>328</v>
      </c>
      <c r="G3264" s="5">
        <v>6</v>
      </c>
      <c r="H3264" s="5" t="s">
        <v>1518</v>
      </c>
      <c r="I3264" s="5" t="s">
        <v>36264</v>
      </c>
      <c r="J3264" s="2" t="s">
        <v>36265</v>
      </c>
      <c r="K3264" s="5" t="s">
        <v>36264</v>
      </c>
      <c r="L3264" s="2" t="s">
        <v>36265</v>
      </c>
      <c r="M3264" s="5" t="s">
        <v>36266</v>
      </c>
      <c r="N3264" s="5" t="s">
        <v>38</v>
      </c>
      <c r="O3264" s="5" t="s">
        <v>39</v>
      </c>
      <c r="P3264" s="5" t="s">
        <v>40</v>
      </c>
      <c r="Q3264" s="5" t="s">
        <v>1522</v>
      </c>
      <c r="R3264" s="5" t="s">
        <v>1523</v>
      </c>
      <c r="S3264" s="5" t="s">
        <v>42</v>
      </c>
      <c r="T3264" s="2">
        <v>3.1859999999999999</v>
      </c>
      <c r="U3264" s="2">
        <v>2.6680000000000001</v>
      </c>
      <c r="V3264" s="2">
        <v>1.4999999999999999E-2</v>
      </c>
      <c r="W3264" s="2">
        <v>118.9</v>
      </c>
      <c r="X3264" s="2">
        <v>7.6</v>
      </c>
      <c r="Y3264" s="2">
        <v>16.7</v>
      </c>
      <c r="Z3264" s="5"/>
      <c r="AA3264" s="5" t="s">
        <v>43</v>
      </c>
      <c r="AB3264" s="5" t="s">
        <v>44</v>
      </c>
      <c r="AC3264" s="2"/>
      <c r="AD3264" s="1"/>
    </row>
    <row r="3265" spans="1:30">
      <c r="A3265" s="5" t="s">
        <v>83578</v>
      </c>
      <c r="B3265" s="2" t="s">
        <v>93397</v>
      </c>
      <c r="C3265" s="14" t="s">
        <v>93398</v>
      </c>
      <c r="D3265" s="2" t="s">
        <v>93399</v>
      </c>
      <c r="E3265" s="2" t="s">
        <v>36353</v>
      </c>
      <c r="F3265" s="8">
        <v>328</v>
      </c>
      <c r="G3265" s="5">
        <v>6</v>
      </c>
      <c r="H3265" s="5" t="s">
        <v>1518</v>
      </c>
      <c r="I3265" s="5" t="s">
        <v>36264</v>
      </c>
      <c r="J3265" s="2" t="s">
        <v>36265</v>
      </c>
      <c r="K3265" s="5" t="s">
        <v>36264</v>
      </c>
      <c r="L3265" s="2" t="s">
        <v>36265</v>
      </c>
      <c r="M3265" s="5" t="s">
        <v>36266</v>
      </c>
      <c r="N3265" s="5" t="s">
        <v>38</v>
      </c>
      <c r="O3265" s="5" t="s">
        <v>39</v>
      </c>
      <c r="P3265" s="5" t="s">
        <v>40</v>
      </c>
      <c r="Q3265" s="5" t="s">
        <v>1522</v>
      </c>
      <c r="R3265" s="5" t="s">
        <v>1523</v>
      </c>
      <c r="S3265" s="5" t="s">
        <v>42</v>
      </c>
      <c r="T3265" s="2">
        <v>3.0859999999999999</v>
      </c>
      <c r="U3265" s="2">
        <v>2.5680000000000001</v>
      </c>
      <c r="V3265" s="2">
        <v>1.4999999999999999E-2</v>
      </c>
      <c r="W3265" s="2">
        <v>118.9</v>
      </c>
      <c r="X3265" s="2">
        <v>7.6</v>
      </c>
      <c r="Y3265" s="2">
        <v>16.7</v>
      </c>
      <c r="Z3265" s="5"/>
      <c r="AA3265" s="5" t="s">
        <v>43</v>
      </c>
      <c r="AB3265" s="5" t="s">
        <v>44</v>
      </c>
      <c r="AC3265" s="2"/>
      <c r="AD3265" s="1"/>
    </row>
    <row r="3266" spans="1:30">
      <c r="A3266" s="5" t="s">
        <v>83578</v>
      </c>
      <c r="B3266" s="2" t="s">
        <v>93400</v>
      </c>
      <c r="C3266" s="14" t="s">
        <v>93401</v>
      </c>
      <c r="D3266" s="2" t="s">
        <v>93402</v>
      </c>
      <c r="E3266" s="2" t="s">
        <v>36357</v>
      </c>
      <c r="F3266" s="8">
        <v>328</v>
      </c>
      <c r="G3266" s="5">
        <v>6</v>
      </c>
      <c r="H3266" s="5" t="s">
        <v>1518</v>
      </c>
      <c r="I3266" s="5" t="s">
        <v>36264</v>
      </c>
      <c r="J3266" s="2" t="s">
        <v>36265</v>
      </c>
      <c r="K3266" s="5" t="s">
        <v>36264</v>
      </c>
      <c r="L3266" s="2" t="s">
        <v>36265</v>
      </c>
      <c r="M3266" s="5" t="s">
        <v>36266</v>
      </c>
      <c r="N3266" s="5" t="s">
        <v>38</v>
      </c>
      <c r="O3266" s="5" t="s">
        <v>39</v>
      </c>
      <c r="P3266" s="5" t="s">
        <v>40</v>
      </c>
      <c r="Q3266" s="5" t="s">
        <v>1522</v>
      </c>
      <c r="R3266" s="5" t="s">
        <v>1523</v>
      </c>
      <c r="S3266" s="5" t="s">
        <v>42</v>
      </c>
      <c r="T3266" s="2">
        <v>3.1859999999999999</v>
      </c>
      <c r="U3266" s="2">
        <v>2.6680000000000001</v>
      </c>
      <c r="V3266" s="2">
        <v>1.4999999999999999E-2</v>
      </c>
      <c r="W3266" s="2">
        <v>118.9</v>
      </c>
      <c r="X3266" s="2">
        <v>7.6</v>
      </c>
      <c r="Y3266" s="2">
        <v>16.7</v>
      </c>
      <c r="Z3266" s="5"/>
      <c r="AA3266" s="5" t="s">
        <v>43</v>
      </c>
      <c r="AB3266" s="5" t="s">
        <v>44</v>
      </c>
      <c r="AC3266" s="2"/>
      <c r="AD3266" s="1"/>
    </row>
    <row r="3267" spans="1:30">
      <c r="A3267" s="5" t="s">
        <v>83578</v>
      </c>
      <c r="B3267" s="2" t="s">
        <v>93403</v>
      </c>
      <c r="C3267" s="14" t="s">
        <v>93404</v>
      </c>
      <c r="D3267" s="2" t="s">
        <v>93405</v>
      </c>
      <c r="E3267" s="2" t="s">
        <v>45598</v>
      </c>
      <c r="F3267" s="8">
        <v>328</v>
      </c>
      <c r="G3267" s="5">
        <v>6</v>
      </c>
      <c r="H3267" s="5" t="s">
        <v>1518</v>
      </c>
      <c r="I3267" s="5" t="s">
        <v>36264</v>
      </c>
      <c r="J3267" s="2" t="s">
        <v>36265</v>
      </c>
      <c r="K3267" s="5" t="s">
        <v>36264</v>
      </c>
      <c r="L3267" s="2" t="s">
        <v>36265</v>
      </c>
      <c r="M3267" s="5" t="s">
        <v>36266</v>
      </c>
      <c r="N3267" s="5" t="s">
        <v>38</v>
      </c>
      <c r="O3267" s="5" t="s">
        <v>39</v>
      </c>
      <c r="P3267" s="5" t="s">
        <v>40</v>
      </c>
      <c r="Q3267" s="5" t="s">
        <v>1522</v>
      </c>
      <c r="R3267" s="5" t="s">
        <v>1523</v>
      </c>
      <c r="S3267" s="5" t="s">
        <v>42</v>
      </c>
      <c r="T3267" s="2">
        <v>3.0859999999999999</v>
      </c>
      <c r="U3267" s="2">
        <v>2.5680000000000001</v>
      </c>
      <c r="V3267" s="2">
        <v>1.4999999999999999E-2</v>
      </c>
      <c r="W3267" s="2">
        <v>118.9</v>
      </c>
      <c r="X3267" s="2">
        <v>7.6</v>
      </c>
      <c r="Y3267" s="2">
        <v>16.7</v>
      </c>
      <c r="Z3267" s="5"/>
      <c r="AA3267" s="5" t="s">
        <v>43</v>
      </c>
      <c r="AB3267" s="5" t="s">
        <v>44</v>
      </c>
      <c r="AC3267" s="2"/>
      <c r="AD3267" s="1"/>
    </row>
    <row r="3268" spans="1:30">
      <c r="A3268" s="5" t="s">
        <v>83578</v>
      </c>
      <c r="B3268" s="2" t="s">
        <v>93406</v>
      </c>
      <c r="C3268" s="14" t="s">
        <v>93407</v>
      </c>
      <c r="D3268" s="2" t="s">
        <v>93408</v>
      </c>
      <c r="E3268" s="2" t="s">
        <v>45534</v>
      </c>
      <c r="F3268" s="8">
        <v>328</v>
      </c>
      <c r="G3268" s="5">
        <v>6</v>
      </c>
      <c r="H3268" s="5" t="s">
        <v>1518</v>
      </c>
      <c r="I3268" s="5" t="s">
        <v>36264</v>
      </c>
      <c r="J3268" s="2" t="s">
        <v>36265</v>
      </c>
      <c r="K3268" s="5" t="s">
        <v>36264</v>
      </c>
      <c r="L3268" s="2" t="s">
        <v>36265</v>
      </c>
      <c r="M3268" s="5" t="s">
        <v>36266</v>
      </c>
      <c r="N3268" s="5" t="s">
        <v>38</v>
      </c>
      <c r="O3268" s="5" t="s">
        <v>39</v>
      </c>
      <c r="P3268" s="5" t="s">
        <v>40</v>
      </c>
      <c r="Q3268" s="5" t="s">
        <v>1522</v>
      </c>
      <c r="R3268" s="5" t="s">
        <v>1523</v>
      </c>
      <c r="S3268" s="5" t="s">
        <v>42</v>
      </c>
      <c r="T3268" s="2">
        <v>3.1859999999999999</v>
      </c>
      <c r="U3268" s="2">
        <v>2.6680000000000001</v>
      </c>
      <c r="V3268" s="2">
        <v>1.4999999999999999E-2</v>
      </c>
      <c r="W3268" s="2">
        <v>118.9</v>
      </c>
      <c r="X3268" s="2">
        <v>7.6</v>
      </c>
      <c r="Y3268" s="2">
        <v>16.7</v>
      </c>
      <c r="Z3268" s="5"/>
      <c r="AA3268" s="5" t="s">
        <v>43</v>
      </c>
      <c r="AB3268" s="5" t="s">
        <v>44</v>
      </c>
      <c r="AC3268" s="2"/>
      <c r="AD3268" s="1"/>
    </row>
    <row r="3269" spans="1:30">
      <c r="A3269" s="5" t="s">
        <v>83578</v>
      </c>
      <c r="B3269" s="2" t="s">
        <v>93409</v>
      </c>
      <c r="C3269" s="14" t="s">
        <v>93410</v>
      </c>
      <c r="D3269" s="2" t="s">
        <v>93411</v>
      </c>
      <c r="E3269" s="2" t="s">
        <v>36369</v>
      </c>
      <c r="F3269" s="8">
        <v>328</v>
      </c>
      <c r="G3269" s="5">
        <v>6</v>
      </c>
      <c r="H3269" s="5" t="s">
        <v>1518</v>
      </c>
      <c r="I3269" s="5" t="s">
        <v>36264</v>
      </c>
      <c r="J3269" s="2" t="s">
        <v>36265</v>
      </c>
      <c r="K3269" s="5" t="s">
        <v>36264</v>
      </c>
      <c r="L3269" s="2" t="s">
        <v>36265</v>
      </c>
      <c r="M3269" s="5" t="s">
        <v>36266</v>
      </c>
      <c r="N3269" s="5" t="s">
        <v>38</v>
      </c>
      <c r="O3269" s="5" t="s">
        <v>39</v>
      </c>
      <c r="P3269" s="5" t="s">
        <v>40</v>
      </c>
      <c r="Q3269" s="5" t="s">
        <v>1522</v>
      </c>
      <c r="R3269" s="5" t="s">
        <v>1523</v>
      </c>
      <c r="S3269" s="5" t="s">
        <v>42</v>
      </c>
      <c r="T3269" s="2">
        <v>3.0859999999999999</v>
      </c>
      <c r="U3269" s="2">
        <v>2.5680000000000001</v>
      </c>
      <c r="V3269" s="2">
        <v>1.4999999999999999E-2</v>
      </c>
      <c r="W3269" s="2">
        <v>118.9</v>
      </c>
      <c r="X3269" s="2">
        <v>7.6</v>
      </c>
      <c r="Y3269" s="2">
        <v>16.7</v>
      </c>
      <c r="Z3269" s="5"/>
      <c r="AA3269" s="5" t="s">
        <v>43</v>
      </c>
      <c r="AB3269" s="5" t="s">
        <v>44</v>
      </c>
      <c r="AC3269" s="2"/>
      <c r="AD3269" s="1"/>
    </row>
    <row r="3270" spans="1:30">
      <c r="A3270" s="5" t="s">
        <v>83578</v>
      </c>
      <c r="B3270" s="2" t="s">
        <v>93412</v>
      </c>
      <c r="C3270" s="14" t="s">
        <v>93413</v>
      </c>
      <c r="D3270" s="2" t="s">
        <v>93414</v>
      </c>
      <c r="E3270" s="2" t="s">
        <v>36373</v>
      </c>
      <c r="F3270" s="8">
        <v>328</v>
      </c>
      <c r="G3270" s="5">
        <v>6</v>
      </c>
      <c r="H3270" s="5" t="s">
        <v>1518</v>
      </c>
      <c r="I3270" s="5" t="s">
        <v>36264</v>
      </c>
      <c r="J3270" s="2" t="s">
        <v>36265</v>
      </c>
      <c r="K3270" s="5" t="s">
        <v>36264</v>
      </c>
      <c r="L3270" s="2" t="s">
        <v>36265</v>
      </c>
      <c r="M3270" s="5" t="s">
        <v>36266</v>
      </c>
      <c r="N3270" s="5" t="s">
        <v>38</v>
      </c>
      <c r="O3270" s="5" t="s">
        <v>39</v>
      </c>
      <c r="P3270" s="5" t="s">
        <v>40</v>
      </c>
      <c r="Q3270" s="5" t="s">
        <v>1522</v>
      </c>
      <c r="R3270" s="5" t="s">
        <v>1523</v>
      </c>
      <c r="S3270" s="5" t="s">
        <v>42</v>
      </c>
      <c r="T3270" s="2">
        <v>3.1859999999999999</v>
      </c>
      <c r="U3270" s="2">
        <v>2.6680000000000001</v>
      </c>
      <c r="V3270" s="2">
        <v>1.4999999999999999E-2</v>
      </c>
      <c r="W3270" s="2">
        <v>118.9</v>
      </c>
      <c r="X3270" s="2">
        <v>7.6</v>
      </c>
      <c r="Y3270" s="2">
        <v>16.7</v>
      </c>
      <c r="Z3270" s="5"/>
      <c r="AA3270" s="5" t="s">
        <v>43</v>
      </c>
      <c r="AB3270" s="5" t="s">
        <v>44</v>
      </c>
      <c r="AC3270" s="2"/>
      <c r="AD3270" s="1"/>
    </row>
    <row r="3271" spans="1:30">
      <c r="A3271" s="5" t="s">
        <v>83578</v>
      </c>
      <c r="B3271" s="2" t="s">
        <v>93415</v>
      </c>
      <c r="C3271" s="14" t="s">
        <v>93416</v>
      </c>
      <c r="D3271" s="2" t="s">
        <v>93417</v>
      </c>
      <c r="E3271" s="2" t="s">
        <v>36377</v>
      </c>
      <c r="F3271" s="8">
        <v>328</v>
      </c>
      <c r="G3271" s="5">
        <v>6</v>
      </c>
      <c r="H3271" s="5" t="s">
        <v>1518</v>
      </c>
      <c r="I3271" s="5" t="s">
        <v>36264</v>
      </c>
      <c r="J3271" s="2" t="s">
        <v>36265</v>
      </c>
      <c r="K3271" s="5" t="s">
        <v>36264</v>
      </c>
      <c r="L3271" s="2" t="s">
        <v>36265</v>
      </c>
      <c r="M3271" s="5" t="s">
        <v>36266</v>
      </c>
      <c r="N3271" s="5" t="s">
        <v>38</v>
      </c>
      <c r="O3271" s="5" t="s">
        <v>39</v>
      </c>
      <c r="P3271" s="5" t="s">
        <v>40</v>
      </c>
      <c r="Q3271" s="5" t="s">
        <v>1522</v>
      </c>
      <c r="R3271" s="5" t="s">
        <v>1523</v>
      </c>
      <c r="S3271" s="5" t="s">
        <v>42</v>
      </c>
      <c r="T3271" s="2">
        <v>3.0859999999999999</v>
      </c>
      <c r="U3271" s="2">
        <v>2.5680000000000001</v>
      </c>
      <c r="V3271" s="2">
        <v>1.4999999999999999E-2</v>
      </c>
      <c r="W3271" s="2">
        <v>118.9</v>
      </c>
      <c r="X3271" s="2">
        <v>7.6</v>
      </c>
      <c r="Y3271" s="2">
        <v>16.7</v>
      </c>
      <c r="Z3271" s="5"/>
      <c r="AA3271" s="5" t="s">
        <v>43</v>
      </c>
      <c r="AB3271" s="5" t="s">
        <v>44</v>
      </c>
      <c r="AC3271" s="2"/>
      <c r="AD3271" s="1"/>
    </row>
    <row r="3272" spans="1:30">
      <c r="A3272" s="5" t="s">
        <v>83578</v>
      </c>
      <c r="B3272" s="2" t="s">
        <v>93418</v>
      </c>
      <c r="C3272" s="14" t="s">
        <v>93419</v>
      </c>
      <c r="D3272" s="2" t="s">
        <v>93420</v>
      </c>
      <c r="E3272" s="2" t="s">
        <v>36385</v>
      </c>
      <c r="F3272" s="8">
        <v>328</v>
      </c>
      <c r="G3272" s="5">
        <v>6</v>
      </c>
      <c r="H3272" s="5" t="s">
        <v>1518</v>
      </c>
      <c r="I3272" s="5" t="s">
        <v>36264</v>
      </c>
      <c r="J3272" s="2" t="s">
        <v>36265</v>
      </c>
      <c r="K3272" s="5" t="s">
        <v>36264</v>
      </c>
      <c r="L3272" s="2" t="s">
        <v>36265</v>
      </c>
      <c r="M3272" s="5" t="s">
        <v>36266</v>
      </c>
      <c r="N3272" s="5" t="s">
        <v>38</v>
      </c>
      <c r="O3272" s="5" t="s">
        <v>39</v>
      </c>
      <c r="P3272" s="5" t="s">
        <v>40</v>
      </c>
      <c r="Q3272" s="5" t="s">
        <v>1522</v>
      </c>
      <c r="R3272" s="5" t="s">
        <v>1523</v>
      </c>
      <c r="S3272" s="5" t="s">
        <v>42</v>
      </c>
      <c r="T3272" s="2">
        <v>3.0859999999999999</v>
      </c>
      <c r="U3272" s="2">
        <v>2.5680000000000001</v>
      </c>
      <c r="V3272" s="2">
        <v>1.4999999999999999E-2</v>
      </c>
      <c r="W3272" s="2">
        <v>118.9</v>
      </c>
      <c r="X3272" s="2">
        <v>7.6</v>
      </c>
      <c r="Y3272" s="2">
        <v>16.7</v>
      </c>
      <c r="Z3272" s="5"/>
      <c r="AA3272" s="5" t="s">
        <v>43</v>
      </c>
      <c r="AB3272" s="5" t="s">
        <v>44</v>
      </c>
      <c r="AC3272" s="2"/>
      <c r="AD3272" s="1"/>
    </row>
    <row r="3273" spans="1:30">
      <c r="A3273" s="5" t="s">
        <v>83578</v>
      </c>
      <c r="B3273" s="2" t="s">
        <v>93421</v>
      </c>
      <c r="C3273" s="14" t="s">
        <v>93422</v>
      </c>
      <c r="D3273" s="2" t="s">
        <v>93423</v>
      </c>
      <c r="E3273" s="2" t="s">
        <v>36389</v>
      </c>
      <c r="F3273" s="8">
        <v>328</v>
      </c>
      <c r="G3273" s="5">
        <v>6</v>
      </c>
      <c r="H3273" s="5" t="s">
        <v>1518</v>
      </c>
      <c r="I3273" s="5" t="s">
        <v>36264</v>
      </c>
      <c r="J3273" s="2" t="s">
        <v>36265</v>
      </c>
      <c r="K3273" s="5" t="s">
        <v>36264</v>
      </c>
      <c r="L3273" s="2" t="s">
        <v>36265</v>
      </c>
      <c r="M3273" s="5" t="s">
        <v>36266</v>
      </c>
      <c r="N3273" s="5" t="s">
        <v>38</v>
      </c>
      <c r="O3273" s="5" t="s">
        <v>39</v>
      </c>
      <c r="P3273" s="5" t="s">
        <v>40</v>
      </c>
      <c r="Q3273" s="5" t="s">
        <v>1522</v>
      </c>
      <c r="R3273" s="5" t="s">
        <v>1523</v>
      </c>
      <c r="S3273" s="5" t="s">
        <v>42</v>
      </c>
      <c r="T3273" s="2">
        <v>3.1859999999999999</v>
      </c>
      <c r="U3273" s="2">
        <v>2.6680000000000001</v>
      </c>
      <c r="V3273" s="2">
        <v>1.4999999999999999E-2</v>
      </c>
      <c r="W3273" s="2">
        <v>118.9</v>
      </c>
      <c r="X3273" s="2">
        <v>7.6</v>
      </c>
      <c r="Y3273" s="2">
        <v>16.7</v>
      </c>
      <c r="Z3273" s="5"/>
      <c r="AA3273" s="5" t="s">
        <v>43</v>
      </c>
      <c r="AB3273" s="5" t="s">
        <v>44</v>
      </c>
      <c r="AC3273" s="2"/>
      <c r="AD3273" s="1"/>
    </row>
    <row r="3274" spans="1:30">
      <c r="A3274" s="5" t="s">
        <v>83578</v>
      </c>
      <c r="B3274" s="2" t="s">
        <v>93424</v>
      </c>
      <c r="C3274" s="14" t="s">
        <v>93425</v>
      </c>
      <c r="D3274" s="2" t="s">
        <v>93426</v>
      </c>
      <c r="E3274" s="2" t="s">
        <v>36273</v>
      </c>
      <c r="F3274" s="8">
        <v>317</v>
      </c>
      <c r="G3274" s="5">
        <v>6</v>
      </c>
      <c r="H3274" s="5" t="s">
        <v>1518</v>
      </c>
      <c r="I3274" s="5" t="s">
        <v>36264</v>
      </c>
      <c r="J3274" s="2" t="s">
        <v>36265</v>
      </c>
      <c r="K3274" s="5" t="s">
        <v>36264</v>
      </c>
      <c r="L3274" s="2" t="s">
        <v>36265</v>
      </c>
      <c r="M3274" s="5" t="s">
        <v>36266</v>
      </c>
      <c r="N3274" s="5" t="s">
        <v>38</v>
      </c>
      <c r="O3274" s="5" t="s">
        <v>39</v>
      </c>
      <c r="P3274" s="5" t="s">
        <v>40</v>
      </c>
      <c r="Q3274" s="5" t="s">
        <v>1522</v>
      </c>
      <c r="R3274" s="5" t="s">
        <v>1523</v>
      </c>
      <c r="S3274" s="5" t="s">
        <v>42</v>
      </c>
      <c r="T3274" s="2">
        <v>3.3380000000000001</v>
      </c>
      <c r="U3274" s="2">
        <v>2.7429999999999999</v>
      </c>
      <c r="V3274" s="2">
        <v>1.7999999999999999E-2</v>
      </c>
      <c r="W3274" s="2">
        <v>139.1</v>
      </c>
      <c r="X3274" s="2">
        <v>7.6</v>
      </c>
      <c r="Y3274" s="2">
        <v>16.7</v>
      </c>
      <c r="Z3274" s="5"/>
      <c r="AA3274" s="5" t="s">
        <v>43</v>
      </c>
      <c r="AB3274" s="5" t="s">
        <v>44</v>
      </c>
      <c r="AC3274" s="2"/>
      <c r="AD3274" s="1"/>
    </row>
    <row r="3275" spans="1:30">
      <c r="A3275" s="5" t="s">
        <v>83578</v>
      </c>
      <c r="B3275" s="2" t="s">
        <v>93427</v>
      </c>
      <c r="C3275" s="14" t="s">
        <v>93428</v>
      </c>
      <c r="D3275" s="2" t="s">
        <v>93429</v>
      </c>
      <c r="E3275" s="2" t="s">
        <v>36281</v>
      </c>
      <c r="F3275" s="8">
        <v>345</v>
      </c>
      <c r="G3275" s="5">
        <v>6</v>
      </c>
      <c r="H3275" s="5" t="s">
        <v>1518</v>
      </c>
      <c r="I3275" s="5" t="s">
        <v>36264</v>
      </c>
      <c r="J3275" s="2" t="s">
        <v>36265</v>
      </c>
      <c r="K3275" s="5" t="s">
        <v>36264</v>
      </c>
      <c r="L3275" s="2" t="s">
        <v>36265</v>
      </c>
      <c r="M3275" s="5" t="s">
        <v>36266</v>
      </c>
      <c r="N3275" s="5" t="s">
        <v>38</v>
      </c>
      <c r="O3275" s="5" t="s">
        <v>39</v>
      </c>
      <c r="P3275" s="5" t="s">
        <v>40</v>
      </c>
      <c r="Q3275" s="5" t="s">
        <v>1522</v>
      </c>
      <c r="R3275" s="5" t="s">
        <v>1523</v>
      </c>
      <c r="S3275" s="5" t="s">
        <v>42</v>
      </c>
      <c r="T3275" s="2">
        <v>3.3380000000000001</v>
      </c>
      <c r="U3275" s="2">
        <v>2.7429999999999999</v>
      </c>
      <c r="V3275" s="2">
        <v>1.7999999999999999E-2</v>
      </c>
      <c r="W3275" s="2">
        <v>139.1</v>
      </c>
      <c r="X3275" s="2">
        <v>7.6</v>
      </c>
      <c r="Y3275" s="2">
        <v>16.7</v>
      </c>
      <c r="Z3275" s="5"/>
      <c r="AA3275" s="5" t="s">
        <v>43</v>
      </c>
      <c r="AB3275" s="5" t="s">
        <v>44</v>
      </c>
      <c r="AC3275" s="2"/>
      <c r="AD3275" s="1"/>
    </row>
    <row r="3276" spans="1:30">
      <c r="A3276" s="5" t="s">
        <v>83578</v>
      </c>
      <c r="B3276" s="2" t="s">
        <v>93430</v>
      </c>
      <c r="C3276" s="14" t="s">
        <v>93431</v>
      </c>
      <c r="D3276" s="2" t="s">
        <v>93432</v>
      </c>
      <c r="E3276" s="2" t="s">
        <v>36285</v>
      </c>
      <c r="F3276" s="8">
        <v>345</v>
      </c>
      <c r="G3276" s="5">
        <v>6</v>
      </c>
      <c r="H3276" s="5" t="s">
        <v>1518</v>
      </c>
      <c r="I3276" s="5" t="s">
        <v>36264</v>
      </c>
      <c r="J3276" s="2" t="s">
        <v>36265</v>
      </c>
      <c r="K3276" s="5" t="s">
        <v>36264</v>
      </c>
      <c r="L3276" s="2" t="s">
        <v>36265</v>
      </c>
      <c r="M3276" s="5" t="s">
        <v>36266</v>
      </c>
      <c r="N3276" s="5" t="s">
        <v>38</v>
      </c>
      <c r="O3276" s="5" t="s">
        <v>39</v>
      </c>
      <c r="P3276" s="5" t="s">
        <v>40</v>
      </c>
      <c r="Q3276" s="5" t="s">
        <v>1522</v>
      </c>
      <c r="R3276" s="5" t="s">
        <v>1523</v>
      </c>
      <c r="S3276" s="5" t="s">
        <v>42</v>
      </c>
      <c r="T3276" s="2">
        <v>3.448</v>
      </c>
      <c r="U3276" s="2">
        <v>2.8530000000000002</v>
      </c>
      <c r="V3276" s="2">
        <v>1.7999999999999999E-2</v>
      </c>
      <c r="W3276" s="2">
        <v>139.1</v>
      </c>
      <c r="X3276" s="2">
        <v>7.6</v>
      </c>
      <c r="Y3276" s="2">
        <v>16.7</v>
      </c>
      <c r="Z3276" s="5"/>
      <c r="AA3276" s="5" t="s">
        <v>43</v>
      </c>
      <c r="AB3276" s="5" t="s">
        <v>44</v>
      </c>
      <c r="AC3276" s="2"/>
      <c r="AD3276" s="1"/>
    </row>
    <row r="3277" spans="1:30">
      <c r="A3277" s="5" t="s">
        <v>83578</v>
      </c>
      <c r="B3277" s="2" t="s">
        <v>93433</v>
      </c>
      <c r="C3277" s="14" t="s">
        <v>93434</v>
      </c>
      <c r="D3277" s="2" t="s">
        <v>93435</v>
      </c>
      <c r="E3277" s="2" t="s">
        <v>36289</v>
      </c>
      <c r="F3277" s="8">
        <v>345</v>
      </c>
      <c r="G3277" s="5">
        <v>6</v>
      </c>
      <c r="H3277" s="5" t="s">
        <v>1518</v>
      </c>
      <c r="I3277" s="5" t="s">
        <v>36264</v>
      </c>
      <c r="J3277" s="2" t="s">
        <v>36265</v>
      </c>
      <c r="K3277" s="5" t="s">
        <v>36264</v>
      </c>
      <c r="L3277" s="2" t="s">
        <v>36265</v>
      </c>
      <c r="M3277" s="5" t="s">
        <v>36266</v>
      </c>
      <c r="N3277" s="5" t="s">
        <v>38</v>
      </c>
      <c r="O3277" s="5" t="s">
        <v>39</v>
      </c>
      <c r="P3277" s="5" t="s">
        <v>40</v>
      </c>
      <c r="Q3277" s="5" t="s">
        <v>1522</v>
      </c>
      <c r="R3277" s="5" t="s">
        <v>1523</v>
      </c>
      <c r="S3277" s="5" t="s">
        <v>42</v>
      </c>
      <c r="T3277" s="2">
        <v>3.3380000000000001</v>
      </c>
      <c r="U3277" s="2">
        <v>2.7429999999999999</v>
      </c>
      <c r="V3277" s="2">
        <v>1.7999999999999999E-2</v>
      </c>
      <c r="W3277" s="2">
        <v>139.1</v>
      </c>
      <c r="X3277" s="2">
        <v>7.6</v>
      </c>
      <c r="Y3277" s="2">
        <v>16.7</v>
      </c>
      <c r="Z3277" s="5"/>
      <c r="AA3277" s="5" t="s">
        <v>43</v>
      </c>
      <c r="AB3277" s="5" t="s">
        <v>44</v>
      </c>
      <c r="AC3277" s="2"/>
      <c r="AD3277" s="1"/>
    </row>
    <row r="3278" spans="1:30">
      <c r="A3278" s="5" t="s">
        <v>83578</v>
      </c>
      <c r="B3278" s="2" t="s">
        <v>93436</v>
      </c>
      <c r="C3278" s="14" t="s">
        <v>93437</v>
      </c>
      <c r="D3278" s="2" t="s">
        <v>93438</v>
      </c>
      <c r="E3278" s="2" t="s">
        <v>36301</v>
      </c>
      <c r="F3278" s="8">
        <v>317</v>
      </c>
      <c r="G3278" s="5">
        <v>6</v>
      </c>
      <c r="H3278" s="5" t="s">
        <v>1518</v>
      </c>
      <c r="I3278" s="5" t="s">
        <v>36264</v>
      </c>
      <c r="J3278" s="2" t="s">
        <v>36265</v>
      </c>
      <c r="K3278" s="5" t="s">
        <v>36264</v>
      </c>
      <c r="L3278" s="2" t="s">
        <v>36265</v>
      </c>
      <c r="M3278" s="5" t="s">
        <v>36266</v>
      </c>
      <c r="N3278" s="5" t="s">
        <v>38</v>
      </c>
      <c r="O3278" s="5" t="s">
        <v>39</v>
      </c>
      <c r="P3278" s="5" t="s">
        <v>40</v>
      </c>
      <c r="Q3278" s="5" t="s">
        <v>1522</v>
      </c>
      <c r="R3278" s="5" t="s">
        <v>1523</v>
      </c>
      <c r="S3278" s="5" t="s">
        <v>42</v>
      </c>
      <c r="T3278" s="2">
        <v>3.448</v>
      </c>
      <c r="U3278" s="2">
        <v>2.8530000000000002</v>
      </c>
      <c r="V3278" s="2">
        <v>1.7999999999999999E-2</v>
      </c>
      <c r="W3278" s="2">
        <v>139.1</v>
      </c>
      <c r="X3278" s="2">
        <v>7.6</v>
      </c>
      <c r="Y3278" s="2">
        <v>16.7</v>
      </c>
      <c r="Z3278" s="5"/>
      <c r="AA3278" s="5" t="s">
        <v>43</v>
      </c>
      <c r="AB3278" s="5" t="s">
        <v>44</v>
      </c>
      <c r="AC3278" s="2"/>
      <c r="AD3278" s="1"/>
    </row>
    <row r="3279" spans="1:30">
      <c r="A3279" s="5" t="s">
        <v>83578</v>
      </c>
      <c r="B3279" s="2" t="s">
        <v>93439</v>
      </c>
      <c r="C3279" s="14" t="s">
        <v>93440</v>
      </c>
      <c r="D3279" s="2" t="s">
        <v>93441</v>
      </c>
      <c r="E3279" s="2" t="s">
        <v>36309</v>
      </c>
      <c r="F3279" s="8">
        <v>317</v>
      </c>
      <c r="G3279" s="5">
        <v>6</v>
      </c>
      <c r="H3279" s="5" t="s">
        <v>1518</v>
      </c>
      <c r="I3279" s="5" t="s">
        <v>36264</v>
      </c>
      <c r="J3279" s="2" t="s">
        <v>36265</v>
      </c>
      <c r="K3279" s="5" t="s">
        <v>36264</v>
      </c>
      <c r="L3279" s="2" t="s">
        <v>36265</v>
      </c>
      <c r="M3279" s="5" t="s">
        <v>36266</v>
      </c>
      <c r="N3279" s="5" t="s">
        <v>38</v>
      </c>
      <c r="O3279" s="5" t="s">
        <v>39</v>
      </c>
      <c r="P3279" s="5" t="s">
        <v>40</v>
      </c>
      <c r="Q3279" s="5" t="s">
        <v>1522</v>
      </c>
      <c r="R3279" s="5" t="s">
        <v>1523</v>
      </c>
      <c r="S3279" s="5" t="s">
        <v>42</v>
      </c>
      <c r="T3279" s="2">
        <v>3.448</v>
      </c>
      <c r="U3279" s="2">
        <v>2.8530000000000002</v>
      </c>
      <c r="V3279" s="2">
        <v>1.7999999999999999E-2</v>
      </c>
      <c r="W3279" s="2">
        <v>139.1</v>
      </c>
      <c r="X3279" s="2">
        <v>7.6</v>
      </c>
      <c r="Y3279" s="2">
        <v>16.7</v>
      </c>
      <c r="Z3279" s="5"/>
      <c r="AA3279" s="5" t="s">
        <v>43</v>
      </c>
      <c r="AB3279" s="5" t="s">
        <v>44</v>
      </c>
      <c r="AC3279" s="2"/>
      <c r="AD3279" s="1"/>
    </row>
    <row r="3280" spans="1:30">
      <c r="A3280" s="5" t="s">
        <v>83578</v>
      </c>
      <c r="B3280" s="2" t="s">
        <v>93442</v>
      </c>
      <c r="C3280" s="14" t="s">
        <v>93443</v>
      </c>
      <c r="D3280" s="2" t="s">
        <v>93444</v>
      </c>
      <c r="E3280" s="2" t="s">
        <v>36313</v>
      </c>
      <c r="F3280" s="8">
        <v>345</v>
      </c>
      <c r="G3280" s="5">
        <v>6</v>
      </c>
      <c r="H3280" s="5" t="s">
        <v>1518</v>
      </c>
      <c r="I3280" s="5" t="s">
        <v>36264</v>
      </c>
      <c r="J3280" s="2" t="s">
        <v>36265</v>
      </c>
      <c r="K3280" s="5" t="s">
        <v>36264</v>
      </c>
      <c r="L3280" s="2" t="s">
        <v>36265</v>
      </c>
      <c r="M3280" s="5" t="s">
        <v>36266</v>
      </c>
      <c r="N3280" s="5" t="s">
        <v>38</v>
      </c>
      <c r="O3280" s="5" t="s">
        <v>39</v>
      </c>
      <c r="P3280" s="5" t="s">
        <v>40</v>
      </c>
      <c r="Q3280" s="5" t="s">
        <v>1522</v>
      </c>
      <c r="R3280" s="5" t="s">
        <v>1523</v>
      </c>
      <c r="S3280" s="5" t="s">
        <v>42</v>
      </c>
      <c r="T3280" s="2">
        <v>3.3380000000000001</v>
      </c>
      <c r="U3280" s="2">
        <v>2.7429999999999999</v>
      </c>
      <c r="V3280" s="2">
        <v>1.7999999999999999E-2</v>
      </c>
      <c r="W3280" s="2">
        <v>139.1</v>
      </c>
      <c r="X3280" s="2">
        <v>7.6</v>
      </c>
      <c r="Y3280" s="2">
        <v>16.7</v>
      </c>
      <c r="Z3280" s="5"/>
      <c r="AA3280" s="5" t="s">
        <v>43</v>
      </c>
      <c r="AB3280" s="5" t="s">
        <v>44</v>
      </c>
      <c r="AC3280" s="2"/>
      <c r="AD3280" s="1"/>
    </row>
    <row r="3281" spans="1:30">
      <c r="A3281" s="5" t="s">
        <v>83578</v>
      </c>
      <c r="B3281" s="2" t="s">
        <v>93445</v>
      </c>
      <c r="C3281" s="14" t="s">
        <v>93446</v>
      </c>
      <c r="D3281" s="2" t="s">
        <v>93447</v>
      </c>
      <c r="E3281" s="2" t="s">
        <v>36317</v>
      </c>
      <c r="F3281" s="8">
        <v>345</v>
      </c>
      <c r="G3281" s="5">
        <v>6</v>
      </c>
      <c r="H3281" s="5" t="s">
        <v>1518</v>
      </c>
      <c r="I3281" s="5" t="s">
        <v>36264</v>
      </c>
      <c r="J3281" s="2" t="s">
        <v>36265</v>
      </c>
      <c r="K3281" s="5" t="s">
        <v>36264</v>
      </c>
      <c r="L3281" s="2" t="s">
        <v>36265</v>
      </c>
      <c r="M3281" s="5" t="s">
        <v>36266</v>
      </c>
      <c r="N3281" s="5" t="s">
        <v>38</v>
      </c>
      <c r="O3281" s="5" t="s">
        <v>39</v>
      </c>
      <c r="P3281" s="5" t="s">
        <v>40</v>
      </c>
      <c r="Q3281" s="5" t="s">
        <v>1522</v>
      </c>
      <c r="R3281" s="5" t="s">
        <v>1523</v>
      </c>
      <c r="S3281" s="5" t="s">
        <v>42</v>
      </c>
      <c r="T3281" s="2">
        <v>3.448</v>
      </c>
      <c r="U3281" s="2">
        <v>2.8530000000000002</v>
      </c>
      <c r="V3281" s="2">
        <v>1.7999999999999999E-2</v>
      </c>
      <c r="W3281" s="2">
        <v>139.1</v>
      </c>
      <c r="X3281" s="2">
        <v>7.6</v>
      </c>
      <c r="Y3281" s="2">
        <v>16.7</v>
      </c>
      <c r="Z3281" s="5"/>
      <c r="AA3281" s="5" t="s">
        <v>43</v>
      </c>
      <c r="AB3281" s="5" t="s">
        <v>44</v>
      </c>
      <c r="AC3281" s="2"/>
      <c r="AD3281" s="1"/>
    </row>
    <row r="3282" spans="1:30">
      <c r="A3282" s="5" t="s">
        <v>83578</v>
      </c>
      <c r="B3282" s="2" t="s">
        <v>93448</v>
      </c>
      <c r="C3282" s="14" t="s">
        <v>93449</v>
      </c>
      <c r="D3282" s="2" t="s">
        <v>93450</v>
      </c>
      <c r="E3282" s="2" t="s">
        <v>36321</v>
      </c>
      <c r="F3282" s="8">
        <v>345</v>
      </c>
      <c r="G3282" s="5">
        <v>6</v>
      </c>
      <c r="H3282" s="5" t="s">
        <v>1518</v>
      </c>
      <c r="I3282" s="5" t="s">
        <v>36264</v>
      </c>
      <c r="J3282" s="2" t="s">
        <v>36265</v>
      </c>
      <c r="K3282" s="5" t="s">
        <v>36264</v>
      </c>
      <c r="L3282" s="2" t="s">
        <v>36265</v>
      </c>
      <c r="M3282" s="5" t="s">
        <v>36266</v>
      </c>
      <c r="N3282" s="5" t="s">
        <v>38</v>
      </c>
      <c r="O3282" s="5" t="s">
        <v>39</v>
      </c>
      <c r="P3282" s="5" t="s">
        <v>40</v>
      </c>
      <c r="Q3282" s="5" t="s">
        <v>1522</v>
      </c>
      <c r="R3282" s="5" t="s">
        <v>1523</v>
      </c>
      <c r="S3282" s="5" t="s">
        <v>42</v>
      </c>
      <c r="T3282" s="2">
        <v>3.3380000000000001</v>
      </c>
      <c r="U3282" s="2">
        <v>2.7429999999999999</v>
      </c>
      <c r="V3282" s="2">
        <v>1.7999999999999999E-2</v>
      </c>
      <c r="W3282" s="2">
        <v>139.1</v>
      </c>
      <c r="X3282" s="2">
        <v>7.6</v>
      </c>
      <c r="Y3282" s="2">
        <v>16.7</v>
      </c>
      <c r="Z3282" s="5"/>
      <c r="AA3282" s="5" t="s">
        <v>43</v>
      </c>
      <c r="AB3282" s="5" t="s">
        <v>44</v>
      </c>
      <c r="AC3282" s="2"/>
      <c r="AD3282" s="1"/>
    </row>
    <row r="3283" spans="1:30">
      <c r="A3283" s="5" t="s">
        <v>83578</v>
      </c>
      <c r="B3283" s="2" t="s">
        <v>93451</v>
      </c>
      <c r="C3283" s="14" t="s">
        <v>93452</v>
      </c>
      <c r="D3283" s="2" t="s">
        <v>93453</v>
      </c>
      <c r="E3283" s="2" t="s">
        <v>36325</v>
      </c>
      <c r="F3283" s="8">
        <v>345</v>
      </c>
      <c r="G3283" s="5">
        <v>6</v>
      </c>
      <c r="H3283" s="5" t="s">
        <v>1518</v>
      </c>
      <c r="I3283" s="5" t="s">
        <v>36264</v>
      </c>
      <c r="J3283" s="2" t="s">
        <v>36265</v>
      </c>
      <c r="K3283" s="5" t="s">
        <v>36264</v>
      </c>
      <c r="L3283" s="2" t="s">
        <v>36265</v>
      </c>
      <c r="M3283" s="5" t="s">
        <v>36266</v>
      </c>
      <c r="N3283" s="5" t="s">
        <v>38</v>
      </c>
      <c r="O3283" s="5" t="s">
        <v>39</v>
      </c>
      <c r="P3283" s="5" t="s">
        <v>40</v>
      </c>
      <c r="Q3283" s="5" t="s">
        <v>1522</v>
      </c>
      <c r="R3283" s="5" t="s">
        <v>1523</v>
      </c>
      <c r="S3283" s="5" t="s">
        <v>42</v>
      </c>
      <c r="T3283" s="2">
        <v>3.448</v>
      </c>
      <c r="U3283" s="2">
        <v>2.8530000000000002</v>
      </c>
      <c r="V3283" s="2">
        <v>1.7999999999999999E-2</v>
      </c>
      <c r="W3283" s="2">
        <v>139.1</v>
      </c>
      <c r="X3283" s="2">
        <v>7.6</v>
      </c>
      <c r="Y3283" s="2">
        <v>16.7</v>
      </c>
      <c r="Z3283" s="5"/>
      <c r="AA3283" s="5" t="s">
        <v>43</v>
      </c>
      <c r="AB3283" s="5" t="s">
        <v>44</v>
      </c>
      <c r="AC3283" s="2"/>
      <c r="AD3283" s="1"/>
    </row>
    <row r="3284" spans="1:30">
      <c r="A3284" s="5" t="s">
        <v>83578</v>
      </c>
      <c r="B3284" s="2" t="s">
        <v>93454</v>
      </c>
      <c r="C3284" s="14" t="s">
        <v>93455</v>
      </c>
      <c r="D3284" s="2" t="s">
        <v>93456</v>
      </c>
      <c r="E3284" s="2" t="s">
        <v>36329</v>
      </c>
      <c r="F3284" s="8">
        <v>345</v>
      </c>
      <c r="G3284" s="5">
        <v>6</v>
      </c>
      <c r="H3284" s="5" t="s">
        <v>1518</v>
      </c>
      <c r="I3284" s="5" t="s">
        <v>36264</v>
      </c>
      <c r="J3284" s="2" t="s">
        <v>36265</v>
      </c>
      <c r="K3284" s="5" t="s">
        <v>36264</v>
      </c>
      <c r="L3284" s="2" t="s">
        <v>36265</v>
      </c>
      <c r="M3284" s="5" t="s">
        <v>36266</v>
      </c>
      <c r="N3284" s="5" t="s">
        <v>38</v>
      </c>
      <c r="O3284" s="5" t="s">
        <v>39</v>
      </c>
      <c r="P3284" s="5" t="s">
        <v>40</v>
      </c>
      <c r="Q3284" s="5" t="s">
        <v>1522</v>
      </c>
      <c r="R3284" s="5" t="s">
        <v>1523</v>
      </c>
      <c r="S3284" s="5" t="s">
        <v>42</v>
      </c>
      <c r="T3284" s="2">
        <v>3.3380000000000001</v>
      </c>
      <c r="U3284" s="2">
        <v>2.7429999999999999</v>
      </c>
      <c r="V3284" s="2">
        <v>1.7999999999999999E-2</v>
      </c>
      <c r="W3284" s="2">
        <v>139.1</v>
      </c>
      <c r="X3284" s="2">
        <v>7.6</v>
      </c>
      <c r="Y3284" s="2">
        <v>16.7</v>
      </c>
      <c r="Z3284" s="5"/>
      <c r="AA3284" s="5" t="s">
        <v>43</v>
      </c>
      <c r="AB3284" s="5" t="s">
        <v>44</v>
      </c>
      <c r="AC3284" s="2"/>
      <c r="AD3284" s="1"/>
    </row>
    <row r="3285" spans="1:30">
      <c r="A3285" s="5" t="s">
        <v>83578</v>
      </c>
      <c r="B3285" s="2" t="s">
        <v>93457</v>
      </c>
      <c r="C3285" s="14" t="s">
        <v>93458</v>
      </c>
      <c r="D3285" s="2" t="s">
        <v>93459</v>
      </c>
      <c r="E3285" s="2" t="s">
        <v>36337</v>
      </c>
      <c r="F3285" s="8">
        <v>345</v>
      </c>
      <c r="G3285" s="5">
        <v>6</v>
      </c>
      <c r="H3285" s="5" t="s">
        <v>1518</v>
      </c>
      <c r="I3285" s="5" t="s">
        <v>36264</v>
      </c>
      <c r="J3285" s="2" t="s">
        <v>36265</v>
      </c>
      <c r="K3285" s="5" t="s">
        <v>36264</v>
      </c>
      <c r="L3285" s="2" t="s">
        <v>36265</v>
      </c>
      <c r="M3285" s="5" t="s">
        <v>36266</v>
      </c>
      <c r="N3285" s="5" t="s">
        <v>38</v>
      </c>
      <c r="O3285" s="5" t="s">
        <v>39</v>
      </c>
      <c r="P3285" s="5" t="s">
        <v>40</v>
      </c>
      <c r="Q3285" s="5" t="s">
        <v>1522</v>
      </c>
      <c r="R3285" s="5" t="s">
        <v>1523</v>
      </c>
      <c r="S3285" s="5" t="s">
        <v>42</v>
      </c>
      <c r="T3285" s="2">
        <v>3.3380000000000001</v>
      </c>
      <c r="U3285" s="2">
        <v>2.7429999999999999</v>
      </c>
      <c r="V3285" s="2">
        <v>1.7999999999999999E-2</v>
      </c>
      <c r="W3285" s="2">
        <v>139.1</v>
      </c>
      <c r="X3285" s="2">
        <v>7.6</v>
      </c>
      <c r="Y3285" s="2">
        <v>16.7</v>
      </c>
      <c r="Z3285" s="5"/>
      <c r="AA3285" s="5" t="s">
        <v>43</v>
      </c>
      <c r="AB3285" s="5" t="s">
        <v>44</v>
      </c>
      <c r="AC3285" s="2"/>
      <c r="AD3285" s="1"/>
    </row>
    <row r="3286" spans="1:30">
      <c r="A3286" s="5" t="s">
        <v>83578</v>
      </c>
      <c r="B3286" s="2" t="s">
        <v>93460</v>
      </c>
      <c r="C3286" s="14" t="s">
        <v>93461</v>
      </c>
      <c r="D3286" s="2" t="s">
        <v>93462</v>
      </c>
      <c r="E3286" s="2" t="s">
        <v>36341</v>
      </c>
      <c r="F3286" s="8">
        <v>345</v>
      </c>
      <c r="G3286" s="5">
        <v>6</v>
      </c>
      <c r="H3286" s="5" t="s">
        <v>1518</v>
      </c>
      <c r="I3286" s="5" t="s">
        <v>36264</v>
      </c>
      <c r="J3286" s="2" t="s">
        <v>36265</v>
      </c>
      <c r="K3286" s="5" t="s">
        <v>36264</v>
      </c>
      <c r="L3286" s="2" t="s">
        <v>36265</v>
      </c>
      <c r="M3286" s="5" t="s">
        <v>36266</v>
      </c>
      <c r="N3286" s="5" t="s">
        <v>38</v>
      </c>
      <c r="O3286" s="5" t="s">
        <v>39</v>
      </c>
      <c r="P3286" s="5" t="s">
        <v>40</v>
      </c>
      <c r="Q3286" s="5" t="s">
        <v>1522</v>
      </c>
      <c r="R3286" s="5" t="s">
        <v>1523</v>
      </c>
      <c r="S3286" s="5" t="s">
        <v>42</v>
      </c>
      <c r="T3286" s="2">
        <v>3.448</v>
      </c>
      <c r="U3286" s="2">
        <v>2.8530000000000002</v>
      </c>
      <c r="V3286" s="2">
        <v>1.7999999999999999E-2</v>
      </c>
      <c r="W3286" s="2">
        <v>139.1</v>
      </c>
      <c r="X3286" s="2">
        <v>7.6</v>
      </c>
      <c r="Y3286" s="2">
        <v>16.7</v>
      </c>
      <c r="Z3286" s="5"/>
      <c r="AA3286" s="5" t="s">
        <v>43</v>
      </c>
      <c r="AB3286" s="5" t="s">
        <v>44</v>
      </c>
      <c r="AC3286" s="2"/>
      <c r="AD3286" s="1"/>
    </row>
    <row r="3287" spans="1:30">
      <c r="A3287" s="5" t="s">
        <v>83578</v>
      </c>
      <c r="B3287" s="2" t="s">
        <v>93463</v>
      </c>
      <c r="C3287" s="14" t="s">
        <v>93464</v>
      </c>
      <c r="D3287" s="2" t="s">
        <v>93465</v>
      </c>
      <c r="E3287" s="2" t="s">
        <v>36345</v>
      </c>
      <c r="F3287" s="8">
        <v>345</v>
      </c>
      <c r="G3287" s="5">
        <v>6</v>
      </c>
      <c r="H3287" s="5" t="s">
        <v>1518</v>
      </c>
      <c r="I3287" s="5" t="s">
        <v>36264</v>
      </c>
      <c r="J3287" s="2" t="s">
        <v>36265</v>
      </c>
      <c r="K3287" s="5" t="s">
        <v>36264</v>
      </c>
      <c r="L3287" s="2" t="s">
        <v>36265</v>
      </c>
      <c r="M3287" s="5" t="s">
        <v>36266</v>
      </c>
      <c r="N3287" s="5" t="s">
        <v>38</v>
      </c>
      <c r="O3287" s="5" t="s">
        <v>39</v>
      </c>
      <c r="P3287" s="5" t="s">
        <v>40</v>
      </c>
      <c r="Q3287" s="5" t="s">
        <v>1522</v>
      </c>
      <c r="R3287" s="5" t="s">
        <v>1523</v>
      </c>
      <c r="S3287" s="5" t="s">
        <v>42</v>
      </c>
      <c r="T3287" s="2">
        <v>3.3380000000000001</v>
      </c>
      <c r="U3287" s="2">
        <v>2.7429999999999999</v>
      </c>
      <c r="V3287" s="2">
        <v>1.7999999999999999E-2</v>
      </c>
      <c r="W3287" s="2">
        <v>139.1</v>
      </c>
      <c r="X3287" s="2">
        <v>7.6</v>
      </c>
      <c r="Y3287" s="2">
        <v>16.7</v>
      </c>
      <c r="Z3287" s="5"/>
      <c r="AA3287" s="5" t="s">
        <v>43</v>
      </c>
      <c r="AB3287" s="5" t="s">
        <v>44</v>
      </c>
      <c r="AC3287" s="2"/>
      <c r="AD3287" s="1"/>
    </row>
    <row r="3288" spans="1:30">
      <c r="A3288" s="5" t="s">
        <v>83578</v>
      </c>
      <c r="B3288" s="2" t="s">
        <v>93466</v>
      </c>
      <c r="C3288" s="14" t="s">
        <v>93467</v>
      </c>
      <c r="D3288" s="2" t="s">
        <v>93468</v>
      </c>
      <c r="E3288" s="2" t="s">
        <v>36349</v>
      </c>
      <c r="F3288" s="8">
        <v>345</v>
      </c>
      <c r="G3288" s="5">
        <v>6</v>
      </c>
      <c r="H3288" s="5" t="s">
        <v>1518</v>
      </c>
      <c r="I3288" s="5" t="s">
        <v>36264</v>
      </c>
      <c r="J3288" s="2" t="s">
        <v>36265</v>
      </c>
      <c r="K3288" s="5" t="s">
        <v>36264</v>
      </c>
      <c r="L3288" s="2" t="s">
        <v>36265</v>
      </c>
      <c r="M3288" s="5" t="s">
        <v>36266</v>
      </c>
      <c r="N3288" s="5" t="s">
        <v>38</v>
      </c>
      <c r="O3288" s="5" t="s">
        <v>39</v>
      </c>
      <c r="P3288" s="5" t="s">
        <v>40</v>
      </c>
      <c r="Q3288" s="5" t="s">
        <v>1522</v>
      </c>
      <c r="R3288" s="5" t="s">
        <v>1523</v>
      </c>
      <c r="S3288" s="5" t="s">
        <v>42</v>
      </c>
      <c r="T3288" s="2">
        <v>3.448</v>
      </c>
      <c r="U3288" s="2">
        <v>2.8530000000000002</v>
      </c>
      <c r="V3288" s="2">
        <v>1.7999999999999999E-2</v>
      </c>
      <c r="W3288" s="2">
        <v>139.1</v>
      </c>
      <c r="X3288" s="2">
        <v>7.6</v>
      </c>
      <c r="Y3288" s="2">
        <v>16.7</v>
      </c>
      <c r="Z3288" s="5"/>
      <c r="AA3288" s="5" t="s">
        <v>43</v>
      </c>
      <c r="AB3288" s="5" t="s">
        <v>44</v>
      </c>
      <c r="AC3288" s="2"/>
      <c r="AD3288" s="1"/>
    </row>
    <row r="3289" spans="1:30">
      <c r="A3289" s="5" t="s">
        <v>83578</v>
      </c>
      <c r="B3289" s="2" t="s">
        <v>93469</v>
      </c>
      <c r="C3289" s="14" t="s">
        <v>93470</v>
      </c>
      <c r="D3289" s="2" t="s">
        <v>93471</v>
      </c>
      <c r="E3289" s="2" t="s">
        <v>36353</v>
      </c>
      <c r="F3289" s="8">
        <v>345</v>
      </c>
      <c r="G3289" s="5">
        <v>6</v>
      </c>
      <c r="H3289" s="5" t="s">
        <v>1518</v>
      </c>
      <c r="I3289" s="5" t="s">
        <v>36264</v>
      </c>
      <c r="J3289" s="2" t="s">
        <v>36265</v>
      </c>
      <c r="K3289" s="5" t="s">
        <v>36264</v>
      </c>
      <c r="L3289" s="2" t="s">
        <v>36265</v>
      </c>
      <c r="M3289" s="5" t="s">
        <v>36266</v>
      </c>
      <c r="N3289" s="5" t="s">
        <v>38</v>
      </c>
      <c r="O3289" s="5" t="s">
        <v>39</v>
      </c>
      <c r="P3289" s="5" t="s">
        <v>40</v>
      </c>
      <c r="Q3289" s="5" t="s">
        <v>1522</v>
      </c>
      <c r="R3289" s="5" t="s">
        <v>1523</v>
      </c>
      <c r="S3289" s="5" t="s">
        <v>42</v>
      </c>
      <c r="T3289" s="2">
        <v>3.3380000000000001</v>
      </c>
      <c r="U3289" s="2">
        <v>2.7429999999999999</v>
      </c>
      <c r="V3289" s="2">
        <v>1.7999999999999999E-2</v>
      </c>
      <c r="W3289" s="2">
        <v>139.1</v>
      </c>
      <c r="X3289" s="2">
        <v>7.6</v>
      </c>
      <c r="Y3289" s="2">
        <v>16.7</v>
      </c>
      <c r="Z3289" s="5"/>
      <c r="AA3289" s="5" t="s">
        <v>43</v>
      </c>
      <c r="AB3289" s="5" t="s">
        <v>44</v>
      </c>
      <c r="AC3289" s="2"/>
      <c r="AD3289" s="1"/>
    </row>
    <row r="3290" spans="1:30">
      <c r="A3290" s="5" t="s">
        <v>83578</v>
      </c>
      <c r="B3290" s="2" t="s">
        <v>93472</v>
      </c>
      <c r="C3290" s="14" t="s">
        <v>93473</v>
      </c>
      <c r="D3290" s="2" t="s">
        <v>93474</v>
      </c>
      <c r="E3290" s="2" t="s">
        <v>36357</v>
      </c>
      <c r="F3290" s="8">
        <v>345</v>
      </c>
      <c r="G3290" s="5">
        <v>6</v>
      </c>
      <c r="H3290" s="5" t="s">
        <v>1518</v>
      </c>
      <c r="I3290" s="5" t="s">
        <v>36264</v>
      </c>
      <c r="J3290" s="2" t="s">
        <v>36265</v>
      </c>
      <c r="K3290" s="5" t="s">
        <v>36264</v>
      </c>
      <c r="L3290" s="2" t="s">
        <v>36265</v>
      </c>
      <c r="M3290" s="5" t="s">
        <v>36266</v>
      </c>
      <c r="N3290" s="5" t="s">
        <v>38</v>
      </c>
      <c r="O3290" s="5" t="s">
        <v>39</v>
      </c>
      <c r="P3290" s="5" t="s">
        <v>40</v>
      </c>
      <c r="Q3290" s="5" t="s">
        <v>1522</v>
      </c>
      <c r="R3290" s="5" t="s">
        <v>1523</v>
      </c>
      <c r="S3290" s="5" t="s">
        <v>42</v>
      </c>
      <c r="T3290" s="2">
        <v>3.448</v>
      </c>
      <c r="U3290" s="2">
        <v>2.8530000000000002</v>
      </c>
      <c r="V3290" s="2">
        <v>1.7999999999999999E-2</v>
      </c>
      <c r="W3290" s="2">
        <v>139.1</v>
      </c>
      <c r="X3290" s="2">
        <v>7.6</v>
      </c>
      <c r="Y3290" s="2">
        <v>16.7</v>
      </c>
      <c r="Z3290" s="5"/>
      <c r="AA3290" s="5" t="s">
        <v>43</v>
      </c>
      <c r="AB3290" s="5" t="s">
        <v>44</v>
      </c>
      <c r="AC3290" s="2"/>
      <c r="AD3290" s="1"/>
    </row>
    <row r="3291" spans="1:30">
      <c r="A3291" s="5" t="s">
        <v>83578</v>
      </c>
      <c r="B3291" s="2" t="s">
        <v>93475</v>
      </c>
      <c r="C3291" s="14" t="s">
        <v>93476</v>
      </c>
      <c r="D3291" s="2" t="s">
        <v>93477</v>
      </c>
      <c r="E3291" s="2" t="s">
        <v>45598</v>
      </c>
      <c r="F3291" s="8">
        <v>345</v>
      </c>
      <c r="G3291" s="5">
        <v>6</v>
      </c>
      <c r="H3291" s="5" t="s">
        <v>1518</v>
      </c>
      <c r="I3291" s="5" t="s">
        <v>36264</v>
      </c>
      <c r="J3291" s="2" t="s">
        <v>36265</v>
      </c>
      <c r="K3291" s="5" t="s">
        <v>36264</v>
      </c>
      <c r="L3291" s="2" t="s">
        <v>36265</v>
      </c>
      <c r="M3291" s="5" t="s">
        <v>36266</v>
      </c>
      <c r="N3291" s="5" t="s">
        <v>38</v>
      </c>
      <c r="O3291" s="5" t="s">
        <v>39</v>
      </c>
      <c r="P3291" s="5" t="s">
        <v>40</v>
      </c>
      <c r="Q3291" s="5" t="s">
        <v>1522</v>
      </c>
      <c r="R3291" s="5" t="s">
        <v>1523</v>
      </c>
      <c r="S3291" s="5" t="s">
        <v>42</v>
      </c>
      <c r="T3291" s="2">
        <v>3.3380000000000001</v>
      </c>
      <c r="U3291" s="2">
        <v>2.7429999999999999</v>
      </c>
      <c r="V3291" s="2">
        <v>1.7999999999999999E-2</v>
      </c>
      <c r="W3291" s="2">
        <v>139.1</v>
      </c>
      <c r="X3291" s="2">
        <v>7.6</v>
      </c>
      <c r="Y3291" s="2">
        <v>16.7</v>
      </c>
      <c r="Z3291" s="5"/>
      <c r="AA3291" s="5" t="s">
        <v>43</v>
      </c>
      <c r="AB3291" s="5" t="s">
        <v>44</v>
      </c>
      <c r="AC3291" s="2"/>
      <c r="AD3291" s="1"/>
    </row>
    <row r="3292" spans="1:30">
      <c r="A3292" s="5" t="s">
        <v>83578</v>
      </c>
      <c r="B3292" s="2" t="s">
        <v>93478</v>
      </c>
      <c r="C3292" s="14" t="s">
        <v>93479</v>
      </c>
      <c r="D3292" s="2" t="s">
        <v>93480</v>
      </c>
      <c r="E3292" s="2" t="s">
        <v>45534</v>
      </c>
      <c r="F3292" s="8">
        <v>345</v>
      </c>
      <c r="G3292" s="5">
        <v>6</v>
      </c>
      <c r="H3292" s="5" t="s">
        <v>1518</v>
      </c>
      <c r="I3292" s="5" t="s">
        <v>36264</v>
      </c>
      <c r="J3292" s="2" t="s">
        <v>36265</v>
      </c>
      <c r="K3292" s="5" t="s">
        <v>36264</v>
      </c>
      <c r="L3292" s="2" t="s">
        <v>36265</v>
      </c>
      <c r="M3292" s="5" t="s">
        <v>36266</v>
      </c>
      <c r="N3292" s="5" t="s">
        <v>38</v>
      </c>
      <c r="O3292" s="5" t="s">
        <v>39</v>
      </c>
      <c r="P3292" s="5" t="s">
        <v>40</v>
      </c>
      <c r="Q3292" s="5" t="s">
        <v>1522</v>
      </c>
      <c r="R3292" s="5" t="s">
        <v>1523</v>
      </c>
      <c r="S3292" s="5" t="s">
        <v>42</v>
      </c>
      <c r="T3292" s="2">
        <v>3.448</v>
      </c>
      <c r="U3292" s="2">
        <v>2.8530000000000002</v>
      </c>
      <c r="V3292" s="2">
        <v>1.7999999999999999E-2</v>
      </c>
      <c r="W3292" s="2">
        <v>139.1</v>
      </c>
      <c r="X3292" s="2">
        <v>7.6</v>
      </c>
      <c r="Y3292" s="2">
        <v>16.7</v>
      </c>
      <c r="Z3292" s="5"/>
      <c r="AA3292" s="5" t="s">
        <v>43</v>
      </c>
      <c r="AB3292" s="5" t="s">
        <v>44</v>
      </c>
      <c r="AC3292" s="2"/>
      <c r="AD3292" s="1"/>
    </row>
    <row r="3293" spans="1:30">
      <c r="A3293" s="5" t="s">
        <v>83578</v>
      </c>
      <c r="B3293" s="2" t="s">
        <v>93481</v>
      </c>
      <c r="C3293" s="14" t="s">
        <v>93482</v>
      </c>
      <c r="D3293" s="2" t="s">
        <v>93483</v>
      </c>
      <c r="E3293" s="2" t="s">
        <v>36373</v>
      </c>
      <c r="F3293" s="8">
        <v>345</v>
      </c>
      <c r="G3293" s="5">
        <v>6</v>
      </c>
      <c r="H3293" s="5" t="s">
        <v>1518</v>
      </c>
      <c r="I3293" s="5" t="s">
        <v>36264</v>
      </c>
      <c r="J3293" s="2" t="s">
        <v>36265</v>
      </c>
      <c r="K3293" s="5" t="s">
        <v>36264</v>
      </c>
      <c r="L3293" s="2" t="s">
        <v>36265</v>
      </c>
      <c r="M3293" s="5" t="s">
        <v>36266</v>
      </c>
      <c r="N3293" s="5" t="s">
        <v>38</v>
      </c>
      <c r="O3293" s="5" t="s">
        <v>39</v>
      </c>
      <c r="P3293" s="5" t="s">
        <v>40</v>
      </c>
      <c r="Q3293" s="5" t="s">
        <v>1522</v>
      </c>
      <c r="R3293" s="5" t="s">
        <v>1523</v>
      </c>
      <c r="S3293" s="5" t="s">
        <v>42</v>
      </c>
      <c r="T3293" s="2">
        <v>3.448</v>
      </c>
      <c r="U3293" s="2">
        <v>2.8530000000000002</v>
      </c>
      <c r="V3293" s="2">
        <v>1.7999999999999999E-2</v>
      </c>
      <c r="W3293" s="2">
        <v>139.1</v>
      </c>
      <c r="X3293" s="2">
        <v>7.6</v>
      </c>
      <c r="Y3293" s="2">
        <v>16.7</v>
      </c>
      <c r="Z3293" s="5"/>
      <c r="AA3293" s="5" t="s">
        <v>43</v>
      </c>
      <c r="AB3293" s="5" t="s">
        <v>44</v>
      </c>
      <c r="AC3293" s="2"/>
      <c r="AD3293" s="1"/>
    </row>
    <row r="3294" spans="1:30">
      <c r="A3294" s="5" t="s">
        <v>83578</v>
      </c>
      <c r="B3294" s="2" t="s">
        <v>93484</v>
      </c>
      <c r="C3294" s="14" t="s">
        <v>93485</v>
      </c>
      <c r="D3294" s="2" t="s">
        <v>93486</v>
      </c>
      <c r="E3294" s="2" t="s">
        <v>36377</v>
      </c>
      <c r="F3294" s="8">
        <v>345</v>
      </c>
      <c r="G3294" s="5">
        <v>6</v>
      </c>
      <c r="H3294" s="5" t="s">
        <v>1518</v>
      </c>
      <c r="I3294" s="5" t="s">
        <v>36264</v>
      </c>
      <c r="J3294" s="2" t="s">
        <v>36265</v>
      </c>
      <c r="K3294" s="5" t="s">
        <v>36264</v>
      </c>
      <c r="L3294" s="2" t="s">
        <v>36265</v>
      </c>
      <c r="M3294" s="5" t="s">
        <v>36266</v>
      </c>
      <c r="N3294" s="5" t="s">
        <v>38</v>
      </c>
      <c r="O3294" s="5" t="s">
        <v>39</v>
      </c>
      <c r="P3294" s="5" t="s">
        <v>40</v>
      </c>
      <c r="Q3294" s="5" t="s">
        <v>1522</v>
      </c>
      <c r="R3294" s="5" t="s">
        <v>1523</v>
      </c>
      <c r="S3294" s="5" t="s">
        <v>42</v>
      </c>
      <c r="T3294" s="2">
        <v>3.3380000000000001</v>
      </c>
      <c r="U3294" s="2">
        <v>2.7429999999999999</v>
      </c>
      <c r="V3294" s="2">
        <v>1.7999999999999999E-2</v>
      </c>
      <c r="W3294" s="2">
        <v>139.1</v>
      </c>
      <c r="X3294" s="2">
        <v>7.6</v>
      </c>
      <c r="Y3294" s="2">
        <v>16.7</v>
      </c>
      <c r="Z3294" s="5"/>
      <c r="AA3294" s="5" t="s">
        <v>43</v>
      </c>
      <c r="AB3294" s="5" t="s">
        <v>44</v>
      </c>
      <c r="AC3294" s="2"/>
      <c r="AD3294" s="1"/>
    </row>
    <row r="3295" spans="1:30">
      <c r="A3295" s="5" t="s">
        <v>83578</v>
      </c>
      <c r="B3295" s="2" t="s">
        <v>93487</v>
      </c>
      <c r="C3295" s="14" t="s">
        <v>93488</v>
      </c>
      <c r="D3295" s="2" t="s">
        <v>93489</v>
      </c>
      <c r="E3295" s="2" t="s">
        <v>36381</v>
      </c>
      <c r="F3295" s="8">
        <v>345</v>
      </c>
      <c r="G3295" s="5">
        <v>6</v>
      </c>
      <c r="H3295" s="5" t="s">
        <v>1518</v>
      </c>
      <c r="I3295" s="5" t="s">
        <v>36264</v>
      </c>
      <c r="J3295" s="2" t="s">
        <v>36265</v>
      </c>
      <c r="K3295" s="5" t="s">
        <v>36264</v>
      </c>
      <c r="L3295" s="2" t="s">
        <v>36265</v>
      </c>
      <c r="M3295" s="5" t="s">
        <v>36266</v>
      </c>
      <c r="N3295" s="5" t="s">
        <v>38</v>
      </c>
      <c r="O3295" s="5" t="s">
        <v>39</v>
      </c>
      <c r="P3295" s="5" t="s">
        <v>40</v>
      </c>
      <c r="Q3295" s="5" t="s">
        <v>1522</v>
      </c>
      <c r="R3295" s="5" t="s">
        <v>1523</v>
      </c>
      <c r="S3295" s="5" t="s">
        <v>42</v>
      </c>
      <c r="T3295" s="2">
        <v>3.448</v>
      </c>
      <c r="U3295" s="2">
        <v>2.8530000000000002</v>
      </c>
      <c r="V3295" s="2">
        <v>1.7999999999999999E-2</v>
      </c>
      <c r="W3295" s="2">
        <v>139.1</v>
      </c>
      <c r="X3295" s="2">
        <v>7.6</v>
      </c>
      <c r="Y3295" s="2">
        <v>16.7</v>
      </c>
      <c r="Z3295" s="5"/>
      <c r="AA3295" s="5" t="s">
        <v>43</v>
      </c>
      <c r="AB3295" s="5" t="s">
        <v>44</v>
      </c>
      <c r="AC3295" s="2"/>
      <c r="AD3295" s="1"/>
    </row>
    <row r="3296" spans="1:30">
      <c r="A3296" s="5" t="s">
        <v>83578</v>
      </c>
      <c r="B3296" s="2" t="s">
        <v>93490</v>
      </c>
      <c r="C3296" s="14" t="s">
        <v>93491</v>
      </c>
      <c r="D3296" s="2" t="s">
        <v>93492</v>
      </c>
      <c r="E3296" s="2" t="s">
        <v>36385</v>
      </c>
      <c r="F3296" s="8">
        <v>345</v>
      </c>
      <c r="G3296" s="5">
        <v>6</v>
      </c>
      <c r="H3296" s="5" t="s">
        <v>1518</v>
      </c>
      <c r="I3296" s="5" t="s">
        <v>36264</v>
      </c>
      <c r="J3296" s="2" t="s">
        <v>36265</v>
      </c>
      <c r="K3296" s="5" t="s">
        <v>36264</v>
      </c>
      <c r="L3296" s="2" t="s">
        <v>36265</v>
      </c>
      <c r="M3296" s="5" t="s">
        <v>36266</v>
      </c>
      <c r="N3296" s="5" t="s">
        <v>38</v>
      </c>
      <c r="O3296" s="5" t="s">
        <v>39</v>
      </c>
      <c r="P3296" s="5" t="s">
        <v>40</v>
      </c>
      <c r="Q3296" s="5" t="s">
        <v>1522</v>
      </c>
      <c r="R3296" s="5" t="s">
        <v>1523</v>
      </c>
      <c r="S3296" s="5" t="s">
        <v>42</v>
      </c>
      <c r="T3296" s="2">
        <v>3.3380000000000001</v>
      </c>
      <c r="U3296" s="2">
        <v>2.7429999999999999</v>
      </c>
      <c r="V3296" s="2">
        <v>1.7999999999999999E-2</v>
      </c>
      <c r="W3296" s="2">
        <v>139.1</v>
      </c>
      <c r="X3296" s="2">
        <v>7.6</v>
      </c>
      <c r="Y3296" s="2">
        <v>16.7</v>
      </c>
      <c r="Z3296" s="5"/>
      <c r="AA3296" s="5" t="s">
        <v>43</v>
      </c>
      <c r="AB3296" s="5" t="s">
        <v>44</v>
      </c>
      <c r="AC3296" s="2"/>
      <c r="AD3296" s="1"/>
    </row>
    <row r="3297" spans="1:30">
      <c r="A3297" s="5" t="s">
        <v>83578</v>
      </c>
      <c r="B3297" s="2" t="s">
        <v>93493</v>
      </c>
      <c r="C3297" s="14" t="s">
        <v>93494</v>
      </c>
      <c r="D3297" s="2" t="s">
        <v>93495</v>
      </c>
      <c r="E3297" s="2" t="s">
        <v>36389</v>
      </c>
      <c r="F3297" s="8">
        <v>345</v>
      </c>
      <c r="G3297" s="5">
        <v>6</v>
      </c>
      <c r="H3297" s="5" t="s">
        <v>1518</v>
      </c>
      <c r="I3297" s="5" t="s">
        <v>36264</v>
      </c>
      <c r="J3297" s="2" t="s">
        <v>36265</v>
      </c>
      <c r="K3297" s="5" t="s">
        <v>36264</v>
      </c>
      <c r="L3297" s="2" t="s">
        <v>36265</v>
      </c>
      <c r="M3297" s="5" t="s">
        <v>36266</v>
      </c>
      <c r="N3297" s="5" t="s">
        <v>38</v>
      </c>
      <c r="O3297" s="5" t="s">
        <v>39</v>
      </c>
      <c r="P3297" s="5" t="s">
        <v>40</v>
      </c>
      <c r="Q3297" s="5" t="s">
        <v>1522</v>
      </c>
      <c r="R3297" s="5" t="s">
        <v>1523</v>
      </c>
      <c r="S3297" s="5" t="s">
        <v>42</v>
      </c>
      <c r="T3297" s="2">
        <v>3.448</v>
      </c>
      <c r="U3297" s="2">
        <v>2.8530000000000002</v>
      </c>
      <c r="V3297" s="2">
        <v>1.7999999999999999E-2</v>
      </c>
      <c r="W3297" s="2">
        <v>139.1</v>
      </c>
      <c r="X3297" s="2">
        <v>7.6</v>
      </c>
      <c r="Y3297" s="2">
        <v>16.7</v>
      </c>
      <c r="Z3297" s="5"/>
      <c r="AA3297" s="5" t="s">
        <v>43</v>
      </c>
      <c r="AB3297" s="5" t="s">
        <v>44</v>
      </c>
      <c r="AC3297" s="2"/>
      <c r="AD3297" s="1"/>
    </row>
    <row r="3298" spans="1:30">
      <c r="A3298" s="5" t="s">
        <v>83578</v>
      </c>
      <c r="B3298" s="2" t="s">
        <v>93496</v>
      </c>
      <c r="C3298" s="14" t="s">
        <v>93497</v>
      </c>
      <c r="D3298" s="2" t="s">
        <v>93498</v>
      </c>
      <c r="E3298" s="2" t="s">
        <v>36281</v>
      </c>
      <c r="F3298" s="8">
        <v>314</v>
      </c>
      <c r="G3298" s="5">
        <v>6</v>
      </c>
      <c r="H3298" s="5" t="s">
        <v>1518</v>
      </c>
      <c r="I3298" s="5" t="s">
        <v>36264</v>
      </c>
      <c r="J3298" s="2" t="s">
        <v>36265</v>
      </c>
      <c r="K3298" s="5" t="s">
        <v>36264</v>
      </c>
      <c r="L3298" s="2" t="s">
        <v>36265</v>
      </c>
      <c r="M3298" s="5" t="s">
        <v>36266</v>
      </c>
      <c r="N3298" s="5" t="s">
        <v>38</v>
      </c>
      <c r="O3298" s="5" t="s">
        <v>39</v>
      </c>
      <c r="P3298" s="5" t="s">
        <v>40</v>
      </c>
      <c r="Q3298" s="5" t="s">
        <v>1522</v>
      </c>
      <c r="R3298" s="5" t="s">
        <v>1523</v>
      </c>
      <c r="S3298" s="5" t="s">
        <v>42</v>
      </c>
      <c r="T3298" s="2">
        <v>2.9460000000000002</v>
      </c>
      <c r="U3298" s="2">
        <v>2.4220000000000002</v>
      </c>
      <c r="V3298" s="2">
        <v>1.4999999999999999E-2</v>
      </c>
      <c r="W3298" s="2">
        <v>118.9</v>
      </c>
      <c r="X3298" s="2">
        <v>7.6</v>
      </c>
      <c r="Y3298" s="2">
        <v>16.7</v>
      </c>
      <c r="Z3298" s="5"/>
      <c r="AA3298" s="5" t="s">
        <v>43</v>
      </c>
      <c r="AB3298" s="5" t="s">
        <v>44</v>
      </c>
      <c r="AC3298" s="2"/>
      <c r="AD3298" s="1"/>
    </row>
    <row r="3299" spans="1:30">
      <c r="A3299" s="5" t="s">
        <v>83578</v>
      </c>
      <c r="B3299" s="2" t="s">
        <v>93499</v>
      </c>
      <c r="C3299" s="14" t="s">
        <v>93500</v>
      </c>
      <c r="D3299" s="2" t="s">
        <v>93501</v>
      </c>
      <c r="E3299" s="2" t="s">
        <v>36285</v>
      </c>
      <c r="F3299" s="8">
        <v>314</v>
      </c>
      <c r="G3299" s="5">
        <v>6</v>
      </c>
      <c r="H3299" s="5" t="s">
        <v>1518</v>
      </c>
      <c r="I3299" s="5" t="s">
        <v>36264</v>
      </c>
      <c r="J3299" s="2" t="s">
        <v>36265</v>
      </c>
      <c r="K3299" s="5" t="s">
        <v>36264</v>
      </c>
      <c r="L3299" s="2" t="s">
        <v>36265</v>
      </c>
      <c r="M3299" s="5" t="s">
        <v>36266</v>
      </c>
      <c r="N3299" s="5" t="s">
        <v>38</v>
      </c>
      <c r="O3299" s="5" t="s">
        <v>39</v>
      </c>
      <c r="P3299" s="5" t="s">
        <v>40</v>
      </c>
      <c r="Q3299" s="5" t="s">
        <v>1522</v>
      </c>
      <c r="R3299" s="5" t="s">
        <v>1523</v>
      </c>
      <c r="S3299" s="5" t="s">
        <v>42</v>
      </c>
      <c r="T3299" s="2">
        <v>3.036</v>
      </c>
      <c r="U3299" s="2">
        <v>2.512</v>
      </c>
      <c r="V3299" s="2">
        <v>1.4999999999999999E-2</v>
      </c>
      <c r="W3299" s="2">
        <v>118.9</v>
      </c>
      <c r="X3299" s="2">
        <v>7.6</v>
      </c>
      <c r="Y3299" s="2">
        <v>16.7</v>
      </c>
      <c r="Z3299" s="5"/>
      <c r="AA3299" s="5" t="s">
        <v>43</v>
      </c>
      <c r="AB3299" s="5" t="s">
        <v>44</v>
      </c>
      <c r="AC3299" s="2"/>
      <c r="AD3299" s="1"/>
    </row>
    <row r="3300" spans="1:30">
      <c r="A3300" s="5" t="s">
        <v>83578</v>
      </c>
      <c r="B3300" s="2" t="s">
        <v>93502</v>
      </c>
      <c r="C3300" s="14" t="s">
        <v>93503</v>
      </c>
      <c r="D3300" s="2" t="s">
        <v>93504</v>
      </c>
      <c r="E3300" s="2" t="s">
        <v>36317</v>
      </c>
      <c r="F3300" s="8">
        <v>314</v>
      </c>
      <c r="G3300" s="5">
        <v>6</v>
      </c>
      <c r="H3300" s="5" t="s">
        <v>1518</v>
      </c>
      <c r="I3300" s="5" t="s">
        <v>36264</v>
      </c>
      <c r="J3300" s="2" t="s">
        <v>36265</v>
      </c>
      <c r="K3300" s="5" t="s">
        <v>36264</v>
      </c>
      <c r="L3300" s="2" t="s">
        <v>36265</v>
      </c>
      <c r="M3300" s="5" t="s">
        <v>36266</v>
      </c>
      <c r="N3300" s="5" t="s">
        <v>38</v>
      </c>
      <c r="O3300" s="5" t="s">
        <v>39</v>
      </c>
      <c r="P3300" s="5" t="s">
        <v>40</v>
      </c>
      <c r="Q3300" s="5" t="s">
        <v>1522</v>
      </c>
      <c r="R3300" s="5" t="s">
        <v>1523</v>
      </c>
      <c r="S3300" s="5" t="s">
        <v>42</v>
      </c>
      <c r="T3300" s="2">
        <v>3.036</v>
      </c>
      <c r="U3300" s="2">
        <v>2.512</v>
      </c>
      <c r="V3300" s="2">
        <v>1.4999999999999999E-2</v>
      </c>
      <c r="W3300" s="2">
        <v>118.9</v>
      </c>
      <c r="X3300" s="2">
        <v>7.6</v>
      </c>
      <c r="Y3300" s="2">
        <v>16.7</v>
      </c>
      <c r="Z3300" s="5"/>
      <c r="AA3300" s="5" t="s">
        <v>43</v>
      </c>
      <c r="AB3300" s="5" t="s">
        <v>44</v>
      </c>
      <c r="AC3300" s="2"/>
      <c r="AD3300" s="1"/>
    </row>
    <row r="3301" spans="1:30">
      <c r="A3301" s="5" t="s">
        <v>83578</v>
      </c>
      <c r="B3301" s="2" t="s">
        <v>93505</v>
      </c>
      <c r="C3301" s="14" t="s">
        <v>93506</v>
      </c>
      <c r="D3301" s="2" t="s">
        <v>93507</v>
      </c>
      <c r="E3301" s="2" t="s">
        <v>36321</v>
      </c>
      <c r="F3301" s="8">
        <v>314</v>
      </c>
      <c r="G3301" s="5">
        <v>6</v>
      </c>
      <c r="H3301" s="5" t="s">
        <v>1518</v>
      </c>
      <c r="I3301" s="5" t="s">
        <v>36264</v>
      </c>
      <c r="J3301" s="2" t="s">
        <v>36265</v>
      </c>
      <c r="K3301" s="5" t="s">
        <v>36264</v>
      </c>
      <c r="L3301" s="2" t="s">
        <v>36265</v>
      </c>
      <c r="M3301" s="5" t="s">
        <v>36266</v>
      </c>
      <c r="N3301" s="5" t="s">
        <v>38</v>
      </c>
      <c r="O3301" s="5" t="s">
        <v>39</v>
      </c>
      <c r="P3301" s="5" t="s">
        <v>40</v>
      </c>
      <c r="Q3301" s="5" t="s">
        <v>1522</v>
      </c>
      <c r="R3301" s="5" t="s">
        <v>1523</v>
      </c>
      <c r="S3301" s="5" t="s">
        <v>42</v>
      </c>
      <c r="T3301" s="2">
        <v>2.9460000000000002</v>
      </c>
      <c r="U3301" s="2">
        <v>2.4220000000000002</v>
      </c>
      <c r="V3301" s="2">
        <v>1.4999999999999999E-2</v>
      </c>
      <c r="W3301" s="2">
        <v>118.9</v>
      </c>
      <c r="X3301" s="2">
        <v>7.6</v>
      </c>
      <c r="Y3301" s="2">
        <v>16.7</v>
      </c>
      <c r="Z3301" s="5"/>
      <c r="AA3301" s="5" t="s">
        <v>43</v>
      </c>
      <c r="AB3301" s="5" t="s">
        <v>44</v>
      </c>
      <c r="AC3301" s="2"/>
      <c r="AD3301" s="1"/>
    </row>
    <row r="3302" spans="1:30">
      <c r="A3302" s="5" t="s">
        <v>83578</v>
      </c>
      <c r="B3302" s="2" t="s">
        <v>93508</v>
      </c>
      <c r="C3302" s="14" t="s">
        <v>93509</v>
      </c>
      <c r="D3302" s="2" t="s">
        <v>93510</v>
      </c>
      <c r="E3302" s="2" t="s">
        <v>36325</v>
      </c>
      <c r="F3302" s="8">
        <v>314</v>
      </c>
      <c r="G3302" s="5">
        <v>6</v>
      </c>
      <c r="H3302" s="5" t="s">
        <v>1518</v>
      </c>
      <c r="I3302" s="5" t="s">
        <v>36264</v>
      </c>
      <c r="J3302" s="2" t="s">
        <v>36265</v>
      </c>
      <c r="K3302" s="5" t="s">
        <v>36264</v>
      </c>
      <c r="L3302" s="2" t="s">
        <v>36265</v>
      </c>
      <c r="M3302" s="5" t="s">
        <v>36266</v>
      </c>
      <c r="N3302" s="5" t="s">
        <v>38</v>
      </c>
      <c r="O3302" s="5" t="s">
        <v>39</v>
      </c>
      <c r="P3302" s="5" t="s">
        <v>40</v>
      </c>
      <c r="Q3302" s="5" t="s">
        <v>1522</v>
      </c>
      <c r="R3302" s="5" t="s">
        <v>1523</v>
      </c>
      <c r="S3302" s="5" t="s">
        <v>42</v>
      </c>
      <c r="T3302" s="2">
        <v>3.036</v>
      </c>
      <c r="U3302" s="2">
        <v>2.512</v>
      </c>
      <c r="V3302" s="2">
        <v>1.4999999999999999E-2</v>
      </c>
      <c r="W3302" s="2">
        <v>118.9</v>
      </c>
      <c r="X3302" s="2">
        <v>7.6</v>
      </c>
      <c r="Y3302" s="2">
        <v>16.7</v>
      </c>
      <c r="Z3302" s="5"/>
      <c r="AA3302" s="5" t="s">
        <v>43</v>
      </c>
      <c r="AB3302" s="5" t="s">
        <v>44</v>
      </c>
      <c r="AC3302" s="2"/>
      <c r="AD3302" s="1"/>
    </row>
    <row r="3303" spans="1:30">
      <c r="A3303" s="5" t="s">
        <v>83578</v>
      </c>
      <c r="B3303" s="2" t="s">
        <v>93511</v>
      </c>
      <c r="C3303" s="14" t="s">
        <v>93512</v>
      </c>
      <c r="D3303" s="2" t="s">
        <v>93513</v>
      </c>
      <c r="E3303" s="2" t="s">
        <v>36337</v>
      </c>
      <c r="F3303" s="8">
        <v>314</v>
      </c>
      <c r="G3303" s="5">
        <v>6</v>
      </c>
      <c r="H3303" s="5" t="s">
        <v>1518</v>
      </c>
      <c r="I3303" s="5" t="s">
        <v>36264</v>
      </c>
      <c r="J3303" s="2" t="s">
        <v>36265</v>
      </c>
      <c r="K3303" s="5" t="s">
        <v>36264</v>
      </c>
      <c r="L3303" s="2" t="s">
        <v>36265</v>
      </c>
      <c r="M3303" s="5" t="s">
        <v>36266</v>
      </c>
      <c r="N3303" s="5" t="s">
        <v>38</v>
      </c>
      <c r="O3303" s="5" t="s">
        <v>39</v>
      </c>
      <c r="P3303" s="5" t="s">
        <v>40</v>
      </c>
      <c r="Q3303" s="5" t="s">
        <v>1522</v>
      </c>
      <c r="R3303" s="5" t="s">
        <v>1523</v>
      </c>
      <c r="S3303" s="5" t="s">
        <v>42</v>
      </c>
      <c r="T3303" s="2">
        <v>2.9460000000000002</v>
      </c>
      <c r="U3303" s="2">
        <v>2.4220000000000002</v>
      </c>
      <c r="V3303" s="2">
        <v>1.4999999999999999E-2</v>
      </c>
      <c r="W3303" s="2">
        <v>118.9</v>
      </c>
      <c r="X3303" s="2">
        <v>7.6</v>
      </c>
      <c r="Y3303" s="2">
        <v>16.7</v>
      </c>
      <c r="Z3303" s="5"/>
      <c r="AA3303" s="5" t="s">
        <v>43</v>
      </c>
      <c r="AB3303" s="5" t="s">
        <v>44</v>
      </c>
      <c r="AC3303" s="2"/>
      <c r="AD3303" s="1"/>
    </row>
    <row r="3304" spans="1:30">
      <c r="A3304" s="5" t="s">
        <v>83578</v>
      </c>
      <c r="B3304" s="2" t="s">
        <v>93514</v>
      </c>
      <c r="C3304" s="14" t="s">
        <v>93515</v>
      </c>
      <c r="D3304" s="2" t="s">
        <v>93516</v>
      </c>
      <c r="E3304" s="2" t="s">
        <v>36341</v>
      </c>
      <c r="F3304" s="8">
        <v>314</v>
      </c>
      <c r="G3304" s="5">
        <v>6</v>
      </c>
      <c r="H3304" s="5" t="s">
        <v>1518</v>
      </c>
      <c r="I3304" s="5" t="s">
        <v>36264</v>
      </c>
      <c r="J3304" s="2" t="s">
        <v>36265</v>
      </c>
      <c r="K3304" s="5" t="s">
        <v>36264</v>
      </c>
      <c r="L3304" s="2" t="s">
        <v>36265</v>
      </c>
      <c r="M3304" s="5" t="s">
        <v>36266</v>
      </c>
      <c r="N3304" s="5" t="s">
        <v>38</v>
      </c>
      <c r="O3304" s="5" t="s">
        <v>39</v>
      </c>
      <c r="P3304" s="5" t="s">
        <v>40</v>
      </c>
      <c r="Q3304" s="5" t="s">
        <v>1522</v>
      </c>
      <c r="R3304" s="5" t="s">
        <v>1523</v>
      </c>
      <c r="S3304" s="5" t="s">
        <v>42</v>
      </c>
      <c r="T3304" s="2">
        <v>3.036</v>
      </c>
      <c r="U3304" s="2">
        <v>2.512</v>
      </c>
      <c r="V3304" s="2">
        <v>1.4999999999999999E-2</v>
      </c>
      <c r="W3304" s="2">
        <v>118.9</v>
      </c>
      <c r="X3304" s="2">
        <v>7.6</v>
      </c>
      <c r="Y3304" s="2">
        <v>16.7</v>
      </c>
      <c r="Z3304" s="5"/>
      <c r="AA3304" s="5" t="s">
        <v>43</v>
      </c>
      <c r="AB3304" s="5" t="s">
        <v>44</v>
      </c>
      <c r="AC3304" s="2"/>
      <c r="AD3304" s="1"/>
    </row>
    <row r="3305" spans="1:30">
      <c r="A3305" s="5" t="s">
        <v>83578</v>
      </c>
      <c r="B3305" s="2" t="s">
        <v>93517</v>
      </c>
      <c r="C3305" s="14" t="s">
        <v>93518</v>
      </c>
      <c r="D3305" s="2" t="s">
        <v>93519</v>
      </c>
      <c r="E3305" s="2" t="s">
        <v>36353</v>
      </c>
      <c r="F3305" s="8">
        <v>314</v>
      </c>
      <c r="G3305" s="5">
        <v>6</v>
      </c>
      <c r="H3305" s="5" t="s">
        <v>1518</v>
      </c>
      <c r="I3305" s="5" t="s">
        <v>36264</v>
      </c>
      <c r="J3305" s="2" t="s">
        <v>36265</v>
      </c>
      <c r="K3305" s="5" t="s">
        <v>36264</v>
      </c>
      <c r="L3305" s="2" t="s">
        <v>36265</v>
      </c>
      <c r="M3305" s="5" t="s">
        <v>36266</v>
      </c>
      <c r="N3305" s="5" t="s">
        <v>38</v>
      </c>
      <c r="O3305" s="5" t="s">
        <v>39</v>
      </c>
      <c r="P3305" s="5" t="s">
        <v>40</v>
      </c>
      <c r="Q3305" s="5" t="s">
        <v>1522</v>
      </c>
      <c r="R3305" s="5" t="s">
        <v>1523</v>
      </c>
      <c r="S3305" s="5" t="s">
        <v>42</v>
      </c>
      <c r="T3305" s="2">
        <v>2.9460000000000002</v>
      </c>
      <c r="U3305" s="2">
        <v>2.4220000000000002</v>
      </c>
      <c r="V3305" s="2">
        <v>1.4999999999999999E-2</v>
      </c>
      <c r="W3305" s="2">
        <v>118.9</v>
      </c>
      <c r="X3305" s="2">
        <v>7.6</v>
      </c>
      <c r="Y3305" s="2">
        <v>16.7</v>
      </c>
      <c r="Z3305" s="5"/>
      <c r="AA3305" s="5" t="s">
        <v>43</v>
      </c>
      <c r="AB3305" s="5" t="s">
        <v>44</v>
      </c>
      <c r="AC3305" s="2"/>
      <c r="AD3305" s="1"/>
    </row>
    <row r="3306" spans="1:30">
      <c r="A3306" s="5" t="s">
        <v>83578</v>
      </c>
      <c r="B3306" s="2" t="s">
        <v>93520</v>
      </c>
      <c r="C3306" s="14" t="s">
        <v>93521</v>
      </c>
      <c r="D3306" s="2" t="s">
        <v>93522</v>
      </c>
      <c r="E3306" s="2" t="s">
        <v>36385</v>
      </c>
      <c r="F3306" s="8">
        <v>314</v>
      </c>
      <c r="G3306" s="5">
        <v>6</v>
      </c>
      <c r="H3306" s="5" t="s">
        <v>1518</v>
      </c>
      <c r="I3306" s="5" t="s">
        <v>36264</v>
      </c>
      <c r="J3306" s="2" t="s">
        <v>36265</v>
      </c>
      <c r="K3306" s="5" t="s">
        <v>36264</v>
      </c>
      <c r="L3306" s="2" t="s">
        <v>36265</v>
      </c>
      <c r="M3306" s="5" t="s">
        <v>36266</v>
      </c>
      <c r="N3306" s="5" t="s">
        <v>38</v>
      </c>
      <c r="O3306" s="5" t="s">
        <v>39</v>
      </c>
      <c r="P3306" s="5" t="s">
        <v>40</v>
      </c>
      <c r="Q3306" s="5" t="s">
        <v>1522</v>
      </c>
      <c r="R3306" s="5" t="s">
        <v>1523</v>
      </c>
      <c r="S3306" s="5" t="s">
        <v>42</v>
      </c>
      <c r="T3306" s="2">
        <v>2.9460000000000002</v>
      </c>
      <c r="U3306" s="2">
        <v>2.4220000000000002</v>
      </c>
      <c r="V3306" s="2">
        <v>1.4999999999999999E-2</v>
      </c>
      <c r="W3306" s="2">
        <v>118.9</v>
      </c>
      <c r="X3306" s="2">
        <v>7.6</v>
      </c>
      <c r="Y3306" s="2">
        <v>16.7</v>
      </c>
      <c r="Z3306" s="5"/>
      <c r="AA3306" s="5" t="s">
        <v>43</v>
      </c>
      <c r="AB3306" s="5" t="s">
        <v>44</v>
      </c>
      <c r="AC3306" s="2"/>
      <c r="AD3306" s="1"/>
    </row>
    <row r="3307" spans="1:30">
      <c r="A3307" s="5" t="s">
        <v>83578</v>
      </c>
      <c r="B3307" s="2" t="s">
        <v>93523</v>
      </c>
      <c r="C3307" s="14" t="s">
        <v>93524</v>
      </c>
      <c r="D3307" s="2" t="s">
        <v>93525</v>
      </c>
      <c r="E3307" s="2" t="s">
        <v>36389</v>
      </c>
      <c r="F3307" s="8">
        <v>314</v>
      </c>
      <c r="G3307" s="5">
        <v>6</v>
      </c>
      <c r="H3307" s="5" t="s">
        <v>1518</v>
      </c>
      <c r="I3307" s="5" t="s">
        <v>36264</v>
      </c>
      <c r="J3307" s="2" t="s">
        <v>36265</v>
      </c>
      <c r="K3307" s="5" t="s">
        <v>36264</v>
      </c>
      <c r="L3307" s="2" t="s">
        <v>36265</v>
      </c>
      <c r="M3307" s="5" t="s">
        <v>36266</v>
      </c>
      <c r="N3307" s="5" t="s">
        <v>38</v>
      </c>
      <c r="O3307" s="5" t="s">
        <v>39</v>
      </c>
      <c r="P3307" s="5" t="s">
        <v>40</v>
      </c>
      <c r="Q3307" s="5" t="s">
        <v>1522</v>
      </c>
      <c r="R3307" s="5" t="s">
        <v>1523</v>
      </c>
      <c r="S3307" s="5" t="s">
        <v>42</v>
      </c>
      <c r="T3307" s="2">
        <v>3.036</v>
      </c>
      <c r="U3307" s="2">
        <v>2.512</v>
      </c>
      <c r="V3307" s="2">
        <v>1.4999999999999999E-2</v>
      </c>
      <c r="W3307" s="2">
        <v>118.9</v>
      </c>
      <c r="X3307" s="2">
        <v>7.6</v>
      </c>
      <c r="Y3307" s="2">
        <v>16.7</v>
      </c>
      <c r="Z3307" s="5"/>
      <c r="AA3307" s="5" t="s">
        <v>43</v>
      </c>
      <c r="AB3307" s="5" t="s">
        <v>44</v>
      </c>
      <c r="AC3307" s="2"/>
      <c r="AD3307" s="1"/>
    </row>
    <row r="3308" spans="1:30">
      <c r="A3308" s="5" t="s">
        <v>83578</v>
      </c>
      <c r="B3308" s="2" t="s">
        <v>93526</v>
      </c>
      <c r="C3308" s="14" t="s">
        <v>93527</v>
      </c>
      <c r="D3308" s="2" t="s">
        <v>93528</v>
      </c>
      <c r="E3308" s="2" t="s">
        <v>36281</v>
      </c>
      <c r="F3308" s="8">
        <v>328</v>
      </c>
      <c r="G3308" s="5">
        <v>6</v>
      </c>
      <c r="H3308" s="5" t="s">
        <v>1518</v>
      </c>
      <c r="I3308" s="5" t="s">
        <v>36264</v>
      </c>
      <c r="J3308" s="2" t="s">
        <v>36265</v>
      </c>
      <c r="K3308" s="5" t="s">
        <v>36264</v>
      </c>
      <c r="L3308" s="2" t="s">
        <v>36265</v>
      </c>
      <c r="M3308" s="5" t="s">
        <v>36266</v>
      </c>
      <c r="N3308" s="5" t="s">
        <v>38</v>
      </c>
      <c r="O3308" s="5" t="s">
        <v>39</v>
      </c>
      <c r="P3308" s="5" t="s">
        <v>40</v>
      </c>
      <c r="Q3308" s="5" t="s">
        <v>1522</v>
      </c>
      <c r="R3308" s="5" t="s">
        <v>1523</v>
      </c>
      <c r="S3308" s="5" t="s">
        <v>42</v>
      </c>
      <c r="T3308" s="2">
        <v>3.21</v>
      </c>
      <c r="U3308" s="2">
        <v>2.6110000000000002</v>
      </c>
      <c r="V3308" s="2">
        <v>1.7999999999999999E-2</v>
      </c>
      <c r="W3308" s="2">
        <v>139.1</v>
      </c>
      <c r="X3308" s="2">
        <v>7.6</v>
      </c>
      <c r="Y3308" s="2">
        <v>16.7</v>
      </c>
      <c r="Z3308" s="5"/>
      <c r="AA3308" s="5" t="s">
        <v>43</v>
      </c>
      <c r="AB3308" s="5" t="s">
        <v>44</v>
      </c>
      <c r="AC3308" s="2"/>
      <c r="AD3308" s="1"/>
    </row>
    <row r="3309" spans="1:30">
      <c r="A3309" s="5" t="s">
        <v>83578</v>
      </c>
      <c r="B3309" s="2" t="s">
        <v>93529</v>
      </c>
      <c r="C3309" s="14" t="s">
        <v>93530</v>
      </c>
      <c r="D3309" s="2" t="s">
        <v>93531</v>
      </c>
      <c r="E3309" s="2" t="s">
        <v>36285</v>
      </c>
      <c r="F3309" s="8">
        <v>328</v>
      </c>
      <c r="G3309" s="5">
        <v>6</v>
      </c>
      <c r="H3309" s="5" t="s">
        <v>1518</v>
      </c>
      <c r="I3309" s="5" t="s">
        <v>36264</v>
      </c>
      <c r="J3309" s="2" t="s">
        <v>36265</v>
      </c>
      <c r="K3309" s="5" t="s">
        <v>36264</v>
      </c>
      <c r="L3309" s="2" t="s">
        <v>36265</v>
      </c>
      <c r="M3309" s="5" t="s">
        <v>36266</v>
      </c>
      <c r="N3309" s="5" t="s">
        <v>38</v>
      </c>
      <c r="O3309" s="5" t="s">
        <v>39</v>
      </c>
      <c r="P3309" s="5" t="s">
        <v>40</v>
      </c>
      <c r="Q3309" s="5" t="s">
        <v>1522</v>
      </c>
      <c r="R3309" s="5" t="s">
        <v>1523</v>
      </c>
      <c r="S3309" s="5" t="s">
        <v>42</v>
      </c>
      <c r="T3309" s="2">
        <v>3.3119999999999998</v>
      </c>
      <c r="U3309" s="2">
        <v>2.7130000000000001</v>
      </c>
      <c r="V3309" s="2">
        <v>1.7999999999999999E-2</v>
      </c>
      <c r="W3309" s="2">
        <v>139.1</v>
      </c>
      <c r="X3309" s="2">
        <v>7.6</v>
      </c>
      <c r="Y3309" s="2">
        <v>16.7</v>
      </c>
      <c r="Z3309" s="5"/>
      <c r="AA3309" s="5" t="s">
        <v>43</v>
      </c>
      <c r="AB3309" s="5" t="s">
        <v>44</v>
      </c>
      <c r="AC3309" s="2"/>
      <c r="AD3309" s="1"/>
    </row>
    <row r="3310" spans="1:30">
      <c r="A3310" s="5" t="s">
        <v>83578</v>
      </c>
      <c r="B3310" s="2" t="s">
        <v>93532</v>
      </c>
      <c r="C3310" s="14" t="s">
        <v>93533</v>
      </c>
      <c r="D3310" s="2" t="s">
        <v>93534</v>
      </c>
      <c r="E3310" s="2" t="s">
        <v>36297</v>
      </c>
      <c r="F3310" s="8">
        <v>302</v>
      </c>
      <c r="G3310" s="5">
        <v>6</v>
      </c>
      <c r="H3310" s="5" t="s">
        <v>1518</v>
      </c>
      <c r="I3310" s="5" t="s">
        <v>36264</v>
      </c>
      <c r="J3310" s="2" t="s">
        <v>36265</v>
      </c>
      <c r="K3310" s="5" t="s">
        <v>36264</v>
      </c>
      <c r="L3310" s="2" t="s">
        <v>36265</v>
      </c>
      <c r="M3310" s="5" t="s">
        <v>36266</v>
      </c>
      <c r="N3310" s="5" t="s">
        <v>38</v>
      </c>
      <c r="O3310" s="5" t="s">
        <v>39</v>
      </c>
      <c r="P3310" s="5" t="s">
        <v>40</v>
      </c>
      <c r="Q3310" s="5" t="s">
        <v>1522</v>
      </c>
      <c r="R3310" s="5" t="s">
        <v>1523</v>
      </c>
      <c r="S3310" s="5" t="s">
        <v>42</v>
      </c>
      <c r="T3310" s="2">
        <v>3.21</v>
      </c>
      <c r="U3310" s="2">
        <v>2.6110000000000002</v>
      </c>
      <c r="V3310" s="2">
        <v>1.7999999999999999E-2</v>
      </c>
      <c r="W3310" s="2">
        <v>139.1</v>
      </c>
      <c r="X3310" s="2">
        <v>7.6</v>
      </c>
      <c r="Y3310" s="2">
        <v>16.7</v>
      </c>
      <c r="Z3310" s="5"/>
      <c r="AA3310" s="5" t="s">
        <v>43</v>
      </c>
      <c r="AB3310" s="5" t="s">
        <v>44</v>
      </c>
      <c r="AC3310" s="2"/>
      <c r="AD3310" s="1"/>
    </row>
    <row r="3311" spans="1:30">
      <c r="A3311" s="5" t="s">
        <v>83578</v>
      </c>
      <c r="B3311" s="2" t="s">
        <v>93535</v>
      </c>
      <c r="C3311" s="14" t="s">
        <v>93536</v>
      </c>
      <c r="D3311" s="2" t="s">
        <v>93537</v>
      </c>
      <c r="E3311" s="2" t="s">
        <v>36313</v>
      </c>
      <c r="F3311" s="8">
        <v>328</v>
      </c>
      <c r="G3311" s="5">
        <v>6</v>
      </c>
      <c r="H3311" s="5" t="s">
        <v>1518</v>
      </c>
      <c r="I3311" s="5" t="s">
        <v>36264</v>
      </c>
      <c r="J3311" s="2" t="s">
        <v>36265</v>
      </c>
      <c r="K3311" s="5" t="s">
        <v>36264</v>
      </c>
      <c r="L3311" s="2" t="s">
        <v>36265</v>
      </c>
      <c r="M3311" s="5" t="s">
        <v>36266</v>
      </c>
      <c r="N3311" s="5" t="s">
        <v>38</v>
      </c>
      <c r="O3311" s="5" t="s">
        <v>39</v>
      </c>
      <c r="P3311" s="5" t="s">
        <v>40</v>
      </c>
      <c r="Q3311" s="5" t="s">
        <v>1522</v>
      </c>
      <c r="R3311" s="5" t="s">
        <v>1523</v>
      </c>
      <c r="S3311" s="5" t="s">
        <v>42</v>
      </c>
      <c r="T3311" s="2">
        <v>3.21</v>
      </c>
      <c r="U3311" s="2">
        <v>2.6110000000000002</v>
      </c>
      <c r="V3311" s="2">
        <v>1.7999999999999999E-2</v>
      </c>
      <c r="W3311" s="2">
        <v>139.1</v>
      </c>
      <c r="X3311" s="2">
        <v>7.6</v>
      </c>
      <c r="Y3311" s="2">
        <v>16.7</v>
      </c>
      <c r="Z3311" s="5"/>
      <c r="AA3311" s="5" t="s">
        <v>43</v>
      </c>
      <c r="AB3311" s="5" t="s">
        <v>44</v>
      </c>
      <c r="AC3311" s="2"/>
      <c r="AD3311" s="1"/>
    </row>
    <row r="3312" spans="1:30">
      <c r="A3312" s="5" t="s">
        <v>83578</v>
      </c>
      <c r="B3312" s="2" t="s">
        <v>93538</v>
      </c>
      <c r="C3312" s="14" t="s">
        <v>93539</v>
      </c>
      <c r="D3312" s="2" t="s">
        <v>93540</v>
      </c>
      <c r="E3312" s="2" t="s">
        <v>36321</v>
      </c>
      <c r="F3312" s="8">
        <v>328</v>
      </c>
      <c r="G3312" s="5">
        <v>6</v>
      </c>
      <c r="H3312" s="5" t="s">
        <v>1518</v>
      </c>
      <c r="I3312" s="5" t="s">
        <v>36264</v>
      </c>
      <c r="J3312" s="2" t="s">
        <v>36265</v>
      </c>
      <c r="K3312" s="5" t="s">
        <v>36264</v>
      </c>
      <c r="L3312" s="2" t="s">
        <v>36265</v>
      </c>
      <c r="M3312" s="5" t="s">
        <v>36266</v>
      </c>
      <c r="N3312" s="5" t="s">
        <v>38</v>
      </c>
      <c r="O3312" s="5" t="s">
        <v>39</v>
      </c>
      <c r="P3312" s="5" t="s">
        <v>40</v>
      </c>
      <c r="Q3312" s="5" t="s">
        <v>1522</v>
      </c>
      <c r="R3312" s="5" t="s">
        <v>1523</v>
      </c>
      <c r="S3312" s="5" t="s">
        <v>42</v>
      </c>
      <c r="T3312" s="2">
        <v>3.21</v>
      </c>
      <c r="U3312" s="2">
        <v>2.6110000000000002</v>
      </c>
      <c r="V3312" s="2">
        <v>1.7999999999999999E-2</v>
      </c>
      <c r="W3312" s="2">
        <v>139.1</v>
      </c>
      <c r="X3312" s="2">
        <v>7.6</v>
      </c>
      <c r="Y3312" s="2">
        <v>16.7</v>
      </c>
      <c r="Z3312" s="5"/>
      <c r="AA3312" s="5" t="s">
        <v>43</v>
      </c>
      <c r="AB3312" s="5" t="s">
        <v>44</v>
      </c>
      <c r="AC3312" s="2"/>
      <c r="AD3312" s="1"/>
    </row>
    <row r="3313" spans="1:30">
      <c r="A3313" s="5" t="s">
        <v>83578</v>
      </c>
      <c r="B3313" s="2" t="s">
        <v>93541</v>
      </c>
      <c r="C3313" s="14" t="s">
        <v>93542</v>
      </c>
      <c r="D3313" s="2" t="s">
        <v>93543</v>
      </c>
      <c r="E3313" s="2" t="s">
        <v>36325</v>
      </c>
      <c r="F3313" s="8">
        <v>328</v>
      </c>
      <c r="G3313" s="5">
        <v>6</v>
      </c>
      <c r="H3313" s="5" t="s">
        <v>1518</v>
      </c>
      <c r="I3313" s="5" t="s">
        <v>36264</v>
      </c>
      <c r="J3313" s="2" t="s">
        <v>36265</v>
      </c>
      <c r="K3313" s="5" t="s">
        <v>36264</v>
      </c>
      <c r="L3313" s="2" t="s">
        <v>36265</v>
      </c>
      <c r="M3313" s="5" t="s">
        <v>36266</v>
      </c>
      <c r="N3313" s="5" t="s">
        <v>38</v>
      </c>
      <c r="O3313" s="5" t="s">
        <v>39</v>
      </c>
      <c r="P3313" s="5" t="s">
        <v>40</v>
      </c>
      <c r="Q3313" s="5" t="s">
        <v>1522</v>
      </c>
      <c r="R3313" s="5" t="s">
        <v>1523</v>
      </c>
      <c r="S3313" s="5" t="s">
        <v>42</v>
      </c>
      <c r="T3313" s="2">
        <v>3.3119999999999998</v>
      </c>
      <c r="U3313" s="2">
        <v>2.7130000000000001</v>
      </c>
      <c r="V3313" s="2">
        <v>1.7999999999999999E-2</v>
      </c>
      <c r="W3313" s="2">
        <v>139.1</v>
      </c>
      <c r="X3313" s="2">
        <v>7.6</v>
      </c>
      <c r="Y3313" s="2">
        <v>16.7</v>
      </c>
      <c r="Z3313" s="5"/>
      <c r="AA3313" s="5" t="s">
        <v>43</v>
      </c>
      <c r="AB3313" s="5" t="s">
        <v>44</v>
      </c>
      <c r="AC3313" s="2"/>
      <c r="AD3313" s="1"/>
    </row>
    <row r="3314" spans="1:30">
      <c r="A3314" s="5" t="s">
        <v>83578</v>
      </c>
      <c r="B3314" s="2" t="s">
        <v>93544</v>
      </c>
      <c r="C3314" s="14" t="s">
        <v>93545</v>
      </c>
      <c r="D3314" s="2" t="s">
        <v>93546</v>
      </c>
      <c r="E3314" s="2" t="s">
        <v>36337</v>
      </c>
      <c r="F3314" s="8">
        <v>328</v>
      </c>
      <c r="G3314" s="5">
        <v>6</v>
      </c>
      <c r="H3314" s="5" t="s">
        <v>1518</v>
      </c>
      <c r="I3314" s="5" t="s">
        <v>36264</v>
      </c>
      <c r="J3314" s="2" t="s">
        <v>36265</v>
      </c>
      <c r="K3314" s="5" t="s">
        <v>36264</v>
      </c>
      <c r="L3314" s="2" t="s">
        <v>36265</v>
      </c>
      <c r="M3314" s="5" t="s">
        <v>36266</v>
      </c>
      <c r="N3314" s="5" t="s">
        <v>38</v>
      </c>
      <c r="O3314" s="5" t="s">
        <v>39</v>
      </c>
      <c r="P3314" s="5" t="s">
        <v>40</v>
      </c>
      <c r="Q3314" s="5" t="s">
        <v>1522</v>
      </c>
      <c r="R3314" s="5" t="s">
        <v>1523</v>
      </c>
      <c r="S3314" s="5" t="s">
        <v>42</v>
      </c>
      <c r="T3314" s="2">
        <v>3.21</v>
      </c>
      <c r="U3314" s="2">
        <v>2.6110000000000002</v>
      </c>
      <c r="V3314" s="2">
        <v>1.7999999999999999E-2</v>
      </c>
      <c r="W3314" s="2">
        <v>139.1</v>
      </c>
      <c r="X3314" s="2">
        <v>7.6</v>
      </c>
      <c r="Y3314" s="2">
        <v>16.7</v>
      </c>
      <c r="Z3314" s="5"/>
      <c r="AA3314" s="5" t="s">
        <v>43</v>
      </c>
      <c r="AB3314" s="5" t="s">
        <v>44</v>
      </c>
      <c r="AC3314" s="2"/>
      <c r="AD3314" s="1"/>
    </row>
    <row r="3315" spans="1:30">
      <c r="A3315" s="5" t="s">
        <v>83578</v>
      </c>
      <c r="B3315" s="2" t="s">
        <v>93547</v>
      </c>
      <c r="C3315" s="14" t="s">
        <v>93548</v>
      </c>
      <c r="D3315" s="2" t="s">
        <v>93549</v>
      </c>
      <c r="E3315" s="2" t="s">
        <v>36353</v>
      </c>
      <c r="F3315" s="8">
        <v>328</v>
      </c>
      <c r="G3315" s="5">
        <v>6</v>
      </c>
      <c r="H3315" s="5" t="s">
        <v>1518</v>
      </c>
      <c r="I3315" s="5" t="s">
        <v>36264</v>
      </c>
      <c r="J3315" s="2" t="s">
        <v>36265</v>
      </c>
      <c r="K3315" s="5" t="s">
        <v>36264</v>
      </c>
      <c r="L3315" s="2" t="s">
        <v>36265</v>
      </c>
      <c r="M3315" s="5" t="s">
        <v>36266</v>
      </c>
      <c r="N3315" s="5" t="s">
        <v>38</v>
      </c>
      <c r="O3315" s="5" t="s">
        <v>39</v>
      </c>
      <c r="P3315" s="5" t="s">
        <v>40</v>
      </c>
      <c r="Q3315" s="5" t="s">
        <v>1522</v>
      </c>
      <c r="R3315" s="5" t="s">
        <v>1523</v>
      </c>
      <c r="S3315" s="5" t="s">
        <v>42</v>
      </c>
      <c r="T3315" s="2">
        <v>3.21</v>
      </c>
      <c r="U3315" s="2">
        <v>2.6110000000000002</v>
      </c>
      <c r="V3315" s="2">
        <v>1.7999999999999999E-2</v>
      </c>
      <c r="W3315" s="2">
        <v>139.1</v>
      </c>
      <c r="X3315" s="2">
        <v>7.6</v>
      </c>
      <c r="Y3315" s="2">
        <v>16.7</v>
      </c>
      <c r="Z3315" s="5"/>
      <c r="AA3315" s="5" t="s">
        <v>43</v>
      </c>
      <c r="AB3315" s="5" t="s">
        <v>44</v>
      </c>
      <c r="AC3315" s="2"/>
      <c r="AD3315" s="1"/>
    </row>
    <row r="3316" spans="1:30">
      <c r="A3316" s="5" t="s">
        <v>83578</v>
      </c>
      <c r="B3316" s="2" t="s">
        <v>93550</v>
      </c>
      <c r="C3316" s="14" t="s">
        <v>93551</v>
      </c>
      <c r="D3316" s="2" t="s">
        <v>93552</v>
      </c>
      <c r="E3316" s="2" t="s">
        <v>36385</v>
      </c>
      <c r="F3316" s="8">
        <v>328</v>
      </c>
      <c r="G3316" s="5">
        <v>6</v>
      </c>
      <c r="H3316" s="5" t="s">
        <v>1518</v>
      </c>
      <c r="I3316" s="5" t="s">
        <v>36264</v>
      </c>
      <c r="J3316" s="2" t="s">
        <v>36265</v>
      </c>
      <c r="K3316" s="5" t="s">
        <v>36264</v>
      </c>
      <c r="L3316" s="2" t="s">
        <v>36265</v>
      </c>
      <c r="M3316" s="5" t="s">
        <v>36266</v>
      </c>
      <c r="N3316" s="5" t="s">
        <v>38</v>
      </c>
      <c r="O3316" s="5" t="s">
        <v>39</v>
      </c>
      <c r="P3316" s="5" t="s">
        <v>40</v>
      </c>
      <c r="Q3316" s="5" t="s">
        <v>1522</v>
      </c>
      <c r="R3316" s="5" t="s">
        <v>1523</v>
      </c>
      <c r="S3316" s="5" t="s">
        <v>42</v>
      </c>
      <c r="T3316" s="2">
        <v>3.21</v>
      </c>
      <c r="U3316" s="2">
        <v>2.6110000000000002</v>
      </c>
      <c r="V3316" s="2">
        <v>1.7999999999999999E-2</v>
      </c>
      <c r="W3316" s="2">
        <v>139.1</v>
      </c>
      <c r="X3316" s="2">
        <v>7.6</v>
      </c>
      <c r="Y3316" s="2">
        <v>16.7</v>
      </c>
      <c r="Z3316" s="5"/>
      <c r="AA3316" s="5" t="s">
        <v>43</v>
      </c>
      <c r="AB3316" s="5" t="s">
        <v>44</v>
      </c>
      <c r="AC3316" s="2"/>
      <c r="AD3316" s="1"/>
    </row>
    <row r="3317" spans="1:30">
      <c r="A3317" s="5" t="s">
        <v>83578</v>
      </c>
      <c r="B3317" s="2" t="s">
        <v>93553</v>
      </c>
      <c r="C3317" s="14" t="s">
        <v>93554</v>
      </c>
      <c r="D3317" s="2" t="s">
        <v>93555</v>
      </c>
      <c r="E3317" s="2" t="s">
        <v>36273</v>
      </c>
      <c r="F3317" s="8">
        <v>317</v>
      </c>
      <c r="G3317" s="5">
        <v>6</v>
      </c>
      <c r="H3317" s="5" t="s">
        <v>1518</v>
      </c>
      <c r="I3317" s="5" t="s">
        <v>36264</v>
      </c>
      <c r="J3317" s="2" t="s">
        <v>36265</v>
      </c>
      <c r="K3317" s="5" t="s">
        <v>36264</v>
      </c>
      <c r="L3317" s="2" t="s">
        <v>36265</v>
      </c>
      <c r="M3317" s="5" t="s">
        <v>36266</v>
      </c>
      <c r="N3317" s="5" t="s">
        <v>38</v>
      </c>
      <c r="O3317" s="5" t="s">
        <v>39</v>
      </c>
      <c r="P3317" s="5" t="s">
        <v>40</v>
      </c>
      <c r="Q3317" s="5" t="s">
        <v>1522</v>
      </c>
      <c r="R3317" s="5" t="s">
        <v>1523</v>
      </c>
      <c r="S3317" s="5" t="s">
        <v>42</v>
      </c>
      <c r="T3317" s="2">
        <v>3.4689999999999999</v>
      </c>
      <c r="U3317" s="2">
        <v>2.7869999999999999</v>
      </c>
      <c r="V3317" s="2">
        <v>0.02</v>
      </c>
      <c r="W3317" s="2">
        <v>159.1</v>
      </c>
      <c r="X3317" s="2">
        <v>7.6</v>
      </c>
      <c r="Y3317" s="2">
        <v>16.7</v>
      </c>
      <c r="Z3317" s="5"/>
      <c r="AA3317" s="5" t="s">
        <v>43</v>
      </c>
      <c r="AB3317" s="5" t="s">
        <v>44</v>
      </c>
      <c r="AC3317" s="2"/>
      <c r="AD3317" s="1"/>
    </row>
    <row r="3318" spans="1:30">
      <c r="A3318" s="5" t="s">
        <v>83578</v>
      </c>
      <c r="B3318" s="2" t="s">
        <v>93556</v>
      </c>
      <c r="C3318" s="14" t="s">
        <v>93557</v>
      </c>
      <c r="D3318" s="2" t="s">
        <v>93558</v>
      </c>
      <c r="E3318" s="2" t="s">
        <v>36281</v>
      </c>
      <c r="F3318" s="8">
        <v>345</v>
      </c>
      <c r="G3318" s="5">
        <v>6</v>
      </c>
      <c r="H3318" s="5" t="s">
        <v>1518</v>
      </c>
      <c r="I3318" s="5" t="s">
        <v>36264</v>
      </c>
      <c r="J3318" s="2" t="s">
        <v>36265</v>
      </c>
      <c r="K3318" s="5" t="s">
        <v>36264</v>
      </c>
      <c r="L3318" s="2" t="s">
        <v>36265</v>
      </c>
      <c r="M3318" s="5" t="s">
        <v>36266</v>
      </c>
      <c r="N3318" s="5" t="s">
        <v>38</v>
      </c>
      <c r="O3318" s="5" t="s">
        <v>39</v>
      </c>
      <c r="P3318" s="5" t="s">
        <v>40</v>
      </c>
      <c r="Q3318" s="5" t="s">
        <v>1522</v>
      </c>
      <c r="R3318" s="5" t="s">
        <v>1523</v>
      </c>
      <c r="S3318" s="5" t="s">
        <v>42</v>
      </c>
      <c r="T3318" s="2">
        <v>3.4689999999999999</v>
      </c>
      <c r="U3318" s="2">
        <v>2.7869999999999999</v>
      </c>
      <c r="V3318" s="2">
        <v>0.02</v>
      </c>
      <c r="W3318" s="2">
        <v>159.1</v>
      </c>
      <c r="X3318" s="2">
        <v>7.6</v>
      </c>
      <c r="Y3318" s="2">
        <v>16.7</v>
      </c>
      <c r="Z3318" s="5"/>
      <c r="AA3318" s="5" t="s">
        <v>43</v>
      </c>
      <c r="AB3318" s="5" t="s">
        <v>44</v>
      </c>
      <c r="AC3318" s="2"/>
      <c r="AD3318" s="1"/>
    </row>
    <row r="3319" spans="1:30">
      <c r="A3319" s="5" t="s">
        <v>83578</v>
      </c>
      <c r="B3319" s="2" t="s">
        <v>93559</v>
      </c>
      <c r="C3319" s="14" t="s">
        <v>93560</v>
      </c>
      <c r="D3319" s="2" t="s">
        <v>93561</v>
      </c>
      <c r="E3319" s="2" t="s">
        <v>36313</v>
      </c>
      <c r="F3319" s="8">
        <v>345</v>
      </c>
      <c r="G3319" s="5">
        <v>6</v>
      </c>
      <c r="H3319" s="5" t="s">
        <v>1518</v>
      </c>
      <c r="I3319" s="5" t="s">
        <v>36264</v>
      </c>
      <c r="J3319" s="2" t="s">
        <v>36265</v>
      </c>
      <c r="K3319" s="5" t="s">
        <v>36264</v>
      </c>
      <c r="L3319" s="2" t="s">
        <v>36265</v>
      </c>
      <c r="M3319" s="5" t="s">
        <v>36266</v>
      </c>
      <c r="N3319" s="5" t="s">
        <v>38</v>
      </c>
      <c r="O3319" s="5" t="s">
        <v>39</v>
      </c>
      <c r="P3319" s="5" t="s">
        <v>40</v>
      </c>
      <c r="Q3319" s="5" t="s">
        <v>1522</v>
      </c>
      <c r="R3319" s="5" t="s">
        <v>1523</v>
      </c>
      <c r="S3319" s="5" t="s">
        <v>42</v>
      </c>
      <c r="T3319" s="2">
        <v>3.4689999999999999</v>
      </c>
      <c r="U3319" s="2">
        <v>2.7869999999999999</v>
      </c>
      <c r="V3319" s="2">
        <v>0.02</v>
      </c>
      <c r="W3319" s="2">
        <v>159.1</v>
      </c>
      <c r="X3319" s="2">
        <v>7.6</v>
      </c>
      <c r="Y3319" s="2">
        <v>16.7</v>
      </c>
      <c r="Z3319" s="5"/>
      <c r="AA3319" s="5" t="s">
        <v>43</v>
      </c>
      <c r="AB3319" s="5" t="s">
        <v>44</v>
      </c>
      <c r="AC3319" s="2"/>
      <c r="AD3319" s="1"/>
    </row>
    <row r="3320" spans="1:30">
      <c r="A3320" s="5" t="s">
        <v>83578</v>
      </c>
      <c r="B3320" s="2" t="s">
        <v>93562</v>
      </c>
      <c r="C3320" s="14" t="s">
        <v>93563</v>
      </c>
      <c r="D3320" s="2" t="s">
        <v>93564</v>
      </c>
      <c r="E3320" s="2" t="s">
        <v>36317</v>
      </c>
      <c r="F3320" s="8">
        <v>345</v>
      </c>
      <c r="G3320" s="5">
        <v>6</v>
      </c>
      <c r="H3320" s="5" t="s">
        <v>1518</v>
      </c>
      <c r="I3320" s="5" t="s">
        <v>36264</v>
      </c>
      <c r="J3320" s="2" t="s">
        <v>36265</v>
      </c>
      <c r="K3320" s="5" t="s">
        <v>36264</v>
      </c>
      <c r="L3320" s="2" t="s">
        <v>36265</v>
      </c>
      <c r="M3320" s="5" t="s">
        <v>36266</v>
      </c>
      <c r="N3320" s="5" t="s">
        <v>38</v>
      </c>
      <c r="O3320" s="5" t="s">
        <v>39</v>
      </c>
      <c r="P3320" s="5" t="s">
        <v>40</v>
      </c>
      <c r="Q3320" s="5" t="s">
        <v>1522</v>
      </c>
      <c r="R3320" s="5" t="s">
        <v>1523</v>
      </c>
      <c r="S3320" s="5" t="s">
        <v>42</v>
      </c>
      <c r="T3320" s="2">
        <v>3.5830000000000002</v>
      </c>
      <c r="U3320" s="2">
        <v>2.9009999999999998</v>
      </c>
      <c r="V3320" s="2">
        <v>0.02</v>
      </c>
      <c r="W3320" s="2">
        <v>159.1</v>
      </c>
      <c r="X3320" s="2">
        <v>7.6</v>
      </c>
      <c r="Y3320" s="2">
        <v>16.7</v>
      </c>
      <c r="Z3320" s="5"/>
      <c r="AA3320" s="5" t="s">
        <v>43</v>
      </c>
      <c r="AB3320" s="5" t="s">
        <v>44</v>
      </c>
      <c r="AC3320" s="2"/>
      <c r="AD3320" s="1"/>
    </row>
    <row r="3321" spans="1:30">
      <c r="A3321" s="5" t="s">
        <v>83578</v>
      </c>
      <c r="B3321" s="2" t="s">
        <v>93565</v>
      </c>
      <c r="C3321" s="14" t="s">
        <v>93566</v>
      </c>
      <c r="D3321" s="2" t="s">
        <v>93567</v>
      </c>
      <c r="E3321" s="2" t="s">
        <v>36321</v>
      </c>
      <c r="F3321" s="8">
        <v>345</v>
      </c>
      <c r="G3321" s="5">
        <v>6</v>
      </c>
      <c r="H3321" s="5" t="s">
        <v>1518</v>
      </c>
      <c r="I3321" s="5" t="s">
        <v>36264</v>
      </c>
      <c r="J3321" s="2" t="s">
        <v>36265</v>
      </c>
      <c r="K3321" s="5" t="s">
        <v>36264</v>
      </c>
      <c r="L3321" s="2" t="s">
        <v>36265</v>
      </c>
      <c r="M3321" s="5" t="s">
        <v>36266</v>
      </c>
      <c r="N3321" s="5" t="s">
        <v>38</v>
      </c>
      <c r="O3321" s="5" t="s">
        <v>39</v>
      </c>
      <c r="P3321" s="5" t="s">
        <v>40</v>
      </c>
      <c r="Q3321" s="5" t="s">
        <v>1522</v>
      </c>
      <c r="R3321" s="5" t="s">
        <v>1523</v>
      </c>
      <c r="S3321" s="5" t="s">
        <v>42</v>
      </c>
      <c r="T3321" s="2">
        <v>3.4689999999999999</v>
      </c>
      <c r="U3321" s="2">
        <v>2.7869999999999999</v>
      </c>
      <c r="V3321" s="2">
        <v>0.02</v>
      </c>
      <c r="W3321" s="2">
        <v>159.1</v>
      </c>
      <c r="X3321" s="2">
        <v>7.6</v>
      </c>
      <c r="Y3321" s="2">
        <v>16.7</v>
      </c>
      <c r="Z3321" s="5"/>
      <c r="AA3321" s="5" t="s">
        <v>43</v>
      </c>
      <c r="AB3321" s="5" t="s">
        <v>44</v>
      </c>
      <c r="AC3321" s="2"/>
      <c r="AD3321" s="1"/>
    </row>
    <row r="3322" spans="1:30">
      <c r="A3322" s="5" t="s">
        <v>83578</v>
      </c>
      <c r="B3322" s="2" t="s">
        <v>93568</v>
      </c>
      <c r="C3322" s="14" t="s">
        <v>93569</v>
      </c>
      <c r="D3322" s="2" t="s">
        <v>93570</v>
      </c>
      <c r="E3322" s="2" t="s">
        <v>36325</v>
      </c>
      <c r="F3322" s="8">
        <v>345</v>
      </c>
      <c r="G3322" s="5">
        <v>6</v>
      </c>
      <c r="H3322" s="5" t="s">
        <v>1518</v>
      </c>
      <c r="I3322" s="5" t="s">
        <v>36264</v>
      </c>
      <c r="J3322" s="2" t="s">
        <v>36265</v>
      </c>
      <c r="K3322" s="5" t="s">
        <v>36264</v>
      </c>
      <c r="L3322" s="2" t="s">
        <v>36265</v>
      </c>
      <c r="M3322" s="5" t="s">
        <v>36266</v>
      </c>
      <c r="N3322" s="5" t="s">
        <v>38</v>
      </c>
      <c r="O3322" s="5" t="s">
        <v>39</v>
      </c>
      <c r="P3322" s="5" t="s">
        <v>40</v>
      </c>
      <c r="Q3322" s="5" t="s">
        <v>1522</v>
      </c>
      <c r="R3322" s="5" t="s">
        <v>1523</v>
      </c>
      <c r="S3322" s="5" t="s">
        <v>42</v>
      </c>
      <c r="T3322" s="2">
        <v>3.5830000000000002</v>
      </c>
      <c r="U3322" s="2">
        <v>2.9009999999999998</v>
      </c>
      <c r="V3322" s="2">
        <v>0.02</v>
      </c>
      <c r="W3322" s="2">
        <v>159.1</v>
      </c>
      <c r="X3322" s="2">
        <v>7.6</v>
      </c>
      <c r="Y3322" s="2">
        <v>16.7</v>
      </c>
      <c r="Z3322" s="5"/>
      <c r="AA3322" s="5" t="s">
        <v>43</v>
      </c>
      <c r="AB3322" s="5" t="s">
        <v>44</v>
      </c>
      <c r="AC3322" s="2"/>
      <c r="AD3322" s="1"/>
    </row>
    <row r="3323" spans="1:30">
      <c r="A3323" s="5" t="s">
        <v>83578</v>
      </c>
      <c r="B3323" s="2" t="s">
        <v>93571</v>
      </c>
      <c r="C3323" s="14" t="s">
        <v>93572</v>
      </c>
      <c r="D3323" s="2" t="s">
        <v>93573</v>
      </c>
      <c r="E3323" s="2" t="s">
        <v>36337</v>
      </c>
      <c r="F3323" s="8">
        <v>345</v>
      </c>
      <c r="G3323" s="5">
        <v>6</v>
      </c>
      <c r="H3323" s="5" t="s">
        <v>1518</v>
      </c>
      <c r="I3323" s="5" t="s">
        <v>36264</v>
      </c>
      <c r="J3323" s="2" t="s">
        <v>36265</v>
      </c>
      <c r="K3323" s="5" t="s">
        <v>36264</v>
      </c>
      <c r="L3323" s="2" t="s">
        <v>36265</v>
      </c>
      <c r="M3323" s="5" t="s">
        <v>36266</v>
      </c>
      <c r="N3323" s="5" t="s">
        <v>38</v>
      </c>
      <c r="O3323" s="5" t="s">
        <v>39</v>
      </c>
      <c r="P3323" s="5" t="s">
        <v>40</v>
      </c>
      <c r="Q3323" s="5" t="s">
        <v>1522</v>
      </c>
      <c r="R3323" s="5" t="s">
        <v>1523</v>
      </c>
      <c r="S3323" s="5" t="s">
        <v>42</v>
      </c>
      <c r="T3323" s="2">
        <v>3.4689999999999999</v>
      </c>
      <c r="U3323" s="2">
        <v>2.7869999999999999</v>
      </c>
      <c r="V3323" s="2">
        <v>0.02</v>
      </c>
      <c r="W3323" s="2">
        <v>159.1</v>
      </c>
      <c r="X3323" s="2">
        <v>7.6</v>
      </c>
      <c r="Y3323" s="2">
        <v>16.7</v>
      </c>
      <c r="Z3323" s="5"/>
      <c r="AA3323" s="5" t="s">
        <v>43</v>
      </c>
      <c r="AB3323" s="5" t="s">
        <v>44</v>
      </c>
      <c r="AC3323" s="2"/>
      <c r="AD3323" s="1"/>
    </row>
    <row r="3324" spans="1:30">
      <c r="A3324" s="5" t="s">
        <v>83578</v>
      </c>
      <c r="B3324" s="2" t="s">
        <v>93574</v>
      </c>
      <c r="C3324" s="14" t="s">
        <v>93575</v>
      </c>
      <c r="D3324" s="2" t="s">
        <v>93576</v>
      </c>
      <c r="E3324" s="2" t="s">
        <v>36349</v>
      </c>
      <c r="F3324" s="8">
        <v>345</v>
      </c>
      <c r="G3324" s="5">
        <v>6</v>
      </c>
      <c r="H3324" s="5" t="s">
        <v>1518</v>
      </c>
      <c r="I3324" s="5" t="s">
        <v>36264</v>
      </c>
      <c r="J3324" s="2" t="s">
        <v>36265</v>
      </c>
      <c r="K3324" s="5" t="s">
        <v>36264</v>
      </c>
      <c r="L3324" s="2" t="s">
        <v>36265</v>
      </c>
      <c r="M3324" s="5" t="s">
        <v>36266</v>
      </c>
      <c r="N3324" s="5" t="s">
        <v>38</v>
      </c>
      <c r="O3324" s="5" t="s">
        <v>39</v>
      </c>
      <c r="P3324" s="5" t="s">
        <v>40</v>
      </c>
      <c r="Q3324" s="5" t="s">
        <v>1522</v>
      </c>
      <c r="R3324" s="5" t="s">
        <v>1523</v>
      </c>
      <c r="S3324" s="5" t="s">
        <v>42</v>
      </c>
      <c r="T3324" s="2">
        <v>3.5830000000000002</v>
      </c>
      <c r="U3324" s="2">
        <v>2.9009999999999998</v>
      </c>
      <c r="V3324" s="2">
        <v>0.02</v>
      </c>
      <c r="W3324" s="2">
        <v>159.1</v>
      </c>
      <c r="X3324" s="2">
        <v>7.6</v>
      </c>
      <c r="Y3324" s="2">
        <v>16.7</v>
      </c>
      <c r="Z3324" s="5"/>
      <c r="AA3324" s="5" t="s">
        <v>43</v>
      </c>
      <c r="AB3324" s="5" t="s">
        <v>44</v>
      </c>
      <c r="AC3324" s="2"/>
      <c r="AD3324" s="1"/>
    </row>
    <row r="3325" spans="1:30">
      <c r="A3325" s="5" t="s">
        <v>83578</v>
      </c>
      <c r="B3325" s="2" t="s">
        <v>93577</v>
      </c>
      <c r="C3325" s="14" t="s">
        <v>93578</v>
      </c>
      <c r="D3325" s="2" t="s">
        <v>93579</v>
      </c>
      <c r="E3325" s="2" t="s">
        <v>36353</v>
      </c>
      <c r="F3325" s="8">
        <v>345</v>
      </c>
      <c r="G3325" s="5">
        <v>6</v>
      </c>
      <c r="H3325" s="5" t="s">
        <v>1518</v>
      </c>
      <c r="I3325" s="5" t="s">
        <v>36264</v>
      </c>
      <c r="J3325" s="2" t="s">
        <v>36265</v>
      </c>
      <c r="K3325" s="5" t="s">
        <v>36264</v>
      </c>
      <c r="L3325" s="2" t="s">
        <v>36265</v>
      </c>
      <c r="M3325" s="5" t="s">
        <v>36266</v>
      </c>
      <c r="N3325" s="5" t="s">
        <v>38</v>
      </c>
      <c r="O3325" s="5" t="s">
        <v>39</v>
      </c>
      <c r="P3325" s="5" t="s">
        <v>40</v>
      </c>
      <c r="Q3325" s="5" t="s">
        <v>1522</v>
      </c>
      <c r="R3325" s="5" t="s">
        <v>1523</v>
      </c>
      <c r="S3325" s="5" t="s">
        <v>42</v>
      </c>
      <c r="T3325" s="2">
        <v>3.4689999999999999</v>
      </c>
      <c r="U3325" s="2">
        <v>2.7869999999999999</v>
      </c>
      <c r="V3325" s="2">
        <v>0.02</v>
      </c>
      <c r="W3325" s="2">
        <v>159.1</v>
      </c>
      <c r="X3325" s="2">
        <v>7.6</v>
      </c>
      <c r="Y3325" s="2">
        <v>16.7</v>
      </c>
      <c r="Z3325" s="5"/>
      <c r="AA3325" s="5" t="s">
        <v>43</v>
      </c>
      <c r="AB3325" s="5" t="s">
        <v>44</v>
      </c>
      <c r="AC3325" s="2"/>
      <c r="AD3325" s="1"/>
    </row>
    <row r="3326" spans="1:30">
      <c r="A3326" s="5" t="s">
        <v>83578</v>
      </c>
      <c r="B3326" s="2" t="s">
        <v>93580</v>
      </c>
      <c r="C3326" s="14" t="s">
        <v>93581</v>
      </c>
      <c r="D3326" s="2" t="s">
        <v>93582</v>
      </c>
      <c r="E3326" s="2" t="s">
        <v>36377</v>
      </c>
      <c r="F3326" s="8">
        <v>345</v>
      </c>
      <c r="G3326" s="5">
        <v>6</v>
      </c>
      <c r="H3326" s="5" t="s">
        <v>1518</v>
      </c>
      <c r="I3326" s="5" t="s">
        <v>36264</v>
      </c>
      <c r="J3326" s="2" t="s">
        <v>36265</v>
      </c>
      <c r="K3326" s="5" t="s">
        <v>36264</v>
      </c>
      <c r="L3326" s="2" t="s">
        <v>36265</v>
      </c>
      <c r="M3326" s="5" t="s">
        <v>36266</v>
      </c>
      <c r="N3326" s="5" t="s">
        <v>38</v>
      </c>
      <c r="O3326" s="5" t="s">
        <v>39</v>
      </c>
      <c r="P3326" s="5" t="s">
        <v>40</v>
      </c>
      <c r="Q3326" s="5" t="s">
        <v>1522</v>
      </c>
      <c r="R3326" s="5" t="s">
        <v>1523</v>
      </c>
      <c r="S3326" s="5" t="s">
        <v>42</v>
      </c>
      <c r="T3326" s="2">
        <v>3.4689999999999999</v>
      </c>
      <c r="U3326" s="2">
        <v>2.7869999999999999</v>
      </c>
      <c r="V3326" s="2">
        <v>0.02</v>
      </c>
      <c r="W3326" s="2">
        <v>159.1</v>
      </c>
      <c r="X3326" s="2">
        <v>7.6</v>
      </c>
      <c r="Y3326" s="2">
        <v>16.7</v>
      </c>
      <c r="Z3326" s="5"/>
      <c r="AA3326" s="5" t="s">
        <v>43</v>
      </c>
      <c r="AB3326" s="5" t="s">
        <v>44</v>
      </c>
      <c r="AC3326" s="2"/>
      <c r="AD3326" s="1"/>
    </row>
    <row r="3327" spans="1:30">
      <c r="A3327" s="5" t="s">
        <v>83578</v>
      </c>
      <c r="B3327" s="2" t="s">
        <v>93583</v>
      </c>
      <c r="C3327" s="14" t="s">
        <v>93584</v>
      </c>
      <c r="D3327" s="2" t="s">
        <v>93585</v>
      </c>
      <c r="E3327" s="2" t="s">
        <v>36285</v>
      </c>
      <c r="F3327" s="8">
        <v>338</v>
      </c>
      <c r="G3327" s="5">
        <v>6</v>
      </c>
      <c r="H3327" s="5" t="s">
        <v>1518</v>
      </c>
      <c r="I3327" s="5" t="s">
        <v>36264</v>
      </c>
      <c r="J3327" s="2" t="s">
        <v>36265</v>
      </c>
      <c r="K3327" s="5" t="s">
        <v>36264</v>
      </c>
      <c r="L3327" s="2" t="s">
        <v>36265</v>
      </c>
      <c r="M3327" s="5" t="s">
        <v>36266</v>
      </c>
      <c r="N3327" s="5" t="s">
        <v>38</v>
      </c>
      <c r="O3327" s="5" t="s">
        <v>39</v>
      </c>
      <c r="P3327" s="5" t="s">
        <v>40</v>
      </c>
      <c r="Q3327" s="5" t="s">
        <v>1522</v>
      </c>
      <c r="R3327" s="5" t="s">
        <v>1523</v>
      </c>
      <c r="S3327" s="5" t="s">
        <v>42</v>
      </c>
      <c r="T3327" s="2">
        <v>3.3809999999999998</v>
      </c>
      <c r="U3327" s="2">
        <v>2.7919999999999998</v>
      </c>
      <c r="V3327" s="2">
        <v>1.7999999999999999E-2</v>
      </c>
      <c r="W3327" s="2">
        <v>139.1</v>
      </c>
      <c r="X3327" s="2">
        <v>7.6</v>
      </c>
      <c r="Y3327" s="2">
        <v>16.7</v>
      </c>
      <c r="Z3327" s="5"/>
      <c r="AA3327" s="5" t="s">
        <v>43</v>
      </c>
      <c r="AB3327" s="5" t="s">
        <v>44</v>
      </c>
      <c r="AC3327" s="2"/>
      <c r="AD3327" s="1"/>
    </row>
    <row r="3328" spans="1:30">
      <c r="A3328" s="5" t="s">
        <v>83578</v>
      </c>
      <c r="B3328" s="2" t="s">
        <v>93586</v>
      </c>
      <c r="C3328" s="14" t="s">
        <v>93587</v>
      </c>
      <c r="D3328" s="2" t="s">
        <v>93588</v>
      </c>
      <c r="E3328" s="2" t="s">
        <v>36313</v>
      </c>
      <c r="F3328" s="8">
        <v>338</v>
      </c>
      <c r="G3328" s="5">
        <v>6</v>
      </c>
      <c r="H3328" s="5" t="s">
        <v>1518</v>
      </c>
      <c r="I3328" s="5" t="s">
        <v>36264</v>
      </c>
      <c r="J3328" s="2" t="s">
        <v>36265</v>
      </c>
      <c r="K3328" s="5" t="s">
        <v>36264</v>
      </c>
      <c r="L3328" s="2" t="s">
        <v>36265</v>
      </c>
      <c r="M3328" s="5" t="s">
        <v>36266</v>
      </c>
      <c r="N3328" s="5" t="s">
        <v>38</v>
      </c>
      <c r="O3328" s="5" t="s">
        <v>39</v>
      </c>
      <c r="P3328" s="5" t="s">
        <v>40</v>
      </c>
      <c r="Q3328" s="5" t="s">
        <v>1522</v>
      </c>
      <c r="R3328" s="5" t="s">
        <v>1523</v>
      </c>
      <c r="S3328" s="5" t="s">
        <v>42</v>
      </c>
      <c r="T3328" s="2">
        <v>3.2850000000000001</v>
      </c>
      <c r="U3328" s="2">
        <v>2.6960000000000002</v>
      </c>
      <c r="V3328" s="2">
        <v>1.7999999999999999E-2</v>
      </c>
      <c r="W3328" s="2">
        <v>139.1</v>
      </c>
      <c r="X3328" s="2">
        <v>7.6</v>
      </c>
      <c r="Y3328" s="2">
        <v>16.7</v>
      </c>
      <c r="Z3328" s="5"/>
      <c r="AA3328" s="5" t="s">
        <v>43</v>
      </c>
      <c r="AB3328" s="5" t="s">
        <v>44</v>
      </c>
      <c r="AC3328" s="2"/>
      <c r="AD3328" s="1"/>
    </row>
    <row r="3329" spans="1:30">
      <c r="A3329" s="5" t="s">
        <v>83578</v>
      </c>
      <c r="B3329" s="2" t="s">
        <v>93589</v>
      </c>
      <c r="C3329" s="14" t="s">
        <v>93590</v>
      </c>
      <c r="D3329" s="2" t="s">
        <v>93591</v>
      </c>
      <c r="E3329" s="2" t="s">
        <v>36321</v>
      </c>
      <c r="F3329" s="8">
        <v>338</v>
      </c>
      <c r="G3329" s="5">
        <v>6</v>
      </c>
      <c r="H3329" s="5" t="s">
        <v>1518</v>
      </c>
      <c r="I3329" s="5" t="s">
        <v>36264</v>
      </c>
      <c r="J3329" s="2" t="s">
        <v>36265</v>
      </c>
      <c r="K3329" s="5" t="s">
        <v>36264</v>
      </c>
      <c r="L3329" s="2" t="s">
        <v>36265</v>
      </c>
      <c r="M3329" s="5" t="s">
        <v>36266</v>
      </c>
      <c r="N3329" s="5" t="s">
        <v>38</v>
      </c>
      <c r="O3329" s="5" t="s">
        <v>39</v>
      </c>
      <c r="P3329" s="5" t="s">
        <v>40</v>
      </c>
      <c r="Q3329" s="5" t="s">
        <v>1522</v>
      </c>
      <c r="R3329" s="5" t="s">
        <v>1523</v>
      </c>
      <c r="S3329" s="5" t="s">
        <v>42</v>
      </c>
      <c r="T3329" s="2">
        <v>3.2850000000000001</v>
      </c>
      <c r="U3329" s="2">
        <v>2.6960000000000002</v>
      </c>
      <c r="V3329" s="2">
        <v>1.7999999999999999E-2</v>
      </c>
      <c r="W3329" s="2">
        <v>139.1</v>
      </c>
      <c r="X3329" s="2">
        <v>7.6</v>
      </c>
      <c r="Y3329" s="2">
        <v>16.7</v>
      </c>
      <c r="Z3329" s="5"/>
      <c r="AA3329" s="5" t="s">
        <v>43</v>
      </c>
      <c r="AB3329" s="5" t="s">
        <v>44</v>
      </c>
      <c r="AC3329" s="2"/>
      <c r="AD3329" s="1"/>
    </row>
    <row r="3330" spans="1:30">
      <c r="A3330" s="5" t="s">
        <v>83578</v>
      </c>
      <c r="B3330" s="2" t="s">
        <v>93592</v>
      </c>
      <c r="C3330" s="14" t="s">
        <v>93593</v>
      </c>
      <c r="D3330" s="2" t="s">
        <v>93594</v>
      </c>
      <c r="E3330" s="2" t="s">
        <v>36325</v>
      </c>
      <c r="F3330" s="8">
        <v>338</v>
      </c>
      <c r="G3330" s="5">
        <v>6</v>
      </c>
      <c r="H3330" s="5" t="s">
        <v>1518</v>
      </c>
      <c r="I3330" s="5" t="s">
        <v>36264</v>
      </c>
      <c r="J3330" s="2" t="s">
        <v>36265</v>
      </c>
      <c r="K3330" s="5" t="s">
        <v>36264</v>
      </c>
      <c r="L3330" s="2" t="s">
        <v>36265</v>
      </c>
      <c r="M3330" s="5" t="s">
        <v>36266</v>
      </c>
      <c r="N3330" s="5" t="s">
        <v>38</v>
      </c>
      <c r="O3330" s="5" t="s">
        <v>39</v>
      </c>
      <c r="P3330" s="5" t="s">
        <v>40</v>
      </c>
      <c r="Q3330" s="5" t="s">
        <v>1522</v>
      </c>
      <c r="R3330" s="5" t="s">
        <v>1523</v>
      </c>
      <c r="S3330" s="5" t="s">
        <v>42</v>
      </c>
      <c r="T3330" s="2">
        <v>3.3809999999999998</v>
      </c>
      <c r="U3330" s="2">
        <v>2.7919999999999998</v>
      </c>
      <c r="V3330" s="2">
        <v>1.7999999999999999E-2</v>
      </c>
      <c r="W3330" s="2">
        <v>139.1</v>
      </c>
      <c r="X3330" s="2">
        <v>7.6</v>
      </c>
      <c r="Y3330" s="2">
        <v>16.7</v>
      </c>
      <c r="Z3330" s="5"/>
      <c r="AA3330" s="5" t="s">
        <v>43</v>
      </c>
      <c r="AB3330" s="5" t="s">
        <v>44</v>
      </c>
      <c r="AC3330" s="2"/>
      <c r="AD3330" s="1"/>
    </row>
    <row r="3331" spans="1:30">
      <c r="A3331" s="5" t="s">
        <v>83578</v>
      </c>
      <c r="B3331" s="2" t="s">
        <v>93595</v>
      </c>
      <c r="C3331" s="14" t="s">
        <v>93596</v>
      </c>
      <c r="D3331" s="2" t="s">
        <v>93597</v>
      </c>
      <c r="E3331" s="2" t="s">
        <v>36329</v>
      </c>
      <c r="F3331" s="8">
        <v>338</v>
      </c>
      <c r="G3331" s="5">
        <v>6</v>
      </c>
      <c r="H3331" s="5" t="s">
        <v>1518</v>
      </c>
      <c r="I3331" s="5" t="s">
        <v>36264</v>
      </c>
      <c r="J3331" s="2" t="s">
        <v>36265</v>
      </c>
      <c r="K3331" s="5" t="s">
        <v>36264</v>
      </c>
      <c r="L3331" s="2" t="s">
        <v>36265</v>
      </c>
      <c r="M3331" s="5" t="s">
        <v>36266</v>
      </c>
      <c r="N3331" s="5" t="s">
        <v>38</v>
      </c>
      <c r="O3331" s="5" t="s">
        <v>39</v>
      </c>
      <c r="P3331" s="5" t="s">
        <v>40</v>
      </c>
      <c r="Q3331" s="5" t="s">
        <v>1522</v>
      </c>
      <c r="R3331" s="5" t="s">
        <v>1523</v>
      </c>
      <c r="S3331" s="5" t="s">
        <v>42</v>
      </c>
      <c r="T3331" s="2">
        <v>3.2850000000000001</v>
      </c>
      <c r="U3331" s="2">
        <v>2.6960000000000002</v>
      </c>
      <c r="V3331" s="2">
        <v>1.7999999999999999E-2</v>
      </c>
      <c r="W3331" s="2">
        <v>139.1</v>
      </c>
      <c r="X3331" s="2">
        <v>7.6</v>
      </c>
      <c r="Y3331" s="2">
        <v>16.7</v>
      </c>
      <c r="Z3331" s="5"/>
      <c r="AA3331" s="5" t="s">
        <v>43</v>
      </c>
      <c r="AB3331" s="5" t="s">
        <v>44</v>
      </c>
      <c r="AC3331" s="2"/>
      <c r="AD3331" s="1"/>
    </row>
    <row r="3332" spans="1:30">
      <c r="A3332" s="5" t="s">
        <v>83578</v>
      </c>
      <c r="B3332" s="2" t="s">
        <v>93598</v>
      </c>
      <c r="C3332" s="14" t="s">
        <v>93599</v>
      </c>
      <c r="D3332" s="2" t="s">
        <v>93600</v>
      </c>
      <c r="E3332" s="2" t="s">
        <v>36341</v>
      </c>
      <c r="F3332" s="8">
        <v>338</v>
      </c>
      <c r="G3332" s="5">
        <v>6</v>
      </c>
      <c r="H3332" s="5" t="s">
        <v>1518</v>
      </c>
      <c r="I3332" s="5" t="s">
        <v>36264</v>
      </c>
      <c r="J3332" s="2" t="s">
        <v>36265</v>
      </c>
      <c r="K3332" s="5" t="s">
        <v>36264</v>
      </c>
      <c r="L3332" s="2" t="s">
        <v>36265</v>
      </c>
      <c r="M3332" s="5" t="s">
        <v>36266</v>
      </c>
      <c r="N3332" s="5" t="s">
        <v>38</v>
      </c>
      <c r="O3332" s="5" t="s">
        <v>39</v>
      </c>
      <c r="P3332" s="5" t="s">
        <v>40</v>
      </c>
      <c r="Q3332" s="5" t="s">
        <v>1522</v>
      </c>
      <c r="R3332" s="5" t="s">
        <v>1523</v>
      </c>
      <c r="S3332" s="5" t="s">
        <v>42</v>
      </c>
      <c r="T3332" s="2">
        <v>3.3809999999999998</v>
      </c>
      <c r="U3332" s="2">
        <v>2.7919999999999998</v>
      </c>
      <c r="V3332" s="2">
        <v>1.7999999999999999E-2</v>
      </c>
      <c r="W3332" s="2">
        <v>139.1</v>
      </c>
      <c r="X3332" s="2">
        <v>7.6</v>
      </c>
      <c r="Y3332" s="2">
        <v>16.7</v>
      </c>
      <c r="Z3332" s="5"/>
      <c r="AA3332" s="5" t="s">
        <v>43</v>
      </c>
      <c r="AB3332" s="5" t="s">
        <v>44</v>
      </c>
      <c r="AC3332" s="2"/>
      <c r="AD3332" s="1"/>
    </row>
    <row r="3333" spans="1:30">
      <c r="A3333" s="5" t="s">
        <v>83578</v>
      </c>
      <c r="B3333" s="2" t="s">
        <v>93601</v>
      </c>
      <c r="C3333" s="14" t="s">
        <v>93602</v>
      </c>
      <c r="D3333" s="2" t="s">
        <v>93603</v>
      </c>
      <c r="E3333" s="2" t="s">
        <v>36349</v>
      </c>
      <c r="F3333" s="8">
        <v>338</v>
      </c>
      <c r="G3333" s="5">
        <v>6</v>
      </c>
      <c r="H3333" s="5" t="s">
        <v>1518</v>
      </c>
      <c r="I3333" s="5" t="s">
        <v>36264</v>
      </c>
      <c r="J3333" s="2" t="s">
        <v>36265</v>
      </c>
      <c r="K3333" s="5" t="s">
        <v>36264</v>
      </c>
      <c r="L3333" s="2" t="s">
        <v>36265</v>
      </c>
      <c r="M3333" s="5" t="s">
        <v>36266</v>
      </c>
      <c r="N3333" s="5" t="s">
        <v>38</v>
      </c>
      <c r="O3333" s="5" t="s">
        <v>39</v>
      </c>
      <c r="P3333" s="5" t="s">
        <v>40</v>
      </c>
      <c r="Q3333" s="5" t="s">
        <v>1522</v>
      </c>
      <c r="R3333" s="5" t="s">
        <v>1523</v>
      </c>
      <c r="S3333" s="5" t="s">
        <v>42</v>
      </c>
      <c r="T3333" s="2">
        <v>3.3809999999999998</v>
      </c>
      <c r="U3333" s="2">
        <v>2.7919999999999998</v>
      </c>
      <c r="V3333" s="2">
        <v>1.7999999999999999E-2</v>
      </c>
      <c r="W3333" s="2">
        <v>139.1</v>
      </c>
      <c r="X3333" s="2">
        <v>7.6</v>
      </c>
      <c r="Y3333" s="2">
        <v>16.7</v>
      </c>
      <c r="Z3333" s="5"/>
      <c r="AA3333" s="5" t="s">
        <v>43</v>
      </c>
      <c r="AB3333" s="5" t="s">
        <v>44</v>
      </c>
      <c r="AC3333" s="2"/>
      <c r="AD3333" s="1"/>
    </row>
    <row r="3334" spans="1:30">
      <c r="A3334" s="5" t="s">
        <v>83578</v>
      </c>
      <c r="B3334" s="2" t="s">
        <v>93604</v>
      </c>
      <c r="C3334" s="14" t="s">
        <v>93605</v>
      </c>
      <c r="D3334" s="2" t="s">
        <v>93606</v>
      </c>
      <c r="E3334" s="2" t="s">
        <v>36353</v>
      </c>
      <c r="F3334" s="8">
        <v>338</v>
      </c>
      <c r="G3334" s="5">
        <v>6</v>
      </c>
      <c r="H3334" s="5" t="s">
        <v>1518</v>
      </c>
      <c r="I3334" s="5" t="s">
        <v>36264</v>
      </c>
      <c r="J3334" s="2" t="s">
        <v>36265</v>
      </c>
      <c r="K3334" s="5" t="s">
        <v>36264</v>
      </c>
      <c r="L3334" s="2" t="s">
        <v>36265</v>
      </c>
      <c r="M3334" s="5" t="s">
        <v>36266</v>
      </c>
      <c r="N3334" s="5" t="s">
        <v>38</v>
      </c>
      <c r="O3334" s="5" t="s">
        <v>39</v>
      </c>
      <c r="P3334" s="5" t="s">
        <v>40</v>
      </c>
      <c r="Q3334" s="5" t="s">
        <v>1522</v>
      </c>
      <c r="R3334" s="5" t="s">
        <v>1523</v>
      </c>
      <c r="S3334" s="5" t="s">
        <v>42</v>
      </c>
      <c r="T3334" s="2">
        <v>3.2850000000000001</v>
      </c>
      <c r="U3334" s="2">
        <v>2.6960000000000002</v>
      </c>
      <c r="V3334" s="2">
        <v>1.7999999999999999E-2</v>
      </c>
      <c r="W3334" s="2">
        <v>139.1</v>
      </c>
      <c r="X3334" s="2">
        <v>7.6</v>
      </c>
      <c r="Y3334" s="2">
        <v>16.7</v>
      </c>
      <c r="Z3334" s="5"/>
      <c r="AA3334" s="5" t="s">
        <v>43</v>
      </c>
      <c r="AB3334" s="5" t="s">
        <v>44</v>
      </c>
      <c r="AC3334" s="2"/>
      <c r="AD3334" s="1"/>
    </row>
    <row r="3335" spans="1:30">
      <c r="A3335" s="5" t="s">
        <v>83578</v>
      </c>
      <c r="B3335" s="2" t="s">
        <v>93607</v>
      </c>
      <c r="C3335" s="14" t="s">
        <v>93608</v>
      </c>
      <c r="D3335" s="2" t="s">
        <v>93609</v>
      </c>
      <c r="E3335" s="2" t="s">
        <v>36357</v>
      </c>
      <c r="F3335" s="8">
        <v>338</v>
      </c>
      <c r="G3335" s="5">
        <v>6</v>
      </c>
      <c r="H3335" s="5" t="s">
        <v>1518</v>
      </c>
      <c r="I3335" s="5" t="s">
        <v>36264</v>
      </c>
      <c r="J3335" s="2" t="s">
        <v>36265</v>
      </c>
      <c r="K3335" s="5" t="s">
        <v>36264</v>
      </c>
      <c r="L3335" s="2" t="s">
        <v>36265</v>
      </c>
      <c r="M3335" s="5" t="s">
        <v>36266</v>
      </c>
      <c r="N3335" s="5" t="s">
        <v>38</v>
      </c>
      <c r="O3335" s="5" t="s">
        <v>39</v>
      </c>
      <c r="P3335" s="5" t="s">
        <v>40</v>
      </c>
      <c r="Q3335" s="5" t="s">
        <v>1522</v>
      </c>
      <c r="R3335" s="5" t="s">
        <v>1523</v>
      </c>
      <c r="S3335" s="5" t="s">
        <v>42</v>
      </c>
      <c r="T3335" s="2">
        <v>3.3809999999999998</v>
      </c>
      <c r="U3335" s="2">
        <v>2.7919999999999998</v>
      </c>
      <c r="V3335" s="2">
        <v>1.7999999999999999E-2</v>
      </c>
      <c r="W3335" s="2">
        <v>139.1</v>
      </c>
      <c r="X3335" s="2">
        <v>7.6</v>
      </c>
      <c r="Y3335" s="2">
        <v>16.7</v>
      </c>
      <c r="Z3335" s="5"/>
      <c r="AA3335" s="5" t="s">
        <v>43</v>
      </c>
      <c r="AB3335" s="5" t="s">
        <v>44</v>
      </c>
      <c r="AC3335" s="2"/>
      <c r="AD3335" s="1"/>
    </row>
    <row r="3336" spans="1:30">
      <c r="A3336" s="5" t="s">
        <v>83578</v>
      </c>
      <c r="B3336" s="2" t="s">
        <v>93610</v>
      </c>
      <c r="C3336" s="14" t="s">
        <v>93611</v>
      </c>
      <c r="D3336" s="2" t="s">
        <v>93612</v>
      </c>
      <c r="E3336" s="2" t="s">
        <v>45534</v>
      </c>
      <c r="F3336" s="8">
        <v>338</v>
      </c>
      <c r="G3336" s="5">
        <v>6</v>
      </c>
      <c r="H3336" s="5" t="s">
        <v>1518</v>
      </c>
      <c r="I3336" s="5" t="s">
        <v>36264</v>
      </c>
      <c r="J3336" s="2" t="s">
        <v>36265</v>
      </c>
      <c r="K3336" s="5" t="s">
        <v>36264</v>
      </c>
      <c r="L3336" s="2" t="s">
        <v>36265</v>
      </c>
      <c r="M3336" s="5" t="s">
        <v>36266</v>
      </c>
      <c r="N3336" s="5" t="s">
        <v>38</v>
      </c>
      <c r="O3336" s="5" t="s">
        <v>39</v>
      </c>
      <c r="P3336" s="5" t="s">
        <v>40</v>
      </c>
      <c r="Q3336" s="5" t="s">
        <v>1522</v>
      </c>
      <c r="R3336" s="5" t="s">
        <v>1523</v>
      </c>
      <c r="S3336" s="5" t="s">
        <v>42</v>
      </c>
      <c r="T3336" s="2">
        <v>3.3809999999999998</v>
      </c>
      <c r="U3336" s="2">
        <v>2.7919999999999998</v>
      </c>
      <c r="V3336" s="2">
        <v>1.7999999999999999E-2</v>
      </c>
      <c r="W3336" s="2">
        <v>139.1</v>
      </c>
      <c r="X3336" s="2">
        <v>7.6</v>
      </c>
      <c r="Y3336" s="2">
        <v>16.7</v>
      </c>
      <c r="Z3336" s="5"/>
      <c r="AA3336" s="5" t="s">
        <v>43</v>
      </c>
      <c r="AB3336" s="5" t="s">
        <v>44</v>
      </c>
      <c r="AC3336" s="2"/>
      <c r="AD3336" s="1"/>
    </row>
    <row r="3337" spans="1:30">
      <c r="A3337" s="5" t="s">
        <v>83578</v>
      </c>
      <c r="B3337" s="2" t="s">
        <v>93613</v>
      </c>
      <c r="C3337" s="14" t="s">
        <v>93614</v>
      </c>
      <c r="D3337" s="2" t="s">
        <v>93615</v>
      </c>
      <c r="E3337" s="2" t="s">
        <v>36369</v>
      </c>
      <c r="F3337" s="8">
        <v>338</v>
      </c>
      <c r="G3337" s="5">
        <v>6</v>
      </c>
      <c r="H3337" s="5" t="s">
        <v>1518</v>
      </c>
      <c r="I3337" s="5" t="s">
        <v>36264</v>
      </c>
      <c r="J3337" s="2" t="s">
        <v>36265</v>
      </c>
      <c r="K3337" s="5" t="s">
        <v>36264</v>
      </c>
      <c r="L3337" s="2" t="s">
        <v>36265</v>
      </c>
      <c r="M3337" s="5" t="s">
        <v>36266</v>
      </c>
      <c r="N3337" s="5" t="s">
        <v>38</v>
      </c>
      <c r="O3337" s="5" t="s">
        <v>39</v>
      </c>
      <c r="P3337" s="5" t="s">
        <v>40</v>
      </c>
      <c r="Q3337" s="5" t="s">
        <v>1522</v>
      </c>
      <c r="R3337" s="5" t="s">
        <v>1523</v>
      </c>
      <c r="S3337" s="5" t="s">
        <v>42</v>
      </c>
      <c r="T3337" s="2">
        <v>3.2850000000000001</v>
      </c>
      <c r="U3337" s="2">
        <v>2.6960000000000002</v>
      </c>
      <c r="V3337" s="2">
        <v>1.7999999999999999E-2</v>
      </c>
      <c r="W3337" s="2">
        <v>139.1</v>
      </c>
      <c r="X3337" s="2">
        <v>7.6</v>
      </c>
      <c r="Y3337" s="2">
        <v>16.7</v>
      </c>
      <c r="Z3337" s="5"/>
      <c r="AA3337" s="5" t="s">
        <v>43</v>
      </c>
      <c r="AB3337" s="5" t="s">
        <v>44</v>
      </c>
      <c r="AC3337" s="2"/>
      <c r="AD3337" s="1"/>
    </row>
    <row r="3338" spans="1:30">
      <c r="A3338" s="5" t="s">
        <v>83578</v>
      </c>
      <c r="B3338" s="2" t="s">
        <v>93616</v>
      </c>
      <c r="C3338" s="14" t="s">
        <v>93617</v>
      </c>
      <c r="D3338" s="2" t="s">
        <v>93618</v>
      </c>
      <c r="E3338" s="2" t="s">
        <v>36381</v>
      </c>
      <c r="F3338" s="8">
        <v>338</v>
      </c>
      <c r="G3338" s="5">
        <v>6</v>
      </c>
      <c r="H3338" s="5" t="s">
        <v>1518</v>
      </c>
      <c r="I3338" s="5" t="s">
        <v>36264</v>
      </c>
      <c r="J3338" s="2" t="s">
        <v>36265</v>
      </c>
      <c r="K3338" s="5" t="s">
        <v>36264</v>
      </c>
      <c r="L3338" s="2" t="s">
        <v>36265</v>
      </c>
      <c r="M3338" s="5" t="s">
        <v>36266</v>
      </c>
      <c r="N3338" s="5" t="s">
        <v>38</v>
      </c>
      <c r="O3338" s="5" t="s">
        <v>39</v>
      </c>
      <c r="P3338" s="5" t="s">
        <v>40</v>
      </c>
      <c r="Q3338" s="5" t="s">
        <v>1522</v>
      </c>
      <c r="R3338" s="5" t="s">
        <v>1523</v>
      </c>
      <c r="S3338" s="5" t="s">
        <v>42</v>
      </c>
      <c r="T3338" s="2">
        <v>3.3809999999999998</v>
      </c>
      <c r="U3338" s="2">
        <v>2.7919999999999998</v>
      </c>
      <c r="V3338" s="2">
        <v>1.7999999999999999E-2</v>
      </c>
      <c r="W3338" s="2">
        <v>139.1</v>
      </c>
      <c r="X3338" s="2">
        <v>7.6</v>
      </c>
      <c r="Y3338" s="2">
        <v>16.7</v>
      </c>
      <c r="Z3338" s="5"/>
      <c r="AA3338" s="5" t="s">
        <v>43</v>
      </c>
      <c r="AB3338" s="5" t="s">
        <v>44</v>
      </c>
      <c r="AC3338" s="2"/>
      <c r="AD3338" s="1"/>
    </row>
    <row r="3339" spans="1:30">
      <c r="A3339" s="5" t="s">
        <v>83578</v>
      </c>
      <c r="B3339" s="2" t="s">
        <v>93619</v>
      </c>
      <c r="C3339" s="14" t="s">
        <v>93620</v>
      </c>
      <c r="D3339" s="2" t="s">
        <v>93621</v>
      </c>
      <c r="E3339" s="2" t="s">
        <v>36385</v>
      </c>
      <c r="F3339" s="8">
        <v>338</v>
      </c>
      <c r="G3339" s="5">
        <v>6</v>
      </c>
      <c r="H3339" s="5" t="s">
        <v>1518</v>
      </c>
      <c r="I3339" s="5" t="s">
        <v>36264</v>
      </c>
      <c r="J3339" s="2" t="s">
        <v>36265</v>
      </c>
      <c r="K3339" s="5" t="s">
        <v>36264</v>
      </c>
      <c r="L3339" s="2" t="s">
        <v>36265</v>
      </c>
      <c r="M3339" s="5" t="s">
        <v>36266</v>
      </c>
      <c r="N3339" s="5" t="s">
        <v>38</v>
      </c>
      <c r="O3339" s="5" t="s">
        <v>39</v>
      </c>
      <c r="P3339" s="5" t="s">
        <v>40</v>
      </c>
      <c r="Q3339" s="5" t="s">
        <v>1522</v>
      </c>
      <c r="R3339" s="5" t="s">
        <v>1523</v>
      </c>
      <c r="S3339" s="5" t="s">
        <v>42</v>
      </c>
      <c r="T3339" s="2">
        <v>3.2850000000000001</v>
      </c>
      <c r="U3339" s="2">
        <v>2.6960000000000002</v>
      </c>
      <c r="V3339" s="2">
        <v>1.7999999999999999E-2</v>
      </c>
      <c r="W3339" s="2">
        <v>139.1</v>
      </c>
      <c r="X3339" s="2">
        <v>7.6</v>
      </c>
      <c r="Y3339" s="2">
        <v>16.7</v>
      </c>
      <c r="Z3339" s="5"/>
      <c r="AA3339" s="5" t="s">
        <v>43</v>
      </c>
      <c r="AB3339" s="5" t="s">
        <v>44</v>
      </c>
      <c r="AC3339" s="2"/>
      <c r="AD3339" s="1"/>
    </row>
    <row r="3340" spans="1:30">
      <c r="A3340" s="5" t="s">
        <v>83578</v>
      </c>
      <c r="B3340" s="2" t="s">
        <v>93622</v>
      </c>
      <c r="C3340" s="14" t="s">
        <v>93623</v>
      </c>
      <c r="D3340" s="2" t="s">
        <v>93624</v>
      </c>
      <c r="E3340" s="2" t="s">
        <v>36389</v>
      </c>
      <c r="F3340" s="8">
        <v>338</v>
      </c>
      <c r="G3340" s="5">
        <v>6</v>
      </c>
      <c r="H3340" s="5" t="s">
        <v>1518</v>
      </c>
      <c r="I3340" s="5" t="s">
        <v>36264</v>
      </c>
      <c r="J3340" s="2" t="s">
        <v>36265</v>
      </c>
      <c r="K3340" s="5" t="s">
        <v>36264</v>
      </c>
      <c r="L3340" s="2" t="s">
        <v>36265</v>
      </c>
      <c r="M3340" s="5" t="s">
        <v>36266</v>
      </c>
      <c r="N3340" s="5" t="s">
        <v>38</v>
      </c>
      <c r="O3340" s="5" t="s">
        <v>39</v>
      </c>
      <c r="P3340" s="5" t="s">
        <v>40</v>
      </c>
      <c r="Q3340" s="5" t="s">
        <v>1522</v>
      </c>
      <c r="R3340" s="5" t="s">
        <v>1523</v>
      </c>
      <c r="S3340" s="5" t="s">
        <v>42</v>
      </c>
      <c r="T3340" s="2">
        <v>3.3809999999999998</v>
      </c>
      <c r="U3340" s="2">
        <v>2.7919999999999998</v>
      </c>
      <c r="V3340" s="2">
        <v>1.7999999999999999E-2</v>
      </c>
      <c r="W3340" s="2">
        <v>139.1</v>
      </c>
      <c r="X3340" s="2">
        <v>7.6</v>
      </c>
      <c r="Y3340" s="2">
        <v>16.7</v>
      </c>
      <c r="Z3340" s="5"/>
      <c r="AA3340" s="5" t="s">
        <v>43</v>
      </c>
      <c r="AB3340" s="5" t="s">
        <v>44</v>
      </c>
      <c r="AC3340" s="2"/>
      <c r="AD3340" s="1"/>
    </row>
    <row r="3341" spans="1:30">
      <c r="A3341" s="5" t="s">
        <v>83578</v>
      </c>
      <c r="B3341" s="2" t="s">
        <v>93625</v>
      </c>
      <c r="C3341" s="14" t="s">
        <v>93626</v>
      </c>
      <c r="D3341" s="2" t="s">
        <v>93627</v>
      </c>
      <c r="E3341" s="2" t="s">
        <v>7204</v>
      </c>
      <c r="F3341" s="8">
        <v>322</v>
      </c>
      <c r="G3341" s="5">
        <v>6</v>
      </c>
      <c r="H3341" s="5" t="s">
        <v>1518</v>
      </c>
      <c r="I3341" s="5" t="s">
        <v>36264</v>
      </c>
      <c r="J3341" s="2" t="s">
        <v>36265</v>
      </c>
      <c r="K3341" s="5" t="s">
        <v>36264</v>
      </c>
      <c r="L3341" s="2" t="s">
        <v>36265</v>
      </c>
      <c r="M3341" s="5" t="s">
        <v>36266</v>
      </c>
      <c r="N3341" s="5" t="s">
        <v>38</v>
      </c>
      <c r="O3341" s="5" t="s">
        <v>39</v>
      </c>
      <c r="P3341" s="5" t="s">
        <v>40</v>
      </c>
      <c r="Q3341" s="5" t="s">
        <v>1522</v>
      </c>
      <c r="R3341" s="5" t="s">
        <v>1523</v>
      </c>
      <c r="S3341" s="5" t="s">
        <v>42</v>
      </c>
      <c r="T3341" s="2">
        <v>3.4630000000000001</v>
      </c>
      <c r="U3341" s="2">
        <v>2.8849999999999998</v>
      </c>
      <c r="V3341" s="2">
        <v>1.7999999999999999E-2</v>
      </c>
      <c r="W3341" s="2">
        <v>139.1</v>
      </c>
      <c r="X3341" s="2">
        <v>7.6</v>
      </c>
      <c r="Y3341" s="2">
        <v>16.7</v>
      </c>
      <c r="Z3341" s="5"/>
      <c r="AA3341" s="5" t="s">
        <v>43</v>
      </c>
      <c r="AB3341" s="5" t="s">
        <v>44</v>
      </c>
      <c r="AC3341" s="2"/>
      <c r="AD3341" s="1"/>
    </row>
    <row r="3342" spans="1:30">
      <c r="A3342" s="5" t="s">
        <v>83578</v>
      </c>
      <c r="B3342" s="2" t="s">
        <v>93628</v>
      </c>
      <c r="C3342" s="14" t="s">
        <v>93629</v>
      </c>
      <c r="D3342" s="2" t="s">
        <v>93630</v>
      </c>
      <c r="E3342" s="2" t="s">
        <v>36277</v>
      </c>
      <c r="F3342" s="8">
        <v>322</v>
      </c>
      <c r="G3342" s="5">
        <v>6</v>
      </c>
      <c r="H3342" s="5" t="s">
        <v>1518</v>
      </c>
      <c r="I3342" s="5" t="s">
        <v>36264</v>
      </c>
      <c r="J3342" s="2" t="s">
        <v>36265</v>
      </c>
      <c r="K3342" s="5" t="s">
        <v>36264</v>
      </c>
      <c r="L3342" s="2" t="s">
        <v>36265</v>
      </c>
      <c r="M3342" s="5" t="s">
        <v>36266</v>
      </c>
      <c r="N3342" s="5" t="s">
        <v>38</v>
      </c>
      <c r="O3342" s="5" t="s">
        <v>39</v>
      </c>
      <c r="P3342" s="5" t="s">
        <v>40</v>
      </c>
      <c r="Q3342" s="5" t="s">
        <v>1522</v>
      </c>
      <c r="R3342" s="5" t="s">
        <v>1523</v>
      </c>
      <c r="S3342" s="5" t="s">
        <v>42</v>
      </c>
      <c r="T3342" s="2">
        <v>3.573</v>
      </c>
      <c r="U3342" s="2">
        <v>2.9950000000000001</v>
      </c>
      <c r="V3342" s="2">
        <v>1.7999999999999999E-2</v>
      </c>
      <c r="W3342" s="2">
        <v>139.1</v>
      </c>
      <c r="X3342" s="2">
        <v>7.6</v>
      </c>
      <c r="Y3342" s="2">
        <v>16.7</v>
      </c>
      <c r="Z3342" s="5"/>
      <c r="AA3342" s="5" t="s">
        <v>43</v>
      </c>
      <c r="AB3342" s="5" t="s">
        <v>44</v>
      </c>
      <c r="AC3342" s="2"/>
      <c r="AD3342" s="1"/>
    </row>
    <row r="3343" spans="1:30">
      <c r="A3343" s="5" t="s">
        <v>83578</v>
      </c>
      <c r="B3343" s="2" t="s">
        <v>93631</v>
      </c>
      <c r="C3343" s="14" t="s">
        <v>93632</v>
      </c>
      <c r="D3343" s="2" t="s">
        <v>93633</v>
      </c>
      <c r="E3343" s="2" t="s">
        <v>36285</v>
      </c>
      <c r="F3343" s="8">
        <v>350</v>
      </c>
      <c r="G3343" s="5">
        <v>6</v>
      </c>
      <c r="H3343" s="5" t="s">
        <v>1518</v>
      </c>
      <c r="I3343" s="5" t="s">
        <v>36264</v>
      </c>
      <c r="J3343" s="2" t="s">
        <v>36265</v>
      </c>
      <c r="K3343" s="5" t="s">
        <v>36264</v>
      </c>
      <c r="L3343" s="2" t="s">
        <v>36265</v>
      </c>
      <c r="M3343" s="5" t="s">
        <v>36266</v>
      </c>
      <c r="N3343" s="5" t="s">
        <v>38</v>
      </c>
      <c r="O3343" s="5" t="s">
        <v>39</v>
      </c>
      <c r="P3343" s="5" t="s">
        <v>40</v>
      </c>
      <c r="Q3343" s="5" t="s">
        <v>1522</v>
      </c>
      <c r="R3343" s="5" t="s">
        <v>1523</v>
      </c>
      <c r="S3343" s="5" t="s">
        <v>42</v>
      </c>
      <c r="T3343" s="2">
        <v>3.573</v>
      </c>
      <c r="U3343" s="2">
        <v>2.9950000000000001</v>
      </c>
      <c r="V3343" s="2">
        <v>1.7999999999999999E-2</v>
      </c>
      <c r="W3343" s="2">
        <v>139.1</v>
      </c>
      <c r="X3343" s="2">
        <v>7.6</v>
      </c>
      <c r="Y3343" s="2">
        <v>16.7</v>
      </c>
      <c r="Z3343" s="5"/>
      <c r="AA3343" s="5" t="s">
        <v>43</v>
      </c>
      <c r="AB3343" s="5" t="s">
        <v>44</v>
      </c>
      <c r="AC3343" s="2"/>
      <c r="AD3343" s="1"/>
    </row>
    <row r="3344" spans="1:30">
      <c r="A3344" s="5" t="s">
        <v>83578</v>
      </c>
      <c r="B3344" s="2" t="s">
        <v>93634</v>
      </c>
      <c r="C3344" s="14" t="s">
        <v>93635</v>
      </c>
      <c r="D3344" s="2" t="s">
        <v>93636</v>
      </c>
      <c r="E3344" s="2" t="s">
        <v>36289</v>
      </c>
      <c r="F3344" s="8">
        <v>350</v>
      </c>
      <c r="G3344" s="5">
        <v>6</v>
      </c>
      <c r="H3344" s="5" t="s">
        <v>1518</v>
      </c>
      <c r="I3344" s="5" t="s">
        <v>36264</v>
      </c>
      <c r="J3344" s="2" t="s">
        <v>36265</v>
      </c>
      <c r="K3344" s="5" t="s">
        <v>36264</v>
      </c>
      <c r="L3344" s="2" t="s">
        <v>36265</v>
      </c>
      <c r="M3344" s="5" t="s">
        <v>36266</v>
      </c>
      <c r="N3344" s="5" t="s">
        <v>38</v>
      </c>
      <c r="O3344" s="5" t="s">
        <v>39</v>
      </c>
      <c r="P3344" s="5" t="s">
        <v>40</v>
      </c>
      <c r="Q3344" s="5" t="s">
        <v>1522</v>
      </c>
      <c r="R3344" s="5" t="s">
        <v>1523</v>
      </c>
      <c r="S3344" s="5" t="s">
        <v>42</v>
      </c>
      <c r="T3344" s="2">
        <v>3.4630000000000001</v>
      </c>
      <c r="U3344" s="2">
        <v>2.8849999999999998</v>
      </c>
      <c r="V3344" s="2">
        <v>1.7999999999999999E-2</v>
      </c>
      <c r="W3344" s="2">
        <v>139.1</v>
      </c>
      <c r="X3344" s="2">
        <v>7.6</v>
      </c>
      <c r="Y3344" s="2">
        <v>16.7</v>
      </c>
      <c r="Z3344" s="5"/>
      <c r="AA3344" s="5" t="s">
        <v>43</v>
      </c>
      <c r="AB3344" s="5" t="s">
        <v>44</v>
      </c>
      <c r="AC3344" s="2"/>
      <c r="AD3344" s="1"/>
    </row>
    <row r="3345" spans="1:30">
      <c r="A3345" s="5" t="s">
        <v>83578</v>
      </c>
      <c r="B3345" s="2" t="s">
        <v>93637</v>
      </c>
      <c r="C3345" s="14" t="s">
        <v>93638</v>
      </c>
      <c r="D3345" s="2" t="s">
        <v>93639</v>
      </c>
      <c r="E3345" s="2" t="s">
        <v>36293</v>
      </c>
      <c r="F3345" s="8">
        <v>350</v>
      </c>
      <c r="G3345" s="5">
        <v>6</v>
      </c>
      <c r="H3345" s="5" t="s">
        <v>1518</v>
      </c>
      <c r="I3345" s="5" t="s">
        <v>36264</v>
      </c>
      <c r="J3345" s="2" t="s">
        <v>36265</v>
      </c>
      <c r="K3345" s="5" t="s">
        <v>36264</v>
      </c>
      <c r="L3345" s="2" t="s">
        <v>36265</v>
      </c>
      <c r="M3345" s="5" t="s">
        <v>36266</v>
      </c>
      <c r="N3345" s="5" t="s">
        <v>38</v>
      </c>
      <c r="O3345" s="5" t="s">
        <v>39</v>
      </c>
      <c r="P3345" s="5" t="s">
        <v>40</v>
      </c>
      <c r="Q3345" s="5" t="s">
        <v>1522</v>
      </c>
      <c r="R3345" s="5" t="s">
        <v>1523</v>
      </c>
      <c r="S3345" s="5" t="s">
        <v>42</v>
      </c>
      <c r="T3345" s="2">
        <v>3.573</v>
      </c>
      <c r="U3345" s="2">
        <v>2.9950000000000001</v>
      </c>
      <c r="V3345" s="2">
        <v>1.7999999999999999E-2</v>
      </c>
      <c r="W3345" s="2">
        <v>139.1</v>
      </c>
      <c r="X3345" s="2">
        <v>7.6</v>
      </c>
      <c r="Y3345" s="2">
        <v>16.7</v>
      </c>
      <c r="Z3345" s="5"/>
      <c r="AA3345" s="5" t="s">
        <v>43</v>
      </c>
      <c r="AB3345" s="5" t="s">
        <v>44</v>
      </c>
      <c r="AC3345" s="2"/>
      <c r="AD3345" s="1"/>
    </row>
    <row r="3346" spans="1:30">
      <c r="A3346" s="5" t="s">
        <v>83578</v>
      </c>
      <c r="B3346" s="2" t="s">
        <v>93640</v>
      </c>
      <c r="C3346" s="14" t="s">
        <v>93641</v>
      </c>
      <c r="D3346" s="2" t="s">
        <v>93642</v>
      </c>
      <c r="E3346" s="2" t="s">
        <v>36297</v>
      </c>
      <c r="F3346" s="8">
        <v>322</v>
      </c>
      <c r="G3346" s="5">
        <v>6</v>
      </c>
      <c r="H3346" s="5" t="s">
        <v>1518</v>
      </c>
      <c r="I3346" s="5" t="s">
        <v>36264</v>
      </c>
      <c r="J3346" s="2" t="s">
        <v>36265</v>
      </c>
      <c r="K3346" s="5" t="s">
        <v>36264</v>
      </c>
      <c r="L3346" s="2" t="s">
        <v>36265</v>
      </c>
      <c r="M3346" s="5" t="s">
        <v>36266</v>
      </c>
      <c r="N3346" s="5" t="s">
        <v>38</v>
      </c>
      <c r="O3346" s="5" t="s">
        <v>39</v>
      </c>
      <c r="P3346" s="5" t="s">
        <v>40</v>
      </c>
      <c r="Q3346" s="5" t="s">
        <v>1522</v>
      </c>
      <c r="R3346" s="5" t="s">
        <v>1523</v>
      </c>
      <c r="S3346" s="5" t="s">
        <v>42</v>
      </c>
      <c r="T3346" s="2">
        <v>3.4630000000000001</v>
      </c>
      <c r="U3346" s="2">
        <v>2.8849999999999998</v>
      </c>
      <c r="V3346" s="2">
        <v>1.7999999999999999E-2</v>
      </c>
      <c r="W3346" s="2">
        <v>139.1</v>
      </c>
      <c r="X3346" s="2">
        <v>7.6</v>
      </c>
      <c r="Y3346" s="2">
        <v>16.7</v>
      </c>
      <c r="Z3346" s="5"/>
      <c r="AA3346" s="5" t="s">
        <v>43</v>
      </c>
      <c r="AB3346" s="5" t="s">
        <v>44</v>
      </c>
      <c r="AC3346" s="2"/>
      <c r="AD3346" s="1"/>
    </row>
    <row r="3347" spans="1:30">
      <c r="A3347" s="5" t="s">
        <v>83578</v>
      </c>
      <c r="B3347" s="2" t="s">
        <v>93643</v>
      </c>
      <c r="C3347" s="14" t="s">
        <v>93644</v>
      </c>
      <c r="D3347" s="2" t="s">
        <v>93645</v>
      </c>
      <c r="E3347" s="2" t="s">
        <v>36305</v>
      </c>
      <c r="F3347" s="8">
        <v>322</v>
      </c>
      <c r="G3347" s="5">
        <v>6</v>
      </c>
      <c r="H3347" s="5" t="s">
        <v>1518</v>
      </c>
      <c r="I3347" s="5" t="s">
        <v>36264</v>
      </c>
      <c r="J3347" s="2" t="s">
        <v>36265</v>
      </c>
      <c r="K3347" s="5" t="s">
        <v>36264</v>
      </c>
      <c r="L3347" s="2" t="s">
        <v>36265</v>
      </c>
      <c r="M3347" s="5" t="s">
        <v>36266</v>
      </c>
      <c r="N3347" s="5" t="s">
        <v>38</v>
      </c>
      <c r="O3347" s="5" t="s">
        <v>39</v>
      </c>
      <c r="P3347" s="5" t="s">
        <v>40</v>
      </c>
      <c r="Q3347" s="5" t="s">
        <v>1522</v>
      </c>
      <c r="R3347" s="5" t="s">
        <v>1523</v>
      </c>
      <c r="S3347" s="5" t="s">
        <v>42</v>
      </c>
      <c r="T3347" s="2">
        <v>3.4630000000000001</v>
      </c>
      <c r="U3347" s="2">
        <v>2.8849999999999998</v>
      </c>
      <c r="V3347" s="2">
        <v>1.7999999999999999E-2</v>
      </c>
      <c r="W3347" s="2">
        <v>139.1</v>
      </c>
      <c r="X3347" s="2">
        <v>7.6</v>
      </c>
      <c r="Y3347" s="2">
        <v>16.7</v>
      </c>
      <c r="Z3347" s="5"/>
      <c r="AA3347" s="5" t="s">
        <v>43</v>
      </c>
      <c r="AB3347" s="5" t="s">
        <v>44</v>
      </c>
      <c r="AC3347" s="2"/>
      <c r="AD3347" s="1"/>
    </row>
    <row r="3348" spans="1:30">
      <c r="A3348" s="5" t="s">
        <v>83578</v>
      </c>
      <c r="B3348" s="2" t="s">
        <v>93646</v>
      </c>
      <c r="C3348" s="14" t="s">
        <v>93647</v>
      </c>
      <c r="D3348" s="2" t="s">
        <v>93648</v>
      </c>
      <c r="E3348" s="2" t="s">
        <v>36313</v>
      </c>
      <c r="F3348" s="8">
        <v>350</v>
      </c>
      <c r="G3348" s="5">
        <v>6</v>
      </c>
      <c r="H3348" s="5" t="s">
        <v>1518</v>
      </c>
      <c r="I3348" s="5" t="s">
        <v>36264</v>
      </c>
      <c r="J3348" s="2" t="s">
        <v>36265</v>
      </c>
      <c r="K3348" s="5" t="s">
        <v>36264</v>
      </c>
      <c r="L3348" s="2" t="s">
        <v>36265</v>
      </c>
      <c r="M3348" s="5" t="s">
        <v>36266</v>
      </c>
      <c r="N3348" s="5" t="s">
        <v>38</v>
      </c>
      <c r="O3348" s="5" t="s">
        <v>39</v>
      </c>
      <c r="P3348" s="5" t="s">
        <v>40</v>
      </c>
      <c r="Q3348" s="5" t="s">
        <v>1522</v>
      </c>
      <c r="R3348" s="5" t="s">
        <v>1523</v>
      </c>
      <c r="S3348" s="5" t="s">
        <v>42</v>
      </c>
      <c r="T3348" s="2">
        <v>3.4630000000000001</v>
      </c>
      <c r="U3348" s="2">
        <v>2.8849999999999998</v>
      </c>
      <c r="V3348" s="2">
        <v>1.7999999999999999E-2</v>
      </c>
      <c r="W3348" s="2">
        <v>139.1</v>
      </c>
      <c r="X3348" s="2">
        <v>7.6</v>
      </c>
      <c r="Y3348" s="2">
        <v>16.7</v>
      </c>
      <c r="Z3348" s="5"/>
      <c r="AA3348" s="5" t="s">
        <v>43</v>
      </c>
      <c r="AB3348" s="5" t="s">
        <v>44</v>
      </c>
      <c r="AC3348" s="2"/>
      <c r="AD3348" s="1"/>
    </row>
    <row r="3349" spans="1:30">
      <c r="A3349" s="5" t="s">
        <v>83578</v>
      </c>
      <c r="B3349" s="2" t="s">
        <v>93649</v>
      </c>
      <c r="C3349" s="14" t="s">
        <v>93650</v>
      </c>
      <c r="D3349" s="2" t="s">
        <v>93651</v>
      </c>
      <c r="E3349" s="2" t="s">
        <v>36317</v>
      </c>
      <c r="F3349" s="8">
        <v>350</v>
      </c>
      <c r="G3349" s="5">
        <v>6</v>
      </c>
      <c r="H3349" s="5" t="s">
        <v>1518</v>
      </c>
      <c r="I3349" s="5" t="s">
        <v>36264</v>
      </c>
      <c r="J3349" s="2" t="s">
        <v>36265</v>
      </c>
      <c r="K3349" s="5" t="s">
        <v>36264</v>
      </c>
      <c r="L3349" s="2" t="s">
        <v>36265</v>
      </c>
      <c r="M3349" s="5" t="s">
        <v>36266</v>
      </c>
      <c r="N3349" s="5" t="s">
        <v>38</v>
      </c>
      <c r="O3349" s="5" t="s">
        <v>39</v>
      </c>
      <c r="P3349" s="5" t="s">
        <v>40</v>
      </c>
      <c r="Q3349" s="5" t="s">
        <v>1522</v>
      </c>
      <c r="R3349" s="5" t="s">
        <v>1523</v>
      </c>
      <c r="S3349" s="5" t="s">
        <v>42</v>
      </c>
      <c r="T3349" s="2">
        <v>3.573</v>
      </c>
      <c r="U3349" s="2">
        <v>2.9950000000000001</v>
      </c>
      <c r="V3349" s="2">
        <v>1.7999999999999999E-2</v>
      </c>
      <c r="W3349" s="2">
        <v>139.1</v>
      </c>
      <c r="X3349" s="2">
        <v>7.6</v>
      </c>
      <c r="Y3349" s="2">
        <v>16.7</v>
      </c>
      <c r="Z3349" s="5"/>
      <c r="AA3349" s="5" t="s">
        <v>43</v>
      </c>
      <c r="AB3349" s="5" t="s">
        <v>44</v>
      </c>
      <c r="AC3349" s="2"/>
      <c r="AD3349" s="1"/>
    </row>
    <row r="3350" spans="1:30">
      <c r="A3350" s="5" t="s">
        <v>83578</v>
      </c>
      <c r="B3350" s="2" t="s">
        <v>93652</v>
      </c>
      <c r="C3350" s="14" t="s">
        <v>93653</v>
      </c>
      <c r="D3350" s="2" t="s">
        <v>93654</v>
      </c>
      <c r="E3350" s="2" t="s">
        <v>36321</v>
      </c>
      <c r="F3350" s="8">
        <v>350</v>
      </c>
      <c r="G3350" s="5">
        <v>6</v>
      </c>
      <c r="H3350" s="5" t="s">
        <v>1518</v>
      </c>
      <c r="I3350" s="5" t="s">
        <v>36264</v>
      </c>
      <c r="J3350" s="2" t="s">
        <v>36265</v>
      </c>
      <c r="K3350" s="5" t="s">
        <v>36264</v>
      </c>
      <c r="L3350" s="2" t="s">
        <v>36265</v>
      </c>
      <c r="M3350" s="5" t="s">
        <v>36266</v>
      </c>
      <c r="N3350" s="5" t="s">
        <v>38</v>
      </c>
      <c r="O3350" s="5" t="s">
        <v>39</v>
      </c>
      <c r="P3350" s="5" t="s">
        <v>40</v>
      </c>
      <c r="Q3350" s="5" t="s">
        <v>1522</v>
      </c>
      <c r="R3350" s="5" t="s">
        <v>1523</v>
      </c>
      <c r="S3350" s="5" t="s">
        <v>42</v>
      </c>
      <c r="T3350" s="2">
        <v>3.4630000000000001</v>
      </c>
      <c r="U3350" s="2">
        <v>2.8849999999999998</v>
      </c>
      <c r="V3350" s="2">
        <v>1.7999999999999999E-2</v>
      </c>
      <c r="W3350" s="2">
        <v>139.1</v>
      </c>
      <c r="X3350" s="2">
        <v>7.6</v>
      </c>
      <c r="Y3350" s="2">
        <v>16.7</v>
      </c>
      <c r="Z3350" s="5"/>
      <c r="AA3350" s="5" t="s">
        <v>43</v>
      </c>
      <c r="AB3350" s="5" t="s">
        <v>44</v>
      </c>
      <c r="AC3350" s="2"/>
      <c r="AD3350" s="1"/>
    </row>
    <row r="3351" spans="1:30">
      <c r="A3351" s="5" t="s">
        <v>83578</v>
      </c>
      <c r="B3351" s="2" t="s">
        <v>93655</v>
      </c>
      <c r="C3351" s="14" t="s">
        <v>93656</v>
      </c>
      <c r="D3351" s="2" t="s">
        <v>93657</v>
      </c>
      <c r="E3351" s="2" t="s">
        <v>36325</v>
      </c>
      <c r="F3351" s="8">
        <v>350</v>
      </c>
      <c r="G3351" s="5">
        <v>6</v>
      </c>
      <c r="H3351" s="5" t="s">
        <v>1518</v>
      </c>
      <c r="I3351" s="5" t="s">
        <v>36264</v>
      </c>
      <c r="J3351" s="2" t="s">
        <v>36265</v>
      </c>
      <c r="K3351" s="5" t="s">
        <v>36264</v>
      </c>
      <c r="L3351" s="2" t="s">
        <v>36265</v>
      </c>
      <c r="M3351" s="5" t="s">
        <v>36266</v>
      </c>
      <c r="N3351" s="5" t="s">
        <v>38</v>
      </c>
      <c r="O3351" s="5" t="s">
        <v>39</v>
      </c>
      <c r="P3351" s="5" t="s">
        <v>40</v>
      </c>
      <c r="Q3351" s="5" t="s">
        <v>1522</v>
      </c>
      <c r="R3351" s="5" t="s">
        <v>1523</v>
      </c>
      <c r="S3351" s="5" t="s">
        <v>42</v>
      </c>
      <c r="T3351" s="2">
        <v>3.573</v>
      </c>
      <c r="U3351" s="2">
        <v>2.9950000000000001</v>
      </c>
      <c r="V3351" s="2">
        <v>1.7999999999999999E-2</v>
      </c>
      <c r="W3351" s="2">
        <v>139.1</v>
      </c>
      <c r="X3351" s="2">
        <v>7.6</v>
      </c>
      <c r="Y3351" s="2">
        <v>16.7</v>
      </c>
      <c r="Z3351" s="5"/>
      <c r="AA3351" s="5" t="s">
        <v>43</v>
      </c>
      <c r="AB3351" s="5" t="s">
        <v>44</v>
      </c>
      <c r="AC3351" s="2"/>
      <c r="AD3351" s="1"/>
    </row>
    <row r="3352" spans="1:30">
      <c r="A3352" s="5" t="s">
        <v>83578</v>
      </c>
      <c r="B3352" s="2" t="s">
        <v>93658</v>
      </c>
      <c r="C3352" s="14" t="s">
        <v>93659</v>
      </c>
      <c r="D3352" s="2" t="s">
        <v>93660</v>
      </c>
      <c r="E3352" s="2" t="s">
        <v>36329</v>
      </c>
      <c r="F3352" s="8">
        <v>350</v>
      </c>
      <c r="G3352" s="5">
        <v>6</v>
      </c>
      <c r="H3352" s="5" t="s">
        <v>1518</v>
      </c>
      <c r="I3352" s="5" t="s">
        <v>36264</v>
      </c>
      <c r="J3352" s="2" t="s">
        <v>36265</v>
      </c>
      <c r="K3352" s="5" t="s">
        <v>36264</v>
      </c>
      <c r="L3352" s="2" t="s">
        <v>36265</v>
      </c>
      <c r="M3352" s="5" t="s">
        <v>36266</v>
      </c>
      <c r="N3352" s="5" t="s">
        <v>38</v>
      </c>
      <c r="O3352" s="5" t="s">
        <v>39</v>
      </c>
      <c r="P3352" s="5" t="s">
        <v>40</v>
      </c>
      <c r="Q3352" s="5" t="s">
        <v>1522</v>
      </c>
      <c r="R3352" s="5" t="s">
        <v>1523</v>
      </c>
      <c r="S3352" s="5" t="s">
        <v>42</v>
      </c>
      <c r="T3352" s="2">
        <v>3.4630000000000001</v>
      </c>
      <c r="U3352" s="2">
        <v>2.8849999999999998</v>
      </c>
      <c r="V3352" s="2">
        <v>1.7999999999999999E-2</v>
      </c>
      <c r="W3352" s="2">
        <v>139.1</v>
      </c>
      <c r="X3352" s="2">
        <v>7.6</v>
      </c>
      <c r="Y3352" s="2">
        <v>16.7</v>
      </c>
      <c r="Z3352" s="5"/>
      <c r="AA3352" s="5" t="s">
        <v>43</v>
      </c>
      <c r="AB3352" s="5" t="s">
        <v>44</v>
      </c>
      <c r="AC3352" s="2"/>
      <c r="AD3352" s="1"/>
    </row>
    <row r="3353" spans="1:30">
      <c r="A3353" s="5" t="s">
        <v>83578</v>
      </c>
      <c r="B3353" s="2" t="s">
        <v>93661</v>
      </c>
      <c r="C3353" s="14" t="s">
        <v>93662</v>
      </c>
      <c r="D3353" s="2" t="s">
        <v>93663</v>
      </c>
      <c r="E3353" s="2" t="s">
        <v>36333</v>
      </c>
      <c r="F3353" s="8">
        <v>350</v>
      </c>
      <c r="G3353" s="5">
        <v>6</v>
      </c>
      <c r="H3353" s="5" t="s">
        <v>1518</v>
      </c>
      <c r="I3353" s="5" t="s">
        <v>36264</v>
      </c>
      <c r="J3353" s="2" t="s">
        <v>36265</v>
      </c>
      <c r="K3353" s="5" t="s">
        <v>36264</v>
      </c>
      <c r="L3353" s="2" t="s">
        <v>36265</v>
      </c>
      <c r="M3353" s="5" t="s">
        <v>36266</v>
      </c>
      <c r="N3353" s="5" t="s">
        <v>38</v>
      </c>
      <c r="O3353" s="5" t="s">
        <v>39</v>
      </c>
      <c r="P3353" s="5" t="s">
        <v>40</v>
      </c>
      <c r="Q3353" s="5" t="s">
        <v>1522</v>
      </c>
      <c r="R3353" s="5" t="s">
        <v>1523</v>
      </c>
      <c r="S3353" s="5" t="s">
        <v>42</v>
      </c>
      <c r="T3353" s="2">
        <v>3.573</v>
      </c>
      <c r="U3353" s="2">
        <v>2.9950000000000001</v>
      </c>
      <c r="V3353" s="2">
        <v>1.7999999999999999E-2</v>
      </c>
      <c r="W3353" s="2">
        <v>139.1</v>
      </c>
      <c r="X3353" s="2">
        <v>7.6</v>
      </c>
      <c r="Y3353" s="2">
        <v>16.7</v>
      </c>
      <c r="Z3353" s="5"/>
      <c r="AA3353" s="5" t="s">
        <v>43</v>
      </c>
      <c r="AB3353" s="5" t="s">
        <v>44</v>
      </c>
      <c r="AC3353" s="2"/>
      <c r="AD3353" s="1"/>
    </row>
    <row r="3354" spans="1:30">
      <c r="A3354" s="5" t="s">
        <v>83578</v>
      </c>
      <c r="B3354" s="2" t="s">
        <v>93664</v>
      </c>
      <c r="C3354" s="14" t="s">
        <v>93665</v>
      </c>
      <c r="D3354" s="2" t="s">
        <v>93666</v>
      </c>
      <c r="E3354" s="2" t="s">
        <v>36337</v>
      </c>
      <c r="F3354" s="8">
        <v>350</v>
      </c>
      <c r="G3354" s="5">
        <v>6</v>
      </c>
      <c r="H3354" s="5" t="s">
        <v>1518</v>
      </c>
      <c r="I3354" s="5" t="s">
        <v>36264</v>
      </c>
      <c r="J3354" s="2" t="s">
        <v>36265</v>
      </c>
      <c r="K3354" s="5" t="s">
        <v>36264</v>
      </c>
      <c r="L3354" s="2" t="s">
        <v>36265</v>
      </c>
      <c r="M3354" s="5" t="s">
        <v>36266</v>
      </c>
      <c r="N3354" s="5" t="s">
        <v>38</v>
      </c>
      <c r="O3354" s="5" t="s">
        <v>39</v>
      </c>
      <c r="P3354" s="5" t="s">
        <v>40</v>
      </c>
      <c r="Q3354" s="5" t="s">
        <v>1522</v>
      </c>
      <c r="R3354" s="5" t="s">
        <v>1523</v>
      </c>
      <c r="S3354" s="5" t="s">
        <v>42</v>
      </c>
      <c r="T3354" s="2">
        <v>3.4630000000000001</v>
      </c>
      <c r="U3354" s="2">
        <v>2.8849999999999998</v>
      </c>
      <c r="V3354" s="2">
        <v>1.7999999999999999E-2</v>
      </c>
      <c r="W3354" s="2">
        <v>139.1</v>
      </c>
      <c r="X3354" s="2">
        <v>7.6</v>
      </c>
      <c r="Y3354" s="2">
        <v>16.7</v>
      </c>
      <c r="Z3354" s="5"/>
      <c r="AA3354" s="5" t="s">
        <v>43</v>
      </c>
      <c r="AB3354" s="5" t="s">
        <v>44</v>
      </c>
      <c r="AC3354" s="2"/>
      <c r="AD3354" s="1"/>
    </row>
    <row r="3355" spans="1:30">
      <c r="A3355" s="5" t="s">
        <v>83578</v>
      </c>
      <c r="B3355" s="2" t="s">
        <v>93667</v>
      </c>
      <c r="C3355" s="14" t="s">
        <v>93668</v>
      </c>
      <c r="D3355" s="2" t="s">
        <v>93669</v>
      </c>
      <c r="E3355" s="2" t="s">
        <v>36341</v>
      </c>
      <c r="F3355" s="8">
        <v>350</v>
      </c>
      <c r="G3355" s="5">
        <v>6</v>
      </c>
      <c r="H3355" s="5" t="s">
        <v>1518</v>
      </c>
      <c r="I3355" s="5" t="s">
        <v>36264</v>
      </c>
      <c r="J3355" s="2" t="s">
        <v>36265</v>
      </c>
      <c r="K3355" s="5" t="s">
        <v>36264</v>
      </c>
      <c r="L3355" s="2" t="s">
        <v>36265</v>
      </c>
      <c r="M3355" s="5" t="s">
        <v>36266</v>
      </c>
      <c r="N3355" s="5" t="s">
        <v>38</v>
      </c>
      <c r="O3355" s="5" t="s">
        <v>39</v>
      </c>
      <c r="P3355" s="5" t="s">
        <v>40</v>
      </c>
      <c r="Q3355" s="5" t="s">
        <v>1522</v>
      </c>
      <c r="R3355" s="5" t="s">
        <v>1523</v>
      </c>
      <c r="S3355" s="5" t="s">
        <v>42</v>
      </c>
      <c r="T3355" s="2">
        <v>3.573</v>
      </c>
      <c r="U3355" s="2">
        <v>2.9950000000000001</v>
      </c>
      <c r="V3355" s="2">
        <v>1.7999999999999999E-2</v>
      </c>
      <c r="W3355" s="2">
        <v>139.1</v>
      </c>
      <c r="X3355" s="2">
        <v>7.6</v>
      </c>
      <c r="Y3355" s="2">
        <v>16.7</v>
      </c>
      <c r="Z3355" s="5"/>
      <c r="AA3355" s="5" t="s">
        <v>43</v>
      </c>
      <c r="AB3355" s="5" t="s">
        <v>44</v>
      </c>
      <c r="AC3355" s="2"/>
      <c r="AD3355" s="1"/>
    </row>
    <row r="3356" spans="1:30">
      <c r="A3356" s="5" t="s">
        <v>83578</v>
      </c>
      <c r="B3356" s="2" t="s">
        <v>93670</v>
      </c>
      <c r="C3356" s="14" t="s">
        <v>93671</v>
      </c>
      <c r="D3356" s="2" t="s">
        <v>93672</v>
      </c>
      <c r="E3356" s="2" t="s">
        <v>36345</v>
      </c>
      <c r="F3356" s="8">
        <v>350</v>
      </c>
      <c r="G3356" s="5">
        <v>6</v>
      </c>
      <c r="H3356" s="5" t="s">
        <v>1518</v>
      </c>
      <c r="I3356" s="5" t="s">
        <v>36264</v>
      </c>
      <c r="J3356" s="2" t="s">
        <v>36265</v>
      </c>
      <c r="K3356" s="5" t="s">
        <v>36264</v>
      </c>
      <c r="L3356" s="2" t="s">
        <v>36265</v>
      </c>
      <c r="M3356" s="5" t="s">
        <v>36266</v>
      </c>
      <c r="N3356" s="5" t="s">
        <v>38</v>
      </c>
      <c r="O3356" s="5" t="s">
        <v>39</v>
      </c>
      <c r="P3356" s="5" t="s">
        <v>40</v>
      </c>
      <c r="Q3356" s="5" t="s">
        <v>1522</v>
      </c>
      <c r="R3356" s="5" t="s">
        <v>1523</v>
      </c>
      <c r="S3356" s="5" t="s">
        <v>42</v>
      </c>
      <c r="T3356" s="2">
        <v>3.4630000000000001</v>
      </c>
      <c r="U3356" s="2">
        <v>2.8849999999999998</v>
      </c>
      <c r="V3356" s="2">
        <v>1.7999999999999999E-2</v>
      </c>
      <c r="W3356" s="2">
        <v>139.1</v>
      </c>
      <c r="X3356" s="2">
        <v>7.6</v>
      </c>
      <c r="Y3356" s="2">
        <v>16.7</v>
      </c>
      <c r="Z3356" s="5"/>
      <c r="AA3356" s="5" t="s">
        <v>43</v>
      </c>
      <c r="AB3356" s="5" t="s">
        <v>44</v>
      </c>
      <c r="AC3356" s="2"/>
      <c r="AD3356" s="1"/>
    </row>
    <row r="3357" spans="1:30">
      <c r="A3357" s="5" t="s">
        <v>83578</v>
      </c>
      <c r="B3357" s="2" t="s">
        <v>93673</v>
      </c>
      <c r="C3357" s="14" t="s">
        <v>93674</v>
      </c>
      <c r="D3357" s="2" t="s">
        <v>93675</v>
      </c>
      <c r="E3357" s="2" t="s">
        <v>36349</v>
      </c>
      <c r="F3357" s="8">
        <v>350</v>
      </c>
      <c r="G3357" s="5">
        <v>6</v>
      </c>
      <c r="H3357" s="5" t="s">
        <v>1518</v>
      </c>
      <c r="I3357" s="5" t="s">
        <v>36264</v>
      </c>
      <c r="J3357" s="2" t="s">
        <v>36265</v>
      </c>
      <c r="K3357" s="5" t="s">
        <v>36264</v>
      </c>
      <c r="L3357" s="2" t="s">
        <v>36265</v>
      </c>
      <c r="M3357" s="5" t="s">
        <v>36266</v>
      </c>
      <c r="N3357" s="5" t="s">
        <v>38</v>
      </c>
      <c r="O3357" s="5" t="s">
        <v>39</v>
      </c>
      <c r="P3357" s="5" t="s">
        <v>40</v>
      </c>
      <c r="Q3357" s="5" t="s">
        <v>1522</v>
      </c>
      <c r="R3357" s="5" t="s">
        <v>1523</v>
      </c>
      <c r="S3357" s="5" t="s">
        <v>42</v>
      </c>
      <c r="T3357" s="2">
        <v>3.573</v>
      </c>
      <c r="U3357" s="2">
        <v>2.9950000000000001</v>
      </c>
      <c r="V3357" s="2">
        <v>1.7999999999999999E-2</v>
      </c>
      <c r="W3357" s="2">
        <v>139.1</v>
      </c>
      <c r="X3357" s="2">
        <v>7.6</v>
      </c>
      <c r="Y3357" s="2">
        <v>16.7</v>
      </c>
      <c r="Z3357" s="5"/>
      <c r="AA3357" s="5" t="s">
        <v>43</v>
      </c>
      <c r="AB3357" s="5" t="s">
        <v>44</v>
      </c>
      <c r="AC3357" s="2"/>
      <c r="AD3357" s="1"/>
    </row>
    <row r="3358" spans="1:30">
      <c r="A3358" s="5" t="s">
        <v>83578</v>
      </c>
      <c r="B3358" s="2" t="s">
        <v>93676</v>
      </c>
      <c r="C3358" s="14" t="s">
        <v>93677</v>
      </c>
      <c r="D3358" s="2" t="s">
        <v>93678</v>
      </c>
      <c r="E3358" s="2" t="s">
        <v>36353</v>
      </c>
      <c r="F3358" s="8">
        <v>350</v>
      </c>
      <c r="G3358" s="5">
        <v>6</v>
      </c>
      <c r="H3358" s="5" t="s">
        <v>1518</v>
      </c>
      <c r="I3358" s="5" t="s">
        <v>36264</v>
      </c>
      <c r="J3358" s="2" t="s">
        <v>36265</v>
      </c>
      <c r="K3358" s="5" t="s">
        <v>36264</v>
      </c>
      <c r="L3358" s="2" t="s">
        <v>36265</v>
      </c>
      <c r="M3358" s="5" t="s">
        <v>36266</v>
      </c>
      <c r="N3358" s="5" t="s">
        <v>38</v>
      </c>
      <c r="O3358" s="5" t="s">
        <v>39</v>
      </c>
      <c r="P3358" s="5" t="s">
        <v>40</v>
      </c>
      <c r="Q3358" s="5" t="s">
        <v>1522</v>
      </c>
      <c r="R3358" s="5" t="s">
        <v>1523</v>
      </c>
      <c r="S3358" s="5" t="s">
        <v>42</v>
      </c>
      <c r="T3358" s="2">
        <v>3.4630000000000001</v>
      </c>
      <c r="U3358" s="2">
        <v>2.8849999999999998</v>
      </c>
      <c r="V3358" s="2">
        <v>1.7999999999999999E-2</v>
      </c>
      <c r="W3358" s="2">
        <v>139.1</v>
      </c>
      <c r="X3358" s="2">
        <v>7.6</v>
      </c>
      <c r="Y3358" s="2">
        <v>16.7</v>
      </c>
      <c r="Z3358" s="5"/>
      <c r="AA3358" s="5" t="s">
        <v>43</v>
      </c>
      <c r="AB3358" s="5" t="s">
        <v>44</v>
      </c>
      <c r="AC3358" s="2"/>
      <c r="AD3358" s="1"/>
    </row>
    <row r="3359" spans="1:30">
      <c r="A3359" s="5" t="s">
        <v>83578</v>
      </c>
      <c r="B3359" s="2" t="s">
        <v>93679</v>
      </c>
      <c r="C3359" s="14" t="s">
        <v>93680</v>
      </c>
      <c r="D3359" s="2" t="s">
        <v>93681</v>
      </c>
      <c r="E3359" s="2" t="s">
        <v>36357</v>
      </c>
      <c r="F3359" s="8">
        <v>350</v>
      </c>
      <c r="G3359" s="5">
        <v>6</v>
      </c>
      <c r="H3359" s="5" t="s">
        <v>1518</v>
      </c>
      <c r="I3359" s="5" t="s">
        <v>36264</v>
      </c>
      <c r="J3359" s="2" t="s">
        <v>36265</v>
      </c>
      <c r="K3359" s="5" t="s">
        <v>36264</v>
      </c>
      <c r="L3359" s="2" t="s">
        <v>36265</v>
      </c>
      <c r="M3359" s="5" t="s">
        <v>36266</v>
      </c>
      <c r="N3359" s="5" t="s">
        <v>38</v>
      </c>
      <c r="O3359" s="5" t="s">
        <v>39</v>
      </c>
      <c r="P3359" s="5" t="s">
        <v>40</v>
      </c>
      <c r="Q3359" s="5" t="s">
        <v>1522</v>
      </c>
      <c r="R3359" s="5" t="s">
        <v>1523</v>
      </c>
      <c r="S3359" s="5" t="s">
        <v>42</v>
      </c>
      <c r="T3359" s="2">
        <v>3.573</v>
      </c>
      <c r="U3359" s="2">
        <v>2.9950000000000001</v>
      </c>
      <c r="V3359" s="2">
        <v>1.7999999999999999E-2</v>
      </c>
      <c r="W3359" s="2">
        <v>139.1</v>
      </c>
      <c r="X3359" s="2">
        <v>7.6</v>
      </c>
      <c r="Y3359" s="2">
        <v>16.7</v>
      </c>
      <c r="Z3359" s="5"/>
      <c r="AA3359" s="5" t="s">
        <v>43</v>
      </c>
      <c r="AB3359" s="5" t="s">
        <v>44</v>
      </c>
      <c r="AC3359" s="2"/>
      <c r="AD3359" s="1"/>
    </row>
    <row r="3360" spans="1:30">
      <c r="A3360" s="5" t="s">
        <v>83578</v>
      </c>
      <c r="B3360" s="2" t="s">
        <v>93682</v>
      </c>
      <c r="C3360" s="14" t="s">
        <v>93683</v>
      </c>
      <c r="D3360" s="2" t="s">
        <v>93684</v>
      </c>
      <c r="E3360" s="2" t="s">
        <v>45598</v>
      </c>
      <c r="F3360" s="8">
        <v>350</v>
      </c>
      <c r="G3360" s="5">
        <v>6</v>
      </c>
      <c r="H3360" s="5" t="s">
        <v>1518</v>
      </c>
      <c r="I3360" s="5" t="s">
        <v>36264</v>
      </c>
      <c r="J3360" s="2" t="s">
        <v>36265</v>
      </c>
      <c r="K3360" s="5" t="s">
        <v>36264</v>
      </c>
      <c r="L3360" s="2" t="s">
        <v>36265</v>
      </c>
      <c r="M3360" s="5" t="s">
        <v>36266</v>
      </c>
      <c r="N3360" s="5" t="s">
        <v>38</v>
      </c>
      <c r="O3360" s="5" t="s">
        <v>39</v>
      </c>
      <c r="P3360" s="5" t="s">
        <v>40</v>
      </c>
      <c r="Q3360" s="5" t="s">
        <v>1522</v>
      </c>
      <c r="R3360" s="5" t="s">
        <v>1523</v>
      </c>
      <c r="S3360" s="5" t="s">
        <v>42</v>
      </c>
      <c r="T3360" s="2">
        <v>3.4630000000000001</v>
      </c>
      <c r="U3360" s="2">
        <v>2.8849999999999998</v>
      </c>
      <c r="V3360" s="2">
        <v>1.7999999999999999E-2</v>
      </c>
      <c r="W3360" s="2">
        <v>139.1</v>
      </c>
      <c r="X3360" s="2">
        <v>7.6</v>
      </c>
      <c r="Y3360" s="2">
        <v>16.7</v>
      </c>
      <c r="Z3360" s="5"/>
      <c r="AA3360" s="5" t="s">
        <v>43</v>
      </c>
      <c r="AB3360" s="5" t="s">
        <v>44</v>
      </c>
      <c r="AC3360" s="2"/>
      <c r="AD3360" s="1"/>
    </row>
    <row r="3361" spans="1:30">
      <c r="A3361" s="5" t="s">
        <v>83578</v>
      </c>
      <c r="B3361" s="2" t="s">
        <v>93685</v>
      </c>
      <c r="C3361" s="14" t="s">
        <v>93686</v>
      </c>
      <c r="D3361" s="2" t="s">
        <v>93687</v>
      </c>
      <c r="E3361" s="2" t="s">
        <v>45534</v>
      </c>
      <c r="F3361" s="8">
        <v>350</v>
      </c>
      <c r="G3361" s="5">
        <v>6</v>
      </c>
      <c r="H3361" s="5" t="s">
        <v>1518</v>
      </c>
      <c r="I3361" s="5" t="s">
        <v>36264</v>
      </c>
      <c r="J3361" s="2" t="s">
        <v>36265</v>
      </c>
      <c r="K3361" s="5" t="s">
        <v>36264</v>
      </c>
      <c r="L3361" s="2" t="s">
        <v>36265</v>
      </c>
      <c r="M3361" s="5" t="s">
        <v>36266</v>
      </c>
      <c r="N3361" s="5" t="s">
        <v>38</v>
      </c>
      <c r="O3361" s="5" t="s">
        <v>39</v>
      </c>
      <c r="P3361" s="5" t="s">
        <v>40</v>
      </c>
      <c r="Q3361" s="5" t="s">
        <v>1522</v>
      </c>
      <c r="R3361" s="5" t="s">
        <v>1523</v>
      </c>
      <c r="S3361" s="5" t="s">
        <v>42</v>
      </c>
      <c r="T3361" s="2">
        <v>3.573</v>
      </c>
      <c r="U3361" s="2">
        <v>2.9950000000000001</v>
      </c>
      <c r="V3361" s="2">
        <v>1.7999999999999999E-2</v>
      </c>
      <c r="W3361" s="2">
        <v>139.1</v>
      </c>
      <c r="X3361" s="2">
        <v>7.6</v>
      </c>
      <c r="Y3361" s="2">
        <v>16.7</v>
      </c>
      <c r="Z3361" s="5"/>
      <c r="AA3361" s="5" t="s">
        <v>43</v>
      </c>
      <c r="AB3361" s="5" t="s">
        <v>44</v>
      </c>
      <c r="AC3361" s="2"/>
      <c r="AD3361" s="1"/>
    </row>
    <row r="3362" spans="1:30">
      <c r="A3362" s="5" t="s">
        <v>83578</v>
      </c>
      <c r="B3362" s="2" t="s">
        <v>93688</v>
      </c>
      <c r="C3362" s="14" t="s">
        <v>93689</v>
      </c>
      <c r="D3362" s="2" t="s">
        <v>93690</v>
      </c>
      <c r="E3362" s="2" t="s">
        <v>36369</v>
      </c>
      <c r="F3362" s="8">
        <v>350</v>
      </c>
      <c r="G3362" s="5">
        <v>6</v>
      </c>
      <c r="H3362" s="5" t="s">
        <v>1518</v>
      </c>
      <c r="I3362" s="5" t="s">
        <v>36264</v>
      </c>
      <c r="J3362" s="2" t="s">
        <v>36265</v>
      </c>
      <c r="K3362" s="5" t="s">
        <v>36264</v>
      </c>
      <c r="L3362" s="2" t="s">
        <v>36265</v>
      </c>
      <c r="M3362" s="5" t="s">
        <v>36266</v>
      </c>
      <c r="N3362" s="5" t="s">
        <v>38</v>
      </c>
      <c r="O3362" s="5" t="s">
        <v>39</v>
      </c>
      <c r="P3362" s="5" t="s">
        <v>40</v>
      </c>
      <c r="Q3362" s="5" t="s">
        <v>1522</v>
      </c>
      <c r="R3362" s="5" t="s">
        <v>1523</v>
      </c>
      <c r="S3362" s="5" t="s">
        <v>42</v>
      </c>
      <c r="T3362" s="2">
        <v>3.4630000000000001</v>
      </c>
      <c r="U3362" s="2">
        <v>2.8849999999999998</v>
      </c>
      <c r="V3362" s="2">
        <v>1.7999999999999999E-2</v>
      </c>
      <c r="W3362" s="2">
        <v>139.1</v>
      </c>
      <c r="X3362" s="2">
        <v>7.6</v>
      </c>
      <c r="Y3362" s="2">
        <v>16.7</v>
      </c>
      <c r="Z3362" s="5"/>
      <c r="AA3362" s="5" t="s">
        <v>43</v>
      </c>
      <c r="AB3362" s="5" t="s">
        <v>44</v>
      </c>
      <c r="AC3362" s="2"/>
      <c r="AD3362" s="1"/>
    </row>
    <row r="3363" spans="1:30">
      <c r="A3363" s="5" t="s">
        <v>83578</v>
      </c>
      <c r="B3363" s="2" t="s">
        <v>93691</v>
      </c>
      <c r="C3363" s="14" t="s">
        <v>93692</v>
      </c>
      <c r="D3363" s="2" t="s">
        <v>93693</v>
      </c>
      <c r="E3363" s="2" t="s">
        <v>36373</v>
      </c>
      <c r="F3363" s="8">
        <v>350</v>
      </c>
      <c r="G3363" s="5">
        <v>6</v>
      </c>
      <c r="H3363" s="5" t="s">
        <v>1518</v>
      </c>
      <c r="I3363" s="5" t="s">
        <v>36264</v>
      </c>
      <c r="J3363" s="2" t="s">
        <v>36265</v>
      </c>
      <c r="K3363" s="5" t="s">
        <v>36264</v>
      </c>
      <c r="L3363" s="2" t="s">
        <v>36265</v>
      </c>
      <c r="M3363" s="5" t="s">
        <v>36266</v>
      </c>
      <c r="N3363" s="5" t="s">
        <v>38</v>
      </c>
      <c r="O3363" s="5" t="s">
        <v>39</v>
      </c>
      <c r="P3363" s="5" t="s">
        <v>40</v>
      </c>
      <c r="Q3363" s="5" t="s">
        <v>1522</v>
      </c>
      <c r="R3363" s="5" t="s">
        <v>1523</v>
      </c>
      <c r="S3363" s="5" t="s">
        <v>42</v>
      </c>
      <c r="T3363" s="2">
        <v>3.573</v>
      </c>
      <c r="U3363" s="2">
        <v>2.9950000000000001</v>
      </c>
      <c r="V3363" s="2">
        <v>1.7999999999999999E-2</v>
      </c>
      <c r="W3363" s="2">
        <v>139.1</v>
      </c>
      <c r="X3363" s="2">
        <v>7.6</v>
      </c>
      <c r="Y3363" s="2">
        <v>16.7</v>
      </c>
      <c r="Z3363" s="5"/>
      <c r="AA3363" s="5" t="s">
        <v>43</v>
      </c>
      <c r="AB3363" s="5" t="s">
        <v>44</v>
      </c>
      <c r="AC3363" s="2"/>
      <c r="AD3363" s="1"/>
    </row>
    <row r="3364" spans="1:30">
      <c r="A3364" s="5" t="s">
        <v>83578</v>
      </c>
      <c r="B3364" s="2" t="s">
        <v>93694</v>
      </c>
      <c r="C3364" s="14" t="s">
        <v>93695</v>
      </c>
      <c r="D3364" s="2" t="s">
        <v>93696</v>
      </c>
      <c r="E3364" s="2" t="s">
        <v>36385</v>
      </c>
      <c r="F3364" s="8">
        <v>350</v>
      </c>
      <c r="G3364" s="5">
        <v>6</v>
      </c>
      <c r="H3364" s="5" t="s">
        <v>1518</v>
      </c>
      <c r="I3364" s="5" t="s">
        <v>36264</v>
      </c>
      <c r="J3364" s="2" t="s">
        <v>36265</v>
      </c>
      <c r="K3364" s="5" t="s">
        <v>36264</v>
      </c>
      <c r="L3364" s="2" t="s">
        <v>36265</v>
      </c>
      <c r="M3364" s="5" t="s">
        <v>36266</v>
      </c>
      <c r="N3364" s="5" t="s">
        <v>38</v>
      </c>
      <c r="O3364" s="5" t="s">
        <v>39</v>
      </c>
      <c r="P3364" s="5" t="s">
        <v>40</v>
      </c>
      <c r="Q3364" s="5" t="s">
        <v>1522</v>
      </c>
      <c r="R3364" s="5" t="s">
        <v>1523</v>
      </c>
      <c r="S3364" s="5" t="s">
        <v>42</v>
      </c>
      <c r="T3364" s="2">
        <v>3.4630000000000001</v>
      </c>
      <c r="U3364" s="2">
        <v>2.8849999999999998</v>
      </c>
      <c r="V3364" s="2">
        <v>1.7999999999999999E-2</v>
      </c>
      <c r="W3364" s="2">
        <v>139.1</v>
      </c>
      <c r="X3364" s="2">
        <v>7.6</v>
      </c>
      <c r="Y3364" s="2">
        <v>16.7</v>
      </c>
      <c r="Z3364" s="5"/>
      <c r="AA3364" s="5" t="s">
        <v>43</v>
      </c>
      <c r="AB3364" s="5" t="s">
        <v>44</v>
      </c>
      <c r="AC3364" s="2"/>
      <c r="AD3364" s="1"/>
    </row>
    <row r="3365" spans="1:30">
      <c r="A3365" s="5" t="s">
        <v>83578</v>
      </c>
      <c r="B3365" s="2" t="s">
        <v>93697</v>
      </c>
      <c r="C3365" s="14" t="s">
        <v>93698</v>
      </c>
      <c r="D3365" s="2" t="s">
        <v>93699</v>
      </c>
      <c r="E3365" s="2" t="s">
        <v>36389</v>
      </c>
      <c r="F3365" s="8">
        <v>350</v>
      </c>
      <c r="G3365" s="5">
        <v>6</v>
      </c>
      <c r="H3365" s="5" t="s">
        <v>1518</v>
      </c>
      <c r="I3365" s="5" t="s">
        <v>36264</v>
      </c>
      <c r="J3365" s="2" t="s">
        <v>36265</v>
      </c>
      <c r="K3365" s="5" t="s">
        <v>36264</v>
      </c>
      <c r="L3365" s="2" t="s">
        <v>36265</v>
      </c>
      <c r="M3365" s="5" t="s">
        <v>36266</v>
      </c>
      <c r="N3365" s="5" t="s">
        <v>38</v>
      </c>
      <c r="O3365" s="5" t="s">
        <v>39</v>
      </c>
      <c r="P3365" s="5" t="s">
        <v>40</v>
      </c>
      <c r="Q3365" s="5" t="s">
        <v>1522</v>
      </c>
      <c r="R3365" s="5" t="s">
        <v>1523</v>
      </c>
      <c r="S3365" s="5" t="s">
        <v>42</v>
      </c>
      <c r="T3365" s="2">
        <v>3.573</v>
      </c>
      <c r="U3365" s="2">
        <v>2.9950000000000001</v>
      </c>
      <c r="V3365" s="2">
        <v>1.7999999999999999E-2</v>
      </c>
      <c r="W3365" s="2">
        <v>139.1</v>
      </c>
      <c r="X3365" s="2">
        <v>7.6</v>
      </c>
      <c r="Y3365" s="2">
        <v>16.7</v>
      </c>
      <c r="Z3365" s="5"/>
      <c r="AA3365" s="5" t="s">
        <v>43</v>
      </c>
      <c r="AB3365" s="5" t="s">
        <v>44</v>
      </c>
      <c r="AC3365" s="2"/>
      <c r="AD3365" s="1"/>
    </row>
    <row r="3366" spans="1:30">
      <c r="A3366" s="5" t="s">
        <v>83578</v>
      </c>
      <c r="B3366" s="2" t="s">
        <v>93700</v>
      </c>
      <c r="C3366" s="14" t="s">
        <v>93701</v>
      </c>
      <c r="D3366" s="2" t="s">
        <v>93702</v>
      </c>
      <c r="E3366" s="2" t="s">
        <v>7204</v>
      </c>
      <c r="F3366" s="8">
        <v>345</v>
      </c>
      <c r="G3366" s="5">
        <v>6</v>
      </c>
      <c r="H3366" s="5" t="s">
        <v>1518</v>
      </c>
      <c r="I3366" s="5" t="s">
        <v>36264</v>
      </c>
      <c r="J3366" s="2" t="s">
        <v>36265</v>
      </c>
      <c r="K3366" s="5" t="s">
        <v>36264</v>
      </c>
      <c r="L3366" s="2" t="s">
        <v>36265</v>
      </c>
      <c r="M3366" s="5" t="s">
        <v>36266</v>
      </c>
      <c r="N3366" s="5" t="s">
        <v>38</v>
      </c>
      <c r="O3366" s="5" t="s">
        <v>39</v>
      </c>
      <c r="P3366" s="5" t="s">
        <v>40</v>
      </c>
      <c r="Q3366" s="5" t="s">
        <v>1522</v>
      </c>
      <c r="R3366" s="5" t="s">
        <v>1523</v>
      </c>
      <c r="S3366" s="5" t="s">
        <v>42</v>
      </c>
      <c r="T3366" s="2">
        <v>3.6429999999999998</v>
      </c>
      <c r="U3366" s="2">
        <v>3.0710000000000002</v>
      </c>
      <c r="V3366" s="2">
        <v>1.7999999999999999E-2</v>
      </c>
      <c r="W3366" s="2">
        <v>139.1</v>
      </c>
      <c r="X3366" s="2">
        <v>7.6</v>
      </c>
      <c r="Y3366" s="2">
        <v>16.7</v>
      </c>
      <c r="Z3366" s="5"/>
      <c r="AA3366" s="5" t="s">
        <v>43</v>
      </c>
      <c r="AB3366" s="5" t="s">
        <v>44</v>
      </c>
      <c r="AC3366" s="2"/>
      <c r="AD3366" s="1"/>
    </row>
    <row r="3367" spans="1:30">
      <c r="A3367" s="5" t="s">
        <v>83578</v>
      </c>
      <c r="B3367" s="2" t="s">
        <v>93703</v>
      </c>
      <c r="C3367" s="14" t="s">
        <v>93704</v>
      </c>
      <c r="D3367" s="2" t="s">
        <v>93705</v>
      </c>
      <c r="E3367" s="2" t="s">
        <v>7514</v>
      </c>
      <c r="F3367" s="8">
        <v>345</v>
      </c>
      <c r="G3367" s="5">
        <v>6</v>
      </c>
      <c r="H3367" s="5" t="s">
        <v>1518</v>
      </c>
      <c r="I3367" s="5" t="s">
        <v>36264</v>
      </c>
      <c r="J3367" s="2" t="s">
        <v>36265</v>
      </c>
      <c r="K3367" s="5" t="s">
        <v>36264</v>
      </c>
      <c r="L3367" s="2" t="s">
        <v>36265</v>
      </c>
      <c r="M3367" s="5" t="s">
        <v>36266</v>
      </c>
      <c r="N3367" s="5" t="s">
        <v>38</v>
      </c>
      <c r="O3367" s="5" t="s">
        <v>39</v>
      </c>
      <c r="P3367" s="5" t="s">
        <v>40</v>
      </c>
      <c r="Q3367" s="5" t="s">
        <v>1522</v>
      </c>
      <c r="R3367" s="5" t="s">
        <v>1523</v>
      </c>
      <c r="S3367" s="5" t="s">
        <v>42</v>
      </c>
      <c r="T3367" s="2">
        <v>3.7629999999999999</v>
      </c>
      <c r="U3367" s="2">
        <v>3.1909999999999998</v>
      </c>
      <c r="V3367" s="2">
        <v>1.7999999999999999E-2</v>
      </c>
      <c r="W3367" s="2">
        <v>139.1</v>
      </c>
      <c r="X3367" s="2">
        <v>7.6</v>
      </c>
      <c r="Y3367" s="2">
        <v>16.7</v>
      </c>
      <c r="Z3367" s="5"/>
      <c r="AA3367" s="5" t="s">
        <v>43</v>
      </c>
      <c r="AB3367" s="5" t="s">
        <v>44</v>
      </c>
      <c r="AC3367" s="2"/>
      <c r="AD3367" s="1"/>
    </row>
    <row r="3368" spans="1:30">
      <c r="A3368" s="5" t="s">
        <v>83578</v>
      </c>
      <c r="B3368" s="2" t="s">
        <v>93706</v>
      </c>
      <c r="C3368" s="14" t="s">
        <v>93707</v>
      </c>
      <c r="D3368" s="2" t="s">
        <v>93708</v>
      </c>
      <c r="E3368" s="2" t="s">
        <v>36273</v>
      </c>
      <c r="F3368" s="8">
        <v>345</v>
      </c>
      <c r="G3368" s="5">
        <v>6</v>
      </c>
      <c r="H3368" s="5" t="s">
        <v>1518</v>
      </c>
      <c r="I3368" s="5" t="s">
        <v>36264</v>
      </c>
      <c r="J3368" s="2" t="s">
        <v>36265</v>
      </c>
      <c r="K3368" s="5" t="s">
        <v>36264</v>
      </c>
      <c r="L3368" s="2" t="s">
        <v>36265</v>
      </c>
      <c r="M3368" s="5" t="s">
        <v>36266</v>
      </c>
      <c r="N3368" s="5" t="s">
        <v>38</v>
      </c>
      <c r="O3368" s="5" t="s">
        <v>39</v>
      </c>
      <c r="P3368" s="5" t="s">
        <v>40</v>
      </c>
      <c r="Q3368" s="5" t="s">
        <v>1522</v>
      </c>
      <c r="R3368" s="5" t="s">
        <v>1523</v>
      </c>
      <c r="S3368" s="5" t="s">
        <v>42</v>
      </c>
      <c r="T3368" s="2">
        <v>3.6429999999999998</v>
      </c>
      <c r="U3368" s="2">
        <v>3.0710000000000002</v>
      </c>
      <c r="V3368" s="2">
        <v>1.7999999999999999E-2</v>
      </c>
      <c r="W3368" s="2">
        <v>139.1</v>
      </c>
      <c r="X3368" s="2">
        <v>7.6</v>
      </c>
      <c r="Y3368" s="2">
        <v>16.7</v>
      </c>
      <c r="Z3368" s="5"/>
      <c r="AA3368" s="5" t="s">
        <v>43</v>
      </c>
      <c r="AB3368" s="5" t="s">
        <v>44</v>
      </c>
      <c r="AC3368" s="2"/>
      <c r="AD3368" s="1"/>
    </row>
    <row r="3369" spans="1:30">
      <c r="A3369" s="5" t="s">
        <v>83578</v>
      </c>
      <c r="B3369" s="2" t="s">
        <v>93709</v>
      </c>
      <c r="C3369" s="14" t="s">
        <v>93710</v>
      </c>
      <c r="D3369" s="2" t="s">
        <v>93711</v>
      </c>
      <c r="E3369" s="2" t="s">
        <v>36277</v>
      </c>
      <c r="F3369" s="8">
        <v>345</v>
      </c>
      <c r="G3369" s="5">
        <v>6</v>
      </c>
      <c r="H3369" s="5" t="s">
        <v>1518</v>
      </c>
      <c r="I3369" s="5" t="s">
        <v>36264</v>
      </c>
      <c r="J3369" s="2" t="s">
        <v>36265</v>
      </c>
      <c r="K3369" s="5" t="s">
        <v>36264</v>
      </c>
      <c r="L3369" s="2" t="s">
        <v>36265</v>
      </c>
      <c r="M3369" s="5" t="s">
        <v>36266</v>
      </c>
      <c r="N3369" s="5" t="s">
        <v>38</v>
      </c>
      <c r="O3369" s="5" t="s">
        <v>39</v>
      </c>
      <c r="P3369" s="5" t="s">
        <v>40</v>
      </c>
      <c r="Q3369" s="5" t="s">
        <v>1522</v>
      </c>
      <c r="R3369" s="5" t="s">
        <v>1523</v>
      </c>
      <c r="S3369" s="5" t="s">
        <v>42</v>
      </c>
      <c r="T3369" s="2">
        <v>3.7629999999999999</v>
      </c>
      <c r="U3369" s="2">
        <v>3.1909999999999998</v>
      </c>
      <c r="V3369" s="2">
        <v>1.7999999999999999E-2</v>
      </c>
      <c r="W3369" s="2">
        <v>139.1</v>
      </c>
      <c r="X3369" s="2">
        <v>7.6</v>
      </c>
      <c r="Y3369" s="2">
        <v>16.7</v>
      </c>
      <c r="Z3369" s="5"/>
      <c r="AA3369" s="5" t="s">
        <v>43</v>
      </c>
      <c r="AB3369" s="5" t="s">
        <v>44</v>
      </c>
      <c r="AC3369" s="2"/>
      <c r="AD3369" s="1"/>
    </row>
    <row r="3370" spans="1:30">
      <c r="A3370" s="5" t="s">
        <v>83578</v>
      </c>
      <c r="B3370" s="2" t="s">
        <v>93712</v>
      </c>
      <c r="C3370" s="14" t="s">
        <v>93713</v>
      </c>
      <c r="D3370" s="2" t="s">
        <v>93714</v>
      </c>
      <c r="E3370" s="2" t="s">
        <v>36281</v>
      </c>
      <c r="F3370" s="8">
        <v>377</v>
      </c>
      <c r="G3370" s="5">
        <v>6</v>
      </c>
      <c r="H3370" s="5" t="s">
        <v>1518</v>
      </c>
      <c r="I3370" s="5" t="s">
        <v>36264</v>
      </c>
      <c r="J3370" s="2" t="s">
        <v>36265</v>
      </c>
      <c r="K3370" s="5" t="s">
        <v>36264</v>
      </c>
      <c r="L3370" s="2" t="s">
        <v>36265</v>
      </c>
      <c r="M3370" s="5" t="s">
        <v>36266</v>
      </c>
      <c r="N3370" s="5" t="s">
        <v>38</v>
      </c>
      <c r="O3370" s="5" t="s">
        <v>39</v>
      </c>
      <c r="P3370" s="5" t="s">
        <v>40</v>
      </c>
      <c r="Q3370" s="5" t="s">
        <v>1522</v>
      </c>
      <c r="R3370" s="5" t="s">
        <v>1523</v>
      </c>
      <c r="S3370" s="5" t="s">
        <v>42</v>
      </c>
      <c r="T3370" s="2">
        <v>3.6429999999999998</v>
      </c>
      <c r="U3370" s="2">
        <v>3.0710000000000002</v>
      </c>
      <c r="V3370" s="2">
        <v>1.7999999999999999E-2</v>
      </c>
      <c r="W3370" s="2">
        <v>139.1</v>
      </c>
      <c r="X3370" s="2">
        <v>7.6</v>
      </c>
      <c r="Y3370" s="2">
        <v>16.7</v>
      </c>
      <c r="Z3370" s="5"/>
      <c r="AA3370" s="5" t="s">
        <v>43</v>
      </c>
      <c r="AB3370" s="5" t="s">
        <v>44</v>
      </c>
      <c r="AC3370" s="2"/>
      <c r="AD3370" s="1"/>
    </row>
    <row r="3371" spans="1:30">
      <c r="A3371" s="5" t="s">
        <v>83578</v>
      </c>
      <c r="B3371" s="2" t="s">
        <v>93715</v>
      </c>
      <c r="C3371" s="14" t="s">
        <v>93716</v>
      </c>
      <c r="D3371" s="2" t="s">
        <v>93717</v>
      </c>
      <c r="E3371" s="2" t="s">
        <v>36285</v>
      </c>
      <c r="F3371" s="8">
        <v>377</v>
      </c>
      <c r="G3371" s="5">
        <v>6</v>
      </c>
      <c r="H3371" s="5" t="s">
        <v>1518</v>
      </c>
      <c r="I3371" s="5" t="s">
        <v>36264</v>
      </c>
      <c r="J3371" s="2" t="s">
        <v>36265</v>
      </c>
      <c r="K3371" s="5" t="s">
        <v>36264</v>
      </c>
      <c r="L3371" s="2" t="s">
        <v>36265</v>
      </c>
      <c r="M3371" s="5" t="s">
        <v>36266</v>
      </c>
      <c r="N3371" s="5" t="s">
        <v>38</v>
      </c>
      <c r="O3371" s="5" t="s">
        <v>39</v>
      </c>
      <c r="P3371" s="5" t="s">
        <v>40</v>
      </c>
      <c r="Q3371" s="5" t="s">
        <v>1522</v>
      </c>
      <c r="R3371" s="5" t="s">
        <v>1523</v>
      </c>
      <c r="S3371" s="5" t="s">
        <v>42</v>
      </c>
      <c r="T3371" s="2">
        <v>3.7629999999999999</v>
      </c>
      <c r="U3371" s="2">
        <v>3.1909999999999998</v>
      </c>
      <c r="V3371" s="2">
        <v>1.7999999999999999E-2</v>
      </c>
      <c r="W3371" s="2">
        <v>139.1</v>
      </c>
      <c r="X3371" s="2">
        <v>7.6</v>
      </c>
      <c r="Y3371" s="2">
        <v>16.7</v>
      </c>
      <c r="Z3371" s="5"/>
      <c r="AA3371" s="5" t="s">
        <v>43</v>
      </c>
      <c r="AB3371" s="5" t="s">
        <v>44</v>
      </c>
      <c r="AC3371" s="2"/>
      <c r="AD3371" s="1"/>
    </row>
    <row r="3372" spans="1:30">
      <c r="A3372" s="5" t="s">
        <v>83578</v>
      </c>
      <c r="B3372" s="2" t="s">
        <v>93718</v>
      </c>
      <c r="C3372" s="14" t="s">
        <v>93719</v>
      </c>
      <c r="D3372" s="2" t="s">
        <v>93720</v>
      </c>
      <c r="E3372" s="2" t="s">
        <v>36289</v>
      </c>
      <c r="F3372" s="8">
        <v>377</v>
      </c>
      <c r="G3372" s="5">
        <v>6</v>
      </c>
      <c r="H3372" s="5" t="s">
        <v>1518</v>
      </c>
      <c r="I3372" s="5" t="s">
        <v>36264</v>
      </c>
      <c r="J3372" s="2" t="s">
        <v>36265</v>
      </c>
      <c r="K3372" s="5" t="s">
        <v>36264</v>
      </c>
      <c r="L3372" s="2" t="s">
        <v>36265</v>
      </c>
      <c r="M3372" s="5" t="s">
        <v>36266</v>
      </c>
      <c r="N3372" s="5" t="s">
        <v>38</v>
      </c>
      <c r="O3372" s="5" t="s">
        <v>39</v>
      </c>
      <c r="P3372" s="5" t="s">
        <v>40</v>
      </c>
      <c r="Q3372" s="5" t="s">
        <v>1522</v>
      </c>
      <c r="R3372" s="5" t="s">
        <v>1523</v>
      </c>
      <c r="S3372" s="5" t="s">
        <v>42</v>
      </c>
      <c r="T3372" s="2">
        <v>3.6429999999999998</v>
      </c>
      <c r="U3372" s="2">
        <v>3.0710000000000002</v>
      </c>
      <c r="V3372" s="2">
        <v>1.7999999999999999E-2</v>
      </c>
      <c r="W3372" s="2">
        <v>139.1</v>
      </c>
      <c r="X3372" s="2">
        <v>7.6</v>
      </c>
      <c r="Y3372" s="2">
        <v>16.7</v>
      </c>
      <c r="Z3372" s="5"/>
      <c r="AA3372" s="5" t="s">
        <v>43</v>
      </c>
      <c r="AB3372" s="5" t="s">
        <v>44</v>
      </c>
      <c r="AC3372" s="2"/>
      <c r="AD3372" s="1"/>
    </row>
    <row r="3373" spans="1:30">
      <c r="A3373" s="5" t="s">
        <v>83578</v>
      </c>
      <c r="B3373" s="2" t="s">
        <v>93721</v>
      </c>
      <c r="C3373" s="14" t="s">
        <v>93722</v>
      </c>
      <c r="D3373" s="2" t="s">
        <v>93723</v>
      </c>
      <c r="E3373" s="2" t="s">
        <v>36293</v>
      </c>
      <c r="F3373" s="8">
        <v>377</v>
      </c>
      <c r="G3373" s="5">
        <v>6</v>
      </c>
      <c r="H3373" s="5" t="s">
        <v>1518</v>
      </c>
      <c r="I3373" s="5" t="s">
        <v>36264</v>
      </c>
      <c r="J3373" s="2" t="s">
        <v>36265</v>
      </c>
      <c r="K3373" s="5" t="s">
        <v>36264</v>
      </c>
      <c r="L3373" s="2" t="s">
        <v>36265</v>
      </c>
      <c r="M3373" s="5" t="s">
        <v>36266</v>
      </c>
      <c r="N3373" s="5" t="s">
        <v>38</v>
      </c>
      <c r="O3373" s="5" t="s">
        <v>39</v>
      </c>
      <c r="P3373" s="5" t="s">
        <v>40</v>
      </c>
      <c r="Q3373" s="5" t="s">
        <v>1522</v>
      </c>
      <c r="R3373" s="5" t="s">
        <v>1523</v>
      </c>
      <c r="S3373" s="5" t="s">
        <v>42</v>
      </c>
      <c r="T3373" s="2">
        <v>3.7629999999999999</v>
      </c>
      <c r="U3373" s="2">
        <v>3.1909999999999998</v>
      </c>
      <c r="V3373" s="2">
        <v>1.7999999999999999E-2</v>
      </c>
      <c r="W3373" s="2">
        <v>139.1</v>
      </c>
      <c r="X3373" s="2">
        <v>7.6</v>
      </c>
      <c r="Y3373" s="2">
        <v>16.7</v>
      </c>
      <c r="Z3373" s="5"/>
      <c r="AA3373" s="5" t="s">
        <v>43</v>
      </c>
      <c r="AB3373" s="5" t="s">
        <v>44</v>
      </c>
      <c r="AC3373" s="2"/>
      <c r="AD3373" s="1"/>
    </row>
    <row r="3374" spans="1:30">
      <c r="A3374" s="5" t="s">
        <v>83578</v>
      </c>
      <c r="B3374" s="2" t="s">
        <v>93724</v>
      </c>
      <c r="C3374" s="14" t="s">
        <v>93725</v>
      </c>
      <c r="D3374" s="2" t="s">
        <v>93726</v>
      </c>
      <c r="E3374" s="2" t="s">
        <v>36297</v>
      </c>
      <c r="F3374" s="8">
        <v>345</v>
      </c>
      <c r="G3374" s="5">
        <v>6</v>
      </c>
      <c r="H3374" s="5" t="s">
        <v>1518</v>
      </c>
      <c r="I3374" s="5" t="s">
        <v>36264</v>
      </c>
      <c r="J3374" s="2" t="s">
        <v>36265</v>
      </c>
      <c r="K3374" s="5" t="s">
        <v>36264</v>
      </c>
      <c r="L3374" s="2" t="s">
        <v>36265</v>
      </c>
      <c r="M3374" s="5" t="s">
        <v>36266</v>
      </c>
      <c r="N3374" s="5" t="s">
        <v>38</v>
      </c>
      <c r="O3374" s="5" t="s">
        <v>39</v>
      </c>
      <c r="P3374" s="5" t="s">
        <v>40</v>
      </c>
      <c r="Q3374" s="5" t="s">
        <v>1522</v>
      </c>
      <c r="R3374" s="5" t="s">
        <v>1523</v>
      </c>
      <c r="S3374" s="5" t="s">
        <v>42</v>
      </c>
      <c r="T3374" s="2">
        <v>3.6429999999999998</v>
      </c>
      <c r="U3374" s="2">
        <v>3.0710000000000002</v>
      </c>
      <c r="V3374" s="2">
        <v>1.7999999999999999E-2</v>
      </c>
      <c r="W3374" s="2">
        <v>139.1</v>
      </c>
      <c r="X3374" s="2">
        <v>7.6</v>
      </c>
      <c r="Y3374" s="2">
        <v>16.7</v>
      </c>
      <c r="Z3374" s="5"/>
      <c r="AA3374" s="5" t="s">
        <v>43</v>
      </c>
      <c r="AB3374" s="5" t="s">
        <v>44</v>
      </c>
      <c r="AC3374" s="2"/>
      <c r="AD3374" s="1"/>
    </row>
    <row r="3375" spans="1:30">
      <c r="A3375" s="5" t="s">
        <v>83578</v>
      </c>
      <c r="B3375" s="2" t="s">
        <v>93727</v>
      </c>
      <c r="C3375" s="14" t="s">
        <v>93728</v>
      </c>
      <c r="D3375" s="2" t="s">
        <v>93729</v>
      </c>
      <c r="E3375" s="2" t="s">
        <v>36301</v>
      </c>
      <c r="F3375" s="8">
        <v>345</v>
      </c>
      <c r="G3375" s="5">
        <v>6</v>
      </c>
      <c r="H3375" s="5" t="s">
        <v>1518</v>
      </c>
      <c r="I3375" s="5" t="s">
        <v>36264</v>
      </c>
      <c r="J3375" s="2" t="s">
        <v>36265</v>
      </c>
      <c r="K3375" s="5" t="s">
        <v>36264</v>
      </c>
      <c r="L3375" s="2" t="s">
        <v>36265</v>
      </c>
      <c r="M3375" s="5" t="s">
        <v>36266</v>
      </c>
      <c r="N3375" s="5" t="s">
        <v>38</v>
      </c>
      <c r="O3375" s="5" t="s">
        <v>39</v>
      </c>
      <c r="P3375" s="5" t="s">
        <v>40</v>
      </c>
      <c r="Q3375" s="5" t="s">
        <v>1522</v>
      </c>
      <c r="R3375" s="5" t="s">
        <v>1523</v>
      </c>
      <c r="S3375" s="5" t="s">
        <v>42</v>
      </c>
      <c r="T3375" s="2">
        <v>3.7629999999999999</v>
      </c>
      <c r="U3375" s="2">
        <v>3.1909999999999998</v>
      </c>
      <c r="V3375" s="2">
        <v>1.7999999999999999E-2</v>
      </c>
      <c r="W3375" s="2">
        <v>139.1</v>
      </c>
      <c r="X3375" s="2">
        <v>7.6</v>
      </c>
      <c r="Y3375" s="2">
        <v>16.7</v>
      </c>
      <c r="Z3375" s="5"/>
      <c r="AA3375" s="5" t="s">
        <v>43</v>
      </c>
      <c r="AB3375" s="5" t="s">
        <v>44</v>
      </c>
      <c r="AC3375" s="2"/>
      <c r="AD3375" s="1"/>
    </row>
    <row r="3376" spans="1:30">
      <c r="A3376" s="5" t="s">
        <v>83578</v>
      </c>
      <c r="B3376" s="2" t="s">
        <v>93730</v>
      </c>
      <c r="C3376" s="14" t="s">
        <v>93731</v>
      </c>
      <c r="D3376" s="2" t="s">
        <v>93732</v>
      </c>
      <c r="E3376" s="2" t="s">
        <v>36305</v>
      </c>
      <c r="F3376" s="8">
        <v>345</v>
      </c>
      <c r="G3376" s="5">
        <v>6</v>
      </c>
      <c r="H3376" s="5" t="s">
        <v>1518</v>
      </c>
      <c r="I3376" s="5" t="s">
        <v>36264</v>
      </c>
      <c r="J3376" s="2" t="s">
        <v>36265</v>
      </c>
      <c r="K3376" s="5" t="s">
        <v>36264</v>
      </c>
      <c r="L3376" s="2" t="s">
        <v>36265</v>
      </c>
      <c r="M3376" s="5" t="s">
        <v>36266</v>
      </c>
      <c r="N3376" s="5" t="s">
        <v>38</v>
      </c>
      <c r="O3376" s="5" t="s">
        <v>39</v>
      </c>
      <c r="P3376" s="5" t="s">
        <v>40</v>
      </c>
      <c r="Q3376" s="5" t="s">
        <v>1522</v>
      </c>
      <c r="R3376" s="5" t="s">
        <v>1523</v>
      </c>
      <c r="S3376" s="5" t="s">
        <v>42</v>
      </c>
      <c r="T3376" s="2">
        <v>3.6429999999999998</v>
      </c>
      <c r="U3376" s="2">
        <v>3.0710000000000002</v>
      </c>
      <c r="V3376" s="2">
        <v>1.7999999999999999E-2</v>
      </c>
      <c r="W3376" s="2">
        <v>139.1</v>
      </c>
      <c r="X3376" s="2">
        <v>7.6</v>
      </c>
      <c r="Y3376" s="2">
        <v>16.7</v>
      </c>
      <c r="Z3376" s="5"/>
      <c r="AA3376" s="5" t="s">
        <v>43</v>
      </c>
      <c r="AB3376" s="5" t="s">
        <v>44</v>
      </c>
      <c r="AC3376" s="2"/>
      <c r="AD3376" s="1"/>
    </row>
    <row r="3377" spans="1:30">
      <c r="A3377" s="5" t="s">
        <v>83578</v>
      </c>
      <c r="B3377" s="2" t="s">
        <v>93733</v>
      </c>
      <c r="C3377" s="14" t="s">
        <v>93734</v>
      </c>
      <c r="D3377" s="2" t="s">
        <v>93735</v>
      </c>
      <c r="E3377" s="2" t="s">
        <v>36309</v>
      </c>
      <c r="F3377" s="8">
        <v>345</v>
      </c>
      <c r="G3377" s="5">
        <v>6</v>
      </c>
      <c r="H3377" s="5" t="s">
        <v>1518</v>
      </c>
      <c r="I3377" s="5" t="s">
        <v>36264</v>
      </c>
      <c r="J3377" s="2" t="s">
        <v>36265</v>
      </c>
      <c r="K3377" s="5" t="s">
        <v>36264</v>
      </c>
      <c r="L3377" s="2" t="s">
        <v>36265</v>
      </c>
      <c r="M3377" s="5" t="s">
        <v>36266</v>
      </c>
      <c r="N3377" s="5" t="s">
        <v>38</v>
      </c>
      <c r="O3377" s="5" t="s">
        <v>39</v>
      </c>
      <c r="P3377" s="5" t="s">
        <v>40</v>
      </c>
      <c r="Q3377" s="5" t="s">
        <v>1522</v>
      </c>
      <c r="R3377" s="5" t="s">
        <v>1523</v>
      </c>
      <c r="S3377" s="5" t="s">
        <v>42</v>
      </c>
      <c r="T3377" s="2">
        <v>3.7629999999999999</v>
      </c>
      <c r="U3377" s="2">
        <v>3.1909999999999998</v>
      </c>
      <c r="V3377" s="2">
        <v>1.7999999999999999E-2</v>
      </c>
      <c r="W3377" s="2">
        <v>139.1</v>
      </c>
      <c r="X3377" s="2">
        <v>7.6</v>
      </c>
      <c r="Y3377" s="2">
        <v>16.7</v>
      </c>
      <c r="Z3377" s="5"/>
      <c r="AA3377" s="5" t="s">
        <v>43</v>
      </c>
      <c r="AB3377" s="5" t="s">
        <v>44</v>
      </c>
      <c r="AC3377" s="2"/>
      <c r="AD3377" s="1"/>
    </row>
    <row r="3378" spans="1:30">
      <c r="A3378" s="5" t="s">
        <v>83578</v>
      </c>
      <c r="B3378" s="2" t="s">
        <v>93736</v>
      </c>
      <c r="C3378" s="14" t="s">
        <v>93737</v>
      </c>
      <c r="D3378" s="2" t="s">
        <v>93738</v>
      </c>
      <c r="E3378" s="2" t="s">
        <v>36313</v>
      </c>
      <c r="F3378" s="8">
        <v>377</v>
      </c>
      <c r="G3378" s="5">
        <v>6</v>
      </c>
      <c r="H3378" s="5" t="s">
        <v>1518</v>
      </c>
      <c r="I3378" s="5" t="s">
        <v>36264</v>
      </c>
      <c r="J3378" s="2" t="s">
        <v>36265</v>
      </c>
      <c r="K3378" s="5" t="s">
        <v>36264</v>
      </c>
      <c r="L3378" s="2" t="s">
        <v>36265</v>
      </c>
      <c r="M3378" s="5" t="s">
        <v>36266</v>
      </c>
      <c r="N3378" s="5" t="s">
        <v>38</v>
      </c>
      <c r="O3378" s="5" t="s">
        <v>39</v>
      </c>
      <c r="P3378" s="5" t="s">
        <v>40</v>
      </c>
      <c r="Q3378" s="5" t="s">
        <v>1522</v>
      </c>
      <c r="R3378" s="5" t="s">
        <v>1523</v>
      </c>
      <c r="S3378" s="5" t="s">
        <v>42</v>
      </c>
      <c r="T3378" s="2">
        <v>3.6429999999999998</v>
      </c>
      <c r="U3378" s="2">
        <v>3.0710000000000002</v>
      </c>
      <c r="V3378" s="2">
        <v>1.7999999999999999E-2</v>
      </c>
      <c r="W3378" s="2">
        <v>139.1</v>
      </c>
      <c r="X3378" s="2">
        <v>7.6</v>
      </c>
      <c r="Y3378" s="2">
        <v>16.7</v>
      </c>
      <c r="Z3378" s="5"/>
      <c r="AA3378" s="5" t="s">
        <v>43</v>
      </c>
      <c r="AB3378" s="5" t="s">
        <v>44</v>
      </c>
      <c r="AC3378" s="2"/>
      <c r="AD3378" s="1"/>
    </row>
    <row r="3379" spans="1:30">
      <c r="A3379" s="5" t="s">
        <v>83578</v>
      </c>
      <c r="B3379" s="2" t="s">
        <v>93739</v>
      </c>
      <c r="C3379" s="14" t="s">
        <v>93740</v>
      </c>
      <c r="D3379" s="2" t="s">
        <v>93741</v>
      </c>
      <c r="E3379" s="2" t="s">
        <v>36317</v>
      </c>
      <c r="F3379" s="8">
        <v>377</v>
      </c>
      <c r="G3379" s="5">
        <v>6</v>
      </c>
      <c r="H3379" s="5" t="s">
        <v>1518</v>
      </c>
      <c r="I3379" s="5" t="s">
        <v>36264</v>
      </c>
      <c r="J3379" s="2" t="s">
        <v>36265</v>
      </c>
      <c r="K3379" s="5" t="s">
        <v>36264</v>
      </c>
      <c r="L3379" s="2" t="s">
        <v>36265</v>
      </c>
      <c r="M3379" s="5" t="s">
        <v>36266</v>
      </c>
      <c r="N3379" s="5" t="s">
        <v>38</v>
      </c>
      <c r="O3379" s="5" t="s">
        <v>39</v>
      </c>
      <c r="P3379" s="5" t="s">
        <v>40</v>
      </c>
      <c r="Q3379" s="5" t="s">
        <v>1522</v>
      </c>
      <c r="R3379" s="5" t="s">
        <v>1523</v>
      </c>
      <c r="S3379" s="5" t="s">
        <v>42</v>
      </c>
      <c r="T3379" s="2">
        <v>3.7629999999999999</v>
      </c>
      <c r="U3379" s="2">
        <v>3.1909999999999998</v>
      </c>
      <c r="V3379" s="2">
        <v>1.7999999999999999E-2</v>
      </c>
      <c r="W3379" s="2">
        <v>139.1</v>
      </c>
      <c r="X3379" s="2">
        <v>7.6</v>
      </c>
      <c r="Y3379" s="2">
        <v>16.7</v>
      </c>
      <c r="Z3379" s="5"/>
      <c r="AA3379" s="5" t="s">
        <v>43</v>
      </c>
      <c r="AB3379" s="5" t="s">
        <v>44</v>
      </c>
      <c r="AC3379" s="2"/>
      <c r="AD3379" s="1"/>
    </row>
    <row r="3380" spans="1:30">
      <c r="A3380" s="5" t="s">
        <v>83578</v>
      </c>
      <c r="B3380" s="2" t="s">
        <v>93742</v>
      </c>
      <c r="C3380" s="14" t="s">
        <v>93743</v>
      </c>
      <c r="D3380" s="2" t="s">
        <v>93744</v>
      </c>
      <c r="E3380" s="2" t="s">
        <v>36321</v>
      </c>
      <c r="F3380" s="8">
        <v>377</v>
      </c>
      <c r="G3380" s="5">
        <v>6</v>
      </c>
      <c r="H3380" s="5" t="s">
        <v>1518</v>
      </c>
      <c r="I3380" s="5" t="s">
        <v>36264</v>
      </c>
      <c r="J3380" s="2" t="s">
        <v>36265</v>
      </c>
      <c r="K3380" s="5" t="s">
        <v>36264</v>
      </c>
      <c r="L3380" s="2" t="s">
        <v>36265</v>
      </c>
      <c r="M3380" s="5" t="s">
        <v>36266</v>
      </c>
      <c r="N3380" s="5" t="s">
        <v>38</v>
      </c>
      <c r="O3380" s="5" t="s">
        <v>39</v>
      </c>
      <c r="P3380" s="5" t="s">
        <v>40</v>
      </c>
      <c r="Q3380" s="5" t="s">
        <v>1522</v>
      </c>
      <c r="R3380" s="5" t="s">
        <v>1523</v>
      </c>
      <c r="S3380" s="5" t="s">
        <v>42</v>
      </c>
      <c r="T3380" s="2">
        <v>3.6429999999999998</v>
      </c>
      <c r="U3380" s="2">
        <v>3.0710000000000002</v>
      </c>
      <c r="V3380" s="2">
        <v>1.7999999999999999E-2</v>
      </c>
      <c r="W3380" s="2">
        <v>139.1</v>
      </c>
      <c r="X3380" s="2">
        <v>7.6</v>
      </c>
      <c r="Y3380" s="2">
        <v>16.7</v>
      </c>
      <c r="Z3380" s="5"/>
      <c r="AA3380" s="5" t="s">
        <v>43</v>
      </c>
      <c r="AB3380" s="5" t="s">
        <v>44</v>
      </c>
      <c r="AC3380" s="2"/>
      <c r="AD3380" s="1"/>
    </row>
    <row r="3381" spans="1:30">
      <c r="A3381" s="5" t="s">
        <v>83578</v>
      </c>
      <c r="B3381" s="2" t="s">
        <v>93745</v>
      </c>
      <c r="C3381" s="14" t="s">
        <v>93746</v>
      </c>
      <c r="D3381" s="2" t="s">
        <v>93747</v>
      </c>
      <c r="E3381" s="2" t="s">
        <v>36325</v>
      </c>
      <c r="F3381" s="8">
        <v>377</v>
      </c>
      <c r="G3381" s="5">
        <v>6</v>
      </c>
      <c r="H3381" s="5" t="s">
        <v>1518</v>
      </c>
      <c r="I3381" s="5" t="s">
        <v>36264</v>
      </c>
      <c r="J3381" s="2" t="s">
        <v>36265</v>
      </c>
      <c r="K3381" s="5" t="s">
        <v>36264</v>
      </c>
      <c r="L3381" s="2" t="s">
        <v>36265</v>
      </c>
      <c r="M3381" s="5" t="s">
        <v>36266</v>
      </c>
      <c r="N3381" s="5" t="s">
        <v>38</v>
      </c>
      <c r="O3381" s="5" t="s">
        <v>39</v>
      </c>
      <c r="P3381" s="5" t="s">
        <v>40</v>
      </c>
      <c r="Q3381" s="5" t="s">
        <v>1522</v>
      </c>
      <c r="R3381" s="5" t="s">
        <v>1523</v>
      </c>
      <c r="S3381" s="5" t="s">
        <v>42</v>
      </c>
      <c r="T3381" s="2">
        <v>3.7629999999999999</v>
      </c>
      <c r="U3381" s="2">
        <v>3.1909999999999998</v>
      </c>
      <c r="V3381" s="2">
        <v>1.7999999999999999E-2</v>
      </c>
      <c r="W3381" s="2">
        <v>139.1</v>
      </c>
      <c r="X3381" s="2">
        <v>7.6</v>
      </c>
      <c r="Y3381" s="2">
        <v>16.7</v>
      </c>
      <c r="Z3381" s="5"/>
      <c r="AA3381" s="5" t="s">
        <v>43</v>
      </c>
      <c r="AB3381" s="5" t="s">
        <v>44</v>
      </c>
      <c r="AC3381" s="2"/>
      <c r="AD3381" s="1"/>
    </row>
    <row r="3382" spans="1:30">
      <c r="A3382" s="5" t="s">
        <v>83578</v>
      </c>
      <c r="B3382" s="2" t="s">
        <v>93748</v>
      </c>
      <c r="C3382" s="14" t="s">
        <v>93749</v>
      </c>
      <c r="D3382" s="2" t="s">
        <v>93750</v>
      </c>
      <c r="E3382" s="2" t="s">
        <v>36329</v>
      </c>
      <c r="F3382" s="8">
        <v>377</v>
      </c>
      <c r="G3382" s="5">
        <v>6</v>
      </c>
      <c r="H3382" s="5" t="s">
        <v>1518</v>
      </c>
      <c r="I3382" s="5" t="s">
        <v>36264</v>
      </c>
      <c r="J3382" s="2" t="s">
        <v>36265</v>
      </c>
      <c r="K3382" s="5" t="s">
        <v>36264</v>
      </c>
      <c r="L3382" s="2" t="s">
        <v>36265</v>
      </c>
      <c r="M3382" s="5" t="s">
        <v>36266</v>
      </c>
      <c r="N3382" s="5" t="s">
        <v>38</v>
      </c>
      <c r="O3382" s="5" t="s">
        <v>39</v>
      </c>
      <c r="P3382" s="5" t="s">
        <v>40</v>
      </c>
      <c r="Q3382" s="5" t="s">
        <v>1522</v>
      </c>
      <c r="R3382" s="5" t="s">
        <v>1523</v>
      </c>
      <c r="S3382" s="5" t="s">
        <v>42</v>
      </c>
      <c r="T3382" s="2">
        <v>3.6429999999999998</v>
      </c>
      <c r="U3382" s="2">
        <v>3.0710000000000002</v>
      </c>
      <c r="V3382" s="2">
        <v>1.7999999999999999E-2</v>
      </c>
      <c r="W3382" s="2">
        <v>139.1</v>
      </c>
      <c r="X3382" s="2">
        <v>7.6</v>
      </c>
      <c r="Y3382" s="2">
        <v>16.7</v>
      </c>
      <c r="Z3382" s="5"/>
      <c r="AA3382" s="5" t="s">
        <v>43</v>
      </c>
      <c r="AB3382" s="5" t="s">
        <v>44</v>
      </c>
      <c r="AC3382" s="2"/>
      <c r="AD3382" s="1"/>
    </row>
    <row r="3383" spans="1:30">
      <c r="A3383" s="5" t="s">
        <v>83578</v>
      </c>
      <c r="B3383" s="2" t="s">
        <v>93751</v>
      </c>
      <c r="C3383" s="14" t="s">
        <v>93752</v>
      </c>
      <c r="D3383" s="2" t="s">
        <v>93753</v>
      </c>
      <c r="E3383" s="2" t="s">
        <v>36333</v>
      </c>
      <c r="F3383" s="8">
        <v>377</v>
      </c>
      <c r="G3383" s="5">
        <v>6</v>
      </c>
      <c r="H3383" s="5" t="s">
        <v>1518</v>
      </c>
      <c r="I3383" s="5" t="s">
        <v>36264</v>
      </c>
      <c r="J3383" s="2" t="s">
        <v>36265</v>
      </c>
      <c r="K3383" s="5" t="s">
        <v>36264</v>
      </c>
      <c r="L3383" s="2" t="s">
        <v>36265</v>
      </c>
      <c r="M3383" s="5" t="s">
        <v>36266</v>
      </c>
      <c r="N3383" s="5" t="s">
        <v>38</v>
      </c>
      <c r="O3383" s="5" t="s">
        <v>39</v>
      </c>
      <c r="P3383" s="5" t="s">
        <v>40</v>
      </c>
      <c r="Q3383" s="5" t="s">
        <v>1522</v>
      </c>
      <c r="R3383" s="5" t="s">
        <v>1523</v>
      </c>
      <c r="S3383" s="5" t="s">
        <v>42</v>
      </c>
      <c r="T3383" s="2">
        <v>3.7629999999999999</v>
      </c>
      <c r="U3383" s="2">
        <v>3.1909999999999998</v>
      </c>
      <c r="V3383" s="2">
        <v>1.7999999999999999E-2</v>
      </c>
      <c r="W3383" s="2">
        <v>139.1</v>
      </c>
      <c r="X3383" s="2">
        <v>7.6</v>
      </c>
      <c r="Y3383" s="2">
        <v>16.7</v>
      </c>
      <c r="Z3383" s="5"/>
      <c r="AA3383" s="5" t="s">
        <v>43</v>
      </c>
      <c r="AB3383" s="5" t="s">
        <v>44</v>
      </c>
      <c r="AC3383" s="2"/>
      <c r="AD3383" s="1"/>
    </row>
    <row r="3384" spans="1:30">
      <c r="A3384" s="5" t="s">
        <v>83578</v>
      </c>
      <c r="B3384" s="2" t="s">
        <v>93754</v>
      </c>
      <c r="C3384" s="14" t="s">
        <v>93755</v>
      </c>
      <c r="D3384" s="2" t="s">
        <v>93756</v>
      </c>
      <c r="E3384" s="2" t="s">
        <v>36337</v>
      </c>
      <c r="F3384" s="8">
        <v>377</v>
      </c>
      <c r="G3384" s="5">
        <v>6</v>
      </c>
      <c r="H3384" s="5" t="s">
        <v>1518</v>
      </c>
      <c r="I3384" s="5" t="s">
        <v>36264</v>
      </c>
      <c r="J3384" s="2" t="s">
        <v>36265</v>
      </c>
      <c r="K3384" s="5" t="s">
        <v>36264</v>
      </c>
      <c r="L3384" s="2" t="s">
        <v>36265</v>
      </c>
      <c r="M3384" s="5" t="s">
        <v>36266</v>
      </c>
      <c r="N3384" s="5" t="s">
        <v>38</v>
      </c>
      <c r="O3384" s="5" t="s">
        <v>39</v>
      </c>
      <c r="P3384" s="5" t="s">
        <v>40</v>
      </c>
      <c r="Q3384" s="5" t="s">
        <v>1522</v>
      </c>
      <c r="R3384" s="5" t="s">
        <v>1523</v>
      </c>
      <c r="S3384" s="5" t="s">
        <v>42</v>
      </c>
      <c r="T3384" s="2">
        <v>3.6429999999999998</v>
      </c>
      <c r="U3384" s="2">
        <v>3.0710000000000002</v>
      </c>
      <c r="V3384" s="2">
        <v>1.7999999999999999E-2</v>
      </c>
      <c r="W3384" s="2">
        <v>139.1</v>
      </c>
      <c r="X3384" s="2">
        <v>7.6</v>
      </c>
      <c r="Y3384" s="2">
        <v>16.7</v>
      </c>
      <c r="Z3384" s="5"/>
      <c r="AA3384" s="5" t="s">
        <v>43</v>
      </c>
      <c r="AB3384" s="5" t="s">
        <v>44</v>
      </c>
      <c r="AC3384" s="2"/>
      <c r="AD3384" s="1"/>
    </row>
    <row r="3385" spans="1:30">
      <c r="A3385" s="5" t="s">
        <v>83578</v>
      </c>
      <c r="B3385" s="2" t="s">
        <v>93757</v>
      </c>
      <c r="C3385" s="14" t="s">
        <v>93758</v>
      </c>
      <c r="D3385" s="2" t="s">
        <v>93759</v>
      </c>
      <c r="E3385" s="2" t="s">
        <v>36341</v>
      </c>
      <c r="F3385" s="8">
        <v>377</v>
      </c>
      <c r="G3385" s="5">
        <v>6</v>
      </c>
      <c r="H3385" s="5" t="s">
        <v>1518</v>
      </c>
      <c r="I3385" s="5" t="s">
        <v>36264</v>
      </c>
      <c r="J3385" s="2" t="s">
        <v>36265</v>
      </c>
      <c r="K3385" s="5" t="s">
        <v>36264</v>
      </c>
      <c r="L3385" s="2" t="s">
        <v>36265</v>
      </c>
      <c r="M3385" s="5" t="s">
        <v>36266</v>
      </c>
      <c r="N3385" s="5" t="s">
        <v>38</v>
      </c>
      <c r="O3385" s="5" t="s">
        <v>39</v>
      </c>
      <c r="P3385" s="5" t="s">
        <v>40</v>
      </c>
      <c r="Q3385" s="5" t="s">
        <v>1522</v>
      </c>
      <c r="R3385" s="5" t="s">
        <v>1523</v>
      </c>
      <c r="S3385" s="5" t="s">
        <v>42</v>
      </c>
      <c r="T3385" s="2">
        <v>3.7629999999999999</v>
      </c>
      <c r="U3385" s="2">
        <v>3.1909999999999998</v>
      </c>
      <c r="V3385" s="2">
        <v>1.7999999999999999E-2</v>
      </c>
      <c r="W3385" s="2">
        <v>139.1</v>
      </c>
      <c r="X3385" s="2">
        <v>7.6</v>
      </c>
      <c r="Y3385" s="2">
        <v>16.7</v>
      </c>
      <c r="Z3385" s="5"/>
      <c r="AA3385" s="5" t="s">
        <v>43</v>
      </c>
      <c r="AB3385" s="5" t="s">
        <v>44</v>
      </c>
      <c r="AC3385" s="2"/>
      <c r="AD3385" s="1"/>
    </row>
    <row r="3386" spans="1:30">
      <c r="A3386" s="5" t="s">
        <v>83578</v>
      </c>
      <c r="B3386" s="2" t="s">
        <v>93760</v>
      </c>
      <c r="C3386" s="14" t="s">
        <v>93761</v>
      </c>
      <c r="D3386" s="2" t="s">
        <v>93762</v>
      </c>
      <c r="E3386" s="2" t="s">
        <v>36345</v>
      </c>
      <c r="F3386" s="8">
        <v>377</v>
      </c>
      <c r="G3386" s="5">
        <v>6</v>
      </c>
      <c r="H3386" s="5" t="s">
        <v>1518</v>
      </c>
      <c r="I3386" s="5" t="s">
        <v>36264</v>
      </c>
      <c r="J3386" s="2" t="s">
        <v>36265</v>
      </c>
      <c r="K3386" s="5" t="s">
        <v>36264</v>
      </c>
      <c r="L3386" s="2" t="s">
        <v>36265</v>
      </c>
      <c r="M3386" s="5" t="s">
        <v>36266</v>
      </c>
      <c r="N3386" s="5" t="s">
        <v>38</v>
      </c>
      <c r="O3386" s="5" t="s">
        <v>39</v>
      </c>
      <c r="P3386" s="5" t="s">
        <v>40</v>
      </c>
      <c r="Q3386" s="5" t="s">
        <v>1522</v>
      </c>
      <c r="R3386" s="5" t="s">
        <v>1523</v>
      </c>
      <c r="S3386" s="5" t="s">
        <v>42</v>
      </c>
      <c r="T3386" s="2">
        <v>3.6429999999999998</v>
      </c>
      <c r="U3386" s="2">
        <v>3.0710000000000002</v>
      </c>
      <c r="V3386" s="2">
        <v>1.7999999999999999E-2</v>
      </c>
      <c r="W3386" s="2">
        <v>139.1</v>
      </c>
      <c r="X3386" s="2">
        <v>7.6</v>
      </c>
      <c r="Y3386" s="2">
        <v>16.7</v>
      </c>
      <c r="Z3386" s="5"/>
      <c r="AA3386" s="5" t="s">
        <v>43</v>
      </c>
      <c r="AB3386" s="5" t="s">
        <v>44</v>
      </c>
      <c r="AC3386" s="2"/>
      <c r="AD3386" s="1"/>
    </row>
    <row r="3387" spans="1:30">
      <c r="A3387" s="5" t="s">
        <v>83578</v>
      </c>
      <c r="B3387" s="2" t="s">
        <v>93763</v>
      </c>
      <c r="C3387" s="14" t="s">
        <v>93764</v>
      </c>
      <c r="D3387" s="2" t="s">
        <v>93765</v>
      </c>
      <c r="E3387" s="2" t="s">
        <v>36349</v>
      </c>
      <c r="F3387" s="8">
        <v>377</v>
      </c>
      <c r="G3387" s="5">
        <v>6</v>
      </c>
      <c r="H3387" s="5" t="s">
        <v>1518</v>
      </c>
      <c r="I3387" s="5" t="s">
        <v>36264</v>
      </c>
      <c r="J3387" s="2" t="s">
        <v>36265</v>
      </c>
      <c r="K3387" s="5" t="s">
        <v>36264</v>
      </c>
      <c r="L3387" s="2" t="s">
        <v>36265</v>
      </c>
      <c r="M3387" s="5" t="s">
        <v>36266</v>
      </c>
      <c r="N3387" s="5" t="s">
        <v>38</v>
      </c>
      <c r="O3387" s="5" t="s">
        <v>39</v>
      </c>
      <c r="P3387" s="5" t="s">
        <v>40</v>
      </c>
      <c r="Q3387" s="5" t="s">
        <v>1522</v>
      </c>
      <c r="R3387" s="5" t="s">
        <v>1523</v>
      </c>
      <c r="S3387" s="5" t="s">
        <v>42</v>
      </c>
      <c r="T3387" s="2">
        <v>3.7629999999999999</v>
      </c>
      <c r="U3387" s="2">
        <v>3.1909999999999998</v>
      </c>
      <c r="V3387" s="2">
        <v>1.7999999999999999E-2</v>
      </c>
      <c r="W3387" s="2">
        <v>139.1</v>
      </c>
      <c r="X3387" s="2">
        <v>7.6</v>
      </c>
      <c r="Y3387" s="2">
        <v>16.7</v>
      </c>
      <c r="Z3387" s="5"/>
      <c r="AA3387" s="5" t="s">
        <v>43</v>
      </c>
      <c r="AB3387" s="5" t="s">
        <v>44</v>
      </c>
      <c r="AC3387" s="2"/>
      <c r="AD3387" s="1"/>
    </row>
    <row r="3388" spans="1:30">
      <c r="A3388" s="5" t="s">
        <v>83578</v>
      </c>
      <c r="B3388" s="2" t="s">
        <v>93766</v>
      </c>
      <c r="C3388" s="14" t="s">
        <v>93767</v>
      </c>
      <c r="D3388" s="2" t="s">
        <v>93768</v>
      </c>
      <c r="E3388" s="2" t="s">
        <v>36353</v>
      </c>
      <c r="F3388" s="8">
        <v>377</v>
      </c>
      <c r="G3388" s="5">
        <v>6</v>
      </c>
      <c r="H3388" s="5" t="s">
        <v>1518</v>
      </c>
      <c r="I3388" s="5" t="s">
        <v>36264</v>
      </c>
      <c r="J3388" s="2" t="s">
        <v>36265</v>
      </c>
      <c r="K3388" s="5" t="s">
        <v>36264</v>
      </c>
      <c r="L3388" s="2" t="s">
        <v>36265</v>
      </c>
      <c r="M3388" s="5" t="s">
        <v>36266</v>
      </c>
      <c r="N3388" s="5" t="s">
        <v>38</v>
      </c>
      <c r="O3388" s="5" t="s">
        <v>39</v>
      </c>
      <c r="P3388" s="5" t="s">
        <v>40</v>
      </c>
      <c r="Q3388" s="5" t="s">
        <v>1522</v>
      </c>
      <c r="R3388" s="5" t="s">
        <v>1523</v>
      </c>
      <c r="S3388" s="5" t="s">
        <v>42</v>
      </c>
      <c r="T3388" s="2">
        <v>3.6429999999999998</v>
      </c>
      <c r="U3388" s="2">
        <v>3.0710000000000002</v>
      </c>
      <c r="V3388" s="2">
        <v>1.7999999999999999E-2</v>
      </c>
      <c r="W3388" s="2">
        <v>139.1</v>
      </c>
      <c r="X3388" s="2">
        <v>7.6</v>
      </c>
      <c r="Y3388" s="2">
        <v>16.7</v>
      </c>
      <c r="Z3388" s="5"/>
      <c r="AA3388" s="5" t="s">
        <v>43</v>
      </c>
      <c r="AB3388" s="5" t="s">
        <v>44</v>
      </c>
      <c r="AC3388" s="2"/>
      <c r="AD3388" s="1"/>
    </row>
    <row r="3389" spans="1:30">
      <c r="A3389" s="5" t="s">
        <v>83578</v>
      </c>
      <c r="B3389" s="2" t="s">
        <v>93769</v>
      </c>
      <c r="C3389" s="14" t="s">
        <v>93770</v>
      </c>
      <c r="D3389" s="2" t="s">
        <v>93771</v>
      </c>
      <c r="E3389" s="2" t="s">
        <v>36357</v>
      </c>
      <c r="F3389" s="8">
        <v>377</v>
      </c>
      <c r="G3389" s="5">
        <v>6</v>
      </c>
      <c r="H3389" s="5" t="s">
        <v>1518</v>
      </c>
      <c r="I3389" s="5" t="s">
        <v>36264</v>
      </c>
      <c r="J3389" s="2" t="s">
        <v>36265</v>
      </c>
      <c r="K3389" s="5" t="s">
        <v>36264</v>
      </c>
      <c r="L3389" s="2" t="s">
        <v>36265</v>
      </c>
      <c r="M3389" s="5" t="s">
        <v>36266</v>
      </c>
      <c r="N3389" s="5" t="s">
        <v>38</v>
      </c>
      <c r="O3389" s="5" t="s">
        <v>39</v>
      </c>
      <c r="P3389" s="5" t="s">
        <v>40</v>
      </c>
      <c r="Q3389" s="5" t="s">
        <v>1522</v>
      </c>
      <c r="R3389" s="5" t="s">
        <v>1523</v>
      </c>
      <c r="S3389" s="5" t="s">
        <v>42</v>
      </c>
      <c r="T3389" s="2">
        <v>3.7629999999999999</v>
      </c>
      <c r="U3389" s="2">
        <v>3.1909999999999998</v>
      </c>
      <c r="V3389" s="2">
        <v>1.7999999999999999E-2</v>
      </c>
      <c r="W3389" s="2">
        <v>139.1</v>
      </c>
      <c r="X3389" s="2">
        <v>7.6</v>
      </c>
      <c r="Y3389" s="2">
        <v>16.7</v>
      </c>
      <c r="Z3389" s="5"/>
      <c r="AA3389" s="5" t="s">
        <v>43</v>
      </c>
      <c r="AB3389" s="5" t="s">
        <v>44</v>
      </c>
      <c r="AC3389" s="2"/>
      <c r="AD3389" s="1"/>
    </row>
    <row r="3390" spans="1:30">
      <c r="A3390" s="5" t="s">
        <v>83578</v>
      </c>
      <c r="B3390" s="2" t="s">
        <v>93772</v>
      </c>
      <c r="C3390" s="14" t="s">
        <v>93773</v>
      </c>
      <c r="D3390" s="2" t="s">
        <v>93774</v>
      </c>
      <c r="E3390" s="2" t="s">
        <v>45598</v>
      </c>
      <c r="F3390" s="8">
        <v>377</v>
      </c>
      <c r="G3390" s="5">
        <v>6</v>
      </c>
      <c r="H3390" s="5" t="s">
        <v>1518</v>
      </c>
      <c r="I3390" s="5" t="s">
        <v>36264</v>
      </c>
      <c r="J3390" s="2" t="s">
        <v>36265</v>
      </c>
      <c r="K3390" s="5" t="s">
        <v>36264</v>
      </c>
      <c r="L3390" s="2" t="s">
        <v>36265</v>
      </c>
      <c r="M3390" s="5" t="s">
        <v>36266</v>
      </c>
      <c r="N3390" s="5" t="s">
        <v>38</v>
      </c>
      <c r="O3390" s="5" t="s">
        <v>39</v>
      </c>
      <c r="P3390" s="5" t="s">
        <v>40</v>
      </c>
      <c r="Q3390" s="5" t="s">
        <v>1522</v>
      </c>
      <c r="R3390" s="5" t="s">
        <v>1523</v>
      </c>
      <c r="S3390" s="5" t="s">
        <v>42</v>
      </c>
      <c r="T3390" s="2">
        <v>3.6429999999999998</v>
      </c>
      <c r="U3390" s="2">
        <v>3.0710000000000002</v>
      </c>
      <c r="V3390" s="2">
        <v>1.7999999999999999E-2</v>
      </c>
      <c r="W3390" s="2">
        <v>139.1</v>
      </c>
      <c r="X3390" s="2">
        <v>7.6</v>
      </c>
      <c r="Y3390" s="2">
        <v>16.7</v>
      </c>
      <c r="Z3390" s="5"/>
      <c r="AA3390" s="5" t="s">
        <v>43</v>
      </c>
      <c r="AB3390" s="5" t="s">
        <v>44</v>
      </c>
      <c r="AC3390" s="2"/>
      <c r="AD3390" s="1"/>
    </row>
    <row r="3391" spans="1:30">
      <c r="A3391" s="5" t="s">
        <v>83578</v>
      </c>
      <c r="B3391" s="2" t="s">
        <v>93775</v>
      </c>
      <c r="C3391" s="14" t="s">
        <v>93776</v>
      </c>
      <c r="D3391" s="2" t="s">
        <v>93777</v>
      </c>
      <c r="E3391" s="2" t="s">
        <v>45534</v>
      </c>
      <c r="F3391" s="8">
        <v>377</v>
      </c>
      <c r="G3391" s="5">
        <v>6</v>
      </c>
      <c r="H3391" s="5" t="s">
        <v>1518</v>
      </c>
      <c r="I3391" s="5" t="s">
        <v>36264</v>
      </c>
      <c r="J3391" s="2" t="s">
        <v>36265</v>
      </c>
      <c r="K3391" s="5" t="s">
        <v>36264</v>
      </c>
      <c r="L3391" s="2" t="s">
        <v>36265</v>
      </c>
      <c r="M3391" s="5" t="s">
        <v>36266</v>
      </c>
      <c r="N3391" s="5" t="s">
        <v>38</v>
      </c>
      <c r="O3391" s="5" t="s">
        <v>39</v>
      </c>
      <c r="P3391" s="5" t="s">
        <v>40</v>
      </c>
      <c r="Q3391" s="5" t="s">
        <v>1522</v>
      </c>
      <c r="R3391" s="5" t="s">
        <v>1523</v>
      </c>
      <c r="S3391" s="5" t="s">
        <v>42</v>
      </c>
      <c r="T3391" s="2">
        <v>3.7629999999999999</v>
      </c>
      <c r="U3391" s="2">
        <v>3.1909999999999998</v>
      </c>
      <c r="V3391" s="2">
        <v>1.7999999999999999E-2</v>
      </c>
      <c r="W3391" s="2">
        <v>139.1</v>
      </c>
      <c r="X3391" s="2">
        <v>7.6</v>
      </c>
      <c r="Y3391" s="2">
        <v>16.7</v>
      </c>
      <c r="Z3391" s="5"/>
      <c r="AA3391" s="5" t="s">
        <v>43</v>
      </c>
      <c r="AB3391" s="5" t="s">
        <v>44</v>
      </c>
      <c r="AC3391" s="2"/>
      <c r="AD3391" s="1"/>
    </row>
    <row r="3392" spans="1:30">
      <c r="A3392" s="5" t="s">
        <v>83578</v>
      </c>
      <c r="B3392" s="2" t="s">
        <v>93778</v>
      </c>
      <c r="C3392" s="14" t="s">
        <v>93779</v>
      </c>
      <c r="D3392" s="2" t="s">
        <v>93780</v>
      </c>
      <c r="E3392" s="2" t="s">
        <v>36369</v>
      </c>
      <c r="F3392" s="8">
        <v>377</v>
      </c>
      <c r="G3392" s="5">
        <v>6</v>
      </c>
      <c r="H3392" s="5" t="s">
        <v>1518</v>
      </c>
      <c r="I3392" s="5" t="s">
        <v>36264</v>
      </c>
      <c r="J3392" s="2" t="s">
        <v>36265</v>
      </c>
      <c r="K3392" s="5" t="s">
        <v>36264</v>
      </c>
      <c r="L3392" s="2" t="s">
        <v>36265</v>
      </c>
      <c r="M3392" s="5" t="s">
        <v>36266</v>
      </c>
      <c r="N3392" s="5" t="s">
        <v>38</v>
      </c>
      <c r="O3392" s="5" t="s">
        <v>39</v>
      </c>
      <c r="P3392" s="5" t="s">
        <v>40</v>
      </c>
      <c r="Q3392" s="5" t="s">
        <v>1522</v>
      </c>
      <c r="R3392" s="5" t="s">
        <v>1523</v>
      </c>
      <c r="S3392" s="5" t="s">
        <v>42</v>
      </c>
      <c r="T3392" s="2">
        <v>3.6429999999999998</v>
      </c>
      <c r="U3392" s="2">
        <v>3.0710000000000002</v>
      </c>
      <c r="V3392" s="2">
        <v>1.7999999999999999E-2</v>
      </c>
      <c r="W3392" s="2">
        <v>139.1</v>
      </c>
      <c r="X3392" s="2">
        <v>7.6</v>
      </c>
      <c r="Y3392" s="2">
        <v>16.7</v>
      </c>
      <c r="Z3392" s="5"/>
      <c r="AA3392" s="5" t="s">
        <v>43</v>
      </c>
      <c r="AB3392" s="5" t="s">
        <v>44</v>
      </c>
      <c r="AC3392" s="2"/>
      <c r="AD3392" s="1"/>
    </row>
    <row r="3393" spans="1:30">
      <c r="A3393" s="5" t="s">
        <v>83578</v>
      </c>
      <c r="B3393" s="2" t="s">
        <v>93781</v>
      </c>
      <c r="C3393" s="14" t="s">
        <v>93782</v>
      </c>
      <c r="D3393" s="2" t="s">
        <v>93783</v>
      </c>
      <c r="E3393" s="2" t="s">
        <v>36373</v>
      </c>
      <c r="F3393" s="8">
        <v>377</v>
      </c>
      <c r="G3393" s="5">
        <v>6</v>
      </c>
      <c r="H3393" s="5" t="s">
        <v>1518</v>
      </c>
      <c r="I3393" s="5" t="s">
        <v>36264</v>
      </c>
      <c r="J3393" s="2" t="s">
        <v>36265</v>
      </c>
      <c r="K3393" s="5" t="s">
        <v>36264</v>
      </c>
      <c r="L3393" s="2" t="s">
        <v>36265</v>
      </c>
      <c r="M3393" s="5" t="s">
        <v>36266</v>
      </c>
      <c r="N3393" s="5" t="s">
        <v>38</v>
      </c>
      <c r="O3393" s="5" t="s">
        <v>39</v>
      </c>
      <c r="P3393" s="5" t="s">
        <v>40</v>
      </c>
      <c r="Q3393" s="5" t="s">
        <v>1522</v>
      </c>
      <c r="R3393" s="5" t="s">
        <v>1523</v>
      </c>
      <c r="S3393" s="5" t="s">
        <v>42</v>
      </c>
      <c r="T3393" s="2">
        <v>3.7629999999999999</v>
      </c>
      <c r="U3393" s="2">
        <v>3.1909999999999998</v>
      </c>
      <c r="V3393" s="2">
        <v>1.7999999999999999E-2</v>
      </c>
      <c r="W3393" s="2">
        <v>139.1</v>
      </c>
      <c r="X3393" s="2">
        <v>7.6</v>
      </c>
      <c r="Y3393" s="2">
        <v>16.7</v>
      </c>
      <c r="Z3393" s="5"/>
      <c r="AA3393" s="5" t="s">
        <v>43</v>
      </c>
      <c r="AB3393" s="5" t="s">
        <v>44</v>
      </c>
      <c r="AC3393" s="2"/>
      <c r="AD3393" s="1"/>
    </row>
    <row r="3394" spans="1:30">
      <c r="A3394" s="5" t="s">
        <v>83578</v>
      </c>
      <c r="B3394" s="2" t="s">
        <v>93784</v>
      </c>
      <c r="C3394" s="14" t="s">
        <v>93785</v>
      </c>
      <c r="D3394" s="2" t="s">
        <v>93786</v>
      </c>
      <c r="E3394" s="2" t="s">
        <v>36377</v>
      </c>
      <c r="F3394" s="8">
        <v>377</v>
      </c>
      <c r="G3394" s="5">
        <v>6</v>
      </c>
      <c r="H3394" s="5" t="s">
        <v>1518</v>
      </c>
      <c r="I3394" s="5" t="s">
        <v>36264</v>
      </c>
      <c r="J3394" s="2" t="s">
        <v>36265</v>
      </c>
      <c r="K3394" s="5" t="s">
        <v>36264</v>
      </c>
      <c r="L3394" s="2" t="s">
        <v>36265</v>
      </c>
      <c r="M3394" s="5" t="s">
        <v>36266</v>
      </c>
      <c r="N3394" s="5" t="s">
        <v>38</v>
      </c>
      <c r="O3394" s="5" t="s">
        <v>39</v>
      </c>
      <c r="P3394" s="5" t="s">
        <v>40</v>
      </c>
      <c r="Q3394" s="5" t="s">
        <v>1522</v>
      </c>
      <c r="R3394" s="5" t="s">
        <v>1523</v>
      </c>
      <c r="S3394" s="5" t="s">
        <v>42</v>
      </c>
      <c r="T3394" s="2">
        <v>3.6429999999999998</v>
      </c>
      <c r="U3394" s="2">
        <v>3.0710000000000002</v>
      </c>
      <c r="V3394" s="2">
        <v>1.7999999999999999E-2</v>
      </c>
      <c r="W3394" s="2">
        <v>139.1</v>
      </c>
      <c r="X3394" s="2">
        <v>7.6</v>
      </c>
      <c r="Y3394" s="2">
        <v>16.7</v>
      </c>
      <c r="Z3394" s="5"/>
      <c r="AA3394" s="5" t="s">
        <v>43</v>
      </c>
      <c r="AB3394" s="5" t="s">
        <v>44</v>
      </c>
      <c r="AC3394" s="2"/>
      <c r="AD3394" s="1"/>
    </row>
    <row r="3395" spans="1:30">
      <c r="A3395" s="5" t="s">
        <v>83578</v>
      </c>
      <c r="B3395" s="2" t="s">
        <v>93787</v>
      </c>
      <c r="C3395" s="14" t="s">
        <v>93788</v>
      </c>
      <c r="D3395" s="2" t="s">
        <v>93789</v>
      </c>
      <c r="E3395" s="2" t="s">
        <v>36381</v>
      </c>
      <c r="F3395" s="8">
        <v>377</v>
      </c>
      <c r="G3395" s="5">
        <v>6</v>
      </c>
      <c r="H3395" s="5" t="s">
        <v>1518</v>
      </c>
      <c r="I3395" s="5" t="s">
        <v>36264</v>
      </c>
      <c r="J3395" s="2" t="s">
        <v>36265</v>
      </c>
      <c r="K3395" s="5" t="s">
        <v>36264</v>
      </c>
      <c r="L3395" s="2" t="s">
        <v>36265</v>
      </c>
      <c r="M3395" s="5" t="s">
        <v>36266</v>
      </c>
      <c r="N3395" s="5" t="s">
        <v>38</v>
      </c>
      <c r="O3395" s="5" t="s">
        <v>39</v>
      </c>
      <c r="P3395" s="5" t="s">
        <v>40</v>
      </c>
      <c r="Q3395" s="5" t="s">
        <v>1522</v>
      </c>
      <c r="R3395" s="5" t="s">
        <v>1523</v>
      </c>
      <c r="S3395" s="5" t="s">
        <v>42</v>
      </c>
      <c r="T3395" s="2">
        <v>3.7629999999999999</v>
      </c>
      <c r="U3395" s="2">
        <v>3.1909999999999998</v>
      </c>
      <c r="V3395" s="2">
        <v>1.7999999999999999E-2</v>
      </c>
      <c r="W3395" s="2">
        <v>139.1</v>
      </c>
      <c r="X3395" s="2">
        <v>7.6</v>
      </c>
      <c r="Y3395" s="2">
        <v>16.7</v>
      </c>
      <c r="Z3395" s="5"/>
      <c r="AA3395" s="5" t="s">
        <v>43</v>
      </c>
      <c r="AB3395" s="5" t="s">
        <v>44</v>
      </c>
      <c r="AC3395" s="2"/>
      <c r="AD3395" s="1"/>
    </row>
    <row r="3396" spans="1:30">
      <c r="A3396" s="5" t="s">
        <v>83578</v>
      </c>
      <c r="B3396" s="2" t="s">
        <v>93790</v>
      </c>
      <c r="C3396" s="14" t="s">
        <v>93791</v>
      </c>
      <c r="D3396" s="2" t="s">
        <v>93792</v>
      </c>
      <c r="E3396" s="2" t="s">
        <v>36385</v>
      </c>
      <c r="F3396" s="8">
        <v>377</v>
      </c>
      <c r="G3396" s="5">
        <v>6</v>
      </c>
      <c r="H3396" s="5" t="s">
        <v>1518</v>
      </c>
      <c r="I3396" s="5" t="s">
        <v>36264</v>
      </c>
      <c r="J3396" s="2" t="s">
        <v>36265</v>
      </c>
      <c r="K3396" s="5" t="s">
        <v>36264</v>
      </c>
      <c r="L3396" s="2" t="s">
        <v>36265</v>
      </c>
      <c r="M3396" s="5" t="s">
        <v>36266</v>
      </c>
      <c r="N3396" s="5" t="s">
        <v>38</v>
      </c>
      <c r="O3396" s="5" t="s">
        <v>39</v>
      </c>
      <c r="P3396" s="5" t="s">
        <v>40</v>
      </c>
      <c r="Q3396" s="5" t="s">
        <v>1522</v>
      </c>
      <c r="R3396" s="5" t="s">
        <v>1523</v>
      </c>
      <c r="S3396" s="5" t="s">
        <v>42</v>
      </c>
      <c r="T3396" s="2">
        <v>3.6429999999999998</v>
      </c>
      <c r="U3396" s="2">
        <v>3.0710000000000002</v>
      </c>
      <c r="V3396" s="2">
        <v>1.7999999999999999E-2</v>
      </c>
      <c r="W3396" s="2">
        <v>139.1</v>
      </c>
      <c r="X3396" s="2">
        <v>7.6</v>
      </c>
      <c r="Y3396" s="2">
        <v>16.7</v>
      </c>
      <c r="Z3396" s="5"/>
      <c r="AA3396" s="5" t="s">
        <v>43</v>
      </c>
      <c r="AB3396" s="5" t="s">
        <v>44</v>
      </c>
      <c r="AC3396" s="2"/>
      <c r="AD3396" s="1"/>
    </row>
    <row r="3397" spans="1:30">
      <c r="A3397" s="5" t="s">
        <v>83578</v>
      </c>
      <c r="B3397" s="2" t="s">
        <v>93793</v>
      </c>
      <c r="C3397" s="14" t="s">
        <v>93794</v>
      </c>
      <c r="D3397" s="2" t="s">
        <v>93795</v>
      </c>
      <c r="E3397" s="2" t="s">
        <v>36389</v>
      </c>
      <c r="F3397" s="8">
        <v>377</v>
      </c>
      <c r="G3397" s="5">
        <v>6</v>
      </c>
      <c r="H3397" s="5" t="s">
        <v>1518</v>
      </c>
      <c r="I3397" s="5" t="s">
        <v>36264</v>
      </c>
      <c r="J3397" s="2" t="s">
        <v>36265</v>
      </c>
      <c r="K3397" s="5" t="s">
        <v>36264</v>
      </c>
      <c r="L3397" s="2" t="s">
        <v>36265</v>
      </c>
      <c r="M3397" s="5" t="s">
        <v>36266</v>
      </c>
      <c r="N3397" s="5" t="s">
        <v>38</v>
      </c>
      <c r="O3397" s="5" t="s">
        <v>39</v>
      </c>
      <c r="P3397" s="5" t="s">
        <v>40</v>
      </c>
      <c r="Q3397" s="5" t="s">
        <v>1522</v>
      </c>
      <c r="R3397" s="5" t="s">
        <v>1523</v>
      </c>
      <c r="S3397" s="5" t="s">
        <v>42</v>
      </c>
      <c r="T3397" s="2">
        <v>3.7629999999999999</v>
      </c>
      <c r="U3397" s="2">
        <v>3.1909999999999998</v>
      </c>
      <c r="V3397" s="2">
        <v>1.7999999999999999E-2</v>
      </c>
      <c r="W3397" s="2">
        <v>139.1</v>
      </c>
      <c r="X3397" s="2">
        <v>7.6</v>
      </c>
      <c r="Y3397" s="2">
        <v>16.7</v>
      </c>
      <c r="Z3397" s="5"/>
      <c r="AA3397" s="5" t="s">
        <v>43</v>
      </c>
      <c r="AB3397" s="5" t="s">
        <v>44</v>
      </c>
      <c r="AC3397" s="2"/>
      <c r="AD3397" s="1"/>
    </row>
    <row r="3398" spans="1:30">
      <c r="A3398" s="5" t="s">
        <v>83578</v>
      </c>
      <c r="B3398" s="2" t="s">
        <v>93796</v>
      </c>
      <c r="C3398" s="14" t="s">
        <v>93797</v>
      </c>
      <c r="D3398" s="2" t="s">
        <v>93798</v>
      </c>
      <c r="E3398" s="2" t="s">
        <v>36337</v>
      </c>
      <c r="F3398" s="8">
        <v>338</v>
      </c>
      <c r="G3398" s="5">
        <v>6</v>
      </c>
      <c r="H3398" s="5" t="s">
        <v>1518</v>
      </c>
      <c r="I3398" s="5" t="s">
        <v>36264</v>
      </c>
      <c r="J3398" s="2" t="s">
        <v>36265</v>
      </c>
      <c r="K3398" s="5" t="s">
        <v>36264</v>
      </c>
      <c r="L3398" s="2" t="s">
        <v>36265</v>
      </c>
      <c r="M3398" s="5" t="s">
        <v>36266</v>
      </c>
      <c r="N3398" s="5" t="s">
        <v>38</v>
      </c>
      <c r="O3398" s="5" t="s">
        <v>39</v>
      </c>
      <c r="P3398" s="5" t="s">
        <v>40</v>
      </c>
      <c r="Q3398" s="5" t="s">
        <v>1522</v>
      </c>
      <c r="R3398" s="5" t="s">
        <v>1523</v>
      </c>
      <c r="S3398" s="5" t="s">
        <v>42</v>
      </c>
      <c r="T3398" s="2">
        <v>3.319</v>
      </c>
      <c r="U3398" s="2">
        <v>2.7320000000000002</v>
      </c>
      <c r="V3398" s="2">
        <v>1.7999999999999999E-2</v>
      </c>
      <c r="W3398" s="2">
        <v>139.1</v>
      </c>
      <c r="X3398" s="2">
        <v>7.6</v>
      </c>
      <c r="Y3398" s="2">
        <v>16.7</v>
      </c>
      <c r="Z3398" s="5"/>
      <c r="AA3398" s="5" t="s">
        <v>43</v>
      </c>
      <c r="AB3398" s="5" t="s">
        <v>44</v>
      </c>
      <c r="AC3398" s="2"/>
      <c r="AD3398" s="1"/>
    </row>
    <row r="3399" spans="1:30">
      <c r="A3399" s="5" t="s">
        <v>83578</v>
      </c>
      <c r="B3399" s="2" t="s">
        <v>93799</v>
      </c>
      <c r="C3399" s="14" t="s">
        <v>93800</v>
      </c>
      <c r="D3399" s="2" t="s">
        <v>93801</v>
      </c>
      <c r="E3399" s="2" t="s">
        <v>36341</v>
      </c>
      <c r="F3399" s="8">
        <v>338</v>
      </c>
      <c r="G3399" s="5">
        <v>6</v>
      </c>
      <c r="H3399" s="5" t="s">
        <v>1518</v>
      </c>
      <c r="I3399" s="5" t="s">
        <v>36264</v>
      </c>
      <c r="J3399" s="2" t="s">
        <v>36265</v>
      </c>
      <c r="K3399" s="5" t="s">
        <v>36264</v>
      </c>
      <c r="L3399" s="2" t="s">
        <v>36265</v>
      </c>
      <c r="M3399" s="5" t="s">
        <v>36266</v>
      </c>
      <c r="N3399" s="5" t="s">
        <v>38</v>
      </c>
      <c r="O3399" s="5" t="s">
        <v>39</v>
      </c>
      <c r="P3399" s="5" t="s">
        <v>40</v>
      </c>
      <c r="Q3399" s="5" t="s">
        <v>1522</v>
      </c>
      <c r="R3399" s="5" t="s">
        <v>1523</v>
      </c>
      <c r="S3399" s="5" t="s">
        <v>42</v>
      </c>
      <c r="T3399" s="2">
        <v>3.419</v>
      </c>
      <c r="U3399" s="2">
        <v>2.8319999999999999</v>
      </c>
      <c r="V3399" s="2">
        <v>1.7999999999999999E-2</v>
      </c>
      <c r="W3399" s="2">
        <v>139.1</v>
      </c>
      <c r="X3399" s="2">
        <v>7.6</v>
      </c>
      <c r="Y3399" s="2">
        <v>16.7</v>
      </c>
      <c r="Z3399" s="5"/>
      <c r="AA3399" s="5" t="s">
        <v>43</v>
      </c>
      <c r="AB3399" s="5" t="s">
        <v>44</v>
      </c>
      <c r="AC3399" s="2"/>
      <c r="AD3399" s="1"/>
    </row>
    <row r="3400" spans="1:30">
      <c r="A3400" s="5" t="s">
        <v>83578</v>
      </c>
      <c r="B3400" s="2" t="s">
        <v>93802</v>
      </c>
      <c r="C3400" s="14" t="s">
        <v>93803</v>
      </c>
      <c r="D3400" s="2" t="s">
        <v>93804</v>
      </c>
      <c r="E3400" s="2" t="s">
        <v>36281</v>
      </c>
      <c r="F3400" s="8">
        <v>350</v>
      </c>
      <c r="G3400" s="5">
        <v>6</v>
      </c>
      <c r="H3400" s="5" t="s">
        <v>1518</v>
      </c>
      <c r="I3400" s="5" t="s">
        <v>36264</v>
      </c>
      <c r="J3400" s="2" t="s">
        <v>36265</v>
      </c>
      <c r="K3400" s="5" t="s">
        <v>36264</v>
      </c>
      <c r="L3400" s="2" t="s">
        <v>36265</v>
      </c>
      <c r="M3400" s="5" t="s">
        <v>36266</v>
      </c>
      <c r="N3400" s="5" t="s">
        <v>38</v>
      </c>
      <c r="O3400" s="5" t="s">
        <v>39</v>
      </c>
      <c r="P3400" s="5" t="s">
        <v>40</v>
      </c>
      <c r="Q3400" s="5" t="s">
        <v>1522</v>
      </c>
      <c r="R3400" s="5" t="s">
        <v>1523</v>
      </c>
      <c r="S3400" s="5" t="s">
        <v>42</v>
      </c>
      <c r="T3400" s="2">
        <v>3.5059999999999998</v>
      </c>
      <c r="U3400" s="2">
        <v>2.93</v>
      </c>
      <c r="V3400" s="2">
        <v>1.7999999999999999E-2</v>
      </c>
      <c r="W3400" s="2">
        <v>139.1</v>
      </c>
      <c r="X3400" s="2">
        <v>7.6</v>
      </c>
      <c r="Y3400" s="2">
        <v>16.7</v>
      </c>
      <c r="Z3400" s="5"/>
      <c r="AA3400" s="5" t="s">
        <v>43</v>
      </c>
      <c r="AB3400" s="5" t="s">
        <v>44</v>
      </c>
      <c r="AC3400" s="2"/>
      <c r="AD3400" s="1"/>
    </row>
    <row r="3401" spans="1:30">
      <c r="A3401" s="5" t="s">
        <v>83578</v>
      </c>
      <c r="B3401" s="2" t="s">
        <v>93805</v>
      </c>
      <c r="C3401" s="14" t="s">
        <v>93806</v>
      </c>
      <c r="D3401" s="2" t="s">
        <v>93807</v>
      </c>
      <c r="E3401" s="2" t="s">
        <v>36285</v>
      </c>
      <c r="F3401" s="8">
        <v>350</v>
      </c>
      <c r="G3401" s="5">
        <v>6</v>
      </c>
      <c r="H3401" s="5" t="s">
        <v>1518</v>
      </c>
      <c r="I3401" s="5" t="s">
        <v>36264</v>
      </c>
      <c r="J3401" s="2" t="s">
        <v>36265</v>
      </c>
      <c r="K3401" s="5" t="s">
        <v>36264</v>
      </c>
      <c r="L3401" s="2" t="s">
        <v>36265</v>
      </c>
      <c r="M3401" s="5" t="s">
        <v>36266</v>
      </c>
      <c r="N3401" s="5" t="s">
        <v>38</v>
      </c>
      <c r="O3401" s="5" t="s">
        <v>39</v>
      </c>
      <c r="P3401" s="5" t="s">
        <v>40</v>
      </c>
      <c r="Q3401" s="5" t="s">
        <v>1522</v>
      </c>
      <c r="R3401" s="5" t="s">
        <v>1523</v>
      </c>
      <c r="S3401" s="5" t="s">
        <v>42</v>
      </c>
      <c r="T3401" s="2">
        <v>3.6179999999999999</v>
      </c>
      <c r="U3401" s="2">
        <v>3.0419999999999998</v>
      </c>
      <c r="V3401" s="2">
        <v>1.7999999999999999E-2</v>
      </c>
      <c r="W3401" s="2">
        <v>139.1</v>
      </c>
      <c r="X3401" s="2">
        <v>7.6</v>
      </c>
      <c r="Y3401" s="2">
        <v>16.7</v>
      </c>
      <c r="Z3401" s="5"/>
      <c r="AA3401" s="5" t="s">
        <v>43</v>
      </c>
      <c r="AB3401" s="5" t="s">
        <v>44</v>
      </c>
      <c r="AC3401" s="2"/>
      <c r="AD3401" s="1"/>
    </row>
    <row r="3402" spans="1:30">
      <c r="A3402" s="5" t="s">
        <v>83578</v>
      </c>
      <c r="B3402" s="2" t="s">
        <v>93808</v>
      </c>
      <c r="C3402" s="14" t="s">
        <v>93809</v>
      </c>
      <c r="D3402" s="2" t="s">
        <v>93810</v>
      </c>
      <c r="E3402" s="2" t="s">
        <v>36301</v>
      </c>
      <c r="F3402" s="8">
        <v>322</v>
      </c>
      <c r="G3402" s="5">
        <v>6</v>
      </c>
      <c r="H3402" s="5" t="s">
        <v>1518</v>
      </c>
      <c r="I3402" s="5" t="s">
        <v>36264</v>
      </c>
      <c r="J3402" s="2" t="s">
        <v>36265</v>
      </c>
      <c r="K3402" s="5" t="s">
        <v>36264</v>
      </c>
      <c r="L3402" s="2" t="s">
        <v>36265</v>
      </c>
      <c r="M3402" s="5" t="s">
        <v>36266</v>
      </c>
      <c r="N3402" s="5" t="s">
        <v>38</v>
      </c>
      <c r="O3402" s="5" t="s">
        <v>39</v>
      </c>
      <c r="P3402" s="5" t="s">
        <v>40</v>
      </c>
      <c r="Q3402" s="5" t="s">
        <v>1522</v>
      </c>
      <c r="R3402" s="5" t="s">
        <v>1523</v>
      </c>
      <c r="S3402" s="5" t="s">
        <v>42</v>
      </c>
      <c r="T3402" s="2">
        <v>3.6179999999999999</v>
      </c>
      <c r="U3402" s="2">
        <v>3.0419999999999998</v>
      </c>
      <c r="V3402" s="2">
        <v>1.7999999999999999E-2</v>
      </c>
      <c r="W3402" s="2">
        <v>139.1</v>
      </c>
      <c r="X3402" s="2">
        <v>7.6</v>
      </c>
      <c r="Y3402" s="2">
        <v>16.7</v>
      </c>
      <c r="Z3402" s="5"/>
      <c r="AA3402" s="5" t="s">
        <v>43</v>
      </c>
      <c r="AB3402" s="5" t="s">
        <v>44</v>
      </c>
      <c r="AC3402" s="2"/>
      <c r="AD3402" s="1"/>
    </row>
    <row r="3403" spans="1:30">
      <c r="A3403" s="5" t="s">
        <v>83578</v>
      </c>
      <c r="B3403" s="2" t="s">
        <v>93811</v>
      </c>
      <c r="C3403" s="14" t="s">
        <v>93812</v>
      </c>
      <c r="D3403" s="2" t="s">
        <v>93813</v>
      </c>
      <c r="E3403" s="2" t="s">
        <v>36321</v>
      </c>
      <c r="F3403" s="8">
        <v>350</v>
      </c>
      <c r="G3403" s="5">
        <v>6</v>
      </c>
      <c r="H3403" s="5" t="s">
        <v>1518</v>
      </c>
      <c r="I3403" s="5" t="s">
        <v>36264</v>
      </c>
      <c r="J3403" s="2" t="s">
        <v>36265</v>
      </c>
      <c r="K3403" s="5" t="s">
        <v>36264</v>
      </c>
      <c r="L3403" s="2" t="s">
        <v>36265</v>
      </c>
      <c r="M3403" s="5" t="s">
        <v>36266</v>
      </c>
      <c r="N3403" s="5" t="s">
        <v>38</v>
      </c>
      <c r="O3403" s="5" t="s">
        <v>39</v>
      </c>
      <c r="P3403" s="5" t="s">
        <v>40</v>
      </c>
      <c r="Q3403" s="5" t="s">
        <v>1522</v>
      </c>
      <c r="R3403" s="5" t="s">
        <v>1523</v>
      </c>
      <c r="S3403" s="5" t="s">
        <v>42</v>
      </c>
      <c r="T3403" s="2">
        <v>3.5059999999999998</v>
      </c>
      <c r="U3403" s="2">
        <v>2.93</v>
      </c>
      <c r="V3403" s="2">
        <v>1.7999999999999999E-2</v>
      </c>
      <c r="W3403" s="2">
        <v>139.1</v>
      </c>
      <c r="X3403" s="2">
        <v>7.6</v>
      </c>
      <c r="Y3403" s="2">
        <v>16.7</v>
      </c>
      <c r="Z3403" s="5"/>
      <c r="AA3403" s="5" t="s">
        <v>43</v>
      </c>
      <c r="AB3403" s="5" t="s">
        <v>44</v>
      </c>
      <c r="AC3403" s="2"/>
      <c r="AD3403" s="1"/>
    </row>
    <row r="3404" spans="1:30">
      <c r="A3404" s="5" t="s">
        <v>83578</v>
      </c>
      <c r="B3404" s="2" t="s">
        <v>93814</v>
      </c>
      <c r="C3404" s="14" t="s">
        <v>93815</v>
      </c>
      <c r="D3404" s="2" t="s">
        <v>93816</v>
      </c>
      <c r="E3404" s="2" t="s">
        <v>36325</v>
      </c>
      <c r="F3404" s="8">
        <v>350</v>
      </c>
      <c r="G3404" s="5">
        <v>6</v>
      </c>
      <c r="H3404" s="5" t="s">
        <v>1518</v>
      </c>
      <c r="I3404" s="5" t="s">
        <v>36264</v>
      </c>
      <c r="J3404" s="2" t="s">
        <v>36265</v>
      </c>
      <c r="K3404" s="5" t="s">
        <v>36264</v>
      </c>
      <c r="L3404" s="2" t="s">
        <v>36265</v>
      </c>
      <c r="M3404" s="5" t="s">
        <v>36266</v>
      </c>
      <c r="N3404" s="5" t="s">
        <v>38</v>
      </c>
      <c r="O3404" s="5" t="s">
        <v>39</v>
      </c>
      <c r="P3404" s="5" t="s">
        <v>40</v>
      </c>
      <c r="Q3404" s="5" t="s">
        <v>1522</v>
      </c>
      <c r="R3404" s="5" t="s">
        <v>1523</v>
      </c>
      <c r="S3404" s="5" t="s">
        <v>42</v>
      </c>
      <c r="T3404" s="2">
        <v>3.6179999999999999</v>
      </c>
      <c r="U3404" s="2">
        <v>3.0419999999999998</v>
      </c>
      <c r="V3404" s="2">
        <v>1.7999999999999999E-2</v>
      </c>
      <c r="W3404" s="2">
        <v>139.1</v>
      </c>
      <c r="X3404" s="2">
        <v>7.6</v>
      </c>
      <c r="Y3404" s="2">
        <v>16.7</v>
      </c>
      <c r="Z3404" s="5"/>
      <c r="AA3404" s="5" t="s">
        <v>43</v>
      </c>
      <c r="AB3404" s="5" t="s">
        <v>44</v>
      </c>
      <c r="AC3404" s="2"/>
      <c r="AD3404" s="1"/>
    </row>
    <row r="3405" spans="1:30">
      <c r="A3405" s="5" t="s">
        <v>83578</v>
      </c>
      <c r="B3405" s="2" t="s">
        <v>93817</v>
      </c>
      <c r="C3405" s="14" t="s">
        <v>93818</v>
      </c>
      <c r="D3405" s="2" t="s">
        <v>93819</v>
      </c>
      <c r="E3405" s="2" t="s">
        <v>36341</v>
      </c>
      <c r="F3405" s="8">
        <v>350</v>
      </c>
      <c r="G3405" s="5">
        <v>6</v>
      </c>
      <c r="H3405" s="5" t="s">
        <v>1518</v>
      </c>
      <c r="I3405" s="5" t="s">
        <v>36264</v>
      </c>
      <c r="J3405" s="2" t="s">
        <v>36265</v>
      </c>
      <c r="K3405" s="5" t="s">
        <v>36264</v>
      </c>
      <c r="L3405" s="2" t="s">
        <v>36265</v>
      </c>
      <c r="M3405" s="5" t="s">
        <v>36266</v>
      </c>
      <c r="N3405" s="5" t="s">
        <v>38</v>
      </c>
      <c r="O3405" s="5" t="s">
        <v>39</v>
      </c>
      <c r="P3405" s="5" t="s">
        <v>40</v>
      </c>
      <c r="Q3405" s="5" t="s">
        <v>1522</v>
      </c>
      <c r="R3405" s="5" t="s">
        <v>1523</v>
      </c>
      <c r="S3405" s="5" t="s">
        <v>42</v>
      </c>
      <c r="T3405" s="2">
        <v>3.6179999999999999</v>
      </c>
      <c r="U3405" s="2">
        <v>3.0419999999999998</v>
      </c>
      <c r="V3405" s="2">
        <v>1.7999999999999999E-2</v>
      </c>
      <c r="W3405" s="2">
        <v>139.1</v>
      </c>
      <c r="X3405" s="2">
        <v>7.6</v>
      </c>
      <c r="Y3405" s="2">
        <v>16.7</v>
      </c>
      <c r="Z3405" s="5"/>
      <c r="AA3405" s="5" t="s">
        <v>43</v>
      </c>
      <c r="AB3405" s="5" t="s">
        <v>44</v>
      </c>
      <c r="AC3405" s="2"/>
      <c r="AD3405" s="1"/>
    </row>
    <row r="3406" spans="1:30">
      <c r="A3406" s="5" t="s">
        <v>83578</v>
      </c>
      <c r="B3406" s="2" t="s">
        <v>93820</v>
      </c>
      <c r="C3406" s="14" t="s">
        <v>93821</v>
      </c>
      <c r="D3406" s="2" t="s">
        <v>93822</v>
      </c>
      <c r="E3406" s="2" t="s">
        <v>36353</v>
      </c>
      <c r="F3406" s="8">
        <v>350</v>
      </c>
      <c r="G3406" s="5">
        <v>6</v>
      </c>
      <c r="H3406" s="5" t="s">
        <v>1518</v>
      </c>
      <c r="I3406" s="5" t="s">
        <v>36264</v>
      </c>
      <c r="J3406" s="2" t="s">
        <v>36265</v>
      </c>
      <c r="K3406" s="5" t="s">
        <v>36264</v>
      </c>
      <c r="L3406" s="2" t="s">
        <v>36265</v>
      </c>
      <c r="M3406" s="5" t="s">
        <v>36266</v>
      </c>
      <c r="N3406" s="5" t="s">
        <v>38</v>
      </c>
      <c r="O3406" s="5" t="s">
        <v>39</v>
      </c>
      <c r="P3406" s="5" t="s">
        <v>40</v>
      </c>
      <c r="Q3406" s="5" t="s">
        <v>1522</v>
      </c>
      <c r="R3406" s="5" t="s">
        <v>1523</v>
      </c>
      <c r="S3406" s="5" t="s">
        <v>42</v>
      </c>
      <c r="T3406" s="2">
        <v>3.5059999999999998</v>
      </c>
      <c r="U3406" s="2">
        <v>2.93</v>
      </c>
      <c r="V3406" s="2">
        <v>1.7999999999999999E-2</v>
      </c>
      <c r="W3406" s="2">
        <v>139.1</v>
      </c>
      <c r="X3406" s="2">
        <v>7.6</v>
      </c>
      <c r="Y3406" s="2">
        <v>16.7</v>
      </c>
      <c r="Z3406" s="5"/>
      <c r="AA3406" s="5" t="s">
        <v>43</v>
      </c>
      <c r="AB3406" s="5" t="s">
        <v>44</v>
      </c>
      <c r="AC3406" s="2"/>
      <c r="AD3406" s="1"/>
    </row>
    <row r="3407" spans="1:30">
      <c r="A3407" s="5" t="s">
        <v>83578</v>
      </c>
      <c r="B3407" s="2" t="s">
        <v>93823</v>
      </c>
      <c r="C3407" s="14" t="s">
        <v>93824</v>
      </c>
      <c r="D3407" s="2" t="s">
        <v>93825</v>
      </c>
      <c r="E3407" s="2" t="s">
        <v>36357</v>
      </c>
      <c r="F3407" s="8">
        <v>350</v>
      </c>
      <c r="G3407" s="5">
        <v>6</v>
      </c>
      <c r="H3407" s="5" t="s">
        <v>1518</v>
      </c>
      <c r="I3407" s="5" t="s">
        <v>36264</v>
      </c>
      <c r="J3407" s="2" t="s">
        <v>36265</v>
      </c>
      <c r="K3407" s="5" t="s">
        <v>36264</v>
      </c>
      <c r="L3407" s="2" t="s">
        <v>36265</v>
      </c>
      <c r="M3407" s="5" t="s">
        <v>36266</v>
      </c>
      <c r="N3407" s="5" t="s">
        <v>38</v>
      </c>
      <c r="O3407" s="5" t="s">
        <v>39</v>
      </c>
      <c r="P3407" s="5" t="s">
        <v>40</v>
      </c>
      <c r="Q3407" s="5" t="s">
        <v>1522</v>
      </c>
      <c r="R3407" s="5" t="s">
        <v>1523</v>
      </c>
      <c r="S3407" s="5" t="s">
        <v>42</v>
      </c>
      <c r="T3407" s="2">
        <v>3.6179999999999999</v>
      </c>
      <c r="U3407" s="2">
        <v>3.0419999999999998</v>
      </c>
      <c r="V3407" s="2">
        <v>1.7999999999999999E-2</v>
      </c>
      <c r="W3407" s="2">
        <v>139.1</v>
      </c>
      <c r="X3407" s="2">
        <v>7.6</v>
      </c>
      <c r="Y3407" s="2">
        <v>16.7</v>
      </c>
      <c r="Z3407" s="5"/>
      <c r="AA3407" s="5" t="s">
        <v>43</v>
      </c>
      <c r="AB3407" s="5" t="s">
        <v>44</v>
      </c>
      <c r="AC3407" s="2"/>
      <c r="AD3407" s="1"/>
    </row>
    <row r="3408" spans="1:30">
      <c r="A3408" s="5" t="s">
        <v>83578</v>
      </c>
      <c r="B3408" s="2" t="s">
        <v>93826</v>
      </c>
      <c r="C3408" s="14" t="s">
        <v>93827</v>
      </c>
      <c r="D3408" s="2" t="s">
        <v>93828</v>
      </c>
      <c r="E3408" s="2" t="s">
        <v>36369</v>
      </c>
      <c r="F3408" s="8">
        <v>350</v>
      </c>
      <c r="G3408" s="5">
        <v>6</v>
      </c>
      <c r="H3408" s="5" t="s">
        <v>1518</v>
      </c>
      <c r="I3408" s="5" t="s">
        <v>36264</v>
      </c>
      <c r="J3408" s="2" t="s">
        <v>36265</v>
      </c>
      <c r="K3408" s="5" t="s">
        <v>36264</v>
      </c>
      <c r="L3408" s="2" t="s">
        <v>36265</v>
      </c>
      <c r="M3408" s="5" t="s">
        <v>36266</v>
      </c>
      <c r="N3408" s="5" t="s">
        <v>38</v>
      </c>
      <c r="O3408" s="5" t="s">
        <v>39</v>
      </c>
      <c r="P3408" s="5" t="s">
        <v>40</v>
      </c>
      <c r="Q3408" s="5" t="s">
        <v>1522</v>
      </c>
      <c r="R3408" s="5" t="s">
        <v>1523</v>
      </c>
      <c r="S3408" s="5" t="s">
        <v>42</v>
      </c>
      <c r="T3408" s="2">
        <v>3.5059999999999998</v>
      </c>
      <c r="U3408" s="2">
        <v>2.93</v>
      </c>
      <c r="V3408" s="2">
        <v>1.7999999999999999E-2</v>
      </c>
      <c r="W3408" s="2">
        <v>139.1</v>
      </c>
      <c r="X3408" s="2">
        <v>7.6</v>
      </c>
      <c r="Y3408" s="2">
        <v>16.7</v>
      </c>
      <c r="Z3408" s="5"/>
      <c r="AA3408" s="5" t="s">
        <v>43</v>
      </c>
      <c r="AB3408" s="5" t="s">
        <v>44</v>
      </c>
      <c r="AC3408" s="2"/>
      <c r="AD3408" s="1"/>
    </row>
    <row r="3409" spans="1:30">
      <c r="A3409" s="5" t="s">
        <v>83578</v>
      </c>
      <c r="B3409" s="2" t="s">
        <v>93829</v>
      </c>
      <c r="C3409" s="14" t="s">
        <v>93830</v>
      </c>
      <c r="D3409" s="2" t="s">
        <v>93831</v>
      </c>
      <c r="E3409" s="2" t="s">
        <v>36385</v>
      </c>
      <c r="F3409" s="8">
        <v>350</v>
      </c>
      <c r="G3409" s="5">
        <v>6</v>
      </c>
      <c r="H3409" s="5" t="s">
        <v>1518</v>
      </c>
      <c r="I3409" s="5" t="s">
        <v>36264</v>
      </c>
      <c r="J3409" s="2" t="s">
        <v>36265</v>
      </c>
      <c r="K3409" s="5" t="s">
        <v>36264</v>
      </c>
      <c r="L3409" s="2" t="s">
        <v>36265</v>
      </c>
      <c r="M3409" s="5" t="s">
        <v>36266</v>
      </c>
      <c r="N3409" s="5" t="s">
        <v>38</v>
      </c>
      <c r="O3409" s="5" t="s">
        <v>39</v>
      </c>
      <c r="P3409" s="5" t="s">
        <v>40</v>
      </c>
      <c r="Q3409" s="5" t="s">
        <v>1522</v>
      </c>
      <c r="R3409" s="5" t="s">
        <v>1523</v>
      </c>
      <c r="S3409" s="5" t="s">
        <v>42</v>
      </c>
      <c r="T3409" s="2">
        <v>3.5059999999999998</v>
      </c>
      <c r="U3409" s="2">
        <v>2.93</v>
      </c>
      <c r="V3409" s="2">
        <v>1.7999999999999999E-2</v>
      </c>
      <c r="W3409" s="2">
        <v>139.1</v>
      </c>
      <c r="X3409" s="2">
        <v>7.6</v>
      </c>
      <c r="Y3409" s="2">
        <v>16.7</v>
      </c>
      <c r="Z3409" s="5"/>
      <c r="AA3409" s="5" t="s">
        <v>43</v>
      </c>
      <c r="AB3409" s="5" t="s">
        <v>44</v>
      </c>
      <c r="AC3409" s="2"/>
      <c r="AD3409" s="1"/>
    </row>
    <row r="3410" spans="1:30">
      <c r="A3410" s="5" t="s">
        <v>83578</v>
      </c>
      <c r="B3410" s="2" t="s">
        <v>93832</v>
      </c>
      <c r="C3410" s="14" t="s">
        <v>93833</v>
      </c>
      <c r="D3410" s="2" t="s">
        <v>93834</v>
      </c>
      <c r="E3410" s="2" t="s">
        <v>36389</v>
      </c>
      <c r="F3410" s="8">
        <v>350</v>
      </c>
      <c r="G3410" s="5">
        <v>6</v>
      </c>
      <c r="H3410" s="5" t="s">
        <v>1518</v>
      </c>
      <c r="I3410" s="5" t="s">
        <v>36264</v>
      </c>
      <c r="J3410" s="2" t="s">
        <v>36265</v>
      </c>
      <c r="K3410" s="5" t="s">
        <v>36264</v>
      </c>
      <c r="L3410" s="2" t="s">
        <v>36265</v>
      </c>
      <c r="M3410" s="5" t="s">
        <v>36266</v>
      </c>
      <c r="N3410" s="5" t="s">
        <v>38</v>
      </c>
      <c r="O3410" s="5" t="s">
        <v>39</v>
      </c>
      <c r="P3410" s="5" t="s">
        <v>40</v>
      </c>
      <c r="Q3410" s="5" t="s">
        <v>1522</v>
      </c>
      <c r="R3410" s="5" t="s">
        <v>1523</v>
      </c>
      <c r="S3410" s="5" t="s">
        <v>42</v>
      </c>
      <c r="T3410" s="2">
        <v>3.6179999999999999</v>
      </c>
      <c r="U3410" s="2">
        <v>3.0419999999999998</v>
      </c>
      <c r="V3410" s="2">
        <v>1.7999999999999999E-2</v>
      </c>
      <c r="W3410" s="2">
        <v>139.1</v>
      </c>
      <c r="X3410" s="2">
        <v>7.6</v>
      </c>
      <c r="Y3410" s="2">
        <v>16.7</v>
      </c>
      <c r="Z3410" s="5"/>
      <c r="AA3410" s="5" t="s">
        <v>43</v>
      </c>
      <c r="AB3410" s="5" t="s">
        <v>44</v>
      </c>
      <c r="AC3410" s="2"/>
      <c r="AD3410" s="1"/>
    </row>
    <row r="3411" spans="1:30">
      <c r="A3411" s="5" t="s">
        <v>83578</v>
      </c>
      <c r="B3411" s="2" t="s">
        <v>93835</v>
      </c>
      <c r="C3411" s="14" t="s">
        <v>93836</v>
      </c>
      <c r="D3411" s="2" t="s">
        <v>93837</v>
      </c>
      <c r="E3411" s="2" t="s">
        <v>36273</v>
      </c>
      <c r="F3411" s="8">
        <v>345</v>
      </c>
      <c r="G3411" s="5">
        <v>6</v>
      </c>
      <c r="H3411" s="5" t="s">
        <v>1518</v>
      </c>
      <c r="I3411" s="5" t="s">
        <v>36264</v>
      </c>
      <c r="J3411" s="2" t="s">
        <v>36265</v>
      </c>
      <c r="K3411" s="5" t="s">
        <v>36264</v>
      </c>
      <c r="L3411" s="2" t="s">
        <v>36265</v>
      </c>
      <c r="M3411" s="5" t="s">
        <v>36266</v>
      </c>
      <c r="N3411" s="5" t="s">
        <v>38</v>
      </c>
      <c r="O3411" s="5" t="s">
        <v>39</v>
      </c>
      <c r="P3411" s="5" t="s">
        <v>40</v>
      </c>
      <c r="Q3411" s="5" t="s">
        <v>1522</v>
      </c>
      <c r="R3411" s="5" t="s">
        <v>1523</v>
      </c>
      <c r="S3411" s="5" t="s">
        <v>42</v>
      </c>
      <c r="T3411" s="2">
        <v>3.7759999999999998</v>
      </c>
      <c r="U3411" s="2">
        <v>3.117</v>
      </c>
      <c r="V3411" s="2">
        <v>0.02</v>
      </c>
      <c r="W3411" s="2">
        <v>159.1</v>
      </c>
      <c r="X3411" s="2">
        <v>7.6</v>
      </c>
      <c r="Y3411" s="2">
        <v>16.7</v>
      </c>
      <c r="Z3411" s="5"/>
      <c r="AA3411" s="5" t="s">
        <v>43</v>
      </c>
      <c r="AB3411" s="5" t="s">
        <v>44</v>
      </c>
      <c r="AC3411" s="2"/>
      <c r="AD3411" s="1"/>
    </row>
    <row r="3412" spans="1:30">
      <c r="A3412" s="5" t="s">
        <v>83578</v>
      </c>
      <c r="B3412" s="2" t="s">
        <v>93838</v>
      </c>
      <c r="C3412" s="14" t="s">
        <v>93839</v>
      </c>
      <c r="D3412" s="2" t="s">
        <v>93840</v>
      </c>
      <c r="E3412" s="2" t="s">
        <v>36281</v>
      </c>
      <c r="F3412" s="8">
        <v>377</v>
      </c>
      <c r="G3412" s="5">
        <v>6</v>
      </c>
      <c r="H3412" s="5" t="s">
        <v>1518</v>
      </c>
      <c r="I3412" s="5" t="s">
        <v>36264</v>
      </c>
      <c r="J3412" s="2" t="s">
        <v>36265</v>
      </c>
      <c r="K3412" s="5" t="s">
        <v>36264</v>
      </c>
      <c r="L3412" s="2" t="s">
        <v>36265</v>
      </c>
      <c r="M3412" s="5" t="s">
        <v>36266</v>
      </c>
      <c r="N3412" s="5" t="s">
        <v>38</v>
      </c>
      <c r="O3412" s="5" t="s">
        <v>39</v>
      </c>
      <c r="P3412" s="5" t="s">
        <v>40</v>
      </c>
      <c r="Q3412" s="5" t="s">
        <v>1522</v>
      </c>
      <c r="R3412" s="5" t="s">
        <v>1523</v>
      </c>
      <c r="S3412" s="5" t="s">
        <v>42</v>
      </c>
      <c r="T3412" s="2">
        <v>3.7759999999999998</v>
      </c>
      <c r="U3412" s="2">
        <v>3.117</v>
      </c>
      <c r="V3412" s="2">
        <v>0.02</v>
      </c>
      <c r="W3412" s="2">
        <v>159.1</v>
      </c>
      <c r="X3412" s="2">
        <v>7.6</v>
      </c>
      <c r="Y3412" s="2">
        <v>16.7</v>
      </c>
      <c r="Z3412" s="5"/>
      <c r="AA3412" s="5" t="s">
        <v>43</v>
      </c>
      <c r="AB3412" s="5" t="s">
        <v>44</v>
      </c>
      <c r="AC3412" s="2"/>
      <c r="AD3412" s="1"/>
    </row>
    <row r="3413" spans="1:30">
      <c r="A3413" s="5" t="s">
        <v>83578</v>
      </c>
      <c r="B3413" s="2" t="s">
        <v>93841</v>
      </c>
      <c r="C3413" s="14" t="s">
        <v>93842</v>
      </c>
      <c r="D3413" s="2" t="s">
        <v>93843</v>
      </c>
      <c r="E3413" s="2" t="s">
        <v>36285</v>
      </c>
      <c r="F3413" s="8">
        <v>377</v>
      </c>
      <c r="G3413" s="5">
        <v>6</v>
      </c>
      <c r="H3413" s="5" t="s">
        <v>1518</v>
      </c>
      <c r="I3413" s="5" t="s">
        <v>36264</v>
      </c>
      <c r="J3413" s="2" t="s">
        <v>36265</v>
      </c>
      <c r="K3413" s="5" t="s">
        <v>36264</v>
      </c>
      <c r="L3413" s="2" t="s">
        <v>36265</v>
      </c>
      <c r="M3413" s="5" t="s">
        <v>36266</v>
      </c>
      <c r="N3413" s="5" t="s">
        <v>38</v>
      </c>
      <c r="O3413" s="5" t="s">
        <v>39</v>
      </c>
      <c r="P3413" s="5" t="s">
        <v>40</v>
      </c>
      <c r="Q3413" s="5" t="s">
        <v>1522</v>
      </c>
      <c r="R3413" s="5" t="s">
        <v>1523</v>
      </c>
      <c r="S3413" s="5" t="s">
        <v>42</v>
      </c>
      <c r="T3413" s="2">
        <v>3.9</v>
      </c>
      <c r="U3413" s="2">
        <v>3.2410000000000001</v>
      </c>
      <c r="V3413" s="2">
        <v>0.02</v>
      </c>
      <c r="W3413" s="2">
        <v>159.1</v>
      </c>
      <c r="X3413" s="2">
        <v>7.6</v>
      </c>
      <c r="Y3413" s="2">
        <v>16.7</v>
      </c>
      <c r="Z3413" s="5"/>
      <c r="AA3413" s="5" t="s">
        <v>43</v>
      </c>
      <c r="AB3413" s="5" t="s">
        <v>44</v>
      </c>
      <c r="AC3413" s="2"/>
      <c r="AD3413" s="1"/>
    </row>
    <row r="3414" spans="1:30">
      <c r="A3414" s="5" t="s">
        <v>83578</v>
      </c>
      <c r="B3414" s="2" t="s">
        <v>93844</v>
      </c>
      <c r="C3414" s="14" t="s">
        <v>93845</v>
      </c>
      <c r="D3414" s="2" t="s">
        <v>93846</v>
      </c>
      <c r="E3414" s="2" t="s">
        <v>36301</v>
      </c>
      <c r="F3414" s="8">
        <v>345</v>
      </c>
      <c r="G3414" s="5">
        <v>6</v>
      </c>
      <c r="H3414" s="5" t="s">
        <v>1518</v>
      </c>
      <c r="I3414" s="5" t="s">
        <v>36264</v>
      </c>
      <c r="J3414" s="2" t="s">
        <v>36265</v>
      </c>
      <c r="K3414" s="5" t="s">
        <v>36264</v>
      </c>
      <c r="L3414" s="2" t="s">
        <v>36265</v>
      </c>
      <c r="M3414" s="5" t="s">
        <v>36266</v>
      </c>
      <c r="N3414" s="5" t="s">
        <v>38</v>
      </c>
      <c r="O3414" s="5" t="s">
        <v>39</v>
      </c>
      <c r="P3414" s="5" t="s">
        <v>40</v>
      </c>
      <c r="Q3414" s="5" t="s">
        <v>1522</v>
      </c>
      <c r="R3414" s="5" t="s">
        <v>1523</v>
      </c>
      <c r="S3414" s="5" t="s">
        <v>42</v>
      </c>
      <c r="T3414" s="2">
        <v>3.9</v>
      </c>
      <c r="U3414" s="2">
        <v>3.2410000000000001</v>
      </c>
      <c r="V3414" s="2">
        <v>0.02</v>
      </c>
      <c r="W3414" s="2">
        <v>159.1</v>
      </c>
      <c r="X3414" s="2">
        <v>7.6</v>
      </c>
      <c r="Y3414" s="2">
        <v>16.7</v>
      </c>
      <c r="Z3414" s="5"/>
      <c r="AA3414" s="5" t="s">
        <v>43</v>
      </c>
      <c r="AB3414" s="5" t="s">
        <v>44</v>
      </c>
      <c r="AC3414" s="2"/>
      <c r="AD3414" s="1"/>
    </row>
    <row r="3415" spans="1:30">
      <c r="A3415" s="5" t="s">
        <v>83578</v>
      </c>
      <c r="B3415" s="2" t="s">
        <v>93847</v>
      </c>
      <c r="C3415" s="14" t="s">
        <v>93848</v>
      </c>
      <c r="D3415" s="2" t="s">
        <v>93849</v>
      </c>
      <c r="E3415" s="2" t="s">
        <v>36309</v>
      </c>
      <c r="F3415" s="8">
        <v>345</v>
      </c>
      <c r="G3415" s="5">
        <v>6</v>
      </c>
      <c r="H3415" s="5" t="s">
        <v>1518</v>
      </c>
      <c r="I3415" s="5" t="s">
        <v>36264</v>
      </c>
      <c r="J3415" s="2" t="s">
        <v>36265</v>
      </c>
      <c r="K3415" s="5" t="s">
        <v>36264</v>
      </c>
      <c r="L3415" s="2" t="s">
        <v>36265</v>
      </c>
      <c r="M3415" s="5" t="s">
        <v>36266</v>
      </c>
      <c r="N3415" s="5" t="s">
        <v>38</v>
      </c>
      <c r="O3415" s="5" t="s">
        <v>39</v>
      </c>
      <c r="P3415" s="5" t="s">
        <v>40</v>
      </c>
      <c r="Q3415" s="5" t="s">
        <v>1522</v>
      </c>
      <c r="R3415" s="5" t="s">
        <v>1523</v>
      </c>
      <c r="S3415" s="5" t="s">
        <v>42</v>
      </c>
      <c r="T3415" s="2">
        <v>3.9</v>
      </c>
      <c r="U3415" s="2">
        <v>3.2410000000000001</v>
      </c>
      <c r="V3415" s="2">
        <v>0.02</v>
      </c>
      <c r="W3415" s="2">
        <v>159.1</v>
      </c>
      <c r="X3415" s="2">
        <v>7.6</v>
      </c>
      <c r="Y3415" s="2">
        <v>16.7</v>
      </c>
      <c r="Z3415" s="5"/>
      <c r="AA3415" s="5" t="s">
        <v>43</v>
      </c>
      <c r="AB3415" s="5" t="s">
        <v>44</v>
      </c>
      <c r="AC3415" s="2"/>
      <c r="AD3415" s="1"/>
    </row>
    <row r="3416" spans="1:30">
      <c r="A3416" s="5" t="s">
        <v>83578</v>
      </c>
      <c r="B3416" s="2" t="s">
        <v>93850</v>
      </c>
      <c r="C3416" s="14" t="s">
        <v>93851</v>
      </c>
      <c r="D3416" s="2" t="s">
        <v>93852</v>
      </c>
      <c r="E3416" s="2" t="s">
        <v>36313</v>
      </c>
      <c r="F3416" s="8">
        <v>377</v>
      </c>
      <c r="G3416" s="5">
        <v>6</v>
      </c>
      <c r="H3416" s="5" t="s">
        <v>1518</v>
      </c>
      <c r="I3416" s="5" t="s">
        <v>36264</v>
      </c>
      <c r="J3416" s="2" t="s">
        <v>36265</v>
      </c>
      <c r="K3416" s="5" t="s">
        <v>36264</v>
      </c>
      <c r="L3416" s="2" t="s">
        <v>36265</v>
      </c>
      <c r="M3416" s="5" t="s">
        <v>36266</v>
      </c>
      <c r="N3416" s="5" t="s">
        <v>38</v>
      </c>
      <c r="O3416" s="5" t="s">
        <v>39</v>
      </c>
      <c r="P3416" s="5" t="s">
        <v>40</v>
      </c>
      <c r="Q3416" s="5" t="s">
        <v>1522</v>
      </c>
      <c r="R3416" s="5" t="s">
        <v>1523</v>
      </c>
      <c r="S3416" s="5" t="s">
        <v>42</v>
      </c>
      <c r="T3416" s="2">
        <v>3.7759999999999998</v>
      </c>
      <c r="U3416" s="2">
        <v>3.117</v>
      </c>
      <c r="V3416" s="2">
        <v>0.02</v>
      </c>
      <c r="W3416" s="2">
        <v>159.1</v>
      </c>
      <c r="X3416" s="2">
        <v>7.6</v>
      </c>
      <c r="Y3416" s="2">
        <v>16.7</v>
      </c>
      <c r="Z3416" s="5"/>
      <c r="AA3416" s="5" t="s">
        <v>43</v>
      </c>
      <c r="AB3416" s="5" t="s">
        <v>44</v>
      </c>
      <c r="AC3416" s="2"/>
      <c r="AD3416" s="1"/>
    </row>
    <row r="3417" spans="1:30">
      <c r="A3417" s="5" t="s">
        <v>83578</v>
      </c>
      <c r="B3417" s="2" t="s">
        <v>93853</v>
      </c>
      <c r="C3417" s="14" t="s">
        <v>93854</v>
      </c>
      <c r="D3417" s="2" t="s">
        <v>93855</v>
      </c>
      <c r="E3417" s="2" t="s">
        <v>36321</v>
      </c>
      <c r="F3417" s="8">
        <v>377</v>
      </c>
      <c r="G3417" s="5">
        <v>6</v>
      </c>
      <c r="H3417" s="5" t="s">
        <v>1518</v>
      </c>
      <c r="I3417" s="5" t="s">
        <v>36264</v>
      </c>
      <c r="J3417" s="2" t="s">
        <v>36265</v>
      </c>
      <c r="K3417" s="5" t="s">
        <v>36264</v>
      </c>
      <c r="L3417" s="2" t="s">
        <v>36265</v>
      </c>
      <c r="M3417" s="5" t="s">
        <v>36266</v>
      </c>
      <c r="N3417" s="5" t="s">
        <v>38</v>
      </c>
      <c r="O3417" s="5" t="s">
        <v>39</v>
      </c>
      <c r="P3417" s="5" t="s">
        <v>40</v>
      </c>
      <c r="Q3417" s="5" t="s">
        <v>1522</v>
      </c>
      <c r="R3417" s="5" t="s">
        <v>1523</v>
      </c>
      <c r="S3417" s="5" t="s">
        <v>42</v>
      </c>
      <c r="T3417" s="2">
        <v>3.7759999999999998</v>
      </c>
      <c r="U3417" s="2">
        <v>3.117</v>
      </c>
      <c r="V3417" s="2">
        <v>0.02</v>
      </c>
      <c r="W3417" s="2">
        <v>159.1</v>
      </c>
      <c r="X3417" s="2">
        <v>7.6</v>
      </c>
      <c r="Y3417" s="2">
        <v>16.7</v>
      </c>
      <c r="Z3417" s="5"/>
      <c r="AA3417" s="5" t="s">
        <v>43</v>
      </c>
      <c r="AB3417" s="5" t="s">
        <v>44</v>
      </c>
      <c r="AC3417" s="2"/>
      <c r="AD3417" s="1"/>
    </row>
    <row r="3418" spans="1:30">
      <c r="A3418" s="5" t="s">
        <v>83578</v>
      </c>
      <c r="B3418" s="2" t="s">
        <v>93856</v>
      </c>
      <c r="C3418" s="14" t="s">
        <v>93857</v>
      </c>
      <c r="D3418" s="2" t="s">
        <v>93858</v>
      </c>
      <c r="E3418" s="2" t="s">
        <v>36325</v>
      </c>
      <c r="F3418" s="8">
        <v>377</v>
      </c>
      <c r="G3418" s="5">
        <v>6</v>
      </c>
      <c r="H3418" s="5" t="s">
        <v>1518</v>
      </c>
      <c r="I3418" s="5" t="s">
        <v>36264</v>
      </c>
      <c r="J3418" s="2" t="s">
        <v>36265</v>
      </c>
      <c r="K3418" s="5" t="s">
        <v>36264</v>
      </c>
      <c r="L3418" s="2" t="s">
        <v>36265</v>
      </c>
      <c r="M3418" s="5" t="s">
        <v>36266</v>
      </c>
      <c r="N3418" s="5" t="s">
        <v>38</v>
      </c>
      <c r="O3418" s="5" t="s">
        <v>39</v>
      </c>
      <c r="P3418" s="5" t="s">
        <v>40</v>
      </c>
      <c r="Q3418" s="5" t="s">
        <v>1522</v>
      </c>
      <c r="R3418" s="5" t="s">
        <v>1523</v>
      </c>
      <c r="S3418" s="5" t="s">
        <v>42</v>
      </c>
      <c r="T3418" s="2">
        <v>3.9</v>
      </c>
      <c r="U3418" s="2">
        <v>3.2410000000000001</v>
      </c>
      <c r="V3418" s="2">
        <v>0.02</v>
      </c>
      <c r="W3418" s="2">
        <v>159.1</v>
      </c>
      <c r="X3418" s="2">
        <v>7.6</v>
      </c>
      <c r="Y3418" s="2">
        <v>16.7</v>
      </c>
      <c r="Z3418" s="5"/>
      <c r="AA3418" s="5" t="s">
        <v>43</v>
      </c>
      <c r="AB3418" s="5" t="s">
        <v>44</v>
      </c>
      <c r="AC3418" s="2"/>
      <c r="AD3418" s="1"/>
    </row>
    <row r="3419" spans="1:30">
      <c r="A3419" s="5" t="s">
        <v>83578</v>
      </c>
      <c r="B3419" s="2" t="s">
        <v>93859</v>
      </c>
      <c r="C3419" s="14" t="s">
        <v>93860</v>
      </c>
      <c r="D3419" s="2" t="s">
        <v>93861</v>
      </c>
      <c r="E3419" s="2" t="s">
        <v>36337</v>
      </c>
      <c r="F3419" s="8">
        <v>377</v>
      </c>
      <c r="G3419" s="5">
        <v>6</v>
      </c>
      <c r="H3419" s="5" t="s">
        <v>1518</v>
      </c>
      <c r="I3419" s="5" t="s">
        <v>36264</v>
      </c>
      <c r="J3419" s="2" t="s">
        <v>36265</v>
      </c>
      <c r="K3419" s="5" t="s">
        <v>36264</v>
      </c>
      <c r="L3419" s="2" t="s">
        <v>36265</v>
      </c>
      <c r="M3419" s="5" t="s">
        <v>36266</v>
      </c>
      <c r="N3419" s="5" t="s">
        <v>38</v>
      </c>
      <c r="O3419" s="5" t="s">
        <v>39</v>
      </c>
      <c r="P3419" s="5" t="s">
        <v>40</v>
      </c>
      <c r="Q3419" s="5" t="s">
        <v>1522</v>
      </c>
      <c r="R3419" s="5" t="s">
        <v>1523</v>
      </c>
      <c r="S3419" s="5" t="s">
        <v>42</v>
      </c>
      <c r="T3419" s="2">
        <v>3.7759999999999998</v>
      </c>
      <c r="U3419" s="2">
        <v>3.117</v>
      </c>
      <c r="V3419" s="2">
        <v>0.02</v>
      </c>
      <c r="W3419" s="2">
        <v>159.1</v>
      </c>
      <c r="X3419" s="2">
        <v>7.6</v>
      </c>
      <c r="Y3419" s="2">
        <v>16.7</v>
      </c>
      <c r="Z3419" s="5"/>
      <c r="AA3419" s="5" t="s">
        <v>43</v>
      </c>
      <c r="AB3419" s="5" t="s">
        <v>44</v>
      </c>
      <c r="AC3419" s="2"/>
      <c r="AD3419" s="1"/>
    </row>
    <row r="3420" spans="1:30">
      <c r="A3420" s="5" t="s">
        <v>83578</v>
      </c>
      <c r="B3420" s="2" t="s">
        <v>93862</v>
      </c>
      <c r="C3420" s="14" t="s">
        <v>93863</v>
      </c>
      <c r="D3420" s="2" t="s">
        <v>93864</v>
      </c>
      <c r="E3420" s="2" t="s">
        <v>36341</v>
      </c>
      <c r="F3420" s="8">
        <v>377</v>
      </c>
      <c r="G3420" s="5">
        <v>6</v>
      </c>
      <c r="H3420" s="5" t="s">
        <v>1518</v>
      </c>
      <c r="I3420" s="5" t="s">
        <v>36264</v>
      </c>
      <c r="J3420" s="2" t="s">
        <v>36265</v>
      </c>
      <c r="K3420" s="5" t="s">
        <v>36264</v>
      </c>
      <c r="L3420" s="2" t="s">
        <v>36265</v>
      </c>
      <c r="M3420" s="5" t="s">
        <v>36266</v>
      </c>
      <c r="N3420" s="5" t="s">
        <v>38</v>
      </c>
      <c r="O3420" s="5" t="s">
        <v>39</v>
      </c>
      <c r="P3420" s="5" t="s">
        <v>40</v>
      </c>
      <c r="Q3420" s="5" t="s">
        <v>1522</v>
      </c>
      <c r="R3420" s="5" t="s">
        <v>1523</v>
      </c>
      <c r="S3420" s="5" t="s">
        <v>42</v>
      </c>
      <c r="T3420" s="2">
        <v>3.9</v>
      </c>
      <c r="U3420" s="2">
        <v>3.2410000000000001</v>
      </c>
      <c r="V3420" s="2">
        <v>0.02</v>
      </c>
      <c r="W3420" s="2">
        <v>159.1</v>
      </c>
      <c r="X3420" s="2">
        <v>7.6</v>
      </c>
      <c r="Y3420" s="2">
        <v>16.7</v>
      </c>
      <c r="Z3420" s="5"/>
      <c r="AA3420" s="5" t="s">
        <v>43</v>
      </c>
      <c r="AB3420" s="5" t="s">
        <v>44</v>
      </c>
      <c r="AC3420" s="2"/>
      <c r="AD3420" s="1"/>
    </row>
    <row r="3421" spans="1:30">
      <c r="A3421" s="5" t="s">
        <v>83578</v>
      </c>
      <c r="B3421" s="2" t="s">
        <v>93865</v>
      </c>
      <c r="C3421" s="14" t="s">
        <v>93866</v>
      </c>
      <c r="D3421" s="2" t="s">
        <v>93867</v>
      </c>
      <c r="E3421" s="2" t="s">
        <v>36345</v>
      </c>
      <c r="F3421" s="8">
        <v>377</v>
      </c>
      <c r="G3421" s="5">
        <v>6</v>
      </c>
      <c r="H3421" s="5" t="s">
        <v>1518</v>
      </c>
      <c r="I3421" s="5" t="s">
        <v>36264</v>
      </c>
      <c r="J3421" s="2" t="s">
        <v>36265</v>
      </c>
      <c r="K3421" s="5" t="s">
        <v>36264</v>
      </c>
      <c r="L3421" s="2" t="s">
        <v>36265</v>
      </c>
      <c r="M3421" s="5" t="s">
        <v>36266</v>
      </c>
      <c r="N3421" s="5" t="s">
        <v>38</v>
      </c>
      <c r="O3421" s="5" t="s">
        <v>39</v>
      </c>
      <c r="P3421" s="5" t="s">
        <v>40</v>
      </c>
      <c r="Q3421" s="5" t="s">
        <v>1522</v>
      </c>
      <c r="R3421" s="5" t="s">
        <v>1523</v>
      </c>
      <c r="S3421" s="5" t="s">
        <v>42</v>
      </c>
      <c r="T3421" s="2">
        <v>3.7759999999999998</v>
      </c>
      <c r="U3421" s="2">
        <v>3.117</v>
      </c>
      <c r="V3421" s="2">
        <v>0.02</v>
      </c>
      <c r="W3421" s="2">
        <v>159.1</v>
      </c>
      <c r="X3421" s="2">
        <v>7.6</v>
      </c>
      <c r="Y3421" s="2">
        <v>16.7</v>
      </c>
      <c r="Z3421" s="5"/>
      <c r="AA3421" s="5" t="s">
        <v>43</v>
      </c>
      <c r="AB3421" s="5" t="s">
        <v>44</v>
      </c>
      <c r="AC3421" s="2"/>
      <c r="AD3421" s="1"/>
    </row>
    <row r="3422" spans="1:30">
      <c r="A3422" s="5" t="s">
        <v>83578</v>
      </c>
      <c r="B3422" s="2" t="s">
        <v>93868</v>
      </c>
      <c r="C3422" s="14" t="s">
        <v>93869</v>
      </c>
      <c r="D3422" s="2" t="s">
        <v>93870</v>
      </c>
      <c r="E3422" s="2" t="s">
        <v>36349</v>
      </c>
      <c r="F3422" s="8">
        <v>377</v>
      </c>
      <c r="G3422" s="5">
        <v>6</v>
      </c>
      <c r="H3422" s="5" t="s">
        <v>1518</v>
      </c>
      <c r="I3422" s="5" t="s">
        <v>36264</v>
      </c>
      <c r="J3422" s="2" t="s">
        <v>36265</v>
      </c>
      <c r="K3422" s="5" t="s">
        <v>36264</v>
      </c>
      <c r="L3422" s="2" t="s">
        <v>36265</v>
      </c>
      <c r="M3422" s="5" t="s">
        <v>36266</v>
      </c>
      <c r="N3422" s="5" t="s">
        <v>38</v>
      </c>
      <c r="O3422" s="5" t="s">
        <v>39</v>
      </c>
      <c r="P3422" s="5" t="s">
        <v>40</v>
      </c>
      <c r="Q3422" s="5" t="s">
        <v>1522</v>
      </c>
      <c r="R3422" s="5" t="s">
        <v>1523</v>
      </c>
      <c r="S3422" s="5" t="s">
        <v>42</v>
      </c>
      <c r="T3422" s="2">
        <v>3.9</v>
      </c>
      <c r="U3422" s="2">
        <v>3.2410000000000001</v>
      </c>
      <c r="V3422" s="2">
        <v>0.02</v>
      </c>
      <c r="W3422" s="2">
        <v>159.1</v>
      </c>
      <c r="X3422" s="2">
        <v>7.6</v>
      </c>
      <c r="Y3422" s="2">
        <v>16.7</v>
      </c>
      <c r="Z3422" s="5"/>
      <c r="AA3422" s="5" t="s">
        <v>43</v>
      </c>
      <c r="AB3422" s="5" t="s">
        <v>44</v>
      </c>
      <c r="AC3422" s="2"/>
      <c r="AD3422" s="1"/>
    </row>
    <row r="3423" spans="1:30">
      <c r="A3423" s="5" t="s">
        <v>83578</v>
      </c>
      <c r="B3423" s="2" t="s">
        <v>93871</v>
      </c>
      <c r="C3423" s="14" t="s">
        <v>93872</v>
      </c>
      <c r="D3423" s="2" t="s">
        <v>93873</v>
      </c>
      <c r="E3423" s="2" t="s">
        <v>36353</v>
      </c>
      <c r="F3423" s="8">
        <v>377</v>
      </c>
      <c r="G3423" s="5">
        <v>6</v>
      </c>
      <c r="H3423" s="5" t="s">
        <v>1518</v>
      </c>
      <c r="I3423" s="5" t="s">
        <v>36264</v>
      </c>
      <c r="J3423" s="2" t="s">
        <v>36265</v>
      </c>
      <c r="K3423" s="5" t="s">
        <v>36264</v>
      </c>
      <c r="L3423" s="2" t="s">
        <v>36265</v>
      </c>
      <c r="M3423" s="5" t="s">
        <v>36266</v>
      </c>
      <c r="N3423" s="5" t="s">
        <v>38</v>
      </c>
      <c r="O3423" s="5" t="s">
        <v>39</v>
      </c>
      <c r="P3423" s="5" t="s">
        <v>40</v>
      </c>
      <c r="Q3423" s="5" t="s">
        <v>1522</v>
      </c>
      <c r="R3423" s="5" t="s">
        <v>1523</v>
      </c>
      <c r="S3423" s="5" t="s">
        <v>42</v>
      </c>
      <c r="T3423" s="2">
        <v>3.7759999999999998</v>
      </c>
      <c r="U3423" s="2">
        <v>3.117</v>
      </c>
      <c r="V3423" s="2">
        <v>0.02</v>
      </c>
      <c r="W3423" s="2">
        <v>159.1</v>
      </c>
      <c r="X3423" s="2">
        <v>7.6</v>
      </c>
      <c r="Y3423" s="2">
        <v>16.7</v>
      </c>
      <c r="Z3423" s="5"/>
      <c r="AA3423" s="5" t="s">
        <v>43</v>
      </c>
      <c r="AB3423" s="5" t="s">
        <v>44</v>
      </c>
      <c r="AC3423" s="2"/>
      <c r="AD3423" s="1"/>
    </row>
    <row r="3424" spans="1:30">
      <c r="A3424" s="5" t="s">
        <v>83578</v>
      </c>
      <c r="B3424" s="2" t="s">
        <v>93874</v>
      </c>
      <c r="C3424" s="14" t="s">
        <v>93875</v>
      </c>
      <c r="D3424" s="2" t="s">
        <v>93876</v>
      </c>
      <c r="E3424" s="2" t="s">
        <v>36357</v>
      </c>
      <c r="F3424" s="8">
        <v>377</v>
      </c>
      <c r="G3424" s="5">
        <v>6</v>
      </c>
      <c r="H3424" s="5" t="s">
        <v>1518</v>
      </c>
      <c r="I3424" s="5" t="s">
        <v>36264</v>
      </c>
      <c r="J3424" s="2" t="s">
        <v>36265</v>
      </c>
      <c r="K3424" s="5" t="s">
        <v>36264</v>
      </c>
      <c r="L3424" s="2" t="s">
        <v>36265</v>
      </c>
      <c r="M3424" s="5" t="s">
        <v>36266</v>
      </c>
      <c r="N3424" s="5" t="s">
        <v>38</v>
      </c>
      <c r="O3424" s="5" t="s">
        <v>39</v>
      </c>
      <c r="P3424" s="5" t="s">
        <v>40</v>
      </c>
      <c r="Q3424" s="5" t="s">
        <v>1522</v>
      </c>
      <c r="R3424" s="5" t="s">
        <v>1523</v>
      </c>
      <c r="S3424" s="5" t="s">
        <v>42</v>
      </c>
      <c r="T3424" s="2">
        <v>3.9</v>
      </c>
      <c r="U3424" s="2">
        <v>3.2410000000000001</v>
      </c>
      <c r="V3424" s="2">
        <v>0.02</v>
      </c>
      <c r="W3424" s="2">
        <v>159.1</v>
      </c>
      <c r="X3424" s="2">
        <v>7.6</v>
      </c>
      <c r="Y3424" s="2">
        <v>16.7</v>
      </c>
      <c r="Z3424" s="5"/>
      <c r="AA3424" s="5" t="s">
        <v>43</v>
      </c>
      <c r="AB3424" s="5" t="s">
        <v>44</v>
      </c>
      <c r="AC3424" s="2"/>
      <c r="AD3424" s="1"/>
    </row>
    <row r="3425" spans="1:30">
      <c r="A3425" s="5" t="s">
        <v>83578</v>
      </c>
      <c r="B3425" s="2" t="s">
        <v>93877</v>
      </c>
      <c r="C3425" s="14" t="s">
        <v>93878</v>
      </c>
      <c r="D3425" s="2" t="s">
        <v>93879</v>
      </c>
      <c r="E3425" s="2" t="s">
        <v>36369</v>
      </c>
      <c r="F3425" s="8">
        <v>377</v>
      </c>
      <c r="G3425" s="5">
        <v>6</v>
      </c>
      <c r="H3425" s="5" t="s">
        <v>1518</v>
      </c>
      <c r="I3425" s="5" t="s">
        <v>36264</v>
      </c>
      <c r="J3425" s="2" t="s">
        <v>36265</v>
      </c>
      <c r="K3425" s="5" t="s">
        <v>36264</v>
      </c>
      <c r="L3425" s="2" t="s">
        <v>36265</v>
      </c>
      <c r="M3425" s="5" t="s">
        <v>36266</v>
      </c>
      <c r="N3425" s="5" t="s">
        <v>38</v>
      </c>
      <c r="O3425" s="5" t="s">
        <v>39</v>
      </c>
      <c r="P3425" s="5" t="s">
        <v>40</v>
      </c>
      <c r="Q3425" s="5" t="s">
        <v>1522</v>
      </c>
      <c r="R3425" s="5" t="s">
        <v>1523</v>
      </c>
      <c r="S3425" s="5" t="s">
        <v>42</v>
      </c>
      <c r="T3425" s="2">
        <v>3.7759999999999998</v>
      </c>
      <c r="U3425" s="2">
        <v>3.117</v>
      </c>
      <c r="V3425" s="2">
        <v>0.02</v>
      </c>
      <c r="W3425" s="2">
        <v>159.1</v>
      </c>
      <c r="X3425" s="2">
        <v>7.6</v>
      </c>
      <c r="Y3425" s="2">
        <v>16.7</v>
      </c>
      <c r="Z3425" s="5"/>
      <c r="AA3425" s="5" t="s">
        <v>43</v>
      </c>
      <c r="AB3425" s="5" t="s">
        <v>44</v>
      </c>
      <c r="AC3425" s="2"/>
      <c r="AD3425" s="1"/>
    </row>
    <row r="3426" spans="1:30">
      <c r="A3426" s="5" t="s">
        <v>83578</v>
      </c>
      <c r="B3426" s="2" t="s">
        <v>93880</v>
      </c>
      <c r="C3426" s="14" t="s">
        <v>93881</v>
      </c>
      <c r="D3426" s="2" t="s">
        <v>93882</v>
      </c>
      <c r="E3426" s="2" t="s">
        <v>36385</v>
      </c>
      <c r="F3426" s="8">
        <v>377</v>
      </c>
      <c r="G3426" s="5">
        <v>6</v>
      </c>
      <c r="H3426" s="5" t="s">
        <v>1518</v>
      </c>
      <c r="I3426" s="5" t="s">
        <v>36264</v>
      </c>
      <c r="J3426" s="2" t="s">
        <v>36265</v>
      </c>
      <c r="K3426" s="5" t="s">
        <v>36264</v>
      </c>
      <c r="L3426" s="2" t="s">
        <v>36265</v>
      </c>
      <c r="M3426" s="5" t="s">
        <v>36266</v>
      </c>
      <c r="N3426" s="5" t="s">
        <v>38</v>
      </c>
      <c r="O3426" s="5" t="s">
        <v>39</v>
      </c>
      <c r="P3426" s="5" t="s">
        <v>40</v>
      </c>
      <c r="Q3426" s="5" t="s">
        <v>1522</v>
      </c>
      <c r="R3426" s="5" t="s">
        <v>1523</v>
      </c>
      <c r="S3426" s="5" t="s">
        <v>42</v>
      </c>
      <c r="T3426" s="2">
        <v>3.7759999999999998</v>
      </c>
      <c r="U3426" s="2">
        <v>3.117</v>
      </c>
      <c r="V3426" s="2">
        <v>0.02</v>
      </c>
      <c r="W3426" s="2">
        <v>159.1</v>
      </c>
      <c r="X3426" s="2">
        <v>7.6</v>
      </c>
      <c r="Y3426" s="2">
        <v>16.7</v>
      </c>
      <c r="Z3426" s="5"/>
      <c r="AA3426" s="5" t="s">
        <v>43</v>
      </c>
      <c r="AB3426" s="5" t="s">
        <v>44</v>
      </c>
      <c r="AC3426" s="2"/>
      <c r="AD3426" s="1"/>
    </row>
    <row r="3427" spans="1:30">
      <c r="A3427" s="5" t="s">
        <v>83578</v>
      </c>
      <c r="B3427" s="2" t="s">
        <v>93883</v>
      </c>
      <c r="C3427" s="14" t="s">
        <v>93884</v>
      </c>
      <c r="D3427" s="2" t="s">
        <v>93885</v>
      </c>
      <c r="E3427" s="2" t="s">
        <v>36389</v>
      </c>
      <c r="F3427" s="8">
        <v>377</v>
      </c>
      <c r="G3427" s="5">
        <v>6</v>
      </c>
      <c r="H3427" s="5" t="s">
        <v>1518</v>
      </c>
      <c r="I3427" s="5" t="s">
        <v>36264</v>
      </c>
      <c r="J3427" s="2" t="s">
        <v>36265</v>
      </c>
      <c r="K3427" s="5" t="s">
        <v>36264</v>
      </c>
      <c r="L3427" s="2" t="s">
        <v>36265</v>
      </c>
      <c r="M3427" s="5" t="s">
        <v>36266</v>
      </c>
      <c r="N3427" s="5" t="s">
        <v>38</v>
      </c>
      <c r="O3427" s="5" t="s">
        <v>39</v>
      </c>
      <c r="P3427" s="5" t="s">
        <v>40</v>
      </c>
      <c r="Q3427" s="5" t="s">
        <v>1522</v>
      </c>
      <c r="R3427" s="5" t="s">
        <v>1523</v>
      </c>
      <c r="S3427" s="5" t="s">
        <v>42</v>
      </c>
      <c r="T3427" s="2">
        <v>3.9</v>
      </c>
      <c r="U3427" s="2">
        <v>3.2410000000000001</v>
      </c>
      <c r="V3427" s="2">
        <v>0.02</v>
      </c>
      <c r="W3427" s="2">
        <v>159.1</v>
      </c>
      <c r="X3427" s="2">
        <v>7.6</v>
      </c>
      <c r="Y3427" s="2">
        <v>16.7</v>
      </c>
      <c r="Z3427" s="5"/>
      <c r="AA3427" s="5" t="s">
        <v>43</v>
      </c>
      <c r="AB3427" s="5" t="s">
        <v>44</v>
      </c>
      <c r="AC3427" s="2"/>
      <c r="AD3427" s="1"/>
    </row>
    <row r="3428" spans="1:30">
      <c r="A3428" s="5" t="s">
        <v>83578</v>
      </c>
      <c r="B3428" s="2" t="s">
        <v>93886</v>
      </c>
      <c r="C3428" s="14" t="s">
        <v>93887</v>
      </c>
      <c r="D3428" s="2" t="s">
        <v>93888</v>
      </c>
      <c r="E3428" s="2" t="s">
        <v>7204</v>
      </c>
      <c r="F3428" s="8">
        <v>322</v>
      </c>
      <c r="G3428" s="5">
        <v>6</v>
      </c>
      <c r="H3428" s="5" t="s">
        <v>1518</v>
      </c>
      <c r="I3428" s="5" t="s">
        <v>36264</v>
      </c>
      <c r="J3428" s="2" t="s">
        <v>36265</v>
      </c>
      <c r="K3428" s="5" t="s">
        <v>36264</v>
      </c>
      <c r="L3428" s="2" t="s">
        <v>36265</v>
      </c>
      <c r="M3428" s="5" t="s">
        <v>36266</v>
      </c>
      <c r="N3428" s="5" t="s">
        <v>38</v>
      </c>
      <c r="O3428" s="5" t="s">
        <v>39</v>
      </c>
      <c r="P3428" s="5" t="s">
        <v>40</v>
      </c>
      <c r="Q3428" s="5" t="s">
        <v>1522</v>
      </c>
      <c r="R3428" s="5" t="s">
        <v>1523</v>
      </c>
      <c r="S3428" s="5" t="s">
        <v>42</v>
      </c>
      <c r="T3428" s="2">
        <v>3.4830000000000001</v>
      </c>
      <c r="U3428" s="2">
        <v>2.8170000000000002</v>
      </c>
      <c r="V3428" s="2">
        <v>0.02</v>
      </c>
      <c r="W3428" s="2">
        <v>159.1</v>
      </c>
      <c r="X3428" s="2">
        <v>7.6</v>
      </c>
      <c r="Y3428" s="2">
        <v>16.7</v>
      </c>
      <c r="Z3428" s="5"/>
      <c r="AA3428" s="5" t="s">
        <v>43</v>
      </c>
      <c r="AB3428" s="5" t="s">
        <v>44</v>
      </c>
      <c r="AC3428" s="2"/>
      <c r="AD3428" s="1"/>
    </row>
    <row r="3429" spans="1:30">
      <c r="A3429" s="5" t="s">
        <v>83578</v>
      </c>
      <c r="B3429" s="2" t="s">
        <v>93889</v>
      </c>
      <c r="C3429" s="14" t="s">
        <v>93890</v>
      </c>
      <c r="D3429" s="2" t="s">
        <v>93891</v>
      </c>
      <c r="E3429" s="2" t="s">
        <v>36273</v>
      </c>
      <c r="F3429" s="8">
        <v>322</v>
      </c>
      <c r="G3429" s="5">
        <v>6</v>
      </c>
      <c r="H3429" s="5" t="s">
        <v>1518</v>
      </c>
      <c r="I3429" s="5" t="s">
        <v>36264</v>
      </c>
      <c r="J3429" s="2" t="s">
        <v>36265</v>
      </c>
      <c r="K3429" s="5" t="s">
        <v>36264</v>
      </c>
      <c r="L3429" s="2" t="s">
        <v>36265</v>
      </c>
      <c r="M3429" s="5" t="s">
        <v>36266</v>
      </c>
      <c r="N3429" s="5" t="s">
        <v>38</v>
      </c>
      <c r="O3429" s="5" t="s">
        <v>39</v>
      </c>
      <c r="P3429" s="5" t="s">
        <v>40</v>
      </c>
      <c r="Q3429" s="5" t="s">
        <v>1522</v>
      </c>
      <c r="R3429" s="5" t="s">
        <v>1523</v>
      </c>
      <c r="S3429" s="5" t="s">
        <v>42</v>
      </c>
      <c r="T3429" s="2">
        <v>3.4830000000000001</v>
      </c>
      <c r="U3429" s="2">
        <v>2.8170000000000002</v>
      </c>
      <c r="V3429" s="2">
        <v>0.02</v>
      </c>
      <c r="W3429" s="2">
        <v>159.1</v>
      </c>
      <c r="X3429" s="2">
        <v>7.6</v>
      </c>
      <c r="Y3429" s="2">
        <v>16.7</v>
      </c>
      <c r="Z3429" s="5"/>
      <c r="AA3429" s="5" t="s">
        <v>43</v>
      </c>
      <c r="AB3429" s="5" t="s">
        <v>44</v>
      </c>
      <c r="AC3429" s="2"/>
      <c r="AD3429" s="1"/>
    </row>
    <row r="3430" spans="1:30">
      <c r="A3430" s="5" t="s">
        <v>83578</v>
      </c>
      <c r="B3430" s="2" t="s">
        <v>93892</v>
      </c>
      <c r="C3430" s="14" t="s">
        <v>93893</v>
      </c>
      <c r="D3430" s="2" t="s">
        <v>93894</v>
      </c>
      <c r="E3430" s="2" t="s">
        <v>36281</v>
      </c>
      <c r="F3430" s="8">
        <v>350</v>
      </c>
      <c r="G3430" s="5">
        <v>6</v>
      </c>
      <c r="H3430" s="5" t="s">
        <v>1518</v>
      </c>
      <c r="I3430" s="5" t="s">
        <v>36264</v>
      </c>
      <c r="J3430" s="2" t="s">
        <v>36265</v>
      </c>
      <c r="K3430" s="5" t="s">
        <v>36264</v>
      </c>
      <c r="L3430" s="2" t="s">
        <v>36265</v>
      </c>
      <c r="M3430" s="5" t="s">
        <v>36266</v>
      </c>
      <c r="N3430" s="5" t="s">
        <v>38</v>
      </c>
      <c r="O3430" s="5" t="s">
        <v>39</v>
      </c>
      <c r="P3430" s="5" t="s">
        <v>40</v>
      </c>
      <c r="Q3430" s="5" t="s">
        <v>1522</v>
      </c>
      <c r="R3430" s="5" t="s">
        <v>1523</v>
      </c>
      <c r="S3430" s="5" t="s">
        <v>42</v>
      </c>
      <c r="T3430" s="2">
        <v>3.4830000000000001</v>
      </c>
      <c r="U3430" s="2">
        <v>2.8170000000000002</v>
      </c>
      <c r="V3430" s="2">
        <v>0.02</v>
      </c>
      <c r="W3430" s="2">
        <v>159.1</v>
      </c>
      <c r="X3430" s="2">
        <v>7.6</v>
      </c>
      <c r="Y3430" s="2">
        <v>16.7</v>
      </c>
      <c r="Z3430" s="5"/>
      <c r="AA3430" s="5" t="s">
        <v>43</v>
      </c>
      <c r="AB3430" s="5" t="s">
        <v>44</v>
      </c>
      <c r="AC3430" s="2"/>
      <c r="AD3430" s="1"/>
    </row>
    <row r="3431" spans="1:30">
      <c r="A3431" s="5" t="s">
        <v>83578</v>
      </c>
      <c r="B3431" s="2" t="s">
        <v>93895</v>
      </c>
      <c r="C3431" s="14" t="s">
        <v>93896</v>
      </c>
      <c r="D3431" s="2" t="s">
        <v>93897</v>
      </c>
      <c r="E3431" s="2" t="s">
        <v>36285</v>
      </c>
      <c r="F3431" s="8">
        <v>350</v>
      </c>
      <c r="G3431" s="5">
        <v>6</v>
      </c>
      <c r="H3431" s="5" t="s">
        <v>1518</v>
      </c>
      <c r="I3431" s="5" t="s">
        <v>36264</v>
      </c>
      <c r="J3431" s="2" t="s">
        <v>36265</v>
      </c>
      <c r="K3431" s="5" t="s">
        <v>36264</v>
      </c>
      <c r="L3431" s="2" t="s">
        <v>36265</v>
      </c>
      <c r="M3431" s="5" t="s">
        <v>36266</v>
      </c>
      <c r="N3431" s="5" t="s">
        <v>38</v>
      </c>
      <c r="O3431" s="5" t="s">
        <v>39</v>
      </c>
      <c r="P3431" s="5" t="s">
        <v>40</v>
      </c>
      <c r="Q3431" s="5" t="s">
        <v>1522</v>
      </c>
      <c r="R3431" s="5" t="s">
        <v>1523</v>
      </c>
      <c r="S3431" s="5" t="s">
        <v>42</v>
      </c>
      <c r="T3431" s="2">
        <v>3.5779999999999998</v>
      </c>
      <c r="U3431" s="2">
        <v>2.9119999999999999</v>
      </c>
      <c r="V3431" s="2">
        <v>0.02</v>
      </c>
      <c r="W3431" s="2">
        <v>159.1</v>
      </c>
      <c r="X3431" s="2">
        <v>7.6</v>
      </c>
      <c r="Y3431" s="2">
        <v>16.7</v>
      </c>
      <c r="Z3431" s="5"/>
      <c r="AA3431" s="5" t="s">
        <v>43</v>
      </c>
      <c r="AB3431" s="5" t="s">
        <v>44</v>
      </c>
      <c r="AC3431" s="2"/>
      <c r="AD3431" s="1"/>
    </row>
    <row r="3432" spans="1:30">
      <c r="A3432" s="5" t="s">
        <v>83578</v>
      </c>
      <c r="B3432" s="2" t="s">
        <v>93898</v>
      </c>
      <c r="C3432" s="14" t="s">
        <v>93899</v>
      </c>
      <c r="D3432" s="2" t="s">
        <v>93900</v>
      </c>
      <c r="E3432" s="2" t="s">
        <v>36289</v>
      </c>
      <c r="F3432" s="8">
        <v>350</v>
      </c>
      <c r="G3432" s="5">
        <v>6</v>
      </c>
      <c r="H3432" s="5" t="s">
        <v>1518</v>
      </c>
      <c r="I3432" s="5" t="s">
        <v>36264</v>
      </c>
      <c r="J3432" s="2" t="s">
        <v>36265</v>
      </c>
      <c r="K3432" s="5" t="s">
        <v>36264</v>
      </c>
      <c r="L3432" s="2" t="s">
        <v>36265</v>
      </c>
      <c r="M3432" s="5" t="s">
        <v>36266</v>
      </c>
      <c r="N3432" s="5" t="s">
        <v>38</v>
      </c>
      <c r="O3432" s="5" t="s">
        <v>39</v>
      </c>
      <c r="P3432" s="5" t="s">
        <v>40</v>
      </c>
      <c r="Q3432" s="5" t="s">
        <v>1522</v>
      </c>
      <c r="R3432" s="5" t="s">
        <v>1523</v>
      </c>
      <c r="S3432" s="5" t="s">
        <v>42</v>
      </c>
      <c r="T3432" s="2">
        <v>3.4830000000000001</v>
      </c>
      <c r="U3432" s="2">
        <v>2.8170000000000002</v>
      </c>
      <c r="V3432" s="2">
        <v>0.02</v>
      </c>
      <c r="W3432" s="2">
        <v>159.1</v>
      </c>
      <c r="X3432" s="2">
        <v>7.6</v>
      </c>
      <c r="Y3432" s="2">
        <v>16.7</v>
      </c>
      <c r="Z3432" s="5"/>
      <c r="AA3432" s="5" t="s">
        <v>43</v>
      </c>
      <c r="AB3432" s="5" t="s">
        <v>44</v>
      </c>
      <c r="AC3432" s="2"/>
      <c r="AD3432" s="1"/>
    </row>
    <row r="3433" spans="1:30">
      <c r="A3433" s="5" t="s">
        <v>83578</v>
      </c>
      <c r="B3433" s="2" t="s">
        <v>93901</v>
      </c>
      <c r="C3433" s="14" t="s">
        <v>93902</v>
      </c>
      <c r="D3433" s="2" t="s">
        <v>93903</v>
      </c>
      <c r="E3433" s="2" t="s">
        <v>36293</v>
      </c>
      <c r="F3433" s="8">
        <v>350</v>
      </c>
      <c r="G3433" s="5">
        <v>6</v>
      </c>
      <c r="H3433" s="5" t="s">
        <v>1518</v>
      </c>
      <c r="I3433" s="5" t="s">
        <v>36264</v>
      </c>
      <c r="J3433" s="2" t="s">
        <v>36265</v>
      </c>
      <c r="K3433" s="5" t="s">
        <v>36264</v>
      </c>
      <c r="L3433" s="2" t="s">
        <v>36265</v>
      </c>
      <c r="M3433" s="5" t="s">
        <v>36266</v>
      </c>
      <c r="N3433" s="5" t="s">
        <v>38</v>
      </c>
      <c r="O3433" s="5" t="s">
        <v>39</v>
      </c>
      <c r="P3433" s="5" t="s">
        <v>40</v>
      </c>
      <c r="Q3433" s="5" t="s">
        <v>1522</v>
      </c>
      <c r="R3433" s="5" t="s">
        <v>1523</v>
      </c>
      <c r="S3433" s="5" t="s">
        <v>42</v>
      </c>
      <c r="T3433" s="2">
        <v>3.5779999999999998</v>
      </c>
      <c r="U3433" s="2">
        <v>2.9119999999999999</v>
      </c>
      <c r="V3433" s="2">
        <v>0.02</v>
      </c>
      <c r="W3433" s="2">
        <v>159.1</v>
      </c>
      <c r="X3433" s="2">
        <v>7.6</v>
      </c>
      <c r="Y3433" s="2">
        <v>16.7</v>
      </c>
      <c r="Z3433" s="5"/>
      <c r="AA3433" s="5" t="s">
        <v>43</v>
      </c>
      <c r="AB3433" s="5" t="s">
        <v>44</v>
      </c>
      <c r="AC3433" s="2"/>
      <c r="AD3433" s="1"/>
    </row>
    <row r="3434" spans="1:30">
      <c r="A3434" s="5" t="s">
        <v>83578</v>
      </c>
      <c r="B3434" s="2" t="s">
        <v>93904</v>
      </c>
      <c r="C3434" s="14" t="s">
        <v>93905</v>
      </c>
      <c r="D3434" s="2" t="s">
        <v>93906</v>
      </c>
      <c r="E3434" s="2" t="s">
        <v>36297</v>
      </c>
      <c r="F3434" s="8">
        <v>322</v>
      </c>
      <c r="G3434" s="5">
        <v>6</v>
      </c>
      <c r="H3434" s="5" t="s">
        <v>1518</v>
      </c>
      <c r="I3434" s="5" t="s">
        <v>36264</v>
      </c>
      <c r="J3434" s="2" t="s">
        <v>36265</v>
      </c>
      <c r="K3434" s="5" t="s">
        <v>36264</v>
      </c>
      <c r="L3434" s="2" t="s">
        <v>36265</v>
      </c>
      <c r="M3434" s="5" t="s">
        <v>36266</v>
      </c>
      <c r="N3434" s="5" t="s">
        <v>38</v>
      </c>
      <c r="O3434" s="5" t="s">
        <v>39</v>
      </c>
      <c r="P3434" s="5" t="s">
        <v>40</v>
      </c>
      <c r="Q3434" s="5" t="s">
        <v>1522</v>
      </c>
      <c r="R3434" s="5" t="s">
        <v>1523</v>
      </c>
      <c r="S3434" s="5" t="s">
        <v>42</v>
      </c>
      <c r="T3434" s="2">
        <v>3.4830000000000001</v>
      </c>
      <c r="U3434" s="2">
        <v>2.8170000000000002</v>
      </c>
      <c r="V3434" s="2">
        <v>0.02</v>
      </c>
      <c r="W3434" s="2">
        <v>159.1</v>
      </c>
      <c r="X3434" s="2">
        <v>7.6</v>
      </c>
      <c r="Y3434" s="2">
        <v>16.7</v>
      </c>
      <c r="Z3434" s="5"/>
      <c r="AA3434" s="5" t="s">
        <v>43</v>
      </c>
      <c r="AB3434" s="5" t="s">
        <v>44</v>
      </c>
      <c r="AC3434" s="2"/>
      <c r="AD3434" s="1"/>
    </row>
    <row r="3435" spans="1:30">
      <c r="A3435" s="5" t="s">
        <v>83578</v>
      </c>
      <c r="B3435" s="2" t="s">
        <v>93907</v>
      </c>
      <c r="C3435" s="14" t="s">
        <v>93908</v>
      </c>
      <c r="D3435" s="2" t="s">
        <v>93909</v>
      </c>
      <c r="E3435" s="2" t="s">
        <v>36301</v>
      </c>
      <c r="F3435" s="8">
        <v>322</v>
      </c>
      <c r="G3435" s="5">
        <v>6</v>
      </c>
      <c r="H3435" s="5" t="s">
        <v>1518</v>
      </c>
      <c r="I3435" s="5" t="s">
        <v>36264</v>
      </c>
      <c r="J3435" s="2" t="s">
        <v>36265</v>
      </c>
      <c r="K3435" s="5" t="s">
        <v>36264</v>
      </c>
      <c r="L3435" s="2" t="s">
        <v>36265</v>
      </c>
      <c r="M3435" s="5" t="s">
        <v>36266</v>
      </c>
      <c r="N3435" s="5" t="s">
        <v>38</v>
      </c>
      <c r="O3435" s="5" t="s">
        <v>39</v>
      </c>
      <c r="P3435" s="5" t="s">
        <v>40</v>
      </c>
      <c r="Q3435" s="5" t="s">
        <v>1522</v>
      </c>
      <c r="R3435" s="5" t="s">
        <v>1523</v>
      </c>
      <c r="S3435" s="5" t="s">
        <v>42</v>
      </c>
      <c r="T3435" s="2">
        <v>3.5779999999999998</v>
      </c>
      <c r="U3435" s="2">
        <v>2.9119999999999999</v>
      </c>
      <c r="V3435" s="2">
        <v>0.02</v>
      </c>
      <c r="W3435" s="2">
        <v>159.1</v>
      </c>
      <c r="X3435" s="2">
        <v>7.6</v>
      </c>
      <c r="Y3435" s="2">
        <v>16.7</v>
      </c>
      <c r="Z3435" s="5"/>
      <c r="AA3435" s="5" t="s">
        <v>43</v>
      </c>
      <c r="AB3435" s="5" t="s">
        <v>44</v>
      </c>
      <c r="AC3435" s="2"/>
      <c r="AD3435" s="1"/>
    </row>
    <row r="3436" spans="1:30">
      <c r="A3436" s="5" t="s">
        <v>83578</v>
      </c>
      <c r="B3436" s="2" t="s">
        <v>93910</v>
      </c>
      <c r="C3436" s="14" t="s">
        <v>93911</v>
      </c>
      <c r="D3436" s="2" t="s">
        <v>93912</v>
      </c>
      <c r="E3436" s="2" t="s">
        <v>36309</v>
      </c>
      <c r="F3436" s="8">
        <v>322</v>
      </c>
      <c r="G3436" s="5">
        <v>6</v>
      </c>
      <c r="H3436" s="5" t="s">
        <v>1518</v>
      </c>
      <c r="I3436" s="5" t="s">
        <v>36264</v>
      </c>
      <c r="J3436" s="2" t="s">
        <v>36265</v>
      </c>
      <c r="K3436" s="5" t="s">
        <v>36264</v>
      </c>
      <c r="L3436" s="2" t="s">
        <v>36265</v>
      </c>
      <c r="M3436" s="5" t="s">
        <v>36266</v>
      </c>
      <c r="N3436" s="5" t="s">
        <v>38</v>
      </c>
      <c r="O3436" s="5" t="s">
        <v>39</v>
      </c>
      <c r="P3436" s="5" t="s">
        <v>40</v>
      </c>
      <c r="Q3436" s="5" t="s">
        <v>1522</v>
      </c>
      <c r="R3436" s="5" t="s">
        <v>1523</v>
      </c>
      <c r="S3436" s="5" t="s">
        <v>42</v>
      </c>
      <c r="T3436" s="2">
        <v>3.5779999999999998</v>
      </c>
      <c r="U3436" s="2">
        <v>2.9119999999999999</v>
      </c>
      <c r="V3436" s="2">
        <v>0.02</v>
      </c>
      <c r="W3436" s="2">
        <v>159.1</v>
      </c>
      <c r="X3436" s="2">
        <v>7.6</v>
      </c>
      <c r="Y3436" s="2">
        <v>16.7</v>
      </c>
      <c r="Z3436" s="5"/>
      <c r="AA3436" s="5" t="s">
        <v>43</v>
      </c>
      <c r="AB3436" s="5" t="s">
        <v>44</v>
      </c>
      <c r="AC3436" s="2"/>
      <c r="AD3436" s="1"/>
    </row>
    <row r="3437" spans="1:30">
      <c r="A3437" s="5" t="s">
        <v>83578</v>
      </c>
      <c r="B3437" s="2" t="s">
        <v>93913</v>
      </c>
      <c r="C3437" s="14" t="s">
        <v>93914</v>
      </c>
      <c r="D3437" s="2" t="s">
        <v>93915</v>
      </c>
      <c r="E3437" s="2" t="s">
        <v>36313</v>
      </c>
      <c r="F3437" s="8">
        <v>350</v>
      </c>
      <c r="G3437" s="5">
        <v>6</v>
      </c>
      <c r="H3437" s="5" t="s">
        <v>1518</v>
      </c>
      <c r="I3437" s="5" t="s">
        <v>36264</v>
      </c>
      <c r="J3437" s="2" t="s">
        <v>36265</v>
      </c>
      <c r="K3437" s="5" t="s">
        <v>36264</v>
      </c>
      <c r="L3437" s="2" t="s">
        <v>36265</v>
      </c>
      <c r="M3437" s="5" t="s">
        <v>36266</v>
      </c>
      <c r="N3437" s="5" t="s">
        <v>38</v>
      </c>
      <c r="O3437" s="5" t="s">
        <v>39</v>
      </c>
      <c r="P3437" s="5" t="s">
        <v>40</v>
      </c>
      <c r="Q3437" s="5" t="s">
        <v>1522</v>
      </c>
      <c r="R3437" s="5" t="s">
        <v>1523</v>
      </c>
      <c r="S3437" s="5" t="s">
        <v>42</v>
      </c>
      <c r="T3437" s="2">
        <v>3.4830000000000001</v>
      </c>
      <c r="U3437" s="2">
        <v>2.8170000000000002</v>
      </c>
      <c r="V3437" s="2">
        <v>0.02</v>
      </c>
      <c r="W3437" s="2">
        <v>159.1</v>
      </c>
      <c r="X3437" s="2">
        <v>7.6</v>
      </c>
      <c r="Y3437" s="2">
        <v>16.7</v>
      </c>
      <c r="Z3437" s="5"/>
      <c r="AA3437" s="5" t="s">
        <v>43</v>
      </c>
      <c r="AB3437" s="5" t="s">
        <v>44</v>
      </c>
      <c r="AC3437" s="2"/>
      <c r="AD3437" s="1"/>
    </row>
    <row r="3438" spans="1:30">
      <c r="A3438" s="5" t="s">
        <v>83578</v>
      </c>
      <c r="B3438" s="2" t="s">
        <v>93916</v>
      </c>
      <c r="C3438" s="14" t="s">
        <v>93917</v>
      </c>
      <c r="D3438" s="2" t="s">
        <v>93918</v>
      </c>
      <c r="E3438" s="2" t="s">
        <v>36317</v>
      </c>
      <c r="F3438" s="8">
        <v>350</v>
      </c>
      <c r="G3438" s="5">
        <v>6</v>
      </c>
      <c r="H3438" s="5" t="s">
        <v>1518</v>
      </c>
      <c r="I3438" s="5" t="s">
        <v>36264</v>
      </c>
      <c r="J3438" s="2" t="s">
        <v>36265</v>
      </c>
      <c r="K3438" s="5" t="s">
        <v>36264</v>
      </c>
      <c r="L3438" s="2" t="s">
        <v>36265</v>
      </c>
      <c r="M3438" s="5" t="s">
        <v>36266</v>
      </c>
      <c r="N3438" s="5" t="s">
        <v>38</v>
      </c>
      <c r="O3438" s="5" t="s">
        <v>39</v>
      </c>
      <c r="P3438" s="5" t="s">
        <v>40</v>
      </c>
      <c r="Q3438" s="5" t="s">
        <v>1522</v>
      </c>
      <c r="R3438" s="5" t="s">
        <v>1523</v>
      </c>
      <c r="S3438" s="5" t="s">
        <v>42</v>
      </c>
      <c r="T3438" s="2">
        <v>3.5779999999999998</v>
      </c>
      <c r="U3438" s="2">
        <v>2.9119999999999999</v>
      </c>
      <c r="V3438" s="2">
        <v>0.02</v>
      </c>
      <c r="W3438" s="2">
        <v>159.1</v>
      </c>
      <c r="X3438" s="2">
        <v>7.6</v>
      </c>
      <c r="Y3438" s="2">
        <v>16.7</v>
      </c>
      <c r="Z3438" s="5"/>
      <c r="AA3438" s="5" t="s">
        <v>43</v>
      </c>
      <c r="AB3438" s="5" t="s">
        <v>44</v>
      </c>
      <c r="AC3438" s="2"/>
      <c r="AD3438" s="1"/>
    </row>
    <row r="3439" spans="1:30">
      <c r="A3439" s="5" t="s">
        <v>83578</v>
      </c>
      <c r="B3439" s="2" t="s">
        <v>93919</v>
      </c>
      <c r="C3439" s="14" t="s">
        <v>93920</v>
      </c>
      <c r="D3439" s="2" t="s">
        <v>93921</v>
      </c>
      <c r="E3439" s="2" t="s">
        <v>36325</v>
      </c>
      <c r="F3439" s="8">
        <v>350</v>
      </c>
      <c r="G3439" s="5">
        <v>6</v>
      </c>
      <c r="H3439" s="5" t="s">
        <v>1518</v>
      </c>
      <c r="I3439" s="5" t="s">
        <v>36264</v>
      </c>
      <c r="J3439" s="2" t="s">
        <v>36265</v>
      </c>
      <c r="K3439" s="5" t="s">
        <v>36264</v>
      </c>
      <c r="L3439" s="2" t="s">
        <v>36265</v>
      </c>
      <c r="M3439" s="5" t="s">
        <v>36266</v>
      </c>
      <c r="N3439" s="5" t="s">
        <v>38</v>
      </c>
      <c r="O3439" s="5" t="s">
        <v>39</v>
      </c>
      <c r="P3439" s="5" t="s">
        <v>40</v>
      </c>
      <c r="Q3439" s="5" t="s">
        <v>1522</v>
      </c>
      <c r="R3439" s="5" t="s">
        <v>1523</v>
      </c>
      <c r="S3439" s="5" t="s">
        <v>42</v>
      </c>
      <c r="T3439" s="2">
        <v>3.5779999999999998</v>
      </c>
      <c r="U3439" s="2">
        <v>2.9119999999999999</v>
      </c>
      <c r="V3439" s="2">
        <v>0.02</v>
      </c>
      <c r="W3439" s="2">
        <v>159.1</v>
      </c>
      <c r="X3439" s="2">
        <v>7.6</v>
      </c>
      <c r="Y3439" s="2">
        <v>16.7</v>
      </c>
      <c r="Z3439" s="5"/>
      <c r="AA3439" s="5" t="s">
        <v>43</v>
      </c>
      <c r="AB3439" s="5" t="s">
        <v>44</v>
      </c>
      <c r="AC3439" s="2"/>
      <c r="AD3439" s="1"/>
    </row>
    <row r="3440" spans="1:30">
      <c r="A3440" s="5" t="s">
        <v>83578</v>
      </c>
      <c r="B3440" s="2" t="s">
        <v>93922</v>
      </c>
      <c r="C3440" s="14" t="s">
        <v>93923</v>
      </c>
      <c r="D3440" s="2" t="s">
        <v>93924</v>
      </c>
      <c r="E3440" s="2" t="s">
        <v>36329</v>
      </c>
      <c r="F3440" s="8">
        <v>350</v>
      </c>
      <c r="G3440" s="5">
        <v>6</v>
      </c>
      <c r="H3440" s="5" t="s">
        <v>1518</v>
      </c>
      <c r="I3440" s="5" t="s">
        <v>36264</v>
      </c>
      <c r="J3440" s="2" t="s">
        <v>36265</v>
      </c>
      <c r="K3440" s="5" t="s">
        <v>36264</v>
      </c>
      <c r="L3440" s="2" t="s">
        <v>36265</v>
      </c>
      <c r="M3440" s="5" t="s">
        <v>36266</v>
      </c>
      <c r="N3440" s="5" t="s">
        <v>38</v>
      </c>
      <c r="O3440" s="5" t="s">
        <v>39</v>
      </c>
      <c r="P3440" s="5" t="s">
        <v>40</v>
      </c>
      <c r="Q3440" s="5" t="s">
        <v>1522</v>
      </c>
      <c r="R3440" s="5" t="s">
        <v>1523</v>
      </c>
      <c r="S3440" s="5" t="s">
        <v>42</v>
      </c>
      <c r="T3440" s="2">
        <v>3.4830000000000001</v>
      </c>
      <c r="U3440" s="2">
        <v>2.8170000000000002</v>
      </c>
      <c r="V3440" s="2">
        <v>0.02</v>
      </c>
      <c r="W3440" s="2">
        <v>159.1</v>
      </c>
      <c r="X3440" s="2">
        <v>7.6</v>
      </c>
      <c r="Y3440" s="2">
        <v>16.7</v>
      </c>
      <c r="Z3440" s="5"/>
      <c r="AA3440" s="5" t="s">
        <v>43</v>
      </c>
      <c r="AB3440" s="5" t="s">
        <v>44</v>
      </c>
      <c r="AC3440" s="2"/>
      <c r="AD3440" s="1"/>
    </row>
    <row r="3441" spans="1:30">
      <c r="A3441" s="5" t="s">
        <v>83578</v>
      </c>
      <c r="B3441" s="2" t="s">
        <v>93925</v>
      </c>
      <c r="C3441" s="14" t="s">
        <v>93926</v>
      </c>
      <c r="D3441" s="2" t="s">
        <v>93927</v>
      </c>
      <c r="E3441" s="2" t="s">
        <v>36333</v>
      </c>
      <c r="F3441" s="8">
        <v>350</v>
      </c>
      <c r="G3441" s="5">
        <v>6</v>
      </c>
      <c r="H3441" s="5" t="s">
        <v>1518</v>
      </c>
      <c r="I3441" s="5" t="s">
        <v>36264</v>
      </c>
      <c r="J3441" s="2" t="s">
        <v>36265</v>
      </c>
      <c r="K3441" s="5" t="s">
        <v>36264</v>
      </c>
      <c r="L3441" s="2" t="s">
        <v>36265</v>
      </c>
      <c r="M3441" s="5" t="s">
        <v>36266</v>
      </c>
      <c r="N3441" s="5" t="s">
        <v>38</v>
      </c>
      <c r="O3441" s="5" t="s">
        <v>39</v>
      </c>
      <c r="P3441" s="5" t="s">
        <v>40</v>
      </c>
      <c r="Q3441" s="5" t="s">
        <v>1522</v>
      </c>
      <c r="R3441" s="5" t="s">
        <v>1523</v>
      </c>
      <c r="S3441" s="5" t="s">
        <v>42</v>
      </c>
      <c r="T3441" s="2">
        <v>3.5779999999999998</v>
      </c>
      <c r="U3441" s="2">
        <v>2.9119999999999999</v>
      </c>
      <c r="V3441" s="2">
        <v>0.02</v>
      </c>
      <c r="W3441" s="2">
        <v>159.1</v>
      </c>
      <c r="X3441" s="2">
        <v>7.6</v>
      </c>
      <c r="Y3441" s="2">
        <v>16.7</v>
      </c>
      <c r="Z3441" s="5"/>
      <c r="AA3441" s="5" t="s">
        <v>43</v>
      </c>
      <c r="AB3441" s="5" t="s">
        <v>44</v>
      </c>
      <c r="AC3441" s="2"/>
      <c r="AD3441" s="1"/>
    </row>
    <row r="3442" spans="1:30">
      <c r="A3442" s="5" t="s">
        <v>83578</v>
      </c>
      <c r="B3442" s="2" t="s">
        <v>93928</v>
      </c>
      <c r="C3442" s="14" t="s">
        <v>93929</v>
      </c>
      <c r="D3442" s="2" t="s">
        <v>93930</v>
      </c>
      <c r="E3442" s="2" t="s">
        <v>36337</v>
      </c>
      <c r="F3442" s="8">
        <v>350</v>
      </c>
      <c r="G3442" s="5">
        <v>6</v>
      </c>
      <c r="H3442" s="5" t="s">
        <v>1518</v>
      </c>
      <c r="I3442" s="5" t="s">
        <v>36264</v>
      </c>
      <c r="J3442" s="2" t="s">
        <v>36265</v>
      </c>
      <c r="K3442" s="5" t="s">
        <v>36264</v>
      </c>
      <c r="L3442" s="2" t="s">
        <v>36265</v>
      </c>
      <c r="M3442" s="5" t="s">
        <v>36266</v>
      </c>
      <c r="N3442" s="5" t="s">
        <v>38</v>
      </c>
      <c r="O3442" s="5" t="s">
        <v>39</v>
      </c>
      <c r="P3442" s="5" t="s">
        <v>40</v>
      </c>
      <c r="Q3442" s="5" t="s">
        <v>1522</v>
      </c>
      <c r="R3442" s="5" t="s">
        <v>1523</v>
      </c>
      <c r="S3442" s="5" t="s">
        <v>42</v>
      </c>
      <c r="T3442" s="2">
        <v>3.4830000000000001</v>
      </c>
      <c r="U3442" s="2">
        <v>2.8170000000000002</v>
      </c>
      <c r="V3442" s="2">
        <v>0.02</v>
      </c>
      <c r="W3442" s="2">
        <v>159.1</v>
      </c>
      <c r="X3442" s="2">
        <v>7.6</v>
      </c>
      <c r="Y3442" s="2">
        <v>16.7</v>
      </c>
      <c r="Z3442" s="5"/>
      <c r="AA3442" s="5" t="s">
        <v>43</v>
      </c>
      <c r="AB3442" s="5" t="s">
        <v>44</v>
      </c>
      <c r="AC3442" s="2"/>
      <c r="AD3442" s="1"/>
    </row>
    <row r="3443" spans="1:30">
      <c r="A3443" s="5" t="s">
        <v>83578</v>
      </c>
      <c r="B3443" s="2" t="s">
        <v>93931</v>
      </c>
      <c r="C3443" s="14" t="s">
        <v>93932</v>
      </c>
      <c r="D3443" s="2" t="s">
        <v>93933</v>
      </c>
      <c r="E3443" s="2" t="s">
        <v>36341</v>
      </c>
      <c r="F3443" s="8">
        <v>350</v>
      </c>
      <c r="G3443" s="5">
        <v>6</v>
      </c>
      <c r="H3443" s="5" t="s">
        <v>1518</v>
      </c>
      <c r="I3443" s="5" t="s">
        <v>36264</v>
      </c>
      <c r="J3443" s="2" t="s">
        <v>36265</v>
      </c>
      <c r="K3443" s="5" t="s">
        <v>36264</v>
      </c>
      <c r="L3443" s="2" t="s">
        <v>36265</v>
      </c>
      <c r="M3443" s="5" t="s">
        <v>36266</v>
      </c>
      <c r="N3443" s="5" t="s">
        <v>38</v>
      </c>
      <c r="O3443" s="5" t="s">
        <v>39</v>
      </c>
      <c r="P3443" s="5" t="s">
        <v>40</v>
      </c>
      <c r="Q3443" s="5" t="s">
        <v>1522</v>
      </c>
      <c r="R3443" s="5" t="s">
        <v>1523</v>
      </c>
      <c r="S3443" s="5" t="s">
        <v>42</v>
      </c>
      <c r="T3443" s="2">
        <v>3.5779999999999998</v>
      </c>
      <c r="U3443" s="2">
        <v>2.9119999999999999</v>
      </c>
      <c r="V3443" s="2">
        <v>0.02</v>
      </c>
      <c r="W3443" s="2">
        <v>159.1</v>
      </c>
      <c r="X3443" s="2">
        <v>7.6</v>
      </c>
      <c r="Y3443" s="2">
        <v>16.7</v>
      </c>
      <c r="Z3443" s="5"/>
      <c r="AA3443" s="5" t="s">
        <v>43</v>
      </c>
      <c r="AB3443" s="5" t="s">
        <v>44</v>
      </c>
      <c r="AC3443" s="2"/>
      <c r="AD3443" s="1"/>
    </row>
    <row r="3444" spans="1:30">
      <c r="A3444" s="5" t="s">
        <v>83578</v>
      </c>
      <c r="B3444" s="2" t="s">
        <v>93934</v>
      </c>
      <c r="C3444" s="14" t="s">
        <v>93935</v>
      </c>
      <c r="D3444" s="2" t="s">
        <v>93936</v>
      </c>
      <c r="E3444" s="2" t="s">
        <v>36349</v>
      </c>
      <c r="F3444" s="8">
        <v>350</v>
      </c>
      <c r="G3444" s="5">
        <v>6</v>
      </c>
      <c r="H3444" s="5" t="s">
        <v>1518</v>
      </c>
      <c r="I3444" s="5" t="s">
        <v>36264</v>
      </c>
      <c r="J3444" s="2" t="s">
        <v>36265</v>
      </c>
      <c r="K3444" s="5" t="s">
        <v>36264</v>
      </c>
      <c r="L3444" s="2" t="s">
        <v>36265</v>
      </c>
      <c r="M3444" s="5" t="s">
        <v>36266</v>
      </c>
      <c r="N3444" s="5" t="s">
        <v>38</v>
      </c>
      <c r="O3444" s="5" t="s">
        <v>39</v>
      </c>
      <c r="P3444" s="5" t="s">
        <v>40</v>
      </c>
      <c r="Q3444" s="5" t="s">
        <v>1522</v>
      </c>
      <c r="R3444" s="5" t="s">
        <v>1523</v>
      </c>
      <c r="S3444" s="5" t="s">
        <v>42</v>
      </c>
      <c r="T3444" s="2">
        <v>3.5779999999999998</v>
      </c>
      <c r="U3444" s="2">
        <v>2.9119999999999999</v>
      </c>
      <c r="V3444" s="2">
        <v>0.02</v>
      </c>
      <c r="W3444" s="2">
        <v>159.1</v>
      </c>
      <c r="X3444" s="2">
        <v>7.6</v>
      </c>
      <c r="Y3444" s="2">
        <v>16.7</v>
      </c>
      <c r="Z3444" s="5"/>
      <c r="AA3444" s="5" t="s">
        <v>43</v>
      </c>
      <c r="AB3444" s="5" t="s">
        <v>44</v>
      </c>
      <c r="AC3444" s="2"/>
      <c r="AD3444" s="1"/>
    </row>
    <row r="3445" spans="1:30">
      <c r="A3445" s="5" t="s">
        <v>83578</v>
      </c>
      <c r="B3445" s="2" t="s">
        <v>93937</v>
      </c>
      <c r="C3445" s="14" t="s">
        <v>93938</v>
      </c>
      <c r="D3445" s="2" t="s">
        <v>93939</v>
      </c>
      <c r="E3445" s="2" t="s">
        <v>36353</v>
      </c>
      <c r="F3445" s="8">
        <v>350</v>
      </c>
      <c r="G3445" s="5">
        <v>6</v>
      </c>
      <c r="H3445" s="5" t="s">
        <v>1518</v>
      </c>
      <c r="I3445" s="5" t="s">
        <v>36264</v>
      </c>
      <c r="J3445" s="2" t="s">
        <v>36265</v>
      </c>
      <c r="K3445" s="5" t="s">
        <v>36264</v>
      </c>
      <c r="L3445" s="2" t="s">
        <v>36265</v>
      </c>
      <c r="M3445" s="5" t="s">
        <v>36266</v>
      </c>
      <c r="N3445" s="5" t="s">
        <v>38</v>
      </c>
      <c r="O3445" s="5" t="s">
        <v>39</v>
      </c>
      <c r="P3445" s="5" t="s">
        <v>40</v>
      </c>
      <c r="Q3445" s="5" t="s">
        <v>1522</v>
      </c>
      <c r="R3445" s="5" t="s">
        <v>1523</v>
      </c>
      <c r="S3445" s="5" t="s">
        <v>42</v>
      </c>
      <c r="T3445" s="2">
        <v>3.4830000000000001</v>
      </c>
      <c r="U3445" s="2">
        <v>2.8170000000000002</v>
      </c>
      <c r="V3445" s="2">
        <v>0.02</v>
      </c>
      <c r="W3445" s="2">
        <v>159.1</v>
      </c>
      <c r="X3445" s="2">
        <v>7.6</v>
      </c>
      <c r="Y3445" s="2">
        <v>16.7</v>
      </c>
      <c r="Z3445" s="5"/>
      <c r="AA3445" s="5" t="s">
        <v>43</v>
      </c>
      <c r="AB3445" s="5" t="s">
        <v>44</v>
      </c>
      <c r="AC3445" s="2"/>
      <c r="AD3445" s="1"/>
    </row>
    <row r="3446" spans="1:30">
      <c r="A3446" s="5" t="s">
        <v>83578</v>
      </c>
      <c r="B3446" s="2" t="s">
        <v>93940</v>
      </c>
      <c r="C3446" s="14" t="s">
        <v>93941</v>
      </c>
      <c r="D3446" s="2" t="s">
        <v>93942</v>
      </c>
      <c r="E3446" s="2" t="s">
        <v>36357</v>
      </c>
      <c r="F3446" s="8">
        <v>350</v>
      </c>
      <c r="G3446" s="5">
        <v>6</v>
      </c>
      <c r="H3446" s="5" t="s">
        <v>1518</v>
      </c>
      <c r="I3446" s="5" t="s">
        <v>36264</v>
      </c>
      <c r="J3446" s="2" t="s">
        <v>36265</v>
      </c>
      <c r="K3446" s="5" t="s">
        <v>36264</v>
      </c>
      <c r="L3446" s="2" t="s">
        <v>36265</v>
      </c>
      <c r="M3446" s="5" t="s">
        <v>36266</v>
      </c>
      <c r="N3446" s="5" t="s">
        <v>38</v>
      </c>
      <c r="O3446" s="5" t="s">
        <v>39</v>
      </c>
      <c r="P3446" s="5" t="s">
        <v>40</v>
      </c>
      <c r="Q3446" s="5" t="s">
        <v>1522</v>
      </c>
      <c r="R3446" s="5" t="s">
        <v>1523</v>
      </c>
      <c r="S3446" s="5" t="s">
        <v>42</v>
      </c>
      <c r="T3446" s="2">
        <v>3.5779999999999998</v>
      </c>
      <c r="U3446" s="2">
        <v>2.9119999999999999</v>
      </c>
      <c r="V3446" s="2">
        <v>0.02</v>
      </c>
      <c r="W3446" s="2">
        <v>159.1</v>
      </c>
      <c r="X3446" s="2">
        <v>7.6</v>
      </c>
      <c r="Y3446" s="2">
        <v>16.7</v>
      </c>
      <c r="Z3446" s="5"/>
      <c r="AA3446" s="5" t="s">
        <v>43</v>
      </c>
      <c r="AB3446" s="5" t="s">
        <v>44</v>
      </c>
      <c r="AC3446" s="2"/>
      <c r="AD3446" s="1"/>
    </row>
    <row r="3447" spans="1:30">
      <c r="A3447" s="5" t="s">
        <v>83578</v>
      </c>
      <c r="B3447" s="2" t="s">
        <v>93943</v>
      </c>
      <c r="C3447" s="14" t="s">
        <v>93944</v>
      </c>
      <c r="D3447" s="2" t="s">
        <v>93945</v>
      </c>
      <c r="E3447" s="2" t="s">
        <v>45598</v>
      </c>
      <c r="F3447" s="8">
        <v>350</v>
      </c>
      <c r="G3447" s="5">
        <v>6</v>
      </c>
      <c r="H3447" s="5" t="s">
        <v>1518</v>
      </c>
      <c r="I3447" s="5" t="s">
        <v>36264</v>
      </c>
      <c r="J3447" s="2" t="s">
        <v>36265</v>
      </c>
      <c r="K3447" s="5" t="s">
        <v>36264</v>
      </c>
      <c r="L3447" s="2" t="s">
        <v>36265</v>
      </c>
      <c r="M3447" s="5" t="s">
        <v>36266</v>
      </c>
      <c r="N3447" s="5" t="s">
        <v>38</v>
      </c>
      <c r="O3447" s="5" t="s">
        <v>39</v>
      </c>
      <c r="P3447" s="5" t="s">
        <v>40</v>
      </c>
      <c r="Q3447" s="5" t="s">
        <v>1522</v>
      </c>
      <c r="R3447" s="5" t="s">
        <v>1523</v>
      </c>
      <c r="S3447" s="5" t="s">
        <v>42</v>
      </c>
      <c r="T3447" s="2">
        <v>3.4830000000000001</v>
      </c>
      <c r="U3447" s="2">
        <v>2.8170000000000002</v>
      </c>
      <c r="V3447" s="2">
        <v>0.02</v>
      </c>
      <c r="W3447" s="2">
        <v>159.1</v>
      </c>
      <c r="X3447" s="2">
        <v>7.6</v>
      </c>
      <c r="Y3447" s="2">
        <v>16.7</v>
      </c>
      <c r="Z3447" s="5"/>
      <c r="AA3447" s="5" t="s">
        <v>43</v>
      </c>
      <c r="AB3447" s="5" t="s">
        <v>44</v>
      </c>
      <c r="AC3447" s="2"/>
      <c r="AD3447" s="1"/>
    </row>
    <row r="3448" spans="1:30">
      <c r="A3448" s="5" t="s">
        <v>83578</v>
      </c>
      <c r="B3448" s="2" t="s">
        <v>93946</v>
      </c>
      <c r="C3448" s="14" t="s">
        <v>93947</v>
      </c>
      <c r="D3448" s="2" t="s">
        <v>93948</v>
      </c>
      <c r="E3448" s="2" t="s">
        <v>45534</v>
      </c>
      <c r="F3448" s="8">
        <v>350</v>
      </c>
      <c r="G3448" s="5">
        <v>6</v>
      </c>
      <c r="H3448" s="5" t="s">
        <v>1518</v>
      </c>
      <c r="I3448" s="5" t="s">
        <v>36264</v>
      </c>
      <c r="J3448" s="2" t="s">
        <v>36265</v>
      </c>
      <c r="K3448" s="5" t="s">
        <v>36264</v>
      </c>
      <c r="L3448" s="2" t="s">
        <v>36265</v>
      </c>
      <c r="M3448" s="5" t="s">
        <v>36266</v>
      </c>
      <c r="N3448" s="5" t="s">
        <v>38</v>
      </c>
      <c r="O3448" s="5" t="s">
        <v>39</v>
      </c>
      <c r="P3448" s="5" t="s">
        <v>40</v>
      </c>
      <c r="Q3448" s="5" t="s">
        <v>1522</v>
      </c>
      <c r="R3448" s="5" t="s">
        <v>1523</v>
      </c>
      <c r="S3448" s="5" t="s">
        <v>42</v>
      </c>
      <c r="T3448" s="2">
        <v>3.5779999999999998</v>
      </c>
      <c r="U3448" s="2">
        <v>2.9119999999999999</v>
      </c>
      <c r="V3448" s="2">
        <v>0.02</v>
      </c>
      <c r="W3448" s="2">
        <v>159.1</v>
      </c>
      <c r="X3448" s="2">
        <v>7.6</v>
      </c>
      <c r="Y3448" s="2">
        <v>16.7</v>
      </c>
      <c r="Z3448" s="5"/>
      <c r="AA3448" s="5" t="s">
        <v>43</v>
      </c>
      <c r="AB3448" s="5" t="s">
        <v>44</v>
      </c>
      <c r="AC3448" s="2"/>
      <c r="AD3448" s="1"/>
    </row>
    <row r="3449" spans="1:30">
      <c r="A3449" s="5" t="s">
        <v>83578</v>
      </c>
      <c r="B3449" s="2" t="s">
        <v>93949</v>
      </c>
      <c r="C3449" s="14" t="s">
        <v>93950</v>
      </c>
      <c r="D3449" s="2" t="s">
        <v>93951</v>
      </c>
      <c r="E3449" s="2" t="s">
        <v>36369</v>
      </c>
      <c r="F3449" s="8">
        <v>350</v>
      </c>
      <c r="G3449" s="5">
        <v>6</v>
      </c>
      <c r="H3449" s="5" t="s">
        <v>1518</v>
      </c>
      <c r="I3449" s="5" t="s">
        <v>36264</v>
      </c>
      <c r="J3449" s="2" t="s">
        <v>36265</v>
      </c>
      <c r="K3449" s="5" t="s">
        <v>36264</v>
      </c>
      <c r="L3449" s="2" t="s">
        <v>36265</v>
      </c>
      <c r="M3449" s="5" t="s">
        <v>36266</v>
      </c>
      <c r="N3449" s="5" t="s">
        <v>38</v>
      </c>
      <c r="O3449" s="5" t="s">
        <v>39</v>
      </c>
      <c r="P3449" s="5" t="s">
        <v>40</v>
      </c>
      <c r="Q3449" s="5" t="s">
        <v>1522</v>
      </c>
      <c r="R3449" s="5" t="s">
        <v>1523</v>
      </c>
      <c r="S3449" s="5" t="s">
        <v>42</v>
      </c>
      <c r="T3449" s="2">
        <v>3.4830000000000001</v>
      </c>
      <c r="U3449" s="2">
        <v>2.8170000000000002</v>
      </c>
      <c r="V3449" s="2">
        <v>0.02</v>
      </c>
      <c r="W3449" s="2">
        <v>159.1</v>
      </c>
      <c r="X3449" s="2">
        <v>7.6</v>
      </c>
      <c r="Y3449" s="2">
        <v>16.7</v>
      </c>
      <c r="Z3449" s="5"/>
      <c r="AA3449" s="5" t="s">
        <v>43</v>
      </c>
      <c r="AB3449" s="5" t="s">
        <v>44</v>
      </c>
      <c r="AC3449" s="2"/>
      <c r="AD3449" s="1"/>
    </row>
    <row r="3450" spans="1:30">
      <c r="A3450" s="5" t="s">
        <v>83578</v>
      </c>
      <c r="B3450" s="2" t="s">
        <v>93952</v>
      </c>
      <c r="C3450" s="14" t="s">
        <v>93953</v>
      </c>
      <c r="D3450" s="2" t="s">
        <v>93954</v>
      </c>
      <c r="E3450" s="2" t="s">
        <v>36373</v>
      </c>
      <c r="F3450" s="8">
        <v>350</v>
      </c>
      <c r="G3450" s="5">
        <v>6</v>
      </c>
      <c r="H3450" s="5" t="s">
        <v>1518</v>
      </c>
      <c r="I3450" s="5" t="s">
        <v>36264</v>
      </c>
      <c r="J3450" s="2" t="s">
        <v>36265</v>
      </c>
      <c r="K3450" s="5" t="s">
        <v>36264</v>
      </c>
      <c r="L3450" s="2" t="s">
        <v>36265</v>
      </c>
      <c r="M3450" s="5" t="s">
        <v>36266</v>
      </c>
      <c r="N3450" s="5" t="s">
        <v>38</v>
      </c>
      <c r="O3450" s="5" t="s">
        <v>39</v>
      </c>
      <c r="P3450" s="5" t="s">
        <v>40</v>
      </c>
      <c r="Q3450" s="5" t="s">
        <v>1522</v>
      </c>
      <c r="R3450" s="5" t="s">
        <v>1523</v>
      </c>
      <c r="S3450" s="5" t="s">
        <v>42</v>
      </c>
      <c r="T3450" s="2">
        <v>3.5779999999999998</v>
      </c>
      <c r="U3450" s="2">
        <v>2.9119999999999999</v>
      </c>
      <c r="V3450" s="2">
        <v>0.02</v>
      </c>
      <c r="W3450" s="2">
        <v>159.1</v>
      </c>
      <c r="X3450" s="2">
        <v>7.6</v>
      </c>
      <c r="Y3450" s="2">
        <v>16.7</v>
      </c>
      <c r="Z3450" s="5"/>
      <c r="AA3450" s="5" t="s">
        <v>43</v>
      </c>
      <c r="AB3450" s="5" t="s">
        <v>44</v>
      </c>
      <c r="AC3450" s="2"/>
      <c r="AD3450" s="1"/>
    </row>
    <row r="3451" spans="1:30">
      <c r="A3451" s="5" t="s">
        <v>83578</v>
      </c>
      <c r="B3451" s="2" t="s">
        <v>93955</v>
      </c>
      <c r="C3451" s="14" t="s">
        <v>93956</v>
      </c>
      <c r="D3451" s="2" t="s">
        <v>93957</v>
      </c>
      <c r="E3451" s="2" t="s">
        <v>36377</v>
      </c>
      <c r="F3451" s="8">
        <v>350</v>
      </c>
      <c r="G3451" s="5">
        <v>6</v>
      </c>
      <c r="H3451" s="5" t="s">
        <v>1518</v>
      </c>
      <c r="I3451" s="5" t="s">
        <v>36264</v>
      </c>
      <c r="J3451" s="2" t="s">
        <v>36265</v>
      </c>
      <c r="K3451" s="5" t="s">
        <v>36264</v>
      </c>
      <c r="L3451" s="2" t="s">
        <v>36265</v>
      </c>
      <c r="M3451" s="5" t="s">
        <v>36266</v>
      </c>
      <c r="N3451" s="5" t="s">
        <v>38</v>
      </c>
      <c r="O3451" s="5" t="s">
        <v>39</v>
      </c>
      <c r="P3451" s="5" t="s">
        <v>40</v>
      </c>
      <c r="Q3451" s="5" t="s">
        <v>1522</v>
      </c>
      <c r="R3451" s="5" t="s">
        <v>1523</v>
      </c>
      <c r="S3451" s="5" t="s">
        <v>42</v>
      </c>
      <c r="T3451" s="2">
        <v>3.4830000000000001</v>
      </c>
      <c r="U3451" s="2">
        <v>2.8170000000000002</v>
      </c>
      <c r="V3451" s="2">
        <v>0.02</v>
      </c>
      <c r="W3451" s="2">
        <v>159.1</v>
      </c>
      <c r="X3451" s="2">
        <v>7.6</v>
      </c>
      <c r="Y3451" s="2">
        <v>16.7</v>
      </c>
      <c r="Z3451" s="5"/>
      <c r="AA3451" s="5" t="s">
        <v>43</v>
      </c>
      <c r="AB3451" s="5" t="s">
        <v>44</v>
      </c>
      <c r="AC3451" s="2"/>
      <c r="AD3451" s="1"/>
    </row>
    <row r="3452" spans="1:30">
      <c r="A3452" s="5" t="s">
        <v>83578</v>
      </c>
      <c r="B3452" s="2" t="s">
        <v>93958</v>
      </c>
      <c r="C3452" s="14" t="s">
        <v>93959</v>
      </c>
      <c r="D3452" s="2" t="s">
        <v>93960</v>
      </c>
      <c r="E3452" s="2" t="s">
        <v>36381</v>
      </c>
      <c r="F3452" s="8">
        <v>350</v>
      </c>
      <c r="G3452" s="5">
        <v>6</v>
      </c>
      <c r="H3452" s="5" t="s">
        <v>1518</v>
      </c>
      <c r="I3452" s="5" t="s">
        <v>36264</v>
      </c>
      <c r="J3452" s="2" t="s">
        <v>36265</v>
      </c>
      <c r="K3452" s="5" t="s">
        <v>36264</v>
      </c>
      <c r="L3452" s="2" t="s">
        <v>36265</v>
      </c>
      <c r="M3452" s="5" t="s">
        <v>36266</v>
      </c>
      <c r="N3452" s="5" t="s">
        <v>38</v>
      </c>
      <c r="O3452" s="5" t="s">
        <v>39</v>
      </c>
      <c r="P3452" s="5" t="s">
        <v>40</v>
      </c>
      <c r="Q3452" s="5" t="s">
        <v>1522</v>
      </c>
      <c r="R3452" s="5" t="s">
        <v>1523</v>
      </c>
      <c r="S3452" s="5" t="s">
        <v>42</v>
      </c>
      <c r="T3452" s="2">
        <v>3.5779999999999998</v>
      </c>
      <c r="U3452" s="2">
        <v>2.9119999999999999</v>
      </c>
      <c r="V3452" s="2">
        <v>0.02</v>
      </c>
      <c r="W3452" s="2">
        <v>159.1</v>
      </c>
      <c r="X3452" s="2">
        <v>7.6</v>
      </c>
      <c r="Y3452" s="2">
        <v>16.7</v>
      </c>
      <c r="Z3452" s="5"/>
      <c r="AA3452" s="5" t="s">
        <v>43</v>
      </c>
      <c r="AB3452" s="5" t="s">
        <v>44</v>
      </c>
      <c r="AC3452" s="2"/>
      <c r="AD3452" s="1"/>
    </row>
    <row r="3453" spans="1:30">
      <c r="A3453" s="5" t="s">
        <v>83578</v>
      </c>
      <c r="B3453" s="2" t="s">
        <v>93961</v>
      </c>
      <c r="C3453" s="14" t="s">
        <v>93962</v>
      </c>
      <c r="D3453" s="2" t="s">
        <v>93963</v>
      </c>
      <c r="E3453" s="2" t="s">
        <v>36389</v>
      </c>
      <c r="F3453" s="8">
        <v>350</v>
      </c>
      <c r="G3453" s="5">
        <v>6</v>
      </c>
      <c r="H3453" s="5" t="s">
        <v>1518</v>
      </c>
      <c r="I3453" s="5" t="s">
        <v>36264</v>
      </c>
      <c r="J3453" s="2" t="s">
        <v>36265</v>
      </c>
      <c r="K3453" s="5" t="s">
        <v>36264</v>
      </c>
      <c r="L3453" s="2" t="s">
        <v>36265</v>
      </c>
      <c r="M3453" s="5" t="s">
        <v>36266</v>
      </c>
      <c r="N3453" s="5" t="s">
        <v>38</v>
      </c>
      <c r="O3453" s="5" t="s">
        <v>39</v>
      </c>
      <c r="P3453" s="5" t="s">
        <v>40</v>
      </c>
      <c r="Q3453" s="5" t="s">
        <v>1522</v>
      </c>
      <c r="R3453" s="5" t="s">
        <v>1523</v>
      </c>
      <c r="S3453" s="5" t="s">
        <v>42</v>
      </c>
      <c r="T3453" s="2">
        <v>3.5779999999999998</v>
      </c>
      <c r="U3453" s="2">
        <v>2.9119999999999999</v>
      </c>
      <c r="V3453" s="2">
        <v>0.02</v>
      </c>
      <c r="W3453" s="2">
        <v>159.1</v>
      </c>
      <c r="X3453" s="2">
        <v>7.6</v>
      </c>
      <c r="Y3453" s="2">
        <v>16.7</v>
      </c>
      <c r="Z3453" s="5"/>
      <c r="AA3453" s="5" t="s">
        <v>43</v>
      </c>
      <c r="AB3453" s="5" t="s">
        <v>44</v>
      </c>
      <c r="AC3453" s="2"/>
      <c r="AD3453" s="1"/>
    </row>
    <row r="3454" spans="1:30">
      <c r="A3454" s="5" t="s">
        <v>83578</v>
      </c>
      <c r="B3454" s="2" t="s">
        <v>93964</v>
      </c>
      <c r="C3454" s="14" t="s">
        <v>93965</v>
      </c>
      <c r="D3454" s="2" t="s">
        <v>93966</v>
      </c>
      <c r="E3454" s="2" t="s">
        <v>36273</v>
      </c>
      <c r="F3454" s="8">
        <v>338</v>
      </c>
      <c r="G3454" s="5">
        <v>6</v>
      </c>
      <c r="H3454" s="5" t="s">
        <v>1518</v>
      </c>
      <c r="I3454" s="5" t="s">
        <v>36264</v>
      </c>
      <c r="J3454" s="2" t="s">
        <v>36265</v>
      </c>
      <c r="K3454" s="5" t="s">
        <v>36264</v>
      </c>
      <c r="L3454" s="2" t="s">
        <v>36265</v>
      </c>
      <c r="M3454" s="5" t="s">
        <v>36266</v>
      </c>
      <c r="N3454" s="5" t="s">
        <v>38</v>
      </c>
      <c r="O3454" s="5" t="s">
        <v>39</v>
      </c>
      <c r="P3454" s="5" t="s">
        <v>40</v>
      </c>
      <c r="Q3454" s="5" t="s">
        <v>1522</v>
      </c>
      <c r="R3454" s="5" t="s">
        <v>1523</v>
      </c>
      <c r="S3454" s="5" t="s">
        <v>42</v>
      </c>
      <c r="T3454" s="2">
        <v>3.855</v>
      </c>
      <c r="U3454" s="2">
        <v>3.2080000000000002</v>
      </c>
      <c r="V3454" s="2">
        <v>0.02</v>
      </c>
      <c r="W3454" s="2">
        <v>159.1</v>
      </c>
      <c r="X3454" s="2">
        <v>7.6</v>
      </c>
      <c r="Y3454" s="2">
        <v>16.7</v>
      </c>
      <c r="Z3454" s="5"/>
      <c r="AA3454" s="5" t="s">
        <v>43</v>
      </c>
      <c r="AB3454" s="5" t="s">
        <v>44</v>
      </c>
      <c r="AC3454" s="2"/>
      <c r="AD3454" s="1"/>
    </row>
    <row r="3455" spans="1:30">
      <c r="A3455" s="5" t="s">
        <v>83578</v>
      </c>
      <c r="B3455" s="2" t="s">
        <v>93967</v>
      </c>
      <c r="C3455" s="14" t="s">
        <v>93968</v>
      </c>
      <c r="D3455" s="2" t="s">
        <v>93969</v>
      </c>
      <c r="E3455" s="2" t="s">
        <v>36277</v>
      </c>
      <c r="F3455" s="8">
        <v>338</v>
      </c>
      <c r="G3455" s="5">
        <v>6</v>
      </c>
      <c r="H3455" s="5" t="s">
        <v>1518</v>
      </c>
      <c r="I3455" s="5" t="s">
        <v>36264</v>
      </c>
      <c r="J3455" s="2" t="s">
        <v>36265</v>
      </c>
      <c r="K3455" s="5" t="s">
        <v>36264</v>
      </c>
      <c r="L3455" s="2" t="s">
        <v>36265</v>
      </c>
      <c r="M3455" s="5" t="s">
        <v>36266</v>
      </c>
      <c r="N3455" s="5" t="s">
        <v>38</v>
      </c>
      <c r="O3455" s="5" t="s">
        <v>39</v>
      </c>
      <c r="P3455" s="5" t="s">
        <v>40</v>
      </c>
      <c r="Q3455" s="5" t="s">
        <v>1522</v>
      </c>
      <c r="R3455" s="5" t="s">
        <v>1523</v>
      </c>
      <c r="S3455" s="5" t="s">
        <v>42</v>
      </c>
      <c r="T3455" s="2">
        <v>3.9750000000000001</v>
      </c>
      <c r="U3455" s="2">
        <v>3.3279999999999998</v>
      </c>
      <c r="V3455" s="2">
        <v>0.02</v>
      </c>
      <c r="W3455" s="2">
        <v>159.1</v>
      </c>
      <c r="X3455" s="2">
        <v>7.6</v>
      </c>
      <c r="Y3455" s="2">
        <v>16.7</v>
      </c>
      <c r="Z3455" s="5"/>
      <c r="AA3455" s="5" t="s">
        <v>43</v>
      </c>
      <c r="AB3455" s="5" t="s">
        <v>44</v>
      </c>
      <c r="AC3455" s="2"/>
      <c r="AD3455" s="1"/>
    </row>
    <row r="3456" spans="1:30">
      <c r="A3456" s="5" t="s">
        <v>83578</v>
      </c>
      <c r="B3456" s="2" t="s">
        <v>93970</v>
      </c>
      <c r="C3456" s="14" t="s">
        <v>93971</v>
      </c>
      <c r="D3456" s="2" t="s">
        <v>93972</v>
      </c>
      <c r="E3456" s="2" t="s">
        <v>36281</v>
      </c>
      <c r="F3456" s="8">
        <v>369</v>
      </c>
      <c r="G3456" s="5">
        <v>6</v>
      </c>
      <c r="H3456" s="5" t="s">
        <v>1518</v>
      </c>
      <c r="I3456" s="5" t="s">
        <v>36264</v>
      </c>
      <c r="J3456" s="2" t="s">
        <v>36265</v>
      </c>
      <c r="K3456" s="5" t="s">
        <v>36264</v>
      </c>
      <c r="L3456" s="2" t="s">
        <v>36265</v>
      </c>
      <c r="M3456" s="5" t="s">
        <v>36266</v>
      </c>
      <c r="N3456" s="5" t="s">
        <v>38</v>
      </c>
      <c r="O3456" s="5" t="s">
        <v>39</v>
      </c>
      <c r="P3456" s="5" t="s">
        <v>40</v>
      </c>
      <c r="Q3456" s="5" t="s">
        <v>1522</v>
      </c>
      <c r="R3456" s="5" t="s">
        <v>1523</v>
      </c>
      <c r="S3456" s="5" t="s">
        <v>42</v>
      </c>
      <c r="T3456" s="2">
        <v>3.855</v>
      </c>
      <c r="U3456" s="2">
        <v>3.2080000000000002</v>
      </c>
      <c r="V3456" s="2">
        <v>0.02</v>
      </c>
      <c r="W3456" s="2">
        <v>159.1</v>
      </c>
      <c r="X3456" s="2">
        <v>7.6</v>
      </c>
      <c r="Y3456" s="2">
        <v>16.7</v>
      </c>
      <c r="Z3456" s="5"/>
      <c r="AA3456" s="5" t="s">
        <v>43</v>
      </c>
      <c r="AB3456" s="5" t="s">
        <v>44</v>
      </c>
      <c r="AC3456" s="2"/>
      <c r="AD3456" s="1"/>
    </row>
    <row r="3457" spans="1:30">
      <c r="A3457" s="5" t="s">
        <v>83578</v>
      </c>
      <c r="B3457" s="2" t="s">
        <v>93973</v>
      </c>
      <c r="C3457" s="14" t="s">
        <v>93974</v>
      </c>
      <c r="D3457" s="2" t="s">
        <v>93975</v>
      </c>
      <c r="E3457" s="2" t="s">
        <v>36285</v>
      </c>
      <c r="F3457" s="8">
        <v>369</v>
      </c>
      <c r="G3457" s="5">
        <v>6</v>
      </c>
      <c r="H3457" s="5" t="s">
        <v>1518</v>
      </c>
      <c r="I3457" s="5" t="s">
        <v>36264</v>
      </c>
      <c r="J3457" s="2" t="s">
        <v>36265</v>
      </c>
      <c r="K3457" s="5" t="s">
        <v>36264</v>
      </c>
      <c r="L3457" s="2" t="s">
        <v>36265</v>
      </c>
      <c r="M3457" s="5" t="s">
        <v>36266</v>
      </c>
      <c r="N3457" s="5" t="s">
        <v>38</v>
      </c>
      <c r="O3457" s="5" t="s">
        <v>39</v>
      </c>
      <c r="P3457" s="5" t="s">
        <v>40</v>
      </c>
      <c r="Q3457" s="5" t="s">
        <v>1522</v>
      </c>
      <c r="R3457" s="5" t="s">
        <v>1523</v>
      </c>
      <c r="S3457" s="5" t="s">
        <v>42</v>
      </c>
      <c r="T3457" s="2">
        <v>3.9750000000000001</v>
      </c>
      <c r="U3457" s="2">
        <v>3.3279999999999998</v>
      </c>
      <c r="V3457" s="2">
        <v>0.02</v>
      </c>
      <c r="W3457" s="2">
        <v>159.1</v>
      </c>
      <c r="X3457" s="2">
        <v>7.6</v>
      </c>
      <c r="Y3457" s="2">
        <v>16.7</v>
      </c>
      <c r="Z3457" s="5"/>
      <c r="AA3457" s="5" t="s">
        <v>43</v>
      </c>
      <c r="AB3457" s="5" t="s">
        <v>44</v>
      </c>
      <c r="AC3457" s="2"/>
      <c r="AD3457" s="1"/>
    </row>
    <row r="3458" spans="1:30">
      <c r="A3458" s="5" t="s">
        <v>83578</v>
      </c>
      <c r="B3458" s="2" t="s">
        <v>93976</v>
      </c>
      <c r="C3458" s="14" t="s">
        <v>93977</v>
      </c>
      <c r="D3458" s="2" t="s">
        <v>93978</v>
      </c>
      <c r="E3458" s="2" t="s">
        <v>36289</v>
      </c>
      <c r="F3458" s="8">
        <v>369</v>
      </c>
      <c r="G3458" s="5">
        <v>6</v>
      </c>
      <c r="H3458" s="5" t="s">
        <v>1518</v>
      </c>
      <c r="I3458" s="5" t="s">
        <v>36264</v>
      </c>
      <c r="J3458" s="2" t="s">
        <v>36265</v>
      </c>
      <c r="K3458" s="5" t="s">
        <v>36264</v>
      </c>
      <c r="L3458" s="2" t="s">
        <v>36265</v>
      </c>
      <c r="M3458" s="5" t="s">
        <v>36266</v>
      </c>
      <c r="N3458" s="5" t="s">
        <v>38</v>
      </c>
      <c r="O3458" s="5" t="s">
        <v>39</v>
      </c>
      <c r="P3458" s="5" t="s">
        <v>40</v>
      </c>
      <c r="Q3458" s="5" t="s">
        <v>1522</v>
      </c>
      <c r="R3458" s="5" t="s">
        <v>1523</v>
      </c>
      <c r="S3458" s="5" t="s">
        <v>42</v>
      </c>
      <c r="T3458" s="2">
        <v>3.855</v>
      </c>
      <c r="U3458" s="2">
        <v>3.2080000000000002</v>
      </c>
      <c r="V3458" s="2">
        <v>0.02</v>
      </c>
      <c r="W3458" s="2">
        <v>159.1</v>
      </c>
      <c r="X3458" s="2">
        <v>7.6</v>
      </c>
      <c r="Y3458" s="2">
        <v>16.7</v>
      </c>
      <c r="Z3458" s="5"/>
      <c r="AA3458" s="5" t="s">
        <v>43</v>
      </c>
      <c r="AB3458" s="5" t="s">
        <v>44</v>
      </c>
      <c r="AC3458" s="2"/>
      <c r="AD3458" s="1"/>
    </row>
    <row r="3459" spans="1:30">
      <c r="A3459" s="5" t="s">
        <v>83578</v>
      </c>
      <c r="B3459" s="2" t="s">
        <v>93979</v>
      </c>
      <c r="C3459" s="14" t="s">
        <v>93980</v>
      </c>
      <c r="D3459" s="2" t="s">
        <v>93981</v>
      </c>
      <c r="E3459" s="2" t="s">
        <v>36293</v>
      </c>
      <c r="F3459" s="8">
        <v>369</v>
      </c>
      <c r="G3459" s="5">
        <v>6</v>
      </c>
      <c r="H3459" s="5" t="s">
        <v>1518</v>
      </c>
      <c r="I3459" s="5" t="s">
        <v>36264</v>
      </c>
      <c r="J3459" s="2" t="s">
        <v>36265</v>
      </c>
      <c r="K3459" s="5" t="s">
        <v>36264</v>
      </c>
      <c r="L3459" s="2" t="s">
        <v>36265</v>
      </c>
      <c r="M3459" s="5" t="s">
        <v>36266</v>
      </c>
      <c r="N3459" s="5" t="s">
        <v>38</v>
      </c>
      <c r="O3459" s="5" t="s">
        <v>39</v>
      </c>
      <c r="P3459" s="5" t="s">
        <v>40</v>
      </c>
      <c r="Q3459" s="5" t="s">
        <v>1522</v>
      </c>
      <c r="R3459" s="5" t="s">
        <v>1523</v>
      </c>
      <c r="S3459" s="5" t="s">
        <v>42</v>
      </c>
      <c r="T3459" s="2">
        <v>3.9750000000000001</v>
      </c>
      <c r="U3459" s="2">
        <v>3.3279999999999998</v>
      </c>
      <c r="V3459" s="2">
        <v>0.02</v>
      </c>
      <c r="W3459" s="2">
        <v>159.1</v>
      </c>
      <c r="X3459" s="2">
        <v>7.6</v>
      </c>
      <c r="Y3459" s="2">
        <v>16.7</v>
      </c>
      <c r="Z3459" s="5"/>
      <c r="AA3459" s="5" t="s">
        <v>43</v>
      </c>
      <c r="AB3459" s="5" t="s">
        <v>44</v>
      </c>
      <c r="AC3459" s="2"/>
      <c r="AD3459" s="1"/>
    </row>
    <row r="3460" spans="1:30">
      <c r="A3460" s="5" t="s">
        <v>83578</v>
      </c>
      <c r="B3460" s="2" t="s">
        <v>93982</v>
      </c>
      <c r="C3460" s="14" t="s">
        <v>93983</v>
      </c>
      <c r="D3460" s="2" t="s">
        <v>93984</v>
      </c>
      <c r="E3460" s="2" t="s">
        <v>36301</v>
      </c>
      <c r="F3460" s="8">
        <v>338</v>
      </c>
      <c r="G3460" s="5">
        <v>6</v>
      </c>
      <c r="H3460" s="5" t="s">
        <v>1518</v>
      </c>
      <c r="I3460" s="5" t="s">
        <v>36264</v>
      </c>
      <c r="J3460" s="2" t="s">
        <v>36265</v>
      </c>
      <c r="K3460" s="5" t="s">
        <v>36264</v>
      </c>
      <c r="L3460" s="2" t="s">
        <v>36265</v>
      </c>
      <c r="M3460" s="5" t="s">
        <v>36266</v>
      </c>
      <c r="N3460" s="5" t="s">
        <v>38</v>
      </c>
      <c r="O3460" s="5" t="s">
        <v>39</v>
      </c>
      <c r="P3460" s="5" t="s">
        <v>40</v>
      </c>
      <c r="Q3460" s="5" t="s">
        <v>1522</v>
      </c>
      <c r="R3460" s="5" t="s">
        <v>1523</v>
      </c>
      <c r="S3460" s="5" t="s">
        <v>42</v>
      </c>
      <c r="T3460" s="2">
        <v>3.9750000000000001</v>
      </c>
      <c r="U3460" s="2">
        <v>3.3279999999999998</v>
      </c>
      <c r="V3460" s="2">
        <v>0.02</v>
      </c>
      <c r="W3460" s="2">
        <v>159.1</v>
      </c>
      <c r="X3460" s="2">
        <v>7.6</v>
      </c>
      <c r="Y3460" s="2">
        <v>16.7</v>
      </c>
      <c r="Z3460" s="5"/>
      <c r="AA3460" s="5" t="s">
        <v>43</v>
      </c>
      <c r="AB3460" s="5" t="s">
        <v>44</v>
      </c>
      <c r="AC3460" s="2"/>
      <c r="AD3460" s="1"/>
    </row>
    <row r="3461" spans="1:30">
      <c r="A3461" s="5" t="s">
        <v>83578</v>
      </c>
      <c r="B3461" s="2" t="s">
        <v>93985</v>
      </c>
      <c r="C3461" s="14" t="s">
        <v>93986</v>
      </c>
      <c r="D3461" s="2" t="s">
        <v>93987</v>
      </c>
      <c r="E3461" s="2" t="s">
        <v>36309</v>
      </c>
      <c r="F3461" s="8">
        <v>338</v>
      </c>
      <c r="G3461" s="5">
        <v>6</v>
      </c>
      <c r="H3461" s="5" t="s">
        <v>1518</v>
      </c>
      <c r="I3461" s="5" t="s">
        <v>36264</v>
      </c>
      <c r="J3461" s="2" t="s">
        <v>36265</v>
      </c>
      <c r="K3461" s="5" t="s">
        <v>36264</v>
      </c>
      <c r="L3461" s="2" t="s">
        <v>36265</v>
      </c>
      <c r="M3461" s="5" t="s">
        <v>36266</v>
      </c>
      <c r="N3461" s="5" t="s">
        <v>38</v>
      </c>
      <c r="O3461" s="5" t="s">
        <v>39</v>
      </c>
      <c r="P3461" s="5" t="s">
        <v>40</v>
      </c>
      <c r="Q3461" s="5" t="s">
        <v>1522</v>
      </c>
      <c r="R3461" s="5" t="s">
        <v>1523</v>
      </c>
      <c r="S3461" s="5" t="s">
        <v>42</v>
      </c>
      <c r="T3461" s="2">
        <v>3.9750000000000001</v>
      </c>
      <c r="U3461" s="2">
        <v>3.3279999999999998</v>
      </c>
      <c r="V3461" s="2">
        <v>0.02</v>
      </c>
      <c r="W3461" s="2">
        <v>159.1</v>
      </c>
      <c r="X3461" s="2">
        <v>7.6</v>
      </c>
      <c r="Y3461" s="2">
        <v>16.7</v>
      </c>
      <c r="Z3461" s="5"/>
      <c r="AA3461" s="5" t="s">
        <v>43</v>
      </c>
      <c r="AB3461" s="5" t="s">
        <v>44</v>
      </c>
      <c r="AC3461" s="2"/>
      <c r="AD3461" s="1"/>
    </row>
    <row r="3462" spans="1:30">
      <c r="A3462" s="5" t="s">
        <v>83578</v>
      </c>
      <c r="B3462" s="2" t="s">
        <v>93988</v>
      </c>
      <c r="C3462" s="14" t="s">
        <v>93989</v>
      </c>
      <c r="D3462" s="2" t="s">
        <v>93990</v>
      </c>
      <c r="E3462" s="2" t="s">
        <v>36313</v>
      </c>
      <c r="F3462" s="8">
        <v>369</v>
      </c>
      <c r="G3462" s="5">
        <v>6</v>
      </c>
      <c r="H3462" s="5" t="s">
        <v>1518</v>
      </c>
      <c r="I3462" s="5" t="s">
        <v>36264</v>
      </c>
      <c r="J3462" s="2" t="s">
        <v>36265</v>
      </c>
      <c r="K3462" s="5" t="s">
        <v>36264</v>
      </c>
      <c r="L3462" s="2" t="s">
        <v>36265</v>
      </c>
      <c r="M3462" s="5" t="s">
        <v>36266</v>
      </c>
      <c r="N3462" s="5" t="s">
        <v>38</v>
      </c>
      <c r="O3462" s="5" t="s">
        <v>39</v>
      </c>
      <c r="P3462" s="5" t="s">
        <v>40</v>
      </c>
      <c r="Q3462" s="5" t="s">
        <v>1522</v>
      </c>
      <c r="R3462" s="5" t="s">
        <v>1523</v>
      </c>
      <c r="S3462" s="5" t="s">
        <v>42</v>
      </c>
      <c r="T3462" s="2">
        <v>3.855</v>
      </c>
      <c r="U3462" s="2">
        <v>3.2080000000000002</v>
      </c>
      <c r="V3462" s="2">
        <v>0.02</v>
      </c>
      <c r="W3462" s="2">
        <v>159.1</v>
      </c>
      <c r="X3462" s="2">
        <v>7.6</v>
      </c>
      <c r="Y3462" s="2">
        <v>16.7</v>
      </c>
      <c r="Z3462" s="5"/>
      <c r="AA3462" s="5" t="s">
        <v>43</v>
      </c>
      <c r="AB3462" s="5" t="s">
        <v>44</v>
      </c>
      <c r="AC3462" s="2"/>
      <c r="AD3462" s="1"/>
    </row>
    <row r="3463" spans="1:30">
      <c r="A3463" s="5" t="s">
        <v>83578</v>
      </c>
      <c r="B3463" s="2" t="s">
        <v>93991</v>
      </c>
      <c r="C3463" s="14" t="s">
        <v>93992</v>
      </c>
      <c r="D3463" s="2" t="s">
        <v>93993</v>
      </c>
      <c r="E3463" s="2" t="s">
        <v>36317</v>
      </c>
      <c r="F3463" s="8">
        <v>369</v>
      </c>
      <c r="G3463" s="5">
        <v>6</v>
      </c>
      <c r="H3463" s="5" t="s">
        <v>1518</v>
      </c>
      <c r="I3463" s="5" t="s">
        <v>36264</v>
      </c>
      <c r="J3463" s="2" t="s">
        <v>36265</v>
      </c>
      <c r="K3463" s="5" t="s">
        <v>36264</v>
      </c>
      <c r="L3463" s="2" t="s">
        <v>36265</v>
      </c>
      <c r="M3463" s="5" t="s">
        <v>36266</v>
      </c>
      <c r="N3463" s="5" t="s">
        <v>38</v>
      </c>
      <c r="O3463" s="5" t="s">
        <v>39</v>
      </c>
      <c r="P3463" s="5" t="s">
        <v>40</v>
      </c>
      <c r="Q3463" s="5" t="s">
        <v>1522</v>
      </c>
      <c r="R3463" s="5" t="s">
        <v>1523</v>
      </c>
      <c r="S3463" s="5" t="s">
        <v>42</v>
      </c>
      <c r="T3463" s="2">
        <v>3.9750000000000001</v>
      </c>
      <c r="U3463" s="2">
        <v>3.3279999999999998</v>
      </c>
      <c r="V3463" s="2">
        <v>0.02</v>
      </c>
      <c r="W3463" s="2">
        <v>159.1</v>
      </c>
      <c r="X3463" s="2">
        <v>7.6</v>
      </c>
      <c r="Y3463" s="2">
        <v>16.7</v>
      </c>
      <c r="Z3463" s="5"/>
      <c r="AA3463" s="5" t="s">
        <v>43</v>
      </c>
      <c r="AB3463" s="5" t="s">
        <v>44</v>
      </c>
      <c r="AC3463" s="2"/>
      <c r="AD3463" s="1"/>
    </row>
    <row r="3464" spans="1:30">
      <c r="A3464" s="5" t="s">
        <v>83578</v>
      </c>
      <c r="B3464" s="2" t="s">
        <v>93994</v>
      </c>
      <c r="C3464" s="14" t="s">
        <v>93995</v>
      </c>
      <c r="D3464" s="2" t="s">
        <v>93996</v>
      </c>
      <c r="E3464" s="2" t="s">
        <v>36321</v>
      </c>
      <c r="F3464" s="8">
        <v>369</v>
      </c>
      <c r="G3464" s="5">
        <v>6</v>
      </c>
      <c r="H3464" s="5" t="s">
        <v>1518</v>
      </c>
      <c r="I3464" s="5" t="s">
        <v>36264</v>
      </c>
      <c r="J3464" s="2" t="s">
        <v>36265</v>
      </c>
      <c r="K3464" s="5" t="s">
        <v>36264</v>
      </c>
      <c r="L3464" s="2" t="s">
        <v>36265</v>
      </c>
      <c r="M3464" s="5" t="s">
        <v>36266</v>
      </c>
      <c r="N3464" s="5" t="s">
        <v>38</v>
      </c>
      <c r="O3464" s="5" t="s">
        <v>39</v>
      </c>
      <c r="P3464" s="5" t="s">
        <v>40</v>
      </c>
      <c r="Q3464" s="5" t="s">
        <v>1522</v>
      </c>
      <c r="R3464" s="5" t="s">
        <v>1523</v>
      </c>
      <c r="S3464" s="5" t="s">
        <v>42</v>
      </c>
      <c r="T3464" s="2">
        <v>3.855</v>
      </c>
      <c r="U3464" s="2">
        <v>3.2080000000000002</v>
      </c>
      <c r="V3464" s="2">
        <v>0.02</v>
      </c>
      <c r="W3464" s="2">
        <v>159.1</v>
      </c>
      <c r="X3464" s="2">
        <v>7.6</v>
      </c>
      <c r="Y3464" s="2">
        <v>16.7</v>
      </c>
      <c r="Z3464" s="5"/>
      <c r="AA3464" s="5" t="s">
        <v>43</v>
      </c>
      <c r="AB3464" s="5" t="s">
        <v>44</v>
      </c>
      <c r="AC3464" s="2"/>
      <c r="AD3464" s="1"/>
    </row>
    <row r="3465" spans="1:30">
      <c r="A3465" s="5" t="s">
        <v>83578</v>
      </c>
      <c r="B3465" s="2" t="s">
        <v>93997</v>
      </c>
      <c r="C3465" s="14" t="s">
        <v>93998</v>
      </c>
      <c r="D3465" s="2" t="s">
        <v>93999</v>
      </c>
      <c r="E3465" s="2" t="s">
        <v>36325</v>
      </c>
      <c r="F3465" s="8">
        <v>369</v>
      </c>
      <c r="G3465" s="5">
        <v>6</v>
      </c>
      <c r="H3465" s="5" t="s">
        <v>1518</v>
      </c>
      <c r="I3465" s="5" t="s">
        <v>36264</v>
      </c>
      <c r="J3465" s="2" t="s">
        <v>36265</v>
      </c>
      <c r="K3465" s="5" t="s">
        <v>36264</v>
      </c>
      <c r="L3465" s="2" t="s">
        <v>36265</v>
      </c>
      <c r="M3465" s="5" t="s">
        <v>36266</v>
      </c>
      <c r="N3465" s="5" t="s">
        <v>38</v>
      </c>
      <c r="O3465" s="5" t="s">
        <v>39</v>
      </c>
      <c r="P3465" s="5" t="s">
        <v>40</v>
      </c>
      <c r="Q3465" s="5" t="s">
        <v>1522</v>
      </c>
      <c r="R3465" s="5" t="s">
        <v>1523</v>
      </c>
      <c r="S3465" s="5" t="s">
        <v>42</v>
      </c>
      <c r="T3465" s="2">
        <v>3.9750000000000001</v>
      </c>
      <c r="U3465" s="2">
        <v>3.3279999999999998</v>
      </c>
      <c r="V3465" s="2">
        <v>0.02</v>
      </c>
      <c r="W3465" s="2">
        <v>159.1</v>
      </c>
      <c r="X3465" s="2">
        <v>7.6</v>
      </c>
      <c r="Y3465" s="2">
        <v>16.7</v>
      </c>
      <c r="Z3465" s="5"/>
      <c r="AA3465" s="5" t="s">
        <v>43</v>
      </c>
      <c r="AB3465" s="5" t="s">
        <v>44</v>
      </c>
      <c r="AC3465" s="2"/>
      <c r="AD3465" s="1"/>
    </row>
    <row r="3466" spans="1:30">
      <c r="A3466" s="5" t="s">
        <v>83578</v>
      </c>
      <c r="B3466" s="2" t="s">
        <v>94000</v>
      </c>
      <c r="C3466" s="14" t="s">
        <v>94001</v>
      </c>
      <c r="D3466" s="2" t="s">
        <v>94002</v>
      </c>
      <c r="E3466" s="2" t="s">
        <v>36329</v>
      </c>
      <c r="F3466" s="8">
        <v>369</v>
      </c>
      <c r="G3466" s="5">
        <v>6</v>
      </c>
      <c r="H3466" s="5" t="s">
        <v>1518</v>
      </c>
      <c r="I3466" s="5" t="s">
        <v>36264</v>
      </c>
      <c r="J3466" s="2" t="s">
        <v>36265</v>
      </c>
      <c r="K3466" s="5" t="s">
        <v>36264</v>
      </c>
      <c r="L3466" s="2" t="s">
        <v>36265</v>
      </c>
      <c r="M3466" s="5" t="s">
        <v>36266</v>
      </c>
      <c r="N3466" s="5" t="s">
        <v>38</v>
      </c>
      <c r="O3466" s="5" t="s">
        <v>39</v>
      </c>
      <c r="P3466" s="5" t="s">
        <v>40</v>
      </c>
      <c r="Q3466" s="5" t="s">
        <v>1522</v>
      </c>
      <c r="R3466" s="5" t="s">
        <v>1523</v>
      </c>
      <c r="S3466" s="5" t="s">
        <v>42</v>
      </c>
      <c r="T3466" s="2">
        <v>3.855</v>
      </c>
      <c r="U3466" s="2">
        <v>3.2080000000000002</v>
      </c>
      <c r="V3466" s="2">
        <v>0.02</v>
      </c>
      <c r="W3466" s="2">
        <v>159.1</v>
      </c>
      <c r="X3466" s="2">
        <v>7.6</v>
      </c>
      <c r="Y3466" s="2">
        <v>16.7</v>
      </c>
      <c r="Z3466" s="5"/>
      <c r="AA3466" s="5" t="s">
        <v>43</v>
      </c>
      <c r="AB3466" s="5" t="s">
        <v>44</v>
      </c>
      <c r="AC3466" s="2"/>
      <c r="AD3466" s="1"/>
    </row>
    <row r="3467" spans="1:30">
      <c r="A3467" s="5" t="s">
        <v>83578</v>
      </c>
      <c r="B3467" s="2" t="s">
        <v>94003</v>
      </c>
      <c r="C3467" s="14" t="s">
        <v>94004</v>
      </c>
      <c r="D3467" s="2" t="s">
        <v>94005</v>
      </c>
      <c r="E3467" s="2" t="s">
        <v>36333</v>
      </c>
      <c r="F3467" s="8">
        <v>369</v>
      </c>
      <c r="G3467" s="5">
        <v>6</v>
      </c>
      <c r="H3467" s="5" t="s">
        <v>1518</v>
      </c>
      <c r="I3467" s="5" t="s">
        <v>36264</v>
      </c>
      <c r="J3467" s="2" t="s">
        <v>36265</v>
      </c>
      <c r="K3467" s="5" t="s">
        <v>36264</v>
      </c>
      <c r="L3467" s="2" t="s">
        <v>36265</v>
      </c>
      <c r="M3467" s="5" t="s">
        <v>36266</v>
      </c>
      <c r="N3467" s="5" t="s">
        <v>38</v>
      </c>
      <c r="O3467" s="5" t="s">
        <v>39</v>
      </c>
      <c r="P3467" s="5" t="s">
        <v>40</v>
      </c>
      <c r="Q3467" s="5" t="s">
        <v>1522</v>
      </c>
      <c r="R3467" s="5" t="s">
        <v>1523</v>
      </c>
      <c r="S3467" s="5" t="s">
        <v>42</v>
      </c>
      <c r="T3467" s="2">
        <v>3.9750000000000001</v>
      </c>
      <c r="U3467" s="2">
        <v>3.3279999999999998</v>
      </c>
      <c r="V3467" s="2">
        <v>0.02</v>
      </c>
      <c r="W3467" s="2">
        <v>159.1</v>
      </c>
      <c r="X3467" s="2">
        <v>7.6</v>
      </c>
      <c r="Y3467" s="2">
        <v>16.7</v>
      </c>
      <c r="Z3467" s="5"/>
      <c r="AA3467" s="5" t="s">
        <v>43</v>
      </c>
      <c r="AB3467" s="5" t="s">
        <v>44</v>
      </c>
      <c r="AC3467" s="2"/>
      <c r="AD3467" s="1"/>
    </row>
    <row r="3468" spans="1:30">
      <c r="A3468" s="5" t="s">
        <v>83578</v>
      </c>
      <c r="B3468" s="2" t="s">
        <v>94006</v>
      </c>
      <c r="C3468" s="14" t="s">
        <v>94007</v>
      </c>
      <c r="D3468" s="2" t="s">
        <v>94008</v>
      </c>
      <c r="E3468" s="2" t="s">
        <v>36341</v>
      </c>
      <c r="F3468" s="8">
        <v>369</v>
      </c>
      <c r="G3468" s="5">
        <v>6</v>
      </c>
      <c r="H3468" s="5" t="s">
        <v>1518</v>
      </c>
      <c r="I3468" s="5" t="s">
        <v>36264</v>
      </c>
      <c r="J3468" s="2" t="s">
        <v>36265</v>
      </c>
      <c r="K3468" s="5" t="s">
        <v>36264</v>
      </c>
      <c r="L3468" s="2" t="s">
        <v>36265</v>
      </c>
      <c r="M3468" s="5" t="s">
        <v>36266</v>
      </c>
      <c r="N3468" s="5" t="s">
        <v>38</v>
      </c>
      <c r="O3468" s="5" t="s">
        <v>39</v>
      </c>
      <c r="P3468" s="5" t="s">
        <v>40</v>
      </c>
      <c r="Q3468" s="5" t="s">
        <v>1522</v>
      </c>
      <c r="R3468" s="5" t="s">
        <v>1523</v>
      </c>
      <c r="S3468" s="5" t="s">
        <v>42</v>
      </c>
      <c r="T3468" s="2">
        <v>3.9750000000000001</v>
      </c>
      <c r="U3468" s="2">
        <v>3.3279999999999998</v>
      </c>
      <c r="V3468" s="2">
        <v>0.02</v>
      </c>
      <c r="W3468" s="2">
        <v>159.1</v>
      </c>
      <c r="X3468" s="2">
        <v>7.6</v>
      </c>
      <c r="Y3468" s="2">
        <v>16.7</v>
      </c>
      <c r="Z3468" s="5"/>
      <c r="AA3468" s="5" t="s">
        <v>43</v>
      </c>
      <c r="AB3468" s="5" t="s">
        <v>44</v>
      </c>
      <c r="AC3468" s="2"/>
      <c r="AD3468" s="1"/>
    </row>
    <row r="3469" spans="1:30">
      <c r="A3469" s="5" t="s">
        <v>83578</v>
      </c>
      <c r="B3469" s="2" t="s">
        <v>94009</v>
      </c>
      <c r="C3469" s="14" t="s">
        <v>94010</v>
      </c>
      <c r="D3469" s="2" t="s">
        <v>94011</v>
      </c>
      <c r="E3469" s="2" t="s">
        <v>36345</v>
      </c>
      <c r="F3469" s="8">
        <v>369</v>
      </c>
      <c r="G3469" s="5">
        <v>6</v>
      </c>
      <c r="H3469" s="5" t="s">
        <v>1518</v>
      </c>
      <c r="I3469" s="5" t="s">
        <v>36264</v>
      </c>
      <c r="J3469" s="2" t="s">
        <v>36265</v>
      </c>
      <c r="K3469" s="5" t="s">
        <v>36264</v>
      </c>
      <c r="L3469" s="2" t="s">
        <v>36265</v>
      </c>
      <c r="M3469" s="5" t="s">
        <v>36266</v>
      </c>
      <c r="N3469" s="5" t="s">
        <v>38</v>
      </c>
      <c r="O3469" s="5" t="s">
        <v>39</v>
      </c>
      <c r="P3469" s="5" t="s">
        <v>40</v>
      </c>
      <c r="Q3469" s="5" t="s">
        <v>1522</v>
      </c>
      <c r="R3469" s="5" t="s">
        <v>1523</v>
      </c>
      <c r="S3469" s="5" t="s">
        <v>42</v>
      </c>
      <c r="T3469" s="2">
        <v>3.855</v>
      </c>
      <c r="U3469" s="2">
        <v>3.2080000000000002</v>
      </c>
      <c r="V3469" s="2">
        <v>0.02</v>
      </c>
      <c r="W3469" s="2">
        <v>159.1</v>
      </c>
      <c r="X3469" s="2">
        <v>7.6</v>
      </c>
      <c r="Y3469" s="2">
        <v>16.7</v>
      </c>
      <c r="Z3469" s="5"/>
      <c r="AA3469" s="5" t="s">
        <v>43</v>
      </c>
      <c r="AB3469" s="5" t="s">
        <v>44</v>
      </c>
      <c r="AC3469" s="2"/>
      <c r="AD3469" s="1"/>
    </row>
    <row r="3470" spans="1:30">
      <c r="A3470" s="5" t="s">
        <v>83578</v>
      </c>
      <c r="B3470" s="2" t="s">
        <v>94012</v>
      </c>
      <c r="C3470" s="14" t="s">
        <v>94013</v>
      </c>
      <c r="D3470" s="2" t="s">
        <v>94014</v>
      </c>
      <c r="E3470" s="2" t="s">
        <v>36349</v>
      </c>
      <c r="F3470" s="8">
        <v>369</v>
      </c>
      <c r="G3470" s="5">
        <v>6</v>
      </c>
      <c r="H3470" s="5" t="s">
        <v>1518</v>
      </c>
      <c r="I3470" s="5" t="s">
        <v>36264</v>
      </c>
      <c r="J3470" s="2" t="s">
        <v>36265</v>
      </c>
      <c r="K3470" s="5" t="s">
        <v>36264</v>
      </c>
      <c r="L3470" s="2" t="s">
        <v>36265</v>
      </c>
      <c r="M3470" s="5" t="s">
        <v>36266</v>
      </c>
      <c r="N3470" s="5" t="s">
        <v>38</v>
      </c>
      <c r="O3470" s="5" t="s">
        <v>39</v>
      </c>
      <c r="P3470" s="5" t="s">
        <v>40</v>
      </c>
      <c r="Q3470" s="5" t="s">
        <v>1522</v>
      </c>
      <c r="R3470" s="5" t="s">
        <v>1523</v>
      </c>
      <c r="S3470" s="5" t="s">
        <v>42</v>
      </c>
      <c r="T3470" s="2">
        <v>3.9750000000000001</v>
      </c>
      <c r="U3470" s="2">
        <v>3.3279999999999998</v>
      </c>
      <c r="V3470" s="2">
        <v>0.02</v>
      </c>
      <c r="W3470" s="2">
        <v>159.1</v>
      </c>
      <c r="X3470" s="2">
        <v>7.6</v>
      </c>
      <c r="Y3470" s="2">
        <v>16.7</v>
      </c>
      <c r="Z3470" s="5"/>
      <c r="AA3470" s="5" t="s">
        <v>43</v>
      </c>
      <c r="AB3470" s="5" t="s">
        <v>44</v>
      </c>
      <c r="AC3470" s="2"/>
      <c r="AD3470" s="1"/>
    </row>
    <row r="3471" spans="1:30">
      <c r="A3471" s="5" t="s">
        <v>83578</v>
      </c>
      <c r="B3471" s="2" t="s">
        <v>94015</v>
      </c>
      <c r="C3471" s="14" t="s">
        <v>94016</v>
      </c>
      <c r="D3471" s="2" t="s">
        <v>94017</v>
      </c>
      <c r="E3471" s="2" t="s">
        <v>36353</v>
      </c>
      <c r="F3471" s="8">
        <v>369</v>
      </c>
      <c r="G3471" s="5">
        <v>6</v>
      </c>
      <c r="H3471" s="5" t="s">
        <v>1518</v>
      </c>
      <c r="I3471" s="5" t="s">
        <v>36264</v>
      </c>
      <c r="J3471" s="2" t="s">
        <v>36265</v>
      </c>
      <c r="K3471" s="5" t="s">
        <v>36264</v>
      </c>
      <c r="L3471" s="2" t="s">
        <v>36265</v>
      </c>
      <c r="M3471" s="5" t="s">
        <v>36266</v>
      </c>
      <c r="N3471" s="5" t="s">
        <v>38</v>
      </c>
      <c r="O3471" s="5" t="s">
        <v>39</v>
      </c>
      <c r="P3471" s="5" t="s">
        <v>40</v>
      </c>
      <c r="Q3471" s="5" t="s">
        <v>1522</v>
      </c>
      <c r="R3471" s="5" t="s">
        <v>1523</v>
      </c>
      <c r="S3471" s="5" t="s">
        <v>42</v>
      </c>
      <c r="T3471" s="2">
        <v>3.855</v>
      </c>
      <c r="U3471" s="2">
        <v>3.2080000000000002</v>
      </c>
      <c r="V3471" s="2">
        <v>0.02</v>
      </c>
      <c r="W3471" s="2">
        <v>159.1</v>
      </c>
      <c r="X3471" s="2">
        <v>7.6</v>
      </c>
      <c r="Y3471" s="2">
        <v>16.7</v>
      </c>
      <c r="Z3471" s="5"/>
      <c r="AA3471" s="5" t="s">
        <v>43</v>
      </c>
      <c r="AB3471" s="5" t="s">
        <v>44</v>
      </c>
      <c r="AC3471" s="2"/>
      <c r="AD3471" s="1"/>
    </row>
    <row r="3472" spans="1:30">
      <c r="A3472" s="5" t="s">
        <v>83578</v>
      </c>
      <c r="B3472" s="2" t="s">
        <v>94018</v>
      </c>
      <c r="C3472" s="14" t="s">
        <v>94019</v>
      </c>
      <c r="D3472" s="2" t="s">
        <v>94020</v>
      </c>
      <c r="E3472" s="2" t="s">
        <v>36357</v>
      </c>
      <c r="F3472" s="8">
        <v>369</v>
      </c>
      <c r="G3472" s="5">
        <v>6</v>
      </c>
      <c r="H3472" s="5" t="s">
        <v>1518</v>
      </c>
      <c r="I3472" s="5" t="s">
        <v>36264</v>
      </c>
      <c r="J3472" s="2" t="s">
        <v>36265</v>
      </c>
      <c r="K3472" s="5" t="s">
        <v>36264</v>
      </c>
      <c r="L3472" s="2" t="s">
        <v>36265</v>
      </c>
      <c r="M3472" s="5" t="s">
        <v>36266</v>
      </c>
      <c r="N3472" s="5" t="s">
        <v>38</v>
      </c>
      <c r="O3472" s="5" t="s">
        <v>39</v>
      </c>
      <c r="P3472" s="5" t="s">
        <v>40</v>
      </c>
      <c r="Q3472" s="5" t="s">
        <v>1522</v>
      </c>
      <c r="R3472" s="5" t="s">
        <v>1523</v>
      </c>
      <c r="S3472" s="5" t="s">
        <v>42</v>
      </c>
      <c r="T3472" s="2">
        <v>3.9750000000000001</v>
      </c>
      <c r="U3472" s="2">
        <v>3.3279999999999998</v>
      </c>
      <c r="V3472" s="2">
        <v>0.02</v>
      </c>
      <c r="W3472" s="2">
        <v>159.1</v>
      </c>
      <c r="X3472" s="2">
        <v>7.6</v>
      </c>
      <c r="Y3472" s="2">
        <v>16.7</v>
      </c>
      <c r="Z3472" s="5"/>
      <c r="AA3472" s="5" t="s">
        <v>43</v>
      </c>
      <c r="AB3472" s="5" t="s">
        <v>44</v>
      </c>
      <c r="AC3472" s="2"/>
      <c r="AD3472" s="1"/>
    </row>
    <row r="3473" spans="1:30">
      <c r="A3473" s="5" t="s">
        <v>83578</v>
      </c>
      <c r="B3473" s="2" t="s">
        <v>94021</v>
      </c>
      <c r="C3473" s="14" t="s">
        <v>94022</v>
      </c>
      <c r="D3473" s="2" t="s">
        <v>94023</v>
      </c>
      <c r="E3473" s="2" t="s">
        <v>45598</v>
      </c>
      <c r="F3473" s="8">
        <v>369</v>
      </c>
      <c r="G3473" s="5">
        <v>6</v>
      </c>
      <c r="H3473" s="5" t="s">
        <v>1518</v>
      </c>
      <c r="I3473" s="5" t="s">
        <v>36264</v>
      </c>
      <c r="J3473" s="2" t="s">
        <v>36265</v>
      </c>
      <c r="K3473" s="5" t="s">
        <v>36264</v>
      </c>
      <c r="L3473" s="2" t="s">
        <v>36265</v>
      </c>
      <c r="M3473" s="5" t="s">
        <v>36266</v>
      </c>
      <c r="N3473" s="5" t="s">
        <v>38</v>
      </c>
      <c r="O3473" s="5" t="s">
        <v>39</v>
      </c>
      <c r="P3473" s="5" t="s">
        <v>40</v>
      </c>
      <c r="Q3473" s="5" t="s">
        <v>1522</v>
      </c>
      <c r="R3473" s="5" t="s">
        <v>1523</v>
      </c>
      <c r="S3473" s="5" t="s">
        <v>42</v>
      </c>
      <c r="T3473" s="2">
        <v>3.855</v>
      </c>
      <c r="U3473" s="2">
        <v>3.2080000000000002</v>
      </c>
      <c r="V3473" s="2">
        <v>0.02</v>
      </c>
      <c r="W3473" s="2">
        <v>159.1</v>
      </c>
      <c r="X3473" s="2">
        <v>7.6</v>
      </c>
      <c r="Y3473" s="2">
        <v>16.7</v>
      </c>
      <c r="Z3473" s="5"/>
      <c r="AA3473" s="5" t="s">
        <v>43</v>
      </c>
      <c r="AB3473" s="5" t="s">
        <v>44</v>
      </c>
      <c r="AC3473" s="2"/>
      <c r="AD3473" s="1"/>
    </row>
    <row r="3474" spans="1:30">
      <c r="A3474" s="5" t="s">
        <v>83578</v>
      </c>
      <c r="B3474" s="2" t="s">
        <v>94024</v>
      </c>
      <c r="C3474" s="14" t="s">
        <v>94025</v>
      </c>
      <c r="D3474" s="2" t="s">
        <v>94026</v>
      </c>
      <c r="E3474" s="2" t="s">
        <v>36369</v>
      </c>
      <c r="F3474" s="8">
        <v>369</v>
      </c>
      <c r="G3474" s="5">
        <v>6</v>
      </c>
      <c r="H3474" s="5" t="s">
        <v>1518</v>
      </c>
      <c r="I3474" s="5" t="s">
        <v>36264</v>
      </c>
      <c r="J3474" s="2" t="s">
        <v>36265</v>
      </c>
      <c r="K3474" s="5" t="s">
        <v>36264</v>
      </c>
      <c r="L3474" s="2" t="s">
        <v>36265</v>
      </c>
      <c r="M3474" s="5" t="s">
        <v>36266</v>
      </c>
      <c r="N3474" s="5" t="s">
        <v>38</v>
      </c>
      <c r="O3474" s="5" t="s">
        <v>39</v>
      </c>
      <c r="P3474" s="5" t="s">
        <v>40</v>
      </c>
      <c r="Q3474" s="5" t="s">
        <v>1522</v>
      </c>
      <c r="R3474" s="5" t="s">
        <v>1523</v>
      </c>
      <c r="S3474" s="5" t="s">
        <v>42</v>
      </c>
      <c r="T3474" s="2">
        <v>3.855</v>
      </c>
      <c r="U3474" s="2">
        <v>3.2080000000000002</v>
      </c>
      <c r="V3474" s="2">
        <v>0.02</v>
      </c>
      <c r="W3474" s="2">
        <v>159.1</v>
      </c>
      <c r="X3474" s="2">
        <v>7.6</v>
      </c>
      <c r="Y3474" s="2">
        <v>16.7</v>
      </c>
      <c r="Z3474" s="5"/>
      <c r="AA3474" s="5" t="s">
        <v>43</v>
      </c>
      <c r="AB3474" s="5" t="s">
        <v>44</v>
      </c>
      <c r="AC3474" s="2"/>
      <c r="AD3474" s="1"/>
    </row>
    <row r="3475" spans="1:30">
      <c r="A3475" s="5" t="s">
        <v>83578</v>
      </c>
      <c r="B3475" s="2" t="s">
        <v>94027</v>
      </c>
      <c r="C3475" s="14" t="s">
        <v>94028</v>
      </c>
      <c r="D3475" s="2" t="s">
        <v>94029</v>
      </c>
      <c r="E3475" s="2" t="s">
        <v>36373</v>
      </c>
      <c r="F3475" s="8">
        <v>369</v>
      </c>
      <c r="G3475" s="5">
        <v>6</v>
      </c>
      <c r="H3475" s="5" t="s">
        <v>1518</v>
      </c>
      <c r="I3475" s="5" t="s">
        <v>36264</v>
      </c>
      <c r="J3475" s="2" t="s">
        <v>36265</v>
      </c>
      <c r="K3475" s="5" t="s">
        <v>36264</v>
      </c>
      <c r="L3475" s="2" t="s">
        <v>36265</v>
      </c>
      <c r="M3475" s="5" t="s">
        <v>36266</v>
      </c>
      <c r="N3475" s="5" t="s">
        <v>38</v>
      </c>
      <c r="O3475" s="5" t="s">
        <v>39</v>
      </c>
      <c r="P3475" s="5" t="s">
        <v>40</v>
      </c>
      <c r="Q3475" s="5" t="s">
        <v>1522</v>
      </c>
      <c r="R3475" s="5" t="s">
        <v>1523</v>
      </c>
      <c r="S3475" s="5" t="s">
        <v>42</v>
      </c>
      <c r="T3475" s="2">
        <v>3.9750000000000001</v>
      </c>
      <c r="U3475" s="2">
        <v>3.3279999999999998</v>
      </c>
      <c r="V3475" s="2">
        <v>0.02</v>
      </c>
      <c r="W3475" s="2">
        <v>159.1</v>
      </c>
      <c r="X3475" s="2">
        <v>7.6</v>
      </c>
      <c r="Y3475" s="2">
        <v>16.7</v>
      </c>
      <c r="Z3475" s="5"/>
      <c r="AA3475" s="5" t="s">
        <v>43</v>
      </c>
      <c r="AB3475" s="5" t="s">
        <v>44</v>
      </c>
      <c r="AC3475" s="2"/>
      <c r="AD3475" s="1"/>
    </row>
    <row r="3476" spans="1:30">
      <c r="A3476" s="5" t="s">
        <v>83578</v>
      </c>
      <c r="B3476" s="2" t="s">
        <v>94030</v>
      </c>
      <c r="C3476" s="14" t="s">
        <v>94031</v>
      </c>
      <c r="D3476" s="2" t="s">
        <v>94032</v>
      </c>
      <c r="E3476" s="2" t="s">
        <v>36381</v>
      </c>
      <c r="F3476" s="8">
        <v>369</v>
      </c>
      <c r="G3476" s="5">
        <v>6</v>
      </c>
      <c r="H3476" s="5" t="s">
        <v>1518</v>
      </c>
      <c r="I3476" s="5" t="s">
        <v>36264</v>
      </c>
      <c r="J3476" s="2" t="s">
        <v>36265</v>
      </c>
      <c r="K3476" s="5" t="s">
        <v>36264</v>
      </c>
      <c r="L3476" s="2" t="s">
        <v>36265</v>
      </c>
      <c r="M3476" s="5" t="s">
        <v>36266</v>
      </c>
      <c r="N3476" s="5" t="s">
        <v>38</v>
      </c>
      <c r="O3476" s="5" t="s">
        <v>39</v>
      </c>
      <c r="P3476" s="5" t="s">
        <v>40</v>
      </c>
      <c r="Q3476" s="5" t="s">
        <v>1522</v>
      </c>
      <c r="R3476" s="5" t="s">
        <v>1523</v>
      </c>
      <c r="S3476" s="5" t="s">
        <v>42</v>
      </c>
      <c r="T3476" s="2">
        <v>3.9750000000000001</v>
      </c>
      <c r="U3476" s="2">
        <v>3.3279999999999998</v>
      </c>
      <c r="V3476" s="2">
        <v>0.02</v>
      </c>
      <c r="W3476" s="2">
        <v>159.1</v>
      </c>
      <c r="X3476" s="2">
        <v>7.6</v>
      </c>
      <c r="Y3476" s="2">
        <v>16.7</v>
      </c>
      <c r="Z3476" s="5"/>
      <c r="AA3476" s="5" t="s">
        <v>43</v>
      </c>
      <c r="AB3476" s="5" t="s">
        <v>44</v>
      </c>
      <c r="AC3476" s="2"/>
      <c r="AD3476" s="1"/>
    </row>
    <row r="3477" spans="1:30">
      <c r="A3477" s="5" t="s">
        <v>83578</v>
      </c>
      <c r="B3477" s="2" t="s">
        <v>94033</v>
      </c>
      <c r="C3477" s="14" t="s">
        <v>94034</v>
      </c>
      <c r="D3477" s="2" t="s">
        <v>94035</v>
      </c>
      <c r="E3477" s="2" t="s">
        <v>36385</v>
      </c>
      <c r="F3477" s="8">
        <v>369</v>
      </c>
      <c r="G3477" s="5">
        <v>6</v>
      </c>
      <c r="H3477" s="5" t="s">
        <v>1518</v>
      </c>
      <c r="I3477" s="5" t="s">
        <v>36264</v>
      </c>
      <c r="J3477" s="2" t="s">
        <v>36265</v>
      </c>
      <c r="K3477" s="5" t="s">
        <v>36264</v>
      </c>
      <c r="L3477" s="2" t="s">
        <v>36265</v>
      </c>
      <c r="M3477" s="5" t="s">
        <v>36266</v>
      </c>
      <c r="N3477" s="5" t="s">
        <v>38</v>
      </c>
      <c r="O3477" s="5" t="s">
        <v>39</v>
      </c>
      <c r="P3477" s="5" t="s">
        <v>40</v>
      </c>
      <c r="Q3477" s="5" t="s">
        <v>1522</v>
      </c>
      <c r="R3477" s="5" t="s">
        <v>1523</v>
      </c>
      <c r="S3477" s="5" t="s">
        <v>42</v>
      </c>
      <c r="T3477" s="2">
        <v>3.855</v>
      </c>
      <c r="U3477" s="2">
        <v>3.2080000000000002</v>
      </c>
      <c r="V3477" s="2">
        <v>0.02</v>
      </c>
      <c r="W3477" s="2">
        <v>159.1</v>
      </c>
      <c r="X3477" s="2">
        <v>7.6</v>
      </c>
      <c r="Y3477" s="2">
        <v>16.7</v>
      </c>
      <c r="Z3477" s="5"/>
      <c r="AA3477" s="5" t="s">
        <v>43</v>
      </c>
      <c r="AB3477" s="5" t="s">
        <v>44</v>
      </c>
      <c r="AC3477" s="2"/>
      <c r="AD3477" s="1"/>
    </row>
    <row r="3478" spans="1:30">
      <c r="A3478" s="5" t="s">
        <v>83578</v>
      </c>
      <c r="B3478" s="2" t="s">
        <v>94036</v>
      </c>
      <c r="C3478" s="14" t="s">
        <v>94037</v>
      </c>
      <c r="D3478" s="2" t="s">
        <v>94038</v>
      </c>
      <c r="E3478" s="2" t="s">
        <v>36389</v>
      </c>
      <c r="F3478" s="8">
        <v>369</v>
      </c>
      <c r="G3478" s="5">
        <v>6</v>
      </c>
      <c r="H3478" s="5" t="s">
        <v>1518</v>
      </c>
      <c r="I3478" s="5" t="s">
        <v>36264</v>
      </c>
      <c r="J3478" s="2" t="s">
        <v>36265</v>
      </c>
      <c r="K3478" s="5" t="s">
        <v>36264</v>
      </c>
      <c r="L3478" s="2" t="s">
        <v>36265</v>
      </c>
      <c r="M3478" s="5" t="s">
        <v>36266</v>
      </c>
      <c r="N3478" s="5" t="s">
        <v>38</v>
      </c>
      <c r="O3478" s="5" t="s">
        <v>39</v>
      </c>
      <c r="P3478" s="5" t="s">
        <v>40</v>
      </c>
      <c r="Q3478" s="5" t="s">
        <v>1522</v>
      </c>
      <c r="R3478" s="5" t="s">
        <v>1523</v>
      </c>
      <c r="S3478" s="5" t="s">
        <v>42</v>
      </c>
      <c r="T3478" s="2">
        <v>3.9750000000000001</v>
      </c>
      <c r="U3478" s="2">
        <v>3.3279999999999998</v>
      </c>
      <c r="V3478" s="2">
        <v>0.02</v>
      </c>
      <c r="W3478" s="2">
        <v>159.1</v>
      </c>
      <c r="X3478" s="2">
        <v>7.6</v>
      </c>
      <c r="Y3478" s="2">
        <v>16.7</v>
      </c>
      <c r="Z3478" s="5"/>
      <c r="AA3478" s="5" t="s">
        <v>43</v>
      </c>
      <c r="AB3478" s="5" t="s">
        <v>44</v>
      </c>
      <c r="AC3478" s="2"/>
      <c r="AD3478" s="1"/>
    </row>
    <row r="3479" spans="1:30">
      <c r="A3479" s="5" t="s">
        <v>83578</v>
      </c>
      <c r="B3479" s="2" t="s">
        <v>94039</v>
      </c>
      <c r="C3479" s="14" t="s">
        <v>94040</v>
      </c>
      <c r="D3479" s="2" t="s">
        <v>94041</v>
      </c>
      <c r="E3479" s="2" t="s">
        <v>7514</v>
      </c>
      <c r="F3479" s="8">
        <v>360</v>
      </c>
      <c r="G3479" s="5">
        <v>6</v>
      </c>
      <c r="H3479" s="5" t="s">
        <v>1518</v>
      </c>
      <c r="I3479" s="5" t="s">
        <v>36264</v>
      </c>
      <c r="J3479" s="2" t="s">
        <v>36265</v>
      </c>
      <c r="K3479" s="5" t="s">
        <v>36264</v>
      </c>
      <c r="L3479" s="2" t="s">
        <v>36265</v>
      </c>
      <c r="M3479" s="5" t="s">
        <v>36266</v>
      </c>
      <c r="N3479" s="5" t="s">
        <v>38</v>
      </c>
      <c r="O3479" s="5" t="s">
        <v>39</v>
      </c>
      <c r="P3479" s="5" t="s">
        <v>40</v>
      </c>
      <c r="Q3479" s="5" t="s">
        <v>1522</v>
      </c>
      <c r="R3479" s="5" t="s">
        <v>1523</v>
      </c>
      <c r="S3479" s="5" t="s">
        <v>42</v>
      </c>
      <c r="T3479" s="2">
        <v>4.1710000000000003</v>
      </c>
      <c r="U3479" s="2">
        <v>3.5329999999999999</v>
      </c>
      <c r="V3479" s="2">
        <v>0.02</v>
      </c>
      <c r="W3479" s="2">
        <v>159.1</v>
      </c>
      <c r="X3479" s="2">
        <v>7.6</v>
      </c>
      <c r="Y3479" s="2">
        <v>16.7</v>
      </c>
      <c r="Z3479" s="5"/>
      <c r="AA3479" s="5" t="s">
        <v>43</v>
      </c>
      <c r="AB3479" s="5" t="s">
        <v>44</v>
      </c>
      <c r="AC3479" s="2"/>
      <c r="AD3479" s="1"/>
    </row>
    <row r="3480" spans="1:30">
      <c r="A3480" s="5" t="s">
        <v>83578</v>
      </c>
      <c r="B3480" s="2" t="s">
        <v>94042</v>
      </c>
      <c r="C3480" s="14" t="s">
        <v>94043</v>
      </c>
      <c r="D3480" s="2" t="s">
        <v>94044</v>
      </c>
      <c r="E3480" s="2" t="s">
        <v>36273</v>
      </c>
      <c r="F3480" s="8">
        <v>360</v>
      </c>
      <c r="G3480" s="5">
        <v>6</v>
      </c>
      <c r="H3480" s="5" t="s">
        <v>1518</v>
      </c>
      <c r="I3480" s="5" t="s">
        <v>36264</v>
      </c>
      <c r="J3480" s="2" t="s">
        <v>36265</v>
      </c>
      <c r="K3480" s="5" t="s">
        <v>36264</v>
      </c>
      <c r="L3480" s="2" t="s">
        <v>36265</v>
      </c>
      <c r="M3480" s="5" t="s">
        <v>36266</v>
      </c>
      <c r="N3480" s="5" t="s">
        <v>38</v>
      </c>
      <c r="O3480" s="5" t="s">
        <v>39</v>
      </c>
      <c r="P3480" s="5" t="s">
        <v>40</v>
      </c>
      <c r="Q3480" s="5" t="s">
        <v>1522</v>
      </c>
      <c r="R3480" s="5" t="s">
        <v>1523</v>
      </c>
      <c r="S3480" s="5" t="s">
        <v>42</v>
      </c>
      <c r="T3480" s="2">
        <v>4.0410000000000004</v>
      </c>
      <c r="U3480" s="2">
        <v>3.403</v>
      </c>
      <c r="V3480" s="2">
        <v>0.02</v>
      </c>
      <c r="W3480" s="2">
        <v>159.1</v>
      </c>
      <c r="X3480" s="2">
        <v>7.6</v>
      </c>
      <c r="Y3480" s="2">
        <v>16.7</v>
      </c>
      <c r="Z3480" s="5"/>
      <c r="AA3480" s="5" t="s">
        <v>43</v>
      </c>
      <c r="AB3480" s="5" t="s">
        <v>44</v>
      </c>
      <c r="AC3480" s="2"/>
      <c r="AD3480" s="1"/>
    </row>
    <row r="3481" spans="1:30">
      <c r="A3481" s="5" t="s">
        <v>83578</v>
      </c>
      <c r="B3481" s="2" t="s">
        <v>94045</v>
      </c>
      <c r="C3481" s="14" t="s">
        <v>94046</v>
      </c>
      <c r="D3481" s="2" t="s">
        <v>94047</v>
      </c>
      <c r="E3481" s="2" t="s">
        <v>36277</v>
      </c>
      <c r="F3481" s="8">
        <v>360</v>
      </c>
      <c r="G3481" s="5">
        <v>6</v>
      </c>
      <c r="H3481" s="5" t="s">
        <v>1518</v>
      </c>
      <c r="I3481" s="5" t="s">
        <v>36264</v>
      </c>
      <c r="J3481" s="2" t="s">
        <v>36265</v>
      </c>
      <c r="K3481" s="5" t="s">
        <v>36264</v>
      </c>
      <c r="L3481" s="2" t="s">
        <v>36265</v>
      </c>
      <c r="M3481" s="5" t="s">
        <v>36266</v>
      </c>
      <c r="N3481" s="5" t="s">
        <v>38</v>
      </c>
      <c r="O3481" s="5" t="s">
        <v>39</v>
      </c>
      <c r="P3481" s="5" t="s">
        <v>40</v>
      </c>
      <c r="Q3481" s="5" t="s">
        <v>1522</v>
      </c>
      <c r="R3481" s="5" t="s">
        <v>1523</v>
      </c>
      <c r="S3481" s="5" t="s">
        <v>42</v>
      </c>
      <c r="T3481" s="2">
        <v>4.1710000000000003</v>
      </c>
      <c r="U3481" s="2">
        <v>3.5329999999999999</v>
      </c>
      <c r="V3481" s="2">
        <v>0.02</v>
      </c>
      <c r="W3481" s="2">
        <v>159.1</v>
      </c>
      <c r="X3481" s="2">
        <v>7.6</v>
      </c>
      <c r="Y3481" s="2">
        <v>16.7</v>
      </c>
      <c r="Z3481" s="5"/>
      <c r="AA3481" s="5" t="s">
        <v>43</v>
      </c>
      <c r="AB3481" s="5" t="s">
        <v>44</v>
      </c>
      <c r="AC3481" s="2"/>
      <c r="AD3481" s="1"/>
    </row>
    <row r="3482" spans="1:30">
      <c r="A3482" s="5" t="s">
        <v>83578</v>
      </c>
      <c r="B3482" s="2" t="s">
        <v>94048</v>
      </c>
      <c r="C3482" s="14" t="s">
        <v>94049</v>
      </c>
      <c r="D3482" s="2" t="s">
        <v>94050</v>
      </c>
      <c r="E3482" s="2" t="s">
        <v>36281</v>
      </c>
      <c r="F3482" s="8">
        <v>394</v>
      </c>
      <c r="G3482" s="5">
        <v>6</v>
      </c>
      <c r="H3482" s="5" t="s">
        <v>1518</v>
      </c>
      <c r="I3482" s="5" t="s">
        <v>36264</v>
      </c>
      <c r="J3482" s="2" t="s">
        <v>36265</v>
      </c>
      <c r="K3482" s="5" t="s">
        <v>36264</v>
      </c>
      <c r="L3482" s="2" t="s">
        <v>36265</v>
      </c>
      <c r="M3482" s="5" t="s">
        <v>36266</v>
      </c>
      <c r="N3482" s="5" t="s">
        <v>38</v>
      </c>
      <c r="O3482" s="5" t="s">
        <v>39</v>
      </c>
      <c r="P3482" s="5" t="s">
        <v>40</v>
      </c>
      <c r="Q3482" s="5" t="s">
        <v>1522</v>
      </c>
      <c r="R3482" s="5" t="s">
        <v>1523</v>
      </c>
      <c r="S3482" s="5" t="s">
        <v>42</v>
      </c>
      <c r="T3482" s="2">
        <v>4.0410000000000004</v>
      </c>
      <c r="U3482" s="2">
        <v>3.403</v>
      </c>
      <c r="V3482" s="2">
        <v>0.02</v>
      </c>
      <c r="W3482" s="2">
        <v>159.1</v>
      </c>
      <c r="X3482" s="2">
        <v>7.6</v>
      </c>
      <c r="Y3482" s="2">
        <v>16.7</v>
      </c>
      <c r="Z3482" s="5"/>
      <c r="AA3482" s="5" t="s">
        <v>43</v>
      </c>
      <c r="AB3482" s="5" t="s">
        <v>44</v>
      </c>
      <c r="AC3482" s="2"/>
      <c r="AD3482" s="1"/>
    </row>
    <row r="3483" spans="1:30">
      <c r="A3483" s="5" t="s">
        <v>83578</v>
      </c>
      <c r="B3483" s="2" t="s">
        <v>94051</v>
      </c>
      <c r="C3483" s="14" t="s">
        <v>94052</v>
      </c>
      <c r="D3483" s="2" t="s">
        <v>94053</v>
      </c>
      <c r="E3483" s="2" t="s">
        <v>36285</v>
      </c>
      <c r="F3483" s="8">
        <v>394</v>
      </c>
      <c r="G3483" s="5">
        <v>6</v>
      </c>
      <c r="H3483" s="5" t="s">
        <v>1518</v>
      </c>
      <c r="I3483" s="5" t="s">
        <v>36264</v>
      </c>
      <c r="J3483" s="2" t="s">
        <v>36265</v>
      </c>
      <c r="K3483" s="5" t="s">
        <v>36264</v>
      </c>
      <c r="L3483" s="2" t="s">
        <v>36265</v>
      </c>
      <c r="M3483" s="5" t="s">
        <v>36266</v>
      </c>
      <c r="N3483" s="5" t="s">
        <v>38</v>
      </c>
      <c r="O3483" s="5" t="s">
        <v>39</v>
      </c>
      <c r="P3483" s="5" t="s">
        <v>40</v>
      </c>
      <c r="Q3483" s="5" t="s">
        <v>1522</v>
      </c>
      <c r="R3483" s="5" t="s">
        <v>1523</v>
      </c>
      <c r="S3483" s="5" t="s">
        <v>42</v>
      </c>
      <c r="T3483" s="2">
        <v>4.1710000000000003</v>
      </c>
      <c r="U3483" s="2">
        <v>3.5329999999999999</v>
      </c>
      <c r="V3483" s="2">
        <v>0.02</v>
      </c>
      <c r="W3483" s="2">
        <v>159.1</v>
      </c>
      <c r="X3483" s="2">
        <v>7.6</v>
      </c>
      <c r="Y3483" s="2">
        <v>16.7</v>
      </c>
      <c r="Z3483" s="5"/>
      <c r="AA3483" s="5" t="s">
        <v>43</v>
      </c>
      <c r="AB3483" s="5" t="s">
        <v>44</v>
      </c>
      <c r="AC3483" s="2"/>
      <c r="AD3483" s="1"/>
    </row>
    <row r="3484" spans="1:30">
      <c r="A3484" s="5" t="s">
        <v>83578</v>
      </c>
      <c r="B3484" s="2" t="s">
        <v>94054</v>
      </c>
      <c r="C3484" s="14" t="s">
        <v>94055</v>
      </c>
      <c r="D3484" s="2" t="s">
        <v>94056</v>
      </c>
      <c r="E3484" s="2" t="s">
        <v>36289</v>
      </c>
      <c r="F3484" s="8">
        <v>394</v>
      </c>
      <c r="G3484" s="5">
        <v>6</v>
      </c>
      <c r="H3484" s="5" t="s">
        <v>1518</v>
      </c>
      <c r="I3484" s="5" t="s">
        <v>36264</v>
      </c>
      <c r="J3484" s="2" t="s">
        <v>36265</v>
      </c>
      <c r="K3484" s="5" t="s">
        <v>36264</v>
      </c>
      <c r="L3484" s="2" t="s">
        <v>36265</v>
      </c>
      <c r="M3484" s="5" t="s">
        <v>36266</v>
      </c>
      <c r="N3484" s="5" t="s">
        <v>38</v>
      </c>
      <c r="O3484" s="5" t="s">
        <v>39</v>
      </c>
      <c r="P3484" s="5" t="s">
        <v>40</v>
      </c>
      <c r="Q3484" s="5" t="s">
        <v>1522</v>
      </c>
      <c r="R3484" s="5" t="s">
        <v>1523</v>
      </c>
      <c r="S3484" s="5" t="s">
        <v>42</v>
      </c>
      <c r="T3484" s="2">
        <v>4.0410000000000004</v>
      </c>
      <c r="U3484" s="2">
        <v>3.403</v>
      </c>
      <c r="V3484" s="2">
        <v>0.02</v>
      </c>
      <c r="W3484" s="2">
        <v>159.1</v>
      </c>
      <c r="X3484" s="2">
        <v>7.6</v>
      </c>
      <c r="Y3484" s="2">
        <v>16.7</v>
      </c>
      <c r="Z3484" s="5"/>
      <c r="AA3484" s="5" t="s">
        <v>43</v>
      </c>
      <c r="AB3484" s="5" t="s">
        <v>44</v>
      </c>
      <c r="AC3484" s="2"/>
      <c r="AD3484" s="1"/>
    </row>
    <row r="3485" spans="1:30">
      <c r="A3485" s="5" t="s">
        <v>83578</v>
      </c>
      <c r="B3485" s="2" t="s">
        <v>94057</v>
      </c>
      <c r="C3485" s="14" t="s">
        <v>94058</v>
      </c>
      <c r="D3485" s="2" t="s">
        <v>94059</v>
      </c>
      <c r="E3485" s="2" t="s">
        <v>36293</v>
      </c>
      <c r="F3485" s="8">
        <v>394</v>
      </c>
      <c r="G3485" s="5">
        <v>6</v>
      </c>
      <c r="H3485" s="5" t="s">
        <v>1518</v>
      </c>
      <c r="I3485" s="5" t="s">
        <v>36264</v>
      </c>
      <c r="J3485" s="2" t="s">
        <v>36265</v>
      </c>
      <c r="K3485" s="5" t="s">
        <v>36264</v>
      </c>
      <c r="L3485" s="2" t="s">
        <v>36265</v>
      </c>
      <c r="M3485" s="5" t="s">
        <v>36266</v>
      </c>
      <c r="N3485" s="5" t="s">
        <v>38</v>
      </c>
      <c r="O3485" s="5" t="s">
        <v>39</v>
      </c>
      <c r="P3485" s="5" t="s">
        <v>40</v>
      </c>
      <c r="Q3485" s="5" t="s">
        <v>1522</v>
      </c>
      <c r="R3485" s="5" t="s">
        <v>1523</v>
      </c>
      <c r="S3485" s="5" t="s">
        <v>42</v>
      </c>
      <c r="T3485" s="2">
        <v>4.1710000000000003</v>
      </c>
      <c r="U3485" s="2">
        <v>3.5329999999999999</v>
      </c>
      <c r="V3485" s="2">
        <v>0.02</v>
      </c>
      <c r="W3485" s="2">
        <v>159.1</v>
      </c>
      <c r="X3485" s="2">
        <v>7.6</v>
      </c>
      <c r="Y3485" s="2">
        <v>16.7</v>
      </c>
      <c r="Z3485" s="5"/>
      <c r="AA3485" s="5" t="s">
        <v>43</v>
      </c>
      <c r="AB3485" s="5" t="s">
        <v>44</v>
      </c>
      <c r="AC3485" s="2"/>
      <c r="AD3485" s="1"/>
    </row>
    <row r="3486" spans="1:30">
      <c r="A3486" s="5" t="s">
        <v>83578</v>
      </c>
      <c r="B3486" s="2" t="s">
        <v>94060</v>
      </c>
      <c r="C3486" s="14" t="s">
        <v>94061</v>
      </c>
      <c r="D3486" s="2" t="s">
        <v>94062</v>
      </c>
      <c r="E3486" s="2" t="s">
        <v>36297</v>
      </c>
      <c r="F3486" s="8">
        <v>360</v>
      </c>
      <c r="G3486" s="5">
        <v>6</v>
      </c>
      <c r="H3486" s="5" t="s">
        <v>1518</v>
      </c>
      <c r="I3486" s="5" t="s">
        <v>36264</v>
      </c>
      <c r="J3486" s="2" t="s">
        <v>36265</v>
      </c>
      <c r="K3486" s="5" t="s">
        <v>36264</v>
      </c>
      <c r="L3486" s="2" t="s">
        <v>36265</v>
      </c>
      <c r="M3486" s="5" t="s">
        <v>36266</v>
      </c>
      <c r="N3486" s="5" t="s">
        <v>38</v>
      </c>
      <c r="O3486" s="5" t="s">
        <v>39</v>
      </c>
      <c r="P3486" s="5" t="s">
        <v>40</v>
      </c>
      <c r="Q3486" s="5" t="s">
        <v>1522</v>
      </c>
      <c r="R3486" s="5" t="s">
        <v>1523</v>
      </c>
      <c r="S3486" s="5" t="s">
        <v>42</v>
      </c>
      <c r="T3486" s="2">
        <v>4.0410000000000004</v>
      </c>
      <c r="U3486" s="2">
        <v>3.403</v>
      </c>
      <c r="V3486" s="2">
        <v>0.02</v>
      </c>
      <c r="W3486" s="2">
        <v>159.1</v>
      </c>
      <c r="X3486" s="2">
        <v>7.6</v>
      </c>
      <c r="Y3486" s="2">
        <v>16.7</v>
      </c>
      <c r="Z3486" s="5"/>
      <c r="AA3486" s="5" t="s">
        <v>43</v>
      </c>
      <c r="AB3486" s="5" t="s">
        <v>44</v>
      </c>
      <c r="AC3486" s="2"/>
      <c r="AD3486" s="1"/>
    </row>
    <row r="3487" spans="1:30">
      <c r="A3487" s="5" t="s">
        <v>83578</v>
      </c>
      <c r="B3487" s="2" t="s">
        <v>94063</v>
      </c>
      <c r="C3487" s="14" t="s">
        <v>94064</v>
      </c>
      <c r="D3487" s="2" t="s">
        <v>94065</v>
      </c>
      <c r="E3487" s="2" t="s">
        <v>36301</v>
      </c>
      <c r="F3487" s="8">
        <v>360</v>
      </c>
      <c r="G3487" s="5">
        <v>6</v>
      </c>
      <c r="H3487" s="5" t="s">
        <v>1518</v>
      </c>
      <c r="I3487" s="5" t="s">
        <v>36264</v>
      </c>
      <c r="J3487" s="2" t="s">
        <v>36265</v>
      </c>
      <c r="K3487" s="5" t="s">
        <v>36264</v>
      </c>
      <c r="L3487" s="2" t="s">
        <v>36265</v>
      </c>
      <c r="M3487" s="5" t="s">
        <v>36266</v>
      </c>
      <c r="N3487" s="5" t="s">
        <v>38</v>
      </c>
      <c r="O3487" s="5" t="s">
        <v>39</v>
      </c>
      <c r="P3487" s="5" t="s">
        <v>40</v>
      </c>
      <c r="Q3487" s="5" t="s">
        <v>1522</v>
      </c>
      <c r="R3487" s="5" t="s">
        <v>1523</v>
      </c>
      <c r="S3487" s="5" t="s">
        <v>42</v>
      </c>
      <c r="T3487" s="2">
        <v>4.1710000000000003</v>
      </c>
      <c r="U3487" s="2">
        <v>3.5329999999999999</v>
      </c>
      <c r="V3487" s="2">
        <v>0.02</v>
      </c>
      <c r="W3487" s="2">
        <v>159.1</v>
      </c>
      <c r="X3487" s="2">
        <v>7.6</v>
      </c>
      <c r="Y3487" s="2">
        <v>16.7</v>
      </c>
      <c r="Z3487" s="5"/>
      <c r="AA3487" s="5" t="s">
        <v>43</v>
      </c>
      <c r="AB3487" s="5" t="s">
        <v>44</v>
      </c>
      <c r="AC3487" s="2"/>
      <c r="AD3487" s="1"/>
    </row>
    <row r="3488" spans="1:30">
      <c r="A3488" s="5" t="s">
        <v>83578</v>
      </c>
      <c r="B3488" s="2" t="s">
        <v>94066</v>
      </c>
      <c r="C3488" s="14" t="s">
        <v>94067</v>
      </c>
      <c r="D3488" s="2" t="s">
        <v>94068</v>
      </c>
      <c r="E3488" s="2" t="s">
        <v>36309</v>
      </c>
      <c r="F3488" s="8">
        <v>360</v>
      </c>
      <c r="G3488" s="5">
        <v>6</v>
      </c>
      <c r="H3488" s="5" t="s">
        <v>1518</v>
      </c>
      <c r="I3488" s="5" t="s">
        <v>36264</v>
      </c>
      <c r="J3488" s="2" t="s">
        <v>36265</v>
      </c>
      <c r="K3488" s="5" t="s">
        <v>36264</v>
      </c>
      <c r="L3488" s="2" t="s">
        <v>36265</v>
      </c>
      <c r="M3488" s="5" t="s">
        <v>36266</v>
      </c>
      <c r="N3488" s="5" t="s">
        <v>38</v>
      </c>
      <c r="O3488" s="5" t="s">
        <v>39</v>
      </c>
      <c r="P3488" s="5" t="s">
        <v>40</v>
      </c>
      <c r="Q3488" s="5" t="s">
        <v>1522</v>
      </c>
      <c r="R3488" s="5" t="s">
        <v>1523</v>
      </c>
      <c r="S3488" s="5" t="s">
        <v>42</v>
      </c>
      <c r="T3488" s="2">
        <v>4.1710000000000003</v>
      </c>
      <c r="U3488" s="2">
        <v>3.5329999999999999</v>
      </c>
      <c r="V3488" s="2">
        <v>0.02</v>
      </c>
      <c r="W3488" s="2">
        <v>159.1</v>
      </c>
      <c r="X3488" s="2">
        <v>7.6</v>
      </c>
      <c r="Y3488" s="2">
        <v>16.7</v>
      </c>
      <c r="Z3488" s="5"/>
      <c r="AA3488" s="5" t="s">
        <v>43</v>
      </c>
      <c r="AB3488" s="5" t="s">
        <v>44</v>
      </c>
      <c r="AC3488" s="2"/>
      <c r="AD3488" s="1"/>
    </row>
    <row r="3489" spans="1:30">
      <c r="A3489" s="5" t="s">
        <v>83578</v>
      </c>
      <c r="B3489" s="2" t="s">
        <v>94069</v>
      </c>
      <c r="C3489" s="14" t="s">
        <v>94070</v>
      </c>
      <c r="D3489" s="2" t="s">
        <v>94071</v>
      </c>
      <c r="E3489" s="2" t="s">
        <v>36313</v>
      </c>
      <c r="F3489" s="8">
        <v>394</v>
      </c>
      <c r="G3489" s="5">
        <v>6</v>
      </c>
      <c r="H3489" s="5" t="s">
        <v>1518</v>
      </c>
      <c r="I3489" s="5" t="s">
        <v>36264</v>
      </c>
      <c r="J3489" s="2" t="s">
        <v>36265</v>
      </c>
      <c r="K3489" s="5" t="s">
        <v>36264</v>
      </c>
      <c r="L3489" s="2" t="s">
        <v>36265</v>
      </c>
      <c r="M3489" s="5" t="s">
        <v>36266</v>
      </c>
      <c r="N3489" s="5" t="s">
        <v>38</v>
      </c>
      <c r="O3489" s="5" t="s">
        <v>39</v>
      </c>
      <c r="P3489" s="5" t="s">
        <v>40</v>
      </c>
      <c r="Q3489" s="5" t="s">
        <v>1522</v>
      </c>
      <c r="R3489" s="5" t="s">
        <v>1523</v>
      </c>
      <c r="S3489" s="5" t="s">
        <v>42</v>
      </c>
      <c r="T3489" s="2">
        <v>4.0410000000000004</v>
      </c>
      <c r="U3489" s="2">
        <v>3.403</v>
      </c>
      <c r="V3489" s="2">
        <v>0.02</v>
      </c>
      <c r="W3489" s="2">
        <v>159.1</v>
      </c>
      <c r="X3489" s="2">
        <v>7.6</v>
      </c>
      <c r="Y3489" s="2">
        <v>16.7</v>
      </c>
      <c r="Z3489" s="5"/>
      <c r="AA3489" s="5" t="s">
        <v>43</v>
      </c>
      <c r="AB3489" s="5" t="s">
        <v>44</v>
      </c>
      <c r="AC3489" s="2"/>
      <c r="AD3489" s="1"/>
    </row>
    <row r="3490" spans="1:30">
      <c r="A3490" s="5" t="s">
        <v>83578</v>
      </c>
      <c r="B3490" s="2" t="s">
        <v>94072</v>
      </c>
      <c r="C3490" s="14" t="s">
        <v>94073</v>
      </c>
      <c r="D3490" s="2" t="s">
        <v>94074</v>
      </c>
      <c r="E3490" s="2" t="s">
        <v>36317</v>
      </c>
      <c r="F3490" s="8">
        <v>394</v>
      </c>
      <c r="G3490" s="5">
        <v>6</v>
      </c>
      <c r="H3490" s="5" t="s">
        <v>1518</v>
      </c>
      <c r="I3490" s="5" t="s">
        <v>36264</v>
      </c>
      <c r="J3490" s="2" t="s">
        <v>36265</v>
      </c>
      <c r="K3490" s="5" t="s">
        <v>36264</v>
      </c>
      <c r="L3490" s="2" t="s">
        <v>36265</v>
      </c>
      <c r="M3490" s="5" t="s">
        <v>36266</v>
      </c>
      <c r="N3490" s="5" t="s">
        <v>38</v>
      </c>
      <c r="O3490" s="5" t="s">
        <v>39</v>
      </c>
      <c r="P3490" s="5" t="s">
        <v>40</v>
      </c>
      <c r="Q3490" s="5" t="s">
        <v>1522</v>
      </c>
      <c r="R3490" s="5" t="s">
        <v>1523</v>
      </c>
      <c r="S3490" s="5" t="s">
        <v>42</v>
      </c>
      <c r="T3490" s="2">
        <v>4.1710000000000003</v>
      </c>
      <c r="U3490" s="2">
        <v>3.5329999999999999</v>
      </c>
      <c r="V3490" s="2">
        <v>0.02</v>
      </c>
      <c r="W3490" s="2">
        <v>159.1</v>
      </c>
      <c r="X3490" s="2">
        <v>7.6</v>
      </c>
      <c r="Y3490" s="2">
        <v>16.7</v>
      </c>
      <c r="Z3490" s="5"/>
      <c r="AA3490" s="5" t="s">
        <v>43</v>
      </c>
      <c r="AB3490" s="5" t="s">
        <v>44</v>
      </c>
      <c r="AC3490" s="2"/>
      <c r="AD3490" s="1"/>
    </row>
    <row r="3491" spans="1:30">
      <c r="A3491" s="5" t="s">
        <v>83578</v>
      </c>
      <c r="B3491" s="2" t="s">
        <v>94075</v>
      </c>
      <c r="C3491" s="14" t="s">
        <v>94076</v>
      </c>
      <c r="D3491" s="2" t="s">
        <v>94077</v>
      </c>
      <c r="E3491" s="2" t="s">
        <v>36321</v>
      </c>
      <c r="F3491" s="8">
        <v>394</v>
      </c>
      <c r="G3491" s="5">
        <v>6</v>
      </c>
      <c r="H3491" s="5" t="s">
        <v>1518</v>
      </c>
      <c r="I3491" s="5" t="s">
        <v>36264</v>
      </c>
      <c r="J3491" s="2" t="s">
        <v>36265</v>
      </c>
      <c r="K3491" s="5" t="s">
        <v>36264</v>
      </c>
      <c r="L3491" s="2" t="s">
        <v>36265</v>
      </c>
      <c r="M3491" s="5" t="s">
        <v>36266</v>
      </c>
      <c r="N3491" s="5" t="s">
        <v>38</v>
      </c>
      <c r="O3491" s="5" t="s">
        <v>39</v>
      </c>
      <c r="P3491" s="5" t="s">
        <v>40</v>
      </c>
      <c r="Q3491" s="5" t="s">
        <v>1522</v>
      </c>
      <c r="R3491" s="5" t="s">
        <v>1523</v>
      </c>
      <c r="S3491" s="5" t="s">
        <v>42</v>
      </c>
      <c r="T3491" s="2">
        <v>4.0410000000000004</v>
      </c>
      <c r="U3491" s="2">
        <v>3.403</v>
      </c>
      <c r="V3491" s="2">
        <v>0.02</v>
      </c>
      <c r="W3491" s="2">
        <v>159.1</v>
      </c>
      <c r="X3491" s="2">
        <v>7.6</v>
      </c>
      <c r="Y3491" s="2">
        <v>16.7</v>
      </c>
      <c r="Z3491" s="5"/>
      <c r="AA3491" s="5" t="s">
        <v>43</v>
      </c>
      <c r="AB3491" s="5" t="s">
        <v>44</v>
      </c>
      <c r="AC3491" s="2"/>
      <c r="AD3491" s="1"/>
    </row>
    <row r="3492" spans="1:30">
      <c r="A3492" s="5" t="s">
        <v>83578</v>
      </c>
      <c r="B3492" s="2" t="s">
        <v>94078</v>
      </c>
      <c r="C3492" s="14" t="s">
        <v>94079</v>
      </c>
      <c r="D3492" s="2" t="s">
        <v>94080</v>
      </c>
      <c r="E3492" s="2" t="s">
        <v>36325</v>
      </c>
      <c r="F3492" s="8">
        <v>394</v>
      </c>
      <c r="G3492" s="5">
        <v>6</v>
      </c>
      <c r="H3492" s="5" t="s">
        <v>1518</v>
      </c>
      <c r="I3492" s="5" t="s">
        <v>36264</v>
      </c>
      <c r="J3492" s="2" t="s">
        <v>36265</v>
      </c>
      <c r="K3492" s="5" t="s">
        <v>36264</v>
      </c>
      <c r="L3492" s="2" t="s">
        <v>36265</v>
      </c>
      <c r="M3492" s="5" t="s">
        <v>36266</v>
      </c>
      <c r="N3492" s="5" t="s">
        <v>38</v>
      </c>
      <c r="O3492" s="5" t="s">
        <v>39</v>
      </c>
      <c r="P3492" s="5" t="s">
        <v>40</v>
      </c>
      <c r="Q3492" s="5" t="s">
        <v>1522</v>
      </c>
      <c r="R3492" s="5" t="s">
        <v>1523</v>
      </c>
      <c r="S3492" s="5" t="s">
        <v>42</v>
      </c>
      <c r="T3492" s="2">
        <v>4.1710000000000003</v>
      </c>
      <c r="U3492" s="2">
        <v>3.5329999999999999</v>
      </c>
      <c r="V3492" s="2">
        <v>0.02</v>
      </c>
      <c r="W3492" s="2">
        <v>159.1</v>
      </c>
      <c r="X3492" s="2">
        <v>7.6</v>
      </c>
      <c r="Y3492" s="2">
        <v>16.7</v>
      </c>
      <c r="Z3492" s="5"/>
      <c r="AA3492" s="5" t="s">
        <v>43</v>
      </c>
      <c r="AB3492" s="5" t="s">
        <v>44</v>
      </c>
      <c r="AC3492" s="2"/>
      <c r="AD3492" s="1"/>
    </row>
    <row r="3493" spans="1:30">
      <c r="A3493" s="5" t="s">
        <v>83578</v>
      </c>
      <c r="B3493" s="2" t="s">
        <v>94081</v>
      </c>
      <c r="C3493" s="14" t="s">
        <v>94082</v>
      </c>
      <c r="D3493" s="2" t="s">
        <v>94083</v>
      </c>
      <c r="E3493" s="2" t="s">
        <v>36329</v>
      </c>
      <c r="F3493" s="8">
        <v>394</v>
      </c>
      <c r="G3493" s="5">
        <v>6</v>
      </c>
      <c r="H3493" s="5" t="s">
        <v>1518</v>
      </c>
      <c r="I3493" s="5" t="s">
        <v>36264</v>
      </c>
      <c r="J3493" s="2" t="s">
        <v>36265</v>
      </c>
      <c r="K3493" s="5" t="s">
        <v>36264</v>
      </c>
      <c r="L3493" s="2" t="s">
        <v>36265</v>
      </c>
      <c r="M3493" s="5" t="s">
        <v>36266</v>
      </c>
      <c r="N3493" s="5" t="s">
        <v>38</v>
      </c>
      <c r="O3493" s="5" t="s">
        <v>39</v>
      </c>
      <c r="P3493" s="5" t="s">
        <v>40</v>
      </c>
      <c r="Q3493" s="5" t="s">
        <v>1522</v>
      </c>
      <c r="R3493" s="5" t="s">
        <v>1523</v>
      </c>
      <c r="S3493" s="5" t="s">
        <v>42</v>
      </c>
      <c r="T3493" s="2">
        <v>4.0410000000000004</v>
      </c>
      <c r="U3493" s="2">
        <v>3.403</v>
      </c>
      <c r="V3493" s="2">
        <v>0.02</v>
      </c>
      <c r="W3493" s="2">
        <v>159.1</v>
      </c>
      <c r="X3493" s="2">
        <v>7.6</v>
      </c>
      <c r="Y3493" s="2">
        <v>16.7</v>
      </c>
      <c r="Z3493" s="5"/>
      <c r="AA3493" s="5" t="s">
        <v>43</v>
      </c>
      <c r="AB3493" s="5" t="s">
        <v>44</v>
      </c>
      <c r="AC3493" s="2"/>
      <c r="AD3493" s="1"/>
    </row>
    <row r="3494" spans="1:30">
      <c r="A3494" s="5" t="s">
        <v>83578</v>
      </c>
      <c r="B3494" s="2" t="s">
        <v>94084</v>
      </c>
      <c r="C3494" s="14" t="s">
        <v>94085</v>
      </c>
      <c r="D3494" s="2" t="s">
        <v>94086</v>
      </c>
      <c r="E3494" s="2" t="s">
        <v>36333</v>
      </c>
      <c r="F3494" s="8">
        <v>394</v>
      </c>
      <c r="G3494" s="5">
        <v>6</v>
      </c>
      <c r="H3494" s="5" t="s">
        <v>1518</v>
      </c>
      <c r="I3494" s="5" t="s">
        <v>36264</v>
      </c>
      <c r="J3494" s="2" t="s">
        <v>36265</v>
      </c>
      <c r="K3494" s="5" t="s">
        <v>36264</v>
      </c>
      <c r="L3494" s="2" t="s">
        <v>36265</v>
      </c>
      <c r="M3494" s="5" t="s">
        <v>36266</v>
      </c>
      <c r="N3494" s="5" t="s">
        <v>38</v>
      </c>
      <c r="O3494" s="5" t="s">
        <v>39</v>
      </c>
      <c r="P3494" s="5" t="s">
        <v>40</v>
      </c>
      <c r="Q3494" s="5" t="s">
        <v>1522</v>
      </c>
      <c r="R3494" s="5" t="s">
        <v>1523</v>
      </c>
      <c r="S3494" s="5" t="s">
        <v>42</v>
      </c>
      <c r="T3494" s="2">
        <v>4.1710000000000003</v>
      </c>
      <c r="U3494" s="2">
        <v>3.5329999999999999</v>
      </c>
      <c r="V3494" s="2">
        <v>0.02</v>
      </c>
      <c r="W3494" s="2">
        <v>159.1</v>
      </c>
      <c r="X3494" s="2">
        <v>7.6</v>
      </c>
      <c r="Y3494" s="2">
        <v>16.7</v>
      </c>
      <c r="Z3494" s="5"/>
      <c r="AA3494" s="5" t="s">
        <v>43</v>
      </c>
      <c r="AB3494" s="5" t="s">
        <v>44</v>
      </c>
      <c r="AC3494" s="2"/>
      <c r="AD3494" s="1"/>
    </row>
    <row r="3495" spans="1:30">
      <c r="A3495" s="5" t="s">
        <v>83578</v>
      </c>
      <c r="B3495" s="2" t="s">
        <v>94087</v>
      </c>
      <c r="C3495" s="14" t="s">
        <v>94088</v>
      </c>
      <c r="D3495" s="2" t="s">
        <v>94089</v>
      </c>
      <c r="E3495" s="2" t="s">
        <v>36337</v>
      </c>
      <c r="F3495" s="8">
        <v>394</v>
      </c>
      <c r="G3495" s="5">
        <v>6</v>
      </c>
      <c r="H3495" s="5" t="s">
        <v>1518</v>
      </c>
      <c r="I3495" s="5" t="s">
        <v>36264</v>
      </c>
      <c r="J3495" s="2" t="s">
        <v>36265</v>
      </c>
      <c r="K3495" s="5" t="s">
        <v>36264</v>
      </c>
      <c r="L3495" s="2" t="s">
        <v>36265</v>
      </c>
      <c r="M3495" s="5" t="s">
        <v>36266</v>
      </c>
      <c r="N3495" s="5" t="s">
        <v>38</v>
      </c>
      <c r="O3495" s="5" t="s">
        <v>39</v>
      </c>
      <c r="P3495" s="5" t="s">
        <v>40</v>
      </c>
      <c r="Q3495" s="5" t="s">
        <v>1522</v>
      </c>
      <c r="R3495" s="5" t="s">
        <v>1523</v>
      </c>
      <c r="S3495" s="5" t="s">
        <v>42</v>
      </c>
      <c r="T3495" s="2">
        <v>4.0410000000000004</v>
      </c>
      <c r="U3495" s="2">
        <v>3.403</v>
      </c>
      <c r="V3495" s="2">
        <v>0.02</v>
      </c>
      <c r="W3495" s="2">
        <v>159.1</v>
      </c>
      <c r="X3495" s="2">
        <v>7.6</v>
      </c>
      <c r="Y3495" s="2">
        <v>16.7</v>
      </c>
      <c r="Z3495" s="5"/>
      <c r="AA3495" s="5" t="s">
        <v>43</v>
      </c>
      <c r="AB3495" s="5" t="s">
        <v>44</v>
      </c>
      <c r="AC3495" s="2"/>
      <c r="AD3495" s="1"/>
    </row>
    <row r="3496" spans="1:30">
      <c r="A3496" s="5" t="s">
        <v>83578</v>
      </c>
      <c r="B3496" s="2" t="s">
        <v>94090</v>
      </c>
      <c r="C3496" s="14" t="s">
        <v>94091</v>
      </c>
      <c r="D3496" s="2" t="s">
        <v>94092</v>
      </c>
      <c r="E3496" s="2" t="s">
        <v>36341</v>
      </c>
      <c r="F3496" s="8">
        <v>394</v>
      </c>
      <c r="G3496" s="5">
        <v>6</v>
      </c>
      <c r="H3496" s="5" t="s">
        <v>1518</v>
      </c>
      <c r="I3496" s="5" t="s">
        <v>36264</v>
      </c>
      <c r="J3496" s="2" t="s">
        <v>36265</v>
      </c>
      <c r="K3496" s="5" t="s">
        <v>36264</v>
      </c>
      <c r="L3496" s="2" t="s">
        <v>36265</v>
      </c>
      <c r="M3496" s="5" t="s">
        <v>36266</v>
      </c>
      <c r="N3496" s="5" t="s">
        <v>38</v>
      </c>
      <c r="O3496" s="5" t="s">
        <v>39</v>
      </c>
      <c r="P3496" s="5" t="s">
        <v>40</v>
      </c>
      <c r="Q3496" s="5" t="s">
        <v>1522</v>
      </c>
      <c r="R3496" s="5" t="s">
        <v>1523</v>
      </c>
      <c r="S3496" s="5" t="s">
        <v>42</v>
      </c>
      <c r="T3496" s="2">
        <v>4.1710000000000003</v>
      </c>
      <c r="U3496" s="2">
        <v>3.5329999999999999</v>
      </c>
      <c r="V3496" s="2">
        <v>0.02</v>
      </c>
      <c r="W3496" s="2">
        <v>159.1</v>
      </c>
      <c r="X3496" s="2">
        <v>7.6</v>
      </c>
      <c r="Y3496" s="2">
        <v>16.7</v>
      </c>
      <c r="Z3496" s="5"/>
      <c r="AA3496" s="5" t="s">
        <v>43</v>
      </c>
      <c r="AB3496" s="5" t="s">
        <v>44</v>
      </c>
      <c r="AC3496" s="2"/>
      <c r="AD3496" s="1"/>
    </row>
    <row r="3497" spans="1:30">
      <c r="A3497" s="5" t="s">
        <v>83578</v>
      </c>
      <c r="B3497" s="2" t="s">
        <v>94093</v>
      </c>
      <c r="C3497" s="14" t="s">
        <v>94094</v>
      </c>
      <c r="D3497" s="2" t="s">
        <v>94095</v>
      </c>
      <c r="E3497" s="2" t="s">
        <v>36345</v>
      </c>
      <c r="F3497" s="8">
        <v>394</v>
      </c>
      <c r="G3497" s="5">
        <v>6</v>
      </c>
      <c r="H3497" s="5" t="s">
        <v>1518</v>
      </c>
      <c r="I3497" s="5" t="s">
        <v>36264</v>
      </c>
      <c r="J3497" s="2" t="s">
        <v>36265</v>
      </c>
      <c r="K3497" s="5" t="s">
        <v>36264</v>
      </c>
      <c r="L3497" s="2" t="s">
        <v>36265</v>
      </c>
      <c r="M3497" s="5" t="s">
        <v>36266</v>
      </c>
      <c r="N3497" s="5" t="s">
        <v>38</v>
      </c>
      <c r="O3497" s="5" t="s">
        <v>39</v>
      </c>
      <c r="P3497" s="5" t="s">
        <v>40</v>
      </c>
      <c r="Q3497" s="5" t="s">
        <v>1522</v>
      </c>
      <c r="R3497" s="5" t="s">
        <v>1523</v>
      </c>
      <c r="S3497" s="5" t="s">
        <v>42</v>
      </c>
      <c r="T3497" s="2">
        <v>4.0410000000000004</v>
      </c>
      <c r="U3497" s="2">
        <v>3.403</v>
      </c>
      <c r="V3497" s="2">
        <v>0.02</v>
      </c>
      <c r="W3497" s="2">
        <v>159.1</v>
      </c>
      <c r="X3497" s="2">
        <v>7.6</v>
      </c>
      <c r="Y3497" s="2">
        <v>16.7</v>
      </c>
      <c r="Z3497" s="5"/>
      <c r="AA3497" s="5" t="s">
        <v>43</v>
      </c>
      <c r="AB3497" s="5" t="s">
        <v>44</v>
      </c>
      <c r="AC3497" s="2"/>
      <c r="AD3497" s="1"/>
    </row>
    <row r="3498" spans="1:30">
      <c r="A3498" s="5" t="s">
        <v>83578</v>
      </c>
      <c r="B3498" s="2" t="s">
        <v>94096</v>
      </c>
      <c r="C3498" s="14" t="s">
        <v>94097</v>
      </c>
      <c r="D3498" s="2" t="s">
        <v>94098</v>
      </c>
      <c r="E3498" s="2" t="s">
        <v>36349</v>
      </c>
      <c r="F3498" s="8">
        <v>394</v>
      </c>
      <c r="G3498" s="5">
        <v>6</v>
      </c>
      <c r="H3498" s="5" t="s">
        <v>1518</v>
      </c>
      <c r="I3498" s="5" t="s">
        <v>36264</v>
      </c>
      <c r="J3498" s="2" t="s">
        <v>36265</v>
      </c>
      <c r="K3498" s="5" t="s">
        <v>36264</v>
      </c>
      <c r="L3498" s="2" t="s">
        <v>36265</v>
      </c>
      <c r="M3498" s="5" t="s">
        <v>36266</v>
      </c>
      <c r="N3498" s="5" t="s">
        <v>38</v>
      </c>
      <c r="O3498" s="5" t="s">
        <v>39</v>
      </c>
      <c r="P3498" s="5" t="s">
        <v>40</v>
      </c>
      <c r="Q3498" s="5" t="s">
        <v>1522</v>
      </c>
      <c r="R3498" s="5" t="s">
        <v>1523</v>
      </c>
      <c r="S3498" s="5" t="s">
        <v>42</v>
      </c>
      <c r="T3498" s="2">
        <v>4.1710000000000003</v>
      </c>
      <c r="U3498" s="2">
        <v>3.5329999999999999</v>
      </c>
      <c r="V3498" s="2">
        <v>0.02</v>
      </c>
      <c r="W3498" s="2">
        <v>159.1</v>
      </c>
      <c r="X3498" s="2">
        <v>7.6</v>
      </c>
      <c r="Y3498" s="2">
        <v>16.7</v>
      </c>
      <c r="Z3498" s="5"/>
      <c r="AA3498" s="5" t="s">
        <v>43</v>
      </c>
      <c r="AB3498" s="5" t="s">
        <v>44</v>
      </c>
      <c r="AC3498" s="2"/>
      <c r="AD3498" s="1"/>
    </row>
    <row r="3499" spans="1:30">
      <c r="A3499" s="5" t="s">
        <v>83578</v>
      </c>
      <c r="B3499" s="2" t="s">
        <v>94099</v>
      </c>
      <c r="C3499" s="14" t="s">
        <v>94100</v>
      </c>
      <c r="D3499" s="2" t="s">
        <v>94101</v>
      </c>
      <c r="E3499" s="2" t="s">
        <v>36353</v>
      </c>
      <c r="F3499" s="8">
        <v>394</v>
      </c>
      <c r="G3499" s="5">
        <v>6</v>
      </c>
      <c r="H3499" s="5" t="s">
        <v>1518</v>
      </c>
      <c r="I3499" s="5" t="s">
        <v>36264</v>
      </c>
      <c r="J3499" s="2" t="s">
        <v>36265</v>
      </c>
      <c r="K3499" s="5" t="s">
        <v>36264</v>
      </c>
      <c r="L3499" s="2" t="s">
        <v>36265</v>
      </c>
      <c r="M3499" s="5" t="s">
        <v>36266</v>
      </c>
      <c r="N3499" s="5" t="s">
        <v>38</v>
      </c>
      <c r="O3499" s="5" t="s">
        <v>39</v>
      </c>
      <c r="P3499" s="5" t="s">
        <v>40</v>
      </c>
      <c r="Q3499" s="5" t="s">
        <v>1522</v>
      </c>
      <c r="R3499" s="5" t="s">
        <v>1523</v>
      </c>
      <c r="S3499" s="5" t="s">
        <v>42</v>
      </c>
      <c r="T3499" s="2">
        <v>4.0410000000000004</v>
      </c>
      <c r="U3499" s="2">
        <v>3.403</v>
      </c>
      <c r="V3499" s="2">
        <v>0.02</v>
      </c>
      <c r="W3499" s="2">
        <v>159.1</v>
      </c>
      <c r="X3499" s="2">
        <v>7.6</v>
      </c>
      <c r="Y3499" s="2">
        <v>16.7</v>
      </c>
      <c r="Z3499" s="5"/>
      <c r="AA3499" s="5" t="s">
        <v>43</v>
      </c>
      <c r="AB3499" s="5" t="s">
        <v>44</v>
      </c>
      <c r="AC3499" s="2"/>
      <c r="AD3499" s="1"/>
    </row>
    <row r="3500" spans="1:30">
      <c r="A3500" s="5" t="s">
        <v>83578</v>
      </c>
      <c r="B3500" s="2" t="s">
        <v>94102</v>
      </c>
      <c r="C3500" s="14" t="s">
        <v>94103</v>
      </c>
      <c r="D3500" s="2" t="s">
        <v>94104</v>
      </c>
      <c r="E3500" s="2" t="s">
        <v>36357</v>
      </c>
      <c r="F3500" s="8">
        <v>394</v>
      </c>
      <c r="G3500" s="5">
        <v>6</v>
      </c>
      <c r="H3500" s="5" t="s">
        <v>1518</v>
      </c>
      <c r="I3500" s="5" t="s">
        <v>36264</v>
      </c>
      <c r="J3500" s="2" t="s">
        <v>36265</v>
      </c>
      <c r="K3500" s="5" t="s">
        <v>36264</v>
      </c>
      <c r="L3500" s="2" t="s">
        <v>36265</v>
      </c>
      <c r="M3500" s="5" t="s">
        <v>36266</v>
      </c>
      <c r="N3500" s="5" t="s">
        <v>38</v>
      </c>
      <c r="O3500" s="5" t="s">
        <v>39</v>
      </c>
      <c r="P3500" s="5" t="s">
        <v>40</v>
      </c>
      <c r="Q3500" s="5" t="s">
        <v>1522</v>
      </c>
      <c r="R3500" s="5" t="s">
        <v>1523</v>
      </c>
      <c r="S3500" s="5" t="s">
        <v>42</v>
      </c>
      <c r="T3500" s="2">
        <v>4.1710000000000003</v>
      </c>
      <c r="U3500" s="2">
        <v>3.5329999999999999</v>
      </c>
      <c r="V3500" s="2">
        <v>0.02</v>
      </c>
      <c r="W3500" s="2">
        <v>159.1</v>
      </c>
      <c r="X3500" s="2">
        <v>7.6</v>
      </c>
      <c r="Y3500" s="2">
        <v>16.7</v>
      </c>
      <c r="Z3500" s="5"/>
      <c r="AA3500" s="5" t="s">
        <v>43</v>
      </c>
      <c r="AB3500" s="5" t="s">
        <v>44</v>
      </c>
      <c r="AC3500" s="2"/>
      <c r="AD3500" s="1"/>
    </row>
    <row r="3501" spans="1:30">
      <c r="A3501" s="5" t="s">
        <v>83578</v>
      </c>
      <c r="B3501" s="2" t="s">
        <v>94105</v>
      </c>
      <c r="C3501" s="14" t="s">
        <v>94106</v>
      </c>
      <c r="D3501" s="2" t="s">
        <v>94107</v>
      </c>
      <c r="E3501" s="2" t="s">
        <v>45598</v>
      </c>
      <c r="F3501" s="8">
        <v>394</v>
      </c>
      <c r="G3501" s="5">
        <v>6</v>
      </c>
      <c r="H3501" s="5" t="s">
        <v>1518</v>
      </c>
      <c r="I3501" s="5" t="s">
        <v>36264</v>
      </c>
      <c r="J3501" s="2" t="s">
        <v>36265</v>
      </c>
      <c r="K3501" s="5" t="s">
        <v>36264</v>
      </c>
      <c r="L3501" s="2" t="s">
        <v>36265</v>
      </c>
      <c r="M3501" s="5" t="s">
        <v>36266</v>
      </c>
      <c r="N3501" s="5" t="s">
        <v>38</v>
      </c>
      <c r="O3501" s="5" t="s">
        <v>39</v>
      </c>
      <c r="P3501" s="5" t="s">
        <v>40</v>
      </c>
      <c r="Q3501" s="5" t="s">
        <v>1522</v>
      </c>
      <c r="R3501" s="5" t="s">
        <v>1523</v>
      </c>
      <c r="S3501" s="5" t="s">
        <v>42</v>
      </c>
      <c r="T3501" s="2">
        <v>4.0410000000000004</v>
      </c>
      <c r="U3501" s="2">
        <v>3.403</v>
      </c>
      <c r="V3501" s="2">
        <v>0.02</v>
      </c>
      <c r="W3501" s="2">
        <v>159.1</v>
      </c>
      <c r="X3501" s="2">
        <v>7.6</v>
      </c>
      <c r="Y3501" s="2">
        <v>16.7</v>
      </c>
      <c r="Z3501" s="5"/>
      <c r="AA3501" s="5" t="s">
        <v>43</v>
      </c>
      <c r="AB3501" s="5" t="s">
        <v>44</v>
      </c>
      <c r="AC3501" s="2"/>
      <c r="AD3501" s="1"/>
    </row>
    <row r="3502" spans="1:30">
      <c r="A3502" s="5" t="s">
        <v>83578</v>
      </c>
      <c r="B3502" s="2" t="s">
        <v>94108</v>
      </c>
      <c r="C3502" s="14" t="s">
        <v>94109</v>
      </c>
      <c r="D3502" s="2" t="s">
        <v>94110</v>
      </c>
      <c r="E3502" s="2" t="s">
        <v>45534</v>
      </c>
      <c r="F3502" s="8">
        <v>394</v>
      </c>
      <c r="G3502" s="5">
        <v>6</v>
      </c>
      <c r="H3502" s="5" t="s">
        <v>1518</v>
      </c>
      <c r="I3502" s="5" t="s">
        <v>36264</v>
      </c>
      <c r="J3502" s="2" t="s">
        <v>36265</v>
      </c>
      <c r="K3502" s="5" t="s">
        <v>36264</v>
      </c>
      <c r="L3502" s="2" t="s">
        <v>36265</v>
      </c>
      <c r="M3502" s="5" t="s">
        <v>36266</v>
      </c>
      <c r="N3502" s="5" t="s">
        <v>38</v>
      </c>
      <c r="O3502" s="5" t="s">
        <v>39</v>
      </c>
      <c r="P3502" s="5" t="s">
        <v>40</v>
      </c>
      <c r="Q3502" s="5" t="s">
        <v>1522</v>
      </c>
      <c r="R3502" s="5" t="s">
        <v>1523</v>
      </c>
      <c r="S3502" s="5" t="s">
        <v>42</v>
      </c>
      <c r="T3502" s="2">
        <v>4.1710000000000003</v>
      </c>
      <c r="U3502" s="2">
        <v>3.5329999999999999</v>
      </c>
      <c r="V3502" s="2">
        <v>0.02</v>
      </c>
      <c r="W3502" s="2">
        <v>159.1</v>
      </c>
      <c r="X3502" s="2">
        <v>7.6</v>
      </c>
      <c r="Y3502" s="2">
        <v>16.7</v>
      </c>
      <c r="Z3502" s="5"/>
      <c r="AA3502" s="5" t="s">
        <v>43</v>
      </c>
      <c r="AB3502" s="5" t="s">
        <v>44</v>
      </c>
      <c r="AC3502" s="2"/>
      <c r="AD3502" s="1"/>
    </row>
    <row r="3503" spans="1:30">
      <c r="A3503" s="5" t="s">
        <v>83578</v>
      </c>
      <c r="B3503" s="2" t="s">
        <v>94111</v>
      </c>
      <c r="C3503" s="14" t="s">
        <v>94112</v>
      </c>
      <c r="D3503" s="2" t="s">
        <v>94113</v>
      </c>
      <c r="E3503" s="2" t="s">
        <v>36373</v>
      </c>
      <c r="F3503" s="8">
        <v>394</v>
      </c>
      <c r="G3503" s="5">
        <v>6</v>
      </c>
      <c r="H3503" s="5" t="s">
        <v>1518</v>
      </c>
      <c r="I3503" s="5" t="s">
        <v>36264</v>
      </c>
      <c r="J3503" s="2" t="s">
        <v>36265</v>
      </c>
      <c r="K3503" s="5" t="s">
        <v>36264</v>
      </c>
      <c r="L3503" s="2" t="s">
        <v>36265</v>
      </c>
      <c r="M3503" s="5" t="s">
        <v>36266</v>
      </c>
      <c r="N3503" s="5" t="s">
        <v>38</v>
      </c>
      <c r="O3503" s="5" t="s">
        <v>39</v>
      </c>
      <c r="P3503" s="5" t="s">
        <v>40</v>
      </c>
      <c r="Q3503" s="5" t="s">
        <v>1522</v>
      </c>
      <c r="R3503" s="5" t="s">
        <v>1523</v>
      </c>
      <c r="S3503" s="5" t="s">
        <v>42</v>
      </c>
      <c r="T3503" s="2">
        <v>4.1710000000000003</v>
      </c>
      <c r="U3503" s="2">
        <v>3.5329999999999999</v>
      </c>
      <c r="V3503" s="2">
        <v>0.02</v>
      </c>
      <c r="W3503" s="2">
        <v>159.1</v>
      </c>
      <c r="X3503" s="2">
        <v>7.6</v>
      </c>
      <c r="Y3503" s="2">
        <v>16.7</v>
      </c>
      <c r="Z3503" s="5"/>
      <c r="AA3503" s="5" t="s">
        <v>43</v>
      </c>
      <c r="AB3503" s="5" t="s">
        <v>44</v>
      </c>
      <c r="AC3503" s="2"/>
      <c r="AD3503" s="1"/>
    </row>
    <row r="3504" spans="1:30">
      <c r="A3504" s="5" t="s">
        <v>83578</v>
      </c>
      <c r="B3504" s="2" t="s">
        <v>94114</v>
      </c>
      <c r="C3504" s="14" t="s">
        <v>94115</v>
      </c>
      <c r="D3504" s="2" t="s">
        <v>94116</v>
      </c>
      <c r="E3504" s="2" t="s">
        <v>36377</v>
      </c>
      <c r="F3504" s="8">
        <v>394</v>
      </c>
      <c r="G3504" s="5">
        <v>6</v>
      </c>
      <c r="H3504" s="5" t="s">
        <v>1518</v>
      </c>
      <c r="I3504" s="5" t="s">
        <v>36264</v>
      </c>
      <c r="J3504" s="2" t="s">
        <v>36265</v>
      </c>
      <c r="K3504" s="5" t="s">
        <v>36264</v>
      </c>
      <c r="L3504" s="2" t="s">
        <v>36265</v>
      </c>
      <c r="M3504" s="5" t="s">
        <v>36266</v>
      </c>
      <c r="N3504" s="5" t="s">
        <v>38</v>
      </c>
      <c r="O3504" s="5" t="s">
        <v>39</v>
      </c>
      <c r="P3504" s="5" t="s">
        <v>40</v>
      </c>
      <c r="Q3504" s="5" t="s">
        <v>1522</v>
      </c>
      <c r="R3504" s="5" t="s">
        <v>1523</v>
      </c>
      <c r="S3504" s="5" t="s">
        <v>42</v>
      </c>
      <c r="T3504" s="2">
        <v>4.0410000000000004</v>
      </c>
      <c r="U3504" s="2">
        <v>3.403</v>
      </c>
      <c r="V3504" s="2">
        <v>0.02</v>
      </c>
      <c r="W3504" s="2">
        <v>159.1</v>
      </c>
      <c r="X3504" s="2">
        <v>7.6</v>
      </c>
      <c r="Y3504" s="2">
        <v>16.7</v>
      </c>
      <c r="Z3504" s="5"/>
      <c r="AA3504" s="5" t="s">
        <v>43</v>
      </c>
      <c r="AB3504" s="5" t="s">
        <v>44</v>
      </c>
      <c r="AC3504" s="2"/>
      <c r="AD3504" s="1"/>
    </row>
    <row r="3505" spans="1:30">
      <c r="A3505" s="5" t="s">
        <v>83578</v>
      </c>
      <c r="B3505" s="2" t="s">
        <v>94117</v>
      </c>
      <c r="C3505" s="14" t="s">
        <v>94118</v>
      </c>
      <c r="D3505" s="2" t="s">
        <v>94119</v>
      </c>
      <c r="E3505" s="2" t="s">
        <v>36381</v>
      </c>
      <c r="F3505" s="8">
        <v>394</v>
      </c>
      <c r="G3505" s="5">
        <v>6</v>
      </c>
      <c r="H3505" s="5" t="s">
        <v>1518</v>
      </c>
      <c r="I3505" s="5" t="s">
        <v>36264</v>
      </c>
      <c r="J3505" s="2" t="s">
        <v>36265</v>
      </c>
      <c r="K3505" s="5" t="s">
        <v>36264</v>
      </c>
      <c r="L3505" s="2" t="s">
        <v>36265</v>
      </c>
      <c r="M3505" s="5" t="s">
        <v>36266</v>
      </c>
      <c r="N3505" s="5" t="s">
        <v>38</v>
      </c>
      <c r="O3505" s="5" t="s">
        <v>39</v>
      </c>
      <c r="P3505" s="5" t="s">
        <v>40</v>
      </c>
      <c r="Q3505" s="5" t="s">
        <v>1522</v>
      </c>
      <c r="R3505" s="5" t="s">
        <v>1523</v>
      </c>
      <c r="S3505" s="5" t="s">
        <v>42</v>
      </c>
      <c r="T3505" s="2">
        <v>4.1710000000000003</v>
      </c>
      <c r="U3505" s="2">
        <v>3.5329999999999999</v>
      </c>
      <c r="V3505" s="2">
        <v>0.02</v>
      </c>
      <c r="W3505" s="2">
        <v>159.1</v>
      </c>
      <c r="X3505" s="2">
        <v>7.6</v>
      </c>
      <c r="Y3505" s="2">
        <v>16.7</v>
      </c>
      <c r="Z3505" s="5"/>
      <c r="AA3505" s="5" t="s">
        <v>43</v>
      </c>
      <c r="AB3505" s="5" t="s">
        <v>44</v>
      </c>
      <c r="AC3505" s="2"/>
      <c r="AD3505" s="1"/>
    </row>
    <row r="3506" spans="1:30">
      <c r="A3506" s="5" t="s">
        <v>83578</v>
      </c>
      <c r="B3506" s="2" t="s">
        <v>94120</v>
      </c>
      <c r="C3506" s="14" t="s">
        <v>94121</v>
      </c>
      <c r="D3506" s="2" t="s">
        <v>94122</v>
      </c>
      <c r="E3506" s="2" t="s">
        <v>36385</v>
      </c>
      <c r="F3506" s="8">
        <v>394</v>
      </c>
      <c r="G3506" s="5">
        <v>6</v>
      </c>
      <c r="H3506" s="5" t="s">
        <v>1518</v>
      </c>
      <c r="I3506" s="5" t="s">
        <v>36264</v>
      </c>
      <c r="J3506" s="2" t="s">
        <v>36265</v>
      </c>
      <c r="K3506" s="5" t="s">
        <v>36264</v>
      </c>
      <c r="L3506" s="2" t="s">
        <v>36265</v>
      </c>
      <c r="M3506" s="5" t="s">
        <v>36266</v>
      </c>
      <c r="N3506" s="5" t="s">
        <v>38</v>
      </c>
      <c r="O3506" s="5" t="s">
        <v>39</v>
      </c>
      <c r="P3506" s="5" t="s">
        <v>40</v>
      </c>
      <c r="Q3506" s="5" t="s">
        <v>1522</v>
      </c>
      <c r="R3506" s="5" t="s">
        <v>1523</v>
      </c>
      <c r="S3506" s="5" t="s">
        <v>42</v>
      </c>
      <c r="T3506" s="2">
        <v>4.0410000000000004</v>
      </c>
      <c r="U3506" s="2">
        <v>3.403</v>
      </c>
      <c r="V3506" s="2">
        <v>0.02</v>
      </c>
      <c r="W3506" s="2">
        <v>159.1</v>
      </c>
      <c r="X3506" s="2">
        <v>7.6</v>
      </c>
      <c r="Y3506" s="2">
        <v>16.7</v>
      </c>
      <c r="Z3506" s="5"/>
      <c r="AA3506" s="5" t="s">
        <v>43</v>
      </c>
      <c r="AB3506" s="5" t="s">
        <v>44</v>
      </c>
      <c r="AC3506" s="2"/>
      <c r="AD3506" s="1"/>
    </row>
    <row r="3507" spans="1:30">
      <c r="A3507" s="5" t="s">
        <v>83578</v>
      </c>
      <c r="B3507" s="2" t="s">
        <v>94123</v>
      </c>
      <c r="C3507" s="14" t="s">
        <v>94124</v>
      </c>
      <c r="D3507" s="2" t="s">
        <v>94125</v>
      </c>
      <c r="E3507" s="2" t="s">
        <v>36389</v>
      </c>
      <c r="F3507" s="8">
        <v>394</v>
      </c>
      <c r="G3507" s="5">
        <v>6</v>
      </c>
      <c r="H3507" s="5" t="s">
        <v>1518</v>
      </c>
      <c r="I3507" s="5" t="s">
        <v>36264</v>
      </c>
      <c r="J3507" s="2" t="s">
        <v>36265</v>
      </c>
      <c r="K3507" s="5" t="s">
        <v>36264</v>
      </c>
      <c r="L3507" s="2" t="s">
        <v>36265</v>
      </c>
      <c r="M3507" s="5" t="s">
        <v>36266</v>
      </c>
      <c r="N3507" s="5" t="s">
        <v>38</v>
      </c>
      <c r="O3507" s="5" t="s">
        <v>39</v>
      </c>
      <c r="P3507" s="5" t="s">
        <v>40</v>
      </c>
      <c r="Q3507" s="5" t="s">
        <v>1522</v>
      </c>
      <c r="R3507" s="5" t="s">
        <v>1523</v>
      </c>
      <c r="S3507" s="5" t="s">
        <v>42</v>
      </c>
      <c r="T3507" s="2">
        <v>4.1710000000000003</v>
      </c>
      <c r="U3507" s="2">
        <v>3.5329999999999999</v>
      </c>
      <c r="V3507" s="2">
        <v>0.02</v>
      </c>
      <c r="W3507" s="2">
        <v>159.1</v>
      </c>
      <c r="X3507" s="2">
        <v>7.6</v>
      </c>
      <c r="Y3507" s="2">
        <v>16.7</v>
      </c>
      <c r="Z3507" s="5"/>
      <c r="AA3507" s="5" t="s">
        <v>43</v>
      </c>
      <c r="AB3507" s="5" t="s">
        <v>44</v>
      </c>
      <c r="AC3507" s="2"/>
      <c r="AD3507" s="1"/>
    </row>
    <row r="3508" spans="1:30">
      <c r="A3508" s="5" t="s">
        <v>83578</v>
      </c>
      <c r="B3508" s="2" t="s">
        <v>94126</v>
      </c>
      <c r="C3508" s="14" t="s">
        <v>94127</v>
      </c>
      <c r="D3508" s="2" t="s">
        <v>94128</v>
      </c>
      <c r="E3508" s="2" t="s">
        <v>36281</v>
      </c>
      <c r="F3508" s="8">
        <v>350</v>
      </c>
      <c r="G3508" s="5">
        <v>6</v>
      </c>
      <c r="H3508" s="5" t="s">
        <v>1518</v>
      </c>
      <c r="I3508" s="5" t="s">
        <v>36264</v>
      </c>
      <c r="J3508" s="2" t="s">
        <v>36265</v>
      </c>
      <c r="K3508" s="5" t="s">
        <v>36264</v>
      </c>
      <c r="L3508" s="2" t="s">
        <v>36265</v>
      </c>
      <c r="M3508" s="5" t="s">
        <v>36266</v>
      </c>
      <c r="N3508" s="5" t="s">
        <v>38</v>
      </c>
      <c r="O3508" s="5" t="s">
        <v>39</v>
      </c>
      <c r="P3508" s="5" t="s">
        <v>40</v>
      </c>
      <c r="Q3508" s="5" t="s">
        <v>1522</v>
      </c>
      <c r="R3508" s="5" t="s">
        <v>1523</v>
      </c>
      <c r="S3508" s="5" t="s">
        <v>42</v>
      </c>
      <c r="T3508" s="2">
        <v>3.52</v>
      </c>
      <c r="U3508" s="2">
        <v>2.8559999999999999</v>
      </c>
      <c r="V3508" s="2">
        <v>0.02</v>
      </c>
      <c r="W3508" s="2">
        <v>159.1</v>
      </c>
      <c r="X3508" s="2">
        <v>7.6</v>
      </c>
      <c r="Y3508" s="2">
        <v>16.7</v>
      </c>
      <c r="Z3508" s="5"/>
      <c r="AA3508" s="5" t="s">
        <v>43</v>
      </c>
      <c r="AB3508" s="5" t="s">
        <v>44</v>
      </c>
      <c r="AC3508" s="2"/>
      <c r="AD3508" s="1"/>
    </row>
    <row r="3509" spans="1:30">
      <c r="A3509" s="5" t="s">
        <v>83578</v>
      </c>
      <c r="B3509" s="2" t="s">
        <v>94129</v>
      </c>
      <c r="C3509" s="14" t="s">
        <v>94130</v>
      </c>
      <c r="D3509" s="2" t="s">
        <v>94131</v>
      </c>
      <c r="E3509" s="2" t="s">
        <v>36285</v>
      </c>
      <c r="F3509" s="8">
        <v>350</v>
      </c>
      <c r="G3509" s="5">
        <v>6</v>
      </c>
      <c r="H3509" s="5" t="s">
        <v>1518</v>
      </c>
      <c r="I3509" s="5" t="s">
        <v>36264</v>
      </c>
      <c r="J3509" s="2" t="s">
        <v>36265</v>
      </c>
      <c r="K3509" s="5" t="s">
        <v>36264</v>
      </c>
      <c r="L3509" s="2" t="s">
        <v>36265</v>
      </c>
      <c r="M3509" s="5" t="s">
        <v>36266</v>
      </c>
      <c r="N3509" s="5" t="s">
        <v>38</v>
      </c>
      <c r="O3509" s="5" t="s">
        <v>39</v>
      </c>
      <c r="P3509" s="5" t="s">
        <v>40</v>
      </c>
      <c r="Q3509" s="5" t="s">
        <v>1522</v>
      </c>
      <c r="R3509" s="5" t="s">
        <v>1523</v>
      </c>
      <c r="S3509" s="5" t="s">
        <v>42</v>
      </c>
      <c r="T3509" s="2">
        <v>3.6190000000000002</v>
      </c>
      <c r="U3509" s="2">
        <v>2.9550000000000001</v>
      </c>
      <c r="V3509" s="2">
        <v>0.02</v>
      </c>
      <c r="W3509" s="2">
        <v>159.1</v>
      </c>
      <c r="X3509" s="2">
        <v>7.6</v>
      </c>
      <c r="Y3509" s="2">
        <v>16.7</v>
      </c>
      <c r="Z3509" s="5"/>
      <c r="AA3509" s="5" t="s">
        <v>43</v>
      </c>
      <c r="AB3509" s="5" t="s">
        <v>44</v>
      </c>
      <c r="AC3509" s="2"/>
      <c r="AD3509" s="1"/>
    </row>
    <row r="3510" spans="1:30">
      <c r="A3510" s="5" t="s">
        <v>83578</v>
      </c>
      <c r="B3510" s="2" t="s">
        <v>94132</v>
      </c>
      <c r="C3510" s="14" t="s">
        <v>94133</v>
      </c>
      <c r="D3510" s="2" t="s">
        <v>94134</v>
      </c>
      <c r="E3510" s="2" t="s">
        <v>36289</v>
      </c>
      <c r="F3510" s="8">
        <v>350</v>
      </c>
      <c r="G3510" s="5">
        <v>6</v>
      </c>
      <c r="H3510" s="5" t="s">
        <v>1518</v>
      </c>
      <c r="I3510" s="5" t="s">
        <v>36264</v>
      </c>
      <c r="J3510" s="2" t="s">
        <v>36265</v>
      </c>
      <c r="K3510" s="5" t="s">
        <v>36264</v>
      </c>
      <c r="L3510" s="2" t="s">
        <v>36265</v>
      </c>
      <c r="M3510" s="5" t="s">
        <v>36266</v>
      </c>
      <c r="N3510" s="5" t="s">
        <v>38</v>
      </c>
      <c r="O3510" s="5" t="s">
        <v>39</v>
      </c>
      <c r="P3510" s="5" t="s">
        <v>40</v>
      </c>
      <c r="Q3510" s="5" t="s">
        <v>1522</v>
      </c>
      <c r="R3510" s="5" t="s">
        <v>1523</v>
      </c>
      <c r="S3510" s="5" t="s">
        <v>42</v>
      </c>
      <c r="T3510" s="2">
        <v>3.52</v>
      </c>
      <c r="U3510" s="2">
        <v>2.8559999999999999</v>
      </c>
      <c r="V3510" s="2">
        <v>0.02</v>
      </c>
      <c r="W3510" s="2">
        <v>159.1</v>
      </c>
      <c r="X3510" s="2">
        <v>7.6</v>
      </c>
      <c r="Y3510" s="2">
        <v>16.7</v>
      </c>
      <c r="Z3510" s="5"/>
      <c r="AA3510" s="5" t="s">
        <v>43</v>
      </c>
      <c r="AB3510" s="5" t="s">
        <v>44</v>
      </c>
      <c r="AC3510" s="2"/>
      <c r="AD3510" s="1"/>
    </row>
    <row r="3511" spans="1:30">
      <c r="A3511" s="5" t="s">
        <v>83578</v>
      </c>
      <c r="B3511" s="2" t="s">
        <v>94135</v>
      </c>
      <c r="C3511" s="14" t="s">
        <v>94136</v>
      </c>
      <c r="D3511" s="2" t="s">
        <v>94137</v>
      </c>
      <c r="E3511" s="2" t="s">
        <v>36313</v>
      </c>
      <c r="F3511" s="8">
        <v>350</v>
      </c>
      <c r="G3511" s="5">
        <v>6</v>
      </c>
      <c r="H3511" s="5" t="s">
        <v>1518</v>
      </c>
      <c r="I3511" s="5" t="s">
        <v>36264</v>
      </c>
      <c r="J3511" s="2" t="s">
        <v>36265</v>
      </c>
      <c r="K3511" s="5" t="s">
        <v>36264</v>
      </c>
      <c r="L3511" s="2" t="s">
        <v>36265</v>
      </c>
      <c r="M3511" s="5" t="s">
        <v>36266</v>
      </c>
      <c r="N3511" s="5" t="s">
        <v>38</v>
      </c>
      <c r="O3511" s="5" t="s">
        <v>39</v>
      </c>
      <c r="P3511" s="5" t="s">
        <v>40</v>
      </c>
      <c r="Q3511" s="5" t="s">
        <v>1522</v>
      </c>
      <c r="R3511" s="5" t="s">
        <v>1523</v>
      </c>
      <c r="S3511" s="5" t="s">
        <v>42</v>
      </c>
      <c r="T3511" s="2">
        <v>3.52</v>
      </c>
      <c r="U3511" s="2">
        <v>2.8559999999999999</v>
      </c>
      <c r="V3511" s="2">
        <v>0.02</v>
      </c>
      <c r="W3511" s="2">
        <v>159.1</v>
      </c>
      <c r="X3511" s="2">
        <v>7.6</v>
      </c>
      <c r="Y3511" s="2">
        <v>16.7</v>
      </c>
      <c r="Z3511" s="5"/>
      <c r="AA3511" s="5" t="s">
        <v>43</v>
      </c>
      <c r="AB3511" s="5" t="s">
        <v>44</v>
      </c>
      <c r="AC3511" s="2"/>
      <c r="AD3511" s="1"/>
    </row>
    <row r="3512" spans="1:30">
      <c r="A3512" s="5" t="s">
        <v>83578</v>
      </c>
      <c r="B3512" s="2" t="s">
        <v>94138</v>
      </c>
      <c r="C3512" s="14" t="s">
        <v>94139</v>
      </c>
      <c r="D3512" s="2" t="s">
        <v>94140</v>
      </c>
      <c r="E3512" s="2" t="s">
        <v>36321</v>
      </c>
      <c r="F3512" s="8">
        <v>350</v>
      </c>
      <c r="G3512" s="5">
        <v>6</v>
      </c>
      <c r="H3512" s="5" t="s">
        <v>1518</v>
      </c>
      <c r="I3512" s="5" t="s">
        <v>36264</v>
      </c>
      <c r="J3512" s="2" t="s">
        <v>36265</v>
      </c>
      <c r="K3512" s="5" t="s">
        <v>36264</v>
      </c>
      <c r="L3512" s="2" t="s">
        <v>36265</v>
      </c>
      <c r="M3512" s="5" t="s">
        <v>36266</v>
      </c>
      <c r="N3512" s="5" t="s">
        <v>38</v>
      </c>
      <c r="O3512" s="5" t="s">
        <v>39</v>
      </c>
      <c r="P3512" s="5" t="s">
        <v>40</v>
      </c>
      <c r="Q3512" s="5" t="s">
        <v>1522</v>
      </c>
      <c r="R3512" s="5" t="s">
        <v>1523</v>
      </c>
      <c r="S3512" s="5" t="s">
        <v>42</v>
      </c>
      <c r="T3512" s="2">
        <v>3.52</v>
      </c>
      <c r="U3512" s="2">
        <v>2.8559999999999999</v>
      </c>
      <c r="V3512" s="2">
        <v>0.02</v>
      </c>
      <c r="W3512" s="2">
        <v>159.1</v>
      </c>
      <c r="X3512" s="2">
        <v>7.6</v>
      </c>
      <c r="Y3512" s="2">
        <v>16.7</v>
      </c>
      <c r="Z3512" s="5"/>
      <c r="AA3512" s="5" t="s">
        <v>43</v>
      </c>
      <c r="AB3512" s="5" t="s">
        <v>44</v>
      </c>
      <c r="AC3512" s="2"/>
      <c r="AD3512" s="1"/>
    </row>
    <row r="3513" spans="1:30">
      <c r="A3513" s="5" t="s">
        <v>83578</v>
      </c>
      <c r="B3513" s="2" t="s">
        <v>94141</v>
      </c>
      <c r="C3513" s="14" t="s">
        <v>94142</v>
      </c>
      <c r="D3513" s="2" t="s">
        <v>94143</v>
      </c>
      <c r="E3513" s="2" t="s">
        <v>36329</v>
      </c>
      <c r="F3513" s="8">
        <v>350</v>
      </c>
      <c r="G3513" s="5">
        <v>6</v>
      </c>
      <c r="H3513" s="5" t="s">
        <v>1518</v>
      </c>
      <c r="I3513" s="5" t="s">
        <v>36264</v>
      </c>
      <c r="J3513" s="2" t="s">
        <v>36265</v>
      </c>
      <c r="K3513" s="5" t="s">
        <v>36264</v>
      </c>
      <c r="L3513" s="2" t="s">
        <v>36265</v>
      </c>
      <c r="M3513" s="5" t="s">
        <v>36266</v>
      </c>
      <c r="N3513" s="5" t="s">
        <v>38</v>
      </c>
      <c r="O3513" s="5" t="s">
        <v>39</v>
      </c>
      <c r="P3513" s="5" t="s">
        <v>40</v>
      </c>
      <c r="Q3513" s="5" t="s">
        <v>1522</v>
      </c>
      <c r="R3513" s="5" t="s">
        <v>1523</v>
      </c>
      <c r="S3513" s="5" t="s">
        <v>42</v>
      </c>
      <c r="T3513" s="2">
        <v>3.52</v>
      </c>
      <c r="U3513" s="2">
        <v>2.8559999999999999</v>
      </c>
      <c r="V3513" s="2">
        <v>0.02</v>
      </c>
      <c r="W3513" s="2">
        <v>159.1</v>
      </c>
      <c r="X3513" s="2">
        <v>7.6</v>
      </c>
      <c r="Y3513" s="2">
        <v>16.7</v>
      </c>
      <c r="Z3513" s="5"/>
      <c r="AA3513" s="5" t="s">
        <v>43</v>
      </c>
      <c r="AB3513" s="5" t="s">
        <v>44</v>
      </c>
      <c r="AC3513" s="2"/>
      <c r="AD3513" s="1"/>
    </row>
    <row r="3514" spans="1:30">
      <c r="A3514" s="5" t="s">
        <v>83578</v>
      </c>
      <c r="B3514" s="2" t="s">
        <v>94144</v>
      </c>
      <c r="C3514" s="14" t="s">
        <v>94145</v>
      </c>
      <c r="D3514" s="2" t="s">
        <v>94146</v>
      </c>
      <c r="E3514" s="2" t="s">
        <v>36337</v>
      </c>
      <c r="F3514" s="8">
        <v>350</v>
      </c>
      <c r="G3514" s="5">
        <v>6</v>
      </c>
      <c r="H3514" s="5" t="s">
        <v>1518</v>
      </c>
      <c r="I3514" s="5" t="s">
        <v>36264</v>
      </c>
      <c r="J3514" s="2" t="s">
        <v>36265</v>
      </c>
      <c r="K3514" s="5" t="s">
        <v>36264</v>
      </c>
      <c r="L3514" s="2" t="s">
        <v>36265</v>
      </c>
      <c r="M3514" s="5" t="s">
        <v>36266</v>
      </c>
      <c r="N3514" s="5" t="s">
        <v>38</v>
      </c>
      <c r="O3514" s="5" t="s">
        <v>39</v>
      </c>
      <c r="P3514" s="5" t="s">
        <v>40</v>
      </c>
      <c r="Q3514" s="5" t="s">
        <v>1522</v>
      </c>
      <c r="R3514" s="5" t="s">
        <v>1523</v>
      </c>
      <c r="S3514" s="5" t="s">
        <v>42</v>
      </c>
      <c r="T3514" s="2">
        <v>3.52</v>
      </c>
      <c r="U3514" s="2">
        <v>2.8559999999999999</v>
      </c>
      <c r="V3514" s="2">
        <v>0.02</v>
      </c>
      <c r="W3514" s="2">
        <v>159.1</v>
      </c>
      <c r="X3514" s="2">
        <v>7.6</v>
      </c>
      <c r="Y3514" s="2">
        <v>16.7</v>
      </c>
      <c r="Z3514" s="5"/>
      <c r="AA3514" s="5" t="s">
        <v>43</v>
      </c>
      <c r="AB3514" s="5" t="s">
        <v>44</v>
      </c>
      <c r="AC3514" s="2"/>
      <c r="AD3514" s="1"/>
    </row>
    <row r="3515" spans="1:30">
      <c r="A3515" s="5" t="s">
        <v>83578</v>
      </c>
      <c r="B3515" s="2" t="s">
        <v>94147</v>
      </c>
      <c r="C3515" s="14" t="s">
        <v>94148</v>
      </c>
      <c r="D3515" s="2" t="s">
        <v>94149</v>
      </c>
      <c r="E3515" s="2" t="s">
        <v>36341</v>
      </c>
      <c r="F3515" s="8">
        <v>350</v>
      </c>
      <c r="G3515" s="5">
        <v>6</v>
      </c>
      <c r="H3515" s="5" t="s">
        <v>1518</v>
      </c>
      <c r="I3515" s="5" t="s">
        <v>36264</v>
      </c>
      <c r="J3515" s="2" t="s">
        <v>36265</v>
      </c>
      <c r="K3515" s="5" t="s">
        <v>36264</v>
      </c>
      <c r="L3515" s="2" t="s">
        <v>36265</v>
      </c>
      <c r="M3515" s="5" t="s">
        <v>36266</v>
      </c>
      <c r="N3515" s="5" t="s">
        <v>38</v>
      </c>
      <c r="O3515" s="5" t="s">
        <v>39</v>
      </c>
      <c r="P3515" s="5" t="s">
        <v>40</v>
      </c>
      <c r="Q3515" s="5" t="s">
        <v>1522</v>
      </c>
      <c r="R3515" s="5" t="s">
        <v>1523</v>
      </c>
      <c r="S3515" s="5" t="s">
        <v>42</v>
      </c>
      <c r="T3515" s="2">
        <v>3.6190000000000002</v>
      </c>
      <c r="U3515" s="2">
        <v>2.9550000000000001</v>
      </c>
      <c r="V3515" s="2">
        <v>0.02</v>
      </c>
      <c r="W3515" s="2">
        <v>159.1</v>
      </c>
      <c r="X3515" s="2">
        <v>7.6</v>
      </c>
      <c r="Y3515" s="2">
        <v>16.7</v>
      </c>
      <c r="Z3515" s="5"/>
      <c r="AA3515" s="5" t="s">
        <v>43</v>
      </c>
      <c r="AB3515" s="5" t="s">
        <v>44</v>
      </c>
      <c r="AC3515" s="2"/>
      <c r="AD3515" s="1"/>
    </row>
    <row r="3516" spans="1:30">
      <c r="A3516" s="5" t="s">
        <v>83578</v>
      </c>
      <c r="B3516" s="2" t="s">
        <v>94150</v>
      </c>
      <c r="C3516" s="14" t="s">
        <v>94151</v>
      </c>
      <c r="D3516" s="2" t="s">
        <v>94152</v>
      </c>
      <c r="E3516" s="2" t="s">
        <v>36345</v>
      </c>
      <c r="F3516" s="8">
        <v>350</v>
      </c>
      <c r="G3516" s="5">
        <v>6</v>
      </c>
      <c r="H3516" s="5" t="s">
        <v>1518</v>
      </c>
      <c r="I3516" s="5" t="s">
        <v>36264</v>
      </c>
      <c r="J3516" s="2" t="s">
        <v>36265</v>
      </c>
      <c r="K3516" s="5" t="s">
        <v>36264</v>
      </c>
      <c r="L3516" s="2" t="s">
        <v>36265</v>
      </c>
      <c r="M3516" s="5" t="s">
        <v>36266</v>
      </c>
      <c r="N3516" s="5" t="s">
        <v>38</v>
      </c>
      <c r="O3516" s="5" t="s">
        <v>39</v>
      </c>
      <c r="P3516" s="5" t="s">
        <v>40</v>
      </c>
      <c r="Q3516" s="5" t="s">
        <v>1522</v>
      </c>
      <c r="R3516" s="5" t="s">
        <v>1523</v>
      </c>
      <c r="S3516" s="5" t="s">
        <v>42</v>
      </c>
      <c r="T3516" s="2">
        <v>3.52</v>
      </c>
      <c r="U3516" s="2">
        <v>2.8559999999999999</v>
      </c>
      <c r="V3516" s="2">
        <v>0.02</v>
      </c>
      <c r="W3516" s="2">
        <v>159.1</v>
      </c>
      <c r="X3516" s="2">
        <v>7.6</v>
      </c>
      <c r="Y3516" s="2">
        <v>16.7</v>
      </c>
      <c r="Z3516" s="5"/>
      <c r="AA3516" s="5" t="s">
        <v>43</v>
      </c>
      <c r="AB3516" s="5" t="s">
        <v>44</v>
      </c>
      <c r="AC3516" s="2"/>
      <c r="AD3516" s="1"/>
    </row>
    <row r="3517" spans="1:30">
      <c r="A3517" s="5" t="s">
        <v>83578</v>
      </c>
      <c r="B3517" s="2" t="s">
        <v>94153</v>
      </c>
      <c r="C3517" s="14" t="s">
        <v>94154</v>
      </c>
      <c r="D3517" s="2" t="s">
        <v>94155</v>
      </c>
      <c r="E3517" s="2" t="s">
        <v>36353</v>
      </c>
      <c r="F3517" s="8">
        <v>350</v>
      </c>
      <c r="G3517" s="5">
        <v>6</v>
      </c>
      <c r="H3517" s="5" t="s">
        <v>1518</v>
      </c>
      <c r="I3517" s="5" t="s">
        <v>36264</v>
      </c>
      <c r="J3517" s="2" t="s">
        <v>36265</v>
      </c>
      <c r="K3517" s="5" t="s">
        <v>36264</v>
      </c>
      <c r="L3517" s="2" t="s">
        <v>36265</v>
      </c>
      <c r="M3517" s="5" t="s">
        <v>36266</v>
      </c>
      <c r="N3517" s="5" t="s">
        <v>38</v>
      </c>
      <c r="O3517" s="5" t="s">
        <v>39</v>
      </c>
      <c r="P3517" s="5" t="s">
        <v>40</v>
      </c>
      <c r="Q3517" s="5" t="s">
        <v>1522</v>
      </c>
      <c r="R3517" s="5" t="s">
        <v>1523</v>
      </c>
      <c r="S3517" s="5" t="s">
        <v>42</v>
      </c>
      <c r="T3517" s="2">
        <v>3.52</v>
      </c>
      <c r="U3517" s="2">
        <v>2.8559999999999999</v>
      </c>
      <c r="V3517" s="2">
        <v>0.02</v>
      </c>
      <c r="W3517" s="2">
        <v>159.1</v>
      </c>
      <c r="X3517" s="2">
        <v>7.6</v>
      </c>
      <c r="Y3517" s="2">
        <v>16.7</v>
      </c>
      <c r="Z3517" s="5"/>
      <c r="AA3517" s="5" t="s">
        <v>43</v>
      </c>
      <c r="AB3517" s="5" t="s">
        <v>44</v>
      </c>
      <c r="AC3517" s="2"/>
      <c r="AD3517" s="1"/>
    </row>
    <row r="3518" spans="1:30">
      <c r="A3518" s="5" t="s">
        <v>83578</v>
      </c>
      <c r="B3518" s="2" t="s">
        <v>94156</v>
      </c>
      <c r="C3518" s="14" t="s">
        <v>94157</v>
      </c>
      <c r="D3518" s="2" t="s">
        <v>94158</v>
      </c>
      <c r="E3518" s="2" t="s">
        <v>36357</v>
      </c>
      <c r="F3518" s="8">
        <v>350</v>
      </c>
      <c r="G3518" s="5">
        <v>6</v>
      </c>
      <c r="H3518" s="5" t="s">
        <v>1518</v>
      </c>
      <c r="I3518" s="5" t="s">
        <v>36264</v>
      </c>
      <c r="J3518" s="2" t="s">
        <v>36265</v>
      </c>
      <c r="K3518" s="5" t="s">
        <v>36264</v>
      </c>
      <c r="L3518" s="2" t="s">
        <v>36265</v>
      </c>
      <c r="M3518" s="5" t="s">
        <v>36266</v>
      </c>
      <c r="N3518" s="5" t="s">
        <v>38</v>
      </c>
      <c r="O3518" s="5" t="s">
        <v>39</v>
      </c>
      <c r="P3518" s="5" t="s">
        <v>40</v>
      </c>
      <c r="Q3518" s="5" t="s">
        <v>1522</v>
      </c>
      <c r="R3518" s="5" t="s">
        <v>1523</v>
      </c>
      <c r="S3518" s="5" t="s">
        <v>42</v>
      </c>
      <c r="T3518" s="2">
        <v>3.6190000000000002</v>
      </c>
      <c r="U3518" s="2">
        <v>2.9550000000000001</v>
      </c>
      <c r="V3518" s="2">
        <v>0.02</v>
      </c>
      <c r="W3518" s="2">
        <v>159.1</v>
      </c>
      <c r="X3518" s="2">
        <v>7.6</v>
      </c>
      <c r="Y3518" s="2">
        <v>16.7</v>
      </c>
      <c r="Z3518" s="5"/>
      <c r="AA3518" s="5" t="s">
        <v>43</v>
      </c>
      <c r="AB3518" s="5" t="s">
        <v>44</v>
      </c>
      <c r="AC3518" s="2"/>
      <c r="AD3518" s="1"/>
    </row>
    <row r="3519" spans="1:30">
      <c r="A3519" s="5" t="s">
        <v>83578</v>
      </c>
      <c r="B3519" s="2" t="s">
        <v>94159</v>
      </c>
      <c r="C3519" s="14" t="s">
        <v>94160</v>
      </c>
      <c r="D3519" s="2" t="s">
        <v>94161</v>
      </c>
      <c r="E3519" s="2" t="s">
        <v>36281</v>
      </c>
      <c r="F3519" s="8">
        <v>369</v>
      </c>
      <c r="G3519" s="5">
        <v>6</v>
      </c>
      <c r="H3519" s="5" t="s">
        <v>1518</v>
      </c>
      <c r="I3519" s="5" t="s">
        <v>36264</v>
      </c>
      <c r="J3519" s="2" t="s">
        <v>36265</v>
      </c>
      <c r="K3519" s="5" t="s">
        <v>36264</v>
      </c>
      <c r="L3519" s="2" t="s">
        <v>36265</v>
      </c>
      <c r="M3519" s="5" t="s">
        <v>36266</v>
      </c>
      <c r="N3519" s="5" t="s">
        <v>38</v>
      </c>
      <c r="O3519" s="5" t="s">
        <v>39</v>
      </c>
      <c r="P3519" s="5" t="s">
        <v>40</v>
      </c>
      <c r="Q3519" s="5" t="s">
        <v>1522</v>
      </c>
      <c r="R3519" s="5" t="s">
        <v>1523</v>
      </c>
      <c r="S3519" s="5" t="s">
        <v>42</v>
      </c>
      <c r="T3519" s="2">
        <v>3.9009999999999998</v>
      </c>
      <c r="U3519" s="2">
        <v>3.2559999999999998</v>
      </c>
      <c r="V3519" s="2">
        <v>0.02</v>
      </c>
      <c r="W3519" s="2">
        <v>159.1</v>
      </c>
      <c r="X3519" s="2">
        <v>7.6</v>
      </c>
      <c r="Y3519" s="2">
        <v>16.7</v>
      </c>
      <c r="Z3519" s="5"/>
      <c r="AA3519" s="5" t="s">
        <v>43</v>
      </c>
      <c r="AB3519" s="5" t="s">
        <v>44</v>
      </c>
      <c r="AC3519" s="2"/>
      <c r="AD3519" s="1"/>
    </row>
    <row r="3520" spans="1:30">
      <c r="A3520" s="5" t="s">
        <v>83578</v>
      </c>
      <c r="B3520" s="2" t="s">
        <v>94162</v>
      </c>
      <c r="C3520" s="14" t="s">
        <v>94163</v>
      </c>
      <c r="D3520" s="2" t="s">
        <v>94164</v>
      </c>
      <c r="E3520" s="2" t="s">
        <v>36285</v>
      </c>
      <c r="F3520" s="8">
        <v>369</v>
      </c>
      <c r="G3520" s="5">
        <v>6</v>
      </c>
      <c r="H3520" s="5" t="s">
        <v>1518</v>
      </c>
      <c r="I3520" s="5" t="s">
        <v>36264</v>
      </c>
      <c r="J3520" s="2" t="s">
        <v>36265</v>
      </c>
      <c r="K3520" s="5" t="s">
        <v>36264</v>
      </c>
      <c r="L3520" s="2" t="s">
        <v>36265</v>
      </c>
      <c r="M3520" s="5" t="s">
        <v>36266</v>
      </c>
      <c r="N3520" s="5" t="s">
        <v>38</v>
      </c>
      <c r="O3520" s="5" t="s">
        <v>39</v>
      </c>
      <c r="P3520" s="5" t="s">
        <v>40</v>
      </c>
      <c r="Q3520" s="5" t="s">
        <v>1522</v>
      </c>
      <c r="R3520" s="5" t="s">
        <v>1523</v>
      </c>
      <c r="S3520" s="5" t="s">
        <v>42</v>
      </c>
      <c r="T3520" s="2">
        <v>4.0229999999999997</v>
      </c>
      <c r="U3520" s="2">
        <v>3.3780000000000001</v>
      </c>
      <c r="V3520" s="2">
        <v>0.02</v>
      </c>
      <c r="W3520" s="2">
        <v>159.1</v>
      </c>
      <c r="X3520" s="2">
        <v>7.6</v>
      </c>
      <c r="Y3520" s="2">
        <v>16.7</v>
      </c>
      <c r="Z3520" s="5"/>
      <c r="AA3520" s="5" t="s">
        <v>43</v>
      </c>
      <c r="AB3520" s="5" t="s">
        <v>44</v>
      </c>
      <c r="AC3520" s="2"/>
      <c r="AD3520" s="1"/>
    </row>
    <row r="3521" spans="1:30">
      <c r="A3521" s="5" t="s">
        <v>83578</v>
      </c>
      <c r="B3521" s="2" t="s">
        <v>94165</v>
      </c>
      <c r="C3521" s="14" t="s">
        <v>94166</v>
      </c>
      <c r="D3521" s="2" t="s">
        <v>94167</v>
      </c>
      <c r="E3521" s="2" t="s">
        <v>36313</v>
      </c>
      <c r="F3521" s="8">
        <v>369</v>
      </c>
      <c r="G3521" s="5">
        <v>6</v>
      </c>
      <c r="H3521" s="5" t="s">
        <v>1518</v>
      </c>
      <c r="I3521" s="5" t="s">
        <v>36264</v>
      </c>
      <c r="J3521" s="2" t="s">
        <v>36265</v>
      </c>
      <c r="K3521" s="5" t="s">
        <v>36264</v>
      </c>
      <c r="L3521" s="2" t="s">
        <v>36265</v>
      </c>
      <c r="M3521" s="5" t="s">
        <v>36266</v>
      </c>
      <c r="N3521" s="5" t="s">
        <v>38</v>
      </c>
      <c r="O3521" s="5" t="s">
        <v>39</v>
      </c>
      <c r="P3521" s="5" t="s">
        <v>40</v>
      </c>
      <c r="Q3521" s="5" t="s">
        <v>1522</v>
      </c>
      <c r="R3521" s="5" t="s">
        <v>1523</v>
      </c>
      <c r="S3521" s="5" t="s">
        <v>42</v>
      </c>
      <c r="T3521" s="2">
        <v>3.9009999999999998</v>
      </c>
      <c r="U3521" s="2">
        <v>3.2559999999999998</v>
      </c>
      <c r="V3521" s="2">
        <v>0.02</v>
      </c>
      <c r="W3521" s="2">
        <v>159.1</v>
      </c>
      <c r="X3521" s="2">
        <v>7.6</v>
      </c>
      <c r="Y3521" s="2">
        <v>16.7</v>
      </c>
      <c r="Z3521" s="5"/>
      <c r="AA3521" s="5" t="s">
        <v>43</v>
      </c>
      <c r="AB3521" s="5" t="s">
        <v>44</v>
      </c>
      <c r="AC3521" s="2"/>
      <c r="AD3521" s="1"/>
    </row>
    <row r="3522" spans="1:30">
      <c r="A3522" s="5" t="s">
        <v>83578</v>
      </c>
      <c r="B3522" s="2" t="s">
        <v>94168</v>
      </c>
      <c r="C3522" s="14" t="s">
        <v>94169</v>
      </c>
      <c r="D3522" s="2" t="s">
        <v>94170</v>
      </c>
      <c r="E3522" s="2" t="s">
        <v>36321</v>
      </c>
      <c r="F3522" s="8">
        <v>369</v>
      </c>
      <c r="G3522" s="5">
        <v>6</v>
      </c>
      <c r="H3522" s="5" t="s">
        <v>1518</v>
      </c>
      <c r="I3522" s="5" t="s">
        <v>36264</v>
      </c>
      <c r="J3522" s="2" t="s">
        <v>36265</v>
      </c>
      <c r="K3522" s="5" t="s">
        <v>36264</v>
      </c>
      <c r="L3522" s="2" t="s">
        <v>36265</v>
      </c>
      <c r="M3522" s="5" t="s">
        <v>36266</v>
      </c>
      <c r="N3522" s="5" t="s">
        <v>38</v>
      </c>
      <c r="O3522" s="5" t="s">
        <v>39</v>
      </c>
      <c r="P3522" s="5" t="s">
        <v>40</v>
      </c>
      <c r="Q3522" s="5" t="s">
        <v>1522</v>
      </c>
      <c r="R3522" s="5" t="s">
        <v>1523</v>
      </c>
      <c r="S3522" s="5" t="s">
        <v>42</v>
      </c>
      <c r="T3522" s="2">
        <v>3.9009999999999998</v>
      </c>
      <c r="U3522" s="2">
        <v>3.2559999999999998</v>
      </c>
      <c r="V3522" s="2">
        <v>0.02</v>
      </c>
      <c r="W3522" s="2">
        <v>159.1</v>
      </c>
      <c r="X3522" s="2">
        <v>7.6</v>
      </c>
      <c r="Y3522" s="2">
        <v>16.7</v>
      </c>
      <c r="Z3522" s="5"/>
      <c r="AA3522" s="5" t="s">
        <v>43</v>
      </c>
      <c r="AB3522" s="5" t="s">
        <v>44</v>
      </c>
      <c r="AC3522" s="2"/>
      <c r="AD3522" s="1"/>
    </row>
    <row r="3523" spans="1:30">
      <c r="A3523" s="5" t="s">
        <v>83578</v>
      </c>
      <c r="B3523" s="2" t="s">
        <v>94171</v>
      </c>
      <c r="C3523" s="14" t="s">
        <v>94172</v>
      </c>
      <c r="D3523" s="2" t="s">
        <v>94173</v>
      </c>
      <c r="E3523" s="2" t="s">
        <v>36341</v>
      </c>
      <c r="F3523" s="8">
        <v>369</v>
      </c>
      <c r="G3523" s="5">
        <v>6</v>
      </c>
      <c r="H3523" s="5" t="s">
        <v>1518</v>
      </c>
      <c r="I3523" s="5" t="s">
        <v>36264</v>
      </c>
      <c r="J3523" s="2" t="s">
        <v>36265</v>
      </c>
      <c r="K3523" s="5" t="s">
        <v>36264</v>
      </c>
      <c r="L3523" s="2" t="s">
        <v>36265</v>
      </c>
      <c r="M3523" s="5" t="s">
        <v>36266</v>
      </c>
      <c r="N3523" s="5" t="s">
        <v>38</v>
      </c>
      <c r="O3523" s="5" t="s">
        <v>39</v>
      </c>
      <c r="P3523" s="5" t="s">
        <v>40</v>
      </c>
      <c r="Q3523" s="5" t="s">
        <v>1522</v>
      </c>
      <c r="R3523" s="5" t="s">
        <v>1523</v>
      </c>
      <c r="S3523" s="5" t="s">
        <v>42</v>
      </c>
      <c r="T3523" s="2">
        <v>4.0229999999999997</v>
      </c>
      <c r="U3523" s="2">
        <v>3.3780000000000001</v>
      </c>
      <c r="V3523" s="2">
        <v>0.02</v>
      </c>
      <c r="W3523" s="2">
        <v>159.1</v>
      </c>
      <c r="X3523" s="2">
        <v>7.6</v>
      </c>
      <c r="Y3523" s="2">
        <v>16.7</v>
      </c>
      <c r="Z3523" s="5"/>
      <c r="AA3523" s="5" t="s">
        <v>43</v>
      </c>
      <c r="AB3523" s="5" t="s">
        <v>44</v>
      </c>
      <c r="AC3523" s="2"/>
      <c r="AD3523" s="1"/>
    </row>
    <row r="3524" spans="1:30">
      <c r="A3524" s="5" t="s">
        <v>83578</v>
      </c>
      <c r="B3524" s="2" t="s">
        <v>94174</v>
      </c>
      <c r="C3524" s="14" t="s">
        <v>94175</v>
      </c>
      <c r="D3524" s="2" t="s">
        <v>94176</v>
      </c>
      <c r="E3524" s="2" t="s">
        <v>36353</v>
      </c>
      <c r="F3524" s="8">
        <v>369</v>
      </c>
      <c r="G3524" s="5">
        <v>6</v>
      </c>
      <c r="H3524" s="5" t="s">
        <v>1518</v>
      </c>
      <c r="I3524" s="5" t="s">
        <v>36264</v>
      </c>
      <c r="J3524" s="2" t="s">
        <v>36265</v>
      </c>
      <c r="K3524" s="5" t="s">
        <v>36264</v>
      </c>
      <c r="L3524" s="2" t="s">
        <v>36265</v>
      </c>
      <c r="M3524" s="5" t="s">
        <v>36266</v>
      </c>
      <c r="N3524" s="5" t="s">
        <v>38</v>
      </c>
      <c r="O3524" s="5" t="s">
        <v>39</v>
      </c>
      <c r="P3524" s="5" t="s">
        <v>40</v>
      </c>
      <c r="Q3524" s="5" t="s">
        <v>1522</v>
      </c>
      <c r="R3524" s="5" t="s">
        <v>1523</v>
      </c>
      <c r="S3524" s="5" t="s">
        <v>42</v>
      </c>
      <c r="T3524" s="2">
        <v>3.9009999999999998</v>
      </c>
      <c r="U3524" s="2">
        <v>3.2559999999999998</v>
      </c>
      <c r="V3524" s="2">
        <v>0.02</v>
      </c>
      <c r="W3524" s="2">
        <v>159.1</v>
      </c>
      <c r="X3524" s="2">
        <v>7.6</v>
      </c>
      <c r="Y3524" s="2">
        <v>16.7</v>
      </c>
      <c r="Z3524" s="5"/>
      <c r="AA3524" s="5" t="s">
        <v>43</v>
      </c>
      <c r="AB3524" s="5" t="s">
        <v>44</v>
      </c>
      <c r="AC3524" s="2"/>
      <c r="AD3524" s="1"/>
    </row>
    <row r="3525" spans="1:30">
      <c r="A3525" s="5" t="s">
        <v>83578</v>
      </c>
      <c r="B3525" s="2" t="s">
        <v>94177</v>
      </c>
      <c r="C3525" s="14" t="s">
        <v>94178</v>
      </c>
      <c r="D3525" s="2" t="s">
        <v>94179</v>
      </c>
      <c r="E3525" s="2" t="s">
        <v>36281</v>
      </c>
      <c r="F3525" s="8">
        <v>394</v>
      </c>
      <c r="G3525" s="5">
        <v>6</v>
      </c>
      <c r="H3525" s="5" t="s">
        <v>1518</v>
      </c>
      <c r="I3525" s="5" t="s">
        <v>36264</v>
      </c>
      <c r="J3525" s="2" t="s">
        <v>36265</v>
      </c>
      <c r="K3525" s="5" t="s">
        <v>36264</v>
      </c>
      <c r="L3525" s="2" t="s">
        <v>36265</v>
      </c>
      <c r="M3525" s="5" t="s">
        <v>36266</v>
      </c>
      <c r="N3525" s="5" t="s">
        <v>38</v>
      </c>
      <c r="O3525" s="5" t="s">
        <v>39</v>
      </c>
      <c r="P3525" s="5" t="s">
        <v>40</v>
      </c>
      <c r="Q3525" s="5" t="s">
        <v>1522</v>
      </c>
      <c r="R3525" s="5" t="s">
        <v>1523</v>
      </c>
      <c r="S3525" s="5" t="s">
        <v>42</v>
      </c>
      <c r="T3525" s="2">
        <v>4.0880000000000001</v>
      </c>
      <c r="U3525" s="2">
        <v>3.452</v>
      </c>
      <c r="V3525" s="2">
        <v>0.02</v>
      </c>
      <c r="W3525" s="2">
        <v>159.1</v>
      </c>
      <c r="X3525" s="2">
        <v>7.6</v>
      </c>
      <c r="Y3525" s="2">
        <v>16.7</v>
      </c>
      <c r="Z3525" s="5"/>
      <c r="AA3525" s="5" t="s">
        <v>43</v>
      </c>
      <c r="AB3525" s="5" t="s">
        <v>44</v>
      </c>
      <c r="AC3525" s="2"/>
      <c r="AD3525" s="1"/>
    </row>
    <row r="3526" spans="1:30">
      <c r="A3526" s="5" t="s">
        <v>83578</v>
      </c>
      <c r="B3526" s="2" t="s">
        <v>94180</v>
      </c>
      <c r="C3526" s="14" t="s">
        <v>94181</v>
      </c>
      <c r="D3526" s="2" t="s">
        <v>94182</v>
      </c>
      <c r="E3526" s="2" t="s">
        <v>36289</v>
      </c>
      <c r="F3526" s="8">
        <v>394</v>
      </c>
      <c r="G3526" s="5">
        <v>6</v>
      </c>
      <c r="H3526" s="5" t="s">
        <v>1518</v>
      </c>
      <c r="I3526" s="5" t="s">
        <v>36264</v>
      </c>
      <c r="J3526" s="2" t="s">
        <v>36265</v>
      </c>
      <c r="K3526" s="5" t="s">
        <v>36264</v>
      </c>
      <c r="L3526" s="2" t="s">
        <v>36265</v>
      </c>
      <c r="M3526" s="5" t="s">
        <v>36266</v>
      </c>
      <c r="N3526" s="5" t="s">
        <v>38</v>
      </c>
      <c r="O3526" s="5" t="s">
        <v>39</v>
      </c>
      <c r="P3526" s="5" t="s">
        <v>40</v>
      </c>
      <c r="Q3526" s="5" t="s">
        <v>1522</v>
      </c>
      <c r="R3526" s="5" t="s">
        <v>1523</v>
      </c>
      <c r="S3526" s="5" t="s">
        <v>42</v>
      </c>
      <c r="T3526" s="2">
        <v>4.0880000000000001</v>
      </c>
      <c r="U3526" s="2">
        <v>3.452</v>
      </c>
      <c r="V3526" s="2">
        <v>0.02</v>
      </c>
      <c r="W3526" s="2">
        <v>159.1</v>
      </c>
      <c r="X3526" s="2">
        <v>7.6</v>
      </c>
      <c r="Y3526" s="2">
        <v>16.7</v>
      </c>
      <c r="Z3526" s="5"/>
      <c r="AA3526" s="5" t="s">
        <v>43</v>
      </c>
      <c r="AB3526" s="5" t="s">
        <v>44</v>
      </c>
      <c r="AC3526" s="2"/>
      <c r="AD3526" s="1"/>
    </row>
    <row r="3527" spans="1:30">
      <c r="A3527" s="5" t="s">
        <v>83578</v>
      </c>
      <c r="B3527" s="2" t="s">
        <v>94183</v>
      </c>
      <c r="C3527" s="14" t="s">
        <v>94184</v>
      </c>
      <c r="D3527" s="2" t="s">
        <v>94185</v>
      </c>
      <c r="E3527" s="2" t="s">
        <v>36297</v>
      </c>
      <c r="F3527" s="8">
        <v>360</v>
      </c>
      <c r="G3527" s="5">
        <v>6</v>
      </c>
      <c r="H3527" s="5" t="s">
        <v>1518</v>
      </c>
      <c r="I3527" s="5" t="s">
        <v>36264</v>
      </c>
      <c r="J3527" s="2" t="s">
        <v>36265</v>
      </c>
      <c r="K3527" s="5" t="s">
        <v>36264</v>
      </c>
      <c r="L3527" s="2" t="s">
        <v>36265</v>
      </c>
      <c r="M3527" s="5" t="s">
        <v>36266</v>
      </c>
      <c r="N3527" s="5" t="s">
        <v>38</v>
      </c>
      <c r="O3527" s="5" t="s">
        <v>39</v>
      </c>
      <c r="P3527" s="5" t="s">
        <v>40</v>
      </c>
      <c r="Q3527" s="5" t="s">
        <v>1522</v>
      </c>
      <c r="R3527" s="5" t="s">
        <v>1523</v>
      </c>
      <c r="S3527" s="5" t="s">
        <v>42</v>
      </c>
      <c r="T3527" s="2">
        <v>4.0880000000000001</v>
      </c>
      <c r="U3527" s="2">
        <v>3.452</v>
      </c>
      <c r="V3527" s="2">
        <v>0.02</v>
      </c>
      <c r="W3527" s="2">
        <v>159.1</v>
      </c>
      <c r="X3527" s="2">
        <v>7.6</v>
      </c>
      <c r="Y3527" s="2">
        <v>16.7</v>
      </c>
      <c r="Z3527" s="5"/>
      <c r="AA3527" s="5" t="s">
        <v>43</v>
      </c>
      <c r="AB3527" s="5" t="s">
        <v>44</v>
      </c>
      <c r="AC3527" s="2"/>
      <c r="AD3527" s="1"/>
    </row>
    <row r="3528" spans="1:30">
      <c r="A3528" s="5" t="s">
        <v>83578</v>
      </c>
      <c r="B3528" s="2" t="s">
        <v>94186</v>
      </c>
      <c r="C3528" s="14" t="s">
        <v>94187</v>
      </c>
      <c r="D3528" s="2" t="s">
        <v>94188</v>
      </c>
      <c r="E3528" s="2" t="s">
        <v>36317</v>
      </c>
      <c r="F3528" s="8">
        <v>394</v>
      </c>
      <c r="G3528" s="5">
        <v>6</v>
      </c>
      <c r="H3528" s="5" t="s">
        <v>1518</v>
      </c>
      <c r="I3528" s="5" t="s">
        <v>36264</v>
      </c>
      <c r="J3528" s="2" t="s">
        <v>36265</v>
      </c>
      <c r="K3528" s="5" t="s">
        <v>36264</v>
      </c>
      <c r="L3528" s="2" t="s">
        <v>36265</v>
      </c>
      <c r="M3528" s="5" t="s">
        <v>36266</v>
      </c>
      <c r="N3528" s="5" t="s">
        <v>38</v>
      </c>
      <c r="O3528" s="5" t="s">
        <v>39</v>
      </c>
      <c r="P3528" s="5" t="s">
        <v>40</v>
      </c>
      <c r="Q3528" s="5" t="s">
        <v>1522</v>
      </c>
      <c r="R3528" s="5" t="s">
        <v>1523</v>
      </c>
      <c r="S3528" s="5" t="s">
        <v>42</v>
      </c>
      <c r="T3528" s="2">
        <v>4.2220000000000004</v>
      </c>
      <c r="U3528" s="2">
        <v>3.5859999999999999</v>
      </c>
      <c r="V3528" s="2">
        <v>0.02</v>
      </c>
      <c r="W3528" s="2">
        <v>159.1</v>
      </c>
      <c r="X3528" s="2">
        <v>7.6</v>
      </c>
      <c r="Y3528" s="2">
        <v>16.7</v>
      </c>
      <c r="Z3528" s="5"/>
      <c r="AA3528" s="5" t="s">
        <v>43</v>
      </c>
      <c r="AB3528" s="5" t="s">
        <v>44</v>
      </c>
      <c r="AC3528" s="2"/>
      <c r="AD3528" s="1"/>
    </row>
    <row r="3529" spans="1:30">
      <c r="A3529" s="5" t="s">
        <v>83578</v>
      </c>
      <c r="B3529" s="2" t="s">
        <v>94189</v>
      </c>
      <c r="C3529" s="14" t="s">
        <v>94190</v>
      </c>
      <c r="D3529" s="2" t="s">
        <v>94191</v>
      </c>
      <c r="E3529" s="2" t="s">
        <v>36321</v>
      </c>
      <c r="F3529" s="8">
        <v>394</v>
      </c>
      <c r="G3529" s="5">
        <v>6</v>
      </c>
      <c r="H3529" s="5" t="s">
        <v>1518</v>
      </c>
      <c r="I3529" s="5" t="s">
        <v>36264</v>
      </c>
      <c r="J3529" s="2" t="s">
        <v>36265</v>
      </c>
      <c r="K3529" s="5" t="s">
        <v>36264</v>
      </c>
      <c r="L3529" s="2" t="s">
        <v>36265</v>
      </c>
      <c r="M3529" s="5" t="s">
        <v>36266</v>
      </c>
      <c r="N3529" s="5" t="s">
        <v>38</v>
      </c>
      <c r="O3529" s="5" t="s">
        <v>39</v>
      </c>
      <c r="P3529" s="5" t="s">
        <v>40</v>
      </c>
      <c r="Q3529" s="5" t="s">
        <v>1522</v>
      </c>
      <c r="R3529" s="5" t="s">
        <v>1523</v>
      </c>
      <c r="S3529" s="5" t="s">
        <v>42</v>
      </c>
      <c r="T3529" s="2">
        <v>4.0880000000000001</v>
      </c>
      <c r="U3529" s="2">
        <v>3.452</v>
      </c>
      <c r="V3529" s="2">
        <v>0.02</v>
      </c>
      <c r="W3529" s="2">
        <v>159.1</v>
      </c>
      <c r="X3529" s="2">
        <v>7.6</v>
      </c>
      <c r="Y3529" s="2">
        <v>16.7</v>
      </c>
      <c r="Z3529" s="5"/>
      <c r="AA3529" s="5" t="s">
        <v>43</v>
      </c>
      <c r="AB3529" s="5" t="s">
        <v>44</v>
      </c>
      <c r="AC3529" s="2"/>
      <c r="AD3529" s="1"/>
    </row>
    <row r="3530" spans="1:30">
      <c r="A3530" s="5" t="s">
        <v>83578</v>
      </c>
      <c r="B3530" s="2" t="s">
        <v>94192</v>
      </c>
      <c r="C3530" s="14" t="s">
        <v>94193</v>
      </c>
      <c r="D3530" s="2" t="s">
        <v>94194</v>
      </c>
      <c r="E3530" s="2" t="s">
        <v>36337</v>
      </c>
      <c r="F3530" s="8">
        <v>394</v>
      </c>
      <c r="G3530" s="5">
        <v>6</v>
      </c>
      <c r="H3530" s="5" t="s">
        <v>1518</v>
      </c>
      <c r="I3530" s="5" t="s">
        <v>36264</v>
      </c>
      <c r="J3530" s="2" t="s">
        <v>36265</v>
      </c>
      <c r="K3530" s="5" t="s">
        <v>36264</v>
      </c>
      <c r="L3530" s="2" t="s">
        <v>36265</v>
      </c>
      <c r="M3530" s="5" t="s">
        <v>36266</v>
      </c>
      <c r="N3530" s="5" t="s">
        <v>38</v>
      </c>
      <c r="O3530" s="5" t="s">
        <v>39</v>
      </c>
      <c r="P3530" s="5" t="s">
        <v>40</v>
      </c>
      <c r="Q3530" s="5" t="s">
        <v>1522</v>
      </c>
      <c r="R3530" s="5" t="s">
        <v>1523</v>
      </c>
      <c r="S3530" s="5" t="s">
        <v>42</v>
      </c>
      <c r="T3530" s="2">
        <v>4.0880000000000001</v>
      </c>
      <c r="U3530" s="2">
        <v>3.452</v>
      </c>
      <c r="V3530" s="2">
        <v>0.02</v>
      </c>
      <c r="W3530" s="2">
        <v>159.1</v>
      </c>
      <c r="X3530" s="2">
        <v>7.6</v>
      </c>
      <c r="Y3530" s="2">
        <v>16.7</v>
      </c>
      <c r="Z3530" s="5"/>
      <c r="AA3530" s="5" t="s">
        <v>43</v>
      </c>
      <c r="AB3530" s="5" t="s">
        <v>44</v>
      </c>
      <c r="AC3530" s="2"/>
      <c r="AD3530" s="1"/>
    </row>
    <row r="3531" spans="1:30">
      <c r="A3531" s="5" t="s">
        <v>83578</v>
      </c>
      <c r="B3531" s="2" t="s">
        <v>94195</v>
      </c>
      <c r="C3531" s="14" t="s">
        <v>94196</v>
      </c>
      <c r="D3531" s="2" t="s">
        <v>94197</v>
      </c>
      <c r="E3531" s="2" t="s">
        <v>36341</v>
      </c>
      <c r="F3531" s="8">
        <v>394</v>
      </c>
      <c r="G3531" s="5">
        <v>6</v>
      </c>
      <c r="H3531" s="5" t="s">
        <v>1518</v>
      </c>
      <c r="I3531" s="5" t="s">
        <v>36264</v>
      </c>
      <c r="J3531" s="2" t="s">
        <v>36265</v>
      </c>
      <c r="K3531" s="5" t="s">
        <v>36264</v>
      </c>
      <c r="L3531" s="2" t="s">
        <v>36265</v>
      </c>
      <c r="M3531" s="5" t="s">
        <v>36266</v>
      </c>
      <c r="N3531" s="5" t="s">
        <v>38</v>
      </c>
      <c r="O3531" s="5" t="s">
        <v>39</v>
      </c>
      <c r="P3531" s="5" t="s">
        <v>40</v>
      </c>
      <c r="Q3531" s="5" t="s">
        <v>1522</v>
      </c>
      <c r="R3531" s="5" t="s">
        <v>1523</v>
      </c>
      <c r="S3531" s="5" t="s">
        <v>42</v>
      </c>
      <c r="T3531" s="2">
        <v>4.2220000000000004</v>
      </c>
      <c r="U3531" s="2">
        <v>3.5859999999999999</v>
      </c>
      <c r="V3531" s="2">
        <v>0.02</v>
      </c>
      <c r="W3531" s="2">
        <v>159.1</v>
      </c>
      <c r="X3531" s="2">
        <v>7.6</v>
      </c>
      <c r="Y3531" s="2">
        <v>16.7</v>
      </c>
      <c r="Z3531" s="5"/>
      <c r="AA3531" s="5" t="s">
        <v>43</v>
      </c>
      <c r="AB3531" s="5" t="s">
        <v>44</v>
      </c>
      <c r="AC3531" s="2"/>
      <c r="AD3531" s="1"/>
    </row>
    <row r="3532" spans="1:30">
      <c r="A3532" s="5" t="s">
        <v>83578</v>
      </c>
      <c r="B3532" s="2" t="s">
        <v>94198</v>
      </c>
      <c r="C3532" s="14" t="s">
        <v>94199</v>
      </c>
      <c r="D3532" s="2" t="s">
        <v>94200</v>
      </c>
      <c r="E3532" s="2" t="s">
        <v>36345</v>
      </c>
      <c r="F3532" s="8">
        <v>394</v>
      </c>
      <c r="G3532" s="5">
        <v>6</v>
      </c>
      <c r="H3532" s="5" t="s">
        <v>1518</v>
      </c>
      <c r="I3532" s="5" t="s">
        <v>36264</v>
      </c>
      <c r="J3532" s="2" t="s">
        <v>36265</v>
      </c>
      <c r="K3532" s="5" t="s">
        <v>36264</v>
      </c>
      <c r="L3532" s="2" t="s">
        <v>36265</v>
      </c>
      <c r="M3532" s="5" t="s">
        <v>36266</v>
      </c>
      <c r="N3532" s="5" t="s">
        <v>38</v>
      </c>
      <c r="O3532" s="5" t="s">
        <v>39</v>
      </c>
      <c r="P3532" s="5" t="s">
        <v>40</v>
      </c>
      <c r="Q3532" s="5" t="s">
        <v>1522</v>
      </c>
      <c r="R3532" s="5" t="s">
        <v>1523</v>
      </c>
      <c r="S3532" s="5" t="s">
        <v>42</v>
      </c>
      <c r="T3532" s="2">
        <v>4.0880000000000001</v>
      </c>
      <c r="U3532" s="2">
        <v>3.452</v>
      </c>
      <c r="V3532" s="2">
        <v>0.02</v>
      </c>
      <c r="W3532" s="2">
        <v>159.1</v>
      </c>
      <c r="X3532" s="2">
        <v>7.6</v>
      </c>
      <c r="Y3532" s="2">
        <v>16.7</v>
      </c>
      <c r="Z3532" s="5"/>
      <c r="AA3532" s="5" t="s">
        <v>43</v>
      </c>
      <c r="AB3532" s="5" t="s">
        <v>44</v>
      </c>
      <c r="AC3532" s="2"/>
      <c r="AD3532" s="1"/>
    </row>
    <row r="3533" spans="1:30">
      <c r="A3533" s="5" t="s">
        <v>83578</v>
      </c>
      <c r="B3533" s="2" t="s">
        <v>94201</v>
      </c>
      <c r="C3533" s="14" t="s">
        <v>94202</v>
      </c>
      <c r="D3533" s="2" t="s">
        <v>94203</v>
      </c>
      <c r="E3533" s="2" t="s">
        <v>36349</v>
      </c>
      <c r="F3533" s="8">
        <v>394</v>
      </c>
      <c r="G3533" s="5">
        <v>6</v>
      </c>
      <c r="H3533" s="5" t="s">
        <v>1518</v>
      </c>
      <c r="I3533" s="5" t="s">
        <v>36264</v>
      </c>
      <c r="J3533" s="2" t="s">
        <v>36265</v>
      </c>
      <c r="K3533" s="5" t="s">
        <v>36264</v>
      </c>
      <c r="L3533" s="2" t="s">
        <v>36265</v>
      </c>
      <c r="M3533" s="5" t="s">
        <v>36266</v>
      </c>
      <c r="N3533" s="5" t="s">
        <v>38</v>
      </c>
      <c r="O3533" s="5" t="s">
        <v>39</v>
      </c>
      <c r="P3533" s="5" t="s">
        <v>40</v>
      </c>
      <c r="Q3533" s="5" t="s">
        <v>1522</v>
      </c>
      <c r="R3533" s="5" t="s">
        <v>1523</v>
      </c>
      <c r="S3533" s="5" t="s">
        <v>42</v>
      </c>
      <c r="T3533" s="2">
        <v>4.2220000000000004</v>
      </c>
      <c r="U3533" s="2">
        <v>3.5859999999999999</v>
      </c>
      <c r="V3533" s="2">
        <v>0.02</v>
      </c>
      <c r="W3533" s="2">
        <v>159.1</v>
      </c>
      <c r="X3533" s="2">
        <v>7.6</v>
      </c>
      <c r="Y3533" s="2">
        <v>16.7</v>
      </c>
      <c r="Z3533" s="5"/>
      <c r="AA3533" s="5" t="s">
        <v>43</v>
      </c>
      <c r="AB3533" s="5" t="s">
        <v>44</v>
      </c>
      <c r="AC3533" s="2"/>
      <c r="AD3533" s="1"/>
    </row>
    <row r="3534" spans="1:30">
      <c r="A3534" s="5" t="s">
        <v>83578</v>
      </c>
      <c r="B3534" s="2" t="s">
        <v>94204</v>
      </c>
      <c r="C3534" s="14" t="s">
        <v>94205</v>
      </c>
      <c r="D3534" s="2" t="s">
        <v>94206</v>
      </c>
      <c r="E3534" s="2" t="s">
        <v>36353</v>
      </c>
      <c r="F3534" s="8">
        <v>394</v>
      </c>
      <c r="G3534" s="5">
        <v>6</v>
      </c>
      <c r="H3534" s="5" t="s">
        <v>1518</v>
      </c>
      <c r="I3534" s="5" t="s">
        <v>36264</v>
      </c>
      <c r="J3534" s="2" t="s">
        <v>36265</v>
      </c>
      <c r="K3534" s="5" t="s">
        <v>36264</v>
      </c>
      <c r="L3534" s="2" t="s">
        <v>36265</v>
      </c>
      <c r="M3534" s="5" t="s">
        <v>36266</v>
      </c>
      <c r="N3534" s="5" t="s">
        <v>38</v>
      </c>
      <c r="O3534" s="5" t="s">
        <v>39</v>
      </c>
      <c r="P3534" s="5" t="s">
        <v>40</v>
      </c>
      <c r="Q3534" s="5" t="s">
        <v>1522</v>
      </c>
      <c r="R3534" s="5" t="s">
        <v>1523</v>
      </c>
      <c r="S3534" s="5" t="s">
        <v>42</v>
      </c>
      <c r="T3534" s="2">
        <v>4.0880000000000001</v>
      </c>
      <c r="U3534" s="2">
        <v>3.452</v>
      </c>
      <c r="V3534" s="2">
        <v>0.02</v>
      </c>
      <c r="W3534" s="2">
        <v>159.1</v>
      </c>
      <c r="X3534" s="2">
        <v>7.6</v>
      </c>
      <c r="Y3534" s="2">
        <v>16.7</v>
      </c>
      <c r="Z3534" s="5"/>
      <c r="AA3534" s="5" t="s">
        <v>43</v>
      </c>
      <c r="AB3534" s="5" t="s">
        <v>44</v>
      </c>
      <c r="AC3534" s="2"/>
      <c r="AD3534" s="1"/>
    </row>
    <row r="3535" spans="1:30">
      <c r="A3535" s="5" t="s">
        <v>83578</v>
      </c>
      <c r="B3535" s="2" t="s">
        <v>94207</v>
      </c>
      <c r="C3535" s="14" t="s">
        <v>94208</v>
      </c>
      <c r="D3535" s="2" t="s">
        <v>94209</v>
      </c>
      <c r="E3535" s="2" t="s">
        <v>36357</v>
      </c>
      <c r="F3535" s="8">
        <v>394</v>
      </c>
      <c r="G3535" s="5">
        <v>6</v>
      </c>
      <c r="H3535" s="5" t="s">
        <v>1518</v>
      </c>
      <c r="I3535" s="5" t="s">
        <v>36264</v>
      </c>
      <c r="J3535" s="2" t="s">
        <v>36265</v>
      </c>
      <c r="K3535" s="5" t="s">
        <v>36264</v>
      </c>
      <c r="L3535" s="2" t="s">
        <v>36265</v>
      </c>
      <c r="M3535" s="5" t="s">
        <v>36266</v>
      </c>
      <c r="N3535" s="5" t="s">
        <v>38</v>
      </c>
      <c r="O3535" s="5" t="s">
        <v>39</v>
      </c>
      <c r="P3535" s="5" t="s">
        <v>40</v>
      </c>
      <c r="Q3535" s="5" t="s">
        <v>1522</v>
      </c>
      <c r="R3535" s="5" t="s">
        <v>1523</v>
      </c>
      <c r="S3535" s="5" t="s">
        <v>42</v>
      </c>
      <c r="T3535" s="2">
        <v>4.2220000000000004</v>
      </c>
      <c r="U3535" s="2">
        <v>3.5859999999999999</v>
      </c>
      <c r="V3535" s="2">
        <v>0.02</v>
      </c>
      <c r="W3535" s="2">
        <v>159.1</v>
      </c>
      <c r="X3535" s="2">
        <v>7.6</v>
      </c>
      <c r="Y3535" s="2">
        <v>16.7</v>
      </c>
      <c r="Z3535" s="5"/>
      <c r="AA3535" s="5" t="s">
        <v>43</v>
      </c>
      <c r="AB3535" s="5" t="s">
        <v>44</v>
      </c>
      <c r="AC3535" s="2"/>
      <c r="AD3535" s="1"/>
    </row>
    <row r="3536" spans="1:30">
      <c r="A3536" s="5" t="s">
        <v>83578</v>
      </c>
      <c r="B3536" s="2" t="s">
        <v>94210</v>
      </c>
      <c r="C3536" s="14" t="s">
        <v>94211</v>
      </c>
      <c r="D3536" s="2" t="s">
        <v>94212</v>
      </c>
      <c r="E3536" s="2" t="s">
        <v>45598</v>
      </c>
      <c r="F3536" s="8">
        <v>394</v>
      </c>
      <c r="G3536" s="5">
        <v>6</v>
      </c>
      <c r="H3536" s="5" t="s">
        <v>1518</v>
      </c>
      <c r="I3536" s="5" t="s">
        <v>36264</v>
      </c>
      <c r="J3536" s="2" t="s">
        <v>36265</v>
      </c>
      <c r="K3536" s="5" t="s">
        <v>36264</v>
      </c>
      <c r="L3536" s="2" t="s">
        <v>36265</v>
      </c>
      <c r="M3536" s="5" t="s">
        <v>36266</v>
      </c>
      <c r="N3536" s="5" t="s">
        <v>38</v>
      </c>
      <c r="O3536" s="5" t="s">
        <v>39</v>
      </c>
      <c r="P3536" s="5" t="s">
        <v>40</v>
      </c>
      <c r="Q3536" s="5" t="s">
        <v>1522</v>
      </c>
      <c r="R3536" s="5" t="s">
        <v>1523</v>
      </c>
      <c r="S3536" s="5" t="s">
        <v>42</v>
      </c>
      <c r="T3536" s="2">
        <v>4.0880000000000001</v>
      </c>
      <c r="U3536" s="2">
        <v>3.452</v>
      </c>
      <c r="V3536" s="2">
        <v>0.02</v>
      </c>
      <c r="W3536" s="2">
        <v>159.1</v>
      </c>
      <c r="X3536" s="2">
        <v>7.6</v>
      </c>
      <c r="Y3536" s="2">
        <v>16.7</v>
      </c>
      <c r="Z3536" s="5"/>
      <c r="AA3536" s="5" t="s">
        <v>43</v>
      </c>
      <c r="AB3536" s="5" t="s">
        <v>44</v>
      </c>
      <c r="AC3536" s="2"/>
      <c r="AD3536" s="1"/>
    </row>
    <row r="3537" spans="1:30">
      <c r="A3537" s="5" t="s">
        <v>83578</v>
      </c>
      <c r="B3537" s="2" t="s">
        <v>94213</v>
      </c>
      <c r="C3537" s="14" t="s">
        <v>94214</v>
      </c>
      <c r="D3537" s="2" t="s">
        <v>94215</v>
      </c>
      <c r="E3537" s="2" t="s">
        <v>36385</v>
      </c>
      <c r="F3537" s="8">
        <v>394</v>
      </c>
      <c r="G3537" s="5">
        <v>6</v>
      </c>
      <c r="H3537" s="5" t="s">
        <v>1518</v>
      </c>
      <c r="I3537" s="5" t="s">
        <v>36264</v>
      </c>
      <c r="J3537" s="2" t="s">
        <v>36265</v>
      </c>
      <c r="K3537" s="5" t="s">
        <v>36264</v>
      </c>
      <c r="L3537" s="2" t="s">
        <v>36265</v>
      </c>
      <c r="M3537" s="5" t="s">
        <v>36266</v>
      </c>
      <c r="N3537" s="5" t="s">
        <v>38</v>
      </c>
      <c r="O3537" s="5" t="s">
        <v>39</v>
      </c>
      <c r="P3537" s="5" t="s">
        <v>40</v>
      </c>
      <c r="Q3537" s="5" t="s">
        <v>1522</v>
      </c>
      <c r="R3537" s="5" t="s">
        <v>1523</v>
      </c>
      <c r="S3537" s="5" t="s">
        <v>42</v>
      </c>
      <c r="T3537" s="2">
        <v>4.0880000000000001</v>
      </c>
      <c r="U3537" s="2">
        <v>3.452</v>
      </c>
      <c r="V3537" s="2">
        <v>0.02</v>
      </c>
      <c r="W3537" s="2">
        <v>159.1</v>
      </c>
      <c r="X3537" s="2">
        <v>7.6</v>
      </c>
      <c r="Y3537" s="2">
        <v>16.7</v>
      </c>
      <c r="Z3537" s="5"/>
      <c r="AA3537" s="5" t="s">
        <v>43</v>
      </c>
      <c r="AB3537" s="5" t="s">
        <v>44</v>
      </c>
      <c r="AC3537" s="2"/>
      <c r="AD3537" s="1"/>
    </row>
    <row r="3538" spans="1:30">
      <c r="A3538" s="5" t="s">
        <v>83578</v>
      </c>
      <c r="B3538" s="2" t="s">
        <v>94216</v>
      </c>
      <c r="C3538" s="14" t="s">
        <v>94217</v>
      </c>
      <c r="D3538" s="2" t="s">
        <v>94218</v>
      </c>
      <c r="E3538" s="2" t="s">
        <v>36389</v>
      </c>
      <c r="F3538" s="8">
        <v>394</v>
      </c>
      <c r="G3538" s="5">
        <v>6</v>
      </c>
      <c r="H3538" s="5" t="s">
        <v>1518</v>
      </c>
      <c r="I3538" s="5" t="s">
        <v>36264</v>
      </c>
      <c r="J3538" s="2" t="s">
        <v>36265</v>
      </c>
      <c r="K3538" s="5" t="s">
        <v>36264</v>
      </c>
      <c r="L3538" s="2" t="s">
        <v>36265</v>
      </c>
      <c r="M3538" s="5" t="s">
        <v>36266</v>
      </c>
      <c r="N3538" s="5" t="s">
        <v>38</v>
      </c>
      <c r="O3538" s="5" t="s">
        <v>39</v>
      </c>
      <c r="P3538" s="5" t="s">
        <v>40</v>
      </c>
      <c r="Q3538" s="5" t="s">
        <v>1522</v>
      </c>
      <c r="R3538" s="5" t="s">
        <v>1523</v>
      </c>
      <c r="S3538" s="5" t="s">
        <v>42</v>
      </c>
      <c r="T3538" s="2">
        <v>4.2220000000000004</v>
      </c>
      <c r="U3538" s="2">
        <v>3.5859999999999999</v>
      </c>
      <c r="V3538" s="2">
        <v>0.02</v>
      </c>
      <c r="W3538" s="2">
        <v>159.1</v>
      </c>
      <c r="X3538" s="2">
        <v>7.6</v>
      </c>
      <c r="Y3538" s="2">
        <v>16.7</v>
      </c>
      <c r="Z3538" s="5"/>
      <c r="AA3538" s="5" t="s">
        <v>43</v>
      </c>
      <c r="AB3538" s="5" t="s">
        <v>44</v>
      </c>
      <c r="AC3538" s="2"/>
      <c r="AD3538" s="1"/>
    </row>
    <row r="3539" spans="1:30">
      <c r="A3539" s="5" t="s">
        <v>83578</v>
      </c>
      <c r="B3539" s="2" t="s">
        <v>94219</v>
      </c>
      <c r="C3539" s="14" t="s">
        <v>94220</v>
      </c>
      <c r="D3539" s="2" t="s">
        <v>94221</v>
      </c>
      <c r="E3539" s="2" t="s">
        <v>47266</v>
      </c>
      <c r="F3539" s="8">
        <v>242</v>
      </c>
      <c r="G3539" s="5">
        <v>6</v>
      </c>
      <c r="H3539" s="5" t="s">
        <v>1518</v>
      </c>
      <c r="I3539" s="5" t="s">
        <v>40939</v>
      </c>
      <c r="J3539" s="2" t="s">
        <v>40940</v>
      </c>
      <c r="K3539" s="5" t="s">
        <v>40939</v>
      </c>
      <c r="L3539" s="2" t="s">
        <v>40940</v>
      </c>
      <c r="M3539" s="5" t="s">
        <v>36266</v>
      </c>
      <c r="N3539" s="5" t="s">
        <v>38</v>
      </c>
      <c r="O3539" s="5" t="s">
        <v>39</v>
      </c>
      <c r="P3539" s="5" t="s">
        <v>40</v>
      </c>
      <c r="Q3539" s="5" t="s">
        <v>1522</v>
      </c>
      <c r="R3539" s="5" t="s">
        <v>1523</v>
      </c>
      <c r="S3539" s="5" t="s">
        <v>42</v>
      </c>
      <c r="T3539" s="2">
        <v>1.9279999999999999</v>
      </c>
      <c r="U3539" s="2">
        <v>1.466</v>
      </c>
      <c r="V3539" s="2">
        <v>0.01</v>
      </c>
      <c r="W3539" s="2">
        <v>76.900000000000006</v>
      </c>
      <c r="X3539" s="2">
        <v>7.6</v>
      </c>
      <c r="Y3539" s="2">
        <v>16.7</v>
      </c>
      <c r="Z3539" s="5"/>
      <c r="AA3539" s="5" t="s">
        <v>43</v>
      </c>
      <c r="AB3539" s="5" t="s">
        <v>44</v>
      </c>
      <c r="AC3539" s="2"/>
      <c r="AD3539" s="1"/>
    </row>
    <row r="3540" spans="1:30">
      <c r="A3540" s="5" t="s">
        <v>83578</v>
      </c>
      <c r="B3540" s="2" t="s">
        <v>94222</v>
      </c>
      <c r="C3540" s="14" t="s">
        <v>94223</v>
      </c>
      <c r="D3540" s="2" t="s">
        <v>94224</v>
      </c>
      <c r="E3540" s="2" t="s">
        <v>47195</v>
      </c>
      <c r="F3540" s="8">
        <v>242</v>
      </c>
      <c r="G3540" s="5">
        <v>6</v>
      </c>
      <c r="H3540" s="5" t="s">
        <v>1518</v>
      </c>
      <c r="I3540" s="5" t="s">
        <v>40939</v>
      </c>
      <c r="J3540" s="2" t="s">
        <v>40940</v>
      </c>
      <c r="K3540" s="5" t="s">
        <v>40939</v>
      </c>
      <c r="L3540" s="2" t="s">
        <v>40940</v>
      </c>
      <c r="M3540" s="5" t="s">
        <v>36266</v>
      </c>
      <c r="N3540" s="5" t="s">
        <v>38</v>
      </c>
      <c r="O3540" s="5" t="s">
        <v>39</v>
      </c>
      <c r="P3540" s="5" t="s">
        <v>40</v>
      </c>
      <c r="Q3540" s="5" t="s">
        <v>1522</v>
      </c>
      <c r="R3540" s="5" t="s">
        <v>1523</v>
      </c>
      <c r="S3540" s="5" t="s">
        <v>42</v>
      </c>
      <c r="T3540" s="2">
        <v>1.9750000000000001</v>
      </c>
      <c r="U3540" s="2">
        <v>1.5129999999999999</v>
      </c>
      <c r="V3540" s="2">
        <v>0.01</v>
      </c>
      <c r="W3540" s="2">
        <v>76.900000000000006</v>
      </c>
      <c r="X3540" s="2">
        <v>7.6</v>
      </c>
      <c r="Y3540" s="2">
        <v>16.7</v>
      </c>
      <c r="Z3540" s="5"/>
      <c r="AA3540" s="5" t="s">
        <v>43</v>
      </c>
      <c r="AB3540" s="5" t="s">
        <v>44</v>
      </c>
      <c r="AC3540" s="2"/>
      <c r="AD3540" s="1"/>
    </row>
    <row r="3541" spans="1:30">
      <c r="A3541" s="5" t="s">
        <v>83578</v>
      </c>
      <c r="B3541" s="2" t="s">
        <v>94225</v>
      </c>
      <c r="C3541" s="14" t="s">
        <v>94226</v>
      </c>
      <c r="D3541" s="2" t="s">
        <v>94227</v>
      </c>
      <c r="E3541" s="2" t="s">
        <v>7208</v>
      </c>
      <c r="F3541" s="8">
        <v>228</v>
      </c>
      <c r="G3541" s="5">
        <v>6</v>
      </c>
      <c r="H3541" s="5" t="s">
        <v>1518</v>
      </c>
      <c r="I3541" s="5" t="s">
        <v>40939</v>
      </c>
      <c r="J3541" s="2" t="s">
        <v>40940</v>
      </c>
      <c r="K3541" s="5" t="s">
        <v>40939</v>
      </c>
      <c r="L3541" s="2" t="s">
        <v>40940</v>
      </c>
      <c r="M3541" s="5" t="s">
        <v>36266</v>
      </c>
      <c r="N3541" s="5" t="s">
        <v>38</v>
      </c>
      <c r="O3541" s="5" t="s">
        <v>39</v>
      </c>
      <c r="P3541" s="5" t="s">
        <v>40</v>
      </c>
      <c r="Q3541" s="5" t="s">
        <v>1522</v>
      </c>
      <c r="R3541" s="5" t="s">
        <v>1523</v>
      </c>
      <c r="S3541" s="5" t="s">
        <v>42</v>
      </c>
      <c r="T3541" s="2">
        <v>1.931</v>
      </c>
      <c r="U3541" s="2">
        <v>1.4690000000000001</v>
      </c>
      <c r="V3541" s="2">
        <v>0.01</v>
      </c>
      <c r="W3541" s="2">
        <v>76.900000000000006</v>
      </c>
      <c r="X3541" s="2">
        <v>7.6</v>
      </c>
      <c r="Y3541" s="2">
        <v>16.7</v>
      </c>
      <c r="Z3541" s="5"/>
      <c r="AA3541" s="5" t="s">
        <v>43</v>
      </c>
      <c r="AB3541" s="5" t="s">
        <v>44</v>
      </c>
      <c r="AC3541" s="2"/>
      <c r="AD3541" s="1"/>
    </row>
    <row r="3542" spans="1:30">
      <c r="A3542" s="5" t="s">
        <v>83578</v>
      </c>
      <c r="B3542" s="2" t="s">
        <v>94228</v>
      </c>
      <c r="C3542" s="14" t="s">
        <v>94229</v>
      </c>
      <c r="D3542" s="2" t="s">
        <v>94230</v>
      </c>
      <c r="E3542" s="2" t="s">
        <v>7521</v>
      </c>
      <c r="F3542" s="8">
        <v>228</v>
      </c>
      <c r="G3542" s="5">
        <v>6</v>
      </c>
      <c r="H3542" s="5" t="s">
        <v>1518</v>
      </c>
      <c r="I3542" s="5" t="s">
        <v>40939</v>
      </c>
      <c r="J3542" s="2" t="s">
        <v>40940</v>
      </c>
      <c r="K3542" s="5" t="s">
        <v>40939</v>
      </c>
      <c r="L3542" s="2" t="s">
        <v>40940</v>
      </c>
      <c r="M3542" s="5" t="s">
        <v>36266</v>
      </c>
      <c r="N3542" s="5" t="s">
        <v>38</v>
      </c>
      <c r="O3542" s="5" t="s">
        <v>39</v>
      </c>
      <c r="P3542" s="5" t="s">
        <v>40</v>
      </c>
      <c r="Q3542" s="5" t="s">
        <v>1522</v>
      </c>
      <c r="R3542" s="5" t="s">
        <v>1523</v>
      </c>
      <c r="S3542" s="5" t="s">
        <v>42</v>
      </c>
      <c r="T3542" s="2">
        <v>1.978</v>
      </c>
      <c r="U3542" s="2">
        <v>1.516</v>
      </c>
      <c r="V3542" s="2">
        <v>0.01</v>
      </c>
      <c r="W3542" s="2">
        <v>76.900000000000006</v>
      </c>
      <c r="X3542" s="2">
        <v>7.6</v>
      </c>
      <c r="Y3542" s="2">
        <v>16.7</v>
      </c>
      <c r="Z3542" s="5"/>
      <c r="AA3542" s="5" t="s">
        <v>43</v>
      </c>
      <c r="AB3542" s="5" t="s">
        <v>44</v>
      </c>
      <c r="AC3542" s="2"/>
      <c r="AD3542" s="1"/>
    </row>
    <row r="3543" spans="1:30">
      <c r="A3543" s="5" t="s">
        <v>83578</v>
      </c>
      <c r="B3543" s="2" t="s">
        <v>94231</v>
      </c>
      <c r="C3543" s="14" t="s">
        <v>94232</v>
      </c>
      <c r="D3543" s="2" t="s">
        <v>94233</v>
      </c>
      <c r="E3543" s="2" t="s">
        <v>36273</v>
      </c>
      <c r="F3543" s="8">
        <v>228</v>
      </c>
      <c r="G3543" s="5">
        <v>6</v>
      </c>
      <c r="H3543" s="5" t="s">
        <v>1518</v>
      </c>
      <c r="I3543" s="5" t="s">
        <v>40939</v>
      </c>
      <c r="J3543" s="2" t="s">
        <v>40940</v>
      </c>
      <c r="K3543" s="5" t="s">
        <v>40939</v>
      </c>
      <c r="L3543" s="2" t="s">
        <v>40940</v>
      </c>
      <c r="M3543" s="5" t="s">
        <v>36266</v>
      </c>
      <c r="N3543" s="5" t="s">
        <v>38</v>
      </c>
      <c r="O3543" s="5" t="s">
        <v>39</v>
      </c>
      <c r="P3543" s="5" t="s">
        <v>40</v>
      </c>
      <c r="Q3543" s="5" t="s">
        <v>1522</v>
      </c>
      <c r="R3543" s="5" t="s">
        <v>1523</v>
      </c>
      <c r="S3543" s="5" t="s">
        <v>42</v>
      </c>
      <c r="T3543" s="2">
        <v>1.9370000000000001</v>
      </c>
      <c r="U3543" s="2">
        <v>1.4750000000000001</v>
      </c>
      <c r="V3543" s="2">
        <v>0.01</v>
      </c>
      <c r="W3543" s="2">
        <v>76.900000000000006</v>
      </c>
      <c r="X3543" s="2">
        <v>7.6</v>
      </c>
      <c r="Y3543" s="2">
        <v>16.7</v>
      </c>
      <c r="Z3543" s="5"/>
      <c r="AA3543" s="5" t="s">
        <v>43</v>
      </c>
      <c r="AB3543" s="5" t="s">
        <v>44</v>
      </c>
      <c r="AC3543" s="2"/>
      <c r="AD3543" s="1"/>
    </row>
    <row r="3544" spans="1:30">
      <c r="A3544" s="5" t="s">
        <v>83578</v>
      </c>
      <c r="B3544" s="2" t="s">
        <v>94234</v>
      </c>
      <c r="C3544" s="14" t="s">
        <v>94235</v>
      </c>
      <c r="D3544" s="2" t="s">
        <v>94236</v>
      </c>
      <c r="E3544" s="2" t="s">
        <v>36277</v>
      </c>
      <c r="F3544" s="8">
        <v>228</v>
      </c>
      <c r="G3544" s="5">
        <v>6</v>
      </c>
      <c r="H3544" s="5" t="s">
        <v>1518</v>
      </c>
      <c r="I3544" s="5" t="s">
        <v>40939</v>
      </c>
      <c r="J3544" s="2" t="s">
        <v>40940</v>
      </c>
      <c r="K3544" s="5" t="s">
        <v>40939</v>
      </c>
      <c r="L3544" s="2" t="s">
        <v>40940</v>
      </c>
      <c r="M3544" s="5" t="s">
        <v>36266</v>
      </c>
      <c r="N3544" s="5" t="s">
        <v>38</v>
      </c>
      <c r="O3544" s="5" t="s">
        <v>39</v>
      </c>
      <c r="P3544" s="5" t="s">
        <v>40</v>
      </c>
      <c r="Q3544" s="5" t="s">
        <v>1522</v>
      </c>
      <c r="R3544" s="5" t="s">
        <v>1523</v>
      </c>
      <c r="S3544" s="5" t="s">
        <v>42</v>
      </c>
      <c r="T3544" s="2">
        <v>1.984</v>
      </c>
      <c r="U3544" s="2">
        <v>1.522</v>
      </c>
      <c r="V3544" s="2">
        <v>0.01</v>
      </c>
      <c r="W3544" s="2">
        <v>76.900000000000006</v>
      </c>
      <c r="X3544" s="2">
        <v>7.6</v>
      </c>
      <c r="Y3544" s="2">
        <v>16.7</v>
      </c>
      <c r="Z3544" s="5"/>
      <c r="AA3544" s="5" t="s">
        <v>43</v>
      </c>
      <c r="AB3544" s="5" t="s">
        <v>44</v>
      </c>
      <c r="AC3544" s="2"/>
      <c r="AD3544" s="1"/>
    </row>
    <row r="3545" spans="1:30">
      <c r="A3545" s="5" t="s">
        <v>83578</v>
      </c>
      <c r="B3545" s="2" t="s">
        <v>94237</v>
      </c>
      <c r="C3545" s="14" t="s">
        <v>94238</v>
      </c>
      <c r="D3545" s="2" t="s">
        <v>94239</v>
      </c>
      <c r="E3545" s="2" t="s">
        <v>40967</v>
      </c>
      <c r="F3545" s="8">
        <v>242</v>
      </c>
      <c r="G3545" s="5">
        <v>6</v>
      </c>
      <c r="H3545" s="5" t="s">
        <v>1518</v>
      </c>
      <c r="I3545" s="5" t="s">
        <v>40939</v>
      </c>
      <c r="J3545" s="2" t="s">
        <v>40940</v>
      </c>
      <c r="K3545" s="5" t="s">
        <v>40939</v>
      </c>
      <c r="L3545" s="2" t="s">
        <v>40940</v>
      </c>
      <c r="M3545" s="5" t="s">
        <v>36266</v>
      </c>
      <c r="N3545" s="5" t="s">
        <v>38</v>
      </c>
      <c r="O3545" s="5" t="s">
        <v>39</v>
      </c>
      <c r="P3545" s="5" t="s">
        <v>40</v>
      </c>
      <c r="Q3545" s="5" t="s">
        <v>1522</v>
      </c>
      <c r="R3545" s="5" t="s">
        <v>1523</v>
      </c>
      <c r="S3545" s="5" t="s">
        <v>42</v>
      </c>
      <c r="T3545" s="2">
        <v>1.931</v>
      </c>
      <c r="U3545" s="2">
        <v>1.4690000000000001</v>
      </c>
      <c r="V3545" s="2">
        <v>0.01</v>
      </c>
      <c r="W3545" s="2">
        <v>76.900000000000006</v>
      </c>
      <c r="X3545" s="2">
        <v>7.6</v>
      </c>
      <c r="Y3545" s="2">
        <v>16.7</v>
      </c>
      <c r="Z3545" s="5"/>
      <c r="AA3545" s="5" t="s">
        <v>43</v>
      </c>
      <c r="AB3545" s="5" t="s">
        <v>44</v>
      </c>
      <c r="AC3545" s="2"/>
      <c r="AD3545" s="1"/>
    </row>
    <row r="3546" spans="1:30">
      <c r="A3546" s="5" t="s">
        <v>83578</v>
      </c>
      <c r="B3546" s="2" t="s">
        <v>94240</v>
      </c>
      <c r="C3546" s="14" t="s">
        <v>94241</v>
      </c>
      <c r="D3546" s="2" t="s">
        <v>94242</v>
      </c>
      <c r="E3546" s="2" t="s">
        <v>40971</v>
      </c>
      <c r="F3546" s="8">
        <v>242</v>
      </c>
      <c r="G3546" s="5">
        <v>6</v>
      </c>
      <c r="H3546" s="5" t="s">
        <v>1518</v>
      </c>
      <c r="I3546" s="5" t="s">
        <v>40939</v>
      </c>
      <c r="J3546" s="2" t="s">
        <v>40940</v>
      </c>
      <c r="K3546" s="5" t="s">
        <v>40939</v>
      </c>
      <c r="L3546" s="2" t="s">
        <v>40940</v>
      </c>
      <c r="M3546" s="5" t="s">
        <v>36266</v>
      </c>
      <c r="N3546" s="5" t="s">
        <v>38</v>
      </c>
      <c r="O3546" s="5" t="s">
        <v>39</v>
      </c>
      <c r="P3546" s="5" t="s">
        <v>40</v>
      </c>
      <c r="Q3546" s="5" t="s">
        <v>1522</v>
      </c>
      <c r="R3546" s="5" t="s">
        <v>1523</v>
      </c>
      <c r="S3546" s="5" t="s">
        <v>42</v>
      </c>
      <c r="T3546" s="2">
        <v>1.978</v>
      </c>
      <c r="U3546" s="2">
        <v>1.516</v>
      </c>
      <c r="V3546" s="2">
        <v>0.01</v>
      </c>
      <c r="W3546" s="2">
        <v>76.900000000000006</v>
      </c>
      <c r="X3546" s="2">
        <v>7.6</v>
      </c>
      <c r="Y3546" s="2">
        <v>16.7</v>
      </c>
      <c r="Z3546" s="5"/>
      <c r="AA3546" s="5" t="s">
        <v>43</v>
      </c>
      <c r="AB3546" s="5" t="s">
        <v>44</v>
      </c>
      <c r="AC3546" s="2"/>
      <c r="AD3546" s="1"/>
    </row>
    <row r="3547" spans="1:30">
      <c r="A3547" s="5" t="s">
        <v>83578</v>
      </c>
      <c r="B3547" s="2" t="s">
        <v>94243</v>
      </c>
      <c r="C3547" s="14" t="s">
        <v>94244</v>
      </c>
      <c r="D3547" s="2" t="s">
        <v>94245</v>
      </c>
      <c r="E3547" s="2" t="s">
        <v>47226</v>
      </c>
      <c r="F3547" s="8">
        <v>242</v>
      </c>
      <c r="G3547" s="5">
        <v>6</v>
      </c>
      <c r="H3547" s="5" t="s">
        <v>1518</v>
      </c>
      <c r="I3547" s="5" t="s">
        <v>40939</v>
      </c>
      <c r="J3547" s="2" t="s">
        <v>40940</v>
      </c>
      <c r="K3547" s="5" t="s">
        <v>40939</v>
      </c>
      <c r="L3547" s="2" t="s">
        <v>40940</v>
      </c>
      <c r="M3547" s="5" t="s">
        <v>36266</v>
      </c>
      <c r="N3547" s="5" t="s">
        <v>38</v>
      </c>
      <c r="O3547" s="5" t="s">
        <v>39</v>
      </c>
      <c r="P3547" s="5" t="s">
        <v>40</v>
      </c>
      <c r="Q3547" s="5" t="s">
        <v>1522</v>
      </c>
      <c r="R3547" s="5" t="s">
        <v>1523</v>
      </c>
      <c r="S3547" s="5" t="s">
        <v>42</v>
      </c>
      <c r="T3547" s="2">
        <v>1.931</v>
      </c>
      <c r="U3547" s="2">
        <v>1.4690000000000001</v>
      </c>
      <c r="V3547" s="2">
        <v>0.01</v>
      </c>
      <c r="W3547" s="2">
        <v>76.900000000000006</v>
      </c>
      <c r="X3547" s="2">
        <v>7.6</v>
      </c>
      <c r="Y3547" s="2">
        <v>16.7</v>
      </c>
      <c r="Z3547" s="5"/>
      <c r="AA3547" s="5" t="s">
        <v>43</v>
      </c>
      <c r="AB3547" s="5" t="s">
        <v>44</v>
      </c>
      <c r="AC3547" s="2"/>
      <c r="AD3547" s="1"/>
    </row>
    <row r="3548" spans="1:30">
      <c r="A3548" s="5" t="s">
        <v>83578</v>
      </c>
      <c r="B3548" s="2" t="s">
        <v>94246</v>
      </c>
      <c r="C3548" s="14" t="s">
        <v>94247</v>
      </c>
      <c r="D3548" s="2" t="s">
        <v>94248</v>
      </c>
      <c r="E3548" s="2" t="s">
        <v>47735</v>
      </c>
      <c r="F3548" s="8">
        <v>242</v>
      </c>
      <c r="G3548" s="5">
        <v>6</v>
      </c>
      <c r="H3548" s="5" t="s">
        <v>1518</v>
      </c>
      <c r="I3548" s="5" t="s">
        <v>40939</v>
      </c>
      <c r="J3548" s="2" t="s">
        <v>40940</v>
      </c>
      <c r="K3548" s="5" t="s">
        <v>40939</v>
      </c>
      <c r="L3548" s="2" t="s">
        <v>40940</v>
      </c>
      <c r="M3548" s="5" t="s">
        <v>36266</v>
      </c>
      <c r="N3548" s="5" t="s">
        <v>38</v>
      </c>
      <c r="O3548" s="5" t="s">
        <v>39</v>
      </c>
      <c r="P3548" s="5" t="s">
        <v>40</v>
      </c>
      <c r="Q3548" s="5" t="s">
        <v>1522</v>
      </c>
      <c r="R3548" s="5" t="s">
        <v>1523</v>
      </c>
      <c r="S3548" s="5" t="s">
        <v>42</v>
      </c>
      <c r="T3548" s="2">
        <v>1.978</v>
      </c>
      <c r="U3548" s="2">
        <v>1.516</v>
      </c>
      <c r="V3548" s="2">
        <v>0.01</v>
      </c>
      <c r="W3548" s="2">
        <v>76.900000000000006</v>
      </c>
      <c r="X3548" s="2">
        <v>7.6</v>
      </c>
      <c r="Y3548" s="2">
        <v>16.7</v>
      </c>
      <c r="Z3548" s="5"/>
      <c r="AA3548" s="5" t="s">
        <v>43</v>
      </c>
      <c r="AB3548" s="5" t="s">
        <v>44</v>
      </c>
      <c r="AC3548" s="2"/>
      <c r="AD3548" s="1"/>
    </row>
    <row r="3549" spans="1:30">
      <c r="A3549" s="5" t="s">
        <v>83578</v>
      </c>
      <c r="B3549" s="2" t="s">
        <v>94249</v>
      </c>
      <c r="C3549" s="14" t="s">
        <v>94250</v>
      </c>
      <c r="D3549" s="2" t="s">
        <v>94251</v>
      </c>
      <c r="E3549" s="2" t="s">
        <v>7539</v>
      </c>
      <c r="F3549" s="8">
        <v>242</v>
      </c>
      <c r="G3549" s="5">
        <v>6</v>
      </c>
      <c r="H3549" s="5" t="s">
        <v>1518</v>
      </c>
      <c r="I3549" s="5" t="s">
        <v>40939</v>
      </c>
      <c r="J3549" s="2" t="s">
        <v>40940</v>
      </c>
      <c r="K3549" s="5" t="s">
        <v>40939</v>
      </c>
      <c r="L3549" s="2" t="s">
        <v>40940</v>
      </c>
      <c r="M3549" s="5" t="s">
        <v>36266</v>
      </c>
      <c r="N3549" s="5" t="s">
        <v>38</v>
      </c>
      <c r="O3549" s="5" t="s">
        <v>39</v>
      </c>
      <c r="P3549" s="5" t="s">
        <v>40</v>
      </c>
      <c r="Q3549" s="5" t="s">
        <v>1522</v>
      </c>
      <c r="R3549" s="5" t="s">
        <v>1523</v>
      </c>
      <c r="S3549" s="5" t="s">
        <v>42</v>
      </c>
      <c r="T3549" s="2">
        <v>1.917</v>
      </c>
      <c r="U3549" s="2">
        <v>1.4550000000000001</v>
      </c>
      <c r="V3549" s="2">
        <v>0.01</v>
      </c>
      <c r="W3549" s="2">
        <v>76.900000000000006</v>
      </c>
      <c r="X3549" s="2">
        <v>7.6</v>
      </c>
      <c r="Y3549" s="2">
        <v>16.7</v>
      </c>
      <c r="Z3549" s="5"/>
      <c r="AA3549" s="5" t="s">
        <v>43</v>
      </c>
      <c r="AB3549" s="5" t="s">
        <v>44</v>
      </c>
      <c r="AC3549" s="2"/>
      <c r="AD3549" s="1"/>
    </row>
    <row r="3550" spans="1:30">
      <c r="A3550" s="5" t="s">
        <v>83578</v>
      </c>
      <c r="B3550" s="2" t="s">
        <v>94252</v>
      </c>
      <c r="C3550" s="14" t="s">
        <v>94253</v>
      </c>
      <c r="D3550" s="2" t="s">
        <v>94254</v>
      </c>
      <c r="E3550" s="2" t="s">
        <v>7543</v>
      </c>
      <c r="F3550" s="8">
        <v>242</v>
      </c>
      <c r="G3550" s="5">
        <v>6</v>
      </c>
      <c r="H3550" s="5" t="s">
        <v>1518</v>
      </c>
      <c r="I3550" s="5" t="s">
        <v>40939</v>
      </c>
      <c r="J3550" s="2" t="s">
        <v>40940</v>
      </c>
      <c r="K3550" s="5" t="s">
        <v>40939</v>
      </c>
      <c r="L3550" s="2" t="s">
        <v>40940</v>
      </c>
      <c r="M3550" s="5" t="s">
        <v>36266</v>
      </c>
      <c r="N3550" s="5" t="s">
        <v>38</v>
      </c>
      <c r="O3550" s="5" t="s">
        <v>39</v>
      </c>
      <c r="P3550" s="5" t="s">
        <v>40</v>
      </c>
      <c r="Q3550" s="5" t="s">
        <v>1522</v>
      </c>
      <c r="R3550" s="5" t="s">
        <v>1523</v>
      </c>
      <c r="S3550" s="5" t="s">
        <v>42</v>
      </c>
      <c r="T3550" s="2">
        <v>1.964</v>
      </c>
      <c r="U3550" s="2">
        <v>1.502</v>
      </c>
      <c r="V3550" s="2">
        <v>0.01</v>
      </c>
      <c r="W3550" s="2">
        <v>76.900000000000006</v>
      </c>
      <c r="X3550" s="2">
        <v>7.6</v>
      </c>
      <c r="Y3550" s="2">
        <v>16.7</v>
      </c>
      <c r="Z3550" s="5"/>
      <c r="AA3550" s="5" t="s">
        <v>43</v>
      </c>
      <c r="AB3550" s="5" t="s">
        <v>44</v>
      </c>
      <c r="AC3550" s="2"/>
      <c r="AD3550" s="1"/>
    </row>
    <row r="3551" spans="1:30">
      <c r="A3551" s="5" t="s">
        <v>83578</v>
      </c>
      <c r="B3551" s="2" t="s">
        <v>94255</v>
      </c>
      <c r="C3551" s="14" t="s">
        <v>94256</v>
      </c>
      <c r="D3551" s="2" t="s">
        <v>94257</v>
      </c>
      <c r="E3551" s="2" t="s">
        <v>40989</v>
      </c>
      <c r="F3551" s="8">
        <v>242</v>
      </c>
      <c r="G3551" s="5">
        <v>6</v>
      </c>
      <c r="H3551" s="5" t="s">
        <v>1518</v>
      </c>
      <c r="I3551" s="5" t="s">
        <v>40939</v>
      </c>
      <c r="J3551" s="2" t="s">
        <v>40940</v>
      </c>
      <c r="K3551" s="5" t="s">
        <v>40939</v>
      </c>
      <c r="L3551" s="2" t="s">
        <v>40940</v>
      </c>
      <c r="M3551" s="5" t="s">
        <v>36266</v>
      </c>
      <c r="N3551" s="5" t="s">
        <v>38</v>
      </c>
      <c r="O3551" s="5" t="s">
        <v>39</v>
      </c>
      <c r="P3551" s="5" t="s">
        <v>40</v>
      </c>
      <c r="Q3551" s="5" t="s">
        <v>1522</v>
      </c>
      <c r="R3551" s="5" t="s">
        <v>1523</v>
      </c>
      <c r="S3551" s="5" t="s">
        <v>42</v>
      </c>
      <c r="T3551" s="2">
        <v>1.931</v>
      </c>
      <c r="U3551" s="2">
        <v>1.4690000000000001</v>
      </c>
      <c r="V3551" s="2">
        <v>0.01</v>
      </c>
      <c r="W3551" s="2">
        <v>76.900000000000006</v>
      </c>
      <c r="X3551" s="2">
        <v>7.6</v>
      </c>
      <c r="Y3551" s="2">
        <v>16.7</v>
      </c>
      <c r="Z3551" s="5"/>
      <c r="AA3551" s="5" t="s">
        <v>43</v>
      </c>
      <c r="AB3551" s="5" t="s">
        <v>44</v>
      </c>
      <c r="AC3551" s="2"/>
      <c r="AD3551" s="1"/>
    </row>
    <row r="3552" spans="1:30">
      <c r="A3552" s="5" t="s">
        <v>83578</v>
      </c>
      <c r="B3552" s="2" t="s">
        <v>94258</v>
      </c>
      <c r="C3552" s="14" t="s">
        <v>94259</v>
      </c>
      <c r="D3552" s="2" t="s">
        <v>94260</v>
      </c>
      <c r="E3552" s="2" t="s">
        <v>40993</v>
      </c>
      <c r="F3552" s="8">
        <v>242</v>
      </c>
      <c r="G3552" s="5">
        <v>6</v>
      </c>
      <c r="H3552" s="5" t="s">
        <v>1518</v>
      </c>
      <c r="I3552" s="5" t="s">
        <v>40939</v>
      </c>
      <c r="J3552" s="2" t="s">
        <v>40940</v>
      </c>
      <c r="K3552" s="5" t="s">
        <v>40939</v>
      </c>
      <c r="L3552" s="2" t="s">
        <v>40940</v>
      </c>
      <c r="M3552" s="5" t="s">
        <v>36266</v>
      </c>
      <c r="N3552" s="5" t="s">
        <v>38</v>
      </c>
      <c r="O3552" s="5" t="s">
        <v>39</v>
      </c>
      <c r="P3552" s="5" t="s">
        <v>40</v>
      </c>
      <c r="Q3552" s="5" t="s">
        <v>1522</v>
      </c>
      <c r="R3552" s="5" t="s">
        <v>1523</v>
      </c>
      <c r="S3552" s="5" t="s">
        <v>42</v>
      </c>
      <c r="T3552" s="2">
        <v>1.978</v>
      </c>
      <c r="U3552" s="2">
        <v>1.516</v>
      </c>
      <c r="V3552" s="2">
        <v>0.01</v>
      </c>
      <c r="W3552" s="2">
        <v>76.900000000000006</v>
      </c>
      <c r="X3552" s="2">
        <v>7.6</v>
      </c>
      <c r="Y3552" s="2">
        <v>16.7</v>
      </c>
      <c r="Z3552" s="5"/>
      <c r="AA3552" s="5" t="s">
        <v>43</v>
      </c>
      <c r="AB3552" s="5" t="s">
        <v>44</v>
      </c>
      <c r="AC3552" s="2"/>
      <c r="AD3552" s="1"/>
    </row>
    <row r="3553" spans="1:30">
      <c r="A3553" s="5" t="s">
        <v>83578</v>
      </c>
      <c r="B3553" s="2" t="s">
        <v>94261</v>
      </c>
      <c r="C3553" s="14" t="s">
        <v>94262</v>
      </c>
      <c r="D3553" s="2" t="s">
        <v>94263</v>
      </c>
      <c r="E3553" s="2" t="s">
        <v>40997</v>
      </c>
      <c r="F3553" s="8">
        <v>242</v>
      </c>
      <c r="G3553" s="5">
        <v>6</v>
      </c>
      <c r="H3553" s="5" t="s">
        <v>1518</v>
      </c>
      <c r="I3553" s="5" t="s">
        <v>40939</v>
      </c>
      <c r="J3553" s="2" t="s">
        <v>40940</v>
      </c>
      <c r="K3553" s="5" t="s">
        <v>40939</v>
      </c>
      <c r="L3553" s="2" t="s">
        <v>40940</v>
      </c>
      <c r="M3553" s="5" t="s">
        <v>36266</v>
      </c>
      <c r="N3553" s="5" t="s">
        <v>38</v>
      </c>
      <c r="O3553" s="5" t="s">
        <v>39</v>
      </c>
      <c r="P3553" s="5" t="s">
        <v>40</v>
      </c>
      <c r="Q3553" s="5" t="s">
        <v>1522</v>
      </c>
      <c r="R3553" s="5" t="s">
        <v>1523</v>
      </c>
      <c r="S3553" s="5" t="s">
        <v>42</v>
      </c>
      <c r="T3553" s="2">
        <v>1.919</v>
      </c>
      <c r="U3553" s="2">
        <v>1.4570000000000001</v>
      </c>
      <c r="V3553" s="2">
        <v>0.01</v>
      </c>
      <c r="W3553" s="2">
        <v>76.900000000000006</v>
      </c>
      <c r="X3553" s="2">
        <v>7.6</v>
      </c>
      <c r="Y3553" s="2">
        <v>16.7</v>
      </c>
      <c r="Z3553" s="5"/>
      <c r="AA3553" s="5" t="s">
        <v>43</v>
      </c>
      <c r="AB3553" s="5" t="s">
        <v>44</v>
      </c>
      <c r="AC3553" s="2"/>
      <c r="AD3553" s="1"/>
    </row>
    <row r="3554" spans="1:30">
      <c r="A3554" s="5" t="s">
        <v>83578</v>
      </c>
      <c r="B3554" s="2" t="s">
        <v>94264</v>
      </c>
      <c r="C3554" s="14" t="s">
        <v>94265</v>
      </c>
      <c r="D3554" s="2" t="s">
        <v>94266</v>
      </c>
      <c r="E3554" s="2" t="s">
        <v>41267</v>
      </c>
      <c r="F3554" s="8">
        <v>242</v>
      </c>
      <c r="G3554" s="5">
        <v>6</v>
      </c>
      <c r="H3554" s="5" t="s">
        <v>1518</v>
      </c>
      <c r="I3554" s="5" t="s">
        <v>40939</v>
      </c>
      <c r="J3554" s="2" t="s">
        <v>40940</v>
      </c>
      <c r="K3554" s="5" t="s">
        <v>40939</v>
      </c>
      <c r="L3554" s="2" t="s">
        <v>40940</v>
      </c>
      <c r="M3554" s="5" t="s">
        <v>36266</v>
      </c>
      <c r="N3554" s="5" t="s">
        <v>38</v>
      </c>
      <c r="O3554" s="5" t="s">
        <v>39</v>
      </c>
      <c r="P3554" s="5" t="s">
        <v>40</v>
      </c>
      <c r="Q3554" s="5" t="s">
        <v>1522</v>
      </c>
      <c r="R3554" s="5" t="s">
        <v>1523</v>
      </c>
      <c r="S3554" s="5" t="s">
        <v>42</v>
      </c>
      <c r="T3554" s="2">
        <v>1.966</v>
      </c>
      <c r="U3554" s="2">
        <v>1.504</v>
      </c>
      <c r="V3554" s="2">
        <v>0.01</v>
      </c>
      <c r="W3554" s="2">
        <v>76.900000000000006</v>
      </c>
      <c r="X3554" s="2">
        <v>7.6</v>
      </c>
      <c r="Y3554" s="2">
        <v>16.7</v>
      </c>
      <c r="Z3554" s="5"/>
      <c r="AA3554" s="5" t="s">
        <v>43</v>
      </c>
      <c r="AB3554" s="5" t="s">
        <v>44</v>
      </c>
      <c r="AC3554" s="2"/>
      <c r="AD3554" s="1"/>
    </row>
    <row r="3555" spans="1:30">
      <c r="A3555" s="5" t="s">
        <v>83578</v>
      </c>
      <c r="B3555" s="2" t="s">
        <v>94267</v>
      </c>
      <c r="C3555" s="14" t="s">
        <v>94268</v>
      </c>
      <c r="D3555" s="2" t="s">
        <v>94269</v>
      </c>
      <c r="E3555" s="2" t="s">
        <v>41005</v>
      </c>
      <c r="F3555" s="8">
        <v>242</v>
      </c>
      <c r="G3555" s="5">
        <v>6</v>
      </c>
      <c r="H3555" s="5" t="s">
        <v>1518</v>
      </c>
      <c r="I3555" s="5" t="s">
        <v>40939</v>
      </c>
      <c r="J3555" s="2" t="s">
        <v>40940</v>
      </c>
      <c r="K3555" s="5" t="s">
        <v>40939</v>
      </c>
      <c r="L3555" s="2" t="s">
        <v>40940</v>
      </c>
      <c r="M3555" s="5" t="s">
        <v>36266</v>
      </c>
      <c r="N3555" s="5" t="s">
        <v>38</v>
      </c>
      <c r="O3555" s="5" t="s">
        <v>39</v>
      </c>
      <c r="P3555" s="5" t="s">
        <v>40</v>
      </c>
      <c r="Q3555" s="5" t="s">
        <v>1522</v>
      </c>
      <c r="R3555" s="5" t="s">
        <v>1523</v>
      </c>
      <c r="S3555" s="5" t="s">
        <v>42</v>
      </c>
      <c r="T3555" s="2">
        <v>1.978</v>
      </c>
      <c r="U3555" s="2">
        <v>1.516</v>
      </c>
      <c r="V3555" s="2">
        <v>0.01</v>
      </c>
      <c r="W3555" s="2">
        <v>76.900000000000006</v>
      </c>
      <c r="X3555" s="2">
        <v>7.6</v>
      </c>
      <c r="Y3555" s="2">
        <v>16.7</v>
      </c>
      <c r="Z3555" s="5"/>
      <c r="AA3555" s="5" t="s">
        <v>43</v>
      </c>
      <c r="AB3555" s="5" t="s">
        <v>44</v>
      </c>
      <c r="AC3555" s="2"/>
      <c r="AD3555" s="1"/>
    </row>
    <row r="3556" spans="1:30">
      <c r="A3556" s="5" t="s">
        <v>83578</v>
      </c>
      <c r="B3556" s="2" t="s">
        <v>94270</v>
      </c>
      <c r="C3556" s="14" t="s">
        <v>94271</v>
      </c>
      <c r="D3556" s="2" t="s">
        <v>94272</v>
      </c>
      <c r="E3556" s="2" t="s">
        <v>41009</v>
      </c>
      <c r="F3556" s="8">
        <v>242</v>
      </c>
      <c r="G3556" s="5">
        <v>6</v>
      </c>
      <c r="H3556" s="5" t="s">
        <v>1518</v>
      </c>
      <c r="I3556" s="5" t="s">
        <v>40939</v>
      </c>
      <c r="J3556" s="2" t="s">
        <v>40940</v>
      </c>
      <c r="K3556" s="5" t="s">
        <v>40939</v>
      </c>
      <c r="L3556" s="2" t="s">
        <v>40940</v>
      </c>
      <c r="M3556" s="5" t="s">
        <v>36266</v>
      </c>
      <c r="N3556" s="5" t="s">
        <v>38</v>
      </c>
      <c r="O3556" s="5" t="s">
        <v>39</v>
      </c>
      <c r="P3556" s="5" t="s">
        <v>40</v>
      </c>
      <c r="Q3556" s="5" t="s">
        <v>1522</v>
      </c>
      <c r="R3556" s="5" t="s">
        <v>1523</v>
      </c>
      <c r="S3556" s="5" t="s">
        <v>42</v>
      </c>
      <c r="T3556" s="2">
        <v>1.9339999999999999</v>
      </c>
      <c r="U3556" s="2">
        <v>1.472</v>
      </c>
      <c r="V3556" s="2">
        <v>0.01</v>
      </c>
      <c r="W3556" s="2">
        <v>76.900000000000006</v>
      </c>
      <c r="X3556" s="2">
        <v>7.6</v>
      </c>
      <c r="Y3556" s="2">
        <v>16.7</v>
      </c>
      <c r="Z3556" s="5"/>
      <c r="AA3556" s="5" t="s">
        <v>43</v>
      </c>
      <c r="AB3556" s="5" t="s">
        <v>44</v>
      </c>
      <c r="AC3556" s="2"/>
      <c r="AD3556" s="1"/>
    </row>
    <row r="3557" spans="1:30">
      <c r="A3557" s="5" t="s">
        <v>83578</v>
      </c>
      <c r="B3557" s="2" t="s">
        <v>94273</v>
      </c>
      <c r="C3557" s="14" t="s">
        <v>94274</v>
      </c>
      <c r="D3557" s="2" t="s">
        <v>94275</v>
      </c>
      <c r="E3557" s="2" t="s">
        <v>41013</v>
      </c>
      <c r="F3557" s="8">
        <v>242</v>
      </c>
      <c r="G3557" s="5">
        <v>6</v>
      </c>
      <c r="H3557" s="5" t="s">
        <v>1518</v>
      </c>
      <c r="I3557" s="5" t="s">
        <v>40939</v>
      </c>
      <c r="J3557" s="2" t="s">
        <v>40940</v>
      </c>
      <c r="K3557" s="5" t="s">
        <v>40939</v>
      </c>
      <c r="L3557" s="2" t="s">
        <v>40940</v>
      </c>
      <c r="M3557" s="5" t="s">
        <v>36266</v>
      </c>
      <c r="N3557" s="5" t="s">
        <v>38</v>
      </c>
      <c r="O3557" s="5" t="s">
        <v>39</v>
      </c>
      <c r="P3557" s="5" t="s">
        <v>40</v>
      </c>
      <c r="Q3557" s="5" t="s">
        <v>1522</v>
      </c>
      <c r="R3557" s="5" t="s">
        <v>1523</v>
      </c>
      <c r="S3557" s="5" t="s">
        <v>42</v>
      </c>
      <c r="T3557" s="2">
        <v>1.9810000000000001</v>
      </c>
      <c r="U3557" s="2">
        <v>1.5189999999999999</v>
      </c>
      <c r="V3557" s="2">
        <v>0.01</v>
      </c>
      <c r="W3557" s="2">
        <v>76.900000000000006</v>
      </c>
      <c r="X3557" s="2">
        <v>7.6</v>
      </c>
      <c r="Y3557" s="2">
        <v>16.7</v>
      </c>
      <c r="Z3557" s="5"/>
      <c r="AA3557" s="5" t="s">
        <v>43</v>
      </c>
      <c r="AB3557" s="5" t="s">
        <v>44</v>
      </c>
      <c r="AC3557" s="2"/>
      <c r="AD3557" s="1"/>
    </row>
    <row r="3558" spans="1:30">
      <c r="A3558" s="5" t="s">
        <v>83578</v>
      </c>
      <c r="B3558" s="2" t="s">
        <v>94276</v>
      </c>
      <c r="C3558" s="14" t="s">
        <v>94277</v>
      </c>
      <c r="D3558" s="2" t="s">
        <v>94278</v>
      </c>
      <c r="E3558" s="2" t="s">
        <v>7396</v>
      </c>
      <c r="F3558" s="8">
        <v>228</v>
      </c>
      <c r="G3558" s="5">
        <v>6</v>
      </c>
      <c r="H3558" s="5" t="s">
        <v>1518</v>
      </c>
      <c r="I3558" s="5" t="s">
        <v>40939</v>
      </c>
      <c r="J3558" s="2" t="s">
        <v>40940</v>
      </c>
      <c r="K3558" s="5" t="s">
        <v>40939</v>
      </c>
      <c r="L3558" s="2" t="s">
        <v>40940</v>
      </c>
      <c r="M3558" s="5" t="s">
        <v>36266</v>
      </c>
      <c r="N3558" s="5" t="s">
        <v>38</v>
      </c>
      <c r="O3558" s="5" t="s">
        <v>39</v>
      </c>
      <c r="P3558" s="5" t="s">
        <v>40</v>
      </c>
      <c r="Q3558" s="5" t="s">
        <v>1522</v>
      </c>
      <c r="R3558" s="5" t="s">
        <v>1523</v>
      </c>
      <c r="S3558" s="5" t="s">
        <v>42</v>
      </c>
      <c r="T3558" s="2">
        <v>1.9339999999999999</v>
      </c>
      <c r="U3558" s="2">
        <v>1.472</v>
      </c>
      <c r="V3558" s="2">
        <v>0.01</v>
      </c>
      <c r="W3558" s="2">
        <v>76.900000000000006</v>
      </c>
      <c r="X3558" s="2">
        <v>7.6</v>
      </c>
      <c r="Y3558" s="2">
        <v>16.7</v>
      </c>
      <c r="Z3558" s="5"/>
      <c r="AA3558" s="5" t="s">
        <v>43</v>
      </c>
      <c r="AB3558" s="5" t="s">
        <v>44</v>
      </c>
      <c r="AC3558" s="2"/>
      <c r="AD3558" s="1"/>
    </row>
    <row r="3559" spans="1:30">
      <c r="A3559" s="5" t="s">
        <v>83578</v>
      </c>
      <c r="B3559" s="2" t="s">
        <v>94279</v>
      </c>
      <c r="C3559" s="14" t="s">
        <v>94280</v>
      </c>
      <c r="D3559" s="2" t="s">
        <v>94281</v>
      </c>
      <c r="E3559" s="2" t="s">
        <v>7507</v>
      </c>
      <c r="F3559" s="8">
        <v>228</v>
      </c>
      <c r="G3559" s="5">
        <v>6</v>
      </c>
      <c r="H3559" s="5" t="s">
        <v>1518</v>
      </c>
      <c r="I3559" s="5" t="s">
        <v>40939</v>
      </c>
      <c r="J3559" s="2" t="s">
        <v>40940</v>
      </c>
      <c r="K3559" s="5" t="s">
        <v>40939</v>
      </c>
      <c r="L3559" s="2" t="s">
        <v>40940</v>
      </c>
      <c r="M3559" s="5" t="s">
        <v>36266</v>
      </c>
      <c r="N3559" s="5" t="s">
        <v>38</v>
      </c>
      <c r="O3559" s="5" t="s">
        <v>39</v>
      </c>
      <c r="P3559" s="5" t="s">
        <v>40</v>
      </c>
      <c r="Q3559" s="5" t="s">
        <v>1522</v>
      </c>
      <c r="R3559" s="5" t="s">
        <v>1523</v>
      </c>
      <c r="S3559" s="5" t="s">
        <v>42</v>
      </c>
      <c r="T3559" s="2">
        <v>1.9810000000000001</v>
      </c>
      <c r="U3559" s="2">
        <v>1.5189999999999999</v>
      </c>
      <c r="V3559" s="2">
        <v>0.01</v>
      </c>
      <c r="W3559" s="2">
        <v>76.900000000000006</v>
      </c>
      <c r="X3559" s="2">
        <v>7.6</v>
      </c>
      <c r="Y3559" s="2">
        <v>16.7</v>
      </c>
      <c r="Z3559" s="5"/>
      <c r="AA3559" s="5" t="s">
        <v>43</v>
      </c>
      <c r="AB3559" s="5" t="s">
        <v>44</v>
      </c>
      <c r="AC3559" s="2"/>
      <c r="AD3559" s="1"/>
    </row>
    <row r="3560" spans="1:30">
      <c r="A3560" s="5" t="s">
        <v>83578</v>
      </c>
      <c r="B3560" s="2" t="s">
        <v>94282</v>
      </c>
      <c r="C3560" s="14" t="s">
        <v>94283</v>
      </c>
      <c r="D3560" s="2" t="s">
        <v>94284</v>
      </c>
      <c r="E3560" s="2" t="s">
        <v>41023</v>
      </c>
      <c r="F3560" s="8">
        <v>242</v>
      </c>
      <c r="G3560" s="5">
        <v>6</v>
      </c>
      <c r="H3560" s="5" t="s">
        <v>1518</v>
      </c>
      <c r="I3560" s="5" t="s">
        <v>40939</v>
      </c>
      <c r="J3560" s="2" t="s">
        <v>40940</v>
      </c>
      <c r="K3560" s="5" t="s">
        <v>40939</v>
      </c>
      <c r="L3560" s="2" t="s">
        <v>40940</v>
      </c>
      <c r="M3560" s="5" t="s">
        <v>36266</v>
      </c>
      <c r="N3560" s="5" t="s">
        <v>38</v>
      </c>
      <c r="O3560" s="5" t="s">
        <v>39</v>
      </c>
      <c r="P3560" s="5" t="s">
        <v>40</v>
      </c>
      <c r="Q3560" s="5" t="s">
        <v>1522</v>
      </c>
      <c r="R3560" s="5" t="s">
        <v>1523</v>
      </c>
      <c r="S3560" s="5" t="s">
        <v>42</v>
      </c>
      <c r="T3560" s="2">
        <v>1.919</v>
      </c>
      <c r="U3560" s="2">
        <v>1.4570000000000001</v>
      </c>
      <c r="V3560" s="2">
        <v>0.01</v>
      </c>
      <c r="W3560" s="2">
        <v>76.900000000000006</v>
      </c>
      <c r="X3560" s="2">
        <v>7.6</v>
      </c>
      <c r="Y3560" s="2">
        <v>16.7</v>
      </c>
      <c r="Z3560" s="5"/>
      <c r="AA3560" s="5" t="s">
        <v>43</v>
      </c>
      <c r="AB3560" s="5" t="s">
        <v>44</v>
      </c>
      <c r="AC3560" s="2"/>
      <c r="AD3560" s="1"/>
    </row>
    <row r="3561" spans="1:30">
      <c r="A3561" s="5" t="s">
        <v>83578</v>
      </c>
      <c r="B3561" s="2" t="s">
        <v>94285</v>
      </c>
      <c r="C3561" s="14" t="s">
        <v>94286</v>
      </c>
      <c r="D3561" s="2" t="s">
        <v>94287</v>
      </c>
      <c r="E3561" s="2" t="s">
        <v>41027</v>
      </c>
      <c r="F3561" s="8">
        <v>242</v>
      </c>
      <c r="G3561" s="5">
        <v>6</v>
      </c>
      <c r="H3561" s="5" t="s">
        <v>1518</v>
      </c>
      <c r="I3561" s="5" t="s">
        <v>40939</v>
      </c>
      <c r="J3561" s="2" t="s">
        <v>40940</v>
      </c>
      <c r="K3561" s="5" t="s">
        <v>40939</v>
      </c>
      <c r="L3561" s="2" t="s">
        <v>40940</v>
      </c>
      <c r="M3561" s="5" t="s">
        <v>36266</v>
      </c>
      <c r="N3561" s="5" t="s">
        <v>38</v>
      </c>
      <c r="O3561" s="5" t="s">
        <v>39</v>
      </c>
      <c r="P3561" s="5" t="s">
        <v>40</v>
      </c>
      <c r="Q3561" s="5" t="s">
        <v>1522</v>
      </c>
      <c r="R3561" s="5" t="s">
        <v>1523</v>
      </c>
      <c r="S3561" s="5" t="s">
        <v>42</v>
      </c>
      <c r="T3561" s="2">
        <v>1.966</v>
      </c>
      <c r="U3561" s="2">
        <v>1.504</v>
      </c>
      <c r="V3561" s="2">
        <v>0.01</v>
      </c>
      <c r="W3561" s="2">
        <v>76.900000000000006</v>
      </c>
      <c r="X3561" s="2">
        <v>7.6</v>
      </c>
      <c r="Y3561" s="2">
        <v>16.7</v>
      </c>
      <c r="Z3561" s="5"/>
      <c r="AA3561" s="5" t="s">
        <v>43</v>
      </c>
      <c r="AB3561" s="5" t="s">
        <v>44</v>
      </c>
      <c r="AC3561" s="2"/>
      <c r="AD3561" s="1"/>
    </row>
    <row r="3562" spans="1:30">
      <c r="A3562" s="5" t="s">
        <v>83578</v>
      </c>
      <c r="B3562" s="2" t="s">
        <v>94288</v>
      </c>
      <c r="C3562" s="14" t="s">
        <v>94289</v>
      </c>
      <c r="D3562" s="2" t="s">
        <v>94290</v>
      </c>
      <c r="E3562" s="2" t="s">
        <v>41031</v>
      </c>
      <c r="F3562" s="8">
        <v>242</v>
      </c>
      <c r="G3562" s="5">
        <v>6</v>
      </c>
      <c r="H3562" s="5" t="s">
        <v>1518</v>
      </c>
      <c r="I3562" s="5" t="s">
        <v>40939</v>
      </c>
      <c r="J3562" s="2" t="s">
        <v>40940</v>
      </c>
      <c r="K3562" s="5" t="s">
        <v>40939</v>
      </c>
      <c r="L3562" s="2" t="s">
        <v>40940</v>
      </c>
      <c r="M3562" s="5" t="s">
        <v>36266</v>
      </c>
      <c r="N3562" s="5" t="s">
        <v>38</v>
      </c>
      <c r="O3562" s="5" t="s">
        <v>39</v>
      </c>
      <c r="P3562" s="5" t="s">
        <v>40</v>
      </c>
      <c r="Q3562" s="5" t="s">
        <v>1522</v>
      </c>
      <c r="R3562" s="5" t="s">
        <v>1523</v>
      </c>
      <c r="S3562" s="5" t="s">
        <v>42</v>
      </c>
      <c r="T3562" s="2">
        <v>1.919</v>
      </c>
      <c r="U3562" s="2">
        <v>1.4570000000000001</v>
      </c>
      <c r="V3562" s="2">
        <v>0.01</v>
      </c>
      <c r="W3562" s="2">
        <v>76.900000000000006</v>
      </c>
      <c r="X3562" s="2">
        <v>7.6</v>
      </c>
      <c r="Y3562" s="2">
        <v>16.7</v>
      </c>
      <c r="Z3562" s="5"/>
      <c r="AA3562" s="5" t="s">
        <v>43</v>
      </c>
      <c r="AB3562" s="5" t="s">
        <v>44</v>
      </c>
      <c r="AC3562" s="2"/>
      <c r="AD3562" s="1"/>
    </row>
    <row r="3563" spans="1:30">
      <c r="A3563" s="5" t="s">
        <v>83578</v>
      </c>
      <c r="B3563" s="2" t="s">
        <v>94291</v>
      </c>
      <c r="C3563" s="14" t="s">
        <v>94292</v>
      </c>
      <c r="D3563" s="2" t="s">
        <v>94293</v>
      </c>
      <c r="E3563" s="2" t="s">
        <v>41035</v>
      </c>
      <c r="F3563" s="8">
        <v>242</v>
      </c>
      <c r="G3563" s="5">
        <v>6</v>
      </c>
      <c r="H3563" s="5" t="s">
        <v>1518</v>
      </c>
      <c r="I3563" s="5" t="s">
        <v>40939</v>
      </c>
      <c r="J3563" s="2" t="s">
        <v>40940</v>
      </c>
      <c r="K3563" s="5" t="s">
        <v>40939</v>
      </c>
      <c r="L3563" s="2" t="s">
        <v>40940</v>
      </c>
      <c r="M3563" s="5" t="s">
        <v>36266</v>
      </c>
      <c r="N3563" s="5" t="s">
        <v>38</v>
      </c>
      <c r="O3563" s="5" t="s">
        <v>39</v>
      </c>
      <c r="P3563" s="5" t="s">
        <v>40</v>
      </c>
      <c r="Q3563" s="5" t="s">
        <v>1522</v>
      </c>
      <c r="R3563" s="5" t="s">
        <v>1523</v>
      </c>
      <c r="S3563" s="5" t="s">
        <v>42</v>
      </c>
      <c r="T3563" s="2">
        <v>1.966</v>
      </c>
      <c r="U3563" s="2">
        <v>1.504</v>
      </c>
      <c r="V3563" s="2">
        <v>0.01</v>
      </c>
      <c r="W3563" s="2">
        <v>76.900000000000006</v>
      </c>
      <c r="X3563" s="2">
        <v>7.6</v>
      </c>
      <c r="Y3563" s="2">
        <v>16.7</v>
      </c>
      <c r="Z3563" s="5"/>
      <c r="AA3563" s="5" t="s">
        <v>43</v>
      </c>
      <c r="AB3563" s="5" t="s">
        <v>44</v>
      </c>
      <c r="AC3563" s="2"/>
      <c r="AD3563" s="1"/>
    </row>
    <row r="3564" spans="1:30">
      <c r="A3564" s="5" t="s">
        <v>83578</v>
      </c>
      <c r="B3564" s="2" t="s">
        <v>94294</v>
      </c>
      <c r="C3564" s="14" t="s">
        <v>94295</v>
      </c>
      <c r="D3564" s="2" t="s">
        <v>94296</v>
      </c>
      <c r="E3564" s="2" t="s">
        <v>7449</v>
      </c>
      <c r="F3564" s="8">
        <v>242</v>
      </c>
      <c r="G3564" s="5">
        <v>6</v>
      </c>
      <c r="H3564" s="5" t="s">
        <v>1518</v>
      </c>
      <c r="I3564" s="5" t="s">
        <v>40939</v>
      </c>
      <c r="J3564" s="2" t="s">
        <v>40940</v>
      </c>
      <c r="K3564" s="5" t="s">
        <v>40939</v>
      </c>
      <c r="L3564" s="2" t="s">
        <v>40940</v>
      </c>
      <c r="M3564" s="5" t="s">
        <v>36266</v>
      </c>
      <c r="N3564" s="5" t="s">
        <v>38</v>
      </c>
      <c r="O3564" s="5" t="s">
        <v>39</v>
      </c>
      <c r="P3564" s="5" t="s">
        <v>40</v>
      </c>
      <c r="Q3564" s="5" t="s">
        <v>1522</v>
      </c>
      <c r="R3564" s="5" t="s">
        <v>1523</v>
      </c>
      <c r="S3564" s="5" t="s">
        <v>42</v>
      </c>
      <c r="T3564" s="2">
        <v>1.919</v>
      </c>
      <c r="U3564" s="2">
        <v>1.4570000000000001</v>
      </c>
      <c r="V3564" s="2">
        <v>0.01</v>
      </c>
      <c r="W3564" s="2">
        <v>76.900000000000006</v>
      </c>
      <c r="X3564" s="2">
        <v>7.6</v>
      </c>
      <c r="Y3564" s="2">
        <v>16.7</v>
      </c>
      <c r="Z3564" s="5"/>
      <c r="AA3564" s="5" t="s">
        <v>43</v>
      </c>
      <c r="AB3564" s="5" t="s">
        <v>44</v>
      </c>
      <c r="AC3564" s="2"/>
      <c r="AD3564" s="1"/>
    </row>
    <row r="3565" spans="1:30">
      <c r="A3565" s="5" t="s">
        <v>83578</v>
      </c>
      <c r="B3565" s="2" t="s">
        <v>94297</v>
      </c>
      <c r="C3565" s="14" t="s">
        <v>94298</v>
      </c>
      <c r="D3565" s="2" t="s">
        <v>94299</v>
      </c>
      <c r="E3565" s="2" t="s">
        <v>7581</v>
      </c>
      <c r="F3565" s="8">
        <v>242</v>
      </c>
      <c r="G3565" s="5">
        <v>6</v>
      </c>
      <c r="H3565" s="5" t="s">
        <v>1518</v>
      </c>
      <c r="I3565" s="5" t="s">
        <v>40939</v>
      </c>
      <c r="J3565" s="2" t="s">
        <v>40940</v>
      </c>
      <c r="K3565" s="5" t="s">
        <v>40939</v>
      </c>
      <c r="L3565" s="2" t="s">
        <v>40940</v>
      </c>
      <c r="M3565" s="5" t="s">
        <v>36266</v>
      </c>
      <c r="N3565" s="5" t="s">
        <v>38</v>
      </c>
      <c r="O3565" s="5" t="s">
        <v>39</v>
      </c>
      <c r="P3565" s="5" t="s">
        <v>40</v>
      </c>
      <c r="Q3565" s="5" t="s">
        <v>1522</v>
      </c>
      <c r="R3565" s="5" t="s">
        <v>1523</v>
      </c>
      <c r="S3565" s="5" t="s">
        <v>42</v>
      </c>
      <c r="T3565" s="2">
        <v>1.966</v>
      </c>
      <c r="U3565" s="2">
        <v>1.504</v>
      </c>
      <c r="V3565" s="2">
        <v>0.01</v>
      </c>
      <c r="W3565" s="2">
        <v>76.900000000000006</v>
      </c>
      <c r="X3565" s="2">
        <v>7.6</v>
      </c>
      <c r="Y3565" s="2">
        <v>16.7</v>
      </c>
      <c r="Z3565" s="5"/>
      <c r="AA3565" s="5" t="s">
        <v>43</v>
      </c>
      <c r="AB3565" s="5" t="s">
        <v>44</v>
      </c>
      <c r="AC3565" s="2"/>
      <c r="AD3565" s="1"/>
    </row>
    <row r="3566" spans="1:30">
      <c r="A3566" s="5" t="s">
        <v>83578</v>
      </c>
      <c r="B3566" s="2" t="s">
        <v>94300</v>
      </c>
      <c r="C3566" s="14" t="s">
        <v>94301</v>
      </c>
      <c r="D3566" s="2" t="s">
        <v>94302</v>
      </c>
      <c r="E3566" s="2" t="s">
        <v>41045</v>
      </c>
      <c r="F3566" s="8">
        <v>242</v>
      </c>
      <c r="G3566" s="5">
        <v>6</v>
      </c>
      <c r="H3566" s="5" t="s">
        <v>1518</v>
      </c>
      <c r="I3566" s="5" t="s">
        <v>40939</v>
      </c>
      <c r="J3566" s="2" t="s">
        <v>40940</v>
      </c>
      <c r="K3566" s="5" t="s">
        <v>40939</v>
      </c>
      <c r="L3566" s="2" t="s">
        <v>40940</v>
      </c>
      <c r="M3566" s="5" t="s">
        <v>36266</v>
      </c>
      <c r="N3566" s="5" t="s">
        <v>38</v>
      </c>
      <c r="O3566" s="5" t="s">
        <v>39</v>
      </c>
      <c r="P3566" s="5" t="s">
        <v>40</v>
      </c>
      <c r="Q3566" s="5" t="s">
        <v>1522</v>
      </c>
      <c r="R3566" s="5" t="s">
        <v>1523</v>
      </c>
      <c r="S3566" s="5" t="s">
        <v>42</v>
      </c>
      <c r="T3566" s="2">
        <v>1.9370000000000001</v>
      </c>
      <c r="U3566" s="2">
        <v>1.4750000000000001</v>
      </c>
      <c r="V3566" s="2">
        <v>0.01</v>
      </c>
      <c r="W3566" s="2">
        <v>76.900000000000006</v>
      </c>
      <c r="X3566" s="2">
        <v>7.6</v>
      </c>
      <c r="Y3566" s="2">
        <v>16.7</v>
      </c>
      <c r="Z3566" s="5"/>
      <c r="AA3566" s="5" t="s">
        <v>43</v>
      </c>
      <c r="AB3566" s="5" t="s">
        <v>44</v>
      </c>
      <c r="AC3566" s="2"/>
      <c r="AD3566" s="1"/>
    </row>
    <row r="3567" spans="1:30">
      <c r="A3567" s="5" t="s">
        <v>83578</v>
      </c>
      <c r="B3567" s="2" t="s">
        <v>94303</v>
      </c>
      <c r="C3567" s="14" t="s">
        <v>94304</v>
      </c>
      <c r="D3567" s="2" t="s">
        <v>94305</v>
      </c>
      <c r="E3567" s="2" t="s">
        <v>41049</v>
      </c>
      <c r="F3567" s="8">
        <v>242</v>
      </c>
      <c r="G3567" s="5">
        <v>6</v>
      </c>
      <c r="H3567" s="5" t="s">
        <v>1518</v>
      </c>
      <c r="I3567" s="5" t="s">
        <v>40939</v>
      </c>
      <c r="J3567" s="2" t="s">
        <v>40940</v>
      </c>
      <c r="K3567" s="5" t="s">
        <v>40939</v>
      </c>
      <c r="L3567" s="2" t="s">
        <v>40940</v>
      </c>
      <c r="M3567" s="5" t="s">
        <v>36266</v>
      </c>
      <c r="N3567" s="5" t="s">
        <v>38</v>
      </c>
      <c r="O3567" s="5" t="s">
        <v>39</v>
      </c>
      <c r="P3567" s="5" t="s">
        <v>40</v>
      </c>
      <c r="Q3567" s="5" t="s">
        <v>1522</v>
      </c>
      <c r="R3567" s="5" t="s">
        <v>1523</v>
      </c>
      <c r="S3567" s="5" t="s">
        <v>42</v>
      </c>
      <c r="T3567" s="2">
        <v>1.984</v>
      </c>
      <c r="U3567" s="2">
        <v>1.522</v>
      </c>
      <c r="V3567" s="2">
        <v>0.01</v>
      </c>
      <c r="W3567" s="2">
        <v>76.900000000000006</v>
      </c>
      <c r="X3567" s="2">
        <v>7.6</v>
      </c>
      <c r="Y3567" s="2">
        <v>16.7</v>
      </c>
      <c r="Z3567" s="5"/>
      <c r="AA3567" s="5" t="s">
        <v>43</v>
      </c>
      <c r="AB3567" s="5" t="s">
        <v>44</v>
      </c>
      <c r="AC3567" s="2"/>
      <c r="AD3567" s="1"/>
    </row>
    <row r="3568" spans="1:30">
      <c r="A3568" s="5" t="s">
        <v>83578</v>
      </c>
      <c r="B3568" s="2" t="s">
        <v>94306</v>
      </c>
      <c r="C3568" s="14" t="s">
        <v>94307</v>
      </c>
      <c r="D3568" s="2" t="s">
        <v>94308</v>
      </c>
      <c r="E3568" s="2" t="s">
        <v>47266</v>
      </c>
      <c r="F3568" s="8">
        <v>258</v>
      </c>
      <c r="G3568" s="5">
        <v>6</v>
      </c>
      <c r="H3568" s="5" t="s">
        <v>1518</v>
      </c>
      <c r="I3568" s="5" t="s">
        <v>40939</v>
      </c>
      <c r="J3568" s="2" t="s">
        <v>40940</v>
      </c>
      <c r="K3568" s="5" t="s">
        <v>40939</v>
      </c>
      <c r="L3568" s="2" t="s">
        <v>40940</v>
      </c>
      <c r="M3568" s="5" t="s">
        <v>36266</v>
      </c>
      <c r="N3568" s="5" t="s">
        <v>38</v>
      </c>
      <c r="O3568" s="5" t="s">
        <v>39</v>
      </c>
      <c r="P3568" s="5" t="s">
        <v>40</v>
      </c>
      <c r="Q3568" s="5" t="s">
        <v>1522</v>
      </c>
      <c r="R3568" s="5" t="s">
        <v>1523</v>
      </c>
      <c r="S3568" s="5" t="s">
        <v>42</v>
      </c>
      <c r="T3568" s="2">
        <v>2.0720000000000001</v>
      </c>
      <c r="U3568" s="2">
        <v>1.6160000000000001</v>
      </c>
      <c r="V3568" s="2">
        <v>0.01</v>
      </c>
      <c r="W3568" s="2">
        <v>76.900000000000006</v>
      </c>
      <c r="X3568" s="2">
        <v>7.6</v>
      </c>
      <c r="Y3568" s="2">
        <v>16.7</v>
      </c>
      <c r="Z3568" s="5"/>
      <c r="AA3568" s="5" t="s">
        <v>43</v>
      </c>
      <c r="AB3568" s="5" t="s">
        <v>44</v>
      </c>
      <c r="AC3568" s="2"/>
      <c r="AD3568" s="1"/>
    </row>
    <row r="3569" spans="1:30">
      <c r="A3569" s="5" t="s">
        <v>83578</v>
      </c>
      <c r="B3569" s="2" t="s">
        <v>94309</v>
      </c>
      <c r="C3569" s="14" t="s">
        <v>94310</v>
      </c>
      <c r="D3569" s="2" t="s">
        <v>94311</v>
      </c>
      <c r="E3569" s="2" t="s">
        <v>7208</v>
      </c>
      <c r="F3569" s="8">
        <v>241</v>
      </c>
      <c r="G3569" s="5">
        <v>6</v>
      </c>
      <c r="H3569" s="5" t="s">
        <v>1518</v>
      </c>
      <c r="I3569" s="5" t="s">
        <v>40939</v>
      </c>
      <c r="J3569" s="2" t="s">
        <v>40940</v>
      </c>
      <c r="K3569" s="5" t="s">
        <v>40939</v>
      </c>
      <c r="L3569" s="2" t="s">
        <v>40940</v>
      </c>
      <c r="M3569" s="5" t="s">
        <v>36266</v>
      </c>
      <c r="N3569" s="5" t="s">
        <v>38</v>
      </c>
      <c r="O3569" s="5" t="s">
        <v>39</v>
      </c>
      <c r="P3569" s="5" t="s">
        <v>40</v>
      </c>
      <c r="Q3569" s="5" t="s">
        <v>1522</v>
      </c>
      <c r="R3569" s="5" t="s">
        <v>1523</v>
      </c>
      <c r="S3569" s="5" t="s">
        <v>42</v>
      </c>
      <c r="T3569" s="2">
        <v>2.0760000000000001</v>
      </c>
      <c r="U3569" s="2">
        <v>1.62</v>
      </c>
      <c r="V3569" s="2">
        <v>0.01</v>
      </c>
      <c r="W3569" s="2">
        <v>76.900000000000006</v>
      </c>
      <c r="X3569" s="2">
        <v>7.6</v>
      </c>
      <c r="Y3569" s="2">
        <v>16.7</v>
      </c>
      <c r="Z3569" s="5"/>
      <c r="AA3569" s="5" t="s">
        <v>43</v>
      </c>
      <c r="AB3569" s="5" t="s">
        <v>44</v>
      </c>
      <c r="AC3569" s="2"/>
      <c r="AD3569" s="1"/>
    </row>
    <row r="3570" spans="1:30">
      <c r="A3570" s="5" t="s">
        <v>83578</v>
      </c>
      <c r="B3570" s="2" t="s">
        <v>94312</v>
      </c>
      <c r="C3570" s="14" t="s">
        <v>94313</v>
      </c>
      <c r="D3570" s="2" t="s">
        <v>94314</v>
      </c>
      <c r="E3570" s="2" t="s">
        <v>7521</v>
      </c>
      <c r="F3570" s="8">
        <v>241</v>
      </c>
      <c r="G3570" s="5">
        <v>6</v>
      </c>
      <c r="H3570" s="5" t="s">
        <v>1518</v>
      </c>
      <c r="I3570" s="5" t="s">
        <v>40939</v>
      </c>
      <c r="J3570" s="2" t="s">
        <v>40940</v>
      </c>
      <c r="K3570" s="5" t="s">
        <v>40939</v>
      </c>
      <c r="L3570" s="2" t="s">
        <v>40940</v>
      </c>
      <c r="M3570" s="5" t="s">
        <v>36266</v>
      </c>
      <c r="N3570" s="5" t="s">
        <v>38</v>
      </c>
      <c r="O3570" s="5" t="s">
        <v>39</v>
      </c>
      <c r="P3570" s="5" t="s">
        <v>40</v>
      </c>
      <c r="Q3570" s="5" t="s">
        <v>1522</v>
      </c>
      <c r="R3570" s="5" t="s">
        <v>1523</v>
      </c>
      <c r="S3570" s="5" t="s">
        <v>42</v>
      </c>
      <c r="T3570" s="2">
        <v>2.1339999999999999</v>
      </c>
      <c r="U3570" s="2">
        <v>1.6779999999999999</v>
      </c>
      <c r="V3570" s="2">
        <v>0.01</v>
      </c>
      <c r="W3570" s="2">
        <v>76.900000000000006</v>
      </c>
      <c r="X3570" s="2">
        <v>7.6</v>
      </c>
      <c r="Y3570" s="2">
        <v>16.7</v>
      </c>
      <c r="Z3570" s="5"/>
      <c r="AA3570" s="5" t="s">
        <v>43</v>
      </c>
      <c r="AB3570" s="5" t="s">
        <v>44</v>
      </c>
      <c r="AC3570" s="2"/>
      <c r="AD3570" s="1"/>
    </row>
    <row r="3571" spans="1:30">
      <c r="A3571" s="5" t="s">
        <v>83578</v>
      </c>
      <c r="B3571" s="2" t="s">
        <v>94315</v>
      </c>
      <c r="C3571" s="14" t="s">
        <v>94316</v>
      </c>
      <c r="D3571" s="2" t="s">
        <v>94317</v>
      </c>
      <c r="E3571" s="2" t="s">
        <v>36273</v>
      </c>
      <c r="F3571" s="8">
        <v>241</v>
      </c>
      <c r="G3571" s="5">
        <v>6</v>
      </c>
      <c r="H3571" s="5" t="s">
        <v>1518</v>
      </c>
      <c r="I3571" s="5" t="s">
        <v>40939</v>
      </c>
      <c r="J3571" s="2" t="s">
        <v>40940</v>
      </c>
      <c r="K3571" s="5" t="s">
        <v>40939</v>
      </c>
      <c r="L3571" s="2" t="s">
        <v>40940</v>
      </c>
      <c r="M3571" s="5" t="s">
        <v>36266</v>
      </c>
      <c r="N3571" s="5" t="s">
        <v>38</v>
      </c>
      <c r="O3571" s="5" t="s">
        <v>39</v>
      </c>
      <c r="P3571" s="5" t="s">
        <v>40</v>
      </c>
      <c r="Q3571" s="5" t="s">
        <v>1522</v>
      </c>
      <c r="R3571" s="5" t="s">
        <v>1523</v>
      </c>
      <c r="S3571" s="5" t="s">
        <v>42</v>
      </c>
      <c r="T3571" s="2">
        <v>2.0830000000000002</v>
      </c>
      <c r="U3571" s="2">
        <v>1.627</v>
      </c>
      <c r="V3571" s="2">
        <v>0.01</v>
      </c>
      <c r="W3571" s="2">
        <v>76.900000000000006</v>
      </c>
      <c r="X3571" s="2">
        <v>7.6</v>
      </c>
      <c r="Y3571" s="2">
        <v>16.7</v>
      </c>
      <c r="Z3571" s="5"/>
      <c r="AA3571" s="5" t="s">
        <v>43</v>
      </c>
      <c r="AB3571" s="5" t="s">
        <v>44</v>
      </c>
      <c r="AC3571" s="2"/>
      <c r="AD3571" s="1"/>
    </row>
    <row r="3572" spans="1:30">
      <c r="A3572" s="5" t="s">
        <v>83578</v>
      </c>
      <c r="B3572" s="2" t="s">
        <v>94318</v>
      </c>
      <c r="C3572" s="14" t="s">
        <v>94319</v>
      </c>
      <c r="D3572" s="2" t="s">
        <v>94320</v>
      </c>
      <c r="E3572" s="2" t="s">
        <v>36277</v>
      </c>
      <c r="F3572" s="8">
        <v>241</v>
      </c>
      <c r="G3572" s="5">
        <v>6</v>
      </c>
      <c r="H3572" s="5" t="s">
        <v>1518</v>
      </c>
      <c r="I3572" s="5" t="s">
        <v>40939</v>
      </c>
      <c r="J3572" s="2" t="s">
        <v>40940</v>
      </c>
      <c r="K3572" s="5" t="s">
        <v>40939</v>
      </c>
      <c r="L3572" s="2" t="s">
        <v>40940</v>
      </c>
      <c r="M3572" s="5" t="s">
        <v>36266</v>
      </c>
      <c r="N3572" s="5" t="s">
        <v>38</v>
      </c>
      <c r="O3572" s="5" t="s">
        <v>39</v>
      </c>
      <c r="P3572" s="5" t="s">
        <v>40</v>
      </c>
      <c r="Q3572" s="5" t="s">
        <v>1522</v>
      </c>
      <c r="R3572" s="5" t="s">
        <v>1523</v>
      </c>
      <c r="S3572" s="5" t="s">
        <v>42</v>
      </c>
      <c r="T3572" s="2">
        <v>2.141</v>
      </c>
      <c r="U3572" s="2">
        <v>1.6850000000000001</v>
      </c>
      <c r="V3572" s="2">
        <v>0.01</v>
      </c>
      <c r="W3572" s="2">
        <v>76.900000000000006</v>
      </c>
      <c r="X3572" s="2">
        <v>7.6</v>
      </c>
      <c r="Y3572" s="2">
        <v>16.7</v>
      </c>
      <c r="Z3572" s="5"/>
      <c r="AA3572" s="5" t="s">
        <v>43</v>
      </c>
      <c r="AB3572" s="5" t="s">
        <v>44</v>
      </c>
      <c r="AC3572" s="2"/>
      <c r="AD3572" s="1"/>
    </row>
    <row r="3573" spans="1:30">
      <c r="A3573" s="5" t="s">
        <v>83578</v>
      </c>
      <c r="B3573" s="2" t="s">
        <v>94321</v>
      </c>
      <c r="C3573" s="14" t="s">
        <v>94322</v>
      </c>
      <c r="D3573" s="2" t="s">
        <v>94323</v>
      </c>
      <c r="E3573" s="2" t="s">
        <v>40967</v>
      </c>
      <c r="F3573" s="8">
        <v>258</v>
      </c>
      <c r="G3573" s="5">
        <v>6</v>
      </c>
      <c r="H3573" s="5" t="s">
        <v>1518</v>
      </c>
      <c r="I3573" s="5" t="s">
        <v>40939</v>
      </c>
      <c r="J3573" s="2" t="s">
        <v>40940</v>
      </c>
      <c r="K3573" s="5" t="s">
        <v>40939</v>
      </c>
      <c r="L3573" s="2" t="s">
        <v>40940</v>
      </c>
      <c r="M3573" s="5" t="s">
        <v>36266</v>
      </c>
      <c r="N3573" s="5" t="s">
        <v>38</v>
      </c>
      <c r="O3573" s="5" t="s">
        <v>39</v>
      </c>
      <c r="P3573" s="5" t="s">
        <v>40</v>
      </c>
      <c r="Q3573" s="5" t="s">
        <v>1522</v>
      </c>
      <c r="R3573" s="5" t="s">
        <v>1523</v>
      </c>
      <c r="S3573" s="5" t="s">
        <v>42</v>
      </c>
      <c r="T3573" s="2">
        <v>2.0760000000000001</v>
      </c>
      <c r="U3573" s="2">
        <v>1.62</v>
      </c>
      <c r="V3573" s="2">
        <v>0.01</v>
      </c>
      <c r="W3573" s="2">
        <v>76.900000000000006</v>
      </c>
      <c r="X3573" s="2">
        <v>7.6</v>
      </c>
      <c r="Y3573" s="2">
        <v>16.7</v>
      </c>
      <c r="Z3573" s="5"/>
      <c r="AA3573" s="5" t="s">
        <v>43</v>
      </c>
      <c r="AB3573" s="5" t="s">
        <v>44</v>
      </c>
      <c r="AC3573" s="2"/>
      <c r="AD3573" s="1"/>
    </row>
    <row r="3574" spans="1:30">
      <c r="A3574" s="5" t="s">
        <v>83578</v>
      </c>
      <c r="B3574" s="2" t="s">
        <v>94324</v>
      </c>
      <c r="C3574" s="14" t="s">
        <v>94325</v>
      </c>
      <c r="D3574" s="2" t="s">
        <v>94326</v>
      </c>
      <c r="E3574" s="2" t="s">
        <v>40971</v>
      </c>
      <c r="F3574" s="8">
        <v>258</v>
      </c>
      <c r="G3574" s="5">
        <v>6</v>
      </c>
      <c r="H3574" s="5" t="s">
        <v>1518</v>
      </c>
      <c r="I3574" s="5" t="s">
        <v>40939</v>
      </c>
      <c r="J3574" s="2" t="s">
        <v>40940</v>
      </c>
      <c r="K3574" s="5" t="s">
        <v>40939</v>
      </c>
      <c r="L3574" s="2" t="s">
        <v>40940</v>
      </c>
      <c r="M3574" s="5" t="s">
        <v>36266</v>
      </c>
      <c r="N3574" s="5" t="s">
        <v>38</v>
      </c>
      <c r="O3574" s="5" t="s">
        <v>39</v>
      </c>
      <c r="P3574" s="5" t="s">
        <v>40</v>
      </c>
      <c r="Q3574" s="5" t="s">
        <v>1522</v>
      </c>
      <c r="R3574" s="5" t="s">
        <v>1523</v>
      </c>
      <c r="S3574" s="5" t="s">
        <v>42</v>
      </c>
      <c r="T3574" s="2">
        <v>2.1339999999999999</v>
      </c>
      <c r="U3574" s="2">
        <v>1.6779999999999999</v>
      </c>
      <c r="V3574" s="2">
        <v>0.01</v>
      </c>
      <c r="W3574" s="2">
        <v>76.900000000000006</v>
      </c>
      <c r="X3574" s="2">
        <v>7.6</v>
      </c>
      <c r="Y3574" s="2">
        <v>16.7</v>
      </c>
      <c r="Z3574" s="5"/>
      <c r="AA3574" s="5" t="s">
        <v>43</v>
      </c>
      <c r="AB3574" s="5" t="s">
        <v>44</v>
      </c>
      <c r="AC3574" s="2"/>
      <c r="AD3574" s="1"/>
    </row>
    <row r="3575" spans="1:30">
      <c r="A3575" s="5" t="s">
        <v>83578</v>
      </c>
      <c r="B3575" s="2" t="s">
        <v>94327</v>
      </c>
      <c r="C3575" s="14" t="s">
        <v>94328</v>
      </c>
      <c r="D3575" s="2" t="s">
        <v>94329</v>
      </c>
      <c r="E3575" s="2" t="s">
        <v>47226</v>
      </c>
      <c r="F3575" s="8">
        <v>258</v>
      </c>
      <c r="G3575" s="5">
        <v>6</v>
      </c>
      <c r="H3575" s="5" t="s">
        <v>1518</v>
      </c>
      <c r="I3575" s="5" t="s">
        <v>40939</v>
      </c>
      <c r="J3575" s="2" t="s">
        <v>40940</v>
      </c>
      <c r="K3575" s="5" t="s">
        <v>40939</v>
      </c>
      <c r="L3575" s="2" t="s">
        <v>40940</v>
      </c>
      <c r="M3575" s="5" t="s">
        <v>36266</v>
      </c>
      <c r="N3575" s="5" t="s">
        <v>38</v>
      </c>
      <c r="O3575" s="5" t="s">
        <v>39</v>
      </c>
      <c r="P3575" s="5" t="s">
        <v>40</v>
      </c>
      <c r="Q3575" s="5" t="s">
        <v>1522</v>
      </c>
      <c r="R3575" s="5" t="s">
        <v>1523</v>
      </c>
      <c r="S3575" s="5" t="s">
        <v>42</v>
      </c>
      <c r="T3575" s="2">
        <v>2.0760000000000001</v>
      </c>
      <c r="U3575" s="2">
        <v>1.62</v>
      </c>
      <c r="V3575" s="2">
        <v>0.01</v>
      </c>
      <c r="W3575" s="2">
        <v>76.900000000000006</v>
      </c>
      <c r="X3575" s="2">
        <v>7.6</v>
      </c>
      <c r="Y3575" s="2">
        <v>16.7</v>
      </c>
      <c r="Z3575" s="5"/>
      <c r="AA3575" s="5" t="s">
        <v>43</v>
      </c>
      <c r="AB3575" s="5" t="s">
        <v>44</v>
      </c>
      <c r="AC3575" s="2"/>
      <c r="AD3575" s="1"/>
    </row>
    <row r="3576" spans="1:30">
      <c r="A3576" s="5" t="s">
        <v>83578</v>
      </c>
      <c r="B3576" s="2" t="s">
        <v>94330</v>
      </c>
      <c r="C3576" s="14" t="s">
        <v>94331</v>
      </c>
      <c r="D3576" s="2" t="s">
        <v>94332</v>
      </c>
      <c r="E3576" s="2" t="s">
        <v>47735</v>
      </c>
      <c r="F3576" s="8">
        <v>258</v>
      </c>
      <c r="G3576" s="5">
        <v>6</v>
      </c>
      <c r="H3576" s="5" t="s">
        <v>1518</v>
      </c>
      <c r="I3576" s="5" t="s">
        <v>40939</v>
      </c>
      <c r="J3576" s="2" t="s">
        <v>40940</v>
      </c>
      <c r="K3576" s="5" t="s">
        <v>40939</v>
      </c>
      <c r="L3576" s="2" t="s">
        <v>40940</v>
      </c>
      <c r="M3576" s="5" t="s">
        <v>36266</v>
      </c>
      <c r="N3576" s="5" t="s">
        <v>38</v>
      </c>
      <c r="O3576" s="5" t="s">
        <v>39</v>
      </c>
      <c r="P3576" s="5" t="s">
        <v>40</v>
      </c>
      <c r="Q3576" s="5" t="s">
        <v>1522</v>
      </c>
      <c r="R3576" s="5" t="s">
        <v>1523</v>
      </c>
      <c r="S3576" s="5" t="s">
        <v>42</v>
      </c>
      <c r="T3576" s="2">
        <v>2.1339999999999999</v>
      </c>
      <c r="U3576" s="2">
        <v>1.6779999999999999</v>
      </c>
      <c r="V3576" s="2">
        <v>0.01</v>
      </c>
      <c r="W3576" s="2">
        <v>76.900000000000006</v>
      </c>
      <c r="X3576" s="2">
        <v>7.6</v>
      </c>
      <c r="Y3576" s="2">
        <v>16.7</v>
      </c>
      <c r="Z3576" s="5"/>
      <c r="AA3576" s="5" t="s">
        <v>43</v>
      </c>
      <c r="AB3576" s="5" t="s">
        <v>44</v>
      </c>
      <c r="AC3576" s="2"/>
      <c r="AD3576" s="1"/>
    </row>
    <row r="3577" spans="1:30">
      <c r="A3577" s="5" t="s">
        <v>83578</v>
      </c>
      <c r="B3577" s="2" t="s">
        <v>94333</v>
      </c>
      <c r="C3577" s="14" t="s">
        <v>94334</v>
      </c>
      <c r="D3577" s="2" t="s">
        <v>94335</v>
      </c>
      <c r="E3577" s="2" t="s">
        <v>7539</v>
      </c>
      <c r="F3577" s="8">
        <v>258</v>
      </c>
      <c r="G3577" s="5">
        <v>6</v>
      </c>
      <c r="H3577" s="5" t="s">
        <v>1518</v>
      </c>
      <c r="I3577" s="5" t="s">
        <v>40939</v>
      </c>
      <c r="J3577" s="2" t="s">
        <v>40940</v>
      </c>
      <c r="K3577" s="5" t="s">
        <v>40939</v>
      </c>
      <c r="L3577" s="2" t="s">
        <v>40940</v>
      </c>
      <c r="M3577" s="5" t="s">
        <v>36266</v>
      </c>
      <c r="N3577" s="5" t="s">
        <v>38</v>
      </c>
      <c r="O3577" s="5" t="s">
        <v>39</v>
      </c>
      <c r="P3577" s="5" t="s">
        <v>40</v>
      </c>
      <c r="Q3577" s="5" t="s">
        <v>1522</v>
      </c>
      <c r="R3577" s="5" t="s">
        <v>1523</v>
      </c>
      <c r="S3577" s="5" t="s">
        <v>42</v>
      </c>
      <c r="T3577" s="2">
        <v>2.0569999999999999</v>
      </c>
      <c r="U3577" s="2">
        <v>1.601</v>
      </c>
      <c r="V3577" s="2">
        <v>0.01</v>
      </c>
      <c r="W3577" s="2">
        <v>76.900000000000006</v>
      </c>
      <c r="X3577" s="2">
        <v>7.6</v>
      </c>
      <c r="Y3577" s="2">
        <v>16.7</v>
      </c>
      <c r="Z3577" s="5"/>
      <c r="AA3577" s="5" t="s">
        <v>43</v>
      </c>
      <c r="AB3577" s="5" t="s">
        <v>44</v>
      </c>
      <c r="AC3577" s="2"/>
      <c r="AD3577" s="1"/>
    </row>
    <row r="3578" spans="1:30">
      <c r="A3578" s="5" t="s">
        <v>83578</v>
      </c>
      <c r="B3578" s="2" t="s">
        <v>94336</v>
      </c>
      <c r="C3578" s="14" t="s">
        <v>94337</v>
      </c>
      <c r="D3578" s="2" t="s">
        <v>94338</v>
      </c>
      <c r="E3578" s="2" t="s">
        <v>7543</v>
      </c>
      <c r="F3578" s="8">
        <v>258</v>
      </c>
      <c r="G3578" s="5">
        <v>6</v>
      </c>
      <c r="H3578" s="5" t="s">
        <v>1518</v>
      </c>
      <c r="I3578" s="5" t="s">
        <v>40939</v>
      </c>
      <c r="J3578" s="2" t="s">
        <v>40940</v>
      </c>
      <c r="K3578" s="5" t="s">
        <v>40939</v>
      </c>
      <c r="L3578" s="2" t="s">
        <v>40940</v>
      </c>
      <c r="M3578" s="5" t="s">
        <v>36266</v>
      </c>
      <c r="N3578" s="5" t="s">
        <v>38</v>
      </c>
      <c r="O3578" s="5" t="s">
        <v>39</v>
      </c>
      <c r="P3578" s="5" t="s">
        <v>40</v>
      </c>
      <c r="Q3578" s="5" t="s">
        <v>1522</v>
      </c>
      <c r="R3578" s="5" t="s">
        <v>1523</v>
      </c>
      <c r="S3578" s="5" t="s">
        <v>42</v>
      </c>
      <c r="T3578" s="2">
        <v>2.1150000000000002</v>
      </c>
      <c r="U3578" s="2">
        <v>1.659</v>
      </c>
      <c r="V3578" s="2">
        <v>0.01</v>
      </c>
      <c r="W3578" s="2">
        <v>76.900000000000006</v>
      </c>
      <c r="X3578" s="2">
        <v>7.6</v>
      </c>
      <c r="Y3578" s="2">
        <v>16.7</v>
      </c>
      <c r="Z3578" s="5"/>
      <c r="AA3578" s="5" t="s">
        <v>43</v>
      </c>
      <c r="AB3578" s="5" t="s">
        <v>44</v>
      </c>
      <c r="AC3578" s="2"/>
      <c r="AD3578" s="1"/>
    </row>
    <row r="3579" spans="1:30">
      <c r="A3579" s="5" t="s">
        <v>83578</v>
      </c>
      <c r="B3579" s="2" t="s">
        <v>94339</v>
      </c>
      <c r="C3579" s="14" t="s">
        <v>94340</v>
      </c>
      <c r="D3579" s="2" t="s">
        <v>94341</v>
      </c>
      <c r="E3579" s="2" t="s">
        <v>40989</v>
      </c>
      <c r="F3579" s="8">
        <v>258</v>
      </c>
      <c r="G3579" s="5">
        <v>6</v>
      </c>
      <c r="H3579" s="5" t="s">
        <v>1518</v>
      </c>
      <c r="I3579" s="5" t="s">
        <v>40939</v>
      </c>
      <c r="J3579" s="2" t="s">
        <v>40940</v>
      </c>
      <c r="K3579" s="5" t="s">
        <v>40939</v>
      </c>
      <c r="L3579" s="2" t="s">
        <v>40940</v>
      </c>
      <c r="M3579" s="5" t="s">
        <v>36266</v>
      </c>
      <c r="N3579" s="5" t="s">
        <v>38</v>
      </c>
      <c r="O3579" s="5" t="s">
        <v>39</v>
      </c>
      <c r="P3579" s="5" t="s">
        <v>40</v>
      </c>
      <c r="Q3579" s="5" t="s">
        <v>1522</v>
      </c>
      <c r="R3579" s="5" t="s">
        <v>1523</v>
      </c>
      <c r="S3579" s="5" t="s">
        <v>42</v>
      </c>
      <c r="T3579" s="2">
        <v>2.0760000000000001</v>
      </c>
      <c r="U3579" s="2">
        <v>1.62</v>
      </c>
      <c r="V3579" s="2">
        <v>0.01</v>
      </c>
      <c r="W3579" s="2">
        <v>76.900000000000006</v>
      </c>
      <c r="X3579" s="2">
        <v>7.6</v>
      </c>
      <c r="Y3579" s="2">
        <v>16.7</v>
      </c>
      <c r="Z3579" s="5"/>
      <c r="AA3579" s="5" t="s">
        <v>43</v>
      </c>
      <c r="AB3579" s="5" t="s">
        <v>44</v>
      </c>
      <c r="AC3579" s="2"/>
      <c r="AD3579" s="1"/>
    </row>
    <row r="3580" spans="1:30">
      <c r="A3580" s="5" t="s">
        <v>83578</v>
      </c>
      <c r="B3580" s="2" t="s">
        <v>94342</v>
      </c>
      <c r="C3580" s="14" t="s">
        <v>94343</v>
      </c>
      <c r="D3580" s="2" t="s">
        <v>94344</v>
      </c>
      <c r="E3580" s="2" t="s">
        <v>40993</v>
      </c>
      <c r="F3580" s="8">
        <v>258</v>
      </c>
      <c r="G3580" s="5">
        <v>6</v>
      </c>
      <c r="H3580" s="5" t="s">
        <v>1518</v>
      </c>
      <c r="I3580" s="5" t="s">
        <v>40939</v>
      </c>
      <c r="J3580" s="2" t="s">
        <v>40940</v>
      </c>
      <c r="K3580" s="5" t="s">
        <v>40939</v>
      </c>
      <c r="L3580" s="2" t="s">
        <v>40940</v>
      </c>
      <c r="M3580" s="5" t="s">
        <v>36266</v>
      </c>
      <c r="N3580" s="5" t="s">
        <v>38</v>
      </c>
      <c r="O3580" s="5" t="s">
        <v>39</v>
      </c>
      <c r="P3580" s="5" t="s">
        <v>40</v>
      </c>
      <c r="Q3580" s="5" t="s">
        <v>1522</v>
      </c>
      <c r="R3580" s="5" t="s">
        <v>1523</v>
      </c>
      <c r="S3580" s="5" t="s">
        <v>42</v>
      </c>
      <c r="T3580" s="2">
        <v>2.1339999999999999</v>
      </c>
      <c r="U3580" s="2">
        <v>1.6779999999999999</v>
      </c>
      <c r="V3580" s="2">
        <v>0.01</v>
      </c>
      <c r="W3580" s="2">
        <v>76.900000000000006</v>
      </c>
      <c r="X3580" s="2">
        <v>7.6</v>
      </c>
      <c r="Y3580" s="2">
        <v>16.7</v>
      </c>
      <c r="Z3580" s="5"/>
      <c r="AA3580" s="5" t="s">
        <v>43</v>
      </c>
      <c r="AB3580" s="5" t="s">
        <v>44</v>
      </c>
      <c r="AC3580" s="2"/>
      <c r="AD3580" s="1"/>
    </row>
    <row r="3581" spans="1:30">
      <c r="A3581" s="5" t="s">
        <v>83578</v>
      </c>
      <c r="B3581" s="2" t="s">
        <v>94345</v>
      </c>
      <c r="C3581" s="14" t="s">
        <v>94346</v>
      </c>
      <c r="D3581" s="2" t="s">
        <v>94347</v>
      </c>
      <c r="E3581" s="2" t="s">
        <v>40997</v>
      </c>
      <c r="F3581" s="8">
        <v>258</v>
      </c>
      <c r="G3581" s="5">
        <v>6</v>
      </c>
      <c r="H3581" s="5" t="s">
        <v>1518</v>
      </c>
      <c r="I3581" s="5" t="s">
        <v>40939</v>
      </c>
      <c r="J3581" s="2" t="s">
        <v>40940</v>
      </c>
      <c r="K3581" s="5" t="s">
        <v>40939</v>
      </c>
      <c r="L3581" s="2" t="s">
        <v>40940</v>
      </c>
      <c r="M3581" s="5" t="s">
        <v>36266</v>
      </c>
      <c r="N3581" s="5" t="s">
        <v>38</v>
      </c>
      <c r="O3581" s="5" t="s">
        <v>39</v>
      </c>
      <c r="P3581" s="5" t="s">
        <v>40</v>
      </c>
      <c r="Q3581" s="5" t="s">
        <v>1522</v>
      </c>
      <c r="R3581" s="5" t="s">
        <v>1523</v>
      </c>
      <c r="S3581" s="5" t="s">
        <v>42</v>
      </c>
      <c r="T3581" s="2">
        <v>2.0609999999999999</v>
      </c>
      <c r="U3581" s="2">
        <v>1.605</v>
      </c>
      <c r="V3581" s="2">
        <v>0.01</v>
      </c>
      <c r="W3581" s="2">
        <v>76.900000000000006</v>
      </c>
      <c r="X3581" s="2">
        <v>7.6</v>
      </c>
      <c r="Y3581" s="2">
        <v>16.7</v>
      </c>
      <c r="Z3581" s="5"/>
      <c r="AA3581" s="5" t="s">
        <v>43</v>
      </c>
      <c r="AB3581" s="5" t="s">
        <v>44</v>
      </c>
      <c r="AC3581" s="2"/>
      <c r="AD3581" s="1"/>
    </row>
    <row r="3582" spans="1:30">
      <c r="A3582" s="5" t="s">
        <v>83578</v>
      </c>
      <c r="B3582" s="2" t="s">
        <v>94348</v>
      </c>
      <c r="C3582" s="14" t="s">
        <v>94349</v>
      </c>
      <c r="D3582" s="2" t="s">
        <v>94350</v>
      </c>
      <c r="E3582" s="2" t="s">
        <v>41267</v>
      </c>
      <c r="F3582" s="8">
        <v>258</v>
      </c>
      <c r="G3582" s="5">
        <v>6</v>
      </c>
      <c r="H3582" s="5" t="s">
        <v>1518</v>
      </c>
      <c r="I3582" s="5" t="s">
        <v>40939</v>
      </c>
      <c r="J3582" s="2" t="s">
        <v>40940</v>
      </c>
      <c r="K3582" s="5" t="s">
        <v>40939</v>
      </c>
      <c r="L3582" s="2" t="s">
        <v>40940</v>
      </c>
      <c r="M3582" s="5" t="s">
        <v>36266</v>
      </c>
      <c r="N3582" s="5" t="s">
        <v>38</v>
      </c>
      <c r="O3582" s="5" t="s">
        <v>39</v>
      </c>
      <c r="P3582" s="5" t="s">
        <v>40</v>
      </c>
      <c r="Q3582" s="5" t="s">
        <v>1522</v>
      </c>
      <c r="R3582" s="5" t="s">
        <v>1523</v>
      </c>
      <c r="S3582" s="5" t="s">
        <v>42</v>
      </c>
      <c r="T3582" s="2">
        <v>2.1190000000000002</v>
      </c>
      <c r="U3582" s="2">
        <v>1.663</v>
      </c>
      <c r="V3582" s="2">
        <v>0.01</v>
      </c>
      <c r="W3582" s="2">
        <v>76.900000000000006</v>
      </c>
      <c r="X3582" s="2">
        <v>7.6</v>
      </c>
      <c r="Y3582" s="2">
        <v>16.7</v>
      </c>
      <c r="Z3582" s="5"/>
      <c r="AA3582" s="5" t="s">
        <v>43</v>
      </c>
      <c r="AB3582" s="5" t="s">
        <v>44</v>
      </c>
      <c r="AC3582" s="2"/>
      <c r="AD3582" s="1"/>
    </row>
    <row r="3583" spans="1:30">
      <c r="A3583" s="5" t="s">
        <v>83578</v>
      </c>
      <c r="B3583" s="2" t="s">
        <v>94351</v>
      </c>
      <c r="C3583" s="14" t="s">
        <v>94352</v>
      </c>
      <c r="D3583" s="2" t="s">
        <v>94353</v>
      </c>
      <c r="E3583" s="2" t="s">
        <v>41001</v>
      </c>
      <c r="F3583" s="8">
        <v>258</v>
      </c>
      <c r="G3583" s="5">
        <v>6</v>
      </c>
      <c r="H3583" s="5" t="s">
        <v>1518</v>
      </c>
      <c r="I3583" s="5" t="s">
        <v>40939</v>
      </c>
      <c r="J3583" s="2" t="s">
        <v>40940</v>
      </c>
      <c r="K3583" s="5" t="s">
        <v>40939</v>
      </c>
      <c r="L3583" s="2" t="s">
        <v>40940</v>
      </c>
      <c r="M3583" s="5" t="s">
        <v>36266</v>
      </c>
      <c r="N3583" s="5" t="s">
        <v>38</v>
      </c>
      <c r="O3583" s="5" t="s">
        <v>39</v>
      </c>
      <c r="P3583" s="5" t="s">
        <v>40</v>
      </c>
      <c r="Q3583" s="5" t="s">
        <v>1522</v>
      </c>
      <c r="R3583" s="5" t="s">
        <v>1523</v>
      </c>
      <c r="S3583" s="5" t="s">
        <v>42</v>
      </c>
      <c r="T3583" s="2">
        <v>2.0760000000000001</v>
      </c>
      <c r="U3583" s="2">
        <v>1.62</v>
      </c>
      <c r="V3583" s="2">
        <v>0.01</v>
      </c>
      <c r="W3583" s="2">
        <v>76.900000000000006</v>
      </c>
      <c r="X3583" s="2">
        <v>7.6</v>
      </c>
      <c r="Y3583" s="2">
        <v>16.7</v>
      </c>
      <c r="Z3583" s="5"/>
      <c r="AA3583" s="5" t="s">
        <v>43</v>
      </c>
      <c r="AB3583" s="5" t="s">
        <v>44</v>
      </c>
      <c r="AC3583" s="2"/>
      <c r="AD3583" s="1"/>
    </row>
    <row r="3584" spans="1:30">
      <c r="A3584" s="5" t="s">
        <v>83578</v>
      </c>
      <c r="B3584" s="2" t="s">
        <v>94354</v>
      </c>
      <c r="C3584" s="14" t="s">
        <v>94355</v>
      </c>
      <c r="D3584" s="2" t="s">
        <v>94356</v>
      </c>
      <c r="E3584" s="2" t="s">
        <v>41005</v>
      </c>
      <c r="F3584" s="8">
        <v>258</v>
      </c>
      <c r="G3584" s="5">
        <v>6</v>
      </c>
      <c r="H3584" s="5" t="s">
        <v>1518</v>
      </c>
      <c r="I3584" s="5" t="s">
        <v>40939</v>
      </c>
      <c r="J3584" s="2" t="s">
        <v>40940</v>
      </c>
      <c r="K3584" s="5" t="s">
        <v>40939</v>
      </c>
      <c r="L3584" s="2" t="s">
        <v>40940</v>
      </c>
      <c r="M3584" s="5" t="s">
        <v>36266</v>
      </c>
      <c r="N3584" s="5" t="s">
        <v>38</v>
      </c>
      <c r="O3584" s="5" t="s">
        <v>39</v>
      </c>
      <c r="P3584" s="5" t="s">
        <v>40</v>
      </c>
      <c r="Q3584" s="5" t="s">
        <v>1522</v>
      </c>
      <c r="R3584" s="5" t="s">
        <v>1523</v>
      </c>
      <c r="S3584" s="5" t="s">
        <v>42</v>
      </c>
      <c r="T3584" s="2">
        <v>2.1339999999999999</v>
      </c>
      <c r="U3584" s="2">
        <v>1.6779999999999999</v>
      </c>
      <c r="V3584" s="2">
        <v>0.01</v>
      </c>
      <c r="W3584" s="2">
        <v>76.900000000000006</v>
      </c>
      <c r="X3584" s="2">
        <v>7.6</v>
      </c>
      <c r="Y3584" s="2">
        <v>16.7</v>
      </c>
      <c r="Z3584" s="5"/>
      <c r="AA3584" s="5" t="s">
        <v>43</v>
      </c>
      <c r="AB3584" s="5" t="s">
        <v>44</v>
      </c>
      <c r="AC3584" s="2"/>
      <c r="AD3584" s="1"/>
    </row>
    <row r="3585" spans="1:30">
      <c r="A3585" s="5" t="s">
        <v>83578</v>
      </c>
      <c r="B3585" s="2" t="s">
        <v>94357</v>
      </c>
      <c r="C3585" s="14" t="s">
        <v>94358</v>
      </c>
      <c r="D3585" s="2" t="s">
        <v>94359</v>
      </c>
      <c r="E3585" s="2" t="s">
        <v>41009</v>
      </c>
      <c r="F3585" s="8">
        <v>258</v>
      </c>
      <c r="G3585" s="5">
        <v>6</v>
      </c>
      <c r="H3585" s="5" t="s">
        <v>1518</v>
      </c>
      <c r="I3585" s="5" t="s">
        <v>40939</v>
      </c>
      <c r="J3585" s="2" t="s">
        <v>40940</v>
      </c>
      <c r="K3585" s="5" t="s">
        <v>40939</v>
      </c>
      <c r="L3585" s="2" t="s">
        <v>40940</v>
      </c>
      <c r="M3585" s="5" t="s">
        <v>36266</v>
      </c>
      <c r="N3585" s="5" t="s">
        <v>38</v>
      </c>
      <c r="O3585" s="5" t="s">
        <v>39</v>
      </c>
      <c r="P3585" s="5" t="s">
        <v>40</v>
      </c>
      <c r="Q3585" s="5" t="s">
        <v>1522</v>
      </c>
      <c r="R3585" s="5" t="s">
        <v>1523</v>
      </c>
      <c r="S3585" s="5" t="s">
        <v>42</v>
      </c>
      <c r="T3585" s="2">
        <v>2.0790000000000002</v>
      </c>
      <c r="U3585" s="2">
        <v>1.623</v>
      </c>
      <c r="V3585" s="2">
        <v>0.01</v>
      </c>
      <c r="W3585" s="2">
        <v>76.900000000000006</v>
      </c>
      <c r="X3585" s="2">
        <v>7.6</v>
      </c>
      <c r="Y3585" s="2">
        <v>16.7</v>
      </c>
      <c r="Z3585" s="5"/>
      <c r="AA3585" s="5" t="s">
        <v>43</v>
      </c>
      <c r="AB3585" s="5" t="s">
        <v>44</v>
      </c>
      <c r="AC3585" s="2"/>
      <c r="AD3585" s="1"/>
    </row>
    <row r="3586" spans="1:30">
      <c r="A3586" s="5" t="s">
        <v>83578</v>
      </c>
      <c r="B3586" s="2" t="s">
        <v>94360</v>
      </c>
      <c r="C3586" s="14" t="s">
        <v>94361</v>
      </c>
      <c r="D3586" s="2" t="s">
        <v>94362</v>
      </c>
      <c r="E3586" s="2" t="s">
        <v>41013</v>
      </c>
      <c r="F3586" s="8">
        <v>258</v>
      </c>
      <c r="G3586" s="5">
        <v>6</v>
      </c>
      <c r="H3586" s="5" t="s">
        <v>1518</v>
      </c>
      <c r="I3586" s="5" t="s">
        <v>40939</v>
      </c>
      <c r="J3586" s="2" t="s">
        <v>40940</v>
      </c>
      <c r="K3586" s="5" t="s">
        <v>40939</v>
      </c>
      <c r="L3586" s="2" t="s">
        <v>40940</v>
      </c>
      <c r="M3586" s="5" t="s">
        <v>36266</v>
      </c>
      <c r="N3586" s="5" t="s">
        <v>38</v>
      </c>
      <c r="O3586" s="5" t="s">
        <v>39</v>
      </c>
      <c r="P3586" s="5" t="s">
        <v>40</v>
      </c>
      <c r="Q3586" s="5" t="s">
        <v>1522</v>
      </c>
      <c r="R3586" s="5" t="s">
        <v>1523</v>
      </c>
      <c r="S3586" s="5" t="s">
        <v>42</v>
      </c>
      <c r="T3586" s="2">
        <v>2.137</v>
      </c>
      <c r="U3586" s="2">
        <v>1.681</v>
      </c>
      <c r="V3586" s="2">
        <v>0.01</v>
      </c>
      <c r="W3586" s="2">
        <v>76.900000000000006</v>
      </c>
      <c r="X3586" s="2">
        <v>7.6</v>
      </c>
      <c r="Y3586" s="2">
        <v>16.7</v>
      </c>
      <c r="Z3586" s="5"/>
      <c r="AA3586" s="5" t="s">
        <v>43</v>
      </c>
      <c r="AB3586" s="5" t="s">
        <v>44</v>
      </c>
      <c r="AC3586" s="2"/>
      <c r="AD3586" s="1"/>
    </row>
    <row r="3587" spans="1:30">
      <c r="A3587" s="5" t="s">
        <v>83578</v>
      </c>
      <c r="B3587" s="2" t="s">
        <v>94363</v>
      </c>
      <c r="C3587" s="14" t="s">
        <v>94364</v>
      </c>
      <c r="D3587" s="2" t="s">
        <v>94365</v>
      </c>
      <c r="E3587" s="2" t="s">
        <v>7396</v>
      </c>
      <c r="F3587" s="8">
        <v>241</v>
      </c>
      <c r="G3587" s="5">
        <v>6</v>
      </c>
      <c r="H3587" s="5" t="s">
        <v>1518</v>
      </c>
      <c r="I3587" s="5" t="s">
        <v>40939</v>
      </c>
      <c r="J3587" s="2" t="s">
        <v>40940</v>
      </c>
      <c r="K3587" s="5" t="s">
        <v>40939</v>
      </c>
      <c r="L3587" s="2" t="s">
        <v>40940</v>
      </c>
      <c r="M3587" s="5" t="s">
        <v>36266</v>
      </c>
      <c r="N3587" s="5" t="s">
        <v>38</v>
      </c>
      <c r="O3587" s="5" t="s">
        <v>39</v>
      </c>
      <c r="P3587" s="5" t="s">
        <v>40</v>
      </c>
      <c r="Q3587" s="5" t="s">
        <v>1522</v>
      </c>
      <c r="R3587" s="5" t="s">
        <v>1523</v>
      </c>
      <c r="S3587" s="5" t="s">
        <v>42</v>
      </c>
      <c r="T3587" s="2">
        <v>2.0790000000000002</v>
      </c>
      <c r="U3587" s="2">
        <v>1.623</v>
      </c>
      <c r="V3587" s="2">
        <v>0.01</v>
      </c>
      <c r="W3587" s="2">
        <v>76.900000000000006</v>
      </c>
      <c r="X3587" s="2">
        <v>7.6</v>
      </c>
      <c r="Y3587" s="2">
        <v>16.7</v>
      </c>
      <c r="Z3587" s="5"/>
      <c r="AA3587" s="5" t="s">
        <v>43</v>
      </c>
      <c r="AB3587" s="5" t="s">
        <v>44</v>
      </c>
      <c r="AC3587" s="2"/>
      <c r="AD3587" s="1"/>
    </row>
    <row r="3588" spans="1:30">
      <c r="A3588" s="5" t="s">
        <v>83578</v>
      </c>
      <c r="B3588" s="2" t="s">
        <v>94366</v>
      </c>
      <c r="C3588" s="14" t="s">
        <v>94367</v>
      </c>
      <c r="D3588" s="2" t="s">
        <v>94368</v>
      </c>
      <c r="E3588" s="2" t="s">
        <v>7507</v>
      </c>
      <c r="F3588" s="8">
        <v>241</v>
      </c>
      <c r="G3588" s="5">
        <v>6</v>
      </c>
      <c r="H3588" s="5" t="s">
        <v>1518</v>
      </c>
      <c r="I3588" s="5" t="s">
        <v>40939</v>
      </c>
      <c r="J3588" s="2" t="s">
        <v>40940</v>
      </c>
      <c r="K3588" s="5" t="s">
        <v>40939</v>
      </c>
      <c r="L3588" s="2" t="s">
        <v>40940</v>
      </c>
      <c r="M3588" s="5" t="s">
        <v>36266</v>
      </c>
      <c r="N3588" s="5" t="s">
        <v>38</v>
      </c>
      <c r="O3588" s="5" t="s">
        <v>39</v>
      </c>
      <c r="P3588" s="5" t="s">
        <v>40</v>
      </c>
      <c r="Q3588" s="5" t="s">
        <v>1522</v>
      </c>
      <c r="R3588" s="5" t="s">
        <v>1523</v>
      </c>
      <c r="S3588" s="5" t="s">
        <v>42</v>
      </c>
      <c r="T3588" s="2">
        <v>2.137</v>
      </c>
      <c r="U3588" s="2">
        <v>1.681</v>
      </c>
      <c r="V3588" s="2">
        <v>0.01</v>
      </c>
      <c r="W3588" s="2">
        <v>76.900000000000006</v>
      </c>
      <c r="X3588" s="2">
        <v>7.6</v>
      </c>
      <c r="Y3588" s="2">
        <v>16.7</v>
      </c>
      <c r="Z3588" s="5"/>
      <c r="AA3588" s="5" t="s">
        <v>43</v>
      </c>
      <c r="AB3588" s="5" t="s">
        <v>44</v>
      </c>
      <c r="AC3588" s="2"/>
      <c r="AD3588" s="1"/>
    </row>
    <row r="3589" spans="1:30">
      <c r="A3589" s="5" t="s">
        <v>83578</v>
      </c>
      <c r="B3589" s="2" t="s">
        <v>94369</v>
      </c>
      <c r="C3589" s="14" t="s">
        <v>94370</v>
      </c>
      <c r="D3589" s="2" t="s">
        <v>94371</v>
      </c>
      <c r="E3589" s="2" t="s">
        <v>41023</v>
      </c>
      <c r="F3589" s="8">
        <v>258</v>
      </c>
      <c r="G3589" s="5">
        <v>6</v>
      </c>
      <c r="H3589" s="5" t="s">
        <v>1518</v>
      </c>
      <c r="I3589" s="5" t="s">
        <v>40939</v>
      </c>
      <c r="J3589" s="2" t="s">
        <v>40940</v>
      </c>
      <c r="K3589" s="5" t="s">
        <v>40939</v>
      </c>
      <c r="L3589" s="2" t="s">
        <v>40940</v>
      </c>
      <c r="M3589" s="5" t="s">
        <v>36266</v>
      </c>
      <c r="N3589" s="5" t="s">
        <v>38</v>
      </c>
      <c r="O3589" s="5" t="s">
        <v>39</v>
      </c>
      <c r="P3589" s="5" t="s">
        <v>40</v>
      </c>
      <c r="Q3589" s="5" t="s">
        <v>1522</v>
      </c>
      <c r="R3589" s="5" t="s">
        <v>1523</v>
      </c>
      <c r="S3589" s="5" t="s">
        <v>42</v>
      </c>
      <c r="T3589" s="2">
        <v>2.0609999999999999</v>
      </c>
      <c r="U3589" s="2">
        <v>1.605</v>
      </c>
      <c r="V3589" s="2">
        <v>0.01</v>
      </c>
      <c r="W3589" s="2">
        <v>76.900000000000006</v>
      </c>
      <c r="X3589" s="2">
        <v>7.6</v>
      </c>
      <c r="Y3589" s="2">
        <v>16.7</v>
      </c>
      <c r="Z3589" s="5"/>
      <c r="AA3589" s="5" t="s">
        <v>43</v>
      </c>
      <c r="AB3589" s="5" t="s">
        <v>44</v>
      </c>
      <c r="AC3589" s="2"/>
      <c r="AD3589" s="1"/>
    </row>
    <row r="3590" spans="1:30">
      <c r="A3590" s="5" t="s">
        <v>83578</v>
      </c>
      <c r="B3590" s="2" t="s">
        <v>94372</v>
      </c>
      <c r="C3590" s="14" t="s">
        <v>94373</v>
      </c>
      <c r="D3590" s="2" t="s">
        <v>94374</v>
      </c>
      <c r="E3590" s="2" t="s">
        <v>41027</v>
      </c>
      <c r="F3590" s="8">
        <v>258</v>
      </c>
      <c r="G3590" s="5">
        <v>6</v>
      </c>
      <c r="H3590" s="5" t="s">
        <v>1518</v>
      </c>
      <c r="I3590" s="5" t="s">
        <v>40939</v>
      </c>
      <c r="J3590" s="2" t="s">
        <v>40940</v>
      </c>
      <c r="K3590" s="5" t="s">
        <v>40939</v>
      </c>
      <c r="L3590" s="2" t="s">
        <v>40940</v>
      </c>
      <c r="M3590" s="5" t="s">
        <v>36266</v>
      </c>
      <c r="N3590" s="5" t="s">
        <v>38</v>
      </c>
      <c r="O3590" s="5" t="s">
        <v>39</v>
      </c>
      <c r="P3590" s="5" t="s">
        <v>40</v>
      </c>
      <c r="Q3590" s="5" t="s">
        <v>1522</v>
      </c>
      <c r="R3590" s="5" t="s">
        <v>1523</v>
      </c>
      <c r="S3590" s="5" t="s">
        <v>42</v>
      </c>
      <c r="T3590" s="2">
        <v>2.1190000000000002</v>
      </c>
      <c r="U3590" s="2">
        <v>1.663</v>
      </c>
      <c r="V3590" s="2">
        <v>0.01</v>
      </c>
      <c r="W3590" s="2">
        <v>76.900000000000006</v>
      </c>
      <c r="X3590" s="2">
        <v>7.6</v>
      </c>
      <c r="Y3590" s="2">
        <v>16.7</v>
      </c>
      <c r="Z3590" s="5"/>
      <c r="AA3590" s="5" t="s">
        <v>43</v>
      </c>
      <c r="AB3590" s="5" t="s">
        <v>44</v>
      </c>
      <c r="AC3590" s="2"/>
      <c r="AD3590" s="1"/>
    </row>
    <row r="3591" spans="1:30">
      <c r="A3591" s="5" t="s">
        <v>83578</v>
      </c>
      <c r="B3591" s="2" t="s">
        <v>94375</v>
      </c>
      <c r="C3591" s="14" t="s">
        <v>94376</v>
      </c>
      <c r="D3591" s="2" t="s">
        <v>94377</v>
      </c>
      <c r="E3591" s="2" t="s">
        <v>41031</v>
      </c>
      <c r="F3591" s="8">
        <v>258</v>
      </c>
      <c r="G3591" s="5">
        <v>6</v>
      </c>
      <c r="H3591" s="5" t="s">
        <v>1518</v>
      </c>
      <c r="I3591" s="5" t="s">
        <v>40939</v>
      </c>
      <c r="J3591" s="2" t="s">
        <v>40940</v>
      </c>
      <c r="K3591" s="5" t="s">
        <v>40939</v>
      </c>
      <c r="L3591" s="2" t="s">
        <v>40940</v>
      </c>
      <c r="M3591" s="5" t="s">
        <v>36266</v>
      </c>
      <c r="N3591" s="5" t="s">
        <v>38</v>
      </c>
      <c r="O3591" s="5" t="s">
        <v>39</v>
      </c>
      <c r="P3591" s="5" t="s">
        <v>40</v>
      </c>
      <c r="Q3591" s="5" t="s">
        <v>1522</v>
      </c>
      <c r="R3591" s="5" t="s">
        <v>1523</v>
      </c>
      <c r="S3591" s="5" t="s">
        <v>42</v>
      </c>
      <c r="T3591" s="2">
        <v>2.0609999999999999</v>
      </c>
      <c r="U3591" s="2">
        <v>1.605</v>
      </c>
      <c r="V3591" s="2">
        <v>0.01</v>
      </c>
      <c r="W3591" s="2">
        <v>76.900000000000006</v>
      </c>
      <c r="X3591" s="2">
        <v>7.6</v>
      </c>
      <c r="Y3591" s="2">
        <v>16.7</v>
      </c>
      <c r="Z3591" s="5"/>
      <c r="AA3591" s="5" t="s">
        <v>43</v>
      </c>
      <c r="AB3591" s="5" t="s">
        <v>44</v>
      </c>
      <c r="AC3591" s="2"/>
      <c r="AD3591" s="1"/>
    </row>
    <row r="3592" spans="1:30">
      <c r="A3592" s="5" t="s">
        <v>83578</v>
      </c>
      <c r="B3592" s="2" t="s">
        <v>94378</v>
      </c>
      <c r="C3592" s="14" t="s">
        <v>94379</v>
      </c>
      <c r="D3592" s="2" t="s">
        <v>94380</v>
      </c>
      <c r="E3592" s="2" t="s">
        <v>41035</v>
      </c>
      <c r="F3592" s="8">
        <v>258</v>
      </c>
      <c r="G3592" s="5">
        <v>6</v>
      </c>
      <c r="H3592" s="5" t="s">
        <v>1518</v>
      </c>
      <c r="I3592" s="5" t="s">
        <v>40939</v>
      </c>
      <c r="J3592" s="2" t="s">
        <v>40940</v>
      </c>
      <c r="K3592" s="5" t="s">
        <v>40939</v>
      </c>
      <c r="L3592" s="2" t="s">
        <v>40940</v>
      </c>
      <c r="M3592" s="5" t="s">
        <v>36266</v>
      </c>
      <c r="N3592" s="5" t="s">
        <v>38</v>
      </c>
      <c r="O3592" s="5" t="s">
        <v>39</v>
      </c>
      <c r="P3592" s="5" t="s">
        <v>40</v>
      </c>
      <c r="Q3592" s="5" t="s">
        <v>1522</v>
      </c>
      <c r="R3592" s="5" t="s">
        <v>1523</v>
      </c>
      <c r="S3592" s="5" t="s">
        <v>42</v>
      </c>
      <c r="T3592" s="2">
        <v>2.1190000000000002</v>
      </c>
      <c r="U3592" s="2">
        <v>1.663</v>
      </c>
      <c r="V3592" s="2">
        <v>0.01</v>
      </c>
      <c r="W3592" s="2">
        <v>76.900000000000006</v>
      </c>
      <c r="X3592" s="2">
        <v>7.6</v>
      </c>
      <c r="Y3592" s="2">
        <v>16.7</v>
      </c>
      <c r="Z3592" s="5"/>
      <c r="AA3592" s="5" t="s">
        <v>43</v>
      </c>
      <c r="AB3592" s="5" t="s">
        <v>44</v>
      </c>
      <c r="AC3592" s="2"/>
      <c r="AD3592" s="1"/>
    </row>
    <row r="3593" spans="1:30">
      <c r="A3593" s="5" t="s">
        <v>83578</v>
      </c>
      <c r="B3593" s="2" t="s">
        <v>94381</v>
      </c>
      <c r="C3593" s="14" t="s">
        <v>94382</v>
      </c>
      <c r="D3593" s="2" t="s">
        <v>94383</v>
      </c>
      <c r="E3593" s="2" t="s">
        <v>7449</v>
      </c>
      <c r="F3593" s="8">
        <v>258</v>
      </c>
      <c r="G3593" s="5">
        <v>6</v>
      </c>
      <c r="H3593" s="5" t="s">
        <v>1518</v>
      </c>
      <c r="I3593" s="5" t="s">
        <v>40939</v>
      </c>
      <c r="J3593" s="2" t="s">
        <v>40940</v>
      </c>
      <c r="K3593" s="5" t="s">
        <v>40939</v>
      </c>
      <c r="L3593" s="2" t="s">
        <v>40940</v>
      </c>
      <c r="M3593" s="5" t="s">
        <v>36266</v>
      </c>
      <c r="N3593" s="5" t="s">
        <v>38</v>
      </c>
      <c r="O3593" s="5" t="s">
        <v>39</v>
      </c>
      <c r="P3593" s="5" t="s">
        <v>40</v>
      </c>
      <c r="Q3593" s="5" t="s">
        <v>1522</v>
      </c>
      <c r="R3593" s="5" t="s">
        <v>1523</v>
      </c>
      <c r="S3593" s="5" t="s">
        <v>42</v>
      </c>
      <c r="T3593" s="2">
        <v>2.0609999999999999</v>
      </c>
      <c r="U3593" s="2">
        <v>1.605</v>
      </c>
      <c r="V3593" s="2">
        <v>0.01</v>
      </c>
      <c r="W3593" s="2">
        <v>76.900000000000006</v>
      </c>
      <c r="X3593" s="2">
        <v>7.6</v>
      </c>
      <c r="Y3593" s="2">
        <v>16.7</v>
      </c>
      <c r="Z3593" s="5"/>
      <c r="AA3593" s="5" t="s">
        <v>43</v>
      </c>
      <c r="AB3593" s="5" t="s">
        <v>44</v>
      </c>
      <c r="AC3593" s="2"/>
      <c r="AD3593" s="1"/>
    </row>
    <row r="3594" spans="1:30">
      <c r="A3594" s="5" t="s">
        <v>83578</v>
      </c>
      <c r="B3594" s="2" t="s">
        <v>94384</v>
      </c>
      <c r="C3594" s="14" t="s">
        <v>94385</v>
      </c>
      <c r="D3594" s="2" t="s">
        <v>94386</v>
      </c>
      <c r="E3594" s="2" t="s">
        <v>7581</v>
      </c>
      <c r="F3594" s="8">
        <v>258</v>
      </c>
      <c r="G3594" s="5">
        <v>6</v>
      </c>
      <c r="H3594" s="5" t="s">
        <v>1518</v>
      </c>
      <c r="I3594" s="5" t="s">
        <v>40939</v>
      </c>
      <c r="J3594" s="2" t="s">
        <v>40940</v>
      </c>
      <c r="K3594" s="5" t="s">
        <v>40939</v>
      </c>
      <c r="L3594" s="2" t="s">
        <v>40940</v>
      </c>
      <c r="M3594" s="5" t="s">
        <v>36266</v>
      </c>
      <c r="N3594" s="5" t="s">
        <v>38</v>
      </c>
      <c r="O3594" s="5" t="s">
        <v>39</v>
      </c>
      <c r="P3594" s="5" t="s">
        <v>40</v>
      </c>
      <c r="Q3594" s="5" t="s">
        <v>1522</v>
      </c>
      <c r="R3594" s="5" t="s">
        <v>1523</v>
      </c>
      <c r="S3594" s="5" t="s">
        <v>42</v>
      </c>
      <c r="T3594" s="2">
        <v>2.1190000000000002</v>
      </c>
      <c r="U3594" s="2">
        <v>1.663</v>
      </c>
      <c r="V3594" s="2">
        <v>0.01</v>
      </c>
      <c r="W3594" s="2">
        <v>76.900000000000006</v>
      </c>
      <c r="X3594" s="2">
        <v>7.6</v>
      </c>
      <c r="Y3594" s="2">
        <v>16.7</v>
      </c>
      <c r="Z3594" s="5"/>
      <c r="AA3594" s="5" t="s">
        <v>43</v>
      </c>
      <c r="AB3594" s="5" t="s">
        <v>44</v>
      </c>
      <c r="AC3594" s="2"/>
      <c r="AD3594" s="1"/>
    </row>
    <row r="3595" spans="1:30">
      <c r="A3595" s="5" t="s">
        <v>83578</v>
      </c>
      <c r="B3595" s="2" t="s">
        <v>94387</v>
      </c>
      <c r="C3595" s="14" t="s">
        <v>94388</v>
      </c>
      <c r="D3595" s="2" t="s">
        <v>94389</v>
      </c>
      <c r="E3595" s="2" t="s">
        <v>41045</v>
      </c>
      <c r="F3595" s="8">
        <v>258</v>
      </c>
      <c r="G3595" s="5">
        <v>6</v>
      </c>
      <c r="H3595" s="5" t="s">
        <v>1518</v>
      </c>
      <c r="I3595" s="5" t="s">
        <v>40939</v>
      </c>
      <c r="J3595" s="2" t="s">
        <v>40940</v>
      </c>
      <c r="K3595" s="5" t="s">
        <v>40939</v>
      </c>
      <c r="L3595" s="2" t="s">
        <v>40940</v>
      </c>
      <c r="M3595" s="5" t="s">
        <v>36266</v>
      </c>
      <c r="N3595" s="5" t="s">
        <v>38</v>
      </c>
      <c r="O3595" s="5" t="s">
        <v>39</v>
      </c>
      <c r="P3595" s="5" t="s">
        <v>40</v>
      </c>
      <c r="Q3595" s="5" t="s">
        <v>1522</v>
      </c>
      <c r="R3595" s="5" t="s">
        <v>1523</v>
      </c>
      <c r="S3595" s="5" t="s">
        <v>42</v>
      </c>
      <c r="T3595" s="2">
        <v>2.0830000000000002</v>
      </c>
      <c r="U3595" s="2">
        <v>1.627</v>
      </c>
      <c r="V3595" s="2">
        <v>0.01</v>
      </c>
      <c r="W3595" s="2">
        <v>76.900000000000006</v>
      </c>
      <c r="X3595" s="2">
        <v>7.6</v>
      </c>
      <c r="Y3595" s="2">
        <v>16.7</v>
      </c>
      <c r="Z3595" s="5"/>
      <c r="AA3595" s="5" t="s">
        <v>43</v>
      </c>
      <c r="AB3595" s="5" t="s">
        <v>44</v>
      </c>
      <c r="AC3595" s="2"/>
      <c r="AD3595" s="1"/>
    </row>
    <row r="3596" spans="1:30">
      <c r="A3596" s="5" t="s">
        <v>83578</v>
      </c>
      <c r="B3596" s="2" t="s">
        <v>94390</v>
      </c>
      <c r="C3596" s="14" t="s">
        <v>94391</v>
      </c>
      <c r="D3596" s="2" t="s">
        <v>94392</v>
      </c>
      <c r="E3596" s="2" t="s">
        <v>41049</v>
      </c>
      <c r="F3596" s="8">
        <v>258</v>
      </c>
      <c r="G3596" s="5">
        <v>6</v>
      </c>
      <c r="H3596" s="5" t="s">
        <v>1518</v>
      </c>
      <c r="I3596" s="5" t="s">
        <v>40939</v>
      </c>
      <c r="J3596" s="2" t="s">
        <v>40940</v>
      </c>
      <c r="K3596" s="5" t="s">
        <v>40939</v>
      </c>
      <c r="L3596" s="2" t="s">
        <v>40940</v>
      </c>
      <c r="M3596" s="5" t="s">
        <v>36266</v>
      </c>
      <c r="N3596" s="5" t="s">
        <v>38</v>
      </c>
      <c r="O3596" s="5" t="s">
        <v>39</v>
      </c>
      <c r="P3596" s="5" t="s">
        <v>40</v>
      </c>
      <c r="Q3596" s="5" t="s">
        <v>1522</v>
      </c>
      <c r="R3596" s="5" t="s">
        <v>1523</v>
      </c>
      <c r="S3596" s="5" t="s">
        <v>42</v>
      </c>
      <c r="T3596" s="2">
        <v>2.141</v>
      </c>
      <c r="U3596" s="2">
        <v>1.6850000000000001</v>
      </c>
      <c r="V3596" s="2">
        <v>0.01</v>
      </c>
      <c r="W3596" s="2">
        <v>76.900000000000006</v>
      </c>
      <c r="X3596" s="2">
        <v>7.6</v>
      </c>
      <c r="Y3596" s="2">
        <v>16.7</v>
      </c>
      <c r="Z3596" s="5"/>
      <c r="AA3596" s="5" t="s">
        <v>43</v>
      </c>
      <c r="AB3596" s="5" t="s">
        <v>44</v>
      </c>
      <c r="AC3596" s="2"/>
      <c r="AD3596" s="1"/>
    </row>
    <row r="3597" spans="1:30">
      <c r="A3597" s="5" t="s">
        <v>83578</v>
      </c>
      <c r="B3597" s="2" t="s">
        <v>94393</v>
      </c>
      <c r="C3597" s="14" t="s">
        <v>94394</v>
      </c>
      <c r="D3597" s="2" t="s">
        <v>94395</v>
      </c>
      <c r="E3597" s="2" t="s">
        <v>7514</v>
      </c>
      <c r="F3597" s="8">
        <v>254</v>
      </c>
      <c r="G3597" s="5">
        <v>6</v>
      </c>
      <c r="H3597" s="5" t="s">
        <v>1518</v>
      </c>
      <c r="I3597" s="5" t="s">
        <v>40939</v>
      </c>
      <c r="J3597" s="2" t="s">
        <v>40940</v>
      </c>
      <c r="K3597" s="5" t="s">
        <v>40939</v>
      </c>
      <c r="L3597" s="2" t="s">
        <v>40940</v>
      </c>
      <c r="M3597" s="5" t="s">
        <v>36266</v>
      </c>
      <c r="N3597" s="5" t="s">
        <v>38</v>
      </c>
      <c r="O3597" s="5" t="s">
        <v>39</v>
      </c>
      <c r="P3597" s="5" t="s">
        <v>40</v>
      </c>
      <c r="Q3597" s="5" t="s">
        <v>1522</v>
      </c>
      <c r="R3597" s="5" t="s">
        <v>1523</v>
      </c>
      <c r="S3597" s="5" t="s">
        <v>42</v>
      </c>
      <c r="T3597" s="2">
        <v>2.3879999999999999</v>
      </c>
      <c r="U3597" s="2">
        <v>1.8240000000000001</v>
      </c>
      <c r="V3597" s="2">
        <v>1.2999999999999999E-2</v>
      </c>
      <c r="W3597" s="2">
        <v>99.1</v>
      </c>
      <c r="X3597" s="2">
        <v>7.6</v>
      </c>
      <c r="Y3597" s="2">
        <v>16.7</v>
      </c>
      <c r="Z3597" s="5"/>
      <c r="AA3597" s="5" t="s">
        <v>43</v>
      </c>
      <c r="AB3597" s="5" t="s">
        <v>44</v>
      </c>
      <c r="AC3597" s="2"/>
      <c r="AD3597" s="1"/>
    </row>
    <row r="3598" spans="1:30">
      <c r="A3598" s="5" t="s">
        <v>83578</v>
      </c>
      <c r="B3598" s="2" t="s">
        <v>94396</v>
      </c>
      <c r="C3598" s="14" t="s">
        <v>94397</v>
      </c>
      <c r="D3598" s="2" t="s">
        <v>94398</v>
      </c>
      <c r="E3598" s="2" t="s">
        <v>47266</v>
      </c>
      <c r="F3598" s="8">
        <v>272</v>
      </c>
      <c r="G3598" s="5">
        <v>6</v>
      </c>
      <c r="H3598" s="5" t="s">
        <v>1518</v>
      </c>
      <c r="I3598" s="5" t="s">
        <v>40939</v>
      </c>
      <c r="J3598" s="2" t="s">
        <v>40940</v>
      </c>
      <c r="K3598" s="5" t="s">
        <v>40939</v>
      </c>
      <c r="L3598" s="2" t="s">
        <v>40940</v>
      </c>
      <c r="M3598" s="5" t="s">
        <v>36266</v>
      </c>
      <c r="N3598" s="5" t="s">
        <v>38</v>
      </c>
      <c r="O3598" s="5" t="s">
        <v>39</v>
      </c>
      <c r="P3598" s="5" t="s">
        <v>40</v>
      </c>
      <c r="Q3598" s="5" t="s">
        <v>1522</v>
      </c>
      <c r="R3598" s="5" t="s">
        <v>1523</v>
      </c>
      <c r="S3598" s="5" t="s">
        <v>42</v>
      </c>
      <c r="T3598" s="2">
        <v>2.3279999999999998</v>
      </c>
      <c r="U3598" s="2">
        <v>1.764</v>
      </c>
      <c r="V3598" s="2">
        <v>1.2999999999999999E-2</v>
      </c>
      <c r="W3598" s="2">
        <v>99.1</v>
      </c>
      <c r="X3598" s="2">
        <v>7.6</v>
      </c>
      <c r="Y3598" s="2">
        <v>16.7</v>
      </c>
      <c r="Z3598" s="5"/>
      <c r="AA3598" s="5" t="s">
        <v>43</v>
      </c>
      <c r="AB3598" s="5" t="s">
        <v>44</v>
      </c>
      <c r="AC3598" s="2"/>
      <c r="AD3598" s="1"/>
    </row>
    <row r="3599" spans="1:30">
      <c r="A3599" s="5" t="s">
        <v>83578</v>
      </c>
      <c r="B3599" s="2" t="s">
        <v>94399</v>
      </c>
      <c r="C3599" s="14" t="s">
        <v>94400</v>
      </c>
      <c r="D3599" s="2" t="s">
        <v>94401</v>
      </c>
      <c r="E3599" s="2" t="s">
        <v>47195</v>
      </c>
      <c r="F3599" s="8">
        <v>272</v>
      </c>
      <c r="G3599" s="5">
        <v>6</v>
      </c>
      <c r="H3599" s="5" t="s">
        <v>1518</v>
      </c>
      <c r="I3599" s="5" t="s">
        <v>40939</v>
      </c>
      <c r="J3599" s="2" t="s">
        <v>40940</v>
      </c>
      <c r="K3599" s="5" t="s">
        <v>40939</v>
      </c>
      <c r="L3599" s="2" t="s">
        <v>40940</v>
      </c>
      <c r="M3599" s="5" t="s">
        <v>36266</v>
      </c>
      <c r="N3599" s="5" t="s">
        <v>38</v>
      </c>
      <c r="O3599" s="5" t="s">
        <v>39</v>
      </c>
      <c r="P3599" s="5" t="s">
        <v>40</v>
      </c>
      <c r="Q3599" s="5" t="s">
        <v>1522</v>
      </c>
      <c r="R3599" s="5" t="s">
        <v>1523</v>
      </c>
      <c r="S3599" s="5" t="s">
        <v>42</v>
      </c>
      <c r="T3599" s="2">
        <v>2.3969999999999998</v>
      </c>
      <c r="U3599" s="2">
        <v>1.833</v>
      </c>
      <c r="V3599" s="2">
        <v>1.2999999999999999E-2</v>
      </c>
      <c r="W3599" s="2">
        <v>99.1</v>
      </c>
      <c r="X3599" s="2">
        <v>7.6</v>
      </c>
      <c r="Y3599" s="2">
        <v>16.7</v>
      </c>
      <c r="Z3599" s="5"/>
      <c r="AA3599" s="5" t="s">
        <v>43</v>
      </c>
      <c r="AB3599" s="5" t="s">
        <v>44</v>
      </c>
      <c r="AC3599" s="2"/>
      <c r="AD3599" s="1"/>
    </row>
    <row r="3600" spans="1:30">
      <c r="A3600" s="5" t="s">
        <v>83578</v>
      </c>
      <c r="B3600" s="2" t="s">
        <v>94402</v>
      </c>
      <c r="C3600" s="14" t="s">
        <v>94403</v>
      </c>
      <c r="D3600" s="2" t="s">
        <v>94404</v>
      </c>
      <c r="E3600" s="2" t="s">
        <v>7208</v>
      </c>
      <c r="F3600" s="8">
        <v>254</v>
      </c>
      <c r="G3600" s="5">
        <v>6</v>
      </c>
      <c r="H3600" s="5" t="s">
        <v>1518</v>
      </c>
      <c r="I3600" s="5" t="s">
        <v>40939</v>
      </c>
      <c r="J3600" s="2" t="s">
        <v>40940</v>
      </c>
      <c r="K3600" s="5" t="s">
        <v>40939</v>
      </c>
      <c r="L3600" s="2" t="s">
        <v>40940</v>
      </c>
      <c r="M3600" s="5" t="s">
        <v>36266</v>
      </c>
      <c r="N3600" s="5" t="s">
        <v>38</v>
      </c>
      <c r="O3600" s="5" t="s">
        <v>39</v>
      </c>
      <c r="P3600" s="5" t="s">
        <v>40</v>
      </c>
      <c r="Q3600" s="5" t="s">
        <v>1522</v>
      </c>
      <c r="R3600" s="5" t="s">
        <v>1523</v>
      </c>
      <c r="S3600" s="5" t="s">
        <v>42</v>
      </c>
      <c r="T3600" s="2">
        <v>2.3319999999999999</v>
      </c>
      <c r="U3600" s="2">
        <v>1.768</v>
      </c>
      <c r="V3600" s="2">
        <v>1.2999999999999999E-2</v>
      </c>
      <c r="W3600" s="2">
        <v>99.1</v>
      </c>
      <c r="X3600" s="2">
        <v>7.6</v>
      </c>
      <c r="Y3600" s="2">
        <v>16.7</v>
      </c>
      <c r="Z3600" s="5"/>
      <c r="AA3600" s="5" t="s">
        <v>43</v>
      </c>
      <c r="AB3600" s="5" t="s">
        <v>44</v>
      </c>
      <c r="AC3600" s="2"/>
      <c r="AD3600" s="1"/>
    </row>
    <row r="3601" spans="1:30">
      <c r="A3601" s="5" t="s">
        <v>83578</v>
      </c>
      <c r="B3601" s="2" t="s">
        <v>94405</v>
      </c>
      <c r="C3601" s="14" t="s">
        <v>94406</v>
      </c>
      <c r="D3601" s="2" t="s">
        <v>94407</v>
      </c>
      <c r="E3601" s="2" t="s">
        <v>7521</v>
      </c>
      <c r="F3601" s="8">
        <v>254</v>
      </c>
      <c r="G3601" s="5">
        <v>6</v>
      </c>
      <c r="H3601" s="5" t="s">
        <v>1518</v>
      </c>
      <c r="I3601" s="5" t="s">
        <v>40939</v>
      </c>
      <c r="J3601" s="2" t="s">
        <v>40940</v>
      </c>
      <c r="K3601" s="5" t="s">
        <v>40939</v>
      </c>
      <c r="L3601" s="2" t="s">
        <v>40940</v>
      </c>
      <c r="M3601" s="5" t="s">
        <v>36266</v>
      </c>
      <c r="N3601" s="5" t="s">
        <v>38</v>
      </c>
      <c r="O3601" s="5" t="s">
        <v>39</v>
      </c>
      <c r="P3601" s="5" t="s">
        <v>40</v>
      </c>
      <c r="Q3601" s="5" t="s">
        <v>1522</v>
      </c>
      <c r="R3601" s="5" t="s">
        <v>1523</v>
      </c>
      <c r="S3601" s="5" t="s">
        <v>42</v>
      </c>
      <c r="T3601" s="2">
        <v>2.4009999999999998</v>
      </c>
      <c r="U3601" s="2">
        <v>1.837</v>
      </c>
      <c r="V3601" s="2">
        <v>1.2999999999999999E-2</v>
      </c>
      <c r="W3601" s="2">
        <v>99.1</v>
      </c>
      <c r="X3601" s="2">
        <v>7.6</v>
      </c>
      <c r="Y3601" s="2">
        <v>16.7</v>
      </c>
      <c r="Z3601" s="5"/>
      <c r="AA3601" s="5" t="s">
        <v>43</v>
      </c>
      <c r="AB3601" s="5" t="s">
        <v>44</v>
      </c>
      <c r="AC3601" s="2"/>
      <c r="AD3601" s="1"/>
    </row>
    <row r="3602" spans="1:30">
      <c r="A3602" s="5" t="s">
        <v>83578</v>
      </c>
      <c r="B3602" s="2" t="s">
        <v>94408</v>
      </c>
      <c r="C3602" s="14" t="s">
        <v>94409</v>
      </c>
      <c r="D3602" s="2" t="s">
        <v>94410</v>
      </c>
      <c r="E3602" s="2" t="s">
        <v>36273</v>
      </c>
      <c r="F3602" s="8">
        <v>254</v>
      </c>
      <c r="G3602" s="5">
        <v>6</v>
      </c>
      <c r="H3602" s="5" t="s">
        <v>1518</v>
      </c>
      <c r="I3602" s="5" t="s">
        <v>40939</v>
      </c>
      <c r="J3602" s="2" t="s">
        <v>40940</v>
      </c>
      <c r="K3602" s="5" t="s">
        <v>40939</v>
      </c>
      <c r="L3602" s="2" t="s">
        <v>40940</v>
      </c>
      <c r="M3602" s="5" t="s">
        <v>36266</v>
      </c>
      <c r="N3602" s="5" t="s">
        <v>38</v>
      </c>
      <c r="O3602" s="5" t="s">
        <v>39</v>
      </c>
      <c r="P3602" s="5" t="s">
        <v>40</v>
      </c>
      <c r="Q3602" s="5" t="s">
        <v>1522</v>
      </c>
      <c r="R3602" s="5" t="s">
        <v>1523</v>
      </c>
      <c r="S3602" s="5" t="s">
        <v>42</v>
      </c>
      <c r="T3602" s="2">
        <v>2.3410000000000002</v>
      </c>
      <c r="U3602" s="2">
        <v>1.7769999999999999</v>
      </c>
      <c r="V3602" s="2">
        <v>1.2999999999999999E-2</v>
      </c>
      <c r="W3602" s="2">
        <v>99.1</v>
      </c>
      <c r="X3602" s="2">
        <v>7.6</v>
      </c>
      <c r="Y3602" s="2">
        <v>16.7</v>
      </c>
      <c r="Z3602" s="5"/>
      <c r="AA3602" s="5" t="s">
        <v>43</v>
      </c>
      <c r="AB3602" s="5" t="s">
        <v>44</v>
      </c>
      <c r="AC3602" s="2"/>
      <c r="AD3602" s="1"/>
    </row>
    <row r="3603" spans="1:30">
      <c r="A3603" s="5" t="s">
        <v>83578</v>
      </c>
      <c r="B3603" s="2" t="s">
        <v>94411</v>
      </c>
      <c r="C3603" s="14" t="s">
        <v>94412</v>
      </c>
      <c r="D3603" s="2" t="s">
        <v>94413</v>
      </c>
      <c r="E3603" s="2" t="s">
        <v>36277</v>
      </c>
      <c r="F3603" s="8">
        <v>254</v>
      </c>
      <c r="G3603" s="5">
        <v>6</v>
      </c>
      <c r="H3603" s="5" t="s">
        <v>1518</v>
      </c>
      <c r="I3603" s="5" t="s">
        <v>40939</v>
      </c>
      <c r="J3603" s="2" t="s">
        <v>40940</v>
      </c>
      <c r="K3603" s="5" t="s">
        <v>40939</v>
      </c>
      <c r="L3603" s="2" t="s">
        <v>40940</v>
      </c>
      <c r="M3603" s="5" t="s">
        <v>36266</v>
      </c>
      <c r="N3603" s="5" t="s">
        <v>38</v>
      </c>
      <c r="O3603" s="5" t="s">
        <v>39</v>
      </c>
      <c r="P3603" s="5" t="s">
        <v>40</v>
      </c>
      <c r="Q3603" s="5" t="s">
        <v>1522</v>
      </c>
      <c r="R3603" s="5" t="s">
        <v>1523</v>
      </c>
      <c r="S3603" s="5" t="s">
        <v>42</v>
      </c>
      <c r="T3603" s="2">
        <v>2.41</v>
      </c>
      <c r="U3603" s="2">
        <v>1.8460000000000001</v>
      </c>
      <c r="V3603" s="2">
        <v>1.2999999999999999E-2</v>
      </c>
      <c r="W3603" s="2">
        <v>99.1</v>
      </c>
      <c r="X3603" s="2">
        <v>7.6</v>
      </c>
      <c r="Y3603" s="2">
        <v>16.7</v>
      </c>
      <c r="Z3603" s="5"/>
      <c r="AA3603" s="5" t="s">
        <v>43</v>
      </c>
      <c r="AB3603" s="5" t="s">
        <v>44</v>
      </c>
      <c r="AC3603" s="2"/>
      <c r="AD3603" s="1"/>
    </row>
    <row r="3604" spans="1:30">
      <c r="A3604" s="5" t="s">
        <v>83578</v>
      </c>
      <c r="B3604" s="2" t="s">
        <v>94414</v>
      </c>
      <c r="C3604" s="14" t="s">
        <v>94415</v>
      </c>
      <c r="D3604" s="2" t="s">
        <v>94416</v>
      </c>
      <c r="E3604" s="2" t="s">
        <v>40967</v>
      </c>
      <c r="F3604" s="8">
        <v>272</v>
      </c>
      <c r="G3604" s="5">
        <v>6</v>
      </c>
      <c r="H3604" s="5" t="s">
        <v>1518</v>
      </c>
      <c r="I3604" s="5" t="s">
        <v>40939</v>
      </c>
      <c r="J3604" s="2" t="s">
        <v>40940</v>
      </c>
      <c r="K3604" s="5" t="s">
        <v>40939</v>
      </c>
      <c r="L3604" s="2" t="s">
        <v>40940</v>
      </c>
      <c r="M3604" s="5" t="s">
        <v>36266</v>
      </c>
      <c r="N3604" s="5" t="s">
        <v>38</v>
      </c>
      <c r="O3604" s="5" t="s">
        <v>39</v>
      </c>
      <c r="P3604" s="5" t="s">
        <v>40</v>
      </c>
      <c r="Q3604" s="5" t="s">
        <v>1522</v>
      </c>
      <c r="R3604" s="5" t="s">
        <v>1523</v>
      </c>
      <c r="S3604" s="5" t="s">
        <v>42</v>
      </c>
      <c r="T3604" s="2">
        <v>2.3319999999999999</v>
      </c>
      <c r="U3604" s="2">
        <v>1.768</v>
      </c>
      <c r="V3604" s="2">
        <v>1.2999999999999999E-2</v>
      </c>
      <c r="W3604" s="2">
        <v>99.1</v>
      </c>
      <c r="X3604" s="2">
        <v>7.6</v>
      </c>
      <c r="Y3604" s="2">
        <v>16.7</v>
      </c>
      <c r="Z3604" s="5"/>
      <c r="AA3604" s="5" t="s">
        <v>43</v>
      </c>
      <c r="AB3604" s="5" t="s">
        <v>44</v>
      </c>
      <c r="AC3604" s="2"/>
      <c r="AD3604" s="1"/>
    </row>
    <row r="3605" spans="1:30">
      <c r="A3605" s="5" t="s">
        <v>83578</v>
      </c>
      <c r="B3605" s="2" t="s">
        <v>94417</v>
      </c>
      <c r="C3605" s="14" t="s">
        <v>94418</v>
      </c>
      <c r="D3605" s="2" t="s">
        <v>94419</v>
      </c>
      <c r="E3605" s="2" t="s">
        <v>40971</v>
      </c>
      <c r="F3605" s="8">
        <v>272</v>
      </c>
      <c r="G3605" s="5">
        <v>6</v>
      </c>
      <c r="H3605" s="5" t="s">
        <v>1518</v>
      </c>
      <c r="I3605" s="5" t="s">
        <v>40939</v>
      </c>
      <c r="J3605" s="2" t="s">
        <v>40940</v>
      </c>
      <c r="K3605" s="5" t="s">
        <v>40939</v>
      </c>
      <c r="L3605" s="2" t="s">
        <v>40940</v>
      </c>
      <c r="M3605" s="5" t="s">
        <v>36266</v>
      </c>
      <c r="N3605" s="5" t="s">
        <v>38</v>
      </c>
      <c r="O3605" s="5" t="s">
        <v>39</v>
      </c>
      <c r="P3605" s="5" t="s">
        <v>40</v>
      </c>
      <c r="Q3605" s="5" t="s">
        <v>1522</v>
      </c>
      <c r="R3605" s="5" t="s">
        <v>1523</v>
      </c>
      <c r="S3605" s="5" t="s">
        <v>42</v>
      </c>
      <c r="T3605" s="2">
        <v>2.4009999999999998</v>
      </c>
      <c r="U3605" s="2">
        <v>1.837</v>
      </c>
      <c r="V3605" s="2">
        <v>1.2999999999999999E-2</v>
      </c>
      <c r="W3605" s="2">
        <v>99.1</v>
      </c>
      <c r="X3605" s="2">
        <v>7.6</v>
      </c>
      <c r="Y3605" s="2">
        <v>16.7</v>
      </c>
      <c r="Z3605" s="5"/>
      <c r="AA3605" s="5" t="s">
        <v>43</v>
      </c>
      <c r="AB3605" s="5" t="s">
        <v>44</v>
      </c>
      <c r="AC3605" s="2"/>
      <c r="AD3605" s="1"/>
    </row>
    <row r="3606" spans="1:30">
      <c r="A3606" s="5" t="s">
        <v>83578</v>
      </c>
      <c r="B3606" s="2" t="s">
        <v>94420</v>
      </c>
      <c r="C3606" s="14" t="s">
        <v>94421</v>
      </c>
      <c r="D3606" s="2" t="s">
        <v>94422</v>
      </c>
      <c r="E3606" s="2" t="s">
        <v>47226</v>
      </c>
      <c r="F3606" s="8">
        <v>272</v>
      </c>
      <c r="G3606" s="5">
        <v>6</v>
      </c>
      <c r="H3606" s="5" t="s">
        <v>1518</v>
      </c>
      <c r="I3606" s="5" t="s">
        <v>40939</v>
      </c>
      <c r="J3606" s="2" t="s">
        <v>40940</v>
      </c>
      <c r="K3606" s="5" t="s">
        <v>40939</v>
      </c>
      <c r="L3606" s="2" t="s">
        <v>40940</v>
      </c>
      <c r="M3606" s="5" t="s">
        <v>36266</v>
      </c>
      <c r="N3606" s="5" t="s">
        <v>38</v>
      </c>
      <c r="O3606" s="5" t="s">
        <v>39</v>
      </c>
      <c r="P3606" s="5" t="s">
        <v>40</v>
      </c>
      <c r="Q3606" s="5" t="s">
        <v>1522</v>
      </c>
      <c r="R3606" s="5" t="s">
        <v>1523</v>
      </c>
      <c r="S3606" s="5" t="s">
        <v>42</v>
      </c>
      <c r="T3606" s="2">
        <v>2.3319999999999999</v>
      </c>
      <c r="U3606" s="2">
        <v>1.768</v>
      </c>
      <c r="V3606" s="2">
        <v>1.2999999999999999E-2</v>
      </c>
      <c r="W3606" s="2">
        <v>99.1</v>
      </c>
      <c r="X3606" s="2">
        <v>7.6</v>
      </c>
      <c r="Y3606" s="2">
        <v>16.7</v>
      </c>
      <c r="Z3606" s="5"/>
      <c r="AA3606" s="5" t="s">
        <v>43</v>
      </c>
      <c r="AB3606" s="5" t="s">
        <v>44</v>
      </c>
      <c r="AC3606" s="2"/>
      <c r="AD3606" s="1"/>
    </row>
    <row r="3607" spans="1:30">
      <c r="A3607" s="5" t="s">
        <v>83578</v>
      </c>
      <c r="B3607" s="2" t="s">
        <v>94423</v>
      </c>
      <c r="C3607" s="14" t="s">
        <v>94424</v>
      </c>
      <c r="D3607" s="2" t="s">
        <v>94425</v>
      </c>
      <c r="E3607" s="2" t="s">
        <v>47735</v>
      </c>
      <c r="F3607" s="8">
        <v>272</v>
      </c>
      <c r="G3607" s="5">
        <v>6</v>
      </c>
      <c r="H3607" s="5" t="s">
        <v>1518</v>
      </c>
      <c r="I3607" s="5" t="s">
        <v>40939</v>
      </c>
      <c r="J3607" s="2" t="s">
        <v>40940</v>
      </c>
      <c r="K3607" s="5" t="s">
        <v>40939</v>
      </c>
      <c r="L3607" s="2" t="s">
        <v>40940</v>
      </c>
      <c r="M3607" s="5" t="s">
        <v>36266</v>
      </c>
      <c r="N3607" s="5" t="s">
        <v>38</v>
      </c>
      <c r="O3607" s="5" t="s">
        <v>39</v>
      </c>
      <c r="P3607" s="5" t="s">
        <v>40</v>
      </c>
      <c r="Q3607" s="5" t="s">
        <v>1522</v>
      </c>
      <c r="R3607" s="5" t="s">
        <v>1523</v>
      </c>
      <c r="S3607" s="5" t="s">
        <v>42</v>
      </c>
      <c r="T3607" s="2">
        <v>2.4009999999999998</v>
      </c>
      <c r="U3607" s="2">
        <v>1.837</v>
      </c>
      <c r="V3607" s="2">
        <v>1.2999999999999999E-2</v>
      </c>
      <c r="W3607" s="2">
        <v>99.1</v>
      </c>
      <c r="X3607" s="2">
        <v>7.6</v>
      </c>
      <c r="Y3607" s="2">
        <v>16.7</v>
      </c>
      <c r="Z3607" s="5"/>
      <c r="AA3607" s="5" t="s">
        <v>43</v>
      </c>
      <c r="AB3607" s="5" t="s">
        <v>44</v>
      </c>
      <c r="AC3607" s="2"/>
      <c r="AD3607" s="1"/>
    </row>
    <row r="3608" spans="1:30">
      <c r="A3608" s="5" t="s">
        <v>83578</v>
      </c>
      <c r="B3608" s="2" t="s">
        <v>94426</v>
      </c>
      <c r="C3608" s="14" t="s">
        <v>94427</v>
      </c>
      <c r="D3608" s="2" t="s">
        <v>94428</v>
      </c>
      <c r="E3608" s="2" t="s">
        <v>7539</v>
      </c>
      <c r="F3608" s="8">
        <v>272</v>
      </c>
      <c r="G3608" s="5">
        <v>6</v>
      </c>
      <c r="H3608" s="5" t="s">
        <v>1518</v>
      </c>
      <c r="I3608" s="5" t="s">
        <v>40939</v>
      </c>
      <c r="J3608" s="2" t="s">
        <v>40940</v>
      </c>
      <c r="K3608" s="5" t="s">
        <v>40939</v>
      </c>
      <c r="L3608" s="2" t="s">
        <v>40940</v>
      </c>
      <c r="M3608" s="5" t="s">
        <v>36266</v>
      </c>
      <c r="N3608" s="5" t="s">
        <v>38</v>
      </c>
      <c r="O3608" s="5" t="s">
        <v>39</v>
      </c>
      <c r="P3608" s="5" t="s">
        <v>40</v>
      </c>
      <c r="Q3608" s="5" t="s">
        <v>1522</v>
      </c>
      <c r="R3608" s="5" t="s">
        <v>1523</v>
      </c>
      <c r="S3608" s="5" t="s">
        <v>42</v>
      </c>
      <c r="T3608" s="2">
        <v>2.31</v>
      </c>
      <c r="U3608" s="2">
        <v>1.746</v>
      </c>
      <c r="V3608" s="2">
        <v>1.2999999999999999E-2</v>
      </c>
      <c r="W3608" s="2">
        <v>99.1</v>
      </c>
      <c r="X3608" s="2">
        <v>7.6</v>
      </c>
      <c r="Y3608" s="2">
        <v>16.7</v>
      </c>
      <c r="Z3608" s="5"/>
      <c r="AA3608" s="5" t="s">
        <v>43</v>
      </c>
      <c r="AB3608" s="5" t="s">
        <v>44</v>
      </c>
      <c r="AC3608" s="2"/>
      <c r="AD3608" s="1"/>
    </row>
    <row r="3609" spans="1:30">
      <c r="A3609" s="5" t="s">
        <v>83578</v>
      </c>
      <c r="B3609" s="2" t="s">
        <v>94429</v>
      </c>
      <c r="C3609" s="14" t="s">
        <v>94430</v>
      </c>
      <c r="D3609" s="2" t="s">
        <v>94431</v>
      </c>
      <c r="E3609" s="2" t="s">
        <v>7543</v>
      </c>
      <c r="F3609" s="8">
        <v>272</v>
      </c>
      <c r="G3609" s="5">
        <v>6</v>
      </c>
      <c r="H3609" s="5" t="s">
        <v>1518</v>
      </c>
      <c r="I3609" s="5" t="s">
        <v>40939</v>
      </c>
      <c r="J3609" s="2" t="s">
        <v>40940</v>
      </c>
      <c r="K3609" s="5" t="s">
        <v>40939</v>
      </c>
      <c r="L3609" s="2" t="s">
        <v>40940</v>
      </c>
      <c r="M3609" s="5" t="s">
        <v>36266</v>
      </c>
      <c r="N3609" s="5" t="s">
        <v>38</v>
      </c>
      <c r="O3609" s="5" t="s">
        <v>39</v>
      </c>
      <c r="P3609" s="5" t="s">
        <v>40</v>
      </c>
      <c r="Q3609" s="5" t="s">
        <v>1522</v>
      </c>
      <c r="R3609" s="5" t="s">
        <v>1523</v>
      </c>
      <c r="S3609" s="5" t="s">
        <v>42</v>
      </c>
      <c r="T3609" s="2">
        <v>2.379</v>
      </c>
      <c r="U3609" s="2">
        <v>1.8149999999999999</v>
      </c>
      <c r="V3609" s="2">
        <v>1.2999999999999999E-2</v>
      </c>
      <c r="W3609" s="2">
        <v>99.1</v>
      </c>
      <c r="X3609" s="2">
        <v>7.6</v>
      </c>
      <c r="Y3609" s="2">
        <v>16.7</v>
      </c>
      <c r="Z3609" s="5"/>
      <c r="AA3609" s="5" t="s">
        <v>43</v>
      </c>
      <c r="AB3609" s="5" t="s">
        <v>44</v>
      </c>
      <c r="AC3609" s="2"/>
      <c r="AD3609" s="1"/>
    </row>
    <row r="3610" spans="1:30">
      <c r="A3610" s="5" t="s">
        <v>83578</v>
      </c>
      <c r="B3610" s="2" t="s">
        <v>94432</v>
      </c>
      <c r="C3610" s="14" t="s">
        <v>94433</v>
      </c>
      <c r="D3610" s="2" t="s">
        <v>94434</v>
      </c>
      <c r="E3610" s="2" t="s">
        <v>40989</v>
      </c>
      <c r="F3610" s="8">
        <v>272</v>
      </c>
      <c r="G3610" s="5">
        <v>6</v>
      </c>
      <c r="H3610" s="5" t="s">
        <v>1518</v>
      </c>
      <c r="I3610" s="5" t="s">
        <v>40939</v>
      </c>
      <c r="J3610" s="2" t="s">
        <v>40940</v>
      </c>
      <c r="K3610" s="5" t="s">
        <v>40939</v>
      </c>
      <c r="L3610" s="2" t="s">
        <v>40940</v>
      </c>
      <c r="M3610" s="5" t="s">
        <v>36266</v>
      </c>
      <c r="N3610" s="5" t="s">
        <v>38</v>
      </c>
      <c r="O3610" s="5" t="s">
        <v>39</v>
      </c>
      <c r="P3610" s="5" t="s">
        <v>40</v>
      </c>
      <c r="Q3610" s="5" t="s">
        <v>1522</v>
      </c>
      <c r="R3610" s="5" t="s">
        <v>1523</v>
      </c>
      <c r="S3610" s="5" t="s">
        <v>42</v>
      </c>
      <c r="T3610" s="2">
        <v>2.3319999999999999</v>
      </c>
      <c r="U3610" s="2">
        <v>1.768</v>
      </c>
      <c r="V3610" s="2">
        <v>1.2999999999999999E-2</v>
      </c>
      <c r="W3610" s="2">
        <v>99.1</v>
      </c>
      <c r="X3610" s="2">
        <v>7.6</v>
      </c>
      <c r="Y3610" s="2">
        <v>16.7</v>
      </c>
      <c r="Z3610" s="5"/>
      <c r="AA3610" s="5" t="s">
        <v>43</v>
      </c>
      <c r="AB3610" s="5" t="s">
        <v>44</v>
      </c>
      <c r="AC3610" s="2"/>
      <c r="AD3610" s="1"/>
    </row>
    <row r="3611" spans="1:30">
      <c r="A3611" s="5" t="s">
        <v>83578</v>
      </c>
      <c r="B3611" s="2" t="s">
        <v>94435</v>
      </c>
      <c r="C3611" s="14" t="s">
        <v>94436</v>
      </c>
      <c r="D3611" s="2" t="s">
        <v>94437</v>
      </c>
      <c r="E3611" s="2" t="s">
        <v>40993</v>
      </c>
      <c r="F3611" s="8">
        <v>272</v>
      </c>
      <c r="G3611" s="5">
        <v>6</v>
      </c>
      <c r="H3611" s="5" t="s">
        <v>1518</v>
      </c>
      <c r="I3611" s="5" t="s">
        <v>40939</v>
      </c>
      <c r="J3611" s="2" t="s">
        <v>40940</v>
      </c>
      <c r="K3611" s="5" t="s">
        <v>40939</v>
      </c>
      <c r="L3611" s="2" t="s">
        <v>40940</v>
      </c>
      <c r="M3611" s="5" t="s">
        <v>36266</v>
      </c>
      <c r="N3611" s="5" t="s">
        <v>38</v>
      </c>
      <c r="O3611" s="5" t="s">
        <v>39</v>
      </c>
      <c r="P3611" s="5" t="s">
        <v>40</v>
      </c>
      <c r="Q3611" s="5" t="s">
        <v>1522</v>
      </c>
      <c r="R3611" s="5" t="s">
        <v>1523</v>
      </c>
      <c r="S3611" s="5" t="s">
        <v>42</v>
      </c>
      <c r="T3611" s="2">
        <v>2.4009999999999998</v>
      </c>
      <c r="U3611" s="2">
        <v>1.837</v>
      </c>
      <c r="V3611" s="2">
        <v>1.2999999999999999E-2</v>
      </c>
      <c r="W3611" s="2">
        <v>99.1</v>
      </c>
      <c r="X3611" s="2">
        <v>7.6</v>
      </c>
      <c r="Y3611" s="2">
        <v>16.7</v>
      </c>
      <c r="Z3611" s="5"/>
      <c r="AA3611" s="5" t="s">
        <v>43</v>
      </c>
      <c r="AB3611" s="5" t="s">
        <v>44</v>
      </c>
      <c r="AC3611" s="2"/>
      <c r="AD3611" s="1"/>
    </row>
    <row r="3612" spans="1:30">
      <c r="A3612" s="5" t="s">
        <v>83578</v>
      </c>
      <c r="B3612" s="2" t="s">
        <v>94438</v>
      </c>
      <c r="C3612" s="14" t="s">
        <v>94439</v>
      </c>
      <c r="D3612" s="2" t="s">
        <v>94440</v>
      </c>
      <c r="E3612" s="2" t="s">
        <v>40997</v>
      </c>
      <c r="F3612" s="8">
        <v>272</v>
      </c>
      <c r="G3612" s="5">
        <v>6</v>
      </c>
      <c r="H3612" s="5" t="s">
        <v>1518</v>
      </c>
      <c r="I3612" s="5" t="s">
        <v>40939</v>
      </c>
      <c r="J3612" s="2" t="s">
        <v>40940</v>
      </c>
      <c r="K3612" s="5" t="s">
        <v>40939</v>
      </c>
      <c r="L3612" s="2" t="s">
        <v>40940</v>
      </c>
      <c r="M3612" s="5" t="s">
        <v>36266</v>
      </c>
      <c r="N3612" s="5" t="s">
        <v>38</v>
      </c>
      <c r="O3612" s="5" t="s">
        <v>39</v>
      </c>
      <c r="P3612" s="5" t="s">
        <v>40</v>
      </c>
      <c r="Q3612" s="5" t="s">
        <v>1522</v>
      </c>
      <c r="R3612" s="5" t="s">
        <v>1523</v>
      </c>
      <c r="S3612" s="5" t="s">
        <v>42</v>
      </c>
      <c r="T3612" s="2">
        <v>2.3149999999999999</v>
      </c>
      <c r="U3612" s="2">
        <v>1.7509999999999999</v>
      </c>
      <c r="V3612" s="2">
        <v>1.2999999999999999E-2</v>
      </c>
      <c r="W3612" s="2">
        <v>99.1</v>
      </c>
      <c r="X3612" s="2">
        <v>7.6</v>
      </c>
      <c r="Y3612" s="2">
        <v>16.7</v>
      </c>
      <c r="Z3612" s="5"/>
      <c r="AA3612" s="5" t="s">
        <v>43</v>
      </c>
      <c r="AB3612" s="5" t="s">
        <v>44</v>
      </c>
      <c r="AC3612" s="2"/>
      <c r="AD3612" s="1"/>
    </row>
    <row r="3613" spans="1:30">
      <c r="A3613" s="5" t="s">
        <v>83578</v>
      </c>
      <c r="B3613" s="2" t="s">
        <v>94441</v>
      </c>
      <c r="C3613" s="14" t="s">
        <v>94442</v>
      </c>
      <c r="D3613" s="2" t="s">
        <v>94443</v>
      </c>
      <c r="E3613" s="2" t="s">
        <v>41267</v>
      </c>
      <c r="F3613" s="8">
        <v>272</v>
      </c>
      <c r="G3613" s="5">
        <v>6</v>
      </c>
      <c r="H3613" s="5" t="s">
        <v>1518</v>
      </c>
      <c r="I3613" s="5" t="s">
        <v>40939</v>
      </c>
      <c r="J3613" s="2" t="s">
        <v>40940</v>
      </c>
      <c r="K3613" s="5" t="s">
        <v>40939</v>
      </c>
      <c r="L3613" s="2" t="s">
        <v>40940</v>
      </c>
      <c r="M3613" s="5" t="s">
        <v>36266</v>
      </c>
      <c r="N3613" s="5" t="s">
        <v>38</v>
      </c>
      <c r="O3613" s="5" t="s">
        <v>39</v>
      </c>
      <c r="P3613" s="5" t="s">
        <v>40</v>
      </c>
      <c r="Q3613" s="5" t="s">
        <v>1522</v>
      </c>
      <c r="R3613" s="5" t="s">
        <v>1523</v>
      </c>
      <c r="S3613" s="5" t="s">
        <v>42</v>
      </c>
      <c r="T3613" s="2">
        <v>2.3839999999999999</v>
      </c>
      <c r="U3613" s="2">
        <v>1.82</v>
      </c>
      <c r="V3613" s="2">
        <v>1.2999999999999999E-2</v>
      </c>
      <c r="W3613" s="2">
        <v>99.1</v>
      </c>
      <c r="X3613" s="2">
        <v>7.6</v>
      </c>
      <c r="Y3613" s="2">
        <v>16.7</v>
      </c>
      <c r="Z3613" s="5"/>
      <c r="AA3613" s="5" t="s">
        <v>43</v>
      </c>
      <c r="AB3613" s="5" t="s">
        <v>44</v>
      </c>
      <c r="AC3613" s="2"/>
      <c r="AD3613" s="1"/>
    </row>
    <row r="3614" spans="1:30">
      <c r="A3614" s="5" t="s">
        <v>83578</v>
      </c>
      <c r="B3614" s="2" t="s">
        <v>94444</v>
      </c>
      <c r="C3614" s="14" t="s">
        <v>94445</v>
      </c>
      <c r="D3614" s="2" t="s">
        <v>94446</v>
      </c>
      <c r="E3614" s="2" t="s">
        <v>41001</v>
      </c>
      <c r="F3614" s="8">
        <v>272</v>
      </c>
      <c r="G3614" s="5">
        <v>6</v>
      </c>
      <c r="H3614" s="5" t="s">
        <v>1518</v>
      </c>
      <c r="I3614" s="5" t="s">
        <v>40939</v>
      </c>
      <c r="J3614" s="2" t="s">
        <v>40940</v>
      </c>
      <c r="K3614" s="5" t="s">
        <v>40939</v>
      </c>
      <c r="L3614" s="2" t="s">
        <v>40940</v>
      </c>
      <c r="M3614" s="5" t="s">
        <v>36266</v>
      </c>
      <c r="N3614" s="5" t="s">
        <v>38</v>
      </c>
      <c r="O3614" s="5" t="s">
        <v>39</v>
      </c>
      <c r="P3614" s="5" t="s">
        <v>40</v>
      </c>
      <c r="Q3614" s="5" t="s">
        <v>1522</v>
      </c>
      <c r="R3614" s="5" t="s">
        <v>1523</v>
      </c>
      <c r="S3614" s="5" t="s">
        <v>42</v>
      </c>
      <c r="T3614" s="2">
        <v>2.3319999999999999</v>
      </c>
      <c r="U3614" s="2">
        <v>1.768</v>
      </c>
      <c r="V3614" s="2">
        <v>1.2999999999999999E-2</v>
      </c>
      <c r="W3614" s="2">
        <v>99.1</v>
      </c>
      <c r="X3614" s="2">
        <v>7.6</v>
      </c>
      <c r="Y3614" s="2">
        <v>16.7</v>
      </c>
      <c r="Z3614" s="5"/>
      <c r="AA3614" s="5" t="s">
        <v>43</v>
      </c>
      <c r="AB3614" s="5" t="s">
        <v>44</v>
      </c>
      <c r="AC3614" s="2"/>
      <c r="AD3614" s="1"/>
    </row>
    <row r="3615" spans="1:30">
      <c r="A3615" s="5" t="s">
        <v>83578</v>
      </c>
      <c r="B3615" s="2" t="s">
        <v>94447</v>
      </c>
      <c r="C3615" s="14" t="s">
        <v>94448</v>
      </c>
      <c r="D3615" s="2" t="s">
        <v>94449</v>
      </c>
      <c r="E3615" s="2" t="s">
        <v>41005</v>
      </c>
      <c r="F3615" s="8">
        <v>272</v>
      </c>
      <c r="G3615" s="5">
        <v>6</v>
      </c>
      <c r="H3615" s="5" t="s">
        <v>1518</v>
      </c>
      <c r="I3615" s="5" t="s">
        <v>40939</v>
      </c>
      <c r="J3615" s="2" t="s">
        <v>40940</v>
      </c>
      <c r="K3615" s="5" t="s">
        <v>40939</v>
      </c>
      <c r="L3615" s="2" t="s">
        <v>40940</v>
      </c>
      <c r="M3615" s="5" t="s">
        <v>36266</v>
      </c>
      <c r="N3615" s="5" t="s">
        <v>38</v>
      </c>
      <c r="O3615" s="5" t="s">
        <v>39</v>
      </c>
      <c r="P3615" s="5" t="s">
        <v>40</v>
      </c>
      <c r="Q3615" s="5" t="s">
        <v>1522</v>
      </c>
      <c r="R3615" s="5" t="s">
        <v>1523</v>
      </c>
      <c r="S3615" s="5" t="s">
        <v>42</v>
      </c>
      <c r="T3615" s="2">
        <v>2.4009999999999998</v>
      </c>
      <c r="U3615" s="2">
        <v>1.837</v>
      </c>
      <c r="V3615" s="2">
        <v>1.2999999999999999E-2</v>
      </c>
      <c r="W3615" s="2">
        <v>99.1</v>
      </c>
      <c r="X3615" s="2">
        <v>7.6</v>
      </c>
      <c r="Y3615" s="2">
        <v>16.7</v>
      </c>
      <c r="Z3615" s="5"/>
      <c r="AA3615" s="5" t="s">
        <v>43</v>
      </c>
      <c r="AB3615" s="5" t="s">
        <v>44</v>
      </c>
      <c r="AC3615" s="2"/>
      <c r="AD3615" s="1"/>
    </row>
    <row r="3616" spans="1:30">
      <c r="A3616" s="5" t="s">
        <v>83578</v>
      </c>
      <c r="B3616" s="2" t="s">
        <v>94450</v>
      </c>
      <c r="C3616" s="14" t="s">
        <v>94451</v>
      </c>
      <c r="D3616" s="2" t="s">
        <v>94452</v>
      </c>
      <c r="E3616" s="2" t="s">
        <v>41009</v>
      </c>
      <c r="F3616" s="8">
        <v>272</v>
      </c>
      <c r="G3616" s="5">
        <v>6</v>
      </c>
      <c r="H3616" s="5" t="s">
        <v>1518</v>
      </c>
      <c r="I3616" s="5" t="s">
        <v>40939</v>
      </c>
      <c r="J3616" s="2" t="s">
        <v>40940</v>
      </c>
      <c r="K3616" s="5" t="s">
        <v>40939</v>
      </c>
      <c r="L3616" s="2" t="s">
        <v>40940</v>
      </c>
      <c r="M3616" s="5" t="s">
        <v>36266</v>
      </c>
      <c r="N3616" s="5" t="s">
        <v>38</v>
      </c>
      <c r="O3616" s="5" t="s">
        <v>39</v>
      </c>
      <c r="P3616" s="5" t="s">
        <v>40</v>
      </c>
      <c r="Q3616" s="5" t="s">
        <v>1522</v>
      </c>
      <c r="R3616" s="5" t="s">
        <v>1523</v>
      </c>
      <c r="S3616" s="5" t="s">
        <v>42</v>
      </c>
      <c r="T3616" s="2">
        <v>2.3370000000000002</v>
      </c>
      <c r="U3616" s="2">
        <v>1.7729999999999999</v>
      </c>
      <c r="V3616" s="2">
        <v>1.2999999999999999E-2</v>
      </c>
      <c r="W3616" s="2">
        <v>99.1</v>
      </c>
      <c r="X3616" s="2">
        <v>7.6</v>
      </c>
      <c r="Y3616" s="2">
        <v>16.7</v>
      </c>
      <c r="Z3616" s="5"/>
      <c r="AA3616" s="5" t="s">
        <v>43</v>
      </c>
      <c r="AB3616" s="5" t="s">
        <v>44</v>
      </c>
      <c r="AC3616" s="2"/>
      <c r="AD3616" s="1"/>
    </row>
    <row r="3617" spans="1:30">
      <c r="A3617" s="5" t="s">
        <v>83578</v>
      </c>
      <c r="B3617" s="2" t="s">
        <v>94453</v>
      </c>
      <c r="C3617" s="14" t="s">
        <v>94454</v>
      </c>
      <c r="D3617" s="2" t="s">
        <v>94455</v>
      </c>
      <c r="E3617" s="2" t="s">
        <v>41013</v>
      </c>
      <c r="F3617" s="8">
        <v>272</v>
      </c>
      <c r="G3617" s="5">
        <v>6</v>
      </c>
      <c r="H3617" s="5" t="s">
        <v>1518</v>
      </c>
      <c r="I3617" s="5" t="s">
        <v>40939</v>
      </c>
      <c r="J3617" s="2" t="s">
        <v>40940</v>
      </c>
      <c r="K3617" s="5" t="s">
        <v>40939</v>
      </c>
      <c r="L3617" s="2" t="s">
        <v>40940</v>
      </c>
      <c r="M3617" s="5" t="s">
        <v>36266</v>
      </c>
      <c r="N3617" s="5" t="s">
        <v>38</v>
      </c>
      <c r="O3617" s="5" t="s">
        <v>39</v>
      </c>
      <c r="P3617" s="5" t="s">
        <v>40</v>
      </c>
      <c r="Q3617" s="5" t="s">
        <v>1522</v>
      </c>
      <c r="R3617" s="5" t="s">
        <v>1523</v>
      </c>
      <c r="S3617" s="5" t="s">
        <v>42</v>
      </c>
      <c r="T3617" s="2">
        <v>2.4060000000000001</v>
      </c>
      <c r="U3617" s="2">
        <v>1.8420000000000001</v>
      </c>
      <c r="V3617" s="2">
        <v>1.2999999999999999E-2</v>
      </c>
      <c r="W3617" s="2">
        <v>99.1</v>
      </c>
      <c r="X3617" s="2">
        <v>7.6</v>
      </c>
      <c r="Y3617" s="2">
        <v>16.7</v>
      </c>
      <c r="Z3617" s="5"/>
      <c r="AA3617" s="5" t="s">
        <v>43</v>
      </c>
      <c r="AB3617" s="5" t="s">
        <v>44</v>
      </c>
      <c r="AC3617" s="2"/>
      <c r="AD3617" s="1"/>
    </row>
    <row r="3618" spans="1:30">
      <c r="A3618" s="5" t="s">
        <v>83578</v>
      </c>
      <c r="B3618" s="2" t="s">
        <v>94456</v>
      </c>
      <c r="C3618" s="14" t="s">
        <v>94457</v>
      </c>
      <c r="D3618" s="2" t="s">
        <v>94458</v>
      </c>
      <c r="E3618" s="2" t="s">
        <v>7396</v>
      </c>
      <c r="F3618" s="8">
        <v>254</v>
      </c>
      <c r="G3618" s="5">
        <v>6</v>
      </c>
      <c r="H3618" s="5" t="s">
        <v>1518</v>
      </c>
      <c r="I3618" s="5" t="s">
        <v>40939</v>
      </c>
      <c r="J3618" s="2" t="s">
        <v>40940</v>
      </c>
      <c r="K3618" s="5" t="s">
        <v>40939</v>
      </c>
      <c r="L3618" s="2" t="s">
        <v>40940</v>
      </c>
      <c r="M3618" s="5" t="s">
        <v>36266</v>
      </c>
      <c r="N3618" s="5" t="s">
        <v>38</v>
      </c>
      <c r="O3618" s="5" t="s">
        <v>39</v>
      </c>
      <c r="P3618" s="5" t="s">
        <v>40</v>
      </c>
      <c r="Q3618" s="5" t="s">
        <v>1522</v>
      </c>
      <c r="R3618" s="5" t="s">
        <v>1523</v>
      </c>
      <c r="S3618" s="5" t="s">
        <v>42</v>
      </c>
      <c r="T3618" s="2">
        <v>2.3370000000000002</v>
      </c>
      <c r="U3618" s="2">
        <v>1.7729999999999999</v>
      </c>
      <c r="V3618" s="2">
        <v>1.2999999999999999E-2</v>
      </c>
      <c r="W3618" s="2">
        <v>99.1</v>
      </c>
      <c r="X3618" s="2">
        <v>7.6</v>
      </c>
      <c r="Y3618" s="2">
        <v>16.7</v>
      </c>
      <c r="Z3618" s="5"/>
      <c r="AA3618" s="5" t="s">
        <v>43</v>
      </c>
      <c r="AB3618" s="5" t="s">
        <v>44</v>
      </c>
      <c r="AC3618" s="2"/>
      <c r="AD3618" s="1"/>
    </row>
    <row r="3619" spans="1:30">
      <c r="A3619" s="5" t="s">
        <v>83578</v>
      </c>
      <c r="B3619" s="2" t="s">
        <v>94459</v>
      </c>
      <c r="C3619" s="14" t="s">
        <v>94460</v>
      </c>
      <c r="D3619" s="2" t="s">
        <v>94461</v>
      </c>
      <c r="E3619" s="2" t="s">
        <v>7507</v>
      </c>
      <c r="F3619" s="8">
        <v>254</v>
      </c>
      <c r="G3619" s="5">
        <v>6</v>
      </c>
      <c r="H3619" s="5" t="s">
        <v>1518</v>
      </c>
      <c r="I3619" s="5" t="s">
        <v>40939</v>
      </c>
      <c r="J3619" s="2" t="s">
        <v>40940</v>
      </c>
      <c r="K3619" s="5" t="s">
        <v>40939</v>
      </c>
      <c r="L3619" s="2" t="s">
        <v>40940</v>
      </c>
      <c r="M3619" s="5" t="s">
        <v>36266</v>
      </c>
      <c r="N3619" s="5" t="s">
        <v>38</v>
      </c>
      <c r="O3619" s="5" t="s">
        <v>39</v>
      </c>
      <c r="P3619" s="5" t="s">
        <v>40</v>
      </c>
      <c r="Q3619" s="5" t="s">
        <v>1522</v>
      </c>
      <c r="R3619" s="5" t="s">
        <v>1523</v>
      </c>
      <c r="S3619" s="5" t="s">
        <v>42</v>
      </c>
      <c r="T3619" s="2">
        <v>2.4060000000000001</v>
      </c>
      <c r="U3619" s="2">
        <v>1.8420000000000001</v>
      </c>
      <c r="V3619" s="2">
        <v>1.2999999999999999E-2</v>
      </c>
      <c r="W3619" s="2">
        <v>99.1</v>
      </c>
      <c r="X3619" s="2">
        <v>7.6</v>
      </c>
      <c r="Y3619" s="2">
        <v>16.7</v>
      </c>
      <c r="Z3619" s="5"/>
      <c r="AA3619" s="5" t="s">
        <v>43</v>
      </c>
      <c r="AB3619" s="5" t="s">
        <v>44</v>
      </c>
      <c r="AC3619" s="2"/>
      <c r="AD3619" s="1"/>
    </row>
    <row r="3620" spans="1:30">
      <c r="A3620" s="5" t="s">
        <v>83578</v>
      </c>
      <c r="B3620" s="2" t="s">
        <v>94462</v>
      </c>
      <c r="C3620" s="14" t="s">
        <v>94463</v>
      </c>
      <c r="D3620" s="2" t="s">
        <v>94464</v>
      </c>
      <c r="E3620" s="2" t="s">
        <v>41023</v>
      </c>
      <c r="F3620" s="8">
        <v>272</v>
      </c>
      <c r="G3620" s="5">
        <v>6</v>
      </c>
      <c r="H3620" s="5" t="s">
        <v>1518</v>
      </c>
      <c r="I3620" s="5" t="s">
        <v>40939</v>
      </c>
      <c r="J3620" s="2" t="s">
        <v>40940</v>
      </c>
      <c r="K3620" s="5" t="s">
        <v>40939</v>
      </c>
      <c r="L3620" s="2" t="s">
        <v>40940</v>
      </c>
      <c r="M3620" s="5" t="s">
        <v>36266</v>
      </c>
      <c r="N3620" s="5" t="s">
        <v>38</v>
      </c>
      <c r="O3620" s="5" t="s">
        <v>39</v>
      </c>
      <c r="P3620" s="5" t="s">
        <v>40</v>
      </c>
      <c r="Q3620" s="5" t="s">
        <v>1522</v>
      </c>
      <c r="R3620" s="5" t="s">
        <v>1523</v>
      </c>
      <c r="S3620" s="5" t="s">
        <v>42</v>
      </c>
      <c r="T3620" s="2">
        <v>2.3149999999999999</v>
      </c>
      <c r="U3620" s="2">
        <v>1.7509999999999999</v>
      </c>
      <c r="V3620" s="2">
        <v>1.2999999999999999E-2</v>
      </c>
      <c r="W3620" s="2">
        <v>99.1</v>
      </c>
      <c r="X3620" s="2">
        <v>7.6</v>
      </c>
      <c r="Y3620" s="2">
        <v>16.7</v>
      </c>
      <c r="Z3620" s="5"/>
      <c r="AA3620" s="5" t="s">
        <v>43</v>
      </c>
      <c r="AB3620" s="5" t="s">
        <v>44</v>
      </c>
      <c r="AC3620" s="2"/>
      <c r="AD3620" s="1"/>
    </row>
    <row r="3621" spans="1:30">
      <c r="A3621" s="5" t="s">
        <v>83578</v>
      </c>
      <c r="B3621" s="2" t="s">
        <v>94465</v>
      </c>
      <c r="C3621" s="14" t="s">
        <v>94466</v>
      </c>
      <c r="D3621" s="2" t="s">
        <v>94467</v>
      </c>
      <c r="E3621" s="2" t="s">
        <v>41027</v>
      </c>
      <c r="F3621" s="8">
        <v>272</v>
      </c>
      <c r="G3621" s="5">
        <v>6</v>
      </c>
      <c r="H3621" s="5" t="s">
        <v>1518</v>
      </c>
      <c r="I3621" s="5" t="s">
        <v>40939</v>
      </c>
      <c r="J3621" s="2" t="s">
        <v>40940</v>
      </c>
      <c r="K3621" s="5" t="s">
        <v>40939</v>
      </c>
      <c r="L3621" s="2" t="s">
        <v>40940</v>
      </c>
      <c r="M3621" s="5" t="s">
        <v>36266</v>
      </c>
      <c r="N3621" s="5" t="s">
        <v>38</v>
      </c>
      <c r="O3621" s="5" t="s">
        <v>39</v>
      </c>
      <c r="P3621" s="5" t="s">
        <v>40</v>
      </c>
      <c r="Q3621" s="5" t="s">
        <v>1522</v>
      </c>
      <c r="R3621" s="5" t="s">
        <v>1523</v>
      </c>
      <c r="S3621" s="5" t="s">
        <v>42</v>
      </c>
      <c r="T3621" s="2">
        <v>2.3839999999999999</v>
      </c>
      <c r="U3621" s="2">
        <v>1.82</v>
      </c>
      <c r="V3621" s="2">
        <v>1.2999999999999999E-2</v>
      </c>
      <c r="W3621" s="2">
        <v>99.1</v>
      </c>
      <c r="X3621" s="2">
        <v>7.6</v>
      </c>
      <c r="Y3621" s="2">
        <v>16.7</v>
      </c>
      <c r="Z3621" s="5"/>
      <c r="AA3621" s="5" t="s">
        <v>43</v>
      </c>
      <c r="AB3621" s="5" t="s">
        <v>44</v>
      </c>
      <c r="AC3621" s="2"/>
      <c r="AD3621" s="1"/>
    </row>
    <row r="3622" spans="1:30">
      <c r="A3622" s="5" t="s">
        <v>83578</v>
      </c>
      <c r="B3622" s="2" t="s">
        <v>94468</v>
      </c>
      <c r="C3622" s="14" t="s">
        <v>94469</v>
      </c>
      <c r="D3622" s="2" t="s">
        <v>94470</v>
      </c>
      <c r="E3622" s="2" t="s">
        <v>41031</v>
      </c>
      <c r="F3622" s="8">
        <v>272</v>
      </c>
      <c r="G3622" s="5">
        <v>6</v>
      </c>
      <c r="H3622" s="5" t="s">
        <v>1518</v>
      </c>
      <c r="I3622" s="5" t="s">
        <v>40939</v>
      </c>
      <c r="J3622" s="2" t="s">
        <v>40940</v>
      </c>
      <c r="K3622" s="5" t="s">
        <v>40939</v>
      </c>
      <c r="L3622" s="2" t="s">
        <v>40940</v>
      </c>
      <c r="M3622" s="5" t="s">
        <v>36266</v>
      </c>
      <c r="N3622" s="5" t="s">
        <v>38</v>
      </c>
      <c r="O3622" s="5" t="s">
        <v>39</v>
      </c>
      <c r="P3622" s="5" t="s">
        <v>40</v>
      </c>
      <c r="Q3622" s="5" t="s">
        <v>1522</v>
      </c>
      <c r="R3622" s="5" t="s">
        <v>1523</v>
      </c>
      <c r="S3622" s="5" t="s">
        <v>42</v>
      </c>
      <c r="T3622" s="2">
        <v>2.3149999999999999</v>
      </c>
      <c r="U3622" s="2">
        <v>1.7509999999999999</v>
      </c>
      <c r="V3622" s="2">
        <v>1.2999999999999999E-2</v>
      </c>
      <c r="W3622" s="2">
        <v>99.1</v>
      </c>
      <c r="X3622" s="2">
        <v>7.6</v>
      </c>
      <c r="Y3622" s="2">
        <v>16.7</v>
      </c>
      <c r="Z3622" s="5"/>
      <c r="AA3622" s="5" t="s">
        <v>43</v>
      </c>
      <c r="AB3622" s="5" t="s">
        <v>44</v>
      </c>
      <c r="AC3622" s="2"/>
      <c r="AD3622" s="1"/>
    </row>
    <row r="3623" spans="1:30">
      <c r="A3623" s="5" t="s">
        <v>83578</v>
      </c>
      <c r="B3623" s="2" t="s">
        <v>94471</v>
      </c>
      <c r="C3623" s="14" t="s">
        <v>94472</v>
      </c>
      <c r="D3623" s="2" t="s">
        <v>94473</v>
      </c>
      <c r="E3623" s="2" t="s">
        <v>41035</v>
      </c>
      <c r="F3623" s="8">
        <v>272</v>
      </c>
      <c r="G3623" s="5">
        <v>6</v>
      </c>
      <c r="H3623" s="5" t="s">
        <v>1518</v>
      </c>
      <c r="I3623" s="5" t="s">
        <v>40939</v>
      </c>
      <c r="J3623" s="2" t="s">
        <v>40940</v>
      </c>
      <c r="K3623" s="5" t="s">
        <v>40939</v>
      </c>
      <c r="L3623" s="2" t="s">
        <v>40940</v>
      </c>
      <c r="M3623" s="5" t="s">
        <v>36266</v>
      </c>
      <c r="N3623" s="5" t="s">
        <v>38</v>
      </c>
      <c r="O3623" s="5" t="s">
        <v>39</v>
      </c>
      <c r="P3623" s="5" t="s">
        <v>40</v>
      </c>
      <c r="Q3623" s="5" t="s">
        <v>1522</v>
      </c>
      <c r="R3623" s="5" t="s">
        <v>1523</v>
      </c>
      <c r="S3623" s="5" t="s">
        <v>42</v>
      </c>
      <c r="T3623" s="2">
        <v>2.3839999999999999</v>
      </c>
      <c r="U3623" s="2">
        <v>1.82</v>
      </c>
      <c r="V3623" s="2">
        <v>1.2999999999999999E-2</v>
      </c>
      <c r="W3623" s="2">
        <v>99.1</v>
      </c>
      <c r="X3623" s="2">
        <v>7.6</v>
      </c>
      <c r="Y3623" s="2">
        <v>16.7</v>
      </c>
      <c r="Z3623" s="5"/>
      <c r="AA3623" s="5" t="s">
        <v>43</v>
      </c>
      <c r="AB3623" s="5" t="s">
        <v>44</v>
      </c>
      <c r="AC3623" s="2"/>
      <c r="AD3623" s="1"/>
    </row>
    <row r="3624" spans="1:30">
      <c r="A3624" s="5" t="s">
        <v>83578</v>
      </c>
      <c r="B3624" s="2" t="s">
        <v>94474</v>
      </c>
      <c r="C3624" s="14" t="s">
        <v>94475</v>
      </c>
      <c r="D3624" s="2" t="s">
        <v>94476</v>
      </c>
      <c r="E3624" s="2" t="s">
        <v>7449</v>
      </c>
      <c r="F3624" s="8">
        <v>272</v>
      </c>
      <c r="G3624" s="5">
        <v>6</v>
      </c>
      <c r="H3624" s="5" t="s">
        <v>1518</v>
      </c>
      <c r="I3624" s="5" t="s">
        <v>40939</v>
      </c>
      <c r="J3624" s="2" t="s">
        <v>40940</v>
      </c>
      <c r="K3624" s="5" t="s">
        <v>40939</v>
      </c>
      <c r="L3624" s="2" t="s">
        <v>40940</v>
      </c>
      <c r="M3624" s="5" t="s">
        <v>36266</v>
      </c>
      <c r="N3624" s="5" t="s">
        <v>38</v>
      </c>
      <c r="O3624" s="5" t="s">
        <v>39</v>
      </c>
      <c r="P3624" s="5" t="s">
        <v>40</v>
      </c>
      <c r="Q3624" s="5" t="s">
        <v>1522</v>
      </c>
      <c r="R3624" s="5" t="s">
        <v>1523</v>
      </c>
      <c r="S3624" s="5" t="s">
        <v>42</v>
      </c>
      <c r="T3624" s="2">
        <v>2.3149999999999999</v>
      </c>
      <c r="U3624" s="2">
        <v>1.7509999999999999</v>
      </c>
      <c r="V3624" s="2">
        <v>1.2999999999999999E-2</v>
      </c>
      <c r="W3624" s="2">
        <v>99.1</v>
      </c>
      <c r="X3624" s="2">
        <v>7.6</v>
      </c>
      <c r="Y3624" s="2">
        <v>16.7</v>
      </c>
      <c r="Z3624" s="5"/>
      <c r="AA3624" s="5" t="s">
        <v>43</v>
      </c>
      <c r="AB3624" s="5" t="s">
        <v>44</v>
      </c>
      <c r="AC3624" s="2"/>
      <c r="AD3624" s="1"/>
    </row>
    <row r="3625" spans="1:30">
      <c r="A3625" s="5" t="s">
        <v>83578</v>
      </c>
      <c r="B3625" s="2" t="s">
        <v>94477</v>
      </c>
      <c r="C3625" s="14" t="s">
        <v>94478</v>
      </c>
      <c r="D3625" s="2" t="s">
        <v>94479</v>
      </c>
      <c r="E3625" s="2" t="s">
        <v>7581</v>
      </c>
      <c r="F3625" s="8">
        <v>272</v>
      </c>
      <c r="G3625" s="5">
        <v>6</v>
      </c>
      <c r="H3625" s="5" t="s">
        <v>1518</v>
      </c>
      <c r="I3625" s="5" t="s">
        <v>40939</v>
      </c>
      <c r="J3625" s="2" t="s">
        <v>40940</v>
      </c>
      <c r="K3625" s="5" t="s">
        <v>40939</v>
      </c>
      <c r="L3625" s="2" t="s">
        <v>40940</v>
      </c>
      <c r="M3625" s="5" t="s">
        <v>36266</v>
      </c>
      <c r="N3625" s="5" t="s">
        <v>38</v>
      </c>
      <c r="O3625" s="5" t="s">
        <v>39</v>
      </c>
      <c r="P3625" s="5" t="s">
        <v>40</v>
      </c>
      <c r="Q3625" s="5" t="s">
        <v>1522</v>
      </c>
      <c r="R3625" s="5" t="s">
        <v>1523</v>
      </c>
      <c r="S3625" s="5" t="s">
        <v>42</v>
      </c>
      <c r="T3625" s="2">
        <v>2.3839999999999999</v>
      </c>
      <c r="U3625" s="2">
        <v>1.82</v>
      </c>
      <c r="V3625" s="2">
        <v>1.2999999999999999E-2</v>
      </c>
      <c r="W3625" s="2">
        <v>99.1</v>
      </c>
      <c r="X3625" s="2">
        <v>7.6</v>
      </c>
      <c r="Y3625" s="2">
        <v>16.7</v>
      </c>
      <c r="Z3625" s="5"/>
      <c r="AA3625" s="5" t="s">
        <v>43</v>
      </c>
      <c r="AB3625" s="5" t="s">
        <v>44</v>
      </c>
      <c r="AC3625" s="2"/>
      <c r="AD3625" s="1"/>
    </row>
    <row r="3626" spans="1:30">
      <c r="A3626" s="5" t="s">
        <v>83578</v>
      </c>
      <c r="B3626" s="2" t="s">
        <v>94480</v>
      </c>
      <c r="C3626" s="14" t="s">
        <v>94481</v>
      </c>
      <c r="D3626" s="2" t="s">
        <v>94482</v>
      </c>
      <c r="E3626" s="2" t="s">
        <v>41045</v>
      </c>
      <c r="F3626" s="8">
        <v>272</v>
      </c>
      <c r="G3626" s="5">
        <v>6</v>
      </c>
      <c r="H3626" s="5" t="s">
        <v>1518</v>
      </c>
      <c r="I3626" s="5" t="s">
        <v>40939</v>
      </c>
      <c r="J3626" s="2" t="s">
        <v>40940</v>
      </c>
      <c r="K3626" s="5" t="s">
        <v>40939</v>
      </c>
      <c r="L3626" s="2" t="s">
        <v>40940</v>
      </c>
      <c r="M3626" s="5" t="s">
        <v>36266</v>
      </c>
      <c r="N3626" s="5" t="s">
        <v>38</v>
      </c>
      <c r="O3626" s="5" t="s">
        <v>39</v>
      </c>
      <c r="P3626" s="5" t="s">
        <v>40</v>
      </c>
      <c r="Q3626" s="5" t="s">
        <v>1522</v>
      </c>
      <c r="R3626" s="5" t="s">
        <v>1523</v>
      </c>
      <c r="S3626" s="5" t="s">
        <v>42</v>
      </c>
      <c r="T3626" s="2">
        <v>2.3410000000000002</v>
      </c>
      <c r="U3626" s="2">
        <v>1.7769999999999999</v>
      </c>
      <c r="V3626" s="2">
        <v>1.2999999999999999E-2</v>
      </c>
      <c r="W3626" s="2">
        <v>99.1</v>
      </c>
      <c r="X3626" s="2">
        <v>7.6</v>
      </c>
      <c r="Y3626" s="2">
        <v>16.7</v>
      </c>
      <c r="Z3626" s="5"/>
      <c r="AA3626" s="5" t="s">
        <v>43</v>
      </c>
      <c r="AB3626" s="5" t="s">
        <v>44</v>
      </c>
      <c r="AC3626" s="2"/>
      <c r="AD3626" s="1"/>
    </row>
    <row r="3627" spans="1:30">
      <c r="A3627" s="5" t="s">
        <v>83578</v>
      </c>
      <c r="B3627" s="2" t="s">
        <v>94483</v>
      </c>
      <c r="C3627" s="14" t="s">
        <v>94484</v>
      </c>
      <c r="D3627" s="2" t="s">
        <v>94485</v>
      </c>
      <c r="E3627" s="2" t="s">
        <v>41049</v>
      </c>
      <c r="F3627" s="8">
        <v>272</v>
      </c>
      <c r="G3627" s="5">
        <v>6</v>
      </c>
      <c r="H3627" s="5" t="s">
        <v>1518</v>
      </c>
      <c r="I3627" s="5" t="s">
        <v>40939</v>
      </c>
      <c r="J3627" s="2" t="s">
        <v>40940</v>
      </c>
      <c r="K3627" s="5" t="s">
        <v>40939</v>
      </c>
      <c r="L3627" s="2" t="s">
        <v>40940</v>
      </c>
      <c r="M3627" s="5" t="s">
        <v>36266</v>
      </c>
      <c r="N3627" s="5" t="s">
        <v>38</v>
      </c>
      <c r="O3627" s="5" t="s">
        <v>39</v>
      </c>
      <c r="P3627" s="5" t="s">
        <v>40</v>
      </c>
      <c r="Q3627" s="5" t="s">
        <v>1522</v>
      </c>
      <c r="R3627" s="5" t="s">
        <v>1523</v>
      </c>
      <c r="S3627" s="5" t="s">
        <v>42</v>
      </c>
      <c r="T3627" s="2">
        <v>2.41</v>
      </c>
      <c r="U3627" s="2">
        <v>1.8460000000000001</v>
      </c>
      <c r="V3627" s="2">
        <v>1.2999999999999999E-2</v>
      </c>
      <c r="W3627" s="2">
        <v>99.1</v>
      </c>
      <c r="X3627" s="2">
        <v>7.6</v>
      </c>
      <c r="Y3627" s="2">
        <v>16.7</v>
      </c>
      <c r="Z3627" s="5"/>
      <c r="AA3627" s="5" t="s">
        <v>43</v>
      </c>
      <c r="AB3627" s="5" t="s">
        <v>44</v>
      </c>
      <c r="AC3627" s="2"/>
      <c r="AD3627" s="1"/>
    </row>
    <row r="3628" spans="1:30">
      <c r="A3628" s="5" t="s">
        <v>83578</v>
      </c>
      <c r="B3628" s="2" t="s">
        <v>94486</v>
      </c>
      <c r="C3628" s="14" t="s">
        <v>94487</v>
      </c>
      <c r="D3628" s="2" t="s">
        <v>94488</v>
      </c>
      <c r="E3628" s="2" t="s">
        <v>47266</v>
      </c>
      <c r="F3628" s="8">
        <v>242</v>
      </c>
      <c r="G3628" s="5">
        <v>6</v>
      </c>
      <c r="H3628" s="5" t="s">
        <v>1518</v>
      </c>
      <c r="I3628" s="5" t="s">
        <v>40939</v>
      </c>
      <c r="J3628" s="2" t="s">
        <v>40940</v>
      </c>
      <c r="K3628" s="5" t="s">
        <v>40939</v>
      </c>
      <c r="L3628" s="2" t="s">
        <v>40940</v>
      </c>
      <c r="M3628" s="5" t="s">
        <v>36266</v>
      </c>
      <c r="N3628" s="5" t="s">
        <v>38</v>
      </c>
      <c r="O3628" s="5" t="s">
        <v>39</v>
      </c>
      <c r="P3628" s="5" t="s">
        <v>40</v>
      </c>
      <c r="Q3628" s="5" t="s">
        <v>1522</v>
      </c>
      <c r="R3628" s="5" t="s">
        <v>1523</v>
      </c>
      <c r="S3628" s="5" t="s">
        <v>42</v>
      </c>
      <c r="T3628" s="2">
        <v>1.964</v>
      </c>
      <c r="U3628" s="2">
        <v>1.504</v>
      </c>
      <c r="V3628" s="2">
        <v>0.01</v>
      </c>
      <c r="W3628" s="2">
        <v>76.900000000000006</v>
      </c>
      <c r="X3628" s="2">
        <v>7.6</v>
      </c>
      <c r="Y3628" s="2">
        <v>16.7</v>
      </c>
      <c r="Z3628" s="5"/>
      <c r="AA3628" s="5" t="s">
        <v>43</v>
      </c>
      <c r="AB3628" s="5" t="s">
        <v>44</v>
      </c>
      <c r="AC3628" s="2"/>
      <c r="AD3628" s="1"/>
    </row>
    <row r="3629" spans="1:30">
      <c r="A3629" s="5" t="s">
        <v>83578</v>
      </c>
      <c r="B3629" s="2" t="s">
        <v>94489</v>
      </c>
      <c r="C3629" s="14" t="s">
        <v>94490</v>
      </c>
      <c r="D3629" s="2" t="s">
        <v>94491</v>
      </c>
      <c r="E3629" s="2" t="s">
        <v>40967</v>
      </c>
      <c r="F3629" s="8">
        <v>242</v>
      </c>
      <c r="G3629" s="5">
        <v>6</v>
      </c>
      <c r="H3629" s="5" t="s">
        <v>1518</v>
      </c>
      <c r="I3629" s="5" t="s">
        <v>40939</v>
      </c>
      <c r="J3629" s="2" t="s">
        <v>40940</v>
      </c>
      <c r="K3629" s="5" t="s">
        <v>40939</v>
      </c>
      <c r="L3629" s="2" t="s">
        <v>40940</v>
      </c>
      <c r="M3629" s="5" t="s">
        <v>36266</v>
      </c>
      <c r="N3629" s="5" t="s">
        <v>38</v>
      </c>
      <c r="O3629" s="5" t="s">
        <v>39</v>
      </c>
      <c r="P3629" s="5" t="s">
        <v>40</v>
      </c>
      <c r="Q3629" s="5" t="s">
        <v>1522</v>
      </c>
      <c r="R3629" s="5" t="s">
        <v>1523</v>
      </c>
      <c r="S3629" s="5" t="s">
        <v>42</v>
      </c>
      <c r="T3629" s="2">
        <v>1.9670000000000001</v>
      </c>
      <c r="U3629" s="2">
        <v>1.5069999999999999</v>
      </c>
      <c r="V3629" s="2">
        <v>0.01</v>
      </c>
      <c r="W3629" s="2">
        <v>76.900000000000006</v>
      </c>
      <c r="X3629" s="2">
        <v>7.6</v>
      </c>
      <c r="Y3629" s="2">
        <v>16.7</v>
      </c>
      <c r="Z3629" s="5"/>
      <c r="AA3629" s="5" t="s">
        <v>43</v>
      </c>
      <c r="AB3629" s="5" t="s">
        <v>44</v>
      </c>
      <c r="AC3629" s="2"/>
      <c r="AD3629" s="1"/>
    </row>
    <row r="3630" spans="1:30">
      <c r="A3630" s="5" t="s">
        <v>83578</v>
      </c>
      <c r="B3630" s="2" t="s">
        <v>94492</v>
      </c>
      <c r="C3630" s="14" t="s">
        <v>94493</v>
      </c>
      <c r="D3630" s="2" t="s">
        <v>94494</v>
      </c>
      <c r="E3630" s="2" t="s">
        <v>47735</v>
      </c>
      <c r="F3630" s="8">
        <v>242</v>
      </c>
      <c r="G3630" s="5">
        <v>6</v>
      </c>
      <c r="H3630" s="5" t="s">
        <v>1518</v>
      </c>
      <c r="I3630" s="5" t="s">
        <v>40939</v>
      </c>
      <c r="J3630" s="2" t="s">
        <v>40940</v>
      </c>
      <c r="K3630" s="5" t="s">
        <v>40939</v>
      </c>
      <c r="L3630" s="2" t="s">
        <v>40940</v>
      </c>
      <c r="M3630" s="5" t="s">
        <v>36266</v>
      </c>
      <c r="N3630" s="5" t="s">
        <v>38</v>
      </c>
      <c r="O3630" s="5" t="s">
        <v>39</v>
      </c>
      <c r="P3630" s="5" t="s">
        <v>40</v>
      </c>
      <c r="Q3630" s="5" t="s">
        <v>1522</v>
      </c>
      <c r="R3630" s="5" t="s">
        <v>1523</v>
      </c>
      <c r="S3630" s="5" t="s">
        <v>42</v>
      </c>
      <c r="T3630" s="2">
        <v>2.0169999999999999</v>
      </c>
      <c r="U3630" s="2">
        <v>1.5569999999999999</v>
      </c>
      <c r="V3630" s="2">
        <v>0.01</v>
      </c>
      <c r="W3630" s="2">
        <v>76.900000000000006</v>
      </c>
      <c r="X3630" s="2">
        <v>7.6</v>
      </c>
      <c r="Y3630" s="2">
        <v>16.7</v>
      </c>
      <c r="Z3630" s="5"/>
      <c r="AA3630" s="5" t="s">
        <v>43</v>
      </c>
      <c r="AB3630" s="5" t="s">
        <v>44</v>
      </c>
      <c r="AC3630" s="2"/>
      <c r="AD3630" s="1"/>
    </row>
    <row r="3631" spans="1:30">
      <c r="A3631" s="5" t="s">
        <v>83578</v>
      </c>
      <c r="B3631" s="2" t="s">
        <v>94495</v>
      </c>
      <c r="C3631" s="14" t="s">
        <v>94496</v>
      </c>
      <c r="D3631" s="2" t="s">
        <v>94497</v>
      </c>
      <c r="E3631" s="2" t="s">
        <v>7543</v>
      </c>
      <c r="F3631" s="8">
        <v>242</v>
      </c>
      <c r="G3631" s="5">
        <v>6</v>
      </c>
      <c r="H3631" s="5" t="s">
        <v>1518</v>
      </c>
      <c r="I3631" s="5" t="s">
        <v>40939</v>
      </c>
      <c r="J3631" s="2" t="s">
        <v>40940</v>
      </c>
      <c r="K3631" s="5" t="s">
        <v>40939</v>
      </c>
      <c r="L3631" s="2" t="s">
        <v>40940</v>
      </c>
      <c r="M3631" s="5" t="s">
        <v>36266</v>
      </c>
      <c r="N3631" s="5" t="s">
        <v>38</v>
      </c>
      <c r="O3631" s="5" t="s">
        <v>39</v>
      </c>
      <c r="P3631" s="5" t="s">
        <v>40</v>
      </c>
      <c r="Q3631" s="5" t="s">
        <v>1522</v>
      </c>
      <c r="R3631" s="5" t="s">
        <v>1523</v>
      </c>
      <c r="S3631" s="5" t="s">
        <v>42</v>
      </c>
      <c r="T3631" s="2">
        <v>2.0009999999999999</v>
      </c>
      <c r="U3631" s="2">
        <v>1.5409999999999999</v>
      </c>
      <c r="V3631" s="2">
        <v>0.01</v>
      </c>
      <c r="W3631" s="2">
        <v>76.900000000000006</v>
      </c>
      <c r="X3631" s="2">
        <v>7.6</v>
      </c>
      <c r="Y3631" s="2">
        <v>16.7</v>
      </c>
      <c r="Z3631" s="5"/>
      <c r="AA3631" s="5" t="s">
        <v>43</v>
      </c>
      <c r="AB3631" s="5" t="s">
        <v>44</v>
      </c>
      <c r="AC3631" s="2"/>
      <c r="AD3631" s="1"/>
    </row>
    <row r="3632" spans="1:30">
      <c r="A3632" s="5" t="s">
        <v>83578</v>
      </c>
      <c r="B3632" s="2" t="s">
        <v>94498</v>
      </c>
      <c r="C3632" s="14" t="s">
        <v>94499</v>
      </c>
      <c r="D3632" s="2" t="s">
        <v>94500</v>
      </c>
      <c r="E3632" s="2" t="s">
        <v>41267</v>
      </c>
      <c r="F3632" s="8">
        <v>242</v>
      </c>
      <c r="G3632" s="5">
        <v>6</v>
      </c>
      <c r="H3632" s="5" t="s">
        <v>1518</v>
      </c>
      <c r="I3632" s="5" t="s">
        <v>40939</v>
      </c>
      <c r="J3632" s="2" t="s">
        <v>40940</v>
      </c>
      <c r="K3632" s="5" t="s">
        <v>40939</v>
      </c>
      <c r="L3632" s="2" t="s">
        <v>40940</v>
      </c>
      <c r="M3632" s="5" t="s">
        <v>36266</v>
      </c>
      <c r="N3632" s="5" t="s">
        <v>38</v>
      </c>
      <c r="O3632" s="5" t="s">
        <v>39</v>
      </c>
      <c r="P3632" s="5" t="s">
        <v>40</v>
      </c>
      <c r="Q3632" s="5" t="s">
        <v>1522</v>
      </c>
      <c r="R3632" s="5" t="s">
        <v>1523</v>
      </c>
      <c r="S3632" s="5" t="s">
        <v>42</v>
      </c>
      <c r="T3632" s="2">
        <v>2.0049999999999999</v>
      </c>
      <c r="U3632" s="2">
        <v>1.5449999999999999</v>
      </c>
      <c r="V3632" s="2">
        <v>0.01</v>
      </c>
      <c r="W3632" s="2">
        <v>76.900000000000006</v>
      </c>
      <c r="X3632" s="2">
        <v>7.6</v>
      </c>
      <c r="Y3632" s="2">
        <v>16.7</v>
      </c>
      <c r="Z3632" s="5"/>
      <c r="AA3632" s="5" t="s">
        <v>43</v>
      </c>
      <c r="AB3632" s="5" t="s">
        <v>44</v>
      </c>
      <c r="AC3632" s="2"/>
      <c r="AD3632" s="1"/>
    </row>
    <row r="3633" spans="1:30">
      <c r="A3633" s="5" t="s">
        <v>83578</v>
      </c>
      <c r="B3633" s="2" t="s">
        <v>94501</v>
      </c>
      <c r="C3633" s="14" t="s">
        <v>94502</v>
      </c>
      <c r="D3633" s="2" t="s">
        <v>94503</v>
      </c>
      <c r="E3633" s="2" t="s">
        <v>41005</v>
      </c>
      <c r="F3633" s="8">
        <v>242</v>
      </c>
      <c r="G3633" s="5">
        <v>6</v>
      </c>
      <c r="H3633" s="5" t="s">
        <v>1518</v>
      </c>
      <c r="I3633" s="5" t="s">
        <v>40939</v>
      </c>
      <c r="J3633" s="2" t="s">
        <v>40940</v>
      </c>
      <c r="K3633" s="5" t="s">
        <v>40939</v>
      </c>
      <c r="L3633" s="2" t="s">
        <v>40940</v>
      </c>
      <c r="M3633" s="5" t="s">
        <v>36266</v>
      </c>
      <c r="N3633" s="5" t="s">
        <v>38</v>
      </c>
      <c r="O3633" s="5" t="s">
        <v>39</v>
      </c>
      <c r="P3633" s="5" t="s">
        <v>40</v>
      </c>
      <c r="Q3633" s="5" t="s">
        <v>1522</v>
      </c>
      <c r="R3633" s="5" t="s">
        <v>1523</v>
      </c>
      <c r="S3633" s="5" t="s">
        <v>42</v>
      </c>
      <c r="T3633" s="2">
        <v>2.0169999999999999</v>
      </c>
      <c r="U3633" s="2">
        <v>1.5569999999999999</v>
      </c>
      <c r="V3633" s="2">
        <v>0.01</v>
      </c>
      <c r="W3633" s="2">
        <v>76.900000000000006</v>
      </c>
      <c r="X3633" s="2">
        <v>7.6</v>
      </c>
      <c r="Y3633" s="2">
        <v>16.7</v>
      </c>
      <c r="Z3633" s="5"/>
      <c r="AA3633" s="5" t="s">
        <v>43</v>
      </c>
      <c r="AB3633" s="5" t="s">
        <v>44</v>
      </c>
      <c r="AC3633" s="2"/>
      <c r="AD3633" s="1"/>
    </row>
    <row r="3634" spans="1:30">
      <c r="A3634" s="5" t="s">
        <v>83578</v>
      </c>
      <c r="B3634" s="2" t="s">
        <v>94504</v>
      </c>
      <c r="C3634" s="14" t="s">
        <v>94505</v>
      </c>
      <c r="D3634" s="2" t="s">
        <v>94506</v>
      </c>
      <c r="E3634" s="2" t="s">
        <v>41009</v>
      </c>
      <c r="F3634" s="8">
        <v>242</v>
      </c>
      <c r="G3634" s="5">
        <v>6</v>
      </c>
      <c r="H3634" s="5" t="s">
        <v>1518</v>
      </c>
      <c r="I3634" s="5" t="s">
        <v>40939</v>
      </c>
      <c r="J3634" s="2" t="s">
        <v>40940</v>
      </c>
      <c r="K3634" s="5" t="s">
        <v>40939</v>
      </c>
      <c r="L3634" s="2" t="s">
        <v>40940</v>
      </c>
      <c r="M3634" s="5" t="s">
        <v>36266</v>
      </c>
      <c r="N3634" s="5" t="s">
        <v>38</v>
      </c>
      <c r="O3634" s="5" t="s">
        <v>39</v>
      </c>
      <c r="P3634" s="5" t="s">
        <v>40</v>
      </c>
      <c r="Q3634" s="5" t="s">
        <v>1522</v>
      </c>
      <c r="R3634" s="5" t="s">
        <v>1523</v>
      </c>
      <c r="S3634" s="5" t="s">
        <v>42</v>
      </c>
      <c r="T3634" s="2">
        <v>1.97</v>
      </c>
      <c r="U3634" s="2">
        <v>1.51</v>
      </c>
      <c r="V3634" s="2">
        <v>0.01</v>
      </c>
      <c r="W3634" s="2">
        <v>76.900000000000006</v>
      </c>
      <c r="X3634" s="2">
        <v>7.6</v>
      </c>
      <c r="Y3634" s="2">
        <v>16.7</v>
      </c>
      <c r="Z3634" s="5"/>
      <c r="AA3634" s="5" t="s">
        <v>43</v>
      </c>
      <c r="AB3634" s="5" t="s">
        <v>44</v>
      </c>
      <c r="AC3634" s="2"/>
      <c r="AD3634" s="1"/>
    </row>
    <row r="3635" spans="1:30">
      <c r="A3635" s="5" t="s">
        <v>83578</v>
      </c>
      <c r="B3635" s="2" t="s">
        <v>94507</v>
      </c>
      <c r="C3635" s="14" t="s">
        <v>94508</v>
      </c>
      <c r="D3635" s="2" t="s">
        <v>94509</v>
      </c>
      <c r="E3635" s="2" t="s">
        <v>41013</v>
      </c>
      <c r="F3635" s="8">
        <v>242</v>
      </c>
      <c r="G3635" s="5">
        <v>6</v>
      </c>
      <c r="H3635" s="5" t="s">
        <v>1518</v>
      </c>
      <c r="I3635" s="5" t="s">
        <v>40939</v>
      </c>
      <c r="J3635" s="2" t="s">
        <v>40940</v>
      </c>
      <c r="K3635" s="5" t="s">
        <v>40939</v>
      </c>
      <c r="L3635" s="2" t="s">
        <v>40940</v>
      </c>
      <c r="M3635" s="5" t="s">
        <v>36266</v>
      </c>
      <c r="N3635" s="5" t="s">
        <v>38</v>
      </c>
      <c r="O3635" s="5" t="s">
        <v>39</v>
      </c>
      <c r="P3635" s="5" t="s">
        <v>40</v>
      </c>
      <c r="Q3635" s="5" t="s">
        <v>1522</v>
      </c>
      <c r="R3635" s="5" t="s">
        <v>1523</v>
      </c>
      <c r="S3635" s="5" t="s">
        <v>42</v>
      </c>
      <c r="T3635" s="2">
        <v>2.02</v>
      </c>
      <c r="U3635" s="2">
        <v>1.56</v>
      </c>
      <c r="V3635" s="2">
        <v>0.01</v>
      </c>
      <c r="W3635" s="2">
        <v>76.900000000000006</v>
      </c>
      <c r="X3635" s="2">
        <v>7.6</v>
      </c>
      <c r="Y3635" s="2">
        <v>16.7</v>
      </c>
      <c r="Z3635" s="5"/>
      <c r="AA3635" s="5" t="s">
        <v>43</v>
      </c>
      <c r="AB3635" s="5" t="s">
        <v>44</v>
      </c>
      <c r="AC3635" s="2"/>
      <c r="AD3635" s="1"/>
    </row>
    <row r="3636" spans="1:30">
      <c r="A3636" s="5" t="s">
        <v>83578</v>
      </c>
      <c r="B3636" s="2" t="s">
        <v>94510</v>
      </c>
      <c r="C3636" s="14" t="s">
        <v>94511</v>
      </c>
      <c r="D3636" s="2" t="s">
        <v>94512</v>
      </c>
      <c r="E3636" s="2" t="s">
        <v>7507</v>
      </c>
      <c r="F3636" s="8">
        <v>228</v>
      </c>
      <c r="G3636" s="5">
        <v>6</v>
      </c>
      <c r="H3636" s="5" t="s">
        <v>1518</v>
      </c>
      <c r="I3636" s="5" t="s">
        <v>40939</v>
      </c>
      <c r="J3636" s="2" t="s">
        <v>40940</v>
      </c>
      <c r="K3636" s="5" t="s">
        <v>40939</v>
      </c>
      <c r="L3636" s="2" t="s">
        <v>40940</v>
      </c>
      <c r="M3636" s="5" t="s">
        <v>36266</v>
      </c>
      <c r="N3636" s="5" t="s">
        <v>38</v>
      </c>
      <c r="O3636" s="5" t="s">
        <v>39</v>
      </c>
      <c r="P3636" s="5" t="s">
        <v>40</v>
      </c>
      <c r="Q3636" s="5" t="s">
        <v>1522</v>
      </c>
      <c r="R3636" s="5" t="s">
        <v>1523</v>
      </c>
      <c r="S3636" s="5" t="s">
        <v>42</v>
      </c>
      <c r="T3636" s="2">
        <v>2.02</v>
      </c>
      <c r="U3636" s="2">
        <v>1.56</v>
      </c>
      <c r="V3636" s="2">
        <v>0.01</v>
      </c>
      <c r="W3636" s="2">
        <v>76.900000000000006</v>
      </c>
      <c r="X3636" s="2">
        <v>7.6</v>
      </c>
      <c r="Y3636" s="2">
        <v>16.7</v>
      </c>
      <c r="Z3636" s="5"/>
      <c r="AA3636" s="5" t="s">
        <v>43</v>
      </c>
      <c r="AB3636" s="5" t="s">
        <v>44</v>
      </c>
      <c r="AC3636" s="2"/>
      <c r="AD3636" s="1"/>
    </row>
    <row r="3637" spans="1:30">
      <c r="A3637" s="5" t="s">
        <v>83578</v>
      </c>
      <c r="B3637" s="2" t="s">
        <v>94513</v>
      </c>
      <c r="C3637" s="14" t="s">
        <v>94514</v>
      </c>
      <c r="D3637" s="2" t="s">
        <v>94515</v>
      </c>
      <c r="E3637" s="2" t="s">
        <v>41027</v>
      </c>
      <c r="F3637" s="8">
        <v>242</v>
      </c>
      <c r="G3637" s="5">
        <v>6</v>
      </c>
      <c r="H3637" s="5" t="s">
        <v>1518</v>
      </c>
      <c r="I3637" s="5" t="s">
        <v>40939</v>
      </c>
      <c r="J3637" s="2" t="s">
        <v>40940</v>
      </c>
      <c r="K3637" s="5" t="s">
        <v>40939</v>
      </c>
      <c r="L3637" s="2" t="s">
        <v>40940</v>
      </c>
      <c r="M3637" s="5" t="s">
        <v>36266</v>
      </c>
      <c r="N3637" s="5" t="s">
        <v>38</v>
      </c>
      <c r="O3637" s="5" t="s">
        <v>39</v>
      </c>
      <c r="P3637" s="5" t="s">
        <v>40</v>
      </c>
      <c r="Q3637" s="5" t="s">
        <v>1522</v>
      </c>
      <c r="R3637" s="5" t="s">
        <v>1523</v>
      </c>
      <c r="S3637" s="5" t="s">
        <v>42</v>
      </c>
      <c r="T3637" s="2">
        <v>2.0049999999999999</v>
      </c>
      <c r="U3637" s="2">
        <v>1.5449999999999999</v>
      </c>
      <c r="V3637" s="2">
        <v>0.01</v>
      </c>
      <c r="W3637" s="2">
        <v>76.900000000000006</v>
      </c>
      <c r="X3637" s="2">
        <v>7.6</v>
      </c>
      <c r="Y3637" s="2">
        <v>16.7</v>
      </c>
      <c r="Z3637" s="5"/>
      <c r="AA3637" s="5" t="s">
        <v>43</v>
      </c>
      <c r="AB3637" s="5" t="s">
        <v>44</v>
      </c>
      <c r="AC3637" s="2"/>
      <c r="AD3637" s="1"/>
    </row>
    <row r="3638" spans="1:30">
      <c r="A3638" s="5" t="s">
        <v>83578</v>
      </c>
      <c r="B3638" s="2" t="s">
        <v>94516</v>
      </c>
      <c r="C3638" s="14" t="s">
        <v>94517</v>
      </c>
      <c r="D3638" s="2" t="s">
        <v>94518</v>
      </c>
      <c r="E3638" s="2" t="s">
        <v>41031</v>
      </c>
      <c r="F3638" s="8">
        <v>242</v>
      </c>
      <c r="G3638" s="5">
        <v>6</v>
      </c>
      <c r="H3638" s="5" t="s">
        <v>1518</v>
      </c>
      <c r="I3638" s="5" t="s">
        <v>40939</v>
      </c>
      <c r="J3638" s="2" t="s">
        <v>40940</v>
      </c>
      <c r="K3638" s="5" t="s">
        <v>40939</v>
      </c>
      <c r="L3638" s="2" t="s">
        <v>40940</v>
      </c>
      <c r="M3638" s="5" t="s">
        <v>36266</v>
      </c>
      <c r="N3638" s="5" t="s">
        <v>38</v>
      </c>
      <c r="O3638" s="5" t="s">
        <v>39</v>
      </c>
      <c r="P3638" s="5" t="s">
        <v>40</v>
      </c>
      <c r="Q3638" s="5" t="s">
        <v>1522</v>
      </c>
      <c r="R3638" s="5" t="s">
        <v>1523</v>
      </c>
      <c r="S3638" s="5" t="s">
        <v>42</v>
      </c>
      <c r="T3638" s="2">
        <v>1.9550000000000001</v>
      </c>
      <c r="U3638" s="2">
        <v>1.4950000000000001</v>
      </c>
      <c r="V3638" s="2">
        <v>0.01</v>
      </c>
      <c r="W3638" s="2">
        <v>76.900000000000006</v>
      </c>
      <c r="X3638" s="2">
        <v>7.6</v>
      </c>
      <c r="Y3638" s="2">
        <v>16.7</v>
      </c>
      <c r="Z3638" s="5"/>
      <c r="AA3638" s="5" t="s">
        <v>43</v>
      </c>
      <c r="AB3638" s="5" t="s">
        <v>44</v>
      </c>
      <c r="AC3638" s="2"/>
      <c r="AD3638" s="1"/>
    </row>
    <row r="3639" spans="1:30">
      <c r="A3639" s="5" t="s">
        <v>83578</v>
      </c>
      <c r="B3639" s="2" t="s">
        <v>94519</v>
      </c>
      <c r="C3639" s="14" t="s">
        <v>94520</v>
      </c>
      <c r="D3639" s="2" t="s">
        <v>94521</v>
      </c>
      <c r="E3639" s="2" t="s">
        <v>7449</v>
      </c>
      <c r="F3639" s="8">
        <v>242</v>
      </c>
      <c r="G3639" s="5">
        <v>6</v>
      </c>
      <c r="H3639" s="5" t="s">
        <v>1518</v>
      </c>
      <c r="I3639" s="5" t="s">
        <v>40939</v>
      </c>
      <c r="J3639" s="2" t="s">
        <v>40940</v>
      </c>
      <c r="K3639" s="5" t="s">
        <v>40939</v>
      </c>
      <c r="L3639" s="2" t="s">
        <v>40940</v>
      </c>
      <c r="M3639" s="5" t="s">
        <v>36266</v>
      </c>
      <c r="N3639" s="5" t="s">
        <v>38</v>
      </c>
      <c r="O3639" s="5" t="s">
        <v>39</v>
      </c>
      <c r="P3639" s="5" t="s">
        <v>40</v>
      </c>
      <c r="Q3639" s="5" t="s">
        <v>1522</v>
      </c>
      <c r="R3639" s="5" t="s">
        <v>1523</v>
      </c>
      <c r="S3639" s="5" t="s">
        <v>42</v>
      </c>
      <c r="T3639" s="2">
        <v>1.9550000000000001</v>
      </c>
      <c r="U3639" s="2">
        <v>1.4950000000000001</v>
      </c>
      <c r="V3639" s="2">
        <v>0.01</v>
      </c>
      <c r="W3639" s="2">
        <v>76.900000000000006</v>
      </c>
      <c r="X3639" s="2">
        <v>7.6</v>
      </c>
      <c r="Y3639" s="2">
        <v>16.7</v>
      </c>
      <c r="Z3639" s="5"/>
      <c r="AA3639" s="5" t="s">
        <v>43</v>
      </c>
      <c r="AB3639" s="5" t="s">
        <v>44</v>
      </c>
      <c r="AC3639" s="2"/>
      <c r="AD3639" s="1"/>
    </row>
    <row r="3640" spans="1:30">
      <c r="A3640" s="5" t="s">
        <v>83578</v>
      </c>
      <c r="B3640" s="2" t="s">
        <v>94522</v>
      </c>
      <c r="C3640" s="14" t="s">
        <v>94523</v>
      </c>
      <c r="D3640" s="2" t="s">
        <v>94524</v>
      </c>
      <c r="E3640" s="2" t="s">
        <v>7581</v>
      </c>
      <c r="F3640" s="8">
        <v>242</v>
      </c>
      <c r="G3640" s="5">
        <v>6</v>
      </c>
      <c r="H3640" s="5" t="s">
        <v>1518</v>
      </c>
      <c r="I3640" s="5" t="s">
        <v>40939</v>
      </c>
      <c r="J3640" s="2" t="s">
        <v>40940</v>
      </c>
      <c r="K3640" s="5" t="s">
        <v>40939</v>
      </c>
      <c r="L3640" s="2" t="s">
        <v>40940</v>
      </c>
      <c r="M3640" s="5" t="s">
        <v>36266</v>
      </c>
      <c r="N3640" s="5" t="s">
        <v>38</v>
      </c>
      <c r="O3640" s="5" t="s">
        <v>39</v>
      </c>
      <c r="P3640" s="5" t="s">
        <v>40</v>
      </c>
      <c r="Q3640" s="5" t="s">
        <v>1522</v>
      </c>
      <c r="R3640" s="5" t="s">
        <v>1523</v>
      </c>
      <c r="S3640" s="5" t="s">
        <v>42</v>
      </c>
      <c r="T3640" s="2">
        <v>2.0049999999999999</v>
      </c>
      <c r="U3640" s="2">
        <v>1.5449999999999999</v>
      </c>
      <c r="V3640" s="2">
        <v>0.01</v>
      </c>
      <c r="W3640" s="2">
        <v>76.900000000000006</v>
      </c>
      <c r="X3640" s="2">
        <v>7.6</v>
      </c>
      <c r="Y3640" s="2">
        <v>16.7</v>
      </c>
      <c r="Z3640" s="5"/>
      <c r="AA3640" s="5" t="s">
        <v>43</v>
      </c>
      <c r="AB3640" s="5" t="s">
        <v>44</v>
      </c>
      <c r="AC3640" s="2"/>
      <c r="AD3640" s="1"/>
    </row>
    <row r="3641" spans="1:30">
      <c r="A3641" s="5" t="s">
        <v>83578</v>
      </c>
      <c r="B3641" s="2" t="s">
        <v>94525</v>
      </c>
      <c r="C3641" s="14" t="s">
        <v>94526</v>
      </c>
      <c r="D3641" s="2" t="s">
        <v>94527</v>
      </c>
      <c r="E3641" s="2" t="s">
        <v>47226</v>
      </c>
      <c r="F3641" s="8">
        <v>258</v>
      </c>
      <c r="G3641" s="5">
        <v>6</v>
      </c>
      <c r="H3641" s="5" t="s">
        <v>1518</v>
      </c>
      <c r="I3641" s="5" t="s">
        <v>40939</v>
      </c>
      <c r="J3641" s="2" t="s">
        <v>40940</v>
      </c>
      <c r="K3641" s="5" t="s">
        <v>40939</v>
      </c>
      <c r="L3641" s="2" t="s">
        <v>40940</v>
      </c>
      <c r="M3641" s="5" t="s">
        <v>36266</v>
      </c>
      <c r="N3641" s="5" t="s">
        <v>38</v>
      </c>
      <c r="O3641" s="5" t="s">
        <v>39</v>
      </c>
      <c r="P3641" s="5" t="s">
        <v>40</v>
      </c>
      <c r="Q3641" s="5" t="s">
        <v>1522</v>
      </c>
      <c r="R3641" s="5" t="s">
        <v>1523</v>
      </c>
      <c r="S3641" s="5" t="s">
        <v>42</v>
      </c>
      <c r="T3641" s="2">
        <v>2.1269999999999998</v>
      </c>
      <c r="U3641" s="2">
        <v>1.645</v>
      </c>
      <c r="V3641" s="2">
        <v>1.0999999999999999E-2</v>
      </c>
      <c r="W3641" s="2">
        <v>82.9</v>
      </c>
      <c r="X3641" s="2">
        <v>7.6</v>
      </c>
      <c r="Y3641" s="2">
        <v>16.7</v>
      </c>
      <c r="Z3641" s="5"/>
      <c r="AA3641" s="5" t="s">
        <v>43</v>
      </c>
      <c r="AB3641" s="5" t="s">
        <v>44</v>
      </c>
      <c r="AC3641" s="2"/>
      <c r="AD3641" s="1"/>
    </row>
    <row r="3642" spans="1:30">
      <c r="A3642" s="5" t="s">
        <v>83578</v>
      </c>
      <c r="B3642" s="2" t="s">
        <v>94528</v>
      </c>
      <c r="C3642" s="14" t="s">
        <v>94529</v>
      </c>
      <c r="D3642" s="2" t="s">
        <v>94530</v>
      </c>
      <c r="E3642" s="2" t="s">
        <v>47735</v>
      </c>
      <c r="F3642" s="8">
        <v>258</v>
      </c>
      <c r="G3642" s="5">
        <v>6</v>
      </c>
      <c r="H3642" s="5" t="s">
        <v>1518</v>
      </c>
      <c r="I3642" s="5" t="s">
        <v>40939</v>
      </c>
      <c r="J3642" s="2" t="s">
        <v>40940</v>
      </c>
      <c r="K3642" s="5" t="s">
        <v>40939</v>
      </c>
      <c r="L3642" s="2" t="s">
        <v>40940</v>
      </c>
      <c r="M3642" s="5" t="s">
        <v>36266</v>
      </c>
      <c r="N3642" s="5" t="s">
        <v>38</v>
      </c>
      <c r="O3642" s="5" t="s">
        <v>39</v>
      </c>
      <c r="P3642" s="5" t="s">
        <v>40</v>
      </c>
      <c r="Q3642" s="5" t="s">
        <v>1522</v>
      </c>
      <c r="R3642" s="5" t="s">
        <v>1523</v>
      </c>
      <c r="S3642" s="5" t="s">
        <v>42</v>
      </c>
      <c r="T3642" s="2">
        <v>2.1890000000000001</v>
      </c>
      <c r="U3642" s="2">
        <v>1.7070000000000001</v>
      </c>
      <c r="V3642" s="2">
        <v>1.0999999999999999E-2</v>
      </c>
      <c r="W3642" s="2">
        <v>82.9</v>
      </c>
      <c r="X3642" s="2">
        <v>7.6</v>
      </c>
      <c r="Y3642" s="2">
        <v>16.7</v>
      </c>
      <c r="Z3642" s="5"/>
      <c r="AA3642" s="5" t="s">
        <v>43</v>
      </c>
      <c r="AB3642" s="5" t="s">
        <v>44</v>
      </c>
      <c r="AC3642" s="2"/>
      <c r="AD3642" s="1"/>
    </row>
    <row r="3643" spans="1:30">
      <c r="A3643" s="5" t="s">
        <v>83578</v>
      </c>
      <c r="B3643" s="2" t="s">
        <v>94531</v>
      </c>
      <c r="C3643" s="14" t="s">
        <v>94532</v>
      </c>
      <c r="D3643" s="2" t="s">
        <v>94533</v>
      </c>
      <c r="E3643" s="2" t="s">
        <v>7539</v>
      </c>
      <c r="F3643" s="8">
        <v>258</v>
      </c>
      <c r="G3643" s="5">
        <v>6</v>
      </c>
      <c r="H3643" s="5" t="s">
        <v>1518</v>
      </c>
      <c r="I3643" s="5" t="s">
        <v>40939</v>
      </c>
      <c r="J3643" s="2" t="s">
        <v>40940</v>
      </c>
      <c r="K3643" s="5" t="s">
        <v>40939</v>
      </c>
      <c r="L3643" s="2" t="s">
        <v>40940</v>
      </c>
      <c r="M3643" s="5" t="s">
        <v>36266</v>
      </c>
      <c r="N3643" s="5" t="s">
        <v>38</v>
      </c>
      <c r="O3643" s="5" t="s">
        <v>39</v>
      </c>
      <c r="P3643" s="5" t="s">
        <v>40</v>
      </c>
      <c r="Q3643" s="5" t="s">
        <v>1522</v>
      </c>
      <c r="R3643" s="5" t="s">
        <v>1523</v>
      </c>
      <c r="S3643" s="5" t="s">
        <v>42</v>
      </c>
      <c r="T3643" s="2">
        <v>2.1080000000000001</v>
      </c>
      <c r="U3643" s="2">
        <v>1.6259999999999999</v>
      </c>
      <c r="V3643" s="2">
        <v>1.0999999999999999E-2</v>
      </c>
      <c r="W3643" s="2">
        <v>82.9</v>
      </c>
      <c r="X3643" s="2">
        <v>7.6</v>
      </c>
      <c r="Y3643" s="2">
        <v>16.7</v>
      </c>
      <c r="Z3643" s="5"/>
      <c r="AA3643" s="5" t="s">
        <v>43</v>
      </c>
      <c r="AB3643" s="5" t="s">
        <v>44</v>
      </c>
      <c r="AC3643" s="2"/>
      <c r="AD3643" s="1"/>
    </row>
    <row r="3644" spans="1:30">
      <c r="A3644" s="5" t="s">
        <v>83578</v>
      </c>
      <c r="B3644" s="2" t="s">
        <v>94534</v>
      </c>
      <c r="C3644" s="14" t="s">
        <v>94535</v>
      </c>
      <c r="D3644" s="2" t="s">
        <v>94536</v>
      </c>
      <c r="E3644" s="2" t="s">
        <v>40993</v>
      </c>
      <c r="F3644" s="8">
        <v>258</v>
      </c>
      <c r="G3644" s="5">
        <v>6</v>
      </c>
      <c r="H3644" s="5" t="s">
        <v>1518</v>
      </c>
      <c r="I3644" s="5" t="s">
        <v>40939</v>
      </c>
      <c r="J3644" s="2" t="s">
        <v>40940</v>
      </c>
      <c r="K3644" s="5" t="s">
        <v>40939</v>
      </c>
      <c r="L3644" s="2" t="s">
        <v>40940</v>
      </c>
      <c r="M3644" s="5" t="s">
        <v>36266</v>
      </c>
      <c r="N3644" s="5" t="s">
        <v>38</v>
      </c>
      <c r="O3644" s="5" t="s">
        <v>39</v>
      </c>
      <c r="P3644" s="5" t="s">
        <v>40</v>
      </c>
      <c r="Q3644" s="5" t="s">
        <v>1522</v>
      </c>
      <c r="R3644" s="5" t="s">
        <v>1523</v>
      </c>
      <c r="S3644" s="5" t="s">
        <v>42</v>
      </c>
      <c r="T3644" s="2">
        <v>2.1890000000000001</v>
      </c>
      <c r="U3644" s="2">
        <v>1.7070000000000001</v>
      </c>
      <c r="V3644" s="2">
        <v>1.0999999999999999E-2</v>
      </c>
      <c r="W3644" s="2">
        <v>82.9</v>
      </c>
      <c r="X3644" s="2">
        <v>7.6</v>
      </c>
      <c r="Y3644" s="2">
        <v>16.7</v>
      </c>
      <c r="Z3644" s="5"/>
      <c r="AA3644" s="5" t="s">
        <v>43</v>
      </c>
      <c r="AB3644" s="5" t="s">
        <v>44</v>
      </c>
      <c r="AC3644" s="2"/>
      <c r="AD3644" s="1"/>
    </row>
    <row r="3645" spans="1:30">
      <c r="A3645" s="5" t="s">
        <v>83578</v>
      </c>
      <c r="B3645" s="2" t="s">
        <v>94537</v>
      </c>
      <c r="C3645" s="14" t="s">
        <v>94538</v>
      </c>
      <c r="D3645" s="2" t="s">
        <v>94539</v>
      </c>
      <c r="E3645" s="2" t="s">
        <v>40997</v>
      </c>
      <c r="F3645" s="8">
        <v>258</v>
      </c>
      <c r="G3645" s="5">
        <v>6</v>
      </c>
      <c r="H3645" s="5" t="s">
        <v>1518</v>
      </c>
      <c r="I3645" s="5" t="s">
        <v>40939</v>
      </c>
      <c r="J3645" s="2" t="s">
        <v>40940</v>
      </c>
      <c r="K3645" s="5" t="s">
        <v>40939</v>
      </c>
      <c r="L3645" s="2" t="s">
        <v>40940</v>
      </c>
      <c r="M3645" s="5" t="s">
        <v>36266</v>
      </c>
      <c r="N3645" s="5" t="s">
        <v>38</v>
      </c>
      <c r="O3645" s="5" t="s">
        <v>39</v>
      </c>
      <c r="P3645" s="5" t="s">
        <v>40</v>
      </c>
      <c r="Q3645" s="5" t="s">
        <v>1522</v>
      </c>
      <c r="R3645" s="5" t="s">
        <v>1523</v>
      </c>
      <c r="S3645" s="5" t="s">
        <v>42</v>
      </c>
      <c r="T3645" s="2">
        <v>2.1110000000000002</v>
      </c>
      <c r="U3645" s="2">
        <v>1.629</v>
      </c>
      <c r="V3645" s="2">
        <v>1.0999999999999999E-2</v>
      </c>
      <c r="W3645" s="2">
        <v>82.9</v>
      </c>
      <c r="X3645" s="2">
        <v>7.6</v>
      </c>
      <c r="Y3645" s="2">
        <v>16.7</v>
      </c>
      <c r="Z3645" s="5"/>
      <c r="AA3645" s="5" t="s">
        <v>43</v>
      </c>
      <c r="AB3645" s="5" t="s">
        <v>44</v>
      </c>
      <c r="AC3645" s="2"/>
      <c r="AD3645" s="1"/>
    </row>
    <row r="3646" spans="1:30">
      <c r="A3646" s="5" t="s">
        <v>83578</v>
      </c>
      <c r="B3646" s="2" t="s">
        <v>94540</v>
      </c>
      <c r="C3646" s="14" t="s">
        <v>94541</v>
      </c>
      <c r="D3646" s="2" t="s">
        <v>94542</v>
      </c>
      <c r="E3646" s="2" t="s">
        <v>41001</v>
      </c>
      <c r="F3646" s="8">
        <v>258</v>
      </c>
      <c r="G3646" s="5">
        <v>6</v>
      </c>
      <c r="H3646" s="5" t="s">
        <v>1518</v>
      </c>
      <c r="I3646" s="5" t="s">
        <v>40939</v>
      </c>
      <c r="J3646" s="2" t="s">
        <v>40940</v>
      </c>
      <c r="K3646" s="5" t="s">
        <v>40939</v>
      </c>
      <c r="L3646" s="2" t="s">
        <v>40940</v>
      </c>
      <c r="M3646" s="5" t="s">
        <v>36266</v>
      </c>
      <c r="N3646" s="5" t="s">
        <v>38</v>
      </c>
      <c r="O3646" s="5" t="s">
        <v>39</v>
      </c>
      <c r="P3646" s="5" t="s">
        <v>40</v>
      </c>
      <c r="Q3646" s="5" t="s">
        <v>1522</v>
      </c>
      <c r="R3646" s="5" t="s">
        <v>1523</v>
      </c>
      <c r="S3646" s="5" t="s">
        <v>42</v>
      </c>
      <c r="T3646" s="2">
        <v>2.1269999999999998</v>
      </c>
      <c r="U3646" s="2">
        <v>1.645</v>
      </c>
      <c r="V3646" s="2">
        <v>1.0999999999999999E-2</v>
      </c>
      <c r="W3646" s="2">
        <v>82.9</v>
      </c>
      <c r="X3646" s="2">
        <v>7.6</v>
      </c>
      <c r="Y3646" s="2">
        <v>16.7</v>
      </c>
      <c r="Z3646" s="5"/>
      <c r="AA3646" s="5" t="s">
        <v>43</v>
      </c>
      <c r="AB3646" s="5" t="s">
        <v>44</v>
      </c>
      <c r="AC3646" s="2"/>
      <c r="AD3646" s="1"/>
    </row>
    <row r="3647" spans="1:30">
      <c r="A3647" s="5" t="s">
        <v>83578</v>
      </c>
      <c r="B3647" s="2" t="s">
        <v>94543</v>
      </c>
      <c r="C3647" s="14" t="s">
        <v>94544</v>
      </c>
      <c r="D3647" s="2" t="s">
        <v>94545</v>
      </c>
      <c r="E3647" s="2" t="s">
        <v>41005</v>
      </c>
      <c r="F3647" s="8">
        <v>258</v>
      </c>
      <c r="G3647" s="5">
        <v>6</v>
      </c>
      <c r="H3647" s="5" t="s">
        <v>1518</v>
      </c>
      <c r="I3647" s="5" t="s">
        <v>40939</v>
      </c>
      <c r="J3647" s="2" t="s">
        <v>40940</v>
      </c>
      <c r="K3647" s="5" t="s">
        <v>40939</v>
      </c>
      <c r="L3647" s="2" t="s">
        <v>40940</v>
      </c>
      <c r="M3647" s="5" t="s">
        <v>36266</v>
      </c>
      <c r="N3647" s="5" t="s">
        <v>38</v>
      </c>
      <c r="O3647" s="5" t="s">
        <v>39</v>
      </c>
      <c r="P3647" s="5" t="s">
        <v>40</v>
      </c>
      <c r="Q3647" s="5" t="s">
        <v>1522</v>
      </c>
      <c r="R3647" s="5" t="s">
        <v>1523</v>
      </c>
      <c r="S3647" s="5" t="s">
        <v>42</v>
      </c>
      <c r="T3647" s="2">
        <v>2.1890000000000001</v>
      </c>
      <c r="U3647" s="2">
        <v>1.7070000000000001</v>
      </c>
      <c r="V3647" s="2">
        <v>1.0999999999999999E-2</v>
      </c>
      <c r="W3647" s="2">
        <v>82.9</v>
      </c>
      <c r="X3647" s="2">
        <v>7.6</v>
      </c>
      <c r="Y3647" s="2">
        <v>16.7</v>
      </c>
      <c r="Z3647" s="5"/>
      <c r="AA3647" s="5" t="s">
        <v>43</v>
      </c>
      <c r="AB3647" s="5" t="s">
        <v>44</v>
      </c>
      <c r="AC3647" s="2"/>
      <c r="AD3647" s="1"/>
    </row>
    <row r="3648" spans="1:30">
      <c r="A3648" s="5" t="s">
        <v>83578</v>
      </c>
      <c r="B3648" s="2" t="s">
        <v>94546</v>
      </c>
      <c r="C3648" s="14" t="s">
        <v>94547</v>
      </c>
      <c r="D3648" s="2" t="s">
        <v>94548</v>
      </c>
      <c r="E3648" s="2" t="s">
        <v>41009</v>
      </c>
      <c r="F3648" s="8">
        <v>258</v>
      </c>
      <c r="G3648" s="5">
        <v>6</v>
      </c>
      <c r="H3648" s="5" t="s">
        <v>1518</v>
      </c>
      <c r="I3648" s="5" t="s">
        <v>40939</v>
      </c>
      <c r="J3648" s="2" t="s">
        <v>40940</v>
      </c>
      <c r="K3648" s="5" t="s">
        <v>40939</v>
      </c>
      <c r="L3648" s="2" t="s">
        <v>40940</v>
      </c>
      <c r="M3648" s="5" t="s">
        <v>36266</v>
      </c>
      <c r="N3648" s="5" t="s">
        <v>38</v>
      </c>
      <c r="O3648" s="5" t="s">
        <v>39</v>
      </c>
      <c r="P3648" s="5" t="s">
        <v>40</v>
      </c>
      <c r="Q3648" s="5" t="s">
        <v>1522</v>
      </c>
      <c r="R3648" s="5" t="s">
        <v>1523</v>
      </c>
      <c r="S3648" s="5" t="s">
        <v>42</v>
      </c>
      <c r="T3648" s="2">
        <v>2.1309999999999998</v>
      </c>
      <c r="U3648" s="2">
        <v>1.649</v>
      </c>
      <c r="V3648" s="2">
        <v>1.0999999999999999E-2</v>
      </c>
      <c r="W3648" s="2">
        <v>82.9</v>
      </c>
      <c r="X3648" s="2">
        <v>7.6</v>
      </c>
      <c r="Y3648" s="2">
        <v>16.7</v>
      </c>
      <c r="Z3648" s="5"/>
      <c r="AA3648" s="5" t="s">
        <v>43</v>
      </c>
      <c r="AB3648" s="5" t="s">
        <v>44</v>
      </c>
      <c r="AC3648" s="2"/>
      <c r="AD3648" s="1"/>
    </row>
    <row r="3649" spans="1:30">
      <c r="A3649" s="5" t="s">
        <v>83578</v>
      </c>
      <c r="B3649" s="2" t="s">
        <v>94549</v>
      </c>
      <c r="C3649" s="14" t="s">
        <v>94550</v>
      </c>
      <c r="D3649" s="2" t="s">
        <v>94551</v>
      </c>
      <c r="E3649" s="2" t="s">
        <v>41013</v>
      </c>
      <c r="F3649" s="8">
        <v>258</v>
      </c>
      <c r="G3649" s="5">
        <v>6</v>
      </c>
      <c r="H3649" s="5" t="s">
        <v>1518</v>
      </c>
      <c r="I3649" s="5" t="s">
        <v>40939</v>
      </c>
      <c r="J3649" s="2" t="s">
        <v>40940</v>
      </c>
      <c r="K3649" s="5" t="s">
        <v>40939</v>
      </c>
      <c r="L3649" s="2" t="s">
        <v>40940</v>
      </c>
      <c r="M3649" s="5" t="s">
        <v>36266</v>
      </c>
      <c r="N3649" s="5" t="s">
        <v>38</v>
      </c>
      <c r="O3649" s="5" t="s">
        <v>39</v>
      </c>
      <c r="P3649" s="5" t="s">
        <v>40</v>
      </c>
      <c r="Q3649" s="5" t="s">
        <v>1522</v>
      </c>
      <c r="R3649" s="5" t="s">
        <v>1523</v>
      </c>
      <c r="S3649" s="5" t="s">
        <v>42</v>
      </c>
      <c r="T3649" s="2">
        <v>2.1930000000000001</v>
      </c>
      <c r="U3649" s="2">
        <v>1.7110000000000001</v>
      </c>
      <c r="V3649" s="2">
        <v>1.0999999999999999E-2</v>
      </c>
      <c r="W3649" s="2">
        <v>82.9</v>
      </c>
      <c r="X3649" s="2">
        <v>7.6</v>
      </c>
      <c r="Y3649" s="2">
        <v>16.7</v>
      </c>
      <c r="Z3649" s="5"/>
      <c r="AA3649" s="5" t="s">
        <v>43</v>
      </c>
      <c r="AB3649" s="5" t="s">
        <v>44</v>
      </c>
      <c r="AC3649" s="2"/>
      <c r="AD3649" s="1"/>
    </row>
    <row r="3650" spans="1:30">
      <c r="A3650" s="5" t="s">
        <v>83578</v>
      </c>
      <c r="B3650" s="2" t="s">
        <v>94552</v>
      </c>
      <c r="C3650" s="14" t="s">
        <v>94553</v>
      </c>
      <c r="D3650" s="2" t="s">
        <v>94554</v>
      </c>
      <c r="E3650" s="2" t="s">
        <v>41031</v>
      </c>
      <c r="F3650" s="8">
        <v>258</v>
      </c>
      <c r="G3650" s="5">
        <v>6</v>
      </c>
      <c r="H3650" s="5" t="s">
        <v>1518</v>
      </c>
      <c r="I3650" s="5" t="s">
        <v>40939</v>
      </c>
      <c r="J3650" s="2" t="s">
        <v>40940</v>
      </c>
      <c r="K3650" s="5" t="s">
        <v>40939</v>
      </c>
      <c r="L3650" s="2" t="s">
        <v>40940</v>
      </c>
      <c r="M3650" s="5" t="s">
        <v>36266</v>
      </c>
      <c r="N3650" s="5" t="s">
        <v>38</v>
      </c>
      <c r="O3650" s="5" t="s">
        <v>39</v>
      </c>
      <c r="P3650" s="5" t="s">
        <v>40</v>
      </c>
      <c r="Q3650" s="5" t="s">
        <v>1522</v>
      </c>
      <c r="R3650" s="5" t="s">
        <v>1523</v>
      </c>
      <c r="S3650" s="5" t="s">
        <v>42</v>
      </c>
      <c r="T3650" s="2">
        <v>2.1110000000000002</v>
      </c>
      <c r="U3650" s="2">
        <v>1.629</v>
      </c>
      <c r="V3650" s="2">
        <v>1.0999999999999999E-2</v>
      </c>
      <c r="W3650" s="2">
        <v>82.9</v>
      </c>
      <c r="X3650" s="2">
        <v>7.6</v>
      </c>
      <c r="Y3650" s="2">
        <v>16.7</v>
      </c>
      <c r="Z3650" s="5"/>
      <c r="AA3650" s="5" t="s">
        <v>43</v>
      </c>
      <c r="AB3650" s="5" t="s">
        <v>44</v>
      </c>
      <c r="AC3650" s="2"/>
      <c r="AD3650" s="1"/>
    </row>
    <row r="3651" spans="1:30">
      <c r="A3651" s="5" t="s">
        <v>83578</v>
      </c>
      <c r="B3651" s="2" t="s">
        <v>94555</v>
      </c>
      <c r="C3651" s="14" t="s">
        <v>94556</v>
      </c>
      <c r="D3651" s="2" t="s">
        <v>94557</v>
      </c>
      <c r="E3651" s="2" t="s">
        <v>41035</v>
      </c>
      <c r="F3651" s="8">
        <v>258</v>
      </c>
      <c r="G3651" s="5">
        <v>6</v>
      </c>
      <c r="H3651" s="5" t="s">
        <v>1518</v>
      </c>
      <c r="I3651" s="5" t="s">
        <v>40939</v>
      </c>
      <c r="J3651" s="2" t="s">
        <v>40940</v>
      </c>
      <c r="K3651" s="5" t="s">
        <v>40939</v>
      </c>
      <c r="L3651" s="2" t="s">
        <v>40940</v>
      </c>
      <c r="M3651" s="5" t="s">
        <v>36266</v>
      </c>
      <c r="N3651" s="5" t="s">
        <v>38</v>
      </c>
      <c r="O3651" s="5" t="s">
        <v>39</v>
      </c>
      <c r="P3651" s="5" t="s">
        <v>40</v>
      </c>
      <c r="Q3651" s="5" t="s">
        <v>1522</v>
      </c>
      <c r="R3651" s="5" t="s">
        <v>1523</v>
      </c>
      <c r="S3651" s="5" t="s">
        <v>42</v>
      </c>
      <c r="T3651" s="2">
        <v>2.173</v>
      </c>
      <c r="U3651" s="2">
        <v>1.6910000000000001</v>
      </c>
      <c r="V3651" s="2">
        <v>1.0999999999999999E-2</v>
      </c>
      <c r="W3651" s="2">
        <v>82.9</v>
      </c>
      <c r="X3651" s="2">
        <v>7.6</v>
      </c>
      <c r="Y3651" s="2">
        <v>16.7</v>
      </c>
      <c r="Z3651" s="5"/>
      <c r="AA3651" s="5" t="s">
        <v>43</v>
      </c>
      <c r="AB3651" s="5" t="s">
        <v>44</v>
      </c>
      <c r="AC3651" s="2"/>
      <c r="AD3651" s="1"/>
    </row>
    <row r="3652" spans="1:30">
      <c r="A3652" s="5" t="s">
        <v>83578</v>
      </c>
      <c r="B3652" s="2" t="s">
        <v>94558</v>
      </c>
      <c r="C3652" s="14" t="s">
        <v>94559</v>
      </c>
      <c r="D3652" s="2" t="s">
        <v>94560</v>
      </c>
      <c r="E3652" s="2" t="s">
        <v>47266</v>
      </c>
      <c r="F3652" s="8">
        <v>272</v>
      </c>
      <c r="G3652" s="5">
        <v>6</v>
      </c>
      <c r="H3652" s="5" t="s">
        <v>1518</v>
      </c>
      <c r="I3652" s="5" t="s">
        <v>40939</v>
      </c>
      <c r="J3652" s="2" t="s">
        <v>40940</v>
      </c>
      <c r="K3652" s="5" t="s">
        <v>40939</v>
      </c>
      <c r="L3652" s="2" t="s">
        <v>40940</v>
      </c>
      <c r="M3652" s="5" t="s">
        <v>36266</v>
      </c>
      <c r="N3652" s="5" t="s">
        <v>38</v>
      </c>
      <c r="O3652" s="5" t="s">
        <v>39</v>
      </c>
      <c r="P3652" s="5" t="s">
        <v>40</v>
      </c>
      <c r="Q3652" s="5" t="s">
        <v>1522</v>
      </c>
      <c r="R3652" s="5" t="s">
        <v>1523</v>
      </c>
      <c r="S3652" s="5" t="s">
        <v>42</v>
      </c>
      <c r="T3652" s="2">
        <v>2.359</v>
      </c>
      <c r="U3652" s="2">
        <v>1.7889999999999999</v>
      </c>
      <c r="V3652" s="2">
        <v>1.4999999999999999E-2</v>
      </c>
      <c r="W3652" s="2">
        <v>118.9</v>
      </c>
      <c r="X3652" s="2">
        <v>7.6</v>
      </c>
      <c r="Y3652" s="2">
        <v>16.7</v>
      </c>
      <c r="Z3652" s="5"/>
      <c r="AA3652" s="5" t="s">
        <v>43</v>
      </c>
      <c r="AB3652" s="5" t="s">
        <v>44</v>
      </c>
      <c r="AC3652" s="2"/>
      <c r="AD3652" s="1"/>
    </row>
    <row r="3653" spans="1:30">
      <c r="A3653" s="5" t="s">
        <v>83578</v>
      </c>
      <c r="B3653" s="2" t="s">
        <v>94561</v>
      </c>
      <c r="C3653" s="14" t="s">
        <v>94562</v>
      </c>
      <c r="D3653" s="2" t="s">
        <v>94563</v>
      </c>
      <c r="E3653" s="2" t="s">
        <v>36273</v>
      </c>
      <c r="F3653" s="8">
        <v>254</v>
      </c>
      <c r="G3653" s="5">
        <v>6</v>
      </c>
      <c r="H3653" s="5" t="s">
        <v>1518</v>
      </c>
      <c r="I3653" s="5" t="s">
        <v>40939</v>
      </c>
      <c r="J3653" s="2" t="s">
        <v>40940</v>
      </c>
      <c r="K3653" s="5" t="s">
        <v>40939</v>
      </c>
      <c r="L3653" s="2" t="s">
        <v>40940</v>
      </c>
      <c r="M3653" s="5" t="s">
        <v>36266</v>
      </c>
      <c r="N3653" s="5" t="s">
        <v>38</v>
      </c>
      <c r="O3653" s="5" t="s">
        <v>39</v>
      </c>
      <c r="P3653" s="5" t="s">
        <v>40</v>
      </c>
      <c r="Q3653" s="5" t="s">
        <v>1522</v>
      </c>
      <c r="R3653" s="5" t="s">
        <v>1523</v>
      </c>
      <c r="S3653" s="5" t="s">
        <v>42</v>
      </c>
      <c r="T3653" s="2">
        <v>2.3730000000000002</v>
      </c>
      <c r="U3653" s="2">
        <v>1.8029999999999999</v>
      </c>
      <c r="V3653" s="2">
        <v>1.4999999999999999E-2</v>
      </c>
      <c r="W3653" s="2">
        <v>118.9</v>
      </c>
      <c r="X3653" s="2">
        <v>7.6</v>
      </c>
      <c r="Y3653" s="2">
        <v>16.7</v>
      </c>
      <c r="Z3653" s="5"/>
      <c r="AA3653" s="5" t="s">
        <v>43</v>
      </c>
      <c r="AB3653" s="5" t="s">
        <v>44</v>
      </c>
      <c r="AC3653" s="2"/>
      <c r="AD3653" s="1"/>
    </row>
    <row r="3654" spans="1:30">
      <c r="A3654" s="5" t="s">
        <v>83578</v>
      </c>
      <c r="B3654" s="2" t="s">
        <v>94564</v>
      </c>
      <c r="C3654" s="14" t="s">
        <v>94565</v>
      </c>
      <c r="D3654" s="2" t="s">
        <v>94566</v>
      </c>
      <c r="E3654" s="2" t="s">
        <v>36277</v>
      </c>
      <c r="F3654" s="8">
        <v>254</v>
      </c>
      <c r="G3654" s="5">
        <v>6</v>
      </c>
      <c r="H3654" s="5" t="s">
        <v>1518</v>
      </c>
      <c r="I3654" s="5" t="s">
        <v>40939</v>
      </c>
      <c r="J3654" s="2" t="s">
        <v>40940</v>
      </c>
      <c r="K3654" s="5" t="s">
        <v>40939</v>
      </c>
      <c r="L3654" s="2" t="s">
        <v>40940</v>
      </c>
      <c r="M3654" s="5" t="s">
        <v>36266</v>
      </c>
      <c r="N3654" s="5" t="s">
        <v>38</v>
      </c>
      <c r="O3654" s="5" t="s">
        <v>39</v>
      </c>
      <c r="P3654" s="5" t="s">
        <v>40</v>
      </c>
      <c r="Q3654" s="5" t="s">
        <v>1522</v>
      </c>
      <c r="R3654" s="5" t="s">
        <v>1523</v>
      </c>
      <c r="S3654" s="5" t="s">
        <v>42</v>
      </c>
      <c r="T3654" s="2">
        <v>2.4460000000000002</v>
      </c>
      <c r="U3654" s="2">
        <v>1.8759999999999999</v>
      </c>
      <c r="V3654" s="2">
        <v>1.4999999999999999E-2</v>
      </c>
      <c r="W3654" s="2">
        <v>118.9</v>
      </c>
      <c r="X3654" s="2">
        <v>7.6</v>
      </c>
      <c r="Y3654" s="2">
        <v>16.7</v>
      </c>
      <c r="Z3654" s="5"/>
      <c r="AA3654" s="5" t="s">
        <v>43</v>
      </c>
      <c r="AB3654" s="5" t="s">
        <v>44</v>
      </c>
      <c r="AC3654" s="2"/>
      <c r="AD3654" s="1"/>
    </row>
    <row r="3655" spans="1:30">
      <c r="A3655" s="5" t="s">
        <v>83578</v>
      </c>
      <c r="B3655" s="2" t="s">
        <v>94567</v>
      </c>
      <c r="C3655" s="14" t="s">
        <v>94568</v>
      </c>
      <c r="D3655" s="2" t="s">
        <v>94569</v>
      </c>
      <c r="E3655" s="2" t="s">
        <v>40967</v>
      </c>
      <c r="F3655" s="8">
        <v>272</v>
      </c>
      <c r="G3655" s="5">
        <v>6</v>
      </c>
      <c r="H3655" s="5" t="s">
        <v>1518</v>
      </c>
      <c r="I3655" s="5" t="s">
        <v>40939</v>
      </c>
      <c r="J3655" s="2" t="s">
        <v>40940</v>
      </c>
      <c r="K3655" s="5" t="s">
        <v>40939</v>
      </c>
      <c r="L3655" s="2" t="s">
        <v>40940</v>
      </c>
      <c r="M3655" s="5" t="s">
        <v>36266</v>
      </c>
      <c r="N3655" s="5" t="s">
        <v>38</v>
      </c>
      <c r="O3655" s="5" t="s">
        <v>39</v>
      </c>
      <c r="P3655" s="5" t="s">
        <v>40</v>
      </c>
      <c r="Q3655" s="5" t="s">
        <v>1522</v>
      </c>
      <c r="R3655" s="5" t="s">
        <v>1523</v>
      </c>
      <c r="S3655" s="5" t="s">
        <v>42</v>
      </c>
      <c r="T3655" s="2">
        <v>2.3639999999999999</v>
      </c>
      <c r="U3655" s="2">
        <v>1.794</v>
      </c>
      <c r="V3655" s="2">
        <v>1.4999999999999999E-2</v>
      </c>
      <c r="W3655" s="2">
        <v>118.9</v>
      </c>
      <c r="X3655" s="2">
        <v>7.6</v>
      </c>
      <c r="Y3655" s="2">
        <v>16.7</v>
      </c>
      <c r="Z3655" s="5"/>
      <c r="AA3655" s="5" t="s">
        <v>43</v>
      </c>
      <c r="AB3655" s="5" t="s">
        <v>44</v>
      </c>
      <c r="AC3655" s="2"/>
      <c r="AD3655" s="1"/>
    </row>
    <row r="3656" spans="1:30">
      <c r="A3656" s="5" t="s">
        <v>83578</v>
      </c>
      <c r="B3656" s="2" t="s">
        <v>94570</v>
      </c>
      <c r="C3656" s="14" t="s">
        <v>94571</v>
      </c>
      <c r="D3656" s="2" t="s">
        <v>94572</v>
      </c>
      <c r="E3656" s="2" t="s">
        <v>40971</v>
      </c>
      <c r="F3656" s="8">
        <v>272</v>
      </c>
      <c r="G3656" s="5">
        <v>6</v>
      </c>
      <c r="H3656" s="5" t="s">
        <v>1518</v>
      </c>
      <c r="I3656" s="5" t="s">
        <v>40939</v>
      </c>
      <c r="J3656" s="2" t="s">
        <v>40940</v>
      </c>
      <c r="K3656" s="5" t="s">
        <v>40939</v>
      </c>
      <c r="L3656" s="2" t="s">
        <v>40940</v>
      </c>
      <c r="M3656" s="5" t="s">
        <v>36266</v>
      </c>
      <c r="N3656" s="5" t="s">
        <v>38</v>
      </c>
      <c r="O3656" s="5" t="s">
        <v>39</v>
      </c>
      <c r="P3656" s="5" t="s">
        <v>40</v>
      </c>
      <c r="Q3656" s="5" t="s">
        <v>1522</v>
      </c>
      <c r="R3656" s="5" t="s">
        <v>1523</v>
      </c>
      <c r="S3656" s="5" t="s">
        <v>42</v>
      </c>
      <c r="T3656" s="2">
        <v>2.4369999999999998</v>
      </c>
      <c r="U3656" s="2">
        <v>1.867</v>
      </c>
      <c r="V3656" s="2">
        <v>1.4999999999999999E-2</v>
      </c>
      <c r="W3656" s="2">
        <v>118.9</v>
      </c>
      <c r="X3656" s="2">
        <v>7.6</v>
      </c>
      <c r="Y3656" s="2">
        <v>16.7</v>
      </c>
      <c r="Z3656" s="5"/>
      <c r="AA3656" s="5" t="s">
        <v>43</v>
      </c>
      <c r="AB3656" s="5" t="s">
        <v>44</v>
      </c>
      <c r="AC3656" s="2"/>
      <c r="AD3656" s="1"/>
    </row>
    <row r="3657" spans="1:30">
      <c r="A3657" s="5" t="s">
        <v>83578</v>
      </c>
      <c r="B3657" s="2" t="s">
        <v>94573</v>
      </c>
      <c r="C3657" s="14" t="s">
        <v>94574</v>
      </c>
      <c r="D3657" s="2" t="s">
        <v>94575</v>
      </c>
      <c r="E3657" s="2" t="s">
        <v>47226</v>
      </c>
      <c r="F3657" s="8">
        <v>272</v>
      </c>
      <c r="G3657" s="5">
        <v>6</v>
      </c>
      <c r="H3657" s="5" t="s">
        <v>1518</v>
      </c>
      <c r="I3657" s="5" t="s">
        <v>40939</v>
      </c>
      <c r="J3657" s="2" t="s">
        <v>40940</v>
      </c>
      <c r="K3657" s="5" t="s">
        <v>40939</v>
      </c>
      <c r="L3657" s="2" t="s">
        <v>40940</v>
      </c>
      <c r="M3657" s="5" t="s">
        <v>36266</v>
      </c>
      <c r="N3657" s="5" t="s">
        <v>38</v>
      </c>
      <c r="O3657" s="5" t="s">
        <v>39</v>
      </c>
      <c r="P3657" s="5" t="s">
        <v>40</v>
      </c>
      <c r="Q3657" s="5" t="s">
        <v>1522</v>
      </c>
      <c r="R3657" s="5" t="s">
        <v>1523</v>
      </c>
      <c r="S3657" s="5" t="s">
        <v>42</v>
      </c>
      <c r="T3657" s="2">
        <v>2.3639999999999999</v>
      </c>
      <c r="U3657" s="2">
        <v>1.794</v>
      </c>
      <c r="V3657" s="2">
        <v>1.4999999999999999E-2</v>
      </c>
      <c r="W3657" s="2">
        <v>118.9</v>
      </c>
      <c r="X3657" s="2">
        <v>7.6</v>
      </c>
      <c r="Y3657" s="2">
        <v>16.7</v>
      </c>
      <c r="Z3657" s="5"/>
      <c r="AA3657" s="5" t="s">
        <v>43</v>
      </c>
      <c r="AB3657" s="5" t="s">
        <v>44</v>
      </c>
      <c r="AC3657" s="2"/>
      <c r="AD3657" s="1"/>
    </row>
    <row r="3658" spans="1:30">
      <c r="A3658" s="5" t="s">
        <v>83578</v>
      </c>
      <c r="B3658" s="2" t="s">
        <v>94576</v>
      </c>
      <c r="C3658" s="14" t="s">
        <v>94577</v>
      </c>
      <c r="D3658" s="2" t="s">
        <v>94578</v>
      </c>
      <c r="E3658" s="2" t="s">
        <v>47735</v>
      </c>
      <c r="F3658" s="8">
        <v>272</v>
      </c>
      <c r="G3658" s="5">
        <v>6</v>
      </c>
      <c r="H3658" s="5" t="s">
        <v>1518</v>
      </c>
      <c r="I3658" s="5" t="s">
        <v>40939</v>
      </c>
      <c r="J3658" s="2" t="s">
        <v>40940</v>
      </c>
      <c r="K3658" s="5" t="s">
        <v>40939</v>
      </c>
      <c r="L3658" s="2" t="s">
        <v>40940</v>
      </c>
      <c r="M3658" s="5" t="s">
        <v>36266</v>
      </c>
      <c r="N3658" s="5" t="s">
        <v>38</v>
      </c>
      <c r="O3658" s="5" t="s">
        <v>39</v>
      </c>
      <c r="P3658" s="5" t="s">
        <v>40</v>
      </c>
      <c r="Q3658" s="5" t="s">
        <v>1522</v>
      </c>
      <c r="R3658" s="5" t="s">
        <v>1523</v>
      </c>
      <c r="S3658" s="5" t="s">
        <v>42</v>
      </c>
      <c r="T3658" s="2">
        <v>2.4369999999999998</v>
      </c>
      <c r="U3658" s="2">
        <v>1.867</v>
      </c>
      <c r="V3658" s="2">
        <v>1.4999999999999999E-2</v>
      </c>
      <c r="W3658" s="2">
        <v>118.9</v>
      </c>
      <c r="X3658" s="2">
        <v>7.6</v>
      </c>
      <c r="Y3658" s="2">
        <v>16.7</v>
      </c>
      <c r="Z3658" s="5"/>
      <c r="AA3658" s="5" t="s">
        <v>43</v>
      </c>
      <c r="AB3658" s="5" t="s">
        <v>44</v>
      </c>
      <c r="AC3658" s="2"/>
      <c r="AD3658" s="1"/>
    </row>
    <row r="3659" spans="1:30">
      <c r="A3659" s="5" t="s">
        <v>83578</v>
      </c>
      <c r="B3659" s="2" t="s">
        <v>94579</v>
      </c>
      <c r="C3659" s="14" t="s">
        <v>94580</v>
      </c>
      <c r="D3659" s="2" t="s">
        <v>94581</v>
      </c>
      <c r="E3659" s="2" t="s">
        <v>7539</v>
      </c>
      <c r="F3659" s="8">
        <v>272</v>
      </c>
      <c r="G3659" s="5">
        <v>6</v>
      </c>
      <c r="H3659" s="5" t="s">
        <v>1518</v>
      </c>
      <c r="I3659" s="5" t="s">
        <v>40939</v>
      </c>
      <c r="J3659" s="2" t="s">
        <v>40940</v>
      </c>
      <c r="K3659" s="5" t="s">
        <v>40939</v>
      </c>
      <c r="L3659" s="2" t="s">
        <v>40940</v>
      </c>
      <c r="M3659" s="5" t="s">
        <v>36266</v>
      </c>
      <c r="N3659" s="5" t="s">
        <v>38</v>
      </c>
      <c r="O3659" s="5" t="s">
        <v>39</v>
      </c>
      <c r="P3659" s="5" t="s">
        <v>40</v>
      </c>
      <c r="Q3659" s="5" t="s">
        <v>1522</v>
      </c>
      <c r="R3659" s="5" t="s">
        <v>1523</v>
      </c>
      <c r="S3659" s="5" t="s">
        <v>42</v>
      </c>
      <c r="T3659" s="2">
        <v>2.3410000000000002</v>
      </c>
      <c r="U3659" s="2">
        <v>1.7709999999999999</v>
      </c>
      <c r="V3659" s="2">
        <v>1.4999999999999999E-2</v>
      </c>
      <c r="W3659" s="2">
        <v>118.9</v>
      </c>
      <c r="X3659" s="2">
        <v>7.6</v>
      </c>
      <c r="Y3659" s="2">
        <v>16.7</v>
      </c>
      <c r="Z3659" s="5"/>
      <c r="AA3659" s="5" t="s">
        <v>43</v>
      </c>
      <c r="AB3659" s="5" t="s">
        <v>44</v>
      </c>
      <c r="AC3659" s="2"/>
      <c r="AD3659" s="1"/>
    </row>
    <row r="3660" spans="1:30">
      <c r="A3660" s="5" t="s">
        <v>83578</v>
      </c>
      <c r="B3660" s="2" t="s">
        <v>94582</v>
      </c>
      <c r="C3660" s="14" t="s">
        <v>94583</v>
      </c>
      <c r="D3660" s="2" t="s">
        <v>94584</v>
      </c>
      <c r="E3660" s="2" t="s">
        <v>7543</v>
      </c>
      <c r="F3660" s="8">
        <v>272</v>
      </c>
      <c r="G3660" s="5">
        <v>6</v>
      </c>
      <c r="H3660" s="5" t="s">
        <v>1518</v>
      </c>
      <c r="I3660" s="5" t="s">
        <v>40939</v>
      </c>
      <c r="J3660" s="2" t="s">
        <v>40940</v>
      </c>
      <c r="K3660" s="5" t="s">
        <v>40939</v>
      </c>
      <c r="L3660" s="2" t="s">
        <v>40940</v>
      </c>
      <c r="M3660" s="5" t="s">
        <v>36266</v>
      </c>
      <c r="N3660" s="5" t="s">
        <v>38</v>
      </c>
      <c r="O3660" s="5" t="s">
        <v>39</v>
      </c>
      <c r="P3660" s="5" t="s">
        <v>40</v>
      </c>
      <c r="Q3660" s="5" t="s">
        <v>1522</v>
      </c>
      <c r="R3660" s="5" t="s">
        <v>1523</v>
      </c>
      <c r="S3660" s="5" t="s">
        <v>42</v>
      </c>
      <c r="T3660" s="2">
        <v>2.4140000000000001</v>
      </c>
      <c r="U3660" s="2">
        <v>1.8440000000000001</v>
      </c>
      <c r="V3660" s="2">
        <v>1.4999999999999999E-2</v>
      </c>
      <c r="W3660" s="2">
        <v>118.9</v>
      </c>
      <c r="X3660" s="2">
        <v>7.6</v>
      </c>
      <c r="Y3660" s="2">
        <v>16.7</v>
      </c>
      <c r="Z3660" s="5"/>
      <c r="AA3660" s="5" t="s">
        <v>43</v>
      </c>
      <c r="AB3660" s="5" t="s">
        <v>44</v>
      </c>
      <c r="AC3660" s="2"/>
      <c r="AD3660" s="1"/>
    </row>
    <row r="3661" spans="1:30">
      <c r="A3661" s="5" t="s">
        <v>83578</v>
      </c>
      <c r="B3661" s="2" t="s">
        <v>94585</v>
      </c>
      <c r="C3661" s="14" t="s">
        <v>94586</v>
      </c>
      <c r="D3661" s="2" t="s">
        <v>94587</v>
      </c>
      <c r="E3661" s="2" t="s">
        <v>40989</v>
      </c>
      <c r="F3661" s="8">
        <v>272</v>
      </c>
      <c r="G3661" s="5">
        <v>6</v>
      </c>
      <c r="H3661" s="5" t="s">
        <v>1518</v>
      </c>
      <c r="I3661" s="5" t="s">
        <v>40939</v>
      </c>
      <c r="J3661" s="2" t="s">
        <v>40940</v>
      </c>
      <c r="K3661" s="5" t="s">
        <v>40939</v>
      </c>
      <c r="L3661" s="2" t="s">
        <v>40940</v>
      </c>
      <c r="M3661" s="5" t="s">
        <v>36266</v>
      </c>
      <c r="N3661" s="5" t="s">
        <v>38</v>
      </c>
      <c r="O3661" s="5" t="s">
        <v>39</v>
      </c>
      <c r="P3661" s="5" t="s">
        <v>40</v>
      </c>
      <c r="Q3661" s="5" t="s">
        <v>1522</v>
      </c>
      <c r="R3661" s="5" t="s">
        <v>1523</v>
      </c>
      <c r="S3661" s="5" t="s">
        <v>42</v>
      </c>
      <c r="T3661" s="2">
        <v>2.3639999999999999</v>
      </c>
      <c r="U3661" s="2">
        <v>1.794</v>
      </c>
      <c r="V3661" s="2">
        <v>1.4999999999999999E-2</v>
      </c>
      <c r="W3661" s="2">
        <v>118.9</v>
      </c>
      <c r="X3661" s="2">
        <v>7.6</v>
      </c>
      <c r="Y3661" s="2">
        <v>16.7</v>
      </c>
      <c r="Z3661" s="5"/>
      <c r="AA3661" s="5" t="s">
        <v>43</v>
      </c>
      <c r="AB3661" s="5" t="s">
        <v>44</v>
      </c>
      <c r="AC3661" s="2"/>
      <c r="AD3661" s="1"/>
    </row>
    <row r="3662" spans="1:30">
      <c r="A3662" s="5" t="s">
        <v>83578</v>
      </c>
      <c r="B3662" s="2" t="s">
        <v>94588</v>
      </c>
      <c r="C3662" s="14" t="s">
        <v>94589</v>
      </c>
      <c r="D3662" s="2" t="s">
        <v>94590</v>
      </c>
      <c r="E3662" s="2" t="s">
        <v>40993</v>
      </c>
      <c r="F3662" s="8">
        <v>272</v>
      </c>
      <c r="G3662" s="5">
        <v>6</v>
      </c>
      <c r="H3662" s="5" t="s">
        <v>1518</v>
      </c>
      <c r="I3662" s="5" t="s">
        <v>40939</v>
      </c>
      <c r="J3662" s="2" t="s">
        <v>40940</v>
      </c>
      <c r="K3662" s="5" t="s">
        <v>40939</v>
      </c>
      <c r="L3662" s="2" t="s">
        <v>40940</v>
      </c>
      <c r="M3662" s="5" t="s">
        <v>36266</v>
      </c>
      <c r="N3662" s="5" t="s">
        <v>38</v>
      </c>
      <c r="O3662" s="5" t="s">
        <v>39</v>
      </c>
      <c r="P3662" s="5" t="s">
        <v>40</v>
      </c>
      <c r="Q3662" s="5" t="s">
        <v>1522</v>
      </c>
      <c r="R3662" s="5" t="s">
        <v>1523</v>
      </c>
      <c r="S3662" s="5" t="s">
        <v>42</v>
      </c>
      <c r="T3662" s="2">
        <v>2.4369999999999998</v>
      </c>
      <c r="U3662" s="2">
        <v>1.867</v>
      </c>
      <c r="V3662" s="2">
        <v>1.4999999999999999E-2</v>
      </c>
      <c r="W3662" s="2">
        <v>118.9</v>
      </c>
      <c r="X3662" s="2">
        <v>7.6</v>
      </c>
      <c r="Y3662" s="2">
        <v>16.7</v>
      </c>
      <c r="Z3662" s="5"/>
      <c r="AA3662" s="5" t="s">
        <v>43</v>
      </c>
      <c r="AB3662" s="5" t="s">
        <v>44</v>
      </c>
      <c r="AC3662" s="2"/>
      <c r="AD3662" s="1"/>
    </row>
    <row r="3663" spans="1:30">
      <c r="A3663" s="5" t="s">
        <v>83578</v>
      </c>
      <c r="B3663" s="2" t="s">
        <v>94591</v>
      </c>
      <c r="C3663" s="14" t="s">
        <v>94592</v>
      </c>
      <c r="D3663" s="2" t="s">
        <v>94593</v>
      </c>
      <c r="E3663" s="2" t="s">
        <v>40997</v>
      </c>
      <c r="F3663" s="8">
        <v>272</v>
      </c>
      <c r="G3663" s="5">
        <v>6</v>
      </c>
      <c r="H3663" s="5" t="s">
        <v>1518</v>
      </c>
      <c r="I3663" s="5" t="s">
        <v>40939</v>
      </c>
      <c r="J3663" s="2" t="s">
        <v>40940</v>
      </c>
      <c r="K3663" s="5" t="s">
        <v>40939</v>
      </c>
      <c r="L3663" s="2" t="s">
        <v>40940</v>
      </c>
      <c r="M3663" s="5" t="s">
        <v>36266</v>
      </c>
      <c r="N3663" s="5" t="s">
        <v>38</v>
      </c>
      <c r="O3663" s="5" t="s">
        <v>39</v>
      </c>
      <c r="P3663" s="5" t="s">
        <v>40</v>
      </c>
      <c r="Q3663" s="5" t="s">
        <v>1522</v>
      </c>
      <c r="R3663" s="5" t="s">
        <v>1523</v>
      </c>
      <c r="S3663" s="5" t="s">
        <v>42</v>
      </c>
      <c r="T3663" s="2">
        <v>2.3450000000000002</v>
      </c>
      <c r="U3663" s="2">
        <v>1.7749999999999999</v>
      </c>
      <c r="V3663" s="2">
        <v>1.4999999999999999E-2</v>
      </c>
      <c r="W3663" s="2">
        <v>118.9</v>
      </c>
      <c r="X3663" s="2">
        <v>7.6</v>
      </c>
      <c r="Y3663" s="2">
        <v>16.7</v>
      </c>
      <c r="Z3663" s="5"/>
      <c r="AA3663" s="5" t="s">
        <v>43</v>
      </c>
      <c r="AB3663" s="5" t="s">
        <v>44</v>
      </c>
      <c r="AC3663" s="2"/>
      <c r="AD3663" s="1"/>
    </row>
    <row r="3664" spans="1:30">
      <c r="A3664" s="5" t="s">
        <v>83578</v>
      </c>
      <c r="B3664" s="2" t="s">
        <v>94594</v>
      </c>
      <c r="C3664" s="14" t="s">
        <v>94595</v>
      </c>
      <c r="D3664" s="2" t="s">
        <v>94596</v>
      </c>
      <c r="E3664" s="2" t="s">
        <v>41267</v>
      </c>
      <c r="F3664" s="8">
        <v>272</v>
      </c>
      <c r="G3664" s="5">
        <v>6</v>
      </c>
      <c r="H3664" s="5" t="s">
        <v>1518</v>
      </c>
      <c r="I3664" s="5" t="s">
        <v>40939</v>
      </c>
      <c r="J3664" s="2" t="s">
        <v>40940</v>
      </c>
      <c r="K3664" s="5" t="s">
        <v>40939</v>
      </c>
      <c r="L3664" s="2" t="s">
        <v>40940</v>
      </c>
      <c r="M3664" s="5" t="s">
        <v>36266</v>
      </c>
      <c r="N3664" s="5" t="s">
        <v>38</v>
      </c>
      <c r="O3664" s="5" t="s">
        <v>39</v>
      </c>
      <c r="P3664" s="5" t="s">
        <v>40</v>
      </c>
      <c r="Q3664" s="5" t="s">
        <v>1522</v>
      </c>
      <c r="R3664" s="5" t="s">
        <v>1523</v>
      </c>
      <c r="S3664" s="5" t="s">
        <v>42</v>
      </c>
      <c r="T3664" s="2">
        <v>2.4180000000000001</v>
      </c>
      <c r="U3664" s="2">
        <v>1.8480000000000001</v>
      </c>
      <c r="V3664" s="2">
        <v>1.4999999999999999E-2</v>
      </c>
      <c r="W3664" s="2">
        <v>118.9</v>
      </c>
      <c r="X3664" s="2">
        <v>7.6</v>
      </c>
      <c r="Y3664" s="2">
        <v>16.7</v>
      </c>
      <c r="Z3664" s="5"/>
      <c r="AA3664" s="5" t="s">
        <v>43</v>
      </c>
      <c r="AB3664" s="5" t="s">
        <v>44</v>
      </c>
      <c r="AC3664" s="2"/>
      <c r="AD3664" s="1"/>
    </row>
    <row r="3665" spans="1:30">
      <c r="A3665" s="5" t="s">
        <v>83578</v>
      </c>
      <c r="B3665" s="2" t="s">
        <v>94597</v>
      </c>
      <c r="C3665" s="14" t="s">
        <v>94598</v>
      </c>
      <c r="D3665" s="2" t="s">
        <v>94599</v>
      </c>
      <c r="E3665" s="2" t="s">
        <v>41001</v>
      </c>
      <c r="F3665" s="8">
        <v>272</v>
      </c>
      <c r="G3665" s="5">
        <v>6</v>
      </c>
      <c r="H3665" s="5" t="s">
        <v>1518</v>
      </c>
      <c r="I3665" s="5" t="s">
        <v>40939</v>
      </c>
      <c r="J3665" s="2" t="s">
        <v>40940</v>
      </c>
      <c r="K3665" s="5" t="s">
        <v>40939</v>
      </c>
      <c r="L3665" s="2" t="s">
        <v>40940</v>
      </c>
      <c r="M3665" s="5" t="s">
        <v>36266</v>
      </c>
      <c r="N3665" s="5" t="s">
        <v>38</v>
      </c>
      <c r="O3665" s="5" t="s">
        <v>39</v>
      </c>
      <c r="P3665" s="5" t="s">
        <v>40</v>
      </c>
      <c r="Q3665" s="5" t="s">
        <v>1522</v>
      </c>
      <c r="R3665" s="5" t="s">
        <v>1523</v>
      </c>
      <c r="S3665" s="5" t="s">
        <v>42</v>
      </c>
      <c r="T3665" s="2">
        <v>2.3639999999999999</v>
      </c>
      <c r="U3665" s="2">
        <v>1.794</v>
      </c>
      <c r="V3665" s="2">
        <v>1.4999999999999999E-2</v>
      </c>
      <c r="W3665" s="2">
        <v>118.9</v>
      </c>
      <c r="X3665" s="2">
        <v>7.6</v>
      </c>
      <c r="Y3665" s="2">
        <v>16.7</v>
      </c>
      <c r="Z3665" s="5"/>
      <c r="AA3665" s="5" t="s">
        <v>43</v>
      </c>
      <c r="AB3665" s="5" t="s">
        <v>44</v>
      </c>
      <c r="AC3665" s="2"/>
      <c r="AD3665" s="1"/>
    </row>
    <row r="3666" spans="1:30">
      <c r="A3666" s="5" t="s">
        <v>83578</v>
      </c>
      <c r="B3666" s="2" t="s">
        <v>94600</v>
      </c>
      <c r="C3666" s="14" t="s">
        <v>94601</v>
      </c>
      <c r="D3666" s="2" t="s">
        <v>94602</v>
      </c>
      <c r="E3666" s="2" t="s">
        <v>41013</v>
      </c>
      <c r="F3666" s="8">
        <v>272</v>
      </c>
      <c r="G3666" s="5">
        <v>6</v>
      </c>
      <c r="H3666" s="5" t="s">
        <v>1518</v>
      </c>
      <c r="I3666" s="5" t="s">
        <v>40939</v>
      </c>
      <c r="J3666" s="2" t="s">
        <v>40940</v>
      </c>
      <c r="K3666" s="5" t="s">
        <v>40939</v>
      </c>
      <c r="L3666" s="2" t="s">
        <v>40940</v>
      </c>
      <c r="M3666" s="5" t="s">
        <v>36266</v>
      </c>
      <c r="N3666" s="5" t="s">
        <v>38</v>
      </c>
      <c r="O3666" s="5" t="s">
        <v>39</v>
      </c>
      <c r="P3666" s="5" t="s">
        <v>40</v>
      </c>
      <c r="Q3666" s="5" t="s">
        <v>1522</v>
      </c>
      <c r="R3666" s="5" t="s">
        <v>1523</v>
      </c>
      <c r="S3666" s="5" t="s">
        <v>42</v>
      </c>
      <c r="T3666" s="2">
        <v>2.4409999999999998</v>
      </c>
      <c r="U3666" s="2">
        <v>1.871</v>
      </c>
      <c r="V3666" s="2">
        <v>1.4999999999999999E-2</v>
      </c>
      <c r="W3666" s="2">
        <v>118.9</v>
      </c>
      <c r="X3666" s="2">
        <v>7.6</v>
      </c>
      <c r="Y3666" s="2">
        <v>16.7</v>
      </c>
      <c r="Z3666" s="5"/>
      <c r="AA3666" s="5" t="s">
        <v>43</v>
      </c>
      <c r="AB3666" s="5" t="s">
        <v>44</v>
      </c>
      <c r="AC3666" s="2"/>
      <c r="AD3666" s="1"/>
    </row>
    <row r="3667" spans="1:30">
      <c r="A3667" s="5" t="s">
        <v>83578</v>
      </c>
      <c r="B3667" s="2" t="s">
        <v>94603</v>
      </c>
      <c r="C3667" s="14" t="s">
        <v>94604</v>
      </c>
      <c r="D3667" s="2" t="s">
        <v>94605</v>
      </c>
      <c r="E3667" s="2" t="s">
        <v>41023</v>
      </c>
      <c r="F3667" s="8">
        <v>272</v>
      </c>
      <c r="G3667" s="5">
        <v>6</v>
      </c>
      <c r="H3667" s="5" t="s">
        <v>1518</v>
      </c>
      <c r="I3667" s="5" t="s">
        <v>40939</v>
      </c>
      <c r="J3667" s="2" t="s">
        <v>40940</v>
      </c>
      <c r="K3667" s="5" t="s">
        <v>40939</v>
      </c>
      <c r="L3667" s="2" t="s">
        <v>40940</v>
      </c>
      <c r="M3667" s="5" t="s">
        <v>36266</v>
      </c>
      <c r="N3667" s="5" t="s">
        <v>38</v>
      </c>
      <c r="O3667" s="5" t="s">
        <v>39</v>
      </c>
      <c r="P3667" s="5" t="s">
        <v>40</v>
      </c>
      <c r="Q3667" s="5" t="s">
        <v>1522</v>
      </c>
      <c r="R3667" s="5" t="s">
        <v>1523</v>
      </c>
      <c r="S3667" s="5" t="s">
        <v>42</v>
      </c>
      <c r="T3667" s="2">
        <v>2.3450000000000002</v>
      </c>
      <c r="U3667" s="2">
        <v>1.7749999999999999</v>
      </c>
      <c r="V3667" s="2">
        <v>1.4999999999999999E-2</v>
      </c>
      <c r="W3667" s="2">
        <v>118.9</v>
      </c>
      <c r="X3667" s="2">
        <v>7.6</v>
      </c>
      <c r="Y3667" s="2">
        <v>16.7</v>
      </c>
      <c r="Z3667" s="5"/>
      <c r="AA3667" s="5" t="s">
        <v>43</v>
      </c>
      <c r="AB3667" s="5" t="s">
        <v>44</v>
      </c>
      <c r="AC3667" s="2"/>
      <c r="AD3667" s="1"/>
    </row>
    <row r="3668" spans="1:30">
      <c r="A3668" s="5" t="s">
        <v>83578</v>
      </c>
      <c r="B3668" s="2" t="s">
        <v>94606</v>
      </c>
      <c r="C3668" s="14" t="s">
        <v>94607</v>
      </c>
      <c r="D3668" s="2" t="s">
        <v>94608</v>
      </c>
      <c r="E3668" s="2" t="s">
        <v>41027</v>
      </c>
      <c r="F3668" s="8">
        <v>272</v>
      </c>
      <c r="G3668" s="5">
        <v>6</v>
      </c>
      <c r="H3668" s="5" t="s">
        <v>1518</v>
      </c>
      <c r="I3668" s="5" t="s">
        <v>40939</v>
      </c>
      <c r="J3668" s="2" t="s">
        <v>40940</v>
      </c>
      <c r="K3668" s="5" t="s">
        <v>40939</v>
      </c>
      <c r="L3668" s="2" t="s">
        <v>40940</v>
      </c>
      <c r="M3668" s="5" t="s">
        <v>36266</v>
      </c>
      <c r="N3668" s="5" t="s">
        <v>38</v>
      </c>
      <c r="O3668" s="5" t="s">
        <v>39</v>
      </c>
      <c r="P3668" s="5" t="s">
        <v>40</v>
      </c>
      <c r="Q3668" s="5" t="s">
        <v>1522</v>
      </c>
      <c r="R3668" s="5" t="s">
        <v>1523</v>
      </c>
      <c r="S3668" s="5" t="s">
        <v>42</v>
      </c>
      <c r="T3668" s="2">
        <v>2.4180000000000001</v>
      </c>
      <c r="U3668" s="2">
        <v>1.8480000000000001</v>
      </c>
      <c r="V3668" s="2">
        <v>1.4999999999999999E-2</v>
      </c>
      <c r="W3668" s="2">
        <v>118.9</v>
      </c>
      <c r="X3668" s="2">
        <v>7.6</v>
      </c>
      <c r="Y3668" s="2">
        <v>16.7</v>
      </c>
      <c r="Z3668" s="5"/>
      <c r="AA3668" s="5" t="s">
        <v>43</v>
      </c>
      <c r="AB3668" s="5" t="s">
        <v>44</v>
      </c>
      <c r="AC3668" s="2"/>
      <c r="AD3668" s="1"/>
    </row>
    <row r="3669" spans="1:30">
      <c r="A3669" s="5" t="s">
        <v>83578</v>
      </c>
      <c r="B3669" s="2" t="s">
        <v>94609</v>
      </c>
      <c r="C3669" s="14" t="s">
        <v>94610</v>
      </c>
      <c r="D3669" s="2" t="s">
        <v>94611</v>
      </c>
      <c r="E3669" s="2" t="s">
        <v>41035</v>
      </c>
      <c r="F3669" s="8">
        <v>272</v>
      </c>
      <c r="G3669" s="5">
        <v>6</v>
      </c>
      <c r="H3669" s="5" t="s">
        <v>1518</v>
      </c>
      <c r="I3669" s="5" t="s">
        <v>40939</v>
      </c>
      <c r="J3669" s="2" t="s">
        <v>40940</v>
      </c>
      <c r="K3669" s="5" t="s">
        <v>40939</v>
      </c>
      <c r="L3669" s="2" t="s">
        <v>40940</v>
      </c>
      <c r="M3669" s="5" t="s">
        <v>36266</v>
      </c>
      <c r="N3669" s="5" t="s">
        <v>38</v>
      </c>
      <c r="O3669" s="5" t="s">
        <v>39</v>
      </c>
      <c r="P3669" s="5" t="s">
        <v>40</v>
      </c>
      <c r="Q3669" s="5" t="s">
        <v>1522</v>
      </c>
      <c r="R3669" s="5" t="s">
        <v>1523</v>
      </c>
      <c r="S3669" s="5" t="s">
        <v>42</v>
      </c>
      <c r="T3669" s="2">
        <v>2.4180000000000001</v>
      </c>
      <c r="U3669" s="2">
        <v>1.8480000000000001</v>
      </c>
      <c r="V3669" s="2">
        <v>1.4999999999999999E-2</v>
      </c>
      <c r="W3669" s="2">
        <v>118.9</v>
      </c>
      <c r="X3669" s="2">
        <v>7.6</v>
      </c>
      <c r="Y3669" s="2">
        <v>16.7</v>
      </c>
      <c r="Z3669" s="5"/>
      <c r="AA3669" s="5" t="s">
        <v>43</v>
      </c>
      <c r="AB3669" s="5" t="s">
        <v>44</v>
      </c>
      <c r="AC3669" s="2"/>
      <c r="AD3669" s="1"/>
    </row>
    <row r="3670" spans="1:30">
      <c r="A3670" s="5" t="s">
        <v>83578</v>
      </c>
      <c r="B3670" s="2" t="s">
        <v>94612</v>
      </c>
      <c r="C3670" s="14" t="s">
        <v>94613</v>
      </c>
      <c r="D3670" s="2" t="s">
        <v>94614</v>
      </c>
      <c r="E3670" s="2" t="s">
        <v>7449</v>
      </c>
      <c r="F3670" s="8">
        <v>272</v>
      </c>
      <c r="G3670" s="5">
        <v>6</v>
      </c>
      <c r="H3670" s="5" t="s">
        <v>1518</v>
      </c>
      <c r="I3670" s="5" t="s">
        <v>40939</v>
      </c>
      <c r="J3670" s="2" t="s">
        <v>40940</v>
      </c>
      <c r="K3670" s="5" t="s">
        <v>40939</v>
      </c>
      <c r="L3670" s="2" t="s">
        <v>40940</v>
      </c>
      <c r="M3670" s="5" t="s">
        <v>36266</v>
      </c>
      <c r="N3670" s="5" t="s">
        <v>38</v>
      </c>
      <c r="O3670" s="5" t="s">
        <v>39</v>
      </c>
      <c r="P3670" s="5" t="s">
        <v>40</v>
      </c>
      <c r="Q3670" s="5" t="s">
        <v>1522</v>
      </c>
      <c r="R3670" s="5" t="s">
        <v>1523</v>
      </c>
      <c r="S3670" s="5" t="s">
        <v>42</v>
      </c>
      <c r="T3670" s="2">
        <v>2.3450000000000002</v>
      </c>
      <c r="U3670" s="2">
        <v>1.7749999999999999</v>
      </c>
      <c r="V3670" s="2">
        <v>1.4999999999999999E-2</v>
      </c>
      <c r="W3670" s="2">
        <v>118.9</v>
      </c>
      <c r="X3670" s="2">
        <v>7.6</v>
      </c>
      <c r="Y3670" s="2">
        <v>16.7</v>
      </c>
      <c r="Z3670" s="5"/>
      <c r="AA3670" s="5" t="s">
        <v>43</v>
      </c>
      <c r="AB3670" s="5" t="s">
        <v>44</v>
      </c>
      <c r="AC3670" s="2"/>
      <c r="AD3670" s="1"/>
    </row>
    <row r="3671" spans="1:30">
      <c r="A3671" s="5" t="s">
        <v>83578</v>
      </c>
      <c r="B3671" s="2" t="s">
        <v>94615</v>
      </c>
      <c r="C3671" s="14" t="s">
        <v>94616</v>
      </c>
      <c r="D3671" s="2" t="s">
        <v>94617</v>
      </c>
      <c r="E3671" s="2" t="s">
        <v>7581</v>
      </c>
      <c r="F3671" s="8">
        <v>272</v>
      </c>
      <c r="G3671" s="5">
        <v>6</v>
      </c>
      <c r="H3671" s="5" t="s">
        <v>1518</v>
      </c>
      <c r="I3671" s="5" t="s">
        <v>40939</v>
      </c>
      <c r="J3671" s="2" t="s">
        <v>40940</v>
      </c>
      <c r="K3671" s="5" t="s">
        <v>40939</v>
      </c>
      <c r="L3671" s="2" t="s">
        <v>40940</v>
      </c>
      <c r="M3671" s="5" t="s">
        <v>36266</v>
      </c>
      <c r="N3671" s="5" t="s">
        <v>38</v>
      </c>
      <c r="O3671" s="5" t="s">
        <v>39</v>
      </c>
      <c r="P3671" s="5" t="s">
        <v>40</v>
      </c>
      <c r="Q3671" s="5" t="s">
        <v>1522</v>
      </c>
      <c r="R3671" s="5" t="s">
        <v>1523</v>
      </c>
      <c r="S3671" s="5" t="s">
        <v>42</v>
      </c>
      <c r="T3671" s="2">
        <v>2.4180000000000001</v>
      </c>
      <c r="U3671" s="2">
        <v>1.8480000000000001</v>
      </c>
      <c r="V3671" s="2">
        <v>1.4999999999999999E-2</v>
      </c>
      <c r="W3671" s="2">
        <v>118.9</v>
      </c>
      <c r="X3671" s="2">
        <v>7.6</v>
      </c>
      <c r="Y3671" s="2">
        <v>16.7</v>
      </c>
      <c r="Z3671" s="5"/>
      <c r="AA3671" s="5" t="s">
        <v>43</v>
      </c>
      <c r="AB3671" s="5" t="s">
        <v>44</v>
      </c>
      <c r="AC3671" s="2"/>
      <c r="AD3671" s="1"/>
    </row>
    <row r="3672" spans="1:30">
      <c r="A3672" s="5" t="s">
        <v>83578</v>
      </c>
      <c r="B3672" s="2" t="s">
        <v>94618</v>
      </c>
      <c r="C3672" s="14" t="s">
        <v>94619</v>
      </c>
      <c r="D3672" s="2" t="s">
        <v>94620</v>
      </c>
      <c r="E3672" s="2" t="s">
        <v>7204</v>
      </c>
      <c r="F3672" s="8">
        <v>252</v>
      </c>
      <c r="G3672" s="5">
        <v>6</v>
      </c>
      <c r="H3672" s="5" t="s">
        <v>1518</v>
      </c>
      <c r="I3672" s="5" t="s">
        <v>40939</v>
      </c>
      <c r="J3672" s="2" t="s">
        <v>40940</v>
      </c>
      <c r="K3672" s="5" t="s">
        <v>40939</v>
      </c>
      <c r="L3672" s="2" t="s">
        <v>40940</v>
      </c>
      <c r="M3672" s="5" t="s">
        <v>36266</v>
      </c>
      <c r="N3672" s="5" t="s">
        <v>38</v>
      </c>
      <c r="O3672" s="5" t="s">
        <v>39</v>
      </c>
      <c r="P3672" s="5" t="s">
        <v>40</v>
      </c>
      <c r="Q3672" s="5" t="s">
        <v>1522</v>
      </c>
      <c r="R3672" s="5" t="s">
        <v>1523</v>
      </c>
      <c r="S3672" s="5" t="s">
        <v>42</v>
      </c>
      <c r="T3672" s="2">
        <v>2.2480000000000002</v>
      </c>
      <c r="U3672" s="2">
        <v>1.776</v>
      </c>
      <c r="V3672" s="2">
        <v>1.0999999999999999E-2</v>
      </c>
      <c r="W3672" s="2">
        <v>82.9</v>
      </c>
      <c r="X3672" s="2">
        <v>7.6</v>
      </c>
      <c r="Y3672" s="2">
        <v>16.7</v>
      </c>
      <c r="Z3672" s="5"/>
      <c r="AA3672" s="5" t="s">
        <v>43</v>
      </c>
      <c r="AB3672" s="5" t="s">
        <v>44</v>
      </c>
      <c r="AC3672" s="2"/>
      <c r="AD3672" s="1"/>
    </row>
    <row r="3673" spans="1:30">
      <c r="A3673" s="5" t="s">
        <v>83578</v>
      </c>
      <c r="B3673" s="2" t="s">
        <v>94621</v>
      </c>
      <c r="C3673" s="14" t="s">
        <v>94622</v>
      </c>
      <c r="D3673" s="2" t="s">
        <v>94623</v>
      </c>
      <c r="E3673" s="2" t="s">
        <v>7514</v>
      </c>
      <c r="F3673" s="8">
        <v>252</v>
      </c>
      <c r="G3673" s="5">
        <v>6</v>
      </c>
      <c r="H3673" s="5" t="s">
        <v>1518</v>
      </c>
      <c r="I3673" s="5" t="s">
        <v>40939</v>
      </c>
      <c r="J3673" s="2" t="s">
        <v>40940</v>
      </c>
      <c r="K3673" s="5" t="s">
        <v>40939</v>
      </c>
      <c r="L3673" s="2" t="s">
        <v>40940</v>
      </c>
      <c r="M3673" s="5" t="s">
        <v>36266</v>
      </c>
      <c r="N3673" s="5" t="s">
        <v>38</v>
      </c>
      <c r="O3673" s="5" t="s">
        <v>39</v>
      </c>
      <c r="P3673" s="5" t="s">
        <v>40</v>
      </c>
      <c r="Q3673" s="5" t="s">
        <v>1522</v>
      </c>
      <c r="R3673" s="5" t="s">
        <v>1523</v>
      </c>
      <c r="S3673" s="5" t="s">
        <v>42</v>
      </c>
      <c r="T3673" s="2">
        <v>2.31</v>
      </c>
      <c r="U3673" s="2">
        <v>1.8380000000000001</v>
      </c>
      <c r="V3673" s="2">
        <v>1.0999999999999999E-2</v>
      </c>
      <c r="W3673" s="2">
        <v>82.9</v>
      </c>
      <c r="X3673" s="2">
        <v>7.6</v>
      </c>
      <c r="Y3673" s="2">
        <v>16.7</v>
      </c>
      <c r="Z3673" s="5"/>
      <c r="AA3673" s="5" t="s">
        <v>43</v>
      </c>
      <c r="AB3673" s="5" t="s">
        <v>44</v>
      </c>
      <c r="AC3673" s="2"/>
      <c r="AD3673" s="1"/>
    </row>
    <row r="3674" spans="1:30">
      <c r="A3674" s="5" t="s">
        <v>83578</v>
      </c>
      <c r="B3674" s="2" t="s">
        <v>94624</v>
      </c>
      <c r="C3674" s="14" t="s">
        <v>94625</v>
      </c>
      <c r="D3674" s="2" t="s">
        <v>94626</v>
      </c>
      <c r="E3674" s="2" t="s">
        <v>47266</v>
      </c>
      <c r="F3674" s="8">
        <v>270</v>
      </c>
      <c r="G3674" s="5">
        <v>6</v>
      </c>
      <c r="H3674" s="5" t="s">
        <v>1518</v>
      </c>
      <c r="I3674" s="5" t="s">
        <v>40939</v>
      </c>
      <c r="J3674" s="2" t="s">
        <v>40940</v>
      </c>
      <c r="K3674" s="5" t="s">
        <v>40939</v>
      </c>
      <c r="L3674" s="2" t="s">
        <v>40940</v>
      </c>
      <c r="M3674" s="5" t="s">
        <v>36266</v>
      </c>
      <c r="N3674" s="5" t="s">
        <v>38</v>
      </c>
      <c r="O3674" s="5" t="s">
        <v>39</v>
      </c>
      <c r="P3674" s="5" t="s">
        <v>40</v>
      </c>
      <c r="Q3674" s="5" t="s">
        <v>1522</v>
      </c>
      <c r="R3674" s="5" t="s">
        <v>1523</v>
      </c>
      <c r="S3674" s="5" t="s">
        <v>42</v>
      </c>
      <c r="T3674" s="2">
        <v>2.258</v>
      </c>
      <c r="U3674" s="2">
        <v>1.786</v>
      </c>
      <c r="V3674" s="2">
        <v>1.0999999999999999E-2</v>
      </c>
      <c r="W3674" s="2">
        <v>82.9</v>
      </c>
      <c r="X3674" s="2">
        <v>7.6</v>
      </c>
      <c r="Y3674" s="2">
        <v>16.7</v>
      </c>
      <c r="Z3674" s="5"/>
      <c r="AA3674" s="5" t="s">
        <v>43</v>
      </c>
      <c r="AB3674" s="5" t="s">
        <v>44</v>
      </c>
      <c r="AC3674" s="2"/>
      <c r="AD3674" s="1"/>
    </row>
    <row r="3675" spans="1:30">
      <c r="A3675" s="5" t="s">
        <v>83578</v>
      </c>
      <c r="B3675" s="2" t="s">
        <v>94627</v>
      </c>
      <c r="C3675" s="14" t="s">
        <v>94628</v>
      </c>
      <c r="D3675" s="2" t="s">
        <v>94629</v>
      </c>
      <c r="E3675" s="2" t="s">
        <v>47195</v>
      </c>
      <c r="F3675" s="8">
        <v>270</v>
      </c>
      <c r="G3675" s="5">
        <v>6</v>
      </c>
      <c r="H3675" s="5" t="s">
        <v>1518</v>
      </c>
      <c r="I3675" s="5" t="s">
        <v>40939</v>
      </c>
      <c r="J3675" s="2" t="s">
        <v>40940</v>
      </c>
      <c r="K3675" s="5" t="s">
        <v>40939</v>
      </c>
      <c r="L3675" s="2" t="s">
        <v>40940</v>
      </c>
      <c r="M3675" s="5" t="s">
        <v>36266</v>
      </c>
      <c r="N3675" s="5" t="s">
        <v>38</v>
      </c>
      <c r="O3675" s="5" t="s">
        <v>39</v>
      </c>
      <c r="P3675" s="5" t="s">
        <v>40</v>
      </c>
      <c r="Q3675" s="5" t="s">
        <v>1522</v>
      </c>
      <c r="R3675" s="5" t="s">
        <v>1523</v>
      </c>
      <c r="S3675" s="5" t="s">
        <v>42</v>
      </c>
      <c r="T3675" s="2">
        <v>2.3199999999999998</v>
      </c>
      <c r="U3675" s="2">
        <v>1.8480000000000001</v>
      </c>
      <c r="V3675" s="2">
        <v>1.0999999999999999E-2</v>
      </c>
      <c r="W3675" s="2">
        <v>82.9</v>
      </c>
      <c r="X3675" s="2">
        <v>7.6</v>
      </c>
      <c r="Y3675" s="2">
        <v>16.7</v>
      </c>
      <c r="Z3675" s="5"/>
      <c r="AA3675" s="5" t="s">
        <v>43</v>
      </c>
      <c r="AB3675" s="5" t="s">
        <v>44</v>
      </c>
      <c r="AC3675" s="2"/>
      <c r="AD3675" s="1"/>
    </row>
    <row r="3676" spans="1:30">
      <c r="A3676" s="5" t="s">
        <v>83578</v>
      </c>
      <c r="B3676" s="2" t="s">
        <v>94630</v>
      </c>
      <c r="C3676" s="14" t="s">
        <v>94631</v>
      </c>
      <c r="D3676" s="2" t="s">
        <v>94632</v>
      </c>
      <c r="E3676" s="2" t="s">
        <v>7208</v>
      </c>
      <c r="F3676" s="8">
        <v>252</v>
      </c>
      <c r="G3676" s="5">
        <v>6</v>
      </c>
      <c r="H3676" s="5" t="s">
        <v>1518</v>
      </c>
      <c r="I3676" s="5" t="s">
        <v>40939</v>
      </c>
      <c r="J3676" s="2" t="s">
        <v>40940</v>
      </c>
      <c r="K3676" s="5" t="s">
        <v>40939</v>
      </c>
      <c r="L3676" s="2" t="s">
        <v>40940</v>
      </c>
      <c r="M3676" s="5" t="s">
        <v>36266</v>
      </c>
      <c r="N3676" s="5" t="s">
        <v>38</v>
      </c>
      <c r="O3676" s="5" t="s">
        <v>39</v>
      </c>
      <c r="P3676" s="5" t="s">
        <v>40</v>
      </c>
      <c r="Q3676" s="5" t="s">
        <v>1522</v>
      </c>
      <c r="R3676" s="5" t="s">
        <v>1523</v>
      </c>
      <c r="S3676" s="5" t="s">
        <v>42</v>
      </c>
      <c r="T3676" s="2">
        <v>2.2629999999999999</v>
      </c>
      <c r="U3676" s="2">
        <v>1.7909999999999999</v>
      </c>
      <c r="V3676" s="2">
        <v>1.0999999999999999E-2</v>
      </c>
      <c r="W3676" s="2">
        <v>82.9</v>
      </c>
      <c r="X3676" s="2">
        <v>7.6</v>
      </c>
      <c r="Y3676" s="2">
        <v>16.7</v>
      </c>
      <c r="Z3676" s="5"/>
      <c r="AA3676" s="5" t="s">
        <v>43</v>
      </c>
      <c r="AB3676" s="5" t="s">
        <v>44</v>
      </c>
      <c r="AC3676" s="2"/>
      <c r="AD3676" s="1"/>
    </row>
    <row r="3677" spans="1:30">
      <c r="A3677" s="5" t="s">
        <v>83578</v>
      </c>
      <c r="B3677" s="2" t="s">
        <v>94633</v>
      </c>
      <c r="C3677" s="14" t="s">
        <v>94634</v>
      </c>
      <c r="D3677" s="2" t="s">
        <v>94635</v>
      </c>
      <c r="E3677" s="2" t="s">
        <v>7521</v>
      </c>
      <c r="F3677" s="8">
        <v>252</v>
      </c>
      <c r="G3677" s="5">
        <v>6</v>
      </c>
      <c r="H3677" s="5" t="s">
        <v>1518</v>
      </c>
      <c r="I3677" s="5" t="s">
        <v>40939</v>
      </c>
      <c r="J3677" s="2" t="s">
        <v>40940</v>
      </c>
      <c r="K3677" s="5" t="s">
        <v>40939</v>
      </c>
      <c r="L3677" s="2" t="s">
        <v>40940</v>
      </c>
      <c r="M3677" s="5" t="s">
        <v>36266</v>
      </c>
      <c r="N3677" s="5" t="s">
        <v>38</v>
      </c>
      <c r="O3677" s="5" t="s">
        <v>39</v>
      </c>
      <c r="P3677" s="5" t="s">
        <v>40</v>
      </c>
      <c r="Q3677" s="5" t="s">
        <v>1522</v>
      </c>
      <c r="R3677" s="5" t="s">
        <v>1523</v>
      </c>
      <c r="S3677" s="5" t="s">
        <v>42</v>
      </c>
      <c r="T3677" s="2">
        <v>2.3250000000000002</v>
      </c>
      <c r="U3677" s="2">
        <v>1.853</v>
      </c>
      <c r="V3677" s="2">
        <v>1.0999999999999999E-2</v>
      </c>
      <c r="W3677" s="2">
        <v>82.9</v>
      </c>
      <c r="X3677" s="2">
        <v>7.6</v>
      </c>
      <c r="Y3677" s="2">
        <v>16.7</v>
      </c>
      <c r="Z3677" s="5"/>
      <c r="AA3677" s="5" t="s">
        <v>43</v>
      </c>
      <c r="AB3677" s="5" t="s">
        <v>44</v>
      </c>
      <c r="AC3677" s="2"/>
      <c r="AD3677" s="1"/>
    </row>
    <row r="3678" spans="1:30">
      <c r="A3678" s="5" t="s">
        <v>83578</v>
      </c>
      <c r="B3678" s="2" t="s">
        <v>94636</v>
      </c>
      <c r="C3678" s="14" t="s">
        <v>94637</v>
      </c>
      <c r="D3678" s="2" t="s">
        <v>94638</v>
      </c>
      <c r="E3678" s="2" t="s">
        <v>36273</v>
      </c>
      <c r="F3678" s="8">
        <v>252</v>
      </c>
      <c r="G3678" s="5">
        <v>6</v>
      </c>
      <c r="H3678" s="5" t="s">
        <v>1518</v>
      </c>
      <c r="I3678" s="5" t="s">
        <v>40939</v>
      </c>
      <c r="J3678" s="2" t="s">
        <v>40940</v>
      </c>
      <c r="K3678" s="5" t="s">
        <v>40939</v>
      </c>
      <c r="L3678" s="2" t="s">
        <v>40940</v>
      </c>
      <c r="M3678" s="5" t="s">
        <v>36266</v>
      </c>
      <c r="N3678" s="5" t="s">
        <v>38</v>
      </c>
      <c r="O3678" s="5" t="s">
        <v>39</v>
      </c>
      <c r="P3678" s="5" t="s">
        <v>40</v>
      </c>
      <c r="Q3678" s="5" t="s">
        <v>1522</v>
      </c>
      <c r="R3678" s="5" t="s">
        <v>1523</v>
      </c>
      <c r="S3678" s="5" t="s">
        <v>42</v>
      </c>
      <c r="T3678" s="2">
        <v>2.2730000000000001</v>
      </c>
      <c r="U3678" s="2">
        <v>1.8009999999999999</v>
      </c>
      <c r="V3678" s="2">
        <v>1.0999999999999999E-2</v>
      </c>
      <c r="W3678" s="2">
        <v>82.9</v>
      </c>
      <c r="X3678" s="2">
        <v>7.6</v>
      </c>
      <c r="Y3678" s="2">
        <v>16.7</v>
      </c>
      <c r="Z3678" s="5"/>
      <c r="AA3678" s="5" t="s">
        <v>43</v>
      </c>
      <c r="AB3678" s="5" t="s">
        <v>44</v>
      </c>
      <c r="AC3678" s="2"/>
      <c r="AD3678" s="1"/>
    </row>
    <row r="3679" spans="1:30">
      <c r="A3679" s="5" t="s">
        <v>83578</v>
      </c>
      <c r="B3679" s="2" t="s">
        <v>94639</v>
      </c>
      <c r="C3679" s="14" t="s">
        <v>94640</v>
      </c>
      <c r="D3679" s="2" t="s">
        <v>94641</v>
      </c>
      <c r="E3679" s="2" t="s">
        <v>36277</v>
      </c>
      <c r="F3679" s="8">
        <v>252</v>
      </c>
      <c r="G3679" s="5">
        <v>6</v>
      </c>
      <c r="H3679" s="5" t="s">
        <v>1518</v>
      </c>
      <c r="I3679" s="5" t="s">
        <v>40939</v>
      </c>
      <c r="J3679" s="2" t="s">
        <v>40940</v>
      </c>
      <c r="K3679" s="5" t="s">
        <v>40939</v>
      </c>
      <c r="L3679" s="2" t="s">
        <v>40940</v>
      </c>
      <c r="M3679" s="5" t="s">
        <v>36266</v>
      </c>
      <c r="N3679" s="5" t="s">
        <v>38</v>
      </c>
      <c r="O3679" s="5" t="s">
        <v>39</v>
      </c>
      <c r="P3679" s="5" t="s">
        <v>40</v>
      </c>
      <c r="Q3679" s="5" t="s">
        <v>1522</v>
      </c>
      <c r="R3679" s="5" t="s">
        <v>1523</v>
      </c>
      <c r="S3679" s="5" t="s">
        <v>42</v>
      </c>
      <c r="T3679" s="2">
        <v>2.335</v>
      </c>
      <c r="U3679" s="2">
        <v>1.863</v>
      </c>
      <c r="V3679" s="2">
        <v>1.0999999999999999E-2</v>
      </c>
      <c r="W3679" s="2">
        <v>82.9</v>
      </c>
      <c r="X3679" s="2">
        <v>7.6</v>
      </c>
      <c r="Y3679" s="2">
        <v>16.7</v>
      </c>
      <c r="Z3679" s="5"/>
      <c r="AA3679" s="5" t="s">
        <v>43</v>
      </c>
      <c r="AB3679" s="5" t="s">
        <v>44</v>
      </c>
      <c r="AC3679" s="2"/>
      <c r="AD3679" s="1"/>
    </row>
    <row r="3680" spans="1:30">
      <c r="A3680" s="5" t="s">
        <v>83578</v>
      </c>
      <c r="B3680" s="2" t="s">
        <v>94642</v>
      </c>
      <c r="C3680" s="14" t="s">
        <v>94643</v>
      </c>
      <c r="D3680" s="2" t="s">
        <v>94644</v>
      </c>
      <c r="E3680" s="2" t="s">
        <v>40967</v>
      </c>
      <c r="F3680" s="8">
        <v>270</v>
      </c>
      <c r="G3680" s="5">
        <v>6</v>
      </c>
      <c r="H3680" s="5" t="s">
        <v>1518</v>
      </c>
      <c r="I3680" s="5" t="s">
        <v>40939</v>
      </c>
      <c r="J3680" s="2" t="s">
        <v>40940</v>
      </c>
      <c r="K3680" s="5" t="s">
        <v>40939</v>
      </c>
      <c r="L3680" s="2" t="s">
        <v>40940</v>
      </c>
      <c r="M3680" s="5" t="s">
        <v>36266</v>
      </c>
      <c r="N3680" s="5" t="s">
        <v>38</v>
      </c>
      <c r="O3680" s="5" t="s">
        <v>39</v>
      </c>
      <c r="P3680" s="5" t="s">
        <v>40</v>
      </c>
      <c r="Q3680" s="5" t="s">
        <v>1522</v>
      </c>
      <c r="R3680" s="5" t="s">
        <v>1523</v>
      </c>
      <c r="S3680" s="5" t="s">
        <v>42</v>
      </c>
      <c r="T3680" s="2">
        <v>2.2629999999999999</v>
      </c>
      <c r="U3680" s="2">
        <v>1.7909999999999999</v>
      </c>
      <c r="V3680" s="2">
        <v>1.0999999999999999E-2</v>
      </c>
      <c r="W3680" s="2">
        <v>82.9</v>
      </c>
      <c r="X3680" s="2">
        <v>7.6</v>
      </c>
      <c r="Y3680" s="2">
        <v>16.7</v>
      </c>
      <c r="Z3680" s="5"/>
      <c r="AA3680" s="5" t="s">
        <v>43</v>
      </c>
      <c r="AB3680" s="5" t="s">
        <v>44</v>
      </c>
      <c r="AC3680" s="2"/>
      <c r="AD3680" s="1"/>
    </row>
    <row r="3681" spans="1:30">
      <c r="A3681" s="5" t="s">
        <v>83578</v>
      </c>
      <c r="B3681" s="2" t="s">
        <v>94645</v>
      </c>
      <c r="C3681" s="14" t="s">
        <v>94646</v>
      </c>
      <c r="D3681" s="2" t="s">
        <v>94647</v>
      </c>
      <c r="E3681" s="2" t="s">
        <v>40971</v>
      </c>
      <c r="F3681" s="8">
        <v>270</v>
      </c>
      <c r="G3681" s="5">
        <v>6</v>
      </c>
      <c r="H3681" s="5" t="s">
        <v>1518</v>
      </c>
      <c r="I3681" s="5" t="s">
        <v>40939</v>
      </c>
      <c r="J3681" s="2" t="s">
        <v>40940</v>
      </c>
      <c r="K3681" s="5" t="s">
        <v>40939</v>
      </c>
      <c r="L3681" s="2" t="s">
        <v>40940</v>
      </c>
      <c r="M3681" s="5" t="s">
        <v>36266</v>
      </c>
      <c r="N3681" s="5" t="s">
        <v>38</v>
      </c>
      <c r="O3681" s="5" t="s">
        <v>39</v>
      </c>
      <c r="P3681" s="5" t="s">
        <v>40</v>
      </c>
      <c r="Q3681" s="5" t="s">
        <v>1522</v>
      </c>
      <c r="R3681" s="5" t="s">
        <v>1523</v>
      </c>
      <c r="S3681" s="5" t="s">
        <v>42</v>
      </c>
      <c r="T3681" s="2">
        <v>2.3250000000000002</v>
      </c>
      <c r="U3681" s="2">
        <v>1.853</v>
      </c>
      <c r="V3681" s="2">
        <v>1.0999999999999999E-2</v>
      </c>
      <c r="W3681" s="2">
        <v>82.9</v>
      </c>
      <c r="X3681" s="2">
        <v>7.6</v>
      </c>
      <c r="Y3681" s="2">
        <v>16.7</v>
      </c>
      <c r="Z3681" s="5"/>
      <c r="AA3681" s="5" t="s">
        <v>43</v>
      </c>
      <c r="AB3681" s="5" t="s">
        <v>44</v>
      </c>
      <c r="AC3681" s="2"/>
      <c r="AD3681" s="1"/>
    </row>
    <row r="3682" spans="1:30">
      <c r="A3682" s="5" t="s">
        <v>83578</v>
      </c>
      <c r="B3682" s="2" t="s">
        <v>94648</v>
      </c>
      <c r="C3682" s="14" t="s">
        <v>94649</v>
      </c>
      <c r="D3682" s="2" t="s">
        <v>94650</v>
      </c>
      <c r="E3682" s="2" t="s">
        <v>47226</v>
      </c>
      <c r="F3682" s="8">
        <v>270</v>
      </c>
      <c r="G3682" s="5">
        <v>6</v>
      </c>
      <c r="H3682" s="5" t="s">
        <v>1518</v>
      </c>
      <c r="I3682" s="5" t="s">
        <v>40939</v>
      </c>
      <c r="J3682" s="2" t="s">
        <v>40940</v>
      </c>
      <c r="K3682" s="5" t="s">
        <v>40939</v>
      </c>
      <c r="L3682" s="2" t="s">
        <v>40940</v>
      </c>
      <c r="M3682" s="5" t="s">
        <v>36266</v>
      </c>
      <c r="N3682" s="5" t="s">
        <v>38</v>
      </c>
      <c r="O3682" s="5" t="s">
        <v>39</v>
      </c>
      <c r="P3682" s="5" t="s">
        <v>40</v>
      </c>
      <c r="Q3682" s="5" t="s">
        <v>1522</v>
      </c>
      <c r="R3682" s="5" t="s">
        <v>1523</v>
      </c>
      <c r="S3682" s="5" t="s">
        <v>42</v>
      </c>
      <c r="T3682" s="2">
        <v>2.2629999999999999</v>
      </c>
      <c r="U3682" s="2">
        <v>1.7909999999999999</v>
      </c>
      <c r="V3682" s="2">
        <v>1.0999999999999999E-2</v>
      </c>
      <c r="W3682" s="2">
        <v>82.9</v>
      </c>
      <c r="X3682" s="2">
        <v>7.6</v>
      </c>
      <c r="Y3682" s="2">
        <v>16.7</v>
      </c>
      <c r="Z3682" s="5"/>
      <c r="AA3682" s="5" t="s">
        <v>43</v>
      </c>
      <c r="AB3682" s="5" t="s">
        <v>44</v>
      </c>
      <c r="AC3682" s="2"/>
      <c r="AD3682" s="1"/>
    </row>
    <row r="3683" spans="1:30">
      <c r="A3683" s="5" t="s">
        <v>83578</v>
      </c>
      <c r="B3683" s="2" t="s">
        <v>94651</v>
      </c>
      <c r="C3683" s="14" t="s">
        <v>94652</v>
      </c>
      <c r="D3683" s="2" t="s">
        <v>94653</v>
      </c>
      <c r="E3683" s="2" t="s">
        <v>47735</v>
      </c>
      <c r="F3683" s="8">
        <v>270</v>
      </c>
      <c r="G3683" s="5">
        <v>6</v>
      </c>
      <c r="H3683" s="5" t="s">
        <v>1518</v>
      </c>
      <c r="I3683" s="5" t="s">
        <v>40939</v>
      </c>
      <c r="J3683" s="2" t="s">
        <v>40940</v>
      </c>
      <c r="K3683" s="5" t="s">
        <v>40939</v>
      </c>
      <c r="L3683" s="2" t="s">
        <v>40940</v>
      </c>
      <c r="M3683" s="5" t="s">
        <v>36266</v>
      </c>
      <c r="N3683" s="5" t="s">
        <v>38</v>
      </c>
      <c r="O3683" s="5" t="s">
        <v>39</v>
      </c>
      <c r="P3683" s="5" t="s">
        <v>40</v>
      </c>
      <c r="Q3683" s="5" t="s">
        <v>1522</v>
      </c>
      <c r="R3683" s="5" t="s">
        <v>1523</v>
      </c>
      <c r="S3683" s="5" t="s">
        <v>42</v>
      </c>
      <c r="T3683" s="2">
        <v>2.3250000000000002</v>
      </c>
      <c r="U3683" s="2">
        <v>1.853</v>
      </c>
      <c r="V3683" s="2">
        <v>1.0999999999999999E-2</v>
      </c>
      <c r="W3683" s="2">
        <v>82.9</v>
      </c>
      <c r="X3683" s="2">
        <v>7.6</v>
      </c>
      <c r="Y3683" s="2">
        <v>16.7</v>
      </c>
      <c r="Z3683" s="5"/>
      <c r="AA3683" s="5" t="s">
        <v>43</v>
      </c>
      <c r="AB3683" s="5" t="s">
        <v>44</v>
      </c>
      <c r="AC3683" s="2"/>
      <c r="AD3683" s="1"/>
    </row>
    <row r="3684" spans="1:30">
      <c r="A3684" s="5" t="s">
        <v>83578</v>
      </c>
      <c r="B3684" s="2" t="s">
        <v>94654</v>
      </c>
      <c r="C3684" s="14" t="s">
        <v>94655</v>
      </c>
      <c r="D3684" s="2" t="s">
        <v>94656</v>
      </c>
      <c r="E3684" s="2" t="s">
        <v>7539</v>
      </c>
      <c r="F3684" s="8">
        <v>270</v>
      </c>
      <c r="G3684" s="5">
        <v>6</v>
      </c>
      <c r="H3684" s="5" t="s">
        <v>1518</v>
      </c>
      <c r="I3684" s="5" t="s">
        <v>40939</v>
      </c>
      <c r="J3684" s="2" t="s">
        <v>40940</v>
      </c>
      <c r="K3684" s="5" t="s">
        <v>40939</v>
      </c>
      <c r="L3684" s="2" t="s">
        <v>40940</v>
      </c>
      <c r="M3684" s="5" t="s">
        <v>36266</v>
      </c>
      <c r="N3684" s="5" t="s">
        <v>38</v>
      </c>
      <c r="O3684" s="5" t="s">
        <v>39</v>
      </c>
      <c r="P3684" s="5" t="s">
        <v>40</v>
      </c>
      <c r="Q3684" s="5" t="s">
        <v>1522</v>
      </c>
      <c r="R3684" s="5" t="s">
        <v>1523</v>
      </c>
      <c r="S3684" s="5" t="s">
        <v>42</v>
      </c>
      <c r="T3684" s="2">
        <v>2.2389999999999999</v>
      </c>
      <c r="U3684" s="2">
        <v>1.7669999999999999</v>
      </c>
      <c r="V3684" s="2">
        <v>1.0999999999999999E-2</v>
      </c>
      <c r="W3684" s="2">
        <v>82.9</v>
      </c>
      <c r="X3684" s="2">
        <v>7.6</v>
      </c>
      <c r="Y3684" s="2">
        <v>16.7</v>
      </c>
      <c r="Z3684" s="5"/>
      <c r="AA3684" s="5" t="s">
        <v>43</v>
      </c>
      <c r="AB3684" s="5" t="s">
        <v>44</v>
      </c>
      <c r="AC3684" s="2"/>
      <c r="AD3684" s="1"/>
    </row>
    <row r="3685" spans="1:30">
      <c r="A3685" s="5" t="s">
        <v>83578</v>
      </c>
      <c r="B3685" s="2" t="s">
        <v>94657</v>
      </c>
      <c r="C3685" s="14" t="s">
        <v>94658</v>
      </c>
      <c r="D3685" s="2" t="s">
        <v>94659</v>
      </c>
      <c r="E3685" s="2" t="s">
        <v>7543</v>
      </c>
      <c r="F3685" s="8">
        <v>270</v>
      </c>
      <c r="G3685" s="5">
        <v>6</v>
      </c>
      <c r="H3685" s="5" t="s">
        <v>1518</v>
      </c>
      <c r="I3685" s="5" t="s">
        <v>40939</v>
      </c>
      <c r="J3685" s="2" t="s">
        <v>40940</v>
      </c>
      <c r="K3685" s="5" t="s">
        <v>40939</v>
      </c>
      <c r="L3685" s="2" t="s">
        <v>40940</v>
      </c>
      <c r="M3685" s="5" t="s">
        <v>36266</v>
      </c>
      <c r="N3685" s="5" t="s">
        <v>38</v>
      </c>
      <c r="O3685" s="5" t="s">
        <v>39</v>
      </c>
      <c r="P3685" s="5" t="s">
        <v>40</v>
      </c>
      <c r="Q3685" s="5" t="s">
        <v>1522</v>
      </c>
      <c r="R3685" s="5" t="s">
        <v>1523</v>
      </c>
      <c r="S3685" s="5" t="s">
        <v>42</v>
      </c>
      <c r="T3685" s="2">
        <v>2.3010000000000002</v>
      </c>
      <c r="U3685" s="2">
        <v>1.829</v>
      </c>
      <c r="V3685" s="2">
        <v>1.0999999999999999E-2</v>
      </c>
      <c r="W3685" s="2">
        <v>82.9</v>
      </c>
      <c r="X3685" s="2">
        <v>7.6</v>
      </c>
      <c r="Y3685" s="2">
        <v>16.7</v>
      </c>
      <c r="Z3685" s="5"/>
      <c r="AA3685" s="5" t="s">
        <v>43</v>
      </c>
      <c r="AB3685" s="5" t="s">
        <v>44</v>
      </c>
      <c r="AC3685" s="2"/>
      <c r="AD3685" s="1"/>
    </row>
    <row r="3686" spans="1:30">
      <c r="A3686" s="5" t="s">
        <v>83578</v>
      </c>
      <c r="B3686" s="2" t="s">
        <v>94660</v>
      </c>
      <c r="C3686" s="14" t="s">
        <v>94661</v>
      </c>
      <c r="D3686" s="2" t="s">
        <v>94662</v>
      </c>
      <c r="E3686" s="2" t="s">
        <v>40989</v>
      </c>
      <c r="F3686" s="8">
        <v>270</v>
      </c>
      <c r="G3686" s="5">
        <v>6</v>
      </c>
      <c r="H3686" s="5" t="s">
        <v>1518</v>
      </c>
      <c r="I3686" s="5" t="s">
        <v>40939</v>
      </c>
      <c r="J3686" s="2" t="s">
        <v>40940</v>
      </c>
      <c r="K3686" s="5" t="s">
        <v>40939</v>
      </c>
      <c r="L3686" s="2" t="s">
        <v>40940</v>
      </c>
      <c r="M3686" s="5" t="s">
        <v>36266</v>
      </c>
      <c r="N3686" s="5" t="s">
        <v>38</v>
      </c>
      <c r="O3686" s="5" t="s">
        <v>39</v>
      </c>
      <c r="P3686" s="5" t="s">
        <v>40</v>
      </c>
      <c r="Q3686" s="5" t="s">
        <v>1522</v>
      </c>
      <c r="R3686" s="5" t="s">
        <v>1523</v>
      </c>
      <c r="S3686" s="5" t="s">
        <v>42</v>
      </c>
      <c r="T3686" s="2">
        <v>2.2629999999999999</v>
      </c>
      <c r="U3686" s="2">
        <v>1.7909999999999999</v>
      </c>
      <c r="V3686" s="2">
        <v>1.0999999999999999E-2</v>
      </c>
      <c r="W3686" s="2">
        <v>82.9</v>
      </c>
      <c r="X3686" s="2">
        <v>7.6</v>
      </c>
      <c r="Y3686" s="2">
        <v>16.7</v>
      </c>
      <c r="Z3686" s="5"/>
      <c r="AA3686" s="5" t="s">
        <v>43</v>
      </c>
      <c r="AB3686" s="5" t="s">
        <v>44</v>
      </c>
      <c r="AC3686" s="2"/>
      <c r="AD3686" s="1"/>
    </row>
    <row r="3687" spans="1:30">
      <c r="A3687" s="5" t="s">
        <v>83578</v>
      </c>
      <c r="B3687" s="2" t="s">
        <v>94663</v>
      </c>
      <c r="C3687" s="14" t="s">
        <v>94664</v>
      </c>
      <c r="D3687" s="2" t="s">
        <v>94665</v>
      </c>
      <c r="E3687" s="2" t="s">
        <v>40993</v>
      </c>
      <c r="F3687" s="8">
        <v>270</v>
      </c>
      <c r="G3687" s="5">
        <v>6</v>
      </c>
      <c r="H3687" s="5" t="s">
        <v>1518</v>
      </c>
      <c r="I3687" s="5" t="s">
        <v>40939</v>
      </c>
      <c r="J3687" s="2" t="s">
        <v>40940</v>
      </c>
      <c r="K3687" s="5" t="s">
        <v>40939</v>
      </c>
      <c r="L3687" s="2" t="s">
        <v>40940</v>
      </c>
      <c r="M3687" s="5" t="s">
        <v>36266</v>
      </c>
      <c r="N3687" s="5" t="s">
        <v>38</v>
      </c>
      <c r="O3687" s="5" t="s">
        <v>39</v>
      </c>
      <c r="P3687" s="5" t="s">
        <v>40</v>
      </c>
      <c r="Q3687" s="5" t="s">
        <v>1522</v>
      </c>
      <c r="R3687" s="5" t="s">
        <v>1523</v>
      </c>
      <c r="S3687" s="5" t="s">
        <v>42</v>
      </c>
      <c r="T3687" s="2">
        <v>2.3250000000000002</v>
      </c>
      <c r="U3687" s="2">
        <v>1.853</v>
      </c>
      <c r="V3687" s="2">
        <v>1.0999999999999999E-2</v>
      </c>
      <c r="W3687" s="2">
        <v>82.9</v>
      </c>
      <c r="X3687" s="2">
        <v>7.6</v>
      </c>
      <c r="Y3687" s="2">
        <v>16.7</v>
      </c>
      <c r="Z3687" s="5"/>
      <c r="AA3687" s="5" t="s">
        <v>43</v>
      </c>
      <c r="AB3687" s="5" t="s">
        <v>44</v>
      </c>
      <c r="AC3687" s="2"/>
      <c r="AD3687" s="1"/>
    </row>
    <row r="3688" spans="1:30">
      <c r="A3688" s="5" t="s">
        <v>83578</v>
      </c>
      <c r="B3688" s="2" t="s">
        <v>94666</v>
      </c>
      <c r="C3688" s="14" t="s">
        <v>94667</v>
      </c>
      <c r="D3688" s="2" t="s">
        <v>94668</v>
      </c>
      <c r="E3688" s="2" t="s">
        <v>40997</v>
      </c>
      <c r="F3688" s="8">
        <v>270</v>
      </c>
      <c r="G3688" s="5">
        <v>6</v>
      </c>
      <c r="H3688" s="5" t="s">
        <v>1518</v>
      </c>
      <c r="I3688" s="5" t="s">
        <v>40939</v>
      </c>
      <c r="J3688" s="2" t="s">
        <v>40940</v>
      </c>
      <c r="K3688" s="5" t="s">
        <v>40939</v>
      </c>
      <c r="L3688" s="2" t="s">
        <v>40940</v>
      </c>
      <c r="M3688" s="5" t="s">
        <v>36266</v>
      </c>
      <c r="N3688" s="5" t="s">
        <v>38</v>
      </c>
      <c r="O3688" s="5" t="s">
        <v>39</v>
      </c>
      <c r="P3688" s="5" t="s">
        <v>40</v>
      </c>
      <c r="Q3688" s="5" t="s">
        <v>1522</v>
      </c>
      <c r="R3688" s="5" t="s">
        <v>1523</v>
      </c>
      <c r="S3688" s="5" t="s">
        <v>42</v>
      </c>
      <c r="T3688" s="2">
        <v>2.2429999999999999</v>
      </c>
      <c r="U3688" s="2">
        <v>1.7709999999999999</v>
      </c>
      <c r="V3688" s="2">
        <v>1.0999999999999999E-2</v>
      </c>
      <c r="W3688" s="2">
        <v>82.9</v>
      </c>
      <c r="X3688" s="2">
        <v>7.6</v>
      </c>
      <c r="Y3688" s="2">
        <v>16.7</v>
      </c>
      <c r="Z3688" s="5"/>
      <c r="AA3688" s="5" t="s">
        <v>43</v>
      </c>
      <c r="AB3688" s="5" t="s">
        <v>44</v>
      </c>
      <c r="AC3688" s="2"/>
      <c r="AD3688" s="1"/>
    </row>
    <row r="3689" spans="1:30">
      <c r="A3689" s="5" t="s">
        <v>83578</v>
      </c>
      <c r="B3689" s="2" t="s">
        <v>94669</v>
      </c>
      <c r="C3689" s="14" t="s">
        <v>94670</v>
      </c>
      <c r="D3689" s="2" t="s">
        <v>94671</v>
      </c>
      <c r="E3689" s="2" t="s">
        <v>41267</v>
      </c>
      <c r="F3689" s="8">
        <v>270</v>
      </c>
      <c r="G3689" s="5">
        <v>6</v>
      </c>
      <c r="H3689" s="5" t="s">
        <v>1518</v>
      </c>
      <c r="I3689" s="5" t="s">
        <v>40939</v>
      </c>
      <c r="J3689" s="2" t="s">
        <v>40940</v>
      </c>
      <c r="K3689" s="5" t="s">
        <v>40939</v>
      </c>
      <c r="L3689" s="2" t="s">
        <v>40940</v>
      </c>
      <c r="M3689" s="5" t="s">
        <v>36266</v>
      </c>
      <c r="N3689" s="5" t="s">
        <v>38</v>
      </c>
      <c r="O3689" s="5" t="s">
        <v>39</v>
      </c>
      <c r="P3689" s="5" t="s">
        <v>40</v>
      </c>
      <c r="Q3689" s="5" t="s">
        <v>1522</v>
      </c>
      <c r="R3689" s="5" t="s">
        <v>1523</v>
      </c>
      <c r="S3689" s="5" t="s">
        <v>42</v>
      </c>
      <c r="T3689" s="2">
        <v>2.3050000000000002</v>
      </c>
      <c r="U3689" s="2">
        <v>1.833</v>
      </c>
      <c r="V3689" s="2">
        <v>1.0999999999999999E-2</v>
      </c>
      <c r="W3689" s="2">
        <v>82.9</v>
      </c>
      <c r="X3689" s="2">
        <v>7.6</v>
      </c>
      <c r="Y3689" s="2">
        <v>16.7</v>
      </c>
      <c r="Z3689" s="5"/>
      <c r="AA3689" s="5" t="s">
        <v>43</v>
      </c>
      <c r="AB3689" s="5" t="s">
        <v>44</v>
      </c>
      <c r="AC3689" s="2"/>
      <c r="AD3689" s="1"/>
    </row>
    <row r="3690" spans="1:30">
      <c r="A3690" s="5" t="s">
        <v>83578</v>
      </c>
      <c r="B3690" s="2" t="s">
        <v>94672</v>
      </c>
      <c r="C3690" s="14" t="s">
        <v>94673</v>
      </c>
      <c r="D3690" s="2" t="s">
        <v>94674</v>
      </c>
      <c r="E3690" s="2" t="s">
        <v>41001</v>
      </c>
      <c r="F3690" s="8">
        <v>270</v>
      </c>
      <c r="G3690" s="5">
        <v>6</v>
      </c>
      <c r="H3690" s="5" t="s">
        <v>1518</v>
      </c>
      <c r="I3690" s="5" t="s">
        <v>40939</v>
      </c>
      <c r="J3690" s="2" t="s">
        <v>40940</v>
      </c>
      <c r="K3690" s="5" t="s">
        <v>40939</v>
      </c>
      <c r="L3690" s="2" t="s">
        <v>40940</v>
      </c>
      <c r="M3690" s="5" t="s">
        <v>36266</v>
      </c>
      <c r="N3690" s="5" t="s">
        <v>38</v>
      </c>
      <c r="O3690" s="5" t="s">
        <v>39</v>
      </c>
      <c r="P3690" s="5" t="s">
        <v>40</v>
      </c>
      <c r="Q3690" s="5" t="s">
        <v>1522</v>
      </c>
      <c r="R3690" s="5" t="s">
        <v>1523</v>
      </c>
      <c r="S3690" s="5" t="s">
        <v>42</v>
      </c>
      <c r="T3690" s="2">
        <v>2.2629999999999999</v>
      </c>
      <c r="U3690" s="2">
        <v>1.7909999999999999</v>
      </c>
      <c r="V3690" s="2">
        <v>1.0999999999999999E-2</v>
      </c>
      <c r="W3690" s="2">
        <v>82.9</v>
      </c>
      <c r="X3690" s="2">
        <v>7.6</v>
      </c>
      <c r="Y3690" s="2">
        <v>16.7</v>
      </c>
      <c r="Z3690" s="5"/>
      <c r="AA3690" s="5" t="s">
        <v>43</v>
      </c>
      <c r="AB3690" s="5" t="s">
        <v>44</v>
      </c>
      <c r="AC3690" s="2"/>
      <c r="AD3690" s="1"/>
    </row>
    <row r="3691" spans="1:30">
      <c r="A3691" s="5" t="s">
        <v>83578</v>
      </c>
      <c r="B3691" s="2" t="s">
        <v>94675</v>
      </c>
      <c r="C3691" s="14" t="s">
        <v>94676</v>
      </c>
      <c r="D3691" s="2" t="s">
        <v>94677</v>
      </c>
      <c r="E3691" s="2" t="s">
        <v>41005</v>
      </c>
      <c r="F3691" s="8">
        <v>270</v>
      </c>
      <c r="G3691" s="5">
        <v>6</v>
      </c>
      <c r="H3691" s="5" t="s">
        <v>1518</v>
      </c>
      <c r="I3691" s="5" t="s">
        <v>40939</v>
      </c>
      <c r="J3691" s="2" t="s">
        <v>40940</v>
      </c>
      <c r="K3691" s="5" t="s">
        <v>40939</v>
      </c>
      <c r="L3691" s="2" t="s">
        <v>40940</v>
      </c>
      <c r="M3691" s="5" t="s">
        <v>36266</v>
      </c>
      <c r="N3691" s="5" t="s">
        <v>38</v>
      </c>
      <c r="O3691" s="5" t="s">
        <v>39</v>
      </c>
      <c r="P3691" s="5" t="s">
        <v>40</v>
      </c>
      <c r="Q3691" s="5" t="s">
        <v>1522</v>
      </c>
      <c r="R3691" s="5" t="s">
        <v>1523</v>
      </c>
      <c r="S3691" s="5" t="s">
        <v>42</v>
      </c>
      <c r="T3691" s="2">
        <v>2.3250000000000002</v>
      </c>
      <c r="U3691" s="2">
        <v>1.853</v>
      </c>
      <c r="V3691" s="2">
        <v>1.0999999999999999E-2</v>
      </c>
      <c r="W3691" s="2">
        <v>82.9</v>
      </c>
      <c r="X3691" s="2">
        <v>7.6</v>
      </c>
      <c r="Y3691" s="2">
        <v>16.7</v>
      </c>
      <c r="Z3691" s="5"/>
      <c r="AA3691" s="5" t="s">
        <v>43</v>
      </c>
      <c r="AB3691" s="5" t="s">
        <v>44</v>
      </c>
      <c r="AC3691" s="2"/>
      <c r="AD3691" s="1"/>
    </row>
    <row r="3692" spans="1:30">
      <c r="A3692" s="5" t="s">
        <v>83578</v>
      </c>
      <c r="B3692" s="2" t="s">
        <v>94678</v>
      </c>
      <c r="C3692" s="14" t="s">
        <v>94679</v>
      </c>
      <c r="D3692" s="2" t="s">
        <v>94680</v>
      </c>
      <c r="E3692" s="2" t="s">
        <v>41009</v>
      </c>
      <c r="F3692" s="8">
        <v>270</v>
      </c>
      <c r="G3692" s="5">
        <v>6</v>
      </c>
      <c r="H3692" s="5" t="s">
        <v>1518</v>
      </c>
      <c r="I3692" s="5" t="s">
        <v>40939</v>
      </c>
      <c r="J3692" s="2" t="s">
        <v>40940</v>
      </c>
      <c r="K3692" s="5" t="s">
        <v>40939</v>
      </c>
      <c r="L3692" s="2" t="s">
        <v>40940</v>
      </c>
      <c r="M3692" s="5" t="s">
        <v>36266</v>
      </c>
      <c r="N3692" s="5" t="s">
        <v>38</v>
      </c>
      <c r="O3692" s="5" t="s">
        <v>39</v>
      </c>
      <c r="P3692" s="5" t="s">
        <v>40</v>
      </c>
      <c r="Q3692" s="5" t="s">
        <v>1522</v>
      </c>
      <c r="R3692" s="5" t="s">
        <v>1523</v>
      </c>
      <c r="S3692" s="5" t="s">
        <v>42</v>
      </c>
      <c r="T3692" s="2">
        <v>2.2679999999999998</v>
      </c>
      <c r="U3692" s="2">
        <v>1.796</v>
      </c>
      <c r="V3692" s="2">
        <v>1.0999999999999999E-2</v>
      </c>
      <c r="W3692" s="2">
        <v>82.9</v>
      </c>
      <c r="X3692" s="2">
        <v>7.6</v>
      </c>
      <c r="Y3692" s="2">
        <v>16.7</v>
      </c>
      <c r="Z3692" s="5"/>
      <c r="AA3692" s="5" t="s">
        <v>43</v>
      </c>
      <c r="AB3692" s="5" t="s">
        <v>44</v>
      </c>
      <c r="AC3692" s="2"/>
      <c r="AD3692" s="1"/>
    </row>
    <row r="3693" spans="1:30">
      <c r="A3693" s="5" t="s">
        <v>83578</v>
      </c>
      <c r="B3693" s="2" t="s">
        <v>94681</v>
      </c>
      <c r="C3693" s="14" t="s">
        <v>94682</v>
      </c>
      <c r="D3693" s="2" t="s">
        <v>94683</v>
      </c>
      <c r="E3693" s="2" t="s">
        <v>41013</v>
      </c>
      <c r="F3693" s="8">
        <v>270</v>
      </c>
      <c r="G3693" s="5">
        <v>6</v>
      </c>
      <c r="H3693" s="5" t="s">
        <v>1518</v>
      </c>
      <c r="I3693" s="5" t="s">
        <v>40939</v>
      </c>
      <c r="J3693" s="2" t="s">
        <v>40940</v>
      </c>
      <c r="K3693" s="5" t="s">
        <v>40939</v>
      </c>
      <c r="L3693" s="2" t="s">
        <v>40940</v>
      </c>
      <c r="M3693" s="5" t="s">
        <v>36266</v>
      </c>
      <c r="N3693" s="5" t="s">
        <v>38</v>
      </c>
      <c r="O3693" s="5" t="s">
        <v>39</v>
      </c>
      <c r="P3693" s="5" t="s">
        <v>40</v>
      </c>
      <c r="Q3693" s="5" t="s">
        <v>1522</v>
      </c>
      <c r="R3693" s="5" t="s">
        <v>1523</v>
      </c>
      <c r="S3693" s="5" t="s">
        <v>42</v>
      </c>
      <c r="T3693" s="2">
        <v>2.33</v>
      </c>
      <c r="U3693" s="2">
        <v>1.8580000000000001</v>
      </c>
      <c r="V3693" s="2">
        <v>1.0999999999999999E-2</v>
      </c>
      <c r="W3693" s="2">
        <v>82.9</v>
      </c>
      <c r="X3693" s="2">
        <v>7.6</v>
      </c>
      <c r="Y3693" s="2">
        <v>16.7</v>
      </c>
      <c r="Z3693" s="5"/>
      <c r="AA3693" s="5" t="s">
        <v>43</v>
      </c>
      <c r="AB3693" s="5" t="s">
        <v>44</v>
      </c>
      <c r="AC3693" s="2"/>
      <c r="AD3693" s="1"/>
    </row>
    <row r="3694" spans="1:30">
      <c r="A3694" s="5" t="s">
        <v>83578</v>
      </c>
      <c r="B3694" s="2" t="s">
        <v>94684</v>
      </c>
      <c r="C3694" s="14" t="s">
        <v>94685</v>
      </c>
      <c r="D3694" s="2" t="s">
        <v>94686</v>
      </c>
      <c r="E3694" s="2" t="s">
        <v>7396</v>
      </c>
      <c r="F3694" s="8">
        <v>252</v>
      </c>
      <c r="G3694" s="5">
        <v>6</v>
      </c>
      <c r="H3694" s="5" t="s">
        <v>1518</v>
      </c>
      <c r="I3694" s="5" t="s">
        <v>40939</v>
      </c>
      <c r="J3694" s="2" t="s">
        <v>40940</v>
      </c>
      <c r="K3694" s="5" t="s">
        <v>40939</v>
      </c>
      <c r="L3694" s="2" t="s">
        <v>40940</v>
      </c>
      <c r="M3694" s="5" t="s">
        <v>36266</v>
      </c>
      <c r="N3694" s="5" t="s">
        <v>38</v>
      </c>
      <c r="O3694" s="5" t="s">
        <v>39</v>
      </c>
      <c r="P3694" s="5" t="s">
        <v>40</v>
      </c>
      <c r="Q3694" s="5" t="s">
        <v>1522</v>
      </c>
      <c r="R3694" s="5" t="s">
        <v>1523</v>
      </c>
      <c r="S3694" s="5" t="s">
        <v>42</v>
      </c>
      <c r="T3694" s="2">
        <v>2.2679999999999998</v>
      </c>
      <c r="U3694" s="2">
        <v>1.796</v>
      </c>
      <c r="V3694" s="2">
        <v>1.0999999999999999E-2</v>
      </c>
      <c r="W3694" s="2">
        <v>82.9</v>
      </c>
      <c r="X3694" s="2">
        <v>7.6</v>
      </c>
      <c r="Y3694" s="2">
        <v>16.7</v>
      </c>
      <c r="Z3694" s="5"/>
      <c r="AA3694" s="5" t="s">
        <v>43</v>
      </c>
      <c r="AB3694" s="5" t="s">
        <v>44</v>
      </c>
      <c r="AC3694" s="2"/>
      <c r="AD3694" s="1"/>
    </row>
    <row r="3695" spans="1:30">
      <c r="A3695" s="5" t="s">
        <v>83578</v>
      </c>
      <c r="B3695" s="2" t="s">
        <v>94687</v>
      </c>
      <c r="C3695" s="14" t="s">
        <v>94688</v>
      </c>
      <c r="D3695" s="2" t="s">
        <v>94689</v>
      </c>
      <c r="E3695" s="2" t="s">
        <v>7507</v>
      </c>
      <c r="F3695" s="8">
        <v>252</v>
      </c>
      <c r="G3695" s="5">
        <v>6</v>
      </c>
      <c r="H3695" s="5" t="s">
        <v>1518</v>
      </c>
      <c r="I3695" s="5" t="s">
        <v>40939</v>
      </c>
      <c r="J3695" s="2" t="s">
        <v>40940</v>
      </c>
      <c r="K3695" s="5" t="s">
        <v>40939</v>
      </c>
      <c r="L3695" s="2" t="s">
        <v>40940</v>
      </c>
      <c r="M3695" s="5" t="s">
        <v>36266</v>
      </c>
      <c r="N3695" s="5" t="s">
        <v>38</v>
      </c>
      <c r="O3695" s="5" t="s">
        <v>39</v>
      </c>
      <c r="P3695" s="5" t="s">
        <v>40</v>
      </c>
      <c r="Q3695" s="5" t="s">
        <v>1522</v>
      </c>
      <c r="R3695" s="5" t="s">
        <v>1523</v>
      </c>
      <c r="S3695" s="5" t="s">
        <v>42</v>
      </c>
      <c r="T3695" s="2">
        <v>2.33</v>
      </c>
      <c r="U3695" s="2">
        <v>1.8580000000000001</v>
      </c>
      <c r="V3695" s="2">
        <v>1.0999999999999999E-2</v>
      </c>
      <c r="W3695" s="2">
        <v>82.9</v>
      </c>
      <c r="X3695" s="2">
        <v>7.6</v>
      </c>
      <c r="Y3695" s="2">
        <v>16.7</v>
      </c>
      <c r="Z3695" s="5"/>
      <c r="AA3695" s="5" t="s">
        <v>43</v>
      </c>
      <c r="AB3695" s="5" t="s">
        <v>44</v>
      </c>
      <c r="AC3695" s="2"/>
      <c r="AD3695" s="1"/>
    </row>
    <row r="3696" spans="1:30">
      <c r="A3696" s="5" t="s">
        <v>83578</v>
      </c>
      <c r="B3696" s="2" t="s">
        <v>94690</v>
      </c>
      <c r="C3696" s="14" t="s">
        <v>94691</v>
      </c>
      <c r="D3696" s="2" t="s">
        <v>94692</v>
      </c>
      <c r="E3696" s="2" t="s">
        <v>41023</v>
      </c>
      <c r="F3696" s="8">
        <v>270</v>
      </c>
      <c r="G3696" s="5">
        <v>6</v>
      </c>
      <c r="H3696" s="5" t="s">
        <v>1518</v>
      </c>
      <c r="I3696" s="5" t="s">
        <v>40939</v>
      </c>
      <c r="J3696" s="2" t="s">
        <v>40940</v>
      </c>
      <c r="K3696" s="5" t="s">
        <v>40939</v>
      </c>
      <c r="L3696" s="2" t="s">
        <v>40940</v>
      </c>
      <c r="M3696" s="5" t="s">
        <v>36266</v>
      </c>
      <c r="N3696" s="5" t="s">
        <v>38</v>
      </c>
      <c r="O3696" s="5" t="s">
        <v>39</v>
      </c>
      <c r="P3696" s="5" t="s">
        <v>40</v>
      </c>
      <c r="Q3696" s="5" t="s">
        <v>1522</v>
      </c>
      <c r="R3696" s="5" t="s">
        <v>1523</v>
      </c>
      <c r="S3696" s="5" t="s">
        <v>42</v>
      </c>
      <c r="T3696" s="2">
        <v>2.2429999999999999</v>
      </c>
      <c r="U3696" s="2">
        <v>1.7709999999999999</v>
      </c>
      <c r="V3696" s="2">
        <v>1.0999999999999999E-2</v>
      </c>
      <c r="W3696" s="2">
        <v>82.9</v>
      </c>
      <c r="X3696" s="2">
        <v>7.6</v>
      </c>
      <c r="Y3696" s="2">
        <v>16.7</v>
      </c>
      <c r="Z3696" s="5"/>
      <c r="AA3696" s="5" t="s">
        <v>43</v>
      </c>
      <c r="AB3696" s="5" t="s">
        <v>44</v>
      </c>
      <c r="AC3696" s="2"/>
      <c r="AD3696" s="1"/>
    </row>
    <row r="3697" spans="1:30">
      <c r="A3697" s="5" t="s">
        <v>83578</v>
      </c>
      <c r="B3697" s="2" t="s">
        <v>94693</v>
      </c>
      <c r="C3697" s="14" t="s">
        <v>94694</v>
      </c>
      <c r="D3697" s="2" t="s">
        <v>94695</v>
      </c>
      <c r="E3697" s="2" t="s">
        <v>41027</v>
      </c>
      <c r="F3697" s="8">
        <v>270</v>
      </c>
      <c r="G3697" s="5">
        <v>6</v>
      </c>
      <c r="H3697" s="5" t="s">
        <v>1518</v>
      </c>
      <c r="I3697" s="5" t="s">
        <v>40939</v>
      </c>
      <c r="J3697" s="2" t="s">
        <v>40940</v>
      </c>
      <c r="K3697" s="5" t="s">
        <v>40939</v>
      </c>
      <c r="L3697" s="2" t="s">
        <v>40940</v>
      </c>
      <c r="M3697" s="5" t="s">
        <v>36266</v>
      </c>
      <c r="N3697" s="5" t="s">
        <v>38</v>
      </c>
      <c r="O3697" s="5" t="s">
        <v>39</v>
      </c>
      <c r="P3697" s="5" t="s">
        <v>40</v>
      </c>
      <c r="Q3697" s="5" t="s">
        <v>1522</v>
      </c>
      <c r="R3697" s="5" t="s">
        <v>1523</v>
      </c>
      <c r="S3697" s="5" t="s">
        <v>42</v>
      </c>
      <c r="T3697" s="2">
        <v>2.3050000000000002</v>
      </c>
      <c r="U3697" s="2">
        <v>1.833</v>
      </c>
      <c r="V3697" s="2">
        <v>1.0999999999999999E-2</v>
      </c>
      <c r="W3697" s="2">
        <v>82.9</v>
      </c>
      <c r="X3697" s="2">
        <v>7.6</v>
      </c>
      <c r="Y3697" s="2">
        <v>16.7</v>
      </c>
      <c r="Z3697" s="5"/>
      <c r="AA3697" s="5" t="s">
        <v>43</v>
      </c>
      <c r="AB3697" s="5" t="s">
        <v>44</v>
      </c>
      <c r="AC3697" s="2"/>
      <c r="AD3697" s="1"/>
    </row>
    <row r="3698" spans="1:30">
      <c r="A3698" s="5" t="s">
        <v>83578</v>
      </c>
      <c r="B3698" s="2" t="s">
        <v>94696</v>
      </c>
      <c r="C3698" s="14" t="s">
        <v>94697</v>
      </c>
      <c r="D3698" s="2" t="s">
        <v>94698</v>
      </c>
      <c r="E3698" s="2" t="s">
        <v>41031</v>
      </c>
      <c r="F3698" s="8">
        <v>270</v>
      </c>
      <c r="G3698" s="5">
        <v>6</v>
      </c>
      <c r="H3698" s="5" t="s">
        <v>1518</v>
      </c>
      <c r="I3698" s="5" t="s">
        <v>40939</v>
      </c>
      <c r="J3698" s="2" t="s">
        <v>40940</v>
      </c>
      <c r="K3698" s="5" t="s">
        <v>40939</v>
      </c>
      <c r="L3698" s="2" t="s">
        <v>40940</v>
      </c>
      <c r="M3698" s="5" t="s">
        <v>36266</v>
      </c>
      <c r="N3698" s="5" t="s">
        <v>38</v>
      </c>
      <c r="O3698" s="5" t="s">
        <v>39</v>
      </c>
      <c r="P3698" s="5" t="s">
        <v>40</v>
      </c>
      <c r="Q3698" s="5" t="s">
        <v>1522</v>
      </c>
      <c r="R3698" s="5" t="s">
        <v>1523</v>
      </c>
      <c r="S3698" s="5" t="s">
        <v>42</v>
      </c>
      <c r="T3698" s="2">
        <v>2.2429999999999999</v>
      </c>
      <c r="U3698" s="2">
        <v>1.7709999999999999</v>
      </c>
      <c r="V3698" s="2">
        <v>1.0999999999999999E-2</v>
      </c>
      <c r="W3698" s="2">
        <v>82.9</v>
      </c>
      <c r="X3698" s="2">
        <v>7.6</v>
      </c>
      <c r="Y3698" s="2">
        <v>16.7</v>
      </c>
      <c r="Z3698" s="5"/>
      <c r="AA3698" s="5" t="s">
        <v>43</v>
      </c>
      <c r="AB3698" s="5" t="s">
        <v>44</v>
      </c>
      <c r="AC3698" s="2"/>
      <c r="AD3698" s="1"/>
    </row>
    <row r="3699" spans="1:30">
      <c r="A3699" s="5" t="s">
        <v>83578</v>
      </c>
      <c r="B3699" s="2" t="s">
        <v>94699</v>
      </c>
      <c r="C3699" s="14" t="s">
        <v>94700</v>
      </c>
      <c r="D3699" s="2" t="s">
        <v>94701</v>
      </c>
      <c r="E3699" s="2" t="s">
        <v>41035</v>
      </c>
      <c r="F3699" s="8">
        <v>270</v>
      </c>
      <c r="G3699" s="5">
        <v>6</v>
      </c>
      <c r="H3699" s="5" t="s">
        <v>1518</v>
      </c>
      <c r="I3699" s="5" t="s">
        <v>40939</v>
      </c>
      <c r="J3699" s="2" t="s">
        <v>40940</v>
      </c>
      <c r="K3699" s="5" t="s">
        <v>40939</v>
      </c>
      <c r="L3699" s="2" t="s">
        <v>40940</v>
      </c>
      <c r="M3699" s="5" t="s">
        <v>36266</v>
      </c>
      <c r="N3699" s="5" t="s">
        <v>38</v>
      </c>
      <c r="O3699" s="5" t="s">
        <v>39</v>
      </c>
      <c r="P3699" s="5" t="s">
        <v>40</v>
      </c>
      <c r="Q3699" s="5" t="s">
        <v>1522</v>
      </c>
      <c r="R3699" s="5" t="s">
        <v>1523</v>
      </c>
      <c r="S3699" s="5" t="s">
        <v>42</v>
      </c>
      <c r="T3699" s="2">
        <v>2.3050000000000002</v>
      </c>
      <c r="U3699" s="2">
        <v>1.833</v>
      </c>
      <c r="V3699" s="2">
        <v>1.0999999999999999E-2</v>
      </c>
      <c r="W3699" s="2">
        <v>82.9</v>
      </c>
      <c r="X3699" s="2">
        <v>7.6</v>
      </c>
      <c r="Y3699" s="2">
        <v>16.7</v>
      </c>
      <c r="Z3699" s="5"/>
      <c r="AA3699" s="5" t="s">
        <v>43</v>
      </c>
      <c r="AB3699" s="5" t="s">
        <v>44</v>
      </c>
      <c r="AC3699" s="2"/>
      <c r="AD3699" s="1"/>
    </row>
    <row r="3700" spans="1:30">
      <c r="A3700" s="5" t="s">
        <v>83578</v>
      </c>
      <c r="B3700" s="2" t="s">
        <v>94702</v>
      </c>
      <c r="C3700" s="14" t="s">
        <v>94703</v>
      </c>
      <c r="D3700" s="2" t="s">
        <v>94704</v>
      </c>
      <c r="E3700" s="2" t="s">
        <v>7449</v>
      </c>
      <c r="F3700" s="8">
        <v>270</v>
      </c>
      <c r="G3700" s="5">
        <v>6</v>
      </c>
      <c r="H3700" s="5" t="s">
        <v>1518</v>
      </c>
      <c r="I3700" s="5" t="s">
        <v>40939</v>
      </c>
      <c r="J3700" s="2" t="s">
        <v>40940</v>
      </c>
      <c r="K3700" s="5" t="s">
        <v>40939</v>
      </c>
      <c r="L3700" s="2" t="s">
        <v>40940</v>
      </c>
      <c r="M3700" s="5" t="s">
        <v>36266</v>
      </c>
      <c r="N3700" s="5" t="s">
        <v>38</v>
      </c>
      <c r="O3700" s="5" t="s">
        <v>39</v>
      </c>
      <c r="P3700" s="5" t="s">
        <v>40</v>
      </c>
      <c r="Q3700" s="5" t="s">
        <v>1522</v>
      </c>
      <c r="R3700" s="5" t="s">
        <v>1523</v>
      </c>
      <c r="S3700" s="5" t="s">
        <v>42</v>
      </c>
      <c r="T3700" s="2">
        <v>2.2429999999999999</v>
      </c>
      <c r="U3700" s="2">
        <v>1.7709999999999999</v>
      </c>
      <c r="V3700" s="2">
        <v>1.0999999999999999E-2</v>
      </c>
      <c r="W3700" s="2">
        <v>82.9</v>
      </c>
      <c r="X3700" s="2">
        <v>7.6</v>
      </c>
      <c r="Y3700" s="2">
        <v>16.7</v>
      </c>
      <c r="Z3700" s="5"/>
      <c r="AA3700" s="5" t="s">
        <v>43</v>
      </c>
      <c r="AB3700" s="5" t="s">
        <v>44</v>
      </c>
      <c r="AC3700" s="2"/>
      <c r="AD3700" s="1"/>
    </row>
    <row r="3701" spans="1:30">
      <c r="A3701" s="5" t="s">
        <v>83578</v>
      </c>
      <c r="B3701" s="2" t="s">
        <v>94705</v>
      </c>
      <c r="C3701" s="14" t="s">
        <v>94706</v>
      </c>
      <c r="D3701" s="2" t="s">
        <v>94707</v>
      </c>
      <c r="E3701" s="2" t="s">
        <v>7581</v>
      </c>
      <c r="F3701" s="8">
        <v>270</v>
      </c>
      <c r="G3701" s="5">
        <v>6</v>
      </c>
      <c r="H3701" s="5" t="s">
        <v>1518</v>
      </c>
      <c r="I3701" s="5" t="s">
        <v>40939</v>
      </c>
      <c r="J3701" s="2" t="s">
        <v>40940</v>
      </c>
      <c r="K3701" s="5" t="s">
        <v>40939</v>
      </c>
      <c r="L3701" s="2" t="s">
        <v>40940</v>
      </c>
      <c r="M3701" s="5" t="s">
        <v>36266</v>
      </c>
      <c r="N3701" s="5" t="s">
        <v>38</v>
      </c>
      <c r="O3701" s="5" t="s">
        <v>39</v>
      </c>
      <c r="P3701" s="5" t="s">
        <v>40</v>
      </c>
      <c r="Q3701" s="5" t="s">
        <v>1522</v>
      </c>
      <c r="R3701" s="5" t="s">
        <v>1523</v>
      </c>
      <c r="S3701" s="5" t="s">
        <v>42</v>
      </c>
      <c r="T3701" s="2">
        <v>2.3050000000000002</v>
      </c>
      <c r="U3701" s="2">
        <v>1.833</v>
      </c>
      <c r="V3701" s="2">
        <v>1.0999999999999999E-2</v>
      </c>
      <c r="W3701" s="2">
        <v>82.9</v>
      </c>
      <c r="X3701" s="2">
        <v>7.6</v>
      </c>
      <c r="Y3701" s="2">
        <v>16.7</v>
      </c>
      <c r="Z3701" s="5"/>
      <c r="AA3701" s="5" t="s">
        <v>43</v>
      </c>
      <c r="AB3701" s="5" t="s">
        <v>44</v>
      </c>
      <c r="AC3701" s="2"/>
      <c r="AD3701" s="1"/>
    </row>
    <row r="3702" spans="1:30">
      <c r="A3702" s="5" t="s">
        <v>83578</v>
      </c>
      <c r="B3702" s="2" t="s">
        <v>94708</v>
      </c>
      <c r="C3702" s="14" t="s">
        <v>94709</v>
      </c>
      <c r="D3702" s="2" t="s">
        <v>94710</v>
      </c>
      <c r="E3702" s="2" t="s">
        <v>41045</v>
      </c>
      <c r="F3702" s="8">
        <v>270</v>
      </c>
      <c r="G3702" s="5">
        <v>6</v>
      </c>
      <c r="H3702" s="5" t="s">
        <v>1518</v>
      </c>
      <c r="I3702" s="5" t="s">
        <v>40939</v>
      </c>
      <c r="J3702" s="2" t="s">
        <v>40940</v>
      </c>
      <c r="K3702" s="5" t="s">
        <v>40939</v>
      </c>
      <c r="L3702" s="2" t="s">
        <v>40940</v>
      </c>
      <c r="M3702" s="5" t="s">
        <v>36266</v>
      </c>
      <c r="N3702" s="5" t="s">
        <v>38</v>
      </c>
      <c r="O3702" s="5" t="s">
        <v>39</v>
      </c>
      <c r="P3702" s="5" t="s">
        <v>40</v>
      </c>
      <c r="Q3702" s="5" t="s">
        <v>1522</v>
      </c>
      <c r="R3702" s="5" t="s">
        <v>1523</v>
      </c>
      <c r="S3702" s="5" t="s">
        <v>42</v>
      </c>
      <c r="T3702" s="2">
        <v>2.2730000000000001</v>
      </c>
      <c r="U3702" s="2">
        <v>1.8009999999999999</v>
      </c>
      <c r="V3702" s="2">
        <v>1.0999999999999999E-2</v>
      </c>
      <c r="W3702" s="2">
        <v>82.9</v>
      </c>
      <c r="X3702" s="2">
        <v>7.6</v>
      </c>
      <c r="Y3702" s="2">
        <v>16.7</v>
      </c>
      <c r="Z3702" s="5"/>
      <c r="AA3702" s="5" t="s">
        <v>43</v>
      </c>
      <c r="AB3702" s="5" t="s">
        <v>44</v>
      </c>
      <c r="AC3702" s="2"/>
      <c r="AD3702" s="1"/>
    </row>
    <row r="3703" spans="1:30">
      <c r="A3703" s="5" t="s">
        <v>83578</v>
      </c>
      <c r="B3703" s="2" t="s">
        <v>94711</v>
      </c>
      <c r="C3703" s="14" t="s">
        <v>94712</v>
      </c>
      <c r="D3703" s="2" t="s">
        <v>94713</v>
      </c>
      <c r="E3703" s="2" t="s">
        <v>41049</v>
      </c>
      <c r="F3703" s="8">
        <v>270</v>
      </c>
      <c r="G3703" s="5">
        <v>6</v>
      </c>
      <c r="H3703" s="5" t="s">
        <v>1518</v>
      </c>
      <c r="I3703" s="5" t="s">
        <v>40939</v>
      </c>
      <c r="J3703" s="2" t="s">
        <v>40940</v>
      </c>
      <c r="K3703" s="5" t="s">
        <v>40939</v>
      </c>
      <c r="L3703" s="2" t="s">
        <v>40940</v>
      </c>
      <c r="M3703" s="5" t="s">
        <v>36266</v>
      </c>
      <c r="N3703" s="5" t="s">
        <v>38</v>
      </c>
      <c r="O3703" s="5" t="s">
        <v>39</v>
      </c>
      <c r="P3703" s="5" t="s">
        <v>40</v>
      </c>
      <c r="Q3703" s="5" t="s">
        <v>1522</v>
      </c>
      <c r="R3703" s="5" t="s">
        <v>1523</v>
      </c>
      <c r="S3703" s="5" t="s">
        <v>42</v>
      </c>
      <c r="T3703" s="2">
        <v>2.335</v>
      </c>
      <c r="U3703" s="2">
        <v>1.863</v>
      </c>
      <c r="V3703" s="2">
        <v>1.0999999999999999E-2</v>
      </c>
      <c r="W3703" s="2">
        <v>82.9</v>
      </c>
      <c r="X3703" s="2">
        <v>7.6</v>
      </c>
      <c r="Y3703" s="2">
        <v>16.7</v>
      </c>
      <c r="Z3703" s="5"/>
      <c r="AA3703" s="5" t="s">
        <v>43</v>
      </c>
      <c r="AB3703" s="5" t="s">
        <v>44</v>
      </c>
      <c r="AC3703" s="2"/>
      <c r="AD3703" s="1"/>
    </row>
    <row r="3704" spans="1:30">
      <c r="A3704" s="5" t="s">
        <v>83578</v>
      </c>
      <c r="B3704" s="2" t="s">
        <v>94714</v>
      </c>
      <c r="C3704" s="14" t="s">
        <v>94715</v>
      </c>
      <c r="D3704" s="2" t="s">
        <v>94716</v>
      </c>
      <c r="E3704" s="2" t="s">
        <v>47195</v>
      </c>
      <c r="F3704" s="8">
        <v>285</v>
      </c>
      <c r="G3704" s="5">
        <v>6</v>
      </c>
      <c r="H3704" s="5" t="s">
        <v>1518</v>
      </c>
      <c r="I3704" s="5" t="s">
        <v>40939</v>
      </c>
      <c r="J3704" s="2" t="s">
        <v>40940</v>
      </c>
      <c r="K3704" s="5" t="s">
        <v>40939</v>
      </c>
      <c r="L3704" s="2" t="s">
        <v>40940</v>
      </c>
      <c r="M3704" s="5" t="s">
        <v>36266</v>
      </c>
      <c r="N3704" s="5" t="s">
        <v>38</v>
      </c>
      <c r="O3704" s="5" t="s">
        <v>39</v>
      </c>
      <c r="P3704" s="5" t="s">
        <v>40</v>
      </c>
      <c r="Q3704" s="5" t="s">
        <v>1522</v>
      </c>
      <c r="R3704" s="5" t="s">
        <v>1523</v>
      </c>
      <c r="S3704" s="5" t="s">
        <v>42</v>
      </c>
      <c r="T3704" s="2">
        <v>2.5619999999999998</v>
      </c>
      <c r="U3704" s="2">
        <v>2.0110000000000001</v>
      </c>
      <c r="V3704" s="2">
        <v>1.2999999999999999E-2</v>
      </c>
      <c r="W3704" s="2">
        <v>99.1</v>
      </c>
      <c r="X3704" s="2">
        <v>7.6</v>
      </c>
      <c r="Y3704" s="2">
        <v>16.7</v>
      </c>
      <c r="Z3704" s="5"/>
      <c r="AA3704" s="5" t="s">
        <v>43</v>
      </c>
      <c r="AB3704" s="5" t="s">
        <v>44</v>
      </c>
      <c r="AC3704" s="2"/>
      <c r="AD3704" s="1"/>
    </row>
    <row r="3705" spans="1:30">
      <c r="A3705" s="5" t="s">
        <v>83578</v>
      </c>
      <c r="B3705" s="2" t="s">
        <v>94717</v>
      </c>
      <c r="C3705" s="14" t="s">
        <v>94718</v>
      </c>
      <c r="D3705" s="2" t="s">
        <v>94719</v>
      </c>
      <c r="E3705" s="2" t="s">
        <v>7521</v>
      </c>
      <c r="F3705" s="8">
        <v>265</v>
      </c>
      <c r="G3705" s="5">
        <v>6</v>
      </c>
      <c r="H3705" s="5" t="s">
        <v>1518</v>
      </c>
      <c r="I3705" s="5" t="s">
        <v>40939</v>
      </c>
      <c r="J3705" s="2" t="s">
        <v>40940</v>
      </c>
      <c r="K3705" s="5" t="s">
        <v>40939</v>
      </c>
      <c r="L3705" s="2" t="s">
        <v>40940</v>
      </c>
      <c r="M3705" s="5" t="s">
        <v>36266</v>
      </c>
      <c r="N3705" s="5" t="s">
        <v>38</v>
      </c>
      <c r="O3705" s="5" t="s">
        <v>39</v>
      </c>
      <c r="P3705" s="5" t="s">
        <v>40</v>
      </c>
      <c r="Q3705" s="5" t="s">
        <v>1522</v>
      </c>
      <c r="R3705" s="5" t="s">
        <v>1523</v>
      </c>
      <c r="S3705" s="5" t="s">
        <v>42</v>
      </c>
      <c r="T3705" s="2">
        <v>2.5680000000000001</v>
      </c>
      <c r="U3705" s="2">
        <v>2.0169999999999999</v>
      </c>
      <c r="V3705" s="2">
        <v>1.2999999999999999E-2</v>
      </c>
      <c r="W3705" s="2">
        <v>99.1</v>
      </c>
      <c r="X3705" s="2">
        <v>7.6</v>
      </c>
      <c r="Y3705" s="2">
        <v>16.7</v>
      </c>
      <c r="Z3705" s="5"/>
      <c r="AA3705" s="5" t="s">
        <v>43</v>
      </c>
      <c r="AB3705" s="5" t="s">
        <v>44</v>
      </c>
      <c r="AC3705" s="2"/>
      <c r="AD3705" s="1"/>
    </row>
    <row r="3706" spans="1:30">
      <c r="A3706" s="5" t="s">
        <v>83578</v>
      </c>
      <c r="B3706" s="2" t="s">
        <v>94720</v>
      </c>
      <c r="C3706" s="14" t="s">
        <v>94721</v>
      </c>
      <c r="D3706" s="2" t="s">
        <v>94722</v>
      </c>
      <c r="E3706" s="2" t="s">
        <v>36273</v>
      </c>
      <c r="F3706" s="8">
        <v>265</v>
      </c>
      <c r="G3706" s="5">
        <v>6</v>
      </c>
      <c r="H3706" s="5" t="s">
        <v>1518</v>
      </c>
      <c r="I3706" s="5" t="s">
        <v>40939</v>
      </c>
      <c r="J3706" s="2" t="s">
        <v>40940</v>
      </c>
      <c r="K3706" s="5" t="s">
        <v>40939</v>
      </c>
      <c r="L3706" s="2" t="s">
        <v>40940</v>
      </c>
      <c r="M3706" s="5" t="s">
        <v>36266</v>
      </c>
      <c r="N3706" s="5" t="s">
        <v>38</v>
      </c>
      <c r="O3706" s="5" t="s">
        <v>39</v>
      </c>
      <c r="P3706" s="5" t="s">
        <v>40</v>
      </c>
      <c r="Q3706" s="5" t="s">
        <v>1522</v>
      </c>
      <c r="R3706" s="5" t="s">
        <v>1523</v>
      </c>
      <c r="S3706" s="5" t="s">
        <v>42</v>
      </c>
      <c r="T3706" s="2">
        <v>2.5059999999999998</v>
      </c>
      <c r="U3706" s="2">
        <v>1.9550000000000001</v>
      </c>
      <c r="V3706" s="2">
        <v>1.2999999999999999E-2</v>
      </c>
      <c r="W3706" s="2">
        <v>99.1</v>
      </c>
      <c r="X3706" s="2">
        <v>7.6</v>
      </c>
      <c r="Y3706" s="2">
        <v>16.7</v>
      </c>
      <c r="Z3706" s="5"/>
      <c r="AA3706" s="5" t="s">
        <v>43</v>
      </c>
      <c r="AB3706" s="5" t="s">
        <v>44</v>
      </c>
      <c r="AC3706" s="2"/>
      <c r="AD3706" s="1"/>
    </row>
    <row r="3707" spans="1:30">
      <c r="A3707" s="5" t="s">
        <v>83578</v>
      </c>
      <c r="B3707" s="2" t="s">
        <v>94723</v>
      </c>
      <c r="C3707" s="14" t="s">
        <v>94724</v>
      </c>
      <c r="D3707" s="2" t="s">
        <v>94725</v>
      </c>
      <c r="E3707" s="2" t="s">
        <v>36277</v>
      </c>
      <c r="F3707" s="8">
        <v>265</v>
      </c>
      <c r="G3707" s="5">
        <v>6</v>
      </c>
      <c r="H3707" s="5" t="s">
        <v>1518</v>
      </c>
      <c r="I3707" s="5" t="s">
        <v>40939</v>
      </c>
      <c r="J3707" s="2" t="s">
        <v>40940</v>
      </c>
      <c r="K3707" s="5" t="s">
        <v>40939</v>
      </c>
      <c r="L3707" s="2" t="s">
        <v>40940</v>
      </c>
      <c r="M3707" s="5" t="s">
        <v>36266</v>
      </c>
      <c r="N3707" s="5" t="s">
        <v>38</v>
      </c>
      <c r="O3707" s="5" t="s">
        <v>39</v>
      </c>
      <c r="P3707" s="5" t="s">
        <v>40</v>
      </c>
      <c r="Q3707" s="5" t="s">
        <v>1522</v>
      </c>
      <c r="R3707" s="5" t="s">
        <v>1523</v>
      </c>
      <c r="S3707" s="5" t="s">
        <v>42</v>
      </c>
      <c r="T3707" s="2">
        <v>2.5790000000000002</v>
      </c>
      <c r="U3707" s="2">
        <v>2.028</v>
      </c>
      <c r="V3707" s="2">
        <v>1.2999999999999999E-2</v>
      </c>
      <c r="W3707" s="2">
        <v>99.1</v>
      </c>
      <c r="X3707" s="2">
        <v>7.6</v>
      </c>
      <c r="Y3707" s="2">
        <v>16.7</v>
      </c>
      <c r="Z3707" s="5"/>
      <c r="AA3707" s="5" t="s">
        <v>43</v>
      </c>
      <c r="AB3707" s="5" t="s">
        <v>44</v>
      </c>
      <c r="AC3707" s="2"/>
      <c r="AD3707" s="1"/>
    </row>
    <row r="3708" spans="1:30">
      <c r="A3708" s="5" t="s">
        <v>83578</v>
      </c>
      <c r="B3708" s="2" t="s">
        <v>94726</v>
      </c>
      <c r="C3708" s="14" t="s">
        <v>94727</v>
      </c>
      <c r="D3708" s="2" t="s">
        <v>94728</v>
      </c>
      <c r="E3708" s="2" t="s">
        <v>40971</v>
      </c>
      <c r="F3708" s="8">
        <v>285</v>
      </c>
      <c r="G3708" s="5">
        <v>6</v>
      </c>
      <c r="H3708" s="5" t="s">
        <v>1518</v>
      </c>
      <c r="I3708" s="5" t="s">
        <v>40939</v>
      </c>
      <c r="J3708" s="2" t="s">
        <v>40940</v>
      </c>
      <c r="K3708" s="5" t="s">
        <v>40939</v>
      </c>
      <c r="L3708" s="2" t="s">
        <v>40940</v>
      </c>
      <c r="M3708" s="5" t="s">
        <v>36266</v>
      </c>
      <c r="N3708" s="5" t="s">
        <v>38</v>
      </c>
      <c r="O3708" s="5" t="s">
        <v>39</v>
      </c>
      <c r="P3708" s="5" t="s">
        <v>40</v>
      </c>
      <c r="Q3708" s="5" t="s">
        <v>1522</v>
      </c>
      <c r="R3708" s="5" t="s">
        <v>1523</v>
      </c>
      <c r="S3708" s="5" t="s">
        <v>42</v>
      </c>
      <c r="T3708" s="2">
        <v>2.5680000000000001</v>
      </c>
      <c r="U3708" s="2">
        <v>2.0169999999999999</v>
      </c>
      <c r="V3708" s="2">
        <v>1.2999999999999999E-2</v>
      </c>
      <c r="W3708" s="2">
        <v>99.1</v>
      </c>
      <c r="X3708" s="2">
        <v>7.6</v>
      </c>
      <c r="Y3708" s="2">
        <v>16.7</v>
      </c>
      <c r="Z3708" s="5"/>
      <c r="AA3708" s="5" t="s">
        <v>43</v>
      </c>
      <c r="AB3708" s="5" t="s">
        <v>44</v>
      </c>
      <c r="AC3708" s="2"/>
      <c r="AD3708" s="1"/>
    </row>
    <row r="3709" spans="1:30">
      <c r="A3709" s="5" t="s">
        <v>83578</v>
      </c>
      <c r="B3709" s="2" t="s">
        <v>94729</v>
      </c>
      <c r="C3709" s="14" t="s">
        <v>94730</v>
      </c>
      <c r="D3709" s="2" t="s">
        <v>94731</v>
      </c>
      <c r="E3709" s="2" t="s">
        <v>47226</v>
      </c>
      <c r="F3709" s="8">
        <v>285</v>
      </c>
      <c r="G3709" s="5">
        <v>6</v>
      </c>
      <c r="H3709" s="5" t="s">
        <v>1518</v>
      </c>
      <c r="I3709" s="5" t="s">
        <v>40939</v>
      </c>
      <c r="J3709" s="2" t="s">
        <v>40940</v>
      </c>
      <c r="K3709" s="5" t="s">
        <v>40939</v>
      </c>
      <c r="L3709" s="2" t="s">
        <v>40940</v>
      </c>
      <c r="M3709" s="5" t="s">
        <v>36266</v>
      </c>
      <c r="N3709" s="5" t="s">
        <v>38</v>
      </c>
      <c r="O3709" s="5" t="s">
        <v>39</v>
      </c>
      <c r="P3709" s="5" t="s">
        <v>40</v>
      </c>
      <c r="Q3709" s="5" t="s">
        <v>1522</v>
      </c>
      <c r="R3709" s="5" t="s">
        <v>1523</v>
      </c>
      <c r="S3709" s="5" t="s">
        <v>42</v>
      </c>
      <c r="T3709" s="2">
        <v>2.4950000000000001</v>
      </c>
      <c r="U3709" s="2">
        <v>1.944</v>
      </c>
      <c r="V3709" s="2">
        <v>1.2999999999999999E-2</v>
      </c>
      <c r="W3709" s="2">
        <v>99.1</v>
      </c>
      <c r="X3709" s="2">
        <v>7.6</v>
      </c>
      <c r="Y3709" s="2">
        <v>16.7</v>
      </c>
      <c r="Z3709" s="5"/>
      <c r="AA3709" s="5" t="s">
        <v>43</v>
      </c>
      <c r="AB3709" s="5" t="s">
        <v>44</v>
      </c>
      <c r="AC3709" s="2"/>
      <c r="AD3709" s="1"/>
    </row>
    <row r="3710" spans="1:30">
      <c r="A3710" s="5" t="s">
        <v>83578</v>
      </c>
      <c r="B3710" s="2" t="s">
        <v>94732</v>
      </c>
      <c r="C3710" s="14" t="s">
        <v>94733</v>
      </c>
      <c r="D3710" s="2" t="s">
        <v>94734</v>
      </c>
      <c r="E3710" s="2" t="s">
        <v>47735</v>
      </c>
      <c r="F3710" s="8">
        <v>285</v>
      </c>
      <c r="G3710" s="5">
        <v>6</v>
      </c>
      <c r="H3710" s="5" t="s">
        <v>1518</v>
      </c>
      <c r="I3710" s="5" t="s">
        <v>40939</v>
      </c>
      <c r="J3710" s="2" t="s">
        <v>40940</v>
      </c>
      <c r="K3710" s="5" t="s">
        <v>40939</v>
      </c>
      <c r="L3710" s="2" t="s">
        <v>40940</v>
      </c>
      <c r="M3710" s="5" t="s">
        <v>36266</v>
      </c>
      <c r="N3710" s="5" t="s">
        <v>38</v>
      </c>
      <c r="O3710" s="5" t="s">
        <v>39</v>
      </c>
      <c r="P3710" s="5" t="s">
        <v>40</v>
      </c>
      <c r="Q3710" s="5" t="s">
        <v>1522</v>
      </c>
      <c r="R3710" s="5" t="s">
        <v>1523</v>
      </c>
      <c r="S3710" s="5" t="s">
        <v>42</v>
      </c>
      <c r="T3710" s="2">
        <v>2.5680000000000001</v>
      </c>
      <c r="U3710" s="2">
        <v>2.0169999999999999</v>
      </c>
      <c r="V3710" s="2">
        <v>1.2999999999999999E-2</v>
      </c>
      <c r="W3710" s="2">
        <v>99.1</v>
      </c>
      <c r="X3710" s="2">
        <v>7.6</v>
      </c>
      <c r="Y3710" s="2">
        <v>16.7</v>
      </c>
      <c r="Z3710" s="5"/>
      <c r="AA3710" s="5" t="s">
        <v>43</v>
      </c>
      <c r="AB3710" s="5" t="s">
        <v>44</v>
      </c>
      <c r="AC3710" s="2"/>
      <c r="AD3710" s="1"/>
    </row>
    <row r="3711" spans="1:30">
      <c r="A3711" s="5" t="s">
        <v>83578</v>
      </c>
      <c r="B3711" s="2" t="s">
        <v>94735</v>
      </c>
      <c r="C3711" s="14" t="s">
        <v>94736</v>
      </c>
      <c r="D3711" s="2" t="s">
        <v>94737</v>
      </c>
      <c r="E3711" s="2" t="s">
        <v>7539</v>
      </c>
      <c r="F3711" s="8">
        <v>285</v>
      </c>
      <c r="G3711" s="5">
        <v>6</v>
      </c>
      <c r="H3711" s="5" t="s">
        <v>1518</v>
      </c>
      <c r="I3711" s="5" t="s">
        <v>40939</v>
      </c>
      <c r="J3711" s="2" t="s">
        <v>40940</v>
      </c>
      <c r="K3711" s="5" t="s">
        <v>40939</v>
      </c>
      <c r="L3711" s="2" t="s">
        <v>40940</v>
      </c>
      <c r="M3711" s="5" t="s">
        <v>36266</v>
      </c>
      <c r="N3711" s="5" t="s">
        <v>38</v>
      </c>
      <c r="O3711" s="5" t="s">
        <v>39</v>
      </c>
      <c r="P3711" s="5" t="s">
        <v>40</v>
      </c>
      <c r="Q3711" s="5" t="s">
        <v>1522</v>
      </c>
      <c r="R3711" s="5" t="s">
        <v>1523</v>
      </c>
      <c r="S3711" s="5" t="s">
        <v>42</v>
      </c>
      <c r="T3711" s="2">
        <v>2.4660000000000002</v>
      </c>
      <c r="U3711" s="2">
        <v>1.915</v>
      </c>
      <c r="V3711" s="2">
        <v>1.2999999999999999E-2</v>
      </c>
      <c r="W3711" s="2">
        <v>99.1</v>
      </c>
      <c r="X3711" s="2">
        <v>7.6</v>
      </c>
      <c r="Y3711" s="2">
        <v>16.7</v>
      </c>
      <c r="Z3711" s="5"/>
      <c r="AA3711" s="5" t="s">
        <v>43</v>
      </c>
      <c r="AB3711" s="5" t="s">
        <v>44</v>
      </c>
      <c r="AC3711" s="2"/>
      <c r="AD3711" s="1"/>
    </row>
    <row r="3712" spans="1:30">
      <c r="A3712" s="5" t="s">
        <v>83578</v>
      </c>
      <c r="B3712" s="2" t="s">
        <v>94738</v>
      </c>
      <c r="C3712" s="14" t="s">
        <v>94739</v>
      </c>
      <c r="D3712" s="2" t="s">
        <v>94740</v>
      </c>
      <c r="E3712" s="2" t="s">
        <v>7543</v>
      </c>
      <c r="F3712" s="8">
        <v>285</v>
      </c>
      <c r="G3712" s="5">
        <v>6</v>
      </c>
      <c r="H3712" s="5" t="s">
        <v>1518</v>
      </c>
      <c r="I3712" s="5" t="s">
        <v>40939</v>
      </c>
      <c r="J3712" s="2" t="s">
        <v>40940</v>
      </c>
      <c r="K3712" s="5" t="s">
        <v>40939</v>
      </c>
      <c r="L3712" s="2" t="s">
        <v>40940</v>
      </c>
      <c r="M3712" s="5" t="s">
        <v>36266</v>
      </c>
      <c r="N3712" s="5" t="s">
        <v>38</v>
      </c>
      <c r="O3712" s="5" t="s">
        <v>39</v>
      </c>
      <c r="P3712" s="5" t="s">
        <v>40</v>
      </c>
      <c r="Q3712" s="5" t="s">
        <v>1522</v>
      </c>
      <c r="R3712" s="5" t="s">
        <v>1523</v>
      </c>
      <c r="S3712" s="5" t="s">
        <v>42</v>
      </c>
      <c r="T3712" s="2">
        <v>2.5390000000000001</v>
      </c>
      <c r="U3712" s="2">
        <v>1.988</v>
      </c>
      <c r="V3712" s="2">
        <v>1.2999999999999999E-2</v>
      </c>
      <c r="W3712" s="2">
        <v>99.1</v>
      </c>
      <c r="X3712" s="2">
        <v>7.6</v>
      </c>
      <c r="Y3712" s="2">
        <v>16.7</v>
      </c>
      <c r="Z3712" s="5"/>
      <c r="AA3712" s="5" t="s">
        <v>43</v>
      </c>
      <c r="AB3712" s="5" t="s">
        <v>44</v>
      </c>
      <c r="AC3712" s="2"/>
      <c r="AD3712" s="1"/>
    </row>
    <row r="3713" spans="1:30">
      <c r="A3713" s="5" t="s">
        <v>83578</v>
      </c>
      <c r="B3713" s="2" t="s">
        <v>94741</v>
      </c>
      <c r="C3713" s="14" t="s">
        <v>94742</v>
      </c>
      <c r="D3713" s="2" t="s">
        <v>94743</v>
      </c>
      <c r="E3713" s="2" t="s">
        <v>40993</v>
      </c>
      <c r="F3713" s="8">
        <v>285</v>
      </c>
      <c r="G3713" s="5">
        <v>6</v>
      </c>
      <c r="H3713" s="5" t="s">
        <v>1518</v>
      </c>
      <c r="I3713" s="5" t="s">
        <v>40939</v>
      </c>
      <c r="J3713" s="2" t="s">
        <v>40940</v>
      </c>
      <c r="K3713" s="5" t="s">
        <v>40939</v>
      </c>
      <c r="L3713" s="2" t="s">
        <v>40940</v>
      </c>
      <c r="M3713" s="5" t="s">
        <v>36266</v>
      </c>
      <c r="N3713" s="5" t="s">
        <v>38</v>
      </c>
      <c r="O3713" s="5" t="s">
        <v>39</v>
      </c>
      <c r="P3713" s="5" t="s">
        <v>40</v>
      </c>
      <c r="Q3713" s="5" t="s">
        <v>1522</v>
      </c>
      <c r="R3713" s="5" t="s">
        <v>1523</v>
      </c>
      <c r="S3713" s="5" t="s">
        <v>42</v>
      </c>
      <c r="T3713" s="2">
        <v>2.5680000000000001</v>
      </c>
      <c r="U3713" s="2">
        <v>2.0169999999999999</v>
      </c>
      <c r="V3713" s="2">
        <v>1.2999999999999999E-2</v>
      </c>
      <c r="W3713" s="2">
        <v>99.1</v>
      </c>
      <c r="X3713" s="2">
        <v>7.6</v>
      </c>
      <c r="Y3713" s="2">
        <v>16.7</v>
      </c>
      <c r="Z3713" s="5"/>
      <c r="AA3713" s="5" t="s">
        <v>43</v>
      </c>
      <c r="AB3713" s="5" t="s">
        <v>44</v>
      </c>
      <c r="AC3713" s="2"/>
      <c r="AD3713" s="1"/>
    </row>
    <row r="3714" spans="1:30">
      <c r="A3714" s="5" t="s">
        <v>83578</v>
      </c>
      <c r="B3714" s="2" t="s">
        <v>94744</v>
      </c>
      <c r="C3714" s="14" t="s">
        <v>94745</v>
      </c>
      <c r="D3714" s="2" t="s">
        <v>94746</v>
      </c>
      <c r="E3714" s="2" t="s">
        <v>41267</v>
      </c>
      <c r="F3714" s="8">
        <v>285</v>
      </c>
      <c r="G3714" s="5">
        <v>6</v>
      </c>
      <c r="H3714" s="5" t="s">
        <v>1518</v>
      </c>
      <c r="I3714" s="5" t="s">
        <v>40939</v>
      </c>
      <c r="J3714" s="2" t="s">
        <v>40940</v>
      </c>
      <c r="K3714" s="5" t="s">
        <v>40939</v>
      </c>
      <c r="L3714" s="2" t="s">
        <v>40940</v>
      </c>
      <c r="M3714" s="5" t="s">
        <v>36266</v>
      </c>
      <c r="N3714" s="5" t="s">
        <v>38</v>
      </c>
      <c r="O3714" s="5" t="s">
        <v>39</v>
      </c>
      <c r="P3714" s="5" t="s">
        <v>40</v>
      </c>
      <c r="Q3714" s="5" t="s">
        <v>1522</v>
      </c>
      <c r="R3714" s="5" t="s">
        <v>1523</v>
      </c>
      <c r="S3714" s="5" t="s">
        <v>42</v>
      </c>
      <c r="T3714" s="2">
        <v>2.5449999999999999</v>
      </c>
      <c r="U3714" s="2">
        <v>1.994</v>
      </c>
      <c r="V3714" s="2">
        <v>1.2999999999999999E-2</v>
      </c>
      <c r="W3714" s="2">
        <v>99.1</v>
      </c>
      <c r="X3714" s="2">
        <v>7.6</v>
      </c>
      <c r="Y3714" s="2">
        <v>16.7</v>
      </c>
      <c r="Z3714" s="5"/>
      <c r="AA3714" s="5" t="s">
        <v>43</v>
      </c>
      <c r="AB3714" s="5" t="s">
        <v>44</v>
      </c>
      <c r="AC3714" s="2"/>
      <c r="AD3714" s="1"/>
    </row>
    <row r="3715" spans="1:30">
      <c r="A3715" s="5" t="s">
        <v>83578</v>
      </c>
      <c r="B3715" s="2" t="s">
        <v>94747</v>
      </c>
      <c r="C3715" s="14" t="s">
        <v>94748</v>
      </c>
      <c r="D3715" s="2" t="s">
        <v>94749</v>
      </c>
      <c r="E3715" s="2" t="s">
        <v>41001</v>
      </c>
      <c r="F3715" s="8">
        <v>285</v>
      </c>
      <c r="G3715" s="5">
        <v>6</v>
      </c>
      <c r="H3715" s="5" t="s">
        <v>1518</v>
      </c>
      <c r="I3715" s="5" t="s">
        <v>40939</v>
      </c>
      <c r="J3715" s="2" t="s">
        <v>40940</v>
      </c>
      <c r="K3715" s="5" t="s">
        <v>40939</v>
      </c>
      <c r="L3715" s="2" t="s">
        <v>40940</v>
      </c>
      <c r="M3715" s="5" t="s">
        <v>36266</v>
      </c>
      <c r="N3715" s="5" t="s">
        <v>38</v>
      </c>
      <c r="O3715" s="5" t="s">
        <v>39</v>
      </c>
      <c r="P3715" s="5" t="s">
        <v>40</v>
      </c>
      <c r="Q3715" s="5" t="s">
        <v>1522</v>
      </c>
      <c r="R3715" s="5" t="s">
        <v>1523</v>
      </c>
      <c r="S3715" s="5" t="s">
        <v>42</v>
      </c>
      <c r="T3715" s="2">
        <v>2.4950000000000001</v>
      </c>
      <c r="U3715" s="2">
        <v>1.944</v>
      </c>
      <c r="V3715" s="2">
        <v>1.2999999999999999E-2</v>
      </c>
      <c r="W3715" s="2">
        <v>99.1</v>
      </c>
      <c r="X3715" s="2">
        <v>7.6</v>
      </c>
      <c r="Y3715" s="2">
        <v>16.7</v>
      </c>
      <c r="Z3715" s="5"/>
      <c r="AA3715" s="5" t="s">
        <v>43</v>
      </c>
      <c r="AB3715" s="5" t="s">
        <v>44</v>
      </c>
      <c r="AC3715" s="2"/>
      <c r="AD3715" s="1"/>
    </row>
    <row r="3716" spans="1:30">
      <c r="A3716" s="5" t="s">
        <v>83578</v>
      </c>
      <c r="B3716" s="2" t="s">
        <v>94750</v>
      </c>
      <c r="C3716" s="14" t="s">
        <v>94751</v>
      </c>
      <c r="D3716" s="2" t="s">
        <v>94752</v>
      </c>
      <c r="E3716" s="2" t="s">
        <v>41005</v>
      </c>
      <c r="F3716" s="8">
        <v>285</v>
      </c>
      <c r="G3716" s="5">
        <v>6</v>
      </c>
      <c r="H3716" s="5" t="s">
        <v>1518</v>
      </c>
      <c r="I3716" s="5" t="s">
        <v>40939</v>
      </c>
      <c r="J3716" s="2" t="s">
        <v>40940</v>
      </c>
      <c r="K3716" s="5" t="s">
        <v>40939</v>
      </c>
      <c r="L3716" s="2" t="s">
        <v>40940</v>
      </c>
      <c r="M3716" s="5" t="s">
        <v>36266</v>
      </c>
      <c r="N3716" s="5" t="s">
        <v>38</v>
      </c>
      <c r="O3716" s="5" t="s">
        <v>39</v>
      </c>
      <c r="P3716" s="5" t="s">
        <v>40</v>
      </c>
      <c r="Q3716" s="5" t="s">
        <v>1522</v>
      </c>
      <c r="R3716" s="5" t="s">
        <v>1523</v>
      </c>
      <c r="S3716" s="5" t="s">
        <v>42</v>
      </c>
      <c r="T3716" s="2">
        <v>2.5680000000000001</v>
      </c>
      <c r="U3716" s="2">
        <v>2.0169999999999999</v>
      </c>
      <c r="V3716" s="2">
        <v>1.2999999999999999E-2</v>
      </c>
      <c r="W3716" s="2">
        <v>99.1</v>
      </c>
      <c r="X3716" s="2">
        <v>7.6</v>
      </c>
      <c r="Y3716" s="2">
        <v>16.7</v>
      </c>
      <c r="Z3716" s="5"/>
      <c r="AA3716" s="5" t="s">
        <v>43</v>
      </c>
      <c r="AB3716" s="5" t="s">
        <v>44</v>
      </c>
      <c r="AC3716" s="2"/>
      <c r="AD3716" s="1"/>
    </row>
    <row r="3717" spans="1:30">
      <c r="A3717" s="5" t="s">
        <v>83578</v>
      </c>
      <c r="B3717" s="2" t="s">
        <v>94753</v>
      </c>
      <c r="C3717" s="14" t="s">
        <v>94754</v>
      </c>
      <c r="D3717" s="2" t="s">
        <v>94755</v>
      </c>
      <c r="E3717" s="2" t="s">
        <v>41009</v>
      </c>
      <c r="F3717" s="8">
        <v>285</v>
      </c>
      <c r="G3717" s="5">
        <v>6</v>
      </c>
      <c r="H3717" s="5" t="s">
        <v>1518</v>
      </c>
      <c r="I3717" s="5" t="s">
        <v>40939</v>
      </c>
      <c r="J3717" s="2" t="s">
        <v>40940</v>
      </c>
      <c r="K3717" s="5" t="s">
        <v>40939</v>
      </c>
      <c r="L3717" s="2" t="s">
        <v>40940</v>
      </c>
      <c r="M3717" s="5" t="s">
        <v>36266</v>
      </c>
      <c r="N3717" s="5" t="s">
        <v>38</v>
      </c>
      <c r="O3717" s="5" t="s">
        <v>39</v>
      </c>
      <c r="P3717" s="5" t="s">
        <v>40</v>
      </c>
      <c r="Q3717" s="5" t="s">
        <v>1522</v>
      </c>
      <c r="R3717" s="5" t="s">
        <v>1523</v>
      </c>
      <c r="S3717" s="5" t="s">
        <v>42</v>
      </c>
      <c r="T3717" s="2">
        <v>2.5009999999999999</v>
      </c>
      <c r="U3717" s="2">
        <v>1.95</v>
      </c>
      <c r="V3717" s="2">
        <v>1.2999999999999999E-2</v>
      </c>
      <c r="W3717" s="2">
        <v>99.1</v>
      </c>
      <c r="X3717" s="2">
        <v>7.6</v>
      </c>
      <c r="Y3717" s="2">
        <v>16.7</v>
      </c>
      <c r="Z3717" s="5"/>
      <c r="AA3717" s="5" t="s">
        <v>43</v>
      </c>
      <c r="AB3717" s="5" t="s">
        <v>44</v>
      </c>
      <c r="AC3717" s="2"/>
      <c r="AD3717" s="1"/>
    </row>
    <row r="3718" spans="1:30">
      <c r="A3718" s="5" t="s">
        <v>83578</v>
      </c>
      <c r="B3718" s="2" t="s">
        <v>94756</v>
      </c>
      <c r="C3718" s="14" t="s">
        <v>94757</v>
      </c>
      <c r="D3718" s="2" t="s">
        <v>94758</v>
      </c>
      <c r="E3718" s="2" t="s">
        <v>41013</v>
      </c>
      <c r="F3718" s="8">
        <v>285</v>
      </c>
      <c r="G3718" s="5">
        <v>6</v>
      </c>
      <c r="H3718" s="5" t="s">
        <v>1518</v>
      </c>
      <c r="I3718" s="5" t="s">
        <v>40939</v>
      </c>
      <c r="J3718" s="2" t="s">
        <v>40940</v>
      </c>
      <c r="K3718" s="5" t="s">
        <v>40939</v>
      </c>
      <c r="L3718" s="2" t="s">
        <v>40940</v>
      </c>
      <c r="M3718" s="5" t="s">
        <v>36266</v>
      </c>
      <c r="N3718" s="5" t="s">
        <v>38</v>
      </c>
      <c r="O3718" s="5" t="s">
        <v>39</v>
      </c>
      <c r="P3718" s="5" t="s">
        <v>40</v>
      </c>
      <c r="Q3718" s="5" t="s">
        <v>1522</v>
      </c>
      <c r="R3718" s="5" t="s">
        <v>1523</v>
      </c>
      <c r="S3718" s="5" t="s">
        <v>42</v>
      </c>
      <c r="T3718" s="2">
        <v>2.5739999999999998</v>
      </c>
      <c r="U3718" s="2">
        <v>2.0230000000000001</v>
      </c>
      <c r="V3718" s="2">
        <v>1.2999999999999999E-2</v>
      </c>
      <c r="W3718" s="2">
        <v>99.1</v>
      </c>
      <c r="X3718" s="2">
        <v>7.6</v>
      </c>
      <c r="Y3718" s="2">
        <v>16.7</v>
      </c>
      <c r="Z3718" s="5"/>
      <c r="AA3718" s="5" t="s">
        <v>43</v>
      </c>
      <c r="AB3718" s="5" t="s">
        <v>44</v>
      </c>
      <c r="AC3718" s="2"/>
      <c r="AD3718" s="1"/>
    </row>
    <row r="3719" spans="1:30">
      <c r="A3719" s="5" t="s">
        <v>83578</v>
      </c>
      <c r="B3719" s="2" t="s">
        <v>94759</v>
      </c>
      <c r="C3719" s="14" t="s">
        <v>94760</v>
      </c>
      <c r="D3719" s="2" t="s">
        <v>94761</v>
      </c>
      <c r="E3719" s="2" t="s">
        <v>7396</v>
      </c>
      <c r="F3719" s="8">
        <v>265</v>
      </c>
      <c r="G3719" s="5">
        <v>6</v>
      </c>
      <c r="H3719" s="5" t="s">
        <v>1518</v>
      </c>
      <c r="I3719" s="5" t="s">
        <v>40939</v>
      </c>
      <c r="J3719" s="2" t="s">
        <v>40940</v>
      </c>
      <c r="K3719" s="5" t="s">
        <v>40939</v>
      </c>
      <c r="L3719" s="2" t="s">
        <v>40940</v>
      </c>
      <c r="M3719" s="5" t="s">
        <v>36266</v>
      </c>
      <c r="N3719" s="5" t="s">
        <v>38</v>
      </c>
      <c r="O3719" s="5" t="s">
        <v>39</v>
      </c>
      <c r="P3719" s="5" t="s">
        <v>40</v>
      </c>
      <c r="Q3719" s="5" t="s">
        <v>1522</v>
      </c>
      <c r="R3719" s="5" t="s">
        <v>1523</v>
      </c>
      <c r="S3719" s="5" t="s">
        <v>42</v>
      </c>
      <c r="T3719" s="2">
        <v>2.5009999999999999</v>
      </c>
      <c r="U3719" s="2">
        <v>1.95</v>
      </c>
      <c r="V3719" s="2">
        <v>1.2999999999999999E-2</v>
      </c>
      <c r="W3719" s="2">
        <v>99.1</v>
      </c>
      <c r="X3719" s="2">
        <v>7.6</v>
      </c>
      <c r="Y3719" s="2">
        <v>16.7</v>
      </c>
      <c r="Z3719" s="5"/>
      <c r="AA3719" s="5" t="s">
        <v>43</v>
      </c>
      <c r="AB3719" s="5" t="s">
        <v>44</v>
      </c>
      <c r="AC3719" s="2"/>
      <c r="AD3719" s="1"/>
    </row>
    <row r="3720" spans="1:30">
      <c r="A3720" s="5" t="s">
        <v>83578</v>
      </c>
      <c r="B3720" s="2" t="s">
        <v>94762</v>
      </c>
      <c r="C3720" s="14" t="s">
        <v>94763</v>
      </c>
      <c r="D3720" s="2" t="s">
        <v>94764</v>
      </c>
      <c r="E3720" s="2" t="s">
        <v>7507</v>
      </c>
      <c r="F3720" s="8">
        <v>265</v>
      </c>
      <c r="G3720" s="5">
        <v>6</v>
      </c>
      <c r="H3720" s="5" t="s">
        <v>1518</v>
      </c>
      <c r="I3720" s="5" t="s">
        <v>40939</v>
      </c>
      <c r="J3720" s="2" t="s">
        <v>40940</v>
      </c>
      <c r="K3720" s="5" t="s">
        <v>40939</v>
      </c>
      <c r="L3720" s="2" t="s">
        <v>40940</v>
      </c>
      <c r="M3720" s="5" t="s">
        <v>36266</v>
      </c>
      <c r="N3720" s="5" t="s">
        <v>38</v>
      </c>
      <c r="O3720" s="5" t="s">
        <v>39</v>
      </c>
      <c r="P3720" s="5" t="s">
        <v>40</v>
      </c>
      <c r="Q3720" s="5" t="s">
        <v>1522</v>
      </c>
      <c r="R3720" s="5" t="s">
        <v>1523</v>
      </c>
      <c r="S3720" s="5" t="s">
        <v>42</v>
      </c>
      <c r="T3720" s="2">
        <v>2.5739999999999998</v>
      </c>
      <c r="U3720" s="2">
        <v>2.0230000000000001</v>
      </c>
      <c r="V3720" s="2">
        <v>1.2999999999999999E-2</v>
      </c>
      <c r="W3720" s="2">
        <v>99.1</v>
      </c>
      <c r="X3720" s="2">
        <v>7.6</v>
      </c>
      <c r="Y3720" s="2">
        <v>16.7</v>
      </c>
      <c r="Z3720" s="5"/>
      <c r="AA3720" s="5" t="s">
        <v>43</v>
      </c>
      <c r="AB3720" s="5" t="s">
        <v>44</v>
      </c>
      <c r="AC3720" s="2"/>
      <c r="AD3720" s="1"/>
    </row>
    <row r="3721" spans="1:30">
      <c r="A3721" s="5" t="s">
        <v>83578</v>
      </c>
      <c r="B3721" s="2" t="s">
        <v>94765</v>
      </c>
      <c r="C3721" s="14" t="s">
        <v>94766</v>
      </c>
      <c r="D3721" s="2" t="s">
        <v>94767</v>
      </c>
      <c r="E3721" s="2" t="s">
        <v>41023</v>
      </c>
      <c r="F3721" s="8">
        <v>285</v>
      </c>
      <c r="G3721" s="5">
        <v>6</v>
      </c>
      <c r="H3721" s="5" t="s">
        <v>1518</v>
      </c>
      <c r="I3721" s="5" t="s">
        <v>40939</v>
      </c>
      <c r="J3721" s="2" t="s">
        <v>40940</v>
      </c>
      <c r="K3721" s="5" t="s">
        <v>40939</v>
      </c>
      <c r="L3721" s="2" t="s">
        <v>40940</v>
      </c>
      <c r="M3721" s="5" t="s">
        <v>36266</v>
      </c>
      <c r="N3721" s="5" t="s">
        <v>38</v>
      </c>
      <c r="O3721" s="5" t="s">
        <v>39</v>
      </c>
      <c r="P3721" s="5" t="s">
        <v>40</v>
      </c>
      <c r="Q3721" s="5" t="s">
        <v>1522</v>
      </c>
      <c r="R3721" s="5" t="s">
        <v>1523</v>
      </c>
      <c r="S3721" s="5" t="s">
        <v>42</v>
      </c>
      <c r="T3721" s="2">
        <v>2.472</v>
      </c>
      <c r="U3721" s="2">
        <v>1.921</v>
      </c>
      <c r="V3721" s="2">
        <v>1.2999999999999999E-2</v>
      </c>
      <c r="W3721" s="2">
        <v>99.1</v>
      </c>
      <c r="X3721" s="2">
        <v>7.6</v>
      </c>
      <c r="Y3721" s="2">
        <v>16.7</v>
      </c>
      <c r="Z3721" s="5"/>
      <c r="AA3721" s="5" t="s">
        <v>43</v>
      </c>
      <c r="AB3721" s="5" t="s">
        <v>44</v>
      </c>
      <c r="AC3721" s="2"/>
      <c r="AD3721" s="1"/>
    </row>
    <row r="3722" spans="1:30">
      <c r="A3722" s="5" t="s">
        <v>83578</v>
      </c>
      <c r="B3722" s="2" t="s">
        <v>94768</v>
      </c>
      <c r="C3722" s="14" t="s">
        <v>94769</v>
      </c>
      <c r="D3722" s="2" t="s">
        <v>94770</v>
      </c>
      <c r="E3722" s="2" t="s">
        <v>41027</v>
      </c>
      <c r="F3722" s="8">
        <v>285</v>
      </c>
      <c r="G3722" s="5">
        <v>6</v>
      </c>
      <c r="H3722" s="5" t="s">
        <v>1518</v>
      </c>
      <c r="I3722" s="5" t="s">
        <v>40939</v>
      </c>
      <c r="J3722" s="2" t="s">
        <v>40940</v>
      </c>
      <c r="K3722" s="5" t="s">
        <v>40939</v>
      </c>
      <c r="L3722" s="2" t="s">
        <v>40940</v>
      </c>
      <c r="M3722" s="5" t="s">
        <v>36266</v>
      </c>
      <c r="N3722" s="5" t="s">
        <v>38</v>
      </c>
      <c r="O3722" s="5" t="s">
        <v>39</v>
      </c>
      <c r="P3722" s="5" t="s">
        <v>40</v>
      </c>
      <c r="Q3722" s="5" t="s">
        <v>1522</v>
      </c>
      <c r="R3722" s="5" t="s">
        <v>1523</v>
      </c>
      <c r="S3722" s="5" t="s">
        <v>42</v>
      </c>
      <c r="T3722" s="2">
        <v>2.5449999999999999</v>
      </c>
      <c r="U3722" s="2">
        <v>1.994</v>
      </c>
      <c r="V3722" s="2">
        <v>1.2999999999999999E-2</v>
      </c>
      <c r="W3722" s="2">
        <v>99.1</v>
      </c>
      <c r="X3722" s="2">
        <v>7.6</v>
      </c>
      <c r="Y3722" s="2">
        <v>16.7</v>
      </c>
      <c r="Z3722" s="5"/>
      <c r="AA3722" s="5" t="s">
        <v>43</v>
      </c>
      <c r="AB3722" s="5" t="s">
        <v>44</v>
      </c>
      <c r="AC3722" s="2"/>
      <c r="AD3722" s="1"/>
    </row>
    <row r="3723" spans="1:30">
      <c r="A3723" s="5" t="s">
        <v>83578</v>
      </c>
      <c r="B3723" s="2" t="s">
        <v>94771</v>
      </c>
      <c r="C3723" s="14" t="s">
        <v>94772</v>
      </c>
      <c r="D3723" s="2" t="s">
        <v>94773</v>
      </c>
      <c r="E3723" s="2" t="s">
        <v>41031</v>
      </c>
      <c r="F3723" s="8">
        <v>285</v>
      </c>
      <c r="G3723" s="5">
        <v>6</v>
      </c>
      <c r="H3723" s="5" t="s">
        <v>1518</v>
      </c>
      <c r="I3723" s="5" t="s">
        <v>40939</v>
      </c>
      <c r="J3723" s="2" t="s">
        <v>40940</v>
      </c>
      <c r="K3723" s="5" t="s">
        <v>40939</v>
      </c>
      <c r="L3723" s="2" t="s">
        <v>40940</v>
      </c>
      <c r="M3723" s="5" t="s">
        <v>36266</v>
      </c>
      <c r="N3723" s="5" t="s">
        <v>38</v>
      </c>
      <c r="O3723" s="5" t="s">
        <v>39</v>
      </c>
      <c r="P3723" s="5" t="s">
        <v>40</v>
      </c>
      <c r="Q3723" s="5" t="s">
        <v>1522</v>
      </c>
      <c r="R3723" s="5" t="s">
        <v>1523</v>
      </c>
      <c r="S3723" s="5" t="s">
        <v>42</v>
      </c>
      <c r="T3723" s="2">
        <v>2.472</v>
      </c>
      <c r="U3723" s="2">
        <v>1.921</v>
      </c>
      <c r="V3723" s="2">
        <v>1.2999999999999999E-2</v>
      </c>
      <c r="W3723" s="2">
        <v>99.1</v>
      </c>
      <c r="X3723" s="2">
        <v>7.6</v>
      </c>
      <c r="Y3723" s="2">
        <v>16.7</v>
      </c>
      <c r="Z3723" s="5"/>
      <c r="AA3723" s="5" t="s">
        <v>43</v>
      </c>
      <c r="AB3723" s="5" t="s">
        <v>44</v>
      </c>
      <c r="AC3723" s="2"/>
      <c r="AD3723" s="1"/>
    </row>
    <row r="3724" spans="1:30">
      <c r="A3724" s="5" t="s">
        <v>83578</v>
      </c>
      <c r="B3724" s="2" t="s">
        <v>94774</v>
      </c>
      <c r="C3724" s="14" t="s">
        <v>94775</v>
      </c>
      <c r="D3724" s="2" t="s">
        <v>94776</v>
      </c>
      <c r="E3724" s="2" t="s">
        <v>41035</v>
      </c>
      <c r="F3724" s="8">
        <v>285</v>
      </c>
      <c r="G3724" s="5">
        <v>6</v>
      </c>
      <c r="H3724" s="5" t="s">
        <v>1518</v>
      </c>
      <c r="I3724" s="5" t="s">
        <v>40939</v>
      </c>
      <c r="J3724" s="2" t="s">
        <v>40940</v>
      </c>
      <c r="K3724" s="5" t="s">
        <v>40939</v>
      </c>
      <c r="L3724" s="2" t="s">
        <v>40940</v>
      </c>
      <c r="M3724" s="5" t="s">
        <v>36266</v>
      </c>
      <c r="N3724" s="5" t="s">
        <v>38</v>
      </c>
      <c r="O3724" s="5" t="s">
        <v>39</v>
      </c>
      <c r="P3724" s="5" t="s">
        <v>40</v>
      </c>
      <c r="Q3724" s="5" t="s">
        <v>1522</v>
      </c>
      <c r="R3724" s="5" t="s">
        <v>1523</v>
      </c>
      <c r="S3724" s="5" t="s">
        <v>42</v>
      </c>
      <c r="T3724" s="2">
        <v>2.5449999999999999</v>
      </c>
      <c r="U3724" s="2">
        <v>1.994</v>
      </c>
      <c r="V3724" s="2">
        <v>1.2999999999999999E-2</v>
      </c>
      <c r="W3724" s="2">
        <v>99.1</v>
      </c>
      <c r="X3724" s="2">
        <v>7.6</v>
      </c>
      <c r="Y3724" s="2">
        <v>16.7</v>
      </c>
      <c r="Z3724" s="5"/>
      <c r="AA3724" s="5" t="s">
        <v>43</v>
      </c>
      <c r="AB3724" s="5" t="s">
        <v>44</v>
      </c>
      <c r="AC3724" s="2"/>
      <c r="AD3724" s="1"/>
    </row>
    <row r="3725" spans="1:30">
      <c r="A3725" s="5" t="s">
        <v>83578</v>
      </c>
      <c r="B3725" s="2" t="s">
        <v>94777</v>
      </c>
      <c r="C3725" s="14" t="s">
        <v>94778</v>
      </c>
      <c r="D3725" s="2" t="s">
        <v>94779</v>
      </c>
      <c r="E3725" s="2" t="s">
        <v>7449</v>
      </c>
      <c r="F3725" s="8">
        <v>285</v>
      </c>
      <c r="G3725" s="5">
        <v>6</v>
      </c>
      <c r="H3725" s="5" t="s">
        <v>1518</v>
      </c>
      <c r="I3725" s="5" t="s">
        <v>40939</v>
      </c>
      <c r="J3725" s="2" t="s">
        <v>40940</v>
      </c>
      <c r="K3725" s="5" t="s">
        <v>40939</v>
      </c>
      <c r="L3725" s="2" t="s">
        <v>40940</v>
      </c>
      <c r="M3725" s="5" t="s">
        <v>36266</v>
      </c>
      <c r="N3725" s="5" t="s">
        <v>38</v>
      </c>
      <c r="O3725" s="5" t="s">
        <v>39</v>
      </c>
      <c r="P3725" s="5" t="s">
        <v>40</v>
      </c>
      <c r="Q3725" s="5" t="s">
        <v>1522</v>
      </c>
      <c r="R3725" s="5" t="s">
        <v>1523</v>
      </c>
      <c r="S3725" s="5" t="s">
        <v>42</v>
      </c>
      <c r="T3725" s="2">
        <v>2.472</v>
      </c>
      <c r="U3725" s="2">
        <v>1.921</v>
      </c>
      <c r="V3725" s="2">
        <v>1.2999999999999999E-2</v>
      </c>
      <c r="W3725" s="2">
        <v>99.1</v>
      </c>
      <c r="X3725" s="2">
        <v>7.6</v>
      </c>
      <c r="Y3725" s="2">
        <v>16.7</v>
      </c>
      <c r="Z3725" s="5"/>
      <c r="AA3725" s="5" t="s">
        <v>43</v>
      </c>
      <c r="AB3725" s="5" t="s">
        <v>44</v>
      </c>
      <c r="AC3725" s="2"/>
      <c r="AD3725" s="1"/>
    </row>
    <row r="3726" spans="1:30">
      <c r="A3726" s="5" t="s">
        <v>83578</v>
      </c>
      <c r="B3726" s="2" t="s">
        <v>94780</v>
      </c>
      <c r="C3726" s="14" t="s">
        <v>94781</v>
      </c>
      <c r="D3726" s="2" t="s">
        <v>94782</v>
      </c>
      <c r="E3726" s="2" t="s">
        <v>7581</v>
      </c>
      <c r="F3726" s="8">
        <v>285</v>
      </c>
      <c r="G3726" s="5">
        <v>6</v>
      </c>
      <c r="H3726" s="5" t="s">
        <v>1518</v>
      </c>
      <c r="I3726" s="5" t="s">
        <v>40939</v>
      </c>
      <c r="J3726" s="2" t="s">
        <v>40940</v>
      </c>
      <c r="K3726" s="5" t="s">
        <v>40939</v>
      </c>
      <c r="L3726" s="2" t="s">
        <v>40940</v>
      </c>
      <c r="M3726" s="5" t="s">
        <v>36266</v>
      </c>
      <c r="N3726" s="5" t="s">
        <v>38</v>
      </c>
      <c r="O3726" s="5" t="s">
        <v>39</v>
      </c>
      <c r="P3726" s="5" t="s">
        <v>40</v>
      </c>
      <c r="Q3726" s="5" t="s">
        <v>1522</v>
      </c>
      <c r="R3726" s="5" t="s">
        <v>1523</v>
      </c>
      <c r="S3726" s="5" t="s">
        <v>42</v>
      </c>
      <c r="T3726" s="2">
        <v>2.5449999999999999</v>
      </c>
      <c r="U3726" s="2">
        <v>1.994</v>
      </c>
      <c r="V3726" s="2">
        <v>1.2999999999999999E-2</v>
      </c>
      <c r="W3726" s="2">
        <v>99.1</v>
      </c>
      <c r="X3726" s="2">
        <v>7.6</v>
      </c>
      <c r="Y3726" s="2">
        <v>16.7</v>
      </c>
      <c r="Z3726" s="5"/>
      <c r="AA3726" s="5" t="s">
        <v>43</v>
      </c>
      <c r="AB3726" s="5" t="s">
        <v>44</v>
      </c>
      <c r="AC3726" s="2"/>
      <c r="AD3726" s="1"/>
    </row>
    <row r="3727" spans="1:30">
      <c r="A3727" s="5" t="s">
        <v>83578</v>
      </c>
      <c r="B3727" s="2" t="s">
        <v>94783</v>
      </c>
      <c r="C3727" s="14" t="s">
        <v>94784</v>
      </c>
      <c r="D3727" s="2" t="s">
        <v>94785</v>
      </c>
      <c r="E3727" s="2" t="s">
        <v>41049</v>
      </c>
      <c r="F3727" s="8">
        <v>285</v>
      </c>
      <c r="G3727" s="5">
        <v>6</v>
      </c>
      <c r="H3727" s="5" t="s">
        <v>1518</v>
      </c>
      <c r="I3727" s="5" t="s">
        <v>40939</v>
      </c>
      <c r="J3727" s="2" t="s">
        <v>40940</v>
      </c>
      <c r="K3727" s="5" t="s">
        <v>40939</v>
      </c>
      <c r="L3727" s="2" t="s">
        <v>40940</v>
      </c>
      <c r="M3727" s="5" t="s">
        <v>36266</v>
      </c>
      <c r="N3727" s="5" t="s">
        <v>38</v>
      </c>
      <c r="O3727" s="5" t="s">
        <v>39</v>
      </c>
      <c r="P3727" s="5" t="s">
        <v>40</v>
      </c>
      <c r="Q3727" s="5" t="s">
        <v>1522</v>
      </c>
      <c r="R3727" s="5" t="s">
        <v>1523</v>
      </c>
      <c r="S3727" s="5" t="s">
        <v>42</v>
      </c>
      <c r="T3727" s="2">
        <v>2.5790000000000002</v>
      </c>
      <c r="U3727" s="2">
        <v>2.028</v>
      </c>
      <c r="V3727" s="2">
        <v>1.2999999999999999E-2</v>
      </c>
      <c r="W3727" s="2">
        <v>99.1</v>
      </c>
      <c r="X3727" s="2">
        <v>7.6</v>
      </c>
      <c r="Y3727" s="2">
        <v>16.7</v>
      </c>
      <c r="Z3727" s="5"/>
      <c r="AA3727" s="5" t="s">
        <v>43</v>
      </c>
      <c r="AB3727" s="5" t="s">
        <v>44</v>
      </c>
      <c r="AC3727" s="2"/>
      <c r="AD3727" s="1"/>
    </row>
    <row r="3728" spans="1:30">
      <c r="A3728" s="5" t="s">
        <v>83578</v>
      </c>
      <c r="B3728" s="2" t="s">
        <v>94786</v>
      </c>
      <c r="C3728" s="14" t="s">
        <v>94787</v>
      </c>
      <c r="D3728" s="2" t="s">
        <v>94788</v>
      </c>
      <c r="E3728" s="2" t="s">
        <v>7204</v>
      </c>
      <c r="F3728" s="8">
        <v>269</v>
      </c>
      <c r="G3728" s="5">
        <v>6</v>
      </c>
      <c r="H3728" s="5" t="s">
        <v>1518</v>
      </c>
      <c r="I3728" s="5" t="s">
        <v>40939</v>
      </c>
      <c r="J3728" s="2" t="s">
        <v>40940</v>
      </c>
      <c r="K3728" s="5" t="s">
        <v>40939</v>
      </c>
      <c r="L3728" s="2" t="s">
        <v>40940</v>
      </c>
      <c r="M3728" s="5" t="s">
        <v>36266</v>
      </c>
      <c r="N3728" s="5" t="s">
        <v>38</v>
      </c>
      <c r="O3728" s="5" t="s">
        <v>39</v>
      </c>
      <c r="P3728" s="5" t="s">
        <v>40</v>
      </c>
      <c r="Q3728" s="5" t="s">
        <v>1522</v>
      </c>
      <c r="R3728" s="5" t="s">
        <v>1523</v>
      </c>
      <c r="S3728" s="5" t="s">
        <v>42</v>
      </c>
      <c r="T3728" s="2">
        <v>2.6280000000000001</v>
      </c>
      <c r="U3728" s="2">
        <v>2.077</v>
      </c>
      <c r="V3728" s="2">
        <v>1.4999999999999999E-2</v>
      </c>
      <c r="W3728" s="2">
        <v>118.9</v>
      </c>
      <c r="X3728" s="2">
        <v>7.6</v>
      </c>
      <c r="Y3728" s="2">
        <v>16.7</v>
      </c>
      <c r="Z3728" s="5"/>
      <c r="AA3728" s="5" t="s">
        <v>43</v>
      </c>
      <c r="AB3728" s="5" t="s">
        <v>44</v>
      </c>
      <c r="AC3728" s="2"/>
      <c r="AD3728" s="1"/>
    </row>
    <row r="3729" spans="1:30">
      <c r="A3729" s="5" t="s">
        <v>83578</v>
      </c>
      <c r="B3729" s="2" t="s">
        <v>94789</v>
      </c>
      <c r="C3729" s="14" t="s">
        <v>94790</v>
      </c>
      <c r="D3729" s="2" t="s">
        <v>94791</v>
      </c>
      <c r="E3729" s="2" t="s">
        <v>7514</v>
      </c>
      <c r="F3729" s="8">
        <v>269</v>
      </c>
      <c r="G3729" s="5">
        <v>6</v>
      </c>
      <c r="H3729" s="5" t="s">
        <v>1518</v>
      </c>
      <c r="I3729" s="5" t="s">
        <v>40939</v>
      </c>
      <c r="J3729" s="2" t="s">
        <v>40940</v>
      </c>
      <c r="K3729" s="5" t="s">
        <v>40939</v>
      </c>
      <c r="L3729" s="2" t="s">
        <v>40940</v>
      </c>
      <c r="M3729" s="5" t="s">
        <v>36266</v>
      </c>
      <c r="N3729" s="5" t="s">
        <v>38</v>
      </c>
      <c r="O3729" s="5" t="s">
        <v>39</v>
      </c>
      <c r="P3729" s="5" t="s">
        <v>40</v>
      </c>
      <c r="Q3729" s="5" t="s">
        <v>1522</v>
      </c>
      <c r="R3729" s="5" t="s">
        <v>1523</v>
      </c>
      <c r="S3729" s="5" t="s">
        <v>42</v>
      </c>
      <c r="T3729" s="2">
        <v>2.7149999999999999</v>
      </c>
      <c r="U3729" s="2">
        <v>2.1640000000000001</v>
      </c>
      <c r="V3729" s="2">
        <v>1.4999999999999999E-2</v>
      </c>
      <c r="W3729" s="2">
        <v>118.9</v>
      </c>
      <c r="X3729" s="2">
        <v>7.6</v>
      </c>
      <c r="Y3729" s="2">
        <v>16.7</v>
      </c>
      <c r="Z3729" s="5"/>
      <c r="AA3729" s="5" t="s">
        <v>43</v>
      </c>
      <c r="AB3729" s="5" t="s">
        <v>44</v>
      </c>
      <c r="AC3729" s="2"/>
      <c r="AD3729" s="1"/>
    </row>
    <row r="3730" spans="1:30">
      <c r="A3730" s="5" t="s">
        <v>83578</v>
      </c>
      <c r="B3730" s="2" t="s">
        <v>94792</v>
      </c>
      <c r="C3730" s="14" t="s">
        <v>94793</v>
      </c>
      <c r="D3730" s="2" t="s">
        <v>94794</v>
      </c>
      <c r="E3730" s="2" t="s">
        <v>47266</v>
      </c>
      <c r="F3730" s="8">
        <v>289</v>
      </c>
      <c r="G3730" s="5">
        <v>6</v>
      </c>
      <c r="H3730" s="5" t="s">
        <v>1518</v>
      </c>
      <c r="I3730" s="5" t="s">
        <v>40939</v>
      </c>
      <c r="J3730" s="2" t="s">
        <v>40940</v>
      </c>
      <c r="K3730" s="5" t="s">
        <v>40939</v>
      </c>
      <c r="L3730" s="2" t="s">
        <v>40940</v>
      </c>
      <c r="M3730" s="5" t="s">
        <v>36266</v>
      </c>
      <c r="N3730" s="5" t="s">
        <v>38</v>
      </c>
      <c r="O3730" s="5" t="s">
        <v>39</v>
      </c>
      <c r="P3730" s="5" t="s">
        <v>40</v>
      </c>
      <c r="Q3730" s="5" t="s">
        <v>1522</v>
      </c>
      <c r="R3730" s="5" t="s">
        <v>1523</v>
      </c>
      <c r="S3730" s="5" t="s">
        <v>42</v>
      </c>
      <c r="T3730" s="2">
        <v>2.6419999999999999</v>
      </c>
      <c r="U3730" s="2">
        <v>2.0910000000000002</v>
      </c>
      <c r="V3730" s="2">
        <v>1.4999999999999999E-2</v>
      </c>
      <c r="W3730" s="2">
        <v>118.9</v>
      </c>
      <c r="X3730" s="2">
        <v>7.6</v>
      </c>
      <c r="Y3730" s="2">
        <v>16.7</v>
      </c>
      <c r="Z3730" s="5"/>
      <c r="AA3730" s="5" t="s">
        <v>43</v>
      </c>
      <c r="AB3730" s="5" t="s">
        <v>44</v>
      </c>
      <c r="AC3730" s="2"/>
      <c r="AD3730" s="1"/>
    </row>
    <row r="3731" spans="1:30">
      <c r="A3731" s="5" t="s">
        <v>83578</v>
      </c>
      <c r="B3731" s="2" t="s">
        <v>94795</v>
      </c>
      <c r="C3731" s="14" t="s">
        <v>94796</v>
      </c>
      <c r="D3731" s="2" t="s">
        <v>94797</v>
      </c>
      <c r="E3731" s="2" t="s">
        <v>47195</v>
      </c>
      <c r="F3731" s="8">
        <v>289</v>
      </c>
      <c r="G3731" s="5">
        <v>6</v>
      </c>
      <c r="H3731" s="5" t="s">
        <v>1518</v>
      </c>
      <c r="I3731" s="5" t="s">
        <v>40939</v>
      </c>
      <c r="J3731" s="2" t="s">
        <v>40940</v>
      </c>
      <c r="K3731" s="5" t="s">
        <v>40939</v>
      </c>
      <c r="L3731" s="2" t="s">
        <v>40940</v>
      </c>
      <c r="M3731" s="5" t="s">
        <v>36266</v>
      </c>
      <c r="N3731" s="5" t="s">
        <v>38</v>
      </c>
      <c r="O3731" s="5" t="s">
        <v>39</v>
      </c>
      <c r="P3731" s="5" t="s">
        <v>40</v>
      </c>
      <c r="Q3731" s="5" t="s">
        <v>1522</v>
      </c>
      <c r="R3731" s="5" t="s">
        <v>1523</v>
      </c>
      <c r="S3731" s="5" t="s">
        <v>42</v>
      </c>
      <c r="T3731" s="2">
        <v>2.7290000000000001</v>
      </c>
      <c r="U3731" s="2">
        <v>2.1779999999999999</v>
      </c>
      <c r="V3731" s="2">
        <v>1.4999999999999999E-2</v>
      </c>
      <c r="W3731" s="2">
        <v>118.9</v>
      </c>
      <c r="X3731" s="2">
        <v>7.6</v>
      </c>
      <c r="Y3731" s="2">
        <v>16.7</v>
      </c>
      <c r="Z3731" s="5"/>
      <c r="AA3731" s="5" t="s">
        <v>43</v>
      </c>
      <c r="AB3731" s="5" t="s">
        <v>44</v>
      </c>
      <c r="AC3731" s="2"/>
      <c r="AD3731" s="1"/>
    </row>
    <row r="3732" spans="1:30">
      <c r="A3732" s="5" t="s">
        <v>83578</v>
      </c>
      <c r="B3732" s="2" t="s">
        <v>94798</v>
      </c>
      <c r="C3732" s="14" t="s">
        <v>94799</v>
      </c>
      <c r="D3732" s="2" t="s">
        <v>94800</v>
      </c>
      <c r="E3732" s="2" t="s">
        <v>7208</v>
      </c>
      <c r="F3732" s="8">
        <v>269</v>
      </c>
      <c r="G3732" s="5">
        <v>6</v>
      </c>
      <c r="H3732" s="5" t="s">
        <v>1518</v>
      </c>
      <c r="I3732" s="5" t="s">
        <v>40939</v>
      </c>
      <c r="J3732" s="2" t="s">
        <v>40940</v>
      </c>
      <c r="K3732" s="5" t="s">
        <v>40939</v>
      </c>
      <c r="L3732" s="2" t="s">
        <v>40940</v>
      </c>
      <c r="M3732" s="5" t="s">
        <v>36266</v>
      </c>
      <c r="N3732" s="5" t="s">
        <v>38</v>
      </c>
      <c r="O3732" s="5" t="s">
        <v>39</v>
      </c>
      <c r="P3732" s="5" t="s">
        <v>40</v>
      </c>
      <c r="Q3732" s="5" t="s">
        <v>1522</v>
      </c>
      <c r="R3732" s="5" t="s">
        <v>1523</v>
      </c>
      <c r="S3732" s="5" t="s">
        <v>42</v>
      </c>
      <c r="T3732" s="2">
        <v>2.649</v>
      </c>
      <c r="U3732" s="2">
        <v>2.0979999999999999</v>
      </c>
      <c r="V3732" s="2">
        <v>1.4999999999999999E-2</v>
      </c>
      <c r="W3732" s="2">
        <v>118.9</v>
      </c>
      <c r="X3732" s="2">
        <v>7.6</v>
      </c>
      <c r="Y3732" s="2">
        <v>16.7</v>
      </c>
      <c r="Z3732" s="5"/>
      <c r="AA3732" s="5" t="s">
        <v>43</v>
      </c>
      <c r="AB3732" s="5" t="s">
        <v>44</v>
      </c>
      <c r="AC3732" s="2"/>
      <c r="AD3732" s="1"/>
    </row>
    <row r="3733" spans="1:30">
      <c r="A3733" s="5" t="s">
        <v>83578</v>
      </c>
      <c r="B3733" s="2" t="s">
        <v>94801</v>
      </c>
      <c r="C3733" s="14" t="s">
        <v>94802</v>
      </c>
      <c r="D3733" s="2" t="s">
        <v>94803</v>
      </c>
      <c r="E3733" s="2" t="s">
        <v>7521</v>
      </c>
      <c r="F3733" s="8">
        <v>269</v>
      </c>
      <c r="G3733" s="5">
        <v>6</v>
      </c>
      <c r="H3733" s="5" t="s">
        <v>1518</v>
      </c>
      <c r="I3733" s="5" t="s">
        <v>40939</v>
      </c>
      <c r="J3733" s="2" t="s">
        <v>40940</v>
      </c>
      <c r="K3733" s="5" t="s">
        <v>40939</v>
      </c>
      <c r="L3733" s="2" t="s">
        <v>40940</v>
      </c>
      <c r="M3733" s="5" t="s">
        <v>36266</v>
      </c>
      <c r="N3733" s="5" t="s">
        <v>38</v>
      </c>
      <c r="O3733" s="5" t="s">
        <v>39</v>
      </c>
      <c r="P3733" s="5" t="s">
        <v>40</v>
      </c>
      <c r="Q3733" s="5" t="s">
        <v>1522</v>
      </c>
      <c r="R3733" s="5" t="s">
        <v>1523</v>
      </c>
      <c r="S3733" s="5" t="s">
        <v>42</v>
      </c>
      <c r="T3733" s="2">
        <v>2.7360000000000002</v>
      </c>
      <c r="U3733" s="2">
        <v>2.1850000000000001</v>
      </c>
      <c r="V3733" s="2">
        <v>1.4999999999999999E-2</v>
      </c>
      <c r="W3733" s="2">
        <v>118.9</v>
      </c>
      <c r="X3733" s="2">
        <v>7.6</v>
      </c>
      <c r="Y3733" s="2">
        <v>16.7</v>
      </c>
      <c r="Z3733" s="5"/>
      <c r="AA3733" s="5" t="s">
        <v>43</v>
      </c>
      <c r="AB3733" s="5" t="s">
        <v>44</v>
      </c>
      <c r="AC3733" s="2"/>
      <c r="AD3733" s="1"/>
    </row>
    <row r="3734" spans="1:30">
      <c r="A3734" s="5" t="s">
        <v>83578</v>
      </c>
      <c r="B3734" s="2" t="s">
        <v>94804</v>
      </c>
      <c r="C3734" s="14" t="s">
        <v>94805</v>
      </c>
      <c r="D3734" s="2" t="s">
        <v>94806</v>
      </c>
      <c r="E3734" s="2" t="s">
        <v>36273</v>
      </c>
      <c r="F3734" s="8">
        <v>269</v>
      </c>
      <c r="G3734" s="5">
        <v>6</v>
      </c>
      <c r="H3734" s="5" t="s">
        <v>1518</v>
      </c>
      <c r="I3734" s="5" t="s">
        <v>40939</v>
      </c>
      <c r="J3734" s="2" t="s">
        <v>40940</v>
      </c>
      <c r="K3734" s="5" t="s">
        <v>40939</v>
      </c>
      <c r="L3734" s="2" t="s">
        <v>40940</v>
      </c>
      <c r="M3734" s="5" t="s">
        <v>36266</v>
      </c>
      <c r="N3734" s="5" t="s">
        <v>38</v>
      </c>
      <c r="O3734" s="5" t="s">
        <v>39</v>
      </c>
      <c r="P3734" s="5" t="s">
        <v>40</v>
      </c>
      <c r="Q3734" s="5" t="s">
        <v>1522</v>
      </c>
      <c r="R3734" s="5" t="s">
        <v>1523</v>
      </c>
      <c r="S3734" s="5" t="s">
        <v>42</v>
      </c>
      <c r="T3734" s="2">
        <v>2.6619999999999999</v>
      </c>
      <c r="U3734" s="2">
        <v>2.1110000000000002</v>
      </c>
      <c r="V3734" s="2">
        <v>1.4999999999999999E-2</v>
      </c>
      <c r="W3734" s="2">
        <v>118.9</v>
      </c>
      <c r="X3734" s="2">
        <v>7.6</v>
      </c>
      <c r="Y3734" s="2">
        <v>16.7</v>
      </c>
      <c r="Z3734" s="5"/>
      <c r="AA3734" s="5" t="s">
        <v>43</v>
      </c>
      <c r="AB3734" s="5" t="s">
        <v>44</v>
      </c>
      <c r="AC3734" s="2"/>
      <c r="AD3734" s="1"/>
    </row>
    <row r="3735" spans="1:30">
      <c r="A3735" s="5" t="s">
        <v>83578</v>
      </c>
      <c r="B3735" s="2" t="s">
        <v>94807</v>
      </c>
      <c r="C3735" s="14" t="s">
        <v>94808</v>
      </c>
      <c r="D3735" s="2" t="s">
        <v>94809</v>
      </c>
      <c r="E3735" s="2" t="s">
        <v>36277</v>
      </c>
      <c r="F3735" s="8">
        <v>269</v>
      </c>
      <c r="G3735" s="5">
        <v>6</v>
      </c>
      <c r="H3735" s="5" t="s">
        <v>1518</v>
      </c>
      <c r="I3735" s="5" t="s">
        <v>40939</v>
      </c>
      <c r="J3735" s="2" t="s">
        <v>40940</v>
      </c>
      <c r="K3735" s="5" t="s">
        <v>40939</v>
      </c>
      <c r="L3735" s="2" t="s">
        <v>40940</v>
      </c>
      <c r="M3735" s="5" t="s">
        <v>36266</v>
      </c>
      <c r="N3735" s="5" t="s">
        <v>38</v>
      </c>
      <c r="O3735" s="5" t="s">
        <v>39</v>
      </c>
      <c r="P3735" s="5" t="s">
        <v>40</v>
      </c>
      <c r="Q3735" s="5" t="s">
        <v>1522</v>
      </c>
      <c r="R3735" s="5" t="s">
        <v>1523</v>
      </c>
      <c r="S3735" s="5" t="s">
        <v>42</v>
      </c>
      <c r="T3735" s="2">
        <v>2.7490000000000001</v>
      </c>
      <c r="U3735" s="2">
        <v>2.198</v>
      </c>
      <c r="V3735" s="2">
        <v>1.4999999999999999E-2</v>
      </c>
      <c r="W3735" s="2">
        <v>118.9</v>
      </c>
      <c r="X3735" s="2">
        <v>7.6</v>
      </c>
      <c r="Y3735" s="2">
        <v>16.7</v>
      </c>
      <c r="Z3735" s="5"/>
      <c r="AA3735" s="5" t="s">
        <v>43</v>
      </c>
      <c r="AB3735" s="5" t="s">
        <v>44</v>
      </c>
      <c r="AC3735" s="2"/>
      <c r="AD3735" s="1"/>
    </row>
    <row r="3736" spans="1:30">
      <c r="A3736" s="5" t="s">
        <v>83578</v>
      </c>
      <c r="B3736" s="2" t="s">
        <v>94810</v>
      </c>
      <c r="C3736" s="14" t="s">
        <v>94811</v>
      </c>
      <c r="D3736" s="2" t="s">
        <v>94812</v>
      </c>
      <c r="E3736" s="2" t="s">
        <v>40967</v>
      </c>
      <c r="F3736" s="8">
        <v>289</v>
      </c>
      <c r="G3736" s="5">
        <v>6</v>
      </c>
      <c r="H3736" s="5" t="s">
        <v>1518</v>
      </c>
      <c r="I3736" s="5" t="s">
        <v>40939</v>
      </c>
      <c r="J3736" s="2" t="s">
        <v>40940</v>
      </c>
      <c r="K3736" s="5" t="s">
        <v>40939</v>
      </c>
      <c r="L3736" s="2" t="s">
        <v>40940</v>
      </c>
      <c r="M3736" s="5" t="s">
        <v>36266</v>
      </c>
      <c r="N3736" s="5" t="s">
        <v>38</v>
      </c>
      <c r="O3736" s="5" t="s">
        <v>39</v>
      </c>
      <c r="P3736" s="5" t="s">
        <v>40</v>
      </c>
      <c r="Q3736" s="5" t="s">
        <v>1522</v>
      </c>
      <c r="R3736" s="5" t="s">
        <v>1523</v>
      </c>
      <c r="S3736" s="5" t="s">
        <v>42</v>
      </c>
      <c r="T3736" s="2">
        <v>2.649</v>
      </c>
      <c r="U3736" s="2">
        <v>2.0979999999999999</v>
      </c>
      <c r="V3736" s="2">
        <v>1.4999999999999999E-2</v>
      </c>
      <c r="W3736" s="2">
        <v>118.9</v>
      </c>
      <c r="X3736" s="2">
        <v>7.6</v>
      </c>
      <c r="Y3736" s="2">
        <v>16.7</v>
      </c>
      <c r="Z3736" s="5"/>
      <c r="AA3736" s="5" t="s">
        <v>43</v>
      </c>
      <c r="AB3736" s="5" t="s">
        <v>44</v>
      </c>
      <c r="AC3736" s="2"/>
      <c r="AD3736" s="1"/>
    </row>
    <row r="3737" spans="1:30">
      <c r="A3737" s="5" t="s">
        <v>83578</v>
      </c>
      <c r="B3737" s="2" t="s">
        <v>94813</v>
      </c>
      <c r="C3737" s="14" t="s">
        <v>94814</v>
      </c>
      <c r="D3737" s="2" t="s">
        <v>94815</v>
      </c>
      <c r="E3737" s="2" t="s">
        <v>40971</v>
      </c>
      <c r="F3737" s="8">
        <v>289</v>
      </c>
      <c r="G3737" s="5">
        <v>6</v>
      </c>
      <c r="H3737" s="5" t="s">
        <v>1518</v>
      </c>
      <c r="I3737" s="5" t="s">
        <v>40939</v>
      </c>
      <c r="J3737" s="2" t="s">
        <v>40940</v>
      </c>
      <c r="K3737" s="5" t="s">
        <v>40939</v>
      </c>
      <c r="L3737" s="2" t="s">
        <v>40940</v>
      </c>
      <c r="M3737" s="5" t="s">
        <v>36266</v>
      </c>
      <c r="N3737" s="5" t="s">
        <v>38</v>
      </c>
      <c r="O3737" s="5" t="s">
        <v>39</v>
      </c>
      <c r="P3737" s="5" t="s">
        <v>40</v>
      </c>
      <c r="Q3737" s="5" t="s">
        <v>1522</v>
      </c>
      <c r="R3737" s="5" t="s">
        <v>1523</v>
      </c>
      <c r="S3737" s="5" t="s">
        <v>42</v>
      </c>
      <c r="T3737" s="2">
        <v>2.7360000000000002</v>
      </c>
      <c r="U3737" s="2">
        <v>2.1850000000000001</v>
      </c>
      <c r="V3737" s="2">
        <v>1.4999999999999999E-2</v>
      </c>
      <c r="W3737" s="2">
        <v>118.9</v>
      </c>
      <c r="X3737" s="2">
        <v>7.6</v>
      </c>
      <c r="Y3737" s="2">
        <v>16.7</v>
      </c>
      <c r="Z3737" s="5"/>
      <c r="AA3737" s="5" t="s">
        <v>43</v>
      </c>
      <c r="AB3737" s="5" t="s">
        <v>44</v>
      </c>
      <c r="AC3737" s="2"/>
      <c r="AD3737" s="1"/>
    </row>
    <row r="3738" spans="1:30">
      <c r="A3738" s="5" t="s">
        <v>83578</v>
      </c>
      <c r="B3738" s="2" t="s">
        <v>94816</v>
      </c>
      <c r="C3738" s="14" t="s">
        <v>94817</v>
      </c>
      <c r="D3738" s="2" t="s">
        <v>94818</v>
      </c>
      <c r="E3738" s="2" t="s">
        <v>47226</v>
      </c>
      <c r="F3738" s="8">
        <v>289</v>
      </c>
      <c r="G3738" s="5">
        <v>6</v>
      </c>
      <c r="H3738" s="5" t="s">
        <v>1518</v>
      </c>
      <c r="I3738" s="5" t="s">
        <v>40939</v>
      </c>
      <c r="J3738" s="2" t="s">
        <v>40940</v>
      </c>
      <c r="K3738" s="5" t="s">
        <v>40939</v>
      </c>
      <c r="L3738" s="2" t="s">
        <v>40940</v>
      </c>
      <c r="M3738" s="5" t="s">
        <v>36266</v>
      </c>
      <c r="N3738" s="5" t="s">
        <v>38</v>
      </c>
      <c r="O3738" s="5" t="s">
        <v>39</v>
      </c>
      <c r="P3738" s="5" t="s">
        <v>40</v>
      </c>
      <c r="Q3738" s="5" t="s">
        <v>1522</v>
      </c>
      <c r="R3738" s="5" t="s">
        <v>1523</v>
      </c>
      <c r="S3738" s="5" t="s">
        <v>42</v>
      </c>
      <c r="T3738" s="2">
        <v>2.649</v>
      </c>
      <c r="U3738" s="2">
        <v>2.0979999999999999</v>
      </c>
      <c r="V3738" s="2">
        <v>1.4999999999999999E-2</v>
      </c>
      <c r="W3738" s="2">
        <v>118.9</v>
      </c>
      <c r="X3738" s="2">
        <v>7.6</v>
      </c>
      <c r="Y3738" s="2">
        <v>16.7</v>
      </c>
      <c r="Z3738" s="5"/>
      <c r="AA3738" s="5" t="s">
        <v>43</v>
      </c>
      <c r="AB3738" s="5" t="s">
        <v>44</v>
      </c>
      <c r="AC3738" s="2"/>
      <c r="AD3738" s="1"/>
    </row>
    <row r="3739" spans="1:30">
      <c r="A3739" s="5" t="s">
        <v>83578</v>
      </c>
      <c r="B3739" s="2" t="s">
        <v>94819</v>
      </c>
      <c r="C3739" s="14" t="s">
        <v>94820</v>
      </c>
      <c r="D3739" s="2" t="s">
        <v>94821</v>
      </c>
      <c r="E3739" s="2" t="s">
        <v>47735</v>
      </c>
      <c r="F3739" s="8">
        <v>289</v>
      </c>
      <c r="G3739" s="5">
        <v>6</v>
      </c>
      <c r="H3739" s="5" t="s">
        <v>1518</v>
      </c>
      <c r="I3739" s="5" t="s">
        <v>40939</v>
      </c>
      <c r="J3739" s="2" t="s">
        <v>40940</v>
      </c>
      <c r="K3739" s="5" t="s">
        <v>40939</v>
      </c>
      <c r="L3739" s="2" t="s">
        <v>40940</v>
      </c>
      <c r="M3739" s="5" t="s">
        <v>36266</v>
      </c>
      <c r="N3739" s="5" t="s">
        <v>38</v>
      </c>
      <c r="O3739" s="5" t="s">
        <v>39</v>
      </c>
      <c r="P3739" s="5" t="s">
        <v>40</v>
      </c>
      <c r="Q3739" s="5" t="s">
        <v>1522</v>
      </c>
      <c r="R3739" s="5" t="s">
        <v>1523</v>
      </c>
      <c r="S3739" s="5" t="s">
        <v>42</v>
      </c>
      <c r="T3739" s="2">
        <v>2.7360000000000002</v>
      </c>
      <c r="U3739" s="2">
        <v>2.1850000000000001</v>
      </c>
      <c r="V3739" s="2">
        <v>1.4999999999999999E-2</v>
      </c>
      <c r="W3739" s="2">
        <v>118.9</v>
      </c>
      <c r="X3739" s="2">
        <v>7.6</v>
      </c>
      <c r="Y3739" s="2">
        <v>16.7</v>
      </c>
      <c r="Z3739" s="5"/>
      <c r="AA3739" s="5" t="s">
        <v>43</v>
      </c>
      <c r="AB3739" s="5" t="s">
        <v>44</v>
      </c>
      <c r="AC3739" s="2"/>
      <c r="AD3739" s="1"/>
    </row>
    <row r="3740" spans="1:30">
      <c r="A3740" s="5" t="s">
        <v>83578</v>
      </c>
      <c r="B3740" s="2" t="s">
        <v>94822</v>
      </c>
      <c r="C3740" s="14" t="s">
        <v>94823</v>
      </c>
      <c r="D3740" s="2" t="s">
        <v>94824</v>
      </c>
      <c r="E3740" s="2" t="s">
        <v>7539</v>
      </c>
      <c r="F3740" s="8">
        <v>289</v>
      </c>
      <c r="G3740" s="5">
        <v>6</v>
      </c>
      <c r="H3740" s="5" t="s">
        <v>1518</v>
      </c>
      <c r="I3740" s="5" t="s">
        <v>40939</v>
      </c>
      <c r="J3740" s="2" t="s">
        <v>40940</v>
      </c>
      <c r="K3740" s="5" t="s">
        <v>40939</v>
      </c>
      <c r="L3740" s="2" t="s">
        <v>40940</v>
      </c>
      <c r="M3740" s="5" t="s">
        <v>36266</v>
      </c>
      <c r="N3740" s="5" t="s">
        <v>38</v>
      </c>
      <c r="O3740" s="5" t="s">
        <v>39</v>
      </c>
      <c r="P3740" s="5" t="s">
        <v>40</v>
      </c>
      <c r="Q3740" s="5" t="s">
        <v>1522</v>
      </c>
      <c r="R3740" s="5" t="s">
        <v>1523</v>
      </c>
      <c r="S3740" s="5" t="s">
        <v>42</v>
      </c>
      <c r="T3740" s="2">
        <v>2.6139999999999999</v>
      </c>
      <c r="U3740" s="2">
        <v>2.0630000000000002</v>
      </c>
      <c r="V3740" s="2">
        <v>1.4999999999999999E-2</v>
      </c>
      <c r="W3740" s="2">
        <v>118.9</v>
      </c>
      <c r="X3740" s="2">
        <v>7.6</v>
      </c>
      <c r="Y3740" s="2">
        <v>16.7</v>
      </c>
      <c r="Z3740" s="5"/>
      <c r="AA3740" s="5" t="s">
        <v>43</v>
      </c>
      <c r="AB3740" s="5" t="s">
        <v>44</v>
      </c>
      <c r="AC3740" s="2"/>
      <c r="AD3740" s="1"/>
    </row>
    <row r="3741" spans="1:30">
      <c r="A3741" s="5" t="s">
        <v>83578</v>
      </c>
      <c r="B3741" s="2" t="s">
        <v>94825</v>
      </c>
      <c r="C3741" s="14" t="s">
        <v>94826</v>
      </c>
      <c r="D3741" s="2" t="s">
        <v>94827</v>
      </c>
      <c r="E3741" s="2" t="s">
        <v>7543</v>
      </c>
      <c r="F3741" s="8">
        <v>289</v>
      </c>
      <c r="G3741" s="5">
        <v>6</v>
      </c>
      <c r="H3741" s="5" t="s">
        <v>1518</v>
      </c>
      <c r="I3741" s="5" t="s">
        <v>40939</v>
      </c>
      <c r="J3741" s="2" t="s">
        <v>40940</v>
      </c>
      <c r="K3741" s="5" t="s">
        <v>40939</v>
      </c>
      <c r="L3741" s="2" t="s">
        <v>40940</v>
      </c>
      <c r="M3741" s="5" t="s">
        <v>36266</v>
      </c>
      <c r="N3741" s="5" t="s">
        <v>38</v>
      </c>
      <c r="O3741" s="5" t="s">
        <v>39</v>
      </c>
      <c r="P3741" s="5" t="s">
        <v>40</v>
      </c>
      <c r="Q3741" s="5" t="s">
        <v>1522</v>
      </c>
      <c r="R3741" s="5" t="s">
        <v>1523</v>
      </c>
      <c r="S3741" s="5" t="s">
        <v>42</v>
      </c>
      <c r="T3741" s="2">
        <v>2.7010000000000001</v>
      </c>
      <c r="U3741" s="2">
        <v>2.15</v>
      </c>
      <c r="V3741" s="2">
        <v>1.4999999999999999E-2</v>
      </c>
      <c r="W3741" s="2">
        <v>118.9</v>
      </c>
      <c r="X3741" s="2">
        <v>7.6</v>
      </c>
      <c r="Y3741" s="2">
        <v>16.7</v>
      </c>
      <c r="Z3741" s="5"/>
      <c r="AA3741" s="5" t="s">
        <v>43</v>
      </c>
      <c r="AB3741" s="5" t="s">
        <v>44</v>
      </c>
      <c r="AC3741" s="2"/>
      <c r="AD3741" s="1"/>
    </row>
    <row r="3742" spans="1:30">
      <c r="A3742" s="5" t="s">
        <v>83578</v>
      </c>
      <c r="B3742" s="2" t="s">
        <v>94828</v>
      </c>
      <c r="C3742" s="14" t="s">
        <v>94829</v>
      </c>
      <c r="D3742" s="2" t="s">
        <v>94830</v>
      </c>
      <c r="E3742" s="2" t="s">
        <v>40989</v>
      </c>
      <c r="F3742" s="8">
        <v>289</v>
      </c>
      <c r="G3742" s="5">
        <v>6</v>
      </c>
      <c r="H3742" s="5" t="s">
        <v>1518</v>
      </c>
      <c r="I3742" s="5" t="s">
        <v>40939</v>
      </c>
      <c r="J3742" s="2" t="s">
        <v>40940</v>
      </c>
      <c r="K3742" s="5" t="s">
        <v>40939</v>
      </c>
      <c r="L3742" s="2" t="s">
        <v>40940</v>
      </c>
      <c r="M3742" s="5" t="s">
        <v>36266</v>
      </c>
      <c r="N3742" s="5" t="s">
        <v>38</v>
      </c>
      <c r="O3742" s="5" t="s">
        <v>39</v>
      </c>
      <c r="P3742" s="5" t="s">
        <v>40</v>
      </c>
      <c r="Q3742" s="5" t="s">
        <v>1522</v>
      </c>
      <c r="R3742" s="5" t="s">
        <v>1523</v>
      </c>
      <c r="S3742" s="5" t="s">
        <v>42</v>
      </c>
      <c r="T3742" s="2">
        <v>2.649</v>
      </c>
      <c r="U3742" s="2">
        <v>2.0979999999999999</v>
      </c>
      <c r="V3742" s="2">
        <v>1.4999999999999999E-2</v>
      </c>
      <c r="W3742" s="2">
        <v>118.9</v>
      </c>
      <c r="X3742" s="2">
        <v>7.6</v>
      </c>
      <c r="Y3742" s="2">
        <v>16.7</v>
      </c>
      <c r="Z3742" s="5"/>
      <c r="AA3742" s="5" t="s">
        <v>43</v>
      </c>
      <c r="AB3742" s="5" t="s">
        <v>44</v>
      </c>
      <c r="AC3742" s="2"/>
      <c r="AD3742" s="1"/>
    </row>
    <row r="3743" spans="1:30">
      <c r="A3743" s="5" t="s">
        <v>83578</v>
      </c>
      <c r="B3743" s="2" t="s">
        <v>94831</v>
      </c>
      <c r="C3743" s="14" t="s">
        <v>94832</v>
      </c>
      <c r="D3743" s="2" t="s">
        <v>94833</v>
      </c>
      <c r="E3743" s="2" t="s">
        <v>40993</v>
      </c>
      <c r="F3743" s="8">
        <v>289</v>
      </c>
      <c r="G3743" s="5">
        <v>6</v>
      </c>
      <c r="H3743" s="5" t="s">
        <v>1518</v>
      </c>
      <c r="I3743" s="5" t="s">
        <v>40939</v>
      </c>
      <c r="J3743" s="2" t="s">
        <v>40940</v>
      </c>
      <c r="K3743" s="5" t="s">
        <v>40939</v>
      </c>
      <c r="L3743" s="2" t="s">
        <v>40940</v>
      </c>
      <c r="M3743" s="5" t="s">
        <v>36266</v>
      </c>
      <c r="N3743" s="5" t="s">
        <v>38</v>
      </c>
      <c r="O3743" s="5" t="s">
        <v>39</v>
      </c>
      <c r="P3743" s="5" t="s">
        <v>40</v>
      </c>
      <c r="Q3743" s="5" t="s">
        <v>1522</v>
      </c>
      <c r="R3743" s="5" t="s">
        <v>1523</v>
      </c>
      <c r="S3743" s="5" t="s">
        <v>42</v>
      </c>
      <c r="T3743" s="2">
        <v>2.7360000000000002</v>
      </c>
      <c r="U3743" s="2">
        <v>2.1850000000000001</v>
      </c>
      <c r="V3743" s="2">
        <v>1.4999999999999999E-2</v>
      </c>
      <c r="W3743" s="2">
        <v>118.9</v>
      </c>
      <c r="X3743" s="2">
        <v>7.6</v>
      </c>
      <c r="Y3743" s="2">
        <v>16.7</v>
      </c>
      <c r="Z3743" s="5"/>
      <c r="AA3743" s="5" t="s">
        <v>43</v>
      </c>
      <c r="AB3743" s="5" t="s">
        <v>44</v>
      </c>
      <c r="AC3743" s="2"/>
      <c r="AD3743" s="1"/>
    </row>
    <row r="3744" spans="1:30">
      <c r="A3744" s="5" t="s">
        <v>83578</v>
      </c>
      <c r="B3744" s="2" t="s">
        <v>94834</v>
      </c>
      <c r="C3744" s="14" t="s">
        <v>94835</v>
      </c>
      <c r="D3744" s="2" t="s">
        <v>94836</v>
      </c>
      <c r="E3744" s="2" t="s">
        <v>40997</v>
      </c>
      <c r="F3744" s="8">
        <v>289</v>
      </c>
      <c r="G3744" s="5">
        <v>6</v>
      </c>
      <c r="H3744" s="5" t="s">
        <v>1518</v>
      </c>
      <c r="I3744" s="5" t="s">
        <v>40939</v>
      </c>
      <c r="J3744" s="2" t="s">
        <v>40940</v>
      </c>
      <c r="K3744" s="5" t="s">
        <v>40939</v>
      </c>
      <c r="L3744" s="2" t="s">
        <v>40940</v>
      </c>
      <c r="M3744" s="5" t="s">
        <v>36266</v>
      </c>
      <c r="N3744" s="5" t="s">
        <v>38</v>
      </c>
      <c r="O3744" s="5" t="s">
        <v>39</v>
      </c>
      <c r="P3744" s="5" t="s">
        <v>40</v>
      </c>
      <c r="Q3744" s="5" t="s">
        <v>1522</v>
      </c>
      <c r="R3744" s="5" t="s">
        <v>1523</v>
      </c>
      <c r="S3744" s="5" t="s">
        <v>42</v>
      </c>
      <c r="T3744" s="2">
        <v>2.621</v>
      </c>
      <c r="U3744" s="2">
        <v>2.0699999999999998</v>
      </c>
      <c r="V3744" s="2">
        <v>1.4999999999999999E-2</v>
      </c>
      <c r="W3744" s="2">
        <v>118.9</v>
      </c>
      <c r="X3744" s="2">
        <v>7.6</v>
      </c>
      <c r="Y3744" s="2">
        <v>16.7</v>
      </c>
      <c r="Z3744" s="5"/>
      <c r="AA3744" s="5" t="s">
        <v>43</v>
      </c>
      <c r="AB3744" s="5" t="s">
        <v>44</v>
      </c>
      <c r="AC3744" s="2"/>
      <c r="AD3744" s="1"/>
    </row>
    <row r="3745" spans="1:30">
      <c r="A3745" s="5" t="s">
        <v>83578</v>
      </c>
      <c r="B3745" s="2" t="s">
        <v>94837</v>
      </c>
      <c r="C3745" s="14" t="s">
        <v>94838</v>
      </c>
      <c r="D3745" s="2" t="s">
        <v>94839</v>
      </c>
      <c r="E3745" s="2" t="s">
        <v>41267</v>
      </c>
      <c r="F3745" s="8">
        <v>289</v>
      </c>
      <c r="G3745" s="5">
        <v>6</v>
      </c>
      <c r="H3745" s="5" t="s">
        <v>1518</v>
      </c>
      <c r="I3745" s="5" t="s">
        <v>40939</v>
      </c>
      <c r="J3745" s="2" t="s">
        <v>40940</v>
      </c>
      <c r="K3745" s="5" t="s">
        <v>40939</v>
      </c>
      <c r="L3745" s="2" t="s">
        <v>40940</v>
      </c>
      <c r="M3745" s="5" t="s">
        <v>36266</v>
      </c>
      <c r="N3745" s="5" t="s">
        <v>38</v>
      </c>
      <c r="O3745" s="5" t="s">
        <v>39</v>
      </c>
      <c r="P3745" s="5" t="s">
        <v>40</v>
      </c>
      <c r="Q3745" s="5" t="s">
        <v>1522</v>
      </c>
      <c r="R3745" s="5" t="s">
        <v>1523</v>
      </c>
      <c r="S3745" s="5" t="s">
        <v>42</v>
      </c>
      <c r="T3745" s="2">
        <v>2.7080000000000002</v>
      </c>
      <c r="U3745" s="2">
        <v>2.157</v>
      </c>
      <c r="V3745" s="2">
        <v>1.4999999999999999E-2</v>
      </c>
      <c r="W3745" s="2">
        <v>118.9</v>
      </c>
      <c r="X3745" s="2">
        <v>7.6</v>
      </c>
      <c r="Y3745" s="2">
        <v>16.7</v>
      </c>
      <c r="Z3745" s="5"/>
      <c r="AA3745" s="5" t="s">
        <v>43</v>
      </c>
      <c r="AB3745" s="5" t="s">
        <v>44</v>
      </c>
      <c r="AC3745" s="2"/>
      <c r="AD3745" s="1"/>
    </row>
    <row r="3746" spans="1:30">
      <c r="A3746" s="5" t="s">
        <v>83578</v>
      </c>
      <c r="B3746" s="2" t="s">
        <v>94840</v>
      </c>
      <c r="C3746" s="14" t="s">
        <v>94841</v>
      </c>
      <c r="D3746" s="2" t="s">
        <v>94842</v>
      </c>
      <c r="E3746" s="2" t="s">
        <v>41001</v>
      </c>
      <c r="F3746" s="8">
        <v>289</v>
      </c>
      <c r="G3746" s="5">
        <v>6</v>
      </c>
      <c r="H3746" s="5" t="s">
        <v>1518</v>
      </c>
      <c r="I3746" s="5" t="s">
        <v>40939</v>
      </c>
      <c r="J3746" s="2" t="s">
        <v>40940</v>
      </c>
      <c r="K3746" s="5" t="s">
        <v>40939</v>
      </c>
      <c r="L3746" s="2" t="s">
        <v>40940</v>
      </c>
      <c r="M3746" s="5" t="s">
        <v>36266</v>
      </c>
      <c r="N3746" s="5" t="s">
        <v>38</v>
      </c>
      <c r="O3746" s="5" t="s">
        <v>39</v>
      </c>
      <c r="P3746" s="5" t="s">
        <v>40</v>
      </c>
      <c r="Q3746" s="5" t="s">
        <v>1522</v>
      </c>
      <c r="R3746" s="5" t="s">
        <v>1523</v>
      </c>
      <c r="S3746" s="5" t="s">
        <v>42</v>
      </c>
      <c r="T3746" s="2">
        <v>2.649</v>
      </c>
      <c r="U3746" s="2">
        <v>2.0979999999999999</v>
      </c>
      <c r="V3746" s="2">
        <v>1.4999999999999999E-2</v>
      </c>
      <c r="W3746" s="2">
        <v>118.9</v>
      </c>
      <c r="X3746" s="2">
        <v>7.6</v>
      </c>
      <c r="Y3746" s="2">
        <v>16.7</v>
      </c>
      <c r="Z3746" s="5"/>
      <c r="AA3746" s="5" t="s">
        <v>43</v>
      </c>
      <c r="AB3746" s="5" t="s">
        <v>44</v>
      </c>
      <c r="AC3746" s="2"/>
      <c r="AD3746" s="1"/>
    </row>
    <row r="3747" spans="1:30">
      <c r="A3747" s="5" t="s">
        <v>83578</v>
      </c>
      <c r="B3747" s="2" t="s">
        <v>94843</v>
      </c>
      <c r="C3747" s="14" t="s">
        <v>94844</v>
      </c>
      <c r="D3747" s="2" t="s">
        <v>94845</v>
      </c>
      <c r="E3747" s="2" t="s">
        <v>41005</v>
      </c>
      <c r="F3747" s="8">
        <v>289</v>
      </c>
      <c r="G3747" s="5">
        <v>6</v>
      </c>
      <c r="H3747" s="5" t="s">
        <v>1518</v>
      </c>
      <c r="I3747" s="5" t="s">
        <v>40939</v>
      </c>
      <c r="J3747" s="2" t="s">
        <v>40940</v>
      </c>
      <c r="K3747" s="5" t="s">
        <v>40939</v>
      </c>
      <c r="L3747" s="2" t="s">
        <v>40940</v>
      </c>
      <c r="M3747" s="5" t="s">
        <v>36266</v>
      </c>
      <c r="N3747" s="5" t="s">
        <v>38</v>
      </c>
      <c r="O3747" s="5" t="s">
        <v>39</v>
      </c>
      <c r="P3747" s="5" t="s">
        <v>40</v>
      </c>
      <c r="Q3747" s="5" t="s">
        <v>1522</v>
      </c>
      <c r="R3747" s="5" t="s">
        <v>1523</v>
      </c>
      <c r="S3747" s="5" t="s">
        <v>42</v>
      </c>
      <c r="T3747" s="2">
        <v>2.7360000000000002</v>
      </c>
      <c r="U3747" s="2">
        <v>2.1850000000000001</v>
      </c>
      <c r="V3747" s="2">
        <v>1.4999999999999999E-2</v>
      </c>
      <c r="W3747" s="2">
        <v>118.9</v>
      </c>
      <c r="X3747" s="2">
        <v>7.6</v>
      </c>
      <c r="Y3747" s="2">
        <v>16.7</v>
      </c>
      <c r="Z3747" s="5"/>
      <c r="AA3747" s="5" t="s">
        <v>43</v>
      </c>
      <c r="AB3747" s="5" t="s">
        <v>44</v>
      </c>
      <c r="AC3747" s="2"/>
      <c r="AD3747" s="1"/>
    </row>
    <row r="3748" spans="1:30">
      <c r="A3748" s="5" t="s">
        <v>83578</v>
      </c>
      <c r="B3748" s="2" t="s">
        <v>94846</v>
      </c>
      <c r="C3748" s="14" t="s">
        <v>94847</v>
      </c>
      <c r="D3748" s="2" t="s">
        <v>94848</v>
      </c>
      <c r="E3748" s="2" t="s">
        <v>41009</v>
      </c>
      <c r="F3748" s="8">
        <v>289</v>
      </c>
      <c r="G3748" s="5">
        <v>6</v>
      </c>
      <c r="H3748" s="5" t="s">
        <v>1518</v>
      </c>
      <c r="I3748" s="5" t="s">
        <v>40939</v>
      </c>
      <c r="J3748" s="2" t="s">
        <v>40940</v>
      </c>
      <c r="K3748" s="5" t="s">
        <v>40939</v>
      </c>
      <c r="L3748" s="2" t="s">
        <v>40940</v>
      </c>
      <c r="M3748" s="5" t="s">
        <v>36266</v>
      </c>
      <c r="N3748" s="5" t="s">
        <v>38</v>
      </c>
      <c r="O3748" s="5" t="s">
        <v>39</v>
      </c>
      <c r="P3748" s="5" t="s">
        <v>40</v>
      </c>
      <c r="Q3748" s="5" t="s">
        <v>1522</v>
      </c>
      <c r="R3748" s="5" t="s">
        <v>1523</v>
      </c>
      <c r="S3748" s="5" t="s">
        <v>42</v>
      </c>
      <c r="T3748" s="2">
        <v>2.6560000000000001</v>
      </c>
      <c r="U3748" s="2">
        <v>2.105</v>
      </c>
      <c r="V3748" s="2">
        <v>1.4999999999999999E-2</v>
      </c>
      <c r="W3748" s="2">
        <v>118.9</v>
      </c>
      <c r="X3748" s="2">
        <v>7.6</v>
      </c>
      <c r="Y3748" s="2">
        <v>16.7</v>
      </c>
      <c r="Z3748" s="5"/>
      <c r="AA3748" s="5" t="s">
        <v>43</v>
      </c>
      <c r="AB3748" s="5" t="s">
        <v>44</v>
      </c>
      <c r="AC3748" s="2"/>
      <c r="AD3748" s="1"/>
    </row>
    <row r="3749" spans="1:30">
      <c r="A3749" s="5" t="s">
        <v>83578</v>
      </c>
      <c r="B3749" s="2" t="s">
        <v>94849</v>
      </c>
      <c r="C3749" s="14" t="s">
        <v>94850</v>
      </c>
      <c r="D3749" s="2" t="s">
        <v>94851</v>
      </c>
      <c r="E3749" s="2" t="s">
        <v>41013</v>
      </c>
      <c r="F3749" s="8">
        <v>289</v>
      </c>
      <c r="G3749" s="5">
        <v>6</v>
      </c>
      <c r="H3749" s="5" t="s">
        <v>1518</v>
      </c>
      <c r="I3749" s="5" t="s">
        <v>40939</v>
      </c>
      <c r="J3749" s="2" t="s">
        <v>40940</v>
      </c>
      <c r="K3749" s="5" t="s">
        <v>40939</v>
      </c>
      <c r="L3749" s="2" t="s">
        <v>40940</v>
      </c>
      <c r="M3749" s="5" t="s">
        <v>36266</v>
      </c>
      <c r="N3749" s="5" t="s">
        <v>38</v>
      </c>
      <c r="O3749" s="5" t="s">
        <v>39</v>
      </c>
      <c r="P3749" s="5" t="s">
        <v>40</v>
      </c>
      <c r="Q3749" s="5" t="s">
        <v>1522</v>
      </c>
      <c r="R3749" s="5" t="s">
        <v>1523</v>
      </c>
      <c r="S3749" s="5" t="s">
        <v>42</v>
      </c>
      <c r="T3749" s="2">
        <v>2.7429999999999999</v>
      </c>
      <c r="U3749" s="2">
        <v>2.1920000000000002</v>
      </c>
      <c r="V3749" s="2">
        <v>1.4999999999999999E-2</v>
      </c>
      <c r="W3749" s="2">
        <v>118.9</v>
      </c>
      <c r="X3749" s="2">
        <v>7.6</v>
      </c>
      <c r="Y3749" s="2">
        <v>16.7</v>
      </c>
      <c r="Z3749" s="5"/>
      <c r="AA3749" s="5" t="s">
        <v>43</v>
      </c>
      <c r="AB3749" s="5" t="s">
        <v>44</v>
      </c>
      <c r="AC3749" s="2"/>
      <c r="AD3749" s="1"/>
    </row>
    <row r="3750" spans="1:30">
      <c r="A3750" s="5" t="s">
        <v>83578</v>
      </c>
      <c r="B3750" s="2" t="s">
        <v>94852</v>
      </c>
      <c r="C3750" s="14" t="s">
        <v>94853</v>
      </c>
      <c r="D3750" s="2" t="s">
        <v>94854</v>
      </c>
      <c r="E3750" s="2" t="s">
        <v>7396</v>
      </c>
      <c r="F3750" s="8">
        <v>269</v>
      </c>
      <c r="G3750" s="5">
        <v>6</v>
      </c>
      <c r="H3750" s="5" t="s">
        <v>1518</v>
      </c>
      <c r="I3750" s="5" t="s">
        <v>40939</v>
      </c>
      <c r="J3750" s="2" t="s">
        <v>40940</v>
      </c>
      <c r="K3750" s="5" t="s">
        <v>40939</v>
      </c>
      <c r="L3750" s="2" t="s">
        <v>40940</v>
      </c>
      <c r="M3750" s="5" t="s">
        <v>36266</v>
      </c>
      <c r="N3750" s="5" t="s">
        <v>38</v>
      </c>
      <c r="O3750" s="5" t="s">
        <v>39</v>
      </c>
      <c r="P3750" s="5" t="s">
        <v>40</v>
      </c>
      <c r="Q3750" s="5" t="s">
        <v>1522</v>
      </c>
      <c r="R3750" s="5" t="s">
        <v>1523</v>
      </c>
      <c r="S3750" s="5" t="s">
        <v>42</v>
      </c>
      <c r="T3750" s="2">
        <v>2.6560000000000001</v>
      </c>
      <c r="U3750" s="2">
        <v>2.105</v>
      </c>
      <c r="V3750" s="2">
        <v>1.4999999999999999E-2</v>
      </c>
      <c r="W3750" s="2">
        <v>118.9</v>
      </c>
      <c r="X3750" s="2">
        <v>7.6</v>
      </c>
      <c r="Y3750" s="2">
        <v>16.7</v>
      </c>
      <c r="Z3750" s="5"/>
      <c r="AA3750" s="5" t="s">
        <v>43</v>
      </c>
      <c r="AB3750" s="5" t="s">
        <v>44</v>
      </c>
      <c r="AC3750" s="2"/>
      <c r="AD3750" s="1"/>
    </row>
    <row r="3751" spans="1:30">
      <c r="A3751" s="5" t="s">
        <v>83578</v>
      </c>
      <c r="B3751" s="2" t="s">
        <v>94855</v>
      </c>
      <c r="C3751" s="14" t="s">
        <v>94856</v>
      </c>
      <c r="D3751" s="2" t="s">
        <v>94857</v>
      </c>
      <c r="E3751" s="2" t="s">
        <v>41023</v>
      </c>
      <c r="F3751" s="8">
        <v>289</v>
      </c>
      <c r="G3751" s="5">
        <v>6</v>
      </c>
      <c r="H3751" s="5" t="s">
        <v>1518</v>
      </c>
      <c r="I3751" s="5" t="s">
        <v>40939</v>
      </c>
      <c r="J3751" s="2" t="s">
        <v>40940</v>
      </c>
      <c r="K3751" s="5" t="s">
        <v>40939</v>
      </c>
      <c r="L3751" s="2" t="s">
        <v>40940</v>
      </c>
      <c r="M3751" s="5" t="s">
        <v>36266</v>
      </c>
      <c r="N3751" s="5" t="s">
        <v>38</v>
      </c>
      <c r="O3751" s="5" t="s">
        <v>39</v>
      </c>
      <c r="P3751" s="5" t="s">
        <v>40</v>
      </c>
      <c r="Q3751" s="5" t="s">
        <v>1522</v>
      </c>
      <c r="R3751" s="5" t="s">
        <v>1523</v>
      </c>
      <c r="S3751" s="5" t="s">
        <v>42</v>
      </c>
      <c r="T3751" s="2">
        <v>2.621</v>
      </c>
      <c r="U3751" s="2">
        <v>2.0699999999999998</v>
      </c>
      <c r="V3751" s="2">
        <v>1.4999999999999999E-2</v>
      </c>
      <c r="W3751" s="2">
        <v>118.9</v>
      </c>
      <c r="X3751" s="2">
        <v>7.6</v>
      </c>
      <c r="Y3751" s="2">
        <v>16.7</v>
      </c>
      <c r="Z3751" s="5"/>
      <c r="AA3751" s="5" t="s">
        <v>43</v>
      </c>
      <c r="AB3751" s="5" t="s">
        <v>44</v>
      </c>
      <c r="AC3751" s="2"/>
      <c r="AD3751" s="1"/>
    </row>
    <row r="3752" spans="1:30">
      <c r="A3752" s="5" t="s">
        <v>83578</v>
      </c>
      <c r="B3752" s="2" t="s">
        <v>94858</v>
      </c>
      <c r="C3752" s="14" t="s">
        <v>94859</v>
      </c>
      <c r="D3752" s="2" t="s">
        <v>94860</v>
      </c>
      <c r="E3752" s="2" t="s">
        <v>41027</v>
      </c>
      <c r="F3752" s="8">
        <v>289</v>
      </c>
      <c r="G3752" s="5">
        <v>6</v>
      </c>
      <c r="H3752" s="5" t="s">
        <v>1518</v>
      </c>
      <c r="I3752" s="5" t="s">
        <v>40939</v>
      </c>
      <c r="J3752" s="2" t="s">
        <v>40940</v>
      </c>
      <c r="K3752" s="5" t="s">
        <v>40939</v>
      </c>
      <c r="L3752" s="2" t="s">
        <v>40940</v>
      </c>
      <c r="M3752" s="5" t="s">
        <v>36266</v>
      </c>
      <c r="N3752" s="5" t="s">
        <v>38</v>
      </c>
      <c r="O3752" s="5" t="s">
        <v>39</v>
      </c>
      <c r="P3752" s="5" t="s">
        <v>40</v>
      </c>
      <c r="Q3752" s="5" t="s">
        <v>1522</v>
      </c>
      <c r="R3752" s="5" t="s">
        <v>1523</v>
      </c>
      <c r="S3752" s="5" t="s">
        <v>42</v>
      </c>
      <c r="T3752" s="2">
        <v>2.7080000000000002</v>
      </c>
      <c r="U3752" s="2">
        <v>2.157</v>
      </c>
      <c r="V3752" s="2">
        <v>1.4999999999999999E-2</v>
      </c>
      <c r="W3752" s="2">
        <v>118.9</v>
      </c>
      <c r="X3752" s="2">
        <v>7.6</v>
      </c>
      <c r="Y3752" s="2">
        <v>16.7</v>
      </c>
      <c r="Z3752" s="5"/>
      <c r="AA3752" s="5" t="s">
        <v>43</v>
      </c>
      <c r="AB3752" s="5" t="s">
        <v>44</v>
      </c>
      <c r="AC3752" s="2"/>
      <c r="AD3752" s="1"/>
    </row>
    <row r="3753" spans="1:30">
      <c r="A3753" s="5" t="s">
        <v>83578</v>
      </c>
      <c r="B3753" s="2" t="s">
        <v>94861</v>
      </c>
      <c r="C3753" s="14" t="s">
        <v>94862</v>
      </c>
      <c r="D3753" s="2" t="s">
        <v>94863</v>
      </c>
      <c r="E3753" s="2" t="s">
        <v>41031</v>
      </c>
      <c r="F3753" s="8">
        <v>289</v>
      </c>
      <c r="G3753" s="5">
        <v>6</v>
      </c>
      <c r="H3753" s="5" t="s">
        <v>1518</v>
      </c>
      <c r="I3753" s="5" t="s">
        <v>40939</v>
      </c>
      <c r="J3753" s="2" t="s">
        <v>40940</v>
      </c>
      <c r="K3753" s="5" t="s">
        <v>40939</v>
      </c>
      <c r="L3753" s="2" t="s">
        <v>40940</v>
      </c>
      <c r="M3753" s="5" t="s">
        <v>36266</v>
      </c>
      <c r="N3753" s="5" t="s">
        <v>38</v>
      </c>
      <c r="O3753" s="5" t="s">
        <v>39</v>
      </c>
      <c r="P3753" s="5" t="s">
        <v>40</v>
      </c>
      <c r="Q3753" s="5" t="s">
        <v>1522</v>
      </c>
      <c r="R3753" s="5" t="s">
        <v>1523</v>
      </c>
      <c r="S3753" s="5" t="s">
        <v>42</v>
      </c>
      <c r="T3753" s="2">
        <v>2.621</v>
      </c>
      <c r="U3753" s="2">
        <v>2.0699999999999998</v>
      </c>
      <c r="V3753" s="2">
        <v>1.4999999999999999E-2</v>
      </c>
      <c r="W3753" s="2">
        <v>118.9</v>
      </c>
      <c r="X3753" s="2">
        <v>7.6</v>
      </c>
      <c r="Y3753" s="2">
        <v>16.7</v>
      </c>
      <c r="Z3753" s="5"/>
      <c r="AA3753" s="5" t="s">
        <v>43</v>
      </c>
      <c r="AB3753" s="5" t="s">
        <v>44</v>
      </c>
      <c r="AC3753" s="2"/>
      <c r="AD3753" s="1"/>
    </row>
    <row r="3754" spans="1:30">
      <c r="A3754" s="5" t="s">
        <v>83578</v>
      </c>
      <c r="B3754" s="2" t="s">
        <v>94864</v>
      </c>
      <c r="C3754" s="14" t="s">
        <v>94865</v>
      </c>
      <c r="D3754" s="2" t="s">
        <v>94866</v>
      </c>
      <c r="E3754" s="2" t="s">
        <v>41035</v>
      </c>
      <c r="F3754" s="8">
        <v>289</v>
      </c>
      <c r="G3754" s="5">
        <v>6</v>
      </c>
      <c r="H3754" s="5" t="s">
        <v>1518</v>
      </c>
      <c r="I3754" s="5" t="s">
        <v>40939</v>
      </c>
      <c r="J3754" s="2" t="s">
        <v>40940</v>
      </c>
      <c r="K3754" s="5" t="s">
        <v>40939</v>
      </c>
      <c r="L3754" s="2" t="s">
        <v>40940</v>
      </c>
      <c r="M3754" s="5" t="s">
        <v>36266</v>
      </c>
      <c r="N3754" s="5" t="s">
        <v>38</v>
      </c>
      <c r="O3754" s="5" t="s">
        <v>39</v>
      </c>
      <c r="P3754" s="5" t="s">
        <v>40</v>
      </c>
      <c r="Q3754" s="5" t="s">
        <v>1522</v>
      </c>
      <c r="R3754" s="5" t="s">
        <v>1523</v>
      </c>
      <c r="S3754" s="5" t="s">
        <v>42</v>
      </c>
      <c r="T3754" s="2">
        <v>2.7080000000000002</v>
      </c>
      <c r="U3754" s="2">
        <v>2.157</v>
      </c>
      <c r="V3754" s="2">
        <v>1.4999999999999999E-2</v>
      </c>
      <c r="W3754" s="2">
        <v>118.9</v>
      </c>
      <c r="X3754" s="2">
        <v>7.6</v>
      </c>
      <c r="Y3754" s="2">
        <v>16.7</v>
      </c>
      <c r="Z3754" s="5"/>
      <c r="AA3754" s="5" t="s">
        <v>43</v>
      </c>
      <c r="AB3754" s="5" t="s">
        <v>44</v>
      </c>
      <c r="AC3754" s="2"/>
      <c r="AD3754" s="1"/>
    </row>
    <row r="3755" spans="1:30">
      <c r="A3755" s="5" t="s">
        <v>83578</v>
      </c>
      <c r="B3755" s="2" t="s">
        <v>94867</v>
      </c>
      <c r="C3755" s="14" t="s">
        <v>94868</v>
      </c>
      <c r="D3755" s="2" t="s">
        <v>94869</v>
      </c>
      <c r="E3755" s="2" t="s">
        <v>7449</v>
      </c>
      <c r="F3755" s="8">
        <v>289</v>
      </c>
      <c r="G3755" s="5">
        <v>6</v>
      </c>
      <c r="H3755" s="5" t="s">
        <v>1518</v>
      </c>
      <c r="I3755" s="5" t="s">
        <v>40939</v>
      </c>
      <c r="J3755" s="2" t="s">
        <v>40940</v>
      </c>
      <c r="K3755" s="5" t="s">
        <v>40939</v>
      </c>
      <c r="L3755" s="2" t="s">
        <v>40940</v>
      </c>
      <c r="M3755" s="5" t="s">
        <v>36266</v>
      </c>
      <c r="N3755" s="5" t="s">
        <v>38</v>
      </c>
      <c r="O3755" s="5" t="s">
        <v>39</v>
      </c>
      <c r="P3755" s="5" t="s">
        <v>40</v>
      </c>
      <c r="Q3755" s="5" t="s">
        <v>1522</v>
      </c>
      <c r="R3755" s="5" t="s">
        <v>1523</v>
      </c>
      <c r="S3755" s="5" t="s">
        <v>42</v>
      </c>
      <c r="T3755" s="2">
        <v>2.621</v>
      </c>
      <c r="U3755" s="2">
        <v>2.0699999999999998</v>
      </c>
      <c r="V3755" s="2">
        <v>1.4999999999999999E-2</v>
      </c>
      <c r="W3755" s="2">
        <v>118.9</v>
      </c>
      <c r="X3755" s="2">
        <v>7.6</v>
      </c>
      <c r="Y3755" s="2">
        <v>16.7</v>
      </c>
      <c r="Z3755" s="5"/>
      <c r="AA3755" s="5" t="s">
        <v>43</v>
      </c>
      <c r="AB3755" s="5" t="s">
        <v>44</v>
      </c>
      <c r="AC3755" s="2"/>
      <c r="AD3755" s="1"/>
    </row>
    <row r="3756" spans="1:30">
      <c r="A3756" s="5" t="s">
        <v>83578</v>
      </c>
      <c r="B3756" s="2" t="s">
        <v>94870</v>
      </c>
      <c r="C3756" s="14" t="s">
        <v>94871</v>
      </c>
      <c r="D3756" s="2" t="s">
        <v>94872</v>
      </c>
      <c r="E3756" s="2" t="s">
        <v>7581</v>
      </c>
      <c r="F3756" s="8">
        <v>289</v>
      </c>
      <c r="G3756" s="5">
        <v>6</v>
      </c>
      <c r="H3756" s="5" t="s">
        <v>1518</v>
      </c>
      <c r="I3756" s="5" t="s">
        <v>40939</v>
      </c>
      <c r="J3756" s="2" t="s">
        <v>40940</v>
      </c>
      <c r="K3756" s="5" t="s">
        <v>40939</v>
      </c>
      <c r="L3756" s="2" t="s">
        <v>40940</v>
      </c>
      <c r="M3756" s="5" t="s">
        <v>36266</v>
      </c>
      <c r="N3756" s="5" t="s">
        <v>38</v>
      </c>
      <c r="O3756" s="5" t="s">
        <v>39</v>
      </c>
      <c r="P3756" s="5" t="s">
        <v>40</v>
      </c>
      <c r="Q3756" s="5" t="s">
        <v>1522</v>
      </c>
      <c r="R3756" s="5" t="s">
        <v>1523</v>
      </c>
      <c r="S3756" s="5" t="s">
        <v>42</v>
      </c>
      <c r="T3756" s="2">
        <v>2.7080000000000002</v>
      </c>
      <c r="U3756" s="2">
        <v>2.157</v>
      </c>
      <c r="V3756" s="2">
        <v>1.4999999999999999E-2</v>
      </c>
      <c r="W3756" s="2">
        <v>118.9</v>
      </c>
      <c r="X3756" s="2">
        <v>7.6</v>
      </c>
      <c r="Y3756" s="2">
        <v>16.7</v>
      </c>
      <c r="Z3756" s="5"/>
      <c r="AA3756" s="5" t="s">
        <v>43</v>
      </c>
      <c r="AB3756" s="5" t="s">
        <v>44</v>
      </c>
      <c r="AC3756" s="2"/>
      <c r="AD3756" s="1"/>
    </row>
    <row r="3757" spans="1:30">
      <c r="A3757" s="5" t="s">
        <v>83578</v>
      </c>
      <c r="B3757" s="2" t="s">
        <v>94873</v>
      </c>
      <c r="C3757" s="14" t="s">
        <v>94874</v>
      </c>
      <c r="D3757" s="2" t="s">
        <v>94875</v>
      </c>
      <c r="E3757" s="2" t="s">
        <v>41045</v>
      </c>
      <c r="F3757" s="8">
        <v>289</v>
      </c>
      <c r="G3757" s="5">
        <v>6</v>
      </c>
      <c r="H3757" s="5" t="s">
        <v>1518</v>
      </c>
      <c r="I3757" s="5" t="s">
        <v>40939</v>
      </c>
      <c r="J3757" s="2" t="s">
        <v>40940</v>
      </c>
      <c r="K3757" s="5" t="s">
        <v>40939</v>
      </c>
      <c r="L3757" s="2" t="s">
        <v>40940</v>
      </c>
      <c r="M3757" s="5" t="s">
        <v>36266</v>
      </c>
      <c r="N3757" s="5" t="s">
        <v>38</v>
      </c>
      <c r="O3757" s="5" t="s">
        <v>39</v>
      </c>
      <c r="P3757" s="5" t="s">
        <v>40</v>
      </c>
      <c r="Q3757" s="5" t="s">
        <v>1522</v>
      </c>
      <c r="R3757" s="5" t="s">
        <v>1523</v>
      </c>
      <c r="S3757" s="5" t="s">
        <v>42</v>
      </c>
      <c r="T3757" s="2">
        <v>2.6619999999999999</v>
      </c>
      <c r="U3757" s="2">
        <v>2.1110000000000002</v>
      </c>
      <c r="V3757" s="2">
        <v>1.4999999999999999E-2</v>
      </c>
      <c r="W3757" s="2">
        <v>118.9</v>
      </c>
      <c r="X3757" s="2">
        <v>7.6</v>
      </c>
      <c r="Y3757" s="2">
        <v>16.7</v>
      </c>
      <c r="Z3757" s="5"/>
      <c r="AA3757" s="5" t="s">
        <v>43</v>
      </c>
      <c r="AB3757" s="5" t="s">
        <v>44</v>
      </c>
      <c r="AC3757" s="2"/>
      <c r="AD3757" s="1"/>
    </row>
    <row r="3758" spans="1:30">
      <c r="A3758" s="5" t="s">
        <v>83578</v>
      </c>
      <c r="B3758" s="2" t="s">
        <v>94876</v>
      </c>
      <c r="C3758" s="14" t="s">
        <v>94877</v>
      </c>
      <c r="D3758" s="2" t="s">
        <v>94878</v>
      </c>
      <c r="E3758" s="2" t="s">
        <v>41049</v>
      </c>
      <c r="F3758" s="8">
        <v>289</v>
      </c>
      <c r="G3758" s="5">
        <v>6</v>
      </c>
      <c r="H3758" s="5" t="s">
        <v>1518</v>
      </c>
      <c r="I3758" s="5" t="s">
        <v>40939</v>
      </c>
      <c r="J3758" s="2" t="s">
        <v>40940</v>
      </c>
      <c r="K3758" s="5" t="s">
        <v>40939</v>
      </c>
      <c r="L3758" s="2" t="s">
        <v>40940</v>
      </c>
      <c r="M3758" s="5" t="s">
        <v>36266</v>
      </c>
      <c r="N3758" s="5" t="s">
        <v>38</v>
      </c>
      <c r="O3758" s="5" t="s">
        <v>39</v>
      </c>
      <c r="P3758" s="5" t="s">
        <v>40</v>
      </c>
      <c r="Q3758" s="5" t="s">
        <v>1522</v>
      </c>
      <c r="R3758" s="5" t="s">
        <v>1523</v>
      </c>
      <c r="S3758" s="5" t="s">
        <v>42</v>
      </c>
      <c r="T3758" s="2">
        <v>2.7490000000000001</v>
      </c>
      <c r="U3758" s="2">
        <v>2.198</v>
      </c>
      <c r="V3758" s="2">
        <v>1.4999999999999999E-2</v>
      </c>
      <c r="W3758" s="2">
        <v>118.9</v>
      </c>
      <c r="X3758" s="2">
        <v>7.6</v>
      </c>
      <c r="Y3758" s="2">
        <v>16.7</v>
      </c>
      <c r="Z3758" s="5"/>
      <c r="AA3758" s="5" t="s">
        <v>43</v>
      </c>
      <c r="AB3758" s="5" t="s">
        <v>44</v>
      </c>
      <c r="AC3758" s="2"/>
      <c r="AD3758" s="1"/>
    </row>
    <row r="3759" spans="1:30">
      <c r="A3759" s="5" t="s">
        <v>83578</v>
      </c>
      <c r="B3759" s="2" t="s">
        <v>94879</v>
      </c>
      <c r="C3759" s="14" t="s">
        <v>94880</v>
      </c>
      <c r="D3759" s="2" t="s">
        <v>94881</v>
      </c>
      <c r="E3759" s="2" t="s">
        <v>47266</v>
      </c>
      <c r="F3759" s="8">
        <v>270</v>
      </c>
      <c r="G3759" s="5">
        <v>6</v>
      </c>
      <c r="H3759" s="5" t="s">
        <v>1518</v>
      </c>
      <c r="I3759" s="5" t="s">
        <v>40939</v>
      </c>
      <c r="J3759" s="2" t="s">
        <v>40940</v>
      </c>
      <c r="K3759" s="5" t="s">
        <v>40939</v>
      </c>
      <c r="L3759" s="2" t="s">
        <v>40940</v>
      </c>
      <c r="M3759" s="5" t="s">
        <v>36266</v>
      </c>
      <c r="N3759" s="5" t="s">
        <v>38</v>
      </c>
      <c r="O3759" s="5" t="s">
        <v>39</v>
      </c>
      <c r="P3759" s="5" t="s">
        <v>40</v>
      </c>
      <c r="Q3759" s="5" t="s">
        <v>1522</v>
      </c>
      <c r="R3759" s="5" t="s">
        <v>1523</v>
      </c>
      <c r="S3759" s="5" t="s">
        <v>42</v>
      </c>
      <c r="T3759" s="2">
        <v>2.282</v>
      </c>
      <c r="U3759" s="2">
        <v>1.8120000000000001</v>
      </c>
      <c r="V3759" s="2">
        <v>1.0999999999999999E-2</v>
      </c>
      <c r="W3759" s="2">
        <v>82.9</v>
      </c>
      <c r="X3759" s="2">
        <v>7.6</v>
      </c>
      <c r="Y3759" s="2">
        <v>16.7</v>
      </c>
      <c r="Z3759" s="5"/>
      <c r="AA3759" s="5" t="s">
        <v>43</v>
      </c>
      <c r="AB3759" s="5" t="s">
        <v>44</v>
      </c>
      <c r="AC3759" s="2"/>
      <c r="AD3759" s="1"/>
    </row>
    <row r="3760" spans="1:30">
      <c r="A3760" s="5" t="s">
        <v>83578</v>
      </c>
      <c r="B3760" s="2" t="s">
        <v>94882</v>
      </c>
      <c r="C3760" s="14" t="s">
        <v>94883</v>
      </c>
      <c r="D3760" s="2" t="s">
        <v>94884</v>
      </c>
      <c r="E3760" s="2" t="s">
        <v>47195</v>
      </c>
      <c r="F3760" s="8">
        <v>270</v>
      </c>
      <c r="G3760" s="5">
        <v>6</v>
      </c>
      <c r="H3760" s="5" t="s">
        <v>1518</v>
      </c>
      <c r="I3760" s="5" t="s">
        <v>40939</v>
      </c>
      <c r="J3760" s="2" t="s">
        <v>40940</v>
      </c>
      <c r="K3760" s="5" t="s">
        <v>40939</v>
      </c>
      <c r="L3760" s="2" t="s">
        <v>40940</v>
      </c>
      <c r="M3760" s="5" t="s">
        <v>36266</v>
      </c>
      <c r="N3760" s="5" t="s">
        <v>38</v>
      </c>
      <c r="O3760" s="5" t="s">
        <v>39</v>
      </c>
      <c r="P3760" s="5" t="s">
        <v>40</v>
      </c>
      <c r="Q3760" s="5" t="s">
        <v>1522</v>
      </c>
      <c r="R3760" s="5" t="s">
        <v>1523</v>
      </c>
      <c r="S3760" s="5" t="s">
        <v>42</v>
      </c>
      <c r="T3760" s="2">
        <v>2.3479999999999999</v>
      </c>
      <c r="U3760" s="2">
        <v>1.8779999999999999</v>
      </c>
      <c r="V3760" s="2">
        <v>1.0999999999999999E-2</v>
      </c>
      <c r="W3760" s="2">
        <v>82.9</v>
      </c>
      <c r="X3760" s="2">
        <v>7.6</v>
      </c>
      <c r="Y3760" s="2">
        <v>16.7</v>
      </c>
      <c r="Z3760" s="5"/>
      <c r="AA3760" s="5" t="s">
        <v>43</v>
      </c>
      <c r="AB3760" s="5" t="s">
        <v>44</v>
      </c>
      <c r="AC3760" s="2"/>
      <c r="AD3760" s="1"/>
    </row>
    <row r="3761" spans="1:30">
      <c r="A3761" s="5" t="s">
        <v>83578</v>
      </c>
      <c r="B3761" s="2" t="s">
        <v>94885</v>
      </c>
      <c r="C3761" s="14" t="s">
        <v>94886</v>
      </c>
      <c r="D3761" s="2" t="s">
        <v>94887</v>
      </c>
      <c r="E3761" s="2" t="s">
        <v>36273</v>
      </c>
      <c r="F3761" s="8">
        <v>252</v>
      </c>
      <c r="G3761" s="5">
        <v>6</v>
      </c>
      <c r="H3761" s="5" t="s">
        <v>1518</v>
      </c>
      <c r="I3761" s="5" t="s">
        <v>40939</v>
      </c>
      <c r="J3761" s="2" t="s">
        <v>40940</v>
      </c>
      <c r="K3761" s="5" t="s">
        <v>40939</v>
      </c>
      <c r="L3761" s="2" t="s">
        <v>40940</v>
      </c>
      <c r="M3761" s="5" t="s">
        <v>36266</v>
      </c>
      <c r="N3761" s="5" t="s">
        <v>38</v>
      </c>
      <c r="O3761" s="5" t="s">
        <v>39</v>
      </c>
      <c r="P3761" s="5" t="s">
        <v>40</v>
      </c>
      <c r="Q3761" s="5" t="s">
        <v>1522</v>
      </c>
      <c r="R3761" s="5" t="s">
        <v>1523</v>
      </c>
      <c r="S3761" s="5" t="s">
        <v>42</v>
      </c>
      <c r="T3761" s="2">
        <v>2.2970000000000002</v>
      </c>
      <c r="U3761" s="2">
        <v>1.827</v>
      </c>
      <c r="V3761" s="2">
        <v>1.0999999999999999E-2</v>
      </c>
      <c r="W3761" s="2">
        <v>82.9</v>
      </c>
      <c r="X3761" s="2">
        <v>7.6</v>
      </c>
      <c r="Y3761" s="2">
        <v>16.7</v>
      </c>
      <c r="Z3761" s="5"/>
      <c r="AA3761" s="5" t="s">
        <v>43</v>
      </c>
      <c r="AB3761" s="5" t="s">
        <v>44</v>
      </c>
      <c r="AC3761" s="2"/>
      <c r="AD3761" s="1"/>
    </row>
    <row r="3762" spans="1:30">
      <c r="A3762" s="5" t="s">
        <v>83578</v>
      </c>
      <c r="B3762" s="2" t="s">
        <v>94888</v>
      </c>
      <c r="C3762" s="14" t="s">
        <v>94889</v>
      </c>
      <c r="D3762" s="2" t="s">
        <v>94890</v>
      </c>
      <c r="E3762" s="2" t="s">
        <v>36277</v>
      </c>
      <c r="F3762" s="8">
        <v>252</v>
      </c>
      <c r="G3762" s="5">
        <v>6</v>
      </c>
      <c r="H3762" s="5" t="s">
        <v>1518</v>
      </c>
      <c r="I3762" s="5" t="s">
        <v>40939</v>
      </c>
      <c r="J3762" s="2" t="s">
        <v>40940</v>
      </c>
      <c r="K3762" s="5" t="s">
        <v>40939</v>
      </c>
      <c r="L3762" s="2" t="s">
        <v>40940</v>
      </c>
      <c r="M3762" s="5" t="s">
        <v>36266</v>
      </c>
      <c r="N3762" s="5" t="s">
        <v>38</v>
      </c>
      <c r="O3762" s="5" t="s">
        <v>39</v>
      </c>
      <c r="P3762" s="5" t="s">
        <v>40</v>
      </c>
      <c r="Q3762" s="5" t="s">
        <v>1522</v>
      </c>
      <c r="R3762" s="5" t="s">
        <v>1523</v>
      </c>
      <c r="S3762" s="5" t="s">
        <v>42</v>
      </c>
      <c r="T3762" s="2">
        <v>2.363</v>
      </c>
      <c r="U3762" s="2">
        <v>1.893</v>
      </c>
      <c r="V3762" s="2">
        <v>1.0999999999999999E-2</v>
      </c>
      <c r="W3762" s="2">
        <v>82.9</v>
      </c>
      <c r="X3762" s="2">
        <v>7.6</v>
      </c>
      <c r="Y3762" s="2">
        <v>16.7</v>
      </c>
      <c r="Z3762" s="5"/>
      <c r="AA3762" s="5" t="s">
        <v>43</v>
      </c>
      <c r="AB3762" s="5" t="s">
        <v>44</v>
      </c>
      <c r="AC3762" s="2"/>
      <c r="AD3762" s="1"/>
    </row>
    <row r="3763" spans="1:30">
      <c r="A3763" s="5" t="s">
        <v>83578</v>
      </c>
      <c r="B3763" s="2" t="s">
        <v>94891</v>
      </c>
      <c r="C3763" s="14" t="s">
        <v>94892</v>
      </c>
      <c r="D3763" s="2" t="s">
        <v>94893</v>
      </c>
      <c r="E3763" s="2" t="s">
        <v>40967</v>
      </c>
      <c r="F3763" s="8">
        <v>270</v>
      </c>
      <c r="G3763" s="5">
        <v>6</v>
      </c>
      <c r="H3763" s="5" t="s">
        <v>1518</v>
      </c>
      <c r="I3763" s="5" t="s">
        <v>40939</v>
      </c>
      <c r="J3763" s="2" t="s">
        <v>40940</v>
      </c>
      <c r="K3763" s="5" t="s">
        <v>40939</v>
      </c>
      <c r="L3763" s="2" t="s">
        <v>40940</v>
      </c>
      <c r="M3763" s="5" t="s">
        <v>36266</v>
      </c>
      <c r="N3763" s="5" t="s">
        <v>38</v>
      </c>
      <c r="O3763" s="5" t="s">
        <v>39</v>
      </c>
      <c r="P3763" s="5" t="s">
        <v>40</v>
      </c>
      <c r="Q3763" s="5" t="s">
        <v>1522</v>
      </c>
      <c r="R3763" s="5" t="s">
        <v>1523</v>
      </c>
      <c r="S3763" s="5" t="s">
        <v>42</v>
      </c>
      <c r="T3763" s="2">
        <v>2.2869999999999999</v>
      </c>
      <c r="U3763" s="2">
        <v>1.8169999999999999</v>
      </c>
      <c r="V3763" s="2">
        <v>1.0999999999999999E-2</v>
      </c>
      <c r="W3763" s="2">
        <v>82.9</v>
      </c>
      <c r="X3763" s="2">
        <v>7.6</v>
      </c>
      <c r="Y3763" s="2">
        <v>16.7</v>
      </c>
      <c r="Z3763" s="5"/>
      <c r="AA3763" s="5" t="s">
        <v>43</v>
      </c>
      <c r="AB3763" s="5" t="s">
        <v>44</v>
      </c>
      <c r="AC3763" s="2"/>
      <c r="AD3763" s="1"/>
    </row>
    <row r="3764" spans="1:30">
      <c r="A3764" s="5" t="s">
        <v>83578</v>
      </c>
      <c r="B3764" s="2" t="s">
        <v>94894</v>
      </c>
      <c r="C3764" s="14" t="s">
        <v>94895</v>
      </c>
      <c r="D3764" s="2" t="s">
        <v>94896</v>
      </c>
      <c r="E3764" s="2" t="s">
        <v>47226</v>
      </c>
      <c r="F3764" s="8">
        <v>270</v>
      </c>
      <c r="G3764" s="5">
        <v>6</v>
      </c>
      <c r="H3764" s="5" t="s">
        <v>1518</v>
      </c>
      <c r="I3764" s="5" t="s">
        <v>40939</v>
      </c>
      <c r="J3764" s="2" t="s">
        <v>40940</v>
      </c>
      <c r="K3764" s="5" t="s">
        <v>40939</v>
      </c>
      <c r="L3764" s="2" t="s">
        <v>40940</v>
      </c>
      <c r="M3764" s="5" t="s">
        <v>36266</v>
      </c>
      <c r="N3764" s="5" t="s">
        <v>38</v>
      </c>
      <c r="O3764" s="5" t="s">
        <v>39</v>
      </c>
      <c r="P3764" s="5" t="s">
        <v>40</v>
      </c>
      <c r="Q3764" s="5" t="s">
        <v>1522</v>
      </c>
      <c r="R3764" s="5" t="s">
        <v>1523</v>
      </c>
      <c r="S3764" s="5" t="s">
        <v>42</v>
      </c>
      <c r="T3764" s="2">
        <v>2.2869999999999999</v>
      </c>
      <c r="U3764" s="2">
        <v>1.8169999999999999</v>
      </c>
      <c r="V3764" s="2">
        <v>1.0999999999999999E-2</v>
      </c>
      <c r="W3764" s="2">
        <v>82.9</v>
      </c>
      <c r="X3764" s="2">
        <v>7.6</v>
      </c>
      <c r="Y3764" s="2">
        <v>16.7</v>
      </c>
      <c r="Z3764" s="5"/>
      <c r="AA3764" s="5" t="s">
        <v>43</v>
      </c>
      <c r="AB3764" s="5" t="s">
        <v>44</v>
      </c>
      <c r="AC3764" s="2"/>
      <c r="AD3764" s="1"/>
    </row>
    <row r="3765" spans="1:30">
      <c r="A3765" s="5" t="s">
        <v>83578</v>
      </c>
      <c r="B3765" s="2" t="s">
        <v>94897</v>
      </c>
      <c r="C3765" s="14" t="s">
        <v>94898</v>
      </c>
      <c r="D3765" s="2" t="s">
        <v>94899</v>
      </c>
      <c r="E3765" s="2" t="s">
        <v>47735</v>
      </c>
      <c r="F3765" s="8">
        <v>270</v>
      </c>
      <c r="G3765" s="5">
        <v>6</v>
      </c>
      <c r="H3765" s="5" t="s">
        <v>1518</v>
      </c>
      <c r="I3765" s="5" t="s">
        <v>40939</v>
      </c>
      <c r="J3765" s="2" t="s">
        <v>40940</v>
      </c>
      <c r="K3765" s="5" t="s">
        <v>40939</v>
      </c>
      <c r="L3765" s="2" t="s">
        <v>40940</v>
      </c>
      <c r="M3765" s="5" t="s">
        <v>36266</v>
      </c>
      <c r="N3765" s="5" t="s">
        <v>38</v>
      </c>
      <c r="O3765" s="5" t="s">
        <v>39</v>
      </c>
      <c r="P3765" s="5" t="s">
        <v>40</v>
      </c>
      <c r="Q3765" s="5" t="s">
        <v>1522</v>
      </c>
      <c r="R3765" s="5" t="s">
        <v>1523</v>
      </c>
      <c r="S3765" s="5" t="s">
        <v>42</v>
      </c>
      <c r="T3765" s="2">
        <v>2.3530000000000002</v>
      </c>
      <c r="U3765" s="2">
        <v>1.883</v>
      </c>
      <c r="V3765" s="2">
        <v>1.0999999999999999E-2</v>
      </c>
      <c r="W3765" s="2">
        <v>82.9</v>
      </c>
      <c r="X3765" s="2">
        <v>7.6</v>
      </c>
      <c r="Y3765" s="2">
        <v>16.7</v>
      </c>
      <c r="Z3765" s="5"/>
      <c r="AA3765" s="5" t="s">
        <v>43</v>
      </c>
      <c r="AB3765" s="5" t="s">
        <v>44</v>
      </c>
      <c r="AC3765" s="2"/>
      <c r="AD3765" s="1"/>
    </row>
    <row r="3766" spans="1:30">
      <c r="A3766" s="5" t="s">
        <v>83578</v>
      </c>
      <c r="B3766" s="2" t="s">
        <v>94900</v>
      </c>
      <c r="C3766" s="14" t="s">
        <v>94901</v>
      </c>
      <c r="D3766" s="2" t="s">
        <v>94902</v>
      </c>
      <c r="E3766" s="2" t="s">
        <v>7539</v>
      </c>
      <c r="F3766" s="8">
        <v>270</v>
      </c>
      <c r="G3766" s="5">
        <v>6</v>
      </c>
      <c r="H3766" s="5" t="s">
        <v>1518</v>
      </c>
      <c r="I3766" s="5" t="s">
        <v>40939</v>
      </c>
      <c r="J3766" s="2" t="s">
        <v>40940</v>
      </c>
      <c r="K3766" s="5" t="s">
        <v>40939</v>
      </c>
      <c r="L3766" s="2" t="s">
        <v>40940</v>
      </c>
      <c r="M3766" s="5" t="s">
        <v>36266</v>
      </c>
      <c r="N3766" s="5" t="s">
        <v>38</v>
      </c>
      <c r="O3766" s="5" t="s">
        <v>39</v>
      </c>
      <c r="P3766" s="5" t="s">
        <v>40</v>
      </c>
      <c r="Q3766" s="5" t="s">
        <v>1522</v>
      </c>
      <c r="R3766" s="5" t="s">
        <v>1523</v>
      </c>
      <c r="S3766" s="5" t="s">
        <v>42</v>
      </c>
      <c r="T3766" s="2">
        <v>2.2610000000000001</v>
      </c>
      <c r="U3766" s="2">
        <v>1.7909999999999999</v>
      </c>
      <c r="V3766" s="2">
        <v>1.0999999999999999E-2</v>
      </c>
      <c r="W3766" s="2">
        <v>82.9</v>
      </c>
      <c r="X3766" s="2">
        <v>7.6</v>
      </c>
      <c r="Y3766" s="2">
        <v>16.7</v>
      </c>
      <c r="Z3766" s="5"/>
      <c r="AA3766" s="5" t="s">
        <v>43</v>
      </c>
      <c r="AB3766" s="5" t="s">
        <v>44</v>
      </c>
      <c r="AC3766" s="2"/>
      <c r="AD3766" s="1"/>
    </row>
    <row r="3767" spans="1:30">
      <c r="A3767" s="5" t="s">
        <v>83578</v>
      </c>
      <c r="B3767" s="2" t="s">
        <v>94903</v>
      </c>
      <c r="C3767" s="14" t="s">
        <v>94904</v>
      </c>
      <c r="D3767" s="2" t="s">
        <v>94905</v>
      </c>
      <c r="E3767" s="2" t="s">
        <v>7543</v>
      </c>
      <c r="F3767" s="8">
        <v>270</v>
      </c>
      <c r="G3767" s="5">
        <v>6</v>
      </c>
      <c r="H3767" s="5" t="s">
        <v>1518</v>
      </c>
      <c r="I3767" s="5" t="s">
        <v>40939</v>
      </c>
      <c r="J3767" s="2" t="s">
        <v>40940</v>
      </c>
      <c r="K3767" s="5" t="s">
        <v>40939</v>
      </c>
      <c r="L3767" s="2" t="s">
        <v>40940</v>
      </c>
      <c r="M3767" s="5" t="s">
        <v>36266</v>
      </c>
      <c r="N3767" s="5" t="s">
        <v>38</v>
      </c>
      <c r="O3767" s="5" t="s">
        <v>39</v>
      </c>
      <c r="P3767" s="5" t="s">
        <v>40</v>
      </c>
      <c r="Q3767" s="5" t="s">
        <v>1522</v>
      </c>
      <c r="R3767" s="5" t="s">
        <v>1523</v>
      </c>
      <c r="S3767" s="5" t="s">
        <v>42</v>
      </c>
      <c r="T3767" s="2">
        <v>2.327</v>
      </c>
      <c r="U3767" s="2">
        <v>1.857</v>
      </c>
      <c r="V3767" s="2">
        <v>1.0999999999999999E-2</v>
      </c>
      <c r="W3767" s="2">
        <v>82.9</v>
      </c>
      <c r="X3767" s="2">
        <v>7.6</v>
      </c>
      <c r="Y3767" s="2">
        <v>16.7</v>
      </c>
      <c r="Z3767" s="5"/>
      <c r="AA3767" s="5" t="s">
        <v>43</v>
      </c>
      <c r="AB3767" s="5" t="s">
        <v>44</v>
      </c>
      <c r="AC3767" s="2"/>
      <c r="AD3767" s="1"/>
    </row>
    <row r="3768" spans="1:30">
      <c r="A3768" s="5" t="s">
        <v>83578</v>
      </c>
      <c r="B3768" s="2" t="s">
        <v>94906</v>
      </c>
      <c r="C3768" s="14" t="s">
        <v>94907</v>
      </c>
      <c r="D3768" s="2" t="s">
        <v>94908</v>
      </c>
      <c r="E3768" s="2" t="s">
        <v>40989</v>
      </c>
      <c r="F3768" s="8">
        <v>270</v>
      </c>
      <c r="G3768" s="5">
        <v>6</v>
      </c>
      <c r="H3768" s="5" t="s">
        <v>1518</v>
      </c>
      <c r="I3768" s="5" t="s">
        <v>40939</v>
      </c>
      <c r="J3768" s="2" t="s">
        <v>40940</v>
      </c>
      <c r="K3768" s="5" t="s">
        <v>40939</v>
      </c>
      <c r="L3768" s="2" t="s">
        <v>40940</v>
      </c>
      <c r="M3768" s="5" t="s">
        <v>36266</v>
      </c>
      <c r="N3768" s="5" t="s">
        <v>38</v>
      </c>
      <c r="O3768" s="5" t="s">
        <v>39</v>
      </c>
      <c r="P3768" s="5" t="s">
        <v>40</v>
      </c>
      <c r="Q3768" s="5" t="s">
        <v>1522</v>
      </c>
      <c r="R3768" s="5" t="s">
        <v>1523</v>
      </c>
      <c r="S3768" s="5" t="s">
        <v>42</v>
      </c>
      <c r="T3768" s="2">
        <v>2.2869999999999999</v>
      </c>
      <c r="U3768" s="2">
        <v>1.8169999999999999</v>
      </c>
      <c r="V3768" s="2">
        <v>1.0999999999999999E-2</v>
      </c>
      <c r="W3768" s="2">
        <v>82.9</v>
      </c>
      <c r="X3768" s="2">
        <v>7.6</v>
      </c>
      <c r="Y3768" s="2">
        <v>16.7</v>
      </c>
      <c r="Z3768" s="5"/>
      <c r="AA3768" s="5" t="s">
        <v>43</v>
      </c>
      <c r="AB3768" s="5" t="s">
        <v>44</v>
      </c>
      <c r="AC3768" s="2"/>
      <c r="AD3768" s="1"/>
    </row>
    <row r="3769" spans="1:30">
      <c r="A3769" s="5" t="s">
        <v>83578</v>
      </c>
      <c r="B3769" s="2" t="s">
        <v>94909</v>
      </c>
      <c r="C3769" s="14" t="s">
        <v>94910</v>
      </c>
      <c r="D3769" s="2" t="s">
        <v>94911</v>
      </c>
      <c r="E3769" s="2" t="s">
        <v>40993</v>
      </c>
      <c r="F3769" s="8">
        <v>270</v>
      </c>
      <c r="G3769" s="5">
        <v>6</v>
      </c>
      <c r="H3769" s="5" t="s">
        <v>1518</v>
      </c>
      <c r="I3769" s="5" t="s">
        <v>40939</v>
      </c>
      <c r="J3769" s="2" t="s">
        <v>40940</v>
      </c>
      <c r="K3769" s="5" t="s">
        <v>40939</v>
      </c>
      <c r="L3769" s="2" t="s">
        <v>40940</v>
      </c>
      <c r="M3769" s="5" t="s">
        <v>36266</v>
      </c>
      <c r="N3769" s="5" t="s">
        <v>38</v>
      </c>
      <c r="O3769" s="5" t="s">
        <v>39</v>
      </c>
      <c r="P3769" s="5" t="s">
        <v>40</v>
      </c>
      <c r="Q3769" s="5" t="s">
        <v>1522</v>
      </c>
      <c r="R3769" s="5" t="s">
        <v>1523</v>
      </c>
      <c r="S3769" s="5" t="s">
        <v>42</v>
      </c>
      <c r="T3769" s="2">
        <v>2.3530000000000002</v>
      </c>
      <c r="U3769" s="2">
        <v>1.883</v>
      </c>
      <c r="V3769" s="2">
        <v>1.0999999999999999E-2</v>
      </c>
      <c r="W3769" s="2">
        <v>82.9</v>
      </c>
      <c r="X3769" s="2">
        <v>7.6</v>
      </c>
      <c r="Y3769" s="2">
        <v>16.7</v>
      </c>
      <c r="Z3769" s="5"/>
      <c r="AA3769" s="5" t="s">
        <v>43</v>
      </c>
      <c r="AB3769" s="5" t="s">
        <v>44</v>
      </c>
      <c r="AC3769" s="2"/>
      <c r="AD3769" s="1"/>
    </row>
    <row r="3770" spans="1:30">
      <c r="A3770" s="5" t="s">
        <v>83578</v>
      </c>
      <c r="B3770" s="2" t="s">
        <v>94912</v>
      </c>
      <c r="C3770" s="14" t="s">
        <v>94913</v>
      </c>
      <c r="D3770" s="2" t="s">
        <v>94914</v>
      </c>
      <c r="E3770" s="2" t="s">
        <v>40997</v>
      </c>
      <c r="F3770" s="8">
        <v>270</v>
      </c>
      <c r="G3770" s="5">
        <v>6</v>
      </c>
      <c r="H3770" s="5" t="s">
        <v>1518</v>
      </c>
      <c r="I3770" s="5" t="s">
        <v>40939</v>
      </c>
      <c r="J3770" s="2" t="s">
        <v>40940</v>
      </c>
      <c r="K3770" s="5" t="s">
        <v>40939</v>
      </c>
      <c r="L3770" s="2" t="s">
        <v>40940</v>
      </c>
      <c r="M3770" s="5" t="s">
        <v>36266</v>
      </c>
      <c r="N3770" s="5" t="s">
        <v>38</v>
      </c>
      <c r="O3770" s="5" t="s">
        <v>39</v>
      </c>
      <c r="P3770" s="5" t="s">
        <v>40</v>
      </c>
      <c r="Q3770" s="5" t="s">
        <v>1522</v>
      </c>
      <c r="R3770" s="5" t="s">
        <v>1523</v>
      </c>
      <c r="S3770" s="5" t="s">
        <v>42</v>
      </c>
      <c r="T3770" s="2">
        <v>2.266</v>
      </c>
      <c r="U3770" s="2">
        <v>1.796</v>
      </c>
      <c r="V3770" s="2">
        <v>1.0999999999999999E-2</v>
      </c>
      <c r="W3770" s="2">
        <v>82.9</v>
      </c>
      <c r="X3770" s="2">
        <v>7.6</v>
      </c>
      <c r="Y3770" s="2">
        <v>16.7</v>
      </c>
      <c r="Z3770" s="5"/>
      <c r="AA3770" s="5" t="s">
        <v>43</v>
      </c>
      <c r="AB3770" s="5" t="s">
        <v>44</v>
      </c>
      <c r="AC3770" s="2"/>
      <c r="AD3770" s="1"/>
    </row>
    <row r="3771" spans="1:30">
      <c r="A3771" s="5" t="s">
        <v>83578</v>
      </c>
      <c r="B3771" s="2" t="s">
        <v>94915</v>
      </c>
      <c r="C3771" s="14" t="s">
        <v>94916</v>
      </c>
      <c r="D3771" s="2" t="s">
        <v>94917</v>
      </c>
      <c r="E3771" s="2" t="s">
        <v>41267</v>
      </c>
      <c r="F3771" s="8">
        <v>270</v>
      </c>
      <c r="G3771" s="5">
        <v>6</v>
      </c>
      <c r="H3771" s="5" t="s">
        <v>1518</v>
      </c>
      <c r="I3771" s="5" t="s">
        <v>40939</v>
      </c>
      <c r="J3771" s="2" t="s">
        <v>40940</v>
      </c>
      <c r="K3771" s="5" t="s">
        <v>40939</v>
      </c>
      <c r="L3771" s="2" t="s">
        <v>40940</v>
      </c>
      <c r="M3771" s="5" t="s">
        <v>36266</v>
      </c>
      <c r="N3771" s="5" t="s">
        <v>38</v>
      </c>
      <c r="O3771" s="5" t="s">
        <v>39</v>
      </c>
      <c r="P3771" s="5" t="s">
        <v>40</v>
      </c>
      <c r="Q3771" s="5" t="s">
        <v>1522</v>
      </c>
      <c r="R3771" s="5" t="s">
        <v>1523</v>
      </c>
      <c r="S3771" s="5" t="s">
        <v>42</v>
      </c>
      <c r="T3771" s="2">
        <v>2.3319999999999999</v>
      </c>
      <c r="U3771" s="2">
        <v>1.8620000000000001</v>
      </c>
      <c r="V3771" s="2">
        <v>1.0999999999999999E-2</v>
      </c>
      <c r="W3771" s="2">
        <v>82.9</v>
      </c>
      <c r="X3771" s="2">
        <v>7.6</v>
      </c>
      <c r="Y3771" s="2">
        <v>16.7</v>
      </c>
      <c r="Z3771" s="5"/>
      <c r="AA3771" s="5" t="s">
        <v>43</v>
      </c>
      <c r="AB3771" s="5" t="s">
        <v>44</v>
      </c>
      <c r="AC3771" s="2"/>
      <c r="AD3771" s="1"/>
    </row>
    <row r="3772" spans="1:30">
      <c r="A3772" s="5" t="s">
        <v>83578</v>
      </c>
      <c r="B3772" s="2" t="s">
        <v>94918</v>
      </c>
      <c r="C3772" s="14" t="s">
        <v>94919</v>
      </c>
      <c r="D3772" s="2" t="s">
        <v>94920</v>
      </c>
      <c r="E3772" s="2" t="s">
        <v>41001</v>
      </c>
      <c r="F3772" s="8">
        <v>270</v>
      </c>
      <c r="G3772" s="5">
        <v>6</v>
      </c>
      <c r="H3772" s="5" t="s">
        <v>1518</v>
      </c>
      <c r="I3772" s="5" t="s">
        <v>40939</v>
      </c>
      <c r="J3772" s="2" t="s">
        <v>40940</v>
      </c>
      <c r="K3772" s="5" t="s">
        <v>40939</v>
      </c>
      <c r="L3772" s="2" t="s">
        <v>40940</v>
      </c>
      <c r="M3772" s="5" t="s">
        <v>36266</v>
      </c>
      <c r="N3772" s="5" t="s">
        <v>38</v>
      </c>
      <c r="O3772" s="5" t="s">
        <v>39</v>
      </c>
      <c r="P3772" s="5" t="s">
        <v>40</v>
      </c>
      <c r="Q3772" s="5" t="s">
        <v>1522</v>
      </c>
      <c r="R3772" s="5" t="s">
        <v>1523</v>
      </c>
      <c r="S3772" s="5" t="s">
        <v>42</v>
      </c>
      <c r="T3772" s="2">
        <v>2.2869999999999999</v>
      </c>
      <c r="U3772" s="2">
        <v>1.8169999999999999</v>
      </c>
      <c r="V3772" s="2">
        <v>1.0999999999999999E-2</v>
      </c>
      <c r="W3772" s="2">
        <v>82.9</v>
      </c>
      <c r="X3772" s="2">
        <v>7.6</v>
      </c>
      <c r="Y3772" s="2">
        <v>16.7</v>
      </c>
      <c r="Z3772" s="5"/>
      <c r="AA3772" s="5" t="s">
        <v>43</v>
      </c>
      <c r="AB3772" s="5" t="s">
        <v>44</v>
      </c>
      <c r="AC3772" s="2"/>
      <c r="AD3772" s="1"/>
    </row>
    <row r="3773" spans="1:30">
      <c r="A3773" s="5" t="s">
        <v>83578</v>
      </c>
      <c r="B3773" s="2" t="s">
        <v>94921</v>
      </c>
      <c r="C3773" s="14" t="s">
        <v>94922</v>
      </c>
      <c r="D3773" s="2" t="s">
        <v>94923</v>
      </c>
      <c r="E3773" s="2" t="s">
        <v>41005</v>
      </c>
      <c r="F3773" s="8">
        <v>270</v>
      </c>
      <c r="G3773" s="5">
        <v>6</v>
      </c>
      <c r="H3773" s="5" t="s">
        <v>1518</v>
      </c>
      <c r="I3773" s="5" t="s">
        <v>40939</v>
      </c>
      <c r="J3773" s="2" t="s">
        <v>40940</v>
      </c>
      <c r="K3773" s="5" t="s">
        <v>40939</v>
      </c>
      <c r="L3773" s="2" t="s">
        <v>40940</v>
      </c>
      <c r="M3773" s="5" t="s">
        <v>36266</v>
      </c>
      <c r="N3773" s="5" t="s">
        <v>38</v>
      </c>
      <c r="O3773" s="5" t="s">
        <v>39</v>
      </c>
      <c r="P3773" s="5" t="s">
        <v>40</v>
      </c>
      <c r="Q3773" s="5" t="s">
        <v>1522</v>
      </c>
      <c r="R3773" s="5" t="s">
        <v>1523</v>
      </c>
      <c r="S3773" s="5" t="s">
        <v>42</v>
      </c>
      <c r="T3773" s="2">
        <v>2.3530000000000002</v>
      </c>
      <c r="U3773" s="2">
        <v>1.883</v>
      </c>
      <c r="V3773" s="2">
        <v>1.0999999999999999E-2</v>
      </c>
      <c r="W3773" s="2">
        <v>82.9</v>
      </c>
      <c r="X3773" s="2">
        <v>7.6</v>
      </c>
      <c r="Y3773" s="2">
        <v>16.7</v>
      </c>
      <c r="Z3773" s="5"/>
      <c r="AA3773" s="5" t="s">
        <v>43</v>
      </c>
      <c r="AB3773" s="5" t="s">
        <v>44</v>
      </c>
      <c r="AC3773" s="2"/>
      <c r="AD3773" s="1"/>
    </row>
    <row r="3774" spans="1:30">
      <c r="A3774" s="5" t="s">
        <v>83578</v>
      </c>
      <c r="B3774" s="2" t="s">
        <v>94924</v>
      </c>
      <c r="C3774" s="14" t="s">
        <v>94925</v>
      </c>
      <c r="D3774" s="2" t="s">
        <v>94926</v>
      </c>
      <c r="E3774" s="2" t="s">
        <v>41009</v>
      </c>
      <c r="F3774" s="8">
        <v>270</v>
      </c>
      <c r="G3774" s="5">
        <v>6</v>
      </c>
      <c r="H3774" s="5" t="s">
        <v>1518</v>
      </c>
      <c r="I3774" s="5" t="s">
        <v>40939</v>
      </c>
      <c r="J3774" s="2" t="s">
        <v>40940</v>
      </c>
      <c r="K3774" s="5" t="s">
        <v>40939</v>
      </c>
      <c r="L3774" s="2" t="s">
        <v>40940</v>
      </c>
      <c r="M3774" s="5" t="s">
        <v>36266</v>
      </c>
      <c r="N3774" s="5" t="s">
        <v>38</v>
      </c>
      <c r="O3774" s="5" t="s">
        <v>39</v>
      </c>
      <c r="P3774" s="5" t="s">
        <v>40</v>
      </c>
      <c r="Q3774" s="5" t="s">
        <v>1522</v>
      </c>
      <c r="R3774" s="5" t="s">
        <v>1523</v>
      </c>
      <c r="S3774" s="5" t="s">
        <v>42</v>
      </c>
      <c r="T3774" s="2">
        <v>2.2919999999999998</v>
      </c>
      <c r="U3774" s="2">
        <v>1.8220000000000001</v>
      </c>
      <c r="V3774" s="2">
        <v>1.0999999999999999E-2</v>
      </c>
      <c r="W3774" s="2">
        <v>82.9</v>
      </c>
      <c r="X3774" s="2">
        <v>7.6</v>
      </c>
      <c r="Y3774" s="2">
        <v>16.7</v>
      </c>
      <c r="Z3774" s="5"/>
      <c r="AA3774" s="5" t="s">
        <v>43</v>
      </c>
      <c r="AB3774" s="5" t="s">
        <v>44</v>
      </c>
      <c r="AC3774" s="2"/>
      <c r="AD3774" s="1"/>
    </row>
    <row r="3775" spans="1:30">
      <c r="A3775" s="5" t="s">
        <v>83578</v>
      </c>
      <c r="B3775" s="2" t="s">
        <v>94927</v>
      </c>
      <c r="C3775" s="14" t="s">
        <v>94928</v>
      </c>
      <c r="D3775" s="2" t="s">
        <v>94929</v>
      </c>
      <c r="E3775" s="2" t="s">
        <v>41013</v>
      </c>
      <c r="F3775" s="8">
        <v>270</v>
      </c>
      <c r="G3775" s="5">
        <v>6</v>
      </c>
      <c r="H3775" s="5" t="s">
        <v>1518</v>
      </c>
      <c r="I3775" s="5" t="s">
        <v>40939</v>
      </c>
      <c r="J3775" s="2" t="s">
        <v>40940</v>
      </c>
      <c r="K3775" s="5" t="s">
        <v>40939</v>
      </c>
      <c r="L3775" s="2" t="s">
        <v>40940</v>
      </c>
      <c r="M3775" s="5" t="s">
        <v>36266</v>
      </c>
      <c r="N3775" s="5" t="s">
        <v>38</v>
      </c>
      <c r="O3775" s="5" t="s">
        <v>39</v>
      </c>
      <c r="P3775" s="5" t="s">
        <v>40</v>
      </c>
      <c r="Q3775" s="5" t="s">
        <v>1522</v>
      </c>
      <c r="R3775" s="5" t="s">
        <v>1523</v>
      </c>
      <c r="S3775" s="5" t="s">
        <v>42</v>
      </c>
      <c r="T3775" s="2">
        <v>2.3580000000000001</v>
      </c>
      <c r="U3775" s="2">
        <v>1.8879999999999999</v>
      </c>
      <c r="V3775" s="2">
        <v>1.0999999999999999E-2</v>
      </c>
      <c r="W3775" s="2">
        <v>82.9</v>
      </c>
      <c r="X3775" s="2">
        <v>7.6</v>
      </c>
      <c r="Y3775" s="2">
        <v>16.7</v>
      </c>
      <c r="Z3775" s="5"/>
      <c r="AA3775" s="5" t="s">
        <v>43</v>
      </c>
      <c r="AB3775" s="5" t="s">
        <v>44</v>
      </c>
      <c r="AC3775" s="2"/>
      <c r="AD3775" s="1"/>
    </row>
    <row r="3776" spans="1:30">
      <c r="A3776" s="5" t="s">
        <v>83578</v>
      </c>
      <c r="B3776" s="2" t="s">
        <v>94930</v>
      </c>
      <c r="C3776" s="14" t="s">
        <v>94931</v>
      </c>
      <c r="D3776" s="2" t="s">
        <v>94932</v>
      </c>
      <c r="E3776" s="2" t="s">
        <v>7396</v>
      </c>
      <c r="F3776" s="8">
        <v>252</v>
      </c>
      <c r="G3776" s="5">
        <v>6</v>
      </c>
      <c r="H3776" s="5" t="s">
        <v>1518</v>
      </c>
      <c r="I3776" s="5" t="s">
        <v>40939</v>
      </c>
      <c r="J3776" s="2" t="s">
        <v>40940</v>
      </c>
      <c r="K3776" s="5" t="s">
        <v>40939</v>
      </c>
      <c r="L3776" s="2" t="s">
        <v>40940</v>
      </c>
      <c r="M3776" s="5" t="s">
        <v>36266</v>
      </c>
      <c r="N3776" s="5" t="s">
        <v>38</v>
      </c>
      <c r="O3776" s="5" t="s">
        <v>39</v>
      </c>
      <c r="P3776" s="5" t="s">
        <v>40</v>
      </c>
      <c r="Q3776" s="5" t="s">
        <v>1522</v>
      </c>
      <c r="R3776" s="5" t="s">
        <v>1523</v>
      </c>
      <c r="S3776" s="5" t="s">
        <v>42</v>
      </c>
      <c r="T3776" s="2">
        <v>2.2919999999999998</v>
      </c>
      <c r="U3776" s="2">
        <v>1.8220000000000001</v>
      </c>
      <c r="V3776" s="2">
        <v>1.0999999999999999E-2</v>
      </c>
      <c r="W3776" s="2">
        <v>82.9</v>
      </c>
      <c r="X3776" s="2">
        <v>7.6</v>
      </c>
      <c r="Y3776" s="2">
        <v>16.7</v>
      </c>
      <c r="Z3776" s="5"/>
      <c r="AA3776" s="5" t="s">
        <v>43</v>
      </c>
      <c r="AB3776" s="5" t="s">
        <v>44</v>
      </c>
      <c r="AC3776" s="2"/>
      <c r="AD3776" s="1"/>
    </row>
    <row r="3777" spans="1:30">
      <c r="A3777" s="5" t="s">
        <v>83578</v>
      </c>
      <c r="B3777" s="2" t="s">
        <v>94933</v>
      </c>
      <c r="C3777" s="14" t="s">
        <v>94934</v>
      </c>
      <c r="D3777" s="2" t="s">
        <v>94935</v>
      </c>
      <c r="E3777" s="2" t="s">
        <v>41023</v>
      </c>
      <c r="F3777" s="8">
        <v>270</v>
      </c>
      <c r="G3777" s="5">
        <v>6</v>
      </c>
      <c r="H3777" s="5" t="s">
        <v>1518</v>
      </c>
      <c r="I3777" s="5" t="s">
        <v>40939</v>
      </c>
      <c r="J3777" s="2" t="s">
        <v>40940</v>
      </c>
      <c r="K3777" s="5" t="s">
        <v>40939</v>
      </c>
      <c r="L3777" s="2" t="s">
        <v>40940</v>
      </c>
      <c r="M3777" s="5" t="s">
        <v>36266</v>
      </c>
      <c r="N3777" s="5" t="s">
        <v>38</v>
      </c>
      <c r="O3777" s="5" t="s">
        <v>39</v>
      </c>
      <c r="P3777" s="5" t="s">
        <v>40</v>
      </c>
      <c r="Q3777" s="5" t="s">
        <v>1522</v>
      </c>
      <c r="R3777" s="5" t="s">
        <v>1523</v>
      </c>
      <c r="S3777" s="5" t="s">
        <v>42</v>
      </c>
      <c r="T3777" s="2">
        <v>2.266</v>
      </c>
      <c r="U3777" s="2">
        <v>1.796</v>
      </c>
      <c r="V3777" s="2">
        <v>1.0999999999999999E-2</v>
      </c>
      <c r="W3777" s="2">
        <v>82.9</v>
      </c>
      <c r="X3777" s="2">
        <v>7.6</v>
      </c>
      <c r="Y3777" s="2">
        <v>16.7</v>
      </c>
      <c r="Z3777" s="5"/>
      <c r="AA3777" s="5" t="s">
        <v>43</v>
      </c>
      <c r="AB3777" s="5" t="s">
        <v>44</v>
      </c>
      <c r="AC3777" s="2"/>
      <c r="AD3777" s="1"/>
    </row>
    <row r="3778" spans="1:30">
      <c r="A3778" s="5" t="s">
        <v>83578</v>
      </c>
      <c r="B3778" s="2" t="s">
        <v>94936</v>
      </c>
      <c r="C3778" s="14" t="s">
        <v>94937</v>
      </c>
      <c r="D3778" s="2" t="s">
        <v>94938</v>
      </c>
      <c r="E3778" s="2" t="s">
        <v>41031</v>
      </c>
      <c r="F3778" s="8">
        <v>270</v>
      </c>
      <c r="G3778" s="5">
        <v>6</v>
      </c>
      <c r="H3778" s="5" t="s">
        <v>1518</v>
      </c>
      <c r="I3778" s="5" t="s">
        <v>40939</v>
      </c>
      <c r="J3778" s="2" t="s">
        <v>40940</v>
      </c>
      <c r="K3778" s="5" t="s">
        <v>40939</v>
      </c>
      <c r="L3778" s="2" t="s">
        <v>40940</v>
      </c>
      <c r="M3778" s="5" t="s">
        <v>36266</v>
      </c>
      <c r="N3778" s="5" t="s">
        <v>38</v>
      </c>
      <c r="O3778" s="5" t="s">
        <v>39</v>
      </c>
      <c r="P3778" s="5" t="s">
        <v>40</v>
      </c>
      <c r="Q3778" s="5" t="s">
        <v>1522</v>
      </c>
      <c r="R3778" s="5" t="s">
        <v>1523</v>
      </c>
      <c r="S3778" s="5" t="s">
        <v>42</v>
      </c>
      <c r="T3778" s="2">
        <v>2.266</v>
      </c>
      <c r="U3778" s="2">
        <v>1.796</v>
      </c>
      <c r="V3778" s="2">
        <v>1.0999999999999999E-2</v>
      </c>
      <c r="W3778" s="2">
        <v>82.9</v>
      </c>
      <c r="X3778" s="2">
        <v>7.6</v>
      </c>
      <c r="Y3778" s="2">
        <v>16.7</v>
      </c>
      <c r="Z3778" s="5"/>
      <c r="AA3778" s="5" t="s">
        <v>43</v>
      </c>
      <c r="AB3778" s="5" t="s">
        <v>44</v>
      </c>
      <c r="AC3778" s="2"/>
      <c r="AD3778" s="1"/>
    </row>
    <row r="3779" spans="1:30">
      <c r="A3779" s="5" t="s">
        <v>83578</v>
      </c>
      <c r="B3779" s="2" t="s">
        <v>94939</v>
      </c>
      <c r="C3779" s="14" t="s">
        <v>94940</v>
      </c>
      <c r="D3779" s="2" t="s">
        <v>94941</v>
      </c>
      <c r="E3779" s="2" t="s">
        <v>41035</v>
      </c>
      <c r="F3779" s="8">
        <v>270</v>
      </c>
      <c r="G3779" s="5">
        <v>6</v>
      </c>
      <c r="H3779" s="5" t="s">
        <v>1518</v>
      </c>
      <c r="I3779" s="5" t="s">
        <v>40939</v>
      </c>
      <c r="J3779" s="2" t="s">
        <v>40940</v>
      </c>
      <c r="K3779" s="5" t="s">
        <v>40939</v>
      </c>
      <c r="L3779" s="2" t="s">
        <v>40940</v>
      </c>
      <c r="M3779" s="5" t="s">
        <v>36266</v>
      </c>
      <c r="N3779" s="5" t="s">
        <v>38</v>
      </c>
      <c r="O3779" s="5" t="s">
        <v>39</v>
      </c>
      <c r="P3779" s="5" t="s">
        <v>40</v>
      </c>
      <c r="Q3779" s="5" t="s">
        <v>1522</v>
      </c>
      <c r="R3779" s="5" t="s">
        <v>1523</v>
      </c>
      <c r="S3779" s="5" t="s">
        <v>42</v>
      </c>
      <c r="T3779" s="2">
        <v>2.3319999999999999</v>
      </c>
      <c r="U3779" s="2">
        <v>1.8620000000000001</v>
      </c>
      <c r="V3779" s="2">
        <v>1.0999999999999999E-2</v>
      </c>
      <c r="W3779" s="2">
        <v>82.9</v>
      </c>
      <c r="X3779" s="2">
        <v>7.6</v>
      </c>
      <c r="Y3779" s="2">
        <v>16.7</v>
      </c>
      <c r="Z3779" s="5"/>
      <c r="AA3779" s="5" t="s">
        <v>43</v>
      </c>
      <c r="AB3779" s="5" t="s">
        <v>44</v>
      </c>
      <c r="AC3779" s="2"/>
      <c r="AD3779" s="1"/>
    </row>
    <row r="3780" spans="1:30">
      <c r="A3780" s="5" t="s">
        <v>83578</v>
      </c>
      <c r="B3780" s="2" t="s">
        <v>94942</v>
      </c>
      <c r="C3780" s="14" t="s">
        <v>94943</v>
      </c>
      <c r="D3780" s="2" t="s">
        <v>94944</v>
      </c>
      <c r="E3780" s="2" t="s">
        <v>7449</v>
      </c>
      <c r="F3780" s="8">
        <v>270</v>
      </c>
      <c r="G3780" s="5">
        <v>6</v>
      </c>
      <c r="H3780" s="5" t="s">
        <v>1518</v>
      </c>
      <c r="I3780" s="5" t="s">
        <v>40939</v>
      </c>
      <c r="J3780" s="2" t="s">
        <v>40940</v>
      </c>
      <c r="K3780" s="5" t="s">
        <v>40939</v>
      </c>
      <c r="L3780" s="2" t="s">
        <v>40940</v>
      </c>
      <c r="M3780" s="5" t="s">
        <v>36266</v>
      </c>
      <c r="N3780" s="5" t="s">
        <v>38</v>
      </c>
      <c r="O3780" s="5" t="s">
        <v>39</v>
      </c>
      <c r="P3780" s="5" t="s">
        <v>40</v>
      </c>
      <c r="Q3780" s="5" t="s">
        <v>1522</v>
      </c>
      <c r="R3780" s="5" t="s">
        <v>1523</v>
      </c>
      <c r="S3780" s="5" t="s">
        <v>42</v>
      </c>
      <c r="T3780" s="2">
        <v>2.266</v>
      </c>
      <c r="U3780" s="2">
        <v>1.796</v>
      </c>
      <c r="V3780" s="2">
        <v>1.0999999999999999E-2</v>
      </c>
      <c r="W3780" s="2">
        <v>82.9</v>
      </c>
      <c r="X3780" s="2">
        <v>7.6</v>
      </c>
      <c r="Y3780" s="2">
        <v>16.7</v>
      </c>
      <c r="Z3780" s="5"/>
      <c r="AA3780" s="5" t="s">
        <v>43</v>
      </c>
      <c r="AB3780" s="5" t="s">
        <v>44</v>
      </c>
      <c r="AC3780" s="2"/>
      <c r="AD3780" s="1"/>
    </row>
    <row r="3781" spans="1:30">
      <c r="A3781" s="5" t="s">
        <v>83578</v>
      </c>
      <c r="B3781" s="2" t="s">
        <v>94945</v>
      </c>
      <c r="C3781" s="14" t="s">
        <v>94946</v>
      </c>
      <c r="D3781" s="2" t="s">
        <v>94947</v>
      </c>
      <c r="E3781" s="2" t="s">
        <v>41045</v>
      </c>
      <c r="F3781" s="8">
        <v>270</v>
      </c>
      <c r="G3781" s="5">
        <v>6</v>
      </c>
      <c r="H3781" s="5" t="s">
        <v>1518</v>
      </c>
      <c r="I3781" s="5" t="s">
        <v>40939</v>
      </c>
      <c r="J3781" s="2" t="s">
        <v>40940</v>
      </c>
      <c r="K3781" s="5" t="s">
        <v>40939</v>
      </c>
      <c r="L3781" s="2" t="s">
        <v>40940</v>
      </c>
      <c r="M3781" s="5" t="s">
        <v>36266</v>
      </c>
      <c r="N3781" s="5" t="s">
        <v>38</v>
      </c>
      <c r="O3781" s="5" t="s">
        <v>39</v>
      </c>
      <c r="P3781" s="5" t="s">
        <v>40</v>
      </c>
      <c r="Q3781" s="5" t="s">
        <v>1522</v>
      </c>
      <c r="R3781" s="5" t="s">
        <v>1523</v>
      </c>
      <c r="S3781" s="5" t="s">
        <v>42</v>
      </c>
      <c r="T3781" s="2">
        <v>2.2970000000000002</v>
      </c>
      <c r="U3781" s="2">
        <v>1.827</v>
      </c>
      <c r="V3781" s="2">
        <v>1.0999999999999999E-2</v>
      </c>
      <c r="W3781" s="2">
        <v>82.9</v>
      </c>
      <c r="X3781" s="2">
        <v>7.6</v>
      </c>
      <c r="Y3781" s="2">
        <v>16.7</v>
      </c>
      <c r="Z3781" s="5"/>
      <c r="AA3781" s="5" t="s">
        <v>43</v>
      </c>
      <c r="AB3781" s="5" t="s">
        <v>44</v>
      </c>
      <c r="AC3781" s="2"/>
      <c r="AD3781" s="1"/>
    </row>
    <row r="3782" spans="1:30">
      <c r="A3782" s="5" t="s">
        <v>83578</v>
      </c>
      <c r="B3782" s="2" t="s">
        <v>94948</v>
      </c>
      <c r="C3782" s="14" t="s">
        <v>94949</v>
      </c>
      <c r="D3782" s="2" t="s">
        <v>94950</v>
      </c>
      <c r="E3782" s="2" t="s">
        <v>41049</v>
      </c>
      <c r="F3782" s="8">
        <v>270</v>
      </c>
      <c r="G3782" s="5">
        <v>6</v>
      </c>
      <c r="H3782" s="5" t="s">
        <v>1518</v>
      </c>
      <c r="I3782" s="5" t="s">
        <v>40939</v>
      </c>
      <c r="J3782" s="2" t="s">
        <v>40940</v>
      </c>
      <c r="K3782" s="5" t="s">
        <v>40939</v>
      </c>
      <c r="L3782" s="2" t="s">
        <v>40940</v>
      </c>
      <c r="M3782" s="5" t="s">
        <v>36266</v>
      </c>
      <c r="N3782" s="5" t="s">
        <v>38</v>
      </c>
      <c r="O3782" s="5" t="s">
        <v>39</v>
      </c>
      <c r="P3782" s="5" t="s">
        <v>40</v>
      </c>
      <c r="Q3782" s="5" t="s">
        <v>1522</v>
      </c>
      <c r="R3782" s="5" t="s">
        <v>1523</v>
      </c>
      <c r="S3782" s="5" t="s">
        <v>42</v>
      </c>
      <c r="T3782" s="2">
        <v>2.363</v>
      </c>
      <c r="U3782" s="2">
        <v>1.893</v>
      </c>
      <c r="V3782" s="2">
        <v>1.0999999999999999E-2</v>
      </c>
      <c r="W3782" s="2">
        <v>82.9</v>
      </c>
      <c r="X3782" s="2">
        <v>7.6</v>
      </c>
      <c r="Y3782" s="2">
        <v>16.7</v>
      </c>
      <c r="Z3782" s="5"/>
      <c r="AA3782" s="5" t="s">
        <v>43</v>
      </c>
      <c r="AB3782" s="5" t="s">
        <v>44</v>
      </c>
      <c r="AC3782" s="2"/>
      <c r="AD3782" s="1"/>
    </row>
    <row r="3783" spans="1:30">
      <c r="A3783" s="5" t="s">
        <v>83578</v>
      </c>
      <c r="B3783" s="2" t="s">
        <v>94951</v>
      </c>
      <c r="C3783" s="14" t="s">
        <v>94952</v>
      </c>
      <c r="D3783" s="2" t="s">
        <v>94953</v>
      </c>
      <c r="E3783" s="2" t="s">
        <v>47226</v>
      </c>
      <c r="F3783" s="8">
        <v>285</v>
      </c>
      <c r="G3783" s="5">
        <v>6</v>
      </c>
      <c r="H3783" s="5" t="s">
        <v>1518</v>
      </c>
      <c r="I3783" s="5" t="s">
        <v>40939</v>
      </c>
      <c r="J3783" s="2" t="s">
        <v>40940</v>
      </c>
      <c r="K3783" s="5" t="s">
        <v>40939</v>
      </c>
      <c r="L3783" s="2" t="s">
        <v>40940</v>
      </c>
      <c r="M3783" s="5" t="s">
        <v>36266</v>
      </c>
      <c r="N3783" s="5" t="s">
        <v>38</v>
      </c>
      <c r="O3783" s="5" t="s">
        <v>39</v>
      </c>
      <c r="P3783" s="5" t="s">
        <v>40</v>
      </c>
      <c r="Q3783" s="5" t="s">
        <v>1522</v>
      </c>
      <c r="R3783" s="5" t="s">
        <v>1523</v>
      </c>
      <c r="S3783" s="5" t="s">
        <v>42</v>
      </c>
      <c r="T3783" s="2">
        <v>2.5270000000000001</v>
      </c>
      <c r="U3783" s="2">
        <v>1.97</v>
      </c>
      <c r="V3783" s="2">
        <v>1.4999999999999999E-2</v>
      </c>
      <c r="W3783" s="2">
        <v>118.9</v>
      </c>
      <c r="X3783" s="2">
        <v>7.6</v>
      </c>
      <c r="Y3783" s="2">
        <v>16.7</v>
      </c>
      <c r="Z3783" s="5"/>
      <c r="AA3783" s="5" t="s">
        <v>43</v>
      </c>
      <c r="AB3783" s="5" t="s">
        <v>44</v>
      </c>
      <c r="AC3783" s="2"/>
      <c r="AD3783" s="1"/>
    </row>
    <row r="3784" spans="1:30">
      <c r="A3784" s="5" t="s">
        <v>83578</v>
      </c>
      <c r="B3784" s="2" t="s">
        <v>94954</v>
      </c>
      <c r="C3784" s="14" t="s">
        <v>94955</v>
      </c>
      <c r="D3784" s="2" t="s">
        <v>94956</v>
      </c>
      <c r="E3784" s="2" t="s">
        <v>47735</v>
      </c>
      <c r="F3784" s="8">
        <v>285</v>
      </c>
      <c r="G3784" s="5">
        <v>6</v>
      </c>
      <c r="H3784" s="5" t="s">
        <v>1518</v>
      </c>
      <c r="I3784" s="5" t="s">
        <v>40939</v>
      </c>
      <c r="J3784" s="2" t="s">
        <v>40940</v>
      </c>
      <c r="K3784" s="5" t="s">
        <v>40939</v>
      </c>
      <c r="L3784" s="2" t="s">
        <v>40940</v>
      </c>
      <c r="M3784" s="5" t="s">
        <v>36266</v>
      </c>
      <c r="N3784" s="5" t="s">
        <v>38</v>
      </c>
      <c r="O3784" s="5" t="s">
        <v>39</v>
      </c>
      <c r="P3784" s="5" t="s">
        <v>40</v>
      </c>
      <c r="Q3784" s="5" t="s">
        <v>1522</v>
      </c>
      <c r="R3784" s="5" t="s">
        <v>1523</v>
      </c>
      <c r="S3784" s="5" t="s">
        <v>42</v>
      </c>
      <c r="T3784" s="2">
        <v>2.6040000000000001</v>
      </c>
      <c r="U3784" s="2">
        <v>2.0470000000000002</v>
      </c>
      <c r="V3784" s="2">
        <v>1.4999999999999999E-2</v>
      </c>
      <c r="W3784" s="2">
        <v>118.9</v>
      </c>
      <c r="X3784" s="2">
        <v>7.6</v>
      </c>
      <c r="Y3784" s="2">
        <v>16.7</v>
      </c>
      <c r="Z3784" s="5"/>
      <c r="AA3784" s="5" t="s">
        <v>43</v>
      </c>
      <c r="AB3784" s="5" t="s">
        <v>44</v>
      </c>
      <c r="AC3784" s="2"/>
      <c r="AD3784" s="1"/>
    </row>
    <row r="3785" spans="1:30">
      <c r="A3785" s="5" t="s">
        <v>83578</v>
      </c>
      <c r="B3785" s="2" t="s">
        <v>94957</v>
      </c>
      <c r="C3785" s="14" t="s">
        <v>94958</v>
      </c>
      <c r="D3785" s="2" t="s">
        <v>94959</v>
      </c>
      <c r="E3785" s="2" t="s">
        <v>7539</v>
      </c>
      <c r="F3785" s="8">
        <v>285</v>
      </c>
      <c r="G3785" s="5">
        <v>6</v>
      </c>
      <c r="H3785" s="5" t="s">
        <v>1518</v>
      </c>
      <c r="I3785" s="5" t="s">
        <v>40939</v>
      </c>
      <c r="J3785" s="2" t="s">
        <v>40940</v>
      </c>
      <c r="K3785" s="5" t="s">
        <v>40939</v>
      </c>
      <c r="L3785" s="2" t="s">
        <v>40940</v>
      </c>
      <c r="M3785" s="5" t="s">
        <v>36266</v>
      </c>
      <c r="N3785" s="5" t="s">
        <v>38</v>
      </c>
      <c r="O3785" s="5" t="s">
        <v>39</v>
      </c>
      <c r="P3785" s="5" t="s">
        <v>40</v>
      </c>
      <c r="Q3785" s="5" t="s">
        <v>1522</v>
      </c>
      <c r="R3785" s="5" t="s">
        <v>1523</v>
      </c>
      <c r="S3785" s="5" t="s">
        <v>42</v>
      </c>
      <c r="T3785" s="2">
        <v>2.4969999999999999</v>
      </c>
      <c r="U3785" s="2">
        <v>1.94</v>
      </c>
      <c r="V3785" s="2">
        <v>1.4999999999999999E-2</v>
      </c>
      <c r="W3785" s="2">
        <v>118.9</v>
      </c>
      <c r="X3785" s="2">
        <v>7.6</v>
      </c>
      <c r="Y3785" s="2">
        <v>16.7</v>
      </c>
      <c r="Z3785" s="5"/>
      <c r="AA3785" s="5" t="s">
        <v>43</v>
      </c>
      <c r="AB3785" s="5" t="s">
        <v>44</v>
      </c>
      <c r="AC3785" s="2"/>
      <c r="AD3785" s="1"/>
    </row>
    <row r="3786" spans="1:30">
      <c r="A3786" s="5" t="s">
        <v>83578</v>
      </c>
      <c r="B3786" s="2" t="s">
        <v>94960</v>
      </c>
      <c r="C3786" s="14" t="s">
        <v>94961</v>
      </c>
      <c r="D3786" s="2" t="s">
        <v>94962</v>
      </c>
      <c r="E3786" s="2" t="s">
        <v>7543</v>
      </c>
      <c r="F3786" s="8">
        <v>285</v>
      </c>
      <c r="G3786" s="5">
        <v>6</v>
      </c>
      <c r="H3786" s="5" t="s">
        <v>1518</v>
      </c>
      <c r="I3786" s="5" t="s">
        <v>40939</v>
      </c>
      <c r="J3786" s="2" t="s">
        <v>40940</v>
      </c>
      <c r="K3786" s="5" t="s">
        <v>40939</v>
      </c>
      <c r="L3786" s="2" t="s">
        <v>40940</v>
      </c>
      <c r="M3786" s="5" t="s">
        <v>36266</v>
      </c>
      <c r="N3786" s="5" t="s">
        <v>38</v>
      </c>
      <c r="O3786" s="5" t="s">
        <v>39</v>
      </c>
      <c r="P3786" s="5" t="s">
        <v>40</v>
      </c>
      <c r="Q3786" s="5" t="s">
        <v>1522</v>
      </c>
      <c r="R3786" s="5" t="s">
        <v>1523</v>
      </c>
      <c r="S3786" s="5" t="s">
        <v>42</v>
      </c>
      <c r="T3786" s="2">
        <v>2.5739999999999998</v>
      </c>
      <c r="U3786" s="2">
        <v>2.0169999999999999</v>
      </c>
      <c r="V3786" s="2">
        <v>1.4999999999999999E-2</v>
      </c>
      <c r="W3786" s="2">
        <v>118.9</v>
      </c>
      <c r="X3786" s="2">
        <v>7.6</v>
      </c>
      <c r="Y3786" s="2">
        <v>16.7</v>
      </c>
      <c r="Z3786" s="5"/>
      <c r="AA3786" s="5" t="s">
        <v>43</v>
      </c>
      <c r="AB3786" s="5" t="s">
        <v>44</v>
      </c>
      <c r="AC3786" s="2"/>
      <c r="AD3786" s="1"/>
    </row>
    <row r="3787" spans="1:30">
      <c r="A3787" s="5" t="s">
        <v>83578</v>
      </c>
      <c r="B3787" s="2" t="s">
        <v>94963</v>
      </c>
      <c r="C3787" s="14" t="s">
        <v>94964</v>
      </c>
      <c r="D3787" s="2" t="s">
        <v>94965</v>
      </c>
      <c r="E3787" s="2" t="s">
        <v>40997</v>
      </c>
      <c r="F3787" s="8">
        <v>285</v>
      </c>
      <c r="G3787" s="5">
        <v>6</v>
      </c>
      <c r="H3787" s="5" t="s">
        <v>1518</v>
      </c>
      <c r="I3787" s="5" t="s">
        <v>40939</v>
      </c>
      <c r="J3787" s="2" t="s">
        <v>40940</v>
      </c>
      <c r="K3787" s="5" t="s">
        <v>40939</v>
      </c>
      <c r="L3787" s="2" t="s">
        <v>40940</v>
      </c>
      <c r="M3787" s="5" t="s">
        <v>36266</v>
      </c>
      <c r="N3787" s="5" t="s">
        <v>38</v>
      </c>
      <c r="O3787" s="5" t="s">
        <v>39</v>
      </c>
      <c r="P3787" s="5" t="s">
        <v>40</v>
      </c>
      <c r="Q3787" s="5" t="s">
        <v>1522</v>
      </c>
      <c r="R3787" s="5" t="s">
        <v>1523</v>
      </c>
      <c r="S3787" s="5" t="s">
        <v>42</v>
      </c>
      <c r="T3787" s="2">
        <v>2.5030000000000001</v>
      </c>
      <c r="U3787" s="2">
        <v>1.946</v>
      </c>
      <c r="V3787" s="2">
        <v>1.4999999999999999E-2</v>
      </c>
      <c r="W3787" s="2">
        <v>118.9</v>
      </c>
      <c r="X3787" s="2">
        <v>7.6</v>
      </c>
      <c r="Y3787" s="2">
        <v>16.7</v>
      </c>
      <c r="Z3787" s="5"/>
      <c r="AA3787" s="5" t="s">
        <v>43</v>
      </c>
      <c r="AB3787" s="5" t="s">
        <v>44</v>
      </c>
      <c r="AC3787" s="2"/>
      <c r="AD3787" s="1"/>
    </row>
    <row r="3788" spans="1:30">
      <c r="A3788" s="5" t="s">
        <v>83578</v>
      </c>
      <c r="B3788" s="2" t="s">
        <v>94966</v>
      </c>
      <c r="C3788" s="14" t="s">
        <v>94967</v>
      </c>
      <c r="D3788" s="2" t="s">
        <v>94968</v>
      </c>
      <c r="E3788" s="2" t="s">
        <v>41267</v>
      </c>
      <c r="F3788" s="8">
        <v>285</v>
      </c>
      <c r="G3788" s="5">
        <v>6</v>
      </c>
      <c r="H3788" s="5" t="s">
        <v>1518</v>
      </c>
      <c r="I3788" s="5" t="s">
        <v>40939</v>
      </c>
      <c r="J3788" s="2" t="s">
        <v>40940</v>
      </c>
      <c r="K3788" s="5" t="s">
        <v>40939</v>
      </c>
      <c r="L3788" s="2" t="s">
        <v>40940</v>
      </c>
      <c r="M3788" s="5" t="s">
        <v>36266</v>
      </c>
      <c r="N3788" s="5" t="s">
        <v>38</v>
      </c>
      <c r="O3788" s="5" t="s">
        <v>39</v>
      </c>
      <c r="P3788" s="5" t="s">
        <v>40</v>
      </c>
      <c r="Q3788" s="5" t="s">
        <v>1522</v>
      </c>
      <c r="R3788" s="5" t="s">
        <v>1523</v>
      </c>
      <c r="S3788" s="5" t="s">
        <v>42</v>
      </c>
      <c r="T3788" s="2">
        <v>2.58</v>
      </c>
      <c r="U3788" s="2">
        <v>2.0230000000000001</v>
      </c>
      <c r="V3788" s="2">
        <v>1.4999999999999999E-2</v>
      </c>
      <c r="W3788" s="2">
        <v>118.9</v>
      </c>
      <c r="X3788" s="2">
        <v>7.6</v>
      </c>
      <c r="Y3788" s="2">
        <v>16.7</v>
      </c>
      <c r="Z3788" s="5"/>
      <c r="AA3788" s="5" t="s">
        <v>43</v>
      </c>
      <c r="AB3788" s="5" t="s">
        <v>44</v>
      </c>
      <c r="AC3788" s="2"/>
      <c r="AD3788" s="1"/>
    </row>
    <row r="3789" spans="1:30">
      <c r="A3789" s="5" t="s">
        <v>83578</v>
      </c>
      <c r="B3789" s="2" t="s">
        <v>94969</v>
      </c>
      <c r="C3789" s="14" t="s">
        <v>94970</v>
      </c>
      <c r="D3789" s="2" t="s">
        <v>94971</v>
      </c>
      <c r="E3789" s="2" t="s">
        <v>41001</v>
      </c>
      <c r="F3789" s="8">
        <v>285</v>
      </c>
      <c r="G3789" s="5">
        <v>6</v>
      </c>
      <c r="H3789" s="5" t="s">
        <v>1518</v>
      </c>
      <c r="I3789" s="5" t="s">
        <v>40939</v>
      </c>
      <c r="J3789" s="2" t="s">
        <v>40940</v>
      </c>
      <c r="K3789" s="5" t="s">
        <v>40939</v>
      </c>
      <c r="L3789" s="2" t="s">
        <v>40940</v>
      </c>
      <c r="M3789" s="5" t="s">
        <v>36266</v>
      </c>
      <c r="N3789" s="5" t="s">
        <v>38</v>
      </c>
      <c r="O3789" s="5" t="s">
        <v>39</v>
      </c>
      <c r="P3789" s="5" t="s">
        <v>40</v>
      </c>
      <c r="Q3789" s="5" t="s">
        <v>1522</v>
      </c>
      <c r="R3789" s="5" t="s">
        <v>1523</v>
      </c>
      <c r="S3789" s="5" t="s">
        <v>42</v>
      </c>
      <c r="T3789" s="2">
        <v>2.5270000000000001</v>
      </c>
      <c r="U3789" s="2">
        <v>1.97</v>
      </c>
      <c r="V3789" s="2">
        <v>1.4999999999999999E-2</v>
      </c>
      <c r="W3789" s="2">
        <v>118.9</v>
      </c>
      <c r="X3789" s="2">
        <v>7.6</v>
      </c>
      <c r="Y3789" s="2">
        <v>16.7</v>
      </c>
      <c r="Z3789" s="5"/>
      <c r="AA3789" s="5" t="s">
        <v>43</v>
      </c>
      <c r="AB3789" s="5" t="s">
        <v>44</v>
      </c>
      <c r="AC3789" s="2"/>
      <c r="AD3789" s="1"/>
    </row>
    <row r="3790" spans="1:30">
      <c r="A3790" s="5" t="s">
        <v>83578</v>
      </c>
      <c r="B3790" s="2" t="s">
        <v>94972</v>
      </c>
      <c r="C3790" s="14" t="s">
        <v>94973</v>
      </c>
      <c r="D3790" s="2" t="s">
        <v>94974</v>
      </c>
      <c r="E3790" s="2" t="s">
        <v>41005</v>
      </c>
      <c r="F3790" s="8">
        <v>285</v>
      </c>
      <c r="G3790" s="5">
        <v>6</v>
      </c>
      <c r="H3790" s="5" t="s">
        <v>1518</v>
      </c>
      <c r="I3790" s="5" t="s">
        <v>40939</v>
      </c>
      <c r="J3790" s="2" t="s">
        <v>40940</v>
      </c>
      <c r="K3790" s="5" t="s">
        <v>40939</v>
      </c>
      <c r="L3790" s="2" t="s">
        <v>40940</v>
      </c>
      <c r="M3790" s="5" t="s">
        <v>36266</v>
      </c>
      <c r="N3790" s="5" t="s">
        <v>38</v>
      </c>
      <c r="O3790" s="5" t="s">
        <v>39</v>
      </c>
      <c r="P3790" s="5" t="s">
        <v>40</v>
      </c>
      <c r="Q3790" s="5" t="s">
        <v>1522</v>
      </c>
      <c r="R3790" s="5" t="s">
        <v>1523</v>
      </c>
      <c r="S3790" s="5" t="s">
        <v>42</v>
      </c>
      <c r="T3790" s="2">
        <v>2.6040000000000001</v>
      </c>
      <c r="U3790" s="2">
        <v>2.0470000000000002</v>
      </c>
      <c r="V3790" s="2">
        <v>1.4999999999999999E-2</v>
      </c>
      <c r="W3790" s="2">
        <v>118.9</v>
      </c>
      <c r="X3790" s="2">
        <v>7.6</v>
      </c>
      <c r="Y3790" s="2">
        <v>16.7</v>
      </c>
      <c r="Z3790" s="5"/>
      <c r="AA3790" s="5" t="s">
        <v>43</v>
      </c>
      <c r="AB3790" s="5" t="s">
        <v>44</v>
      </c>
      <c r="AC3790" s="2"/>
      <c r="AD3790" s="1"/>
    </row>
    <row r="3791" spans="1:30">
      <c r="A3791" s="5" t="s">
        <v>83578</v>
      </c>
      <c r="B3791" s="2" t="s">
        <v>94975</v>
      </c>
      <c r="C3791" s="14" t="s">
        <v>94976</v>
      </c>
      <c r="D3791" s="2" t="s">
        <v>94977</v>
      </c>
      <c r="E3791" s="2" t="s">
        <v>41009</v>
      </c>
      <c r="F3791" s="8">
        <v>285</v>
      </c>
      <c r="G3791" s="5">
        <v>6</v>
      </c>
      <c r="H3791" s="5" t="s">
        <v>1518</v>
      </c>
      <c r="I3791" s="5" t="s">
        <v>40939</v>
      </c>
      <c r="J3791" s="2" t="s">
        <v>40940</v>
      </c>
      <c r="K3791" s="5" t="s">
        <v>40939</v>
      </c>
      <c r="L3791" s="2" t="s">
        <v>40940</v>
      </c>
      <c r="M3791" s="5" t="s">
        <v>36266</v>
      </c>
      <c r="N3791" s="5" t="s">
        <v>38</v>
      </c>
      <c r="O3791" s="5" t="s">
        <v>39</v>
      </c>
      <c r="P3791" s="5" t="s">
        <v>40</v>
      </c>
      <c r="Q3791" s="5" t="s">
        <v>1522</v>
      </c>
      <c r="R3791" s="5" t="s">
        <v>1523</v>
      </c>
      <c r="S3791" s="5" t="s">
        <v>42</v>
      </c>
      <c r="T3791" s="2">
        <v>2.5329999999999999</v>
      </c>
      <c r="U3791" s="2">
        <v>1.976</v>
      </c>
      <c r="V3791" s="2">
        <v>1.4999999999999999E-2</v>
      </c>
      <c r="W3791" s="2">
        <v>118.9</v>
      </c>
      <c r="X3791" s="2">
        <v>7.6</v>
      </c>
      <c r="Y3791" s="2">
        <v>16.7</v>
      </c>
      <c r="Z3791" s="5"/>
      <c r="AA3791" s="5" t="s">
        <v>43</v>
      </c>
      <c r="AB3791" s="5" t="s">
        <v>44</v>
      </c>
      <c r="AC3791" s="2"/>
      <c r="AD3791" s="1"/>
    </row>
    <row r="3792" spans="1:30">
      <c r="A3792" s="5" t="s">
        <v>83578</v>
      </c>
      <c r="B3792" s="2" t="s">
        <v>94978</v>
      </c>
      <c r="C3792" s="14" t="s">
        <v>94979</v>
      </c>
      <c r="D3792" s="2" t="s">
        <v>94980</v>
      </c>
      <c r="E3792" s="2" t="s">
        <v>41013</v>
      </c>
      <c r="F3792" s="8">
        <v>285</v>
      </c>
      <c r="G3792" s="5">
        <v>6</v>
      </c>
      <c r="H3792" s="5" t="s">
        <v>1518</v>
      </c>
      <c r="I3792" s="5" t="s">
        <v>40939</v>
      </c>
      <c r="J3792" s="2" t="s">
        <v>40940</v>
      </c>
      <c r="K3792" s="5" t="s">
        <v>40939</v>
      </c>
      <c r="L3792" s="2" t="s">
        <v>40940</v>
      </c>
      <c r="M3792" s="5" t="s">
        <v>36266</v>
      </c>
      <c r="N3792" s="5" t="s">
        <v>38</v>
      </c>
      <c r="O3792" s="5" t="s">
        <v>39</v>
      </c>
      <c r="P3792" s="5" t="s">
        <v>40</v>
      </c>
      <c r="Q3792" s="5" t="s">
        <v>1522</v>
      </c>
      <c r="R3792" s="5" t="s">
        <v>1523</v>
      </c>
      <c r="S3792" s="5" t="s">
        <v>42</v>
      </c>
      <c r="T3792" s="2">
        <v>2.61</v>
      </c>
      <c r="U3792" s="2">
        <v>2.0529999999999999</v>
      </c>
      <c r="V3792" s="2">
        <v>1.4999999999999999E-2</v>
      </c>
      <c r="W3792" s="2">
        <v>118.9</v>
      </c>
      <c r="X3792" s="2">
        <v>7.6</v>
      </c>
      <c r="Y3792" s="2">
        <v>16.7</v>
      </c>
      <c r="Z3792" s="5"/>
      <c r="AA3792" s="5" t="s">
        <v>43</v>
      </c>
      <c r="AB3792" s="5" t="s">
        <v>44</v>
      </c>
      <c r="AC3792" s="2"/>
      <c r="AD3792" s="1"/>
    </row>
    <row r="3793" spans="1:30">
      <c r="A3793" s="5" t="s">
        <v>83578</v>
      </c>
      <c r="B3793" s="2" t="s">
        <v>94981</v>
      </c>
      <c r="C3793" s="14" t="s">
        <v>94982</v>
      </c>
      <c r="D3793" s="2" t="s">
        <v>94983</v>
      </c>
      <c r="E3793" s="2" t="s">
        <v>41031</v>
      </c>
      <c r="F3793" s="8">
        <v>285</v>
      </c>
      <c r="G3793" s="5">
        <v>6</v>
      </c>
      <c r="H3793" s="5" t="s">
        <v>1518</v>
      </c>
      <c r="I3793" s="5" t="s">
        <v>40939</v>
      </c>
      <c r="J3793" s="2" t="s">
        <v>40940</v>
      </c>
      <c r="K3793" s="5" t="s">
        <v>40939</v>
      </c>
      <c r="L3793" s="2" t="s">
        <v>40940</v>
      </c>
      <c r="M3793" s="5" t="s">
        <v>36266</v>
      </c>
      <c r="N3793" s="5" t="s">
        <v>38</v>
      </c>
      <c r="O3793" s="5" t="s">
        <v>39</v>
      </c>
      <c r="P3793" s="5" t="s">
        <v>40</v>
      </c>
      <c r="Q3793" s="5" t="s">
        <v>1522</v>
      </c>
      <c r="R3793" s="5" t="s">
        <v>1523</v>
      </c>
      <c r="S3793" s="5" t="s">
        <v>42</v>
      </c>
      <c r="T3793" s="2">
        <v>2.5030000000000001</v>
      </c>
      <c r="U3793" s="2">
        <v>1.946</v>
      </c>
      <c r="V3793" s="2">
        <v>1.4999999999999999E-2</v>
      </c>
      <c r="W3793" s="2">
        <v>118.9</v>
      </c>
      <c r="X3793" s="2">
        <v>7.6</v>
      </c>
      <c r="Y3793" s="2">
        <v>16.7</v>
      </c>
      <c r="Z3793" s="5"/>
      <c r="AA3793" s="5" t="s">
        <v>43</v>
      </c>
      <c r="AB3793" s="5" t="s">
        <v>44</v>
      </c>
      <c r="AC3793" s="2"/>
      <c r="AD3793" s="1"/>
    </row>
    <row r="3794" spans="1:30">
      <c r="A3794" s="5" t="s">
        <v>83578</v>
      </c>
      <c r="B3794" s="2" t="s">
        <v>94984</v>
      </c>
      <c r="C3794" s="14" t="s">
        <v>94985</v>
      </c>
      <c r="D3794" s="2" t="s">
        <v>94986</v>
      </c>
      <c r="E3794" s="2" t="s">
        <v>7449</v>
      </c>
      <c r="F3794" s="8">
        <v>285</v>
      </c>
      <c r="G3794" s="5">
        <v>6</v>
      </c>
      <c r="H3794" s="5" t="s">
        <v>1518</v>
      </c>
      <c r="I3794" s="5" t="s">
        <v>40939</v>
      </c>
      <c r="J3794" s="2" t="s">
        <v>40940</v>
      </c>
      <c r="K3794" s="5" t="s">
        <v>40939</v>
      </c>
      <c r="L3794" s="2" t="s">
        <v>40940</v>
      </c>
      <c r="M3794" s="5" t="s">
        <v>36266</v>
      </c>
      <c r="N3794" s="5" t="s">
        <v>38</v>
      </c>
      <c r="O3794" s="5" t="s">
        <v>39</v>
      </c>
      <c r="P3794" s="5" t="s">
        <v>40</v>
      </c>
      <c r="Q3794" s="5" t="s">
        <v>1522</v>
      </c>
      <c r="R3794" s="5" t="s">
        <v>1523</v>
      </c>
      <c r="S3794" s="5" t="s">
        <v>42</v>
      </c>
      <c r="T3794" s="2">
        <v>2.5030000000000001</v>
      </c>
      <c r="U3794" s="2">
        <v>1.946</v>
      </c>
      <c r="V3794" s="2">
        <v>1.4999999999999999E-2</v>
      </c>
      <c r="W3794" s="2">
        <v>118.9</v>
      </c>
      <c r="X3794" s="2">
        <v>7.6</v>
      </c>
      <c r="Y3794" s="2">
        <v>16.7</v>
      </c>
      <c r="Z3794" s="5"/>
      <c r="AA3794" s="5" t="s">
        <v>43</v>
      </c>
      <c r="AB3794" s="5" t="s">
        <v>44</v>
      </c>
      <c r="AC3794" s="2"/>
      <c r="AD3794" s="1"/>
    </row>
    <row r="3795" spans="1:30">
      <c r="A3795" s="5" t="s">
        <v>83578</v>
      </c>
      <c r="B3795" s="2" t="s">
        <v>94987</v>
      </c>
      <c r="C3795" s="14" t="s">
        <v>94988</v>
      </c>
      <c r="D3795" s="2" t="s">
        <v>94989</v>
      </c>
      <c r="E3795" s="2" t="s">
        <v>7581</v>
      </c>
      <c r="F3795" s="8">
        <v>285</v>
      </c>
      <c r="G3795" s="5">
        <v>6</v>
      </c>
      <c r="H3795" s="5" t="s">
        <v>1518</v>
      </c>
      <c r="I3795" s="5" t="s">
        <v>40939</v>
      </c>
      <c r="J3795" s="2" t="s">
        <v>40940</v>
      </c>
      <c r="K3795" s="5" t="s">
        <v>40939</v>
      </c>
      <c r="L3795" s="2" t="s">
        <v>40940</v>
      </c>
      <c r="M3795" s="5" t="s">
        <v>36266</v>
      </c>
      <c r="N3795" s="5" t="s">
        <v>38</v>
      </c>
      <c r="O3795" s="5" t="s">
        <v>39</v>
      </c>
      <c r="P3795" s="5" t="s">
        <v>40</v>
      </c>
      <c r="Q3795" s="5" t="s">
        <v>1522</v>
      </c>
      <c r="R3795" s="5" t="s">
        <v>1523</v>
      </c>
      <c r="S3795" s="5" t="s">
        <v>42</v>
      </c>
      <c r="T3795" s="2">
        <v>2.58</v>
      </c>
      <c r="U3795" s="2">
        <v>2.0230000000000001</v>
      </c>
      <c r="V3795" s="2">
        <v>1.4999999999999999E-2</v>
      </c>
      <c r="W3795" s="2">
        <v>118.9</v>
      </c>
      <c r="X3795" s="2">
        <v>7.6</v>
      </c>
      <c r="Y3795" s="2">
        <v>16.7</v>
      </c>
      <c r="Z3795" s="5"/>
      <c r="AA3795" s="5" t="s">
        <v>43</v>
      </c>
      <c r="AB3795" s="5" t="s">
        <v>44</v>
      </c>
      <c r="AC3795" s="2"/>
      <c r="AD3795" s="1"/>
    </row>
    <row r="3796" spans="1:30">
      <c r="A3796" s="5" t="s">
        <v>83578</v>
      </c>
      <c r="B3796" s="2" t="s">
        <v>94990</v>
      </c>
      <c r="C3796" s="14" t="s">
        <v>94991</v>
      </c>
      <c r="D3796" s="2" t="s">
        <v>94992</v>
      </c>
      <c r="E3796" s="2" t="s">
        <v>41045</v>
      </c>
      <c r="F3796" s="8">
        <v>285</v>
      </c>
      <c r="G3796" s="5">
        <v>6</v>
      </c>
      <c r="H3796" s="5" t="s">
        <v>1518</v>
      </c>
      <c r="I3796" s="5" t="s">
        <v>40939</v>
      </c>
      <c r="J3796" s="2" t="s">
        <v>40940</v>
      </c>
      <c r="K3796" s="5" t="s">
        <v>40939</v>
      </c>
      <c r="L3796" s="2" t="s">
        <v>40940</v>
      </c>
      <c r="M3796" s="5" t="s">
        <v>36266</v>
      </c>
      <c r="N3796" s="5" t="s">
        <v>38</v>
      </c>
      <c r="O3796" s="5" t="s">
        <v>39</v>
      </c>
      <c r="P3796" s="5" t="s">
        <v>40</v>
      </c>
      <c r="Q3796" s="5" t="s">
        <v>1522</v>
      </c>
      <c r="R3796" s="5" t="s">
        <v>1523</v>
      </c>
      <c r="S3796" s="5" t="s">
        <v>42</v>
      </c>
      <c r="T3796" s="2">
        <v>2.5390000000000001</v>
      </c>
      <c r="U3796" s="2">
        <v>1.982</v>
      </c>
      <c r="V3796" s="2">
        <v>1.4999999999999999E-2</v>
      </c>
      <c r="W3796" s="2">
        <v>118.9</v>
      </c>
      <c r="X3796" s="2">
        <v>7.6</v>
      </c>
      <c r="Y3796" s="2">
        <v>16.7</v>
      </c>
      <c r="Z3796" s="5"/>
      <c r="AA3796" s="5" t="s">
        <v>43</v>
      </c>
      <c r="AB3796" s="5" t="s">
        <v>44</v>
      </c>
      <c r="AC3796" s="2"/>
      <c r="AD3796" s="1"/>
    </row>
    <row r="3797" spans="1:30">
      <c r="A3797" s="5" t="s">
        <v>83578</v>
      </c>
      <c r="B3797" s="2" t="s">
        <v>94993</v>
      </c>
      <c r="C3797" s="14" t="s">
        <v>94994</v>
      </c>
      <c r="D3797" s="2" t="s">
        <v>94995</v>
      </c>
      <c r="E3797" s="2" t="s">
        <v>47266</v>
      </c>
      <c r="F3797" s="8">
        <v>289</v>
      </c>
      <c r="G3797" s="5">
        <v>6</v>
      </c>
      <c r="H3797" s="5" t="s">
        <v>1518</v>
      </c>
      <c r="I3797" s="5" t="s">
        <v>40939</v>
      </c>
      <c r="J3797" s="2" t="s">
        <v>40940</v>
      </c>
      <c r="K3797" s="5" t="s">
        <v>40939</v>
      </c>
      <c r="L3797" s="2" t="s">
        <v>40940</v>
      </c>
      <c r="M3797" s="5" t="s">
        <v>36266</v>
      </c>
      <c r="N3797" s="5" t="s">
        <v>38</v>
      </c>
      <c r="O3797" s="5" t="s">
        <v>39</v>
      </c>
      <c r="P3797" s="5" t="s">
        <v>40</v>
      </c>
      <c r="Q3797" s="5" t="s">
        <v>1522</v>
      </c>
      <c r="R3797" s="5" t="s">
        <v>1523</v>
      </c>
      <c r="S3797" s="5" t="s">
        <v>42</v>
      </c>
      <c r="T3797" s="2">
        <v>2.76</v>
      </c>
      <c r="U3797" s="2">
        <v>2.129</v>
      </c>
      <c r="V3797" s="2">
        <v>1.7999999999999999E-2</v>
      </c>
      <c r="W3797" s="2">
        <v>139.1</v>
      </c>
      <c r="X3797" s="2">
        <v>7.6</v>
      </c>
      <c r="Y3797" s="2">
        <v>16.7</v>
      </c>
      <c r="Z3797" s="5"/>
      <c r="AA3797" s="5" t="s">
        <v>43</v>
      </c>
      <c r="AB3797" s="5" t="s">
        <v>44</v>
      </c>
      <c r="AC3797" s="2"/>
      <c r="AD3797" s="1"/>
    </row>
    <row r="3798" spans="1:30">
      <c r="A3798" s="5" t="s">
        <v>83578</v>
      </c>
      <c r="B3798" s="2" t="s">
        <v>94996</v>
      </c>
      <c r="C3798" s="14" t="s">
        <v>94997</v>
      </c>
      <c r="D3798" s="2" t="s">
        <v>94998</v>
      </c>
      <c r="E3798" s="2" t="s">
        <v>36277</v>
      </c>
      <c r="F3798" s="8">
        <v>269</v>
      </c>
      <c r="G3798" s="5">
        <v>6</v>
      </c>
      <c r="H3798" s="5" t="s">
        <v>1518</v>
      </c>
      <c r="I3798" s="5" t="s">
        <v>40939</v>
      </c>
      <c r="J3798" s="2" t="s">
        <v>40940</v>
      </c>
      <c r="K3798" s="5" t="s">
        <v>40939</v>
      </c>
      <c r="L3798" s="2" t="s">
        <v>40940</v>
      </c>
      <c r="M3798" s="5" t="s">
        <v>36266</v>
      </c>
      <c r="N3798" s="5" t="s">
        <v>38</v>
      </c>
      <c r="O3798" s="5" t="s">
        <v>39</v>
      </c>
      <c r="P3798" s="5" t="s">
        <v>40</v>
      </c>
      <c r="Q3798" s="5" t="s">
        <v>1522</v>
      </c>
      <c r="R3798" s="5" t="s">
        <v>1523</v>
      </c>
      <c r="S3798" s="5" t="s">
        <v>42</v>
      </c>
      <c r="T3798" s="2">
        <v>2.871</v>
      </c>
      <c r="U3798" s="2">
        <v>2.2400000000000002</v>
      </c>
      <c r="V3798" s="2">
        <v>1.7999999999999999E-2</v>
      </c>
      <c r="W3798" s="2">
        <v>139.1</v>
      </c>
      <c r="X3798" s="2">
        <v>7.6</v>
      </c>
      <c r="Y3798" s="2">
        <v>16.7</v>
      </c>
      <c r="Z3798" s="5"/>
      <c r="AA3798" s="5" t="s">
        <v>43</v>
      </c>
      <c r="AB3798" s="5" t="s">
        <v>44</v>
      </c>
      <c r="AC3798" s="2"/>
      <c r="AD3798" s="1"/>
    </row>
    <row r="3799" spans="1:30">
      <c r="A3799" s="5" t="s">
        <v>83578</v>
      </c>
      <c r="B3799" s="2" t="s">
        <v>94999</v>
      </c>
      <c r="C3799" s="14" t="s">
        <v>95000</v>
      </c>
      <c r="D3799" s="2" t="s">
        <v>95001</v>
      </c>
      <c r="E3799" s="2" t="s">
        <v>40967</v>
      </c>
      <c r="F3799" s="8">
        <v>289</v>
      </c>
      <c r="G3799" s="5">
        <v>6</v>
      </c>
      <c r="H3799" s="5" t="s">
        <v>1518</v>
      </c>
      <c r="I3799" s="5" t="s">
        <v>40939</v>
      </c>
      <c r="J3799" s="2" t="s">
        <v>40940</v>
      </c>
      <c r="K3799" s="5" t="s">
        <v>40939</v>
      </c>
      <c r="L3799" s="2" t="s">
        <v>40940</v>
      </c>
      <c r="M3799" s="5" t="s">
        <v>36266</v>
      </c>
      <c r="N3799" s="5" t="s">
        <v>38</v>
      </c>
      <c r="O3799" s="5" t="s">
        <v>39</v>
      </c>
      <c r="P3799" s="5" t="s">
        <v>40</v>
      </c>
      <c r="Q3799" s="5" t="s">
        <v>1522</v>
      </c>
      <c r="R3799" s="5" t="s">
        <v>1523</v>
      </c>
      <c r="S3799" s="5" t="s">
        <v>42</v>
      </c>
      <c r="T3799" s="2">
        <v>2.7679999999999998</v>
      </c>
      <c r="U3799" s="2">
        <v>2.137</v>
      </c>
      <c r="V3799" s="2">
        <v>1.7999999999999999E-2</v>
      </c>
      <c r="W3799" s="2">
        <v>139.1</v>
      </c>
      <c r="X3799" s="2">
        <v>7.6</v>
      </c>
      <c r="Y3799" s="2">
        <v>16.7</v>
      </c>
      <c r="Z3799" s="5"/>
      <c r="AA3799" s="5" t="s">
        <v>43</v>
      </c>
      <c r="AB3799" s="5" t="s">
        <v>44</v>
      </c>
      <c r="AC3799" s="2"/>
      <c r="AD3799" s="1"/>
    </row>
    <row r="3800" spans="1:30">
      <c r="A3800" s="5" t="s">
        <v>83578</v>
      </c>
      <c r="B3800" s="2" t="s">
        <v>95002</v>
      </c>
      <c r="C3800" s="14" t="s">
        <v>95003</v>
      </c>
      <c r="D3800" s="2" t="s">
        <v>95004</v>
      </c>
      <c r="E3800" s="2" t="s">
        <v>47735</v>
      </c>
      <c r="F3800" s="8">
        <v>289</v>
      </c>
      <c r="G3800" s="5">
        <v>6</v>
      </c>
      <c r="H3800" s="5" t="s">
        <v>1518</v>
      </c>
      <c r="I3800" s="5" t="s">
        <v>40939</v>
      </c>
      <c r="J3800" s="2" t="s">
        <v>40940</v>
      </c>
      <c r="K3800" s="5" t="s">
        <v>40939</v>
      </c>
      <c r="L3800" s="2" t="s">
        <v>40940</v>
      </c>
      <c r="M3800" s="5" t="s">
        <v>36266</v>
      </c>
      <c r="N3800" s="5" t="s">
        <v>38</v>
      </c>
      <c r="O3800" s="5" t="s">
        <v>39</v>
      </c>
      <c r="P3800" s="5" t="s">
        <v>40</v>
      </c>
      <c r="Q3800" s="5" t="s">
        <v>1522</v>
      </c>
      <c r="R3800" s="5" t="s">
        <v>1523</v>
      </c>
      <c r="S3800" s="5" t="s">
        <v>42</v>
      </c>
      <c r="T3800" s="2">
        <v>2.8570000000000002</v>
      </c>
      <c r="U3800" s="2">
        <v>2.226</v>
      </c>
      <c r="V3800" s="2">
        <v>1.7999999999999999E-2</v>
      </c>
      <c r="W3800" s="2">
        <v>139.1</v>
      </c>
      <c r="X3800" s="2">
        <v>7.6</v>
      </c>
      <c r="Y3800" s="2">
        <v>16.7</v>
      </c>
      <c r="Z3800" s="5"/>
      <c r="AA3800" s="5" t="s">
        <v>43</v>
      </c>
      <c r="AB3800" s="5" t="s">
        <v>44</v>
      </c>
      <c r="AC3800" s="2"/>
      <c r="AD3800" s="1"/>
    </row>
    <row r="3801" spans="1:30">
      <c r="A3801" s="5" t="s">
        <v>83578</v>
      </c>
      <c r="B3801" s="2" t="s">
        <v>95005</v>
      </c>
      <c r="C3801" s="14" t="s">
        <v>95006</v>
      </c>
      <c r="D3801" s="2" t="s">
        <v>95007</v>
      </c>
      <c r="E3801" s="2" t="s">
        <v>7539</v>
      </c>
      <c r="F3801" s="8">
        <v>289</v>
      </c>
      <c r="G3801" s="5">
        <v>6</v>
      </c>
      <c r="H3801" s="5" t="s">
        <v>1518</v>
      </c>
      <c r="I3801" s="5" t="s">
        <v>40939</v>
      </c>
      <c r="J3801" s="2" t="s">
        <v>40940</v>
      </c>
      <c r="K3801" s="5" t="s">
        <v>40939</v>
      </c>
      <c r="L3801" s="2" t="s">
        <v>40940</v>
      </c>
      <c r="M3801" s="5" t="s">
        <v>36266</v>
      </c>
      <c r="N3801" s="5" t="s">
        <v>38</v>
      </c>
      <c r="O3801" s="5" t="s">
        <v>39</v>
      </c>
      <c r="P3801" s="5" t="s">
        <v>40</v>
      </c>
      <c r="Q3801" s="5" t="s">
        <v>1522</v>
      </c>
      <c r="R3801" s="5" t="s">
        <v>1523</v>
      </c>
      <c r="S3801" s="5" t="s">
        <v>42</v>
      </c>
      <c r="T3801" s="2">
        <v>2.7320000000000002</v>
      </c>
      <c r="U3801" s="2">
        <v>2.101</v>
      </c>
      <c r="V3801" s="2">
        <v>1.7999999999999999E-2</v>
      </c>
      <c r="W3801" s="2">
        <v>139.1</v>
      </c>
      <c r="X3801" s="2">
        <v>7.6</v>
      </c>
      <c r="Y3801" s="2">
        <v>16.7</v>
      </c>
      <c r="Z3801" s="5"/>
      <c r="AA3801" s="5" t="s">
        <v>43</v>
      </c>
      <c r="AB3801" s="5" t="s">
        <v>44</v>
      </c>
      <c r="AC3801" s="2"/>
      <c r="AD3801" s="1"/>
    </row>
    <row r="3802" spans="1:30">
      <c r="A3802" s="5" t="s">
        <v>83578</v>
      </c>
      <c r="B3802" s="2" t="s">
        <v>95008</v>
      </c>
      <c r="C3802" s="14" t="s">
        <v>95009</v>
      </c>
      <c r="D3802" s="2" t="s">
        <v>95010</v>
      </c>
      <c r="E3802" s="2" t="s">
        <v>7543</v>
      </c>
      <c r="F3802" s="8">
        <v>289</v>
      </c>
      <c r="G3802" s="5">
        <v>6</v>
      </c>
      <c r="H3802" s="5" t="s">
        <v>1518</v>
      </c>
      <c r="I3802" s="5" t="s">
        <v>40939</v>
      </c>
      <c r="J3802" s="2" t="s">
        <v>40940</v>
      </c>
      <c r="K3802" s="5" t="s">
        <v>40939</v>
      </c>
      <c r="L3802" s="2" t="s">
        <v>40940</v>
      </c>
      <c r="M3802" s="5" t="s">
        <v>36266</v>
      </c>
      <c r="N3802" s="5" t="s">
        <v>38</v>
      </c>
      <c r="O3802" s="5" t="s">
        <v>39</v>
      </c>
      <c r="P3802" s="5" t="s">
        <v>40</v>
      </c>
      <c r="Q3802" s="5" t="s">
        <v>1522</v>
      </c>
      <c r="R3802" s="5" t="s">
        <v>1523</v>
      </c>
      <c r="S3802" s="5" t="s">
        <v>42</v>
      </c>
      <c r="T3802" s="2">
        <v>2.8210000000000002</v>
      </c>
      <c r="U3802" s="2">
        <v>2.19</v>
      </c>
      <c r="V3802" s="2">
        <v>1.7999999999999999E-2</v>
      </c>
      <c r="W3802" s="2">
        <v>139.1</v>
      </c>
      <c r="X3802" s="2">
        <v>7.6</v>
      </c>
      <c r="Y3802" s="2">
        <v>16.7</v>
      </c>
      <c r="Z3802" s="5"/>
      <c r="AA3802" s="5" t="s">
        <v>43</v>
      </c>
      <c r="AB3802" s="5" t="s">
        <v>44</v>
      </c>
      <c r="AC3802" s="2"/>
      <c r="AD3802" s="1"/>
    </row>
    <row r="3803" spans="1:30">
      <c r="A3803" s="5" t="s">
        <v>83578</v>
      </c>
      <c r="B3803" s="2" t="s">
        <v>95011</v>
      </c>
      <c r="C3803" s="14" t="s">
        <v>95012</v>
      </c>
      <c r="D3803" s="2" t="s">
        <v>95013</v>
      </c>
      <c r="E3803" s="2" t="s">
        <v>40993</v>
      </c>
      <c r="F3803" s="8">
        <v>289</v>
      </c>
      <c r="G3803" s="5">
        <v>6</v>
      </c>
      <c r="H3803" s="5" t="s">
        <v>1518</v>
      </c>
      <c r="I3803" s="5" t="s">
        <v>40939</v>
      </c>
      <c r="J3803" s="2" t="s">
        <v>40940</v>
      </c>
      <c r="K3803" s="5" t="s">
        <v>40939</v>
      </c>
      <c r="L3803" s="2" t="s">
        <v>40940</v>
      </c>
      <c r="M3803" s="5" t="s">
        <v>36266</v>
      </c>
      <c r="N3803" s="5" t="s">
        <v>38</v>
      </c>
      <c r="O3803" s="5" t="s">
        <v>39</v>
      </c>
      <c r="P3803" s="5" t="s">
        <v>40</v>
      </c>
      <c r="Q3803" s="5" t="s">
        <v>1522</v>
      </c>
      <c r="R3803" s="5" t="s">
        <v>1523</v>
      </c>
      <c r="S3803" s="5" t="s">
        <v>42</v>
      </c>
      <c r="T3803" s="2">
        <v>2.8570000000000002</v>
      </c>
      <c r="U3803" s="2">
        <v>2.226</v>
      </c>
      <c r="V3803" s="2">
        <v>1.7999999999999999E-2</v>
      </c>
      <c r="W3803" s="2">
        <v>139.1</v>
      </c>
      <c r="X3803" s="2">
        <v>7.6</v>
      </c>
      <c r="Y3803" s="2">
        <v>16.7</v>
      </c>
      <c r="Z3803" s="5"/>
      <c r="AA3803" s="5" t="s">
        <v>43</v>
      </c>
      <c r="AB3803" s="5" t="s">
        <v>44</v>
      </c>
      <c r="AC3803" s="2"/>
      <c r="AD3803" s="1"/>
    </row>
    <row r="3804" spans="1:30">
      <c r="A3804" s="5" t="s">
        <v>83578</v>
      </c>
      <c r="B3804" s="2" t="s">
        <v>95014</v>
      </c>
      <c r="C3804" s="14" t="s">
        <v>95015</v>
      </c>
      <c r="D3804" s="2" t="s">
        <v>95016</v>
      </c>
      <c r="E3804" s="2" t="s">
        <v>40997</v>
      </c>
      <c r="F3804" s="8">
        <v>289</v>
      </c>
      <c r="G3804" s="5">
        <v>6</v>
      </c>
      <c r="H3804" s="5" t="s">
        <v>1518</v>
      </c>
      <c r="I3804" s="5" t="s">
        <v>40939</v>
      </c>
      <c r="J3804" s="2" t="s">
        <v>40940</v>
      </c>
      <c r="K3804" s="5" t="s">
        <v>40939</v>
      </c>
      <c r="L3804" s="2" t="s">
        <v>40940</v>
      </c>
      <c r="M3804" s="5" t="s">
        <v>36266</v>
      </c>
      <c r="N3804" s="5" t="s">
        <v>38</v>
      </c>
      <c r="O3804" s="5" t="s">
        <v>39</v>
      </c>
      <c r="P3804" s="5" t="s">
        <v>40</v>
      </c>
      <c r="Q3804" s="5" t="s">
        <v>1522</v>
      </c>
      <c r="R3804" s="5" t="s">
        <v>1523</v>
      </c>
      <c r="S3804" s="5" t="s">
        <v>42</v>
      </c>
      <c r="T3804" s="2">
        <v>2.7389999999999999</v>
      </c>
      <c r="U3804" s="2">
        <v>2.1080000000000001</v>
      </c>
      <c r="V3804" s="2">
        <v>1.7999999999999999E-2</v>
      </c>
      <c r="W3804" s="2">
        <v>139.1</v>
      </c>
      <c r="X3804" s="2">
        <v>7.6</v>
      </c>
      <c r="Y3804" s="2">
        <v>16.7</v>
      </c>
      <c r="Z3804" s="5"/>
      <c r="AA3804" s="5" t="s">
        <v>43</v>
      </c>
      <c r="AB3804" s="5" t="s">
        <v>44</v>
      </c>
      <c r="AC3804" s="2"/>
      <c r="AD3804" s="1"/>
    </row>
    <row r="3805" spans="1:30">
      <c r="A3805" s="5" t="s">
        <v>83578</v>
      </c>
      <c r="B3805" s="2" t="s">
        <v>95017</v>
      </c>
      <c r="C3805" s="14" t="s">
        <v>95018</v>
      </c>
      <c r="D3805" s="2" t="s">
        <v>95019</v>
      </c>
      <c r="E3805" s="2" t="s">
        <v>41267</v>
      </c>
      <c r="F3805" s="8">
        <v>289</v>
      </c>
      <c r="G3805" s="5">
        <v>6</v>
      </c>
      <c r="H3805" s="5" t="s">
        <v>1518</v>
      </c>
      <c r="I3805" s="5" t="s">
        <v>40939</v>
      </c>
      <c r="J3805" s="2" t="s">
        <v>40940</v>
      </c>
      <c r="K3805" s="5" t="s">
        <v>40939</v>
      </c>
      <c r="L3805" s="2" t="s">
        <v>40940</v>
      </c>
      <c r="M3805" s="5" t="s">
        <v>36266</v>
      </c>
      <c r="N3805" s="5" t="s">
        <v>38</v>
      </c>
      <c r="O3805" s="5" t="s">
        <v>39</v>
      </c>
      <c r="P3805" s="5" t="s">
        <v>40</v>
      </c>
      <c r="Q3805" s="5" t="s">
        <v>1522</v>
      </c>
      <c r="R3805" s="5" t="s">
        <v>1523</v>
      </c>
      <c r="S3805" s="5" t="s">
        <v>42</v>
      </c>
      <c r="T3805" s="2">
        <v>2.8279999999999998</v>
      </c>
      <c r="U3805" s="2">
        <v>2.1970000000000001</v>
      </c>
      <c r="V3805" s="2">
        <v>1.7999999999999999E-2</v>
      </c>
      <c r="W3805" s="2">
        <v>139.1</v>
      </c>
      <c r="X3805" s="2">
        <v>7.6</v>
      </c>
      <c r="Y3805" s="2">
        <v>16.7</v>
      </c>
      <c r="Z3805" s="5"/>
      <c r="AA3805" s="5" t="s">
        <v>43</v>
      </c>
      <c r="AB3805" s="5" t="s">
        <v>44</v>
      </c>
      <c r="AC3805" s="2"/>
      <c r="AD3805" s="1"/>
    </row>
    <row r="3806" spans="1:30">
      <c r="A3806" s="5" t="s">
        <v>83578</v>
      </c>
      <c r="B3806" s="2" t="s">
        <v>95020</v>
      </c>
      <c r="C3806" s="14" t="s">
        <v>95021</v>
      </c>
      <c r="D3806" s="2" t="s">
        <v>95022</v>
      </c>
      <c r="E3806" s="2" t="s">
        <v>41001</v>
      </c>
      <c r="F3806" s="8">
        <v>289</v>
      </c>
      <c r="G3806" s="5">
        <v>6</v>
      </c>
      <c r="H3806" s="5" t="s">
        <v>1518</v>
      </c>
      <c r="I3806" s="5" t="s">
        <v>40939</v>
      </c>
      <c r="J3806" s="2" t="s">
        <v>40940</v>
      </c>
      <c r="K3806" s="5" t="s">
        <v>40939</v>
      </c>
      <c r="L3806" s="2" t="s">
        <v>40940</v>
      </c>
      <c r="M3806" s="5" t="s">
        <v>36266</v>
      </c>
      <c r="N3806" s="5" t="s">
        <v>38</v>
      </c>
      <c r="O3806" s="5" t="s">
        <v>39</v>
      </c>
      <c r="P3806" s="5" t="s">
        <v>40</v>
      </c>
      <c r="Q3806" s="5" t="s">
        <v>1522</v>
      </c>
      <c r="R3806" s="5" t="s">
        <v>1523</v>
      </c>
      <c r="S3806" s="5" t="s">
        <v>42</v>
      </c>
      <c r="T3806" s="2">
        <v>2.7679999999999998</v>
      </c>
      <c r="U3806" s="2">
        <v>2.137</v>
      </c>
      <c r="V3806" s="2">
        <v>1.7999999999999999E-2</v>
      </c>
      <c r="W3806" s="2">
        <v>139.1</v>
      </c>
      <c r="X3806" s="2">
        <v>7.6</v>
      </c>
      <c r="Y3806" s="2">
        <v>16.7</v>
      </c>
      <c r="Z3806" s="5"/>
      <c r="AA3806" s="5" t="s">
        <v>43</v>
      </c>
      <c r="AB3806" s="5" t="s">
        <v>44</v>
      </c>
      <c r="AC3806" s="2"/>
      <c r="AD3806" s="1"/>
    </row>
    <row r="3807" spans="1:30">
      <c r="A3807" s="5" t="s">
        <v>83578</v>
      </c>
      <c r="B3807" s="2" t="s">
        <v>95023</v>
      </c>
      <c r="C3807" s="14" t="s">
        <v>95024</v>
      </c>
      <c r="D3807" s="2" t="s">
        <v>95025</v>
      </c>
      <c r="E3807" s="2" t="s">
        <v>41005</v>
      </c>
      <c r="F3807" s="8">
        <v>289</v>
      </c>
      <c r="G3807" s="5">
        <v>6</v>
      </c>
      <c r="H3807" s="5" t="s">
        <v>1518</v>
      </c>
      <c r="I3807" s="5" t="s">
        <v>40939</v>
      </c>
      <c r="J3807" s="2" t="s">
        <v>40940</v>
      </c>
      <c r="K3807" s="5" t="s">
        <v>40939</v>
      </c>
      <c r="L3807" s="2" t="s">
        <v>40940</v>
      </c>
      <c r="M3807" s="5" t="s">
        <v>36266</v>
      </c>
      <c r="N3807" s="5" t="s">
        <v>38</v>
      </c>
      <c r="O3807" s="5" t="s">
        <v>39</v>
      </c>
      <c r="P3807" s="5" t="s">
        <v>40</v>
      </c>
      <c r="Q3807" s="5" t="s">
        <v>1522</v>
      </c>
      <c r="R3807" s="5" t="s">
        <v>1523</v>
      </c>
      <c r="S3807" s="5" t="s">
        <v>42</v>
      </c>
      <c r="T3807" s="2">
        <v>2.8570000000000002</v>
      </c>
      <c r="U3807" s="2">
        <v>2.226</v>
      </c>
      <c r="V3807" s="2">
        <v>1.7999999999999999E-2</v>
      </c>
      <c r="W3807" s="2">
        <v>139.1</v>
      </c>
      <c r="X3807" s="2">
        <v>7.6</v>
      </c>
      <c r="Y3807" s="2">
        <v>16.7</v>
      </c>
      <c r="Z3807" s="5"/>
      <c r="AA3807" s="5" t="s">
        <v>43</v>
      </c>
      <c r="AB3807" s="5" t="s">
        <v>44</v>
      </c>
      <c r="AC3807" s="2"/>
      <c r="AD3807" s="1"/>
    </row>
    <row r="3808" spans="1:30">
      <c r="A3808" s="5" t="s">
        <v>83578</v>
      </c>
      <c r="B3808" s="2" t="s">
        <v>95026</v>
      </c>
      <c r="C3808" s="14" t="s">
        <v>95027</v>
      </c>
      <c r="D3808" s="2" t="s">
        <v>95028</v>
      </c>
      <c r="E3808" s="2" t="s">
        <v>41013</v>
      </c>
      <c r="F3808" s="8">
        <v>289</v>
      </c>
      <c r="G3808" s="5">
        <v>6</v>
      </c>
      <c r="H3808" s="5" t="s">
        <v>1518</v>
      </c>
      <c r="I3808" s="5" t="s">
        <v>40939</v>
      </c>
      <c r="J3808" s="2" t="s">
        <v>40940</v>
      </c>
      <c r="K3808" s="5" t="s">
        <v>40939</v>
      </c>
      <c r="L3808" s="2" t="s">
        <v>40940</v>
      </c>
      <c r="M3808" s="5" t="s">
        <v>36266</v>
      </c>
      <c r="N3808" s="5" t="s">
        <v>38</v>
      </c>
      <c r="O3808" s="5" t="s">
        <v>39</v>
      </c>
      <c r="P3808" s="5" t="s">
        <v>40</v>
      </c>
      <c r="Q3808" s="5" t="s">
        <v>1522</v>
      </c>
      <c r="R3808" s="5" t="s">
        <v>1523</v>
      </c>
      <c r="S3808" s="5" t="s">
        <v>42</v>
      </c>
      <c r="T3808" s="2">
        <v>2.8639999999999999</v>
      </c>
      <c r="U3808" s="2">
        <v>2.2330000000000001</v>
      </c>
      <c r="V3808" s="2">
        <v>1.7999999999999999E-2</v>
      </c>
      <c r="W3808" s="2">
        <v>139.1</v>
      </c>
      <c r="X3808" s="2">
        <v>7.6</v>
      </c>
      <c r="Y3808" s="2">
        <v>16.7</v>
      </c>
      <c r="Z3808" s="5"/>
      <c r="AA3808" s="5" t="s">
        <v>43</v>
      </c>
      <c r="AB3808" s="5" t="s">
        <v>44</v>
      </c>
      <c r="AC3808" s="2"/>
      <c r="AD3808" s="1"/>
    </row>
    <row r="3809" spans="1:30">
      <c r="A3809" s="5" t="s">
        <v>83578</v>
      </c>
      <c r="B3809" s="2" t="s">
        <v>95029</v>
      </c>
      <c r="C3809" s="14" t="s">
        <v>95030</v>
      </c>
      <c r="D3809" s="2" t="s">
        <v>95031</v>
      </c>
      <c r="E3809" s="2" t="s">
        <v>41023</v>
      </c>
      <c r="F3809" s="8">
        <v>289</v>
      </c>
      <c r="G3809" s="5">
        <v>6</v>
      </c>
      <c r="H3809" s="5" t="s">
        <v>1518</v>
      </c>
      <c r="I3809" s="5" t="s">
        <v>40939</v>
      </c>
      <c r="J3809" s="2" t="s">
        <v>40940</v>
      </c>
      <c r="K3809" s="5" t="s">
        <v>40939</v>
      </c>
      <c r="L3809" s="2" t="s">
        <v>40940</v>
      </c>
      <c r="M3809" s="5" t="s">
        <v>36266</v>
      </c>
      <c r="N3809" s="5" t="s">
        <v>38</v>
      </c>
      <c r="O3809" s="5" t="s">
        <v>39</v>
      </c>
      <c r="P3809" s="5" t="s">
        <v>40</v>
      </c>
      <c r="Q3809" s="5" t="s">
        <v>1522</v>
      </c>
      <c r="R3809" s="5" t="s">
        <v>1523</v>
      </c>
      <c r="S3809" s="5" t="s">
        <v>42</v>
      </c>
      <c r="T3809" s="2">
        <v>2.7389999999999999</v>
      </c>
      <c r="U3809" s="2">
        <v>2.1080000000000001</v>
      </c>
      <c r="V3809" s="2">
        <v>1.7999999999999999E-2</v>
      </c>
      <c r="W3809" s="2">
        <v>139.1</v>
      </c>
      <c r="X3809" s="2">
        <v>7.6</v>
      </c>
      <c r="Y3809" s="2">
        <v>16.7</v>
      </c>
      <c r="Z3809" s="5"/>
      <c r="AA3809" s="5" t="s">
        <v>43</v>
      </c>
      <c r="AB3809" s="5" t="s">
        <v>44</v>
      </c>
      <c r="AC3809" s="2"/>
      <c r="AD3809" s="1"/>
    </row>
    <row r="3810" spans="1:30">
      <c r="A3810" s="5" t="s">
        <v>83578</v>
      </c>
      <c r="B3810" s="2" t="s">
        <v>95032</v>
      </c>
      <c r="C3810" s="14" t="s">
        <v>95033</v>
      </c>
      <c r="D3810" s="2" t="s">
        <v>95034</v>
      </c>
      <c r="E3810" s="2" t="s">
        <v>41027</v>
      </c>
      <c r="F3810" s="8">
        <v>289</v>
      </c>
      <c r="G3810" s="5">
        <v>6</v>
      </c>
      <c r="H3810" s="5" t="s">
        <v>1518</v>
      </c>
      <c r="I3810" s="5" t="s">
        <v>40939</v>
      </c>
      <c r="J3810" s="2" t="s">
        <v>40940</v>
      </c>
      <c r="K3810" s="5" t="s">
        <v>40939</v>
      </c>
      <c r="L3810" s="2" t="s">
        <v>40940</v>
      </c>
      <c r="M3810" s="5" t="s">
        <v>36266</v>
      </c>
      <c r="N3810" s="5" t="s">
        <v>38</v>
      </c>
      <c r="O3810" s="5" t="s">
        <v>39</v>
      </c>
      <c r="P3810" s="5" t="s">
        <v>40</v>
      </c>
      <c r="Q3810" s="5" t="s">
        <v>1522</v>
      </c>
      <c r="R3810" s="5" t="s">
        <v>1523</v>
      </c>
      <c r="S3810" s="5" t="s">
        <v>42</v>
      </c>
      <c r="T3810" s="2">
        <v>2.8279999999999998</v>
      </c>
      <c r="U3810" s="2">
        <v>2.1970000000000001</v>
      </c>
      <c r="V3810" s="2">
        <v>1.7999999999999999E-2</v>
      </c>
      <c r="W3810" s="2">
        <v>139.1</v>
      </c>
      <c r="X3810" s="2">
        <v>7.6</v>
      </c>
      <c r="Y3810" s="2">
        <v>16.7</v>
      </c>
      <c r="Z3810" s="5"/>
      <c r="AA3810" s="5" t="s">
        <v>43</v>
      </c>
      <c r="AB3810" s="5" t="s">
        <v>44</v>
      </c>
      <c r="AC3810" s="2"/>
      <c r="AD3810" s="1"/>
    </row>
    <row r="3811" spans="1:30">
      <c r="A3811" s="5" t="s">
        <v>83578</v>
      </c>
      <c r="B3811" s="2" t="s">
        <v>95035</v>
      </c>
      <c r="C3811" s="14" t="s">
        <v>95036</v>
      </c>
      <c r="D3811" s="2" t="s">
        <v>95037</v>
      </c>
      <c r="E3811" s="2" t="s">
        <v>41031</v>
      </c>
      <c r="F3811" s="8">
        <v>289</v>
      </c>
      <c r="G3811" s="5">
        <v>6</v>
      </c>
      <c r="H3811" s="5" t="s">
        <v>1518</v>
      </c>
      <c r="I3811" s="5" t="s">
        <v>40939</v>
      </c>
      <c r="J3811" s="2" t="s">
        <v>40940</v>
      </c>
      <c r="K3811" s="5" t="s">
        <v>40939</v>
      </c>
      <c r="L3811" s="2" t="s">
        <v>40940</v>
      </c>
      <c r="M3811" s="5" t="s">
        <v>36266</v>
      </c>
      <c r="N3811" s="5" t="s">
        <v>38</v>
      </c>
      <c r="O3811" s="5" t="s">
        <v>39</v>
      </c>
      <c r="P3811" s="5" t="s">
        <v>40</v>
      </c>
      <c r="Q3811" s="5" t="s">
        <v>1522</v>
      </c>
      <c r="R3811" s="5" t="s">
        <v>1523</v>
      </c>
      <c r="S3811" s="5" t="s">
        <v>42</v>
      </c>
      <c r="T3811" s="2">
        <v>2.7389999999999999</v>
      </c>
      <c r="U3811" s="2">
        <v>2.1080000000000001</v>
      </c>
      <c r="V3811" s="2">
        <v>1.7999999999999999E-2</v>
      </c>
      <c r="W3811" s="2">
        <v>139.1</v>
      </c>
      <c r="X3811" s="2">
        <v>7.6</v>
      </c>
      <c r="Y3811" s="2">
        <v>16.7</v>
      </c>
      <c r="Z3811" s="5"/>
      <c r="AA3811" s="5" t="s">
        <v>43</v>
      </c>
      <c r="AB3811" s="5" t="s">
        <v>44</v>
      </c>
      <c r="AC3811" s="2"/>
      <c r="AD3811" s="1"/>
    </row>
    <row r="3812" spans="1:30">
      <c r="A3812" s="5" t="s">
        <v>83578</v>
      </c>
      <c r="B3812" s="2" t="s">
        <v>95038</v>
      </c>
      <c r="C3812" s="14" t="s">
        <v>95039</v>
      </c>
      <c r="D3812" s="2" t="s">
        <v>95040</v>
      </c>
      <c r="E3812" s="2" t="s">
        <v>7449</v>
      </c>
      <c r="F3812" s="8">
        <v>289</v>
      </c>
      <c r="G3812" s="5">
        <v>6</v>
      </c>
      <c r="H3812" s="5" t="s">
        <v>1518</v>
      </c>
      <c r="I3812" s="5" t="s">
        <v>40939</v>
      </c>
      <c r="J3812" s="2" t="s">
        <v>40940</v>
      </c>
      <c r="K3812" s="5" t="s">
        <v>40939</v>
      </c>
      <c r="L3812" s="2" t="s">
        <v>40940</v>
      </c>
      <c r="M3812" s="5" t="s">
        <v>36266</v>
      </c>
      <c r="N3812" s="5" t="s">
        <v>38</v>
      </c>
      <c r="O3812" s="5" t="s">
        <v>39</v>
      </c>
      <c r="P3812" s="5" t="s">
        <v>40</v>
      </c>
      <c r="Q3812" s="5" t="s">
        <v>1522</v>
      </c>
      <c r="R3812" s="5" t="s">
        <v>1523</v>
      </c>
      <c r="S3812" s="5" t="s">
        <v>42</v>
      </c>
      <c r="T3812" s="2">
        <v>2.7389999999999999</v>
      </c>
      <c r="U3812" s="2">
        <v>2.1080000000000001</v>
      </c>
      <c r="V3812" s="2">
        <v>1.7999999999999999E-2</v>
      </c>
      <c r="W3812" s="2">
        <v>139.1</v>
      </c>
      <c r="X3812" s="2">
        <v>7.6</v>
      </c>
      <c r="Y3812" s="2">
        <v>16.7</v>
      </c>
      <c r="Z3812" s="5"/>
      <c r="AA3812" s="5" t="s">
        <v>43</v>
      </c>
      <c r="AB3812" s="5" t="s">
        <v>44</v>
      </c>
      <c r="AC3812" s="2"/>
      <c r="AD3812" s="1"/>
    </row>
    <row r="3813" spans="1:30">
      <c r="A3813" s="5" t="s">
        <v>83578</v>
      </c>
      <c r="B3813" s="2" t="s">
        <v>95041</v>
      </c>
      <c r="C3813" s="14" t="s">
        <v>95042</v>
      </c>
      <c r="D3813" s="2" t="s">
        <v>95043</v>
      </c>
      <c r="E3813" s="2" t="s">
        <v>41045</v>
      </c>
      <c r="F3813" s="8">
        <v>289</v>
      </c>
      <c r="G3813" s="5">
        <v>6</v>
      </c>
      <c r="H3813" s="5" t="s">
        <v>1518</v>
      </c>
      <c r="I3813" s="5" t="s">
        <v>40939</v>
      </c>
      <c r="J3813" s="2" t="s">
        <v>40940</v>
      </c>
      <c r="K3813" s="5" t="s">
        <v>40939</v>
      </c>
      <c r="L3813" s="2" t="s">
        <v>40940</v>
      </c>
      <c r="M3813" s="5" t="s">
        <v>36266</v>
      </c>
      <c r="N3813" s="5" t="s">
        <v>38</v>
      </c>
      <c r="O3813" s="5" t="s">
        <v>39</v>
      </c>
      <c r="P3813" s="5" t="s">
        <v>40</v>
      </c>
      <c r="Q3813" s="5" t="s">
        <v>1522</v>
      </c>
      <c r="R3813" s="5" t="s">
        <v>1523</v>
      </c>
      <c r="S3813" s="5" t="s">
        <v>42</v>
      </c>
      <c r="T3813" s="2">
        <v>2.782</v>
      </c>
      <c r="U3813" s="2">
        <v>2.1509999999999998</v>
      </c>
      <c r="V3813" s="2">
        <v>1.7999999999999999E-2</v>
      </c>
      <c r="W3813" s="2">
        <v>139.1</v>
      </c>
      <c r="X3813" s="2">
        <v>7.6</v>
      </c>
      <c r="Y3813" s="2">
        <v>16.7</v>
      </c>
      <c r="Z3813" s="5"/>
      <c r="AA3813" s="5" t="s">
        <v>43</v>
      </c>
      <c r="AB3813" s="5" t="s">
        <v>44</v>
      </c>
      <c r="AC3813" s="2"/>
      <c r="AD3813" s="1"/>
    </row>
    <row r="3814" spans="1:30">
      <c r="A3814" s="5" t="s">
        <v>83578</v>
      </c>
      <c r="B3814" s="2" t="s">
        <v>95044</v>
      </c>
      <c r="C3814" s="14" t="s">
        <v>95045</v>
      </c>
      <c r="D3814" s="2" t="s">
        <v>95046</v>
      </c>
      <c r="E3814" s="2" t="s">
        <v>41049</v>
      </c>
      <c r="F3814" s="8">
        <v>289</v>
      </c>
      <c r="G3814" s="5">
        <v>6</v>
      </c>
      <c r="H3814" s="5" t="s">
        <v>1518</v>
      </c>
      <c r="I3814" s="5" t="s">
        <v>40939</v>
      </c>
      <c r="J3814" s="2" t="s">
        <v>40940</v>
      </c>
      <c r="K3814" s="5" t="s">
        <v>40939</v>
      </c>
      <c r="L3814" s="2" t="s">
        <v>40940</v>
      </c>
      <c r="M3814" s="5" t="s">
        <v>36266</v>
      </c>
      <c r="N3814" s="5" t="s">
        <v>38</v>
      </c>
      <c r="O3814" s="5" t="s">
        <v>39</v>
      </c>
      <c r="P3814" s="5" t="s">
        <v>40</v>
      </c>
      <c r="Q3814" s="5" t="s">
        <v>1522</v>
      </c>
      <c r="R3814" s="5" t="s">
        <v>1523</v>
      </c>
      <c r="S3814" s="5" t="s">
        <v>42</v>
      </c>
      <c r="T3814" s="2">
        <v>2.871</v>
      </c>
      <c r="U3814" s="2">
        <v>2.2400000000000002</v>
      </c>
      <c r="V3814" s="2">
        <v>1.7999999999999999E-2</v>
      </c>
      <c r="W3814" s="2">
        <v>139.1</v>
      </c>
      <c r="X3814" s="2">
        <v>7.6</v>
      </c>
      <c r="Y3814" s="2">
        <v>16.7</v>
      </c>
      <c r="Z3814" s="5"/>
      <c r="AA3814" s="5" t="s">
        <v>43</v>
      </c>
      <c r="AB3814" s="5" t="s">
        <v>44</v>
      </c>
      <c r="AC3814" s="2"/>
      <c r="AD3814" s="1"/>
    </row>
    <row r="3815" spans="1:30">
      <c r="A3815" s="5" t="s">
        <v>83578</v>
      </c>
      <c r="B3815" s="2" t="s">
        <v>95047</v>
      </c>
      <c r="C3815" s="14" t="s">
        <v>95048</v>
      </c>
      <c r="D3815" s="2" t="s">
        <v>95049</v>
      </c>
      <c r="E3815" s="2" t="s">
        <v>47195</v>
      </c>
      <c r="F3815" s="8">
        <v>277</v>
      </c>
      <c r="G3815" s="5">
        <v>6</v>
      </c>
      <c r="H3815" s="5" t="s">
        <v>1518</v>
      </c>
      <c r="I3815" s="5" t="s">
        <v>40939</v>
      </c>
      <c r="J3815" s="2" t="s">
        <v>40940</v>
      </c>
      <c r="K3815" s="5" t="s">
        <v>40939</v>
      </c>
      <c r="L3815" s="2" t="s">
        <v>40940</v>
      </c>
      <c r="M3815" s="5" t="s">
        <v>36266</v>
      </c>
      <c r="N3815" s="5" t="s">
        <v>38</v>
      </c>
      <c r="O3815" s="5" t="s">
        <v>39</v>
      </c>
      <c r="P3815" s="5" t="s">
        <v>40</v>
      </c>
      <c r="Q3815" s="5" t="s">
        <v>1522</v>
      </c>
      <c r="R3815" s="5" t="s">
        <v>1523</v>
      </c>
      <c r="S3815" s="5" t="s">
        <v>42</v>
      </c>
      <c r="T3815" s="2">
        <v>2.58</v>
      </c>
      <c r="U3815" s="2">
        <v>2.0339999999999998</v>
      </c>
      <c r="V3815" s="2">
        <v>1.2999999999999999E-2</v>
      </c>
      <c r="W3815" s="2">
        <v>99.1</v>
      </c>
      <c r="X3815" s="2">
        <v>7.6</v>
      </c>
      <c r="Y3815" s="2">
        <v>16.7</v>
      </c>
      <c r="Z3815" s="5"/>
      <c r="AA3815" s="5" t="s">
        <v>43</v>
      </c>
      <c r="AB3815" s="5" t="s">
        <v>44</v>
      </c>
      <c r="AC3815" s="2"/>
      <c r="AD3815" s="1"/>
    </row>
    <row r="3816" spans="1:30">
      <c r="A3816" s="5" t="s">
        <v>83578</v>
      </c>
      <c r="B3816" s="2" t="s">
        <v>95050</v>
      </c>
      <c r="C3816" s="14" t="s">
        <v>95051</v>
      </c>
      <c r="D3816" s="2" t="s">
        <v>95052</v>
      </c>
      <c r="E3816" s="2" t="s">
        <v>36273</v>
      </c>
      <c r="F3816" s="8">
        <v>258</v>
      </c>
      <c r="G3816" s="5">
        <v>6</v>
      </c>
      <c r="H3816" s="5" t="s">
        <v>1518</v>
      </c>
      <c r="I3816" s="5" t="s">
        <v>40939</v>
      </c>
      <c r="J3816" s="2" t="s">
        <v>40940</v>
      </c>
      <c r="K3816" s="5" t="s">
        <v>40939</v>
      </c>
      <c r="L3816" s="2" t="s">
        <v>40940</v>
      </c>
      <c r="M3816" s="5" t="s">
        <v>36266</v>
      </c>
      <c r="N3816" s="5" t="s">
        <v>38</v>
      </c>
      <c r="O3816" s="5" t="s">
        <v>39</v>
      </c>
      <c r="P3816" s="5" t="s">
        <v>40</v>
      </c>
      <c r="Q3816" s="5" t="s">
        <v>1522</v>
      </c>
      <c r="R3816" s="5" t="s">
        <v>1523</v>
      </c>
      <c r="S3816" s="5" t="s">
        <v>42</v>
      </c>
      <c r="T3816" s="2">
        <v>2.532</v>
      </c>
      <c r="U3816" s="2">
        <v>1.986</v>
      </c>
      <c r="V3816" s="2">
        <v>1.2999999999999999E-2</v>
      </c>
      <c r="W3816" s="2">
        <v>99.1</v>
      </c>
      <c r="X3816" s="2">
        <v>7.6</v>
      </c>
      <c r="Y3816" s="2">
        <v>16.7</v>
      </c>
      <c r="Z3816" s="5"/>
      <c r="AA3816" s="5" t="s">
        <v>43</v>
      </c>
      <c r="AB3816" s="5" t="s">
        <v>44</v>
      </c>
      <c r="AC3816" s="2"/>
      <c r="AD3816" s="1"/>
    </row>
    <row r="3817" spans="1:30">
      <c r="A3817" s="5" t="s">
        <v>83578</v>
      </c>
      <c r="B3817" s="2" t="s">
        <v>95053</v>
      </c>
      <c r="C3817" s="14" t="s">
        <v>95054</v>
      </c>
      <c r="D3817" s="2" t="s">
        <v>95055</v>
      </c>
      <c r="E3817" s="2" t="s">
        <v>36277</v>
      </c>
      <c r="F3817" s="8">
        <v>258</v>
      </c>
      <c r="G3817" s="5">
        <v>6</v>
      </c>
      <c r="H3817" s="5" t="s">
        <v>1518</v>
      </c>
      <c r="I3817" s="5" t="s">
        <v>40939</v>
      </c>
      <c r="J3817" s="2" t="s">
        <v>40940</v>
      </c>
      <c r="K3817" s="5" t="s">
        <v>40939</v>
      </c>
      <c r="L3817" s="2" t="s">
        <v>40940</v>
      </c>
      <c r="M3817" s="5" t="s">
        <v>36266</v>
      </c>
      <c r="N3817" s="5" t="s">
        <v>38</v>
      </c>
      <c r="O3817" s="5" t="s">
        <v>39</v>
      </c>
      <c r="P3817" s="5" t="s">
        <v>40</v>
      </c>
      <c r="Q3817" s="5" t="s">
        <v>1522</v>
      </c>
      <c r="R3817" s="5" t="s">
        <v>1523</v>
      </c>
      <c r="S3817" s="5" t="s">
        <v>42</v>
      </c>
      <c r="T3817" s="2">
        <v>2.5990000000000002</v>
      </c>
      <c r="U3817" s="2">
        <v>2.0529999999999999</v>
      </c>
      <c r="V3817" s="2">
        <v>1.2999999999999999E-2</v>
      </c>
      <c r="W3817" s="2">
        <v>99.1</v>
      </c>
      <c r="X3817" s="2">
        <v>7.6</v>
      </c>
      <c r="Y3817" s="2">
        <v>16.7</v>
      </c>
      <c r="Z3817" s="5"/>
      <c r="AA3817" s="5" t="s">
        <v>43</v>
      </c>
      <c r="AB3817" s="5" t="s">
        <v>44</v>
      </c>
      <c r="AC3817" s="2"/>
      <c r="AD3817" s="1"/>
    </row>
    <row r="3818" spans="1:30">
      <c r="A3818" s="5" t="s">
        <v>83578</v>
      </c>
      <c r="B3818" s="2" t="s">
        <v>95056</v>
      </c>
      <c r="C3818" s="14" t="s">
        <v>95057</v>
      </c>
      <c r="D3818" s="2" t="s">
        <v>95058</v>
      </c>
      <c r="E3818" s="2" t="s">
        <v>40967</v>
      </c>
      <c r="F3818" s="8">
        <v>277</v>
      </c>
      <c r="G3818" s="5">
        <v>6</v>
      </c>
      <c r="H3818" s="5" t="s">
        <v>1518</v>
      </c>
      <c r="I3818" s="5" t="s">
        <v>40939</v>
      </c>
      <c r="J3818" s="2" t="s">
        <v>40940</v>
      </c>
      <c r="K3818" s="5" t="s">
        <v>40939</v>
      </c>
      <c r="L3818" s="2" t="s">
        <v>40940</v>
      </c>
      <c r="M3818" s="5" t="s">
        <v>36266</v>
      </c>
      <c r="N3818" s="5" t="s">
        <v>38</v>
      </c>
      <c r="O3818" s="5" t="s">
        <v>39</v>
      </c>
      <c r="P3818" s="5" t="s">
        <v>40</v>
      </c>
      <c r="Q3818" s="5" t="s">
        <v>1522</v>
      </c>
      <c r="R3818" s="5" t="s">
        <v>1523</v>
      </c>
      <c r="S3818" s="5" t="s">
        <v>42</v>
      </c>
      <c r="T3818" s="2">
        <v>2.52</v>
      </c>
      <c r="U3818" s="2">
        <v>1.974</v>
      </c>
      <c r="V3818" s="2">
        <v>1.2999999999999999E-2</v>
      </c>
      <c r="W3818" s="2">
        <v>99.1</v>
      </c>
      <c r="X3818" s="2">
        <v>7.6</v>
      </c>
      <c r="Y3818" s="2">
        <v>16.7</v>
      </c>
      <c r="Z3818" s="5"/>
      <c r="AA3818" s="5" t="s">
        <v>43</v>
      </c>
      <c r="AB3818" s="5" t="s">
        <v>44</v>
      </c>
      <c r="AC3818" s="2"/>
      <c r="AD3818" s="1"/>
    </row>
    <row r="3819" spans="1:30">
      <c r="A3819" s="5" t="s">
        <v>83578</v>
      </c>
      <c r="B3819" s="2" t="s">
        <v>95059</v>
      </c>
      <c r="C3819" s="14" t="s">
        <v>95060</v>
      </c>
      <c r="D3819" s="2" t="s">
        <v>95061</v>
      </c>
      <c r="E3819" s="2" t="s">
        <v>47226</v>
      </c>
      <c r="F3819" s="8">
        <v>277</v>
      </c>
      <c r="G3819" s="5">
        <v>6</v>
      </c>
      <c r="H3819" s="5" t="s">
        <v>1518</v>
      </c>
      <c r="I3819" s="5" t="s">
        <v>40939</v>
      </c>
      <c r="J3819" s="2" t="s">
        <v>40940</v>
      </c>
      <c r="K3819" s="5" t="s">
        <v>40939</v>
      </c>
      <c r="L3819" s="2" t="s">
        <v>40940</v>
      </c>
      <c r="M3819" s="5" t="s">
        <v>36266</v>
      </c>
      <c r="N3819" s="5" t="s">
        <v>38</v>
      </c>
      <c r="O3819" s="5" t="s">
        <v>39</v>
      </c>
      <c r="P3819" s="5" t="s">
        <v>40</v>
      </c>
      <c r="Q3819" s="5" t="s">
        <v>1522</v>
      </c>
      <c r="R3819" s="5" t="s">
        <v>1523</v>
      </c>
      <c r="S3819" s="5" t="s">
        <v>42</v>
      </c>
      <c r="T3819" s="2">
        <v>2.52</v>
      </c>
      <c r="U3819" s="2">
        <v>1.974</v>
      </c>
      <c r="V3819" s="2">
        <v>1.2999999999999999E-2</v>
      </c>
      <c r="W3819" s="2">
        <v>99.1</v>
      </c>
      <c r="X3819" s="2">
        <v>7.6</v>
      </c>
      <c r="Y3819" s="2">
        <v>16.7</v>
      </c>
      <c r="Z3819" s="5"/>
      <c r="AA3819" s="5" t="s">
        <v>43</v>
      </c>
      <c r="AB3819" s="5" t="s">
        <v>44</v>
      </c>
      <c r="AC3819" s="2"/>
      <c r="AD3819" s="1"/>
    </row>
    <row r="3820" spans="1:30">
      <c r="A3820" s="5" t="s">
        <v>83578</v>
      </c>
      <c r="B3820" s="2" t="s">
        <v>95062</v>
      </c>
      <c r="C3820" s="14" t="s">
        <v>95063</v>
      </c>
      <c r="D3820" s="2" t="s">
        <v>95064</v>
      </c>
      <c r="E3820" s="2" t="s">
        <v>47735</v>
      </c>
      <c r="F3820" s="8">
        <v>277</v>
      </c>
      <c r="G3820" s="5">
        <v>6</v>
      </c>
      <c r="H3820" s="5" t="s">
        <v>1518</v>
      </c>
      <c r="I3820" s="5" t="s">
        <v>40939</v>
      </c>
      <c r="J3820" s="2" t="s">
        <v>40940</v>
      </c>
      <c r="K3820" s="5" t="s">
        <v>40939</v>
      </c>
      <c r="L3820" s="2" t="s">
        <v>40940</v>
      </c>
      <c r="M3820" s="5" t="s">
        <v>36266</v>
      </c>
      <c r="N3820" s="5" t="s">
        <v>38</v>
      </c>
      <c r="O3820" s="5" t="s">
        <v>39</v>
      </c>
      <c r="P3820" s="5" t="s">
        <v>40</v>
      </c>
      <c r="Q3820" s="5" t="s">
        <v>1522</v>
      </c>
      <c r="R3820" s="5" t="s">
        <v>1523</v>
      </c>
      <c r="S3820" s="5" t="s">
        <v>42</v>
      </c>
      <c r="T3820" s="2">
        <v>2.5870000000000002</v>
      </c>
      <c r="U3820" s="2">
        <v>2.0409999999999999</v>
      </c>
      <c r="V3820" s="2">
        <v>1.2999999999999999E-2</v>
      </c>
      <c r="W3820" s="2">
        <v>99.1</v>
      </c>
      <c r="X3820" s="2">
        <v>7.6</v>
      </c>
      <c r="Y3820" s="2">
        <v>16.7</v>
      </c>
      <c r="Z3820" s="5"/>
      <c r="AA3820" s="5" t="s">
        <v>43</v>
      </c>
      <c r="AB3820" s="5" t="s">
        <v>44</v>
      </c>
      <c r="AC3820" s="2"/>
      <c r="AD3820" s="1"/>
    </row>
    <row r="3821" spans="1:30">
      <c r="A3821" s="5" t="s">
        <v>83578</v>
      </c>
      <c r="B3821" s="2" t="s">
        <v>95065</v>
      </c>
      <c r="C3821" s="14" t="s">
        <v>95066</v>
      </c>
      <c r="D3821" s="2" t="s">
        <v>95067</v>
      </c>
      <c r="E3821" s="2" t="s">
        <v>7543</v>
      </c>
      <c r="F3821" s="8">
        <v>277</v>
      </c>
      <c r="G3821" s="5">
        <v>6</v>
      </c>
      <c r="H3821" s="5" t="s">
        <v>1518</v>
      </c>
      <c r="I3821" s="5" t="s">
        <v>40939</v>
      </c>
      <c r="J3821" s="2" t="s">
        <v>40940</v>
      </c>
      <c r="K3821" s="5" t="s">
        <v>40939</v>
      </c>
      <c r="L3821" s="2" t="s">
        <v>40940</v>
      </c>
      <c r="M3821" s="5" t="s">
        <v>36266</v>
      </c>
      <c r="N3821" s="5" t="s">
        <v>38</v>
      </c>
      <c r="O3821" s="5" t="s">
        <v>39</v>
      </c>
      <c r="P3821" s="5" t="s">
        <v>40</v>
      </c>
      <c r="Q3821" s="5" t="s">
        <v>1522</v>
      </c>
      <c r="R3821" s="5" t="s">
        <v>1523</v>
      </c>
      <c r="S3821" s="5" t="s">
        <v>42</v>
      </c>
      <c r="T3821" s="2">
        <v>2.556</v>
      </c>
      <c r="U3821" s="2">
        <v>2.0099999999999998</v>
      </c>
      <c r="V3821" s="2">
        <v>1.2999999999999999E-2</v>
      </c>
      <c r="W3821" s="2">
        <v>99.1</v>
      </c>
      <c r="X3821" s="2">
        <v>7.6</v>
      </c>
      <c r="Y3821" s="2">
        <v>16.7</v>
      </c>
      <c r="Z3821" s="5"/>
      <c r="AA3821" s="5" t="s">
        <v>43</v>
      </c>
      <c r="AB3821" s="5" t="s">
        <v>44</v>
      </c>
      <c r="AC3821" s="2"/>
      <c r="AD3821" s="1"/>
    </row>
    <row r="3822" spans="1:30">
      <c r="A3822" s="5" t="s">
        <v>83578</v>
      </c>
      <c r="B3822" s="2" t="s">
        <v>95068</v>
      </c>
      <c r="C3822" s="14" t="s">
        <v>95069</v>
      </c>
      <c r="D3822" s="2" t="s">
        <v>95070</v>
      </c>
      <c r="E3822" s="2" t="s">
        <v>40997</v>
      </c>
      <c r="F3822" s="8">
        <v>277</v>
      </c>
      <c r="G3822" s="5">
        <v>6</v>
      </c>
      <c r="H3822" s="5" t="s">
        <v>1518</v>
      </c>
      <c r="I3822" s="5" t="s">
        <v>40939</v>
      </c>
      <c r="J3822" s="2" t="s">
        <v>40940</v>
      </c>
      <c r="K3822" s="5" t="s">
        <v>40939</v>
      </c>
      <c r="L3822" s="2" t="s">
        <v>40940</v>
      </c>
      <c r="M3822" s="5" t="s">
        <v>36266</v>
      </c>
      <c r="N3822" s="5" t="s">
        <v>38</v>
      </c>
      <c r="O3822" s="5" t="s">
        <v>39</v>
      </c>
      <c r="P3822" s="5" t="s">
        <v>40</v>
      </c>
      <c r="Q3822" s="5" t="s">
        <v>1522</v>
      </c>
      <c r="R3822" s="5" t="s">
        <v>1523</v>
      </c>
      <c r="S3822" s="5" t="s">
        <v>42</v>
      </c>
      <c r="T3822" s="2">
        <v>2.4950000000000001</v>
      </c>
      <c r="U3822" s="2">
        <v>1.9490000000000001</v>
      </c>
      <c r="V3822" s="2">
        <v>1.2999999999999999E-2</v>
      </c>
      <c r="W3822" s="2">
        <v>99.1</v>
      </c>
      <c r="X3822" s="2">
        <v>7.6</v>
      </c>
      <c r="Y3822" s="2">
        <v>16.7</v>
      </c>
      <c r="Z3822" s="5"/>
      <c r="AA3822" s="5" t="s">
        <v>43</v>
      </c>
      <c r="AB3822" s="5" t="s">
        <v>44</v>
      </c>
      <c r="AC3822" s="2"/>
      <c r="AD3822" s="1"/>
    </row>
    <row r="3823" spans="1:30">
      <c r="A3823" s="5" t="s">
        <v>83578</v>
      </c>
      <c r="B3823" s="2" t="s">
        <v>95071</v>
      </c>
      <c r="C3823" s="14" t="s">
        <v>95072</v>
      </c>
      <c r="D3823" s="2" t="s">
        <v>95073</v>
      </c>
      <c r="E3823" s="2" t="s">
        <v>41001</v>
      </c>
      <c r="F3823" s="8">
        <v>277</v>
      </c>
      <c r="G3823" s="5">
        <v>6</v>
      </c>
      <c r="H3823" s="5" t="s">
        <v>1518</v>
      </c>
      <c r="I3823" s="5" t="s">
        <v>40939</v>
      </c>
      <c r="J3823" s="2" t="s">
        <v>40940</v>
      </c>
      <c r="K3823" s="5" t="s">
        <v>40939</v>
      </c>
      <c r="L3823" s="2" t="s">
        <v>40940</v>
      </c>
      <c r="M3823" s="5" t="s">
        <v>36266</v>
      </c>
      <c r="N3823" s="5" t="s">
        <v>38</v>
      </c>
      <c r="O3823" s="5" t="s">
        <v>39</v>
      </c>
      <c r="P3823" s="5" t="s">
        <v>40</v>
      </c>
      <c r="Q3823" s="5" t="s">
        <v>1522</v>
      </c>
      <c r="R3823" s="5" t="s">
        <v>1523</v>
      </c>
      <c r="S3823" s="5" t="s">
        <v>42</v>
      </c>
      <c r="T3823" s="2">
        <v>2.52</v>
      </c>
      <c r="U3823" s="2">
        <v>1.974</v>
      </c>
      <c r="V3823" s="2">
        <v>1.2999999999999999E-2</v>
      </c>
      <c r="W3823" s="2">
        <v>99.1</v>
      </c>
      <c r="X3823" s="2">
        <v>7.6</v>
      </c>
      <c r="Y3823" s="2">
        <v>16.7</v>
      </c>
      <c r="Z3823" s="5"/>
      <c r="AA3823" s="5" t="s">
        <v>43</v>
      </c>
      <c r="AB3823" s="5" t="s">
        <v>44</v>
      </c>
      <c r="AC3823" s="2"/>
      <c r="AD3823" s="1"/>
    </row>
    <row r="3824" spans="1:30">
      <c r="A3824" s="5" t="s">
        <v>83578</v>
      </c>
      <c r="B3824" s="2" t="s">
        <v>95074</v>
      </c>
      <c r="C3824" s="14" t="s">
        <v>95075</v>
      </c>
      <c r="D3824" s="2" t="s">
        <v>95076</v>
      </c>
      <c r="E3824" s="2" t="s">
        <v>41005</v>
      </c>
      <c r="F3824" s="8">
        <v>277</v>
      </c>
      <c r="G3824" s="5">
        <v>6</v>
      </c>
      <c r="H3824" s="5" t="s">
        <v>1518</v>
      </c>
      <c r="I3824" s="5" t="s">
        <v>40939</v>
      </c>
      <c r="J3824" s="2" t="s">
        <v>40940</v>
      </c>
      <c r="K3824" s="5" t="s">
        <v>40939</v>
      </c>
      <c r="L3824" s="2" t="s">
        <v>40940</v>
      </c>
      <c r="M3824" s="5" t="s">
        <v>36266</v>
      </c>
      <c r="N3824" s="5" t="s">
        <v>38</v>
      </c>
      <c r="O3824" s="5" t="s">
        <v>39</v>
      </c>
      <c r="P3824" s="5" t="s">
        <v>40</v>
      </c>
      <c r="Q3824" s="5" t="s">
        <v>1522</v>
      </c>
      <c r="R3824" s="5" t="s">
        <v>1523</v>
      </c>
      <c r="S3824" s="5" t="s">
        <v>42</v>
      </c>
      <c r="T3824" s="2">
        <v>2.5870000000000002</v>
      </c>
      <c r="U3824" s="2">
        <v>2.0409999999999999</v>
      </c>
      <c r="V3824" s="2">
        <v>1.2999999999999999E-2</v>
      </c>
      <c r="W3824" s="2">
        <v>99.1</v>
      </c>
      <c r="X3824" s="2">
        <v>7.6</v>
      </c>
      <c r="Y3824" s="2">
        <v>16.7</v>
      </c>
      <c r="Z3824" s="5"/>
      <c r="AA3824" s="5" t="s">
        <v>43</v>
      </c>
      <c r="AB3824" s="5" t="s">
        <v>44</v>
      </c>
      <c r="AC3824" s="2"/>
      <c r="AD3824" s="1"/>
    </row>
    <row r="3825" spans="1:30">
      <c r="A3825" s="5" t="s">
        <v>83578</v>
      </c>
      <c r="B3825" s="2" t="s">
        <v>95077</v>
      </c>
      <c r="C3825" s="14" t="s">
        <v>95078</v>
      </c>
      <c r="D3825" s="2" t="s">
        <v>95079</v>
      </c>
      <c r="E3825" s="2" t="s">
        <v>41009</v>
      </c>
      <c r="F3825" s="8">
        <v>277</v>
      </c>
      <c r="G3825" s="5">
        <v>6</v>
      </c>
      <c r="H3825" s="5" t="s">
        <v>1518</v>
      </c>
      <c r="I3825" s="5" t="s">
        <v>40939</v>
      </c>
      <c r="J3825" s="2" t="s">
        <v>40940</v>
      </c>
      <c r="K3825" s="5" t="s">
        <v>40939</v>
      </c>
      <c r="L3825" s="2" t="s">
        <v>40940</v>
      </c>
      <c r="M3825" s="5" t="s">
        <v>36266</v>
      </c>
      <c r="N3825" s="5" t="s">
        <v>38</v>
      </c>
      <c r="O3825" s="5" t="s">
        <v>39</v>
      </c>
      <c r="P3825" s="5" t="s">
        <v>40</v>
      </c>
      <c r="Q3825" s="5" t="s">
        <v>1522</v>
      </c>
      <c r="R3825" s="5" t="s">
        <v>1523</v>
      </c>
      <c r="S3825" s="5" t="s">
        <v>42</v>
      </c>
      <c r="T3825" s="2">
        <v>2.5259999999999998</v>
      </c>
      <c r="U3825" s="2">
        <v>1.98</v>
      </c>
      <c r="V3825" s="2">
        <v>1.2999999999999999E-2</v>
      </c>
      <c r="W3825" s="2">
        <v>99.1</v>
      </c>
      <c r="X3825" s="2">
        <v>7.6</v>
      </c>
      <c r="Y3825" s="2">
        <v>16.7</v>
      </c>
      <c r="Z3825" s="5"/>
      <c r="AA3825" s="5" t="s">
        <v>43</v>
      </c>
      <c r="AB3825" s="5" t="s">
        <v>44</v>
      </c>
      <c r="AC3825" s="2"/>
      <c r="AD3825" s="1"/>
    </row>
    <row r="3826" spans="1:30">
      <c r="A3826" s="5" t="s">
        <v>83578</v>
      </c>
      <c r="B3826" s="2" t="s">
        <v>95080</v>
      </c>
      <c r="C3826" s="14" t="s">
        <v>95081</v>
      </c>
      <c r="D3826" s="2" t="s">
        <v>95082</v>
      </c>
      <c r="E3826" s="2" t="s">
        <v>41013</v>
      </c>
      <c r="F3826" s="8">
        <v>277</v>
      </c>
      <c r="G3826" s="5">
        <v>6</v>
      </c>
      <c r="H3826" s="5" t="s">
        <v>1518</v>
      </c>
      <c r="I3826" s="5" t="s">
        <v>40939</v>
      </c>
      <c r="J3826" s="2" t="s">
        <v>40940</v>
      </c>
      <c r="K3826" s="5" t="s">
        <v>40939</v>
      </c>
      <c r="L3826" s="2" t="s">
        <v>40940</v>
      </c>
      <c r="M3826" s="5" t="s">
        <v>36266</v>
      </c>
      <c r="N3826" s="5" t="s">
        <v>38</v>
      </c>
      <c r="O3826" s="5" t="s">
        <v>39</v>
      </c>
      <c r="P3826" s="5" t="s">
        <v>40</v>
      </c>
      <c r="Q3826" s="5" t="s">
        <v>1522</v>
      </c>
      <c r="R3826" s="5" t="s">
        <v>1523</v>
      </c>
      <c r="S3826" s="5" t="s">
        <v>42</v>
      </c>
      <c r="T3826" s="2">
        <v>2.593</v>
      </c>
      <c r="U3826" s="2">
        <v>2.0470000000000002</v>
      </c>
      <c r="V3826" s="2">
        <v>1.2999999999999999E-2</v>
      </c>
      <c r="W3826" s="2">
        <v>99.1</v>
      </c>
      <c r="X3826" s="2">
        <v>7.6</v>
      </c>
      <c r="Y3826" s="2">
        <v>16.7</v>
      </c>
      <c r="Z3826" s="5"/>
      <c r="AA3826" s="5" t="s">
        <v>43</v>
      </c>
      <c r="AB3826" s="5" t="s">
        <v>44</v>
      </c>
      <c r="AC3826" s="2"/>
      <c r="AD3826" s="1"/>
    </row>
    <row r="3827" spans="1:30">
      <c r="A3827" s="5" t="s">
        <v>83578</v>
      </c>
      <c r="B3827" s="2" t="s">
        <v>95083</v>
      </c>
      <c r="C3827" s="14" t="s">
        <v>95084</v>
      </c>
      <c r="D3827" s="2" t="s">
        <v>95085</v>
      </c>
      <c r="E3827" s="2" t="s">
        <v>7396</v>
      </c>
      <c r="F3827" s="8">
        <v>258</v>
      </c>
      <c r="G3827" s="5">
        <v>6</v>
      </c>
      <c r="H3827" s="5" t="s">
        <v>1518</v>
      </c>
      <c r="I3827" s="5" t="s">
        <v>40939</v>
      </c>
      <c r="J3827" s="2" t="s">
        <v>40940</v>
      </c>
      <c r="K3827" s="5" t="s">
        <v>40939</v>
      </c>
      <c r="L3827" s="2" t="s">
        <v>40940</v>
      </c>
      <c r="M3827" s="5" t="s">
        <v>36266</v>
      </c>
      <c r="N3827" s="5" t="s">
        <v>38</v>
      </c>
      <c r="O3827" s="5" t="s">
        <v>39</v>
      </c>
      <c r="P3827" s="5" t="s">
        <v>40</v>
      </c>
      <c r="Q3827" s="5" t="s">
        <v>1522</v>
      </c>
      <c r="R3827" s="5" t="s">
        <v>1523</v>
      </c>
      <c r="S3827" s="5" t="s">
        <v>42</v>
      </c>
      <c r="T3827" s="2">
        <v>2.5259999999999998</v>
      </c>
      <c r="U3827" s="2">
        <v>1.98</v>
      </c>
      <c r="V3827" s="2">
        <v>1.2999999999999999E-2</v>
      </c>
      <c r="W3827" s="2">
        <v>99.1</v>
      </c>
      <c r="X3827" s="2">
        <v>7.6</v>
      </c>
      <c r="Y3827" s="2">
        <v>16.7</v>
      </c>
      <c r="Z3827" s="5"/>
      <c r="AA3827" s="5" t="s">
        <v>43</v>
      </c>
      <c r="AB3827" s="5" t="s">
        <v>44</v>
      </c>
      <c r="AC3827" s="2"/>
      <c r="AD3827" s="1"/>
    </row>
    <row r="3828" spans="1:30">
      <c r="A3828" s="5" t="s">
        <v>83578</v>
      </c>
      <c r="B3828" s="2" t="s">
        <v>95086</v>
      </c>
      <c r="C3828" s="14" t="s">
        <v>95087</v>
      </c>
      <c r="D3828" s="2" t="s">
        <v>95088</v>
      </c>
      <c r="E3828" s="2" t="s">
        <v>7507</v>
      </c>
      <c r="F3828" s="8">
        <v>258</v>
      </c>
      <c r="G3828" s="5">
        <v>6</v>
      </c>
      <c r="H3828" s="5" t="s">
        <v>1518</v>
      </c>
      <c r="I3828" s="5" t="s">
        <v>40939</v>
      </c>
      <c r="J3828" s="2" t="s">
        <v>40940</v>
      </c>
      <c r="K3828" s="5" t="s">
        <v>40939</v>
      </c>
      <c r="L3828" s="2" t="s">
        <v>40940</v>
      </c>
      <c r="M3828" s="5" t="s">
        <v>36266</v>
      </c>
      <c r="N3828" s="5" t="s">
        <v>38</v>
      </c>
      <c r="O3828" s="5" t="s">
        <v>39</v>
      </c>
      <c r="P3828" s="5" t="s">
        <v>40</v>
      </c>
      <c r="Q3828" s="5" t="s">
        <v>1522</v>
      </c>
      <c r="R3828" s="5" t="s">
        <v>1523</v>
      </c>
      <c r="S3828" s="5" t="s">
        <v>42</v>
      </c>
      <c r="T3828" s="2">
        <v>2.593</v>
      </c>
      <c r="U3828" s="2">
        <v>2.0470000000000002</v>
      </c>
      <c r="V3828" s="2">
        <v>1.2999999999999999E-2</v>
      </c>
      <c r="W3828" s="2">
        <v>99.1</v>
      </c>
      <c r="X3828" s="2">
        <v>7.6</v>
      </c>
      <c r="Y3828" s="2">
        <v>16.7</v>
      </c>
      <c r="Z3828" s="5"/>
      <c r="AA3828" s="5" t="s">
        <v>43</v>
      </c>
      <c r="AB3828" s="5" t="s">
        <v>44</v>
      </c>
      <c r="AC3828" s="2"/>
      <c r="AD3828" s="1"/>
    </row>
    <row r="3829" spans="1:30">
      <c r="A3829" s="5" t="s">
        <v>83578</v>
      </c>
      <c r="B3829" s="2" t="s">
        <v>95089</v>
      </c>
      <c r="C3829" s="14" t="s">
        <v>95090</v>
      </c>
      <c r="D3829" s="2" t="s">
        <v>95091</v>
      </c>
      <c r="E3829" s="2" t="s">
        <v>41023</v>
      </c>
      <c r="F3829" s="8">
        <v>277</v>
      </c>
      <c r="G3829" s="5">
        <v>6</v>
      </c>
      <c r="H3829" s="5" t="s">
        <v>1518</v>
      </c>
      <c r="I3829" s="5" t="s">
        <v>40939</v>
      </c>
      <c r="J3829" s="2" t="s">
        <v>40940</v>
      </c>
      <c r="K3829" s="5" t="s">
        <v>40939</v>
      </c>
      <c r="L3829" s="2" t="s">
        <v>40940</v>
      </c>
      <c r="M3829" s="5" t="s">
        <v>36266</v>
      </c>
      <c r="N3829" s="5" t="s">
        <v>38</v>
      </c>
      <c r="O3829" s="5" t="s">
        <v>39</v>
      </c>
      <c r="P3829" s="5" t="s">
        <v>40</v>
      </c>
      <c r="Q3829" s="5" t="s">
        <v>1522</v>
      </c>
      <c r="R3829" s="5" t="s">
        <v>1523</v>
      </c>
      <c r="S3829" s="5" t="s">
        <v>42</v>
      </c>
      <c r="T3829" s="2">
        <v>2.4950000000000001</v>
      </c>
      <c r="U3829" s="2">
        <v>1.9490000000000001</v>
      </c>
      <c r="V3829" s="2">
        <v>1.2999999999999999E-2</v>
      </c>
      <c r="W3829" s="2">
        <v>99.1</v>
      </c>
      <c r="X3829" s="2">
        <v>7.6</v>
      </c>
      <c r="Y3829" s="2">
        <v>16.7</v>
      </c>
      <c r="Z3829" s="5"/>
      <c r="AA3829" s="5" t="s">
        <v>43</v>
      </c>
      <c r="AB3829" s="5" t="s">
        <v>44</v>
      </c>
      <c r="AC3829" s="2"/>
      <c r="AD3829" s="1"/>
    </row>
    <row r="3830" spans="1:30">
      <c r="A3830" s="5" t="s">
        <v>83578</v>
      </c>
      <c r="B3830" s="2" t="s">
        <v>95092</v>
      </c>
      <c r="C3830" s="14" t="s">
        <v>95093</v>
      </c>
      <c r="D3830" s="2" t="s">
        <v>95094</v>
      </c>
      <c r="E3830" s="2" t="s">
        <v>41027</v>
      </c>
      <c r="F3830" s="8">
        <v>277</v>
      </c>
      <c r="G3830" s="5">
        <v>6</v>
      </c>
      <c r="H3830" s="5" t="s">
        <v>1518</v>
      </c>
      <c r="I3830" s="5" t="s">
        <v>40939</v>
      </c>
      <c r="J3830" s="2" t="s">
        <v>40940</v>
      </c>
      <c r="K3830" s="5" t="s">
        <v>40939</v>
      </c>
      <c r="L3830" s="2" t="s">
        <v>40940</v>
      </c>
      <c r="M3830" s="5" t="s">
        <v>36266</v>
      </c>
      <c r="N3830" s="5" t="s">
        <v>38</v>
      </c>
      <c r="O3830" s="5" t="s">
        <v>39</v>
      </c>
      <c r="P3830" s="5" t="s">
        <v>40</v>
      </c>
      <c r="Q3830" s="5" t="s">
        <v>1522</v>
      </c>
      <c r="R3830" s="5" t="s">
        <v>1523</v>
      </c>
      <c r="S3830" s="5" t="s">
        <v>42</v>
      </c>
      <c r="T3830" s="2">
        <v>2.5619999999999998</v>
      </c>
      <c r="U3830" s="2">
        <v>2.016</v>
      </c>
      <c r="V3830" s="2">
        <v>1.2999999999999999E-2</v>
      </c>
      <c r="W3830" s="2">
        <v>99.1</v>
      </c>
      <c r="X3830" s="2">
        <v>7.6</v>
      </c>
      <c r="Y3830" s="2">
        <v>16.7</v>
      </c>
      <c r="Z3830" s="5"/>
      <c r="AA3830" s="5" t="s">
        <v>43</v>
      </c>
      <c r="AB3830" s="5" t="s">
        <v>44</v>
      </c>
      <c r="AC3830" s="2"/>
      <c r="AD3830" s="1"/>
    </row>
    <row r="3831" spans="1:30">
      <c r="A3831" s="5" t="s">
        <v>83578</v>
      </c>
      <c r="B3831" s="2" t="s">
        <v>95095</v>
      </c>
      <c r="C3831" s="14" t="s">
        <v>95096</v>
      </c>
      <c r="D3831" s="2" t="s">
        <v>95097</v>
      </c>
      <c r="E3831" s="2" t="s">
        <v>41035</v>
      </c>
      <c r="F3831" s="8">
        <v>277</v>
      </c>
      <c r="G3831" s="5">
        <v>6</v>
      </c>
      <c r="H3831" s="5" t="s">
        <v>1518</v>
      </c>
      <c r="I3831" s="5" t="s">
        <v>40939</v>
      </c>
      <c r="J3831" s="2" t="s">
        <v>40940</v>
      </c>
      <c r="K3831" s="5" t="s">
        <v>40939</v>
      </c>
      <c r="L3831" s="2" t="s">
        <v>40940</v>
      </c>
      <c r="M3831" s="5" t="s">
        <v>36266</v>
      </c>
      <c r="N3831" s="5" t="s">
        <v>38</v>
      </c>
      <c r="O3831" s="5" t="s">
        <v>39</v>
      </c>
      <c r="P3831" s="5" t="s">
        <v>40</v>
      </c>
      <c r="Q3831" s="5" t="s">
        <v>1522</v>
      </c>
      <c r="R3831" s="5" t="s">
        <v>1523</v>
      </c>
      <c r="S3831" s="5" t="s">
        <v>42</v>
      </c>
      <c r="T3831" s="2">
        <v>2.5619999999999998</v>
      </c>
      <c r="U3831" s="2">
        <v>2.016</v>
      </c>
      <c r="V3831" s="2">
        <v>1.2999999999999999E-2</v>
      </c>
      <c r="W3831" s="2">
        <v>99.1</v>
      </c>
      <c r="X3831" s="2">
        <v>7.6</v>
      </c>
      <c r="Y3831" s="2">
        <v>16.7</v>
      </c>
      <c r="Z3831" s="5"/>
      <c r="AA3831" s="5" t="s">
        <v>43</v>
      </c>
      <c r="AB3831" s="5" t="s">
        <v>44</v>
      </c>
      <c r="AC3831" s="2"/>
      <c r="AD3831" s="1"/>
    </row>
    <row r="3832" spans="1:30">
      <c r="A3832" s="5" t="s">
        <v>83578</v>
      </c>
      <c r="B3832" s="2" t="s">
        <v>95098</v>
      </c>
      <c r="C3832" s="14" t="s">
        <v>95099</v>
      </c>
      <c r="D3832" s="2" t="s">
        <v>95100</v>
      </c>
      <c r="E3832" s="2" t="s">
        <v>7449</v>
      </c>
      <c r="F3832" s="8">
        <v>277</v>
      </c>
      <c r="G3832" s="5">
        <v>6</v>
      </c>
      <c r="H3832" s="5" t="s">
        <v>1518</v>
      </c>
      <c r="I3832" s="5" t="s">
        <v>40939</v>
      </c>
      <c r="J3832" s="2" t="s">
        <v>40940</v>
      </c>
      <c r="K3832" s="5" t="s">
        <v>40939</v>
      </c>
      <c r="L3832" s="2" t="s">
        <v>40940</v>
      </c>
      <c r="M3832" s="5" t="s">
        <v>36266</v>
      </c>
      <c r="N3832" s="5" t="s">
        <v>38</v>
      </c>
      <c r="O3832" s="5" t="s">
        <v>39</v>
      </c>
      <c r="P3832" s="5" t="s">
        <v>40</v>
      </c>
      <c r="Q3832" s="5" t="s">
        <v>1522</v>
      </c>
      <c r="R3832" s="5" t="s">
        <v>1523</v>
      </c>
      <c r="S3832" s="5" t="s">
        <v>42</v>
      </c>
      <c r="T3832" s="2">
        <v>2.4950000000000001</v>
      </c>
      <c r="U3832" s="2">
        <v>1.9490000000000001</v>
      </c>
      <c r="V3832" s="2">
        <v>1.2999999999999999E-2</v>
      </c>
      <c r="W3832" s="2">
        <v>99.1</v>
      </c>
      <c r="X3832" s="2">
        <v>7.6</v>
      </c>
      <c r="Y3832" s="2">
        <v>16.7</v>
      </c>
      <c r="Z3832" s="5"/>
      <c r="AA3832" s="5" t="s">
        <v>43</v>
      </c>
      <c r="AB3832" s="5" t="s">
        <v>44</v>
      </c>
      <c r="AC3832" s="2"/>
      <c r="AD3832" s="1"/>
    </row>
    <row r="3833" spans="1:30">
      <c r="A3833" s="5" t="s">
        <v>83578</v>
      </c>
      <c r="B3833" s="2" t="s">
        <v>95101</v>
      </c>
      <c r="C3833" s="14" t="s">
        <v>95102</v>
      </c>
      <c r="D3833" s="2" t="s">
        <v>95103</v>
      </c>
      <c r="E3833" s="2" t="s">
        <v>7581</v>
      </c>
      <c r="F3833" s="8">
        <v>277</v>
      </c>
      <c r="G3833" s="5">
        <v>6</v>
      </c>
      <c r="H3833" s="5" t="s">
        <v>1518</v>
      </c>
      <c r="I3833" s="5" t="s">
        <v>40939</v>
      </c>
      <c r="J3833" s="2" t="s">
        <v>40940</v>
      </c>
      <c r="K3833" s="5" t="s">
        <v>40939</v>
      </c>
      <c r="L3833" s="2" t="s">
        <v>40940</v>
      </c>
      <c r="M3833" s="5" t="s">
        <v>36266</v>
      </c>
      <c r="N3833" s="5" t="s">
        <v>38</v>
      </c>
      <c r="O3833" s="5" t="s">
        <v>39</v>
      </c>
      <c r="P3833" s="5" t="s">
        <v>40</v>
      </c>
      <c r="Q3833" s="5" t="s">
        <v>1522</v>
      </c>
      <c r="R3833" s="5" t="s">
        <v>1523</v>
      </c>
      <c r="S3833" s="5" t="s">
        <v>42</v>
      </c>
      <c r="T3833" s="2">
        <v>2.5619999999999998</v>
      </c>
      <c r="U3833" s="2">
        <v>2.016</v>
      </c>
      <c r="V3833" s="2">
        <v>1.2999999999999999E-2</v>
      </c>
      <c r="W3833" s="2">
        <v>99.1</v>
      </c>
      <c r="X3833" s="2">
        <v>7.6</v>
      </c>
      <c r="Y3833" s="2">
        <v>16.7</v>
      </c>
      <c r="Z3833" s="5"/>
      <c r="AA3833" s="5" t="s">
        <v>43</v>
      </c>
      <c r="AB3833" s="5" t="s">
        <v>44</v>
      </c>
      <c r="AC3833" s="2"/>
      <c r="AD3833" s="1"/>
    </row>
    <row r="3834" spans="1:30">
      <c r="A3834" s="5" t="s">
        <v>83578</v>
      </c>
      <c r="B3834" s="2" t="s">
        <v>95104</v>
      </c>
      <c r="C3834" s="14" t="s">
        <v>95105</v>
      </c>
      <c r="D3834" s="2" t="s">
        <v>95106</v>
      </c>
      <c r="E3834" s="2" t="s">
        <v>41049</v>
      </c>
      <c r="F3834" s="8">
        <v>277</v>
      </c>
      <c r="G3834" s="5">
        <v>6</v>
      </c>
      <c r="H3834" s="5" t="s">
        <v>1518</v>
      </c>
      <c r="I3834" s="5" t="s">
        <v>40939</v>
      </c>
      <c r="J3834" s="2" t="s">
        <v>40940</v>
      </c>
      <c r="K3834" s="5" t="s">
        <v>40939</v>
      </c>
      <c r="L3834" s="2" t="s">
        <v>40940</v>
      </c>
      <c r="M3834" s="5" t="s">
        <v>36266</v>
      </c>
      <c r="N3834" s="5" t="s">
        <v>38</v>
      </c>
      <c r="O3834" s="5" t="s">
        <v>39</v>
      </c>
      <c r="P3834" s="5" t="s">
        <v>40</v>
      </c>
      <c r="Q3834" s="5" t="s">
        <v>1522</v>
      </c>
      <c r="R3834" s="5" t="s">
        <v>1523</v>
      </c>
      <c r="S3834" s="5" t="s">
        <v>42</v>
      </c>
      <c r="T3834" s="2">
        <v>2.5990000000000002</v>
      </c>
      <c r="U3834" s="2">
        <v>2.0529999999999999</v>
      </c>
      <c r="V3834" s="2">
        <v>1.2999999999999999E-2</v>
      </c>
      <c r="W3834" s="2">
        <v>99.1</v>
      </c>
      <c r="X3834" s="2">
        <v>7.6</v>
      </c>
      <c r="Y3834" s="2">
        <v>16.7</v>
      </c>
      <c r="Z3834" s="5"/>
      <c r="AA3834" s="5" t="s">
        <v>43</v>
      </c>
      <c r="AB3834" s="5" t="s">
        <v>44</v>
      </c>
      <c r="AC3834" s="2"/>
      <c r="AD3834" s="1"/>
    </row>
    <row r="3835" spans="1:30">
      <c r="A3835" s="5" t="s">
        <v>83578</v>
      </c>
      <c r="B3835" s="2" t="s">
        <v>95107</v>
      </c>
      <c r="C3835" s="14" t="s">
        <v>95108</v>
      </c>
      <c r="D3835" s="2" t="s">
        <v>95109</v>
      </c>
      <c r="E3835" s="2" t="s">
        <v>47266</v>
      </c>
      <c r="F3835" s="8">
        <v>289</v>
      </c>
      <c r="G3835" s="5">
        <v>6</v>
      </c>
      <c r="H3835" s="5" t="s">
        <v>1518</v>
      </c>
      <c r="I3835" s="5" t="s">
        <v>40939</v>
      </c>
      <c r="J3835" s="2" t="s">
        <v>40940</v>
      </c>
      <c r="K3835" s="5" t="s">
        <v>40939</v>
      </c>
      <c r="L3835" s="2" t="s">
        <v>40940</v>
      </c>
      <c r="M3835" s="5" t="s">
        <v>36266</v>
      </c>
      <c r="N3835" s="5" t="s">
        <v>38</v>
      </c>
      <c r="O3835" s="5" t="s">
        <v>39</v>
      </c>
      <c r="P3835" s="5" t="s">
        <v>40</v>
      </c>
      <c r="Q3835" s="5" t="s">
        <v>1522</v>
      </c>
      <c r="R3835" s="5" t="s">
        <v>1523</v>
      </c>
      <c r="S3835" s="5" t="s">
        <v>42</v>
      </c>
      <c r="T3835" s="2">
        <v>2.6579999999999999</v>
      </c>
      <c r="U3835" s="2">
        <v>2.121</v>
      </c>
      <c r="V3835" s="2">
        <v>1.2999999999999999E-2</v>
      </c>
      <c r="W3835" s="2">
        <v>99.1</v>
      </c>
      <c r="X3835" s="2">
        <v>7.6</v>
      </c>
      <c r="Y3835" s="2">
        <v>16.7</v>
      </c>
      <c r="Z3835" s="5"/>
      <c r="AA3835" s="5" t="s">
        <v>43</v>
      </c>
      <c r="AB3835" s="5" t="s">
        <v>44</v>
      </c>
      <c r="AC3835" s="2"/>
      <c r="AD3835" s="1"/>
    </row>
    <row r="3836" spans="1:30">
      <c r="A3836" s="5" t="s">
        <v>83578</v>
      </c>
      <c r="B3836" s="2" t="s">
        <v>95110</v>
      </c>
      <c r="C3836" s="14" t="s">
        <v>95111</v>
      </c>
      <c r="D3836" s="2" t="s">
        <v>95112</v>
      </c>
      <c r="E3836" s="2" t="s">
        <v>47195</v>
      </c>
      <c r="F3836" s="8">
        <v>289</v>
      </c>
      <c r="G3836" s="5">
        <v>6</v>
      </c>
      <c r="H3836" s="5" t="s">
        <v>1518</v>
      </c>
      <c r="I3836" s="5" t="s">
        <v>40939</v>
      </c>
      <c r="J3836" s="2" t="s">
        <v>40940</v>
      </c>
      <c r="K3836" s="5" t="s">
        <v>40939</v>
      </c>
      <c r="L3836" s="2" t="s">
        <v>40940</v>
      </c>
      <c r="M3836" s="5" t="s">
        <v>36266</v>
      </c>
      <c r="N3836" s="5" t="s">
        <v>38</v>
      </c>
      <c r="O3836" s="5" t="s">
        <v>39</v>
      </c>
      <c r="P3836" s="5" t="s">
        <v>40</v>
      </c>
      <c r="Q3836" s="5" t="s">
        <v>1522</v>
      </c>
      <c r="R3836" s="5" t="s">
        <v>1523</v>
      </c>
      <c r="S3836" s="5" t="s">
        <v>42</v>
      </c>
      <c r="T3836" s="2">
        <v>2.7360000000000002</v>
      </c>
      <c r="U3836" s="2">
        <v>2.1989999999999998</v>
      </c>
      <c r="V3836" s="2">
        <v>1.2999999999999999E-2</v>
      </c>
      <c r="W3836" s="2">
        <v>99.1</v>
      </c>
      <c r="X3836" s="2">
        <v>7.6</v>
      </c>
      <c r="Y3836" s="2">
        <v>16.7</v>
      </c>
      <c r="Z3836" s="5"/>
      <c r="AA3836" s="5" t="s">
        <v>43</v>
      </c>
      <c r="AB3836" s="5" t="s">
        <v>44</v>
      </c>
      <c r="AC3836" s="2"/>
      <c r="AD3836" s="1"/>
    </row>
    <row r="3837" spans="1:30">
      <c r="A3837" s="5" t="s">
        <v>83578</v>
      </c>
      <c r="B3837" s="2" t="s">
        <v>95113</v>
      </c>
      <c r="C3837" s="14" t="s">
        <v>95114</v>
      </c>
      <c r="D3837" s="2" t="s">
        <v>95115</v>
      </c>
      <c r="E3837" s="2" t="s">
        <v>7521</v>
      </c>
      <c r="F3837" s="8">
        <v>269</v>
      </c>
      <c r="G3837" s="5">
        <v>6</v>
      </c>
      <c r="H3837" s="5" t="s">
        <v>1518</v>
      </c>
      <c r="I3837" s="5" t="s">
        <v>40939</v>
      </c>
      <c r="J3837" s="2" t="s">
        <v>40940</v>
      </c>
      <c r="K3837" s="5" t="s">
        <v>40939</v>
      </c>
      <c r="L3837" s="2" t="s">
        <v>40940</v>
      </c>
      <c r="M3837" s="5" t="s">
        <v>36266</v>
      </c>
      <c r="N3837" s="5" t="s">
        <v>38</v>
      </c>
      <c r="O3837" s="5" t="s">
        <v>39</v>
      </c>
      <c r="P3837" s="5" t="s">
        <v>40</v>
      </c>
      <c r="Q3837" s="5" t="s">
        <v>1522</v>
      </c>
      <c r="R3837" s="5" t="s">
        <v>1523</v>
      </c>
      <c r="S3837" s="5" t="s">
        <v>42</v>
      </c>
      <c r="T3837" s="2">
        <v>2.7429999999999999</v>
      </c>
      <c r="U3837" s="2">
        <v>2.206</v>
      </c>
      <c r="V3837" s="2">
        <v>1.2999999999999999E-2</v>
      </c>
      <c r="W3837" s="2">
        <v>99.1</v>
      </c>
      <c r="X3837" s="2">
        <v>7.6</v>
      </c>
      <c r="Y3837" s="2">
        <v>16.7</v>
      </c>
      <c r="Z3837" s="5"/>
      <c r="AA3837" s="5" t="s">
        <v>43</v>
      </c>
      <c r="AB3837" s="5" t="s">
        <v>44</v>
      </c>
      <c r="AC3837" s="2"/>
      <c r="AD3837" s="1"/>
    </row>
    <row r="3838" spans="1:30">
      <c r="A3838" s="5" t="s">
        <v>83578</v>
      </c>
      <c r="B3838" s="2" t="s">
        <v>95116</v>
      </c>
      <c r="C3838" s="14" t="s">
        <v>95117</v>
      </c>
      <c r="D3838" s="2" t="s">
        <v>95118</v>
      </c>
      <c r="E3838" s="2" t="s">
        <v>36273</v>
      </c>
      <c r="F3838" s="8">
        <v>269</v>
      </c>
      <c r="G3838" s="5">
        <v>6</v>
      </c>
      <c r="H3838" s="5" t="s">
        <v>1518</v>
      </c>
      <c r="I3838" s="5" t="s">
        <v>40939</v>
      </c>
      <c r="J3838" s="2" t="s">
        <v>40940</v>
      </c>
      <c r="K3838" s="5" t="s">
        <v>40939</v>
      </c>
      <c r="L3838" s="2" t="s">
        <v>40940</v>
      </c>
      <c r="M3838" s="5" t="s">
        <v>36266</v>
      </c>
      <c r="N3838" s="5" t="s">
        <v>38</v>
      </c>
      <c r="O3838" s="5" t="s">
        <v>39</v>
      </c>
      <c r="P3838" s="5" t="s">
        <v>40</v>
      </c>
      <c r="Q3838" s="5" t="s">
        <v>1522</v>
      </c>
      <c r="R3838" s="5" t="s">
        <v>1523</v>
      </c>
      <c r="S3838" s="5" t="s">
        <v>42</v>
      </c>
      <c r="T3838" s="2">
        <v>2.68</v>
      </c>
      <c r="U3838" s="2">
        <v>2.1429999999999998</v>
      </c>
      <c r="V3838" s="2">
        <v>1.2999999999999999E-2</v>
      </c>
      <c r="W3838" s="2">
        <v>99.1</v>
      </c>
      <c r="X3838" s="2">
        <v>7.6</v>
      </c>
      <c r="Y3838" s="2">
        <v>16.7</v>
      </c>
      <c r="Z3838" s="5"/>
      <c r="AA3838" s="5" t="s">
        <v>43</v>
      </c>
      <c r="AB3838" s="5" t="s">
        <v>44</v>
      </c>
      <c r="AC3838" s="2"/>
      <c r="AD3838" s="1"/>
    </row>
    <row r="3839" spans="1:30">
      <c r="A3839" s="5" t="s">
        <v>83578</v>
      </c>
      <c r="B3839" s="2" t="s">
        <v>95119</v>
      </c>
      <c r="C3839" s="14" t="s">
        <v>95120</v>
      </c>
      <c r="D3839" s="2" t="s">
        <v>95121</v>
      </c>
      <c r="E3839" s="2" t="s">
        <v>36277</v>
      </c>
      <c r="F3839" s="8">
        <v>269</v>
      </c>
      <c r="G3839" s="5">
        <v>6</v>
      </c>
      <c r="H3839" s="5" t="s">
        <v>1518</v>
      </c>
      <c r="I3839" s="5" t="s">
        <v>40939</v>
      </c>
      <c r="J3839" s="2" t="s">
        <v>40940</v>
      </c>
      <c r="K3839" s="5" t="s">
        <v>40939</v>
      </c>
      <c r="L3839" s="2" t="s">
        <v>40940</v>
      </c>
      <c r="M3839" s="5" t="s">
        <v>36266</v>
      </c>
      <c r="N3839" s="5" t="s">
        <v>38</v>
      </c>
      <c r="O3839" s="5" t="s">
        <v>39</v>
      </c>
      <c r="P3839" s="5" t="s">
        <v>40</v>
      </c>
      <c r="Q3839" s="5" t="s">
        <v>1522</v>
      </c>
      <c r="R3839" s="5" t="s">
        <v>1523</v>
      </c>
      <c r="S3839" s="5" t="s">
        <v>42</v>
      </c>
      <c r="T3839" s="2">
        <v>2.758</v>
      </c>
      <c r="U3839" s="2">
        <v>2.2210000000000001</v>
      </c>
      <c r="V3839" s="2">
        <v>1.2999999999999999E-2</v>
      </c>
      <c r="W3839" s="2">
        <v>99.1</v>
      </c>
      <c r="X3839" s="2">
        <v>7.6</v>
      </c>
      <c r="Y3839" s="2">
        <v>16.7</v>
      </c>
      <c r="Z3839" s="5"/>
      <c r="AA3839" s="5" t="s">
        <v>43</v>
      </c>
      <c r="AB3839" s="5" t="s">
        <v>44</v>
      </c>
      <c r="AC3839" s="2"/>
      <c r="AD3839" s="1"/>
    </row>
    <row r="3840" spans="1:30">
      <c r="A3840" s="5" t="s">
        <v>83578</v>
      </c>
      <c r="B3840" s="2" t="s">
        <v>95122</v>
      </c>
      <c r="C3840" s="14" t="s">
        <v>95123</v>
      </c>
      <c r="D3840" s="2" t="s">
        <v>95124</v>
      </c>
      <c r="E3840" s="2" t="s">
        <v>40967</v>
      </c>
      <c r="F3840" s="8">
        <v>289</v>
      </c>
      <c r="G3840" s="5">
        <v>6</v>
      </c>
      <c r="H3840" s="5" t="s">
        <v>1518</v>
      </c>
      <c r="I3840" s="5" t="s">
        <v>40939</v>
      </c>
      <c r="J3840" s="2" t="s">
        <v>40940</v>
      </c>
      <c r="K3840" s="5" t="s">
        <v>40939</v>
      </c>
      <c r="L3840" s="2" t="s">
        <v>40940</v>
      </c>
      <c r="M3840" s="5" t="s">
        <v>36266</v>
      </c>
      <c r="N3840" s="5" t="s">
        <v>38</v>
      </c>
      <c r="O3840" s="5" t="s">
        <v>39</v>
      </c>
      <c r="P3840" s="5" t="s">
        <v>40</v>
      </c>
      <c r="Q3840" s="5" t="s">
        <v>1522</v>
      </c>
      <c r="R3840" s="5" t="s">
        <v>1523</v>
      </c>
      <c r="S3840" s="5" t="s">
        <v>42</v>
      </c>
      <c r="T3840" s="2">
        <v>2.665</v>
      </c>
      <c r="U3840" s="2">
        <v>2.1280000000000001</v>
      </c>
      <c r="V3840" s="2">
        <v>1.2999999999999999E-2</v>
      </c>
      <c r="W3840" s="2">
        <v>99.1</v>
      </c>
      <c r="X3840" s="2">
        <v>7.6</v>
      </c>
      <c r="Y3840" s="2">
        <v>16.7</v>
      </c>
      <c r="Z3840" s="5"/>
      <c r="AA3840" s="5" t="s">
        <v>43</v>
      </c>
      <c r="AB3840" s="5" t="s">
        <v>44</v>
      </c>
      <c r="AC3840" s="2"/>
      <c r="AD3840" s="1"/>
    </row>
    <row r="3841" spans="1:30">
      <c r="A3841" s="5" t="s">
        <v>83578</v>
      </c>
      <c r="B3841" s="2" t="s">
        <v>95125</v>
      </c>
      <c r="C3841" s="14" t="s">
        <v>95126</v>
      </c>
      <c r="D3841" s="2" t="s">
        <v>95127</v>
      </c>
      <c r="E3841" s="2" t="s">
        <v>40971</v>
      </c>
      <c r="F3841" s="8">
        <v>289</v>
      </c>
      <c r="G3841" s="5">
        <v>6</v>
      </c>
      <c r="H3841" s="5" t="s">
        <v>1518</v>
      </c>
      <c r="I3841" s="5" t="s">
        <v>40939</v>
      </c>
      <c r="J3841" s="2" t="s">
        <v>40940</v>
      </c>
      <c r="K3841" s="5" t="s">
        <v>40939</v>
      </c>
      <c r="L3841" s="2" t="s">
        <v>40940</v>
      </c>
      <c r="M3841" s="5" t="s">
        <v>36266</v>
      </c>
      <c r="N3841" s="5" t="s">
        <v>38</v>
      </c>
      <c r="O3841" s="5" t="s">
        <v>39</v>
      </c>
      <c r="P3841" s="5" t="s">
        <v>40</v>
      </c>
      <c r="Q3841" s="5" t="s">
        <v>1522</v>
      </c>
      <c r="R3841" s="5" t="s">
        <v>1523</v>
      </c>
      <c r="S3841" s="5" t="s">
        <v>42</v>
      </c>
      <c r="T3841" s="2">
        <v>2.7429999999999999</v>
      </c>
      <c r="U3841" s="2">
        <v>2.206</v>
      </c>
      <c r="V3841" s="2">
        <v>1.2999999999999999E-2</v>
      </c>
      <c r="W3841" s="2">
        <v>99.1</v>
      </c>
      <c r="X3841" s="2">
        <v>7.6</v>
      </c>
      <c r="Y3841" s="2">
        <v>16.7</v>
      </c>
      <c r="Z3841" s="5"/>
      <c r="AA3841" s="5" t="s">
        <v>43</v>
      </c>
      <c r="AB3841" s="5" t="s">
        <v>44</v>
      </c>
      <c r="AC3841" s="2"/>
      <c r="AD3841" s="1"/>
    </row>
    <row r="3842" spans="1:30">
      <c r="A3842" s="5" t="s">
        <v>83578</v>
      </c>
      <c r="B3842" s="2" t="s">
        <v>95128</v>
      </c>
      <c r="C3842" s="14" t="s">
        <v>95129</v>
      </c>
      <c r="D3842" s="2" t="s">
        <v>95130</v>
      </c>
      <c r="E3842" s="2" t="s">
        <v>47226</v>
      </c>
      <c r="F3842" s="8">
        <v>289</v>
      </c>
      <c r="G3842" s="5">
        <v>6</v>
      </c>
      <c r="H3842" s="5" t="s">
        <v>1518</v>
      </c>
      <c r="I3842" s="5" t="s">
        <v>40939</v>
      </c>
      <c r="J3842" s="2" t="s">
        <v>40940</v>
      </c>
      <c r="K3842" s="5" t="s">
        <v>40939</v>
      </c>
      <c r="L3842" s="2" t="s">
        <v>40940</v>
      </c>
      <c r="M3842" s="5" t="s">
        <v>36266</v>
      </c>
      <c r="N3842" s="5" t="s">
        <v>38</v>
      </c>
      <c r="O3842" s="5" t="s">
        <v>39</v>
      </c>
      <c r="P3842" s="5" t="s">
        <v>40</v>
      </c>
      <c r="Q3842" s="5" t="s">
        <v>1522</v>
      </c>
      <c r="R3842" s="5" t="s">
        <v>1523</v>
      </c>
      <c r="S3842" s="5" t="s">
        <v>42</v>
      </c>
      <c r="T3842" s="2">
        <v>2.665</v>
      </c>
      <c r="U3842" s="2">
        <v>2.1280000000000001</v>
      </c>
      <c r="V3842" s="2">
        <v>1.2999999999999999E-2</v>
      </c>
      <c r="W3842" s="2">
        <v>99.1</v>
      </c>
      <c r="X3842" s="2">
        <v>7.6</v>
      </c>
      <c r="Y3842" s="2">
        <v>16.7</v>
      </c>
      <c r="Z3842" s="5"/>
      <c r="AA3842" s="5" t="s">
        <v>43</v>
      </c>
      <c r="AB3842" s="5" t="s">
        <v>44</v>
      </c>
      <c r="AC3842" s="2"/>
      <c r="AD3842" s="1"/>
    </row>
    <row r="3843" spans="1:30">
      <c r="A3843" s="5" t="s">
        <v>83578</v>
      </c>
      <c r="B3843" s="2" t="s">
        <v>95131</v>
      </c>
      <c r="C3843" s="14" t="s">
        <v>95132</v>
      </c>
      <c r="D3843" s="2" t="s">
        <v>95133</v>
      </c>
      <c r="E3843" s="2" t="s">
        <v>47735</v>
      </c>
      <c r="F3843" s="8">
        <v>289</v>
      </c>
      <c r="G3843" s="5">
        <v>6</v>
      </c>
      <c r="H3843" s="5" t="s">
        <v>1518</v>
      </c>
      <c r="I3843" s="5" t="s">
        <v>40939</v>
      </c>
      <c r="J3843" s="2" t="s">
        <v>40940</v>
      </c>
      <c r="K3843" s="5" t="s">
        <v>40939</v>
      </c>
      <c r="L3843" s="2" t="s">
        <v>40940</v>
      </c>
      <c r="M3843" s="5" t="s">
        <v>36266</v>
      </c>
      <c r="N3843" s="5" t="s">
        <v>38</v>
      </c>
      <c r="O3843" s="5" t="s">
        <v>39</v>
      </c>
      <c r="P3843" s="5" t="s">
        <v>40</v>
      </c>
      <c r="Q3843" s="5" t="s">
        <v>1522</v>
      </c>
      <c r="R3843" s="5" t="s">
        <v>1523</v>
      </c>
      <c r="S3843" s="5" t="s">
        <v>42</v>
      </c>
      <c r="T3843" s="2">
        <v>2.7429999999999999</v>
      </c>
      <c r="U3843" s="2">
        <v>2.206</v>
      </c>
      <c r="V3843" s="2">
        <v>1.2999999999999999E-2</v>
      </c>
      <c r="W3843" s="2">
        <v>99.1</v>
      </c>
      <c r="X3843" s="2">
        <v>7.6</v>
      </c>
      <c r="Y3843" s="2">
        <v>16.7</v>
      </c>
      <c r="Z3843" s="5"/>
      <c r="AA3843" s="5" t="s">
        <v>43</v>
      </c>
      <c r="AB3843" s="5" t="s">
        <v>44</v>
      </c>
      <c r="AC3843" s="2"/>
      <c r="AD3843" s="1"/>
    </row>
    <row r="3844" spans="1:30">
      <c r="A3844" s="5" t="s">
        <v>83578</v>
      </c>
      <c r="B3844" s="2" t="s">
        <v>95134</v>
      </c>
      <c r="C3844" s="14" t="s">
        <v>95135</v>
      </c>
      <c r="D3844" s="2" t="s">
        <v>95136</v>
      </c>
      <c r="E3844" s="2" t="s">
        <v>7539</v>
      </c>
      <c r="F3844" s="8">
        <v>289</v>
      </c>
      <c r="G3844" s="5">
        <v>6</v>
      </c>
      <c r="H3844" s="5" t="s">
        <v>1518</v>
      </c>
      <c r="I3844" s="5" t="s">
        <v>40939</v>
      </c>
      <c r="J3844" s="2" t="s">
        <v>40940</v>
      </c>
      <c r="K3844" s="5" t="s">
        <v>40939</v>
      </c>
      <c r="L3844" s="2" t="s">
        <v>40940</v>
      </c>
      <c r="M3844" s="5" t="s">
        <v>36266</v>
      </c>
      <c r="N3844" s="5" t="s">
        <v>38</v>
      </c>
      <c r="O3844" s="5" t="s">
        <v>39</v>
      </c>
      <c r="P3844" s="5" t="s">
        <v>40</v>
      </c>
      <c r="Q3844" s="5" t="s">
        <v>1522</v>
      </c>
      <c r="R3844" s="5" t="s">
        <v>1523</v>
      </c>
      <c r="S3844" s="5" t="s">
        <v>42</v>
      </c>
      <c r="T3844" s="2">
        <v>2.629</v>
      </c>
      <c r="U3844" s="2">
        <v>2.0920000000000001</v>
      </c>
      <c r="V3844" s="2">
        <v>1.2999999999999999E-2</v>
      </c>
      <c r="W3844" s="2">
        <v>99.1</v>
      </c>
      <c r="X3844" s="2">
        <v>7.6</v>
      </c>
      <c r="Y3844" s="2">
        <v>16.7</v>
      </c>
      <c r="Z3844" s="5"/>
      <c r="AA3844" s="5" t="s">
        <v>43</v>
      </c>
      <c r="AB3844" s="5" t="s">
        <v>44</v>
      </c>
      <c r="AC3844" s="2"/>
      <c r="AD3844" s="1"/>
    </row>
    <row r="3845" spans="1:30">
      <c r="A3845" s="5" t="s">
        <v>83578</v>
      </c>
      <c r="B3845" s="2" t="s">
        <v>95137</v>
      </c>
      <c r="C3845" s="14" t="s">
        <v>95138</v>
      </c>
      <c r="D3845" s="2" t="s">
        <v>95139</v>
      </c>
      <c r="E3845" s="2" t="s">
        <v>7543</v>
      </c>
      <c r="F3845" s="8">
        <v>289</v>
      </c>
      <c r="G3845" s="5">
        <v>6</v>
      </c>
      <c r="H3845" s="5" t="s">
        <v>1518</v>
      </c>
      <c r="I3845" s="5" t="s">
        <v>40939</v>
      </c>
      <c r="J3845" s="2" t="s">
        <v>40940</v>
      </c>
      <c r="K3845" s="5" t="s">
        <v>40939</v>
      </c>
      <c r="L3845" s="2" t="s">
        <v>40940</v>
      </c>
      <c r="M3845" s="5" t="s">
        <v>36266</v>
      </c>
      <c r="N3845" s="5" t="s">
        <v>38</v>
      </c>
      <c r="O3845" s="5" t="s">
        <v>39</v>
      </c>
      <c r="P3845" s="5" t="s">
        <v>40</v>
      </c>
      <c r="Q3845" s="5" t="s">
        <v>1522</v>
      </c>
      <c r="R3845" s="5" t="s">
        <v>1523</v>
      </c>
      <c r="S3845" s="5" t="s">
        <v>42</v>
      </c>
      <c r="T3845" s="2">
        <v>2.7069999999999999</v>
      </c>
      <c r="U3845" s="2">
        <v>2.17</v>
      </c>
      <c r="V3845" s="2">
        <v>1.2999999999999999E-2</v>
      </c>
      <c r="W3845" s="2">
        <v>99.1</v>
      </c>
      <c r="X3845" s="2">
        <v>7.6</v>
      </c>
      <c r="Y3845" s="2">
        <v>16.7</v>
      </c>
      <c r="Z3845" s="5"/>
      <c r="AA3845" s="5" t="s">
        <v>43</v>
      </c>
      <c r="AB3845" s="5" t="s">
        <v>44</v>
      </c>
      <c r="AC3845" s="2"/>
      <c r="AD3845" s="1"/>
    </row>
    <row r="3846" spans="1:30">
      <c r="A3846" s="5" t="s">
        <v>83578</v>
      </c>
      <c r="B3846" s="2" t="s">
        <v>95140</v>
      </c>
      <c r="C3846" s="14" t="s">
        <v>95141</v>
      </c>
      <c r="D3846" s="2" t="s">
        <v>95142</v>
      </c>
      <c r="E3846" s="2" t="s">
        <v>40993</v>
      </c>
      <c r="F3846" s="8">
        <v>289</v>
      </c>
      <c r="G3846" s="5">
        <v>6</v>
      </c>
      <c r="H3846" s="5" t="s">
        <v>1518</v>
      </c>
      <c r="I3846" s="5" t="s">
        <v>40939</v>
      </c>
      <c r="J3846" s="2" t="s">
        <v>40940</v>
      </c>
      <c r="K3846" s="5" t="s">
        <v>40939</v>
      </c>
      <c r="L3846" s="2" t="s">
        <v>40940</v>
      </c>
      <c r="M3846" s="5" t="s">
        <v>36266</v>
      </c>
      <c r="N3846" s="5" t="s">
        <v>38</v>
      </c>
      <c r="O3846" s="5" t="s">
        <v>39</v>
      </c>
      <c r="P3846" s="5" t="s">
        <v>40</v>
      </c>
      <c r="Q3846" s="5" t="s">
        <v>1522</v>
      </c>
      <c r="R3846" s="5" t="s">
        <v>1523</v>
      </c>
      <c r="S3846" s="5" t="s">
        <v>42</v>
      </c>
      <c r="T3846" s="2">
        <v>2.7429999999999999</v>
      </c>
      <c r="U3846" s="2">
        <v>2.206</v>
      </c>
      <c r="V3846" s="2">
        <v>1.2999999999999999E-2</v>
      </c>
      <c r="W3846" s="2">
        <v>99.1</v>
      </c>
      <c r="X3846" s="2">
        <v>7.6</v>
      </c>
      <c r="Y3846" s="2">
        <v>16.7</v>
      </c>
      <c r="Z3846" s="5"/>
      <c r="AA3846" s="5" t="s">
        <v>43</v>
      </c>
      <c r="AB3846" s="5" t="s">
        <v>44</v>
      </c>
      <c r="AC3846" s="2"/>
      <c r="AD3846" s="1"/>
    </row>
    <row r="3847" spans="1:30">
      <c r="A3847" s="5" t="s">
        <v>83578</v>
      </c>
      <c r="B3847" s="2" t="s">
        <v>95143</v>
      </c>
      <c r="C3847" s="14" t="s">
        <v>95144</v>
      </c>
      <c r="D3847" s="2" t="s">
        <v>95145</v>
      </c>
      <c r="E3847" s="2" t="s">
        <v>40997</v>
      </c>
      <c r="F3847" s="8">
        <v>289</v>
      </c>
      <c r="G3847" s="5">
        <v>6</v>
      </c>
      <c r="H3847" s="5" t="s">
        <v>1518</v>
      </c>
      <c r="I3847" s="5" t="s">
        <v>40939</v>
      </c>
      <c r="J3847" s="2" t="s">
        <v>40940</v>
      </c>
      <c r="K3847" s="5" t="s">
        <v>40939</v>
      </c>
      <c r="L3847" s="2" t="s">
        <v>40940</v>
      </c>
      <c r="M3847" s="5" t="s">
        <v>36266</v>
      </c>
      <c r="N3847" s="5" t="s">
        <v>38</v>
      </c>
      <c r="O3847" s="5" t="s">
        <v>39</v>
      </c>
      <c r="P3847" s="5" t="s">
        <v>40</v>
      </c>
      <c r="Q3847" s="5" t="s">
        <v>1522</v>
      </c>
      <c r="R3847" s="5" t="s">
        <v>1523</v>
      </c>
      <c r="S3847" s="5" t="s">
        <v>42</v>
      </c>
      <c r="T3847" s="2">
        <v>2.6360000000000001</v>
      </c>
      <c r="U3847" s="2">
        <v>2.0990000000000002</v>
      </c>
      <c r="V3847" s="2">
        <v>1.2999999999999999E-2</v>
      </c>
      <c r="W3847" s="2">
        <v>99.1</v>
      </c>
      <c r="X3847" s="2">
        <v>7.6</v>
      </c>
      <c r="Y3847" s="2">
        <v>16.7</v>
      </c>
      <c r="Z3847" s="5"/>
      <c r="AA3847" s="5" t="s">
        <v>43</v>
      </c>
      <c r="AB3847" s="5" t="s">
        <v>44</v>
      </c>
      <c r="AC3847" s="2"/>
      <c r="AD3847" s="1"/>
    </row>
    <row r="3848" spans="1:30">
      <c r="A3848" s="5" t="s">
        <v>83578</v>
      </c>
      <c r="B3848" s="2" t="s">
        <v>95146</v>
      </c>
      <c r="C3848" s="14" t="s">
        <v>95147</v>
      </c>
      <c r="D3848" s="2" t="s">
        <v>95148</v>
      </c>
      <c r="E3848" s="2" t="s">
        <v>41267</v>
      </c>
      <c r="F3848" s="8">
        <v>289</v>
      </c>
      <c r="G3848" s="5">
        <v>6</v>
      </c>
      <c r="H3848" s="5" t="s">
        <v>1518</v>
      </c>
      <c r="I3848" s="5" t="s">
        <v>40939</v>
      </c>
      <c r="J3848" s="2" t="s">
        <v>40940</v>
      </c>
      <c r="K3848" s="5" t="s">
        <v>40939</v>
      </c>
      <c r="L3848" s="2" t="s">
        <v>40940</v>
      </c>
      <c r="M3848" s="5" t="s">
        <v>36266</v>
      </c>
      <c r="N3848" s="5" t="s">
        <v>38</v>
      </c>
      <c r="O3848" s="5" t="s">
        <v>39</v>
      </c>
      <c r="P3848" s="5" t="s">
        <v>40</v>
      </c>
      <c r="Q3848" s="5" t="s">
        <v>1522</v>
      </c>
      <c r="R3848" s="5" t="s">
        <v>1523</v>
      </c>
      <c r="S3848" s="5" t="s">
        <v>42</v>
      </c>
      <c r="T3848" s="2">
        <v>2.714</v>
      </c>
      <c r="U3848" s="2">
        <v>2.177</v>
      </c>
      <c r="V3848" s="2">
        <v>1.2999999999999999E-2</v>
      </c>
      <c r="W3848" s="2">
        <v>99.1</v>
      </c>
      <c r="X3848" s="2">
        <v>7.6</v>
      </c>
      <c r="Y3848" s="2">
        <v>16.7</v>
      </c>
      <c r="Z3848" s="5"/>
      <c r="AA3848" s="5" t="s">
        <v>43</v>
      </c>
      <c r="AB3848" s="5" t="s">
        <v>44</v>
      </c>
      <c r="AC3848" s="2"/>
      <c r="AD3848" s="1"/>
    </row>
    <row r="3849" spans="1:30">
      <c r="A3849" s="5" t="s">
        <v>83578</v>
      </c>
      <c r="B3849" s="2" t="s">
        <v>95149</v>
      </c>
      <c r="C3849" s="14" t="s">
        <v>95150</v>
      </c>
      <c r="D3849" s="2" t="s">
        <v>95151</v>
      </c>
      <c r="E3849" s="2" t="s">
        <v>41001</v>
      </c>
      <c r="F3849" s="8">
        <v>289</v>
      </c>
      <c r="G3849" s="5">
        <v>6</v>
      </c>
      <c r="H3849" s="5" t="s">
        <v>1518</v>
      </c>
      <c r="I3849" s="5" t="s">
        <v>40939</v>
      </c>
      <c r="J3849" s="2" t="s">
        <v>40940</v>
      </c>
      <c r="K3849" s="5" t="s">
        <v>40939</v>
      </c>
      <c r="L3849" s="2" t="s">
        <v>40940</v>
      </c>
      <c r="M3849" s="5" t="s">
        <v>36266</v>
      </c>
      <c r="N3849" s="5" t="s">
        <v>38</v>
      </c>
      <c r="O3849" s="5" t="s">
        <v>39</v>
      </c>
      <c r="P3849" s="5" t="s">
        <v>40</v>
      </c>
      <c r="Q3849" s="5" t="s">
        <v>1522</v>
      </c>
      <c r="R3849" s="5" t="s">
        <v>1523</v>
      </c>
      <c r="S3849" s="5" t="s">
        <v>42</v>
      </c>
      <c r="T3849" s="2">
        <v>2.665</v>
      </c>
      <c r="U3849" s="2">
        <v>2.1280000000000001</v>
      </c>
      <c r="V3849" s="2">
        <v>1.2999999999999999E-2</v>
      </c>
      <c r="W3849" s="2">
        <v>99.1</v>
      </c>
      <c r="X3849" s="2">
        <v>7.6</v>
      </c>
      <c r="Y3849" s="2">
        <v>16.7</v>
      </c>
      <c r="Z3849" s="5"/>
      <c r="AA3849" s="5" t="s">
        <v>43</v>
      </c>
      <c r="AB3849" s="5" t="s">
        <v>44</v>
      </c>
      <c r="AC3849" s="2"/>
      <c r="AD3849" s="1"/>
    </row>
    <row r="3850" spans="1:30">
      <c r="A3850" s="5" t="s">
        <v>83578</v>
      </c>
      <c r="B3850" s="2" t="s">
        <v>95152</v>
      </c>
      <c r="C3850" s="14" t="s">
        <v>95153</v>
      </c>
      <c r="D3850" s="2" t="s">
        <v>95154</v>
      </c>
      <c r="E3850" s="2" t="s">
        <v>41005</v>
      </c>
      <c r="F3850" s="8">
        <v>289</v>
      </c>
      <c r="G3850" s="5">
        <v>6</v>
      </c>
      <c r="H3850" s="5" t="s">
        <v>1518</v>
      </c>
      <c r="I3850" s="5" t="s">
        <v>40939</v>
      </c>
      <c r="J3850" s="2" t="s">
        <v>40940</v>
      </c>
      <c r="K3850" s="5" t="s">
        <v>40939</v>
      </c>
      <c r="L3850" s="2" t="s">
        <v>40940</v>
      </c>
      <c r="M3850" s="5" t="s">
        <v>36266</v>
      </c>
      <c r="N3850" s="5" t="s">
        <v>38</v>
      </c>
      <c r="O3850" s="5" t="s">
        <v>39</v>
      </c>
      <c r="P3850" s="5" t="s">
        <v>40</v>
      </c>
      <c r="Q3850" s="5" t="s">
        <v>1522</v>
      </c>
      <c r="R3850" s="5" t="s">
        <v>1523</v>
      </c>
      <c r="S3850" s="5" t="s">
        <v>42</v>
      </c>
      <c r="T3850" s="2">
        <v>2.7429999999999999</v>
      </c>
      <c r="U3850" s="2">
        <v>2.206</v>
      </c>
      <c r="V3850" s="2">
        <v>1.2999999999999999E-2</v>
      </c>
      <c r="W3850" s="2">
        <v>99.1</v>
      </c>
      <c r="X3850" s="2">
        <v>7.6</v>
      </c>
      <c r="Y3850" s="2">
        <v>16.7</v>
      </c>
      <c r="Z3850" s="5"/>
      <c r="AA3850" s="5" t="s">
        <v>43</v>
      </c>
      <c r="AB3850" s="5" t="s">
        <v>44</v>
      </c>
      <c r="AC3850" s="2"/>
      <c r="AD3850" s="1"/>
    </row>
    <row r="3851" spans="1:30">
      <c r="A3851" s="5" t="s">
        <v>83578</v>
      </c>
      <c r="B3851" s="2" t="s">
        <v>95155</v>
      </c>
      <c r="C3851" s="14" t="s">
        <v>95156</v>
      </c>
      <c r="D3851" s="2" t="s">
        <v>95157</v>
      </c>
      <c r="E3851" s="2" t="s">
        <v>41009</v>
      </c>
      <c r="F3851" s="8">
        <v>289</v>
      </c>
      <c r="G3851" s="5">
        <v>6</v>
      </c>
      <c r="H3851" s="5" t="s">
        <v>1518</v>
      </c>
      <c r="I3851" s="5" t="s">
        <v>40939</v>
      </c>
      <c r="J3851" s="2" t="s">
        <v>40940</v>
      </c>
      <c r="K3851" s="5" t="s">
        <v>40939</v>
      </c>
      <c r="L3851" s="2" t="s">
        <v>40940</v>
      </c>
      <c r="M3851" s="5" t="s">
        <v>36266</v>
      </c>
      <c r="N3851" s="5" t="s">
        <v>38</v>
      </c>
      <c r="O3851" s="5" t="s">
        <v>39</v>
      </c>
      <c r="P3851" s="5" t="s">
        <v>40</v>
      </c>
      <c r="Q3851" s="5" t="s">
        <v>1522</v>
      </c>
      <c r="R3851" s="5" t="s">
        <v>1523</v>
      </c>
      <c r="S3851" s="5" t="s">
        <v>42</v>
      </c>
      <c r="T3851" s="2">
        <v>2.6720000000000002</v>
      </c>
      <c r="U3851" s="2">
        <v>2.1349999999999998</v>
      </c>
      <c r="V3851" s="2">
        <v>1.2999999999999999E-2</v>
      </c>
      <c r="W3851" s="2">
        <v>99.1</v>
      </c>
      <c r="X3851" s="2">
        <v>7.6</v>
      </c>
      <c r="Y3851" s="2">
        <v>16.7</v>
      </c>
      <c r="Z3851" s="5"/>
      <c r="AA3851" s="5" t="s">
        <v>43</v>
      </c>
      <c r="AB3851" s="5" t="s">
        <v>44</v>
      </c>
      <c r="AC3851" s="2"/>
      <c r="AD3851" s="1"/>
    </row>
    <row r="3852" spans="1:30">
      <c r="A3852" s="5" t="s">
        <v>83578</v>
      </c>
      <c r="B3852" s="2" t="s">
        <v>95158</v>
      </c>
      <c r="C3852" s="14" t="s">
        <v>95159</v>
      </c>
      <c r="D3852" s="2" t="s">
        <v>95160</v>
      </c>
      <c r="E3852" s="2" t="s">
        <v>7507</v>
      </c>
      <c r="F3852" s="8">
        <v>269</v>
      </c>
      <c r="G3852" s="5">
        <v>6</v>
      </c>
      <c r="H3852" s="5" t="s">
        <v>1518</v>
      </c>
      <c r="I3852" s="5" t="s">
        <v>40939</v>
      </c>
      <c r="J3852" s="2" t="s">
        <v>40940</v>
      </c>
      <c r="K3852" s="5" t="s">
        <v>40939</v>
      </c>
      <c r="L3852" s="2" t="s">
        <v>40940</v>
      </c>
      <c r="M3852" s="5" t="s">
        <v>36266</v>
      </c>
      <c r="N3852" s="5" t="s">
        <v>38</v>
      </c>
      <c r="O3852" s="5" t="s">
        <v>39</v>
      </c>
      <c r="P3852" s="5" t="s">
        <v>40</v>
      </c>
      <c r="Q3852" s="5" t="s">
        <v>1522</v>
      </c>
      <c r="R3852" s="5" t="s">
        <v>1523</v>
      </c>
      <c r="S3852" s="5" t="s">
        <v>42</v>
      </c>
      <c r="T3852" s="2">
        <v>2.75</v>
      </c>
      <c r="U3852" s="2">
        <v>2.2130000000000001</v>
      </c>
      <c r="V3852" s="2">
        <v>1.2999999999999999E-2</v>
      </c>
      <c r="W3852" s="2">
        <v>99.1</v>
      </c>
      <c r="X3852" s="2">
        <v>7.6</v>
      </c>
      <c r="Y3852" s="2">
        <v>16.7</v>
      </c>
      <c r="Z3852" s="5"/>
      <c r="AA3852" s="5" t="s">
        <v>43</v>
      </c>
      <c r="AB3852" s="5" t="s">
        <v>44</v>
      </c>
      <c r="AC3852" s="2"/>
      <c r="AD3852" s="1"/>
    </row>
    <row r="3853" spans="1:30">
      <c r="A3853" s="5" t="s">
        <v>83578</v>
      </c>
      <c r="B3853" s="2" t="s">
        <v>95161</v>
      </c>
      <c r="C3853" s="14" t="s">
        <v>95162</v>
      </c>
      <c r="D3853" s="2" t="s">
        <v>95163</v>
      </c>
      <c r="E3853" s="2" t="s">
        <v>41023</v>
      </c>
      <c r="F3853" s="8">
        <v>289</v>
      </c>
      <c r="G3853" s="5">
        <v>6</v>
      </c>
      <c r="H3853" s="5" t="s">
        <v>1518</v>
      </c>
      <c r="I3853" s="5" t="s">
        <v>40939</v>
      </c>
      <c r="J3853" s="2" t="s">
        <v>40940</v>
      </c>
      <c r="K3853" s="5" t="s">
        <v>40939</v>
      </c>
      <c r="L3853" s="2" t="s">
        <v>40940</v>
      </c>
      <c r="M3853" s="5" t="s">
        <v>36266</v>
      </c>
      <c r="N3853" s="5" t="s">
        <v>38</v>
      </c>
      <c r="O3853" s="5" t="s">
        <v>39</v>
      </c>
      <c r="P3853" s="5" t="s">
        <v>40</v>
      </c>
      <c r="Q3853" s="5" t="s">
        <v>1522</v>
      </c>
      <c r="R3853" s="5" t="s">
        <v>1523</v>
      </c>
      <c r="S3853" s="5" t="s">
        <v>42</v>
      </c>
      <c r="T3853" s="2">
        <v>2.6360000000000001</v>
      </c>
      <c r="U3853" s="2">
        <v>2.0990000000000002</v>
      </c>
      <c r="V3853" s="2">
        <v>1.2999999999999999E-2</v>
      </c>
      <c r="W3853" s="2">
        <v>99.1</v>
      </c>
      <c r="X3853" s="2">
        <v>7.6</v>
      </c>
      <c r="Y3853" s="2">
        <v>16.7</v>
      </c>
      <c r="Z3853" s="5"/>
      <c r="AA3853" s="5" t="s">
        <v>43</v>
      </c>
      <c r="AB3853" s="5" t="s">
        <v>44</v>
      </c>
      <c r="AC3853" s="2"/>
      <c r="AD3853" s="1"/>
    </row>
    <row r="3854" spans="1:30">
      <c r="A3854" s="5" t="s">
        <v>83578</v>
      </c>
      <c r="B3854" s="2" t="s">
        <v>95164</v>
      </c>
      <c r="C3854" s="14" t="s">
        <v>95165</v>
      </c>
      <c r="D3854" s="2" t="s">
        <v>95166</v>
      </c>
      <c r="E3854" s="2" t="s">
        <v>41027</v>
      </c>
      <c r="F3854" s="8">
        <v>289</v>
      </c>
      <c r="G3854" s="5">
        <v>6</v>
      </c>
      <c r="H3854" s="5" t="s">
        <v>1518</v>
      </c>
      <c r="I3854" s="5" t="s">
        <v>40939</v>
      </c>
      <c r="J3854" s="2" t="s">
        <v>40940</v>
      </c>
      <c r="K3854" s="5" t="s">
        <v>40939</v>
      </c>
      <c r="L3854" s="2" t="s">
        <v>40940</v>
      </c>
      <c r="M3854" s="5" t="s">
        <v>36266</v>
      </c>
      <c r="N3854" s="5" t="s">
        <v>38</v>
      </c>
      <c r="O3854" s="5" t="s">
        <v>39</v>
      </c>
      <c r="P3854" s="5" t="s">
        <v>40</v>
      </c>
      <c r="Q3854" s="5" t="s">
        <v>1522</v>
      </c>
      <c r="R3854" s="5" t="s">
        <v>1523</v>
      </c>
      <c r="S3854" s="5" t="s">
        <v>42</v>
      </c>
      <c r="T3854" s="2">
        <v>2.714</v>
      </c>
      <c r="U3854" s="2">
        <v>2.177</v>
      </c>
      <c r="V3854" s="2">
        <v>1.2999999999999999E-2</v>
      </c>
      <c r="W3854" s="2">
        <v>99.1</v>
      </c>
      <c r="X3854" s="2">
        <v>7.6</v>
      </c>
      <c r="Y3854" s="2">
        <v>16.7</v>
      </c>
      <c r="Z3854" s="5"/>
      <c r="AA3854" s="5" t="s">
        <v>43</v>
      </c>
      <c r="AB3854" s="5" t="s">
        <v>44</v>
      </c>
      <c r="AC3854" s="2"/>
      <c r="AD3854" s="1"/>
    </row>
    <row r="3855" spans="1:30">
      <c r="A3855" s="5" t="s">
        <v>83578</v>
      </c>
      <c r="B3855" s="2" t="s">
        <v>95167</v>
      </c>
      <c r="C3855" s="14" t="s">
        <v>95168</v>
      </c>
      <c r="D3855" s="2" t="s">
        <v>95169</v>
      </c>
      <c r="E3855" s="2" t="s">
        <v>41035</v>
      </c>
      <c r="F3855" s="8">
        <v>289</v>
      </c>
      <c r="G3855" s="5">
        <v>6</v>
      </c>
      <c r="H3855" s="5" t="s">
        <v>1518</v>
      </c>
      <c r="I3855" s="5" t="s">
        <v>40939</v>
      </c>
      <c r="J3855" s="2" t="s">
        <v>40940</v>
      </c>
      <c r="K3855" s="5" t="s">
        <v>40939</v>
      </c>
      <c r="L3855" s="2" t="s">
        <v>40940</v>
      </c>
      <c r="M3855" s="5" t="s">
        <v>36266</v>
      </c>
      <c r="N3855" s="5" t="s">
        <v>38</v>
      </c>
      <c r="O3855" s="5" t="s">
        <v>39</v>
      </c>
      <c r="P3855" s="5" t="s">
        <v>40</v>
      </c>
      <c r="Q3855" s="5" t="s">
        <v>1522</v>
      </c>
      <c r="R3855" s="5" t="s">
        <v>1523</v>
      </c>
      <c r="S3855" s="5" t="s">
        <v>42</v>
      </c>
      <c r="T3855" s="2">
        <v>2.714</v>
      </c>
      <c r="U3855" s="2">
        <v>2.177</v>
      </c>
      <c r="V3855" s="2">
        <v>1.2999999999999999E-2</v>
      </c>
      <c r="W3855" s="2">
        <v>99.1</v>
      </c>
      <c r="X3855" s="2">
        <v>7.6</v>
      </c>
      <c r="Y3855" s="2">
        <v>16.7</v>
      </c>
      <c r="Z3855" s="5"/>
      <c r="AA3855" s="5" t="s">
        <v>43</v>
      </c>
      <c r="AB3855" s="5" t="s">
        <v>44</v>
      </c>
      <c r="AC3855" s="2"/>
      <c r="AD3855" s="1"/>
    </row>
    <row r="3856" spans="1:30">
      <c r="A3856" s="5" t="s">
        <v>83578</v>
      </c>
      <c r="B3856" s="2" t="s">
        <v>95170</v>
      </c>
      <c r="C3856" s="14" t="s">
        <v>95171</v>
      </c>
      <c r="D3856" s="2" t="s">
        <v>95172</v>
      </c>
      <c r="E3856" s="2" t="s">
        <v>7449</v>
      </c>
      <c r="F3856" s="8">
        <v>289</v>
      </c>
      <c r="G3856" s="5">
        <v>6</v>
      </c>
      <c r="H3856" s="5" t="s">
        <v>1518</v>
      </c>
      <c r="I3856" s="5" t="s">
        <v>40939</v>
      </c>
      <c r="J3856" s="2" t="s">
        <v>40940</v>
      </c>
      <c r="K3856" s="5" t="s">
        <v>40939</v>
      </c>
      <c r="L3856" s="2" t="s">
        <v>40940</v>
      </c>
      <c r="M3856" s="5" t="s">
        <v>36266</v>
      </c>
      <c r="N3856" s="5" t="s">
        <v>38</v>
      </c>
      <c r="O3856" s="5" t="s">
        <v>39</v>
      </c>
      <c r="P3856" s="5" t="s">
        <v>40</v>
      </c>
      <c r="Q3856" s="5" t="s">
        <v>1522</v>
      </c>
      <c r="R3856" s="5" t="s">
        <v>1523</v>
      </c>
      <c r="S3856" s="5" t="s">
        <v>42</v>
      </c>
      <c r="T3856" s="2">
        <v>2.6360000000000001</v>
      </c>
      <c r="U3856" s="2">
        <v>2.0990000000000002</v>
      </c>
      <c r="V3856" s="2">
        <v>1.2999999999999999E-2</v>
      </c>
      <c r="W3856" s="2">
        <v>99.1</v>
      </c>
      <c r="X3856" s="2">
        <v>7.6</v>
      </c>
      <c r="Y3856" s="2">
        <v>16.7</v>
      </c>
      <c r="Z3856" s="5"/>
      <c r="AA3856" s="5" t="s">
        <v>43</v>
      </c>
      <c r="AB3856" s="5" t="s">
        <v>44</v>
      </c>
      <c r="AC3856" s="2"/>
      <c r="AD3856" s="1"/>
    </row>
    <row r="3857" spans="1:30">
      <c r="A3857" s="5" t="s">
        <v>83578</v>
      </c>
      <c r="B3857" s="2" t="s">
        <v>95173</v>
      </c>
      <c r="C3857" s="14" t="s">
        <v>95174</v>
      </c>
      <c r="D3857" s="2" t="s">
        <v>95175</v>
      </c>
      <c r="E3857" s="2" t="s">
        <v>7581</v>
      </c>
      <c r="F3857" s="8">
        <v>289</v>
      </c>
      <c r="G3857" s="5">
        <v>6</v>
      </c>
      <c r="H3857" s="5" t="s">
        <v>1518</v>
      </c>
      <c r="I3857" s="5" t="s">
        <v>40939</v>
      </c>
      <c r="J3857" s="2" t="s">
        <v>40940</v>
      </c>
      <c r="K3857" s="5" t="s">
        <v>40939</v>
      </c>
      <c r="L3857" s="2" t="s">
        <v>40940</v>
      </c>
      <c r="M3857" s="5" t="s">
        <v>36266</v>
      </c>
      <c r="N3857" s="5" t="s">
        <v>38</v>
      </c>
      <c r="O3857" s="5" t="s">
        <v>39</v>
      </c>
      <c r="P3857" s="5" t="s">
        <v>40</v>
      </c>
      <c r="Q3857" s="5" t="s">
        <v>1522</v>
      </c>
      <c r="R3857" s="5" t="s">
        <v>1523</v>
      </c>
      <c r="S3857" s="5" t="s">
        <v>42</v>
      </c>
      <c r="T3857" s="2">
        <v>2.714</v>
      </c>
      <c r="U3857" s="2">
        <v>2.177</v>
      </c>
      <c r="V3857" s="2">
        <v>1.2999999999999999E-2</v>
      </c>
      <c r="W3857" s="2">
        <v>99.1</v>
      </c>
      <c r="X3857" s="2">
        <v>7.6</v>
      </c>
      <c r="Y3857" s="2">
        <v>16.7</v>
      </c>
      <c r="Z3857" s="5"/>
      <c r="AA3857" s="5" t="s">
        <v>43</v>
      </c>
      <c r="AB3857" s="5" t="s">
        <v>44</v>
      </c>
      <c r="AC3857" s="2"/>
      <c r="AD3857" s="1"/>
    </row>
    <row r="3858" spans="1:30">
      <c r="A3858" s="5" t="s">
        <v>83578</v>
      </c>
      <c r="B3858" s="2" t="s">
        <v>95176</v>
      </c>
      <c r="C3858" s="14" t="s">
        <v>95177</v>
      </c>
      <c r="D3858" s="2" t="s">
        <v>95178</v>
      </c>
      <c r="E3858" s="2" t="s">
        <v>41045</v>
      </c>
      <c r="F3858" s="8">
        <v>289</v>
      </c>
      <c r="G3858" s="5">
        <v>6</v>
      </c>
      <c r="H3858" s="5" t="s">
        <v>1518</v>
      </c>
      <c r="I3858" s="5" t="s">
        <v>40939</v>
      </c>
      <c r="J3858" s="2" t="s">
        <v>40940</v>
      </c>
      <c r="K3858" s="5" t="s">
        <v>40939</v>
      </c>
      <c r="L3858" s="2" t="s">
        <v>40940</v>
      </c>
      <c r="M3858" s="5" t="s">
        <v>36266</v>
      </c>
      <c r="N3858" s="5" t="s">
        <v>38</v>
      </c>
      <c r="O3858" s="5" t="s">
        <v>39</v>
      </c>
      <c r="P3858" s="5" t="s">
        <v>40</v>
      </c>
      <c r="Q3858" s="5" t="s">
        <v>1522</v>
      </c>
      <c r="R3858" s="5" t="s">
        <v>1523</v>
      </c>
      <c r="S3858" s="5" t="s">
        <v>42</v>
      </c>
      <c r="T3858" s="2">
        <v>2.68</v>
      </c>
      <c r="U3858" s="2">
        <v>2.1429999999999998</v>
      </c>
      <c r="V3858" s="2">
        <v>1.2999999999999999E-2</v>
      </c>
      <c r="W3858" s="2">
        <v>99.1</v>
      </c>
      <c r="X3858" s="2">
        <v>7.6</v>
      </c>
      <c r="Y3858" s="2">
        <v>16.7</v>
      </c>
      <c r="Z3858" s="5"/>
      <c r="AA3858" s="5" t="s">
        <v>43</v>
      </c>
      <c r="AB3858" s="5" t="s">
        <v>44</v>
      </c>
      <c r="AC3858" s="2"/>
      <c r="AD3858" s="1"/>
    </row>
    <row r="3859" spans="1:30">
      <c r="A3859" s="5" t="s">
        <v>83578</v>
      </c>
      <c r="B3859" s="2" t="s">
        <v>95179</v>
      </c>
      <c r="C3859" s="14" t="s">
        <v>95180</v>
      </c>
      <c r="D3859" s="2" t="s">
        <v>95181</v>
      </c>
      <c r="E3859" s="2" t="s">
        <v>41049</v>
      </c>
      <c r="F3859" s="8">
        <v>289</v>
      </c>
      <c r="G3859" s="5">
        <v>6</v>
      </c>
      <c r="H3859" s="5" t="s">
        <v>1518</v>
      </c>
      <c r="I3859" s="5" t="s">
        <v>40939</v>
      </c>
      <c r="J3859" s="2" t="s">
        <v>40940</v>
      </c>
      <c r="K3859" s="5" t="s">
        <v>40939</v>
      </c>
      <c r="L3859" s="2" t="s">
        <v>40940</v>
      </c>
      <c r="M3859" s="5" t="s">
        <v>36266</v>
      </c>
      <c r="N3859" s="5" t="s">
        <v>38</v>
      </c>
      <c r="O3859" s="5" t="s">
        <v>39</v>
      </c>
      <c r="P3859" s="5" t="s">
        <v>40</v>
      </c>
      <c r="Q3859" s="5" t="s">
        <v>1522</v>
      </c>
      <c r="R3859" s="5" t="s">
        <v>1523</v>
      </c>
      <c r="S3859" s="5" t="s">
        <v>42</v>
      </c>
      <c r="T3859" s="2">
        <v>2.758</v>
      </c>
      <c r="U3859" s="2">
        <v>2.2210000000000001</v>
      </c>
      <c r="V3859" s="2">
        <v>1.2999999999999999E-2</v>
      </c>
      <c r="W3859" s="2">
        <v>99.1</v>
      </c>
      <c r="X3859" s="2">
        <v>7.6</v>
      </c>
      <c r="Y3859" s="2">
        <v>16.7</v>
      </c>
      <c r="Z3859" s="5"/>
      <c r="AA3859" s="5" t="s">
        <v>43</v>
      </c>
      <c r="AB3859" s="5" t="s">
        <v>44</v>
      </c>
      <c r="AC3859" s="2"/>
      <c r="AD3859" s="1"/>
    </row>
    <row r="3860" spans="1:30">
      <c r="A3860" s="5" t="s">
        <v>83578</v>
      </c>
      <c r="B3860" s="2" t="s">
        <v>95182</v>
      </c>
      <c r="C3860" s="14" t="s">
        <v>95183</v>
      </c>
      <c r="D3860" s="2" t="s">
        <v>95184</v>
      </c>
      <c r="E3860" s="2" t="s">
        <v>47195</v>
      </c>
      <c r="F3860" s="8">
        <v>294</v>
      </c>
      <c r="G3860" s="5">
        <v>6</v>
      </c>
      <c r="H3860" s="5" t="s">
        <v>1518</v>
      </c>
      <c r="I3860" s="5" t="s">
        <v>40939</v>
      </c>
      <c r="J3860" s="2" t="s">
        <v>40940</v>
      </c>
      <c r="K3860" s="5" t="s">
        <v>40939</v>
      </c>
      <c r="L3860" s="2" t="s">
        <v>40940</v>
      </c>
      <c r="M3860" s="5" t="s">
        <v>36266</v>
      </c>
      <c r="N3860" s="5" t="s">
        <v>38</v>
      </c>
      <c r="O3860" s="5" t="s">
        <v>39</v>
      </c>
      <c r="P3860" s="5" t="s">
        <v>40</v>
      </c>
      <c r="Q3860" s="5" t="s">
        <v>1522</v>
      </c>
      <c r="R3860" s="5" t="s">
        <v>1523</v>
      </c>
      <c r="S3860" s="5" t="s">
        <v>42</v>
      </c>
      <c r="T3860" s="2">
        <v>2.907</v>
      </c>
      <c r="U3860" s="2">
        <v>2.37</v>
      </c>
      <c r="V3860" s="2">
        <v>1.4999999999999999E-2</v>
      </c>
      <c r="W3860" s="2">
        <v>118.9</v>
      </c>
      <c r="X3860" s="2">
        <v>7.6</v>
      </c>
      <c r="Y3860" s="2">
        <v>16.7</v>
      </c>
      <c r="Z3860" s="5"/>
      <c r="AA3860" s="5" t="s">
        <v>43</v>
      </c>
      <c r="AB3860" s="5" t="s">
        <v>44</v>
      </c>
      <c r="AC3860" s="2"/>
      <c r="AD3860" s="1"/>
    </row>
    <row r="3861" spans="1:30">
      <c r="A3861" s="5" t="s">
        <v>83578</v>
      </c>
      <c r="B3861" s="2" t="s">
        <v>95185</v>
      </c>
      <c r="C3861" s="14" t="s">
        <v>95186</v>
      </c>
      <c r="D3861" s="2" t="s">
        <v>95187</v>
      </c>
      <c r="E3861" s="2" t="s">
        <v>7521</v>
      </c>
      <c r="F3861" s="8">
        <v>273</v>
      </c>
      <c r="G3861" s="5">
        <v>6</v>
      </c>
      <c r="H3861" s="5" t="s">
        <v>1518</v>
      </c>
      <c r="I3861" s="5" t="s">
        <v>40939</v>
      </c>
      <c r="J3861" s="2" t="s">
        <v>40940</v>
      </c>
      <c r="K3861" s="5" t="s">
        <v>40939</v>
      </c>
      <c r="L3861" s="2" t="s">
        <v>40940</v>
      </c>
      <c r="M3861" s="5" t="s">
        <v>36266</v>
      </c>
      <c r="N3861" s="5" t="s">
        <v>38</v>
      </c>
      <c r="O3861" s="5" t="s">
        <v>39</v>
      </c>
      <c r="P3861" s="5" t="s">
        <v>40</v>
      </c>
      <c r="Q3861" s="5" t="s">
        <v>1522</v>
      </c>
      <c r="R3861" s="5" t="s">
        <v>1523</v>
      </c>
      <c r="S3861" s="5" t="s">
        <v>42</v>
      </c>
      <c r="T3861" s="2">
        <v>2.915</v>
      </c>
      <c r="U3861" s="2">
        <v>2.3780000000000001</v>
      </c>
      <c r="V3861" s="2">
        <v>1.4999999999999999E-2</v>
      </c>
      <c r="W3861" s="2">
        <v>118.9</v>
      </c>
      <c r="X3861" s="2">
        <v>7.6</v>
      </c>
      <c r="Y3861" s="2">
        <v>16.7</v>
      </c>
      <c r="Z3861" s="5"/>
      <c r="AA3861" s="5" t="s">
        <v>43</v>
      </c>
      <c r="AB3861" s="5" t="s">
        <v>44</v>
      </c>
      <c r="AC3861" s="2"/>
      <c r="AD3861" s="1"/>
    </row>
    <row r="3862" spans="1:30">
      <c r="A3862" s="5" t="s">
        <v>83578</v>
      </c>
      <c r="B3862" s="2" t="s">
        <v>95188</v>
      </c>
      <c r="C3862" s="14" t="s">
        <v>95189</v>
      </c>
      <c r="D3862" s="2" t="s">
        <v>95190</v>
      </c>
      <c r="E3862" s="2" t="s">
        <v>47735</v>
      </c>
      <c r="F3862" s="8">
        <v>294</v>
      </c>
      <c r="G3862" s="5">
        <v>6</v>
      </c>
      <c r="H3862" s="5" t="s">
        <v>1518</v>
      </c>
      <c r="I3862" s="5" t="s">
        <v>40939</v>
      </c>
      <c r="J3862" s="2" t="s">
        <v>40940</v>
      </c>
      <c r="K3862" s="5" t="s">
        <v>40939</v>
      </c>
      <c r="L3862" s="2" t="s">
        <v>40940</v>
      </c>
      <c r="M3862" s="5" t="s">
        <v>36266</v>
      </c>
      <c r="N3862" s="5" t="s">
        <v>38</v>
      </c>
      <c r="O3862" s="5" t="s">
        <v>39</v>
      </c>
      <c r="P3862" s="5" t="s">
        <v>40</v>
      </c>
      <c r="Q3862" s="5" t="s">
        <v>1522</v>
      </c>
      <c r="R3862" s="5" t="s">
        <v>1523</v>
      </c>
      <c r="S3862" s="5" t="s">
        <v>42</v>
      </c>
      <c r="T3862" s="2">
        <v>2.915</v>
      </c>
      <c r="U3862" s="2">
        <v>2.3780000000000001</v>
      </c>
      <c r="V3862" s="2">
        <v>1.4999999999999999E-2</v>
      </c>
      <c r="W3862" s="2">
        <v>118.9</v>
      </c>
      <c r="X3862" s="2">
        <v>7.6</v>
      </c>
      <c r="Y3862" s="2">
        <v>16.7</v>
      </c>
      <c r="Z3862" s="5"/>
      <c r="AA3862" s="5" t="s">
        <v>43</v>
      </c>
      <c r="AB3862" s="5" t="s">
        <v>44</v>
      </c>
      <c r="AC3862" s="2"/>
      <c r="AD3862" s="1"/>
    </row>
    <row r="3863" spans="1:30">
      <c r="A3863" s="5" t="s">
        <v>83578</v>
      </c>
      <c r="B3863" s="2" t="s">
        <v>95191</v>
      </c>
      <c r="C3863" s="14" t="s">
        <v>95192</v>
      </c>
      <c r="D3863" s="2" t="s">
        <v>95193</v>
      </c>
      <c r="E3863" s="2" t="s">
        <v>7539</v>
      </c>
      <c r="F3863" s="8">
        <v>294</v>
      </c>
      <c r="G3863" s="5">
        <v>6</v>
      </c>
      <c r="H3863" s="5" t="s">
        <v>1518</v>
      </c>
      <c r="I3863" s="5" t="s">
        <v>40939</v>
      </c>
      <c r="J3863" s="2" t="s">
        <v>40940</v>
      </c>
      <c r="K3863" s="5" t="s">
        <v>40939</v>
      </c>
      <c r="L3863" s="2" t="s">
        <v>40940</v>
      </c>
      <c r="M3863" s="5" t="s">
        <v>36266</v>
      </c>
      <c r="N3863" s="5" t="s">
        <v>38</v>
      </c>
      <c r="O3863" s="5" t="s">
        <v>39</v>
      </c>
      <c r="P3863" s="5" t="s">
        <v>40</v>
      </c>
      <c r="Q3863" s="5" t="s">
        <v>1522</v>
      </c>
      <c r="R3863" s="5" t="s">
        <v>1523</v>
      </c>
      <c r="S3863" s="5" t="s">
        <v>42</v>
      </c>
      <c r="T3863" s="2">
        <v>2.78</v>
      </c>
      <c r="U3863" s="2">
        <v>2.2429999999999999</v>
      </c>
      <c r="V3863" s="2">
        <v>1.4999999999999999E-2</v>
      </c>
      <c r="W3863" s="2">
        <v>118.9</v>
      </c>
      <c r="X3863" s="2">
        <v>7.6</v>
      </c>
      <c r="Y3863" s="2">
        <v>16.7</v>
      </c>
      <c r="Z3863" s="5"/>
      <c r="AA3863" s="5" t="s">
        <v>43</v>
      </c>
      <c r="AB3863" s="5" t="s">
        <v>44</v>
      </c>
      <c r="AC3863" s="2"/>
      <c r="AD3863" s="1"/>
    </row>
    <row r="3864" spans="1:30">
      <c r="A3864" s="5" t="s">
        <v>83578</v>
      </c>
      <c r="B3864" s="2" t="s">
        <v>95194</v>
      </c>
      <c r="C3864" s="14" t="s">
        <v>95195</v>
      </c>
      <c r="D3864" s="2" t="s">
        <v>95196</v>
      </c>
      <c r="E3864" s="2" t="s">
        <v>7543</v>
      </c>
      <c r="F3864" s="8">
        <v>294</v>
      </c>
      <c r="G3864" s="5">
        <v>6</v>
      </c>
      <c r="H3864" s="5" t="s">
        <v>1518</v>
      </c>
      <c r="I3864" s="5" t="s">
        <v>40939</v>
      </c>
      <c r="J3864" s="2" t="s">
        <v>40940</v>
      </c>
      <c r="K3864" s="5" t="s">
        <v>40939</v>
      </c>
      <c r="L3864" s="2" t="s">
        <v>40940</v>
      </c>
      <c r="M3864" s="5" t="s">
        <v>36266</v>
      </c>
      <c r="N3864" s="5" t="s">
        <v>38</v>
      </c>
      <c r="O3864" s="5" t="s">
        <v>39</v>
      </c>
      <c r="P3864" s="5" t="s">
        <v>40</v>
      </c>
      <c r="Q3864" s="5" t="s">
        <v>1522</v>
      </c>
      <c r="R3864" s="5" t="s">
        <v>1523</v>
      </c>
      <c r="S3864" s="5" t="s">
        <v>42</v>
      </c>
      <c r="T3864" s="2">
        <v>2.8719999999999999</v>
      </c>
      <c r="U3864" s="2">
        <v>2.335</v>
      </c>
      <c r="V3864" s="2">
        <v>1.4999999999999999E-2</v>
      </c>
      <c r="W3864" s="2">
        <v>118.9</v>
      </c>
      <c r="X3864" s="2">
        <v>7.6</v>
      </c>
      <c r="Y3864" s="2">
        <v>16.7</v>
      </c>
      <c r="Z3864" s="5"/>
      <c r="AA3864" s="5" t="s">
        <v>43</v>
      </c>
      <c r="AB3864" s="5" t="s">
        <v>44</v>
      </c>
      <c r="AC3864" s="2"/>
      <c r="AD3864" s="1"/>
    </row>
    <row r="3865" spans="1:30">
      <c r="A3865" s="5" t="s">
        <v>83578</v>
      </c>
      <c r="B3865" s="2" t="s">
        <v>95197</v>
      </c>
      <c r="C3865" s="14" t="s">
        <v>95198</v>
      </c>
      <c r="D3865" s="2" t="s">
        <v>95199</v>
      </c>
      <c r="E3865" s="2" t="s">
        <v>40997</v>
      </c>
      <c r="F3865" s="8">
        <v>294</v>
      </c>
      <c r="G3865" s="5">
        <v>6</v>
      </c>
      <c r="H3865" s="5" t="s">
        <v>1518</v>
      </c>
      <c r="I3865" s="5" t="s">
        <v>40939</v>
      </c>
      <c r="J3865" s="2" t="s">
        <v>40940</v>
      </c>
      <c r="K3865" s="5" t="s">
        <v>40939</v>
      </c>
      <c r="L3865" s="2" t="s">
        <v>40940</v>
      </c>
      <c r="M3865" s="5" t="s">
        <v>36266</v>
      </c>
      <c r="N3865" s="5" t="s">
        <v>38</v>
      </c>
      <c r="O3865" s="5" t="s">
        <v>39</v>
      </c>
      <c r="P3865" s="5" t="s">
        <v>40</v>
      </c>
      <c r="Q3865" s="5" t="s">
        <v>1522</v>
      </c>
      <c r="R3865" s="5" t="s">
        <v>1523</v>
      </c>
      <c r="S3865" s="5" t="s">
        <v>42</v>
      </c>
      <c r="T3865" s="2">
        <v>2.7890000000000001</v>
      </c>
      <c r="U3865" s="2">
        <v>2.2519999999999998</v>
      </c>
      <c r="V3865" s="2">
        <v>1.4999999999999999E-2</v>
      </c>
      <c r="W3865" s="2">
        <v>118.9</v>
      </c>
      <c r="X3865" s="2">
        <v>7.6</v>
      </c>
      <c r="Y3865" s="2">
        <v>16.7</v>
      </c>
      <c r="Z3865" s="5"/>
      <c r="AA3865" s="5" t="s">
        <v>43</v>
      </c>
      <c r="AB3865" s="5" t="s">
        <v>44</v>
      </c>
      <c r="AC3865" s="2"/>
      <c r="AD3865" s="1"/>
    </row>
    <row r="3866" spans="1:30">
      <c r="A3866" s="5" t="s">
        <v>83578</v>
      </c>
      <c r="B3866" s="2" t="s">
        <v>95200</v>
      </c>
      <c r="C3866" s="14" t="s">
        <v>95201</v>
      </c>
      <c r="D3866" s="2" t="s">
        <v>95202</v>
      </c>
      <c r="E3866" s="2" t="s">
        <v>41267</v>
      </c>
      <c r="F3866" s="8">
        <v>294</v>
      </c>
      <c r="G3866" s="5">
        <v>6</v>
      </c>
      <c r="H3866" s="5" t="s">
        <v>1518</v>
      </c>
      <c r="I3866" s="5" t="s">
        <v>40939</v>
      </c>
      <c r="J3866" s="2" t="s">
        <v>40940</v>
      </c>
      <c r="K3866" s="5" t="s">
        <v>40939</v>
      </c>
      <c r="L3866" s="2" t="s">
        <v>40940</v>
      </c>
      <c r="M3866" s="5" t="s">
        <v>36266</v>
      </c>
      <c r="N3866" s="5" t="s">
        <v>38</v>
      </c>
      <c r="O3866" s="5" t="s">
        <v>39</v>
      </c>
      <c r="P3866" s="5" t="s">
        <v>40</v>
      </c>
      <c r="Q3866" s="5" t="s">
        <v>1522</v>
      </c>
      <c r="R3866" s="5" t="s">
        <v>1523</v>
      </c>
      <c r="S3866" s="5" t="s">
        <v>42</v>
      </c>
      <c r="T3866" s="2">
        <v>2.8809999999999998</v>
      </c>
      <c r="U3866" s="2">
        <v>2.3439999999999999</v>
      </c>
      <c r="V3866" s="2">
        <v>1.4999999999999999E-2</v>
      </c>
      <c r="W3866" s="2">
        <v>118.9</v>
      </c>
      <c r="X3866" s="2">
        <v>7.6</v>
      </c>
      <c r="Y3866" s="2">
        <v>16.7</v>
      </c>
      <c r="Z3866" s="5"/>
      <c r="AA3866" s="5" t="s">
        <v>43</v>
      </c>
      <c r="AB3866" s="5" t="s">
        <v>44</v>
      </c>
      <c r="AC3866" s="2"/>
      <c r="AD3866" s="1"/>
    </row>
    <row r="3867" spans="1:30">
      <c r="A3867" s="5" t="s">
        <v>83578</v>
      </c>
      <c r="B3867" s="2" t="s">
        <v>95203</v>
      </c>
      <c r="C3867" s="14" t="s">
        <v>95204</v>
      </c>
      <c r="D3867" s="2" t="s">
        <v>95205</v>
      </c>
      <c r="E3867" s="2" t="s">
        <v>41001</v>
      </c>
      <c r="F3867" s="8">
        <v>294</v>
      </c>
      <c r="G3867" s="5">
        <v>6</v>
      </c>
      <c r="H3867" s="5" t="s">
        <v>1518</v>
      </c>
      <c r="I3867" s="5" t="s">
        <v>40939</v>
      </c>
      <c r="J3867" s="2" t="s">
        <v>40940</v>
      </c>
      <c r="K3867" s="5" t="s">
        <v>40939</v>
      </c>
      <c r="L3867" s="2" t="s">
        <v>40940</v>
      </c>
      <c r="M3867" s="5" t="s">
        <v>36266</v>
      </c>
      <c r="N3867" s="5" t="s">
        <v>38</v>
      </c>
      <c r="O3867" s="5" t="s">
        <v>39</v>
      </c>
      <c r="P3867" s="5" t="s">
        <v>40</v>
      </c>
      <c r="Q3867" s="5" t="s">
        <v>1522</v>
      </c>
      <c r="R3867" s="5" t="s">
        <v>1523</v>
      </c>
      <c r="S3867" s="5" t="s">
        <v>42</v>
      </c>
      <c r="T3867" s="2">
        <v>2.823</v>
      </c>
      <c r="U3867" s="2">
        <v>2.286</v>
      </c>
      <c r="V3867" s="2">
        <v>1.4999999999999999E-2</v>
      </c>
      <c r="W3867" s="2">
        <v>118.9</v>
      </c>
      <c r="X3867" s="2">
        <v>7.6</v>
      </c>
      <c r="Y3867" s="2">
        <v>16.7</v>
      </c>
      <c r="Z3867" s="5"/>
      <c r="AA3867" s="5" t="s">
        <v>43</v>
      </c>
      <c r="AB3867" s="5" t="s">
        <v>44</v>
      </c>
      <c r="AC3867" s="2"/>
      <c r="AD3867" s="1"/>
    </row>
    <row r="3868" spans="1:30">
      <c r="A3868" s="5" t="s">
        <v>83578</v>
      </c>
      <c r="B3868" s="2" t="s">
        <v>95206</v>
      </c>
      <c r="C3868" s="14" t="s">
        <v>95207</v>
      </c>
      <c r="D3868" s="2" t="s">
        <v>95208</v>
      </c>
      <c r="E3868" s="2" t="s">
        <v>41005</v>
      </c>
      <c r="F3868" s="8">
        <v>294</v>
      </c>
      <c r="G3868" s="5">
        <v>6</v>
      </c>
      <c r="H3868" s="5" t="s">
        <v>1518</v>
      </c>
      <c r="I3868" s="5" t="s">
        <v>40939</v>
      </c>
      <c r="J3868" s="2" t="s">
        <v>40940</v>
      </c>
      <c r="K3868" s="5" t="s">
        <v>40939</v>
      </c>
      <c r="L3868" s="2" t="s">
        <v>40940</v>
      </c>
      <c r="M3868" s="5" t="s">
        <v>36266</v>
      </c>
      <c r="N3868" s="5" t="s">
        <v>38</v>
      </c>
      <c r="O3868" s="5" t="s">
        <v>39</v>
      </c>
      <c r="P3868" s="5" t="s">
        <v>40</v>
      </c>
      <c r="Q3868" s="5" t="s">
        <v>1522</v>
      </c>
      <c r="R3868" s="5" t="s">
        <v>1523</v>
      </c>
      <c r="S3868" s="5" t="s">
        <v>42</v>
      </c>
      <c r="T3868" s="2">
        <v>2.915</v>
      </c>
      <c r="U3868" s="2">
        <v>2.3780000000000001</v>
      </c>
      <c r="V3868" s="2">
        <v>1.4999999999999999E-2</v>
      </c>
      <c r="W3868" s="2">
        <v>118.9</v>
      </c>
      <c r="X3868" s="2">
        <v>7.6</v>
      </c>
      <c r="Y3868" s="2">
        <v>16.7</v>
      </c>
      <c r="Z3868" s="5"/>
      <c r="AA3868" s="5" t="s">
        <v>43</v>
      </c>
      <c r="AB3868" s="5" t="s">
        <v>44</v>
      </c>
      <c r="AC3868" s="2"/>
      <c r="AD3868" s="1"/>
    </row>
    <row r="3869" spans="1:30">
      <c r="A3869" s="5" t="s">
        <v>83578</v>
      </c>
      <c r="B3869" s="2" t="s">
        <v>95209</v>
      </c>
      <c r="C3869" s="14" t="s">
        <v>95210</v>
      </c>
      <c r="D3869" s="2" t="s">
        <v>95211</v>
      </c>
      <c r="E3869" s="2" t="s">
        <v>41013</v>
      </c>
      <c r="F3869" s="8">
        <v>294</v>
      </c>
      <c r="G3869" s="5">
        <v>6</v>
      </c>
      <c r="H3869" s="5" t="s">
        <v>1518</v>
      </c>
      <c r="I3869" s="5" t="s">
        <v>40939</v>
      </c>
      <c r="J3869" s="2" t="s">
        <v>40940</v>
      </c>
      <c r="K3869" s="5" t="s">
        <v>40939</v>
      </c>
      <c r="L3869" s="2" t="s">
        <v>40940</v>
      </c>
      <c r="M3869" s="5" t="s">
        <v>36266</v>
      </c>
      <c r="N3869" s="5" t="s">
        <v>38</v>
      </c>
      <c r="O3869" s="5" t="s">
        <v>39</v>
      </c>
      <c r="P3869" s="5" t="s">
        <v>40</v>
      </c>
      <c r="Q3869" s="5" t="s">
        <v>1522</v>
      </c>
      <c r="R3869" s="5" t="s">
        <v>1523</v>
      </c>
      <c r="S3869" s="5" t="s">
        <v>42</v>
      </c>
      <c r="T3869" s="2">
        <v>2.9239999999999999</v>
      </c>
      <c r="U3869" s="2">
        <v>2.387</v>
      </c>
      <c r="V3869" s="2">
        <v>1.4999999999999999E-2</v>
      </c>
      <c r="W3869" s="2">
        <v>118.9</v>
      </c>
      <c r="X3869" s="2">
        <v>7.6</v>
      </c>
      <c r="Y3869" s="2">
        <v>16.7</v>
      </c>
      <c r="Z3869" s="5"/>
      <c r="AA3869" s="5" t="s">
        <v>43</v>
      </c>
      <c r="AB3869" s="5" t="s">
        <v>44</v>
      </c>
      <c r="AC3869" s="2"/>
      <c r="AD3869" s="1"/>
    </row>
    <row r="3870" spans="1:30">
      <c r="A3870" s="5" t="s">
        <v>83578</v>
      </c>
      <c r="B3870" s="2" t="s">
        <v>95212</v>
      </c>
      <c r="C3870" s="14" t="s">
        <v>95213</v>
      </c>
      <c r="D3870" s="2" t="s">
        <v>95214</v>
      </c>
      <c r="E3870" s="2" t="s">
        <v>7396</v>
      </c>
      <c r="F3870" s="8">
        <v>273</v>
      </c>
      <c r="G3870" s="5">
        <v>6</v>
      </c>
      <c r="H3870" s="5" t="s">
        <v>1518</v>
      </c>
      <c r="I3870" s="5" t="s">
        <v>40939</v>
      </c>
      <c r="J3870" s="2" t="s">
        <v>40940</v>
      </c>
      <c r="K3870" s="5" t="s">
        <v>40939</v>
      </c>
      <c r="L3870" s="2" t="s">
        <v>40940</v>
      </c>
      <c r="M3870" s="5" t="s">
        <v>36266</v>
      </c>
      <c r="N3870" s="5" t="s">
        <v>38</v>
      </c>
      <c r="O3870" s="5" t="s">
        <v>39</v>
      </c>
      <c r="P3870" s="5" t="s">
        <v>40</v>
      </c>
      <c r="Q3870" s="5" t="s">
        <v>1522</v>
      </c>
      <c r="R3870" s="5" t="s">
        <v>1523</v>
      </c>
      <c r="S3870" s="5" t="s">
        <v>42</v>
      </c>
      <c r="T3870" s="2">
        <v>2.8319999999999999</v>
      </c>
      <c r="U3870" s="2">
        <v>2.2949999999999999</v>
      </c>
      <c r="V3870" s="2">
        <v>1.4999999999999999E-2</v>
      </c>
      <c r="W3870" s="2">
        <v>118.9</v>
      </c>
      <c r="X3870" s="2">
        <v>7.6</v>
      </c>
      <c r="Y3870" s="2">
        <v>16.7</v>
      </c>
      <c r="Z3870" s="5"/>
      <c r="AA3870" s="5" t="s">
        <v>43</v>
      </c>
      <c r="AB3870" s="5" t="s">
        <v>44</v>
      </c>
      <c r="AC3870" s="2"/>
      <c r="AD3870" s="1"/>
    </row>
    <row r="3871" spans="1:30">
      <c r="A3871" s="5" t="s">
        <v>83578</v>
      </c>
      <c r="B3871" s="2" t="s">
        <v>95215</v>
      </c>
      <c r="C3871" s="14" t="s">
        <v>95216</v>
      </c>
      <c r="D3871" s="2" t="s">
        <v>95217</v>
      </c>
      <c r="E3871" s="2" t="s">
        <v>41027</v>
      </c>
      <c r="F3871" s="8">
        <v>294</v>
      </c>
      <c r="G3871" s="5">
        <v>6</v>
      </c>
      <c r="H3871" s="5" t="s">
        <v>1518</v>
      </c>
      <c r="I3871" s="5" t="s">
        <v>40939</v>
      </c>
      <c r="J3871" s="2" t="s">
        <v>40940</v>
      </c>
      <c r="K3871" s="5" t="s">
        <v>40939</v>
      </c>
      <c r="L3871" s="2" t="s">
        <v>40940</v>
      </c>
      <c r="M3871" s="5" t="s">
        <v>36266</v>
      </c>
      <c r="N3871" s="5" t="s">
        <v>38</v>
      </c>
      <c r="O3871" s="5" t="s">
        <v>39</v>
      </c>
      <c r="P3871" s="5" t="s">
        <v>40</v>
      </c>
      <c r="Q3871" s="5" t="s">
        <v>1522</v>
      </c>
      <c r="R3871" s="5" t="s">
        <v>1523</v>
      </c>
      <c r="S3871" s="5" t="s">
        <v>42</v>
      </c>
      <c r="T3871" s="2">
        <v>2.8809999999999998</v>
      </c>
      <c r="U3871" s="2">
        <v>2.3439999999999999</v>
      </c>
      <c r="V3871" s="2">
        <v>1.4999999999999999E-2</v>
      </c>
      <c r="W3871" s="2">
        <v>118.9</v>
      </c>
      <c r="X3871" s="2">
        <v>7.6</v>
      </c>
      <c r="Y3871" s="2">
        <v>16.7</v>
      </c>
      <c r="Z3871" s="5"/>
      <c r="AA3871" s="5" t="s">
        <v>43</v>
      </c>
      <c r="AB3871" s="5" t="s">
        <v>44</v>
      </c>
      <c r="AC3871" s="2"/>
      <c r="AD3871" s="1"/>
    </row>
    <row r="3872" spans="1:30">
      <c r="A3872" s="5" t="s">
        <v>83578</v>
      </c>
      <c r="B3872" s="2" t="s">
        <v>95218</v>
      </c>
      <c r="C3872" s="14" t="s">
        <v>95219</v>
      </c>
      <c r="D3872" s="2" t="s">
        <v>95220</v>
      </c>
      <c r="E3872" s="2" t="s">
        <v>41031</v>
      </c>
      <c r="F3872" s="8">
        <v>294</v>
      </c>
      <c r="G3872" s="5">
        <v>6</v>
      </c>
      <c r="H3872" s="5" t="s">
        <v>1518</v>
      </c>
      <c r="I3872" s="5" t="s">
        <v>40939</v>
      </c>
      <c r="J3872" s="2" t="s">
        <v>40940</v>
      </c>
      <c r="K3872" s="5" t="s">
        <v>40939</v>
      </c>
      <c r="L3872" s="2" t="s">
        <v>40940</v>
      </c>
      <c r="M3872" s="5" t="s">
        <v>36266</v>
      </c>
      <c r="N3872" s="5" t="s">
        <v>38</v>
      </c>
      <c r="O3872" s="5" t="s">
        <v>39</v>
      </c>
      <c r="P3872" s="5" t="s">
        <v>40</v>
      </c>
      <c r="Q3872" s="5" t="s">
        <v>1522</v>
      </c>
      <c r="R3872" s="5" t="s">
        <v>1523</v>
      </c>
      <c r="S3872" s="5" t="s">
        <v>42</v>
      </c>
      <c r="T3872" s="2">
        <v>2.7890000000000001</v>
      </c>
      <c r="U3872" s="2">
        <v>2.2519999999999998</v>
      </c>
      <c r="V3872" s="2">
        <v>1.4999999999999999E-2</v>
      </c>
      <c r="W3872" s="2">
        <v>118.9</v>
      </c>
      <c r="X3872" s="2">
        <v>7.6</v>
      </c>
      <c r="Y3872" s="2">
        <v>16.7</v>
      </c>
      <c r="Z3872" s="5"/>
      <c r="AA3872" s="5" t="s">
        <v>43</v>
      </c>
      <c r="AB3872" s="5" t="s">
        <v>44</v>
      </c>
      <c r="AC3872" s="2"/>
      <c r="AD3872" s="1"/>
    </row>
    <row r="3873" spans="1:30">
      <c r="A3873" s="5" t="s">
        <v>83578</v>
      </c>
      <c r="B3873" s="2" t="s">
        <v>95221</v>
      </c>
      <c r="C3873" s="14" t="s">
        <v>95222</v>
      </c>
      <c r="D3873" s="2" t="s">
        <v>95223</v>
      </c>
      <c r="E3873" s="2" t="s">
        <v>41035</v>
      </c>
      <c r="F3873" s="8">
        <v>294</v>
      </c>
      <c r="G3873" s="5">
        <v>6</v>
      </c>
      <c r="H3873" s="5" t="s">
        <v>1518</v>
      </c>
      <c r="I3873" s="5" t="s">
        <v>40939</v>
      </c>
      <c r="J3873" s="2" t="s">
        <v>40940</v>
      </c>
      <c r="K3873" s="5" t="s">
        <v>40939</v>
      </c>
      <c r="L3873" s="2" t="s">
        <v>40940</v>
      </c>
      <c r="M3873" s="5" t="s">
        <v>36266</v>
      </c>
      <c r="N3873" s="5" t="s">
        <v>38</v>
      </c>
      <c r="O3873" s="5" t="s">
        <v>39</v>
      </c>
      <c r="P3873" s="5" t="s">
        <v>40</v>
      </c>
      <c r="Q3873" s="5" t="s">
        <v>1522</v>
      </c>
      <c r="R3873" s="5" t="s">
        <v>1523</v>
      </c>
      <c r="S3873" s="5" t="s">
        <v>42</v>
      </c>
      <c r="T3873" s="2">
        <v>2.8809999999999998</v>
      </c>
      <c r="U3873" s="2">
        <v>2.3439999999999999</v>
      </c>
      <c r="V3873" s="2">
        <v>1.4999999999999999E-2</v>
      </c>
      <c r="W3873" s="2">
        <v>118.9</v>
      </c>
      <c r="X3873" s="2">
        <v>7.6</v>
      </c>
      <c r="Y3873" s="2">
        <v>16.7</v>
      </c>
      <c r="Z3873" s="5"/>
      <c r="AA3873" s="5" t="s">
        <v>43</v>
      </c>
      <c r="AB3873" s="5" t="s">
        <v>44</v>
      </c>
      <c r="AC3873" s="2"/>
      <c r="AD3873" s="1"/>
    </row>
    <row r="3874" spans="1:30">
      <c r="A3874" s="5" t="s">
        <v>83578</v>
      </c>
      <c r="B3874" s="2" t="s">
        <v>95224</v>
      </c>
      <c r="C3874" s="14" t="s">
        <v>95225</v>
      </c>
      <c r="D3874" s="2" t="s">
        <v>95226</v>
      </c>
      <c r="E3874" s="2" t="s">
        <v>7449</v>
      </c>
      <c r="F3874" s="8">
        <v>294</v>
      </c>
      <c r="G3874" s="5">
        <v>6</v>
      </c>
      <c r="H3874" s="5" t="s">
        <v>1518</v>
      </c>
      <c r="I3874" s="5" t="s">
        <v>40939</v>
      </c>
      <c r="J3874" s="2" t="s">
        <v>40940</v>
      </c>
      <c r="K3874" s="5" t="s">
        <v>40939</v>
      </c>
      <c r="L3874" s="2" t="s">
        <v>40940</v>
      </c>
      <c r="M3874" s="5" t="s">
        <v>36266</v>
      </c>
      <c r="N3874" s="5" t="s">
        <v>38</v>
      </c>
      <c r="O3874" s="5" t="s">
        <v>39</v>
      </c>
      <c r="P3874" s="5" t="s">
        <v>40</v>
      </c>
      <c r="Q3874" s="5" t="s">
        <v>1522</v>
      </c>
      <c r="R3874" s="5" t="s">
        <v>1523</v>
      </c>
      <c r="S3874" s="5" t="s">
        <v>42</v>
      </c>
      <c r="T3874" s="2">
        <v>2.7890000000000001</v>
      </c>
      <c r="U3874" s="2">
        <v>2.2519999999999998</v>
      </c>
      <c r="V3874" s="2">
        <v>1.4999999999999999E-2</v>
      </c>
      <c r="W3874" s="2">
        <v>118.9</v>
      </c>
      <c r="X3874" s="2">
        <v>7.6</v>
      </c>
      <c r="Y3874" s="2">
        <v>16.7</v>
      </c>
      <c r="Z3874" s="5"/>
      <c r="AA3874" s="5" t="s">
        <v>43</v>
      </c>
      <c r="AB3874" s="5" t="s">
        <v>44</v>
      </c>
      <c r="AC3874" s="2"/>
      <c r="AD3874" s="1"/>
    </row>
    <row r="3875" spans="1:30">
      <c r="A3875" s="5" t="s">
        <v>83578</v>
      </c>
      <c r="B3875" s="2" t="s">
        <v>95227</v>
      </c>
      <c r="C3875" s="14" t="s">
        <v>95228</v>
      </c>
      <c r="D3875" s="2" t="s">
        <v>95229</v>
      </c>
      <c r="E3875" s="2" t="s">
        <v>7581</v>
      </c>
      <c r="F3875" s="8">
        <v>294</v>
      </c>
      <c r="G3875" s="5">
        <v>6</v>
      </c>
      <c r="H3875" s="5" t="s">
        <v>1518</v>
      </c>
      <c r="I3875" s="5" t="s">
        <v>40939</v>
      </c>
      <c r="J3875" s="2" t="s">
        <v>40940</v>
      </c>
      <c r="K3875" s="5" t="s">
        <v>40939</v>
      </c>
      <c r="L3875" s="2" t="s">
        <v>40940</v>
      </c>
      <c r="M3875" s="5" t="s">
        <v>36266</v>
      </c>
      <c r="N3875" s="5" t="s">
        <v>38</v>
      </c>
      <c r="O3875" s="5" t="s">
        <v>39</v>
      </c>
      <c r="P3875" s="5" t="s">
        <v>40</v>
      </c>
      <c r="Q3875" s="5" t="s">
        <v>1522</v>
      </c>
      <c r="R3875" s="5" t="s">
        <v>1523</v>
      </c>
      <c r="S3875" s="5" t="s">
        <v>42</v>
      </c>
      <c r="T3875" s="2">
        <v>2.8809999999999998</v>
      </c>
      <c r="U3875" s="2">
        <v>2.3439999999999999</v>
      </c>
      <c r="V3875" s="2">
        <v>1.4999999999999999E-2</v>
      </c>
      <c r="W3875" s="2">
        <v>118.9</v>
      </c>
      <c r="X3875" s="2">
        <v>7.6</v>
      </c>
      <c r="Y3875" s="2">
        <v>16.7</v>
      </c>
      <c r="Z3875" s="5"/>
      <c r="AA3875" s="5" t="s">
        <v>43</v>
      </c>
      <c r="AB3875" s="5" t="s">
        <v>44</v>
      </c>
      <c r="AC3875" s="2"/>
      <c r="AD3875" s="1"/>
    </row>
    <row r="3876" spans="1:30">
      <c r="A3876" s="5" t="s">
        <v>83578</v>
      </c>
      <c r="B3876" s="2" t="s">
        <v>95230</v>
      </c>
      <c r="C3876" s="14" t="s">
        <v>95231</v>
      </c>
      <c r="D3876" s="2" t="s">
        <v>95232</v>
      </c>
      <c r="E3876" s="2" t="s">
        <v>41045</v>
      </c>
      <c r="F3876" s="8">
        <v>294</v>
      </c>
      <c r="G3876" s="5">
        <v>6</v>
      </c>
      <c r="H3876" s="5" t="s">
        <v>1518</v>
      </c>
      <c r="I3876" s="5" t="s">
        <v>40939</v>
      </c>
      <c r="J3876" s="2" t="s">
        <v>40940</v>
      </c>
      <c r="K3876" s="5" t="s">
        <v>40939</v>
      </c>
      <c r="L3876" s="2" t="s">
        <v>40940</v>
      </c>
      <c r="M3876" s="5" t="s">
        <v>36266</v>
      </c>
      <c r="N3876" s="5" t="s">
        <v>38</v>
      </c>
      <c r="O3876" s="5" t="s">
        <v>39</v>
      </c>
      <c r="P3876" s="5" t="s">
        <v>40</v>
      </c>
      <c r="Q3876" s="5" t="s">
        <v>1522</v>
      </c>
      <c r="R3876" s="5" t="s">
        <v>1523</v>
      </c>
      <c r="S3876" s="5" t="s">
        <v>42</v>
      </c>
      <c r="T3876" s="2">
        <v>2.8410000000000002</v>
      </c>
      <c r="U3876" s="2">
        <v>2.3039999999999998</v>
      </c>
      <c r="V3876" s="2">
        <v>1.4999999999999999E-2</v>
      </c>
      <c r="W3876" s="2">
        <v>118.9</v>
      </c>
      <c r="X3876" s="2">
        <v>7.6</v>
      </c>
      <c r="Y3876" s="2">
        <v>16.7</v>
      </c>
      <c r="Z3876" s="5"/>
      <c r="AA3876" s="5" t="s">
        <v>43</v>
      </c>
      <c r="AB3876" s="5" t="s">
        <v>44</v>
      </c>
      <c r="AC3876" s="2"/>
      <c r="AD3876" s="1"/>
    </row>
    <row r="3877" spans="1:30">
      <c r="A3877" s="5" t="s">
        <v>83578</v>
      </c>
      <c r="B3877" s="2" t="s">
        <v>95233</v>
      </c>
      <c r="C3877" s="14" t="s">
        <v>95234</v>
      </c>
      <c r="D3877" s="2" t="s">
        <v>95235</v>
      </c>
      <c r="E3877" s="2" t="s">
        <v>41049</v>
      </c>
      <c r="F3877" s="8">
        <v>294</v>
      </c>
      <c r="G3877" s="5">
        <v>6</v>
      </c>
      <c r="H3877" s="5" t="s">
        <v>1518</v>
      </c>
      <c r="I3877" s="5" t="s">
        <v>40939</v>
      </c>
      <c r="J3877" s="2" t="s">
        <v>40940</v>
      </c>
      <c r="K3877" s="5" t="s">
        <v>40939</v>
      </c>
      <c r="L3877" s="2" t="s">
        <v>40940</v>
      </c>
      <c r="M3877" s="5" t="s">
        <v>36266</v>
      </c>
      <c r="N3877" s="5" t="s">
        <v>38</v>
      </c>
      <c r="O3877" s="5" t="s">
        <v>39</v>
      </c>
      <c r="P3877" s="5" t="s">
        <v>40</v>
      </c>
      <c r="Q3877" s="5" t="s">
        <v>1522</v>
      </c>
      <c r="R3877" s="5" t="s">
        <v>1523</v>
      </c>
      <c r="S3877" s="5" t="s">
        <v>42</v>
      </c>
      <c r="T3877" s="2">
        <v>2.9329999999999998</v>
      </c>
      <c r="U3877" s="2">
        <v>2.3959999999999999</v>
      </c>
      <c r="V3877" s="2">
        <v>1.4999999999999999E-2</v>
      </c>
      <c r="W3877" s="2">
        <v>118.9</v>
      </c>
      <c r="X3877" s="2">
        <v>7.6</v>
      </c>
      <c r="Y3877" s="2">
        <v>16.7</v>
      </c>
      <c r="Z3877" s="5"/>
      <c r="AA3877" s="5" t="s">
        <v>43</v>
      </c>
      <c r="AB3877" s="5" t="s">
        <v>44</v>
      </c>
      <c r="AC3877" s="2"/>
      <c r="AD3877" s="1"/>
    </row>
    <row r="3878" spans="1:30">
      <c r="A3878" s="5" t="s">
        <v>83578</v>
      </c>
      <c r="B3878" s="2" t="s">
        <v>95236</v>
      </c>
      <c r="C3878" s="14" t="s">
        <v>95237</v>
      </c>
      <c r="D3878" s="2" t="s">
        <v>95238</v>
      </c>
      <c r="E3878" s="2" t="s">
        <v>7204</v>
      </c>
      <c r="F3878" s="8">
        <v>281</v>
      </c>
      <c r="G3878" s="5">
        <v>6</v>
      </c>
      <c r="H3878" s="5" t="s">
        <v>1518</v>
      </c>
      <c r="I3878" s="5" t="s">
        <v>40939</v>
      </c>
      <c r="J3878" s="2" t="s">
        <v>40940</v>
      </c>
      <c r="K3878" s="5" t="s">
        <v>40939</v>
      </c>
      <c r="L3878" s="2" t="s">
        <v>40940</v>
      </c>
      <c r="M3878" s="5" t="s">
        <v>36266</v>
      </c>
      <c r="N3878" s="5" t="s">
        <v>38</v>
      </c>
      <c r="O3878" s="5" t="s">
        <v>39</v>
      </c>
      <c r="P3878" s="5" t="s">
        <v>40</v>
      </c>
      <c r="Q3878" s="5" t="s">
        <v>1522</v>
      </c>
      <c r="R3878" s="5" t="s">
        <v>1523</v>
      </c>
      <c r="S3878" s="5" t="s">
        <v>42</v>
      </c>
      <c r="T3878" s="2">
        <v>3.028</v>
      </c>
      <c r="U3878" s="2">
        <v>2.415</v>
      </c>
      <c r="V3878" s="2">
        <v>1.7999999999999999E-2</v>
      </c>
      <c r="W3878" s="2">
        <v>139.1</v>
      </c>
      <c r="X3878" s="2">
        <v>7.6</v>
      </c>
      <c r="Y3878" s="2">
        <v>16.7</v>
      </c>
      <c r="Z3878" s="5"/>
      <c r="AA3878" s="5" t="s">
        <v>43</v>
      </c>
      <c r="AB3878" s="5" t="s">
        <v>44</v>
      </c>
      <c r="AC3878" s="2"/>
      <c r="AD3878" s="1"/>
    </row>
    <row r="3879" spans="1:30">
      <c r="A3879" s="5" t="s">
        <v>83578</v>
      </c>
      <c r="B3879" s="2" t="s">
        <v>95239</v>
      </c>
      <c r="C3879" s="14" t="s">
        <v>95240</v>
      </c>
      <c r="D3879" s="2" t="s">
        <v>95241</v>
      </c>
      <c r="E3879" s="2" t="s">
        <v>7521</v>
      </c>
      <c r="F3879" s="8">
        <v>281</v>
      </c>
      <c r="G3879" s="5">
        <v>6</v>
      </c>
      <c r="H3879" s="5" t="s">
        <v>1518</v>
      </c>
      <c r="I3879" s="5" t="s">
        <v>40939</v>
      </c>
      <c r="J3879" s="2" t="s">
        <v>40940</v>
      </c>
      <c r="K3879" s="5" t="s">
        <v>40939</v>
      </c>
      <c r="L3879" s="2" t="s">
        <v>40940</v>
      </c>
      <c r="M3879" s="5" t="s">
        <v>36266</v>
      </c>
      <c r="N3879" s="5" t="s">
        <v>38</v>
      </c>
      <c r="O3879" s="5" t="s">
        <v>39</v>
      </c>
      <c r="P3879" s="5" t="s">
        <v>40</v>
      </c>
      <c r="Q3879" s="5" t="s">
        <v>1522</v>
      </c>
      <c r="R3879" s="5" t="s">
        <v>1523</v>
      </c>
      <c r="S3879" s="5" t="s">
        <v>42</v>
      </c>
      <c r="T3879" s="2">
        <v>3.16</v>
      </c>
      <c r="U3879" s="2">
        <v>2.5470000000000002</v>
      </c>
      <c r="V3879" s="2">
        <v>1.7999999999999999E-2</v>
      </c>
      <c r="W3879" s="2">
        <v>139.1</v>
      </c>
      <c r="X3879" s="2">
        <v>7.6</v>
      </c>
      <c r="Y3879" s="2">
        <v>16.7</v>
      </c>
      <c r="Z3879" s="5"/>
      <c r="AA3879" s="5" t="s">
        <v>43</v>
      </c>
      <c r="AB3879" s="5" t="s">
        <v>44</v>
      </c>
      <c r="AC3879" s="2"/>
      <c r="AD3879" s="1"/>
    </row>
    <row r="3880" spans="1:30">
      <c r="A3880" s="5" t="s">
        <v>83578</v>
      </c>
      <c r="B3880" s="2" t="s">
        <v>95242</v>
      </c>
      <c r="C3880" s="14" t="s">
        <v>95243</v>
      </c>
      <c r="D3880" s="2" t="s">
        <v>95244</v>
      </c>
      <c r="E3880" s="2" t="s">
        <v>36273</v>
      </c>
      <c r="F3880" s="8">
        <v>281</v>
      </c>
      <c r="G3880" s="5">
        <v>6</v>
      </c>
      <c r="H3880" s="5" t="s">
        <v>1518</v>
      </c>
      <c r="I3880" s="5" t="s">
        <v>40939</v>
      </c>
      <c r="J3880" s="2" t="s">
        <v>40940</v>
      </c>
      <c r="K3880" s="5" t="s">
        <v>40939</v>
      </c>
      <c r="L3880" s="2" t="s">
        <v>40940</v>
      </c>
      <c r="M3880" s="5" t="s">
        <v>36266</v>
      </c>
      <c r="N3880" s="5" t="s">
        <v>38</v>
      </c>
      <c r="O3880" s="5" t="s">
        <v>39</v>
      </c>
      <c r="P3880" s="5" t="s">
        <v>40</v>
      </c>
      <c r="Q3880" s="5" t="s">
        <v>1522</v>
      </c>
      <c r="R3880" s="5" t="s">
        <v>1523</v>
      </c>
      <c r="S3880" s="5" t="s">
        <v>42</v>
      </c>
      <c r="T3880" s="2">
        <v>3.0779999999999998</v>
      </c>
      <c r="U3880" s="2">
        <v>2.4649999999999999</v>
      </c>
      <c r="V3880" s="2">
        <v>1.7999999999999999E-2</v>
      </c>
      <c r="W3880" s="2">
        <v>139.1</v>
      </c>
      <c r="X3880" s="2">
        <v>7.6</v>
      </c>
      <c r="Y3880" s="2">
        <v>16.7</v>
      </c>
      <c r="Z3880" s="5"/>
      <c r="AA3880" s="5" t="s">
        <v>43</v>
      </c>
      <c r="AB3880" s="5" t="s">
        <v>44</v>
      </c>
      <c r="AC3880" s="2"/>
      <c r="AD3880" s="1"/>
    </row>
    <row r="3881" spans="1:30">
      <c r="A3881" s="5" t="s">
        <v>83578</v>
      </c>
      <c r="B3881" s="2" t="s">
        <v>95245</v>
      </c>
      <c r="C3881" s="14" t="s">
        <v>95246</v>
      </c>
      <c r="D3881" s="2" t="s">
        <v>95247</v>
      </c>
      <c r="E3881" s="2" t="s">
        <v>40967</v>
      </c>
      <c r="F3881" s="8">
        <v>303</v>
      </c>
      <c r="G3881" s="5">
        <v>6</v>
      </c>
      <c r="H3881" s="5" t="s">
        <v>1518</v>
      </c>
      <c r="I3881" s="5" t="s">
        <v>40939</v>
      </c>
      <c r="J3881" s="2" t="s">
        <v>40940</v>
      </c>
      <c r="K3881" s="5" t="s">
        <v>40939</v>
      </c>
      <c r="L3881" s="2" t="s">
        <v>40940</v>
      </c>
      <c r="M3881" s="5" t="s">
        <v>36266</v>
      </c>
      <c r="N3881" s="5" t="s">
        <v>38</v>
      </c>
      <c r="O3881" s="5" t="s">
        <v>39</v>
      </c>
      <c r="P3881" s="5" t="s">
        <v>40</v>
      </c>
      <c r="Q3881" s="5" t="s">
        <v>1522</v>
      </c>
      <c r="R3881" s="5" t="s">
        <v>1523</v>
      </c>
      <c r="S3881" s="5" t="s">
        <v>42</v>
      </c>
      <c r="T3881" s="2">
        <v>3.0579999999999998</v>
      </c>
      <c r="U3881" s="2">
        <v>2.4449999999999998</v>
      </c>
      <c r="V3881" s="2">
        <v>1.7999999999999999E-2</v>
      </c>
      <c r="W3881" s="2">
        <v>139.1</v>
      </c>
      <c r="X3881" s="2">
        <v>7.6</v>
      </c>
      <c r="Y3881" s="2">
        <v>16.7</v>
      </c>
      <c r="Z3881" s="5"/>
      <c r="AA3881" s="5" t="s">
        <v>43</v>
      </c>
      <c r="AB3881" s="5" t="s">
        <v>44</v>
      </c>
      <c r="AC3881" s="2"/>
      <c r="AD3881" s="1"/>
    </row>
    <row r="3882" spans="1:30">
      <c r="A3882" s="5" t="s">
        <v>83578</v>
      </c>
      <c r="B3882" s="2" t="s">
        <v>95248</v>
      </c>
      <c r="C3882" s="14" t="s">
        <v>95249</v>
      </c>
      <c r="D3882" s="2" t="s">
        <v>95250</v>
      </c>
      <c r="E3882" s="2" t="s">
        <v>40971</v>
      </c>
      <c r="F3882" s="8">
        <v>303</v>
      </c>
      <c r="G3882" s="5">
        <v>6</v>
      </c>
      <c r="H3882" s="5" t="s">
        <v>1518</v>
      </c>
      <c r="I3882" s="5" t="s">
        <v>40939</v>
      </c>
      <c r="J3882" s="2" t="s">
        <v>40940</v>
      </c>
      <c r="K3882" s="5" t="s">
        <v>40939</v>
      </c>
      <c r="L3882" s="2" t="s">
        <v>40940</v>
      </c>
      <c r="M3882" s="5" t="s">
        <v>36266</v>
      </c>
      <c r="N3882" s="5" t="s">
        <v>38</v>
      </c>
      <c r="O3882" s="5" t="s">
        <v>39</v>
      </c>
      <c r="P3882" s="5" t="s">
        <v>40</v>
      </c>
      <c r="Q3882" s="5" t="s">
        <v>1522</v>
      </c>
      <c r="R3882" s="5" t="s">
        <v>1523</v>
      </c>
      <c r="S3882" s="5" t="s">
        <v>42</v>
      </c>
      <c r="T3882" s="2">
        <v>3.16</v>
      </c>
      <c r="U3882" s="2">
        <v>2.5470000000000002</v>
      </c>
      <c r="V3882" s="2">
        <v>1.7999999999999999E-2</v>
      </c>
      <c r="W3882" s="2">
        <v>139.1</v>
      </c>
      <c r="X3882" s="2">
        <v>7.6</v>
      </c>
      <c r="Y3882" s="2">
        <v>16.7</v>
      </c>
      <c r="Z3882" s="5"/>
      <c r="AA3882" s="5" t="s">
        <v>43</v>
      </c>
      <c r="AB3882" s="5" t="s">
        <v>44</v>
      </c>
      <c r="AC3882" s="2"/>
      <c r="AD3882" s="1"/>
    </row>
    <row r="3883" spans="1:30">
      <c r="A3883" s="5" t="s">
        <v>83578</v>
      </c>
      <c r="B3883" s="2" t="s">
        <v>95251</v>
      </c>
      <c r="C3883" s="14" t="s">
        <v>95252</v>
      </c>
      <c r="D3883" s="2" t="s">
        <v>95253</v>
      </c>
      <c r="E3883" s="2" t="s">
        <v>47226</v>
      </c>
      <c r="F3883" s="8">
        <v>303</v>
      </c>
      <c r="G3883" s="5">
        <v>6</v>
      </c>
      <c r="H3883" s="5" t="s">
        <v>1518</v>
      </c>
      <c r="I3883" s="5" t="s">
        <v>40939</v>
      </c>
      <c r="J3883" s="2" t="s">
        <v>40940</v>
      </c>
      <c r="K3883" s="5" t="s">
        <v>40939</v>
      </c>
      <c r="L3883" s="2" t="s">
        <v>40940</v>
      </c>
      <c r="M3883" s="5" t="s">
        <v>36266</v>
      </c>
      <c r="N3883" s="5" t="s">
        <v>38</v>
      </c>
      <c r="O3883" s="5" t="s">
        <v>39</v>
      </c>
      <c r="P3883" s="5" t="s">
        <v>40</v>
      </c>
      <c r="Q3883" s="5" t="s">
        <v>1522</v>
      </c>
      <c r="R3883" s="5" t="s">
        <v>1523</v>
      </c>
      <c r="S3883" s="5" t="s">
        <v>42</v>
      </c>
      <c r="T3883" s="2">
        <v>3.0579999999999998</v>
      </c>
      <c r="U3883" s="2">
        <v>2.4449999999999998</v>
      </c>
      <c r="V3883" s="2">
        <v>1.7999999999999999E-2</v>
      </c>
      <c r="W3883" s="2">
        <v>139.1</v>
      </c>
      <c r="X3883" s="2">
        <v>7.6</v>
      </c>
      <c r="Y3883" s="2">
        <v>16.7</v>
      </c>
      <c r="Z3883" s="5"/>
      <c r="AA3883" s="5" t="s">
        <v>43</v>
      </c>
      <c r="AB3883" s="5" t="s">
        <v>44</v>
      </c>
      <c r="AC3883" s="2"/>
      <c r="AD3883" s="1"/>
    </row>
    <row r="3884" spans="1:30">
      <c r="A3884" s="5" t="s">
        <v>83578</v>
      </c>
      <c r="B3884" s="2" t="s">
        <v>95254</v>
      </c>
      <c r="C3884" s="14" t="s">
        <v>95255</v>
      </c>
      <c r="D3884" s="2" t="s">
        <v>95256</v>
      </c>
      <c r="E3884" s="2" t="s">
        <v>47735</v>
      </c>
      <c r="F3884" s="8">
        <v>303</v>
      </c>
      <c r="G3884" s="5">
        <v>6</v>
      </c>
      <c r="H3884" s="5" t="s">
        <v>1518</v>
      </c>
      <c r="I3884" s="5" t="s">
        <v>40939</v>
      </c>
      <c r="J3884" s="2" t="s">
        <v>40940</v>
      </c>
      <c r="K3884" s="5" t="s">
        <v>40939</v>
      </c>
      <c r="L3884" s="2" t="s">
        <v>40940</v>
      </c>
      <c r="M3884" s="5" t="s">
        <v>36266</v>
      </c>
      <c r="N3884" s="5" t="s">
        <v>38</v>
      </c>
      <c r="O3884" s="5" t="s">
        <v>39</v>
      </c>
      <c r="P3884" s="5" t="s">
        <v>40</v>
      </c>
      <c r="Q3884" s="5" t="s">
        <v>1522</v>
      </c>
      <c r="R3884" s="5" t="s">
        <v>1523</v>
      </c>
      <c r="S3884" s="5" t="s">
        <v>42</v>
      </c>
      <c r="T3884" s="2">
        <v>3.16</v>
      </c>
      <c r="U3884" s="2">
        <v>2.5470000000000002</v>
      </c>
      <c r="V3884" s="2">
        <v>1.7999999999999999E-2</v>
      </c>
      <c r="W3884" s="2">
        <v>139.1</v>
      </c>
      <c r="X3884" s="2">
        <v>7.6</v>
      </c>
      <c r="Y3884" s="2">
        <v>16.7</v>
      </c>
      <c r="Z3884" s="5"/>
      <c r="AA3884" s="5" t="s">
        <v>43</v>
      </c>
      <c r="AB3884" s="5" t="s">
        <v>44</v>
      </c>
      <c r="AC3884" s="2"/>
      <c r="AD3884" s="1"/>
    </row>
    <row r="3885" spans="1:30">
      <c r="A3885" s="5" t="s">
        <v>83578</v>
      </c>
      <c r="B3885" s="2" t="s">
        <v>95257</v>
      </c>
      <c r="C3885" s="14" t="s">
        <v>95258</v>
      </c>
      <c r="D3885" s="2" t="s">
        <v>95259</v>
      </c>
      <c r="E3885" s="2" t="s">
        <v>7539</v>
      </c>
      <c r="F3885" s="8">
        <v>303</v>
      </c>
      <c r="G3885" s="5">
        <v>6</v>
      </c>
      <c r="H3885" s="5" t="s">
        <v>1518</v>
      </c>
      <c r="I3885" s="5" t="s">
        <v>40939</v>
      </c>
      <c r="J3885" s="2" t="s">
        <v>40940</v>
      </c>
      <c r="K3885" s="5" t="s">
        <v>40939</v>
      </c>
      <c r="L3885" s="2" t="s">
        <v>40940</v>
      </c>
      <c r="M3885" s="5" t="s">
        <v>36266</v>
      </c>
      <c r="N3885" s="5" t="s">
        <v>38</v>
      </c>
      <c r="O3885" s="5" t="s">
        <v>39</v>
      </c>
      <c r="P3885" s="5" t="s">
        <v>40</v>
      </c>
      <c r="Q3885" s="5" t="s">
        <v>1522</v>
      </c>
      <c r="R3885" s="5" t="s">
        <v>1523</v>
      </c>
      <c r="S3885" s="5" t="s">
        <v>42</v>
      </c>
      <c r="T3885" s="2">
        <v>3.0089999999999999</v>
      </c>
      <c r="U3885" s="2">
        <v>2.3959999999999999</v>
      </c>
      <c r="V3885" s="2">
        <v>1.7999999999999999E-2</v>
      </c>
      <c r="W3885" s="2">
        <v>139.1</v>
      </c>
      <c r="X3885" s="2">
        <v>7.6</v>
      </c>
      <c r="Y3885" s="2">
        <v>16.7</v>
      </c>
      <c r="Z3885" s="5"/>
      <c r="AA3885" s="5" t="s">
        <v>43</v>
      </c>
      <c r="AB3885" s="5" t="s">
        <v>44</v>
      </c>
      <c r="AC3885" s="2"/>
      <c r="AD3885" s="1"/>
    </row>
    <row r="3886" spans="1:30">
      <c r="A3886" s="5" t="s">
        <v>83578</v>
      </c>
      <c r="B3886" s="2" t="s">
        <v>95260</v>
      </c>
      <c r="C3886" s="14" t="s">
        <v>95261</v>
      </c>
      <c r="D3886" s="2" t="s">
        <v>95262</v>
      </c>
      <c r="E3886" s="2" t="s">
        <v>7543</v>
      </c>
      <c r="F3886" s="8">
        <v>303</v>
      </c>
      <c r="G3886" s="5">
        <v>6</v>
      </c>
      <c r="H3886" s="5" t="s">
        <v>1518</v>
      </c>
      <c r="I3886" s="5" t="s">
        <v>40939</v>
      </c>
      <c r="J3886" s="2" t="s">
        <v>40940</v>
      </c>
      <c r="K3886" s="5" t="s">
        <v>40939</v>
      </c>
      <c r="L3886" s="2" t="s">
        <v>40940</v>
      </c>
      <c r="M3886" s="5" t="s">
        <v>36266</v>
      </c>
      <c r="N3886" s="5" t="s">
        <v>38</v>
      </c>
      <c r="O3886" s="5" t="s">
        <v>39</v>
      </c>
      <c r="P3886" s="5" t="s">
        <v>40</v>
      </c>
      <c r="Q3886" s="5" t="s">
        <v>1522</v>
      </c>
      <c r="R3886" s="5" t="s">
        <v>1523</v>
      </c>
      <c r="S3886" s="5" t="s">
        <v>42</v>
      </c>
      <c r="T3886" s="2">
        <v>3.1110000000000002</v>
      </c>
      <c r="U3886" s="2">
        <v>2.4980000000000002</v>
      </c>
      <c r="V3886" s="2">
        <v>1.7999999999999999E-2</v>
      </c>
      <c r="W3886" s="2">
        <v>139.1</v>
      </c>
      <c r="X3886" s="2">
        <v>7.6</v>
      </c>
      <c r="Y3886" s="2">
        <v>16.7</v>
      </c>
      <c r="Z3886" s="5"/>
      <c r="AA3886" s="5" t="s">
        <v>43</v>
      </c>
      <c r="AB3886" s="5" t="s">
        <v>44</v>
      </c>
      <c r="AC3886" s="2"/>
      <c r="AD3886" s="1"/>
    </row>
    <row r="3887" spans="1:30">
      <c r="A3887" s="5" t="s">
        <v>83578</v>
      </c>
      <c r="B3887" s="2" t="s">
        <v>95263</v>
      </c>
      <c r="C3887" s="14" t="s">
        <v>95264</v>
      </c>
      <c r="D3887" s="2" t="s">
        <v>95265</v>
      </c>
      <c r="E3887" s="2" t="s">
        <v>40989</v>
      </c>
      <c r="F3887" s="8">
        <v>303</v>
      </c>
      <c r="G3887" s="5">
        <v>6</v>
      </c>
      <c r="H3887" s="5" t="s">
        <v>1518</v>
      </c>
      <c r="I3887" s="5" t="s">
        <v>40939</v>
      </c>
      <c r="J3887" s="2" t="s">
        <v>40940</v>
      </c>
      <c r="K3887" s="5" t="s">
        <v>40939</v>
      </c>
      <c r="L3887" s="2" t="s">
        <v>40940</v>
      </c>
      <c r="M3887" s="5" t="s">
        <v>36266</v>
      </c>
      <c r="N3887" s="5" t="s">
        <v>38</v>
      </c>
      <c r="O3887" s="5" t="s">
        <v>39</v>
      </c>
      <c r="P3887" s="5" t="s">
        <v>40</v>
      </c>
      <c r="Q3887" s="5" t="s">
        <v>1522</v>
      </c>
      <c r="R3887" s="5" t="s">
        <v>1523</v>
      </c>
      <c r="S3887" s="5" t="s">
        <v>42</v>
      </c>
      <c r="T3887" s="2">
        <v>3.0579999999999998</v>
      </c>
      <c r="U3887" s="2">
        <v>2.4449999999999998</v>
      </c>
      <c r="V3887" s="2">
        <v>1.7999999999999999E-2</v>
      </c>
      <c r="W3887" s="2">
        <v>139.1</v>
      </c>
      <c r="X3887" s="2">
        <v>7.6</v>
      </c>
      <c r="Y3887" s="2">
        <v>16.7</v>
      </c>
      <c r="Z3887" s="5"/>
      <c r="AA3887" s="5" t="s">
        <v>43</v>
      </c>
      <c r="AB3887" s="5" t="s">
        <v>44</v>
      </c>
      <c r="AC3887" s="2"/>
      <c r="AD3887" s="1"/>
    </row>
    <row r="3888" spans="1:30">
      <c r="A3888" s="5" t="s">
        <v>83578</v>
      </c>
      <c r="B3888" s="2" t="s">
        <v>95266</v>
      </c>
      <c r="C3888" s="14" t="s">
        <v>95267</v>
      </c>
      <c r="D3888" s="2" t="s">
        <v>95268</v>
      </c>
      <c r="E3888" s="2" t="s">
        <v>40993</v>
      </c>
      <c r="F3888" s="8">
        <v>303</v>
      </c>
      <c r="G3888" s="5">
        <v>6</v>
      </c>
      <c r="H3888" s="5" t="s">
        <v>1518</v>
      </c>
      <c r="I3888" s="5" t="s">
        <v>40939</v>
      </c>
      <c r="J3888" s="2" t="s">
        <v>40940</v>
      </c>
      <c r="K3888" s="5" t="s">
        <v>40939</v>
      </c>
      <c r="L3888" s="2" t="s">
        <v>40940</v>
      </c>
      <c r="M3888" s="5" t="s">
        <v>36266</v>
      </c>
      <c r="N3888" s="5" t="s">
        <v>38</v>
      </c>
      <c r="O3888" s="5" t="s">
        <v>39</v>
      </c>
      <c r="P3888" s="5" t="s">
        <v>40</v>
      </c>
      <c r="Q3888" s="5" t="s">
        <v>1522</v>
      </c>
      <c r="R3888" s="5" t="s">
        <v>1523</v>
      </c>
      <c r="S3888" s="5" t="s">
        <v>42</v>
      </c>
      <c r="T3888" s="2">
        <v>3.16</v>
      </c>
      <c r="U3888" s="2">
        <v>2.5470000000000002</v>
      </c>
      <c r="V3888" s="2">
        <v>1.7999999999999999E-2</v>
      </c>
      <c r="W3888" s="2">
        <v>139.1</v>
      </c>
      <c r="X3888" s="2">
        <v>7.6</v>
      </c>
      <c r="Y3888" s="2">
        <v>16.7</v>
      </c>
      <c r="Z3888" s="5"/>
      <c r="AA3888" s="5" t="s">
        <v>43</v>
      </c>
      <c r="AB3888" s="5" t="s">
        <v>44</v>
      </c>
      <c r="AC3888" s="2"/>
      <c r="AD3888" s="1"/>
    </row>
    <row r="3889" spans="1:30">
      <c r="A3889" s="5" t="s">
        <v>83578</v>
      </c>
      <c r="B3889" s="2" t="s">
        <v>95269</v>
      </c>
      <c r="C3889" s="14" t="s">
        <v>95270</v>
      </c>
      <c r="D3889" s="2" t="s">
        <v>95271</v>
      </c>
      <c r="E3889" s="2" t="s">
        <v>40997</v>
      </c>
      <c r="F3889" s="8">
        <v>303</v>
      </c>
      <c r="G3889" s="5">
        <v>6</v>
      </c>
      <c r="H3889" s="5" t="s">
        <v>1518</v>
      </c>
      <c r="I3889" s="5" t="s">
        <v>40939</v>
      </c>
      <c r="J3889" s="2" t="s">
        <v>40940</v>
      </c>
      <c r="K3889" s="5" t="s">
        <v>40939</v>
      </c>
      <c r="L3889" s="2" t="s">
        <v>40940</v>
      </c>
      <c r="M3889" s="5" t="s">
        <v>36266</v>
      </c>
      <c r="N3889" s="5" t="s">
        <v>38</v>
      </c>
      <c r="O3889" s="5" t="s">
        <v>39</v>
      </c>
      <c r="P3889" s="5" t="s">
        <v>40</v>
      </c>
      <c r="Q3889" s="5" t="s">
        <v>1522</v>
      </c>
      <c r="R3889" s="5" t="s">
        <v>1523</v>
      </c>
      <c r="S3889" s="5" t="s">
        <v>42</v>
      </c>
      <c r="T3889" s="2">
        <v>3.0179999999999998</v>
      </c>
      <c r="U3889" s="2">
        <v>2.4049999999999998</v>
      </c>
      <c r="V3889" s="2">
        <v>1.7999999999999999E-2</v>
      </c>
      <c r="W3889" s="2">
        <v>139.1</v>
      </c>
      <c r="X3889" s="2">
        <v>7.6</v>
      </c>
      <c r="Y3889" s="2">
        <v>16.7</v>
      </c>
      <c r="Z3889" s="5"/>
      <c r="AA3889" s="5" t="s">
        <v>43</v>
      </c>
      <c r="AB3889" s="5" t="s">
        <v>44</v>
      </c>
      <c r="AC3889" s="2"/>
      <c r="AD3889" s="1"/>
    </row>
    <row r="3890" spans="1:30">
      <c r="A3890" s="5" t="s">
        <v>83578</v>
      </c>
      <c r="B3890" s="2" t="s">
        <v>95272</v>
      </c>
      <c r="C3890" s="14" t="s">
        <v>95273</v>
      </c>
      <c r="D3890" s="2" t="s">
        <v>95274</v>
      </c>
      <c r="E3890" s="2" t="s">
        <v>41267</v>
      </c>
      <c r="F3890" s="8">
        <v>303</v>
      </c>
      <c r="G3890" s="5">
        <v>6</v>
      </c>
      <c r="H3890" s="5" t="s">
        <v>1518</v>
      </c>
      <c r="I3890" s="5" t="s">
        <v>40939</v>
      </c>
      <c r="J3890" s="2" t="s">
        <v>40940</v>
      </c>
      <c r="K3890" s="5" t="s">
        <v>40939</v>
      </c>
      <c r="L3890" s="2" t="s">
        <v>40940</v>
      </c>
      <c r="M3890" s="5" t="s">
        <v>36266</v>
      </c>
      <c r="N3890" s="5" t="s">
        <v>38</v>
      </c>
      <c r="O3890" s="5" t="s">
        <v>39</v>
      </c>
      <c r="P3890" s="5" t="s">
        <v>40</v>
      </c>
      <c r="Q3890" s="5" t="s">
        <v>1522</v>
      </c>
      <c r="R3890" s="5" t="s">
        <v>1523</v>
      </c>
      <c r="S3890" s="5" t="s">
        <v>42</v>
      </c>
      <c r="T3890" s="2">
        <v>3.12</v>
      </c>
      <c r="U3890" s="2">
        <v>2.5070000000000001</v>
      </c>
      <c r="V3890" s="2">
        <v>1.7999999999999999E-2</v>
      </c>
      <c r="W3890" s="2">
        <v>139.1</v>
      </c>
      <c r="X3890" s="2">
        <v>7.6</v>
      </c>
      <c r="Y3890" s="2">
        <v>16.7</v>
      </c>
      <c r="Z3890" s="5"/>
      <c r="AA3890" s="5" t="s">
        <v>43</v>
      </c>
      <c r="AB3890" s="5" t="s">
        <v>44</v>
      </c>
      <c r="AC3890" s="2"/>
      <c r="AD3890" s="1"/>
    </row>
    <row r="3891" spans="1:30">
      <c r="A3891" s="5" t="s">
        <v>83578</v>
      </c>
      <c r="B3891" s="2" t="s">
        <v>95275</v>
      </c>
      <c r="C3891" s="14" t="s">
        <v>95276</v>
      </c>
      <c r="D3891" s="2" t="s">
        <v>95277</v>
      </c>
      <c r="E3891" s="2" t="s">
        <v>41001</v>
      </c>
      <c r="F3891" s="8">
        <v>303</v>
      </c>
      <c r="G3891" s="5">
        <v>6</v>
      </c>
      <c r="H3891" s="5" t="s">
        <v>1518</v>
      </c>
      <c r="I3891" s="5" t="s">
        <v>40939</v>
      </c>
      <c r="J3891" s="2" t="s">
        <v>40940</v>
      </c>
      <c r="K3891" s="5" t="s">
        <v>40939</v>
      </c>
      <c r="L3891" s="2" t="s">
        <v>40940</v>
      </c>
      <c r="M3891" s="5" t="s">
        <v>36266</v>
      </c>
      <c r="N3891" s="5" t="s">
        <v>38</v>
      </c>
      <c r="O3891" s="5" t="s">
        <v>39</v>
      </c>
      <c r="P3891" s="5" t="s">
        <v>40</v>
      </c>
      <c r="Q3891" s="5" t="s">
        <v>1522</v>
      </c>
      <c r="R3891" s="5" t="s">
        <v>1523</v>
      </c>
      <c r="S3891" s="5" t="s">
        <v>42</v>
      </c>
      <c r="T3891" s="2">
        <v>3.0579999999999998</v>
      </c>
      <c r="U3891" s="2">
        <v>2.4449999999999998</v>
      </c>
      <c r="V3891" s="2">
        <v>1.7999999999999999E-2</v>
      </c>
      <c r="W3891" s="2">
        <v>139.1</v>
      </c>
      <c r="X3891" s="2">
        <v>7.6</v>
      </c>
      <c r="Y3891" s="2">
        <v>16.7</v>
      </c>
      <c r="Z3891" s="5"/>
      <c r="AA3891" s="5" t="s">
        <v>43</v>
      </c>
      <c r="AB3891" s="5" t="s">
        <v>44</v>
      </c>
      <c r="AC3891" s="2"/>
      <c r="AD3891" s="1"/>
    </row>
    <row r="3892" spans="1:30">
      <c r="A3892" s="5" t="s">
        <v>83578</v>
      </c>
      <c r="B3892" s="2" t="s">
        <v>95278</v>
      </c>
      <c r="C3892" s="14" t="s">
        <v>95279</v>
      </c>
      <c r="D3892" s="2" t="s">
        <v>95280</v>
      </c>
      <c r="E3892" s="2" t="s">
        <v>41005</v>
      </c>
      <c r="F3892" s="8">
        <v>303</v>
      </c>
      <c r="G3892" s="5">
        <v>6</v>
      </c>
      <c r="H3892" s="5" t="s">
        <v>1518</v>
      </c>
      <c r="I3892" s="5" t="s">
        <v>40939</v>
      </c>
      <c r="J3892" s="2" t="s">
        <v>40940</v>
      </c>
      <c r="K3892" s="5" t="s">
        <v>40939</v>
      </c>
      <c r="L3892" s="2" t="s">
        <v>40940</v>
      </c>
      <c r="M3892" s="5" t="s">
        <v>36266</v>
      </c>
      <c r="N3892" s="5" t="s">
        <v>38</v>
      </c>
      <c r="O3892" s="5" t="s">
        <v>39</v>
      </c>
      <c r="P3892" s="5" t="s">
        <v>40</v>
      </c>
      <c r="Q3892" s="5" t="s">
        <v>1522</v>
      </c>
      <c r="R3892" s="5" t="s">
        <v>1523</v>
      </c>
      <c r="S3892" s="5" t="s">
        <v>42</v>
      </c>
      <c r="T3892" s="2">
        <v>3.16</v>
      </c>
      <c r="U3892" s="2">
        <v>2.5470000000000002</v>
      </c>
      <c r="V3892" s="2">
        <v>1.7999999999999999E-2</v>
      </c>
      <c r="W3892" s="2">
        <v>139.1</v>
      </c>
      <c r="X3892" s="2">
        <v>7.6</v>
      </c>
      <c r="Y3892" s="2">
        <v>16.7</v>
      </c>
      <c r="Z3892" s="5"/>
      <c r="AA3892" s="5" t="s">
        <v>43</v>
      </c>
      <c r="AB3892" s="5" t="s">
        <v>44</v>
      </c>
      <c r="AC3892" s="2"/>
      <c r="AD3892" s="1"/>
    </row>
    <row r="3893" spans="1:30">
      <c r="A3893" s="5" t="s">
        <v>83578</v>
      </c>
      <c r="B3893" s="2" t="s">
        <v>95281</v>
      </c>
      <c r="C3893" s="14" t="s">
        <v>95282</v>
      </c>
      <c r="D3893" s="2" t="s">
        <v>95283</v>
      </c>
      <c r="E3893" s="2" t="s">
        <v>41009</v>
      </c>
      <c r="F3893" s="8">
        <v>303</v>
      </c>
      <c r="G3893" s="5">
        <v>6</v>
      </c>
      <c r="H3893" s="5" t="s">
        <v>1518</v>
      </c>
      <c r="I3893" s="5" t="s">
        <v>40939</v>
      </c>
      <c r="J3893" s="2" t="s">
        <v>40940</v>
      </c>
      <c r="K3893" s="5" t="s">
        <v>40939</v>
      </c>
      <c r="L3893" s="2" t="s">
        <v>40940</v>
      </c>
      <c r="M3893" s="5" t="s">
        <v>36266</v>
      </c>
      <c r="N3893" s="5" t="s">
        <v>38</v>
      </c>
      <c r="O3893" s="5" t="s">
        <v>39</v>
      </c>
      <c r="P3893" s="5" t="s">
        <v>40</v>
      </c>
      <c r="Q3893" s="5" t="s">
        <v>1522</v>
      </c>
      <c r="R3893" s="5" t="s">
        <v>1523</v>
      </c>
      <c r="S3893" s="5" t="s">
        <v>42</v>
      </c>
      <c r="T3893" s="2">
        <v>3.0680000000000001</v>
      </c>
      <c r="U3893" s="2">
        <v>2.4550000000000001</v>
      </c>
      <c r="V3893" s="2">
        <v>1.7999999999999999E-2</v>
      </c>
      <c r="W3893" s="2">
        <v>139.1</v>
      </c>
      <c r="X3893" s="2">
        <v>7.6</v>
      </c>
      <c r="Y3893" s="2">
        <v>16.7</v>
      </c>
      <c r="Z3893" s="5"/>
      <c r="AA3893" s="5" t="s">
        <v>43</v>
      </c>
      <c r="AB3893" s="5" t="s">
        <v>44</v>
      </c>
      <c r="AC3893" s="2"/>
      <c r="AD3893" s="1"/>
    </row>
    <row r="3894" spans="1:30">
      <c r="A3894" s="5" t="s">
        <v>83578</v>
      </c>
      <c r="B3894" s="2" t="s">
        <v>95284</v>
      </c>
      <c r="C3894" s="14" t="s">
        <v>95285</v>
      </c>
      <c r="D3894" s="2" t="s">
        <v>95286</v>
      </c>
      <c r="E3894" s="2" t="s">
        <v>41013</v>
      </c>
      <c r="F3894" s="8">
        <v>303</v>
      </c>
      <c r="G3894" s="5">
        <v>6</v>
      </c>
      <c r="H3894" s="5" t="s">
        <v>1518</v>
      </c>
      <c r="I3894" s="5" t="s">
        <v>40939</v>
      </c>
      <c r="J3894" s="2" t="s">
        <v>40940</v>
      </c>
      <c r="K3894" s="5" t="s">
        <v>40939</v>
      </c>
      <c r="L3894" s="2" t="s">
        <v>40940</v>
      </c>
      <c r="M3894" s="5" t="s">
        <v>36266</v>
      </c>
      <c r="N3894" s="5" t="s">
        <v>38</v>
      </c>
      <c r="O3894" s="5" t="s">
        <v>39</v>
      </c>
      <c r="P3894" s="5" t="s">
        <v>40</v>
      </c>
      <c r="Q3894" s="5" t="s">
        <v>1522</v>
      </c>
      <c r="R3894" s="5" t="s">
        <v>1523</v>
      </c>
      <c r="S3894" s="5" t="s">
        <v>42</v>
      </c>
      <c r="T3894" s="2">
        <v>3.17</v>
      </c>
      <c r="U3894" s="2">
        <v>2.5569999999999999</v>
      </c>
      <c r="V3894" s="2">
        <v>1.7999999999999999E-2</v>
      </c>
      <c r="W3894" s="2">
        <v>139.1</v>
      </c>
      <c r="X3894" s="2">
        <v>7.6</v>
      </c>
      <c r="Y3894" s="2">
        <v>16.7</v>
      </c>
      <c r="Z3894" s="5"/>
      <c r="AA3894" s="5" t="s">
        <v>43</v>
      </c>
      <c r="AB3894" s="5" t="s">
        <v>44</v>
      </c>
      <c r="AC3894" s="2"/>
      <c r="AD3894" s="1"/>
    </row>
    <row r="3895" spans="1:30">
      <c r="A3895" s="5" t="s">
        <v>83578</v>
      </c>
      <c r="B3895" s="2" t="s">
        <v>95287</v>
      </c>
      <c r="C3895" s="14" t="s">
        <v>95288</v>
      </c>
      <c r="D3895" s="2" t="s">
        <v>95289</v>
      </c>
      <c r="E3895" s="2" t="s">
        <v>7396</v>
      </c>
      <c r="F3895" s="8">
        <v>281</v>
      </c>
      <c r="G3895" s="5">
        <v>6</v>
      </c>
      <c r="H3895" s="5" t="s">
        <v>1518</v>
      </c>
      <c r="I3895" s="5" t="s">
        <v>40939</v>
      </c>
      <c r="J3895" s="2" t="s">
        <v>40940</v>
      </c>
      <c r="K3895" s="5" t="s">
        <v>40939</v>
      </c>
      <c r="L3895" s="2" t="s">
        <v>40940</v>
      </c>
      <c r="M3895" s="5" t="s">
        <v>36266</v>
      </c>
      <c r="N3895" s="5" t="s">
        <v>38</v>
      </c>
      <c r="O3895" s="5" t="s">
        <v>39</v>
      </c>
      <c r="P3895" s="5" t="s">
        <v>40</v>
      </c>
      <c r="Q3895" s="5" t="s">
        <v>1522</v>
      </c>
      <c r="R3895" s="5" t="s">
        <v>1523</v>
      </c>
      <c r="S3895" s="5" t="s">
        <v>42</v>
      </c>
      <c r="T3895" s="2">
        <v>3.0680000000000001</v>
      </c>
      <c r="U3895" s="2">
        <v>2.4550000000000001</v>
      </c>
      <c r="V3895" s="2">
        <v>1.7999999999999999E-2</v>
      </c>
      <c r="W3895" s="2">
        <v>139.1</v>
      </c>
      <c r="X3895" s="2">
        <v>7.6</v>
      </c>
      <c r="Y3895" s="2">
        <v>16.7</v>
      </c>
      <c r="Z3895" s="5"/>
      <c r="AA3895" s="5" t="s">
        <v>43</v>
      </c>
      <c r="AB3895" s="5" t="s">
        <v>44</v>
      </c>
      <c r="AC3895" s="2"/>
      <c r="AD3895" s="1"/>
    </row>
    <row r="3896" spans="1:30">
      <c r="A3896" s="5" t="s">
        <v>83578</v>
      </c>
      <c r="B3896" s="2" t="s">
        <v>95290</v>
      </c>
      <c r="C3896" s="14" t="s">
        <v>95291</v>
      </c>
      <c r="D3896" s="2" t="s">
        <v>95292</v>
      </c>
      <c r="E3896" s="2" t="s">
        <v>7507</v>
      </c>
      <c r="F3896" s="8">
        <v>281</v>
      </c>
      <c r="G3896" s="5">
        <v>6</v>
      </c>
      <c r="H3896" s="5" t="s">
        <v>1518</v>
      </c>
      <c r="I3896" s="5" t="s">
        <v>40939</v>
      </c>
      <c r="J3896" s="2" t="s">
        <v>40940</v>
      </c>
      <c r="K3896" s="5" t="s">
        <v>40939</v>
      </c>
      <c r="L3896" s="2" t="s">
        <v>40940</v>
      </c>
      <c r="M3896" s="5" t="s">
        <v>36266</v>
      </c>
      <c r="N3896" s="5" t="s">
        <v>38</v>
      </c>
      <c r="O3896" s="5" t="s">
        <v>39</v>
      </c>
      <c r="P3896" s="5" t="s">
        <v>40</v>
      </c>
      <c r="Q3896" s="5" t="s">
        <v>1522</v>
      </c>
      <c r="R3896" s="5" t="s">
        <v>1523</v>
      </c>
      <c r="S3896" s="5" t="s">
        <v>42</v>
      </c>
      <c r="T3896" s="2">
        <v>3.17</v>
      </c>
      <c r="U3896" s="2">
        <v>2.5569999999999999</v>
      </c>
      <c r="V3896" s="2">
        <v>1.7999999999999999E-2</v>
      </c>
      <c r="W3896" s="2">
        <v>139.1</v>
      </c>
      <c r="X3896" s="2">
        <v>7.6</v>
      </c>
      <c r="Y3896" s="2">
        <v>16.7</v>
      </c>
      <c r="Z3896" s="5"/>
      <c r="AA3896" s="5" t="s">
        <v>43</v>
      </c>
      <c r="AB3896" s="5" t="s">
        <v>44</v>
      </c>
      <c r="AC3896" s="2"/>
      <c r="AD3896" s="1"/>
    </row>
    <row r="3897" spans="1:30">
      <c r="A3897" s="5" t="s">
        <v>83578</v>
      </c>
      <c r="B3897" s="2" t="s">
        <v>95293</v>
      </c>
      <c r="C3897" s="14" t="s">
        <v>95294</v>
      </c>
      <c r="D3897" s="2" t="s">
        <v>95295</v>
      </c>
      <c r="E3897" s="2" t="s">
        <v>41023</v>
      </c>
      <c r="F3897" s="8">
        <v>303</v>
      </c>
      <c r="G3897" s="5">
        <v>6</v>
      </c>
      <c r="H3897" s="5" t="s">
        <v>1518</v>
      </c>
      <c r="I3897" s="5" t="s">
        <v>40939</v>
      </c>
      <c r="J3897" s="2" t="s">
        <v>40940</v>
      </c>
      <c r="K3897" s="5" t="s">
        <v>40939</v>
      </c>
      <c r="L3897" s="2" t="s">
        <v>40940</v>
      </c>
      <c r="M3897" s="5" t="s">
        <v>36266</v>
      </c>
      <c r="N3897" s="5" t="s">
        <v>38</v>
      </c>
      <c r="O3897" s="5" t="s">
        <v>39</v>
      </c>
      <c r="P3897" s="5" t="s">
        <v>40</v>
      </c>
      <c r="Q3897" s="5" t="s">
        <v>1522</v>
      </c>
      <c r="R3897" s="5" t="s">
        <v>1523</v>
      </c>
      <c r="S3897" s="5" t="s">
        <v>42</v>
      </c>
      <c r="T3897" s="2">
        <v>3.0179999999999998</v>
      </c>
      <c r="U3897" s="2">
        <v>2.4049999999999998</v>
      </c>
      <c r="V3897" s="2">
        <v>1.7999999999999999E-2</v>
      </c>
      <c r="W3897" s="2">
        <v>139.1</v>
      </c>
      <c r="X3897" s="2">
        <v>7.6</v>
      </c>
      <c r="Y3897" s="2">
        <v>16.7</v>
      </c>
      <c r="Z3897" s="5"/>
      <c r="AA3897" s="5" t="s">
        <v>43</v>
      </c>
      <c r="AB3897" s="5" t="s">
        <v>44</v>
      </c>
      <c r="AC3897" s="2"/>
      <c r="AD3897" s="1"/>
    </row>
    <row r="3898" spans="1:30">
      <c r="A3898" s="5" t="s">
        <v>83578</v>
      </c>
      <c r="B3898" s="2" t="s">
        <v>95296</v>
      </c>
      <c r="C3898" s="14" t="s">
        <v>95297</v>
      </c>
      <c r="D3898" s="2" t="s">
        <v>95298</v>
      </c>
      <c r="E3898" s="2" t="s">
        <v>41027</v>
      </c>
      <c r="F3898" s="8">
        <v>303</v>
      </c>
      <c r="G3898" s="5">
        <v>6</v>
      </c>
      <c r="H3898" s="5" t="s">
        <v>1518</v>
      </c>
      <c r="I3898" s="5" t="s">
        <v>40939</v>
      </c>
      <c r="J3898" s="2" t="s">
        <v>40940</v>
      </c>
      <c r="K3898" s="5" t="s">
        <v>40939</v>
      </c>
      <c r="L3898" s="2" t="s">
        <v>40940</v>
      </c>
      <c r="M3898" s="5" t="s">
        <v>36266</v>
      </c>
      <c r="N3898" s="5" t="s">
        <v>38</v>
      </c>
      <c r="O3898" s="5" t="s">
        <v>39</v>
      </c>
      <c r="P3898" s="5" t="s">
        <v>40</v>
      </c>
      <c r="Q3898" s="5" t="s">
        <v>1522</v>
      </c>
      <c r="R3898" s="5" t="s">
        <v>1523</v>
      </c>
      <c r="S3898" s="5" t="s">
        <v>42</v>
      </c>
      <c r="T3898" s="2">
        <v>3.12</v>
      </c>
      <c r="U3898" s="2">
        <v>2.5070000000000001</v>
      </c>
      <c r="V3898" s="2">
        <v>1.7999999999999999E-2</v>
      </c>
      <c r="W3898" s="2">
        <v>139.1</v>
      </c>
      <c r="X3898" s="2">
        <v>7.6</v>
      </c>
      <c r="Y3898" s="2">
        <v>16.7</v>
      </c>
      <c r="Z3898" s="5"/>
      <c r="AA3898" s="5" t="s">
        <v>43</v>
      </c>
      <c r="AB3898" s="5" t="s">
        <v>44</v>
      </c>
      <c r="AC3898" s="2"/>
      <c r="AD3898" s="1"/>
    </row>
    <row r="3899" spans="1:30">
      <c r="A3899" s="5" t="s">
        <v>83578</v>
      </c>
      <c r="B3899" s="2" t="s">
        <v>95299</v>
      </c>
      <c r="C3899" s="14" t="s">
        <v>95300</v>
      </c>
      <c r="D3899" s="2" t="s">
        <v>95301</v>
      </c>
      <c r="E3899" s="2" t="s">
        <v>41031</v>
      </c>
      <c r="F3899" s="8">
        <v>303</v>
      </c>
      <c r="G3899" s="5">
        <v>6</v>
      </c>
      <c r="H3899" s="5" t="s">
        <v>1518</v>
      </c>
      <c r="I3899" s="5" t="s">
        <v>40939</v>
      </c>
      <c r="J3899" s="2" t="s">
        <v>40940</v>
      </c>
      <c r="K3899" s="5" t="s">
        <v>40939</v>
      </c>
      <c r="L3899" s="2" t="s">
        <v>40940</v>
      </c>
      <c r="M3899" s="5" t="s">
        <v>36266</v>
      </c>
      <c r="N3899" s="5" t="s">
        <v>38</v>
      </c>
      <c r="O3899" s="5" t="s">
        <v>39</v>
      </c>
      <c r="P3899" s="5" t="s">
        <v>40</v>
      </c>
      <c r="Q3899" s="5" t="s">
        <v>1522</v>
      </c>
      <c r="R3899" s="5" t="s">
        <v>1523</v>
      </c>
      <c r="S3899" s="5" t="s">
        <v>42</v>
      </c>
      <c r="T3899" s="2">
        <v>3.0179999999999998</v>
      </c>
      <c r="U3899" s="2">
        <v>2.4049999999999998</v>
      </c>
      <c r="V3899" s="2">
        <v>1.7999999999999999E-2</v>
      </c>
      <c r="W3899" s="2">
        <v>139.1</v>
      </c>
      <c r="X3899" s="2">
        <v>7.6</v>
      </c>
      <c r="Y3899" s="2">
        <v>16.7</v>
      </c>
      <c r="Z3899" s="5"/>
      <c r="AA3899" s="5" t="s">
        <v>43</v>
      </c>
      <c r="AB3899" s="5" t="s">
        <v>44</v>
      </c>
      <c r="AC3899" s="2"/>
      <c r="AD3899" s="1"/>
    </row>
    <row r="3900" spans="1:30">
      <c r="A3900" s="5" t="s">
        <v>83578</v>
      </c>
      <c r="B3900" s="2" t="s">
        <v>95302</v>
      </c>
      <c r="C3900" s="14" t="s">
        <v>95303</v>
      </c>
      <c r="D3900" s="2" t="s">
        <v>95304</v>
      </c>
      <c r="E3900" s="2" t="s">
        <v>41035</v>
      </c>
      <c r="F3900" s="8">
        <v>303</v>
      </c>
      <c r="G3900" s="5">
        <v>6</v>
      </c>
      <c r="H3900" s="5" t="s">
        <v>1518</v>
      </c>
      <c r="I3900" s="5" t="s">
        <v>40939</v>
      </c>
      <c r="J3900" s="2" t="s">
        <v>40940</v>
      </c>
      <c r="K3900" s="5" t="s">
        <v>40939</v>
      </c>
      <c r="L3900" s="2" t="s">
        <v>40940</v>
      </c>
      <c r="M3900" s="5" t="s">
        <v>36266</v>
      </c>
      <c r="N3900" s="5" t="s">
        <v>38</v>
      </c>
      <c r="O3900" s="5" t="s">
        <v>39</v>
      </c>
      <c r="P3900" s="5" t="s">
        <v>40</v>
      </c>
      <c r="Q3900" s="5" t="s">
        <v>1522</v>
      </c>
      <c r="R3900" s="5" t="s">
        <v>1523</v>
      </c>
      <c r="S3900" s="5" t="s">
        <v>42</v>
      </c>
      <c r="T3900" s="2">
        <v>3.12</v>
      </c>
      <c r="U3900" s="2">
        <v>2.5070000000000001</v>
      </c>
      <c r="V3900" s="2">
        <v>1.7999999999999999E-2</v>
      </c>
      <c r="W3900" s="2">
        <v>139.1</v>
      </c>
      <c r="X3900" s="2">
        <v>7.6</v>
      </c>
      <c r="Y3900" s="2">
        <v>16.7</v>
      </c>
      <c r="Z3900" s="5"/>
      <c r="AA3900" s="5" t="s">
        <v>43</v>
      </c>
      <c r="AB3900" s="5" t="s">
        <v>44</v>
      </c>
      <c r="AC3900" s="2"/>
      <c r="AD3900" s="1"/>
    </row>
    <row r="3901" spans="1:30">
      <c r="A3901" s="5" t="s">
        <v>83578</v>
      </c>
      <c r="B3901" s="2" t="s">
        <v>95305</v>
      </c>
      <c r="C3901" s="14" t="s">
        <v>95306</v>
      </c>
      <c r="D3901" s="2" t="s">
        <v>95307</v>
      </c>
      <c r="E3901" s="2" t="s">
        <v>7449</v>
      </c>
      <c r="F3901" s="8">
        <v>303</v>
      </c>
      <c r="G3901" s="5">
        <v>6</v>
      </c>
      <c r="H3901" s="5" t="s">
        <v>1518</v>
      </c>
      <c r="I3901" s="5" t="s">
        <v>40939</v>
      </c>
      <c r="J3901" s="2" t="s">
        <v>40940</v>
      </c>
      <c r="K3901" s="5" t="s">
        <v>40939</v>
      </c>
      <c r="L3901" s="2" t="s">
        <v>40940</v>
      </c>
      <c r="M3901" s="5" t="s">
        <v>36266</v>
      </c>
      <c r="N3901" s="5" t="s">
        <v>38</v>
      </c>
      <c r="O3901" s="5" t="s">
        <v>39</v>
      </c>
      <c r="P3901" s="5" t="s">
        <v>40</v>
      </c>
      <c r="Q3901" s="5" t="s">
        <v>1522</v>
      </c>
      <c r="R3901" s="5" t="s">
        <v>1523</v>
      </c>
      <c r="S3901" s="5" t="s">
        <v>42</v>
      </c>
      <c r="T3901" s="2">
        <v>3.0179999999999998</v>
      </c>
      <c r="U3901" s="2">
        <v>2.4049999999999998</v>
      </c>
      <c r="V3901" s="2">
        <v>1.7999999999999999E-2</v>
      </c>
      <c r="W3901" s="2">
        <v>139.1</v>
      </c>
      <c r="X3901" s="2">
        <v>7.6</v>
      </c>
      <c r="Y3901" s="2">
        <v>16.7</v>
      </c>
      <c r="Z3901" s="5"/>
      <c r="AA3901" s="5" t="s">
        <v>43</v>
      </c>
      <c r="AB3901" s="5" t="s">
        <v>44</v>
      </c>
      <c r="AC3901" s="2"/>
      <c r="AD3901" s="1"/>
    </row>
    <row r="3902" spans="1:30">
      <c r="A3902" s="5" t="s">
        <v>83578</v>
      </c>
      <c r="B3902" s="2" t="s">
        <v>95308</v>
      </c>
      <c r="C3902" s="14" t="s">
        <v>95309</v>
      </c>
      <c r="D3902" s="2" t="s">
        <v>95310</v>
      </c>
      <c r="E3902" s="2" t="s">
        <v>7581</v>
      </c>
      <c r="F3902" s="8">
        <v>303</v>
      </c>
      <c r="G3902" s="5">
        <v>6</v>
      </c>
      <c r="H3902" s="5" t="s">
        <v>1518</v>
      </c>
      <c r="I3902" s="5" t="s">
        <v>40939</v>
      </c>
      <c r="J3902" s="2" t="s">
        <v>40940</v>
      </c>
      <c r="K3902" s="5" t="s">
        <v>40939</v>
      </c>
      <c r="L3902" s="2" t="s">
        <v>40940</v>
      </c>
      <c r="M3902" s="5" t="s">
        <v>36266</v>
      </c>
      <c r="N3902" s="5" t="s">
        <v>38</v>
      </c>
      <c r="O3902" s="5" t="s">
        <v>39</v>
      </c>
      <c r="P3902" s="5" t="s">
        <v>40</v>
      </c>
      <c r="Q3902" s="5" t="s">
        <v>1522</v>
      </c>
      <c r="R3902" s="5" t="s">
        <v>1523</v>
      </c>
      <c r="S3902" s="5" t="s">
        <v>42</v>
      </c>
      <c r="T3902" s="2">
        <v>3.12</v>
      </c>
      <c r="U3902" s="2">
        <v>2.5070000000000001</v>
      </c>
      <c r="V3902" s="2">
        <v>1.7999999999999999E-2</v>
      </c>
      <c r="W3902" s="2">
        <v>139.1</v>
      </c>
      <c r="X3902" s="2">
        <v>7.6</v>
      </c>
      <c r="Y3902" s="2">
        <v>16.7</v>
      </c>
      <c r="Z3902" s="5"/>
      <c r="AA3902" s="5" t="s">
        <v>43</v>
      </c>
      <c r="AB3902" s="5" t="s">
        <v>44</v>
      </c>
      <c r="AC3902" s="2"/>
      <c r="AD3902" s="1"/>
    </row>
    <row r="3903" spans="1:30">
      <c r="A3903" s="5" t="s">
        <v>83578</v>
      </c>
      <c r="B3903" s="2" t="s">
        <v>95311</v>
      </c>
      <c r="C3903" s="14" t="s">
        <v>95312</v>
      </c>
      <c r="D3903" s="2" t="s">
        <v>95313</v>
      </c>
      <c r="E3903" s="2" t="s">
        <v>41045</v>
      </c>
      <c r="F3903" s="8">
        <v>303</v>
      </c>
      <c r="G3903" s="5">
        <v>6</v>
      </c>
      <c r="H3903" s="5" t="s">
        <v>1518</v>
      </c>
      <c r="I3903" s="5" t="s">
        <v>40939</v>
      </c>
      <c r="J3903" s="2" t="s">
        <v>40940</v>
      </c>
      <c r="K3903" s="5" t="s">
        <v>40939</v>
      </c>
      <c r="L3903" s="2" t="s">
        <v>40940</v>
      </c>
      <c r="M3903" s="5" t="s">
        <v>36266</v>
      </c>
      <c r="N3903" s="5" t="s">
        <v>38</v>
      </c>
      <c r="O3903" s="5" t="s">
        <v>39</v>
      </c>
      <c r="P3903" s="5" t="s">
        <v>40</v>
      </c>
      <c r="Q3903" s="5" t="s">
        <v>1522</v>
      </c>
      <c r="R3903" s="5" t="s">
        <v>1523</v>
      </c>
      <c r="S3903" s="5" t="s">
        <v>42</v>
      </c>
      <c r="T3903" s="2">
        <v>3.0779999999999998</v>
      </c>
      <c r="U3903" s="2">
        <v>2.4649999999999999</v>
      </c>
      <c r="V3903" s="2">
        <v>1.7999999999999999E-2</v>
      </c>
      <c r="W3903" s="2">
        <v>139.1</v>
      </c>
      <c r="X3903" s="2">
        <v>7.6</v>
      </c>
      <c r="Y3903" s="2">
        <v>16.7</v>
      </c>
      <c r="Z3903" s="5"/>
      <c r="AA3903" s="5" t="s">
        <v>43</v>
      </c>
      <c r="AB3903" s="5" t="s">
        <v>44</v>
      </c>
      <c r="AC3903" s="2"/>
      <c r="AD3903" s="1"/>
    </row>
    <row r="3904" spans="1:30">
      <c r="A3904" s="5" t="s">
        <v>83578</v>
      </c>
      <c r="B3904" s="2" t="s">
        <v>95314</v>
      </c>
      <c r="C3904" s="14" t="s">
        <v>95315</v>
      </c>
      <c r="D3904" s="2" t="s">
        <v>95316</v>
      </c>
      <c r="E3904" s="2" t="s">
        <v>41049</v>
      </c>
      <c r="F3904" s="8">
        <v>303</v>
      </c>
      <c r="G3904" s="5">
        <v>6</v>
      </c>
      <c r="H3904" s="5" t="s">
        <v>1518</v>
      </c>
      <c r="I3904" s="5" t="s">
        <v>40939</v>
      </c>
      <c r="J3904" s="2" t="s">
        <v>40940</v>
      </c>
      <c r="K3904" s="5" t="s">
        <v>40939</v>
      </c>
      <c r="L3904" s="2" t="s">
        <v>40940</v>
      </c>
      <c r="M3904" s="5" t="s">
        <v>36266</v>
      </c>
      <c r="N3904" s="5" t="s">
        <v>38</v>
      </c>
      <c r="O3904" s="5" t="s">
        <v>39</v>
      </c>
      <c r="P3904" s="5" t="s">
        <v>40</v>
      </c>
      <c r="Q3904" s="5" t="s">
        <v>1522</v>
      </c>
      <c r="R3904" s="5" t="s">
        <v>1523</v>
      </c>
      <c r="S3904" s="5" t="s">
        <v>42</v>
      </c>
      <c r="T3904" s="2">
        <v>3.18</v>
      </c>
      <c r="U3904" s="2">
        <v>2.5670000000000002</v>
      </c>
      <c r="V3904" s="2">
        <v>1.7999999999999999E-2</v>
      </c>
      <c r="W3904" s="2">
        <v>139.1</v>
      </c>
      <c r="X3904" s="2">
        <v>7.6</v>
      </c>
      <c r="Y3904" s="2">
        <v>16.7</v>
      </c>
      <c r="Z3904" s="5"/>
      <c r="AA3904" s="5" t="s">
        <v>43</v>
      </c>
      <c r="AB3904" s="5" t="s">
        <v>44</v>
      </c>
      <c r="AC3904" s="2"/>
      <c r="AD3904" s="1"/>
    </row>
    <row r="3905" spans="1:30">
      <c r="A3905" s="5" t="s">
        <v>83578</v>
      </c>
      <c r="B3905" s="2" t="s">
        <v>95317</v>
      </c>
      <c r="C3905" s="14" t="s">
        <v>95318</v>
      </c>
      <c r="D3905" s="2" t="s">
        <v>95319</v>
      </c>
      <c r="E3905" s="2" t="s">
        <v>47735</v>
      </c>
      <c r="F3905" s="8">
        <v>277</v>
      </c>
      <c r="G3905" s="5">
        <v>6</v>
      </c>
      <c r="H3905" s="5" t="s">
        <v>1518</v>
      </c>
      <c r="I3905" s="5" t="s">
        <v>40939</v>
      </c>
      <c r="J3905" s="2" t="s">
        <v>40940</v>
      </c>
      <c r="K3905" s="5" t="s">
        <v>40939</v>
      </c>
      <c r="L3905" s="2" t="s">
        <v>40940</v>
      </c>
      <c r="M3905" s="5" t="s">
        <v>36266</v>
      </c>
      <c r="N3905" s="5" t="s">
        <v>38</v>
      </c>
      <c r="O3905" s="5" t="s">
        <v>39</v>
      </c>
      <c r="P3905" s="5" t="s">
        <v>40</v>
      </c>
      <c r="Q3905" s="5" t="s">
        <v>1522</v>
      </c>
      <c r="R3905" s="5" t="s">
        <v>1523</v>
      </c>
      <c r="S3905" s="5" t="s">
        <v>42</v>
      </c>
      <c r="T3905" s="2">
        <v>2.6139999999999999</v>
      </c>
      <c r="U3905" s="2">
        <v>2.0710000000000002</v>
      </c>
      <c r="V3905" s="2">
        <v>1.2999999999999999E-2</v>
      </c>
      <c r="W3905" s="2">
        <v>99.1</v>
      </c>
      <c r="X3905" s="2">
        <v>7.6</v>
      </c>
      <c r="Y3905" s="2">
        <v>16.7</v>
      </c>
      <c r="Z3905" s="5"/>
      <c r="AA3905" s="5" t="s">
        <v>43</v>
      </c>
      <c r="AB3905" s="5" t="s">
        <v>44</v>
      </c>
      <c r="AC3905" s="2"/>
      <c r="AD3905" s="1"/>
    </row>
    <row r="3906" spans="1:30">
      <c r="A3906" s="5" t="s">
        <v>83578</v>
      </c>
      <c r="B3906" s="2" t="s">
        <v>95320</v>
      </c>
      <c r="C3906" s="14" t="s">
        <v>95321</v>
      </c>
      <c r="D3906" s="2" t="s">
        <v>95322</v>
      </c>
      <c r="E3906" s="2" t="s">
        <v>7543</v>
      </c>
      <c r="F3906" s="8">
        <v>277</v>
      </c>
      <c r="G3906" s="5">
        <v>6</v>
      </c>
      <c r="H3906" s="5" t="s">
        <v>1518</v>
      </c>
      <c r="I3906" s="5" t="s">
        <v>40939</v>
      </c>
      <c r="J3906" s="2" t="s">
        <v>40940</v>
      </c>
      <c r="K3906" s="5" t="s">
        <v>40939</v>
      </c>
      <c r="L3906" s="2" t="s">
        <v>40940</v>
      </c>
      <c r="M3906" s="5" t="s">
        <v>36266</v>
      </c>
      <c r="N3906" s="5" t="s">
        <v>38</v>
      </c>
      <c r="O3906" s="5" t="s">
        <v>39</v>
      </c>
      <c r="P3906" s="5" t="s">
        <v>40</v>
      </c>
      <c r="Q3906" s="5" t="s">
        <v>1522</v>
      </c>
      <c r="R3906" s="5" t="s">
        <v>1523</v>
      </c>
      <c r="S3906" s="5" t="s">
        <v>42</v>
      </c>
      <c r="T3906" s="2">
        <v>2.5819999999999999</v>
      </c>
      <c r="U3906" s="2">
        <v>2.0390000000000001</v>
      </c>
      <c r="V3906" s="2">
        <v>1.2999999999999999E-2</v>
      </c>
      <c r="W3906" s="2">
        <v>99.1</v>
      </c>
      <c r="X3906" s="2">
        <v>7.6</v>
      </c>
      <c r="Y3906" s="2">
        <v>16.7</v>
      </c>
      <c r="Z3906" s="5"/>
      <c r="AA3906" s="5" t="s">
        <v>43</v>
      </c>
      <c r="AB3906" s="5" t="s">
        <v>44</v>
      </c>
      <c r="AC3906" s="2"/>
      <c r="AD3906" s="1"/>
    </row>
    <row r="3907" spans="1:30">
      <c r="A3907" s="5" t="s">
        <v>83578</v>
      </c>
      <c r="B3907" s="2" t="s">
        <v>95323</v>
      </c>
      <c r="C3907" s="14" t="s">
        <v>95324</v>
      </c>
      <c r="D3907" s="2" t="s">
        <v>95325</v>
      </c>
      <c r="E3907" s="2" t="s">
        <v>40997</v>
      </c>
      <c r="F3907" s="8">
        <v>277</v>
      </c>
      <c r="G3907" s="5">
        <v>6</v>
      </c>
      <c r="H3907" s="5" t="s">
        <v>1518</v>
      </c>
      <c r="I3907" s="5" t="s">
        <v>40939</v>
      </c>
      <c r="J3907" s="2" t="s">
        <v>40940</v>
      </c>
      <c r="K3907" s="5" t="s">
        <v>40939</v>
      </c>
      <c r="L3907" s="2" t="s">
        <v>40940</v>
      </c>
      <c r="M3907" s="5" t="s">
        <v>36266</v>
      </c>
      <c r="N3907" s="5" t="s">
        <v>38</v>
      </c>
      <c r="O3907" s="5" t="s">
        <v>39</v>
      </c>
      <c r="P3907" s="5" t="s">
        <v>40</v>
      </c>
      <c r="Q3907" s="5" t="s">
        <v>1522</v>
      </c>
      <c r="R3907" s="5" t="s">
        <v>1523</v>
      </c>
      <c r="S3907" s="5" t="s">
        <v>42</v>
      </c>
      <c r="T3907" s="2">
        <v>2.5179999999999998</v>
      </c>
      <c r="U3907" s="2">
        <v>1.9750000000000001</v>
      </c>
      <c r="V3907" s="2">
        <v>1.2999999999999999E-2</v>
      </c>
      <c r="W3907" s="2">
        <v>99.1</v>
      </c>
      <c r="X3907" s="2">
        <v>7.6</v>
      </c>
      <c r="Y3907" s="2">
        <v>16.7</v>
      </c>
      <c r="Z3907" s="5"/>
      <c r="AA3907" s="5" t="s">
        <v>43</v>
      </c>
      <c r="AB3907" s="5" t="s">
        <v>44</v>
      </c>
      <c r="AC3907" s="2"/>
      <c r="AD3907" s="1"/>
    </row>
    <row r="3908" spans="1:30">
      <c r="A3908" s="5" t="s">
        <v>83578</v>
      </c>
      <c r="B3908" s="2" t="s">
        <v>95326</v>
      </c>
      <c r="C3908" s="14" t="s">
        <v>95327</v>
      </c>
      <c r="D3908" s="2" t="s">
        <v>95328</v>
      </c>
      <c r="E3908" s="2" t="s">
        <v>41001</v>
      </c>
      <c r="F3908" s="8">
        <v>277</v>
      </c>
      <c r="G3908" s="5">
        <v>6</v>
      </c>
      <c r="H3908" s="5" t="s">
        <v>1518</v>
      </c>
      <c r="I3908" s="5" t="s">
        <v>40939</v>
      </c>
      <c r="J3908" s="2" t="s">
        <v>40940</v>
      </c>
      <c r="K3908" s="5" t="s">
        <v>40939</v>
      </c>
      <c r="L3908" s="2" t="s">
        <v>40940</v>
      </c>
      <c r="M3908" s="5" t="s">
        <v>36266</v>
      </c>
      <c r="N3908" s="5" t="s">
        <v>38</v>
      </c>
      <c r="O3908" s="5" t="s">
        <v>39</v>
      </c>
      <c r="P3908" s="5" t="s">
        <v>40</v>
      </c>
      <c r="Q3908" s="5" t="s">
        <v>1522</v>
      </c>
      <c r="R3908" s="5" t="s">
        <v>1523</v>
      </c>
      <c r="S3908" s="5" t="s">
        <v>42</v>
      </c>
      <c r="T3908" s="2">
        <v>2.5430000000000001</v>
      </c>
      <c r="U3908" s="2">
        <v>2</v>
      </c>
      <c r="V3908" s="2">
        <v>1.2999999999999999E-2</v>
      </c>
      <c r="W3908" s="2">
        <v>99.1</v>
      </c>
      <c r="X3908" s="2">
        <v>7.6</v>
      </c>
      <c r="Y3908" s="2">
        <v>16.7</v>
      </c>
      <c r="Z3908" s="5"/>
      <c r="AA3908" s="5" t="s">
        <v>43</v>
      </c>
      <c r="AB3908" s="5" t="s">
        <v>44</v>
      </c>
      <c r="AC3908" s="2"/>
      <c r="AD3908" s="1"/>
    </row>
    <row r="3909" spans="1:30">
      <c r="A3909" s="5" t="s">
        <v>83578</v>
      </c>
      <c r="B3909" s="2" t="s">
        <v>95329</v>
      </c>
      <c r="C3909" s="14" t="s">
        <v>95330</v>
      </c>
      <c r="D3909" s="2" t="s">
        <v>95331</v>
      </c>
      <c r="E3909" s="2" t="s">
        <v>47226</v>
      </c>
      <c r="F3909" s="8">
        <v>289</v>
      </c>
      <c r="G3909" s="5">
        <v>6</v>
      </c>
      <c r="H3909" s="5" t="s">
        <v>1518</v>
      </c>
      <c r="I3909" s="5" t="s">
        <v>40939</v>
      </c>
      <c r="J3909" s="2" t="s">
        <v>40940</v>
      </c>
      <c r="K3909" s="5" t="s">
        <v>40939</v>
      </c>
      <c r="L3909" s="2" t="s">
        <v>40940</v>
      </c>
      <c r="M3909" s="5" t="s">
        <v>36266</v>
      </c>
      <c r="N3909" s="5" t="s">
        <v>38</v>
      </c>
      <c r="O3909" s="5" t="s">
        <v>39</v>
      </c>
      <c r="P3909" s="5" t="s">
        <v>40</v>
      </c>
      <c r="Q3909" s="5" t="s">
        <v>1522</v>
      </c>
      <c r="R3909" s="5" t="s">
        <v>1523</v>
      </c>
      <c r="S3909" s="5" t="s">
        <v>42</v>
      </c>
      <c r="T3909" s="2">
        <v>2.698</v>
      </c>
      <c r="U3909" s="2">
        <v>2.1549999999999998</v>
      </c>
      <c r="V3909" s="2">
        <v>1.4999999999999999E-2</v>
      </c>
      <c r="W3909" s="2">
        <v>118.9</v>
      </c>
      <c r="X3909" s="2">
        <v>7.6</v>
      </c>
      <c r="Y3909" s="2">
        <v>16.7</v>
      </c>
      <c r="Z3909" s="5"/>
      <c r="AA3909" s="5" t="s">
        <v>43</v>
      </c>
      <c r="AB3909" s="5" t="s">
        <v>44</v>
      </c>
      <c r="AC3909" s="2"/>
      <c r="AD3909" s="1"/>
    </row>
    <row r="3910" spans="1:30">
      <c r="A3910" s="5" t="s">
        <v>83578</v>
      </c>
      <c r="B3910" s="2" t="s">
        <v>95332</v>
      </c>
      <c r="C3910" s="14" t="s">
        <v>95333</v>
      </c>
      <c r="D3910" s="2" t="s">
        <v>95334</v>
      </c>
      <c r="E3910" s="2" t="s">
        <v>7539</v>
      </c>
      <c r="F3910" s="8">
        <v>289</v>
      </c>
      <c r="G3910" s="5">
        <v>6</v>
      </c>
      <c r="H3910" s="5" t="s">
        <v>1518</v>
      </c>
      <c r="I3910" s="5" t="s">
        <v>40939</v>
      </c>
      <c r="J3910" s="2" t="s">
        <v>40940</v>
      </c>
      <c r="K3910" s="5" t="s">
        <v>40939</v>
      </c>
      <c r="L3910" s="2" t="s">
        <v>40940</v>
      </c>
      <c r="M3910" s="5" t="s">
        <v>36266</v>
      </c>
      <c r="N3910" s="5" t="s">
        <v>38</v>
      </c>
      <c r="O3910" s="5" t="s">
        <v>39</v>
      </c>
      <c r="P3910" s="5" t="s">
        <v>40</v>
      </c>
      <c r="Q3910" s="5" t="s">
        <v>1522</v>
      </c>
      <c r="R3910" s="5" t="s">
        <v>1523</v>
      </c>
      <c r="S3910" s="5" t="s">
        <v>42</v>
      </c>
      <c r="T3910" s="2">
        <v>2.66</v>
      </c>
      <c r="U3910" s="2">
        <v>2.117</v>
      </c>
      <c r="V3910" s="2">
        <v>1.4999999999999999E-2</v>
      </c>
      <c r="W3910" s="2">
        <v>118.9</v>
      </c>
      <c r="X3910" s="2">
        <v>7.6</v>
      </c>
      <c r="Y3910" s="2">
        <v>16.7</v>
      </c>
      <c r="Z3910" s="5"/>
      <c r="AA3910" s="5" t="s">
        <v>43</v>
      </c>
      <c r="AB3910" s="5" t="s">
        <v>44</v>
      </c>
      <c r="AC3910" s="2"/>
      <c r="AD3910" s="1"/>
    </row>
    <row r="3911" spans="1:30">
      <c r="A3911" s="5" t="s">
        <v>83578</v>
      </c>
      <c r="B3911" s="2" t="s">
        <v>95335</v>
      </c>
      <c r="C3911" s="14" t="s">
        <v>95336</v>
      </c>
      <c r="D3911" s="2" t="s">
        <v>95337</v>
      </c>
      <c r="E3911" s="2" t="s">
        <v>7543</v>
      </c>
      <c r="F3911" s="8">
        <v>289</v>
      </c>
      <c r="G3911" s="5">
        <v>6</v>
      </c>
      <c r="H3911" s="5" t="s">
        <v>1518</v>
      </c>
      <c r="I3911" s="5" t="s">
        <v>40939</v>
      </c>
      <c r="J3911" s="2" t="s">
        <v>40940</v>
      </c>
      <c r="K3911" s="5" t="s">
        <v>40939</v>
      </c>
      <c r="L3911" s="2" t="s">
        <v>40940</v>
      </c>
      <c r="M3911" s="5" t="s">
        <v>36266</v>
      </c>
      <c r="N3911" s="5" t="s">
        <v>38</v>
      </c>
      <c r="O3911" s="5" t="s">
        <v>39</v>
      </c>
      <c r="P3911" s="5" t="s">
        <v>40</v>
      </c>
      <c r="Q3911" s="5" t="s">
        <v>1522</v>
      </c>
      <c r="R3911" s="5" t="s">
        <v>1523</v>
      </c>
      <c r="S3911" s="5" t="s">
        <v>42</v>
      </c>
      <c r="T3911" s="2">
        <v>2.742</v>
      </c>
      <c r="U3911" s="2">
        <v>2.1989999999999998</v>
      </c>
      <c r="V3911" s="2">
        <v>1.4999999999999999E-2</v>
      </c>
      <c r="W3911" s="2">
        <v>118.9</v>
      </c>
      <c r="X3911" s="2">
        <v>7.6</v>
      </c>
      <c r="Y3911" s="2">
        <v>16.7</v>
      </c>
      <c r="Z3911" s="5"/>
      <c r="AA3911" s="5" t="s">
        <v>43</v>
      </c>
      <c r="AB3911" s="5" t="s">
        <v>44</v>
      </c>
      <c r="AC3911" s="2"/>
      <c r="AD3911" s="1"/>
    </row>
    <row r="3912" spans="1:30">
      <c r="A3912" s="5" t="s">
        <v>83578</v>
      </c>
      <c r="B3912" s="2" t="s">
        <v>95338</v>
      </c>
      <c r="C3912" s="14" t="s">
        <v>95339</v>
      </c>
      <c r="D3912" s="2" t="s">
        <v>95340</v>
      </c>
      <c r="E3912" s="2" t="s">
        <v>40997</v>
      </c>
      <c r="F3912" s="8">
        <v>289</v>
      </c>
      <c r="G3912" s="5">
        <v>6</v>
      </c>
      <c r="H3912" s="5" t="s">
        <v>1518</v>
      </c>
      <c r="I3912" s="5" t="s">
        <v>40939</v>
      </c>
      <c r="J3912" s="2" t="s">
        <v>40940</v>
      </c>
      <c r="K3912" s="5" t="s">
        <v>40939</v>
      </c>
      <c r="L3912" s="2" t="s">
        <v>40940</v>
      </c>
      <c r="M3912" s="5" t="s">
        <v>36266</v>
      </c>
      <c r="N3912" s="5" t="s">
        <v>38</v>
      </c>
      <c r="O3912" s="5" t="s">
        <v>39</v>
      </c>
      <c r="P3912" s="5" t="s">
        <v>40</v>
      </c>
      <c r="Q3912" s="5" t="s">
        <v>1522</v>
      </c>
      <c r="R3912" s="5" t="s">
        <v>1523</v>
      </c>
      <c r="S3912" s="5" t="s">
        <v>42</v>
      </c>
      <c r="T3912" s="2">
        <v>2.6680000000000001</v>
      </c>
      <c r="U3912" s="2">
        <v>2.125</v>
      </c>
      <c r="V3912" s="2">
        <v>1.4999999999999999E-2</v>
      </c>
      <c r="W3912" s="2">
        <v>118.9</v>
      </c>
      <c r="X3912" s="2">
        <v>7.6</v>
      </c>
      <c r="Y3912" s="2">
        <v>16.7</v>
      </c>
      <c r="Z3912" s="5"/>
      <c r="AA3912" s="5" t="s">
        <v>43</v>
      </c>
      <c r="AB3912" s="5" t="s">
        <v>44</v>
      </c>
      <c r="AC3912" s="2"/>
      <c r="AD3912" s="1"/>
    </row>
    <row r="3913" spans="1:30">
      <c r="A3913" s="5" t="s">
        <v>83578</v>
      </c>
      <c r="B3913" s="2" t="s">
        <v>95341</v>
      </c>
      <c r="C3913" s="14" t="s">
        <v>95342</v>
      </c>
      <c r="D3913" s="2" t="s">
        <v>95343</v>
      </c>
      <c r="E3913" s="2" t="s">
        <v>40967</v>
      </c>
      <c r="F3913" s="8">
        <v>294</v>
      </c>
      <c r="G3913" s="5">
        <v>6</v>
      </c>
      <c r="H3913" s="5" t="s">
        <v>1518</v>
      </c>
      <c r="I3913" s="5" t="s">
        <v>40939</v>
      </c>
      <c r="J3913" s="2" t="s">
        <v>40940</v>
      </c>
      <c r="K3913" s="5" t="s">
        <v>40939</v>
      </c>
      <c r="L3913" s="2" t="s">
        <v>40940</v>
      </c>
      <c r="M3913" s="5" t="s">
        <v>36266</v>
      </c>
      <c r="N3913" s="5" t="s">
        <v>38</v>
      </c>
      <c r="O3913" s="5" t="s">
        <v>39</v>
      </c>
      <c r="P3913" s="5" t="s">
        <v>40</v>
      </c>
      <c r="Q3913" s="5" t="s">
        <v>1522</v>
      </c>
      <c r="R3913" s="5" t="s">
        <v>1523</v>
      </c>
      <c r="S3913" s="5" t="s">
        <v>42</v>
      </c>
      <c r="T3913" s="2">
        <v>2.944</v>
      </c>
      <c r="U3913" s="2">
        <v>2.327</v>
      </c>
      <c r="V3913" s="2">
        <v>1.7999999999999999E-2</v>
      </c>
      <c r="W3913" s="2">
        <v>139.1</v>
      </c>
      <c r="X3913" s="2">
        <v>7.6</v>
      </c>
      <c r="Y3913" s="2">
        <v>16.7</v>
      </c>
      <c r="Z3913" s="5"/>
      <c r="AA3913" s="5" t="s">
        <v>43</v>
      </c>
      <c r="AB3913" s="5" t="s">
        <v>44</v>
      </c>
      <c r="AC3913" s="2"/>
      <c r="AD3913" s="1"/>
    </row>
    <row r="3914" spans="1:30">
      <c r="A3914" s="5" t="s">
        <v>83578</v>
      </c>
      <c r="B3914" s="2" t="s">
        <v>95344</v>
      </c>
      <c r="C3914" s="14" t="s">
        <v>95345</v>
      </c>
      <c r="D3914" s="2" t="s">
        <v>95346</v>
      </c>
      <c r="E3914" s="2" t="s">
        <v>47226</v>
      </c>
      <c r="F3914" s="8">
        <v>294</v>
      </c>
      <c r="G3914" s="5">
        <v>6</v>
      </c>
      <c r="H3914" s="5" t="s">
        <v>1518</v>
      </c>
      <c r="I3914" s="5" t="s">
        <v>40939</v>
      </c>
      <c r="J3914" s="2" t="s">
        <v>40940</v>
      </c>
      <c r="K3914" s="5" t="s">
        <v>40939</v>
      </c>
      <c r="L3914" s="2" t="s">
        <v>40940</v>
      </c>
      <c r="M3914" s="5" t="s">
        <v>36266</v>
      </c>
      <c r="N3914" s="5" t="s">
        <v>38</v>
      </c>
      <c r="O3914" s="5" t="s">
        <v>39</v>
      </c>
      <c r="P3914" s="5" t="s">
        <v>40</v>
      </c>
      <c r="Q3914" s="5" t="s">
        <v>1522</v>
      </c>
      <c r="R3914" s="5" t="s">
        <v>1523</v>
      </c>
      <c r="S3914" s="5" t="s">
        <v>42</v>
      </c>
      <c r="T3914" s="2">
        <v>2.944</v>
      </c>
      <c r="U3914" s="2">
        <v>2.327</v>
      </c>
      <c r="V3914" s="2">
        <v>1.7999999999999999E-2</v>
      </c>
      <c r="W3914" s="2">
        <v>139.1</v>
      </c>
      <c r="X3914" s="2">
        <v>7.6</v>
      </c>
      <c r="Y3914" s="2">
        <v>16.7</v>
      </c>
      <c r="Z3914" s="5"/>
      <c r="AA3914" s="5" t="s">
        <v>43</v>
      </c>
      <c r="AB3914" s="5" t="s">
        <v>44</v>
      </c>
      <c r="AC3914" s="2"/>
      <c r="AD3914" s="1"/>
    </row>
    <row r="3915" spans="1:30">
      <c r="A3915" s="5" t="s">
        <v>83578</v>
      </c>
      <c r="B3915" s="2" t="s">
        <v>95347</v>
      </c>
      <c r="C3915" s="14" t="s">
        <v>95348</v>
      </c>
      <c r="D3915" s="2" t="s">
        <v>95349</v>
      </c>
      <c r="E3915" s="2" t="s">
        <v>40997</v>
      </c>
      <c r="F3915" s="8">
        <v>294</v>
      </c>
      <c r="G3915" s="5">
        <v>6</v>
      </c>
      <c r="H3915" s="5" t="s">
        <v>1518</v>
      </c>
      <c r="I3915" s="5" t="s">
        <v>40939</v>
      </c>
      <c r="J3915" s="2" t="s">
        <v>40940</v>
      </c>
      <c r="K3915" s="5" t="s">
        <v>40939</v>
      </c>
      <c r="L3915" s="2" t="s">
        <v>40940</v>
      </c>
      <c r="M3915" s="5" t="s">
        <v>36266</v>
      </c>
      <c r="N3915" s="5" t="s">
        <v>38</v>
      </c>
      <c r="O3915" s="5" t="s">
        <v>39</v>
      </c>
      <c r="P3915" s="5" t="s">
        <v>40</v>
      </c>
      <c r="Q3915" s="5" t="s">
        <v>1522</v>
      </c>
      <c r="R3915" s="5" t="s">
        <v>1523</v>
      </c>
      <c r="S3915" s="5" t="s">
        <v>42</v>
      </c>
      <c r="T3915" s="2">
        <v>2.9079999999999999</v>
      </c>
      <c r="U3915" s="2">
        <v>2.2909999999999999</v>
      </c>
      <c r="V3915" s="2">
        <v>1.7999999999999999E-2</v>
      </c>
      <c r="W3915" s="2">
        <v>139.1</v>
      </c>
      <c r="X3915" s="2">
        <v>7.6</v>
      </c>
      <c r="Y3915" s="2">
        <v>16.7</v>
      </c>
      <c r="Z3915" s="5"/>
      <c r="AA3915" s="5" t="s">
        <v>43</v>
      </c>
      <c r="AB3915" s="5" t="s">
        <v>44</v>
      </c>
      <c r="AC3915" s="2"/>
      <c r="AD3915" s="1"/>
    </row>
    <row r="3916" spans="1:30">
      <c r="A3916" s="5" t="s">
        <v>83578</v>
      </c>
      <c r="B3916" s="2" t="s">
        <v>95350</v>
      </c>
      <c r="C3916" s="14" t="s">
        <v>95351</v>
      </c>
      <c r="D3916" s="2" t="s">
        <v>95352</v>
      </c>
      <c r="E3916" s="2" t="s">
        <v>41001</v>
      </c>
      <c r="F3916" s="8">
        <v>294</v>
      </c>
      <c r="G3916" s="5">
        <v>6</v>
      </c>
      <c r="H3916" s="5" t="s">
        <v>1518</v>
      </c>
      <c r="I3916" s="5" t="s">
        <v>40939</v>
      </c>
      <c r="J3916" s="2" t="s">
        <v>40940</v>
      </c>
      <c r="K3916" s="5" t="s">
        <v>40939</v>
      </c>
      <c r="L3916" s="2" t="s">
        <v>40940</v>
      </c>
      <c r="M3916" s="5" t="s">
        <v>36266</v>
      </c>
      <c r="N3916" s="5" t="s">
        <v>38</v>
      </c>
      <c r="O3916" s="5" t="s">
        <v>39</v>
      </c>
      <c r="P3916" s="5" t="s">
        <v>40</v>
      </c>
      <c r="Q3916" s="5" t="s">
        <v>1522</v>
      </c>
      <c r="R3916" s="5" t="s">
        <v>1523</v>
      </c>
      <c r="S3916" s="5" t="s">
        <v>42</v>
      </c>
      <c r="T3916" s="2">
        <v>2.944</v>
      </c>
      <c r="U3916" s="2">
        <v>2.327</v>
      </c>
      <c r="V3916" s="2">
        <v>1.7999999999999999E-2</v>
      </c>
      <c r="W3916" s="2">
        <v>139.1</v>
      </c>
      <c r="X3916" s="2">
        <v>7.6</v>
      </c>
      <c r="Y3916" s="2">
        <v>16.7</v>
      </c>
      <c r="Z3916" s="5"/>
      <c r="AA3916" s="5" t="s">
        <v>43</v>
      </c>
      <c r="AB3916" s="5" t="s">
        <v>44</v>
      </c>
      <c r="AC3916" s="2"/>
      <c r="AD3916" s="1"/>
    </row>
    <row r="3917" spans="1:30">
      <c r="A3917" s="5" t="s">
        <v>83578</v>
      </c>
      <c r="B3917" s="2" t="s">
        <v>95353</v>
      </c>
      <c r="C3917" s="14" t="s">
        <v>95354</v>
      </c>
      <c r="D3917" s="2" t="s">
        <v>95355</v>
      </c>
      <c r="E3917" s="2" t="s">
        <v>41009</v>
      </c>
      <c r="F3917" s="8">
        <v>294</v>
      </c>
      <c r="G3917" s="5">
        <v>6</v>
      </c>
      <c r="H3917" s="5" t="s">
        <v>1518</v>
      </c>
      <c r="I3917" s="5" t="s">
        <v>40939</v>
      </c>
      <c r="J3917" s="2" t="s">
        <v>40940</v>
      </c>
      <c r="K3917" s="5" t="s">
        <v>40939</v>
      </c>
      <c r="L3917" s="2" t="s">
        <v>40940</v>
      </c>
      <c r="M3917" s="5" t="s">
        <v>36266</v>
      </c>
      <c r="N3917" s="5" t="s">
        <v>38</v>
      </c>
      <c r="O3917" s="5" t="s">
        <v>39</v>
      </c>
      <c r="P3917" s="5" t="s">
        <v>40</v>
      </c>
      <c r="Q3917" s="5" t="s">
        <v>1522</v>
      </c>
      <c r="R3917" s="5" t="s">
        <v>1523</v>
      </c>
      <c r="S3917" s="5" t="s">
        <v>42</v>
      </c>
      <c r="T3917" s="2">
        <v>2.9529999999999998</v>
      </c>
      <c r="U3917" s="2">
        <v>2.3359999999999999</v>
      </c>
      <c r="V3917" s="2">
        <v>1.7999999999999999E-2</v>
      </c>
      <c r="W3917" s="2">
        <v>139.1</v>
      </c>
      <c r="X3917" s="2">
        <v>7.6</v>
      </c>
      <c r="Y3917" s="2">
        <v>16.7</v>
      </c>
      <c r="Z3917" s="5"/>
      <c r="AA3917" s="5" t="s">
        <v>43</v>
      </c>
      <c r="AB3917" s="5" t="s">
        <v>44</v>
      </c>
      <c r="AC3917" s="2"/>
      <c r="AD3917" s="1"/>
    </row>
    <row r="3918" spans="1:30">
      <c r="A3918" s="5" t="s">
        <v>83578</v>
      </c>
      <c r="B3918" s="2" t="s">
        <v>95356</v>
      </c>
      <c r="C3918" s="14" t="s">
        <v>95357</v>
      </c>
      <c r="D3918" s="2" t="s">
        <v>95358</v>
      </c>
      <c r="E3918" s="2" t="s">
        <v>41031</v>
      </c>
      <c r="F3918" s="8">
        <v>294</v>
      </c>
      <c r="G3918" s="5">
        <v>6</v>
      </c>
      <c r="H3918" s="5" t="s">
        <v>1518</v>
      </c>
      <c r="I3918" s="5" t="s">
        <v>40939</v>
      </c>
      <c r="J3918" s="2" t="s">
        <v>40940</v>
      </c>
      <c r="K3918" s="5" t="s">
        <v>40939</v>
      </c>
      <c r="L3918" s="2" t="s">
        <v>40940</v>
      </c>
      <c r="M3918" s="5" t="s">
        <v>36266</v>
      </c>
      <c r="N3918" s="5" t="s">
        <v>38</v>
      </c>
      <c r="O3918" s="5" t="s">
        <v>39</v>
      </c>
      <c r="P3918" s="5" t="s">
        <v>40</v>
      </c>
      <c r="Q3918" s="5" t="s">
        <v>1522</v>
      </c>
      <c r="R3918" s="5" t="s">
        <v>1523</v>
      </c>
      <c r="S3918" s="5" t="s">
        <v>42</v>
      </c>
      <c r="T3918" s="2">
        <v>2.9079999999999999</v>
      </c>
      <c r="U3918" s="2">
        <v>2.2909999999999999</v>
      </c>
      <c r="V3918" s="2">
        <v>1.7999999999999999E-2</v>
      </c>
      <c r="W3918" s="2">
        <v>139.1</v>
      </c>
      <c r="X3918" s="2">
        <v>7.6</v>
      </c>
      <c r="Y3918" s="2">
        <v>16.7</v>
      </c>
      <c r="Z3918" s="5"/>
      <c r="AA3918" s="5" t="s">
        <v>43</v>
      </c>
      <c r="AB3918" s="5" t="s">
        <v>44</v>
      </c>
      <c r="AC3918" s="2"/>
      <c r="AD3918" s="1"/>
    </row>
    <row r="3919" spans="1:30">
      <c r="A3919" s="5" t="s">
        <v>83578</v>
      </c>
      <c r="B3919" s="2" t="s">
        <v>95359</v>
      </c>
      <c r="C3919" s="14" t="s">
        <v>95360</v>
      </c>
      <c r="D3919" s="2" t="s">
        <v>95361</v>
      </c>
      <c r="E3919" s="2" t="s">
        <v>7449</v>
      </c>
      <c r="F3919" s="8">
        <v>294</v>
      </c>
      <c r="G3919" s="5">
        <v>6</v>
      </c>
      <c r="H3919" s="5" t="s">
        <v>1518</v>
      </c>
      <c r="I3919" s="5" t="s">
        <v>40939</v>
      </c>
      <c r="J3919" s="2" t="s">
        <v>40940</v>
      </c>
      <c r="K3919" s="5" t="s">
        <v>40939</v>
      </c>
      <c r="L3919" s="2" t="s">
        <v>40940</v>
      </c>
      <c r="M3919" s="5" t="s">
        <v>36266</v>
      </c>
      <c r="N3919" s="5" t="s">
        <v>38</v>
      </c>
      <c r="O3919" s="5" t="s">
        <v>39</v>
      </c>
      <c r="P3919" s="5" t="s">
        <v>40</v>
      </c>
      <c r="Q3919" s="5" t="s">
        <v>1522</v>
      </c>
      <c r="R3919" s="5" t="s">
        <v>1523</v>
      </c>
      <c r="S3919" s="5" t="s">
        <v>42</v>
      </c>
      <c r="T3919" s="2">
        <v>2.9079999999999999</v>
      </c>
      <c r="U3919" s="2">
        <v>2.2909999999999999</v>
      </c>
      <c r="V3919" s="2">
        <v>1.7999999999999999E-2</v>
      </c>
      <c r="W3919" s="2">
        <v>139.1</v>
      </c>
      <c r="X3919" s="2">
        <v>7.6</v>
      </c>
      <c r="Y3919" s="2">
        <v>16.7</v>
      </c>
      <c r="Z3919" s="5"/>
      <c r="AA3919" s="5" t="s">
        <v>43</v>
      </c>
      <c r="AB3919" s="5" t="s">
        <v>44</v>
      </c>
      <c r="AC3919" s="2"/>
      <c r="AD3919" s="1"/>
    </row>
    <row r="3920" spans="1:30">
      <c r="A3920" s="5" t="s">
        <v>83578</v>
      </c>
      <c r="B3920" s="2" t="s">
        <v>95362</v>
      </c>
      <c r="C3920" s="14" t="s">
        <v>95363</v>
      </c>
      <c r="D3920" s="2" t="s">
        <v>95364</v>
      </c>
      <c r="E3920" s="2" t="s">
        <v>47266</v>
      </c>
      <c r="F3920" s="8">
        <v>303</v>
      </c>
      <c r="G3920" s="5">
        <v>6</v>
      </c>
      <c r="H3920" s="5" t="s">
        <v>1518</v>
      </c>
      <c r="I3920" s="5" t="s">
        <v>40939</v>
      </c>
      <c r="J3920" s="2" t="s">
        <v>40940</v>
      </c>
      <c r="K3920" s="5" t="s">
        <v>40939</v>
      </c>
      <c r="L3920" s="2" t="s">
        <v>40940</v>
      </c>
      <c r="M3920" s="5" t="s">
        <v>36266</v>
      </c>
      <c r="N3920" s="5" t="s">
        <v>38</v>
      </c>
      <c r="O3920" s="5" t="s">
        <v>39</v>
      </c>
      <c r="P3920" s="5" t="s">
        <v>40</v>
      </c>
      <c r="Q3920" s="5" t="s">
        <v>1522</v>
      </c>
      <c r="R3920" s="5" t="s">
        <v>1523</v>
      </c>
      <c r="S3920" s="5" t="s">
        <v>42</v>
      </c>
      <c r="T3920" s="2">
        <v>3.1760000000000002</v>
      </c>
      <c r="U3920" s="2">
        <v>2.476</v>
      </c>
      <c r="V3920" s="2">
        <v>0.02</v>
      </c>
      <c r="W3920" s="2">
        <v>159.1</v>
      </c>
      <c r="X3920" s="2">
        <v>7.6</v>
      </c>
      <c r="Y3920" s="2">
        <v>16.7</v>
      </c>
      <c r="Z3920" s="5"/>
      <c r="AA3920" s="5" t="s">
        <v>43</v>
      </c>
      <c r="AB3920" s="5" t="s">
        <v>44</v>
      </c>
      <c r="AC3920" s="2"/>
      <c r="AD3920" s="1"/>
    </row>
    <row r="3921" spans="1:30">
      <c r="A3921" s="5" t="s">
        <v>83578</v>
      </c>
      <c r="B3921" s="2" t="s">
        <v>95365</v>
      </c>
      <c r="C3921" s="14" t="s">
        <v>95366</v>
      </c>
      <c r="D3921" s="2" t="s">
        <v>95367</v>
      </c>
      <c r="E3921" s="2" t="s">
        <v>36277</v>
      </c>
      <c r="F3921" s="8">
        <v>281</v>
      </c>
      <c r="G3921" s="5">
        <v>6</v>
      </c>
      <c r="H3921" s="5" t="s">
        <v>1518</v>
      </c>
      <c r="I3921" s="5" t="s">
        <v>40939</v>
      </c>
      <c r="J3921" s="2" t="s">
        <v>40940</v>
      </c>
      <c r="K3921" s="5" t="s">
        <v>40939</v>
      </c>
      <c r="L3921" s="2" t="s">
        <v>40940</v>
      </c>
      <c r="M3921" s="5" t="s">
        <v>36266</v>
      </c>
      <c r="N3921" s="5" t="s">
        <v>38</v>
      </c>
      <c r="O3921" s="5" t="s">
        <v>39</v>
      </c>
      <c r="P3921" s="5" t="s">
        <v>40</v>
      </c>
      <c r="Q3921" s="5" t="s">
        <v>1522</v>
      </c>
      <c r="R3921" s="5" t="s">
        <v>1523</v>
      </c>
      <c r="S3921" s="5" t="s">
        <v>42</v>
      </c>
      <c r="T3921" s="2">
        <v>3.3130000000000002</v>
      </c>
      <c r="U3921" s="2">
        <v>2.613</v>
      </c>
      <c r="V3921" s="2">
        <v>0.02</v>
      </c>
      <c r="W3921" s="2">
        <v>159.1</v>
      </c>
      <c r="X3921" s="2">
        <v>7.6</v>
      </c>
      <c r="Y3921" s="2">
        <v>16.7</v>
      </c>
      <c r="Z3921" s="5"/>
      <c r="AA3921" s="5" t="s">
        <v>43</v>
      </c>
      <c r="AB3921" s="5" t="s">
        <v>44</v>
      </c>
      <c r="AC3921" s="2"/>
      <c r="AD3921" s="1"/>
    </row>
    <row r="3922" spans="1:30">
      <c r="A3922" s="5" t="s">
        <v>83578</v>
      </c>
      <c r="B3922" s="2" t="s">
        <v>95368</v>
      </c>
      <c r="C3922" s="14" t="s">
        <v>95369</v>
      </c>
      <c r="D3922" s="2" t="s">
        <v>95370</v>
      </c>
      <c r="E3922" s="2" t="s">
        <v>47226</v>
      </c>
      <c r="F3922" s="8">
        <v>303</v>
      </c>
      <c r="G3922" s="5">
        <v>6</v>
      </c>
      <c r="H3922" s="5" t="s">
        <v>1518</v>
      </c>
      <c r="I3922" s="5" t="s">
        <v>40939</v>
      </c>
      <c r="J3922" s="2" t="s">
        <v>40940</v>
      </c>
      <c r="K3922" s="5" t="s">
        <v>40939</v>
      </c>
      <c r="L3922" s="2" t="s">
        <v>40940</v>
      </c>
      <c r="M3922" s="5" t="s">
        <v>36266</v>
      </c>
      <c r="N3922" s="5" t="s">
        <v>38</v>
      </c>
      <c r="O3922" s="5" t="s">
        <v>39</v>
      </c>
      <c r="P3922" s="5" t="s">
        <v>40</v>
      </c>
      <c r="Q3922" s="5" t="s">
        <v>1522</v>
      </c>
      <c r="R3922" s="5" t="s">
        <v>1523</v>
      </c>
      <c r="S3922" s="5" t="s">
        <v>42</v>
      </c>
      <c r="T3922" s="2">
        <v>3.1859999999999999</v>
      </c>
      <c r="U3922" s="2">
        <v>2.4860000000000002</v>
      </c>
      <c r="V3922" s="2">
        <v>0.02</v>
      </c>
      <c r="W3922" s="2">
        <v>159.1</v>
      </c>
      <c r="X3922" s="2">
        <v>7.6</v>
      </c>
      <c r="Y3922" s="2">
        <v>16.7</v>
      </c>
      <c r="Z3922" s="5"/>
      <c r="AA3922" s="5" t="s">
        <v>43</v>
      </c>
      <c r="AB3922" s="5" t="s">
        <v>44</v>
      </c>
      <c r="AC3922" s="2"/>
      <c r="AD3922" s="1"/>
    </row>
    <row r="3923" spans="1:30">
      <c r="A3923" s="5" t="s">
        <v>83578</v>
      </c>
      <c r="B3923" s="2" t="s">
        <v>95371</v>
      </c>
      <c r="C3923" s="14" t="s">
        <v>95372</v>
      </c>
      <c r="D3923" s="2" t="s">
        <v>95373</v>
      </c>
      <c r="E3923" s="2" t="s">
        <v>47735</v>
      </c>
      <c r="F3923" s="8">
        <v>303</v>
      </c>
      <c r="G3923" s="5">
        <v>6</v>
      </c>
      <c r="H3923" s="5" t="s">
        <v>1518</v>
      </c>
      <c r="I3923" s="5" t="s">
        <v>40939</v>
      </c>
      <c r="J3923" s="2" t="s">
        <v>40940</v>
      </c>
      <c r="K3923" s="5" t="s">
        <v>40939</v>
      </c>
      <c r="L3923" s="2" t="s">
        <v>40940</v>
      </c>
      <c r="M3923" s="5" t="s">
        <v>36266</v>
      </c>
      <c r="N3923" s="5" t="s">
        <v>38</v>
      </c>
      <c r="O3923" s="5" t="s">
        <v>39</v>
      </c>
      <c r="P3923" s="5" t="s">
        <v>40</v>
      </c>
      <c r="Q3923" s="5" t="s">
        <v>1522</v>
      </c>
      <c r="R3923" s="5" t="s">
        <v>1523</v>
      </c>
      <c r="S3923" s="5" t="s">
        <v>42</v>
      </c>
      <c r="T3923" s="2">
        <v>3.2919999999999998</v>
      </c>
      <c r="U3923" s="2">
        <v>2.5920000000000001</v>
      </c>
      <c r="V3923" s="2">
        <v>0.02</v>
      </c>
      <c r="W3923" s="2">
        <v>159.1</v>
      </c>
      <c r="X3923" s="2">
        <v>7.6</v>
      </c>
      <c r="Y3923" s="2">
        <v>16.7</v>
      </c>
      <c r="Z3923" s="5"/>
      <c r="AA3923" s="5" t="s">
        <v>43</v>
      </c>
      <c r="AB3923" s="5" t="s">
        <v>44</v>
      </c>
      <c r="AC3923" s="2"/>
      <c r="AD3923" s="1"/>
    </row>
    <row r="3924" spans="1:30">
      <c r="A3924" s="5" t="s">
        <v>83578</v>
      </c>
      <c r="B3924" s="2" t="s">
        <v>95374</v>
      </c>
      <c r="C3924" s="14" t="s">
        <v>95375</v>
      </c>
      <c r="D3924" s="2" t="s">
        <v>95376</v>
      </c>
      <c r="E3924" s="2" t="s">
        <v>7539</v>
      </c>
      <c r="F3924" s="8">
        <v>303</v>
      </c>
      <c r="G3924" s="5">
        <v>6</v>
      </c>
      <c r="H3924" s="5" t="s">
        <v>1518</v>
      </c>
      <c r="I3924" s="5" t="s">
        <v>40939</v>
      </c>
      <c r="J3924" s="2" t="s">
        <v>40940</v>
      </c>
      <c r="K3924" s="5" t="s">
        <v>40939</v>
      </c>
      <c r="L3924" s="2" t="s">
        <v>40940</v>
      </c>
      <c r="M3924" s="5" t="s">
        <v>36266</v>
      </c>
      <c r="N3924" s="5" t="s">
        <v>38</v>
      </c>
      <c r="O3924" s="5" t="s">
        <v>39</v>
      </c>
      <c r="P3924" s="5" t="s">
        <v>40</v>
      </c>
      <c r="Q3924" s="5" t="s">
        <v>1522</v>
      </c>
      <c r="R3924" s="5" t="s">
        <v>1523</v>
      </c>
      <c r="S3924" s="5" t="s">
        <v>42</v>
      </c>
      <c r="T3924" s="2">
        <v>3.1339999999999999</v>
      </c>
      <c r="U3924" s="2">
        <v>2.4340000000000002</v>
      </c>
      <c r="V3924" s="2">
        <v>0.02</v>
      </c>
      <c r="W3924" s="2">
        <v>159.1</v>
      </c>
      <c r="X3924" s="2">
        <v>7.6</v>
      </c>
      <c r="Y3924" s="2">
        <v>16.7</v>
      </c>
      <c r="Z3924" s="5"/>
      <c r="AA3924" s="5" t="s">
        <v>43</v>
      </c>
      <c r="AB3924" s="5" t="s">
        <v>44</v>
      </c>
      <c r="AC3924" s="2"/>
      <c r="AD3924" s="1"/>
    </row>
    <row r="3925" spans="1:30">
      <c r="A3925" s="5" t="s">
        <v>83578</v>
      </c>
      <c r="B3925" s="2" t="s">
        <v>95377</v>
      </c>
      <c r="C3925" s="14" t="s">
        <v>95378</v>
      </c>
      <c r="D3925" s="2" t="s">
        <v>95379</v>
      </c>
      <c r="E3925" s="2" t="s">
        <v>40989</v>
      </c>
      <c r="F3925" s="8">
        <v>303</v>
      </c>
      <c r="G3925" s="5">
        <v>6</v>
      </c>
      <c r="H3925" s="5" t="s">
        <v>1518</v>
      </c>
      <c r="I3925" s="5" t="s">
        <v>40939</v>
      </c>
      <c r="J3925" s="2" t="s">
        <v>40940</v>
      </c>
      <c r="K3925" s="5" t="s">
        <v>40939</v>
      </c>
      <c r="L3925" s="2" t="s">
        <v>40940</v>
      </c>
      <c r="M3925" s="5" t="s">
        <v>36266</v>
      </c>
      <c r="N3925" s="5" t="s">
        <v>38</v>
      </c>
      <c r="O3925" s="5" t="s">
        <v>39</v>
      </c>
      <c r="P3925" s="5" t="s">
        <v>40</v>
      </c>
      <c r="Q3925" s="5" t="s">
        <v>1522</v>
      </c>
      <c r="R3925" s="5" t="s">
        <v>1523</v>
      </c>
      <c r="S3925" s="5" t="s">
        <v>42</v>
      </c>
      <c r="T3925" s="2">
        <v>3.1859999999999999</v>
      </c>
      <c r="U3925" s="2">
        <v>2.4860000000000002</v>
      </c>
      <c r="V3925" s="2">
        <v>0.02</v>
      </c>
      <c r="W3925" s="2">
        <v>159.1</v>
      </c>
      <c r="X3925" s="2">
        <v>7.6</v>
      </c>
      <c r="Y3925" s="2">
        <v>16.7</v>
      </c>
      <c r="Z3925" s="5"/>
      <c r="AA3925" s="5" t="s">
        <v>43</v>
      </c>
      <c r="AB3925" s="5" t="s">
        <v>44</v>
      </c>
      <c r="AC3925" s="2"/>
      <c r="AD3925" s="1"/>
    </row>
    <row r="3926" spans="1:30">
      <c r="A3926" s="5" t="s">
        <v>83578</v>
      </c>
      <c r="B3926" s="2" t="s">
        <v>95380</v>
      </c>
      <c r="C3926" s="14" t="s">
        <v>95381</v>
      </c>
      <c r="D3926" s="2" t="s">
        <v>95382</v>
      </c>
      <c r="E3926" s="2" t="s">
        <v>40997</v>
      </c>
      <c r="F3926" s="8">
        <v>303</v>
      </c>
      <c r="G3926" s="5">
        <v>6</v>
      </c>
      <c r="H3926" s="5" t="s">
        <v>1518</v>
      </c>
      <c r="I3926" s="5" t="s">
        <v>40939</v>
      </c>
      <c r="J3926" s="2" t="s">
        <v>40940</v>
      </c>
      <c r="K3926" s="5" t="s">
        <v>40939</v>
      </c>
      <c r="L3926" s="2" t="s">
        <v>40940</v>
      </c>
      <c r="M3926" s="5" t="s">
        <v>36266</v>
      </c>
      <c r="N3926" s="5" t="s">
        <v>38</v>
      </c>
      <c r="O3926" s="5" t="s">
        <v>39</v>
      </c>
      <c r="P3926" s="5" t="s">
        <v>40</v>
      </c>
      <c r="Q3926" s="5" t="s">
        <v>1522</v>
      </c>
      <c r="R3926" s="5" t="s">
        <v>1523</v>
      </c>
      <c r="S3926" s="5" t="s">
        <v>42</v>
      </c>
      <c r="T3926" s="2">
        <v>3.145</v>
      </c>
      <c r="U3926" s="2">
        <v>2.4449999999999998</v>
      </c>
      <c r="V3926" s="2">
        <v>0.02</v>
      </c>
      <c r="W3926" s="2">
        <v>159.1</v>
      </c>
      <c r="X3926" s="2">
        <v>7.6</v>
      </c>
      <c r="Y3926" s="2">
        <v>16.7</v>
      </c>
      <c r="Z3926" s="5"/>
      <c r="AA3926" s="5" t="s">
        <v>43</v>
      </c>
      <c r="AB3926" s="5" t="s">
        <v>44</v>
      </c>
      <c r="AC3926" s="2"/>
      <c r="AD3926" s="1"/>
    </row>
    <row r="3927" spans="1:30">
      <c r="A3927" s="5" t="s">
        <v>83578</v>
      </c>
      <c r="B3927" s="2" t="s">
        <v>95383</v>
      </c>
      <c r="C3927" s="14" t="s">
        <v>95384</v>
      </c>
      <c r="D3927" s="2" t="s">
        <v>95385</v>
      </c>
      <c r="E3927" s="2" t="s">
        <v>41001</v>
      </c>
      <c r="F3927" s="8">
        <v>303</v>
      </c>
      <c r="G3927" s="5">
        <v>6</v>
      </c>
      <c r="H3927" s="5" t="s">
        <v>1518</v>
      </c>
      <c r="I3927" s="5" t="s">
        <v>40939</v>
      </c>
      <c r="J3927" s="2" t="s">
        <v>40940</v>
      </c>
      <c r="K3927" s="5" t="s">
        <v>40939</v>
      </c>
      <c r="L3927" s="2" t="s">
        <v>40940</v>
      </c>
      <c r="M3927" s="5" t="s">
        <v>36266</v>
      </c>
      <c r="N3927" s="5" t="s">
        <v>38</v>
      </c>
      <c r="O3927" s="5" t="s">
        <v>39</v>
      </c>
      <c r="P3927" s="5" t="s">
        <v>40</v>
      </c>
      <c r="Q3927" s="5" t="s">
        <v>1522</v>
      </c>
      <c r="R3927" s="5" t="s">
        <v>1523</v>
      </c>
      <c r="S3927" s="5" t="s">
        <v>42</v>
      </c>
      <c r="T3927" s="2">
        <v>3.1859999999999999</v>
      </c>
      <c r="U3927" s="2">
        <v>2.4860000000000002</v>
      </c>
      <c r="V3927" s="2">
        <v>0.02</v>
      </c>
      <c r="W3927" s="2">
        <v>159.1</v>
      </c>
      <c r="X3927" s="2">
        <v>7.6</v>
      </c>
      <c r="Y3927" s="2">
        <v>16.7</v>
      </c>
      <c r="Z3927" s="5"/>
      <c r="AA3927" s="5" t="s">
        <v>43</v>
      </c>
      <c r="AB3927" s="5" t="s">
        <v>44</v>
      </c>
      <c r="AC3927" s="2"/>
      <c r="AD3927" s="1"/>
    </row>
    <row r="3928" spans="1:30">
      <c r="A3928" s="5" t="s">
        <v>83578</v>
      </c>
      <c r="B3928" s="2" t="s">
        <v>95386</v>
      </c>
      <c r="C3928" s="14" t="s">
        <v>95387</v>
      </c>
      <c r="D3928" s="2" t="s">
        <v>95388</v>
      </c>
      <c r="E3928" s="2" t="s">
        <v>41005</v>
      </c>
      <c r="F3928" s="8">
        <v>303</v>
      </c>
      <c r="G3928" s="5">
        <v>6</v>
      </c>
      <c r="H3928" s="5" t="s">
        <v>1518</v>
      </c>
      <c r="I3928" s="5" t="s">
        <v>40939</v>
      </c>
      <c r="J3928" s="2" t="s">
        <v>40940</v>
      </c>
      <c r="K3928" s="5" t="s">
        <v>40939</v>
      </c>
      <c r="L3928" s="2" t="s">
        <v>40940</v>
      </c>
      <c r="M3928" s="5" t="s">
        <v>36266</v>
      </c>
      <c r="N3928" s="5" t="s">
        <v>38</v>
      </c>
      <c r="O3928" s="5" t="s">
        <v>39</v>
      </c>
      <c r="P3928" s="5" t="s">
        <v>40</v>
      </c>
      <c r="Q3928" s="5" t="s">
        <v>1522</v>
      </c>
      <c r="R3928" s="5" t="s">
        <v>1523</v>
      </c>
      <c r="S3928" s="5" t="s">
        <v>42</v>
      </c>
      <c r="T3928" s="2">
        <v>3.2919999999999998</v>
      </c>
      <c r="U3928" s="2">
        <v>2.5920000000000001</v>
      </c>
      <c r="V3928" s="2">
        <v>0.02</v>
      </c>
      <c r="W3928" s="2">
        <v>159.1</v>
      </c>
      <c r="X3928" s="2">
        <v>7.6</v>
      </c>
      <c r="Y3928" s="2">
        <v>16.7</v>
      </c>
      <c r="Z3928" s="5"/>
      <c r="AA3928" s="5" t="s">
        <v>43</v>
      </c>
      <c r="AB3928" s="5" t="s">
        <v>44</v>
      </c>
      <c r="AC3928" s="2"/>
      <c r="AD3928" s="1"/>
    </row>
    <row r="3929" spans="1:30">
      <c r="A3929" s="5" t="s">
        <v>83578</v>
      </c>
      <c r="B3929" s="2" t="s">
        <v>95389</v>
      </c>
      <c r="C3929" s="14" t="s">
        <v>95390</v>
      </c>
      <c r="D3929" s="2" t="s">
        <v>95391</v>
      </c>
      <c r="E3929" s="2" t="s">
        <v>41009</v>
      </c>
      <c r="F3929" s="8">
        <v>303</v>
      </c>
      <c r="G3929" s="5">
        <v>6</v>
      </c>
      <c r="H3929" s="5" t="s">
        <v>1518</v>
      </c>
      <c r="I3929" s="5" t="s">
        <v>40939</v>
      </c>
      <c r="J3929" s="2" t="s">
        <v>40940</v>
      </c>
      <c r="K3929" s="5" t="s">
        <v>40939</v>
      </c>
      <c r="L3929" s="2" t="s">
        <v>40940</v>
      </c>
      <c r="M3929" s="5" t="s">
        <v>36266</v>
      </c>
      <c r="N3929" s="5" t="s">
        <v>38</v>
      </c>
      <c r="O3929" s="5" t="s">
        <v>39</v>
      </c>
      <c r="P3929" s="5" t="s">
        <v>40</v>
      </c>
      <c r="Q3929" s="5" t="s">
        <v>1522</v>
      </c>
      <c r="R3929" s="5" t="s">
        <v>1523</v>
      </c>
      <c r="S3929" s="5" t="s">
        <v>42</v>
      </c>
      <c r="T3929" s="2">
        <v>3.1960000000000002</v>
      </c>
      <c r="U3929" s="2">
        <v>2.496</v>
      </c>
      <c r="V3929" s="2">
        <v>0.02</v>
      </c>
      <c r="W3929" s="2">
        <v>159.1</v>
      </c>
      <c r="X3929" s="2">
        <v>7.6</v>
      </c>
      <c r="Y3929" s="2">
        <v>16.7</v>
      </c>
      <c r="Z3929" s="5"/>
      <c r="AA3929" s="5" t="s">
        <v>43</v>
      </c>
      <c r="AB3929" s="5" t="s">
        <v>44</v>
      </c>
      <c r="AC3929" s="2"/>
      <c r="AD3929" s="1"/>
    </row>
    <row r="3930" spans="1:30">
      <c r="A3930" s="5" t="s">
        <v>83578</v>
      </c>
      <c r="B3930" s="2" t="s">
        <v>95392</v>
      </c>
      <c r="C3930" s="14" t="s">
        <v>95393</v>
      </c>
      <c r="D3930" s="2" t="s">
        <v>95394</v>
      </c>
      <c r="E3930" s="2" t="s">
        <v>41013</v>
      </c>
      <c r="F3930" s="8">
        <v>303</v>
      </c>
      <c r="G3930" s="5">
        <v>6</v>
      </c>
      <c r="H3930" s="5" t="s">
        <v>1518</v>
      </c>
      <c r="I3930" s="5" t="s">
        <v>40939</v>
      </c>
      <c r="J3930" s="2" t="s">
        <v>40940</v>
      </c>
      <c r="K3930" s="5" t="s">
        <v>40939</v>
      </c>
      <c r="L3930" s="2" t="s">
        <v>40940</v>
      </c>
      <c r="M3930" s="5" t="s">
        <v>36266</v>
      </c>
      <c r="N3930" s="5" t="s">
        <v>38</v>
      </c>
      <c r="O3930" s="5" t="s">
        <v>39</v>
      </c>
      <c r="P3930" s="5" t="s">
        <v>40</v>
      </c>
      <c r="Q3930" s="5" t="s">
        <v>1522</v>
      </c>
      <c r="R3930" s="5" t="s">
        <v>1523</v>
      </c>
      <c r="S3930" s="5" t="s">
        <v>42</v>
      </c>
      <c r="T3930" s="2">
        <v>3.302</v>
      </c>
      <c r="U3930" s="2">
        <v>2.6019999999999999</v>
      </c>
      <c r="V3930" s="2">
        <v>0.02</v>
      </c>
      <c r="W3930" s="2">
        <v>159.1</v>
      </c>
      <c r="X3930" s="2">
        <v>7.6</v>
      </c>
      <c r="Y3930" s="2">
        <v>16.7</v>
      </c>
      <c r="Z3930" s="5"/>
      <c r="AA3930" s="5" t="s">
        <v>43</v>
      </c>
      <c r="AB3930" s="5" t="s">
        <v>44</v>
      </c>
      <c r="AC3930" s="2"/>
      <c r="AD3930" s="1"/>
    </row>
    <row r="3931" spans="1:30">
      <c r="A3931" s="5" t="s">
        <v>83578</v>
      </c>
      <c r="B3931" s="2" t="s">
        <v>95395</v>
      </c>
      <c r="C3931" s="14" t="s">
        <v>95396</v>
      </c>
      <c r="D3931" s="2" t="s">
        <v>95397</v>
      </c>
      <c r="E3931" s="2" t="s">
        <v>41023</v>
      </c>
      <c r="F3931" s="8">
        <v>303</v>
      </c>
      <c r="G3931" s="5">
        <v>6</v>
      </c>
      <c r="H3931" s="5" t="s">
        <v>1518</v>
      </c>
      <c r="I3931" s="5" t="s">
        <v>40939</v>
      </c>
      <c r="J3931" s="2" t="s">
        <v>40940</v>
      </c>
      <c r="K3931" s="5" t="s">
        <v>40939</v>
      </c>
      <c r="L3931" s="2" t="s">
        <v>40940</v>
      </c>
      <c r="M3931" s="5" t="s">
        <v>36266</v>
      </c>
      <c r="N3931" s="5" t="s">
        <v>38</v>
      </c>
      <c r="O3931" s="5" t="s">
        <v>39</v>
      </c>
      <c r="P3931" s="5" t="s">
        <v>40</v>
      </c>
      <c r="Q3931" s="5" t="s">
        <v>1522</v>
      </c>
      <c r="R3931" s="5" t="s">
        <v>1523</v>
      </c>
      <c r="S3931" s="5" t="s">
        <v>42</v>
      </c>
      <c r="T3931" s="2">
        <v>3.145</v>
      </c>
      <c r="U3931" s="2">
        <v>2.4449999999999998</v>
      </c>
      <c r="V3931" s="2">
        <v>0.02</v>
      </c>
      <c r="W3931" s="2">
        <v>159.1</v>
      </c>
      <c r="X3931" s="2">
        <v>7.6</v>
      </c>
      <c r="Y3931" s="2">
        <v>16.7</v>
      </c>
      <c r="Z3931" s="5"/>
      <c r="AA3931" s="5" t="s">
        <v>43</v>
      </c>
      <c r="AB3931" s="5" t="s">
        <v>44</v>
      </c>
      <c r="AC3931" s="2"/>
      <c r="AD3931" s="1"/>
    </row>
    <row r="3932" spans="1:30">
      <c r="A3932" s="5" t="s">
        <v>83578</v>
      </c>
      <c r="B3932" s="2" t="s">
        <v>95398</v>
      </c>
      <c r="C3932" s="14" t="s">
        <v>95399</v>
      </c>
      <c r="D3932" s="2" t="s">
        <v>95400</v>
      </c>
      <c r="E3932" s="2" t="s">
        <v>7449</v>
      </c>
      <c r="F3932" s="8">
        <v>303</v>
      </c>
      <c r="G3932" s="5">
        <v>6</v>
      </c>
      <c r="H3932" s="5" t="s">
        <v>1518</v>
      </c>
      <c r="I3932" s="5" t="s">
        <v>40939</v>
      </c>
      <c r="J3932" s="2" t="s">
        <v>40940</v>
      </c>
      <c r="K3932" s="5" t="s">
        <v>40939</v>
      </c>
      <c r="L3932" s="2" t="s">
        <v>40940</v>
      </c>
      <c r="M3932" s="5" t="s">
        <v>36266</v>
      </c>
      <c r="N3932" s="5" t="s">
        <v>38</v>
      </c>
      <c r="O3932" s="5" t="s">
        <v>39</v>
      </c>
      <c r="P3932" s="5" t="s">
        <v>40</v>
      </c>
      <c r="Q3932" s="5" t="s">
        <v>1522</v>
      </c>
      <c r="R3932" s="5" t="s">
        <v>1523</v>
      </c>
      <c r="S3932" s="5" t="s">
        <v>42</v>
      </c>
      <c r="T3932" s="2">
        <v>3.145</v>
      </c>
      <c r="U3932" s="2">
        <v>2.4449999999999998</v>
      </c>
      <c r="V3932" s="2">
        <v>0.02</v>
      </c>
      <c r="W3932" s="2">
        <v>159.1</v>
      </c>
      <c r="X3932" s="2">
        <v>7.6</v>
      </c>
      <c r="Y3932" s="2">
        <v>16.7</v>
      </c>
      <c r="Z3932" s="5"/>
      <c r="AA3932" s="5" t="s">
        <v>43</v>
      </c>
      <c r="AB3932" s="5" t="s">
        <v>44</v>
      </c>
      <c r="AC3932" s="2"/>
      <c r="AD3932" s="1"/>
    </row>
    <row r="3933" spans="1:30">
      <c r="A3933" s="5" t="s">
        <v>83578</v>
      </c>
      <c r="B3933" s="2" t="s">
        <v>95401</v>
      </c>
      <c r="C3933" s="14" t="s">
        <v>95402</v>
      </c>
      <c r="D3933" s="2" t="s">
        <v>95403</v>
      </c>
      <c r="E3933" s="2" t="s">
        <v>7581</v>
      </c>
      <c r="F3933" s="8">
        <v>303</v>
      </c>
      <c r="G3933" s="5">
        <v>6</v>
      </c>
      <c r="H3933" s="5" t="s">
        <v>1518</v>
      </c>
      <c r="I3933" s="5" t="s">
        <v>40939</v>
      </c>
      <c r="J3933" s="2" t="s">
        <v>40940</v>
      </c>
      <c r="K3933" s="5" t="s">
        <v>40939</v>
      </c>
      <c r="L3933" s="2" t="s">
        <v>40940</v>
      </c>
      <c r="M3933" s="5" t="s">
        <v>36266</v>
      </c>
      <c r="N3933" s="5" t="s">
        <v>38</v>
      </c>
      <c r="O3933" s="5" t="s">
        <v>39</v>
      </c>
      <c r="P3933" s="5" t="s">
        <v>40</v>
      </c>
      <c r="Q3933" s="5" t="s">
        <v>1522</v>
      </c>
      <c r="R3933" s="5" t="s">
        <v>1523</v>
      </c>
      <c r="S3933" s="5" t="s">
        <v>42</v>
      </c>
      <c r="T3933" s="2">
        <v>3.2509999999999999</v>
      </c>
      <c r="U3933" s="2">
        <v>2.5510000000000002</v>
      </c>
      <c r="V3933" s="2">
        <v>0.02</v>
      </c>
      <c r="W3933" s="2">
        <v>159.1</v>
      </c>
      <c r="X3933" s="2">
        <v>7.6</v>
      </c>
      <c r="Y3933" s="2">
        <v>16.7</v>
      </c>
      <c r="Z3933" s="5"/>
      <c r="AA3933" s="5" t="s">
        <v>43</v>
      </c>
      <c r="AB3933" s="5" t="s">
        <v>44</v>
      </c>
      <c r="AC3933" s="2"/>
      <c r="AD3933" s="1"/>
    </row>
    <row r="3934" spans="1:30">
      <c r="A3934" s="5" t="s">
        <v>83578</v>
      </c>
      <c r="B3934" s="2" t="s">
        <v>95404</v>
      </c>
      <c r="C3934" s="14" t="s">
        <v>95405</v>
      </c>
      <c r="D3934" s="2" t="s">
        <v>95406</v>
      </c>
      <c r="E3934" s="2" t="s">
        <v>41045</v>
      </c>
      <c r="F3934" s="8">
        <v>303</v>
      </c>
      <c r="G3934" s="5">
        <v>6</v>
      </c>
      <c r="H3934" s="5" t="s">
        <v>1518</v>
      </c>
      <c r="I3934" s="5" t="s">
        <v>40939</v>
      </c>
      <c r="J3934" s="2" t="s">
        <v>40940</v>
      </c>
      <c r="K3934" s="5" t="s">
        <v>40939</v>
      </c>
      <c r="L3934" s="2" t="s">
        <v>40940</v>
      </c>
      <c r="M3934" s="5" t="s">
        <v>36266</v>
      </c>
      <c r="N3934" s="5" t="s">
        <v>38</v>
      </c>
      <c r="O3934" s="5" t="s">
        <v>39</v>
      </c>
      <c r="P3934" s="5" t="s">
        <v>40</v>
      </c>
      <c r="Q3934" s="5" t="s">
        <v>1522</v>
      </c>
      <c r="R3934" s="5" t="s">
        <v>1523</v>
      </c>
      <c r="S3934" s="5" t="s">
        <v>42</v>
      </c>
      <c r="T3934" s="2">
        <v>3.2069999999999999</v>
      </c>
      <c r="U3934" s="2">
        <v>2.5070000000000001</v>
      </c>
      <c r="V3934" s="2">
        <v>0.02</v>
      </c>
      <c r="W3934" s="2">
        <v>159.1</v>
      </c>
      <c r="X3934" s="2">
        <v>7.6</v>
      </c>
      <c r="Y3934" s="2">
        <v>16.7</v>
      </c>
      <c r="Z3934" s="5"/>
      <c r="AA3934" s="5" t="s">
        <v>43</v>
      </c>
      <c r="AB3934" s="5" t="s">
        <v>44</v>
      </c>
      <c r="AC3934" s="2"/>
      <c r="AD3934" s="1"/>
    </row>
    <row r="3935" spans="1:30">
      <c r="A3935" s="5" t="s">
        <v>83578</v>
      </c>
      <c r="B3935" s="2" t="s">
        <v>95407</v>
      </c>
      <c r="C3935" s="14" t="s">
        <v>95408</v>
      </c>
      <c r="D3935" s="2" t="s">
        <v>95409</v>
      </c>
      <c r="E3935" s="2" t="s">
        <v>41049</v>
      </c>
      <c r="F3935" s="8">
        <v>303</v>
      </c>
      <c r="G3935" s="5">
        <v>6</v>
      </c>
      <c r="H3935" s="5" t="s">
        <v>1518</v>
      </c>
      <c r="I3935" s="5" t="s">
        <v>40939</v>
      </c>
      <c r="J3935" s="2" t="s">
        <v>40940</v>
      </c>
      <c r="K3935" s="5" t="s">
        <v>40939</v>
      </c>
      <c r="L3935" s="2" t="s">
        <v>40940</v>
      </c>
      <c r="M3935" s="5" t="s">
        <v>36266</v>
      </c>
      <c r="N3935" s="5" t="s">
        <v>38</v>
      </c>
      <c r="O3935" s="5" t="s">
        <v>39</v>
      </c>
      <c r="P3935" s="5" t="s">
        <v>40</v>
      </c>
      <c r="Q3935" s="5" t="s">
        <v>1522</v>
      </c>
      <c r="R3935" s="5" t="s">
        <v>1523</v>
      </c>
      <c r="S3935" s="5" t="s">
        <v>42</v>
      </c>
      <c r="T3935" s="2">
        <v>3.3130000000000002</v>
      </c>
      <c r="U3935" s="2">
        <v>2.613</v>
      </c>
      <c r="V3935" s="2">
        <v>0.02</v>
      </c>
      <c r="W3935" s="2">
        <v>159.1</v>
      </c>
      <c r="X3935" s="2">
        <v>7.6</v>
      </c>
      <c r="Y3935" s="2">
        <v>16.7</v>
      </c>
      <c r="Z3935" s="5"/>
      <c r="AA3935" s="5" t="s">
        <v>43</v>
      </c>
      <c r="AB3935" s="5" t="s">
        <v>44</v>
      </c>
      <c r="AC3935" s="2"/>
      <c r="AD3935" s="1"/>
    </row>
    <row r="3936" spans="1:30">
      <c r="A3936" s="5" t="s">
        <v>83578</v>
      </c>
      <c r="B3936" s="2" t="s">
        <v>95410</v>
      </c>
      <c r="C3936" s="14" t="s">
        <v>95411</v>
      </c>
      <c r="D3936" s="2" t="s">
        <v>95412</v>
      </c>
      <c r="E3936" s="2" t="s">
        <v>47266</v>
      </c>
      <c r="F3936" s="8">
        <v>318</v>
      </c>
      <c r="G3936" s="5">
        <v>6</v>
      </c>
      <c r="H3936" s="5" t="s">
        <v>1518</v>
      </c>
      <c r="I3936" s="5" t="s">
        <v>40939</v>
      </c>
      <c r="J3936" s="2" t="s">
        <v>40940</v>
      </c>
      <c r="K3936" s="5" t="s">
        <v>40939</v>
      </c>
      <c r="L3936" s="2" t="s">
        <v>40940</v>
      </c>
      <c r="M3936" s="5" t="s">
        <v>36266</v>
      </c>
      <c r="N3936" s="5" t="s">
        <v>38</v>
      </c>
      <c r="O3936" s="5" t="s">
        <v>39</v>
      </c>
      <c r="P3936" s="5" t="s">
        <v>40</v>
      </c>
      <c r="Q3936" s="5" t="s">
        <v>1522</v>
      </c>
      <c r="R3936" s="5" t="s">
        <v>1523</v>
      </c>
      <c r="S3936" s="5" t="s">
        <v>42</v>
      </c>
      <c r="T3936" s="2">
        <v>3.387</v>
      </c>
      <c r="U3936" s="2">
        <v>2.6190000000000002</v>
      </c>
      <c r="V3936" s="2">
        <v>2.1000000000000001E-2</v>
      </c>
      <c r="W3936" s="2">
        <v>165.1</v>
      </c>
      <c r="X3936" s="2">
        <v>7.6</v>
      </c>
      <c r="Y3936" s="2">
        <v>16.7</v>
      </c>
      <c r="Z3936" s="5"/>
      <c r="AA3936" s="5" t="s">
        <v>43</v>
      </c>
      <c r="AB3936" s="5" t="s">
        <v>44</v>
      </c>
      <c r="AC3936" s="2"/>
      <c r="AD3936" s="1"/>
    </row>
    <row r="3937" spans="1:30">
      <c r="A3937" s="5" t="s">
        <v>83578</v>
      </c>
      <c r="B3937" s="2" t="s">
        <v>95413</v>
      </c>
      <c r="C3937" s="14" t="s">
        <v>95414</v>
      </c>
      <c r="D3937" s="2" t="s">
        <v>95415</v>
      </c>
      <c r="E3937" s="2" t="s">
        <v>7208</v>
      </c>
      <c r="F3937" s="8">
        <v>293</v>
      </c>
      <c r="G3937" s="5">
        <v>6</v>
      </c>
      <c r="H3937" s="5" t="s">
        <v>1518</v>
      </c>
      <c r="I3937" s="5" t="s">
        <v>40939</v>
      </c>
      <c r="J3937" s="2" t="s">
        <v>40940</v>
      </c>
      <c r="K3937" s="5" t="s">
        <v>40939</v>
      </c>
      <c r="L3937" s="2" t="s">
        <v>40940</v>
      </c>
      <c r="M3937" s="5" t="s">
        <v>36266</v>
      </c>
      <c r="N3937" s="5" t="s">
        <v>38</v>
      </c>
      <c r="O3937" s="5" t="s">
        <v>39</v>
      </c>
      <c r="P3937" s="5" t="s">
        <v>40</v>
      </c>
      <c r="Q3937" s="5" t="s">
        <v>1522</v>
      </c>
      <c r="R3937" s="5" t="s">
        <v>1523</v>
      </c>
      <c r="S3937" s="5" t="s">
        <v>42</v>
      </c>
      <c r="T3937" s="2">
        <v>3.399</v>
      </c>
      <c r="U3937" s="2">
        <v>2.6309999999999998</v>
      </c>
      <c r="V3937" s="2">
        <v>2.1000000000000001E-2</v>
      </c>
      <c r="W3937" s="2">
        <v>165.1</v>
      </c>
      <c r="X3937" s="2">
        <v>7.6</v>
      </c>
      <c r="Y3937" s="2">
        <v>16.7</v>
      </c>
      <c r="Z3937" s="5"/>
      <c r="AA3937" s="5" t="s">
        <v>43</v>
      </c>
      <c r="AB3937" s="5" t="s">
        <v>44</v>
      </c>
      <c r="AC3937" s="2"/>
      <c r="AD3937" s="1"/>
    </row>
    <row r="3938" spans="1:30">
      <c r="A3938" s="5" t="s">
        <v>83578</v>
      </c>
      <c r="B3938" s="2" t="s">
        <v>95416</v>
      </c>
      <c r="C3938" s="14" t="s">
        <v>95417</v>
      </c>
      <c r="D3938" s="2" t="s">
        <v>95418</v>
      </c>
      <c r="E3938" s="2" t="s">
        <v>36273</v>
      </c>
      <c r="F3938" s="8">
        <v>293</v>
      </c>
      <c r="G3938" s="5">
        <v>6</v>
      </c>
      <c r="H3938" s="5" t="s">
        <v>1518</v>
      </c>
      <c r="I3938" s="5" t="s">
        <v>40939</v>
      </c>
      <c r="J3938" s="2" t="s">
        <v>40940</v>
      </c>
      <c r="K3938" s="5" t="s">
        <v>40939</v>
      </c>
      <c r="L3938" s="2" t="s">
        <v>40940</v>
      </c>
      <c r="M3938" s="5" t="s">
        <v>36266</v>
      </c>
      <c r="N3938" s="5" t="s">
        <v>38</v>
      </c>
      <c r="O3938" s="5" t="s">
        <v>39</v>
      </c>
      <c r="P3938" s="5" t="s">
        <v>40</v>
      </c>
      <c r="Q3938" s="5" t="s">
        <v>1522</v>
      </c>
      <c r="R3938" s="5" t="s">
        <v>1523</v>
      </c>
      <c r="S3938" s="5" t="s">
        <v>42</v>
      </c>
      <c r="T3938" s="2">
        <v>3.4220000000000002</v>
      </c>
      <c r="U3938" s="2">
        <v>2.6539999999999999</v>
      </c>
      <c r="V3938" s="2">
        <v>2.1000000000000001E-2</v>
      </c>
      <c r="W3938" s="2">
        <v>165.1</v>
      </c>
      <c r="X3938" s="2">
        <v>7.6</v>
      </c>
      <c r="Y3938" s="2">
        <v>16.7</v>
      </c>
      <c r="Z3938" s="5"/>
      <c r="AA3938" s="5" t="s">
        <v>43</v>
      </c>
      <c r="AB3938" s="5" t="s">
        <v>44</v>
      </c>
      <c r="AC3938" s="2"/>
      <c r="AD3938" s="1"/>
    </row>
    <row r="3939" spans="1:30">
      <c r="A3939" s="5" t="s">
        <v>83578</v>
      </c>
      <c r="B3939" s="2" t="s">
        <v>95419</v>
      </c>
      <c r="C3939" s="14" t="s">
        <v>95420</v>
      </c>
      <c r="D3939" s="2" t="s">
        <v>95421</v>
      </c>
      <c r="E3939" s="2" t="s">
        <v>36277</v>
      </c>
      <c r="F3939" s="8">
        <v>293</v>
      </c>
      <c r="G3939" s="5">
        <v>6</v>
      </c>
      <c r="H3939" s="5" t="s">
        <v>1518</v>
      </c>
      <c r="I3939" s="5" t="s">
        <v>40939</v>
      </c>
      <c r="J3939" s="2" t="s">
        <v>40940</v>
      </c>
      <c r="K3939" s="5" t="s">
        <v>40939</v>
      </c>
      <c r="L3939" s="2" t="s">
        <v>40940</v>
      </c>
      <c r="M3939" s="5" t="s">
        <v>36266</v>
      </c>
      <c r="N3939" s="5" t="s">
        <v>38</v>
      </c>
      <c r="O3939" s="5" t="s">
        <v>39</v>
      </c>
      <c r="P3939" s="5" t="s">
        <v>40</v>
      </c>
      <c r="Q3939" s="5" t="s">
        <v>1522</v>
      </c>
      <c r="R3939" s="5" t="s">
        <v>1523</v>
      </c>
      <c r="S3939" s="5" t="s">
        <v>42</v>
      </c>
      <c r="T3939" s="2">
        <v>3.5390000000000001</v>
      </c>
      <c r="U3939" s="2">
        <v>2.7709999999999999</v>
      </c>
      <c r="V3939" s="2">
        <v>2.1000000000000001E-2</v>
      </c>
      <c r="W3939" s="2">
        <v>165.1</v>
      </c>
      <c r="X3939" s="2">
        <v>7.6</v>
      </c>
      <c r="Y3939" s="2">
        <v>16.7</v>
      </c>
      <c r="Z3939" s="5"/>
      <c r="AA3939" s="5" t="s">
        <v>43</v>
      </c>
      <c r="AB3939" s="5" t="s">
        <v>44</v>
      </c>
      <c r="AC3939" s="2"/>
      <c r="AD3939" s="1"/>
    </row>
    <row r="3940" spans="1:30">
      <c r="A3940" s="5" t="s">
        <v>83578</v>
      </c>
      <c r="B3940" s="2" t="s">
        <v>95422</v>
      </c>
      <c r="C3940" s="14" t="s">
        <v>95423</v>
      </c>
      <c r="D3940" s="2" t="s">
        <v>95424</v>
      </c>
      <c r="E3940" s="2" t="s">
        <v>40967</v>
      </c>
      <c r="F3940" s="8">
        <v>318</v>
      </c>
      <c r="G3940" s="5">
        <v>6</v>
      </c>
      <c r="H3940" s="5" t="s">
        <v>1518</v>
      </c>
      <c r="I3940" s="5" t="s">
        <v>40939</v>
      </c>
      <c r="J3940" s="2" t="s">
        <v>40940</v>
      </c>
      <c r="K3940" s="5" t="s">
        <v>40939</v>
      </c>
      <c r="L3940" s="2" t="s">
        <v>40940</v>
      </c>
      <c r="M3940" s="5" t="s">
        <v>36266</v>
      </c>
      <c r="N3940" s="5" t="s">
        <v>38</v>
      </c>
      <c r="O3940" s="5" t="s">
        <v>39</v>
      </c>
      <c r="P3940" s="5" t="s">
        <v>40</v>
      </c>
      <c r="Q3940" s="5" t="s">
        <v>1522</v>
      </c>
      <c r="R3940" s="5" t="s">
        <v>1523</v>
      </c>
      <c r="S3940" s="5" t="s">
        <v>42</v>
      </c>
      <c r="T3940" s="2">
        <v>3.399</v>
      </c>
      <c r="U3940" s="2">
        <v>2.6309999999999998</v>
      </c>
      <c r="V3940" s="2">
        <v>2.1000000000000001E-2</v>
      </c>
      <c r="W3940" s="2">
        <v>165.1</v>
      </c>
      <c r="X3940" s="2">
        <v>7.6</v>
      </c>
      <c r="Y3940" s="2">
        <v>16.7</v>
      </c>
      <c r="Z3940" s="5"/>
      <c r="AA3940" s="5" t="s">
        <v>43</v>
      </c>
      <c r="AB3940" s="5" t="s">
        <v>44</v>
      </c>
      <c r="AC3940" s="2"/>
      <c r="AD3940" s="1"/>
    </row>
    <row r="3941" spans="1:30">
      <c r="A3941" s="5" t="s">
        <v>83578</v>
      </c>
      <c r="B3941" s="2" t="s">
        <v>95425</v>
      </c>
      <c r="C3941" s="14" t="s">
        <v>95426</v>
      </c>
      <c r="D3941" s="2" t="s">
        <v>95427</v>
      </c>
      <c r="E3941" s="2" t="s">
        <v>40971</v>
      </c>
      <c r="F3941" s="8">
        <v>318</v>
      </c>
      <c r="G3941" s="5">
        <v>6</v>
      </c>
      <c r="H3941" s="5" t="s">
        <v>1518</v>
      </c>
      <c r="I3941" s="5" t="s">
        <v>40939</v>
      </c>
      <c r="J3941" s="2" t="s">
        <v>40940</v>
      </c>
      <c r="K3941" s="5" t="s">
        <v>40939</v>
      </c>
      <c r="L3941" s="2" t="s">
        <v>40940</v>
      </c>
      <c r="M3941" s="5" t="s">
        <v>36266</v>
      </c>
      <c r="N3941" s="5" t="s">
        <v>38</v>
      </c>
      <c r="O3941" s="5" t="s">
        <v>39</v>
      </c>
      <c r="P3941" s="5" t="s">
        <v>40</v>
      </c>
      <c r="Q3941" s="5" t="s">
        <v>1522</v>
      </c>
      <c r="R3941" s="5" t="s">
        <v>1523</v>
      </c>
      <c r="S3941" s="5" t="s">
        <v>42</v>
      </c>
      <c r="T3941" s="2">
        <v>3.516</v>
      </c>
      <c r="U3941" s="2">
        <v>2.7480000000000002</v>
      </c>
      <c r="V3941" s="2">
        <v>2.1000000000000001E-2</v>
      </c>
      <c r="W3941" s="2">
        <v>165.1</v>
      </c>
      <c r="X3941" s="2">
        <v>7.6</v>
      </c>
      <c r="Y3941" s="2">
        <v>16.7</v>
      </c>
      <c r="Z3941" s="5"/>
      <c r="AA3941" s="5" t="s">
        <v>43</v>
      </c>
      <c r="AB3941" s="5" t="s">
        <v>44</v>
      </c>
      <c r="AC3941" s="2"/>
      <c r="AD3941" s="1"/>
    </row>
    <row r="3942" spans="1:30">
      <c r="A3942" s="5" t="s">
        <v>83578</v>
      </c>
      <c r="B3942" s="2" t="s">
        <v>95428</v>
      </c>
      <c r="C3942" s="14" t="s">
        <v>95429</v>
      </c>
      <c r="D3942" s="2" t="s">
        <v>95430</v>
      </c>
      <c r="E3942" s="2" t="s">
        <v>47226</v>
      </c>
      <c r="F3942" s="8">
        <v>318</v>
      </c>
      <c r="G3942" s="5">
        <v>6</v>
      </c>
      <c r="H3942" s="5" t="s">
        <v>1518</v>
      </c>
      <c r="I3942" s="5" t="s">
        <v>40939</v>
      </c>
      <c r="J3942" s="2" t="s">
        <v>40940</v>
      </c>
      <c r="K3942" s="5" t="s">
        <v>40939</v>
      </c>
      <c r="L3942" s="2" t="s">
        <v>40940</v>
      </c>
      <c r="M3942" s="5" t="s">
        <v>36266</v>
      </c>
      <c r="N3942" s="5" t="s">
        <v>38</v>
      </c>
      <c r="O3942" s="5" t="s">
        <v>39</v>
      </c>
      <c r="P3942" s="5" t="s">
        <v>40</v>
      </c>
      <c r="Q3942" s="5" t="s">
        <v>1522</v>
      </c>
      <c r="R3942" s="5" t="s">
        <v>1523</v>
      </c>
      <c r="S3942" s="5" t="s">
        <v>42</v>
      </c>
      <c r="T3942" s="2">
        <v>3.399</v>
      </c>
      <c r="U3942" s="2">
        <v>2.6309999999999998</v>
      </c>
      <c r="V3942" s="2">
        <v>2.1000000000000001E-2</v>
      </c>
      <c r="W3942" s="2">
        <v>165.1</v>
      </c>
      <c r="X3942" s="2">
        <v>7.6</v>
      </c>
      <c r="Y3942" s="2">
        <v>16.7</v>
      </c>
      <c r="Z3942" s="5"/>
      <c r="AA3942" s="5" t="s">
        <v>43</v>
      </c>
      <c r="AB3942" s="5" t="s">
        <v>44</v>
      </c>
      <c r="AC3942" s="2"/>
      <c r="AD3942" s="1"/>
    </row>
    <row r="3943" spans="1:30">
      <c r="A3943" s="5" t="s">
        <v>83578</v>
      </c>
      <c r="B3943" s="2" t="s">
        <v>95431</v>
      </c>
      <c r="C3943" s="14" t="s">
        <v>95432</v>
      </c>
      <c r="D3943" s="2" t="s">
        <v>95433</v>
      </c>
      <c r="E3943" s="2" t="s">
        <v>47735</v>
      </c>
      <c r="F3943" s="8">
        <v>318</v>
      </c>
      <c r="G3943" s="5">
        <v>6</v>
      </c>
      <c r="H3943" s="5" t="s">
        <v>1518</v>
      </c>
      <c r="I3943" s="5" t="s">
        <v>40939</v>
      </c>
      <c r="J3943" s="2" t="s">
        <v>40940</v>
      </c>
      <c r="K3943" s="5" t="s">
        <v>40939</v>
      </c>
      <c r="L3943" s="2" t="s">
        <v>40940</v>
      </c>
      <c r="M3943" s="5" t="s">
        <v>36266</v>
      </c>
      <c r="N3943" s="5" t="s">
        <v>38</v>
      </c>
      <c r="O3943" s="5" t="s">
        <v>39</v>
      </c>
      <c r="P3943" s="5" t="s">
        <v>40</v>
      </c>
      <c r="Q3943" s="5" t="s">
        <v>1522</v>
      </c>
      <c r="R3943" s="5" t="s">
        <v>1523</v>
      </c>
      <c r="S3943" s="5" t="s">
        <v>42</v>
      </c>
      <c r="T3943" s="2">
        <v>3.516</v>
      </c>
      <c r="U3943" s="2">
        <v>2.7480000000000002</v>
      </c>
      <c r="V3943" s="2">
        <v>2.1000000000000001E-2</v>
      </c>
      <c r="W3943" s="2">
        <v>165.1</v>
      </c>
      <c r="X3943" s="2">
        <v>7.6</v>
      </c>
      <c r="Y3943" s="2">
        <v>16.7</v>
      </c>
      <c r="Z3943" s="5"/>
      <c r="AA3943" s="5" t="s">
        <v>43</v>
      </c>
      <c r="AB3943" s="5" t="s">
        <v>44</v>
      </c>
      <c r="AC3943" s="2"/>
      <c r="AD3943" s="1"/>
    </row>
    <row r="3944" spans="1:30">
      <c r="A3944" s="5" t="s">
        <v>83578</v>
      </c>
      <c r="B3944" s="2" t="s">
        <v>95434</v>
      </c>
      <c r="C3944" s="14" t="s">
        <v>95435</v>
      </c>
      <c r="D3944" s="2" t="s">
        <v>95436</v>
      </c>
      <c r="E3944" s="2" t="s">
        <v>7539</v>
      </c>
      <c r="F3944" s="8">
        <v>318</v>
      </c>
      <c r="G3944" s="5">
        <v>6</v>
      </c>
      <c r="H3944" s="5" t="s">
        <v>1518</v>
      </c>
      <c r="I3944" s="5" t="s">
        <v>40939</v>
      </c>
      <c r="J3944" s="2" t="s">
        <v>40940</v>
      </c>
      <c r="K3944" s="5" t="s">
        <v>40939</v>
      </c>
      <c r="L3944" s="2" t="s">
        <v>40940</v>
      </c>
      <c r="M3944" s="5" t="s">
        <v>36266</v>
      </c>
      <c r="N3944" s="5" t="s">
        <v>38</v>
      </c>
      <c r="O3944" s="5" t="s">
        <v>39</v>
      </c>
      <c r="P3944" s="5" t="s">
        <v>40</v>
      </c>
      <c r="Q3944" s="5" t="s">
        <v>1522</v>
      </c>
      <c r="R3944" s="5" t="s">
        <v>1523</v>
      </c>
      <c r="S3944" s="5" t="s">
        <v>42</v>
      </c>
      <c r="T3944" s="2">
        <v>3.3410000000000002</v>
      </c>
      <c r="U3944" s="2">
        <v>2.573</v>
      </c>
      <c r="V3944" s="2">
        <v>2.1000000000000001E-2</v>
      </c>
      <c r="W3944" s="2">
        <v>165.1</v>
      </c>
      <c r="X3944" s="2">
        <v>7.6</v>
      </c>
      <c r="Y3944" s="2">
        <v>16.7</v>
      </c>
      <c r="Z3944" s="5"/>
      <c r="AA3944" s="5" t="s">
        <v>43</v>
      </c>
      <c r="AB3944" s="5" t="s">
        <v>44</v>
      </c>
      <c r="AC3944" s="2"/>
      <c r="AD3944" s="1"/>
    </row>
    <row r="3945" spans="1:30">
      <c r="A3945" s="5" t="s">
        <v>83578</v>
      </c>
      <c r="B3945" s="2" t="s">
        <v>95437</v>
      </c>
      <c r="C3945" s="14" t="s">
        <v>95438</v>
      </c>
      <c r="D3945" s="2" t="s">
        <v>95439</v>
      </c>
      <c r="E3945" s="2" t="s">
        <v>7543</v>
      </c>
      <c r="F3945" s="8">
        <v>318</v>
      </c>
      <c r="G3945" s="5">
        <v>6</v>
      </c>
      <c r="H3945" s="5" t="s">
        <v>1518</v>
      </c>
      <c r="I3945" s="5" t="s">
        <v>40939</v>
      </c>
      <c r="J3945" s="2" t="s">
        <v>40940</v>
      </c>
      <c r="K3945" s="5" t="s">
        <v>40939</v>
      </c>
      <c r="L3945" s="2" t="s">
        <v>40940</v>
      </c>
      <c r="M3945" s="5" t="s">
        <v>36266</v>
      </c>
      <c r="N3945" s="5" t="s">
        <v>38</v>
      </c>
      <c r="O3945" s="5" t="s">
        <v>39</v>
      </c>
      <c r="P3945" s="5" t="s">
        <v>40</v>
      </c>
      <c r="Q3945" s="5" t="s">
        <v>1522</v>
      </c>
      <c r="R3945" s="5" t="s">
        <v>1523</v>
      </c>
      <c r="S3945" s="5" t="s">
        <v>42</v>
      </c>
      <c r="T3945" s="2">
        <v>3.4580000000000002</v>
      </c>
      <c r="U3945" s="2">
        <v>2.69</v>
      </c>
      <c r="V3945" s="2">
        <v>2.1000000000000001E-2</v>
      </c>
      <c r="W3945" s="2">
        <v>165.1</v>
      </c>
      <c r="X3945" s="2">
        <v>7.6</v>
      </c>
      <c r="Y3945" s="2">
        <v>16.7</v>
      </c>
      <c r="Z3945" s="5"/>
      <c r="AA3945" s="5" t="s">
        <v>43</v>
      </c>
      <c r="AB3945" s="5" t="s">
        <v>44</v>
      </c>
      <c r="AC3945" s="2"/>
      <c r="AD3945" s="1"/>
    </row>
    <row r="3946" spans="1:30">
      <c r="A3946" s="5" t="s">
        <v>83578</v>
      </c>
      <c r="B3946" s="2" t="s">
        <v>95440</v>
      </c>
      <c r="C3946" s="14" t="s">
        <v>95441</v>
      </c>
      <c r="D3946" s="2" t="s">
        <v>95442</v>
      </c>
      <c r="E3946" s="2" t="s">
        <v>40989</v>
      </c>
      <c r="F3946" s="8">
        <v>318</v>
      </c>
      <c r="G3946" s="5">
        <v>6</v>
      </c>
      <c r="H3946" s="5" t="s">
        <v>1518</v>
      </c>
      <c r="I3946" s="5" t="s">
        <v>40939</v>
      </c>
      <c r="J3946" s="2" t="s">
        <v>40940</v>
      </c>
      <c r="K3946" s="5" t="s">
        <v>40939</v>
      </c>
      <c r="L3946" s="2" t="s">
        <v>40940</v>
      </c>
      <c r="M3946" s="5" t="s">
        <v>36266</v>
      </c>
      <c r="N3946" s="5" t="s">
        <v>38</v>
      </c>
      <c r="O3946" s="5" t="s">
        <v>39</v>
      </c>
      <c r="P3946" s="5" t="s">
        <v>40</v>
      </c>
      <c r="Q3946" s="5" t="s">
        <v>1522</v>
      </c>
      <c r="R3946" s="5" t="s">
        <v>1523</v>
      </c>
      <c r="S3946" s="5" t="s">
        <v>42</v>
      </c>
      <c r="T3946" s="2">
        <v>3.399</v>
      </c>
      <c r="U3946" s="2">
        <v>2.6309999999999998</v>
      </c>
      <c r="V3946" s="2">
        <v>2.1000000000000001E-2</v>
      </c>
      <c r="W3946" s="2">
        <v>165.1</v>
      </c>
      <c r="X3946" s="2">
        <v>7.6</v>
      </c>
      <c r="Y3946" s="2">
        <v>16.7</v>
      </c>
      <c r="Z3946" s="5"/>
      <c r="AA3946" s="5" t="s">
        <v>43</v>
      </c>
      <c r="AB3946" s="5" t="s">
        <v>44</v>
      </c>
      <c r="AC3946" s="2"/>
      <c r="AD3946" s="1"/>
    </row>
    <row r="3947" spans="1:30">
      <c r="A3947" s="5" t="s">
        <v>83578</v>
      </c>
      <c r="B3947" s="2" t="s">
        <v>95443</v>
      </c>
      <c r="C3947" s="14" t="s">
        <v>95444</v>
      </c>
      <c r="D3947" s="2" t="s">
        <v>95445</v>
      </c>
      <c r="E3947" s="2" t="s">
        <v>40993</v>
      </c>
      <c r="F3947" s="8">
        <v>318</v>
      </c>
      <c r="G3947" s="5">
        <v>6</v>
      </c>
      <c r="H3947" s="5" t="s">
        <v>1518</v>
      </c>
      <c r="I3947" s="5" t="s">
        <v>40939</v>
      </c>
      <c r="J3947" s="2" t="s">
        <v>40940</v>
      </c>
      <c r="K3947" s="5" t="s">
        <v>40939</v>
      </c>
      <c r="L3947" s="2" t="s">
        <v>40940</v>
      </c>
      <c r="M3947" s="5" t="s">
        <v>36266</v>
      </c>
      <c r="N3947" s="5" t="s">
        <v>38</v>
      </c>
      <c r="O3947" s="5" t="s">
        <v>39</v>
      </c>
      <c r="P3947" s="5" t="s">
        <v>40</v>
      </c>
      <c r="Q3947" s="5" t="s">
        <v>1522</v>
      </c>
      <c r="R3947" s="5" t="s">
        <v>1523</v>
      </c>
      <c r="S3947" s="5" t="s">
        <v>42</v>
      </c>
      <c r="T3947" s="2">
        <v>3.516</v>
      </c>
      <c r="U3947" s="2">
        <v>2.7480000000000002</v>
      </c>
      <c r="V3947" s="2">
        <v>2.1000000000000001E-2</v>
      </c>
      <c r="W3947" s="2">
        <v>165.1</v>
      </c>
      <c r="X3947" s="2">
        <v>7.6</v>
      </c>
      <c r="Y3947" s="2">
        <v>16.7</v>
      </c>
      <c r="Z3947" s="5"/>
      <c r="AA3947" s="5" t="s">
        <v>43</v>
      </c>
      <c r="AB3947" s="5" t="s">
        <v>44</v>
      </c>
      <c r="AC3947" s="2"/>
      <c r="AD3947" s="1"/>
    </row>
    <row r="3948" spans="1:30">
      <c r="A3948" s="5" t="s">
        <v>83578</v>
      </c>
      <c r="B3948" s="2" t="s">
        <v>95446</v>
      </c>
      <c r="C3948" s="14" t="s">
        <v>95447</v>
      </c>
      <c r="D3948" s="2" t="s">
        <v>95448</v>
      </c>
      <c r="E3948" s="2" t="s">
        <v>40997</v>
      </c>
      <c r="F3948" s="8">
        <v>318</v>
      </c>
      <c r="G3948" s="5">
        <v>6</v>
      </c>
      <c r="H3948" s="5" t="s">
        <v>1518</v>
      </c>
      <c r="I3948" s="5" t="s">
        <v>40939</v>
      </c>
      <c r="J3948" s="2" t="s">
        <v>40940</v>
      </c>
      <c r="K3948" s="5" t="s">
        <v>40939</v>
      </c>
      <c r="L3948" s="2" t="s">
        <v>40940</v>
      </c>
      <c r="M3948" s="5" t="s">
        <v>36266</v>
      </c>
      <c r="N3948" s="5" t="s">
        <v>38</v>
      </c>
      <c r="O3948" s="5" t="s">
        <v>39</v>
      </c>
      <c r="P3948" s="5" t="s">
        <v>40</v>
      </c>
      <c r="Q3948" s="5" t="s">
        <v>1522</v>
      </c>
      <c r="R3948" s="5" t="s">
        <v>1523</v>
      </c>
      <c r="S3948" s="5" t="s">
        <v>42</v>
      </c>
      <c r="T3948" s="2">
        <v>3.3530000000000002</v>
      </c>
      <c r="U3948" s="2">
        <v>2.585</v>
      </c>
      <c r="V3948" s="2">
        <v>2.1000000000000001E-2</v>
      </c>
      <c r="W3948" s="2">
        <v>165.1</v>
      </c>
      <c r="X3948" s="2">
        <v>7.6</v>
      </c>
      <c r="Y3948" s="2">
        <v>16.7</v>
      </c>
      <c r="Z3948" s="5"/>
      <c r="AA3948" s="5" t="s">
        <v>43</v>
      </c>
      <c r="AB3948" s="5" t="s">
        <v>44</v>
      </c>
      <c r="AC3948" s="2"/>
      <c r="AD3948" s="1"/>
    </row>
    <row r="3949" spans="1:30">
      <c r="A3949" s="5" t="s">
        <v>83578</v>
      </c>
      <c r="B3949" s="2" t="s">
        <v>95449</v>
      </c>
      <c r="C3949" s="14" t="s">
        <v>95450</v>
      </c>
      <c r="D3949" s="2" t="s">
        <v>95451</v>
      </c>
      <c r="E3949" s="2" t="s">
        <v>41267</v>
      </c>
      <c r="F3949" s="8">
        <v>318</v>
      </c>
      <c r="G3949" s="5">
        <v>6</v>
      </c>
      <c r="H3949" s="5" t="s">
        <v>1518</v>
      </c>
      <c r="I3949" s="5" t="s">
        <v>40939</v>
      </c>
      <c r="J3949" s="2" t="s">
        <v>40940</v>
      </c>
      <c r="K3949" s="5" t="s">
        <v>40939</v>
      </c>
      <c r="L3949" s="2" t="s">
        <v>40940</v>
      </c>
      <c r="M3949" s="5" t="s">
        <v>36266</v>
      </c>
      <c r="N3949" s="5" t="s">
        <v>38</v>
      </c>
      <c r="O3949" s="5" t="s">
        <v>39</v>
      </c>
      <c r="P3949" s="5" t="s">
        <v>40</v>
      </c>
      <c r="Q3949" s="5" t="s">
        <v>1522</v>
      </c>
      <c r="R3949" s="5" t="s">
        <v>1523</v>
      </c>
      <c r="S3949" s="5" t="s">
        <v>42</v>
      </c>
      <c r="T3949" s="2">
        <v>3.47</v>
      </c>
      <c r="U3949" s="2">
        <v>2.702</v>
      </c>
      <c r="V3949" s="2">
        <v>2.1000000000000001E-2</v>
      </c>
      <c r="W3949" s="2">
        <v>165.1</v>
      </c>
      <c r="X3949" s="2">
        <v>7.6</v>
      </c>
      <c r="Y3949" s="2">
        <v>16.7</v>
      </c>
      <c r="Z3949" s="5"/>
      <c r="AA3949" s="5" t="s">
        <v>43</v>
      </c>
      <c r="AB3949" s="5" t="s">
        <v>44</v>
      </c>
      <c r="AC3949" s="2"/>
      <c r="AD3949" s="1"/>
    </row>
    <row r="3950" spans="1:30">
      <c r="A3950" s="5" t="s">
        <v>83578</v>
      </c>
      <c r="B3950" s="2" t="s">
        <v>95452</v>
      </c>
      <c r="C3950" s="14" t="s">
        <v>95453</v>
      </c>
      <c r="D3950" s="2" t="s">
        <v>95454</v>
      </c>
      <c r="E3950" s="2" t="s">
        <v>41001</v>
      </c>
      <c r="F3950" s="8">
        <v>318</v>
      </c>
      <c r="G3950" s="5">
        <v>6</v>
      </c>
      <c r="H3950" s="5" t="s">
        <v>1518</v>
      </c>
      <c r="I3950" s="5" t="s">
        <v>40939</v>
      </c>
      <c r="J3950" s="2" t="s">
        <v>40940</v>
      </c>
      <c r="K3950" s="5" t="s">
        <v>40939</v>
      </c>
      <c r="L3950" s="2" t="s">
        <v>40940</v>
      </c>
      <c r="M3950" s="5" t="s">
        <v>36266</v>
      </c>
      <c r="N3950" s="5" t="s">
        <v>38</v>
      </c>
      <c r="O3950" s="5" t="s">
        <v>39</v>
      </c>
      <c r="P3950" s="5" t="s">
        <v>40</v>
      </c>
      <c r="Q3950" s="5" t="s">
        <v>1522</v>
      </c>
      <c r="R3950" s="5" t="s">
        <v>1523</v>
      </c>
      <c r="S3950" s="5" t="s">
        <v>42</v>
      </c>
      <c r="T3950" s="2">
        <v>3.399</v>
      </c>
      <c r="U3950" s="2">
        <v>2.6309999999999998</v>
      </c>
      <c r="V3950" s="2">
        <v>2.1000000000000001E-2</v>
      </c>
      <c r="W3950" s="2">
        <v>165.1</v>
      </c>
      <c r="X3950" s="2">
        <v>7.6</v>
      </c>
      <c r="Y3950" s="2">
        <v>16.7</v>
      </c>
      <c r="Z3950" s="5"/>
      <c r="AA3950" s="5" t="s">
        <v>43</v>
      </c>
      <c r="AB3950" s="5" t="s">
        <v>44</v>
      </c>
      <c r="AC3950" s="2"/>
      <c r="AD3950" s="1"/>
    </row>
    <row r="3951" spans="1:30">
      <c r="A3951" s="5" t="s">
        <v>83578</v>
      </c>
      <c r="B3951" s="2" t="s">
        <v>95455</v>
      </c>
      <c r="C3951" s="14" t="s">
        <v>95456</v>
      </c>
      <c r="D3951" s="2" t="s">
        <v>95457</v>
      </c>
      <c r="E3951" s="2" t="s">
        <v>41005</v>
      </c>
      <c r="F3951" s="8">
        <v>318</v>
      </c>
      <c r="G3951" s="5">
        <v>6</v>
      </c>
      <c r="H3951" s="5" t="s">
        <v>1518</v>
      </c>
      <c r="I3951" s="5" t="s">
        <v>40939</v>
      </c>
      <c r="J3951" s="2" t="s">
        <v>40940</v>
      </c>
      <c r="K3951" s="5" t="s">
        <v>40939</v>
      </c>
      <c r="L3951" s="2" t="s">
        <v>40940</v>
      </c>
      <c r="M3951" s="5" t="s">
        <v>36266</v>
      </c>
      <c r="N3951" s="5" t="s">
        <v>38</v>
      </c>
      <c r="O3951" s="5" t="s">
        <v>39</v>
      </c>
      <c r="P3951" s="5" t="s">
        <v>40</v>
      </c>
      <c r="Q3951" s="5" t="s">
        <v>1522</v>
      </c>
      <c r="R3951" s="5" t="s">
        <v>1523</v>
      </c>
      <c r="S3951" s="5" t="s">
        <v>42</v>
      </c>
      <c r="T3951" s="2">
        <v>3.516</v>
      </c>
      <c r="U3951" s="2">
        <v>2.7480000000000002</v>
      </c>
      <c r="V3951" s="2">
        <v>2.1000000000000001E-2</v>
      </c>
      <c r="W3951" s="2">
        <v>165.1</v>
      </c>
      <c r="X3951" s="2">
        <v>7.6</v>
      </c>
      <c r="Y3951" s="2">
        <v>16.7</v>
      </c>
      <c r="Z3951" s="5"/>
      <c r="AA3951" s="5" t="s">
        <v>43</v>
      </c>
      <c r="AB3951" s="5" t="s">
        <v>44</v>
      </c>
      <c r="AC3951" s="2"/>
      <c r="AD3951" s="1"/>
    </row>
    <row r="3952" spans="1:30">
      <c r="A3952" s="5" t="s">
        <v>83578</v>
      </c>
      <c r="B3952" s="2" t="s">
        <v>95458</v>
      </c>
      <c r="C3952" s="14" t="s">
        <v>95459</v>
      </c>
      <c r="D3952" s="2" t="s">
        <v>95460</v>
      </c>
      <c r="E3952" s="2" t="s">
        <v>41009</v>
      </c>
      <c r="F3952" s="8">
        <v>318</v>
      </c>
      <c r="G3952" s="5">
        <v>6</v>
      </c>
      <c r="H3952" s="5" t="s">
        <v>1518</v>
      </c>
      <c r="I3952" s="5" t="s">
        <v>40939</v>
      </c>
      <c r="J3952" s="2" t="s">
        <v>40940</v>
      </c>
      <c r="K3952" s="5" t="s">
        <v>40939</v>
      </c>
      <c r="L3952" s="2" t="s">
        <v>40940</v>
      </c>
      <c r="M3952" s="5" t="s">
        <v>36266</v>
      </c>
      <c r="N3952" s="5" t="s">
        <v>38</v>
      </c>
      <c r="O3952" s="5" t="s">
        <v>39</v>
      </c>
      <c r="P3952" s="5" t="s">
        <v>40</v>
      </c>
      <c r="Q3952" s="5" t="s">
        <v>1522</v>
      </c>
      <c r="R3952" s="5" t="s">
        <v>1523</v>
      </c>
      <c r="S3952" s="5" t="s">
        <v>42</v>
      </c>
      <c r="T3952" s="2">
        <v>3.41</v>
      </c>
      <c r="U3952" s="2">
        <v>2.6419999999999999</v>
      </c>
      <c r="V3952" s="2">
        <v>2.1000000000000001E-2</v>
      </c>
      <c r="W3952" s="2">
        <v>165.1</v>
      </c>
      <c r="X3952" s="2">
        <v>7.6</v>
      </c>
      <c r="Y3952" s="2">
        <v>16.7</v>
      </c>
      <c r="Z3952" s="5"/>
      <c r="AA3952" s="5" t="s">
        <v>43</v>
      </c>
      <c r="AB3952" s="5" t="s">
        <v>44</v>
      </c>
      <c r="AC3952" s="2"/>
      <c r="AD3952" s="1"/>
    </row>
    <row r="3953" spans="1:30">
      <c r="A3953" s="5" t="s">
        <v>83578</v>
      </c>
      <c r="B3953" s="2" t="s">
        <v>95461</v>
      </c>
      <c r="C3953" s="14" t="s">
        <v>95462</v>
      </c>
      <c r="D3953" s="2" t="s">
        <v>95463</v>
      </c>
      <c r="E3953" s="2" t="s">
        <v>41013</v>
      </c>
      <c r="F3953" s="8">
        <v>318</v>
      </c>
      <c r="G3953" s="5">
        <v>6</v>
      </c>
      <c r="H3953" s="5" t="s">
        <v>1518</v>
      </c>
      <c r="I3953" s="5" t="s">
        <v>40939</v>
      </c>
      <c r="J3953" s="2" t="s">
        <v>40940</v>
      </c>
      <c r="K3953" s="5" t="s">
        <v>40939</v>
      </c>
      <c r="L3953" s="2" t="s">
        <v>40940</v>
      </c>
      <c r="M3953" s="5" t="s">
        <v>36266</v>
      </c>
      <c r="N3953" s="5" t="s">
        <v>38</v>
      </c>
      <c r="O3953" s="5" t="s">
        <v>39</v>
      </c>
      <c r="P3953" s="5" t="s">
        <v>40</v>
      </c>
      <c r="Q3953" s="5" t="s">
        <v>1522</v>
      </c>
      <c r="R3953" s="5" t="s">
        <v>1523</v>
      </c>
      <c r="S3953" s="5" t="s">
        <v>42</v>
      </c>
      <c r="T3953" s="2">
        <v>3.5270000000000001</v>
      </c>
      <c r="U3953" s="2">
        <v>2.7589999999999999</v>
      </c>
      <c r="V3953" s="2">
        <v>2.1000000000000001E-2</v>
      </c>
      <c r="W3953" s="2">
        <v>165.1</v>
      </c>
      <c r="X3953" s="2">
        <v>7.6</v>
      </c>
      <c r="Y3953" s="2">
        <v>16.7</v>
      </c>
      <c r="Z3953" s="5"/>
      <c r="AA3953" s="5" t="s">
        <v>43</v>
      </c>
      <c r="AB3953" s="5" t="s">
        <v>44</v>
      </c>
      <c r="AC3953" s="2"/>
      <c r="AD3953" s="1"/>
    </row>
    <row r="3954" spans="1:30">
      <c r="A3954" s="5" t="s">
        <v>83578</v>
      </c>
      <c r="B3954" s="2" t="s">
        <v>95464</v>
      </c>
      <c r="C3954" s="14" t="s">
        <v>95465</v>
      </c>
      <c r="D3954" s="2" t="s">
        <v>95466</v>
      </c>
      <c r="E3954" s="2" t="s">
        <v>7396</v>
      </c>
      <c r="F3954" s="8">
        <v>293</v>
      </c>
      <c r="G3954" s="5">
        <v>6</v>
      </c>
      <c r="H3954" s="5" t="s">
        <v>1518</v>
      </c>
      <c r="I3954" s="5" t="s">
        <v>40939</v>
      </c>
      <c r="J3954" s="2" t="s">
        <v>40940</v>
      </c>
      <c r="K3954" s="5" t="s">
        <v>40939</v>
      </c>
      <c r="L3954" s="2" t="s">
        <v>40940</v>
      </c>
      <c r="M3954" s="5" t="s">
        <v>36266</v>
      </c>
      <c r="N3954" s="5" t="s">
        <v>38</v>
      </c>
      <c r="O3954" s="5" t="s">
        <v>39</v>
      </c>
      <c r="P3954" s="5" t="s">
        <v>40</v>
      </c>
      <c r="Q3954" s="5" t="s">
        <v>1522</v>
      </c>
      <c r="R3954" s="5" t="s">
        <v>1523</v>
      </c>
      <c r="S3954" s="5" t="s">
        <v>42</v>
      </c>
      <c r="T3954" s="2">
        <v>3.41</v>
      </c>
      <c r="U3954" s="2">
        <v>2.6419999999999999</v>
      </c>
      <c r="V3954" s="2">
        <v>2.1000000000000001E-2</v>
      </c>
      <c r="W3954" s="2">
        <v>165.1</v>
      </c>
      <c r="X3954" s="2">
        <v>7.6</v>
      </c>
      <c r="Y3954" s="2">
        <v>16.7</v>
      </c>
      <c r="Z3954" s="5"/>
      <c r="AA3954" s="5" t="s">
        <v>43</v>
      </c>
      <c r="AB3954" s="5" t="s">
        <v>44</v>
      </c>
      <c r="AC3954" s="2"/>
      <c r="AD3954" s="1"/>
    </row>
    <row r="3955" spans="1:30">
      <c r="A3955" s="5" t="s">
        <v>83578</v>
      </c>
      <c r="B3955" s="2" t="s">
        <v>95467</v>
      </c>
      <c r="C3955" s="14" t="s">
        <v>95468</v>
      </c>
      <c r="D3955" s="2" t="s">
        <v>95469</v>
      </c>
      <c r="E3955" s="2" t="s">
        <v>7507</v>
      </c>
      <c r="F3955" s="8">
        <v>293</v>
      </c>
      <c r="G3955" s="5">
        <v>6</v>
      </c>
      <c r="H3955" s="5" t="s">
        <v>1518</v>
      </c>
      <c r="I3955" s="5" t="s">
        <v>40939</v>
      </c>
      <c r="J3955" s="2" t="s">
        <v>40940</v>
      </c>
      <c r="K3955" s="5" t="s">
        <v>40939</v>
      </c>
      <c r="L3955" s="2" t="s">
        <v>40940</v>
      </c>
      <c r="M3955" s="5" t="s">
        <v>36266</v>
      </c>
      <c r="N3955" s="5" t="s">
        <v>38</v>
      </c>
      <c r="O3955" s="5" t="s">
        <v>39</v>
      </c>
      <c r="P3955" s="5" t="s">
        <v>40</v>
      </c>
      <c r="Q3955" s="5" t="s">
        <v>1522</v>
      </c>
      <c r="R3955" s="5" t="s">
        <v>1523</v>
      </c>
      <c r="S3955" s="5" t="s">
        <v>42</v>
      </c>
      <c r="T3955" s="2">
        <v>3.5270000000000001</v>
      </c>
      <c r="U3955" s="2">
        <v>2.7589999999999999</v>
      </c>
      <c r="V3955" s="2">
        <v>2.1000000000000001E-2</v>
      </c>
      <c r="W3955" s="2">
        <v>165.1</v>
      </c>
      <c r="X3955" s="2">
        <v>7.6</v>
      </c>
      <c r="Y3955" s="2">
        <v>16.7</v>
      </c>
      <c r="Z3955" s="5"/>
      <c r="AA3955" s="5" t="s">
        <v>43</v>
      </c>
      <c r="AB3955" s="5" t="s">
        <v>44</v>
      </c>
      <c r="AC3955" s="2"/>
      <c r="AD3955" s="1"/>
    </row>
    <row r="3956" spans="1:30">
      <c r="A3956" s="5" t="s">
        <v>83578</v>
      </c>
      <c r="B3956" s="2" t="s">
        <v>95470</v>
      </c>
      <c r="C3956" s="14" t="s">
        <v>95471</v>
      </c>
      <c r="D3956" s="2" t="s">
        <v>95472</v>
      </c>
      <c r="E3956" s="2" t="s">
        <v>41023</v>
      </c>
      <c r="F3956" s="8">
        <v>318</v>
      </c>
      <c r="G3956" s="5">
        <v>6</v>
      </c>
      <c r="H3956" s="5" t="s">
        <v>1518</v>
      </c>
      <c r="I3956" s="5" t="s">
        <v>40939</v>
      </c>
      <c r="J3956" s="2" t="s">
        <v>40940</v>
      </c>
      <c r="K3956" s="5" t="s">
        <v>40939</v>
      </c>
      <c r="L3956" s="2" t="s">
        <v>40940</v>
      </c>
      <c r="M3956" s="5" t="s">
        <v>36266</v>
      </c>
      <c r="N3956" s="5" t="s">
        <v>38</v>
      </c>
      <c r="O3956" s="5" t="s">
        <v>39</v>
      </c>
      <c r="P3956" s="5" t="s">
        <v>40</v>
      </c>
      <c r="Q3956" s="5" t="s">
        <v>1522</v>
      </c>
      <c r="R3956" s="5" t="s">
        <v>1523</v>
      </c>
      <c r="S3956" s="5" t="s">
        <v>42</v>
      </c>
      <c r="T3956" s="2">
        <v>3.3530000000000002</v>
      </c>
      <c r="U3956" s="2">
        <v>2.585</v>
      </c>
      <c r="V3956" s="2">
        <v>2.1000000000000001E-2</v>
      </c>
      <c r="W3956" s="2">
        <v>165.1</v>
      </c>
      <c r="X3956" s="2">
        <v>7.6</v>
      </c>
      <c r="Y3956" s="2">
        <v>16.7</v>
      </c>
      <c r="Z3956" s="5"/>
      <c r="AA3956" s="5" t="s">
        <v>43</v>
      </c>
      <c r="AB3956" s="5" t="s">
        <v>44</v>
      </c>
      <c r="AC3956" s="2"/>
      <c r="AD3956" s="1"/>
    </row>
    <row r="3957" spans="1:30">
      <c r="A3957" s="5" t="s">
        <v>83578</v>
      </c>
      <c r="B3957" s="2" t="s">
        <v>95473</v>
      </c>
      <c r="C3957" s="14" t="s">
        <v>95474</v>
      </c>
      <c r="D3957" s="2" t="s">
        <v>95475</v>
      </c>
      <c r="E3957" s="2" t="s">
        <v>41027</v>
      </c>
      <c r="F3957" s="8">
        <v>318</v>
      </c>
      <c r="G3957" s="5">
        <v>6</v>
      </c>
      <c r="H3957" s="5" t="s">
        <v>1518</v>
      </c>
      <c r="I3957" s="5" t="s">
        <v>40939</v>
      </c>
      <c r="J3957" s="2" t="s">
        <v>40940</v>
      </c>
      <c r="K3957" s="5" t="s">
        <v>40939</v>
      </c>
      <c r="L3957" s="2" t="s">
        <v>40940</v>
      </c>
      <c r="M3957" s="5" t="s">
        <v>36266</v>
      </c>
      <c r="N3957" s="5" t="s">
        <v>38</v>
      </c>
      <c r="O3957" s="5" t="s">
        <v>39</v>
      </c>
      <c r="P3957" s="5" t="s">
        <v>40</v>
      </c>
      <c r="Q3957" s="5" t="s">
        <v>1522</v>
      </c>
      <c r="R3957" s="5" t="s">
        <v>1523</v>
      </c>
      <c r="S3957" s="5" t="s">
        <v>42</v>
      </c>
      <c r="T3957" s="2">
        <v>3.47</v>
      </c>
      <c r="U3957" s="2">
        <v>2.702</v>
      </c>
      <c r="V3957" s="2">
        <v>2.1000000000000001E-2</v>
      </c>
      <c r="W3957" s="2">
        <v>165.1</v>
      </c>
      <c r="X3957" s="2">
        <v>7.6</v>
      </c>
      <c r="Y3957" s="2">
        <v>16.7</v>
      </c>
      <c r="Z3957" s="5"/>
      <c r="AA3957" s="5" t="s">
        <v>43</v>
      </c>
      <c r="AB3957" s="5" t="s">
        <v>44</v>
      </c>
      <c r="AC3957" s="2"/>
      <c r="AD3957" s="1"/>
    </row>
    <row r="3958" spans="1:30">
      <c r="A3958" s="5" t="s">
        <v>83578</v>
      </c>
      <c r="B3958" s="2" t="s">
        <v>95476</v>
      </c>
      <c r="C3958" s="14" t="s">
        <v>95477</v>
      </c>
      <c r="D3958" s="2" t="s">
        <v>95478</v>
      </c>
      <c r="E3958" s="2" t="s">
        <v>41031</v>
      </c>
      <c r="F3958" s="8">
        <v>318</v>
      </c>
      <c r="G3958" s="5">
        <v>6</v>
      </c>
      <c r="H3958" s="5" t="s">
        <v>1518</v>
      </c>
      <c r="I3958" s="5" t="s">
        <v>40939</v>
      </c>
      <c r="J3958" s="2" t="s">
        <v>40940</v>
      </c>
      <c r="K3958" s="5" t="s">
        <v>40939</v>
      </c>
      <c r="L3958" s="2" t="s">
        <v>40940</v>
      </c>
      <c r="M3958" s="5" t="s">
        <v>36266</v>
      </c>
      <c r="N3958" s="5" t="s">
        <v>38</v>
      </c>
      <c r="O3958" s="5" t="s">
        <v>39</v>
      </c>
      <c r="P3958" s="5" t="s">
        <v>40</v>
      </c>
      <c r="Q3958" s="5" t="s">
        <v>1522</v>
      </c>
      <c r="R3958" s="5" t="s">
        <v>1523</v>
      </c>
      <c r="S3958" s="5" t="s">
        <v>42</v>
      </c>
      <c r="T3958" s="2">
        <v>3.3530000000000002</v>
      </c>
      <c r="U3958" s="2">
        <v>2.585</v>
      </c>
      <c r="V3958" s="2">
        <v>2.1000000000000001E-2</v>
      </c>
      <c r="W3958" s="2">
        <v>165.1</v>
      </c>
      <c r="X3958" s="2">
        <v>7.6</v>
      </c>
      <c r="Y3958" s="2">
        <v>16.7</v>
      </c>
      <c r="Z3958" s="5"/>
      <c r="AA3958" s="5" t="s">
        <v>43</v>
      </c>
      <c r="AB3958" s="5" t="s">
        <v>44</v>
      </c>
      <c r="AC3958" s="2"/>
      <c r="AD3958" s="1"/>
    </row>
    <row r="3959" spans="1:30">
      <c r="A3959" s="5" t="s">
        <v>83578</v>
      </c>
      <c r="B3959" s="2" t="s">
        <v>95479</v>
      </c>
      <c r="C3959" s="14" t="s">
        <v>95480</v>
      </c>
      <c r="D3959" s="2" t="s">
        <v>95481</v>
      </c>
      <c r="E3959" s="2" t="s">
        <v>41035</v>
      </c>
      <c r="F3959" s="8">
        <v>318</v>
      </c>
      <c r="G3959" s="5">
        <v>6</v>
      </c>
      <c r="H3959" s="5" t="s">
        <v>1518</v>
      </c>
      <c r="I3959" s="5" t="s">
        <v>40939</v>
      </c>
      <c r="J3959" s="2" t="s">
        <v>40940</v>
      </c>
      <c r="K3959" s="5" t="s">
        <v>40939</v>
      </c>
      <c r="L3959" s="2" t="s">
        <v>40940</v>
      </c>
      <c r="M3959" s="5" t="s">
        <v>36266</v>
      </c>
      <c r="N3959" s="5" t="s">
        <v>38</v>
      </c>
      <c r="O3959" s="5" t="s">
        <v>39</v>
      </c>
      <c r="P3959" s="5" t="s">
        <v>40</v>
      </c>
      <c r="Q3959" s="5" t="s">
        <v>1522</v>
      </c>
      <c r="R3959" s="5" t="s">
        <v>1523</v>
      </c>
      <c r="S3959" s="5" t="s">
        <v>42</v>
      </c>
      <c r="T3959" s="2">
        <v>3.47</v>
      </c>
      <c r="U3959" s="2">
        <v>2.702</v>
      </c>
      <c r="V3959" s="2">
        <v>2.1000000000000001E-2</v>
      </c>
      <c r="W3959" s="2">
        <v>165.1</v>
      </c>
      <c r="X3959" s="2">
        <v>7.6</v>
      </c>
      <c r="Y3959" s="2">
        <v>16.7</v>
      </c>
      <c r="Z3959" s="5"/>
      <c r="AA3959" s="5" t="s">
        <v>43</v>
      </c>
      <c r="AB3959" s="5" t="s">
        <v>44</v>
      </c>
      <c r="AC3959" s="2"/>
      <c r="AD3959" s="1"/>
    </row>
    <row r="3960" spans="1:30">
      <c r="A3960" s="5" t="s">
        <v>83578</v>
      </c>
      <c r="B3960" s="2" t="s">
        <v>95482</v>
      </c>
      <c r="C3960" s="14" t="s">
        <v>95483</v>
      </c>
      <c r="D3960" s="2" t="s">
        <v>95484</v>
      </c>
      <c r="E3960" s="2" t="s">
        <v>7449</v>
      </c>
      <c r="F3960" s="8">
        <v>318</v>
      </c>
      <c r="G3960" s="5">
        <v>6</v>
      </c>
      <c r="H3960" s="5" t="s">
        <v>1518</v>
      </c>
      <c r="I3960" s="5" t="s">
        <v>40939</v>
      </c>
      <c r="J3960" s="2" t="s">
        <v>40940</v>
      </c>
      <c r="K3960" s="5" t="s">
        <v>40939</v>
      </c>
      <c r="L3960" s="2" t="s">
        <v>40940</v>
      </c>
      <c r="M3960" s="5" t="s">
        <v>36266</v>
      </c>
      <c r="N3960" s="5" t="s">
        <v>38</v>
      </c>
      <c r="O3960" s="5" t="s">
        <v>39</v>
      </c>
      <c r="P3960" s="5" t="s">
        <v>40</v>
      </c>
      <c r="Q3960" s="5" t="s">
        <v>1522</v>
      </c>
      <c r="R3960" s="5" t="s">
        <v>1523</v>
      </c>
      <c r="S3960" s="5" t="s">
        <v>42</v>
      </c>
      <c r="T3960" s="2">
        <v>3.3530000000000002</v>
      </c>
      <c r="U3960" s="2">
        <v>2.585</v>
      </c>
      <c r="V3960" s="2">
        <v>2.1000000000000001E-2</v>
      </c>
      <c r="W3960" s="2">
        <v>165.1</v>
      </c>
      <c r="X3960" s="2">
        <v>7.6</v>
      </c>
      <c r="Y3960" s="2">
        <v>16.7</v>
      </c>
      <c r="Z3960" s="5"/>
      <c r="AA3960" s="5" t="s">
        <v>43</v>
      </c>
      <c r="AB3960" s="5" t="s">
        <v>44</v>
      </c>
      <c r="AC3960" s="2"/>
      <c r="AD3960" s="1"/>
    </row>
    <row r="3961" spans="1:30">
      <c r="A3961" s="5" t="s">
        <v>83578</v>
      </c>
      <c r="B3961" s="2" t="s">
        <v>95485</v>
      </c>
      <c r="C3961" s="14" t="s">
        <v>95486</v>
      </c>
      <c r="D3961" s="2" t="s">
        <v>95487</v>
      </c>
      <c r="E3961" s="2" t="s">
        <v>41045</v>
      </c>
      <c r="F3961" s="8">
        <v>318</v>
      </c>
      <c r="G3961" s="5">
        <v>6</v>
      </c>
      <c r="H3961" s="5" t="s">
        <v>1518</v>
      </c>
      <c r="I3961" s="5" t="s">
        <v>40939</v>
      </c>
      <c r="J3961" s="2" t="s">
        <v>40940</v>
      </c>
      <c r="K3961" s="5" t="s">
        <v>40939</v>
      </c>
      <c r="L3961" s="2" t="s">
        <v>40940</v>
      </c>
      <c r="M3961" s="5" t="s">
        <v>36266</v>
      </c>
      <c r="N3961" s="5" t="s">
        <v>38</v>
      </c>
      <c r="O3961" s="5" t="s">
        <v>39</v>
      </c>
      <c r="P3961" s="5" t="s">
        <v>40</v>
      </c>
      <c r="Q3961" s="5" t="s">
        <v>1522</v>
      </c>
      <c r="R3961" s="5" t="s">
        <v>1523</v>
      </c>
      <c r="S3961" s="5" t="s">
        <v>42</v>
      </c>
      <c r="T3961" s="2">
        <v>3.4220000000000002</v>
      </c>
      <c r="U3961" s="2">
        <v>2.6539999999999999</v>
      </c>
      <c r="V3961" s="2">
        <v>2.1000000000000001E-2</v>
      </c>
      <c r="W3961" s="2">
        <v>165.1</v>
      </c>
      <c r="X3961" s="2">
        <v>7.6</v>
      </c>
      <c r="Y3961" s="2">
        <v>16.7</v>
      </c>
      <c r="Z3961" s="5"/>
      <c r="AA3961" s="5" t="s">
        <v>43</v>
      </c>
      <c r="AB3961" s="5" t="s">
        <v>44</v>
      </c>
      <c r="AC3961" s="2"/>
      <c r="AD3961" s="1"/>
    </row>
    <row r="3962" spans="1:30">
      <c r="A3962" s="5" t="s">
        <v>83578</v>
      </c>
      <c r="B3962" s="2" t="s">
        <v>95488</v>
      </c>
      <c r="C3962" s="14" t="s">
        <v>95489</v>
      </c>
      <c r="D3962" s="2" t="s">
        <v>95490</v>
      </c>
      <c r="E3962" s="2" t="s">
        <v>41049</v>
      </c>
      <c r="F3962" s="8">
        <v>318</v>
      </c>
      <c r="G3962" s="5">
        <v>6</v>
      </c>
      <c r="H3962" s="5" t="s">
        <v>1518</v>
      </c>
      <c r="I3962" s="5" t="s">
        <v>40939</v>
      </c>
      <c r="J3962" s="2" t="s">
        <v>40940</v>
      </c>
      <c r="K3962" s="5" t="s">
        <v>40939</v>
      </c>
      <c r="L3962" s="2" t="s">
        <v>40940</v>
      </c>
      <c r="M3962" s="5" t="s">
        <v>36266</v>
      </c>
      <c r="N3962" s="5" t="s">
        <v>38</v>
      </c>
      <c r="O3962" s="5" t="s">
        <v>39</v>
      </c>
      <c r="P3962" s="5" t="s">
        <v>40</v>
      </c>
      <c r="Q3962" s="5" t="s">
        <v>1522</v>
      </c>
      <c r="R3962" s="5" t="s">
        <v>1523</v>
      </c>
      <c r="S3962" s="5" t="s">
        <v>42</v>
      </c>
      <c r="T3962" s="2">
        <v>3.5390000000000001</v>
      </c>
      <c r="U3962" s="2">
        <v>2.7709999999999999</v>
      </c>
      <c r="V3962" s="2">
        <v>2.1000000000000001E-2</v>
      </c>
      <c r="W3962" s="2">
        <v>165.1</v>
      </c>
      <c r="X3962" s="2">
        <v>7.6</v>
      </c>
      <c r="Y3962" s="2">
        <v>16.7</v>
      </c>
      <c r="Z3962" s="5"/>
      <c r="AA3962" s="5" t="s">
        <v>43</v>
      </c>
      <c r="AB3962" s="5" t="s">
        <v>44</v>
      </c>
      <c r="AC3962" s="2"/>
      <c r="AD3962" s="1"/>
    </row>
    <row r="3963" spans="1:30">
      <c r="A3963" s="5" t="s">
        <v>83578</v>
      </c>
      <c r="B3963" s="2" t="s">
        <v>95491</v>
      </c>
      <c r="C3963" s="14" t="s">
        <v>95492</v>
      </c>
      <c r="D3963" s="2" t="s">
        <v>95493</v>
      </c>
      <c r="E3963" s="2" t="s">
        <v>7514</v>
      </c>
      <c r="F3963" s="8">
        <v>278</v>
      </c>
      <c r="G3963" s="5">
        <v>6</v>
      </c>
      <c r="H3963" s="5" t="s">
        <v>1518</v>
      </c>
      <c r="I3963" s="5" t="s">
        <v>40939</v>
      </c>
      <c r="J3963" s="2" t="s">
        <v>40940</v>
      </c>
      <c r="K3963" s="5" t="s">
        <v>40939</v>
      </c>
      <c r="L3963" s="2" t="s">
        <v>40940</v>
      </c>
      <c r="M3963" s="5" t="s">
        <v>36266</v>
      </c>
      <c r="N3963" s="5" t="s">
        <v>38</v>
      </c>
      <c r="O3963" s="5" t="s">
        <v>39</v>
      </c>
      <c r="P3963" s="5" t="s">
        <v>40</v>
      </c>
      <c r="Q3963" s="5" t="s">
        <v>1522</v>
      </c>
      <c r="R3963" s="5" t="s">
        <v>1523</v>
      </c>
      <c r="S3963" s="5" t="s">
        <v>42</v>
      </c>
      <c r="T3963" s="2">
        <v>2.8050000000000002</v>
      </c>
      <c r="U3963" s="2">
        <v>2.27</v>
      </c>
      <c r="V3963" s="2">
        <v>1.4999999999999999E-2</v>
      </c>
      <c r="W3963" s="2">
        <v>118.9</v>
      </c>
      <c r="X3963" s="2">
        <v>7.6</v>
      </c>
      <c r="Y3963" s="2">
        <v>16.7</v>
      </c>
      <c r="Z3963" s="5"/>
      <c r="AA3963" s="5" t="s">
        <v>43</v>
      </c>
      <c r="AB3963" s="5" t="s">
        <v>44</v>
      </c>
      <c r="AC3963" s="2"/>
      <c r="AD3963" s="1"/>
    </row>
    <row r="3964" spans="1:30">
      <c r="A3964" s="5" t="s">
        <v>83578</v>
      </c>
      <c r="B3964" s="2" t="s">
        <v>95494</v>
      </c>
      <c r="C3964" s="14" t="s">
        <v>95495</v>
      </c>
      <c r="D3964" s="2" t="s">
        <v>95496</v>
      </c>
      <c r="E3964" s="2" t="s">
        <v>47266</v>
      </c>
      <c r="F3964" s="8">
        <v>300</v>
      </c>
      <c r="G3964" s="5">
        <v>6</v>
      </c>
      <c r="H3964" s="5" t="s">
        <v>1518</v>
      </c>
      <c r="I3964" s="5" t="s">
        <v>40939</v>
      </c>
      <c r="J3964" s="2" t="s">
        <v>40940</v>
      </c>
      <c r="K3964" s="5" t="s">
        <v>40939</v>
      </c>
      <c r="L3964" s="2" t="s">
        <v>40940</v>
      </c>
      <c r="M3964" s="5" t="s">
        <v>36266</v>
      </c>
      <c r="N3964" s="5" t="s">
        <v>38</v>
      </c>
      <c r="O3964" s="5" t="s">
        <v>39</v>
      </c>
      <c r="P3964" s="5" t="s">
        <v>40</v>
      </c>
      <c r="Q3964" s="5" t="s">
        <v>1522</v>
      </c>
      <c r="R3964" s="5" t="s">
        <v>1523</v>
      </c>
      <c r="S3964" s="5" t="s">
        <v>42</v>
      </c>
      <c r="T3964" s="2">
        <v>2.746</v>
      </c>
      <c r="U3964" s="2">
        <v>2.2109999999999999</v>
      </c>
      <c r="V3964" s="2">
        <v>1.4999999999999999E-2</v>
      </c>
      <c r="W3964" s="2">
        <v>118.9</v>
      </c>
      <c r="X3964" s="2">
        <v>7.6</v>
      </c>
      <c r="Y3964" s="2">
        <v>16.7</v>
      </c>
      <c r="Z3964" s="5"/>
      <c r="AA3964" s="5" t="s">
        <v>43</v>
      </c>
      <c r="AB3964" s="5" t="s">
        <v>44</v>
      </c>
      <c r="AC3964" s="2"/>
      <c r="AD3964" s="1"/>
    </row>
    <row r="3965" spans="1:30">
      <c r="A3965" s="5" t="s">
        <v>83578</v>
      </c>
      <c r="B3965" s="2" t="s">
        <v>95497</v>
      </c>
      <c r="C3965" s="14" t="s">
        <v>95498</v>
      </c>
      <c r="D3965" s="2" t="s">
        <v>95499</v>
      </c>
      <c r="E3965" s="2" t="s">
        <v>47195</v>
      </c>
      <c r="F3965" s="8">
        <v>300</v>
      </c>
      <c r="G3965" s="5">
        <v>6</v>
      </c>
      <c r="H3965" s="5" t="s">
        <v>1518</v>
      </c>
      <c r="I3965" s="5" t="s">
        <v>40939</v>
      </c>
      <c r="J3965" s="2" t="s">
        <v>40940</v>
      </c>
      <c r="K3965" s="5" t="s">
        <v>40939</v>
      </c>
      <c r="L3965" s="2" t="s">
        <v>40940</v>
      </c>
      <c r="M3965" s="5" t="s">
        <v>36266</v>
      </c>
      <c r="N3965" s="5" t="s">
        <v>38</v>
      </c>
      <c r="O3965" s="5" t="s">
        <v>39</v>
      </c>
      <c r="P3965" s="5" t="s">
        <v>40</v>
      </c>
      <c r="Q3965" s="5" t="s">
        <v>1522</v>
      </c>
      <c r="R3965" s="5" t="s">
        <v>1523</v>
      </c>
      <c r="S3965" s="5" t="s">
        <v>42</v>
      </c>
      <c r="T3965" s="2">
        <v>2.8210000000000002</v>
      </c>
      <c r="U3965" s="2">
        <v>2.286</v>
      </c>
      <c r="V3965" s="2">
        <v>1.4999999999999999E-2</v>
      </c>
      <c r="W3965" s="2">
        <v>118.9</v>
      </c>
      <c r="X3965" s="2">
        <v>7.6</v>
      </c>
      <c r="Y3965" s="2">
        <v>16.7</v>
      </c>
      <c r="Z3965" s="5"/>
      <c r="AA3965" s="5" t="s">
        <v>43</v>
      </c>
      <c r="AB3965" s="5" t="s">
        <v>44</v>
      </c>
      <c r="AC3965" s="2"/>
      <c r="AD3965" s="1"/>
    </row>
    <row r="3966" spans="1:30">
      <c r="A3966" s="5" t="s">
        <v>83578</v>
      </c>
      <c r="B3966" s="2" t="s">
        <v>95500</v>
      </c>
      <c r="C3966" s="14" t="s">
        <v>95501</v>
      </c>
      <c r="D3966" s="2" t="s">
        <v>95502</v>
      </c>
      <c r="E3966" s="2" t="s">
        <v>7521</v>
      </c>
      <c r="F3966" s="8">
        <v>278</v>
      </c>
      <c r="G3966" s="5">
        <v>6</v>
      </c>
      <c r="H3966" s="5" t="s">
        <v>1518</v>
      </c>
      <c r="I3966" s="5" t="s">
        <v>40939</v>
      </c>
      <c r="J3966" s="2" t="s">
        <v>40940</v>
      </c>
      <c r="K3966" s="5" t="s">
        <v>40939</v>
      </c>
      <c r="L3966" s="2" t="s">
        <v>40940</v>
      </c>
      <c r="M3966" s="5" t="s">
        <v>36266</v>
      </c>
      <c r="N3966" s="5" t="s">
        <v>38</v>
      </c>
      <c r="O3966" s="5" t="s">
        <v>39</v>
      </c>
      <c r="P3966" s="5" t="s">
        <v>40</v>
      </c>
      <c r="Q3966" s="5" t="s">
        <v>1522</v>
      </c>
      <c r="R3966" s="5" t="s">
        <v>1523</v>
      </c>
      <c r="S3966" s="5" t="s">
        <v>42</v>
      </c>
      <c r="T3966" s="2">
        <v>2.8290000000000002</v>
      </c>
      <c r="U3966" s="2">
        <v>2.294</v>
      </c>
      <c r="V3966" s="2">
        <v>1.4999999999999999E-2</v>
      </c>
      <c r="W3966" s="2">
        <v>118.9</v>
      </c>
      <c r="X3966" s="2">
        <v>7.6</v>
      </c>
      <c r="Y3966" s="2">
        <v>16.7</v>
      </c>
      <c r="Z3966" s="5"/>
      <c r="AA3966" s="5" t="s">
        <v>43</v>
      </c>
      <c r="AB3966" s="5" t="s">
        <v>44</v>
      </c>
      <c r="AC3966" s="2"/>
      <c r="AD3966" s="1"/>
    </row>
    <row r="3967" spans="1:30">
      <c r="A3967" s="5" t="s">
        <v>83578</v>
      </c>
      <c r="B3967" s="2" t="s">
        <v>95503</v>
      </c>
      <c r="C3967" s="14" t="s">
        <v>95504</v>
      </c>
      <c r="D3967" s="2" t="s">
        <v>95505</v>
      </c>
      <c r="E3967" s="2" t="s">
        <v>36273</v>
      </c>
      <c r="F3967" s="8">
        <v>278</v>
      </c>
      <c r="G3967" s="5">
        <v>6</v>
      </c>
      <c r="H3967" s="5" t="s">
        <v>1518</v>
      </c>
      <c r="I3967" s="5" t="s">
        <v>40939</v>
      </c>
      <c r="J3967" s="2" t="s">
        <v>40940</v>
      </c>
      <c r="K3967" s="5" t="s">
        <v>40939</v>
      </c>
      <c r="L3967" s="2" t="s">
        <v>40940</v>
      </c>
      <c r="M3967" s="5" t="s">
        <v>36266</v>
      </c>
      <c r="N3967" s="5" t="s">
        <v>38</v>
      </c>
      <c r="O3967" s="5" t="s">
        <v>39</v>
      </c>
      <c r="P3967" s="5" t="s">
        <v>40</v>
      </c>
      <c r="Q3967" s="5" t="s">
        <v>1522</v>
      </c>
      <c r="R3967" s="5" t="s">
        <v>1523</v>
      </c>
      <c r="S3967" s="5" t="s">
        <v>42</v>
      </c>
      <c r="T3967" s="2">
        <v>2.7690000000000001</v>
      </c>
      <c r="U3967" s="2">
        <v>2.234</v>
      </c>
      <c r="V3967" s="2">
        <v>1.4999999999999999E-2</v>
      </c>
      <c r="W3967" s="2">
        <v>118.9</v>
      </c>
      <c r="X3967" s="2">
        <v>7.6</v>
      </c>
      <c r="Y3967" s="2">
        <v>16.7</v>
      </c>
      <c r="Z3967" s="5"/>
      <c r="AA3967" s="5" t="s">
        <v>43</v>
      </c>
      <c r="AB3967" s="5" t="s">
        <v>44</v>
      </c>
      <c r="AC3967" s="2"/>
      <c r="AD3967" s="1"/>
    </row>
    <row r="3968" spans="1:30">
      <c r="A3968" s="5" t="s">
        <v>83578</v>
      </c>
      <c r="B3968" s="2" t="s">
        <v>95506</v>
      </c>
      <c r="C3968" s="14" t="s">
        <v>95507</v>
      </c>
      <c r="D3968" s="2" t="s">
        <v>95508</v>
      </c>
      <c r="E3968" s="2" t="s">
        <v>36277</v>
      </c>
      <c r="F3968" s="8">
        <v>278</v>
      </c>
      <c r="G3968" s="5">
        <v>6</v>
      </c>
      <c r="H3968" s="5" t="s">
        <v>1518</v>
      </c>
      <c r="I3968" s="5" t="s">
        <v>40939</v>
      </c>
      <c r="J3968" s="2" t="s">
        <v>40940</v>
      </c>
      <c r="K3968" s="5" t="s">
        <v>40939</v>
      </c>
      <c r="L3968" s="2" t="s">
        <v>40940</v>
      </c>
      <c r="M3968" s="5" t="s">
        <v>36266</v>
      </c>
      <c r="N3968" s="5" t="s">
        <v>38</v>
      </c>
      <c r="O3968" s="5" t="s">
        <v>39</v>
      </c>
      <c r="P3968" s="5" t="s">
        <v>40</v>
      </c>
      <c r="Q3968" s="5" t="s">
        <v>1522</v>
      </c>
      <c r="R3968" s="5" t="s">
        <v>1523</v>
      </c>
      <c r="S3968" s="5" t="s">
        <v>42</v>
      </c>
      <c r="T3968" s="2">
        <v>2.8439999999999999</v>
      </c>
      <c r="U3968" s="2">
        <v>2.3090000000000002</v>
      </c>
      <c r="V3968" s="2">
        <v>1.4999999999999999E-2</v>
      </c>
      <c r="W3968" s="2">
        <v>118.9</v>
      </c>
      <c r="X3968" s="2">
        <v>7.6</v>
      </c>
      <c r="Y3968" s="2">
        <v>16.7</v>
      </c>
      <c r="Z3968" s="5"/>
      <c r="AA3968" s="5" t="s">
        <v>43</v>
      </c>
      <c r="AB3968" s="5" t="s">
        <v>44</v>
      </c>
      <c r="AC3968" s="2"/>
      <c r="AD3968" s="1"/>
    </row>
    <row r="3969" spans="1:30">
      <c r="A3969" s="5" t="s">
        <v>83578</v>
      </c>
      <c r="B3969" s="2" t="s">
        <v>95509</v>
      </c>
      <c r="C3969" s="14" t="s">
        <v>95510</v>
      </c>
      <c r="D3969" s="2" t="s">
        <v>95511</v>
      </c>
      <c r="E3969" s="2" t="s">
        <v>40967</v>
      </c>
      <c r="F3969" s="8">
        <v>300</v>
      </c>
      <c r="G3969" s="5">
        <v>6</v>
      </c>
      <c r="H3969" s="5" t="s">
        <v>1518</v>
      </c>
      <c r="I3969" s="5" t="s">
        <v>40939</v>
      </c>
      <c r="J3969" s="2" t="s">
        <v>40940</v>
      </c>
      <c r="K3969" s="5" t="s">
        <v>40939</v>
      </c>
      <c r="L3969" s="2" t="s">
        <v>40940</v>
      </c>
      <c r="M3969" s="5" t="s">
        <v>36266</v>
      </c>
      <c r="N3969" s="5" t="s">
        <v>38</v>
      </c>
      <c r="O3969" s="5" t="s">
        <v>39</v>
      </c>
      <c r="P3969" s="5" t="s">
        <v>40</v>
      </c>
      <c r="Q3969" s="5" t="s">
        <v>1522</v>
      </c>
      <c r="R3969" s="5" t="s">
        <v>1523</v>
      </c>
      <c r="S3969" s="5" t="s">
        <v>42</v>
      </c>
      <c r="T3969" s="2">
        <v>2.754</v>
      </c>
      <c r="U3969" s="2">
        <v>2.2189999999999999</v>
      </c>
      <c r="V3969" s="2">
        <v>1.4999999999999999E-2</v>
      </c>
      <c r="W3969" s="2">
        <v>118.9</v>
      </c>
      <c r="X3969" s="2">
        <v>7.6</v>
      </c>
      <c r="Y3969" s="2">
        <v>16.7</v>
      </c>
      <c r="Z3969" s="5"/>
      <c r="AA3969" s="5" t="s">
        <v>43</v>
      </c>
      <c r="AB3969" s="5" t="s">
        <v>44</v>
      </c>
      <c r="AC3969" s="2"/>
      <c r="AD3969" s="1"/>
    </row>
    <row r="3970" spans="1:30">
      <c r="A3970" s="5" t="s">
        <v>83578</v>
      </c>
      <c r="B3970" s="2" t="s">
        <v>95512</v>
      </c>
      <c r="C3970" s="14" t="s">
        <v>95513</v>
      </c>
      <c r="D3970" s="2" t="s">
        <v>95514</v>
      </c>
      <c r="E3970" s="2" t="s">
        <v>40971</v>
      </c>
      <c r="F3970" s="8">
        <v>300</v>
      </c>
      <c r="G3970" s="5">
        <v>6</v>
      </c>
      <c r="H3970" s="5" t="s">
        <v>1518</v>
      </c>
      <c r="I3970" s="5" t="s">
        <v>40939</v>
      </c>
      <c r="J3970" s="2" t="s">
        <v>40940</v>
      </c>
      <c r="K3970" s="5" t="s">
        <v>40939</v>
      </c>
      <c r="L3970" s="2" t="s">
        <v>40940</v>
      </c>
      <c r="M3970" s="5" t="s">
        <v>36266</v>
      </c>
      <c r="N3970" s="5" t="s">
        <v>38</v>
      </c>
      <c r="O3970" s="5" t="s">
        <v>39</v>
      </c>
      <c r="P3970" s="5" t="s">
        <v>40</v>
      </c>
      <c r="Q3970" s="5" t="s">
        <v>1522</v>
      </c>
      <c r="R3970" s="5" t="s">
        <v>1523</v>
      </c>
      <c r="S3970" s="5" t="s">
        <v>42</v>
      </c>
      <c r="T3970" s="2">
        <v>2.8290000000000002</v>
      </c>
      <c r="U3970" s="2">
        <v>2.294</v>
      </c>
      <c r="V3970" s="2">
        <v>1.4999999999999999E-2</v>
      </c>
      <c r="W3970" s="2">
        <v>118.9</v>
      </c>
      <c r="X3970" s="2">
        <v>7.6</v>
      </c>
      <c r="Y3970" s="2">
        <v>16.7</v>
      </c>
      <c r="Z3970" s="5"/>
      <c r="AA3970" s="5" t="s">
        <v>43</v>
      </c>
      <c r="AB3970" s="5" t="s">
        <v>44</v>
      </c>
      <c r="AC3970" s="2"/>
      <c r="AD3970" s="1"/>
    </row>
    <row r="3971" spans="1:30">
      <c r="A3971" s="5" t="s">
        <v>83578</v>
      </c>
      <c r="B3971" s="2" t="s">
        <v>95515</v>
      </c>
      <c r="C3971" s="14" t="s">
        <v>95516</v>
      </c>
      <c r="D3971" s="2" t="s">
        <v>95517</v>
      </c>
      <c r="E3971" s="2" t="s">
        <v>47226</v>
      </c>
      <c r="F3971" s="8">
        <v>300</v>
      </c>
      <c r="G3971" s="5">
        <v>6</v>
      </c>
      <c r="H3971" s="5" t="s">
        <v>1518</v>
      </c>
      <c r="I3971" s="5" t="s">
        <v>40939</v>
      </c>
      <c r="J3971" s="2" t="s">
        <v>40940</v>
      </c>
      <c r="K3971" s="5" t="s">
        <v>40939</v>
      </c>
      <c r="L3971" s="2" t="s">
        <v>40940</v>
      </c>
      <c r="M3971" s="5" t="s">
        <v>36266</v>
      </c>
      <c r="N3971" s="5" t="s">
        <v>38</v>
      </c>
      <c r="O3971" s="5" t="s">
        <v>39</v>
      </c>
      <c r="P3971" s="5" t="s">
        <v>40</v>
      </c>
      <c r="Q3971" s="5" t="s">
        <v>1522</v>
      </c>
      <c r="R3971" s="5" t="s">
        <v>1523</v>
      </c>
      <c r="S3971" s="5" t="s">
        <v>42</v>
      </c>
      <c r="T3971" s="2">
        <v>2.754</v>
      </c>
      <c r="U3971" s="2">
        <v>2.2189999999999999</v>
      </c>
      <c r="V3971" s="2">
        <v>1.4999999999999999E-2</v>
      </c>
      <c r="W3971" s="2">
        <v>118.9</v>
      </c>
      <c r="X3971" s="2">
        <v>7.6</v>
      </c>
      <c r="Y3971" s="2">
        <v>16.7</v>
      </c>
      <c r="Z3971" s="5"/>
      <c r="AA3971" s="5" t="s">
        <v>43</v>
      </c>
      <c r="AB3971" s="5" t="s">
        <v>44</v>
      </c>
      <c r="AC3971" s="2"/>
      <c r="AD3971" s="1"/>
    </row>
    <row r="3972" spans="1:30">
      <c r="A3972" s="5" t="s">
        <v>83578</v>
      </c>
      <c r="B3972" s="2" t="s">
        <v>95518</v>
      </c>
      <c r="C3972" s="14" t="s">
        <v>95519</v>
      </c>
      <c r="D3972" s="2" t="s">
        <v>95520</v>
      </c>
      <c r="E3972" s="2" t="s">
        <v>47735</v>
      </c>
      <c r="F3972" s="8">
        <v>300</v>
      </c>
      <c r="G3972" s="5">
        <v>6</v>
      </c>
      <c r="H3972" s="5" t="s">
        <v>1518</v>
      </c>
      <c r="I3972" s="5" t="s">
        <v>40939</v>
      </c>
      <c r="J3972" s="2" t="s">
        <v>40940</v>
      </c>
      <c r="K3972" s="5" t="s">
        <v>40939</v>
      </c>
      <c r="L3972" s="2" t="s">
        <v>40940</v>
      </c>
      <c r="M3972" s="5" t="s">
        <v>36266</v>
      </c>
      <c r="N3972" s="5" t="s">
        <v>38</v>
      </c>
      <c r="O3972" s="5" t="s">
        <v>39</v>
      </c>
      <c r="P3972" s="5" t="s">
        <v>40</v>
      </c>
      <c r="Q3972" s="5" t="s">
        <v>1522</v>
      </c>
      <c r="R3972" s="5" t="s">
        <v>1523</v>
      </c>
      <c r="S3972" s="5" t="s">
        <v>42</v>
      </c>
      <c r="T3972" s="2">
        <v>2.8290000000000002</v>
      </c>
      <c r="U3972" s="2">
        <v>2.294</v>
      </c>
      <c r="V3972" s="2">
        <v>1.4999999999999999E-2</v>
      </c>
      <c r="W3972" s="2">
        <v>118.9</v>
      </c>
      <c r="X3972" s="2">
        <v>7.6</v>
      </c>
      <c r="Y3972" s="2">
        <v>16.7</v>
      </c>
      <c r="Z3972" s="5"/>
      <c r="AA3972" s="5" t="s">
        <v>43</v>
      </c>
      <c r="AB3972" s="5" t="s">
        <v>44</v>
      </c>
      <c r="AC3972" s="2"/>
      <c r="AD3972" s="1"/>
    </row>
    <row r="3973" spans="1:30">
      <c r="A3973" s="5" t="s">
        <v>83578</v>
      </c>
      <c r="B3973" s="2" t="s">
        <v>95521</v>
      </c>
      <c r="C3973" s="14" t="s">
        <v>95522</v>
      </c>
      <c r="D3973" s="2" t="s">
        <v>95523</v>
      </c>
      <c r="E3973" s="2" t="s">
        <v>7539</v>
      </c>
      <c r="F3973" s="8">
        <v>300</v>
      </c>
      <c r="G3973" s="5">
        <v>6</v>
      </c>
      <c r="H3973" s="5" t="s">
        <v>1518</v>
      </c>
      <c r="I3973" s="5" t="s">
        <v>40939</v>
      </c>
      <c r="J3973" s="2" t="s">
        <v>40940</v>
      </c>
      <c r="K3973" s="5" t="s">
        <v>40939</v>
      </c>
      <c r="L3973" s="2" t="s">
        <v>40940</v>
      </c>
      <c r="M3973" s="5" t="s">
        <v>36266</v>
      </c>
      <c r="N3973" s="5" t="s">
        <v>38</v>
      </c>
      <c r="O3973" s="5" t="s">
        <v>39</v>
      </c>
      <c r="P3973" s="5" t="s">
        <v>40</v>
      </c>
      <c r="Q3973" s="5" t="s">
        <v>1522</v>
      </c>
      <c r="R3973" s="5" t="s">
        <v>1523</v>
      </c>
      <c r="S3973" s="5" t="s">
        <v>42</v>
      </c>
      <c r="T3973" s="2">
        <v>2.7149999999999999</v>
      </c>
      <c r="U3973" s="2">
        <v>2.1800000000000002</v>
      </c>
      <c r="V3973" s="2">
        <v>1.4999999999999999E-2</v>
      </c>
      <c r="W3973" s="2">
        <v>118.9</v>
      </c>
      <c r="X3973" s="2">
        <v>7.6</v>
      </c>
      <c r="Y3973" s="2">
        <v>16.7</v>
      </c>
      <c r="Z3973" s="5"/>
      <c r="AA3973" s="5" t="s">
        <v>43</v>
      </c>
      <c r="AB3973" s="5" t="s">
        <v>44</v>
      </c>
      <c r="AC3973" s="2"/>
      <c r="AD3973" s="1"/>
    </row>
    <row r="3974" spans="1:30">
      <c r="A3974" s="5" t="s">
        <v>83578</v>
      </c>
      <c r="B3974" s="2" t="s">
        <v>95524</v>
      </c>
      <c r="C3974" s="14" t="s">
        <v>95525</v>
      </c>
      <c r="D3974" s="2" t="s">
        <v>95526</v>
      </c>
      <c r="E3974" s="2" t="s">
        <v>7543</v>
      </c>
      <c r="F3974" s="8">
        <v>300</v>
      </c>
      <c r="G3974" s="5">
        <v>6</v>
      </c>
      <c r="H3974" s="5" t="s">
        <v>1518</v>
      </c>
      <c r="I3974" s="5" t="s">
        <v>40939</v>
      </c>
      <c r="J3974" s="2" t="s">
        <v>40940</v>
      </c>
      <c r="K3974" s="5" t="s">
        <v>40939</v>
      </c>
      <c r="L3974" s="2" t="s">
        <v>40940</v>
      </c>
      <c r="M3974" s="5" t="s">
        <v>36266</v>
      </c>
      <c r="N3974" s="5" t="s">
        <v>38</v>
      </c>
      <c r="O3974" s="5" t="s">
        <v>39</v>
      </c>
      <c r="P3974" s="5" t="s">
        <v>40</v>
      </c>
      <c r="Q3974" s="5" t="s">
        <v>1522</v>
      </c>
      <c r="R3974" s="5" t="s">
        <v>1523</v>
      </c>
      <c r="S3974" s="5" t="s">
        <v>42</v>
      </c>
      <c r="T3974" s="2">
        <v>2.79</v>
      </c>
      <c r="U3974" s="2">
        <v>2.2549999999999999</v>
      </c>
      <c r="V3974" s="2">
        <v>1.4999999999999999E-2</v>
      </c>
      <c r="W3974" s="2">
        <v>118.9</v>
      </c>
      <c r="X3974" s="2">
        <v>7.6</v>
      </c>
      <c r="Y3974" s="2">
        <v>16.7</v>
      </c>
      <c r="Z3974" s="5"/>
      <c r="AA3974" s="5" t="s">
        <v>43</v>
      </c>
      <c r="AB3974" s="5" t="s">
        <v>44</v>
      </c>
      <c r="AC3974" s="2"/>
      <c r="AD3974" s="1"/>
    </row>
    <row r="3975" spans="1:30">
      <c r="A3975" s="5" t="s">
        <v>83578</v>
      </c>
      <c r="B3975" s="2" t="s">
        <v>95527</v>
      </c>
      <c r="C3975" s="14" t="s">
        <v>95528</v>
      </c>
      <c r="D3975" s="2" t="s">
        <v>95529</v>
      </c>
      <c r="E3975" s="2" t="s">
        <v>40989</v>
      </c>
      <c r="F3975" s="8">
        <v>300</v>
      </c>
      <c r="G3975" s="5">
        <v>6</v>
      </c>
      <c r="H3975" s="5" t="s">
        <v>1518</v>
      </c>
      <c r="I3975" s="5" t="s">
        <v>40939</v>
      </c>
      <c r="J3975" s="2" t="s">
        <v>40940</v>
      </c>
      <c r="K3975" s="5" t="s">
        <v>40939</v>
      </c>
      <c r="L3975" s="2" t="s">
        <v>40940</v>
      </c>
      <c r="M3975" s="5" t="s">
        <v>36266</v>
      </c>
      <c r="N3975" s="5" t="s">
        <v>38</v>
      </c>
      <c r="O3975" s="5" t="s">
        <v>39</v>
      </c>
      <c r="P3975" s="5" t="s">
        <v>40</v>
      </c>
      <c r="Q3975" s="5" t="s">
        <v>1522</v>
      </c>
      <c r="R3975" s="5" t="s">
        <v>1523</v>
      </c>
      <c r="S3975" s="5" t="s">
        <v>42</v>
      </c>
      <c r="T3975" s="2">
        <v>2.754</v>
      </c>
      <c r="U3975" s="2">
        <v>2.2189999999999999</v>
      </c>
      <c r="V3975" s="2">
        <v>1.4999999999999999E-2</v>
      </c>
      <c r="W3975" s="2">
        <v>118.9</v>
      </c>
      <c r="X3975" s="2">
        <v>7.6</v>
      </c>
      <c r="Y3975" s="2">
        <v>16.7</v>
      </c>
      <c r="Z3975" s="5"/>
      <c r="AA3975" s="5" t="s">
        <v>43</v>
      </c>
      <c r="AB3975" s="5" t="s">
        <v>44</v>
      </c>
      <c r="AC3975" s="2"/>
      <c r="AD3975" s="1"/>
    </row>
    <row r="3976" spans="1:30">
      <c r="A3976" s="5" t="s">
        <v>83578</v>
      </c>
      <c r="B3976" s="2" t="s">
        <v>95530</v>
      </c>
      <c r="C3976" s="14" t="s">
        <v>95531</v>
      </c>
      <c r="D3976" s="2" t="s">
        <v>95532</v>
      </c>
      <c r="E3976" s="2" t="s">
        <v>40993</v>
      </c>
      <c r="F3976" s="8">
        <v>300</v>
      </c>
      <c r="G3976" s="5">
        <v>6</v>
      </c>
      <c r="H3976" s="5" t="s">
        <v>1518</v>
      </c>
      <c r="I3976" s="5" t="s">
        <v>40939</v>
      </c>
      <c r="J3976" s="2" t="s">
        <v>40940</v>
      </c>
      <c r="K3976" s="5" t="s">
        <v>40939</v>
      </c>
      <c r="L3976" s="2" t="s">
        <v>40940</v>
      </c>
      <c r="M3976" s="5" t="s">
        <v>36266</v>
      </c>
      <c r="N3976" s="5" t="s">
        <v>38</v>
      </c>
      <c r="O3976" s="5" t="s">
        <v>39</v>
      </c>
      <c r="P3976" s="5" t="s">
        <v>40</v>
      </c>
      <c r="Q3976" s="5" t="s">
        <v>1522</v>
      </c>
      <c r="R3976" s="5" t="s">
        <v>1523</v>
      </c>
      <c r="S3976" s="5" t="s">
        <v>42</v>
      </c>
      <c r="T3976" s="2">
        <v>2.8290000000000002</v>
      </c>
      <c r="U3976" s="2">
        <v>2.294</v>
      </c>
      <c r="V3976" s="2">
        <v>1.4999999999999999E-2</v>
      </c>
      <c r="W3976" s="2">
        <v>118.9</v>
      </c>
      <c r="X3976" s="2">
        <v>7.6</v>
      </c>
      <c r="Y3976" s="2">
        <v>16.7</v>
      </c>
      <c r="Z3976" s="5"/>
      <c r="AA3976" s="5" t="s">
        <v>43</v>
      </c>
      <c r="AB3976" s="5" t="s">
        <v>44</v>
      </c>
      <c r="AC3976" s="2"/>
      <c r="AD3976" s="1"/>
    </row>
    <row r="3977" spans="1:30">
      <c r="A3977" s="5" t="s">
        <v>83578</v>
      </c>
      <c r="B3977" s="2" t="s">
        <v>95533</v>
      </c>
      <c r="C3977" s="14" t="s">
        <v>95534</v>
      </c>
      <c r="D3977" s="2" t="s">
        <v>95535</v>
      </c>
      <c r="E3977" s="2" t="s">
        <v>40997</v>
      </c>
      <c r="F3977" s="8">
        <v>300</v>
      </c>
      <c r="G3977" s="5">
        <v>6</v>
      </c>
      <c r="H3977" s="5" t="s">
        <v>1518</v>
      </c>
      <c r="I3977" s="5" t="s">
        <v>40939</v>
      </c>
      <c r="J3977" s="2" t="s">
        <v>40940</v>
      </c>
      <c r="K3977" s="5" t="s">
        <v>40939</v>
      </c>
      <c r="L3977" s="2" t="s">
        <v>40940</v>
      </c>
      <c r="M3977" s="5" t="s">
        <v>36266</v>
      </c>
      <c r="N3977" s="5" t="s">
        <v>38</v>
      </c>
      <c r="O3977" s="5" t="s">
        <v>39</v>
      </c>
      <c r="P3977" s="5" t="s">
        <v>40</v>
      </c>
      <c r="Q3977" s="5" t="s">
        <v>1522</v>
      </c>
      <c r="R3977" s="5" t="s">
        <v>1523</v>
      </c>
      <c r="S3977" s="5" t="s">
        <v>42</v>
      </c>
      <c r="T3977" s="2">
        <v>2.7229999999999999</v>
      </c>
      <c r="U3977" s="2">
        <v>2.1880000000000002</v>
      </c>
      <c r="V3977" s="2">
        <v>1.4999999999999999E-2</v>
      </c>
      <c r="W3977" s="2">
        <v>118.9</v>
      </c>
      <c r="X3977" s="2">
        <v>7.6</v>
      </c>
      <c r="Y3977" s="2">
        <v>16.7</v>
      </c>
      <c r="Z3977" s="5"/>
      <c r="AA3977" s="5" t="s">
        <v>43</v>
      </c>
      <c r="AB3977" s="5" t="s">
        <v>44</v>
      </c>
      <c r="AC3977" s="2"/>
      <c r="AD3977" s="1"/>
    </row>
    <row r="3978" spans="1:30">
      <c r="A3978" s="5" t="s">
        <v>83578</v>
      </c>
      <c r="B3978" s="2" t="s">
        <v>95536</v>
      </c>
      <c r="C3978" s="14" t="s">
        <v>95537</v>
      </c>
      <c r="D3978" s="2" t="s">
        <v>95538</v>
      </c>
      <c r="E3978" s="2" t="s">
        <v>41267</v>
      </c>
      <c r="F3978" s="8">
        <v>300</v>
      </c>
      <c r="G3978" s="5">
        <v>6</v>
      </c>
      <c r="H3978" s="5" t="s">
        <v>1518</v>
      </c>
      <c r="I3978" s="5" t="s">
        <v>40939</v>
      </c>
      <c r="J3978" s="2" t="s">
        <v>40940</v>
      </c>
      <c r="K3978" s="5" t="s">
        <v>40939</v>
      </c>
      <c r="L3978" s="2" t="s">
        <v>40940</v>
      </c>
      <c r="M3978" s="5" t="s">
        <v>36266</v>
      </c>
      <c r="N3978" s="5" t="s">
        <v>38</v>
      </c>
      <c r="O3978" s="5" t="s">
        <v>39</v>
      </c>
      <c r="P3978" s="5" t="s">
        <v>40</v>
      </c>
      <c r="Q3978" s="5" t="s">
        <v>1522</v>
      </c>
      <c r="R3978" s="5" t="s">
        <v>1523</v>
      </c>
      <c r="S3978" s="5" t="s">
        <v>42</v>
      </c>
      <c r="T3978" s="2">
        <v>2.798</v>
      </c>
      <c r="U3978" s="2">
        <v>2.2629999999999999</v>
      </c>
      <c r="V3978" s="2">
        <v>1.4999999999999999E-2</v>
      </c>
      <c r="W3978" s="2">
        <v>118.9</v>
      </c>
      <c r="X3978" s="2">
        <v>7.6</v>
      </c>
      <c r="Y3978" s="2">
        <v>16.7</v>
      </c>
      <c r="Z3978" s="5"/>
      <c r="AA3978" s="5" t="s">
        <v>43</v>
      </c>
      <c r="AB3978" s="5" t="s">
        <v>44</v>
      </c>
      <c r="AC3978" s="2"/>
      <c r="AD3978" s="1"/>
    </row>
    <row r="3979" spans="1:30">
      <c r="A3979" s="5" t="s">
        <v>83578</v>
      </c>
      <c r="B3979" s="2" t="s">
        <v>95539</v>
      </c>
      <c r="C3979" s="14" t="s">
        <v>95540</v>
      </c>
      <c r="D3979" s="2" t="s">
        <v>95541</v>
      </c>
      <c r="E3979" s="2" t="s">
        <v>41001</v>
      </c>
      <c r="F3979" s="8">
        <v>300</v>
      </c>
      <c r="G3979" s="5">
        <v>6</v>
      </c>
      <c r="H3979" s="5" t="s">
        <v>1518</v>
      </c>
      <c r="I3979" s="5" t="s">
        <v>40939</v>
      </c>
      <c r="J3979" s="2" t="s">
        <v>40940</v>
      </c>
      <c r="K3979" s="5" t="s">
        <v>40939</v>
      </c>
      <c r="L3979" s="2" t="s">
        <v>40940</v>
      </c>
      <c r="M3979" s="5" t="s">
        <v>36266</v>
      </c>
      <c r="N3979" s="5" t="s">
        <v>38</v>
      </c>
      <c r="O3979" s="5" t="s">
        <v>39</v>
      </c>
      <c r="P3979" s="5" t="s">
        <v>40</v>
      </c>
      <c r="Q3979" s="5" t="s">
        <v>1522</v>
      </c>
      <c r="R3979" s="5" t="s">
        <v>1523</v>
      </c>
      <c r="S3979" s="5" t="s">
        <v>42</v>
      </c>
      <c r="T3979" s="2">
        <v>2.754</v>
      </c>
      <c r="U3979" s="2">
        <v>2.2189999999999999</v>
      </c>
      <c r="V3979" s="2">
        <v>1.4999999999999999E-2</v>
      </c>
      <c r="W3979" s="2">
        <v>118.9</v>
      </c>
      <c r="X3979" s="2">
        <v>7.6</v>
      </c>
      <c r="Y3979" s="2">
        <v>16.7</v>
      </c>
      <c r="Z3979" s="5"/>
      <c r="AA3979" s="5" t="s">
        <v>43</v>
      </c>
      <c r="AB3979" s="5" t="s">
        <v>44</v>
      </c>
      <c r="AC3979" s="2"/>
      <c r="AD3979" s="1"/>
    </row>
    <row r="3980" spans="1:30">
      <c r="A3980" s="5" t="s">
        <v>83578</v>
      </c>
      <c r="B3980" s="2" t="s">
        <v>95542</v>
      </c>
      <c r="C3980" s="14" t="s">
        <v>95543</v>
      </c>
      <c r="D3980" s="2" t="s">
        <v>95544</v>
      </c>
      <c r="E3980" s="2" t="s">
        <v>41005</v>
      </c>
      <c r="F3980" s="8">
        <v>300</v>
      </c>
      <c r="G3980" s="5">
        <v>6</v>
      </c>
      <c r="H3980" s="5" t="s">
        <v>1518</v>
      </c>
      <c r="I3980" s="5" t="s">
        <v>40939</v>
      </c>
      <c r="J3980" s="2" t="s">
        <v>40940</v>
      </c>
      <c r="K3980" s="5" t="s">
        <v>40939</v>
      </c>
      <c r="L3980" s="2" t="s">
        <v>40940</v>
      </c>
      <c r="M3980" s="5" t="s">
        <v>36266</v>
      </c>
      <c r="N3980" s="5" t="s">
        <v>38</v>
      </c>
      <c r="O3980" s="5" t="s">
        <v>39</v>
      </c>
      <c r="P3980" s="5" t="s">
        <v>40</v>
      </c>
      <c r="Q3980" s="5" t="s">
        <v>1522</v>
      </c>
      <c r="R3980" s="5" t="s">
        <v>1523</v>
      </c>
      <c r="S3980" s="5" t="s">
        <v>42</v>
      </c>
      <c r="T3980" s="2">
        <v>2.8290000000000002</v>
      </c>
      <c r="U3980" s="2">
        <v>2.294</v>
      </c>
      <c r="V3980" s="2">
        <v>1.4999999999999999E-2</v>
      </c>
      <c r="W3980" s="2">
        <v>118.9</v>
      </c>
      <c r="X3980" s="2">
        <v>7.6</v>
      </c>
      <c r="Y3980" s="2">
        <v>16.7</v>
      </c>
      <c r="Z3980" s="5"/>
      <c r="AA3980" s="5" t="s">
        <v>43</v>
      </c>
      <c r="AB3980" s="5" t="s">
        <v>44</v>
      </c>
      <c r="AC3980" s="2"/>
      <c r="AD3980" s="1"/>
    </row>
    <row r="3981" spans="1:30">
      <c r="A3981" s="5" t="s">
        <v>83578</v>
      </c>
      <c r="B3981" s="2" t="s">
        <v>95545</v>
      </c>
      <c r="C3981" s="14" t="s">
        <v>95546</v>
      </c>
      <c r="D3981" s="2" t="s">
        <v>95547</v>
      </c>
      <c r="E3981" s="2" t="s">
        <v>41013</v>
      </c>
      <c r="F3981" s="8">
        <v>300</v>
      </c>
      <c r="G3981" s="5">
        <v>6</v>
      </c>
      <c r="H3981" s="5" t="s">
        <v>1518</v>
      </c>
      <c r="I3981" s="5" t="s">
        <v>40939</v>
      </c>
      <c r="J3981" s="2" t="s">
        <v>40940</v>
      </c>
      <c r="K3981" s="5" t="s">
        <v>40939</v>
      </c>
      <c r="L3981" s="2" t="s">
        <v>40940</v>
      </c>
      <c r="M3981" s="5" t="s">
        <v>36266</v>
      </c>
      <c r="N3981" s="5" t="s">
        <v>38</v>
      </c>
      <c r="O3981" s="5" t="s">
        <v>39</v>
      </c>
      <c r="P3981" s="5" t="s">
        <v>40</v>
      </c>
      <c r="Q3981" s="5" t="s">
        <v>1522</v>
      </c>
      <c r="R3981" s="5" t="s">
        <v>1523</v>
      </c>
      <c r="S3981" s="5" t="s">
        <v>42</v>
      </c>
      <c r="T3981" s="2">
        <v>2.8370000000000002</v>
      </c>
      <c r="U3981" s="2">
        <v>2.302</v>
      </c>
      <c r="V3981" s="2">
        <v>1.4999999999999999E-2</v>
      </c>
      <c r="W3981" s="2">
        <v>118.9</v>
      </c>
      <c r="X3981" s="2">
        <v>7.6</v>
      </c>
      <c r="Y3981" s="2">
        <v>16.7</v>
      </c>
      <c r="Z3981" s="5"/>
      <c r="AA3981" s="5" t="s">
        <v>43</v>
      </c>
      <c r="AB3981" s="5" t="s">
        <v>44</v>
      </c>
      <c r="AC3981" s="2"/>
      <c r="AD3981" s="1"/>
    </row>
    <row r="3982" spans="1:30">
      <c r="A3982" s="5" t="s">
        <v>83578</v>
      </c>
      <c r="B3982" s="2" t="s">
        <v>95548</v>
      </c>
      <c r="C3982" s="14" t="s">
        <v>95549</v>
      </c>
      <c r="D3982" s="2" t="s">
        <v>95550</v>
      </c>
      <c r="E3982" s="2" t="s">
        <v>7507</v>
      </c>
      <c r="F3982" s="8">
        <v>278</v>
      </c>
      <c r="G3982" s="5">
        <v>6</v>
      </c>
      <c r="H3982" s="5" t="s">
        <v>1518</v>
      </c>
      <c r="I3982" s="5" t="s">
        <v>40939</v>
      </c>
      <c r="J3982" s="2" t="s">
        <v>40940</v>
      </c>
      <c r="K3982" s="5" t="s">
        <v>40939</v>
      </c>
      <c r="L3982" s="2" t="s">
        <v>40940</v>
      </c>
      <c r="M3982" s="5" t="s">
        <v>36266</v>
      </c>
      <c r="N3982" s="5" t="s">
        <v>38</v>
      </c>
      <c r="O3982" s="5" t="s">
        <v>39</v>
      </c>
      <c r="P3982" s="5" t="s">
        <v>40</v>
      </c>
      <c r="Q3982" s="5" t="s">
        <v>1522</v>
      </c>
      <c r="R3982" s="5" t="s">
        <v>1523</v>
      </c>
      <c r="S3982" s="5" t="s">
        <v>42</v>
      </c>
      <c r="T3982" s="2">
        <v>2.8370000000000002</v>
      </c>
      <c r="U3982" s="2">
        <v>2.302</v>
      </c>
      <c r="V3982" s="2">
        <v>1.4999999999999999E-2</v>
      </c>
      <c r="W3982" s="2">
        <v>118.9</v>
      </c>
      <c r="X3982" s="2">
        <v>7.6</v>
      </c>
      <c r="Y3982" s="2">
        <v>16.7</v>
      </c>
      <c r="Z3982" s="5"/>
      <c r="AA3982" s="5" t="s">
        <v>43</v>
      </c>
      <c r="AB3982" s="5" t="s">
        <v>44</v>
      </c>
      <c r="AC3982" s="2"/>
      <c r="AD3982" s="1"/>
    </row>
    <row r="3983" spans="1:30">
      <c r="A3983" s="5" t="s">
        <v>83578</v>
      </c>
      <c r="B3983" s="2" t="s">
        <v>95551</v>
      </c>
      <c r="C3983" s="14" t="s">
        <v>95552</v>
      </c>
      <c r="D3983" s="2" t="s">
        <v>95553</v>
      </c>
      <c r="E3983" s="2" t="s">
        <v>41023</v>
      </c>
      <c r="F3983" s="8">
        <v>300</v>
      </c>
      <c r="G3983" s="5">
        <v>6</v>
      </c>
      <c r="H3983" s="5" t="s">
        <v>1518</v>
      </c>
      <c r="I3983" s="5" t="s">
        <v>40939</v>
      </c>
      <c r="J3983" s="2" t="s">
        <v>40940</v>
      </c>
      <c r="K3983" s="5" t="s">
        <v>40939</v>
      </c>
      <c r="L3983" s="2" t="s">
        <v>40940</v>
      </c>
      <c r="M3983" s="5" t="s">
        <v>36266</v>
      </c>
      <c r="N3983" s="5" t="s">
        <v>38</v>
      </c>
      <c r="O3983" s="5" t="s">
        <v>39</v>
      </c>
      <c r="P3983" s="5" t="s">
        <v>40</v>
      </c>
      <c r="Q3983" s="5" t="s">
        <v>1522</v>
      </c>
      <c r="R3983" s="5" t="s">
        <v>1523</v>
      </c>
      <c r="S3983" s="5" t="s">
        <v>42</v>
      </c>
      <c r="T3983" s="2">
        <v>2.7229999999999999</v>
      </c>
      <c r="U3983" s="2">
        <v>2.1880000000000002</v>
      </c>
      <c r="V3983" s="2">
        <v>1.4999999999999999E-2</v>
      </c>
      <c r="W3983" s="2">
        <v>118.9</v>
      </c>
      <c r="X3983" s="2">
        <v>7.6</v>
      </c>
      <c r="Y3983" s="2">
        <v>16.7</v>
      </c>
      <c r="Z3983" s="5"/>
      <c r="AA3983" s="5" t="s">
        <v>43</v>
      </c>
      <c r="AB3983" s="5" t="s">
        <v>44</v>
      </c>
      <c r="AC3983" s="2"/>
      <c r="AD3983" s="1"/>
    </row>
    <row r="3984" spans="1:30">
      <c r="A3984" s="5" t="s">
        <v>83578</v>
      </c>
      <c r="B3984" s="2" t="s">
        <v>95554</v>
      </c>
      <c r="C3984" s="14" t="s">
        <v>95555</v>
      </c>
      <c r="D3984" s="2" t="s">
        <v>95556</v>
      </c>
      <c r="E3984" s="2" t="s">
        <v>41027</v>
      </c>
      <c r="F3984" s="8">
        <v>300</v>
      </c>
      <c r="G3984" s="5">
        <v>6</v>
      </c>
      <c r="H3984" s="5" t="s">
        <v>1518</v>
      </c>
      <c r="I3984" s="5" t="s">
        <v>40939</v>
      </c>
      <c r="J3984" s="2" t="s">
        <v>40940</v>
      </c>
      <c r="K3984" s="5" t="s">
        <v>40939</v>
      </c>
      <c r="L3984" s="2" t="s">
        <v>40940</v>
      </c>
      <c r="M3984" s="5" t="s">
        <v>36266</v>
      </c>
      <c r="N3984" s="5" t="s">
        <v>38</v>
      </c>
      <c r="O3984" s="5" t="s">
        <v>39</v>
      </c>
      <c r="P3984" s="5" t="s">
        <v>40</v>
      </c>
      <c r="Q3984" s="5" t="s">
        <v>1522</v>
      </c>
      <c r="R3984" s="5" t="s">
        <v>1523</v>
      </c>
      <c r="S3984" s="5" t="s">
        <v>42</v>
      </c>
      <c r="T3984" s="2">
        <v>2.798</v>
      </c>
      <c r="U3984" s="2">
        <v>2.2629999999999999</v>
      </c>
      <c r="V3984" s="2">
        <v>1.4999999999999999E-2</v>
      </c>
      <c r="W3984" s="2">
        <v>118.9</v>
      </c>
      <c r="X3984" s="2">
        <v>7.6</v>
      </c>
      <c r="Y3984" s="2">
        <v>16.7</v>
      </c>
      <c r="Z3984" s="5"/>
      <c r="AA3984" s="5" t="s">
        <v>43</v>
      </c>
      <c r="AB3984" s="5" t="s">
        <v>44</v>
      </c>
      <c r="AC3984" s="2"/>
      <c r="AD3984" s="1"/>
    </row>
    <row r="3985" spans="1:30">
      <c r="A3985" s="5" t="s">
        <v>83578</v>
      </c>
      <c r="B3985" s="2" t="s">
        <v>95557</v>
      </c>
      <c r="C3985" s="14" t="s">
        <v>95558</v>
      </c>
      <c r="D3985" s="2" t="s">
        <v>95559</v>
      </c>
      <c r="E3985" s="2" t="s">
        <v>41031</v>
      </c>
      <c r="F3985" s="8">
        <v>300</v>
      </c>
      <c r="G3985" s="5">
        <v>6</v>
      </c>
      <c r="H3985" s="5" t="s">
        <v>1518</v>
      </c>
      <c r="I3985" s="5" t="s">
        <v>40939</v>
      </c>
      <c r="J3985" s="2" t="s">
        <v>40940</v>
      </c>
      <c r="K3985" s="5" t="s">
        <v>40939</v>
      </c>
      <c r="L3985" s="2" t="s">
        <v>40940</v>
      </c>
      <c r="M3985" s="5" t="s">
        <v>36266</v>
      </c>
      <c r="N3985" s="5" t="s">
        <v>38</v>
      </c>
      <c r="O3985" s="5" t="s">
        <v>39</v>
      </c>
      <c r="P3985" s="5" t="s">
        <v>40</v>
      </c>
      <c r="Q3985" s="5" t="s">
        <v>1522</v>
      </c>
      <c r="R3985" s="5" t="s">
        <v>1523</v>
      </c>
      <c r="S3985" s="5" t="s">
        <v>42</v>
      </c>
      <c r="T3985" s="2">
        <v>2.7229999999999999</v>
      </c>
      <c r="U3985" s="2">
        <v>2.1880000000000002</v>
      </c>
      <c r="V3985" s="2">
        <v>1.4999999999999999E-2</v>
      </c>
      <c r="W3985" s="2">
        <v>118.9</v>
      </c>
      <c r="X3985" s="2">
        <v>7.6</v>
      </c>
      <c r="Y3985" s="2">
        <v>16.7</v>
      </c>
      <c r="Z3985" s="5"/>
      <c r="AA3985" s="5" t="s">
        <v>43</v>
      </c>
      <c r="AB3985" s="5" t="s">
        <v>44</v>
      </c>
      <c r="AC3985" s="2"/>
      <c r="AD3985" s="1"/>
    </row>
    <row r="3986" spans="1:30">
      <c r="A3986" s="5" t="s">
        <v>83578</v>
      </c>
      <c r="B3986" s="2" t="s">
        <v>95560</v>
      </c>
      <c r="C3986" s="14" t="s">
        <v>95561</v>
      </c>
      <c r="D3986" s="2" t="s">
        <v>95562</v>
      </c>
      <c r="E3986" s="2" t="s">
        <v>41035</v>
      </c>
      <c r="F3986" s="8">
        <v>300</v>
      </c>
      <c r="G3986" s="5">
        <v>6</v>
      </c>
      <c r="H3986" s="5" t="s">
        <v>1518</v>
      </c>
      <c r="I3986" s="5" t="s">
        <v>40939</v>
      </c>
      <c r="J3986" s="2" t="s">
        <v>40940</v>
      </c>
      <c r="K3986" s="5" t="s">
        <v>40939</v>
      </c>
      <c r="L3986" s="2" t="s">
        <v>40940</v>
      </c>
      <c r="M3986" s="5" t="s">
        <v>36266</v>
      </c>
      <c r="N3986" s="5" t="s">
        <v>38</v>
      </c>
      <c r="O3986" s="5" t="s">
        <v>39</v>
      </c>
      <c r="P3986" s="5" t="s">
        <v>40</v>
      </c>
      <c r="Q3986" s="5" t="s">
        <v>1522</v>
      </c>
      <c r="R3986" s="5" t="s">
        <v>1523</v>
      </c>
      <c r="S3986" s="5" t="s">
        <v>42</v>
      </c>
      <c r="T3986" s="2">
        <v>2.798</v>
      </c>
      <c r="U3986" s="2">
        <v>2.2629999999999999</v>
      </c>
      <c r="V3986" s="2">
        <v>1.4999999999999999E-2</v>
      </c>
      <c r="W3986" s="2">
        <v>118.9</v>
      </c>
      <c r="X3986" s="2">
        <v>7.6</v>
      </c>
      <c r="Y3986" s="2">
        <v>16.7</v>
      </c>
      <c r="Z3986" s="5"/>
      <c r="AA3986" s="5" t="s">
        <v>43</v>
      </c>
      <c r="AB3986" s="5" t="s">
        <v>44</v>
      </c>
      <c r="AC3986" s="2"/>
      <c r="AD3986" s="1"/>
    </row>
    <row r="3987" spans="1:30">
      <c r="A3987" s="5" t="s">
        <v>83578</v>
      </c>
      <c r="B3987" s="2" t="s">
        <v>95563</v>
      </c>
      <c r="C3987" s="14" t="s">
        <v>95564</v>
      </c>
      <c r="D3987" s="2" t="s">
        <v>95565</v>
      </c>
      <c r="E3987" s="2" t="s">
        <v>7581</v>
      </c>
      <c r="F3987" s="8">
        <v>300</v>
      </c>
      <c r="G3987" s="5">
        <v>6</v>
      </c>
      <c r="H3987" s="5" t="s">
        <v>1518</v>
      </c>
      <c r="I3987" s="5" t="s">
        <v>40939</v>
      </c>
      <c r="J3987" s="2" t="s">
        <v>40940</v>
      </c>
      <c r="K3987" s="5" t="s">
        <v>40939</v>
      </c>
      <c r="L3987" s="2" t="s">
        <v>40940</v>
      </c>
      <c r="M3987" s="5" t="s">
        <v>36266</v>
      </c>
      <c r="N3987" s="5" t="s">
        <v>38</v>
      </c>
      <c r="O3987" s="5" t="s">
        <v>39</v>
      </c>
      <c r="P3987" s="5" t="s">
        <v>40</v>
      </c>
      <c r="Q3987" s="5" t="s">
        <v>1522</v>
      </c>
      <c r="R3987" s="5" t="s">
        <v>1523</v>
      </c>
      <c r="S3987" s="5" t="s">
        <v>42</v>
      </c>
      <c r="T3987" s="2">
        <v>2.798</v>
      </c>
      <c r="U3987" s="2">
        <v>2.2629999999999999</v>
      </c>
      <c r="V3987" s="2">
        <v>1.4999999999999999E-2</v>
      </c>
      <c r="W3987" s="2">
        <v>118.9</v>
      </c>
      <c r="X3987" s="2">
        <v>7.6</v>
      </c>
      <c r="Y3987" s="2">
        <v>16.7</v>
      </c>
      <c r="Z3987" s="5"/>
      <c r="AA3987" s="5" t="s">
        <v>43</v>
      </c>
      <c r="AB3987" s="5" t="s">
        <v>44</v>
      </c>
      <c r="AC3987" s="2"/>
      <c r="AD3987" s="1"/>
    </row>
    <row r="3988" spans="1:30">
      <c r="A3988" s="5" t="s">
        <v>83578</v>
      </c>
      <c r="B3988" s="2" t="s">
        <v>95566</v>
      </c>
      <c r="C3988" s="14" t="s">
        <v>95567</v>
      </c>
      <c r="D3988" s="2" t="s">
        <v>95568</v>
      </c>
      <c r="E3988" s="2" t="s">
        <v>41049</v>
      </c>
      <c r="F3988" s="8">
        <v>300</v>
      </c>
      <c r="G3988" s="5">
        <v>6</v>
      </c>
      <c r="H3988" s="5" t="s">
        <v>1518</v>
      </c>
      <c r="I3988" s="5" t="s">
        <v>40939</v>
      </c>
      <c r="J3988" s="2" t="s">
        <v>40940</v>
      </c>
      <c r="K3988" s="5" t="s">
        <v>40939</v>
      </c>
      <c r="L3988" s="2" t="s">
        <v>40940</v>
      </c>
      <c r="M3988" s="5" t="s">
        <v>36266</v>
      </c>
      <c r="N3988" s="5" t="s">
        <v>38</v>
      </c>
      <c r="O3988" s="5" t="s">
        <v>39</v>
      </c>
      <c r="P3988" s="5" t="s">
        <v>40</v>
      </c>
      <c r="Q3988" s="5" t="s">
        <v>1522</v>
      </c>
      <c r="R3988" s="5" t="s">
        <v>1523</v>
      </c>
      <c r="S3988" s="5" t="s">
        <v>42</v>
      </c>
      <c r="T3988" s="2">
        <v>2.8439999999999999</v>
      </c>
      <c r="U3988" s="2">
        <v>2.3090000000000002</v>
      </c>
      <c r="V3988" s="2">
        <v>1.4999999999999999E-2</v>
      </c>
      <c r="W3988" s="2">
        <v>118.9</v>
      </c>
      <c r="X3988" s="2">
        <v>7.6</v>
      </c>
      <c r="Y3988" s="2">
        <v>16.7</v>
      </c>
      <c r="Z3988" s="5"/>
      <c r="AA3988" s="5" t="s">
        <v>43</v>
      </c>
      <c r="AB3988" s="5" t="s">
        <v>44</v>
      </c>
      <c r="AC3988" s="2"/>
      <c r="AD3988" s="1"/>
    </row>
    <row r="3989" spans="1:30">
      <c r="A3989" s="5" t="s">
        <v>83578</v>
      </c>
      <c r="B3989" s="2" t="s">
        <v>95569</v>
      </c>
      <c r="C3989" s="14" t="s">
        <v>95570</v>
      </c>
      <c r="D3989" s="2" t="s">
        <v>95571</v>
      </c>
      <c r="E3989" s="2" t="s">
        <v>7204</v>
      </c>
      <c r="F3989" s="8">
        <v>278</v>
      </c>
      <c r="G3989" s="5">
        <v>6</v>
      </c>
      <c r="H3989" s="5" t="s">
        <v>1518</v>
      </c>
      <c r="I3989" s="5" t="s">
        <v>40939</v>
      </c>
      <c r="J3989" s="2" t="s">
        <v>40940</v>
      </c>
      <c r="K3989" s="5" t="s">
        <v>40939</v>
      </c>
      <c r="L3989" s="2" t="s">
        <v>40940</v>
      </c>
      <c r="M3989" s="5" t="s">
        <v>36266</v>
      </c>
      <c r="N3989" s="5" t="s">
        <v>38</v>
      </c>
      <c r="O3989" s="5" t="s">
        <v>39</v>
      </c>
      <c r="P3989" s="5" t="s">
        <v>40</v>
      </c>
      <c r="Q3989" s="5" t="s">
        <v>1522</v>
      </c>
      <c r="R3989" s="5" t="s">
        <v>1523</v>
      </c>
      <c r="S3989" s="5" t="s">
        <v>42</v>
      </c>
      <c r="T3989" s="2">
        <v>2.8769999999999998</v>
      </c>
      <c r="U3989" s="2">
        <v>2.35</v>
      </c>
      <c r="V3989" s="2">
        <v>1.4999999999999999E-2</v>
      </c>
      <c r="W3989" s="2">
        <v>118.9</v>
      </c>
      <c r="X3989" s="2">
        <v>7.6</v>
      </c>
      <c r="Y3989" s="2">
        <v>16.7</v>
      </c>
      <c r="Z3989" s="5"/>
      <c r="AA3989" s="5" t="s">
        <v>43</v>
      </c>
      <c r="AB3989" s="5" t="s">
        <v>44</v>
      </c>
      <c r="AC3989" s="2"/>
      <c r="AD3989" s="1"/>
    </row>
    <row r="3990" spans="1:30">
      <c r="A3990" s="5" t="s">
        <v>83578</v>
      </c>
      <c r="B3990" s="2" t="s">
        <v>95572</v>
      </c>
      <c r="C3990" s="14" t="s">
        <v>95573</v>
      </c>
      <c r="D3990" s="2" t="s">
        <v>95574</v>
      </c>
      <c r="E3990" s="2" t="s">
        <v>7514</v>
      </c>
      <c r="F3990" s="8">
        <v>278</v>
      </c>
      <c r="G3990" s="5">
        <v>6</v>
      </c>
      <c r="H3990" s="5" t="s">
        <v>1518</v>
      </c>
      <c r="I3990" s="5" t="s">
        <v>40939</v>
      </c>
      <c r="J3990" s="2" t="s">
        <v>40940</v>
      </c>
      <c r="K3990" s="5" t="s">
        <v>40939</v>
      </c>
      <c r="L3990" s="2" t="s">
        <v>40940</v>
      </c>
      <c r="M3990" s="5" t="s">
        <v>36266</v>
      </c>
      <c r="N3990" s="5" t="s">
        <v>38</v>
      </c>
      <c r="O3990" s="5" t="s">
        <v>39</v>
      </c>
      <c r="P3990" s="5" t="s">
        <v>40</v>
      </c>
      <c r="Q3990" s="5" t="s">
        <v>1522</v>
      </c>
      <c r="R3990" s="5" t="s">
        <v>1523</v>
      </c>
      <c r="S3990" s="5" t="s">
        <v>42</v>
      </c>
      <c r="T3990" s="2">
        <v>2.9630000000000001</v>
      </c>
      <c r="U3990" s="2">
        <v>2.4359999999999999</v>
      </c>
      <c r="V3990" s="2">
        <v>1.4999999999999999E-2</v>
      </c>
      <c r="W3990" s="2">
        <v>118.9</v>
      </c>
      <c r="X3990" s="2">
        <v>7.6</v>
      </c>
      <c r="Y3990" s="2">
        <v>16.7</v>
      </c>
      <c r="Z3990" s="5"/>
      <c r="AA3990" s="5" t="s">
        <v>43</v>
      </c>
      <c r="AB3990" s="5" t="s">
        <v>44</v>
      </c>
      <c r="AC3990" s="2"/>
      <c r="AD3990" s="1"/>
    </row>
    <row r="3991" spans="1:30">
      <c r="A3991" s="5" t="s">
        <v>83578</v>
      </c>
      <c r="B3991" s="2" t="s">
        <v>95575</v>
      </c>
      <c r="C3991" s="14" t="s">
        <v>95576</v>
      </c>
      <c r="D3991" s="2" t="s">
        <v>95577</v>
      </c>
      <c r="E3991" s="2" t="s">
        <v>47266</v>
      </c>
      <c r="F3991" s="8">
        <v>300</v>
      </c>
      <c r="G3991" s="5">
        <v>6</v>
      </c>
      <c r="H3991" s="5" t="s">
        <v>1518</v>
      </c>
      <c r="I3991" s="5" t="s">
        <v>40939</v>
      </c>
      <c r="J3991" s="2" t="s">
        <v>40940</v>
      </c>
      <c r="K3991" s="5" t="s">
        <v>40939</v>
      </c>
      <c r="L3991" s="2" t="s">
        <v>40940</v>
      </c>
      <c r="M3991" s="5" t="s">
        <v>36266</v>
      </c>
      <c r="N3991" s="5" t="s">
        <v>38</v>
      </c>
      <c r="O3991" s="5" t="s">
        <v>39</v>
      </c>
      <c r="P3991" s="5" t="s">
        <v>40</v>
      </c>
      <c r="Q3991" s="5" t="s">
        <v>1522</v>
      </c>
      <c r="R3991" s="5" t="s">
        <v>1523</v>
      </c>
      <c r="S3991" s="5" t="s">
        <v>42</v>
      </c>
      <c r="T3991" s="2">
        <v>2.8959999999999999</v>
      </c>
      <c r="U3991" s="2">
        <v>2.3690000000000002</v>
      </c>
      <c r="V3991" s="2">
        <v>1.4999999999999999E-2</v>
      </c>
      <c r="W3991" s="2">
        <v>118.9</v>
      </c>
      <c r="X3991" s="2">
        <v>7.6</v>
      </c>
      <c r="Y3991" s="2">
        <v>16.7</v>
      </c>
      <c r="Z3991" s="5"/>
      <c r="AA3991" s="5" t="s">
        <v>43</v>
      </c>
      <c r="AB3991" s="5" t="s">
        <v>44</v>
      </c>
      <c r="AC3991" s="2"/>
      <c r="AD3991" s="1"/>
    </row>
    <row r="3992" spans="1:30">
      <c r="A3992" s="5" t="s">
        <v>83578</v>
      </c>
      <c r="B3992" s="2" t="s">
        <v>95578</v>
      </c>
      <c r="C3992" s="14" t="s">
        <v>95579</v>
      </c>
      <c r="D3992" s="2" t="s">
        <v>95580</v>
      </c>
      <c r="E3992" s="2" t="s">
        <v>47195</v>
      </c>
      <c r="F3992" s="8">
        <v>300</v>
      </c>
      <c r="G3992" s="5">
        <v>6</v>
      </c>
      <c r="H3992" s="5" t="s">
        <v>1518</v>
      </c>
      <c r="I3992" s="5" t="s">
        <v>40939</v>
      </c>
      <c r="J3992" s="2" t="s">
        <v>40940</v>
      </c>
      <c r="K3992" s="5" t="s">
        <v>40939</v>
      </c>
      <c r="L3992" s="2" t="s">
        <v>40940</v>
      </c>
      <c r="M3992" s="5" t="s">
        <v>36266</v>
      </c>
      <c r="N3992" s="5" t="s">
        <v>38</v>
      </c>
      <c r="O3992" s="5" t="s">
        <v>39</v>
      </c>
      <c r="P3992" s="5" t="s">
        <v>40</v>
      </c>
      <c r="Q3992" s="5" t="s">
        <v>1522</v>
      </c>
      <c r="R3992" s="5" t="s">
        <v>1523</v>
      </c>
      <c r="S3992" s="5" t="s">
        <v>42</v>
      </c>
      <c r="T3992" s="2">
        <v>2.9820000000000002</v>
      </c>
      <c r="U3992" s="2">
        <v>2.4550000000000001</v>
      </c>
      <c r="V3992" s="2">
        <v>1.4999999999999999E-2</v>
      </c>
      <c r="W3992" s="2">
        <v>118.9</v>
      </c>
      <c r="X3992" s="2">
        <v>7.6</v>
      </c>
      <c r="Y3992" s="2">
        <v>16.7</v>
      </c>
      <c r="Z3992" s="5"/>
      <c r="AA3992" s="5" t="s">
        <v>43</v>
      </c>
      <c r="AB3992" s="5" t="s">
        <v>44</v>
      </c>
      <c r="AC3992" s="2"/>
      <c r="AD3992" s="1"/>
    </row>
    <row r="3993" spans="1:30">
      <c r="A3993" s="5" t="s">
        <v>83578</v>
      </c>
      <c r="B3993" s="2" t="s">
        <v>95581</v>
      </c>
      <c r="C3993" s="14" t="s">
        <v>95582</v>
      </c>
      <c r="D3993" s="2" t="s">
        <v>95583</v>
      </c>
      <c r="E3993" s="2" t="s">
        <v>36273</v>
      </c>
      <c r="F3993" s="8">
        <v>278</v>
      </c>
      <c r="G3993" s="5">
        <v>6</v>
      </c>
      <c r="H3993" s="5" t="s">
        <v>1518</v>
      </c>
      <c r="I3993" s="5" t="s">
        <v>40939</v>
      </c>
      <c r="J3993" s="2" t="s">
        <v>40940</v>
      </c>
      <c r="K3993" s="5" t="s">
        <v>40939</v>
      </c>
      <c r="L3993" s="2" t="s">
        <v>40940</v>
      </c>
      <c r="M3993" s="5" t="s">
        <v>36266</v>
      </c>
      <c r="N3993" s="5" t="s">
        <v>38</v>
      </c>
      <c r="O3993" s="5" t="s">
        <v>39</v>
      </c>
      <c r="P3993" s="5" t="s">
        <v>40</v>
      </c>
      <c r="Q3993" s="5" t="s">
        <v>1522</v>
      </c>
      <c r="R3993" s="5" t="s">
        <v>1523</v>
      </c>
      <c r="S3993" s="5" t="s">
        <v>42</v>
      </c>
      <c r="T3993" s="2">
        <v>2.9239999999999999</v>
      </c>
      <c r="U3993" s="2">
        <v>2.3969999999999998</v>
      </c>
      <c r="V3993" s="2">
        <v>1.4999999999999999E-2</v>
      </c>
      <c r="W3993" s="2">
        <v>118.9</v>
      </c>
      <c r="X3993" s="2">
        <v>7.6</v>
      </c>
      <c r="Y3993" s="2">
        <v>16.7</v>
      </c>
      <c r="Z3993" s="5"/>
      <c r="AA3993" s="5" t="s">
        <v>43</v>
      </c>
      <c r="AB3993" s="5" t="s">
        <v>44</v>
      </c>
      <c r="AC3993" s="2"/>
      <c r="AD3993" s="1"/>
    </row>
    <row r="3994" spans="1:30">
      <c r="A3994" s="5" t="s">
        <v>83578</v>
      </c>
      <c r="B3994" s="2" t="s">
        <v>95584</v>
      </c>
      <c r="C3994" s="14" t="s">
        <v>95585</v>
      </c>
      <c r="D3994" s="2" t="s">
        <v>95586</v>
      </c>
      <c r="E3994" s="2" t="s">
        <v>36277</v>
      </c>
      <c r="F3994" s="8">
        <v>278</v>
      </c>
      <c r="G3994" s="5">
        <v>6</v>
      </c>
      <c r="H3994" s="5" t="s">
        <v>1518</v>
      </c>
      <c r="I3994" s="5" t="s">
        <v>40939</v>
      </c>
      <c r="J3994" s="2" t="s">
        <v>40940</v>
      </c>
      <c r="K3994" s="5" t="s">
        <v>40939</v>
      </c>
      <c r="L3994" s="2" t="s">
        <v>40940</v>
      </c>
      <c r="M3994" s="5" t="s">
        <v>36266</v>
      </c>
      <c r="N3994" s="5" t="s">
        <v>38</v>
      </c>
      <c r="O3994" s="5" t="s">
        <v>39</v>
      </c>
      <c r="P3994" s="5" t="s">
        <v>40</v>
      </c>
      <c r="Q3994" s="5" t="s">
        <v>1522</v>
      </c>
      <c r="R3994" s="5" t="s">
        <v>1523</v>
      </c>
      <c r="S3994" s="5" t="s">
        <v>42</v>
      </c>
      <c r="T3994" s="2">
        <v>3.01</v>
      </c>
      <c r="U3994" s="2">
        <v>2.4830000000000001</v>
      </c>
      <c r="V3994" s="2">
        <v>1.4999999999999999E-2</v>
      </c>
      <c r="W3994" s="2">
        <v>118.9</v>
      </c>
      <c r="X3994" s="2">
        <v>7.6</v>
      </c>
      <c r="Y3994" s="2">
        <v>16.7</v>
      </c>
      <c r="Z3994" s="5"/>
      <c r="AA3994" s="5" t="s">
        <v>43</v>
      </c>
      <c r="AB3994" s="5" t="s">
        <v>44</v>
      </c>
      <c r="AC3994" s="2"/>
      <c r="AD3994" s="1"/>
    </row>
    <row r="3995" spans="1:30">
      <c r="A3995" s="5" t="s">
        <v>83578</v>
      </c>
      <c r="B3995" s="2" t="s">
        <v>95587</v>
      </c>
      <c r="C3995" s="14" t="s">
        <v>95588</v>
      </c>
      <c r="D3995" s="2" t="s">
        <v>95589</v>
      </c>
      <c r="E3995" s="2" t="s">
        <v>40967</v>
      </c>
      <c r="F3995" s="8">
        <v>300</v>
      </c>
      <c r="G3995" s="5">
        <v>6</v>
      </c>
      <c r="H3995" s="5" t="s">
        <v>1518</v>
      </c>
      <c r="I3995" s="5" t="s">
        <v>40939</v>
      </c>
      <c r="J3995" s="2" t="s">
        <v>40940</v>
      </c>
      <c r="K3995" s="5" t="s">
        <v>40939</v>
      </c>
      <c r="L3995" s="2" t="s">
        <v>40940</v>
      </c>
      <c r="M3995" s="5" t="s">
        <v>36266</v>
      </c>
      <c r="N3995" s="5" t="s">
        <v>38</v>
      </c>
      <c r="O3995" s="5" t="s">
        <v>39</v>
      </c>
      <c r="P3995" s="5" t="s">
        <v>40</v>
      </c>
      <c r="Q3995" s="5" t="s">
        <v>1522</v>
      </c>
      <c r="R3995" s="5" t="s">
        <v>1523</v>
      </c>
      <c r="S3995" s="5" t="s">
        <v>42</v>
      </c>
      <c r="T3995" s="2">
        <v>2.9049999999999998</v>
      </c>
      <c r="U3995" s="2">
        <v>2.3780000000000001</v>
      </c>
      <c r="V3995" s="2">
        <v>1.4999999999999999E-2</v>
      </c>
      <c r="W3995" s="2">
        <v>118.9</v>
      </c>
      <c r="X3995" s="2">
        <v>7.6</v>
      </c>
      <c r="Y3995" s="2">
        <v>16.7</v>
      </c>
      <c r="Z3995" s="5"/>
      <c r="AA3995" s="5" t="s">
        <v>43</v>
      </c>
      <c r="AB3995" s="5" t="s">
        <v>44</v>
      </c>
      <c r="AC3995" s="2"/>
      <c r="AD3995" s="1"/>
    </row>
    <row r="3996" spans="1:30">
      <c r="A3996" s="5" t="s">
        <v>83578</v>
      </c>
      <c r="B3996" s="2" t="s">
        <v>95590</v>
      </c>
      <c r="C3996" s="14" t="s">
        <v>95591</v>
      </c>
      <c r="D3996" s="2" t="s">
        <v>95592</v>
      </c>
      <c r="E3996" s="2" t="s">
        <v>47226</v>
      </c>
      <c r="F3996" s="8">
        <v>300</v>
      </c>
      <c r="G3996" s="5">
        <v>6</v>
      </c>
      <c r="H3996" s="5" t="s">
        <v>1518</v>
      </c>
      <c r="I3996" s="5" t="s">
        <v>40939</v>
      </c>
      <c r="J3996" s="2" t="s">
        <v>40940</v>
      </c>
      <c r="K3996" s="5" t="s">
        <v>40939</v>
      </c>
      <c r="L3996" s="2" t="s">
        <v>40940</v>
      </c>
      <c r="M3996" s="5" t="s">
        <v>36266</v>
      </c>
      <c r="N3996" s="5" t="s">
        <v>38</v>
      </c>
      <c r="O3996" s="5" t="s">
        <v>39</v>
      </c>
      <c r="P3996" s="5" t="s">
        <v>40</v>
      </c>
      <c r="Q3996" s="5" t="s">
        <v>1522</v>
      </c>
      <c r="R3996" s="5" t="s">
        <v>1523</v>
      </c>
      <c r="S3996" s="5" t="s">
        <v>42</v>
      </c>
      <c r="T3996" s="2">
        <v>2.9049999999999998</v>
      </c>
      <c r="U3996" s="2">
        <v>2.3780000000000001</v>
      </c>
      <c r="V3996" s="2">
        <v>1.4999999999999999E-2</v>
      </c>
      <c r="W3996" s="2">
        <v>118.9</v>
      </c>
      <c r="X3996" s="2">
        <v>7.6</v>
      </c>
      <c r="Y3996" s="2">
        <v>16.7</v>
      </c>
      <c r="Z3996" s="5"/>
      <c r="AA3996" s="5" t="s">
        <v>43</v>
      </c>
      <c r="AB3996" s="5" t="s">
        <v>44</v>
      </c>
      <c r="AC3996" s="2"/>
      <c r="AD3996" s="1"/>
    </row>
    <row r="3997" spans="1:30">
      <c r="A3997" s="5" t="s">
        <v>83578</v>
      </c>
      <c r="B3997" s="2" t="s">
        <v>95593</v>
      </c>
      <c r="C3997" s="14" t="s">
        <v>95594</v>
      </c>
      <c r="D3997" s="2" t="s">
        <v>95595</v>
      </c>
      <c r="E3997" s="2" t="s">
        <v>47735</v>
      </c>
      <c r="F3997" s="8">
        <v>300</v>
      </c>
      <c r="G3997" s="5">
        <v>6</v>
      </c>
      <c r="H3997" s="5" t="s">
        <v>1518</v>
      </c>
      <c r="I3997" s="5" t="s">
        <v>40939</v>
      </c>
      <c r="J3997" s="2" t="s">
        <v>40940</v>
      </c>
      <c r="K3997" s="5" t="s">
        <v>40939</v>
      </c>
      <c r="L3997" s="2" t="s">
        <v>40940</v>
      </c>
      <c r="M3997" s="5" t="s">
        <v>36266</v>
      </c>
      <c r="N3997" s="5" t="s">
        <v>38</v>
      </c>
      <c r="O3997" s="5" t="s">
        <v>39</v>
      </c>
      <c r="P3997" s="5" t="s">
        <v>40</v>
      </c>
      <c r="Q3997" s="5" t="s">
        <v>1522</v>
      </c>
      <c r="R3997" s="5" t="s">
        <v>1523</v>
      </c>
      <c r="S3997" s="5" t="s">
        <v>42</v>
      </c>
      <c r="T3997" s="2">
        <v>2.9910000000000001</v>
      </c>
      <c r="U3997" s="2">
        <v>2.464</v>
      </c>
      <c r="V3997" s="2">
        <v>1.4999999999999999E-2</v>
      </c>
      <c r="W3997" s="2">
        <v>118.9</v>
      </c>
      <c r="X3997" s="2">
        <v>7.6</v>
      </c>
      <c r="Y3997" s="2">
        <v>16.7</v>
      </c>
      <c r="Z3997" s="5"/>
      <c r="AA3997" s="5" t="s">
        <v>43</v>
      </c>
      <c r="AB3997" s="5" t="s">
        <v>44</v>
      </c>
      <c r="AC3997" s="2"/>
      <c r="AD3997" s="1"/>
    </row>
    <row r="3998" spans="1:30">
      <c r="A3998" s="5" t="s">
        <v>83578</v>
      </c>
      <c r="B3998" s="2" t="s">
        <v>95596</v>
      </c>
      <c r="C3998" s="14" t="s">
        <v>95597</v>
      </c>
      <c r="D3998" s="2" t="s">
        <v>95598</v>
      </c>
      <c r="E3998" s="2" t="s">
        <v>7539</v>
      </c>
      <c r="F3998" s="8">
        <v>300</v>
      </c>
      <c r="G3998" s="5">
        <v>6</v>
      </c>
      <c r="H3998" s="5" t="s">
        <v>1518</v>
      </c>
      <c r="I3998" s="5" t="s">
        <v>40939</v>
      </c>
      <c r="J3998" s="2" t="s">
        <v>40940</v>
      </c>
      <c r="K3998" s="5" t="s">
        <v>40939</v>
      </c>
      <c r="L3998" s="2" t="s">
        <v>40940</v>
      </c>
      <c r="M3998" s="5" t="s">
        <v>36266</v>
      </c>
      <c r="N3998" s="5" t="s">
        <v>38</v>
      </c>
      <c r="O3998" s="5" t="s">
        <v>39</v>
      </c>
      <c r="P3998" s="5" t="s">
        <v>40</v>
      </c>
      <c r="Q3998" s="5" t="s">
        <v>1522</v>
      </c>
      <c r="R3998" s="5" t="s">
        <v>1523</v>
      </c>
      <c r="S3998" s="5" t="s">
        <v>42</v>
      </c>
      <c r="T3998" s="2">
        <v>2.859</v>
      </c>
      <c r="U3998" s="2">
        <v>2.3319999999999999</v>
      </c>
      <c r="V3998" s="2">
        <v>1.4999999999999999E-2</v>
      </c>
      <c r="W3998" s="2">
        <v>118.9</v>
      </c>
      <c r="X3998" s="2">
        <v>7.6</v>
      </c>
      <c r="Y3998" s="2">
        <v>16.7</v>
      </c>
      <c r="Z3998" s="5"/>
      <c r="AA3998" s="5" t="s">
        <v>43</v>
      </c>
      <c r="AB3998" s="5" t="s">
        <v>44</v>
      </c>
      <c r="AC3998" s="2"/>
      <c r="AD3998" s="1"/>
    </row>
    <row r="3999" spans="1:30">
      <c r="A3999" s="5" t="s">
        <v>83578</v>
      </c>
      <c r="B3999" s="2" t="s">
        <v>95599</v>
      </c>
      <c r="C3999" s="14" t="s">
        <v>95600</v>
      </c>
      <c r="D3999" s="2" t="s">
        <v>95601</v>
      </c>
      <c r="E3999" s="2" t="s">
        <v>7543</v>
      </c>
      <c r="F3999" s="8">
        <v>300</v>
      </c>
      <c r="G3999" s="5">
        <v>6</v>
      </c>
      <c r="H3999" s="5" t="s">
        <v>1518</v>
      </c>
      <c r="I3999" s="5" t="s">
        <v>40939</v>
      </c>
      <c r="J3999" s="2" t="s">
        <v>40940</v>
      </c>
      <c r="K3999" s="5" t="s">
        <v>40939</v>
      </c>
      <c r="L3999" s="2" t="s">
        <v>40940</v>
      </c>
      <c r="M3999" s="5" t="s">
        <v>36266</v>
      </c>
      <c r="N3999" s="5" t="s">
        <v>38</v>
      </c>
      <c r="O3999" s="5" t="s">
        <v>39</v>
      </c>
      <c r="P3999" s="5" t="s">
        <v>40</v>
      </c>
      <c r="Q3999" s="5" t="s">
        <v>1522</v>
      </c>
      <c r="R3999" s="5" t="s">
        <v>1523</v>
      </c>
      <c r="S3999" s="5" t="s">
        <v>42</v>
      </c>
      <c r="T3999" s="2">
        <v>2.9449999999999998</v>
      </c>
      <c r="U3999" s="2">
        <v>2.4180000000000001</v>
      </c>
      <c r="V3999" s="2">
        <v>1.4999999999999999E-2</v>
      </c>
      <c r="W3999" s="2">
        <v>118.9</v>
      </c>
      <c r="X3999" s="2">
        <v>7.6</v>
      </c>
      <c r="Y3999" s="2">
        <v>16.7</v>
      </c>
      <c r="Z3999" s="5"/>
      <c r="AA3999" s="5" t="s">
        <v>43</v>
      </c>
      <c r="AB3999" s="5" t="s">
        <v>44</v>
      </c>
      <c r="AC3999" s="2"/>
      <c r="AD3999" s="1"/>
    </row>
    <row r="4000" spans="1:30">
      <c r="A4000" s="5" t="s">
        <v>83578</v>
      </c>
      <c r="B4000" s="2" t="s">
        <v>95602</v>
      </c>
      <c r="C4000" s="14" t="s">
        <v>95603</v>
      </c>
      <c r="D4000" s="2" t="s">
        <v>95604</v>
      </c>
      <c r="E4000" s="2" t="s">
        <v>40989</v>
      </c>
      <c r="F4000" s="8">
        <v>300</v>
      </c>
      <c r="G4000" s="5">
        <v>6</v>
      </c>
      <c r="H4000" s="5" t="s">
        <v>1518</v>
      </c>
      <c r="I4000" s="5" t="s">
        <v>40939</v>
      </c>
      <c r="J4000" s="2" t="s">
        <v>40940</v>
      </c>
      <c r="K4000" s="5" t="s">
        <v>40939</v>
      </c>
      <c r="L4000" s="2" t="s">
        <v>40940</v>
      </c>
      <c r="M4000" s="5" t="s">
        <v>36266</v>
      </c>
      <c r="N4000" s="5" t="s">
        <v>38</v>
      </c>
      <c r="O4000" s="5" t="s">
        <v>39</v>
      </c>
      <c r="P4000" s="5" t="s">
        <v>40</v>
      </c>
      <c r="Q4000" s="5" t="s">
        <v>1522</v>
      </c>
      <c r="R4000" s="5" t="s">
        <v>1523</v>
      </c>
      <c r="S4000" s="5" t="s">
        <v>42</v>
      </c>
      <c r="T4000" s="2">
        <v>2.9049999999999998</v>
      </c>
      <c r="U4000" s="2">
        <v>2.3780000000000001</v>
      </c>
      <c r="V4000" s="2">
        <v>1.4999999999999999E-2</v>
      </c>
      <c r="W4000" s="2">
        <v>118.9</v>
      </c>
      <c r="X4000" s="2">
        <v>7.6</v>
      </c>
      <c r="Y4000" s="2">
        <v>16.7</v>
      </c>
      <c r="Z4000" s="5"/>
      <c r="AA4000" s="5" t="s">
        <v>43</v>
      </c>
      <c r="AB4000" s="5" t="s">
        <v>44</v>
      </c>
      <c r="AC4000" s="2"/>
      <c r="AD4000" s="1"/>
    </row>
    <row r="4001" spans="1:30">
      <c r="A4001" s="5" t="s">
        <v>83578</v>
      </c>
      <c r="B4001" s="2" t="s">
        <v>95605</v>
      </c>
      <c r="C4001" s="14" t="s">
        <v>95606</v>
      </c>
      <c r="D4001" s="2" t="s">
        <v>95607</v>
      </c>
      <c r="E4001" s="2" t="s">
        <v>40993</v>
      </c>
      <c r="F4001" s="8">
        <v>300</v>
      </c>
      <c r="G4001" s="5">
        <v>6</v>
      </c>
      <c r="H4001" s="5" t="s">
        <v>1518</v>
      </c>
      <c r="I4001" s="5" t="s">
        <v>40939</v>
      </c>
      <c r="J4001" s="2" t="s">
        <v>40940</v>
      </c>
      <c r="K4001" s="5" t="s">
        <v>40939</v>
      </c>
      <c r="L4001" s="2" t="s">
        <v>40940</v>
      </c>
      <c r="M4001" s="5" t="s">
        <v>36266</v>
      </c>
      <c r="N4001" s="5" t="s">
        <v>38</v>
      </c>
      <c r="O4001" s="5" t="s">
        <v>39</v>
      </c>
      <c r="P4001" s="5" t="s">
        <v>40</v>
      </c>
      <c r="Q4001" s="5" t="s">
        <v>1522</v>
      </c>
      <c r="R4001" s="5" t="s">
        <v>1523</v>
      </c>
      <c r="S4001" s="5" t="s">
        <v>42</v>
      </c>
      <c r="T4001" s="2">
        <v>2.9910000000000001</v>
      </c>
      <c r="U4001" s="2">
        <v>2.464</v>
      </c>
      <c r="V4001" s="2">
        <v>1.4999999999999999E-2</v>
      </c>
      <c r="W4001" s="2">
        <v>118.9</v>
      </c>
      <c r="X4001" s="2">
        <v>7.6</v>
      </c>
      <c r="Y4001" s="2">
        <v>16.7</v>
      </c>
      <c r="Z4001" s="5"/>
      <c r="AA4001" s="5" t="s">
        <v>43</v>
      </c>
      <c r="AB4001" s="5" t="s">
        <v>44</v>
      </c>
      <c r="AC4001" s="2"/>
      <c r="AD4001" s="1"/>
    </row>
    <row r="4002" spans="1:30">
      <c r="A4002" s="5" t="s">
        <v>83578</v>
      </c>
      <c r="B4002" s="2" t="s">
        <v>95608</v>
      </c>
      <c r="C4002" s="14" t="s">
        <v>95609</v>
      </c>
      <c r="D4002" s="2" t="s">
        <v>95610</v>
      </c>
      <c r="E4002" s="2" t="s">
        <v>40997</v>
      </c>
      <c r="F4002" s="8">
        <v>300</v>
      </c>
      <c r="G4002" s="5">
        <v>6</v>
      </c>
      <c r="H4002" s="5" t="s">
        <v>1518</v>
      </c>
      <c r="I4002" s="5" t="s">
        <v>40939</v>
      </c>
      <c r="J4002" s="2" t="s">
        <v>40940</v>
      </c>
      <c r="K4002" s="5" t="s">
        <v>40939</v>
      </c>
      <c r="L4002" s="2" t="s">
        <v>40940</v>
      </c>
      <c r="M4002" s="5" t="s">
        <v>36266</v>
      </c>
      <c r="N4002" s="5" t="s">
        <v>38</v>
      </c>
      <c r="O4002" s="5" t="s">
        <v>39</v>
      </c>
      <c r="P4002" s="5" t="s">
        <v>40</v>
      </c>
      <c r="Q4002" s="5" t="s">
        <v>1522</v>
      </c>
      <c r="R4002" s="5" t="s">
        <v>1523</v>
      </c>
      <c r="S4002" s="5" t="s">
        <v>42</v>
      </c>
      <c r="T4002" s="2">
        <v>2.8679999999999999</v>
      </c>
      <c r="U4002" s="2">
        <v>2.3410000000000002</v>
      </c>
      <c r="V4002" s="2">
        <v>1.4999999999999999E-2</v>
      </c>
      <c r="W4002" s="2">
        <v>118.9</v>
      </c>
      <c r="X4002" s="2">
        <v>7.6</v>
      </c>
      <c r="Y4002" s="2">
        <v>16.7</v>
      </c>
      <c r="Z4002" s="5"/>
      <c r="AA4002" s="5" t="s">
        <v>43</v>
      </c>
      <c r="AB4002" s="5" t="s">
        <v>44</v>
      </c>
      <c r="AC4002" s="2"/>
      <c r="AD4002" s="1"/>
    </row>
    <row r="4003" spans="1:30">
      <c r="A4003" s="5" t="s">
        <v>83578</v>
      </c>
      <c r="B4003" s="2" t="s">
        <v>95611</v>
      </c>
      <c r="C4003" s="14" t="s">
        <v>95612</v>
      </c>
      <c r="D4003" s="2" t="s">
        <v>95613</v>
      </c>
      <c r="E4003" s="2" t="s">
        <v>41267</v>
      </c>
      <c r="F4003" s="8">
        <v>300</v>
      </c>
      <c r="G4003" s="5">
        <v>6</v>
      </c>
      <c r="H4003" s="5" t="s">
        <v>1518</v>
      </c>
      <c r="I4003" s="5" t="s">
        <v>40939</v>
      </c>
      <c r="J4003" s="2" t="s">
        <v>40940</v>
      </c>
      <c r="K4003" s="5" t="s">
        <v>40939</v>
      </c>
      <c r="L4003" s="2" t="s">
        <v>40940</v>
      </c>
      <c r="M4003" s="5" t="s">
        <v>36266</v>
      </c>
      <c r="N4003" s="5" t="s">
        <v>38</v>
      </c>
      <c r="O4003" s="5" t="s">
        <v>39</v>
      </c>
      <c r="P4003" s="5" t="s">
        <v>40</v>
      </c>
      <c r="Q4003" s="5" t="s">
        <v>1522</v>
      </c>
      <c r="R4003" s="5" t="s">
        <v>1523</v>
      </c>
      <c r="S4003" s="5" t="s">
        <v>42</v>
      </c>
      <c r="T4003" s="2">
        <v>2.9540000000000002</v>
      </c>
      <c r="U4003" s="2">
        <v>2.427</v>
      </c>
      <c r="V4003" s="2">
        <v>1.4999999999999999E-2</v>
      </c>
      <c r="W4003" s="2">
        <v>118.9</v>
      </c>
      <c r="X4003" s="2">
        <v>7.6</v>
      </c>
      <c r="Y4003" s="2">
        <v>16.7</v>
      </c>
      <c r="Z4003" s="5"/>
      <c r="AA4003" s="5" t="s">
        <v>43</v>
      </c>
      <c r="AB4003" s="5" t="s">
        <v>44</v>
      </c>
      <c r="AC4003" s="2"/>
      <c r="AD4003" s="1"/>
    </row>
    <row r="4004" spans="1:30">
      <c r="A4004" s="5" t="s">
        <v>83578</v>
      </c>
      <c r="B4004" s="2" t="s">
        <v>95614</v>
      </c>
      <c r="C4004" s="14" t="s">
        <v>95615</v>
      </c>
      <c r="D4004" s="2" t="s">
        <v>95616</v>
      </c>
      <c r="E4004" s="2" t="s">
        <v>41001</v>
      </c>
      <c r="F4004" s="8">
        <v>300</v>
      </c>
      <c r="G4004" s="5">
        <v>6</v>
      </c>
      <c r="H4004" s="5" t="s">
        <v>1518</v>
      </c>
      <c r="I4004" s="5" t="s">
        <v>40939</v>
      </c>
      <c r="J4004" s="2" t="s">
        <v>40940</v>
      </c>
      <c r="K4004" s="5" t="s">
        <v>40939</v>
      </c>
      <c r="L4004" s="2" t="s">
        <v>40940</v>
      </c>
      <c r="M4004" s="5" t="s">
        <v>36266</v>
      </c>
      <c r="N4004" s="5" t="s">
        <v>38</v>
      </c>
      <c r="O4004" s="5" t="s">
        <v>39</v>
      </c>
      <c r="P4004" s="5" t="s">
        <v>40</v>
      </c>
      <c r="Q4004" s="5" t="s">
        <v>1522</v>
      </c>
      <c r="R4004" s="5" t="s">
        <v>1523</v>
      </c>
      <c r="S4004" s="5" t="s">
        <v>42</v>
      </c>
      <c r="T4004" s="2">
        <v>2.9049999999999998</v>
      </c>
      <c r="U4004" s="2">
        <v>2.3780000000000001</v>
      </c>
      <c r="V4004" s="2">
        <v>1.4999999999999999E-2</v>
      </c>
      <c r="W4004" s="2">
        <v>118.9</v>
      </c>
      <c r="X4004" s="2">
        <v>7.6</v>
      </c>
      <c r="Y4004" s="2">
        <v>16.7</v>
      </c>
      <c r="Z4004" s="5"/>
      <c r="AA4004" s="5" t="s">
        <v>43</v>
      </c>
      <c r="AB4004" s="5" t="s">
        <v>44</v>
      </c>
      <c r="AC4004" s="2"/>
      <c r="AD4004" s="1"/>
    </row>
    <row r="4005" spans="1:30">
      <c r="A4005" s="5" t="s">
        <v>83578</v>
      </c>
      <c r="B4005" s="2" t="s">
        <v>95617</v>
      </c>
      <c r="C4005" s="14" t="s">
        <v>95618</v>
      </c>
      <c r="D4005" s="2" t="s">
        <v>95619</v>
      </c>
      <c r="E4005" s="2" t="s">
        <v>41005</v>
      </c>
      <c r="F4005" s="8">
        <v>300</v>
      </c>
      <c r="G4005" s="5">
        <v>6</v>
      </c>
      <c r="H4005" s="5" t="s">
        <v>1518</v>
      </c>
      <c r="I4005" s="5" t="s">
        <v>40939</v>
      </c>
      <c r="J4005" s="2" t="s">
        <v>40940</v>
      </c>
      <c r="K4005" s="5" t="s">
        <v>40939</v>
      </c>
      <c r="L4005" s="2" t="s">
        <v>40940</v>
      </c>
      <c r="M4005" s="5" t="s">
        <v>36266</v>
      </c>
      <c r="N4005" s="5" t="s">
        <v>38</v>
      </c>
      <c r="O4005" s="5" t="s">
        <v>39</v>
      </c>
      <c r="P4005" s="5" t="s">
        <v>40</v>
      </c>
      <c r="Q4005" s="5" t="s">
        <v>1522</v>
      </c>
      <c r="R4005" s="5" t="s">
        <v>1523</v>
      </c>
      <c r="S4005" s="5" t="s">
        <v>42</v>
      </c>
      <c r="T4005" s="2">
        <v>2.9910000000000001</v>
      </c>
      <c r="U4005" s="2">
        <v>2.464</v>
      </c>
      <c r="V4005" s="2">
        <v>1.4999999999999999E-2</v>
      </c>
      <c r="W4005" s="2">
        <v>118.9</v>
      </c>
      <c r="X4005" s="2">
        <v>7.6</v>
      </c>
      <c r="Y4005" s="2">
        <v>16.7</v>
      </c>
      <c r="Z4005" s="5"/>
      <c r="AA4005" s="5" t="s">
        <v>43</v>
      </c>
      <c r="AB4005" s="5" t="s">
        <v>44</v>
      </c>
      <c r="AC4005" s="2"/>
      <c r="AD4005" s="1"/>
    </row>
    <row r="4006" spans="1:30">
      <c r="A4006" s="5" t="s">
        <v>83578</v>
      </c>
      <c r="B4006" s="2" t="s">
        <v>95620</v>
      </c>
      <c r="C4006" s="14" t="s">
        <v>95621</v>
      </c>
      <c r="D4006" s="2" t="s">
        <v>95622</v>
      </c>
      <c r="E4006" s="2" t="s">
        <v>41009</v>
      </c>
      <c r="F4006" s="8">
        <v>300</v>
      </c>
      <c r="G4006" s="5">
        <v>6</v>
      </c>
      <c r="H4006" s="5" t="s">
        <v>1518</v>
      </c>
      <c r="I4006" s="5" t="s">
        <v>40939</v>
      </c>
      <c r="J4006" s="2" t="s">
        <v>40940</v>
      </c>
      <c r="K4006" s="5" t="s">
        <v>40939</v>
      </c>
      <c r="L4006" s="2" t="s">
        <v>40940</v>
      </c>
      <c r="M4006" s="5" t="s">
        <v>36266</v>
      </c>
      <c r="N4006" s="5" t="s">
        <v>38</v>
      </c>
      <c r="O4006" s="5" t="s">
        <v>39</v>
      </c>
      <c r="P4006" s="5" t="s">
        <v>40</v>
      </c>
      <c r="Q4006" s="5" t="s">
        <v>1522</v>
      </c>
      <c r="R4006" s="5" t="s">
        <v>1523</v>
      </c>
      <c r="S4006" s="5" t="s">
        <v>42</v>
      </c>
      <c r="T4006" s="2">
        <v>2.915</v>
      </c>
      <c r="U4006" s="2">
        <v>2.3879999999999999</v>
      </c>
      <c r="V4006" s="2">
        <v>1.4999999999999999E-2</v>
      </c>
      <c r="W4006" s="2">
        <v>118.9</v>
      </c>
      <c r="X4006" s="2">
        <v>7.6</v>
      </c>
      <c r="Y4006" s="2">
        <v>16.7</v>
      </c>
      <c r="Z4006" s="5"/>
      <c r="AA4006" s="5" t="s">
        <v>43</v>
      </c>
      <c r="AB4006" s="5" t="s">
        <v>44</v>
      </c>
      <c r="AC4006" s="2"/>
      <c r="AD4006" s="1"/>
    </row>
    <row r="4007" spans="1:30">
      <c r="A4007" s="5" t="s">
        <v>83578</v>
      </c>
      <c r="B4007" s="2" t="s">
        <v>95623</v>
      </c>
      <c r="C4007" s="14" t="s">
        <v>95624</v>
      </c>
      <c r="D4007" s="2" t="s">
        <v>95625</v>
      </c>
      <c r="E4007" s="2" t="s">
        <v>41013</v>
      </c>
      <c r="F4007" s="8">
        <v>300</v>
      </c>
      <c r="G4007" s="5">
        <v>6</v>
      </c>
      <c r="H4007" s="5" t="s">
        <v>1518</v>
      </c>
      <c r="I4007" s="5" t="s">
        <v>40939</v>
      </c>
      <c r="J4007" s="2" t="s">
        <v>40940</v>
      </c>
      <c r="K4007" s="5" t="s">
        <v>40939</v>
      </c>
      <c r="L4007" s="2" t="s">
        <v>40940</v>
      </c>
      <c r="M4007" s="5" t="s">
        <v>36266</v>
      </c>
      <c r="N4007" s="5" t="s">
        <v>38</v>
      </c>
      <c r="O4007" s="5" t="s">
        <v>39</v>
      </c>
      <c r="P4007" s="5" t="s">
        <v>40</v>
      </c>
      <c r="Q4007" s="5" t="s">
        <v>1522</v>
      </c>
      <c r="R4007" s="5" t="s">
        <v>1523</v>
      </c>
      <c r="S4007" s="5" t="s">
        <v>42</v>
      </c>
      <c r="T4007" s="2">
        <v>3.0009999999999999</v>
      </c>
      <c r="U4007" s="2">
        <v>2.4740000000000002</v>
      </c>
      <c r="V4007" s="2">
        <v>1.4999999999999999E-2</v>
      </c>
      <c r="W4007" s="2">
        <v>118.9</v>
      </c>
      <c r="X4007" s="2">
        <v>7.6</v>
      </c>
      <c r="Y4007" s="2">
        <v>16.7</v>
      </c>
      <c r="Z4007" s="5"/>
      <c r="AA4007" s="5" t="s">
        <v>43</v>
      </c>
      <c r="AB4007" s="5" t="s">
        <v>44</v>
      </c>
      <c r="AC4007" s="2"/>
      <c r="AD4007" s="1"/>
    </row>
    <row r="4008" spans="1:30">
      <c r="A4008" s="5" t="s">
        <v>83578</v>
      </c>
      <c r="B4008" s="2" t="s">
        <v>95626</v>
      </c>
      <c r="C4008" s="14" t="s">
        <v>95627</v>
      </c>
      <c r="D4008" s="2" t="s">
        <v>95628</v>
      </c>
      <c r="E4008" s="2" t="s">
        <v>7507</v>
      </c>
      <c r="F4008" s="8">
        <v>278</v>
      </c>
      <c r="G4008" s="5">
        <v>6</v>
      </c>
      <c r="H4008" s="5" t="s">
        <v>1518</v>
      </c>
      <c r="I4008" s="5" t="s">
        <v>40939</v>
      </c>
      <c r="J4008" s="2" t="s">
        <v>40940</v>
      </c>
      <c r="K4008" s="5" t="s">
        <v>40939</v>
      </c>
      <c r="L4008" s="2" t="s">
        <v>40940</v>
      </c>
      <c r="M4008" s="5" t="s">
        <v>36266</v>
      </c>
      <c r="N4008" s="5" t="s">
        <v>38</v>
      </c>
      <c r="O4008" s="5" t="s">
        <v>39</v>
      </c>
      <c r="P4008" s="5" t="s">
        <v>40</v>
      </c>
      <c r="Q4008" s="5" t="s">
        <v>1522</v>
      </c>
      <c r="R4008" s="5" t="s">
        <v>1523</v>
      </c>
      <c r="S4008" s="5" t="s">
        <v>42</v>
      </c>
      <c r="T4008" s="2">
        <v>3.0009999999999999</v>
      </c>
      <c r="U4008" s="2">
        <v>2.4740000000000002</v>
      </c>
      <c r="V4008" s="2">
        <v>1.4999999999999999E-2</v>
      </c>
      <c r="W4008" s="2">
        <v>118.9</v>
      </c>
      <c r="X4008" s="2">
        <v>7.6</v>
      </c>
      <c r="Y4008" s="2">
        <v>16.7</v>
      </c>
      <c r="Z4008" s="5"/>
      <c r="AA4008" s="5" t="s">
        <v>43</v>
      </c>
      <c r="AB4008" s="5" t="s">
        <v>44</v>
      </c>
      <c r="AC4008" s="2"/>
      <c r="AD4008" s="1"/>
    </row>
    <row r="4009" spans="1:30">
      <c r="A4009" s="5" t="s">
        <v>83578</v>
      </c>
      <c r="B4009" s="2" t="s">
        <v>95629</v>
      </c>
      <c r="C4009" s="14" t="s">
        <v>95630</v>
      </c>
      <c r="D4009" s="2" t="s">
        <v>95631</v>
      </c>
      <c r="E4009" s="2" t="s">
        <v>41023</v>
      </c>
      <c r="F4009" s="8">
        <v>300</v>
      </c>
      <c r="G4009" s="5">
        <v>6</v>
      </c>
      <c r="H4009" s="5" t="s">
        <v>1518</v>
      </c>
      <c r="I4009" s="5" t="s">
        <v>40939</v>
      </c>
      <c r="J4009" s="2" t="s">
        <v>40940</v>
      </c>
      <c r="K4009" s="5" t="s">
        <v>40939</v>
      </c>
      <c r="L4009" s="2" t="s">
        <v>40940</v>
      </c>
      <c r="M4009" s="5" t="s">
        <v>36266</v>
      </c>
      <c r="N4009" s="5" t="s">
        <v>38</v>
      </c>
      <c r="O4009" s="5" t="s">
        <v>39</v>
      </c>
      <c r="P4009" s="5" t="s">
        <v>40</v>
      </c>
      <c r="Q4009" s="5" t="s">
        <v>1522</v>
      </c>
      <c r="R4009" s="5" t="s">
        <v>1523</v>
      </c>
      <c r="S4009" s="5" t="s">
        <v>42</v>
      </c>
      <c r="T4009" s="2">
        <v>2.8679999999999999</v>
      </c>
      <c r="U4009" s="2">
        <v>2.3410000000000002</v>
      </c>
      <c r="V4009" s="2">
        <v>1.4999999999999999E-2</v>
      </c>
      <c r="W4009" s="2">
        <v>118.9</v>
      </c>
      <c r="X4009" s="2">
        <v>7.6</v>
      </c>
      <c r="Y4009" s="2">
        <v>16.7</v>
      </c>
      <c r="Z4009" s="5"/>
      <c r="AA4009" s="5" t="s">
        <v>43</v>
      </c>
      <c r="AB4009" s="5" t="s">
        <v>44</v>
      </c>
      <c r="AC4009" s="2"/>
      <c r="AD4009" s="1"/>
    </row>
    <row r="4010" spans="1:30">
      <c r="A4010" s="5" t="s">
        <v>83578</v>
      </c>
      <c r="B4010" s="2" t="s">
        <v>95632</v>
      </c>
      <c r="C4010" s="14" t="s">
        <v>95633</v>
      </c>
      <c r="D4010" s="2" t="s">
        <v>95634</v>
      </c>
      <c r="E4010" s="2" t="s">
        <v>41027</v>
      </c>
      <c r="F4010" s="8">
        <v>300</v>
      </c>
      <c r="G4010" s="5">
        <v>6</v>
      </c>
      <c r="H4010" s="5" t="s">
        <v>1518</v>
      </c>
      <c r="I4010" s="5" t="s">
        <v>40939</v>
      </c>
      <c r="J4010" s="2" t="s">
        <v>40940</v>
      </c>
      <c r="K4010" s="5" t="s">
        <v>40939</v>
      </c>
      <c r="L4010" s="2" t="s">
        <v>40940</v>
      </c>
      <c r="M4010" s="5" t="s">
        <v>36266</v>
      </c>
      <c r="N4010" s="5" t="s">
        <v>38</v>
      </c>
      <c r="O4010" s="5" t="s">
        <v>39</v>
      </c>
      <c r="P4010" s="5" t="s">
        <v>40</v>
      </c>
      <c r="Q4010" s="5" t="s">
        <v>1522</v>
      </c>
      <c r="R4010" s="5" t="s">
        <v>1523</v>
      </c>
      <c r="S4010" s="5" t="s">
        <v>42</v>
      </c>
      <c r="T4010" s="2">
        <v>2.9540000000000002</v>
      </c>
      <c r="U4010" s="2">
        <v>2.427</v>
      </c>
      <c r="V4010" s="2">
        <v>1.4999999999999999E-2</v>
      </c>
      <c r="W4010" s="2">
        <v>118.9</v>
      </c>
      <c r="X4010" s="2">
        <v>7.6</v>
      </c>
      <c r="Y4010" s="2">
        <v>16.7</v>
      </c>
      <c r="Z4010" s="5"/>
      <c r="AA4010" s="5" t="s">
        <v>43</v>
      </c>
      <c r="AB4010" s="5" t="s">
        <v>44</v>
      </c>
      <c r="AC4010" s="2"/>
      <c r="AD4010" s="1"/>
    </row>
    <row r="4011" spans="1:30">
      <c r="A4011" s="5" t="s">
        <v>83578</v>
      </c>
      <c r="B4011" s="2" t="s">
        <v>95635</v>
      </c>
      <c r="C4011" s="14" t="s">
        <v>95636</v>
      </c>
      <c r="D4011" s="2" t="s">
        <v>95637</v>
      </c>
      <c r="E4011" s="2" t="s">
        <v>41031</v>
      </c>
      <c r="F4011" s="8">
        <v>300</v>
      </c>
      <c r="G4011" s="5">
        <v>6</v>
      </c>
      <c r="H4011" s="5" t="s">
        <v>1518</v>
      </c>
      <c r="I4011" s="5" t="s">
        <v>40939</v>
      </c>
      <c r="J4011" s="2" t="s">
        <v>40940</v>
      </c>
      <c r="K4011" s="5" t="s">
        <v>40939</v>
      </c>
      <c r="L4011" s="2" t="s">
        <v>40940</v>
      </c>
      <c r="M4011" s="5" t="s">
        <v>36266</v>
      </c>
      <c r="N4011" s="5" t="s">
        <v>38</v>
      </c>
      <c r="O4011" s="5" t="s">
        <v>39</v>
      </c>
      <c r="P4011" s="5" t="s">
        <v>40</v>
      </c>
      <c r="Q4011" s="5" t="s">
        <v>1522</v>
      </c>
      <c r="R4011" s="5" t="s">
        <v>1523</v>
      </c>
      <c r="S4011" s="5" t="s">
        <v>42</v>
      </c>
      <c r="T4011" s="2">
        <v>2.8679999999999999</v>
      </c>
      <c r="U4011" s="2">
        <v>2.3410000000000002</v>
      </c>
      <c r="V4011" s="2">
        <v>1.4999999999999999E-2</v>
      </c>
      <c r="W4011" s="2">
        <v>118.9</v>
      </c>
      <c r="X4011" s="2">
        <v>7.6</v>
      </c>
      <c r="Y4011" s="2">
        <v>16.7</v>
      </c>
      <c r="Z4011" s="5"/>
      <c r="AA4011" s="5" t="s">
        <v>43</v>
      </c>
      <c r="AB4011" s="5" t="s">
        <v>44</v>
      </c>
      <c r="AC4011" s="2"/>
      <c r="AD4011" s="1"/>
    </row>
    <row r="4012" spans="1:30">
      <c r="A4012" s="5" t="s">
        <v>83578</v>
      </c>
      <c r="B4012" s="2" t="s">
        <v>95638</v>
      </c>
      <c r="C4012" s="14" t="s">
        <v>95639</v>
      </c>
      <c r="D4012" s="2" t="s">
        <v>95640</v>
      </c>
      <c r="E4012" s="2" t="s">
        <v>41035</v>
      </c>
      <c r="F4012" s="8">
        <v>300</v>
      </c>
      <c r="G4012" s="5">
        <v>6</v>
      </c>
      <c r="H4012" s="5" t="s">
        <v>1518</v>
      </c>
      <c r="I4012" s="5" t="s">
        <v>40939</v>
      </c>
      <c r="J4012" s="2" t="s">
        <v>40940</v>
      </c>
      <c r="K4012" s="5" t="s">
        <v>40939</v>
      </c>
      <c r="L4012" s="2" t="s">
        <v>40940</v>
      </c>
      <c r="M4012" s="5" t="s">
        <v>36266</v>
      </c>
      <c r="N4012" s="5" t="s">
        <v>38</v>
      </c>
      <c r="O4012" s="5" t="s">
        <v>39</v>
      </c>
      <c r="P4012" s="5" t="s">
        <v>40</v>
      </c>
      <c r="Q4012" s="5" t="s">
        <v>1522</v>
      </c>
      <c r="R4012" s="5" t="s">
        <v>1523</v>
      </c>
      <c r="S4012" s="5" t="s">
        <v>42</v>
      </c>
      <c r="T4012" s="2">
        <v>2.9540000000000002</v>
      </c>
      <c r="U4012" s="2">
        <v>2.427</v>
      </c>
      <c r="V4012" s="2">
        <v>1.4999999999999999E-2</v>
      </c>
      <c r="W4012" s="2">
        <v>118.9</v>
      </c>
      <c r="X4012" s="2">
        <v>7.6</v>
      </c>
      <c r="Y4012" s="2">
        <v>16.7</v>
      </c>
      <c r="Z4012" s="5"/>
      <c r="AA4012" s="5" t="s">
        <v>43</v>
      </c>
      <c r="AB4012" s="5" t="s">
        <v>44</v>
      </c>
      <c r="AC4012" s="2"/>
      <c r="AD4012" s="1"/>
    </row>
    <row r="4013" spans="1:30">
      <c r="A4013" s="5" t="s">
        <v>83578</v>
      </c>
      <c r="B4013" s="2" t="s">
        <v>95641</v>
      </c>
      <c r="C4013" s="14" t="s">
        <v>95642</v>
      </c>
      <c r="D4013" s="2" t="s">
        <v>95643</v>
      </c>
      <c r="E4013" s="2" t="s">
        <v>7449</v>
      </c>
      <c r="F4013" s="8">
        <v>300</v>
      </c>
      <c r="G4013" s="5">
        <v>6</v>
      </c>
      <c r="H4013" s="5" t="s">
        <v>1518</v>
      </c>
      <c r="I4013" s="5" t="s">
        <v>40939</v>
      </c>
      <c r="J4013" s="2" t="s">
        <v>40940</v>
      </c>
      <c r="K4013" s="5" t="s">
        <v>40939</v>
      </c>
      <c r="L4013" s="2" t="s">
        <v>40940</v>
      </c>
      <c r="M4013" s="5" t="s">
        <v>36266</v>
      </c>
      <c r="N4013" s="5" t="s">
        <v>38</v>
      </c>
      <c r="O4013" s="5" t="s">
        <v>39</v>
      </c>
      <c r="P4013" s="5" t="s">
        <v>40</v>
      </c>
      <c r="Q4013" s="5" t="s">
        <v>1522</v>
      </c>
      <c r="R4013" s="5" t="s">
        <v>1523</v>
      </c>
      <c r="S4013" s="5" t="s">
        <v>42</v>
      </c>
      <c r="T4013" s="2">
        <v>2.8679999999999999</v>
      </c>
      <c r="U4013" s="2">
        <v>2.3410000000000002</v>
      </c>
      <c r="V4013" s="2">
        <v>1.4999999999999999E-2</v>
      </c>
      <c r="W4013" s="2">
        <v>118.9</v>
      </c>
      <c r="X4013" s="2">
        <v>7.6</v>
      </c>
      <c r="Y4013" s="2">
        <v>16.7</v>
      </c>
      <c r="Z4013" s="5"/>
      <c r="AA4013" s="5" t="s">
        <v>43</v>
      </c>
      <c r="AB4013" s="5" t="s">
        <v>44</v>
      </c>
      <c r="AC4013" s="2"/>
      <c r="AD4013" s="1"/>
    </row>
    <row r="4014" spans="1:30">
      <c r="A4014" s="5" t="s">
        <v>83578</v>
      </c>
      <c r="B4014" s="2" t="s">
        <v>95644</v>
      </c>
      <c r="C4014" s="14" t="s">
        <v>95645</v>
      </c>
      <c r="D4014" s="2" t="s">
        <v>95646</v>
      </c>
      <c r="E4014" s="2" t="s">
        <v>7581</v>
      </c>
      <c r="F4014" s="8">
        <v>300</v>
      </c>
      <c r="G4014" s="5">
        <v>6</v>
      </c>
      <c r="H4014" s="5" t="s">
        <v>1518</v>
      </c>
      <c r="I4014" s="5" t="s">
        <v>40939</v>
      </c>
      <c r="J4014" s="2" t="s">
        <v>40940</v>
      </c>
      <c r="K4014" s="5" t="s">
        <v>40939</v>
      </c>
      <c r="L4014" s="2" t="s">
        <v>40940</v>
      </c>
      <c r="M4014" s="5" t="s">
        <v>36266</v>
      </c>
      <c r="N4014" s="5" t="s">
        <v>38</v>
      </c>
      <c r="O4014" s="5" t="s">
        <v>39</v>
      </c>
      <c r="P4014" s="5" t="s">
        <v>40</v>
      </c>
      <c r="Q4014" s="5" t="s">
        <v>1522</v>
      </c>
      <c r="R4014" s="5" t="s">
        <v>1523</v>
      </c>
      <c r="S4014" s="5" t="s">
        <v>42</v>
      </c>
      <c r="T4014" s="2">
        <v>2.9540000000000002</v>
      </c>
      <c r="U4014" s="2">
        <v>2.427</v>
      </c>
      <c r="V4014" s="2">
        <v>1.4999999999999999E-2</v>
      </c>
      <c r="W4014" s="2">
        <v>118.9</v>
      </c>
      <c r="X4014" s="2">
        <v>7.6</v>
      </c>
      <c r="Y4014" s="2">
        <v>16.7</v>
      </c>
      <c r="Z4014" s="5"/>
      <c r="AA4014" s="5" t="s">
        <v>43</v>
      </c>
      <c r="AB4014" s="5" t="s">
        <v>44</v>
      </c>
      <c r="AC4014" s="2"/>
      <c r="AD4014" s="1"/>
    </row>
    <row r="4015" spans="1:30">
      <c r="A4015" s="5" t="s">
        <v>83578</v>
      </c>
      <c r="B4015" s="2" t="s">
        <v>95647</v>
      </c>
      <c r="C4015" s="14" t="s">
        <v>95648</v>
      </c>
      <c r="D4015" s="2" t="s">
        <v>95649</v>
      </c>
      <c r="E4015" s="2" t="s">
        <v>41045</v>
      </c>
      <c r="F4015" s="8">
        <v>300</v>
      </c>
      <c r="G4015" s="5">
        <v>6</v>
      </c>
      <c r="H4015" s="5" t="s">
        <v>1518</v>
      </c>
      <c r="I4015" s="5" t="s">
        <v>40939</v>
      </c>
      <c r="J4015" s="2" t="s">
        <v>40940</v>
      </c>
      <c r="K4015" s="5" t="s">
        <v>40939</v>
      </c>
      <c r="L4015" s="2" t="s">
        <v>40940</v>
      </c>
      <c r="M4015" s="5" t="s">
        <v>36266</v>
      </c>
      <c r="N4015" s="5" t="s">
        <v>38</v>
      </c>
      <c r="O4015" s="5" t="s">
        <v>39</v>
      </c>
      <c r="P4015" s="5" t="s">
        <v>40</v>
      </c>
      <c r="Q4015" s="5" t="s">
        <v>1522</v>
      </c>
      <c r="R4015" s="5" t="s">
        <v>1523</v>
      </c>
      <c r="S4015" s="5" t="s">
        <v>42</v>
      </c>
      <c r="T4015" s="2">
        <v>2.9239999999999999</v>
      </c>
      <c r="U4015" s="2">
        <v>2.3969999999999998</v>
      </c>
      <c r="V4015" s="2">
        <v>1.4999999999999999E-2</v>
      </c>
      <c r="W4015" s="2">
        <v>118.9</v>
      </c>
      <c r="X4015" s="2">
        <v>7.6</v>
      </c>
      <c r="Y4015" s="2">
        <v>16.7</v>
      </c>
      <c r="Z4015" s="5"/>
      <c r="AA4015" s="5" t="s">
        <v>43</v>
      </c>
      <c r="AB4015" s="5" t="s">
        <v>44</v>
      </c>
      <c r="AC4015" s="2"/>
      <c r="AD4015" s="1"/>
    </row>
    <row r="4016" spans="1:30">
      <c r="A4016" s="5" t="s">
        <v>83578</v>
      </c>
      <c r="B4016" s="2" t="s">
        <v>95650</v>
      </c>
      <c r="C4016" s="14" t="s">
        <v>95651</v>
      </c>
      <c r="D4016" s="2" t="s">
        <v>95652</v>
      </c>
      <c r="E4016" s="2" t="s">
        <v>41049</v>
      </c>
      <c r="F4016" s="8">
        <v>300</v>
      </c>
      <c r="G4016" s="5">
        <v>6</v>
      </c>
      <c r="H4016" s="5" t="s">
        <v>1518</v>
      </c>
      <c r="I4016" s="5" t="s">
        <v>40939</v>
      </c>
      <c r="J4016" s="2" t="s">
        <v>40940</v>
      </c>
      <c r="K4016" s="5" t="s">
        <v>40939</v>
      </c>
      <c r="L4016" s="2" t="s">
        <v>40940</v>
      </c>
      <c r="M4016" s="5" t="s">
        <v>36266</v>
      </c>
      <c r="N4016" s="5" t="s">
        <v>38</v>
      </c>
      <c r="O4016" s="5" t="s">
        <v>39</v>
      </c>
      <c r="P4016" s="5" t="s">
        <v>40</v>
      </c>
      <c r="Q4016" s="5" t="s">
        <v>1522</v>
      </c>
      <c r="R4016" s="5" t="s">
        <v>1523</v>
      </c>
      <c r="S4016" s="5" t="s">
        <v>42</v>
      </c>
      <c r="T4016" s="2">
        <v>3.01</v>
      </c>
      <c r="U4016" s="2">
        <v>2.4830000000000001</v>
      </c>
      <c r="V4016" s="2">
        <v>1.4999999999999999E-2</v>
      </c>
      <c r="W4016" s="2">
        <v>118.9</v>
      </c>
      <c r="X4016" s="2">
        <v>7.6</v>
      </c>
      <c r="Y4016" s="2">
        <v>16.7</v>
      </c>
      <c r="Z4016" s="5"/>
      <c r="AA4016" s="5" t="s">
        <v>43</v>
      </c>
      <c r="AB4016" s="5" t="s">
        <v>44</v>
      </c>
      <c r="AC4016" s="2"/>
      <c r="AD4016" s="1"/>
    </row>
    <row r="4017" spans="1:30">
      <c r="A4017" s="5" t="s">
        <v>83578</v>
      </c>
      <c r="B4017" s="2" t="s">
        <v>95653</v>
      </c>
      <c r="C4017" s="14" t="s">
        <v>95654</v>
      </c>
      <c r="D4017" s="2" t="s">
        <v>95655</v>
      </c>
      <c r="E4017" s="2" t="s">
        <v>47266</v>
      </c>
      <c r="F4017" s="8">
        <v>313</v>
      </c>
      <c r="G4017" s="5">
        <v>6</v>
      </c>
      <c r="H4017" s="5" t="s">
        <v>1518</v>
      </c>
      <c r="I4017" s="5" t="s">
        <v>40939</v>
      </c>
      <c r="J4017" s="2" t="s">
        <v>40940</v>
      </c>
      <c r="K4017" s="5" t="s">
        <v>40939</v>
      </c>
      <c r="L4017" s="2" t="s">
        <v>40940</v>
      </c>
      <c r="M4017" s="5" t="s">
        <v>36266</v>
      </c>
      <c r="N4017" s="5" t="s">
        <v>38</v>
      </c>
      <c r="O4017" s="5" t="s">
        <v>39</v>
      </c>
      <c r="P4017" s="5" t="s">
        <v>40</v>
      </c>
      <c r="Q4017" s="5" t="s">
        <v>1522</v>
      </c>
      <c r="R4017" s="5" t="s">
        <v>1523</v>
      </c>
      <c r="S4017" s="5" t="s">
        <v>42</v>
      </c>
      <c r="T4017" s="2">
        <v>3.05</v>
      </c>
      <c r="U4017" s="2">
        <v>2.532</v>
      </c>
      <c r="V4017" s="2">
        <v>1.4999999999999999E-2</v>
      </c>
      <c r="W4017" s="2">
        <v>118.9</v>
      </c>
      <c r="X4017" s="2">
        <v>7.6</v>
      </c>
      <c r="Y4017" s="2">
        <v>16.7</v>
      </c>
      <c r="Z4017" s="5"/>
      <c r="AA4017" s="5" t="s">
        <v>43</v>
      </c>
      <c r="AB4017" s="5" t="s">
        <v>44</v>
      </c>
      <c r="AC4017" s="2"/>
      <c r="AD4017" s="1"/>
    </row>
    <row r="4018" spans="1:30">
      <c r="A4018" s="5" t="s">
        <v>83578</v>
      </c>
      <c r="B4018" s="2" t="s">
        <v>95656</v>
      </c>
      <c r="C4018" s="14" t="s">
        <v>95657</v>
      </c>
      <c r="D4018" s="2" t="s">
        <v>95658</v>
      </c>
      <c r="E4018" s="2" t="s">
        <v>47195</v>
      </c>
      <c r="F4018" s="8">
        <v>313</v>
      </c>
      <c r="G4018" s="5">
        <v>6</v>
      </c>
      <c r="H4018" s="5" t="s">
        <v>1518</v>
      </c>
      <c r="I4018" s="5" t="s">
        <v>40939</v>
      </c>
      <c r="J4018" s="2" t="s">
        <v>40940</v>
      </c>
      <c r="K4018" s="5" t="s">
        <v>40939</v>
      </c>
      <c r="L4018" s="2" t="s">
        <v>40940</v>
      </c>
      <c r="M4018" s="5" t="s">
        <v>36266</v>
      </c>
      <c r="N4018" s="5" t="s">
        <v>38</v>
      </c>
      <c r="O4018" s="5" t="s">
        <v>39</v>
      </c>
      <c r="P4018" s="5" t="s">
        <v>40</v>
      </c>
      <c r="Q4018" s="5" t="s">
        <v>1522</v>
      </c>
      <c r="R4018" s="5" t="s">
        <v>1523</v>
      </c>
      <c r="S4018" s="5" t="s">
        <v>42</v>
      </c>
      <c r="T4018" s="2">
        <v>3.15</v>
      </c>
      <c r="U4018" s="2">
        <v>2.6320000000000001</v>
      </c>
      <c r="V4018" s="2">
        <v>1.4999999999999999E-2</v>
      </c>
      <c r="W4018" s="2">
        <v>118.9</v>
      </c>
      <c r="X4018" s="2">
        <v>7.6</v>
      </c>
      <c r="Y4018" s="2">
        <v>16.7</v>
      </c>
      <c r="Z4018" s="5"/>
      <c r="AA4018" s="5" t="s">
        <v>43</v>
      </c>
      <c r="AB4018" s="5" t="s">
        <v>44</v>
      </c>
      <c r="AC4018" s="2"/>
      <c r="AD4018" s="1"/>
    </row>
    <row r="4019" spans="1:30">
      <c r="A4019" s="5" t="s">
        <v>83578</v>
      </c>
      <c r="B4019" s="2" t="s">
        <v>95659</v>
      </c>
      <c r="C4019" s="14" t="s">
        <v>95660</v>
      </c>
      <c r="D4019" s="2" t="s">
        <v>95661</v>
      </c>
      <c r="E4019" s="2" t="s">
        <v>7208</v>
      </c>
      <c r="F4019" s="8">
        <v>289</v>
      </c>
      <c r="G4019" s="5">
        <v>6</v>
      </c>
      <c r="H4019" s="5" t="s">
        <v>1518</v>
      </c>
      <c r="I4019" s="5" t="s">
        <v>40939</v>
      </c>
      <c r="J4019" s="2" t="s">
        <v>40940</v>
      </c>
      <c r="K4019" s="5" t="s">
        <v>40939</v>
      </c>
      <c r="L4019" s="2" t="s">
        <v>40940</v>
      </c>
      <c r="M4019" s="5" t="s">
        <v>36266</v>
      </c>
      <c r="N4019" s="5" t="s">
        <v>38</v>
      </c>
      <c r="O4019" s="5" t="s">
        <v>39</v>
      </c>
      <c r="P4019" s="5" t="s">
        <v>40</v>
      </c>
      <c r="Q4019" s="5" t="s">
        <v>1522</v>
      </c>
      <c r="R4019" s="5" t="s">
        <v>1523</v>
      </c>
      <c r="S4019" s="5" t="s">
        <v>42</v>
      </c>
      <c r="T4019" s="2">
        <v>3.0609999999999999</v>
      </c>
      <c r="U4019" s="2">
        <v>2.5430000000000001</v>
      </c>
      <c r="V4019" s="2">
        <v>1.4999999999999999E-2</v>
      </c>
      <c r="W4019" s="2">
        <v>118.9</v>
      </c>
      <c r="X4019" s="2">
        <v>7.6</v>
      </c>
      <c r="Y4019" s="2">
        <v>16.7</v>
      </c>
      <c r="Z4019" s="5"/>
      <c r="AA4019" s="5" t="s">
        <v>43</v>
      </c>
      <c r="AB4019" s="5" t="s">
        <v>44</v>
      </c>
      <c r="AC4019" s="2"/>
      <c r="AD4019" s="1"/>
    </row>
    <row r="4020" spans="1:30">
      <c r="A4020" s="5" t="s">
        <v>83578</v>
      </c>
      <c r="B4020" s="2" t="s">
        <v>95662</v>
      </c>
      <c r="C4020" s="14" t="s">
        <v>95663</v>
      </c>
      <c r="D4020" s="2" t="s">
        <v>95664</v>
      </c>
      <c r="E4020" s="2" t="s">
        <v>36273</v>
      </c>
      <c r="F4020" s="8">
        <v>289</v>
      </c>
      <c r="G4020" s="5">
        <v>6</v>
      </c>
      <c r="H4020" s="5" t="s">
        <v>1518</v>
      </c>
      <c r="I4020" s="5" t="s">
        <v>40939</v>
      </c>
      <c r="J4020" s="2" t="s">
        <v>40940</v>
      </c>
      <c r="K4020" s="5" t="s">
        <v>40939</v>
      </c>
      <c r="L4020" s="2" t="s">
        <v>40940</v>
      </c>
      <c r="M4020" s="5" t="s">
        <v>36266</v>
      </c>
      <c r="N4020" s="5" t="s">
        <v>38</v>
      </c>
      <c r="O4020" s="5" t="s">
        <v>39</v>
      </c>
      <c r="P4020" s="5" t="s">
        <v>40</v>
      </c>
      <c r="Q4020" s="5" t="s">
        <v>1522</v>
      </c>
      <c r="R4020" s="5" t="s">
        <v>1523</v>
      </c>
      <c r="S4020" s="5" t="s">
        <v>42</v>
      </c>
      <c r="T4020" s="2">
        <v>3.0840000000000001</v>
      </c>
      <c r="U4020" s="2">
        <v>2.5659999999999998</v>
      </c>
      <c r="V4020" s="2">
        <v>1.4999999999999999E-2</v>
      </c>
      <c r="W4020" s="2">
        <v>118.9</v>
      </c>
      <c r="X4020" s="2">
        <v>7.6</v>
      </c>
      <c r="Y4020" s="2">
        <v>16.7</v>
      </c>
      <c r="Z4020" s="5"/>
      <c r="AA4020" s="5" t="s">
        <v>43</v>
      </c>
      <c r="AB4020" s="5" t="s">
        <v>44</v>
      </c>
      <c r="AC4020" s="2"/>
      <c r="AD4020" s="1"/>
    </row>
    <row r="4021" spans="1:30">
      <c r="A4021" s="5" t="s">
        <v>83578</v>
      </c>
      <c r="B4021" s="2" t="s">
        <v>95665</v>
      </c>
      <c r="C4021" s="14" t="s">
        <v>95666</v>
      </c>
      <c r="D4021" s="2" t="s">
        <v>95667</v>
      </c>
      <c r="E4021" s="2" t="s">
        <v>36277</v>
      </c>
      <c r="F4021" s="8">
        <v>289</v>
      </c>
      <c r="G4021" s="5">
        <v>6</v>
      </c>
      <c r="H4021" s="5" t="s">
        <v>1518</v>
      </c>
      <c r="I4021" s="5" t="s">
        <v>40939</v>
      </c>
      <c r="J4021" s="2" t="s">
        <v>40940</v>
      </c>
      <c r="K4021" s="5" t="s">
        <v>40939</v>
      </c>
      <c r="L4021" s="2" t="s">
        <v>40940</v>
      </c>
      <c r="M4021" s="5" t="s">
        <v>36266</v>
      </c>
      <c r="N4021" s="5" t="s">
        <v>38</v>
      </c>
      <c r="O4021" s="5" t="s">
        <v>39</v>
      </c>
      <c r="P4021" s="5" t="s">
        <v>40</v>
      </c>
      <c r="Q4021" s="5" t="s">
        <v>1522</v>
      </c>
      <c r="R4021" s="5" t="s">
        <v>1523</v>
      </c>
      <c r="S4021" s="5" t="s">
        <v>42</v>
      </c>
      <c r="T4021" s="2">
        <v>3.1840000000000002</v>
      </c>
      <c r="U4021" s="2">
        <v>2.6659999999999999</v>
      </c>
      <c r="V4021" s="2">
        <v>1.4999999999999999E-2</v>
      </c>
      <c r="W4021" s="2">
        <v>118.9</v>
      </c>
      <c r="X4021" s="2">
        <v>7.6</v>
      </c>
      <c r="Y4021" s="2">
        <v>16.7</v>
      </c>
      <c r="Z4021" s="5"/>
      <c r="AA4021" s="5" t="s">
        <v>43</v>
      </c>
      <c r="AB4021" s="5" t="s">
        <v>44</v>
      </c>
      <c r="AC4021" s="2"/>
      <c r="AD4021" s="1"/>
    </row>
    <row r="4022" spans="1:30">
      <c r="A4022" s="5" t="s">
        <v>83578</v>
      </c>
      <c r="B4022" s="2" t="s">
        <v>95668</v>
      </c>
      <c r="C4022" s="14" t="s">
        <v>95669</v>
      </c>
      <c r="D4022" s="2" t="s">
        <v>95670</v>
      </c>
      <c r="E4022" s="2" t="s">
        <v>40967</v>
      </c>
      <c r="F4022" s="8">
        <v>313</v>
      </c>
      <c r="G4022" s="5">
        <v>6</v>
      </c>
      <c r="H4022" s="5" t="s">
        <v>1518</v>
      </c>
      <c r="I4022" s="5" t="s">
        <v>40939</v>
      </c>
      <c r="J4022" s="2" t="s">
        <v>40940</v>
      </c>
      <c r="K4022" s="5" t="s">
        <v>40939</v>
      </c>
      <c r="L4022" s="2" t="s">
        <v>40940</v>
      </c>
      <c r="M4022" s="5" t="s">
        <v>36266</v>
      </c>
      <c r="N4022" s="5" t="s">
        <v>38</v>
      </c>
      <c r="O4022" s="5" t="s">
        <v>39</v>
      </c>
      <c r="P4022" s="5" t="s">
        <v>40</v>
      </c>
      <c r="Q4022" s="5" t="s">
        <v>1522</v>
      </c>
      <c r="R4022" s="5" t="s">
        <v>1523</v>
      </c>
      <c r="S4022" s="5" t="s">
        <v>42</v>
      </c>
      <c r="T4022" s="2">
        <v>3.0609999999999999</v>
      </c>
      <c r="U4022" s="2">
        <v>2.5430000000000001</v>
      </c>
      <c r="V4022" s="2">
        <v>1.4999999999999999E-2</v>
      </c>
      <c r="W4022" s="2">
        <v>118.9</v>
      </c>
      <c r="X4022" s="2">
        <v>7.6</v>
      </c>
      <c r="Y4022" s="2">
        <v>16.7</v>
      </c>
      <c r="Z4022" s="5"/>
      <c r="AA4022" s="5" t="s">
        <v>43</v>
      </c>
      <c r="AB4022" s="5" t="s">
        <v>44</v>
      </c>
      <c r="AC4022" s="2"/>
      <c r="AD4022" s="1"/>
    </row>
    <row r="4023" spans="1:30">
      <c r="A4023" s="5" t="s">
        <v>83578</v>
      </c>
      <c r="B4023" s="2" t="s">
        <v>95671</v>
      </c>
      <c r="C4023" s="14" t="s">
        <v>95672</v>
      </c>
      <c r="D4023" s="2" t="s">
        <v>95673</v>
      </c>
      <c r="E4023" s="2" t="s">
        <v>40971</v>
      </c>
      <c r="F4023" s="8">
        <v>313</v>
      </c>
      <c r="G4023" s="5">
        <v>6</v>
      </c>
      <c r="H4023" s="5" t="s">
        <v>1518</v>
      </c>
      <c r="I4023" s="5" t="s">
        <v>40939</v>
      </c>
      <c r="J4023" s="2" t="s">
        <v>40940</v>
      </c>
      <c r="K4023" s="5" t="s">
        <v>40939</v>
      </c>
      <c r="L4023" s="2" t="s">
        <v>40940</v>
      </c>
      <c r="M4023" s="5" t="s">
        <v>36266</v>
      </c>
      <c r="N4023" s="5" t="s">
        <v>38</v>
      </c>
      <c r="O4023" s="5" t="s">
        <v>39</v>
      </c>
      <c r="P4023" s="5" t="s">
        <v>40</v>
      </c>
      <c r="Q4023" s="5" t="s">
        <v>1522</v>
      </c>
      <c r="R4023" s="5" t="s">
        <v>1523</v>
      </c>
      <c r="S4023" s="5" t="s">
        <v>42</v>
      </c>
      <c r="T4023" s="2">
        <v>3.161</v>
      </c>
      <c r="U4023" s="2">
        <v>2.6429999999999998</v>
      </c>
      <c r="V4023" s="2">
        <v>1.4999999999999999E-2</v>
      </c>
      <c r="W4023" s="2">
        <v>118.9</v>
      </c>
      <c r="X4023" s="2">
        <v>7.6</v>
      </c>
      <c r="Y4023" s="2">
        <v>16.7</v>
      </c>
      <c r="Z4023" s="5"/>
      <c r="AA4023" s="5" t="s">
        <v>43</v>
      </c>
      <c r="AB4023" s="5" t="s">
        <v>44</v>
      </c>
      <c r="AC4023" s="2"/>
      <c r="AD4023" s="1"/>
    </row>
    <row r="4024" spans="1:30">
      <c r="A4024" s="5" t="s">
        <v>83578</v>
      </c>
      <c r="B4024" s="2" t="s">
        <v>95674</v>
      </c>
      <c r="C4024" s="14" t="s">
        <v>95675</v>
      </c>
      <c r="D4024" s="2" t="s">
        <v>95676</v>
      </c>
      <c r="E4024" s="2" t="s">
        <v>47226</v>
      </c>
      <c r="F4024" s="8">
        <v>313</v>
      </c>
      <c r="G4024" s="5">
        <v>6</v>
      </c>
      <c r="H4024" s="5" t="s">
        <v>1518</v>
      </c>
      <c r="I4024" s="5" t="s">
        <v>40939</v>
      </c>
      <c r="J4024" s="2" t="s">
        <v>40940</v>
      </c>
      <c r="K4024" s="5" t="s">
        <v>40939</v>
      </c>
      <c r="L4024" s="2" t="s">
        <v>40940</v>
      </c>
      <c r="M4024" s="5" t="s">
        <v>36266</v>
      </c>
      <c r="N4024" s="5" t="s">
        <v>38</v>
      </c>
      <c r="O4024" s="5" t="s">
        <v>39</v>
      </c>
      <c r="P4024" s="5" t="s">
        <v>40</v>
      </c>
      <c r="Q4024" s="5" t="s">
        <v>1522</v>
      </c>
      <c r="R4024" s="5" t="s">
        <v>1523</v>
      </c>
      <c r="S4024" s="5" t="s">
        <v>42</v>
      </c>
      <c r="T4024" s="2">
        <v>3.0609999999999999</v>
      </c>
      <c r="U4024" s="2">
        <v>2.5430000000000001</v>
      </c>
      <c r="V4024" s="2">
        <v>1.4999999999999999E-2</v>
      </c>
      <c r="W4024" s="2">
        <v>118.9</v>
      </c>
      <c r="X4024" s="2">
        <v>7.6</v>
      </c>
      <c r="Y4024" s="2">
        <v>16.7</v>
      </c>
      <c r="Z4024" s="5"/>
      <c r="AA4024" s="5" t="s">
        <v>43</v>
      </c>
      <c r="AB4024" s="5" t="s">
        <v>44</v>
      </c>
      <c r="AC4024" s="2"/>
      <c r="AD4024" s="1"/>
    </row>
    <row r="4025" spans="1:30">
      <c r="A4025" s="5" t="s">
        <v>83578</v>
      </c>
      <c r="B4025" s="2" t="s">
        <v>95677</v>
      </c>
      <c r="C4025" s="14" t="s">
        <v>95678</v>
      </c>
      <c r="D4025" s="2" t="s">
        <v>95679</v>
      </c>
      <c r="E4025" s="2" t="s">
        <v>47735</v>
      </c>
      <c r="F4025" s="8">
        <v>313</v>
      </c>
      <c r="G4025" s="5">
        <v>6</v>
      </c>
      <c r="H4025" s="5" t="s">
        <v>1518</v>
      </c>
      <c r="I4025" s="5" t="s">
        <v>40939</v>
      </c>
      <c r="J4025" s="2" t="s">
        <v>40940</v>
      </c>
      <c r="K4025" s="5" t="s">
        <v>40939</v>
      </c>
      <c r="L4025" s="2" t="s">
        <v>40940</v>
      </c>
      <c r="M4025" s="5" t="s">
        <v>36266</v>
      </c>
      <c r="N4025" s="5" t="s">
        <v>38</v>
      </c>
      <c r="O4025" s="5" t="s">
        <v>39</v>
      </c>
      <c r="P4025" s="5" t="s">
        <v>40</v>
      </c>
      <c r="Q4025" s="5" t="s">
        <v>1522</v>
      </c>
      <c r="R4025" s="5" t="s">
        <v>1523</v>
      </c>
      <c r="S4025" s="5" t="s">
        <v>42</v>
      </c>
      <c r="T4025" s="2">
        <v>3.161</v>
      </c>
      <c r="U4025" s="2">
        <v>2.6429999999999998</v>
      </c>
      <c r="V4025" s="2">
        <v>1.4999999999999999E-2</v>
      </c>
      <c r="W4025" s="2">
        <v>118.9</v>
      </c>
      <c r="X4025" s="2">
        <v>7.6</v>
      </c>
      <c r="Y4025" s="2">
        <v>16.7</v>
      </c>
      <c r="Z4025" s="5"/>
      <c r="AA4025" s="5" t="s">
        <v>43</v>
      </c>
      <c r="AB4025" s="5" t="s">
        <v>44</v>
      </c>
      <c r="AC4025" s="2"/>
      <c r="AD4025" s="1"/>
    </row>
    <row r="4026" spans="1:30">
      <c r="A4026" s="5" t="s">
        <v>83578</v>
      </c>
      <c r="B4026" s="2" t="s">
        <v>95680</v>
      </c>
      <c r="C4026" s="14" t="s">
        <v>95681</v>
      </c>
      <c r="D4026" s="2" t="s">
        <v>95682</v>
      </c>
      <c r="E4026" s="2" t="s">
        <v>7539</v>
      </c>
      <c r="F4026" s="8">
        <v>313</v>
      </c>
      <c r="G4026" s="5">
        <v>6</v>
      </c>
      <c r="H4026" s="5" t="s">
        <v>1518</v>
      </c>
      <c r="I4026" s="5" t="s">
        <v>40939</v>
      </c>
      <c r="J4026" s="2" t="s">
        <v>40940</v>
      </c>
      <c r="K4026" s="5" t="s">
        <v>40939</v>
      </c>
      <c r="L4026" s="2" t="s">
        <v>40940</v>
      </c>
      <c r="M4026" s="5" t="s">
        <v>36266</v>
      </c>
      <c r="N4026" s="5" t="s">
        <v>38</v>
      </c>
      <c r="O4026" s="5" t="s">
        <v>39</v>
      </c>
      <c r="P4026" s="5" t="s">
        <v>40</v>
      </c>
      <c r="Q4026" s="5" t="s">
        <v>1522</v>
      </c>
      <c r="R4026" s="5" t="s">
        <v>1523</v>
      </c>
      <c r="S4026" s="5" t="s">
        <v>42</v>
      </c>
      <c r="T4026" s="2">
        <v>3.0059999999999998</v>
      </c>
      <c r="U4026" s="2">
        <v>2.488</v>
      </c>
      <c r="V4026" s="2">
        <v>1.4999999999999999E-2</v>
      </c>
      <c r="W4026" s="2">
        <v>118.9</v>
      </c>
      <c r="X4026" s="2">
        <v>7.6</v>
      </c>
      <c r="Y4026" s="2">
        <v>16.7</v>
      </c>
      <c r="Z4026" s="5"/>
      <c r="AA4026" s="5" t="s">
        <v>43</v>
      </c>
      <c r="AB4026" s="5" t="s">
        <v>44</v>
      </c>
      <c r="AC4026" s="2"/>
      <c r="AD4026" s="1"/>
    </row>
    <row r="4027" spans="1:30">
      <c r="A4027" s="5" t="s">
        <v>83578</v>
      </c>
      <c r="B4027" s="2" t="s">
        <v>95683</v>
      </c>
      <c r="C4027" s="14" t="s">
        <v>95684</v>
      </c>
      <c r="D4027" s="2" t="s">
        <v>95685</v>
      </c>
      <c r="E4027" s="2" t="s">
        <v>7543</v>
      </c>
      <c r="F4027" s="8">
        <v>313</v>
      </c>
      <c r="G4027" s="5">
        <v>6</v>
      </c>
      <c r="H4027" s="5" t="s">
        <v>1518</v>
      </c>
      <c r="I4027" s="5" t="s">
        <v>40939</v>
      </c>
      <c r="J4027" s="2" t="s">
        <v>40940</v>
      </c>
      <c r="K4027" s="5" t="s">
        <v>40939</v>
      </c>
      <c r="L4027" s="2" t="s">
        <v>40940</v>
      </c>
      <c r="M4027" s="5" t="s">
        <v>36266</v>
      </c>
      <c r="N4027" s="5" t="s">
        <v>38</v>
      </c>
      <c r="O4027" s="5" t="s">
        <v>39</v>
      </c>
      <c r="P4027" s="5" t="s">
        <v>40</v>
      </c>
      <c r="Q4027" s="5" t="s">
        <v>1522</v>
      </c>
      <c r="R4027" s="5" t="s">
        <v>1523</v>
      </c>
      <c r="S4027" s="5" t="s">
        <v>42</v>
      </c>
      <c r="T4027" s="2">
        <v>3.1059999999999999</v>
      </c>
      <c r="U4027" s="2">
        <v>2.5880000000000001</v>
      </c>
      <c r="V4027" s="2">
        <v>1.4999999999999999E-2</v>
      </c>
      <c r="W4027" s="2">
        <v>118.9</v>
      </c>
      <c r="X4027" s="2">
        <v>7.6</v>
      </c>
      <c r="Y4027" s="2">
        <v>16.7</v>
      </c>
      <c r="Z4027" s="5"/>
      <c r="AA4027" s="5" t="s">
        <v>43</v>
      </c>
      <c r="AB4027" s="5" t="s">
        <v>44</v>
      </c>
      <c r="AC4027" s="2"/>
      <c r="AD4027" s="1"/>
    </row>
    <row r="4028" spans="1:30">
      <c r="A4028" s="5" t="s">
        <v>83578</v>
      </c>
      <c r="B4028" s="2" t="s">
        <v>95686</v>
      </c>
      <c r="C4028" s="14" t="s">
        <v>95687</v>
      </c>
      <c r="D4028" s="2" t="s">
        <v>95688</v>
      </c>
      <c r="E4028" s="2" t="s">
        <v>40989</v>
      </c>
      <c r="F4028" s="8">
        <v>313</v>
      </c>
      <c r="G4028" s="5">
        <v>6</v>
      </c>
      <c r="H4028" s="5" t="s">
        <v>1518</v>
      </c>
      <c r="I4028" s="5" t="s">
        <v>40939</v>
      </c>
      <c r="J4028" s="2" t="s">
        <v>40940</v>
      </c>
      <c r="K4028" s="5" t="s">
        <v>40939</v>
      </c>
      <c r="L4028" s="2" t="s">
        <v>40940</v>
      </c>
      <c r="M4028" s="5" t="s">
        <v>36266</v>
      </c>
      <c r="N4028" s="5" t="s">
        <v>38</v>
      </c>
      <c r="O4028" s="5" t="s">
        <v>39</v>
      </c>
      <c r="P4028" s="5" t="s">
        <v>40</v>
      </c>
      <c r="Q4028" s="5" t="s">
        <v>1522</v>
      </c>
      <c r="R4028" s="5" t="s">
        <v>1523</v>
      </c>
      <c r="S4028" s="5" t="s">
        <v>42</v>
      </c>
      <c r="T4028" s="2">
        <v>3.0609999999999999</v>
      </c>
      <c r="U4028" s="2">
        <v>2.5430000000000001</v>
      </c>
      <c r="V4028" s="2">
        <v>1.4999999999999999E-2</v>
      </c>
      <c r="W4028" s="2">
        <v>118.9</v>
      </c>
      <c r="X4028" s="2">
        <v>7.6</v>
      </c>
      <c r="Y4028" s="2">
        <v>16.7</v>
      </c>
      <c r="Z4028" s="5"/>
      <c r="AA4028" s="5" t="s">
        <v>43</v>
      </c>
      <c r="AB4028" s="5" t="s">
        <v>44</v>
      </c>
      <c r="AC4028" s="2"/>
      <c r="AD4028" s="1"/>
    </row>
    <row r="4029" spans="1:30">
      <c r="A4029" s="5" t="s">
        <v>83578</v>
      </c>
      <c r="B4029" s="2" t="s">
        <v>95689</v>
      </c>
      <c r="C4029" s="14" t="s">
        <v>95690</v>
      </c>
      <c r="D4029" s="2" t="s">
        <v>95691</v>
      </c>
      <c r="E4029" s="2" t="s">
        <v>40993</v>
      </c>
      <c r="F4029" s="8">
        <v>313</v>
      </c>
      <c r="G4029" s="5">
        <v>6</v>
      </c>
      <c r="H4029" s="5" t="s">
        <v>1518</v>
      </c>
      <c r="I4029" s="5" t="s">
        <v>40939</v>
      </c>
      <c r="J4029" s="2" t="s">
        <v>40940</v>
      </c>
      <c r="K4029" s="5" t="s">
        <v>40939</v>
      </c>
      <c r="L4029" s="2" t="s">
        <v>40940</v>
      </c>
      <c r="M4029" s="5" t="s">
        <v>36266</v>
      </c>
      <c r="N4029" s="5" t="s">
        <v>38</v>
      </c>
      <c r="O4029" s="5" t="s">
        <v>39</v>
      </c>
      <c r="P4029" s="5" t="s">
        <v>40</v>
      </c>
      <c r="Q4029" s="5" t="s">
        <v>1522</v>
      </c>
      <c r="R4029" s="5" t="s">
        <v>1523</v>
      </c>
      <c r="S4029" s="5" t="s">
        <v>42</v>
      </c>
      <c r="T4029" s="2">
        <v>3.161</v>
      </c>
      <c r="U4029" s="2">
        <v>2.6429999999999998</v>
      </c>
      <c r="V4029" s="2">
        <v>1.4999999999999999E-2</v>
      </c>
      <c r="W4029" s="2">
        <v>118.9</v>
      </c>
      <c r="X4029" s="2">
        <v>7.6</v>
      </c>
      <c r="Y4029" s="2">
        <v>16.7</v>
      </c>
      <c r="Z4029" s="5"/>
      <c r="AA4029" s="5" t="s">
        <v>43</v>
      </c>
      <c r="AB4029" s="5" t="s">
        <v>44</v>
      </c>
      <c r="AC4029" s="2"/>
      <c r="AD4029" s="1"/>
    </row>
    <row r="4030" spans="1:30">
      <c r="A4030" s="5" t="s">
        <v>83578</v>
      </c>
      <c r="B4030" s="2" t="s">
        <v>95692</v>
      </c>
      <c r="C4030" s="14" t="s">
        <v>95693</v>
      </c>
      <c r="D4030" s="2" t="s">
        <v>95694</v>
      </c>
      <c r="E4030" s="2" t="s">
        <v>40997</v>
      </c>
      <c r="F4030" s="8">
        <v>313</v>
      </c>
      <c r="G4030" s="5">
        <v>6</v>
      </c>
      <c r="H4030" s="5" t="s">
        <v>1518</v>
      </c>
      <c r="I4030" s="5" t="s">
        <v>40939</v>
      </c>
      <c r="J4030" s="2" t="s">
        <v>40940</v>
      </c>
      <c r="K4030" s="5" t="s">
        <v>40939</v>
      </c>
      <c r="L4030" s="2" t="s">
        <v>40940</v>
      </c>
      <c r="M4030" s="5" t="s">
        <v>36266</v>
      </c>
      <c r="N4030" s="5" t="s">
        <v>38</v>
      </c>
      <c r="O4030" s="5" t="s">
        <v>39</v>
      </c>
      <c r="P4030" s="5" t="s">
        <v>40</v>
      </c>
      <c r="Q4030" s="5" t="s">
        <v>1522</v>
      </c>
      <c r="R4030" s="5" t="s">
        <v>1523</v>
      </c>
      <c r="S4030" s="5" t="s">
        <v>42</v>
      </c>
      <c r="T4030" s="2">
        <v>3.0169999999999999</v>
      </c>
      <c r="U4030" s="2">
        <v>2.4990000000000001</v>
      </c>
      <c r="V4030" s="2">
        <v>1.4999999999999999E-2</v>
      </c>
      <c r="W4030" s="2">
        <v>118.9</v>
      </c>
      <c r="X4030" s="2">
        <v>7.6</v>
      </c>
      <c r="Y4030" s="2">
        <v>16.7</v>
      </c>
      <c r="Z4030" s="5"/>
      <c r="AA4030" s="5" t="s">
        <v>43</v>
      </c>
      <c r="AB4030" s="5" t="s">
        <v>44</v>
      </c>
      <c r="AC4030" s="2"/>
      <c r="AD4030" s="1"/>
    </row>
    <row r="4031" spans="1:30">
      <c r="A4031" s="5" t="s">
        <v>83578</v>
      </c>
      <c r="B4031" s="2" t="s">
        <v>95695</v>
      </c>
      <c r="C4031" s="14" t="s">
        <v>95696</v>
      </c>
      <c r="D4031" s="2" t="s">
        <v>95697</v>
      </c>
      <c r="E4031" s="2" t="s">
        <v>41267</v>
      </c>
      <c r="F4031" s="8">
        <v>313</v>
      </c>
      <c r="G4031" s="5">
        <v>6</v>
      </c>
      <c r="H4031" s="5" t="s">
        <v>1518</v>
      </c>
      <c r="I4031" s="5" t="s">
        <v>40939</v>
      </c>
      <c r="J4031" s="2" t="s">
        <v>40940</v>
      </c>
      <c r="K4031" s="5" t="s">
        <v>40939</v>
      </c>
      <c r="L4031" s="2" t="s">
        <v>40940</v>
      </c>
      <c r="M4031" s="5" t="s">
        <v>36266</v>
      </c>
      <c r="N4031" s="5" t="s">
        <v>38</v>
      </c>
      <c r="O4031" s="5" t="s">
        <v>39</v>
      </c>
      <c r="P4031" s="5" t="s">
        <v>40</v>
      </c>
      <c r="Q4031" s="5" t="s">
        <v>1522</v>
      </c>
      <c r="R4031" s="5" t="s">
        <v>1523</v>
      </c>
      <c r="S4031" s="5" t="s">
        <v>42</v>
      </c>
      <c r="T4031" s="2">
        <v>3.117</v>
      </c>
      <c r="U4031" s="2">
        <v>2.5990000000000002</v>
      </c>
      <c r="V4031" s="2">
        <v>1.4999999999999999E-2</v>
      </c>
      <c r="W4031" s="2">
        <v>118.9</v>
      </c>
      <c r="X4031" s="2">
        <v>7.6</v>
      </c>
      <c r="Y4031" s="2">
        <v>16.7</v>
      </c>
      <c r="Z4031" s="5"/>
      <c r="AA4031" s="5" t="s">
        <v>43</v>
      </c>
      <c r="AB4031" s="5" t="s">
        <v>44</v>
      </c>
      <c r="AC4031" s="2"/>
      <c r="AD4031" s="1"/>
    </row>
    <row r="4032" spans="1:30">
      <c r="A4032" s="5" t="s">
        <v>83578</v>
      </c>
      <c r="B4032" s="2" t="s">
        <v>95698</v>
      </c>
      <c r="C4032" s="14" t="s">
        <v>95699</v>
      </c>
      <c r="D4032" s="2" t="s">
        <v>95700</v>
      </c>
      <c r="E4032" s="2" t="s">
        <v>41001</v>
      </c>
      <c r="F4032" s="8">
        <v>313</v>
      </c>
      <c r="G4032" s="5">
        <v>6</v>
      </c>
      <c r="H4032" s="5" t="s">
        <v>1518</v>
      </c>
      <c r="I4032" s="5" t="s">
        <v>40939</v>
      </c>
      <c r="J4032" s="2" t="s">
        <v>40940</v>
      </c>
      <c r="K4032" s="5" t="s">
        <v>40939</v>
      </c>
      <c r="L4032" s="2" t="s">
        <v>40940</v>
      </c>
      <c r="M4032" s="5" t="s">
        <v>36266</v>
      </c>
      <c r="N4032" s="5" t="s">
        <v>38</v>
      </c>
      <c r="O4032" s="5" t="s">
        <v>39</v>
      </c>
      <c r="P4032" s="5" t="s">
        <v>40</v>
      </c>
      <c r="Q4032" s="5" t="s">
        <v>1522</v>
      </c>
      <c r="R4032" s="5" t="s">
        <v>1523</v>
      </c>
      <c r="S4032" s="5" t="s">
        <v>42</v>
      </c>
      <c r="T4032" s="2">
        <v>3.0609999999999999</v>
      </c>
      <c r="U4032" s="2">
        <v>2.5430000000000001</v>
      </c>
      <c r="V4032" s="2">
        <v>1.4999999999999999E-2</v>
      </c>
      <c r="W4032" s="2">
        <v>118.9</v>
      </c>
      <c r="X4032" s="2">
        <v>7.6</v>
      </c>
      <c r="Y4032" s="2">
        <v>16.7</v>
      </c>
      <c r="Z4032" s="5"/>
      <c r="AA4032" s="5" t="s">
        <v>43</v>
      </c>
      <c r="AB4032" s="5" t="s">
        <v>44</v>
      </c>
      <c r="AC4032" s="2"/>
      <c r="AD4032" s="1"/>
    </row>
    <row r="4033" spans="1:30">
      <c r="A4033" s="5" t="s">
        <v>83578</v>
      </c>
      <c r="B4033" s="2" t="s">
        <v>95701</v>
      </c>
      <c r="C4033" s="14" t="s">
        <v>95702</v>
      </c>
      <c r="D4033" s="2" t="s">
        <v>95703</v>
      </c>
      <c r="E4033" s="2" t="s">
        <v>41005</v>
      </c>
      <c r="F4033" s="8">
        <v>313</v>
      </c>
      <c r="G4033" s="5">
        <v>6</v>
      </c>
      <c r="H4033" s="5" t="s">
        <v>1518</v>
      </c>
      <c r="I4033" s="5" t="s">
        <v>40939</v>
      </c>
      <c r="J4033" s="2" t="s">
        <v>40940</v>
      </c>
      <c r="K4033" s="5" t="s">
        <v>40939</v>
      </c>
      <c r="L4033" s="2" t="s">
        <v>40940</v>
      </c>
      <c r="M4033" s="5" t="s">
        <v>36266</v>
      </c>
      <c r="N4033" s="5" t="s">
        <v>38</v>
      </c>
      <c r="O4033" s="5" t="s">
        <v>39</v>
      </c>
      <c r="P4033" s="5" t="s">
        <v>40</v>
      </c>
      <c r="Q4033" s="5" t="s">
        <v>1522</v>
      </c>
      <c r="R4033" s="5" t="s">
        <v>1523</v>
      </c>
      <c r="S4033" s="5" t="s">
        <v>42</v>
      </c>
      <c r="T4033" s="2">
        <v>3.161</v>
      </c>
      <c r="U4033" s="2">
        <v>2.6429999999999998</v>
      </c>
      <c r="V4033" s="2">
        <v>1.4999999999999999E-2</v>
      </c>
      <c r="W4033" s="2">
        <v>118.9</v>
      </c>
      <c r="X4033" s="2">
        <v>7.6</v>
      </c>
      <c r="Y4033" s="2">
        <v>16.7</v>
      </c>
      <c r="Z4033" s="5"/>
      <c r="AA4033" s="5" t="s">
        <v>43</v>
      </c>
      <c r="AB4033" s="5" t="s">
        <v>44</v>
      </c>
      <c r="AC4033" s="2"/>
      <c r="AD4033" s="1"/>
    </row>
    <row r="4034" spans="1:30">
      <c r="A4034" s="5" t="s">
        <v>83578</v>
      </c>
      <c r="B4034" s="2" t="s">
        <v>95704</v>
      </c>
      <c r="C4034" s="14" t="s">
        <v>95705</v>
      </c>
      <c r="D4034" s="2" t="s">
        <v>95706</v>
      </c>
      <c r="E4034" s="2" t="s">
        <v>41009</v>
      </c>
      <c r="F4034" s="8">
        <v>313</v>
      </c>
      <c r="G4034" s="5">
        <v>6</v>
      </c>
      <c r="H4034" s="5" t="s">
        <v>1518</v>
      </c>
      <c r="I4034" s="5" t="s">
        <v>40939</v>
      </c>
      <c r="J4034" s="2" t="s">
        <v>40940</v>
      </c>
      <c r="K4034" s="5" t="s">
        <v>40939</v>
      </c>
      <c r="L4034" s="2" t="s">
        <v>40940</v>
      </c>
      <c r="M4034" s="5" t="s">
        <v>36266</v>
      </c>
      <c r="N4034" s="5" t="s">
        <v>38</v>
      </c>
      <c r="O4034" s="5" t="s">
        <v>39</v>
      </c>
      <c r="P4034" s="5" t="s">
        <v>40</v>
      </c>
      <c r="Q4034" s="5" t="s">
        <v>1522</v>
      </c>
      <c r="R4034" s="5" t="s">
        <v>1523</v>
      </c>
      <c r="S4034" s="5" t="s">
        <v>42</v>
      </c>
      <c r="T4034" s="2">
        <v>3.0720000000000001</v>
      </c>
      <c r="U4034" s="2">
        <v>2.5539999999999998</v>
      </c>
      <c r="V4034" s="2">
        <v>1.4999999999999999E-2</v>
      </c>
      <c r="W4034" s="2">
        <v>118.9</v>
      </c>
      <c r="X4034" s="2">
        <v>7.6</v>
      </c>
      <c r="Y4034" s="2">
        <v>16.7</v>
      </c>
      <c r="Z4034" s="5"/>
      <c r="AA4034" s="5" t="s">
        <v>43</v>
      </c>
      <c r="AB4034" s="5" t="s">
        <v>44</v>
      </c>
      <c r="AC4034" s="2"/>
      <c r="AD4034" s="1"/>
    </row>
    <row r="4035" spans="1:30">
      <c r="A4035" s="5" t="s">
        <v>83578</v>
      </c>
      <c r="B4035" s="2" t="s">
        <v>95707</v>
      </c>
      <c r="C4035" s="14" t="s">
        <v>95708</v>
      </c>
      <c r="D4035" s="2" t="s">
        <v>95709</v>
      </c>
      <c r="E4035" s="2" t="s">
        <v>41013</v>
      </c>
      <c r="F4035" s="8">
        <v>313</v>
      </c>
      <c r="G4035" s="5">
        <v>6</v>
      </c>
      <c r="H4035" s="5" t="s">
        <v>1518</v>
      </c>
      <c r="I4035" s="5" t="s">
        <v>40939</v>
      </c>
      <c r="J4035" s="2" t="s">
        <v>40940</v>
      </c>
      <c r="K4035" s="5" t="s">
        <v>40939</v>
      </c>
      <c r="L4035" s="2" t="s">
        <v>40940</v>
      </c>
      <c r="M4035" s="5" t="s">
        <v>36266</v>
      </c>
      <c r="N4035" s="5" t="s">
        <v>38</v>
      </c>
      <c r="O4035" s="5" t="s">
        <v>39</v>
      </c>
      <c r="P4035" s="5" t="s">
        <v>40</v>
      </c>
      <c r="Q4035" s="5" t="s">
        <v>1522</v>
      </c>
      <c r="R4035" s="5" t="s">
        <v>1523</v>
      </c>
      <c r="S4035" s="5" t="s">
        <v>42</v>
      </c>
      <c r="T4035" s="2">
        <v>3.1720000000000002</v>
      </c>
      <c r="U4035" s="2">
        <v>2.6539999999999999</v>
      </c>
      <c r="V4035" s="2">
        <v>1.4999999999999999E-2</v>
      </c>
      <c r="W4035" s="2">
        <v>118.9</v>
      </c>
      <c r="X4035" s="2">
        <v>7.6</v>
      </c>
      <c r="Y4035" s="2">
        <v>16.7</v>
      </c>
      <c r="Z4035" s="5"/>
      <c r="AA4035" s="5" t="s">
        <v>43</v>
      </c>
      <c r="AB4035" s="5" t="s">
        <v>44</v>
      </c>
      <c r="AC4035" s="2"/>
      <c r="AD4035" s="1"/>
    </row>
    <row r="4036" spans="1:30">
      <c r="A4036" s="5" t="s">
        <v>83578</v>
      </c>
      <c r="B4036" s="2" t="s">
        <v>95710</v>
      </c>
      <c r="C4036" s="14" t="s">
        <v>95711</v>
      </c>
      <c r="D4036" s="2" t="s">
        <v>95712</v>
      </c>
      <c r="E4036" s="2" t="s">
        <v>7396</v>
      </c>
      <c r="F4036" s="8">
        <v>289</v>
      </c>
      <c r="G4036" s="5">
        <v>6</v>
      </c>
      <c r="H4036" s="5" t="s">
        <v>1518</v>
      </c>
      <c r="I4036" s="5" t="s">
        <v>40939</v>
      </c>
      <c r="J4036" s="2" t="s">
        <v>40940</v>
      </c>
      <c r="K4036" s="5" t="s">
        <v>40939</v>
      </c>
      <c r="L4036" s="2" t="s">
        <v>40940</v>
      </c>
      <c r="M4036" s="5" t="s">
        <v>36266</v>
      </c>
      <c r="N4036" s="5" t="s">
        <v>38</v>
      </c>
      <c r="O4036" s="5" t="s">
        <v>39</v>
      </c>
      <c r="P4036" s="5" t="s">
        <v>40</v>
      </c>
      <c r="Q4036" s="5" t="s">
        <v>1522</v>
      </c>
      <c r="R4036" s="5" t="s">
        <v>1523</v>
      </c>
      <c r="S4036" s="5" t="s">
        <v>42</v>
      </c>
      <c r="T4036" s="2">
        <v>3.0720000000000001</v>
      </c>
      <c r="U4036" s="2">
        <v>2.5539999999999998</v>
      </c>
      <c r="V4036" s="2">
        <v>1.4999999999999999E-2</v>
      </c>
      <c r="W4036" s="2">
        <v>118.9</v>
      </c>
      <c r="X4036" s="2">
        <v>7.6</v>
      </c>
      <c r="Y4036" s="2">
        <v>16.7</v>
      </c>
      <c r="Z4036" s="5"/>
      <c r="AA4036" s="5" t="s">
        <v>43</v>
      </c>
      <c r="AB4036" s="5" t="s">
        <v>44</v>
      </c>
      <c r="AC4036" s="2"/>
      <c r="AD4036" s="1"/>
    </row>
    <row r="4037" spans="1:30">
      <c r="A4037" s="5" t="s">
        <v>83578</v>
      </c>
      <c r="B4037" s="2" t="s">
        <v>95713</v>
      </c>
      <c r="C4037" s="14" t="s">
        <v>95714</v>
      </c>
      <c r="D4037" s="2" t="s">
        <v>95715</v>
      </c>
      <c r="E4037" s="2" t="s">
        <v>7507</v>
      </c>
      <c r="F4037" s="8">
        <v>289</v>
      </c>
      <c r="G4037" s="5">
        <v>6</v>
      </c>
      <c r="H4037" s="5" t="s">
        <v>1518</v>
      </c>
      <c r="I4037" s="5" t="s">
        <v>40939</v>
      </c>
      <c r="J4037" s="2" t="s">
        <v>40940</v>
      </c>
      <c r="K4037" s="5" t="s">
        <v>40939</v>
      </c>
      <c r="L4037" s="2" t="s">
        <v>40940</v>
      </c>
      <c r="M4037" s="5" t="s">
        <v>36266</v>
      </c>
      <c r="N4037" s="5" t="s">
        <v>38</v>
      </c>
      <c r="O4037" s="5" t="s">
        <v>39</v>
      </c>
      <c r="P4037" s="5" t="s">
        <v>40</v>
      </c>
      <c r="Q4037" s="5" t="s">
        <v>1522</v>
      </c>
      <c r="R4037" s="5" t="s">
        <v>1523</v>
      </c>
      <c r="S4037" s="5" t="s">
        <v>42</v>
      </c>
      <c r="T4037" s="2">
        <v>3.1720000000000002</v>
      </c>
      <c r="U4037" s="2">
        <v>2.6539999999999999</v>
      </c>
      <c r="V4037" s="2">
        <v>1.4999999999999999E-2</v>
      </c>
      <c r="W4037" s="2">
        <v>118.9</v>
      </c>
      <c r="X4037" s="2">
        <v>7.6</v>
      </c>
      <c r="Y4037" s="2">
        <v>16.7</v>
      </c>
      <c r="Z4037" s="5"/>
      <c r="AA4037" s="5" t="s">
        <v>43</v>
      </c>
      <c r="AB4037" s="5" t="s">
        <v>44</v>
      </c>
      <c r="AC4037" s="2"/>
      <c r="AD4037" s="1"/>
    </row>
    <row r="4038" spans="1:30">
      <c r="A4038" s="5" t="s">
        <v>83578</v>
      </c>
      <c r="B4038" s="2" t="s">
        <v>95716</v>
      </c>
      <c r="C4038" s="14" t="s">
        <v>95717</v>
      </c>
      <c r="D4038" s="2" t="s">
        <v>95718</v>
      </c>
      <c r="E4038" s="2" t="s">
        <v>41023</v>
      </c>
      <c r="F4038" s="8">
        <v>313</v>
      </c>
      <c r="G4038" s="5">
        <v>6</v>
      </c>
      <c r="H4038" s="5" t="s">
        <v>1518</v>
      </c>
      <c r="I4038" s="5" t="s">
        <v>40939</v>
      </c>
      <c r="J4038" s="2" t="s">
        <v>40940</v>
      </c>
      <c r="K4038" s="5" t="s">
        <v>40939</v>
      </c>
      <c r="L4038" s="2" t="s">
        <v>40940</v>
      </c>
      <c r="M4038" s="5" t="s">
        <v>36266</v>
      </c>
      <c r="N4038" s="5" t="s">
        <v>38</v>
      </c>
      <c r="O4038" s="5" t="s">
        <v>39</v>
      </c>
      <c r="P4038" s="5" t="s">
        <v>40</v>
      </c>
      <c r="Q4038" s="5" t="s">
        <v>1522</v>
      </c>
      <c r="R4038" s="5" t="s">
        <v>1523</v>
      </c>
      <c r="S4038" s="5" t="s">
        <v>42</v>
      </c>
      <c r="T4038" s="2">
        <v>3.0169999999999999</v>
      </c>
      <c r="U4038" s="2">
        <v>2.4990000000000001</v>
      </c>
      <c r="V4038" s="2">
        <v>1.4999999999999999E-2</v>
      </c>
      <c r="W4038" s="2">
        <v>118.9</v>
      </c>
      <c r="X4038" s="2">
        <v>7.6</v>
      </c>
      <c r="Y4038" s="2">
        <v>16.7</v>
      </c>
      <c r="Z4038" s="5"/>
      <c r="AA4038" s="5" t="s">
        <v>43</v>
      </c>
      <c r="AB4038" s="5" t="s">
        <v>44</v>
      </c>
      <c r="AC4038" s="2"/>
      <c r="AD4038" s="1"/>
    </row>
    <row r="4039" spans="1:30">
      <c r="A4039" s="5" t="s">
        <v>83578</v>
      </c>
      <c r="B4039" s="2" t="s">
        <v>95719</v>
      </c>
      <c r="C4039" s="14" t="s">
        <v>95720</v>
      </c>
      <c r="D4039" s="2" t="s">
        <v>95721</v>
      </c>
      <c r="E4039" s="2" t="s">
        <v>41027</v>
      </c>
      <c r="F4039" s="8">
        <v>313</v>
      </c>
      <c r="G4039" s="5">
        <v>6</v>
      </c>
      <c r="H4039" s="5" t="s">
        <v>1518</v>
      </c>
      <c r="I4039" s="5" t="s">
        <v>40939</v>
      </c>
      <c r="J4039" s="2" t="s">
        <v>40940</v>
      </c>
      <c r="K4039" s="5" t="s">
        <v>40939</v>
      </c>
      <c r="L4039" s="2" t="s">
        <v>40940</v>
      </c>
      <c r="M4039" s="5" t="s">
        <v>36266</v>
      </c>
      <c r="N4039" s="5" t="s">
        <v>38</v>
      </c>
      <c r="O4039" s="5" t="s">
        <v>39</v>
      </c>
      <c r="P4039" s="5" t="s">
        <v>40</v>
      </c>
      <c r="Q4039" s="5" t="s">
        <v>1522</v>
      </c>
      <c r="R4039" s="5" t="s">
        <v>1523</v>
      </c>
      <c r="S4039" s="5" t="s">
        <v>42</v>
      </c>
      <c r="T4039" s="2">
        <v>3.117</v>
      </c>
      <c r="U4039" s="2">
        <v>2.5990000000000002</v>
      </c>
      <c r="V4039" s="2">
        <v>1.4999999999999999E-2</v>
      </c>
      <c r="W4039" s="2">
        <v>118.9</v>
      </c>
      <c r="X4039" s="2">
        <v>7.6</v>
      </c>
      <c r="Y4039" s="2">
        <v>16.7</v>
      </c>
      <c r="Z4039" s="5"/>
      <c r="AA4039" s="5" t="s">
        <v>43</v>
      </c>
      <c r="AB4039" s="5" t="s">
        <v>44</v>
      </c>
      <c r="AC4039" s="2"/>
      <c r="AD4039" s="1"/>
    </row>
    <row r="4040" spans="1:30">
      <c r="A4040" s="5" t="s">
        <v>83578</v>
      </c>
      <c r="B4040" s="2" t="s">
        <v>95722</v>
      </c>
      <c r="C4040" s="14" t="s">
        <v>95723</v>
      </c>
      <c r="D4040" s="2" t="s">
        <v>95724</v>
      </c>
      <c r="E4040" s="2" t="s">
        <v>41031</v>
      </c>
      <c r="F4040" s="8">
        <v>313</v>
      </c>
      <c r="G4040" s="5">
        <v>6</v>
      </c>
      <c r="H4040" s="5" t="s">
        <v>1518</v>
      </c>
      <c r="I4040" s="5" t="s">
        <v>40939</v>
      </c>
      <c r="J4040" s="2" t="s">
        <v>40940</v>
      </c>
      <c r="K4040" s="5" t="s">
        <v>40939</v>
      </c>
      <c r="L4040" s="2" t="s">
        <v>40940</v>
      </c>
      <c r="M4040" s="5" t="s">
        <v>36266</v>
      </c>
      <c r="N4040" s="5" t="s">
        <v>38</v>
      </c>
      <c r="O4040" s="5" t="s">
        <v>39</v>
      </c>
      <c r="P4040" s="5" t="s">
        <v>40</v>
      </c>
      <c r="Q4040" s="5" t="s">
        <v>1522</v>
      </c>
      <c r="R4040" s="5" t="s">
        <v>1523</v>
      </c>
      <c r="S4040" s="5" t="s">
        <v>42</v>
      </c>
      <c r="T4040" s="2">
        <v>3.0169999999999999</v>
      </c>
      <c r="U4040" s="2">
        <v>2.4990000000000001</v>
      </c>
      <c r="V4040" s="2">
        <v>1.4999999999999999E-2</v>
      </c>
      <c r="W4040" s="2">
        <v>118.9</v>
      </c>
      <c r="X4040" s="2">
        <v>7.6</v>
      </c>
      <c r="Y4040" s="2">
        <v>16.7</v>
      </c>
      <c r="Z4040" s="5"/>
      <c r="AA4040" s="5" t="s">
        <v>43</v>
      </c>
      <c r="AB4040" s="5" t="s">
        <v>44</v>
      </c>
      <c r="AC4040" s="2"/>
      <c r="AD4040" s="1"/>
    </row>
    <row r="4041" spans="1:30">
      <c r="A4041" s="5" t="s">
        <v>83578</v>
      </c>
      <c r="B4041" s="2" t="s">
        <v>95725</v>
      </c>
      <c r="C4041" s="14" t="s">
        <v>95726</v>
      </c>
      <c r="D4041" s="2" t="s">
        <v>95727</v>
      </c>
      <c r="E4041" s="2" t="s">
        <v>41035</v>
      </c>
      <c r="F4041" s="8">
        <v>313</v>
      </c>
      <c r="G4041" s="5">
        <v>6</v>
      </c>
      <c r="H4041" s="5" t="s">
        <v>1518</v>
      </c>
      <c r="I4041" s="5" t="s">
        <v>40939</v>
      </c>
      <c r="J4041" s="2" t="s">
        <v>40940</v>
      </c>
      <c r="K4041" s="5" t="s">
        <v>40939</v>
      </c>
      <c r="L4041" s="2" t="s">
        <v>40940</v>
      </c>
      <c r="M4041" s="5" t="s">
        <v>36266</v>
      </c>
      <c r="N4041" s="5" t="s">
        <v>38</v>
      </c>
      <c r="O4041" s="5" t="s">
        <v>39</v>
      </c>
      <c r="P4041" s="5" t="s">
        <v>40</v>
      </c>
      <c r="Q4041" s="5" t="s">
        <v>1522</v>
      </c>
      <c r="R4041" s="5" t="s">
        <v>1523</v>
      </c>
      <c r="S4041" s="5" t="s">
        <v>42</v>
      </c>
      <c r="T4041" s="2">
        <v>3.117</v>
      </c>
      <c r="U4041" s="2">
        <v>2.5990000000000002</v>
      </c>
      <c r="V4041" s="2">
        <v>1.4999999999999999E-2</v>
      </c>
      <c r="W4041" s="2">
        <v>118.9</v>
      </c>
      <c r="X4041" s="2">
        <v>7.6</v>
      </c>
      <c r="Y4041" s="2">
        <v>16.7</v>
      </c>
      <c r="Z4041" s="5"/>
      <c r="AA4041" s="5" t="s">
        <v>43</v>
      </c>
      <c r="AB4041" s="5" t="s">
        <v>44</v>
      </c>
      <c r="AC4041" s="2"/>
      <c r="AD4041" s="1"/>
    </row>
    <row r="4042" spans="1:30">
      <c r="A4042" s="5" t="s">
        <v>83578</v>
      </c>
      <c r="B4042" s="2" t="s">
        <v>95728</v>
      </c>
      <c r="C4042" s="14" t="s">
        <v>95729</v>
      </c>
      <c r="D4042" s="2" t="s">
        <v>95730</v>
      </c>
      <c r="E4042" s="2" t="s">
        <v>7449</v>
      </c>
      <c r="F4042" s="8">
        <v>313</v>
      </c>
      <c r="G4042" s="5">
        <v>6</v>
      </c>
      <c r="H4042" s="5" t="s">
        <v>1518</v>
      </c>
      <c r="I4042" s="5" t="s">
        <v>40939</v>
      </c>
      <c r="J4042" s="2" t="s">
        <v>40940</v>
      </c>
      <c r="K4042" s="5" t="s">
        <v>40939</v>
      </c>
      <c r="L4042" s="2" t="s">
        <v>40940</v>
      </c>
      <c r="M4042" s="5" t="s">
        <v>36266</v>
      </c>
      <c r="N4042" s="5" t="s">
        <v>38</v>
      </c>
      <c r="O4042" s="5" t="s">
        <v>39</v>
      </c>
      <c r="P4042" s="5" t="s">
        <v>40</v>
      </c>
      <c r="Q4042" s="5" t="s">
        <v>1522</v>
      </c>
      <c r="R4042" s="5" t="s">
        <v>1523</v>
      </c>
      <c r="S4042" s="5" t="s">
        <v>42</v>
      </c>
      <c r="T4042" s="2">
        <v>3.0169999999999999</v>
      </c>
      <c r="U4042" s="2">
        <v>2.4990000000000001</v>
      </c>
      <c r="V4042" s="2">
        <v>1.4999999999999999E-2</v>
      </c>
      <c r="W4042" s="2">
        <v>118.9</v>
      </c>
      <c r="X4042" s="2">
        <v>7.6</v>
      </c>
      <c r="Y4042" s="2">
        <v>16.7</v>
      </c>
      <c r="Z4042" s="5"/>
      <c r="AA4042" s="5" t="s">
        <v>43</v>
      </c>
      <c r="AB4042" s="5" t="s">
        <v>44</v>
      </c>
      <c r="AC4042" s="2"/>
      <c r="AD4042" s="1"/>
    </row>
    <row r="4043" spans="1:30">
      <c r="A4043" s="5" t="s">
        <v>83578</v>
      </c>
      <c r="B4043" s="2" t="s">
        <v>95731</v>
      </c>
      <c r="C4043" s="14" t="s">
        <v>95732</v>
      </c>
      <c r="D4043" s="2" t="s">
        <v>95733</v>
      </c>
      <c r="E4043" s="2" t="s">
        <v>7581</v>
      </c>
      <c r="F4043" s="8">
        <v>313</v>
      </c>
      <c r="G4043" s="5">
        <v>6</v>
      </c>
      <c r="H4043" s="5" t="s">
        <v>1518</v>
      </c>
      <c r="I4043" s="5" t="s">
        <v>40939</v>
      </c>
      <c r="J4043" s="2" t="s">
        <v>40940</v>
      </c>
      <c r="K4043" s="5" t="s">
        <v>40939</v>
      </c>
      <c r="L4043" s="2" t="s">
        <v>40940</v>
      </c>
      <c r="M4043" s="5" t="s">
        <v>36266</v>
      </c>
      <c r="N4043" s="5" t="s">
        <v>38</v>
      </c>
      <c r="O4043" s="5" t="s">
        <v>39</v>
      </c>
      <c r="P4043" s="5" t="s">
        <v>40</v>
      </c>
      <c r="Q4043" s="5" t="s">
        <v>1522</v>
      </c>
      <c r="R4043" s="5" t="s">
        <v>1523</v>
      </c>
      <c r="S4043" s="5" t="s">
        <v>42</v>
      </c>
      <c r="T4043" s="2">
        <v>3.117</v>
      </c>
      <c r="U4043" s="2">
        <v>2.5990000000000002</v>
      </c>
      <c r="V4043" s="2">
        <v>1.4999999999999999E-2</v>
      </c>
      <c r="W4043" s="2">
        <v>118.9</v>
      </c>
      <c r="X4043" s="2">
        <v>7.6</v>
      </c>
      <c r="Y4043" s="2">
        <v>16.7</v>
      </c>
      <c r="Z4043" s="5"/>
      <c r="AA4043" s="5" t="s">
        <v>43</v>
      </c>
      <c r="AB4043" s="5" t="s">
        <v>44</v>
      </c>
      <c r="AC4043" s="2"/>
      <c r="AD4043" s="1"/>
    </row>
    <row r="4044" spans="1:30">
      <c r="A4044" s="5" t="s">
        <v>83578</v>
      </c>
      <c r="B4044" s="2" t="s">
        <v>95734</v>
      </c>
      <c r="C4044" s="14" t="s">
        <v>95735</v>
      </c>
      <c r="D4044" s="2" t="s">
        <v>95736</v>
      </c>
      <c r="E4044" s="2" t="s">
        <v>41045</v>
      </c>
      <c r="F4044" s="8">
        <v>313</v>
      </c>
      <c r="G4044" s="5">
        <v>6</v>
      </c>
      <c r="H4044" s="5" t="s">
        <v>1518</v>
      </c>
      <c r="I4044" s="5" t="s">
        <v>40939</v>
      </c>
      <c r="J4044" s="2" t="s">
        <v>40940</v>
      </c>
      <c r="K4044" s="5" t="s">
        <v>40939</v>
      </c>
      <c r="L4044" s="2" t="s">
        <v>40940</v>
      </c>
      <c r="M4044" s="5" t="s">
        <v>36266</v>
      </c>
      <c r="N4044" s="5" t="s">
        <v>38</v>
      </c>
      <c r="O4044" s="5" t="s">
        <v>39</v>
      </c>
      <c r="P4044" s="5" t="s">
        <v>40</v>
      </c>
      <c r="Q4044" s="5" t="s">
        <v>1522</v>
      </c>
      <c r="R4044" s="5" t="s">
        <v>1523</v>
      </c>
      <c r="S4044" s="5" t="s">
        <v>42</v>
      </c>
      <c r="T4044" s="2">
        <v>3.0840000000000001</v>
      </c>
      <c r="U4044" s="2">
        <v>2.5659999999999998</v>
      </c>
      <c r="V4044" s="2">
        <v>1.4999999999999999E-2</v>
      </c>
      <c r="W4044" s="2">
        <v>118.9</v>
      </c>
      <c r="X4044" s="2">
        <v>7.6</v>
      </c>
      <c r="Y4044" s="2">
        <v>16.7</v>
      </c>
      <c r="Z4044" s="5"/>
      <c r="AA4044" s="5" t="s">
        <v>43</v>
      </c>
      <c r="AB4044" s="5" t="s">
        <v>44</v>
      </c>
      <c r="AC4044" s="2"/>
      <c r="AD4044" s="1"/>
    </row>
    <row r="4045" spans="1:30">
      <c r="A4045" s="5" t="s">
        <v>83578</v>
      </c>
      <c r="B4045" s="2" t="s">
        <v>95737</v>
      </c>
      <c r="C4045" s="14" t="s">
        <v>95738</v>
      </c>
      <c r="D4045" s="2" t="s">
        <v>95739</v>
      </c>
      <c r="E4045" s="2" t="s">
        <v>41049</v>
      </c>
      <c r="F4045" s="8">
        <v>313</v>
      </c>
      <c r="G4045" s="5">
        <v>6</v>
      </c>
      <c r="H4045" s="5" t="s">
        <v>1518</v>
      </c>
      <c r="I4045" s="5" t="s">
        <v>40939</v>
      </c>
      <c r="J4045" s="2" t="s">
        <v>40940</v>
      </c>
      <c r="K4045" s="5" t="s">
        <v>40939</v>
      </c>
      <c r="L4045" s="2" t="s">
        <v>40940</v>
      </c>
      <c r="M4045" s="5" t="s">
        <v>36266</v>
      </c>
      <c r="N4045" s="5" t="s">
        <v>38</v>
      </c>
      <c r="O4045" s="5" t="s">
        <v>39</v>
      </c>
      <c r="P4045" s="5" t="s">
        <v>40</v>
      </c>
      <c r="Q4045" s="5" t="s">
        <v>1522</v>
      </c>
      <c r="R4045" s="5" t="s">
        <v>1523</v>
      </c>
      <c r="S4045" s="5" t="s">
        <v>42</v>
      </c>
      <c r="T4045" s="2">
        <v>3.1840000000000002</v>
      </c>
      <c r="U4045" s="2">
        <v>2.6659999999999999</v>
      </c>
      <c r="V4045" s="2">
        <v>1.4999999999999999E-2</v>
      </c>
      <c r="W4045" s="2">
        <v>118.9</v>
      </c>
      <c r="X4045" s="2">
        <v>7.6</v>
      </c>
      <c r="Y4045" s="2">
        <v>16.7</v>
      </c>
      <c r="Z4045" s="5"/>
      <c r="AA4045" s="5" t="s">
        <v>43</v>
      </c>
      <c r="AB4045" s="5" t="s">
        <v>44</v>
      </c>
      <c r="AC4045" s="2"/>
      <c r="AD4045" s="1"/>
    </row>
    <row r="4046" spans="1:30">
      <c r="A4046" s="5" t="s">
        <v>83578</v>
      </c>
      <c r="B4046" s="2" t="s">
        <v>95740</v>
      </c>
      <c r="C4046" s="14" t="s">
        <v>95741</v>
      </c>
      <c r="D4046" s="2" t="s">
        <v>95742</v>
      </c>
      <c r="E4046" s="2" t="s">
        <v>47266</v>
      </c>
      <c r="F4046" s="8">
        <v>329</v>
      </c>
      <c r="G4046" s="5">
        <v>6</v>
      </c>
      <c r="H4046" s="5" t="s">
        <v>1518</v>
      </c>
      <c r="I4046" s="5" t="s">
        <v>40939</v>
      </c>
      <c r="J4046" s="2" t="s">
        <v>40940</v>
      </c>
      <c r="K4046" s="5" t="s">
        <v>40939</v>
      </c>
      <c r="L4046" s="2" t="s">
        <v>40940</v>
      </c>
      <c r="M4046" s="5" t="s">
        <v>36266</v>
      </c>
      <c r="N4046" s="5" t="s">
        <v>38</v>
      </c>
      <c r="O4046" s="5" t="s">
        <v>39</v>
      </c>
      <c r="P4046" s="5" t="s">
        <v>40</v>
      </c>
      <c r="Q4046" s="5" t="s">
        <v>1522</v>
      </c>
      <c r="R4046" s="5" t="s">
        <v>1523</v>
      </c>
      <c r="S4046" s="5" t="s">
        <v>42</v>
      </c>
      <c r="T4046" s="2">
        <v>3.2879999999999998</v>
      </c>
      <c r="U4046" s="2">
        <v>2.6930000000000001</v>
      </c>
      <c r="V4046" s="2">
        <v>1.7999999999999999E-2</v>
      </c>
      <c r="W4046" s="2">
        <v>139.1</v>
      </c>
      <c r="X4046" s="2">
        <v>7.6</v>
      </c>
      <c r="Y4046" s="2">
        <v>16.7</v>
      </c>
      <c r="Z4046" s="5"/>
      <c r="AA4046" s="5" t="s">
        <v>43</v>
      </c>
      <c r="AB4046" s="5" t="s">
        <v>44</v>
      </c>
      <c r="AC4046" s="2"/>
      <c r="AD4046" s="1"/>
    </row>
    <row r="4047" spans="1:30">
      <c r="A4047" s="5" t="s">
        <v>83578</v>
      </c>
      <c r="B4047" s="2" t="s">
        <v>95743</v>
      </c>
      <c r="C4047" s="14" t="s">
        <v>95744</v>
      </c>
      <c r="D4047" s="2" t="s">
        <v>95745</v>
      </c>
      <c r="E4047" s="2" t="s">
        <v>47195</v>
      </c>
      <c r="F4047" s="8">
        <v>329</v>
      </c>
      <c r="G4047" s="5">
        <v>6</v>
      </c>
      <c r="H4047" s="5" t="s">
        <v>1518</v>
      </c>
      <c r="I4047" s="5" t="s">
        <v>40939</v>
      </c>
      <c r="J4047" s="2" t="s">
        <v>40940</v>
      </c>
      <c r="K4047" s="5" t="s">
        <v>40939</v>
      </c>
      <c r="L4047" s="2" t="s">
        <v>40940</v>
      </c>
      <c r="M4047" s="5" t="s">
        <v>36266</v>
      </c>
      <c r="N4047" s="5" t="s">
        <v>38</v>
      </c>
      <c r="O4047" s="5" t="s">
        <v>39</v>
      </c>
      <c r="P4047" s="5" t="s">
        <v>40</v>
      </c>
      <c r="Q4047" s="5" t="s">
        <v>1522</v>
      </c>
      <c r="R4047" s="5" t="s">
        <v>1523</v>
      </c>
      <c r="S4047" s="5" t="s">
        <v>42</v>
      </c>
      <c r="T4047" s="2">
        <v>3.3980000000000001</v>
      </c>
      <c r="U4047" s="2">
        <v>2.8029999999999999</v>
      </c>
      <c r="V4047" s="2">
        <v>1.7999999999999999E-2</v>
      </c>
      <c r="W4047" s="2">
        <v>139.1</v>
      </c>
      <c r="X4047" s="2">
        <v>7.6</v>
      </c>
      <c r="Y4047" s="2">
        <v>16.7</v>
      </c>
      <c r="Z4047" s="5"/>
      <c r="AA4047" s="5" t="s">
        <v>43</v>
      </c>
      <c r="AB4047" s="5" t="s">
        <v>44</v>
      </c>
      <c r="AC4047" s="2"/>
      <c r="AD4047" s="1"/>
    </row>
    <row r="4048" spans="1:30">
      <c r="A4048" s="5" t="s">
        <v>83578</v>
      </c>
      <c r="B4048" s="2" t="s">
        <v>95746</v>
      </c>
      <c r="C4048" s="14" t="s">
        <v>95747</v>
      </c>
      <c r="D4048" s="2" t="s">
        <v>95748</v>
      </c>
      <c r="E4048" s="2" t="s">
        <v>36273</v>
      </c>
      <c r="F4048" s="8">
        <v>303</v>
      </c>
      <c r="G4048" s="5">
        <v>6</v>
      </c>
      <c r="H4048" s="5" t="s">
        <v>1518</v>
      </c>
      <c r="I4048" s="5" t="s">
        <v>40939</v>
      </c>
      <c r="J4048" s="2" t="s">
        <v>40940</v>
      </c>
      <c r="K4048" s="5" t="s">
        <v>40939</v>
      </c>
      <c r="L4048" s="2" t="s">
        <v>40940</v>
      </c>
      <c r="M4048" s="5" t="s">
        <v>36266</v>
      </c>
      <c r="N4048" s="5" t="s">
        <v>38</v>
      </c>
      <c r="O4048" s="5" t="s">
        <v>39</v>
      </c>
      <c r="P4048" s="5" t="s">
        <v>40</v>
      </c>
      <c r="Q4048" s="5" t="s">
        <v>1522</v>
      </c>
      <c r="R4048" s="5" t="s">
        <v>1523</v>
      </c>
      <c r="S4048" s="5" t="s">
        <v>42</v>
      </c>
      <c r="T4048" s="2">
        <v>3.3260000000000001</v>
      </c>
      <c r="U4048" s="2">
        <v>2.7309999999999999</v>
      </c>
      <c r="V4048" s="2">
        <v>1.7999999999999999E-2</v>
      </c>
      <c r="W4048" s="2">
        <v>139.1</v>
      </c>
      <c r="X4048" s="2">
        <v>7.6</v>
      </c>
      <c r="Y4048" s="2">
        <v>16.7</v>
      </c>
      <c r="Z4048" s="5"/>
      <c r="AA4048" s="5" t="s">
        <v>43</v>
      </c>
      <c r="AB4048" s="5" t="s">
        <v>44</v>
      </c>
      <c r="AC4048" s="2"/>
      <c r="AD4048" s="1"/>
    </row>
    <row r="4049" spans="1:30">
      <c r="A4049" s="5" t="s">
        <v>83578</v>
      </c>
      <c r="B4049" s="2" t="s">
        <v>95749</v>
      </c>
      <c r="C4049" s="14" t="s">
        <v>95750</v>
      </c>
      <c r="D4049" s="2" t="s">
        <v>95751</v>
      </c>
      <c r="E4049" s="2" t="s">
        <v>40967</v>
      </c>
      <c r="F4049" s="8">
        <v>329</v>
      </c>
      <c r="G4049" s="5">
        <v>6</v>
      </c>
      <c r="H4049" s="5" t="s">
        <v>1518</v>
      </c>
      <c r="I4049" s="5" t="s">
        <v>40939</v>
      </c>
      <c r="J4049" s="2" t="s">
        <v>40940</v>
      </c>
      <c r="K4049" s="5" t="s">
        <v>40939</v>
      </c>
      <c r="L4049" s="2" t="s">
        <v>40940</v>
      </c>
      <c r="M4049" s="5" t="s">
        <v>36266</v>
      </c>
      <c r="N4049" s="5" t="s">
        <v>38</v>
      </c>
      <c r="O4049" s="5" t="s">
        <v>39</v>
      </c>
      <c r="P4049" s="5" t="s">
        <v>40</v>
      </c>
      <c r="Q4049" s="5" t="s">
        <v>1522</v>
      </c>
      <c r="R4049" s="5" t="s">
        <v>1523</v>
      </c>
      <c r="S4049" s="5" t="s">
        <v>42</v>
      </c>
      <c r="T4049" s="2">
        <v>3.3010000000000002</v>
      </c>
      <c r="U4049" s="2">
        <v>2.706</v>
      </c>
      <c r="V4049" s="2">
        <v>1.7999999999999999E-2</v>
      </c>
      <c r="W4049" s="2">
        <v>139.1</v>
      </c>
      <c r="X4049" s="2">
        <v>7.6</v>
      </c>
      <c r="Y4049" s="2">
        <v>16.7</v>
      </c>
      <c r="Z4049" s="5"/>
      <c r="AA4049" s="5" t="s">
        <v>43</v>
      </c>
      <c r="AB4049" s="5" t="s">
        <v>44</v>
      </c>
      <c r="AC4049" s="2"/>
      <c r="AD4049" s="1"/>
    </row>
    <row r="4050" spans="1:30">
      <c r="A4050" s="5" t="s">
        <v>83578</v>
      </c>
      <c r="B4050" s="2" t="s">
        <v>95752</v>
      </c>
      <c r="C4050" s="14" t="s">
        <v>95753</v>
      </c>
      <c r="D4050" s="2" t="s">
        <v>95754</v>
      </c>
      <c r="E4050" s="2" t="s">
        <v>40971</v>
      </c>
      <c r="F4050" s="8">
        <v>329</v>
      </c>
      <c r="G4050" s="5">
        <v>6</v>
      </c>
      <c r="H4050" s="5" t="s">
        <v>1518</v>
      </c>
      <c r="I4050" s="5" t="s">
        <v>40939</v>
      </c>
      <c r="J4050" s="2" t="s">
        <v>40940</v>
      </c>
      <c r="K4050" s="5" t="s">
        <v>40939</v>
      </c>
      <c r="L4050" s="2" t="s">
        <v>40940</v>
      </c>
      <c r="M4050" s="5" t="s">
        <v>36266</v>
      </c>
      <c r="N4050" s="5" t="s">
        <v>38</v>
      </c>
      <c r="O4050" s="5" t="s">
        <v>39</v>
      </c>
      <c r="P4050" s="5" t="s">
        <v>40</v>
      </c>
      <c r="Q4050" s="5" t="s">
        <v>1522</v>
      </c>
      <c r="R4050" s="5" t="s">
        <v>1523</v>
      </c>
      <c r="S4050" s="5" t="s">
        <v>42</v>
      </c>
      <c r="T4050" s="2">
        <v>3.411</v>
      </c>
      <c r="U4050" s="2">
        <v>2.8159999999999998</v>
      </c>
      <c r="V4050" s="2">
        <v>1.7999999999999999E-2</v>
      </c>
      <c r="W4050" s="2">
        <v>139.1</v>
      </c>
      <c r="X4050" s="2">
        <v>7.6</v>
      </c>
      <c r="Y4050" s="2">
        <v>16.7</v>
      </c>
      <c r="Z4050" s="5"/>
      <c r="AA4050" s="5" t="s">
        <v>43</v>
      </c>
      <c r="AB4050" s="5" t="s">
        <v>44</v>
      </c>
      <c r="AC4050" s="2"/>
      <c r="AD4050" s="1"/>
    </row>
    <row r="4051" spans="1:30">
      <c r="A4051" s="5" t="s">
        <v>83578</v>
      </c>
      <c r="B4051" s="2" t="s">
        <v>95755</v>
      </c>
      <c r="C4051" s="14" t="s">
        <v>95756</v>
      </c>
      <c r="D4051" s="2" t="s">
        <v>95757</v>
      </c>
      <c r="E4051" s="2" t="s">
        <v>47226</v>
      </c>
      <c r="F4051" s="8">
        <v>329</v>
      </c>
      <c r="G4051" s="5">
        <v>6</v>
      </c>
      <c r="H4051" s="5" t="s">
        <v>1518</v>
      </c>
      <c r="I4051" s="5" t="s">
        <v>40939</v>
      </c>
      <c r="J4051" s="2" t="s">
        <v>40940</v>
      </c>
      <c r="K4051" s="5" t="s">
        <v>40939</v>
      </c>
      <c r="L4051" s="2" t="s">
        <v>40940</v>
      </c>
      <c r="M4051" s="5" t="s">
        <v>36266</v>
      </c>
      <c r="N4051" s="5" t="s">
        <v>38</v>
      </c>
      <c r="O4051" s="5" t="s">
        <v>39</v>
      </c>
      <c r="P4051" s="5" t="s">
        <v>40</v>
      </c>
      <c r="Q4051" s="5" t="s">
        <v>1522</v>
      </c>
      <c r="R4051" s="5" t="s">
        <v>1523</v>
      </c>
      <c r="S4051" s="5" t="s">
        <v>42</v>
      </c>
      <c r="T4051" s="2">
        <v>3.3010000000000002</v>
      </c>
      <c r="U4051" s="2">
        <v>2.706</v>
      </c>
      <c r="V4051" s="2">
        <v>1.7999999999999999E-2</v>
      </c>
      <c r="W4051" s="2">
        <v>139.1</v>
      </c>
      <c r="X4051" s="2">
        <v>7.6</v>
      </c>
      <c r="Y4051" s="2">
        <v>16.7</v>
      </c>
      <c r="Z4051" s="5"/>
      <c r="AA4051" s="5" t="s">
        <v>43</v>
      </c>
      <c r="AB4051" s="5" t="s">
        <v>44</v>
      </c>
      <c r="AC4051" s="2"/>
      <c r="AD4051" s="1"/>
    </row>
    <row r="4052" spans="1:30">
      <c r="A4052" s="5" t="s">
        <v>83578</v>
      </c>
      <c r="B4052" s="2" t="s">
        <v>95758</v>
      </c>
      <c r="C4052" s="14" t="s">
        <v>95759</v>
      </c>
      <c r="D4052" s="2" t="s">
        <v>95760</v>
      </c>
      <c r="E4052" s="2" t="s">
        <v>47735</v>
      </c>
      <c r="F4052" s="8">
        <v>329</v>
      </c>
      <c r="G4052" s="5">
        <v>6</v>
      </c>
      <c r="H4052" s="5" t="s">
        <v>1518</v>
      </c>
      <c r="I4052" s="5" t="s">
        <v>40939</v>
      </c>
      <c r="J4052" s="2" t="s">
        <v>40940</v>
      </c>
      <c r="K4052" s="5" t="s">
        <v>40939</v>
      </c>
      <c r="L4052" s="2" t="s">
        <v>40940</v>
      </c>
      <c r="M4052" s="5" t="s">
        <v>36266</v>
      </c>
      <c r="N4052" s="5" t="s">
        <v>38</v>
      </c>
      <c r="O4052" s="5" t="s">
        <v>39</v>
      </c>
      <c r="P4052" s="5" t="s">
        <v>40</v>
      </c>
      <c r="Q4052" s="5" t="s">
        <v>1522</v>
      </c>
      <c r="R4052" s="5" t="s">
        <v>1523</v>
      </c>
      <c r="S4052" s="5" t="s">
        <v>42</v>
      </c>
      <c r="T4052" s="2">
        <v>3.411</v>
      </c>
      <c r="U4052" s="2">
        <v>2.8159999999999998</v>
      </c>
      <c r="V4052" s="2">
        <v>1.7999999999999999E-2</v>
      </c>
      <c r="W4052" s="2">
        <v>139.1</v>
      </c>
      <c r="X4052" s="2">
        <v>7.6</v>
      </c>
      <c r="Y4052" s="2">
        <v>16.7</v>
      </c>
      <c r="Z4052" s="5"/>
      <c r="AA4052" s="5" t="s">
        <v>43</v>
      </c>
      <c r="AB4052" s="5" t="s">
        <v>44</v>
      </c>
      <c r="AC4052" s="2"/>
      <c r="AD4052" s="1"/>
    </row>
    <row r="4053" spans="1:30">
      <c r="A4053" s="5" t="s">
        <v>83578</v>
      </c>
      <c r="B4053" s="2" t="s">
        <v>95761</v>
      </c>
      <c r="C4053" s="14" t="s">
        <v>95762</v>
      </c>
      <c r="D4053" s="2" t="s">
        <v>95763</v>
      </c>
      <c r="E4053" s="2" t="s">
        <v>7539</v>
      </c>
      <c r="F4053" s="8">
        <v>329</v>
      </c>
      <c r="G4053" s="5">
        <v>6</v>
      </c>
      <c r="H4053" s="5" t="s">
        <v>1518</v>
      </c>
      <c r="I4053" s="5" t="s">
        <v>40939</v>
      </c>
      <c r="J4053" s="2" t="s">
        <v>40940</v>
      </c>
      <c r="K4053" s="5" t="s">
        <v>40939</v>
      </c>
      <c r="L4053" s="2" t="s">
        <v>40940</v>
      </c>
      <c r="M4053" s="5" t="s">
        <v>36266</v>
      </c>
      <c r="N4053" s="5" t="s">
        <v>38</v>
      </c>
      <c r="O4053" s="5" t="s">
        <v>39</v>
      </c>
      <c r="P4053" s="5" t="s">
        <v>40</v>
      </c>
      <c r="Q4053" s="5" t="s">
        <v>1522</v>
      </c>
      <c r="R4053" s="5" t="s">
        <v>1523</v>
      </c>
      <c r="S4053" s="5" t="s">
        <v>42</v>
      </c>
      <c r="T4053" s="2">
        <v>3.238</v>
      </c>
      <c r="U4053" s="2">
        <v>2.6429999999999998</v>
      </c>
      <c r="V4053" s="2">
        <v>1.7999999999999999E-2</v>
      </c>
      <c r="W4053" s="2">
        <v>139.1</v>
      </c>
      <c r="X4053" s="2">
        <v>7.6</v>
      </c>
      <c r="Y4053" s="2">
        <v>16.7</v>
      </c>
      <c r="Z4053" s="5"/>
      <c r="AA4053" s="5" t="s">
        <v>43</v>
      </c>
      <c r="AB4053" s="5" t="s">
        <v>44</v>
      </c>
      <c r="AC4053" s="2"/>
      <c r="AD4053" s="1"/>
    </row>
    <row r="4054" spans="1:30">
      <c r="A4054" s="5" t="s">
        <v>83578</v>
      </c>
      <c r="B4054" s="2" t="s">
        <v>95764</v>
      </c>
      <c r="C4054" s="14" t="s">
        <v>95765</v>
      </c>
      <c r="D4054" s="2" t="s">
        <v>95766</v>
      </c>
      <c r="E4054" s="2" t="s">
        <v>7543</v>
      </c>
      <c r="F4054" s="8">
        <v>329</v>
      </c>
      <c r="G4054" s="5">
        <v>6</v>
      </c>
      <c r="H4054" s="5" t="s">
        <v>1518</v>
      </c>
      <c r="I4054" s="5" t="s">
        <v>40939</v>
      </c>
      <c r="J4054" s="2" t="s">
        <v>40940</v>
      </c>
      <c r="K4054" s="5" t="s">
        <v>40939</v>
      </c>
      <c r="L4054" s="2" t="s">
        <v>40940</v>
      </c>
      <c r="M4054" s="5" t="s">
        <v>36266</v>
      </c>
      <c r="N4054" s="5" t="s">
        <v>38</v>
      </c>
      <c r="O4054" s="5" t="s">
        <v>39</v>
      </c>
      <c r="P4054" s="5" t="s">
        <v>40</v>
      </c>
      <c r="Q4054" s="5" t="s">
        <v>1522</v>
      </c>
      <c r="R4054" s="5" t="s">
        <v>1523</v>
      </c>
      <c r="S4054" s="5" t="s">
        <v>42</v>
      </c>
      <c r="T4054" s="2">
        <v>3.3479999999999999</v>
      </c>
      <c r="U4054" s="2">
        <v>2.7530000000000001</v>
      </c>
      <c r="V4054" s="2">
        <v>1.7999999999999999E-2</v>
      </c>
      <c r="W4054" s="2">
        <v>139.1</v>
      </c>
      <c r="X4054" s="2">
        <v>7.6</v>
      </c>
      <c r="Y4054" s="2">
        <v>16.7</v>
      </c>
      <c r="Z4054" s="5"/>
      <c r="AA4054" s="5" t="s">
        <v>43</v>
      </c>
      <c r="AB4054" s="5" t="s">
        <v>44</v>
      </c>
      <c r="AC4054" s="2"/>
      <c r="AD4054" s="1"/>
    </row>
    <row r="4055" spans="1:30">
      <c r="A4055" s="5" t="s">
        <v>83578</v>
      </c>
      <c r="B4055" s="2" t="s">
        <v>95767</v>
      </c>
      <c r="C4055" s="14" t="s">
        <v>95768</v>
      </c>
      <c r="D4055" s="2" t="s">
        <v>95769</v>
      </c>
      <c r="E4055" s="2" t="s">
        <v>40989</v>
      </c>
      <c r="F4055" s="8">
        <v>329</v>
      </c>
      <c r="G4055" s="5">
        <v>6</v>
      </c>
      <c r="H4055" s="5" t="s">
        <v>1518</v>
      </c>
      <c r="I4055" s="5" t="s">
        <v>40939</v>
      </c>
      <c r="J4055" s="2" t="s">
        <v>40940</v>
      </c>
      <c r="K4055" s="5" t="s">
        <v>40939</v>
      </c>
      <c r="L4055" s="2" t="s">
        <v>40940</v>
      </c>
      <c r="M4055" s="5" t="s">
        <v>36266</v>
      </c>
      <c r="N4055" s="5" t="s">
        <v>38</v>
      </c>
      <c r="O4055" s="5" t="s">
        <v>39</v>
      </c>
      <c r="P4055" s="5" t="s">
        <v>40</v>
      </c>
      <c r="Q4055" s="5" t="s">
        <v>1522</v>
      </c>
      <c r="R4055" s="5" t="s">
        <v>1523</v>
      </c>
      <c r="S4055" s="5" t="s">
        <v>42</v>
      </c>
      <c r="T4055" s="2">
        <v>3.3010000000000002</v>
      </c>
      <c r="U4055" s="2">
        <v>2.706</v>
      </c>
      <c r="V4055" s="2">
        <v>1.7999999999999999E-2</v>
      </c>
      <c r="W4055" s="2">
        <v>139.1</v>
      </c>
      <c r="X4055" s="2">
        <v>7.6</v>
      </c>
      <c r="Y4055" s="2">
        <v>16.7</v>
      </c>
      <c r="Z4055" s="5"/>
      <c r="AA4055" s="5" t="s">
        <v>43</v>
      </c>
      <c r="AB4055" s="5" t="s">
        <v>44</v>
      </c>
      <c r="AC4055" s="2"/>
      <c r="AD4055" s="1"/>
    </row>
    <row r="4056" spans="1:30">
      <c r="A4056" s="5" t="s">
        <v>83578</v>
      </c>
      <c r="B4056" s="2" t="s">
        <v>95770</v>
      </c>
      <c r="C4056" s="14" t="s">
        <v>95771</v>
      </c>
      <c r="D4056" s="2" t="s">
        <v>95772</v>
      </c>
      <c r="E4056" s="2" t="s">
        <v>40993</v>
      </c>
      <c r="F4056" s="8">
        <v>329</v>
      </c>
      <c r="G4056" s="5">
        <v>6</v>
      </c>
      <c r="H4056" s="5" t="s">
        <v>1518</v>
      </c>
      <c r="I4056" s="5" t="s">
        <v>40939</v>
      </c>
      <c r="J4056" s="2" t="s">
        <v>40940</v>
      </c>
      <c r="K4056" s="5" t="s">
        <v>40939</v>
      </c>
      <c r="L4056" s="2" t="s">
        <v>40940</v>
      </c>
      <c r="M4056" s="5" t="s">
        <v>36266</v>
      </c>
      <c r="N4056" s="5" t="s">
        <v>38</v>
      </c>
      <c r="O4056" s="5" t="s">
        <v>39</v>
      </c>
      <c r="P4056" s="5" t="s">
        <v>40</v>
      </c>
      <c r="Q4056" s="5" t="s">
        <v>1522</v>
      </c>
      <c r="R4056" s="5" t="s">
        <v>1523</v>
      </c>
      <c r="S4056" s="5" t="s">
        <v>42</v>
      </c>
      <c r="T4056" s="2">
        <v>3.411</v>
      </c>
      <c r="U4056" s="2">
        <v>2.8159999999999998</v>
      </c>
      <c r="V4056" s="2">
        <v>1.7999999999999999E-2</v>
      </c>
      <c r="W4056" s="2">
        <v>139.1</v>
      </c>
      <c r="X4056" s="2">
        <v>7.6</v>
      </c>
      <c r="Y4056" s="2">
        <v>16.7</v>
      </c>
      <c r="Z4056" s="5"/>
      <c r="AA4056" s="5" t="s">
        <v>43</v>
      </c>
      <c r="AB4056" s="5" t="s">
        <v>44</v>
      </c>
      <c r="AC4056" s="2"/>
      <c r="AD4056" s="1"/>
    </row>
    <row r="4057" spans="1:30">
      <c r="A4057" s="5" t="s">
        <v>83578</v>
      </c>
      <c r="B4057" s="2" t="s">
        <v>95773</v>
      </c>
      <c r="C4057" s="14" t="s">
        <v>95774</v>
      </c>
      <c r="D4057" s="2" t="s">
        <v>95775</v>
      </c>
      <c r="E4057" s="2" t="s">
        <v>41267</v>
      </c>
      <c r="F4057" s="8">
        <v>329</v>
      </c>
      <c r="G4057" s="5">
        <v>6</v>
      </c>
      <c r="H4057" s="5" t="s">
        <v>1518</v>
      </c>
      <c r="I4057" s="5" t="s">
        <v>40939</v>
      </c>
      <c r="J4057" s="2" t="s">
        <v>40940</v>
      </c>
      <c r="K4057" s="5" t="s">
        <v>40939</v>
      </c>
      <c r="L4057" s="2" t="s">
        <v>40940</v>
      </c>
      <c r="M4057" s="5" t="s">
        <v>36266</v>
      </c>
      <c r="N4057" s="5" t="s">
        <v>38</v>
      </c>
      <c r="O4057" s="5" t="s">
        <v>39</v>
      </c>
      <c r="P4057" s="5" t="s">
        <v>40</v>
      </c>
      <c r="Q4057" s="5" t="s">
        <v>1522</v>
      </c>
      <c r="R4057" s="5" t="s">
        <v>1523</v>
      </c>
      <c r="S4057" s="5" t="s">
        <v>42</v>
      </c>
      <c r="T4057" s="2">
        <v>3.36</v>
      </c>
      <c r="U4057" s="2">
        <v>2.7650000000000001</v>
      </c>
      <c r="V4057" s="2">
        <v>1.7999999999999999E-2</v>
      </c>
      <c r="W4057" s="2">
        <v>139.1</v>
      </c>
      <c r="X4057" s="2">
        <v>7.6</v>
      </c>
      <c r="Y4057" s="2">
        <v>16.7</v>
      </c>
      <c r="Z4057" s="5"/>
      <c r="AA4057" s="5" t="s">
        <v>43</v>
      </c>
      <c r="AB4057" s="5" t="s">
        <v>44</v>
      </c>
      <c r="AC4057" s="2"/>
      <c r="AD4057" s="1"/>
    </row>
    <row r="4058" spans="1:30">
      <c r="A4058" s="5" t="s">
        <v>83578</v>
      </c>
      <c r="B4058" s="2" t="s">
        <v>95776</v>
      </c>
      <c r="C4058" s="14" t="s">
        <v>95777</v>
      </c>
      <c r="D4058" s="2" t="s">
        <v>95778</v>
      </c>
      <c r="E4058" s="2" t="s">
        <v>41005</v>
      </c>
      <c r="F4058" s="8">
        <v>329</v>
      </c>
      <c r="G4058" s="5">
        <v>6</v>
      </c>
      <c r="H4058" s="5" t="s">
        <v>1518</v>
      </c>
      <c r="I4058" s="5" t="s">
        <v>40939</v>
      </c>
      <c r="J4058" s="2" t="s">
        <v>40940</v>
      </c>
      <c r="K4058" s="5" t="s">
        <v>40939</v>
      </c>
      <c r="L4058" s="2" t="s">
        <v>40940</v>
      </c>
      <c r="M4058" s="5" t="s">
        <v>36266</v>
      </c>
      <c r="N4058" s="5" t="s">
        <v>38</v>
      </c>
      <c r="O4058" s="5" t="s">
        <v>39</v>
      </c>
      <c r="P4058" s="5" t="s">
        <v>40</v>
      </c>
      <c r="Q4058" s="5" t="s">
        <v>1522</v>
      </c>
      <c r="R4058" s="5" t="s">
        <v>1523</v>
      </c>
      <c r="S4058" s="5" t="s">
        <v>42</v>
      </c>
      <c r="T4058" s="2">
        <v>3.411</v>
      </c>
      <c r="U4058" s="2">
        <v>2.8159999999999998</v>
      </c>
      <c r="V4058" s="2">
        <v>1.7999999999999999E-2</v>
      </c>
      <c r="W4058" s="2">
        <v>139.1</v>
      </c>
      <c r="X4058" s="2">
        <v>7.6</v>
      </c>
      <c r="Y4058" s="2">
        <v>16.7</v>
      </c>
      <c r="Z4058" s="5"/>
      <c r="AA4058" s="5" t="s">
        <v>43</v>
      </c>
      <c r="AB4058" s="5" t="s">
        <v>44</v>
      </c>
      <c r="AC4058" s="2"/>
      <c r="AD4058" s="1"/>
    </row>
    <row r="4059" spans="1:30">
      <c r="A4059" s="5" t="s">
        <v>83578</v>
      </c>
      <c r="B4059" s="2" t="s">
        <v>95779</v>
      </c>
      <c r="C4059" s="14" t="s">
        <v>95780</v>
      </c>
      <c r="D4059" s="2" t="s">
        <v>95781</v>
      </c>
      <c r="E4059" s="2" t="s">
        <v>41013</v>
      </c>
      <c r="F4059" s="8">
        <v>329</v>
      </c>
      <c r="G4059" s="5">
        <v>6</v>
      </c>
      <c r="H4059" s="5" t="s">
        <v>1518</v>
      </c>
      <c r="I4059" s="5" t="s">
        <v>40939</v>
      </c>
      <c r="J4059" s="2" t="s">
        <v>40940</v>
      </c>
      <c r="K4059" s="5" t="s">
        <v>40939</v>
      </c>
      <c r="L4059" s="2" t="s">
        <v>40940</v>
      </c>
      <c r="M4059" s="5" t="s">
        <v>36266</v>
      </c>
      <c r="N4059" s="5" t="s">
        <v>38</v>
      </c>
      <c r="O4059" s="5" t="s">
        <v>39</v>
      </c>
      <c r="P4059" s="5" t="s">
        <v>40</v>
      </c>
      <c r="Q4059" s="5" t="s">
        <v>1522</v>
      </c>
      <c r="R4059" s="5" t="s">
        <v>1523</v>
      </c>
      <c r="S4059" s="5" t="s">
        <v>42</v>
      </c>
      <c r="T4059" s="2">
        <v>3.423</v>
      </c>
      <c r="U4059" s="2">
        <v>2.8279999999999998</v>
      </c>
      <c r="V4059" s="2">
        <v>1.7999999999999999E-2</v>
      </c>
      <c r="W4059" s="2">
        <v>139.1</v>
      </c>
      <c r="X4059" s="2">
        <v>7.6</v>
      </c>
      <c r="Y4059" s="2">
        <v>16.7</v>
      </c>
      <c r="Z4059" s="5"/>
      <c r="AA4059" s="5" t="s">
        <v>43</v>
      </c>
      <c r="AB4059" s="5" t="s">
        <v>44</v>
      </c>
      <c r="AC4059" s="2"/>
      <c r="AD4059" s="1"/>
    </row>
    <row r="4060" spans="1:30">
      <c r="A4060" s="5" t="s">
        <v>83578</v>
      </c>
      <c r="B4060" s="2" t="s">
        <v>95782</v>
      </c>
      <c r="C4060" s="14" t="s">
        <v>95783</v>
      </c>
      <c r="D4060" s="2" t="s">
        <v>95784</v>
      </c>
      <c r="E4060" s="2" t="s">
        <v>7507</v>
      </c>
      <c r="F4060" s="8">
        <v>303</v>
      </c>
      <c r="G4060" s="5">
        <v>6</v>
      </c>
      <c r="H4060" s="5" t="s">
        <v>1518</v>
      </c>
      <c r="I4060" s="5" t="s">
        <v>40939</v>
      </c>
      <c r="J4060" s="2" t="s">
        <v>40940</v>
      </c>
      <c r="K4060" s="5" t="s">
        <v>40939</v>
      </c>
      <c r="L4060" s="2" t="s">
        <v>40940</v>
      </c>
      <c r="M4060" s="5" t="s">
        <v>36266</v>
      </c>
      <c r="N4060" s="5" t="s">
        <v>38</v>
      </c>
      <c r="O4060" s="5" t="s">
        <v>39</v>
      </c>
      <c r="P4060" s="5" t="s">
        <v>40</v>
      </c>
      <c r="Q4060" s="5" t="s">
        <v>1522</v>
      </c>
      <c r="R4060" s="5" t="s">
        <v>1523</v>
      </c>
      <c r="S4060" s="5" t="s">
        <v>42</v>
      </c>
      <c r="T4060" s="2">
        <v>3.423</v>
      </c>
      <c r="U4060" s="2">
        <v>2.8279999999999998</v>
      </c>
      <c r="V4060" s="2">
        <v>1.7999999999999999E-2</v>
      </c>
      <c r="W4060" s="2">
        <v>139.1</v>
      </c>
      <c r="X4060" s="2">
        <v>7.6</v>
      </c>
      <c r="Y4060" s="2">
        <v>16.7</v>
      </c>
      <c r="Z4060" s="5"/>
      <c r="AA4060" s="5" t="s">
        <v>43</v>
      </c>
      <c r="AB4060" s="5" t="s">
        <v>44</v>
      </c>
      <c r="AC4060" s="2"/>
      <c r="AD4060" s="1"/>
    </row>
    <row r="4061" spans="1:30">
      <c r="A4061" s="5" t="s">
        <v>83578</v>
      </c>
      <c r="B4061" s="2" t="s">
        <v>95785</v>
      </c>
      <c r="C4061" s="14" t="s">
        <v>95786</v>
      </c>
      <c r="D4061" s="2" t="s">
        <v>95787</v>
      </c>
      <c r="E4061" s="2" t="s">
        <v>41023</v>
      </c>
      <c r="F4061" s="8">
        <v>329</v>
      </c>
      <c r="G4061" s="5">
        <v>6</v>
      </c>
      <c r="H4061" s="5" t="s">
        <v>1518</v>
      </c>
      <c r="I4061" s="5" t="s">
        <v>40939</v>
      </c>
      <c r="J4061" s="2" t="s">
        <v>40940</v>
      </c>
      <c r="K4061" s="5" t="s">
        <v>40939</v>
      </c>
      <c r="L4061" s="2" t="s">
        <v>40940</v>
      </c>
      <c r="M4061" s="5" t="s">
        <v>36266</v>
      </c>
      <c r="N4061" s="5" t="s">
        <v>38</v>
      </c>
      <c r="O4061" s="5" t="s">
        <v>39</v>
      </c>
      <c r="P4061" s="5" t="s">
        <v>40</v>
      </c>
      <c r="Q4061" s="5" t="s">
        <v>1522</v>
      </c>
      <c r="R4061" s="5" t="s">
        <v>1523</v>
      </c>
      <c r="S4061" s="5" t="s">
        <v>42</v>
      </c>
      <c r="T4061" s="2">
        <v>3.25</v>
      </c>
      <c r="U4061" s="2">
        <v>2.6549999999999998</v>
      </c>
      <c r="V4061" s="2">
        <v>1.7999999999999999E-2</v>
      </c>
      <c r="W4061" s="2">
        <v>139.1</v>
      </c>
      <c r="X4061" s="2">
        <v>7.6</v>
      </c>
      <c r="Y4061" s="2">
        <v>16.7</v>
      </c>
      <c r="Z4061" s="5"/>
      <c r="AA4061" s="5" t="s">
        <v>43</v>
      </c>
      <c r="AB4061" s="5" t="s">
        <v>44</v>
      </c>
      <c r="AC4061" s="2"/>
      <c r="AD4061" s="1"/>
    </row>
    <row r="4062" spans="1:30">
      <c r="A4062" s="5" t="s">
        <v>83578</v>
      </c>
      <c r="B4062" s="2" t="s">
        <v>95788</v>
      </c>
      <c r="C4062" s="14" t="s">
        <v>95789</v>
      </c>
      <c r="D4062" s="2" t="s">
        <v>95790</v>
      </c>
      <c r="E4062" s="2" t="s">
        <v>7449</v>
      </c>
      <c r="F4062" s="8">
        <v>329</v>
      </c>
      <c r="G4062" s="5">
        <v>6</v>
      </c>
      <c r="H4062" s="5" t="s">
        <v>1518</v>
      </c>
      <c r="I4062" s="5" t="s">
        <v>40939</v>
      </c>
      <c r="J4062" s="2" t="s">
        <v>40940</v>
      </c>
      <c r="K4062" s="5" t="s">
        <v>40939</v>
      </c>
      <c r="L4062" s="2" t="s">
        <v>40940</v>
      </c>
      <c r="M4062" s="5" t="s">
        <v>36266</v>
      </c>
      <c r="N4062" s="5" t="s">
        <v>38</v>
      </c>
      <c r="O4062" s="5" t="s">
        <v>39</v>
      </c>
      <c r="P4062" s="5" t="s">
        <v>40</v>
      </c>
      <c r="Q4062" s="5" t="s">
        <v>1522</v>
      </c>
      <c r="R4062" s="5" t="s">
        <v>1523</v>
      </c>
      <c r="S4062" s="5" t="s">
        <v>42</v>
      </c>
      <c r="T4062" s="2">
        <v>3.25</v>
      </c>
      <c r="U4062" s="2">
        <v>2.6549999999999998</v>
      </c>
      <c r="V4062" s="2">
        <v>1.7999999999999999E-2</v>
      </c>
      <c r="W4062" s="2">
        <v>139.1</v>
      </c>
      <c r="X4062" s="2">
        <v>7.6</v>
      </c>
      <c r="Y4062" s="2">
        <v>16.7</v>
      </c>
      <c r="Z4062" s="5"/>
      <c r="AA4062" s="5" t="s">
        <v>43</v>
      </c>
      <c r="AB4062" s="5" t="s">
        <v>44</v>
      </c>
      <c r="AC4062" s="2"/>
      <c r="AD4062" s="1"/>
    </row>
    <row r="4063" spans="1:30">
      <c r="A4063" s="5" t="s">
        <v>83578</v>
      </c>
      <c r="B4063" s="2" t="s">
        <v>95791</v>
      </c>
      <c r="C4063" s="14" t="s">
        <v>95792</v>
      </c>
      <c r="D4063" s="2" t="s">
        <v>95793</v>
      </c>
      <c r="E4063" s="2" t="s">
        <v>7581</v>
      </c>
      <c r="F4063" s="8">
        <v>329</v>
      </c>
      <c r="G4063" s="5">
        <v>6</v>
      </c>
      <c r="H4063" s="5" t="s">
        <v>1518</v>
      </c>
      <c r="I4063" s="5" t="s">
        <v>40939</v>
      </c>
      <c r="J4063" s="2" t="s">
        <v>40940</v>
      </c>
      <c r="K4063" s="5" t="s">
        <v>40939</v>
      </c>
      <c r="L4063" s="2" t="s">
        <v>40940</v>
      </c>
      <c r="M4063" s="5" t="s">
        <v>36266</v>
      </c>
      <c r="N4063" s="5" t="s">
        <v>38</v>
      </c>
      <c r="O4063" s="5" t="s">
        <v>39</v>
      </c>
      <c r="P4063" s="5" t="s">
        <v>40</v>
      </c>
      <c r="Q4063" s="5" t="s">
        <v>1522</v>
      </c>
      <c r="R4063" s="5" t="s">
        <v>1523</v>
      </c>
      <c r="S4063" s="5" t="s">
        <v>42</v>
      </c>
      <c r="T4063" s="2">
        <v>3.36</v>
      </c>
      <c r="U4063" s="2">
        <v>2.7650000000000001</v>
      </c>
      <c r="V4063" s="2">
        <v>1.7999999999999999E-2</v>
      </c>
      <c r="W4063" s="2">
        <v>139.1</v>
      </c>
      <c r="X4063" s="2">
        <v>7.6</v>
      </c>
      <c r="Y4063" s="2">
        <v>16.7</v>
      </c>
      <c r="Z4063" s="5"/>
      <c r="AA4063" s="5" t="s">
        <v>43</v>
      </c>
      <c r="AB4063" s="5" t="s">
        <v>44</v>
      </c>
      <c r="AC4063" s="2"/>
      <c r="AD4063" s="1"/>
    </row>
    <row r="4064" spans="1:30">
      <c r="A4064" s="5" t="s">
        <v>83578</v>
      </c>
      <c r="B4064" s="2" t="s">
        <v>95794</v>
      </c>
      <c r="C4064" s="14" t="s">
        <v>95795</v>
      </c>
      <c r="D4064" s="2" t="s">
        <v>95796</v>
      </c>
      <c r="E4064" s="2" t="s">
        <v>41045</v>
      </c>
      <c r="F4064" s="8">
        <v>329</v>
      </c>
      <c r="G4064" s="5">
        <v>6</v>
      </c>
      <c r="H4064" s="5" t="s">
        <v>1518</v>
      </c>
      <c r="I4064" s="5" t="s">
        <v>40939</v>
      </c>
      <c r="J4064" s="2" t="s">
        <v>40940</v>
      </c>
      <c r="K4064" s="5" t="s">
        <v>40939</v>
      </c>
      <c r="L4064" s="2" t="s">
        <v>40940</v>
      </c>
      <c r="M4064" s="5" t="s">
        <v>36266</v>
      </c>
      <c r="N4064" s="5" t="s">
        <v>38</v>
      </c>
      <c r="O4064" s="5" t="s">
        <v>39</v>
      </c>
      <c r="P4064" s="5" t="s">
        <v>40</v>
      </c>
      <c r="Q4064" s="5" t="s">
        <v>1522</v>
      </c>
      <c r="R4064" s="5" t="s">
        <v>1523</v>
      </c>
      <c r="S4064" s="5" t="s">
        <v>42</v>
      </c>
      <c r="T4064" s="2">
        <v>3.3260000000000001</v>
      </c>
      <c r="U4064" s="2">
        <v>2.7309999999999999</v>
      </c>
      <c r="V4064" s="2">
        <v>1.7999999999999999E-2</v>
      </c>
      <c r="W4064" s="2">
        <v>139.1</v>
      </c>
      <c r="X4064" s="2">
        <v>7.6</v>
      </c>
      <c r="Y4064" s="2">
        <v>16.7</v>
      </c>
      <c r="Z4064" s="5"/>
      <c r="AA4064" s="5" t="s">
        <v>43</v>
      </c>
      <c r="AB4064" s="5" t="s">
        <v>44</v>
      </c>
      <c r="AC4064" s="2"/>
      <c r="AD4064" s="1"/>
    </row>
    <row r="4065" spans="1:30">
      <c r="A4065" s="5" t="s">
        <v>83578</v>
      </c>
      <c r="B4065" s="2" t="s">
        <v>95797</v>
      </c>
      <c r="C4065" s="14" t="s">
        <v>95798</v>
      </c>
      <c r="D4065" s="2" t="s">
        <v>95799</v>
      </c>
      <c r="E4065" s="2" t="s">
        <v>41049</v>
      </c>
      <c r="F4065" s="8">
        <v>329</v>
      </c>
      <c r="G4065" s="5">
        <v>6</v>
      </c>
      <c r="H4065" s="5" t="s">
        <v>1518</v>
      </c>
      <c r="I4065" s="5" t="s">
        <v>40939</v>
      </c>
      <c r="J4065" s="2" t="s">
        <v>40940</v>
      </c>
      <c r="K4065" s="5" t="s">
        <v>40939</v>
      </c>
      <c r="L4065" s="2" t="s">
        <v>40940</v>
      </c>
      <c r="M4065" s="5" t="s">
        <v>36266</v>
      </c>
      <c r="N4065" s="5" t="s">
        <v>38</v>
      </c>
      <c r="O4065" s="5" t="s">
        <v>39</v>
      </c>
      <c r="P4065" s="5" t="s">
        <v>40</v>
      </c>
      <c r="Q4065" s="5" t="s">
        <v>1522</v>
      </c>
      <c r="R4065" s="5" t="s">
        <v>1523</v>
      </c>
      <c r="S4065" s="5" t="s">
        <v>42</v>
      </c>
      <c r="T4065" s="2">
        <v>3.4359999999999999</v>
      </c>
      <c r="U4065" s="2">
        <v>2.8410000000000002</v>
      </c>
      <c r="V4065" s="2">
        <v>1.7999999999999999E-2</v>
      </c>
      <c r="W4065" s="2">
        <v>139.1</v>
      </c>
      <c r="X4065" s="2">
        <v>7.6</v>
      </c>
      <c r="Y4065" s="2">
        <v>16.7</v>
      </c>
      <c r="Z4065" s="5"/>
      <c r="AA4065" s="5" t="s">
        <v>43</v>
      </c>
      <c r="AB4065" s="5" t="s">
        <v>44</v>
      </c>
      <c r="AC4065" s="2"/>
      <c r="AD4065" s="1"/>
    </row>
    <row r="4066" spans="1:30">
      <c r="A4066" s="5" t="s">
        <v>83578</v>
      </c>
      <c r="B4066" s="2" t="s">
        <v>95800</v>
      </c>
      <c r="C4066" s="14" t="s">
        <v>95801</v>
      </c>
      <c r="D4066" s="2" t="s">
        <v>95802</v>
      </c>
      <c r="E4066" s="2" t="s">
        <v>40967</v>
      </c>
      <c r="F4066" s="8">
        <v>300</v>
      </c>
      <c r="G4066" s="5">
        <v>6</v>
      </c>
      <c r="H4066" s="5" t="s">
        <v>1518</v>
      </c>
      <c r="I4066" s="5" t="s">
        <v>40939</v>
      </c>
      <c r="J4066" s="2" t="s">
        <v>40940</v>
      </c>
      <c r="K4066" s="5" t="s">
        <v>40939</v>
      </c>
      <c r="L4066" s="2" t="s">
        <v>40940</v>
      </c>
      <c r="M4066" s="5" t="s">
        <v>36266</v>
      </c>
      <c r="N4066" s="5" t="s">
        <v>38</v>
      </c>
      <c r="O4066" s="5" t="s">
        <v>39</v>
      </c>
      <c r="P4066" s="5" t="s">
        <v>40</v>
      </c>
      <c r="Q4066" s="5" t="s">
        <v>1522</v>
      </c>
      <c r="R4066" s="5" t="s">
        <v>1523</v>
      </c>
      <c r="S4066" s="5" t="s">
        <v>42</v>
      </c>
      <c r="T4066" s="2">
        <v>2.93</v>
      </c>
      <c r="U4066" s="2">
        <v>2.4060000000000001</v>
      </c>
      <c r="V4066" s="2">
        <v>1.4999999999999999E-2</v>
      </c>
      <c r="W4066" s="2">
        <v>118.9</v>
      </c>
      <c r="X4066" s="2">
        <v>7.6</v>
      </c>
      <c r="Y4066" s="2">
        <v>16.7</v>
      </c>
      <c r="Z4066" s="5"/>
      <c r="AA4066" s="5" t="s">
        <v>43</v>
      </c>
      <c r="AB4066" s="5" t="s">
        <v>44</v>
      </c>
      <c r="AC4066" s="2"/>
      <c r="AD4066" s="1"/>
    </row>
    <row r="4067" spans="1:30">
      <c r="A4067" s="5" t="s">
        <v>83578</v>
      </c>
      <c r="B4067" s="2" t="s">
        <v>95803</v>
      </c>
      <c r="C4067" s="14" t="s">
        <v>95804</v>
      </c>
      <c r="D4067" s="2" t="s">
        <v>95805</v>
      </c>
      <c r="E4067" s="2" t="s">
        <v>47735</v>
      </c>
      <c r="F4067" s="8">
        <v>300</v>
      </c>
      <c r="G4067" s="5">
        <v>6</v>
      </c>
      <c r="H4067" s="5" t="s">
        <v>1518</v>
      </c>
      <c r="I4067" s="5" t="s">
        <v>40939</v>
      </c>
      <c r="J4067" s="2" t="s">
        <v>40940</v>
      </c>
      <c r="K4067" s="5" t="s">
        <v>40939</v>
      </c>
      <c r="L4067" s="2" t="s">
        <v>40940</v>
      </c>
      <c r="M4067" s="5" t="s">
        <v>36266</v>
      </c>
      <c r="N4067" s="5" t="s">
        <v>38</v>
      </c>
      <c r="O4067" s="5" t="s">
        <v>39</v>
      </c>
      <c r="P4067" s="5" t="s">
        <v>40</v>
      </c>
      <c r="Q4067" s="5" t="s">
        <v>1522</v>
      </c>
      <c r="R4067" s="5" t="s">
        <v>1523</v>
      </c>
      <c r="S4067" s="5" t="s">
        <v>42</v>
      </c>
      <c r="T4067" s="2">
        <v>3.02</v>
      </c>
      <c r="U4067" s="2">
        <v>2.496</v>
      </c>
      <c r="V4067" s="2">
        <v>1.4999999999999999E-2</v>
      </c>
      <c r="W4067" s="2">
        <v>118.9</v>
      </c>
      <c r="X4067" s="2">
        <v>7.6</v>
      </c>
      <c r="Y4067" s="2">
        <v>16.7</v>
      </c>
      <c r="Z4067" s="5"/>
      <c r="AA4067" s="5" t="s">
        <v>43</v>
      </c>
      <c r="AB4067" s="5" t="s">
        <v>44</v>
      </c>
      <c r="AC4067" s="2"/>
      <c r="AD4067" s="1"/>
    </row>
    <row r="4068" spans="1:30">
      <c r="A4068" s="5" t="s">
        <v>83578</v>
      </c>
      <c r="B4068" s="2" t="s">
        <v>95806</v>
      </c>
      <c r="C4068" s="14" t="s">
        <v>95807</v>
      </c>
      <c r="D4068" s="2" t="s">
        <v>95808</v>
      </c>
      <c r="E4068" s="2" t="s">
        <v>7543</v>
      </c>
      <c r="F4068" s="8">
        <v>300</v>
      </c>
      <c r="G4068" s="5">
        <v>6</v>
      </c>
      <c r="H4068" s="5" t="s">
        <v>1518</v>
      </c>
      <c r="I4068" s="5" t="s">
        <v>40939</v>
      </c>
      <c r="J4068" s="2" t="s">
        <v>40940</v>
      </c>
      <c r="K4068" s="5" t="s">
        <v>40939</v>
      </c>
      <c r="L4068" s="2" t="s">
        <v>40940</v>
      </c>
      <c r="M4068" s="5" t="s">
        <v>36266</v>
      </c>
      <c r="N4068" s="5" t="s">
        <v>38</v>
      </c>
      <c r="O4068" s="5" t="s">
        <v>39</v>
      </c>
      <c r="P4068" s="5" t="s">
        <v>40</v>
      </c>
      <c r="Q4068" s="5" t="s">
        <v>1522</v>
      </c>
      <c r="R4068" s="5" t="s">
        <v>1523</v>
      </c>
      <c r="S4068" s="5" t="s">
        <v>42</v>
      </c>
      <c r="T4068" s="2">
        <v>2.972</v>
      </c>
      <c r="U4068" s="2">
        <v>2.448</v>
      </c>
      <c r="V4068" s="2">
        <v>1.4999999999999999E-2</v>
      </c>
      <c r="W4068" s="2">
        <v>118.9</v>
      </c>
      <c r="X4068" s="2">
        <v>7.6</v>
      </c>
      <c r="Y4068" s="2">
        <v>16.7</v>
      </c>
      <c r="Z4068" s="5"/>
      <c r="AA4068" s="5" t="s">
        <v>43</v>
      </c>
      <c r="AB4068" s="5" t="s">
        <v>44</v>
      </c>
      <c r="AC4068" s="2"/>
      <c r="AD4068" s="1"/>
    </row>
    <row r="4069" spans="1:30">
      <c r="A4069" s="5" t="s">
        <v>83578</v>
      </c>
      <c r="B4069" s="2" t="s">
        <v>95809</v>
      </c>
      <c r="C4069" s="14" t="s">
        <v>95810</v>
      </c>
      <c r="D4069" s="2" t="s">
        <v>95811</v>
      </c>
      <c r="E4069" s="2" t="s">
        <v>40997</v>
      </c>
      <c r="F4069" s="8">
        <v>300</v>
      </c>
      <c r="G4069" s="5">
        <v>6</v>
      </c>
      <c r="H4069" s="5" t="s">
        <v>1518</v>
      </c>
      <c r="I4069" s="5" t="s">
        <v>40939</v>
      </c>
      <c r="J4069" s="2" t="s">
        <v>40940</v>
      </c>
      <c r="K4069" s="5" t="s">
        <v>40939</v>
      </c>
      <c r="L4069" s="2" t="s">
        <v>40940</v>
      </c>
      <c r="M4069" s="5" t="s">
        <v>36266</v>
      </c>
      <c r="N4069" s="5" t="s">
        <v>38</v>
      </c>
      <c r="O4069" s="5" t="s">
        <v>39</v>
      </c>
      <c r="P4069" s="5" t="s">
        <v>40</v>
      </c>
      <c r="Q4069" s="5" t="s">
        <v>1522</v>
      </c>
      <c r="R4069" s="5" t="s">
        <v>1523</v>
      </c>
      <c r="S4069" s="5" t="s">
        <v>42</v>
      </c>
      <c r="T4069" s="2">
        <v>2.891</v>
      </c>
      <c r="U4069" s="2">
        <v>2.367</v>
      </c>
      <c r="V4069" s="2">
        <v>1.4999999999999999E-2</v>
      </c>
      <c r="W4069" s="2">
        <v>118.9</v>
      </c>
      <c r="X4069" s="2">
        <v>7.6</v>
      </c>
      <c r="Y4069" s="2">
        <v>16.7</v>
      </c>
      <c r="Z4069" s="5"/>
      <c r="AA4069" s="5" t="s">
        <v>43</v>
      </c>
      <c r="AB4069" s="5" t="s">
        <v>44</v>
      </c>
      <c r="AC4069" s="2"/>
      <c r="AD4069" s="1"/>
    </row>
    <row r="4070" spans="1:30">
      <c r="A4070" s="5" t="s">
        <v>83578</v>
      </c>
      <c r="B4070" s="2" t="s">
        <v>95812</v>
      </c>
      <c r="C4070" s="14" t="s">
        <v>95813</v>
      </c>
      <c r="D4070" s="2" t="s">
        <v>95814</v>
      </c>
      <c r="E4070" s="2" t="s">
        <v>41001</v>
      </c>
      <c r="F4070" s="8">
        <v>300</v>
      </c>
      <c r="G4070" s="5">
        <v>6</v>
      </c>
      <c r="H4070" s="5" t="s">
        <v>1518</v>
      </c>
      <c r="I4070" s="5" t="s">
        <v>40939</v>
      </c>
      <c r="J4070" s="2" t="s">
        <v>40940</v>
      </c>
      <c r="K4070" s="5" t="s">
        <v>40939</v>
      </c>
      <c r="L4070" s="2" t="s">
        <v>40940</v>
      </c>
      <c r="M4070" s="5" t="s">
        <v>36266</v>
      </c>
      <c r="N4070" s="5" t="s">
        <v>38</v>
      </c>
      <c r="O4070" s="5" t="s">
        <v>39</v>
      </c>
      <c r="P4070" s="5" t="s">
        <v>40</v>
      </c>
      <c r="Q4070" s="5" t="s">
        <v>1522</v>
      </c>
      <c r="R4070" s="5" t="s">
        <v>1523</v>
      </c>
      <c r="S4070" s="5" t="s">
        <v>42</v>
      </c>
      <c r="T4070" s="2">
        <v>2.93</v>
      </c>
      <c r="U4070" s="2">
        <v>2.4060000000000001</v>
      </c>
      <c r="V4070" s="2">
        <v>1.4999999999999999E-2</v>
      </c>
      <c r="W4070" s="2">
        <v>118.9</v>
      </c>
      <c r="X4070" s="2">
        <v>7.6</v>
      </c>
      <c r="Y4070" s="2">
        <v>16.7</v>
      </c>
      <c r="Z4070" s="5"/>
      <c r="AA4070" s="5" t="s">
        <v>43</v>
      </c>
      <c r="AB4070" s="5" t="s">
        <v>44</v>
      </c>
      <c r="AC4070" s="2"/>
      <c r="AD4070" s="1"/>
    </row>
    <row r="4071" spans="1:30">
      <c r="A4071" s="5" t="s">
        <v>83578</v>
      </c>
      <c r="B4071" s="2" t="s">
        <v>95815</v>
      </c>
      <c r="C4071" s="14" t="s">
        <v>95816</v>
      </c>
      <c r="D4071" s="2" t="s">
        <v>95817</v>
      </c>
      <c r="E4071" s="2" t="s">
        <v>41005</v>
      </c>
      <c r="F4071" s="8">
        <v>300</v>
      </c>
      <c r="G4071" s="5">
        <v>6</v>
      </c>
      <c r="H4071" s="5" t="s">
        <v>1518</v>
      </c>
      <c r="I4071" s="5" t="s">
        <v>40939</v>
      </c>
      <c r="J4071" s="2" t="s">
        <v>40940</v>
      </c>
      <c r="K4071" s="5" t="s">
        <v>40939</v>
      </c>
      <c r="L4071" s="2" t="s">
        <v>40940</v>
      </c>
      <c r="M4071" s="5" t="s">
        <v>36266</v>
      </c>
      <c r="N4071" s="5" t="s">
        <v>38</v>
      </c>
      <c r="O4071" s="5" t="s">
        <v>39</v>
      </c>
      <c r="P4071" s="5" t="s">
        <v>40</v>
      </c>
      <c r="Q4071" s="5" t="s">
        <v>1522</v>
      </c>
      <c r="R4071" s="5" t="s">
        <v>1523</v>
      </c>
      <c r="S4071" s="5" t="s">
        <v>42</v>
      </c>
      <c r="T4071" s="2">
        <v>3.02</v>
      </c>
      <c r="U4071" s="2">
        <v>2.496</v>
      </c>
      <c r="V4071" s="2">
        <v>1.4999999999999999E-2</v>
      </c>
      <c r="W4071" s="2">
        <v>118.9</v>
      </c>
      <c r="X4071" s="2">
        <v>7.6</v>
      </c>
      <c r="Y4071" s="2">
        <v>16.7</v>
      </c>
      <c r="Z4071" s="5"/>
      <c r="AA4071" s="5" t="s">
        <v>43</v>
      </c>
      <c r="AB4071" s="5" t="s">
        <v>44</v>
      </c>
      <c r="AC4071" s="2"/>
      <c r="AD4071" s="1"/>
    </row>
    <row r="4072" spans="1:30">
      <c r="A4072" s="5" t="s">
        <v>83578</v>
      </c>
      <c r="B4072" s="2" t="s">
        <v>95818</v>
      </c>
      <c r="C4072" s="14" t="s">
        <v>95819</v>
      </c>
      <c r="D4072" s="2" t="s">
        <v>95820</v>
      </c>
      <c r="E4072" s="2" t="s">
        <v>41009</v>
      </c>
      <c r="F4072" s="8">
        <v>300</v>
      </c>
      <c r="G4072" s="5">
        <v>6</v>
      </c>
      <c r="H4072" s="5" t="s">
        <v>1518</v>
      </c>
      <c r="I4072" s="5" t="s">
        <v>40939</v>
      </c>
      <c r="J4072" s="2" t="s">
        <v>40940</v>
      </c>
      <c r="K4072" s="5" t="s">
        <v>40939</v>
      </c>
      <c r="L4072" s="2" t="s">
        <v>40940</v>
      </c>
      <c r="M4072" s="5" t="s">
        <v>36266</v>
      </c>
      <c r="N4072" s="5" t="s">
        <v>38</v>
      </c>
      <c r="O4072" s="5" t="s">
        <v>39</v>
      </c>
      <c r="P4072" s="5" t="s">
        <v>40</v>
      </c>
      <c r="Q4072" s="5" t="s">
        <v>1522</v>
      </c>
      <c r="R4072" s="5" t="s">
        <v>1523</v>
      </c>
      <c r="S4072" s="5" t="s">
        <v>42</v>
      </c>
      <c r="T4072" s="2">
        <v>2.9390000000000001</v>
      </c>
      <c r="U4072" s="2">
        <v>2.415</v>
      </c>
      <c r="V4072" s="2">
        <v>1.4999999999999999E-2</v>
      </c>
      <c r="W4072" s="2">
        <v>118.9</v>
      </c>
      <c r="X4072" s="2">
        <v>7.6</v>
      </c>
      <c r="Y4072" s="2">
        <v>16.7</v>
      </c>
      <c r="Z4072" s="5"/>
      <c r="AA4072" s="5" t="s">
        <v>43</v>
      </c>
      <c r="AB4072" s="5" t="s">
        <v>44</v>
      </c>
      <c r="AC4072" s="2"/>
      <c r="AD4072" s="1"/>
    </row>
    <row r="4073" spans="1:30">
      <c r="A4073" s="5" t="s">
        <v>83578</v>
      </c>
      <c r="B4073" s="2" t="s">
        <v>95821</v>
      </c>
      <c r="C4073" s="14" t="s">
        <v>95822</v>
      </c>
      <c r="D4073" s="2" t="s">
        <v>95823</v>
      </c>
      <c r="E4073" s="2" t="s">
        <v>41023</v>
      </c>
      <c r="F4073" s="8">
        <v>300</v>
      </c>
      <c r="G4073" s="5">
        <v>6</v>
      </c>
      <c r="H4073" s="5" t="s">
        <v>1518</v>
      </c>
      <c r="I4073" s="5" t="s">
        <v>40939</v>
      </c>
      <c r="J4073" s="2" t="s">
        <v>40940</v>
      </c>
      <c r="K4073" s="5" t="s">
        <v>40939</v>
      </c>
      <c r="L4073" s="2" t="s">
        <v>40940</v>
      </c>
      <c r="M4073" s="5" t="s">
        <v>36266</v>
      </c>
      <c r="N4073" s="5" t="s">
        <v>38</v>
      </c>
      <c r="O4073" s="5" t="s">
        <v>39</v>
      </c>
      <c r="P4073" s="5" t="s">
        <v>40</v>
      </c>
      <c r="Q4073" s="5" t="s">
        <v>1522</v>
      </c>
      <c r="R4073" s="5" t="s">
        <v>1523</v>
      </c>
      <c r="S4073" s="5" t="s">
        <v>42</v>
      </c>
      <c r="T4073" s="2">
        <v>2.891</v>
      </c>
      <c r="U4073" s="2">
        <v>2.367</v>
      </c>
      <c r="V4073" s="2">
        <v>1.4999999999999999E-2</v>
      </c>
      <c r="W4073" s="2">
        <v>118.9</v>
      </c>
      <c r="X4073" s="2">
        <v>7.6</v>
      </c>
      <c r="Y4073" s="2">
        <v>16.7</v>
      </c>
      <c r="Z4073" s="5"/>
      <c r="AA4073" s="5" t="s">
        <v>43</v>
      </c>
      <c r="AB4073" s="5" t="s">
        <v>44</v>
      </c>
      <c r="AC4073" s="2"/>
      <c r="AD4073" s="1"/>
    </row>
    <row r="4074" spans="1:30">
      <c r="A4074" s="5" t="s">
        <v>83578</v>
      </c>
      <c r="B4074" s="2" t="s">
        <v>95824</v>
      </c>
      <c r="C4074" s="14" t="s">
        <v>95825</v>
      </c>
      <c r="D4074" s="2" t="s">
        <v>95826</v>
      </c>
      <c r="E4074" s="2" t="s">
        <v>7449</v>
      </c>
      <c r="F4074" s="8">
        <v>300</v>
      </c>
      <c r="G4074" s="5">
        <v>6</v>
      </c>
      <c r="H4074" s="5" t="s">
        <v>1518</v>
      </c>
      <c r="I4074" s="5" t="s">
        <v>40939</v>
      </c>
      <c r="J4074" s="2" t="s">
        <v>40940</v>
      </c>
      <c r="K4074" s="5" t="s">
        <v>40939</v>
      </c>
      <c r="L4074" s="2" t="s">
        <v>40940</v>
      </c>
      <c r="M4074" s="5" t="s">
        <v>36266</v>
      </c>
      <c r="N4074" s="5" t="s">
        <v>38</v>
      </c>
      <c r="O4074" s="5" t="s">
        <v>39</v>
      </c>
      <c r="P4074" s="5" t="s">
        <v>40</v>
      </c>
      <c r="Q4074" s="5" t="s">
        <v>1522</v>
      </c>
      <c r="R4074" s="5" t="s">
        <v>1523</v>
      </c>
      <c r="S4074" s="5" t="s">
        <v>42</v>
      </c>
      <c r="T4074" s="2">
        <v>2.891</v>
      </c>
      <c r="U4074" s="2">
        <v>2.367</v>
      </c>
      <c r="V4074" s="2">
        <v>1.4999999999999999E-2</v>
      </c>
      <c r="W4074" s="2">
        <v>118.9</v>
      </c>
      <c r="X4074" s="2">
        <v>7.6</v>
      </c>
      <c r="Y4074" s="2">
        <v>16.7</v>
      </c>
      <c r="Z4074" s="5"/>
      <c r="AA4074" s="5" t="s">
        <v>43</v>
      </c>
      <c r="AB4074" s="5" t="s">
        <v>44</v>
      </c>
      <c r="AC4074" s="2"/>
      <c r="AD4074" s="1"/>
    </row>
    <row r="4075" spans="1:30">
      <c r="A4075" s="5" t="s">
        <v>83578</v>
      </c>
      <c r="B4075" s="2" t="s">
        <v>95827</v>
      </c>
      <c r="C4075" s="14" t="s">
        <v>95828</v>
      </c>
      <c r="D4075" s="2" t="s">
        <v>95829</v>
      </c>
      <c r="E4075" s="2" t="s">
        <v>41045</v>
      </c>
      <c r="F4075" s="8">
        <v>300</v>
      </c>
      <c r="G4075" s="5">
        <v>6</v>
      </c>
      <c r="H4075" s="5" t="s">
        <v>1518</v>
      </c>
      <c r="I4075" s="5" t="s">
        <v>40939</v>
      </c>
      <c r="J4075" s="2" t="s">
        <v>40940</v>
      </c>
      <c r="K4075" s="5" t="s">
        <v>40939</v>
      </c>
      <c r="L4075" s="2" t="s">
        <v>40940</v>
      </c>
      <c r="M4075" s="5" t="s">
        <v>36266</v>
      </c>
      <c r="N4075" s="5" t="s">
        <v>38</v>
      </c>
      <c r="O4075" s="5" t="s">
        <v>39</v>
      </c>
      <c r="P4075" s="5" t="s">
        <v>40</v>
      </c>
      <c r="Q4075" s="5" t="s">
        <v>1522</v>
      </c>
      <c r="R4075" s="5" t="s">
        <v>1523</v>
      </c>
      <c r="S4075" s="5" t="s">
        <v>42</v>
      </c>
      <c r="T4075" s="2">
        <v>2.9489999999999998</v>
      </c>
      <c r="U4075" s="2">
        <v>2.4249999999999998</v>
      </c>
      <c r="V4075" s="2">
        <v>1.4999999999999999E-2</v>
      </c>
      <c r="W4075" s="2">
        <v>118.9</v>
      </c>
      <c r="X4075" s="2">
        <v>7.6</v>
      </c>
      <c r="Y4075" s="2">
        <v>16.7</v>
      </c>
      <c r="Z4075" s="5"/>
      <c r="AA4075" s="5" t="s">
        <v>43</v>
      </c>
      <c r="AB4075" s="5" t="s">
        <v>44</v>
      </c>
      <c r="AC4075" s="2"/>
      <c r="AD4075" s="1"/>
    </row>
    <row r="4076" spans="1:30">
      <c r="A4076" s="5" t="s">
        <v>83578</v>
      </c>
      <c r="B4076" s="2" t="s">
        <v>95830</v>
      </c>
      <c r="C4076" s="14" t="s">
        <v>95831</v>
      </c>
      <c r="D4076" s="2" t="s">
        <v>95832</v>
      </c>
      <c r="E4076" s="2" t="s">
        <v>36277</v>
      </c>
      <c r="F4076" s="8">
        <v>289</v>
      </c>
      <c r="G4076" s="5">
        <v>6</v>
      </c>
      <c r="H4076" s="5" t="s">
        <v>1518</v>
      </c>
      <c r="I4076" s="5" t="s">
        <v>40939</v>
      </c>
      <c r="J4076" s="2" t="s">
        <v>40940</v>
      </c>
      <c r="K4076" s="5" t="s">
        <v>40939</v>
      </c>
      <c r="L4076" s="2" t="s">
        <v>40940</v>
      </c>
      <c r="M4076" s="5" t="s">
        <v>36266</v>
      </c>
      <c r="N4076" s="5" t="s">
        <v>38</v>
      </c>
      <c r="O4076" s="5" t="s">
        <v>39</v>
      </c>
      <c r="P4076" s="5" t="s">
        <v>40</v>
      </c>
      <c r="Q4076" s="5" t="s">
        <v>1522</v>
      </c>
      <c r="R4076" s="5" t="s">
        <v>1523</v>
      </c>
      <c r="S4076" s="5" t="s">
        <v>42</v>
      </c>
      <c r="T4076" s="2">
        <v>3.3069999999999999</v>
      </c>
      <c r="U4076" s="2">
        <v>2.7080000000000002</v>
      </c>
      <c r="V4076" s="2">
        <v>1.7999999999999999E-2</v>
      </c>
      <c r="W4076" s="2">
        <v>139.1</v>
      </c>
      <c r="X4076" s="2">
        <v>7.6</v>
      </c>
      <c r="Y4076" s="2">
        <v>16.7</v>
      </c>
      <c r="Z4076" s="5"/>
      <c r="AA4076" s="5" t="s">
        <v>43</v>
      </c>
      <c r="AB4076" s="5" t="s">
        <v>44</v>
      </c>
      <c r="AC4076" s="2"/>
      <c r="AD4076" s="1"/>
    </row>
    <row r="4077" spans="1:30">
      <c r="A4077" s="5" t="s">
        <v>83578</v>
      </c>
      <c r="B4077" s="2" t="s">
        <v>95833</v>
      </c>
      <c r="C4077" s="14" t="s">
        <v>95834</v>
      </c>
      <c r="D4077" s="2" t="s">
        <v>95835</v>
      </c>
      <c r="E4077" s="2" t="s">
        <v>40967</v>
      </c>
      <c r="F4077" s="8">
        <v>313</v>
      </c>
      <c r="G4077" s="5">
        <v>6</v>
      </c>
      <c r="H4077" s="5" t="s">
        <v>1518</v>
      </c>
      <c r="I4077" s="5" t="s">
        <v>40939</v>
      </c>
      <c r="J4077" s="2" t="s">
        <v>40940</v>
      </c>
      <c r="K4077" s="5" t="s">
        <v>40939</v>
      </c>
      <c r="L4077" s="2" t="s">
        <v>40940</v>
      </c>
      <c r="M4077" s="5" t="s">
        <v>36266</v>
      </c>
      <c r="N4077" s="5" t="s">
        <v>38</v>
      </c>
      <c r="O4077" s="5" t="s">
        <v>39</v>
      </c>
      <c r="P4077" s="5" t="s">
        <v>40</v>
      </c>
      <c r="Q4077" s="5" t="s">
        <v>1522</v>
      </c>
      <c r="R4077" s="5" t="s">
        <v>1523</v>
      </c>
      <c r="S4077" s="5" t="s">
        <v>42</v>
      </c>
      <c r="T4077" s="2">
        <v>3.1829999999999998</v>
      </c>
      <c r="U4077" s="2">
        <v>2.5840000000000001</v>
      </c>
      <c r="V4077" s="2">
        <v>1.7999999999999999E-2</v>
      </c>
      <c r="W4077" s="2">
        <v>139.1</v>
      </c>
      <c r="X4077" s="2">
        <v>7.6</v>
      </c>
      <c r="Y4077" s="2">
        <v>16.7</v>
      </c>
      <c r="Z4077" s="5"/>
      <c r="AA4077" s="5" t="s">
        <v>43</v>
      </c>
      <c r="AB4077" s="5" t="s">
        <v>44</v>
      </c>
      <c r="AC4077" s="2"/>
      <c r="AD4077" s="1"/>
    </row>
    <row r="4078" spans="1:30">
      <c r="A4078" s="5" t="s">
        <v>83578</v>
      </c>
      <c r="B4078" s="2" t="s">
        <v>95836</v>
      </c>
      <c r="C4078" s="14" t="s">
        <v>95837</v>
      </c>
      <c r="D4078" s="2" t="s">
        <v>95838</v>
      </c>
      <c r="E4078" s="2" t="s">
        <v>47226</v>
      </c>
      <c r="F4078" s="8">
        <v>313</v>
      </c>
      <c r="G4078" s="5">
        <v>6</v>
      </c>
      <c r="H4078" s="5" t="s">
        <v>1518</v>
      </c>
      <c r="I4078" s="5" t="s">
        <v>40939</v>
      </c>
      <c r="J4078" s="2" t="s">
        <v>40940</v>
      </c>
      <c r="K4078" s="5" t="s">
        <v>40939</v>
      </c>
      <c r="L4078" s="2" t="s">
        <v>40940</v>
      </c>
      <c r="M4078" s="5" t="s">
        <v>36266</v>
      </c>
      <c r="N4078" s="5" t="s">
        <v>38</v>
      </c>
      <c r="O4078" s="5" t="s">
        <v>39</v>
      </c>
      <c r="P4078" s="5" t="s">
        <v>40</v>
      </c>
      <c r="Q4078" s="5" t="s">
        <v>1522</v>
      </c>
      <c r="R4078" s="5" t="s">
        <v>1523</v>
      </c>
      <c r="S4078" s="5" t="s">
        <v>42</v>
      </c>
      <c r="T4078" s="2">
        <v>3.1829999999999998</v>
      </c>
      <c r="U4078" s="2">
        <v>2.5840000000000001</v>
      </c>
      <c r="V4078" s="2">
        <v>1.7999999999999999E-2</v>
      </c>
      <c r="W4078" s="2">
        <v>139.1</v>
      </c>
      <c r="X4078" s="2">
        <v>7.6</v>
      </c>
      <c r="Y4078" s="2">
        <v>16.7</v>
      </c>
      <c r="Z4078" s="5"/>
      <c r="AA4078" s="5" t="s">
        <v>43</v>
      </c>
      <c r="AB4078" s="5" t="s">
        <v>44</v>
      </c>
      <c r="AC4078" s="2"/>
      <c r="AD4078" s="1"/>
    </row>
    <row r="4079" spans="1:30">
      <c r="A4079" s="5" t="s">
        <v>83578</v>
      </c>
      <c r="B4079" s="2" t="s">
        <v>95839</v>
      </c>
      <c r="C4079" s="14" t="s">
        <v>95840</v>
      </c>
      <c r="D4079" s="2" t="s">
        <v>95841</v>
      </c>
      <c r="E4079" s="2" t="s">
        <v>47735</v>
      </c>
      <c r="F4079" s="8">
        <v>313</v>
      </c>
      <c r="G4079" s="5">
        <v>6</v>
      </c>
      <c r="H4079" s="5" t="s">
        <v>1518</v>
      </c>
      <c r="I4079" s="5" t="s">
        <v>40939</v>
      </c>
      <c r="J4079" s="2" t="s">
        <v>40940</v>
      </c>
      <c r="K4079" s="5" t="s">
        <v>40939</v>
      </c>
      <c r="L4079" s="2" t="s">
        <v>40940</v>
      </c>
      <c r="M4079" s="5" t="s">
        <v>36266</v>
      </c>
      <c r="N4079" s="5" t="s">
        <v>38</v>
      </c>
      <c r="O4079" s="5" t="s">
        <v>39</v>
      </c>
      <c r="P4079" s="5" t="s">
        <v>40</v>
      </c>
      <c r="Q4079" s="5" t="s">
        <v>1522</v>
      </c>
      <c r="R4079" s="5" t="s">
        <v>1523</v>
      </c>
      <c r="S4079" s="5" t="s">
        <v>42</v>
      </c>
      <c r="T4079" s="2">
        <v>3.2850000000000001</v>
      </c>
      <c r="U4079" s="2">
        <v>2.6859999999999999</v>
      </c>
      <c r="V4079" s="2">
        <v>1.7999999999999999E-2</v>
      </c>
      <c r="W4079" s="2">
        <v>139.1</v>
      </c>
      <c r="X4079" s="2">
        <v>7.6</v>
      </c>
      <c r="Y4079" s="2">
        <v>16.7</v>
      </c>
      <c r="Z4079" s="5"/>
      <c r="AA4079" s="5" t="s">
        <v>43</v>
      </c>
      <c r="AB4079" s="5" t="s">
        <v>44</v>
      </c>
      <c r="AC4079" s="2"/>
      <c r="AD4079" s="1"/>
    </row>
    <row r="4080" spans="1:30">
      <c r="A4080" s="5" t="s">
        <v>83578</v>
      </c>
      <c r="B4080" s="2" t="s">
        <v>95842</v>
      </c>
      <c r="C4080" s="14" t="s">
        <v>95843</v>
      </c>
      <c r="D4080" s="2" t="s">
        <v>95844</v>
      </c>
      <c r="E4080" s="2" t="s">
        <v>7543</v>
      </c>
      <c r="F4080" s="8">
        <v>313</v>
      </c>
      <c r="G4080" s="5">
        <v>6</v>
      </c>
      <c r="H4080" s="5" t="s">
        <v>1518</v>
      </c>
      <c r="I4080" s="5" t="s">
        <v>40939</v>
      </c>
      <c r="J4080" s="2" t="s">
        <v>40940</v>
      </c>
      <c r="K4080" s="5" t="s">
        <v>40939</v>
      </c>
      <c r="L4080" s="2" t="s">
        <v>40940</v>
      </c>
      <c r="M4080" s="5" t="s">
        <v>36266</v>
      </c>
      <c r="N4080" s="5" t="s">
        <v>38</v>
      </c>
      <c r="O4080" s="5" t="s">
        <v>39</v>
      </c>
      <c r="P4080" s="5" t="s">
        <v>40</v>
      </c>
      <c r="Q4080" s="5" t="s">
        <v>1522</v>
      </c>
      <c r="R4080" s="5" t="s">
        <v>1523</v>
      </c>
      <c r="S4080" s="5" t="s">
        <v>42</v>
      </c>
      <c r="T4080" s="2">
        <v>3.2280000000000002</v>
      </c>
      <c r="U4080" s="2">
        <v>2.629</v>
      </c>
      <c r="V4080" s="2">
        <v>1.7999999999999999E-2</v>
      </c>
      <c r="W4080" s="2">
        <v>139.1</v>
      </c>
      <c r="X4080" s="2">
        <v>7.6</v>
      </c>
      <c r="Y4080" s="2">
        <v>16.7</v>
      </c>
      <c r="Z4080" s="5"/>
      <c r="AA4080" s="5" t="s">
        <v>43</v>
      </c>
      <c r="AB4080" s="5" t="s">
        <v>44</v>
      </c>
      <c r="AC4080" s="2"/>
      <c r="AD4080" s="1"/>
    </row>
    <row r="4081" spans="1:30">
      <c r="A4081" s="5" t="s">
        <v>83578</v>
      </c>
      <c r="B4081" s="2" t="s">
        <v>95845</v>
      </c>
      <c r="C4081" s="14" t="s">
        <v>95846</v>
      </c>
      <c r="D4081" s="2" t="s">
        <v>95847</v>
      </c>
      <c r="E4081" s="2" t="s">
        <v>40993</v>
      </c>
      <c r="F4081" s="8">
        <v>313</v>
      </c>
      <c r="G4081" s="5">
        <v>6</v>
      </c>
      <c r="H4081" s="5" t="s">
        <v>1518</v>
      </c>
      <c r="I4081" s="5" t="s">
        <v>40939</v>
      </c>
      <c r="J4081" s="2" t="s">
        <v>40940</v>
      </c>
      <c r="K4081" s="5" t="s">
        <v>40939</v>
      </c>
      <c r="L4081" s="2" t="s">
        <v>40940</v>
      </c>
      <c r="M4081" s="5" t="s">
        <v>36266</v>
      </c>
      <c r="N4081" s="5" t="s">
        <v>38</v>
      </c>
      <c r="O4081" s="5" t="s">
        <v>39</v>
      </c>
      <c r="P4081" s="5" t="s">
        <v>40</v>
      </c>
      <c r="Q4081" s="5" t="s">
        <v>1522</v>
      </c>
      <c r="R4081" s="5" t="s">
        <v>1523</v>
      </c>
      <c r="S4081" s="5" t="s">
        <v>42</v>
      </c>
      <c r="T4081" s="2">
        <v>3.2850000000000001</v>
      </c>
      <c r="U4081" s="2">
        <v>2.6859999999999999</v>
      </c>
      <c r="V4081" s="2">
        <v>1.7999999999999999E-2</v>
      </c>
      <c r="W4081" s="2">
        <v>139.1</v>
      </c>
      <c r="X4081" s="2">
        <v>7.6</v>
      </c>
      <c r="Y4081" s="2">
        <v>16.7</v>
      </c>
      <c r="Z4081" s="5"/>
      <c r="AA4081" s="5" t="s">
        <v>43</v>
      </c>
      <c r="AB4081" s="5" t="s">
        <v>44</v>
      </c>
      <c r="AC4081" s="2"/>
      <c r="AD4081" s="1"/>
    </row>
    <row r="4082" spans="1:30">
      <c r="A4082" s="5" t="s">
        <v>83578</v>
      </c>
      <c r="B4082" s="2" t="s">
        <v>95848</v>
      </c>
      <c r="C4082" s="14" t="s">
        <v>95849</v>
      </c>
      <c r="D4082" s="2" t="s">
        <v>95850</v>
      </c>
      <c r="E4082" s="2" t="s">
        <v>40997</v>
      </c>
      <c r="F4082" s="8">
        <v>313</v>
      </c>
      <c r="G4082" s="5">
        <v>6</v>
      </c>
      <c r="H4082" s="5" t="s">
        <v>1518</v>
      </c>
      <c r="I4082" s="5" t="s">
        <v>40939</v>
      </c>
      <c r="J4082" s="2" t="s">
        <v>40940</v>
      </c>
      <c r="K4082" s="5" t="s">
        <v>40939</v>
      </c>
      <c r="L4082" s="2" t="s">
        <v>40940</v>
      </c>
      <c r="M4082" s="5" t="s">
        <v>36266</v>
      </c>
      <c r="N4082" s="5" t="s">
        <v>38</v>
      </c>
      <c r="O4082" s="5" t="s">
        <v>39</v>
      </c>
      <c r="P4082" s="5" t="s">
        <v>40</v>
      </c>
      <c r="Q4082" s="5" t="s">
        <v>1522</v>
      </c>
      <c r="R4082" s="5" t="s">
        <v>1523</v>
      </c>
      <c r="S4082" s="5" t="s">
        <v>42</v>
      </c>
      <c r="T4082" s="2">
        <v>3.137</v>
      </c>
      <c r="U4082" s="2">
        <v>2.5379999999999998</v>
      </c>
      <c r="V4082" s="2">
        <v>1.7999999999999999E-2</v>
      </c>
      <c r="W4082" s="2">
        <v>139.1</v>
      </c>
      <c r="X4082" s="2">
        <v>7.6</v>
      </c>
      <c r="Y4082" s="2">
        <v>16.7</v>
      </c>
      <c r="Z4082" s="5"/>
      <c r="AA4082" s="5" t="s">
        <v>43</v>
      </c>
      <c r="AB4082" s="5" t="s">
        <v>44</v>
      </c>
      <c r="AC4082" s="2"/>
      <c r="AD4082" s="1"/>
    </row>
    <row r="4083" spans="1:30">
      <c r="A4083" s="5" t="s">
        <v>83578</v>
      </c>
      <c r="B4083" s="2" t="s">
        <v>95851</v>
      </c>
      <c r="C4083" s="14" t="s">
        <v>95852</v>
      </c>
      <c r="D4083" s="2" t="s">
        <v>95853</v>
      </c>
      <c r="E4083" s="2" t="s">
        <v>41267</v>
      </c>
      <c r="F4083" s="8">
        <v>313</v>
      </c>
      <c r="G4083" s="5">
        <v>6</v>
      </c>
      <c r="H4083" s="5" t="s">
        <v>1518</v>
      </c>
      <c r="I4083" s="5" t="s">
        <v>40939</v>
      </c>
      <c r="J4083" s="2" t="s">
        <v>40940</v>
      </c>
      <c r="K4083" s="5" t="s">
        <v>40939</v>
      </c>
      <c r="L4083" s="2" t="s">
        <v>40940</v>
      </c>
      <c r="M4083" s="5" t="s">
        <v>36266</v>
      </c>
      <c r="N4083" s="5" t="s">
        <v>38</v>
      </c>
      <c r="O4083" s="5" t="s">
        <v>39</v>
      </c>
      <c r="P4083" s="5" t="s">
        <v>40</v>
      </c>
      <c r="Q4083" s="5" t="s">
        <v>1522</v>
      </c>
      <c r="R4083" s="5" t="s">
        <v>1523</v>
      </c>
      <c r="S4083" s="5" t="s">
        <v>42</v>
      </c>
      <c r="T4083" s="2">
        <v>3.2389999999999999</v>
      </c>
      <c r="U4083" s="2">
        <v>2.64</v>
      </c>
      <c r="V4083" s="2">
        <v>1.7999999999999999E-2</v>
      </c>
      <c r="W4083" s="2">
        <v>139.1</v>
      </c>
      <c r="X4083" s="2">
        <v>7.6</v>
      </c>
      <c r="Y4083" s="2">
        <v>16.7</v>
      </c>
      <c r="Z4083" s="5"/>
      <c r="AA4083" s="5" t="s">
        <v>43</v>
      </c>
      <c r="AB4083" s="5" t="s">
        <v>44</v>
      </c>
      <c r="AC4083" s="2"/>
      <c r="AD4083" s="1"/>
    </row>
    <row r="4084" spans="1:30">
      <c r="A4084" s="5" t="s">
        <v>83578</v>
      </c>
      <c r="B4084" s="2" t="s">
        <v>95854</v>
      </c>
      <c r="C4084" s="14" t="s">
        <v>95855</v>
      </c>
      <c r="D4084" s="2" t="s">
        <v>95856</v>
      </c>
      <c r="E4084" s="2" t="s">
        <v>41001</v>
      </c>
      <c r="F4084" s="8">
        <v>313</v>
      </c>
      <c r="G4084" s="5">
        <v>6</v>
      </c>
      <c r="H4084" s="5" t="s">
        <v>1518</v>
      </c>
      <c r="I4084" s="5" t="s">
        <v>40939</v>
      </c>
      <c r="J4084" s="2" t="s">
        <v>40940</v>
      </c>
      <c r="K4084" s="5" t="s">
        <v>40939</v>
      </c>
      <c r="L4084" s="2" t="s">
        <v>40940</v>
      </c>
      <c r="M4084" s="5" t="s">
        <v>36266</v>
      </c>
      <c r="N4084" s="5" t="s">
        <v>38</v>
      </c>
      <c r="O4084" s="5" t="s">
        <v>39</v>
      </c>
      <c r="P4084" s="5" t="s">
        <v>40</v>
      </c>
      <c r="Q4084" s="5" t="s">
        <v>1522</v>
      </c>
      <c r="R4084" s="5" t="s">
        <v>1523</v>
      </c>
      <c r="S4084" s="5" t="s">
        <v>42</v>
      </c>
      <c r="T4084" s="2">
        <v>3.1829999999999998</v>
      </c>
      <c r="U4084" s="2">
        <v>2.5840000000000001</v>
      </c>
      <c r="V4084" s="2">
        <v>1.7999999999999999E-2</v>
      </c>
      <c r="W4084" s="2">
        <v>139.1</v>
      </c>
      <c r="X4084" s="2">
        <v>7.6</v>
      </c>
      <c r="Y4084" s="2">
        <v>16.7</v>
      </c>
      <c r="Z4084" s="5"/>
      <c r="AA4084" s="5" t="s">
        <v>43</v>
      </c>
      <c r="AB4084" s="5" t="s">
        <v>44</v>
      </c>
      <c r="AC4084" s="2"/>
      <c r="AD4084" s="1"/>
    </row>
    <row r="4085" spans="1:30">
      <c r="A4085" s="5" t="s">
        <v>83578</v>
      </c>
      <c r="B4085" s="2" t="s">
        <v>95857</v>
      </c>
      <c r="C4085" s="14" t="s">
        <v>95858</v>
      </c>
      <c r="D4085" s="2" t="s">
        <v>95859</v>
      </c>
      <c r="E4085" s="2" t="s">
        <v>41005</v>
      </c>
      <c r="F4085" s="8">
        <v>313</v>
      </c>
      <c r="G4085" s="5">
        <v>6</v>
      </c>
      <c r="H4085" s="5" t="s">
        <v>1518</v>
      </c>
      <c r="I4085" s="5" t="s">
        <v>40939</v>
      </c>
      <c r="J4085" s="2" t="s">
        <v>40940</v>
      </c>
      <c r="K4085" s="5" t="s">
        <v>40939</v>
      </c>
      <c r="L4085" s="2" t="s">
        <v>40940</v>
      </c>
      <c r="M4085" s="5" t="s">
        <v>36266</v>
      </c>
      <c r="N4085" s="5" t="s">
        <v>38</v>
      </c>
      <c r="O4085" s="5" t="s">
        <v>39</v>
      </c>
      <c r="P4085" s="5" t="s">
        <v>40</v>
      </c>
      <c r="Q4085" s="5" t="s">
        <v>1522</v>
      </c>
      <c r="R4085" s="5" t="s">
        <v>1523</v>
      </c>
      <c r="S4085" s="5" t="s">
        <v>42</v>
      </c>
      <c r="T4085" s="2">
        <v>3.2850000000000001</v>
      </c>
      <c r="U4085" s="2">
        <v>2.6859999999999999</v>
      </c>
      <c r="V4085" s="2">
        <v>1.7999999999999999E-2</v>
      </c>
      <c r="W4085" s="2">
        <v>139.1</v>
      </c>
      <c r="X4085" s="2">
        <v>7.6</v>
      </c>
      <c r="Y4085" s="2">
        <v>16.7</v>
      </c>
      <c r="Z4085" s="5"/>
      <c r="AA4085" s="5" t="s">
        <v>43</v>
      </c>
      <c r="AB4085" s="5" t="s">
        <v>44</v>
      </c>
      <c r="AC4085" s="2"/>
      <c r="AD4085" s="1"/>
    </row>
    <row r="4086" spans="1:30">
      <c r="A4086" s="5" t="s">
        <v>83578</v>
      </c>
      <c r="B4086" s="2" t="s">
        <v>95860</v>
      </c>
      <c r="C4086" s="14" t="s">
        <v>95861</v>
      </c>
      <c r="D4086" s="2" t="s">
        <v>95862</v>
      </c>
      <c r="E4086" s="2" t="s">
        <v>41009</v>
      </c>
      <c r="F4086" s="8">
        <v>313</v>
      </c>
      <c r="G4086" s="5">
        <v>6</v>
      </c>
      <c r="H4086" s="5" t="s">
        <v>1518</v>
      </c>
      <c r="I4086" s="5" t="s">
        <v>40939</v>
      </c>
      <c r="J4086" s="2" t="s">
        <v>40940</v>
      </c>
      <c r="K4086" s="5" t="s">
        <v>40939</v>
      </c>
      <c r="L4086" s="2" t="s">
        <v>40940</v>
      </c>
      <c r="M4086" s="5" t="s">
        <v>36266</v>
      </c>
      <c r="N4086" s="5" t="s">
        <v>38</v>
      </c>
      <c r="O4086" s="5" t="s">
        <v>39</v>
      </c>
      <c r="P4086" s="5" t="s">
        <v>40</v>
      </c>
      <c r="Q4086" s="5" t="s">
        <v>1522</v>
      </c>
      <c r="R4086" s="5" t="s">
        <v>1523</v>
      </c>
      <c r="S4086" s="5" t="s">
        <v>42</v>
      </c>
      <c r="T4086" s="2">
        <v>3.194</v>
      </c>
      <c r="U4086" s="2">
        <v>2.5950000000000002</v>
      </c>
      <c r="V4086" s="2">
        <v>1.7999999999999999E-2</v>
      </c>
      <c r="W4086" s="2">
        <v>139.1</v>
      </c>
      <c r="X4086" s="2">
        <v>7.6</v>
      </c>
      <c r="Y4086" s="2">
        <v>16.7</v>
      </c>
      <c r="Z4086" s="5"/>
      <c r="AA4086" s="5" t="s">
        <v>43</v>
      </c>
      <c r="AB4086" s="5" t="s">
        <v>44</v>
      </c>
      <c r="AC4086" s="2"/>
      <c r="AD4086" s="1"/>
    </row>
    <row r="4087" spans="1:30">
      <c r="A4087" s="5" t="s">
        <v>83578</v>
      </c>
      <c r="B4087" s="2" t="s">
        <v>95863</v>
      </c>
      <c r="C4087" s="14" t="s">
        <v>95864</v>
      </c>
      <c r="D4087" s="2" t="s">
        <v>95865</v>
      </c>
      <c r="E4087" s="2" t="s">
        <v>41013</v>
      </c>
      <c r="F4087" s="8">
        <v>313</v>
      </c>
      <c r="G4087" s="5">
        <v>6</v>
      </c>
      <c r="H4087" s="5" t="s">
        <v>1518</v>
      </c>
      <c r="I4087" s="5" t="s">
        <v>40939</v>
      </c>
      <c r="J4087" s="2" t="s">
        <v>40940</v>
      </c>
      <c r="K4087" s="5" t="s">
        <v>40939</v>
      </c>
      <c r="L4087" s="2" t="s">
        <v>40940</v>
      </c>
      <c r="M4087" s="5" t="s">
        <v>36266</v>
      </c>
      <c r="N4087" s="5" t="s">
        <v>38</v>
      </c>
      <c r="O4087" s="5" t="s">
        <v>39</v>
      </c>
      <c r="P4087" s="5" t="s">
        <v>40</v>
      </c>
      <c r="Q4087" s="5" t="s">
        <v>1522</v>
      </c>
      <c r="R4087" s="5" t="s">
        <v>1523</v>
      </c>
      <c r="S4087" s="5" t="s">
        <v>42</v>
      </c>
      <c r="T4087" s="2">
        <v>3.2959999999999998</v>
      </c>
      <c r="U4087" s="2">
        <v>2.6970000000000001</v>
      </c>
      <c r="V4087" s="2">
        <v>1.7999999999999999E-2</v>
      </c>
      <c r="W4087" s="2">
        <v>139.1</v>
      </c>
      <c r="X4087" s="2">
        <v>7.6</v>
      </c>
      <c r="Y4087" s="2">
        <v>16.7</v>
      </c>
      <c r="Z4087" s="5"/>
      <c r="AA4087" s="5" t="s">
        <v>43</v>
      </c>
      <c r="AB4087" s="5" t="s">
        <v>44</v>
      </c>
      <c r="AC4087" s="2"/>
      <c r="AD4087" s="1"/>
    </row>
    <row r="4088" spans="1:30">
      <c r="A4088" s="5" t="s">
        <v>83578</v>
      </c>
      <c r="B4088" s="2" t="s">
        <v>95866</v>
      </c>
      <c r="C4088" s="14" t="s">
        <v>95867</v>
      </c>
      <c r="D4088" s="2" t="s">
        <v>95868</v>
      </c>
      <c r="E4088" s="2" t="s">
        <v>41027</v>
      </c>
      <c r="F4088" s="8">
        <v>313</v>
      </c>
      <c r="G4088" s="5">
        <v>6</v>
      </c>
      <c r="H4088" s="5" t="s">
        <v>1518</v>
      </c>
      <c r="I4088" s="5" t="s">
        <v>40939</v>
      </c>
      <c r="J4088" s="2" t="s">
        <v>40940</v>
      </c>
      <c r="K4088" s="5" t="s">
        <v>40939</v>
      </c>
      <c r="L4088" s="2" t="s">
        <v>40940</v>
      </c>
      <c r="M4088" s="5" t="s">
        <v>36266</v>
      </c>
      <c r="N4088" s="5" t="s">
        <v>38</v>
      </c>
      <c r="O4088" s="5" t="s">
        <v>39</v>
      </c>
      <c r="P4088" s="5" t="s">
        <v>40</v>
      </c>
      <c r="Q4088" s="5" t="s">
        <v>1522</v>
      </c>
      <c r="R4088" s="5" t="s">
        <v>1523</v>
      </c>
      <c r="S4088" s="5" t="s">
        <v>42</v>
      </c>
      <c r="T4088" s="2">
        <v>3.2389999999999999</v>
      </c>
      <c r="U4088" s="2">
        <v>2.64</v>
      </c>
      <c r="V4088" s="2">
        <v>1.7999999999999999E-2</v>
      </c>
      <c r="W4088" s="2">
        <v>139.1</v>
      </c>
      <c r="X4088" s="2">
        <v>7.6</v>
      </c>
      <c r="Y4088" s="2">
        <v>16.7</v>
      </c>
      <c r="Z4088" s="5"/>
      <c r="AA4088" s="5" t="s">
        <v>43</v>
      </c>
      <c r="AB4088" s="5" t="s">
        <v>44</v>
      </c>
      <c r="AC4088" s="2"/>
      <c r="AD4088" s="1"/>
    </row>
    <row r="4089" spans="1:30">
      <c r="A4089" s="5" t="s">
        <v>83578</v>
      </c>
      <c r="B4089" s="2" t="s">
        <v>95869</v>
      </c>
      <c r="C4089" s="14" t="s">
        <v>95870</v>
      </c>
      <c r="D4089" s="2" t="s">
        <v>95871</v>
      </c>
      <c r="E4089" s="2" t="s">
        <v>41031</v>
      </c>
      <c r="F4089" s="8">
        <v>313</v>
      </c>
      <c r="G4089" s="5">
        <v>6</v>
      </c>
      <c r="H4089" s="5" t="s">
        <v>1518</v>
      </c>
      <c r="I4089" s="5" t="s">
        <v>40939</v>
      </c>
      <c r="J4089" s="2" t="s">
        <v>40940</v>
      </c>
      <c r="K4089" s="5" t="s">
        <v>40939</v>
      </c>
      <c r="L4089" s="2" t="s">
        <v>40940</v>
      </c>
      <c r="M4089" s="5" t="s">
        <v>36266</v>
      </c>
      <c r="N4089" s="5" t="s">
        <v>38</v>
      </c>
      <c r="O4089" s="5" t="s">
        <v>39</v>
      </c>
      <c r="P4089" s="5" t="s">
        <v>40</v>
      </c>
      <c r="Q4089" s="5" t="s">
        <v>1522</v>
      </c>
      <c r="R4089" s="5" t="s">
        <v>1523</v>
      </c>
      <c r="S4089" s="5" t="s">
        <v>42</v>
      </c>
      <c r="T4089" s="2">
        <v>3.137</v>
      </c>
      <c r="U4089" s="2">
        <v>2.5379999999999998</v>
      </c>
      <c r="V4089" s="2">
        <v>1.7999999999999999E-2</v>
      </c>
      <c r="W4089" s="2">
        <v>139.1</v>
      </c>
      <c r="X4089" s="2">
        <v>7.6</v>
      </c>
      <c r="Y4089" s="2">
        <v>16.7</v>
      </c>
      <c r="Z4089" s="5"/>
      <c r="AA4089" s="5" t="s">
        <v>43</v>
      </c>
      <c r="AB4089" s="5" t="s">
        <v>44</v>
      </c>
      <c r="AC4089" s="2"/>
      <c r="AD4089" s="1"/>
    </row>
    <row r="4090" spans="1:30">
      <c r="A4090" s="5" t="s">
        <v>83578</v>
      </c>
      <c r="B4090" s="2" t="s">
        <v>95872</v>
      </c>
      <c r="C4090" s="14" t="s">
        <v>95873</v>
      </c>
      <c r="D4090" s="2" t="s">
        <v>95874</v>
      </c>
      <c r="E4090" s="2" t="s">
        <v>7449</v>
      </c>
      <c r="F4090" s="8">
        <v>313</v>
      </c>
      <c r="G4090" s="5">
        <v>6</v>
      </c>
      <c r="H4090" s="5" t="s">
        <v>1518</v>
      </c>
      <c r="I4090" s="5" t="s">
        <v>40939</v>
      </c>
      <c r="J4090" s="2" t="s">
        <v>40940</v>
      </c>
      <c r="K4090" s="5" t="s">
        <v>40939</v>
      </c>
      <c r="L4090" s="2" t="s">
        <v>40940</v>
      </c>
      <c r="M4090" s="5" t="s">
        <v>36266</v>
      </c>
      <c r="N4090" s="5" t="s">
        <v>38</v>
      </c>
      <c r="O4090" s="5" t="s">
        <v>39</v>
      </c>
      <c r="P4090" s="5" t="s">
        <v>40</v>
      </c>
      <c r="Q4090" s="5" t="s">
        <v>1522</v>
      </c>
      <c r="R4090" s="5" t="s">
        <v>1523</v>
      </c>
      <c r="S4090" s="5" t="s">
        <v>42</v>
      </c>
      <c r="T4090" s="2">
        <v>3.137</v>
      </c>
      <c r="U4090" s="2">
        <v>2.5379999999999998</v>
      </c>
      <c r="V4090" s="2">
        <v>1.7999999999999999E-2</v>
      </c>
      <c r="W4090" s="2">
        <v>139.1</v>
      </c>
      <c r="X4090" s="2">
        <v>7.6</v>
      </c>
      <c r="Y4090" s="2">
        <v>16.7</v>
      </c>
      <c r="Z4090" s="5"/>
      <c r="AA4090" s="5" t="s">
        <v>43</v>
      </c>
      <c r="AB4090" s="5" t="s">
        <v>44</v>
      </c>
      <c r="AC4090" s="2"/>
      <c r="AD4090" s="1"/>
    </row>
    <row r="4091" spans="1:30">
      <c r="A4091" s="5" t="s">
        <v>83578</v>
      </c>
      <c r="B4091" s="2" t="s">
        <v>95875</v>
      </c>
      <c r="C4091" s="14" t="s">
        <v>95876</v>
      </c>
      <c r="D4091" s="2" t="s">
        <v>95877</v>
      </c>
      <c r="E4091" s="2" t="s">
        <v>47266</v>
      </c>
      <c r="F4091" s="8">
        <v>329</v>
      </c>
      <c r="G4091" s="5">
        <v>6</v>
      </c>
      <c r="H4091" s="5" t="s">
        <v>1518</v>
      </c>
      <c r="I4091" s="5" t="s">
        <v>40939</v>
      </c>
      <c r="J4091" s="2" t="s">
        <v>40940</v>
      </c>
      <c r="K4091" s="5" t="s">
        <v>40939</v>
      </c>
      <c r="L4091" s="2" t="s">
        <v>40940</v>
      </c>
      <c r="M4091" s="5" t="s">
        <v>36266</v>
      </c>
      <c r="N4091" s="5" t="s">
        <v>38</v>
      </c>
      <c r="O4091" s="5" t="s">
        <v>39</v>
      </c>
      <c r="P4091" s="5" t="s">
        <v>40</v>
      </c>
      <c r="Q4091" s="5" t="s">
        <v>1522</v>
      </c>
      <c r="R4091" s="5" t="s">
        <v>1523</v>
      </c>
      <c r="S4091" s="5" t="s">
        <v>42</v>
      </c>
      <c r="T4091" s="2">
        <v>3.4180000000000001</v>
      </c>
      <c r="U4091" s="2">
        <v>2.7360000000000002</v>
      </c>
      <c r="V4091" s="2">
        <v>0.02</v>
      </c>
      <c r="W4091" s="2">
        <v>159.1</v>
      </c>
      <c r="X4091" s="2">
        <v>7.6</v>
      </c>
      <c r="Y4091" s="2">
        <v>16.7</v>
      </c>
      <c r="Z4091" s="5"/>
      <c r="AA4091" s="5" t="s">
        <v>43</v>
      </c>
      <c r="AB4091" s="5" t="s">
        <v>44</v>
      </c>
      <c r="AC4091" s="2"/>
      <c r="AD4091" s="1"/>
    </row>
    <row r="4092" spans="1:30">
      <c r="A4092" s="5" t="s">
        <v>83578</v>
      </c>
      <c r="B4092" s="2" t="s">
        <v>95878</v>
      </c>
      <c r="C4092" s="14" t="s">
        <v>95879</v>
      </c>
      <c r="D4092" s="2" t="s">
        <v>95880</v>
      </c>
      <c r="E4092" s="2" t="s">
        <v>47226</v>
      </c>
      <c r="F4092" s="8">
        <v>329</v>
      </c>
      <c r="G4092" s="5">
        <v>6</v>
      </c>
      <c r="H4092" s="5" t="s">
        <v>1518</v>
      </c>
      <c r="I4092" s="5" t="s">
        <v>40939</v>
      </c>
      <c r="J4092" s="2" t="s">
        <v>40940</v>
      </c>
      <c r="K4092" s="5" t="s">
        <v>40939</v>
      </c>
      <c r="L4092" s="2" t="s">
        <v>40940</v>
      </c>
      <c r="M4092" s="5" t="s">
        <v>36266</v>
      </c>
      <c r="N4092" s="5" t="s">
        <v>38</v>
      </c>
      <c r="O4092" s="5" t="s">
        <v>39</v>
      </c>
      <c r="P4092" s="5" t="s">
        <v>40</v>
      </c>
      <c r="Q4092" s="5" t="s">
        <v>1522</v>
      </c>
      <c r="R4092" s="5" t="s">
        <v>1523</v>
      </c>
      <c r="S4092" s="5" t="s">
        <v>42</v>
      </c>
      <c r="T4092" s="2">
        <v>3.431</v>
      </c>
      <c r="U4092" s="2">
        <v>2.7490000000000001</v>
      </c>
      <c r="V4092" s="2">
        <v>0.02</v>
      </c>
      <c r="W4092" s="2">
        <v>159.1</v>
      </c>
      <c r="X4092" s="2">
        <v>7.6</v>
      </c>
      <c r="Y4092" s="2">
        <v>16.7</v>
      </c>
      <c r="Z4092" s="5"/>
      <c r="AA4092" s="5" t="s">
        <v>43</v>
      </c>
      <c r="AB4092" s="5" t="s">
        <v>44</v>
      </c>
      <c r="AC4092" s="2"/>
      <c r="AD4092" s="1"/>
    </row>
    <row r="4093" spans="1:30">
      <c r="A4093" s="5" t="s">
        <v>83578</v>
      </c>
      <c r="B4093" s="2" t="s">
        <v>95881</v>
      </c>
      <c r="C4093" s="14" t="s">
        <v>95882</v>
      </c>
      <c r="D4093" s="2" t="s">
        <v>95883</v>
      </c>
      <c r="E4093" s="2" t="s">
        <v>7543</v>
      </c>
      <c r="F4093" s="8">
        <v>329</v>
      </c>
      <c r="G4093" s="5">
        <v>6</v>
      </c>
      <c r="H4093" s="5" t="s">
        <v>1518</v>
      </c>
      <c r="I4093" s="5" t="s">
        <v>40939</v>
      </c>
      <c r="J4093" s="2" t="s">
        <v>40940</v>
      </c>
      <c r="K4093" s="5" t="s">
        <v>40939</v>
      </c>
      <c r="L4093" s="2" t="s">
        <v>40940</v>
      </c>
      <c r="M4093" s="5" t="s">
        <v>36266</v>
      </c>
      <c r="N4093" s="5" t="s">
        <v>38</v>
      </c>
      <c r="O4093" s="5" t="s">
        <v>39</v>
      </c>
      <c r="P4093" s="5" t="s">
        <v>40</v>
      </c>
      <c r="Q4093" s="5" t="s">
        <v>1522</v>
      </c>
      <c r="R4093" s="5" t="s">
        <v>1523</v>
      </c>
      <c r="S4093" s="5" t="s">
        <v>42</v>
      </c>
      <c r="T4093" s="2">
        <v>3.4790000000000001</v>
      </c>
      <c r="U4093" s="2">
        <v>2.7970000000000002</v>
      </c>
      <c r="V4093" s="2">
        <v>0.02</v>
      </c>
      <c r="W4093" s="2">
        <v>159.1</v>
      </c>
      <c r="X4093" s="2">
        <v>7.6</v>
      </c>
      <c r="Y4093" s="2">
        <v>16.7</v>
      </c>
      <c r="Z4093" s="5"/>
      <c r="AA4093" s="5" t="s">
        <v>43</v>
      </c>
      <c r="AB4093" s="5" t="s">
        <v>44</v>
      </c>
      <c r="AC4093" s="2"/>
      <c r="AD4093" s="1"/>
    </row>
    <row r="4094" spans="1:30">
      <c r="A4094" s="5" t="s">
        <v>83578</v>
      </c>
      <c r="B4094" s="2" t="s">
        <v>95884</v>
      </c>
      <c r="C4094" s="14" t="s">
        <v>95885</v>
      </c>
      <c r="D4094" s="2" t="s">
        <v>95886</v>
      </c>
      <c r="E4094" s="2" t="s">
        <v>40997</v>
      </c>
      <c r="F4094" s="8">
        <v>329</v>
      </c>
      <c r="G4094" s="5">
        <v>6</v>
      </c>
      <c r="H4094" s="5" t="s">
        <v>1518</v>
      </c>
      <c r="I4094" s="5" t="s">
        <v>40939</v>
      </c>
      <c r="J4094" s="2" t="s">
        <v>40940</v>
      </c>
      <c r="K4094" s="5" t="s">
        <v>40939</v>
      </c>
      <c r="L4094" s="2" t="s">
        <v>40940</v>
      </c>
      <c r="M4094" s="5" t="s">
        <v>36266</v>
      </c>
      <c r="N4094" s="5" t="s">
        <v>38</v>
      </c>
      <c r="O4094" s="5" t="s">
        <v>39</v>
      </c>
      <c r="P4094" s="5" t="s">
        <v>40</v>
      </c>
      <c r="Q4094" s="5" t="s">
        <v>1522</v>
      </c>
      <c r="R4094" s="5" t="s">
        <v>1523</v>
      </c>
      <c r="S4094" s="5" t="s">
        <v>42</v>
      </c>
      <c r="T4094" s="2">
        <v>3.3780000000000001</v>
      </c>
      <c r="U4094" s="2">
        <v>2.6960000000000002</v>
      </c>
      <c r="V4094" s="2">
        <v>0.02</v>
      </c>
      <c r="W4094" s="2">
        <v>159.1</v>
      </c>
      <c r="X4094" s="2">
        <v>7.6</v>
      </c>
      <c r="Y4094" s="2">
        <v>16.7</v>
      </c>
      <c r="Z4094" s="5"/>
      <c r="AA4094" s="5" t="s">
        <v>43</v>
      </c>
      <c r="AB4094" s="5" t="s">
        <v>44</v>
      </c>
      <c r="AC4094" s="2"/>
      <c r="AD4094" s="1"/>
    </row>
    <row r="4095" spans="1:30">
      <c r="A4095" s="5" t="s">
        <v>83578</v>
      </c>
      <c r="B4095" s="2" t="s">
        <v>95887</v>
      </c>
      <c r="C4095" s="14" t="s">
        <v>95888</v>
      </c>
      <c r="D4095" s="2" t="s">
        <v>95889</v>
      </c>
      <c r="E4095" s="2" t="s">
        <v>41001</v>
      </c>
      <c r="F4095" s="8">
        <v>329</v>
      </c>
      <c r="G4095" s="5">
        <v>6</v>
      </c>
      <c r="H4095" s="5" t="s">
        <v>1518</v>
      </c>
      <c r="I4095" s="5" t="s">
        <v>40939</v>
      </c>
      <c r="J4095" s="2" t="s">
        <v>40940</v>
      </c>
      <c r="K4095" s="5" t="s">
        <v>40939</v>
      </c>
      <c r="L4095" s="2" t="s">
        <v>40940</v>
      </c>
      <c r="M4095" s="5" t="s">
        <v>36266</v>
      </c>
      <c r="N4095" s="5" t="s">
        <v>38</v>
      </c>
      <c r="O4095" s="5" t="s">
        <v>39</v>
      </c>
      <c r="P4095" s="5" t="s">
        <v>40</v>
      </c>
      <c r="Q4095" s="5" t="s">
        <v>1522</v>
      </c>
      <c r="R4095" s="5" t="s">
        <v>1523</v>
      </c>
      <c r="S4095" s="5" t="s">
        <v>42</v>
      </c>
      <c r="T4095" s="2">
        <v>3.431</v>
      </c>
      <c r="U4095" s="2">
        <v>2.7490000000000001</v>
      </c>
      <c r="V4095" s="2">
        <v>0.02</v>
      </c>
      <c r="W4095" s="2">
        <v>159.1</v>
      </c>
      <c r="X4095" s="2">
        <v>7.6</v>
      </c>
      <c r="Y4095" s="2">
        <v>16.7</v>
      </c>
      <c r="Z4095" s="5"/>
      <c r="AA4095" s="5" t="s">
        <v>43</v>
      </c>
      <c r="AB4095" s="5" t="s">
        <v>44</v>
      </c>
      <c r="AC4095" s="2"/>
      <c r="AD4095" s="1"/>
    </row>
    <row r="4096" spans="1:30">
      <c r="A4096" s="5" t="s">
        <v>83578</v>
      </c>
      <c r="B4096" s="2" t="s">
        <v>95890</v>
      </c>
      <c r="C4096" s="14" t="s">
        <v>95891</v>
      </c>
      <c r="D4096" s="2" t="s">
        <v>95892</v>
      </c>
      <c r="E4096" s="2" t="s">
        <v>41005</v>
      </c>
      <c r="F4096" s="8">
        <v>329</v>
      </c>
      <c r="G4096" s="5">
        <v>6</v>
      </c>
      <c r="H4096" s="5" t="s">
        <v>1518</v>
      </c>
      <c r="I4096" s="5" t="s">
        <v>40939</v>
      </c>
      <c r="J4096" s="2" t="s">
        <v>40940</v>
      </c>
      <c r="K4096" s="5" t="s">
        <v>40939</v>
      </c>
      <c r="L4096" s="2" t="s">
        <v>40940</v>
      </c>
      <c r="M4096" s="5" t="s">
        <v>36266</v>
      </c>
      <c r="N4096" s="5" t="s">
        <v>38</v>
      </c>
      <c r="O4096" s="5" t="s">
        <v>39</v>
      </c>
      <c r="P4096" s="5" t="s">
        <v>40</v>
      </c>
      <c r="Q4096" s="5" t="s">
        <v>1522</v>
      </c>
      <c r="R4096" s="5" t="s">
        <v>1523</v>
      </c>
      <c r="S4096" s="5" t="s">
        <v>42</v>
      </c>
      <c r="T4096" s="2">
        <v>3.5449999999999999</v>
      </c>
      <c r="U4096" s="2">
        <v>2.863</v>
      </c>
      <c r="V4096" s="2">
        <v>0.02</v>
      </c>
      <c r="W4096" s="2">
        <v>159.1</v>
      </c>
      <c r="X4096" s="2">
        <v>7.6</v>
      </c>
      <c r="Y4096" s="2">
        <v>16.7</v>
      </c>
      <c r="Z4096" s="5"/>
      <c r="AA4096" s="5" t="s">
        <v>43</v>
      </c>
      <c r="AB4096" s="5" t="s">
        <v>44</v>
      </c>
      <c r="AC4096" s="2"/>
      <c r="AD4096" s="1"/>
    </row>
    <row r="4097" spans="1:30">
      <c r="A4097" s="5" t="s">
        <v>83578</v>
      </c>
      <c r="B4097" s="2" t="s">
        <v>95893</v>
      </c>
      <c r="C4097" s="14" t="s">
        <v>95894</v>
      </c>
      <c r="D4097" s="2" t="s">
        <v>95895</v>
      </c>
      <c r="E4097" s="2" t="s">
        <v>41035</v>
      </c>
      <c r="F4097" s="8">
        <v>329</v>
      </c>
      <c r="G4097" s="5">
        <v>6</v>
      </c>
      <c r="H4097" s="5" t="s">
        <v>1518</v>
      </c>
      <c r="I4097" s="5" t="s">
        <v>40939</v>
      </c>
      <c r="J4097" s="2" t="s">
        <v>40940</v>
      </c>
      <c r="K4097" s="5" t="s">
        <v>40939</v>
      </c>
      <c r="L4097" s="2" t="s">
        <v>40940</v>
      </c>
      <c r="M4097" s="5" t="s">
        <v>36266</v>
      </c>
      <c r="N4097" s="5" t="s">
        <v>38</v>
      </c>
      <c r="O4097" s="5" t="s">
        <v>39</v>
      </c>
      <c r="P4097" s="5" t="s">
        <v>40</v>
      </c>
      <c r="Q4097" s="5" t="s">
        <v>1522</v>
      </c>
      <c r="R4097" s="5" t="s">
        <v>1523</v>
      </c>
      <c r="S4097" s="5" t="s">
        <v>42</v>
      </c>
      <c r="T4097" s="2">
        <v>3.492</v>
      </c>
      <c r="U4097" s="2">
        <v>2.81</v>
      </c>
      <c r="V4097" s="2">
        <v>0.02</v>
      </c>
      <c r="W4097" s="2">
        <v>159.1</v>
      </c>
      <c r="X4097" s="2">
        <v>7.6</v>
      </c>
      <c r="Y4097" s="2">
        <v>16.7</v>
      </c>
      <c r="Z4097" s="5"/>
      <c r="AA4097" s="5" t="s">
        <v>43</v>
      </c>
      <c r="AB4097" s="5" t="s">
        <v>44</v>
      </c>
      <c r="AC4097" s="2"/>
      <c r="AD4097" s="1"/>
    </row>
    <row r="4098" spans="1:30">
      <c r="A4098" s="5" t="s">
        <v>83578</v>
      </c>
      <c r="B4098" s="2" t="s">
        <v>95896</v>
      </c>
      <c r="C4098" s="14" t="s">
        <v>95897</v>
      </c>
      <c r="D4098" s="2" t="s">
        <v>95898</v>
      </c>
      <c r="E4098" s="2" t="s">
        <v>7581</v>
      </c>
      <c r="F4098" s="8">
        <v>329</v>
      </c>
      <c r="G4098" s="5">
        <v>6</v>
      </c>
      <c r="H4098" s="5" t="s">
        <v>1518</v>
      </c>
      <c r="I4098" s="5" t="s">
        <v>40939</v>
      </c>
      <c r="J4098" s="2" t="s">
        <v>40940</v>
      </c>
      <c r="K4098" s="5" t="s">
        <v>40939</v>
      </c>
      <c r="L4098" s="2" t="s">
        <v>40940</v>
      </c>
      <c r="M4098" s="5" t="s">
        <v>36266</v>
      </c>
      <c r="N4098" s="5" t="s">
        <v>38</v>
      </c>
      <c r="O4098" s="5" t="s">
        <v>39</v>
      </c>
      <c r="P4098" s="5" t="s">
        <v>40</v>
      </c>
      <c r="Q4098" s="5" t="s">
        <v>1522</v>
      </c>
      <c r="R4098" s="5" t="s">
        <v>1523</v>
      </c>
      <c r="S4098" s="5" t="s">
        <v>42</v>
      </c>
      <c r="T4098" s="2">
        <v>3.492</v>
      </c>
      <c r="U4098" s="2">
        <v>2.81</v>
      </c>
      <c r="V4098" s="2">
        <v>0.02</v>
      </c>
      <c r="W4098" s="2">
        <v>159.1</v>
      </c>
      <c r="X4098" s="2">
        <v>7.6</v>
      </c>
      <c r="Y4098" s="2">
        <v>16.7</v>
      </c>
      <c r="Z4098" s="5"/>
      <c r="AA4098" s="5" t="s">
        <v>43</v>
      </c>
      <c r="AB4098" s="5" t="s">
        <v>44</v>
      </c>
      <c r="AC4098" s="2"/>
      <c r="AD4098" s="1"/>
    </row>
    <row r="4099" spans="1:30">
      <c r="A4099" s="5" t="s">
        <v>83578</v>
      </c>
      <c r="B4099" s="2" t="s">
        <v>95899</v>
      </c>
      <c r="C4099" s="14" t="s">
        <v>95900</v>
      </c>
      <c r="D4099" s="2" t="s">
        <v>95901</v>
      </c>
      <c r="E4099" s="2" t="s">
        <v>47195</v>
      </c>
      <c r="F4099" s="8">
        <v>322</v>
      </c>
      <c r="G4099" s="5">
        <v>6</v>
      </c>
      <c r="H4099" s="5" t="s">
        <v>1518</v>
      </c>
      <c r="I4099" s="5" t="s">
        <v>40939</v>
      </c>
      <c r="J4099" s="2" t="s">
        <v>40940</v>
      </c>
      <c r="K4099" s="5" t="s">
        <v>40939</v>
      </c>
      <c r="L4099" s="2" t="s">
        <v>40940</v>
      </c>
      <c r="M4099" s="5" t="s">
        <v>36266</v>
      </c>
      <c r="N4099" s="5" t="s">
        <v>38</v>
      </c>
      <c r="O4099" s="5" t="s">
        <v>39</v>
      </c>
      <c r="P4099" s="5" t="s">
        <v>40</v>
      </c>
      <c r="Q4099" s="5" t="s">
        <v>1522</v>
      </c>
      <c r="R4099" s="5" t="s">
        <v>1523</v>
      </c>
      <c r="S4099" s="5" t="s">
        <v>42</v>
      </c>
      <c r="T4099" s="2">
        <v>3.3540000000000001</v>
      </c>
      <c r="U4099" s="2">
        <v>2.7650000000000001</v>
      </c>
      <c r="V4099" s="2">
        <v>1.7999999999999999E-2</v>
      </c>
      <c r="W4099" s="2">
        <v>139.1</v>
      </c>
      <c r="X4099" s="2">
        <v>7.6</v>
      </c>
      <c r="Y4099" s="2">
        <v>16.7</v>
      </c>
      <c r="Z4099" s="5"/>
      <c r="AA4099" s="5" t="s">
        <v>43</v>
      </c>
      <c r="AB4099" s="5" t="s">
        <v>44</v>
      </c>
      <c r="AC4099" s="2"/>
      <c r="AD4099" s="1"/>
    </row>
    <row r="4100" spans="1:30">
      <c r="A4100" s="5" t="s">
        <v>83578</v>
      </c>
      <c r="B4100" s="2" t="s">
        <v>95902</v>
      </c>
      <c r="C4100" s="14" t="s">
        <v>95903</v>
      </c>
      <c r="D4100" s="2" t="s">
        <v>95904</v>
      </c>
      <c r="E4100" s="2" t="s">
        <v>36273</v>
      </c>
      <c r="F4100" s="8">
        <v>298</v>
      </c>
      <c r="G4100" s="5">
        <v>6</v>
      </c>
      <c r="H4100" s="5" t="s">
        <v>1518</v>
      </c>
      <c r="I4100" s="5" t="s">
        <v>40939</v>
      </c>
      <c r="J4100" s="2" t="s">
        <v>40940</v>
      </c>
      <c r="K4100" s="5" t="s">
        <v>40939</v>
      </c>
      <c r="L4100" s="2" t="s">
        <v>40940</v>
      </c>
      <c r="M4100" s="5" t="s">
        <v>36266</v>
      </c>
      <c r="N4100" s="5" t="s">
        <v>38</v>
      </c>
      <c r="O4100" s="5" t="s">
        <v>39</v>
      </c>
      <c r="P4100" s="5" t="s">
        <v>40</v>
      </c>
      <c r="Q4100" s="5" t="s">
        <v>1522</v>
      </c>
      <c r="R4100" s="5" t="s">
        <v>1523</v>
      </c>
      <c r="S4100" s="5" t="s">
        <v>42</v>
      </c>
      <c r="T4100" s="2">
        <v>3.294</v>
      </c>
      <c r="U4100" s="2">
        <v>2.7050000000000001</v>
      </c>
      <c r="V4100" s="2">
        <v>1.7999999999999999E-2</v>
      </c>
      <c r="W4100" s="2">
        <v>139.1</v>
      </c>
      <c r="X4100" s="2">
        <v>7.6</v>
      </c>
      <c r="Y4100" s="2">
        <v>16.7</v>
      </c>
      <c r="Z4100" s="5"/>
      <c r="AA4100" s="5" t="s">
        <v>43</v>
      </c>
      <c r="AB4100" s="5" t="s">
        <v>44</v>
      </c>
      <c r="AC4100" s="2"/>
      <c r="AD4100" s="1"/>
    </row>
    <row r="4101" spans="1:30">
      <c r="A4101" s="5" t="s">
        <v>83578</v>
      </c>
      <c r="B4101" s="2" t="s">
        <v>95905</v>
      </c>
      <c r="C4101" s="14" t="s">
        <v>95906</v>
      </c>
      <c r="D4101" s="2" t="s">
        <v>95907</v>
      </c>
      <c r="E4101" s="2" t="s">
        <v>47226</v>
      </c>
      <c r="F4101" s="8">
        <v>322</v>
      </c>
      <c r="G4101" s="5">
        <v>6</v>
      </c>
      <c r="H4101" s="5" t="s">
        <v>1518</v>
      </c>
      <c r="I4101" s="5" t="s">
        <v>40939</v>
      </c>
      <c r="J4101" s="2" t="s">
        <v>40940</v>
      </c>
      <c r="K4101" s="5" t="s">
        <v>40939</v>
      </c>
      <c r="L4101" s="2" t="s">
        <v>40940</v>
      </c>
      <c r="M4101" s="5" t="s">
        <v>36266</v>
      </c>
      <c r="N4101" s="5" t="s">
        <v>38</v>
      </c>
      <c r="O4101" s="5" t="s">
        <v>39</v>
      </c>
      <c r="P4101" s="5" t="s">
        <v>40</v>
      </c>
      <c r="Q4101" s="5" t="s">
        <v>1522</v>
      </c>
      <c r="R4101" s="5" t="s">
        <v>1523</v>
      </c>
      <c r="S4101" s="5" t="s">
        <v>42</v>
      </c>
      <c r="T4101" s="2">
        <v>3.27</v>
      </c>
      <c r="U4101" s="2">
        <v>2.681</v>
      </c>
      <c r="V4101" s="2">
        <v>1.7999999999999999E-2</v>
      </c>
      <c r="W4101" s="2">
        <v>139.1</v>
      </c>
      <c r="X4101" s="2">
        <v>7.6</v>
      </c>
      <c r="Y4101" s="2">
        <v>16.7</v>
      </c>
      <c r="Z4101" s="5"/>
      <c r="AA4101" s="5" t="s">
        <v>43</v>
      </c>
      <c r="AB4101" s="5" t="s">
        <v>44</v>
      </c>
      <c r="AC4101" s="2"/>
      <c r="AD4101" s="1"/>
    </row>
    <row r="4102" spans="1:30">
      <c r="A4102" s="5" t="s">
        <v>83578</v>
      </c>
      <c r="B4102" s="2" t="s">
        <v>95908</v>
      </c>
      <c r="C4102" s="14" t="s">
        <v>95909</v>
      </c>
      <c r="D4102" s="2" t="s">
        <v>95910</v>
      </c>
      <c r="E4102" s="2" t="s">
        <v>47735</v>
      </c>
      <c r="F4102" s="8">
        <v>322</v>
      </c>
      <c r="G4102" s="5">
        <v>6</v>
      </c>
      <c r="H4102" s="5" t="s">
        <v>1518</v>
      </c>
      <c r="I4102" s="5" t="s">
        <v>40939</v>
      </c>
      <c r="J4102" s="2" t="s">
        <v>40940</v>
      </c>
      <c r="K4102" s="5" t="s">
        <v>40939</v>
      </c>
      <c r="L4102" s="2" t="s">
        <v>40940</v>
      </c>
      <c r="M4102" s="5" t="s">
        <v>36266</v>
      </c>
      <c r="N4102" s="5" t="s">
        <v>38</v>
      </c>
      <c r="O4102" s="5" t="s">
        <v>39</v>
      </c>
      <c r="P4102" s="5" t="s">
        <v>40</v>
      </c>
      <c r="Q4102" s="5" t="s">
        <v>1522</v>
      </c>
      <c r="R4102" s="5" t="s">
        <v>1523</v>
      </c>
      <c r="S4102" s="5" t="s">
        <v>42</v>
      </c>
      <c r="T4102" s="2">
        <v>3.3660000000000001</v>
      </c>
      <c r="U4102" s="2">
        <v>2.7770000000000001</v>
      </c>
      <c r="V4102" s="2">
        <v>1.7999999999999999E-2</v>
      </c>
      <c r="W4102" s="2">
        <v>139.1</v>
      </c>
      <c r="X4102" s="2">
        <v>7.6</v>
      </c>
      <c r="Y4102" s="2">
        <v>16.7</v>
      </c>
      <c r="Z4102" s="5"/>
      <c r="AA4102" s="5" t="s">
        <v>43</v>
      </c>
      <c r="AB4102" s="5" t="s">
        <v>44</v>
      </c>
      <c r="AC4102" s="2"/>
      <c r="AD4102" s="1"/>
    </row>
    <row r="4103" spans="1:30">
      <c r="A4103" s="5" t="s">
        <v>83578</v>
      </c>
      <c r="B4103" s="2" t="s">
        <v>95911</v>
      </c>
      <c r="C4103" s="14" t="s">
        <v>95912</v>
      </c>
      <c r="D4103" s="2" t="s">
        <v>95913</v>
      </c>
      <c r="E4103" s="2" t="s">
        <v>7543</v>
      </c>
      <c r="F4103" s="8">
        <v>322</v>
      </c>
      <c r="G4103" s="5">
        <v>6</v>
      </c>
      <c r="H4103" s="5" t="s">
        <v>1518</v>
      </c>
      <c r="I4103" s="5" t="s">
        <v>40939</v>
      </c>
      <c r="J4103" s="2" t="s">
        <v>40940</v>
      </c>
      <c r="K4103" s="5" t="s">
        <v>40939</v>
      </c>
      <c r="L4103" s="2" t="s">
        <v>40940</v>
      </c>
      <c r="M4103" s="5" t="s">
        <v>36266</v>
      </c>
      <c r="N4103" s="5" t="s">
        <v>38</v>
      </c>
      <c r="O4103" s="5" t="s">
        <v>39</v>
      </c>
      <c r="P4103" s="5" t="s">
        <v>40</v>
      </c>
      <c r="Q4103" s="5" t="s">
        <v>1522</v>
      </c>
      <c r="R4103" s="5" t="s">
        <v>1523</v>
      </c>
      <c r="S4103" s="5" t="s">
        <v>42</v>
      </c>
      <c r="T4103" s="2">
        <v>3.3069999999999999</v>
      </c>
      <c r="U4103" s="2">
        <v>2.718</v>
      </c>
      <c r="V4103" s="2">
        <v>1.7999999999999999E-2</v>
      </c>
      <c r="W4103" s="2">
        <v>139.1</v>
      </c>
      <c r="X4103" s="2">
        <v>7.6</v>
      </c>
      <c r="Y4103" s="2">
        <v>16.7</v>
      </c>
      <c r="Z4103" s="5"/>
      <c r="AA4103" s="5" t="s">
        <v>43</v>
      </c>
      <c r="AB4103" s="5" t="s">
        <v>44</v>
      </c>
      <c r="AC4103" s="2"/>
      <c r="AD4103" s="1"/>
    </row>
    <row r="4104" spans="1:30">
      <c r="A4104" s="5" t="s">
        <v>83578</v>
      </c>
      <c r="B4104" s="2" t="s">
        <v>95914</v>
      </c>
      <c r="C4104" s="14" t="s">
        <v>95915</v>
      </c>
      <c r="D4104" s="2" t="s">
        <v>95916</v>
      </c>
      <c r="E4104" s="2" t="s">
        <v>40993</v>
      </c>
      <c r="F4104" s="8">
        <v>322</v>
      </c>
      <c r="G4104" s="5">
        <v>6</v>
      </c>
      <c r="H4104" s="5" t="s">
        <v>1518</v>
      </c>
      <c r="I4104" s="5" t="s">
        <v>40939</v>
      </c>
      <c r="J4104" s="2" t="s">
        <v>40940</v>
      </c>
      <c r="K4104" s="5" t="s">
        <v>40939</v>
      </c>
      <c r="L4104" s="2" t="s">
        <v>40940</v>
      </c>
      <c r="M4104" s="5" t="s">
        <v>36266</v>
      </c>
      <c r="N4104" s="5" t="s">
        <v>38</v>
      </c>
      <c r="O4104" s="5" t="s">
        <v>39</v>
      </c>
      <c r="P4104" s="5" t="s">
        <v>40</v>
      </c>
      <c r="Q4104" s="5" t="s">
        <v>1522</v>
      </c>
      <c r="R4104" s="5" t="s">
        <v>1523</v>
      </c>
      <c r="S4104" s="5" t="s">
        <v>42</v>
      </c>
      <c r="T4104" s="2">
        <v>3.3660000000000001</v>
      </c>
      <c r="U4104" s="2">
        <v>2.7770000000000001</v>
      </c>
      <c r="V4104" s="2">
        <v>1.7999999999999999E-2</v>
      </c>
      <c r="W4104" s="2">
        <v>139.1</v>
      </c>
      <c r="X4104" s="2">
        <v>7.6</v>
      </c>
      <c r="Y4104" s="2">
        <v>16.7</v>
      </c>
      <c r="Z4104" s="5"/>
      <c r="AA4104" s="5" t="s">
        <v>43</v>
      </c>
      <c r="AB4104" s="5" t="s">
        <v>44</v>
      </c>
      <c r="AC4104" s="2"/>
      <c r="AD4104" s="1"/>
    </row>
    <row r="4105" spans="1:30">
      <c r="A4105" s="5" t="s">
        <v>83578</v>
      </c>
      <c r="B4105" s="2" t="s">
        <v>95917</v>
      </c>
      <c r="C4105" s="14" t="s">
        <v>95918</v>
      </c>
      <c r="D4105" s="2" t="s">
        <v>95919</v>
      </c>
      <c r="E4105" s="2" t="s">
        <v>40997</v>
      </c>
      <c r="F4105" s="8">
        <v>322</v>
      </c>
      <c r="G4105" s="5">
        <v>6</v>
      </c>
      <c r="H4105" s="5" t="s">
        <v>1518</v>
      </c>
      <c r="I4105" s="5" t="s">
        <v>40939</v>
      </c>
      <c r="J4105" s="2" t="s">
        <v>40940</v>
      </c>
      <c r="K4105" s="5" t="s">
        <v>40939</v>
      </c>
      <c r="L4105" s="2" t="s">
        <v>40940</v>
      </c>
      <c r="M4105" s="5" t="s">
        <v>36266</v>
      </c>
      <c r="N4105" s="5" t="s">
        <v>38</v>
      </c>
      <c r="O4105" s="5" t="s">
        <v>39</v>
      </c>
      <c r="P4105" s="5" t="s">
        <v>40</v>
      </c>
      <c r="Q4105" s="5" t="s">
        <v>1522</v>
      </c>
      <c r="R4105" s="5" t="s">
        <v>1523</v>
      </c>
      <c r="S4105" s="5" t="s">
        <v>42</v>
      </c>
      <c r="T4105" s="2">
        <v>3.2229999999999999</v>
      </c>
      <c r="U4105" s="2">
        <v>2.6339999999999999</v>
      </c>
      <c r="V4105" s="2">
        <v>1.7999999999999999E-2</v>
      </c>
      <c r="W4105" s="2">
        <v>139.1</v>
      </c>
      <c r="X4105" s="2">
        <v>7.6</v>
      </c>
      <c r="Y4105" s="2">
        <v>16.7</v>
      </c>
      <c r="Z4105" s="5"/>
      <c r="AA4105" s="5" t="s">
        <v>43</v>
      </c>
      <c r="AB4105" s="5" t="s">
        <v>44</v>
      </c>
      <c r="AC4105" s="2"/>
      <c r="AD4105" s="1"/>
    </row>
    <row r="4106" spans="1:30">
      <c r="A4106" s="5" t="s">
        <v>83578</v>
      </c>
      <c r="B4106" s="2" t="s">
        <v>95920</v>
      </c>
      <c r="C4106" s="14" t="s">
        <v>95921</v>
      </c>
      <c r="D4106" s="2" t="s">
        <v>95922</v>
      </c>
      <c r="E4106" s="2" t="s">
        <v>41267</v>
      </c>
      <c r="F4106" s="8">
        <v>322</v>
      </c>
      <c r="G4106" s="5">
        <v>6</v>
      </c>
      <c r="H4106" s="5" t="s">
        <v>1518</v>
      </c>
      <c r="I4106" s="5" t="s">
        <v>40939</v>
      </c>
      <c r="J4106" s="2" t="s">
        <v>40940</v>
      </c>
      <c r="K4106" s="5" t="s">
        <v>40939</v>
      </c>
      <c r="L4106" s="2" t="s">
        <v>40940</v>
      </c>
      <c r="M4106" s="5" t="s">
        <v>36266</v>
      </c>
      <c r="N4106" s="5" t="s">
        <v>38</v>
      </c>
      <c r="O4106" s="5" t="s">
        <v>39</v>
      </c>
      <c r="P4106" s="5" t="s">
        <v>40</v>
      </c>
      <c r="Q4106" s="5" t="s">
        <v>1522</v>
      </c>
      <c r="R4106" s="5" t="s">
        <v>1523</v>
      </c>
      <c r="S4106" s="5" t="s">
        <v>42</v>
      </c>
      <c r="T4106" s="2">
        <v>3.319</v>
      </c>
      <c r="U4106" s="2">
        <v>2.73</v>
      </c>
      <c r="V4106" s="2">
        <v>1.7999999999999999E-2</v>
      </c>
      <c r="W4106" s="2">
        <v>139.1</v>
      </c>
      <c r="X4106" s="2">
        <v>7.6</v>
      </c>
      <c r="Y4106" s="2">
        <v>16.7</v>
      </c>
      <c r="Z4106" s="5"/>
      <c r="AA4106" s="5" t="s">
        <v>43</v>
      </c>
      <c r="AB4106" s="5" t="s">
        <v>44</v>
      </c>
      <c r="AC4106" s="2"/>
      <c r="AD4106" s="1"/>
    </row>
    <row r="4107" spans="1:30">
      <c r="A4107" s="5" t="s">
        <v>83578</v>
      </c>
      <c r="B4107" s="2" t="s">
        <v>95923</v>
      </c>
      <c r="C4107" s="14" t="s">
        <v>95924</v>
      </c>
      <c r="D4107" s="2" t="s">
        <v>95925</v>
      </c>
      <c r="E4107" s="2" t="s">
        <v>41005</v>
      </c>
      <c r="F4107" s="8">
        <v>322</v>
      </c>
      <c r="G4107" s="5">
        <v>6</v>
      </c>
      <c r="H4107" s="5" t="s">
        <v>1518</v>
      </c>
      <c r="I4107" s="5" t="s">
        <v>40939</v>
      </c>
      <c r="J4107" s="2" t="s">
        <v>40940</v>
      </c>
      <c r="K4107" s="5" t="s">
        <v>40939</v>
      </c>
      <c r="L4107" s="2" t="s">
        <v>40940</v>
      </c>
      <c r="M4107" s="5" t="s">
        <v>36266</v>
      </c>
      <c r="N4107" s="5" t="s">
        <v>38</v>
      </c>
      <c r="O4107" s="5" t="s">
        <v>39</v>
      </c>
      <c r="P4107" s="5" t="s">
        <v>40</v>
      </c>
      <c r="Q4107" s="5" t="s">
        <v>1522</v>
      </c>
      <c r="R4107" s="5" t="s">
        <v>1523</v>
      </c>
      <c r="S4107" s="5" t="s">
        <v>42</v>
      </c>
      <c r="T4107" s="2">
        <v>3.3660000000000001</v>
      </c>
      <c r="U4107" s="2">
        <v>2.7770000000000001</v>
      </c>
      <c r="V4107" s="2">
        <v>1.7999999999999999E-2</v>
      </c>
      <c r="W4107" s="2">
        <v>139.1</v>
      </c>
      <c r="X4107" s="2">
        <v>7.6</v>
      </c>
      <c r="Y4107" s="2">
        <v>16.7</v>
      </c>
      <c r="Z4107" s="5"/>
      <c r="AA4107" s="5" t="s">
        <v>43</v>
      </c>
      <c r="AB4107" s="5" t="s">
        <v>44</v>
      </c>
      <c r="AC4107" s="2"/>
      <c r="AD4107" s="1"/>
    </row>
    <row r="4108" spans="1:30">
      <c r="A4108" s="5" t="s">
        <v>83578</v>
      </c>
      <c r="B4108" s="2" t="s">
        <v>95926</v>
      </c>
      <c r="C4108" s="14" t="s">
        <v>95927</v>
      </c>
      <c r="D4108" s="2" t="s">
        <v>95928</v>
      </c>
      <c r="E4108" s="2" t="s">
        <v>41013</v>
      </c>
      <c r="F4108" s="8">
        <v>322</v>
      </c>
      <c r="G4108" s="5">
        <v>6</v>
      </c>
      <c r="H4108" s="5" t="s">
        <v>1518</v>
      </c>
      <c r="I4108" s="5" t="s">
        <v>40939</v>
      </c>
      <c r="J4108" s="2" t="s">
        <v>40940</v>
      </c>
      <c r="K4108" s="5" t="s">
        <v>40939</v>
      </c>
      <c r="L4108" s="2" t="s">
        <v>40940</v>
      </c>
      <c r="M4108" s="5" t="s">
        <v>36266</v>
      </c>
      <c r="N4108" s="5" t="s">
        <v>38</v>
      </c>
      <c r="O4108" s="5" t="s">
        <v>39</v>
      </c>
      <c r="P4108" s="5" t="s">
        <v>40</v>
      </c>
      <c r="Q4108" s="5" t="s">
        <v>1522</v>
      </c>
      <c r="R4108" s="5" t="s">
        <v>1523</v>
      </c>
      <c r="S4108" s="5" t="s">
        <v>42</v>
      </c>
      <c r="T4108" s="2">
        <v>3.3780000000000001</v>
      </c>
      <c r="U4108" s="2">
        <v>2.7890000000000001</v>
      </c>
      <c r="V4108" s="2">
        <v>1.7999999999999999E-2</v>
      </c>
      <c r="W4108" s="2">
        <v>139.1</v>
      </c>
      <c r="X4108" s="2">
        <v>7.6</v>
      </c>
      <c r="Y4108" s="2">
        <v>16.7</v>
      </c>
      <c r="Z4108" s="5"/>
      <c r="AA4108" s="5" t="s">
        <v>43</v>
      </c>
      <c r="AB4108" s="5" t="s">
        <v>44</v>
      </c>
      <c r="AC4108" s="2"/>
      <c r="AD4108" s="1"/>
    </row>
    <row r="4109" spans="1:30">
      <c r="A4109" s="5" t="s">
        <v>83578</v>
      </c>
      <c r="B4109" s="2" t="s">
        <v>95929</v>
      </c>
      <c r="C4109" s="14" t="s">
        <v>95930</v>
      </c>
      <c r="D4109" s="2" t="s">
        <v>95931</v>
      </c>
      <c r="E4109" s="2" t="s">
        <v>41027</v>
      </c>
      <c r="F4109" s="8">
        <v>322</v>
      </c>
      <c r="G4109" s="5">
        <v>6</v>
      </c>
      <c r="H4109" s="5" t="s">
        <v>1518</v>
      </c>
      <c r="I4109" s="5" t="s">
        <v>40939</v>
      </c>
      <c r="J4109" s="2" t="s">
        <v>40940</v>
      </c>
      <c r="K4109" s="5" t="s">
        <v>40939</v>
      </c>
      <c r="L4109" s="2" t="s">
        <v>40940</v>
      </c>
      <c r="M4109" s="5" t="s">
        <v>36266</v>
      </c>
      <c r="N4109" s="5" t="s">
        <v>38</v>
      </c>
      <c r="O4109" s="5" t="s">
        <v>39</v>
      </c>
      <c r="P4109" s="5" t="s">
        <v>40</v>
      </c>
      <c r="Q4109" s="5" t="s">
        <v>1522</v>
      </c>
      <c r="R4109" s="5" t="s">
        <v>1523</v>
      </c>
      <c r="S4109" s="5" t="s">
        <v>42</v>
      </c>
      <c r="T4109" s="2">
        <v>3.319</v>
      </c>
      <c r="U4109" s="2">
        <v>2.73</v>
      </c>
      <c r="V4109" s="2">
        <v>1.7999999999999999E-2</v>
      </c>
      <c r="W4109" s="2">
        <v>139.1</v>
      </c>
      <c r="X4109" s="2">
        <v>7.6</v>
      </c>
      <c r="Y4109" s="2">
        <v>16.7</v>
      </c>
      <c r="Z4109" s="5"/>
      <c r="AA4109" s="5" t="s">
        <v>43</v>
      </c>
      <c r="AB4109" s="5" t="s">
        <v>44</v>
      </c>
      <c r="AC4109" s="2"/>
      <c r="AD4109" s="1"/>
    </row>
    <row r="4110" spans="1:30">
      <c r="A4110" s="5" t="s">
        <v>83578</v>
      </c>
      <c r="B4110" s="2" t="s">
        <v>95932</v>
      </c>
      <c r="C4110" s="14" t="s">
        <v>95933</v>
      </c>
      <c r="D4110" s="2" t="s">
        <v>95934</v>
      </c>
      <c r="E4110" s="2" t="s">
        <v>41035</v>
      </c>
      <c r="F4110" s="8">
        <v>322</v>
      </c>
      <c r="G4110" s="5">
        <v>6</v>
      </c>
      <c r="H4110" s="5" t="s">
        <v>1518</v>
      </c>
      <c r="I4110" s="5" t="s">
        <v>40939</v>
      </c>
      <c r="J4110" s="2" t="s">
        <v>40940</v>
      </c>
      <c r="K4110" s="5" t="s">
        <v>40939</v>
      </c>
      <c r="L4110" s="2" t="s">
        <v>40940</v>
      </c>
      <c r="M4110" s="5" t="s">
        <v>36266</v>
      </c>
      <c r="N4110" s="5" t="s">
        <v>38</v>
      </c>
      <c r="O4110" s="5" t="s">
        <v>39</v>
      </c>
      <c r="P4110" s="5" t="s">
        <v>40</v>
      </c>
      <c r="Q4110" s="5" t="s">
        <v>1522</v>
      </c>
      <c r="R4110" s="5" t="s">
        <v>1523</v>
      </c>
      <c r="S4110" s="5" t="s">
        <v>42</v>
      </c>
      <c r="T4110" s="2">
        <v>3.319</v>
      </c>
      <c r="U4110" s="2">
        <v>2.73</v>
      </c>
      <c r="V4110" s="2">
        <v>1.7999999999999999E-2</v>
      </c>
      <c r="W4110" s="2">
        <v>139.1</v>
      </c>
      <c r="X4110" s="2">
        <v>7.6</v>
      </c>
      <c r="Y4110" s="2">
        <v>16.7</v>
      </c>
      <c r="Z4110" s="5"/>
      <c r="AA4110" s="5" t="s">
        <v>43</v>
      </c>
      <c r="AB4110" s="5" t="s">
        <v>44</v>
      </c>
      <c r="AC4110" s="2"/>
      <c r="AD4110" s="1"/>
    </row>
    <row r="4111" spans="1:30">
      <c r="A4111" s="5" t="s">
        <v>83578</v>
      </c>
      <c r="B4111" s="2" t="s">
        <v>95935</v>
      </c>
      <c r="C4111" s="14" t="s">
        <v>95936</v>
      </c>
      <c r="D4111" s="2" t="s">
        <v>95937</v>
      </c>
      <c r="E4111" s="2" t="s">
        <v>7581</v>
      </c>
      <c r="F4111" s="8">
        <v>322</v>
      </c>
      <c r="G4111" s="5">
        <v>6</v>
      </c>
      <c r="H4111" s="5" t="s">
        <v>1518</v>
      </c>
      <c r="I4111" s="5" t="s">
        <v>40939</v>
      </c>
      <c r="J4111" s="2" t="s">
        <v>40940</v>
      </c>
      <c r="K4111" s="5" t="s">
        <v>40939</v>
      </c>
      <c r="L4111" s="2" t="s">
        <v>40940</v>
      </c>
      <c r="M4111" s="5" t="s">
        <v>36266</v>
      </c>
      <c r="N4111" s="5" t="s">
        <v>38</v>
      </c>
      <c r="O4111" s="5" t="s">
        <v>39</v>
      </c>
      <c r="P4111" s="5" t="s">
        <v>40</v>
      </c>
      <c r="Q4111" s="5" t="s">
        <v>1522</v>
      </c>
      <c r="R4111" s="5" t="s">
        <v>1523</v>
      </c>
      <c r="S4111" s="5" t="s">
        <v>42</v>
      </c>
      <c r="T4111" s="2">
        <v>3.319</v>
      </c>
      <c r="U4111" s="2">
        <v>2.73</v>
      </c>
      <c r="V4111" s="2">
        <v>1.7999999999999999E-2</v>
      </c>
      <c r="W4111" s="2">
        <v>139.1</v>
      </c>
      <c r="X4111" s="2">
        <v>7.6</v>
      </c>
      <c r="Y4111" s="2">
        <v>16.7</v>
      </c>
      <c r="Z4111" s="5"/>
      <c r="AA4111" s="5" t="s">
        <v>43</v>
      </c>
      <c r="AB4111" s="5" t="s">
        <v>44</v>
      </c>
      <c r="AC4111" s="2"/>
      <c r="AD4111" s="1"/>
    </row>
    <row r="4112" spans="1:30">
      <c r="A4112" s="5" t="s">
        <v>83578</v>
      </c>
      <c r="B4112" s="2" t="s">
        <v>95938</v>
      </c>
      <c r="C4112" s="14" t="s">
        <v>95939</v>
      </c>
      <c r="D4112" s="2" t="s">
        <v>95940</v>
      </c>
      <c r="E4112" s="2" t="s">
        <v>41049</v>
      </c>
      <c r="F4112" s="8">
        <v>322</v>
      </c>
      <c r="G4112" s="5">
        <v>6</v>
      </c>
      <c r="H4112" s="5" t="s">
        <v>1518</v>
      </c>
      <c r="I4112" s="5" t="s">
        <v>40939</v>
      </c>
      <c r="J4112" s="2" t="s">
        <v>40940</v>
      </c>
      <c r="K4112" s="5" t="s">
        <v>40939</v>
      </c>
      <c r="L4112" s="2" t="s">
        <v>40940</v>
      </c>
      <c r="M4112" s="5" t="s">
        <v>36266</v>
      </c>
      <c r="N4112" s="5" t="s">
        <v>38</v>
      </c>
      <c r="O4112" s="5" t="s">
        <v>39</v>
      </c>
      <c r="P4112" s="5" t="s">
        <v>40</v>
      </c>
      <c r="Q4112" s="5" t="s">
        <v>1522</v>
      </c>
      <c r="R4112" s="5" t="s">
        <v>1523</v>
      </c>
      <c r="S4112" s="5" t="s">
        <v>42</v>
      </c>
      <c r="T4112" s="2">
        <v>3.39</v>
      </c>
      <c r="U4112" s="2">
        <v>2.8010000000000002</v>
      </c>
      <c r="V4112" s="2">
        <v>1.7999999999999999E-2</v>
      </c>
      <c r="W4112" s="2">
        <v>139.1</v>
      </c>
      <c r="X4112" s="2">
        <v>7.6</v>
      </c>
      <c r="Y4112" s="2">
        <v>16.7</v>
      </c>
      <c r="Z4112" s="5"/>
      <c r="AA4112" s="5" t="s">
        <v>43</v>
      </c>
      <c r="AB4112" s="5" t="s">
        <v>44</v>
      </c>
      <c r="AC4112" s="2"/>
      <c r="AD4112" s="1"/>
    </row>
    <row r="4113" spans="1:30">
      <c r="A4113" s="5" t="s">
        <v>83578</v>
      </c>
      <c r="B4113" s="2" t="s">
        <v>95941</v>
      </c>
      <c r="C4113" s="14" t="s">
        <v>95942</v>
      </c>
      <c r="D4113" s="2" t="s">
        <v>95943</v>
      </c>
      <c r="E4113" s="2" t="s">
        <v>47266</v>
      </c>
      <c r="F4113" s="8">
        <v>333</v>
      </c>
      <c r="G4113" s="5">
        <v>6</v>
      </c>
      <c r="H4113" s="5" t="s">
        <v>1518</v>
      </c>
      <c r="I4113" s="5" t="s">
        <v>40939</v>
      </c>
      <c r="J4113" s="2" t="s">
        <v>40940</v>
      </c>
      <c r="K4113" s="5" t="s">
        <v>40939</v>
      </c>
      <c r="L4113" s="2" t="s">
        <v>40940</v>
      </c>
      <c r="M4113" s="5" t="s">
        <v>36266</v>
      </c>
      <c r="N4113" s="5" t="s">
        <v>38</v>
      </c>
      <c r="O4113" s="5" t="s">
        <v>39</v>
      </c>
      <c r="P4113" s="5" t="s">
        <v>40</v>
      </c>
      <c r="Q4113" s="5" t="s">
        <v>1522</v>
      </c>
      <c r="R4113" s="5" t="s">
        <v>1523</v>
      </c>
      <c r="S4113" s="5" t="s">
        <v>42</v>
      </c>
      <c r="T4113" s="2">
        <v>3.4159999999999999</v>
      </c>
      <c r="U4113" s="2">
        <v>2.8380000000000001</v>
      </c>
      <c r="V4113" s="2">
        <v>1.7999999999999999E-2</v>
      </c>
      <c r="W4113" s="2">
        <v>139.1</v>
      </c>
      <c r="X4113" s="2">
        <v>7.6</v>
      </c>
      <c r="Y4113" s="2">
        <v>16.7</v>
      </c>
      <c r="Z4113" s="5"/>
      <c r="AA4113" s="5" t="s">
        <v>43</v>
      </c>
      <c r="AB4113" s="5" t="s">
        <v>44</v>
      </c>
      <c r="AC4113" s="2"/>
      <c r="AD4113" s="1"/>
    </row>
    <row r="4114" spans="1:30">
      <c r="A4114" s="5" t="s">
        <v>83578</v>
      </c>
      <c r="B4114" s="2" t="s">
        <v>95944</v>
      </c>
      <c r="C4114" s="14" t="s">
        <v>95945</v>
      </c>
      <c r="D4114" s="2" t="s">
        <v>95946</v>
      </c>
      <c r="E4114" s="2" t="s">
        <v>47195</v>
      </c>
      <c r="F4114" s="8">
        <v>333</v>
      </c>
      <c r="G4114" s="5">
        <v>6</v>
      </c>
      <c r="H4114" s="5" t="s">
        <v>1518</v>
      </c>
      <c r="I4114" s="5" t="s">
        <v>40939</v>
      </c>
      <c r="J4114" s="2" t="s">
        <v>40940</v>
      </c>
      <c r="K4114" s="5" t="s">
        <v>40939</v>
      </c>
      <c r="L4114" s="2" t="s">
        <v>40940</v>
      </c>
      <c r="M4114" s="5" t="s">
        <v>36266</v>
      </c>
      <c r="N4114" s="5" t="s">
        <v>38</v>
      </c>
      <c r="O4114" s="5" t="s">
        <v>39</v>
      </c>
      <c r="P4114" s="5" t="s">
        <v>40</v>
      </c>
      <c r="Q4114" s="5" t="s">
        <v>1522</v>
      </c>
      <c r="R4114" s="5" t="s">
        <v>1523</v>
      </c>
      <c r="S4114" s="5" t="s">
        <v>42</v>
      </c>
      <c r="T4114" s="2">
        <v>3.5259999999999998</v>
      </c>
      <c r="U4114" s="2">
        <v>2.948</v>
      </c>
      <c r="V4114" s="2">
        <v>1.7999999999999999E-2</v>
      </c>
      <c r="W4114" s="2">
        <v>139.1</v>
      </c>
      <c r="X4114" s="2">
        <v>7.6</v>
      </c>
      <c r="Y4114" s="2">
        <v>16.7</v>
      </c>
      <c r="Z4114" s="5"/>
      <c r="AA4114" s="5" t="s">
        <v>43</v>
      </c>
      <c r="AB4114" s="5" t="s">
        <v>44</v>
      </c>
      <c r="AC4114" s="2"/>
      <c r="AD4114" s="1"/>
    </row>
    <row r="4115" spans="1:30">
      <c r="A4115" s="5" t="s">
        <v>83578</v>
      </c>
      <c r="B4115" s="2" t="s">
        <v>95947</v>
      </c>
      <c r="C4115" s="14" t="s">
        <v>95948</v>
      </c>
      <c r="D4115" s="2" t="s">
        <v>95949</v>
      </c>
      <c r="E4115" s="2" t="s">
        <v>36277</v>
      </c>
      <c r="F4115" s="8">
        <v>307</v>
      </c>
      <c r="G4115" s="5">
        <v>6</v>
      </c>
      <c r="H4115" s="5" t="s">
        <v>1518</v>
      </c>
      <c r="I4115" s="5" t="s">
        <v>40939</v>
      </c>
      <c r="J4115" s="2" t="s">
        <v>40940</v>
      </c>
      <c r="K4115" s="5" t="s">
        <v>40939</v>
      </c>
      <c r="L4115" s="2" t="s">
        <v>40940</v>
      </c>
      <c r="M4115" s="5" t="s">
        <v>36266</v>
      </c>
      <c r="N4115" s="5" t="s">
        <v>38</v>
      </c>
      <c r="O4115" s="5" t="s">
        <v>39</v>
      </c>
      <c r="P4115" s="5" t="s">
        <v>40</v>
      </c>
      <c r="Q4115" s="5" t="s">
        <v>1522</v>
      </c>
      <c r="R4115" s="5" t="s">
        <v>1523</v>
      </c>
      <c r="S4115" s="5" t="s">
        <v>42</v>
      </c>
      <c r="T4115" s="2">
        <v>3.5680000000000001</v>
      </c>
      <c r="U4115" s="2">
        <v>2.99</v>
      </c>
      <c r="V4115" s="2">
        <v>1.7999999999999999E-2</v>
      </c>
      <c r="W4115" s="2">
        <v>139.1</v>
      </c>
      <c r="X4115" s="2">
        <v>7.6</v>
      </c>
      <c r="Y4115" s="2">
        <v>16.7</v>
      </c>
      <c r="Z4115" s="5"/>
      <c r="AA4115" s="5" t="s">
        <v>43</v>
      </c>
      <c r="AB4115" s="5" t="s">
        <v>44</v>
      </c>
      <c r="AC4115" s="2"/>
      <c r="AD4115" s="1"/>
    </row>
    <row r="4116" spans="1:30">
      <c r="A4116" s="5" t="s">
        <v>83578</v>
      </c>
      <c r="B4116" s="2" t="s">
        <v>95950</v>
      </c>
      <c r="C4116" s="14" t="s">
        <v>95951</v>
      </c>
      <c r="D4116" s="2" t="s">
        <v>95952</v>
      </c>
      <c r="E4116" s="2" t="s">
        <v>40967</v>
      </c>
      <c r="F4116" s="8">
        <v>333</v>
      </c>
      <c r="G4116" s="5">
        <v>6</v>
      </c>
      <c r="H4116" s="5" t="s">
        <v>1518</v>
      </c>
      <c r="I4116" s="5" t="s">
        <v>40939</v>
      </c>
      <c r="J4116" s="2" t="s">
        <v>40940</v>
      </c>
      <c r="K4116" s="5" t="s">
        <v>40939</v>
      </c>
      <c r="L4116" s="2" t="s">
        <v>40940</v>
      </c>
      <c r="M4116" s="5" t="s">
        <v>36266</v>
      </c>
      <c r="N4116" s="5" t="s">
        <v>38</v>
      </c>
      <c r="O4116" s="5" t="s">
        <v>39</v>
      </c>
      <c r="P4116" s="5" t="s">
        <v>40</v>
      </c>
      <c r="Q4116" s="5" t="s">
        <v>1522</v>
      </c>
      <c r="R4116" s="5" t="s">
        <v>1523</v>
      </c>
      <c r="S4116" s="5" t="s">
        <v>42</v>
      </c>
      <c r="T4116" s="2">
        <v>3.43</v>
      </c>
      <c r="U4116" s="2">
        <v>2.8519999999999999</v>
      </c>
      <c r="V4116" s="2">
        <v>1.7999999999999999E-2</v>
      </c>
      <c r="W4116" s="2">
        <v>139.1</v>
      </c>
      <c r="X4116" s="2">
        <v>7.6</v>
      </c>
      <c r="Y4116" s="2">
        <v>16.7</v>
      </c>
      <c r="Z4116" s="5"/>
      <c r="AA4116" s="5" t="s">
        <v>43</v>
      </c>
      <c r="AB4116" s="5" t="s">
        <v>44</v>
      </c>
      <c r="AC4116" s="2"/>
      <c r="AD4116" s="1"/>
    </row>
    <row r="4117" spans="1:30">
      <c r="A4117" s="5" t="s">
        <v>83578</v>
      </c>
      <c r="B4117" s="2" t="s">
        <v>95953</v>
      </c>
      <c r="C4117" s="14" t="s">
        <v>95954</v>
      </c>
      <c r="D4117" s="2" t="s">
        <v>95955</v>
      </c>
      <c r="E4117" s="2" t="s">
        <v>47226</v>
      </c>
      <c r="F4117" s="8">
        <v>333</v>
      </c>
      <c r="G4117" s="5">
        <v>6</v>
      </c>
      <c r="H4117" s="5" t="s">
        <v>1518</v>
      </c>
      <c r="I4117" s="5" t="s">
        <v>40939</v>
      </c>
      <c r="J4117" s="2" t="s">
        <v>40940</v>
      </c>
      <c r="K4117" s="5" t="s">
        <v>40939</v>
      </c>
      <c r="L4117" s="2" t="s">
        <v>40940</v>
      </c>
      <c r="M4117" s="5" t="s">
        <v>36266</v>
      </c>
      <c r="N4117" s="5" t="s">
        <v>38</v>
      </c>
      <c r="O4117" s="5" t="s">
        <v>39</v>
      </c>
      <c r="P4117" s="5" t="s">
        <v>40</v>
      </c>
      <c r="Q4117" s="5" t="s">
        <v>1522</v>
      </c>
      <c r="R4117" s="5" t="s">
        <v>1523</v>
      </c>
      <c r="S4117" s="5" t="s">
        <v>42</v>
      </c>
      <c r="T4117" s="2">
        <v>3.43</v>
      </c>
      <c r="U4117" s="2">
        <v>2.8519999999999999</v>
      </c>
      <c r="V4117" s="2">
        <v>1.7999999999999999E-2</v>
      </c>
      <c r="W4117" s="2">
        <v>139.1</v>
      </c>
      <c r="X4117" s="2">
        <v>7.6</v>
      </c>
      <c r="Y4117" s="2">
        <v>16.7</v>
      </c>
      <c r="Z4117" s="5"/>
      <c r="AA4117" s="5" t="s">
        <v>43</v>
      </c>
      <c r="AB4117" s="5" t="s">
        <v>44</v>
      </c>
      <c r="AC4117" s="2"/>
      <c r="AD4117" s="1"/>
    </row>
    <row r="4118" spans="1:30">
      <c r="A4118" s="5" t="s">
        <v>83578</v>
      </c>
      <c r="B4118" s="2" t="s">
        <v>95956</v>
      </c>
      <c r="C4118" s="14" t="s">
        <v>95957</v>
      </c>
      <c r="D4118" s="2" t="s">
        <v>95958</v>
      </c>
      <c r="E4118" s="2" t="s">
        <v>47735</v>
      </c>
      <c r="F4118" s="8">
        <v>333</v>
      </c>
      <c r="G4118" s="5">
        <v>6</v>
      </c>
      <c r="H4118" s="5" t="s">
        <v>1518</v>
      </c>
      <c r="I4118" s="5" t="s">
        <v>40939</v>
      </c>
      <c r="J4118" s="2" t="s">
        <v>40940</v>
      </c>
      <c r="K4118" s="5" t="s">
        <v>40939</v>
      </c>
      <c r="L4118" s="2" t="s">
        <v>40940</v>
      </c>
      <c r="M4118" s="5" t="s">
        <v>36266</v>
      </c>
      <c r="N4118" s="5" t="s">
        <v>38</v>
      </c>
      <c r="O4118" s="5" t="s">
        <v>39</v>
      </c>
      <c r="P4118" s="5" t="s">
        <v>40</v>
      </c>
      <c r="Q4118" s="5" t="s">
        <v>1522</v>
      </c>
      <c r="R4118" s="5" t="s">
        <v>1523</v>
      </c>
      <c r="S4118" s="5" t="s">
        <v>42</v>
      </c>
      <c r="T4118" s="2">
        <v>3.54</v>
      </c>
      <c r="U4118" s="2">
        <v>2.9620000000000002</v>
      </c>
      <c r="V4118" s="2">
        <v>1.7999999999999999E-2</v>
      </c>
      <c r="W4118" s="2">
        <v>139.1</v>
      </c>
      <c r="X4118" s="2">
        <v>7.6</v>
      </c>
      <c r="Y4118" s="2">
        <v>16.7</v>
      </c>
      <c r="Z4118" s="5"/>
      <c r="AA4118" s="5" t="s">
        <v>43</v>
      </c>
      <c r="AB4118" s="5" t="s">
        <v>44</v>
      </c>
      <c r="AC4118" s="2"/>
      <c r="AD4118" s="1"/>
    </row>
    <row r="4119" spans="1:30">
      <c r="A4119" s="5" t="s">
        <v>83578</v>
      </c>
      <c r="B4119" s="2" t="s">
        <v>95959</v>
      </c>
      <c r="C4119" s="14" t="s">
        <v>95960</v>
      </c>
      <c r="D4119" s="2" t="s">
        <v>95961</v>
      </c>
      <c r="E4119" s="2" t="s">
        <v>7539</v>
      </c>
      <c r="F4119" s="8">
        <v>333</v>
      </c>
      <c r="G4119" s="5">
        <v>6</v>
      </c>
      <c r="H4119" s="5" t="s">
        <v>1518</v>
      </c>
      <c r="I4119" s="5" t="s">
        <v>40939</v>
      </c>
      <c r="J4119" s="2" t="s">
        <v>40940</v>
      </c>
      <c r="K4119" s="5" t="s">
        <v>40939</v>
      </c>
      <c r="L4119" s="2" t="s">
        <v>40940</v>
      </c>
      <c r="M4119" s="5" t="s">
        <v>36266</v>
      </c>
      <c r="N4119" s="5" t="s">
        <v>38</v>
      </c>
      <c r="O4119" s="5" t="s">
        <v>39</v>
      </c>
      <c r="P4119" s="5" t="s">
        <v>40</v>
      </c>
      <c r="Q4119" s="5" t="s">
        <v>1522</v>
      </c>
      <c r="R4119" s="5" t="s">
        <v>1523</v>
      </c>
      <c r="S4119" s="5" t="s">
        <v>42</v>
      </c>
      <c r="T4119" s="2">
        <v>3.36</v>
      </c>
      <c r="U4119" s="2">
        <v>2.782</v>
      </c>
      <c r="V4119" s="2">
        <v>1.7999999999999999E-2</v>
      </c>
      <c r="W4119" s="2">
        <v>139.1</v>
      </c>
      <c r="X4119" s="2">
        <v>7.6</v>
      </c>
      <c r="Y4119" s="2">
        <v>16.7</v>
      </c>
      <c r="Z4119" s="5"/>
      <c r="AA4119" s="5" t="s">
        <v>43</v>
      </c>
      <c r="AB4119" s="5" t="s">
        <v>44</v>
      </c>
      <c r="AC4119" s="2"/>
      <c r="AD4119" s="1"/>
    </row>
    <row r="4120" spans="1:30">
      <c r="A4120" s="5" t="s">
        <v>83578</v>
      </c>
      <c r="B4120" s="2" t="s">
        <v>95962</v>
      </c>
      <c r="C4120" s="14" t="s">
        <v>95963</v>
      </c>
      <c r="D4120" s="2" t="s">
        <v>95964</v>
      </c>
      <c r="E4120" s="2" t="s">
        <v>7543</v>
      </c>
      <c r="F4120" s="8">
        <v>333</v>
      </c>
      <c r="G4120" s="5">
        <v>6</v>
      </c>
      <c r="H4120" s="5" t="s">
        <v>1518</v>
      </c>
      <c r="I4120" s="5" t="s">
        <v>40939</v>
      </c>
      <c r="J4120" s="2" t="s">
        <v>40940</v>
      </c>
      <c r="K4120" s="5" t="s">
        <v>40939</v>
      </c>
      <c r="L4120" s="2" t="s">
        <v>40940</v>
      </c>
      <c r="M4120" s="5" t="s">
        <v>36266</v>
      </c>
      <c r="N4120" s="5" t="s">
        <v>38</v>
      </c>
      <c r="O4120" s="5" t="s">
        <v>39</v>
      </c>
      <c r="P4120" s="5" t="s">
        <v>40</v>
      </c>
      <c r="Q4120" s="5" t="s">
        <v>1522</v>
      </c>
      <c r="R4120" s="5" t="s">
        <v>1523</v>
      </c>
      <c r="S4120" s="5" t="s">
        <v>42</v>
      </c>
      <c r="T4120" s="2">
        <v>3.47</v>
      </c>
      <c r="U4120" s="2">
        <v>2.8919999999999999</v>
      </c>
      <c r="V4120" s="2">
        <v>1.7999999999999999E-2</v>
      </c>
      <c r="W4120" s="2">
        <v>139.1</v>
      </c>
      <c r="X4120" s="2">
        <v>7.6</v>
      </c>
      <c r="Y4120" s="2">
        <v>16.7</v>
      </c>
      <c r="Z4120" s="5"/>
      <c r="AA4120" s="5" t="s">
        <v>43</v>
      </c>
      <c r="AB4120" s="5" t="s">
        <v>44</v>
      </c>
      <c r="AC4120" s="2"/>
      <c r="AD4120" s="1"/>
    </row>
    <row r="4121" spans="1:30">
      <c r="A4121" s="5" t="s">
        <v>83578</v>
      </c>
      <c r="B4121" s="2" t="s">
        <v>95965</v>
      </c>
      <c r="C4121" s="14" t="s">
        <v>95966</v>
      </c>
      <c r="D4121" s="2" t="s">
        <v>95967</v>
      </c>
      <c r="E4121" s="2" t="s">
        <v>40993</v>
      </c>
      <c r="F4121" s="8">
        <v>333</v>
      </c>
      <c r="G4121" s="5">
        <v>6</v>
      </c>
      <c r="H4121" s="5" t="s">
        <v>1518</v>
      </c>
      <c r="I4121" s="5" t="s">
        <v>40939</v>
      </c>
      <c r="J4121" s="2" t="s">
        <v>40940</v>
      </c>
      <c r="K4121" s="5" t="s">
        <v>40939</v>
      </c>
      <c r="L4121" s="2" t="s">
        <v>40940</v>
      </c>
      <c r="M4121" s="5" t="s">
        <v>36266</v>
      </c>
      <c r="N4121" s="5" t="s">
        <v>38</v>
      </c>
      <c r="O4121" s="5" t="s">
        <v>39</v>
      </c>
      <c r="P4121" s="5" t="s">
        <v>40</v>
      </c>
      <c r="Q4121" s="5" t="s">
        <v>1522</v>
      </c>
      <c r="R4121" s="5" t="s">
        <v>1523</v>
      </c>
      <c r="S4121" s="5" t="s">
        <v>42</v>
      </c>
      <c r="T4121" s="2">
        <v>3.54</v>
      </c>
      <c r="U4121" s="2">
        <v>2.9620000000000002</v>
      </c>
      <c r="V4121" s="2">
        <v>1.7999999999999999E-2</v>
      </c>
      <c r="W4121" s="2">
        <v>139.1</v>
      </c>
      <c r="X4121" s="2">
        <v>7.6</v>
      </c>
      <c r="Y4121" s="2">
        <v>16.7</v>
      </c>
      <c r="Z4121" s="5"/>
      <c r="AA4121" s="5" t="s">
        <v>43</v>
      </c>
      <c r="AB4121" s="5" t="s">
        <v>44</v>
      </c>
      <c r="AC4121" s="2"/>
      <c r="AD4121" s="1"/>
    </row>
    <row r="4122" spans="1:30">
      <c r="A4122" s="5" t="s">
        <v>83578</v>
      </c>
      <c r="B4122" s="2" t="s">
        <v>95968</v>
      </c>
      <c r="C4122" s="14" t="s">
        <v>95969</v>
      </c>
      <c r="D4122" s="2" t="s">
        <v>95970</v>
      </c>
      <c r="E4122" s="2" t="s">
        <v>41267</v>
      </c>
      <c r="F4122" s="8">
        <v>333</v>
      </c>
      <c r="G4122" s="5">
        <v>6</v>
      </c>
      <c r="H4122" s="5" t="s">
        <v>1518</v>
      </c>
      <c r="I4122" s="5" t="s">
        <v>40939</v>
      </c>
      <c r="J4122" s="2" t="s">
        <v>40940</v>
      </c>
      <c r="K4122" s="5" t="s">
        <v>40939</v>
      </c>
      <c r="L4122" s="2" t="s">
        <v>40940</v>
      </c>
      <c r="M4122" s="5" t="s">
        <v>36266</v>
      </c>
      <c r="N4122" s="5" t="s">
        <v>38</v>
      </c>
      <c r="O4122" s="5" t="s">
        <v>39</v>
      </c>
      <c r="P4122" s="5" t="s">
        <v>40</v>
      </c>
      <c r="Q4122" s="5" t="s">
        <v>1522</v>
      </c>
      <c r="R4122" s="5" t="s">
        <v>1523</v>
      </c>
      <c r="S4122" s="5" t="s">
        <v>42</v>
      </c>
      <c r="T4122" s="2">
        <v>3.484</v>
      </c>
      <c r="U4122" s="2">
        <v>2.9060000000000001</v>
      </c>
      <c r="V4122" s="2">
        <v>1.7999999999999999E-2</v>
      </c>
      <c r="W4122" s="2">
        <v>139.1</v>
      </c>
      <c r="X4122" s="2">
        <v>7.6</v>
      </c>
      <c r="Y4122" s="2">
        <v>16.7</v>
      </c>
      <c r="Z4122" s="5"/>
      <c r="AA4122" s="5" t="s">
        <v>43</v>
      </c>
      <c r="AB4122" s="5" t="s">
        <v>44</v>
      </c>
      <c r="AC4122" s="2"/>
      <c r="AD4122" s="1"/>
    </row>
    <row r="4123" spans="1:30">
      <c r="A4123" s="5" t="s">
        <v>83578</v>
      </c>
      <c r="B4123" s="2" t="s">
        <v>95971</v>
      </c>
      <c r="C4123" s="14" t="s">
        <v>95972</v>
      </c>
      <c r="D4123" s="2" t="s">
        <v>95973</v>
      </c>
      <c r="E4123" s="2" t="s">
        <v>41001</v>
      </c>
      <c r="F4123" s="8">
        <v>333</v>
      </c>
      <c r="G4123" s="5">
        <v>6</v>
      </c>
      <c r="H4123" s="5" t="s">
        <v>1518</v>
      </c>
      <c r="I4123" s="5" t="s">
        <v>40939</v>
      </c>
      <c r="J4123" s="2" t="s">
        <v>40940</v>
      </c>
      <c r="K4123" s="5" t="s">
        <v>40939</v>
      </c>
      <c r="L4123" s="2" t="s">
        <v>40940</v>
      </c>
      <c r="M4123" s="5" t="s">
        <v>36266</v>
      </c>
      <c r="N4123" s="5" t="s">
        <v>38</v>
      </c>
      <c r="O4123" s="5" t="s">
        <v>39</v>
      </c>
      <c r="P4123" s="5" t="s">
        <v>40</v>
      </c>
      <c r="Q4123" s="5" t="s">
        <v>1522</v>
      </c>
      <c r="R4123" s="5" t="s">
        <v>1523</v>
      </c>
      <c r="S4123" s="5" t="s">
        <v>42</v>
      </c>
      <c r="T4123" s="2">
        <v>3.43</v>
      </c>
      <c r="U4123" s="2">
        <v>2.8519999999999999</v>
      </c>
      <c r="V4123" s="2">
        <v>1.7999999999999999E-2</v>
      </c>
      <c r="W4123" s="2">
        <v>139.1</v>
      </c>
      <c r="X4123" s="2">
        <v>7.6</v>
      </c>
      <c r="Y4123" s="2">
        <v>16.7</v>
      </c>
      <c r="Z4123" s="5"/>
      <c r="AA4123" s="5" t="s">
        <v>43</v>
      </c>
      <c r="AB4123" s="5" t="s">
        <v>44</v>
      </c>
      <c r="AC4123" s="2"/>
      <c r="AD4123" s="1"/>
    </row>
    <row r="4124" spans="1:30">
      <c r="A4124" s="5" t="s">
        <v>83578</v>
      </c>
      <c r="B4124" s="2" t="s">
        <v>95974</v>
      </c>
      <c r="C4124" s="14" t="s">
        <v>95975</v>
      </c>
      <c r="D4124" s="2" t="s">
        <v>95976</v>
      </c>
      <c r="E4124" s="2" t="s">
        <v>41005</v>
      </c>
      <c r="F4124" s="8">
        <v>333</v>
      </c>
      <c r="G4124" s="5">
        <v>6</v>
      </c>
      <c r="H4124" s="5" t="s">
        <v>1518</v>
      </c>
      <c r="I4124" s="5" t="s">
        <v>40939</v>
      </c>
      <c r="J4124" s="2" t="s">
        <v>40940</v>
      </c>
      <c r="K4124" s="5" t="s">
        <v>40939</v>
      </c>
      <c r="L4124" s="2" t="s">
        <v>40940</v>
      </c>
      <c r="M4124" s="5" t="s">
        <v>36266</v>
      </c>
      <c r="N4124" s="5" t="s">
        <v>38</v>
      </c>
      <c r="O4124" s="5" t="s">
        <v>39</v>
      </c>
      <c r="P4124" s="5" t="s">
        <v>40</v>
      </c>
      <c r="Q4124" s="5" t="s">
        <v>1522</v>
      </c>
      <c r="R4124" s="5" t="s">
        <v>1523</v>
      </c>
      <c r="S4124" s="5" t="s">
        <v>42</v>
      </c>
      <c r="T4124" s="2">
        <v>3.54</v>
      </c>
      <c r="U4124" s="2">
        <v>2.9620000000000002</v>
      </c>
      <c r="V4124" s="2">
        <v>1.7999999999999999E-2</v>
      </c>
      <c r="W4124" s="2">
        <v>139.1</v>
      </c>
      <c r="X4124" s="2">
        <v>7.6</v>
      </c>
      <c r="Y4124" s="2">
        <v>16.7</v>
      </c>
      <c r="Z4124" s="5"/>
      <c r="AA4124" s="5" t="s">
        <v>43</v>
      </c>
      <c r="AB4124" s="5" t="s">
        <v>44</v>
      </c>
      <c r="AC4124" s="2"/>
      <c r="AD4124" s="1"/>
    </row>
    <row r="4125" spans="1:30">
      <c r="A4125" s="5" t="s">
        <v>83578</v>
      </c>
      <c r="B4125" s="2" t="s">
        <v>95977</v>
      </c>
      <c r="C4125" s="14" t="s">
        <v>95978</v>
      </c>
      <c r="D4125" s="2" t="s">
        <v>95979</v>
      </c>
      <c r="E4125" s="2" t="s">
        <v>41009</v>
      </c>
      <c r="F4125" s="8">
        <v>333</v>
      </c>
      <c r="G4125" s="5">
        <v>6</v>
      </c>
      <c r="H4125" s="5" t="s">
        <v>1518</v>
      </c>
      <c r="I4125" s="5" t="s">
        <v>40939</v>
      </c>
      <c r="J4125" s="2" t="s">
        <v>40940</v>
      </c>
      <c r="K4125" s="5" t="s">
        <v>40939</v>
      </c>
      <c r="L4125" s="2" t="s">
        <v>40940</v>
      </c>
      <c r="M4125" s="5" t="s">
        <v>36266</v>
      </c>
      <c r="N4125" s="5" t="s">
        <v>38</v>
      </c>
      <c r="O4125" s="5" t="s">
        <v>39</v>
      </c>
      <c r="P4125" s="5" t="s">
        <v>40</v>
      </c>
      <c r="Q4125" s="5" t="s">
        <v>1522</v>
      </c>
      <c r="R4125" s="5" t="s">
        <v>1523</v>
      </c>
      <c r="S4125" s="5" t="s">
        <v>42</v>
      </c>
      <c r="T4125" s="2">
        <v>3.444</v>
      </c>
      <c r="U4125" s="2">
        <v>2.8660000000000001</v>
      </c>
      <c r="V4125" s="2">
        <v>1.7999999999999999E-2</v>
      </c>
      <c r="W4125" s="2">
        <v>139.1</v>
      </c>
      <c r="X4125" s="2">
        <v>7.6</v>
      </c>
      <c r="Y4125" s="2">
        <v>16.7</v>
      </c>
      <c r="Z4125" s="5"/>
      <c r="AA4125" s="5" t="s">
        <v>43</v>
      </c>
      <c r="AB4125" s="5" t="s">
        <v>44</v>
      </c>
      <c r="AC4125" s="2"/>
      <c r="AD4125" s="1"/>
    </row>
    <row r="4126" spans="1:30">
      <c r="A4126" s="5" t="s">
        <v>83578</v>
      </c>
      <c r="B4126" s="2" t="s">
        <v>95980</v>
      </c>
      <c r="C4126" s="14" t="s">
        <v>95981</v>
      </c>
      <c r="D4126" s="2" t="s">
        <v>95982</v>
      </c>
      <c r="E4126" s="2" t="s">
        <v>41013</v>
      </c>
      <c r="F4126" s="8">
        <v>333</v>
      </c>
      <c r="G4126" s="5">
        <v>6</v>
      </c>
      <c r="H4126" s="5" t="s">
        <v>1518</v>
      </c>
      <c r="I4126" s="5" t="s">
        <v>40939</v>
      </c>
      <c r="J4126" s="2" t="s">
        <v>40940</v>
      </c>
      <c r="K4126" s="5" t="s">
        <v>40939</v>
      </c>
      <c r="L4126" s="2" t="s">
        <v>40940</v>
      </c>
      <c r="M4126" s="5" t="s">
        <v>36266</v>
      </c>
      <c r="N4126" s="5" t="s">
        <v>38</v>
      </c>
      <c r="O4126" s="5" t="s">
        <v>39</v>
      </c>
      <c r="P4126" s="5" t="s">
        <v>40</v>
      </c>
      <c r="Q4126" s="5" t="s">
        <v>1522</v>
      </c>
      <c r="R4126" s="5" t="s">
        <v>1523</v>
      </c>
      <c r="S4126" s="5" t="s">
        <v>42</v>
      </c>
      <c r="T4126" s="2">
        <v>3.5539999999999998</v>
      </c>
      <c r="U4126" s="2">
        <v>2.976</v>
      </c>
      <c r="V4126" s="2">
        <v>1.7999999999999999E-2</v>
      </c>
      <c r="W4126" s="2">
        <v>139.1</v>
      </c>
      <c r="X4126" s="2">
        <v>7.6</v>
      </c>
      <c r="Y4126" s="2">
        <v>16.7</v>
      </c>
      <c r="Z4126" s="5"/>
      <c r="AA4126" s="5" t="s">
        <v>43</v>
      </c>
      <c r="AB4126" s="5" t="s">
        <v>44</v>
      </c>
      <c r="AC4126" s="2"/>
      <c r="AD4126" s="1"/>
    </row>
    <row r="4127" spans="1:30">
      <c r="A4127" s="5" t="s">
        <v>83578</v>
      </c>
      <c r="B4127" s="2" t="s">
        <v>95983</v>
      </c>
      <c r="C4127" s="14" t="s">
        <v>95984</v>
      </c>
      <c r="D4127" s="2" t="s">
        <v>95985</v>
      </c>
      <c r="E4127" s="2" t="s">
        <v>7396</v>
      </c>
      <c r="F4127" s="8">
        <v>307</v>
      </c>
      <c r="G4127" s="5">
        <v>6</v>
      </c>
      <c r="H4127" s="5" t="s">
        <v>1518</v>
      </c>
      <c r="I4127" s="5" t="s">
        <v>40939</v>
      </c>
      <c r="J4127" s="2" t="s">
        <v>40940</v>
      </c>
      <c r="K4127" s="5" t="s">
        <v>40939</v>
      </c>
      <c r="L4127" s="2" t="s">
        <v>40940</v>
      </c>
      <c r="M4127" s="5" t="s">
        <v>36266</v>
      </c>
      <c r="N4127" s="5" t="s">
        <v>38</v>
      </c>
      <c r="O4127" s="5" t="s">
        <v>39</v>
      </c>
      <c r="P4127" s="5" t="s">
        <v>40</v>
      </c>
      <c r="Q4127" s="5" t="s">
        <v>1522</v>
      </c>
      <c r="R4127" s="5" t="s">
        <v>1523</v>
      </c>
      <c r="S4127" s="5" t="s">
        <v>42</v>
      </c>
      <c r="T4127" s="2">
        <v>3.444</v>
      </c>
      <c r="U4127" s="2">
        <v>2.8660000000000001</v>
      </c>
      <c r="V4127" s="2">
        <v>1.7999999999999999E-2</v>
      </c>
      <c r="W4127" s="2">
        <v>139.1</v>
      </c>
      <c r="X4127" s="2">
        <v>7.6</v>
      </c>
      <c r="Y4127" s="2">
        <v>16.7</v>
      </c>
      <c r="Z4127" s="5"/>
      <c r="AA4127" s="5" t="s">
        <v>43</v>
      </c>
      <c r="AB4127" s="5" t="s">
        <v>44</v>
      </c>
      <c r="AC4127" s="2"/>
      <c r="AD4127" s="1"/>
    </row>
    <row r="4128" spans="1:30">
      <c r="A4128" s="5" t="s">
        <v>83578</v>
      </c>
      <c r="B4128" s="2" t="s">
        <v>95986</v>
      </c>
      <c r="C4128" s="14" t="s">
        <v>95987</v>
      </c>
      <c r="D4128" s="2" t="s">
        <v>95988</v>
      </c>
      <c r="E4128" s="2" t="s">
        <v>41023</v>
      </c>
      <c r="F4128" s="8">
        <v>333</v>
      </c>
      <c r="G4128" s="5">
        <v>6</v>
      </c>
      <c r="H4128" s="5" t="s">
        <v>1518</v>
      </c>
      <c r="I4128" s="5" t="s">
        <v>40939</v>
      </c>
      <c r="J4128" s="2" t="s">
        <v>40940</v>
      </c>
      <c r="K4128" s="5" t="s">
        <v>40939</v>
      </c>
      <c r="L4128" s="2" t="s">
        <v>40940</v>
      </c>
      <c r="M4128" s="5" t="s">
        <v>36266</v>
      </c>
      <c r="N4128" s="5" t="s">
        <v>38</v>
      </c>
      <c r="O4128" s="5" t="s">
        <v>39</v>
      </c>
      <c r="P4128" s="5" t="s">
        <v>40</v>
      </c>
      <c r="Q4128" s="5" t="s">
        <v>1522</v>
      </c>
      <c r="R4128" s="5" t="s">
        <v>1523</v>
      </c>
      <c r="S4128" s="5" t="s">
        <v>42</v>
      </c>
      <c r="T4128" s="2">
        <v>3.3740000000000001</v>
      </c>
      <c r="U4128" s="2">
        <v>2.7959999999999998</v>
      </c>
      <c r="V4128" s="2">
        <v>1.7999999999999999E-2</v>
      </c>
      <c r="W4128" s="2">
        <v>139.1</v>
      </c>
      <c r="X4128" s="2">
        <v>7.6</v>
      </c>
      <c r="Y4128" s="2">
        <v>16.7</v>
      </c>
      <c r="Z4128" s="5"/>
      <c r="AA4128" s="5" t="s">
        <v>43</v>
      </c>
      <c r="AB4128" s="5" t="s">
        <v>44</v>
      </c>
      <c r="AC4128" s="2"/>
      <c r="AD4128" s="1"/>
    </row>
    <row r="4129" spans="1:30">
      <c r="A4129" s="5" t="s">
        <v>83578</v>
      </c>
      <c r="B4129" s="2" t="s">
        <v>95989</v>
      </c>
      <c r="C4129" s="14" t="s">
        <v>95990</v>
      </c>
      <c r="D4129" s="2" t="s">
        <v>95991</v>
      </c>
      <c r="E4129" s="2" t="s">
        <v>41031</v>
      </c>
      <c r="F4129" s="8">
        <v>333</v>
      </c>
      <c r="G4129" s="5">
        <v>6</v>
      </c>
      <c r="H4129" s="5" t="s">
        <v>1518</v>
      </c>
      <c r="I4129" s="5" t="s">
        <v>40939</v>
      </c>
      <c r="J4129" s="2" t="s">
        <v>40940</v>
      </c>
      <c r="K4129" s="5" t="s">
        <v>40939</v>
      </c>
      <c r="L4129" s="2" t="s">
        <v>40940</v>
      </c>
      <c r="M4129" s="5" t="s">
        <v>36266</v>
      </c>
      <c r="N4129" s="5" t="s">
        <v>38</v>
      </c>
      <c r="O4129" s="5" t="s">
        <v>39</v>
      </c>
      <c r="P4129" s="5" t="s">
        <v>40</v>
      </c>
      <c r="Q4129" s="5" t="s">
        <v>1522</v>
      </c>
      <c r="R4129" s="5" t="s">
        <v>1523</v>
      </c>
      <c r="S4129" s="5" t="s">
        <v>42</v>
      </c>
      <c r="T4129" s="2">
        <v>3.3740000000000001</v>
      </c>
      <c r="U4129" s="2">
        <v>2.7959999999999998</v>
      </c>
      <c r="V4129" s="2">
        <v>1.7999999999999999E-2</v>
      </c>
      <c r="W4129" s="2">
        <v>139.1</v>
      </c>
      <c r="X4129" s="2">
        <v>7.6</v>
      </c>
      <c r="Y4129" s="2">
        <v>16.7</v>
      </c>
      <c r="Z4129" s="5"/>
      <c r="AA4129" s="5" t="s">
        <v>43</v>
      </c>
      <c r="AB4129" s="5" t="s">
        <v>44</v>
      </c>
      <c r="AC4129" s="2"/>
      <c r="AD4129" s="1"/>
    </row>
    <row r="4130" spans="1:30">
      <c r="A4130" s="5" t="s">
        <v>83578</v>
      </c>
      <c r="B4130" s="2" t="s">
        <v>95992</v>
      </c>
      <c r="C4130" s="14" t="s">
        <v>95993</v>
      </c>
      <c r="D4130" s="2" t="s">
        <v>95994</v>
      </c>
      <c r="E4130" s="2" t="s">
        <v>41035</v>
      </c>
      <c r="F4130" s="8">
        <v>333</v>
      </c>
      <c r="G4130" s="5">
        <v>6</v>
      </c>
      <c r="H4130" s="5" t="s">
        <v>1518</v>
      </c>
      <c r="I4130" s="5" t="s">
        <v>40939</v>
      </c>
      <c r="J4130" s="2" t="s">
        <v>40940</v>
      </c>
      <c r="K4130" s="5" t="s">
        <v>40939</v>
      </c>
      <c r="L4130" s="2" t="s">
        <v>40940</v>
      </c>
      <c r="M4130" s="5" t="s">
        <v>36266</v>
      </c>
      <c r="N4130" s="5" t="s">
        <v>38</v>
      </c>
      <c r="O4130" s="5" t="s">
        <v>39</v>
      </c>
      <c r="P4130" s="5" t="s">
        <v>40</v>
      </c>
      <c r="Q4130" s="5" t="s">
        <v>1522</v>
      </c>
      <c r="R4130" s="5" t="s">
        <v>1523</v>
      </c>
      <c r="S4130" s="5" t="s">
        <v>42</v>
      </c>
      <c r="T4130" s="2">
        <v>3.484</v>
      </c>
      <c r="U4130" s="2">
        <v>2.9060000000000001</v>
      </c>
      <c r="V4130" s="2">
        <v>1.7999999999999999E-2</v>
      </c>
      <c r="W4130" s="2">
        <v>139.1</v>
      </c>
      <c r="X4130" s="2">
        <v>7.6</v>
      </c>
      <c r="Y4130" s="2">
        <v>16.7</v>
      </c>
      <c r="Z4130" s="5"/>
      <c r="AA4130" s="5" t="s">
        <v>43</v>
      </c>
      <c r="AB4130" s="5" t="s">
        <v>44</v>
      </c>
      <c r="AC4130" s="2"/>
      <c r="AD4130" s="1"/>
    </row>
    <row r="4131" spans="1:30">
      <c r="A4131" s="5" t="s">
        <v>83578</v>
      </c>
      <c r="B4131" s="2" t="s">
        <v>95995</v>
      </c>
      <c r="C4131" s="14" t="s">
        <v>95996</v>
      </c>
      <c r="D4131" s="2" t="s">
        <v>95997</v>
      </c>
      <c r="E4131" s="2" t="s">
        <v>7449</v>
      </c>
      <c r="F4131" s="8">
        <v>333</v>
      </c>
      <c r="G4131" s="5">
        <v>6</v>
      </c>
      <c r="H4131" s="5" t="s">
        <v>1518</v>
      </c>
      <c r="I4131" s="5" t="s">
        <v>40939</v>
      </c>
      <c r="J4131" s="2" t="s">
        <v>40940</v>
      </c>
      <c r="K4131" s="5" t="s">
        <v>40939</v>
      </c>
      <c r="L4131" s="2" t="s">
        <v>40940</v>
      </c>
      <c r="M4131" s="5" t="s">
        <v>36266</v>
      </c>
      <c r="N4131" s="5" t="s">
        <v>38</v>
      </c>
      <c r="O4131" s="5" t="s">
        <v>39</v>
      </c>
      <c r="P4131" s="5" t="s">
        <v>40</v>
      </c>
      <c r="Q4131" s="5" t="s">
        <v>1522</v>
      </c>
      <c r="R4131" s="5" t="s">
        <v>1523</v>
      </c>
      <c r="S4131" s="5" t="s">
        <v>42</v>
      </c>
      <c r="T4131" s="2">
        <v>3.3740000000000001</v>
      </c>
      <c r="U4131" s="2">
        <v>2.7959999999999998</v>
      </c>
      <c r="V4131" s="2">
        <v>1.7999999999999999E-2</v>
      </c>
      <c r="W4131" s="2">
        <v>139.1</v>
      </c>
      <c r="X4131" s="2">
        <v>7.6</v>
      </c>
      <c r="Y4131" s="2">
        <v>16.7</v>
      </c>
      <c r="Z4131" s="5"/>
      <c r="AA4131" s="5" t="s">
        <v>43</v>
      </c>
      <c r="AB4131" s="5" t="s">
        <v>44</v>
      </c>
      <c r="AC4131" s="2"/>
      <c r="AD4131" s="1"/>
    </row>
    <row r="4132" spans="1:30">
      <c r="A4132" s="5" t="s">
        <v>83578</v>
      </c>
      <c r="B4132" s="2" t="s">
        <v>95998</v>
      </c>
      <c r="C4132" s="14" t="s">
        <v>95999</v>
      </c>
      <c r="D4132" s="2" t="s">
        <v>96000</v>
      </c>
      <c r="E4132" s="2" t="s">
        <v>7581</v>
      </c>
      <c r="F4132" s="8">
        <v>333</v>
      </c>
      <c r="G4132" s="5">
        <v>6</v>
      </c>
      <c r="H4132" s="5" t="s">
        <v>1518</v>
      </c>
      <c r="I4132" s="5" t="s">
        <v>40939</v>
      </c>
      <c r="J4132" s="2" t="s">
        <v>40940</v>
      </c>
      <c r="K4132" s="5" t="s">
        <v>40939</v>
      </c>
      <c r="L4132" s="2" t="s">
        <v>40940</v>
      </c>
      <c r="M4132" s="5" t="s">
        <v>36266</v>
      </c>
      <c r="N4132" s="5" t="s">
        <v>38</v>
      </c>
      <c r="O4132" s="5" t="s">
        <v>39</v>
      </c>
      <c r="P4132" s="5" t="s">
        <v>40</v>
      </c>
      <c r="Q4132" s="5" t="s">
        <v>1522</v>
      </c>
      <c r="R4132" s="5" t="s">
        <v>1523</v>
      </c>
      <c r="S4132" s="5" t="s">
        <v>42</v>
      </c>
      <c r="T4132" s="2">
        <v>3.484</v>
      </c>
      <c r="U4132" s="2">
        <v>2.9060000000000001</v>
      </c>
      <c r="V4132" s="2">
        <v>1.7999999999999999E-2</v>
      </c>
      <c r="W4132" s="2">
        <v>139.1</v>
      </c>
      <c r="X4132" s="2">
        <v>7.6</v>
      </c>
      <c r="Y4132" s="2">
        <v>16.7</v>
      </c>
      <c r="Z4132" s="5"/>
      <c r="AA4132" s="5" t="s">
        <v>43</v>
      </c>
      <c r="AB4132" s="5" t="s">
        <v>44</v>
      </c>
      <c r="AC4132" s="2"/>
      <c r="AD4132" s="1"/>
    </row>
    <row r="4133" spans="1:30">
      <c r="A4133" s="5" t="s">
        <v>83578</v>
      </c>
      <c r="B4133" s="2" t="s">
        <v>96001</v>
      </c>
      <c r="C4133" s="14" t="s">
        <v>96002</v>
      </c>
      <c r="D4133" s="2" t="s">
        <v>96003</v>
      </c>
      <c r="E4133" s="2" t="s">
        <v>41045</v>
      </c>
      <c r="F4133" s="8">
        <v>333</v>
      </c>
      <c r="G4133" s="5">
        <v>6</v>
      </c>
      <c r="H4133" s="5" t="s">
        <v>1518</v>
      </c>
      <c r="I4133" s="5" t="s">
        <v>40939</v>
      </c>
      <c r="J4133" s="2" t="s">
        <v>40940</v>
      </c>
      <c r="K4133" s="5" t="s">
        <v>40939</v>
      </c>
      <c r="L4133" s="2" t="s">
        <v>40940</v>
      </c>
      <c r="M4133" s="5" t="s">
        <v>36266</v>
      </c>
      <c r="N4133" s="5" t="s">
        <v>38</v>
      </c>
      <c r="O4133" s="5" t="s">
        <v>39</v>
      </c>
      <c r="P4133" s="5" t="s">
        <v>40</v>
      </c>
      <c r="Q4133" s="5" t="s">
        <v>1522</v>
      </c>
      <c r="R4133" s="5" t="s">
        <v>1523</v>
      </c>
      <c r="S4133" s="5" t="s">
        <v>42</v>
      </c>
      <c r="T4133" s="2">
        <v>3.4580000000000002</v>
      </c>
      <c r="U4133" s="2">
        <v>2.88</v>
      </c>
      <c r="V4133" s="2">
        <v>1.7999999999999999E-2</v>
      </c>
      <c r="W4133" s="2">
        <v>139.1</v>
      </c>
      <c r="X4133" s="2">
        <v>7.6</v>
      </c>
      <c r="Y4133" s="2">
        <v>16.7</v>
      </c>
      <c r="Z4133" s="5"/>
      <c r="AA4133" s="5" t="s">
        <v>43</v>
      </c>
      <c r="AB4133" s="5" t="s">
        <v>44</v>
      </c>
      <c r="AC4133" s="2"/>
      <c r="AD4133" s="1"/>
    </row>
    <row r="4134" spans="1:30">
      <c r="A4134" s="5" t="s">
        <v>83578</v>
      </c>
      <c r="B4134" s="2" t="s">
        <v>96004</v>
      </c>
      <c r="C4134" s="14" t="s">
        <v>96005</v>
      </c>
      <c r="D4134" s="2" t="s">
        <v>96006</v>
      </c>
      <c r="E4134" s="2" t="s">
        <v>41049</v>
      </c>
      <c r="F4134" s="8">
        <v>333</v>
      </c>
      <c r="G4134" s="5">
        <v>6</v>
      </c>
      <c r="H4134" s="5" t="s">
        <v>1518</v>
      </c>
      <c r="I4134" s="5" t="s">
        <v>40939</v>
      </c>
      <c r="J4134" s="2" t="s">
        <v>40940</v>
      </c>
      <c r="K4134" s="5" t="s">
        <v>40939</v>
      </c>
      <c r="L4134" s="2" t="s">
        <v>40940</v>
      </c>
      <c r="M4134" s="5" t="s">
        <v>36266</v>
      </c>
      <c r="N4134" s="5" t="s">
        <v>38</v>
      </c>
      <c r="O4134" s="5" t="s">
        <v>39</v>
      </c>
      <c r="P4134" s="5" t="s">
        <v>40</v>
      </c>
      <c r="Q4134" s="5" t="s">
        <v>1522</v>
      </c>
      <c r="R4134" s="5" t="s">
        <v>1523</v>
      </c>
      <c r="S4134" s="5" t="s">
        <v>42</v>
      </c>
      <c r="T4134" s="2">
        <v>3.5680000000000001</v>
      </c>
      <c r="U4134" s="2">
        <v>2.99</v>
      </c>
      <c r="V4134" s="2">
        <v>1.7999999999999999E-2</v>
      </c>
      <c r="W4134" s="2">
        <v>139.1</v>
      </c>
      <c r="X4134" s="2">
        <v>7.6</v>
      </c>
      <c r="Y4134" s="2">
        <v>16.7</v>
      </c>
      <c r="Z4134" s="5"/>
      <c r="AA4134" s="5" t="s">
        <v>43</v>
      </c>
      <c r="AB4134" s="5" t="s">
        <v>44</v>
      </c>
      <c r="AC4134" s="2"/>
      <c r="AD4134" s="1"/>
    </row>
    <row r="4135" spans="1:30">
      <c r="A4135" s="5" t="s">
        <v>83578</v>
      </c>
      <c r="B4135" s="2" t="s">
        <v>96007</v>
      </c>
      <c r="C4135" s="14" t="s">
        <v>96008</v>
      </c>
      <c r="D4135" s="2" t="s">
        <v>96009</v>
      </c>
      <c r="E4135" s="2" t="s">
        <v>7204</v>
      </c>
      <c r="F4135" s="8">
        <v>329</v>
      </c>
      <c r="G4135" s="5">
        <v>6</v>
      </c>
      <c r="H4135" s="5" t="s">
        <v>1518</v>
      </c>
      <c r="I4135" s="5" t="s">
        <v>40939</v>
      </c>
      <c r="J4135" s="2" t="s">
        <v>40940</v>
      </c>
      <c r="K4135" s="5" t="s">
        <v>40939</v>
      </c>
      <c r="L4135" s="2" t="s">
        <v>40940</v>
      </c>
      <c r="M4135" s="5" t="s">
        <v>36266</v>
      </c>
      <c r="N4135" s="5" t="s">
        <v>38</v>
      </c>
      <c r="O4135" s="5" t="s">
        <v>39</v>
      </c>
      <c r="P4135" s="5" t="s">
        <v>40</v>
      </c>
      <c r="Q4135" s="5" t="s">
        <v>1522</v>
      </c>
      <c r="R4135" s="5" t="s">
        <v>1523</v>
      </c>
      <c r="S4135" s="5" t="s">
        <v>42</v>
      </c>
      <c r="T4135" s="2">
        <v>3.5459999999999998</v>
      </c>
      <c r="U4135" s="2">
        <v>2.9740000000000002</v>
      </c>
      <c r="V4135" s="2">
        <v>1.7999999999999999E-2</v>
      </c>
      <c r="W4135" s="2">
        <v>139.1</v>
      </c>
      <c r="X4135" s="2">
        <v>7.6</v>
      </c>
      <c r="Y4135" s="2">
        <v>16.7</v>
      </c>
      <c r="Z4135" s="5"/>
      <c r="AA4135" s="5" t="s">
        <v>43</v>
      </c>
      <c r="AB4135" s="5" t="s">
        <v>44</v>
      </c>
      <c r="AC4135" s="2"/>
      <c r="AD4135" s="1"/>
    </row>
    <row r="4136" spans="1:30">
      <c r="A4136" s="5" t="s">
        <v>83578</v>
      </c>
      <c r="B4136" s="2" t="s">
        <v>96010</v>
      </c>
      <c r="C4136" s="14" t="s">
        <v>96011</v>
      </c>
      <c r="D4136" s="2" t="s">
        <v>96012</v>
      </c>
      <c r="E4136" s="2" t="s">
        <v>7514</v>
      </c>
      <c r="F4136" s="8">
        <v>329</v>
      </c>
      <c r="G4136" s="5">
        <v>6</v>
      </c>
      <c r="H4136" s="5" t="s">
        <v>1518</v>
      </c>
      <c r="I4136" s="5" t="s">
        <v>40939</v>
      </c>
      <c r="J4136" s="2" t="s">
        <v>40940</v>
      </c>
      <c r="K4136" s="5" t="s">
        <v>40939</v>
      </c>
      <c r="L4136" s="2" t="s">
        <v>40940</v>
      </c>
      <c r="M4136" s="5" t="s">
        <v>36266</v>
      </c>
      <c r="N4136" s="5" t="s">
        <v>38</v>
      </c>
      <c r="O4136" s="5" t="s">
        <v>39</v>
      </c>
      <c r="P4136" s="5" t="s">
        <v>40</v>
      </c>
      <c r="Q4136" s="5" t="s">
        <v>1522</v>
      </c>
      <c r="R4136" s="5" t="s">
        <v>1523</v>
      </c>
      <c r="S4136" s="5" t="s">
        <v>42</v>
      </c>
      <c r="T4136" s="2">
        <v>3.6659999999999999</v>
      </c>
      <c r="U4136" s="2">
        <v>3.0939999999999999</v>
      </c>
      <c r="V4136" s="2">
        <v>1.7999999999999999E-2</v>
      </c>
      <c r="W4136" s="2">
        <v>139.1</v>
      </c>
      <c r="X4136" s="2">
        <v>7.6</v>
      </c>
      <c r="Y4136" s="2">
        <v>16.7</v>
      </c>
      <c r="Z4136" s="5"/>
      <c r="AA4136" s="5" t="s">
        <v>43</v>
      </c>
      <c r="AB4136" s="5" t="s">
        <v>44</v>
      </c>
      <c r="AC4136" s="2"/>
      <c r="AD4136" s="1"/>
    </row>
    <row r="4137" spans="1:30">
      <c r="A4137" s="5" t="s">
        <v>83578</v>
      </c>
      <c r="B4137" s="2" t="s">
        <v>96013</v>
      </c>
      <c r="C4137" s="14" t="s">
        <v>96014</v>
      </c>
      <c r="D4137" s="2" t="s">
        <v>96015</v>
      </c>
      <c r="E4137" s="2" t="s">
        <v>47266</v>
      </c>
      <c r="F4137" s="8">
        <v>359</v>
      </c>
      <c r="G4137" s="5">
        <v>6</v>
      </c>
      <c r="H4137" s="5" t="s">
        <v>1518</v>
      </c>
      <c r="I4137" s="5" t="s">
        <v>40939</v>
      </c>
      <c r="J4137" s="2" t="s">
        <v>40940</v>
      </c>
      <c r="K4137" s="5" t="s">
        <v>40939</v>
      </c>
      <c r="L4137" s="2" t="s">
        <v>40940</v>
      </c>
      <c r="M4137" s="5" t="s">
        <v>36266</v>
      </c>
      <c r="N4137" s="5" t="s">
        <v>38</v>
      </c>
      <c r="O4137" s="5" t="s">
        <v>39</v>
      </c>
      <c r="P4137" s="5" t="s">
        <v>40</v>
      </c>
      <c r="Q4137" s="5" t="s">
        <v>1522</v>
      </c>
      <c r="R4137" s="5" t="s">
        <v>1523</v>
      </c>
      <c r="S4137" s="5" t="s">
        <v>42</v>
      </c>
      <c r="T4137" s="2">
        <v>3.5779999999999998</v>
      </c>
      <c r="U4137" s="2">
        <v>3.0059999999999998</v>
      </c>
      <c r="V4137" s="2">
        <v>1.7999999999999999E-2</v>
      </c>
      <c r="W4137" s="2">
        <v>139.1</v>
      </c>
      <c r="X4137" s="2">
        <v>7.6</v>
      </c>
      <c r="Y4137" s="2">
        <v>16.7</v>
      </c>
      <c r="Z4137" s="5"/>
      <c r="AA4137" s="5" t="s">
        <v>43</v>
      </c>
      <c r="AB4137" s="5" t="s">
        <v>44</v>
      </c>
      <c r="AC4137" s="2"/>
      <c r="AD4137" s="1"/>
    </row>
    <row r="4138" spans="1:30">
      <c r="A4138" s="5" t="s">
        <v>83578</v>
      </c>
      <c r="B4138" s="2" t="s">
        <v>96016</v>
      </c>
      <c r="C4138" s="14" t="s">
        <v>96017</v>
      </c>
      <c r="D4138" s="2" t="s">
        <v>96018</v>
      </c>
      <c r="E4138" s="2" t="s">
        <v>47195</v>
      </c>
      <c r="F4138" s="8">
        <v>359</v>
      </c>
      <c r="G4138" s="5">
        <v>6</v>
      </c>
      <c r="H4138" s="5" t="s">
        <v>1518</v>
      </c>
      <c r="I4138" s="5" t="s">
        <v>40939</v>
      </c>
      <c r="J4138" s="2" t="s">
        <v>40940</v>
      </c>
      <c r="K4138" s="5" t="s">
        <v>40939</v>
      </c>
      <c r="L4138" s="2" t="s">
        <v>40940</v>
      </c>
      <c r="M4138" s="5" t="s">
        <v>36266</v>
      </c>
      <c r="N4138" s="5" t="s">
        <v>38</v>
      </c>
      <c r="O4138" s="5" t="s">
        <v>39</v>
      </c>
      <c r="P4138" s="5" t="s">
        <v>40</v>
      </c>
      <c r="Q4138" s="5" t="s">
        <v>1522</v>
      </c>
      <c r="R4138" s="5" t="s">
        <v>1523</v>
      </c>
      <c r="S4138" s="5" t="s">
        <v>42</v>
      </c>
      <c r="T4138" s="2">
        <v>3.698</v>
      </c>
      <c r="U4138" s="2">
        <v>3.1259999999999999</v>
      </c>
      <c r="V4138" s="2">
        <v>1.7999999999999999E-2</v>
      </c>
      <c r="W4138" s="2">
        <v>139.1</v>
      </c>
      <c r="X4138" s="2">
        <v>7.6</v>
      </c>
      <c r="Y4138" s="2">
        <v>16.7</v>
      </c>
      <c r="Z4138" s="5"/>
      <c r="AA4138" s="5" t="s">
        <v>43</v>
      </c>
      <c r="AB4138" s="5" t="s">
        <v>44</v>
      </c>
      <c r="AC4138" s="2"/>
      <c r="AD4138" s="1"/>
    </row>
    <row r="4139" spans="1:30">
      <c r="A4139" s="5" t="s">
        <v>83578</v>
      </c>
      <c r="B4139" s="2" t="s">
        <v>96019</v>
      </c>
      <c r="C4139" s="14" t="s">
        <v>96020</v>
      </c>
      <c r="D4139" s="2" t="s">
        <v>96021</v>
      </c>
      <c r="E4139" s="2" t="s">
        <v>7208</v>
      </c>
      <c r="F4139" s="8">
        <v>329</v>
      </c>
      <c r="G4139" s="5">
        <v>6</v>
      </c>
      <c r="H4139" s="5" t="s">
        <v>1518</v>
      </c>
      <c r="I4139" s="5" t="s">
        <v>40939</v>
      </c>
      <c r="J4139" s="2" t="s">
        <v>40940</v>
      </c>
      <c r="K4139" s="5" t="s">
        <v>40939</v>
      </c>
      <c r="L4139" s="2" t="s">
        <v>40940</v>
      </c>
      <c r="M4139" s="5" t="s">
        <v>36266</v>
      </c>
      <c r="N4139" s="5" t="s">
        <v>38</v>
      </c>
      <c r="O4139" s="5" t="s">
        <v>39</v>
      </c>
      <c r="P4139" s="5" t="s">
        <v>40</v>
      </c>
      <c r="Q4139" s="5" t="s">
        <v>1522</v>
      </c>
      <c r="R4139" s="5" t="s">
        <v>1523</v>
      </c>
      <c r="S4139" s="5" t="s">
        <v>42</v>
      </c>
      <c r="T4139" s="2">
        <v>3.5939999999999999</v>
      </c>
      <c r="U4139" s="2">
        <v>3.0219999999999998</v>
      </c>
      <c r="V4139" s="2">
        <v>1.7999999999999999E-2</v>
      </c>
      <c r="W4139" s="2">
        <v>139.1</v>
      </c>
      <c r="X4139" s="2">
        <v>7.6</v>
      </c>
      <c r="Y4139" s="2">
        <v>16.7</v>
      </c>
      <c r="Z4139" s="5"/>
      <c r="AA4139" s="5" t="s">
        <v>43</v>
      </c>
      <c r="AB4139" s="5" t="s">
        <v>44</v>
      </c>
      <c r="AC4139" s="2"/>
      <c r="AD4139" s="1"/>
    </row>
    <row r="4140" spans="1:30">
      <c r="A4140" s="5" t="s">
        <v>83578</v>
      </c>
      <c r="B4140" s="2" t="s">
        <v>96022</v>
      </c>
      <c r="C4140" s="14" t="s">
        <v>96023</v>
      </c>
      <c r="D4140" s="2" t="s">
        <v>96024</v>
      </c>
      <c r="E4140" s="2" t="s">
        <v>7521</v>
      </c>
      <c r="F4140" s="8">
        <v>329</v>
      </c>
      <c r="G4140" s="5">
        <v>6</v>
      </c>
      <c r="H4140" s="5" t="s">
        <v>1518</v>
      </c>
      <c r="I4140" s="5" t="s">
        <v>40939</v>
      </c>
      <c r="J4140" s="2" t="s">
        <v>40940</v>
      </c>
      <c r="K4140" s="5" t="s">
        <v>40939</v>
      </c>
      <c r="L4140" s="2" t="s">
        <v>40940</v>
      </c>
      <c r="M4140" s="5" t="s">
        <v>36266</v>
      </c>
      <c r="N4140" s="5" t="s">
        <v>38</v>
      </c>
      <c r="O4140" s="5" t="s">
        <v>39</v>
      </c>
      <c r="P4140" s="5" t="s">
        <v>40</v>
      </c>
      <c r="Q4140" s="5" t="s">
        <v>1522</v>
      </c>
      <c r="R4140" s="5" t="s">
        <v>1523</v>
      </c>
      <c r="S4140" s="5" t="s">
        <v>42</v>
      </c>
      <c r="T4140" s="2">
        <v>3.714</v>
      </c>
      <c r="U4140" s="2">
        <v>3.1419999999999999</v>
      </c>
      <c r="V4140" s="2">
        <v>1.7999999999999999E-2</v>
      </c>
      <c r="W4140" s="2">
        <v>139.1</v>
      </c>
      <c r="X4140" s="2">
        <v>7.6</v>
      </c>
      <c r="Y4140" s="2">
        <v>16.7</v>
      </c>
      <c r="Z4140" s="5"/>
      <c r="AA4140" s="5" t="s">
        <v>43</v>
      </c>
      <c r="AB4140" s="5" t="s">
        <v>44</v>
      </c>
      <c r="AC4140" s="2"/>
      <c r="AD4140" s="1"/>
    </row>
    <row r="4141" spans="1:30">
      <c r="A4141" s="5" t="s">
        <v>83578</v>
      </c>
      <c r="B4141" s="2" t="s">
        <v>96025</v>
      </c>
      <c r="C4141" s="14" t="s">
        <v>96026</v>
      </c>
      <c r="D4141" s="2" t="s">
        <v>96027</v>
      </c>
      <c r="E4141" s="2" t="s">
        <v>36273</v>
      </c>
      <c r="F4141" s="8">
        <v>329</v>
      </c>
      <c r="G4141" s="5">
        <v>6</v>
      </c>
      <c r="H4141" s="5" t="s">
        <v>1518</v>
      </c>
      <c r="I4141" s="5" t="s">
        <v>40939</v>
      </c>
      <c r="J4141" s="2" t="s">
        <v>40940</v>
      </c>
      <c r="K4141" s="5" t="s">
        <v>40939</v>
      </c>
      <c r="L4141" s="2" t="s">
        <v>40940</v>
      </c>
      <c r="M4141" s="5" t="s">
        <v>36266</v>
      </c>
      <c r="N4141" s="5" t="s">
        <v>38</v>
      </c>
      <c r="O4141" s="5" t="s">
        <v>39</v>
      </c>
      <c r="P4141" s="5" t="s">
        <v>40</v>
      </c>
      <c r="Q4141" s="5" t="s">
        <v>1522</v>
      </c>
      <c r="R4141" s="5" t="s">
        <v>1523</v>
      </c>
      <c r="S4141" s="5" t="s">
        <v>42</v>
      </c>
      <c r="T4141" s="2">
        <v>3.625</v>
      </c>
      <c r="U4141" s="2">
        <v>3.0529999999999999</v>
      </c>
      <c r="V4141" s="2">
        <v>1.7999999999999999E-2</v>
      </c>
      <c r="W4141" s="2">
        <v>139.1</v>
      </c>
      <c r="X4141" s="2">
        <v>7.6</v>
      </c>
      <c r="Y4141" s="2">
        <v>16.7</v>
      </c>
      <c r="Z4141" s="5"/>
      <c r="AA4141" s="5" t="s">
        <v>43</v>
      </c>
      <c r="AB4141" s="5" t="s">
        <v>44</v>
      </c>
      <c r="AC4141" s="2"/>
      <c r="AD4141" s="1"/>
    </row>
    <row r="4142" spans="1:30">
      <c r="A4142" s="5" t="s">
        <v>83578</v>
      </c>
      <c r="B4142" s="2" t="s">
        <v>96028</v>
      </c>
      <c r="C4142" s="14" t="s">
        <v>96029</v>
      </c>
      <c r="D4142" s="2" t="s">
        <v>96030</v>
      </c>
      <c r="E4142" s="2" t="s">
        <v>36277</v>
      </c>
      <c r="F4142" s="8">
        <v>329</v>
      </c>
      <c r="G4142" s="5">
        <v>6</v>
      </c>
      <c r="H4142" s="5" t="s">
        <v>1518</v>
      </c>
      <c r="I4142" s="5" t="s">
        <v>40939</v>
      </c>
      <c r="J4142" s="2" t="s">
        <v>40940</v>
      </c>
      <c r="K4142" s="5" t="s">
        <v>40939</v>
      </c>
      <c r="L4142" s="2" t="s">
        <v>40940</v>
      </c>
      <c r="M4142" s="5" t="s">
        <v>36266</v>
      </c>
      <c r="N4142" s="5" t="s">
        <v>38</v>
      </c>
      <c r="O4142" s="5" t="s">
        <v>39</v>
      </c>
      <c r="P4142" s="5" t="s">
        <v>40</v>
      </c>
      <c r="Q4142" s="5" t="s">
        <v>1522</v>
      </c>
      <c r="R4142" s="5" t="s">
        <v>1523</v>
      </c>
      <c r="S4142" s="5" t="s">
        <v>42</v>
      </c>
      <c r="T4142" s="2">
        <v>3.7450000000000001</v>
      </c>
      <c r="U4142" s="2">
        <v>3.173</v>
      </c>
      <c r="V4142" s="2">
        <v>1.7999999999999999E-2</v>
      </c>
      <c r="W4142" s="2">
        <v>139.1</v>
      </c>
      <c r="X4142" s="2">
        <v>7.6</v>
      </c>
      <c r="Y4142" s="2">
        <v>16.7</v>
      </c>
      <c r="Z4142" s="5"/>
      <c r="AA4142" s="5" t="s">
        <v>43</v>
      </c>
      <c r="AB4142" s="5" t="s">
        <v>44</v>
      </c>
      <c r="AC4142" s="2"/>
      <c r="AD4142" s="1"/>
    </row>
    <row r="4143" spans="1:30">
      <c r="A4143" s="5" t="s">
        <v>83578</v>
      </c>
      <c r="B4143" s="2" t="s">
        <v>96031</v>
      </c>
      <c r="C4143" s="14" t="s">
        <v>96032</v>
      </c>
      <c r="D4143" s="2" t="s">
        <v>96033</v>
      </c>
      <c r="E4143" s="2" t="s">
        <v>40967</v>
      </c>
      <c r="F4143" s="8">
        <v>359</v>
      </c>
      <c r="G4143" s="5">
        <v>6</v>
      </c>
      <c r="H4143" s="5" t="s">
        <v>1518</v>
      </c>
      <c r="I4143" s="5" t="s">
        <v>40939</v>
      </c>
      <c r="J4143" s="2" t="s">
        <v>40940</v>
      </c>
      <c r="K4143" s="5" t="s">
        <v>40939</v>
      </c>
      <c r="L4143" s="2" t="s">
        <v>40940</v>
      </c>
      <c r="M4143" s="5" t="s">
        <v>36266</v>
      </c>
      <c r="N4143" s="5" t="s">
        <v>38</v>
      </c>
      <c r="O4143" s="5" t="s">
        <v>39</v>
      </c>
      <c r="P4143" s="5" t="s">
        <v>40</v>
      </c>
      <c r="Q4143" s="5" t="s">
        <v>1522</v>
      </c>
      <c r="R4143" s="5" t="s">
        <v>1523</v>
      </c>
      <c r="S4143" s="5" t="s">
        <v>42</v>
      </c>
      <c r="T4143" s="2">
        <v>3.5939999999999999</v>
      </c>
      <c r="U4143" s="2">
        <v>3.0219999999999998</v>
      </c>
      <c r="V4143" s="2">
        <v>1.7999999999999999E-2</v>
      </c>
      <c r="W4143" s="2">
        <v>139.1</v>
      </c>
      <c r="X4143" s="2">
        <v>7.6</v>
      </c>
      <c r="Y4143" s="2">
        <v>16.7</v>
      </c>
      <c r="Z4143" s="5"/>
      <c r="AA4143" s="5" t="s">
        <v>43</v>
      </c>
      <c r="AB4143" s="5" t="s">
        <v>44</v>
      </c>
      <c r="AC4143" s="2"/>
      <c r="AD4143" s="1"/>
    </row>
    <row r="4144" spans="1:30">
      <c r="A4144" s="5" t="s">
        <v>83578</v>
      </c>
      <c r="B4144" s="2" t="s">
        <v>96034</v>
      </c>
      <c r="C4144" s="14" t="s">
        <v>96035</v>
      </c>
      <c r="D4144" s="2" t="s">
        <v>96036</v>
      </c>
      <c r="E4144" s="2" t="s">
        <v>40971</v>
      </c>
      <c r="F4144" s="8">
        <v>359</v>
      </c>
      <c r="G4144" s="5">
        <v>6</v>
      </c>
      <c r="H4144" s="5" t="s">
        <v>1518</v>
      </c>
      <c r="I4144" s="5" t="s">
        <v>40939</v>
      </c>
      <c r="J4144" s="2" t="s">
        <v>40940</v>
      </c>
      <c r="K4144" s="5" t="s">
        <v>40939</v>
      </c>
      <c r="L4144" s="2" t="s">
        <v>40940</v>
      </c>
      <c r="M4144" s="5" t="s">
        <v>36266</v>
      </c>
      <c r="N4144" s="5" t="s">
        <v>38</v>
      </c>
      <c r="O4144" s="5" t="s">
        <v>39</v>
      </c>
      <c r="P4144" s="5" t="s">
        <v>40</v>
      </c>
      <c r="Q4144" s="5" t="s">
        <v>1522</v>
      </c>
      <c r="R4144" s="5" t="s">
        <v>1523</v>
      </c>
      <c r="S4144" s="5" t="s">
        <v>42</v>
      </c>
      <c r="T4144" s="2">
        <v>3.714</v>
      </c>
      <c r="U4144" s="2">
        <v>3.1419999999999999</v>
      </c>
      <c r="V4144" s="2">
        <v>1.7999999999999999E-2</v>
      </c>
      <c r="W4144" s="2">
        <v>139.1</v>
      </c>
      <c r="X4144" s="2">
        <v>7.6</v>
      </c>
      <c r="Y4144" s="2">
        <v>16.7</v>
      </c>
      <c r="Z4144" s="5"/>
      <c r="AA4144" s="5" t="s">
        <v>43</v>
      </c>
      <c r="AB4144" s="5" t="s">
        <v>44</v>
      </c>
      <c r="AC4144" s="2"/>
      <c r="AD4144" s="1"/>
    </row>
    <row r="4145" spans="1:30">
      <c r="A4145" s="5" t="s">
        <v>83578</v>
      </c>
      <c r="B4145" s="2" t="s">
        <v>96037</v>
      </c>
      <c r="C4145" s="14" t="s">
        <v>96038</v>
      </c>
      <c r="D4145" s="2" t="s">
        <v>96039</v>
      </c>
      <c r="E4145" s="2" t="s">
        <v>47226</v>
      </c>
      <c r="F4145" s="8">
        <v>359</v>
      </c>
      <c r="G4145" s="5">
        <v>6</v>
      </c>
      <c r="H4145" s="5" t="s">
        <v>1518</v>
      </c>
      <c r="I4145" s="5" t="s">
        <v>40939</v>
      </c>
      <c r="J4145" s="2" t="s">
        <v>40940</v>
      </c>
      <c r="K4145" s="5" t="s">
        <v>40939</v>
      </c>
      <c r="L4145" s="2" t="s">
        <v>40940</v>
      </c>
      <c r="M4145" s="5" t="s">
        <v>36266</v>
      </c>
      <c r="N4145" s="5" t="s">
        <v>38</v>
      </c>
      <c r="O4145" s="5" t="s">
        <v>39</v>
      </c>
      <c r="P4145" s="5" t="s">
        <v>40</v>
      </c>
      <c r="Q4145" s="5" t="s">
        <v>1522</v>
      </c>
      <c r="R4145" s="5" t="s">
        <v>1523</v>
      </c>
      <c r="S4145" s="5" t="s">
        <v>42</v>
      </c>
      <c r="T4145" s="2">
        <v>3.5939999999999999</v>
      </c>
      <c r="U4145" s="2">
        <v>3.0219999999999998</v>
      </c>
      <c r="V4145" s="2">
        <v>1.7999999999999999E-2</v>
      </c>
      <c r="W4145" s="2">
        <v>139.1</v>
      </c>
      <c r="X4145" s="2">
        <v>7.6</v>
      </c>
      <c r="Y4145" s="2">
        <v>16.7</v>
      </c>
      <c r="Z4145" s="5"/>
      <c r="AA4145" s="5" t="s">
        <v>43</v>
      </c>
      <c r="AB4145" s="5" t="s">
        <v>44</v>
      </c>
      <c r="AC4145" s="2"/>
      <c r="AD4145" s="1"/>
    </row>
    <row r="4146" spans="1:30">
      <c r="A4146" s="5" t="s">
        <v>83578</v>
      </c>
      <c r="B4146" s="2" t="s">
        <v>96040</v>
      </c>
      <c r="C4146" s="14" t="s">
        <v>96041</v>
      </c>
      <c r="D4146" s="2" t="s">
        <v>96042</v>
      </c>
      <c r="E4146" s="2" t="s">
        <v>47735</v>
      </c>
      <c r="F4146" s="8">
        <v>359</v>
      </c>
      <c r="G4146" s="5">
        <v>6</v>
      </c>
      <c r="H4146" s="5" t="s">
        <v>1518</v>
      </c>
      <c r="I4146" s="5" t="s">
        <v>40939</v>
      </c>
      <c r="J4146" s="2" t="s">
        <v>40940</v>
      </c>
      <c r="K4146" s="5" t="s">
        <v>40939</v>
      </c>
      <c r="L4146" s="2" t="s">
        <v>40940</v>
      </c>
      <c r="M4146" s="5" t="s">
        <v>36266</v>
      </c>
      <c r="N4146" s="5" t="s">
        <v>38</v>
      </c>
      <c r="O4146" s="5" t="s">
        <v>39</v>
      </c>
      <c r="P4146" s="5" t="s">
        <v>40</v>
      </c>
      <c r="Q4146" s="5" t="s">
        <v>1522</v>
      </c>
      <c r="R4146" s="5" t="s">
        <v>1523</v>
      </c>
      <c r="S4146" s="5" t="s">
        <v>42</v>
      </c>
      <c r="T4146" s="2">
        <v>3.714</v>
      </c>
      <c r="U4146" s="2">
        <v>3.1419999999999999</v>
      </c>
      <c r="V4146" s="2">
        <v>1.7999999999999999E-2</v>
      </c>
      <c r="W4146" s="2">
        <v>139.1</v>
      </c>
      <c r="X4146" s="2">
        <v>7.6</v>
      </c>
      <c r="Y4146" s="2">
        <v>16.7</v>
      </c>
      <c r="Z4146" s="5"/>
      <c r="AA4146" s="5" t="s">
        <v>43</v>
      </c>
      <c r="AB4146" s="5" t="s">
        <v>44</v>
      </c>
      <c r="AC4146" s="2"/>
      <c r="AD4146" s="1"/>
    </row>
    <row r="4147" spans="1:30">
      <c r="A4147" s="5" t="s">
        <v>83578</v>
      </c>
      <c r="B4147" s="2" t="s">
        <v>96043</v>
      </c>
      <c r="C4147" s="14" t="s">
        <v>96044</v>
      </c>
      <c r="D4147" s="2" t="s">
        <v>96045</v>
      </c>
      <c r="E4147" s="2" t="s">
        <v>7539</v>
      </c>
      <c r="F4147" s="8">
        <v>359</v>
      </c>
      <c r="G4147" s="5">
        <v>6</v>
      </c>
      <c r="H4147" s="5" t="s">
        <v>1518</v>
      </c>
      <c r="I4147" s="5" t="s">
        <v>40939</v>
      </c>
      <c r="J4147" s="2" t="s">
        <v>40940</v>
      </c>
      <c r="K4147" s="5" t="s">
        <v>40939</v>
      </c>
      <c r="L4147" s="2" t="s">
        <v>40940</v>
      </c>
      <c r="M4147" s="5" t="s">
        <v>36266</v>
      </c>
      <c r="N4147" s="5" t="s">
        <v>38</v>
      </c>
      <c r="O4147" s="5" t="s">
        <v>39</v>
      </c>
      <c r="P4147" s="5" t="s">
        <v>40</v>
      </c>
      <c r="Q4147" s="5" t="s">
        <v>1522</v>
      </c>
      <c r="R4147" s="5" t="s">
        <v>1523</v>
      </c>
      <c r="S4147" s="5" t="s">
        <v>42</v>
      </c>
      <c r="T4147" s="2">
        <v>3.5139999999999998</v>
      </c>
      <c r="U4147" s="2">
        <v>2.9420000000000002</v>
      </c>
      <c r="V4147" s="2">
        <v>1.7999999999999999E-2</v>
      </c>
      <c r="W4147" s="2">
        <v>139.1</v>
      </c>
      <c r="X4147" s="2">
        <v>7.6</v>
      </c>
      <c r="Y4147" s="2">
        <v>16.7</v>
      </c>
      <c r="Z4147" s="5"/>
      <c r="AA4147" s="5" t="s">
        <v>43</v>
      </c>
      <c r="AB4147" s="5" t="s">
        <v>44</v>
      </c>
      <c r="AC4147" s="2"/>
      <c r="AD4147" s="1"/>
    </row>
    <row r="4148" spans="1:30">
      <c r="A4148" s="5" t="s">
        <v>83578</v>
      </c>
      <c r="B4148" s="2" t="s">
        <v>96046</v>
      </c>
      <c r="C4148" s="14" t="s">
        <v>96047</v>
      </c>
      <c r="D4148" s="2" t="s">
        <v>96048</v>
      </c>
      <c r="E4148" s="2" t="s">
        <v>7543</v>
      </c>
      <c r="F4148" s="8">
        <v>359</v>
      </c>
      <c r="G4148" s="5">
        <v>6</v>
      </c>
      <c r="H4148" s="5" t="s">
        <v>1518</v>
      </c>
      <c r="I4148" s="5" t="s">
        <v>40939</v>
      </c>
      <c r="J4148" s="2" t="s">
        <v>40940</v>
      </c>
      <c r="K4148" s="5" t="s">
        <v>40939</v>
      </c>
      <c r="L4148" s="2" t="s">
        <v>40940</v>
      </c>
      <c r="M4148" s="5" t="s">
        <v>36266</v>
      </c>
      <c r="N4148" s="5" t="s">
        <v>38</v>
      </c>
      <c r="O4148" s="5" t="s">
        <v>39</v>
      </c>
      <c r="P4148" s="5" t="s">
        <v>40</v>
      </c>
      <c r="Q4148" s="5" t="s">
        <v>1522</v>
      </c>
      <c r="R4148" s="5" t="s">
        <v>1523</v>
      </c>
      <c r="S4148" s="5" t="s">
        <v>42</v>
      </c>
      <c r="T4148" s="2">
        <v>3.6339999999999999</v>
      </c>
      <c r="U4148" s="2">
        <v>3.0619999999999998</v>
      </c>
      <c r="V4148" s="2">
        <v>1.7999999999999999E-2</v>
      </c>
      <c r="W4148" s="2">
        <v>139.1</v>
      </c>
      <c r="X4148" s="2">
        <v>7.6</v>
      </c>
      <c r="Y4148" s="2">
        <v>16.7</v>
      </c>
      <c r="Z4148" s="5"/>
      <c r="AA4148" s="5" t="s">
        <v>43</v>
      </c>
      <c r="AB4148" s="5" t="s">
        <v>44</v>
      </c>
      <c r="AC4148" s="2"/>
      <c r="AD4148" s="1"/>
    </row>
    <row r="4149" spans="1:30">
      <c r="A4149" s="5" t="s">
        <v>83578</v>
      </c>
      <c r="B4149" s="2" t="s">
        <v>96049</v>
      </c>
      <c r="C4149" s="14" t="s">
        <v>96050</v>
      </c>
      <c r="D4149" s="2" t="s">
        <v>96051</v>
      </c>
      <c r="E4149" s="2" t="s">
        <v>40989</v>
      </c>
      <c r="F4149" s="8">
        <v>359</v>
      </c>
      <c r="G4149" s="5">
        <v>6</v>
      </c>
      <c r="H4149" s="5" t="s">
        <v>1518</v>
      </c>
      <c r="I4149" s="5" t="s">
        <v>40939</v>
      </c>
      <c r="J4149" s="2" t="s">
        <v>40940</v>
      </c>
      <c r="K4149" s="5" t="s">
        <v>40939</v>
      </c>
      <c r="L4149" s="2" t="s">
        <v>40940</v>
      </c>
      <c r="M4149" s="5" t="s">
        <v>36266</v>
      </c>
      <c r="N4149" s="5" t="s">
        <v>38</v>
      </c>
      <c r="O4149" s="5" t="s">
        <v>39</v>
      </c>
      <c r="P4149" s="5" t="s">
        <v>40</v>
      </c>
      <c r="Q4149" s="5" t="s">
        <v>1522</v>
      </c>
      <c r="R4149" s="5" t="s">
        <v>1523</v>
      </c>
      <c r="S4149" s="5" t="s">
        <v>42</v>
      </c>
      <c r="T4149" s="2">
        <v>3.5939999999999999</v>
      </c>
      <c r="U4149" s="2">
        <v>3.0219999999999998</v>
      </c>
      <c r="V4149" s="2">
        <v>1.7999999999999999E-2</v>
      </c>
      <c r="W4149" s="2">
        <v>139.1</v>
      </c>
      <c r="X4149" s="2">
        <v>7.6</v>
      </c>
      <c r="Y4149" s="2">
        <v>16.7</v>
      </c>
      <c r="Z4149" s="5"/>
      <c r="AA4149" s="5" t="s">
        <v>43</v>
      </c>
      <c r="AB4149" s="5" t="s">
        <v>44</v>
      </c>
      <c r="AC4149" s="2"/>
      <c r="AD4149" s="1"/>
    </row>
    <row r="4150" spans="1:30">
      <c r="A4150" s="5" t="s">
        <v>83578</v>
      </c>
      <c r="B4150" s="2" t="s">
        <v>96052</v>
      </c>
      <c r="C4150" s="14" t="s">
        <v>96053</v>
      </c>
      <c r="D4150" s="2" t="s">
        <v>96054</v>
      </c>
      <c r="E4150" s="2" t="s">
        <v>40993</v>
      </c>
      <c r="F4150" s="8">
        <v>359</v>
      </c>
      <c r="G4150" s="5">
        <v>6</v>
      </c>
      <c r="H4150" s="5" t="s">
        <v>1518</v>
      </c>
      <c r="I4150" s="5" t="s">
        <v>40939</v>
      </c>
      <c r="J4150" s="2" t="s">
        <v>40940</v>
      </c>
      <c r="K4150" s="5" t="s">
        <v>40939</v>
      </c>
      <c r="L4150" s="2" t="s">
        <v>40940</v>
      </c>
      <c r="M4150" s="5" t="s">
        <v>36266</v>
      </c>
      <c r="N4150" s="5" t="s">
        <v>38</v>
      </c>
      <c r="O4150" s="5" t="s">
        <v>39</v>
      </c>
      <c r="P4150" s="5" t="s">
        <v>40</v>
      </c>
      <c r="Q4150" s="5" t="s">
        <v>1522</v>
      </c>
      <c r="R4150" s="5" t="s">
        <v>1523</v>
      </c>
      <c r="S4150" s="5" t="s">
        <v>42</v>
      </c>
      <c r="T4150" s="2">
        <v>3.714</v>
      </c>
      <c r="U4150" s="2">
        <v>3.1419999999999999</v>
      </c>
      <c r="V4150" s="2">
        <v>1.7999999999999999E-2</v>
      </c>
      <c r="W4150" s="2">
        <v>139.1</v>
      </c>
      <c r="X4150" s="2">
        <v>7.6</v>
      </c>
      <c r="Y4150" s="2">
        <v>16.7</v>
      </c>
      <c r="Z4150" s="5"/>
      <c r="AA4150" s="5" t="s">
        <v>43</v>
      </c>
      <c r="AB4150" s="5" t="s">
        <v>44</v>
      </c>
      <c r="AC4150" s="2"/>
      <c r="AD4150" s="1"/>
    </row>
    <row r="4151" spans="1:30">
      <c r="A4151" s="5" t="s">
        <v>83578</v>
      </c>
      <c r="B4151" s="2" t="s">
        <v>96055</v>
      </c>
      <c r="C4151" s="14" t="s">
        <v>96056</v>
      </c>
      <c r="D4151" s="2" t="s">
        <v>96057</v>
      </c>
      <c r="E4151" s="2" t="s">
        <v>40997</v>
      </c>
      <c r="F4151" s="8">
        <v>359</v>
      </c>
      <c r="G4151" s="5">
        <v>6</v>
      </c>
      <c r="H4151" s="5" t="s">
        <v>1518</v>
      </c>
      <c r="I4151" s="5" t="s">
        <v>40939</v>
      </c>
      <c r="J4151" s="2" t="s">
        <v>40940</v>
      </c>
      <c r="K4151" s="5" t="s">
        <v>40939</v>
      </c>
      <c r="L4151" s="2" t="s">
        <v>40940</v>
      </c>
      <c r="M4151" s="5" t="s">
        <v>36266</v>
      </c>
      <c r="N4151" s="5" t="s">
        <v>38</v>
      </c>
      <c r="O4151" s="5" t="s">
        <v>39</v>
      </c>
      <c r="P4151" s="5" t="s">
        <v>40</v>
      </c>
      <c r="Q4151" s="5" t="s">
        <v>1522</v>
      </c>
      <c r="R4151" s="5" t="s">
        <v>1523</v>
      </c>
      <c r="S4151" s="5" t="s">
        <v>42</v>
      </c>
      <c r="T4151" s="2">
        <v>3.53</v>
      </c>
      <c r="U4151" s="2">
        <v>2.9580000000000002</v>
      </c>
      <c r="V4151" s="2">
        <v>1.7999999999999999E-2</v>
      </c>
      <c r="W4151" s="2">
        <v>139.1</v>
      </c>
      <c r="X4151" s="2">
        <v>7.6</v>
      </c>
      <c r="Y4151" s="2">
        <v>16.7</v>
      </c>
      <c r="Z4151" s="5"/>
      <c r="AA4151" s="5" t="s">
        <v>43</v>
      </c>
      <c r="AB4151" s="5" t="s">
        <v>44</v>
      </c>
      <c r="AC4151" s="2"/>
      <c r="AD4151" s="1"/>
    </row>
    <row r="4152" spans="1:30">
      <c r="A4152" s="5" t="s">
        <v>83578</v>
      </c>
      <c r="B4152" s="2" t="s">
        <v>96058</v>
      </c>
      <c r="C4152" s="14" t="s">
        <v>96059</v>
      </c>
      <c r="D4152" s="2" t="s">
        <v>96060</v>
      </c>
      <c r="E4152" s="2" t="s">
        <v>41267</v>
      </c>
      <c r="F4152" s="8">
        <v>359</v>
      </c>
      <c r="G4152" s="5">
        <v>6</v>
      </c>
      <c r="H4152" s="5" t="s">
        <v>1518</v>
      </c>
      <c r="I4152" s="5" t="s">
        <v>40939</v>
      </c>
      <c r="J4152" s="2" t="s">
        <v>40940</v>
      </c>
      <c r="K4152" s="5" t="s">
        <v>40939</v>
      </c>
      <c r="L4152" s="2" t="s">
        <v>40940</v>
      </c>
      <c r="M4152" s="5" t="s">
        <v>36266</v>
      </c>
      <c r="N4152" s="5" t="s">
        <v>38</v>
      </c>
      <c r="O4152" s="5" t="s">
        <v>39</v>
      </c>
      <c r="P4152" s="5" t="s">
        <v>40</v>
      </c>
      <c r="Q4152" s="5" t="s">
        <v>1522</v>
      </c>
      <c r="R4152" s="5" t="s">
        <v>1523</v>
      </c>
      <c r="S4152" s="5" t="s">
        <v>42</v>
      </c>
      <c r="T4152" s="2">
        <v>3.65</v>
      </c>
      <c r="U4152" s="2">
        <v>3.0779999999999998</v>
      </c>
      <c r="V4152" s="2">
        <v>1.7999999999999999E-2</v>
      </c>
      <c r="W4152" s="2">
        <v>139.1</v>
      </c>
      <c r="X4152" s="2">
        <v>7.6</v>
      </c>
      <c r="Y4152" s="2">
        <v>16.7</v>
      </c>
      <c r="Z4152" s="5"/>
      <c r="AA4152" s="5" t="s">
        <v>43</v>
      </c>
      <c r="AB4152" s="5" t="s">
        <v>44</v>
      </c>
      <c r="AC4152" s="2"/>
      <c r="AD4152" s="1"/>
    </row>
    <row r="4153" spans="1:30">
      <c r="A4153" s="5" t="s">
        <v>83578</v>
      </c>
      <c r="B4153" s="2" t="s">
        <v>96061</v>
      </c>
      <c r="C4153" s="14" t="s">
        <v>96062</v>
      </c>
      <c r="D4153" s="2" t="s">
        <v>96063</v>
      </c>
      <c r="E4153" s="2" t="s">
        <v>41001</v>
      </c>
      <c r="F4153" s="8">
        <v>359</v>
      </c>
      <c r="G4153" s="5">
        <v>6</v>
      </c>
      <c r="H4153" s="5" t="s">
        <v>1518</v>
      </c>
      <c r="I4153" s="5" t="s">
        <v>40939</v>
      </c>
      <c r="J4153" s="2" t="s">
        <v>40940</v>
      </c>
      <c r="K4153" s="5" t="s">
        <v>40939</v>
      </c>
      <c r="L4153" s="2" t="s">
        <v>40940</v>
      </c>
      <c r="M4153" s="5" t="s">
        <v>36266</v>
      </c>
      <c r="N4153" s="5" t="s">
        <v>38</v>
      </c>
      <c r="O4153" s="5" t="s">
        <v>39</v>
      </c>
      <c r="P4153" s="5" t="s">
        <v>40</v>
      </c>
      <c r="Q4153" s="5" t="s">
        <v>1522</v>
      </c>
      <c r="R4153" s="5" t="s">
        <v>1523</v>
      </c>
      <c r="S4153" s="5" t="s">
        <v>42</v>
      </c>
      <c r="T4153" s="2">
        <v>3.5939999999999999</v>
      </c>
      <c r="U4153" s="2">
        <v>3.0219999999999998</v>
      </c>
      <c r="V4153" s="2">
        <v>1.7999999999999999E-2</v>
      </c>
      <c r="W4153" s="2">
        <v>139.1</v>
      </c>
      <c r="X4153" s="2">
        <v>7.6</v>
      </c>
      <c r="Y4153" s="2">
        <v>16.7</v>
      </c>
      <c r="Z4153" s="5"/>
      <c r="AA4153" s="5" t="s">
        <v>43</v>
      </c>
      <c r="AB4153" s="5" t="s">
        <v>44</v>
      </c>
      <c r="AC4153" s="2"/>
      <c r="AD4153" s="1"/>
    </row>
    <row r="4154" spans="1:30">
      <c r="A4154" s="5" t="s">
        <v>83578</v>
      </c>
      <c r="B4154" s="2" t="s">
        <v>96064</v>
      </c>
      <c r="C4154" s="14" t="s">
        <v>96065</v>
      </c>
      <c r="D4154" s="2" t="s">
        <v>96066</v>
      </c>
      <c r="E4154" s="2" t="s">
        <v>41005</v>
      </c>
      <c r="F4154" s="8">
        <v>359</v>
      </c>
      <c r="G4154" s="5">
        <v>6</v>
      </c>
      <c r="H4154" s="5" t="s">
        <v>1518</v>
      </c>
      <c r="I4154" s="5" t="s">
        <v>40939</v>
      </c>
      <c r="J4154" s="2" t="s">
        <v>40940</v>
      </c>
      <c r="K4154" s="5" t="s">
        <v>40939</v>
      </c>
      <c r="L4154" s="2" t="s">
        <v>40940</v>
      </c>
      <c r="M4154" s="5" t="s">
        <v>36266</v>
      </c>
      <c r="N4154" s="5" t="s">
        <v>38</v>
      </c>
      <c r="O4154" s="5" t="s">
        <v>39</v>
      </c>
      <c r="P4154" s="5" t="s">
        <v>40</v>
      </c>
      <c r="Q4154" s="5" t="s">
        <v>1522</v>
      </c>
      <c r="R4154" s="5" t="s">
        <v>1523</v>
      </c>
      <c r="S4154" s="5" t="s">
        <v>42</v>
      </c>
      <c r="T4154" s="2">
        <v>3.714</v>
      </c>
      <c r="U4154" s="2">
        <v>3.1419999999999999</v>
      </c>
      <c r="V4154" s="2">
        <v>1.7999999999999999E-2</v>
      </c>
      <c r="W4154" s="2">
        <v>139.1</v>
      </c>
      <c r="X4154" s="2">
        <v>7.6</v>
      </c>
      <c r="Y4154" s="2">
        <v>16.7</v>
      </c>
      <c r="Z4154" s="5"/>
      <c r="AA4154" s="5" t="s">
        <v>43</v>
      </c>
      <c r="AB4154" s="5" t="s">
        <v>44</v>
      </c>
      <c r="AC4154" s="2"/>
      <c r="AD4154" s="1"/>
    </row>
    <row r="4155" spans="1:30">
      <c r="A4155" s="5" t="s">
        <v>83578</v>
      </c>
      <c r="B4155" s="2" t="s">
        <v>96067</v>
      </c>
      <c r="C4155" s="14" t="s">
        <v>96068</v>
      </c>
      <c r="D4155" s="2" t="s">
        <v>96069</v>
      </c>
      <c r="E4155" s="2" t="s">
        <v>41009</v>
      </c>
      <c r="F4155" s="8">
        <v>359</v>
      </c>
      <c r="G4155" s="5">
        <v>6</v>
      </c>
      <c r="H4155" s="5" t="s">
        <v>1518</v>
      </c>
      <c r="I4155" s="5" t="s">
        <v>40939</v>
      </c>
      <c r="J4155" s="2" t="s">
        <v>40940</v>
      </c>
      <c r="K4155" s="5" t="s">
        <v>40939</v>
      </c>
      <c r="L4155" s="2" t="s">
        <v>40940</v>
      </c>
      <c r="M4155" s="5" t="s">
        <v>36266</v>
      </c>
      <c r="N4155" s="5" t="s">
        <v>38</v>
      </c>
      <c r="O4155" s="5" t="s">
        <v>39</v>
      </c>
      <c r="P4155" s="5" t="s">
        <v>40</v>
      </c>
      <c r="Q4155" s="5" t="s">
        <v>1522</v>
      </c>
      <c r="R4155" s="5" t="s">
        <v>1523</v>
      </c>
      <c r="S4155" s="5" t="s">
        <v>42</v>
      </c>
      <c r="T4155" s="2">
        <v>3.61</v>
      </c>
      <c r="U4155" s="2">
        <v>3.0379999999999998</v>
      </c>
      <c r="V4155" s="2">
        <v>1.7999999999999999E-2</v>
      </c>
      <c r="W4155" s="2">
        <v>139.1</v>
      </c>
      <c r="X4155" s="2">
        <v>7.6</v>
      </c>
      <c r="Y4155" s="2">
        <v>16.7</v>
      </c>
      <c r="Z4155" s="5"/>
      <c r="AA4155" s="5" t="s">
        <v>43</v>
      </c>
      <c r="AB4155" s="5" t="s">
        <v>44</v>
      </c>
      <c r="AC4155" s="2"/>
      <c r="AD4155" s="1"/>
    </row>
    <row r="4156" spans="1:30">
      <c r="A4156" s="5" t="s">
        <v>83578</v>
      </c>
      <c r="B4156" s="2" t="s">
        <v>96070</v>
      </c>
      <c r="C4156" s="14" t="s">
        <v>96071</v>
      </c>
      <c r="D4156" s="2" t="s">
        <v>96072</v>
      </c>
      <c r="E4156" s="2" t="s">
        <v>41013</v>
      </c>
      <c r="F4156" s="8">
        <v>359</v>
      </c>
      <c r="G4156" s="5">
        <v>6</v>
      </c>
      <c r="H4156" s="5" t="s">
        <v>1518</v>
      </c>
      <c r="I4156" s="5" t="s">
        <v>40939</v>
      </c>
      <c r="J4156" s="2" t="s">
        <v>40940</v>
      </c>
      <c r="K4156" s="5" t="s">
        <v>40939</v>
      </c>
      <c r="L4156" s="2" t="s">
        <v>40940</v>
      </c>
      <c r="M4156" s="5" t="s">
        <v>36266</v>
      </c>
      <c r="N4156" s="5" t="s">
        <v>38</v>
      </c>
      <c r="O4156" s="5" t="s">
        <v>39</v>
      </c>
      <c r="P4156" s="5" t="s">
        <v>40</v>
      </c>
      <c r="Q4156" s="5" t="s">
        <v>1522</v>
      </c>
      <c r="R4156" s="5" t="s">
        <v>1523</v>
      </c>
      <c r="S4156" s="5" t="s">
        <v>42</v>
      </c>
      <c r="T4156" s="2">
        <v>3.73</v>
      </c>
      <c r="U4156" s="2">
        <v>3.1579999999999999</v>
      </c>
      <c r="V4156" s="2">
        <v>1.7999999999999999E-2</v>
      </c>
      <c r="W4156" s="2">
        <v>139.1</v>
      </c>
      <c r="X4156" s="2">
        <v>7.6</v>
      </c>
      <c r="Y4156" s="2">
        <v>16.7</v>
      </c>
      <c r="Z4156" s="5"/>
      <c r="AA4156" s="5" t="s">
        <v>43</v>
      </c>
      <c r="AB4156" s="5" t="s">
        <v>44</v>
      </c>
      <c r="AC4156" s="2"/>
      <c r="AD4156" s="1"/>
    </row>
    <row r="4157" spans="1:30">
      <c r="A4157" s="5" t="s">
        <v>83578</v>
      </c>
      <c r="B4157" s="2" t="s">
        <v>96073</v>
      </c>
      <c r="C4157" s="14" t="s">
        <v>96074</v>
      </c>
      <c r="D4157" s="2" t="s">
        <v>96075</v>
      </c>
      <c r="E4157" s="2" t="s">
        <v>7396</v>
      </c>
      <c r="F4157" s="8">
        <v>329</v>
      </c>
      <c r="G4157" s="5">
        <v>6</v>
      </c>
      <c r="H4157" s="5" t="s">
        <v>1518</v>
      </c>
      <c r="I4157" s="5" t="s">
        <v>40939</v>
      </c>
      <c r="J4157" s="2" t="s">
        <v>40940</v>
      </c>
      <c r="K4157" s="5" t="s">
        <v>40939</v>
      </c>
      <c r="L4157" s="2" t="s">
        <v>40940</v>
      </c>
      <c r="M4157" s="5" t="s">
        <v>36266</v>
      </c>
      <c r="N4157" s="5" t="s">
        <v>38</v>
      </c>
      <c r="O4157" s="5" t="s">
        <v>39</v>
      </c>
      <c r="P4157" s="5" t="s">
        <v>40</v>
      </c>
      <c r="Q4157" s="5" t="s">
        <v>1522</v>
      </c>
      <c r="R4157" s="5" t="s">
        <v>1523</v>
      </c>
      <c r="S4157" s="5" t="s">
        <v>42</v>
      </c>
      <c r="T4157" s="2">
        <v>3.61</v>
      </c>
      <c r="U4157" s="2">
        <v>3.0379999999999998</v>
      </c>
      <c r="V4157" s="2">
        <v>1.7999999999999999E-2</v>
      </c>
      <c r="W4157" s="2">
        <v>139.1</v>
      </c>
      <c r="X4157" s="2">
        <v>7.6</v>
      </c>
      <c r="Y4157" s="2">
        <v>16.7</v>
      </c>
      <c r="Z4157" s="5"/>
      <c r="AA4157" s="5" t="s">
        <v>43</v>
      </c>
      <c r="AB4157" s="5" t="s">
        <v>44</v>
      </c>
      <c r="AC4157" s="2"/>
      <c r="AD4157" s="1"/>
    </row>
    <row r="4158" spans="1:30">
      <c r="A4158" s="5" t="s">
        <v>83578</v>
      </c>
      <c r="B4158" s="2" t="s">
        <v>96076</v>
      </c>
      <c r="C4158" s="14" t="s">
        <v>96077</v>
      </c>
      <c r="D4158" s="2" t="s">
        <v>96078</v>
      </c>
      <c r="E4158" s="2" t="s">
        <v>7507</v>
      </c>
      <c r="F4158" s="8">
        <v>329</v>
      </c>
      <c r="G4158" s="5">
        <v>6</v>
      </c>
      <c r="H4158" s="5" t="s">
        <v>1518</v>
      </c>
      <c r="I4158" s="5" t="s">
        <v>40939</v>
      </c>
      <c r="J4158" s="2" t="s">
        <v>40940</v>
      </c>
      <c r="K4158" s="5" t="s">
        <v>40939</v>
      </c>
      <c r="L4158" s="2" t="s">
        <v>40940</v>
      </c>
      <c r="M4158" s="5" t="s">
        <v>36266</v>
      </c>
      <c r="N4158" s="5" t="s">
        <v>38</v>
      </c>
      <c r="O4158" s="5" t="s">
        <v>39</v>
      </c>
      <c r="P4158" s="5" t="s">
        <v>40</v>
      </c>
      <c r="Q4158" s="5" t="s">
        <v>1522</v>
      </c>
      <c r="R4158" s="5" t="s">
        <v>1523</v>
      </c>
      <c r="S4158" s="5" t="s">
        <v>42</v>
      </c>
      <c r="T4158" s="2">
        <v>3.73</v>
      </c>
      <c r="U4158" s="2">
        <v>3.1579999999999999</v>
      </c>
      <c r="V4158" s="2">
        <v>1.7999999999999999E-2</v>
      </c>
      <c r="W4158" s="2">
        <v>139.1</v>
      </c>
      <c r="X4158" s="2">
        <v>7.6</v>
      </c>
      <c r="Y4158" s="2">
        <v>16.7</v>
      </c>
      <c r="Z4158" s="5"/>
      <c r="AA4158" s="5" t="s">
        <v>43</v>
      </c>
      <c r="AB4158" s="5" t="s">
        <v>44</v>
      </c>
      <c r="AC4158" s="2"/>
      <c r="AD4158" s="1"/>
    </row>
    <row r="4159" spans="1:30">
      <c r="A4159" s="5" t="s">
        <v>83578</v>
      </c>
      <c r="B4159" s="2" t="s">
        <v>96079</v>
      </c>
      <c r="C4159" s="14" t="s">
        <v>96080</v>
      </c>
      <c r="D4159" s="2" t="s">
        <v>96081</v>
      </c>
      <c r="E4159" s="2" t="s">
        <v>41023</v>
      </c>
      <c r="F4159" s="8">
        <v>359</v>
      </c>
      <c r="G4159" s="5">
        <v>6</v>
      </c>
      <c r="H4159" s="5" t="s">
        <v>1518</v>
      </c>
      <c r="I4159" s="5" t="s">
        <v>40939</v>
      </c>
      <c r="J4159" s="2" t="s">
        <v>40940</v>
      </c>
      <c r="K4159" s="5" t="s">
        <v>40939</v>
      </c>
      <c r="L4159" s="2" t="s">
        <v>40940</v>
      </c>
      <c r="M4159" s="5" t="s">
        <v>36266</v>
      </c>
      <c r="N4159" s="5" t="s">
        <v>38</v>
      </c>
      <c r="O4159" s="5" t="s">
        <v>39</v>
      </c>
      <c r="P4159" s="5" t="s">
        <v>40</v>
      </c>
      <c r="Q4159" s="5" t="s">
        <v>1522</v>
      </c>
      <c r="R4159" s="5" t="s">
        <v>1523</v>
      </c>
      <c r="S4159" s="5" t="s">
        <v>42</v>
      </c>
      <c r="T4159" s="2">
        <v>3.53</v>
      </c>
      <c r="U4159" s="2">
        <v>2.9580000000000002</v>
      </c>
      <c r="V4159" s="2">
        <v>1.7999999999999999E-2</v>
      </c>
      <c r="W4159" s="2">
        <v>139.1</v>
      </c>
      <c r="X4159" s="2">
        <v>7.6</v>
      </c>
      <c r="Y4159" s="2">
        <v>16.7</v>
      </c>
      <c r="Z4159" s="5"/>
      <c r="AA4159" s="5" t="s">
        <v>43</v>
      </c>
      <c r="AB4159" s="5" t="s">
        <v>44</v>
      </c>
      <c r="AC4159" s="2"/>
      <c r="AD4159" s="1"/>
    </row>
    <row r="4160" spans="1:30">
      <c r="A4160" s="5" t="s">
        <v>83578</v>
      </c>
      <c r="B4160" s="2" t="s">
        <v>96082</v>
      </c>
      <c r="C4160" s="14" t="s">
        <v>96083</v>
      </c>
      <c r="D4160" s="2" t="s">
        <v>96084</v>
      </c>
      <c r="E4160" s="2" t="s">
        <v>41027</v>
      </c>
      <c r="F4160" s="8">
        <v>359</v>
      </c>
      <c r="G4160" s="5">
        <v>6</v>
      </c>
      <c r="H4160" s="5" t="s">
        <v>1518</v>
      </c>
      <c r="I4160" s="5" t="s">
        <v>40939</v>
      </c>
      <c r="J4160" s="2" t="s">
        <v>40940</v>
      </c>
      <c r="K4160" s="5" t="s">
        <v>40939</v>
      </c>
      <c r="L4160" s="2" t="s">
        <v>40940</v>
      </c>
      <c r="M4160" s="5" t="s">
        <v>36266</v>
      </c>
      <c r="N4160" s="5" t="s">
        <v>38</v>
      </c>
      <c r="O4160" s="5" t="s">
        <v>39</v>
      </c>
      <c r="P4160" s="5" t="s">
        <v>40</v>
      </c>
      <c r="Q4160" s="5" t="s">
        <v>1522</v>
      </c>
      <c r="R4160" s="5" t="s">
        <v>1523</v>
      </c>
      <c r="S4160" s="5" t="s">
        <v>42</v>
      </c>
      <c r="T4160" s="2">
        <v>3.65</v>
      </c>
      <c r="U4160" s="2">
        <v>3.0779999999999998</v>
      </c>
      <c r="V4160" s="2">
        <v>1.7999999999999999E-2</v>
      </c>
      <c r="W4160" s="2">
        <v>139.1</v>
      </c>
      <c r="X4160" s="2">
        <v>7.6</v>
      </c>
      <c r="Y4160" s="2">
        <v>16.7</v>
      </c>
      <c r="Z4160" s="5"/>
      <c r="AA4160" s="5" t="s">
        <v>43</v>
      </c>
      <c r="AB4160" s="5" t="s">
        <v>44</v>
      </c>
      <c r="AC4160" s="2"/>
      <c r="AD4160" s="1"/>
    </row>
    <row r="4161" spans="1:30">
      <c r="A4161" s="5" t="s">
        <v>83578</v>
      </c>
      <c r="B4161" s="2" t="s">
        <v>96085</v>
      </c>
      <c r="C4161" s="14" t="s">
        <v>96086</v>
      </c>
      <c r="D4161" s="2" t="s">
        <v>96087</v>
      </c>
      <c r="E4161" s="2" t="s">
        <v>41031</v>
      </c>
      <c r="F4161" s="8">
        <v>359</v>
      </c>
      <c r="G4161" s="5">
        <v>6</v>
      </c>
      <c r="H4161" s="5" t="s">
        <v>1518</v>
      </c>
      <c r="I4161" s="5" t="s">
        <v>40939</v>
      </c>
      <c r="J4161" s="2" t="s">
        <v>40940</v>
      </c>
      <c r="K4161" s="5" t="s">
        <v>40939</v>
      </c>
      <c r="L4161" s="2" t="s">
        <v>40940</v>
      </c>
      <c r="M4161" s="5" t="s">
        <v>36266</v>
      </c>
      <c r="N4161" s="5" t="s">
        <v>38</v>
      </c>
      <c r="O4161" s="5" t="s">
        <v>39</v>
      </c>
      <c r="P4161" s="5" t="s">
        <v>40</v>
      </c>
      <c r="Q4161" s="5" t="s">
        <v>1522</v>
      </c>
      <c r="R4161" s="5" t="s">
        <v>1523</v>
      </c>
      <c r="S4161" s="5" t="s">
        <v>42</v>
      </c>
      <c r="T4161" s="2">
        <v>3.53</v>
      </c>
      <c r="U4161" s="2">
        <v>2.9580000000000002</v>
      </c>
      <c r="V4161" s="2">
        <v>1.7999999999999999E-2</v>
      </c>
      <c r="W4161" s="2">
        <v>139.1</v>
      </c>
      <c r="X4161" s="2">
        <v>7.6</v>
      </c>
      <c r="Y4161" s="2">
        <v>16.7</v>
      </c>
      <c r="Z4161" s="5"/>
      <c r="AA4161" s="5" t="s">
        <v>43</v>
      </c>
      <c r="AB4161" s="5" t="s">
        <v>44</v>
      </c>
      <c r="AC4161" s="2"/>
      <c r="AD4161" s="1"/>
    </row>
    <row r="4162" spans="1:30">
      <c r="A4162" s="5" t="s">
        <v>83578</v>
      </c>
      <c r="B4162" s="2" t="s">
        <v>96088</v>
      </c>
      <c r="C4162" s="14" t="s">
        <v>96089</v>
      </c>
      <c r="D4162" s="2" t="s">
        <v>96090</v>
      </c>
      <c r="E4162" s="2" t="s">
        <v>41035</v>
      </c>
      <c r="F4162" s="8">
        <v>359</v>
      </c>
      <c r="G4162" s="5">
        <v>6</v>
      </c>
      <c r="H4162" s="5" t="s">
        <v>1518</v>
      </c>
      <c r="I4162" s="5" t="s">
        <v>40939</v>
      </c>
      <c r="J4162" s="2" t="s">
        <v>40940</v>
      </c>
      <c r="K4162" s="5" t="s">
        <v>40939</v>
      </c>
      <c r="L4162" s="2" t="s">
        <v>40940</v>
      </c>
      <c r="M4162" s="5" t="s">
        <v>36266</v>
      </c>
      <c r="N4162" s="5" t="s">
        <v>38</v>
      </c>
      <c r="O4162" s="5" t="s">
        <v>39</v>
      </c>
      <c r="P4162" s="5" t="s">
        <v>40</v>
      </c>
      <c r="Q4162" s="5" t="s">
        <v>1522</v>
      </c>
      <c r="R4162" s="5" t="s">
        <v>1523</v>
      </c>
      <c r="S4162" s="5" t="s">
        <v>42</v>
      </c>
      <c r="T4162" s="2">
        <v>3.65</v>
      </c>
      <c r="U4162" s="2">
        <v>3.0779999999999998</v>
      </c>
      <c r="V4162" s="2">
        <v>1.7999999999999999E-2</v>
      </c>
      <c r="W4162" s="2">
        <v>139.1</v>
      </c>
      <c r="X4162" s="2">
        <v>7.6</v>
      </c>
      <c r="Y4162" s="2">
        <v>16.7</v>
      </c>
      <c r="Z4162" s="5"/>
      <c r="AA4162" s="5" t="s">
        <v>43</v>
      </c>
      <c r="AB4162" s="5" t="s">
        <v>44</v>
      </c>
      <c r="AC4162" s="2"/>
      <c r="AD4162" s="1"/>
    </row>
    <row r="4163" spans="1:30">
      <c r="A4163" s="5" t="s">
        <v>83578</v>
      </c>
      <c r="B4163" s="2" t="s">
        <v>96091</v>
      </c>
      <c r="C4163" s="14" t="s">
        <v>96092</v>
      </c>
      <c r="D4163" s="2" t="s">
        <v>96093</v>
      </c>
      <c r="E4163" s="2" t="s">
        <v>7449</v>
      </c>
      <c r="F4163" s="8">
        <v>359</v>
      </c>
      <c r="G4163" s="5">
        <v>6</v>
      </c>
      <c r="H4163" s="5" t="s">
        <v>1518</v>
      </c>
      <c r="I4163" s="5" t="s">
        <v>40939</v>
      </c>
      <c r="J4163" s="2" t="s">
        <v>40940</v>
      </c>
      <c r="K4163" s="5" t="s">
        <v>40939</v>
      </c>
      <c r="L4163" s="2" t="s">
        <v>40940</v>
      </c>
      <c r="M4163" s="5" t="s">
        <v>36266</v>
      </c>
      <c r="N4163" s="5" t="s">
        <v>38</v>
      </c>
      <c r="O4163" s="5" t="s">
        <v>39</v>
      </c>
      <c r="P4163" s="5" t="s">
        <v>40</v>
      </c>
      <c r="Q4163" s="5" t="s">
        <v>1522</v>
      </c>
      <c r="R4163" s="5" t="s">
        <v>1523</v>
      </c>
      <c r="S4163" s="5" t="s">
        <v>42</v>
      </c>
      <c r="T4163" s="2">
        <v>3.53</v>
      </c>
      <c r="U4163" s="2">
        <v>2.9580000000000002</v>
      </c>
      <c r="V4163" s="2">
        <v>1.7999999999999999E-2</v>
      </c>
      <c r="W4163" s="2">
        <v>139.1</v>
      </c>
      <c r="X4163" s="2">
        <v>7.6</v>
      </c>
      <c r="Y4163" s="2">
        <v>16.7</v>
      </c>
      <c r="Z4163" s="5"/>
      <c r="AA4163" s="5" t="s">
        <v>43</v>
      </c>
      <c r="AB4163" s="5" t="s">
        <v>44</v>
      </c>
      <c r="AC4163" s="2"/>
      <c r="AD4163" s="1"/>
    </row>
    <row r="4164" spans="1:30">
      <c r="A4164" s="5" t="s">
        <v>83578</v>
      </c>
      <c r="B4164" s="2" t="s">
        <v>96094</v>
      </c>
      <c r="C4164" s="14" t="s">
        <v>96095</v>
      </c>
      <c r="D4164" s="2" t="s">
        <v>96096</v>
      </c>
      <c r="E4164" s="2" t="s">
        <v>7581</v>
      </c>
      <c r="F4164" s="8">
        <v>359</v>
      </c>
      <c r="G4164" s="5">
        <v>6</v>
      </c>
      <c r="H4164" s="5" t="s">
        <v>1518</v>
      </c>
      <c r="I4164" s="5" t="s">
        <v>40939</v>
      </c>
      <c r="J4164" s="2" t="s">
        <v>40940</v>
      </c>
      <c r="K4164" s="5" t="s">
        <v>40939</v>
      </c>
      <c r="L4164" s="2" t="s">
        <v>40940</v>
      </c>
      <c r="M4164" s="5" t="s">
        <v>36266</v>
      </c>
      <c r="N4164" s="5" t="s">
        <v>38</v>
      </c>
      <c r="O4164" s="5" t="s">
        <v>39</v>
      </c>
      <c r="P4164" s="5" t="s">
        <v>40</v>
      </c>
      <c r="Q4164" s="5" t="s">
        <v>1522</v>
      </c>
      <c r="R4164" s="5" t="s">
        <v>1523</v>
      </c>
      <c r="S4164" s="5" t="s">
        <v>42</v>
      </c>
      <c r="T4164" s="2">
        <v>3.65</v>
      </c>
      <c r="U4164" s="2">
        <v>3.0779999999999998</v>
      </c>
      <c r="V4164" s="2">
        <v>1.7999999999999999E-2</v>
      </c>
      <c r="W4164" s="2">
        <v>139.1</v>
      </c>
      <c r="X4164" s="2">
        <v>7.6</v>
      </c>
      <c r="Y4164" s="2">
        <v>16.7</v>
      </c>
      <c r="Z4164" s="5"/>
      <c r="AA4164" s="5" t="s">
        <v>43</v>
      </c>
      <c r="AB4164" s="5" t="s">
        <v>44</v>
      </c>
      <c r="AC4164" s="2"/>
      <c r="AD4164" s="1"/>
    </row>
    <row r="4165" spans="1:30">
      <c r="A4165" s="5" t="s">
        <v>83578</v>
      </c>
      <c r="B4165" s="2" t="s">
        <v>96097</v>
      </c>
      <c r="C4165" s="14" t="s">
        <v>96098</v>
      </c>
      <c r="D4165" s="2" t="s">
        <v>96099</v>
      </c>
      <c r="E4165" s="2" t="s">
        <v>41045</v>
      </c>
      <c r="F4165" s="8">
        <v>359</v>
      </c>
      <c r="G4165" s="5">
        <v>6</v>
      </c>
      <c r="H4165" s="5" t="s">
        <v>1518</v>
      </c>
      <c r="I4165" s="5" t="s">
        <v>40939</v>
      </c>
      <c r="J4165" s="2" t="s">
        <v>40940</v>
      </c>
      <c r="K4165" s="5" t="s">
        <v>40939</v>
      </c>
      <c r="L4165" s="2" t="s">
        <v>40940</v>
      </c>
      <c r="M4165" s="5" t="s">
        <v>36266</v>
      </c>
      <c r="N4165" s="5" t="s">
        <v>38</v>
      </c>
      <c r="O4165" s="5" t="s">
        <v>39</v>
      </c>
      <c r="P4165" s="5" t="s">
        <v>40</v>
      </c>
      <c r="Q4165" s="5" t="s">
        <v>1522</v>
      </c>
      <c r="R4165" s="5" t="s">
        <v>1523</v>
      </c>
      <c r="S4165" s="5" t="s">
        <v>42</v>
      </c>
      <c r="T4165" s="2">
        <v>3.625</v>
      </c>
      <c r="U4165" s="2">
        <v>3.0529999999999999</v>
      </c>
      <c r="V4165" s="2">
        <v>1.7999999999999999E-2</v>
      </c>
      <c r="W4165" s="2">
        <v>139.1</v>
      </c>
      <c r="X4165" s="2">
        <v>7.6</v>
      </c>
      <c r="Y4165" s="2">
        <v>16.7</v>
      </c>
      <c r="Z4165" s="5"/>
      <c r="AA4165" s="5" t="s">
        <v>43</v>
      </c>
      <c r="AB4165" s="5" t="s">
        <v>44</v>
      </c>
      <c r="AC4165" s="2"/>
      <c r="AD4165" s="1"/>
    </row>
    <row r="4166" spans="1:30">
      <c r="A4166" s="5" t="s">
        <v>83578</v>
      </c>
      <c r="B4166" s="2" t="s">
        <v>96100</v>
      </c>
      <c r="C4166" s="14" t="s">
        <v>96101</v>
      </c>
      <c r="D4166" s="2" t="s">
        <v>96102</v>
      </c>
      <c r="E4166" s="2" t="s">
        <v>41049</v>
      </c>
      <c r="F4166" s="8">
        <v>359</v>
      </c>
      <c r="G4166" s="5">
        <v>6</v>
      </c>
      <c r="H4166" s="5" t="s">
        <v>1518</v>
      </c>
      <c r="I4166" s="5" t="s">
        <v>40939</v>
      </c>
      <c r="J4166" s="2" t="s">
        <v>40940</v>
      </c>
      <c r="K4166" s="5" t="s">
        <v>40939</v>
      </c>
      <c r="L4166" s="2" t="s">
        <v>40940</v>
      </c>
      <c r="M4166" s="5" t="s">
        <v>36266</v>
      </c>
      <c r="N4166" s="5" t="s">
        <v>38</v>
      </c>
      <c r="O4166" s="5" t="s">
        <v>39</v>
      </c>
      <c r="P4166" s="5" t="s">
        <v>40</v>
      </c>
      <c r="Q4166" s="5" t="s">
        <v>1522</v>
      </c>
      <c r="R4166" s="5" t="s">
        <v>1523</v>
      </c>
      <c r="S4166" s="5" t="s">
        <v>42</v>
      </c>
      <c r="T4166" s="2">
        <v>3.7450000000000001</v>
      </c>
      <c r="U4166" s="2">
        <v>3.173</v>
      </c>
      <c r="V4166" s="2">
        <v>1.7999999999999999E-2</v>
      </c>
      <c r="W4166" s="2">
        <v>139.1</v>
      </c>
      <c r="X4166" s="2">
        <v>7.6</v>
      </c>
      <c r="Y4166" s="2">
        <v>16.7</v>
      </c>
      <c r="Z4166" s="5"/>
      <c r="AA4166" s="5" t="s">
        <v>43</v>
      </c>
      <c r="AB4166" s="5" t="s">
        <v>44</v>
      </c>
      <c r="AC4166" s="2"/>
      <c r="AD4166" s="1"/>
    </row>
    <row r="4167" spans="1:30">
      <c r="A4167" s="5" t="s">
        <v>83578</v>
      </c>
      <c r="B4167" s="2" t="s">
        <v>96103</v>
      </c>
      <c r="C4167" s="14" t="s">
        <v>96104</v>
      </c>
      <c r="D4167" s="2" t="s">
        <v>96105</v>
      </c>
      <c r="E4167" s="2" t="s">
        <v>47226</v>
      </c>
      <c r="F4167" s="8">
        <v>322</v>
      </c>
      <c r="G4167" s="5">
        <v>6</v>
      </c>
      <c r="H4167" s="5" t="s">
        <v>1518</v>
      </c>
      <c r="I4167" s="5" t="s">
        <v>40939</v>
      </c>
      <c r="J4167" s="2" t="s">
        <v>40940</v>
      </c>
      <c r="K4167" s="5" t="s">
        <v>40939</v>
      </c>
      <c r="L4167" s="2" t="s">
        <v>40940</v>
      </c>
      <c r="M4167" s="5" t="s">
        <v>36266</v>
      </c>
      <c r="N4167" s="5" t="s">
        <v>38</v>
      </c>
      <c r="O4167" s="5" t="s">
        <v>39</v>
      </c>
      <c r="P4167" s="5" t="s">
        <v>40</v>
      </c>
      <c r="Q4167" s="5" t="s">
        <v>1522</v>
      </c>
      <c r="R4167" s="5" t="s">
        <v>1523</v>
      </c>
      <c r="S4167" s="5" t="s">
        <v>42</v>
      </c>
      <c r="T4167" s="2">
        <v>3.2970000000000002</v>
      </c>
      <c r="U4167" s="2">
        <v>2.71</v>
      </c>
      <c r="V4167" s="2">
        <v>1.7999999999999999E-2</v>
      </c>
      <c r="W4167" s="2">
        <v>139.1</v>
      </c>
      <c r="X4167" s="2">
        <v>7.6</v>
      </c>
      <c r="Y4167" s="2">
        <v>16.7</v>
      </c>
      <c r="Z4167" s="5"/>
      <c r="AA4167" s="5" t="s">
        <v>43</v>
      </c>
      <c r="AB4167" s="5" t="s">
        <v>44</v>
      </c>
      <c r="AC4167" s="2"/>
      <c r="AD4167" s="1"/>
    </row>
    <row r="4168" spans="1:30">
      <c r="A4168" s="5" t="s">
        <v>83578</v>
      </c>
      <c r="B4168" s="2" t="s">
        <v>96106</v>
      </c>
      <c r="C4168" s="14" t="s">
        <v>96107</v>
      </c>
      <c r="D4168" s="2" t="s">
        <v>96108</v>
      </c>
      <c r="E4168" s="2" t="s">
        <v>47735</v>
      </c>
      <c r="F4168" s="8">
        <v>322</v>
      </c>
      <c r="G4168" s="5">
        <v>6</v>
      </c>
      <c r="H4168" s="5" t="s">
        <v>1518</v>
      </c>
      <c r="I4168" s="5" t="s">
        <v>40939</v>
      </c>
      <c r="J4168" s="2" t="s">
        <v>40940</v>
      </c>
      <c r="K4168" s="5" t="s">
        <v>40939</v>
      </c>
      <c r="L4168" s="2" t="s">
        <v>40940</v>
      </c>
      <c r="M4168" s="5" t="s">
        <v>36266</v>
      </c>
      <c r="N4168" s="5" t="s">
        <v>38</v>
      </c>
      <c r="O4168" s="5" t="s">
        <v>39</v>
      </c>
      <c r="P4168" s="5" t="s">
        <v>40</v>
      </c>
      <c r="Q4168" s="5" t="s">
        <v>1522</v>
      </c>
      <c r="R4168" s="5" t="s">
        <v>1523</v>
      </c>
      <c r="S4168" s="5" t="s">
        <v>42</v>
      </c>
      <c r="T4168" s="2">
        <v>3.3969999999999998</v>
      </c>
      <c r="U4168" s="2">
        <v>2.81</v>
      </c>
      <c r="V4168" s="2">
        <v>1.7999999999999999E-2</v>
      </c>
      <c r="W4168" s="2">
        <v>139.1</v>
      </c>
      <c r="X4168" s="2">
        <v>7.6</v>
      </c>
      <c r="Y4168" s="2">
        <v>16.7</v>
      </c>
      <c r="Z4168" s="5"/>
      <c r="AA4168" s="5" t="s">
        <v>43</v>
      </c>
      <c r="AB4168" s="5" t="s">
        <v>44</v>
      </c>
      <c r="AC4168" s="2"/>
      <c r="AD4168" s="1"/>
    </row>
    <row r="4169" spans="1:30">
      <c r="A4169" s="5" t="s">
        <v>83578</v>
      </c>
      <c r="B4169" s="2" t="s">
        <v>96109</v>
      </c>
      <c r="C4169" s="14" t="s">
        <v>96110</v>
      </c>
      <c r="D4169" s="2" t="s">
        <v>96111</v>
      </c>
      <c r="E4169" s="2" t="s">
        <v>7543</v>
      </c>
      <c r="F4169" s="8">
        <v>322</v>
      </c>
      <c r="G4169" s="5">
        <v>6</v>
      </c>
      <c r="H4169" s="5" t="s">
        <v>1518</v>
      </c>
      <c r="I4169" s="5" t="s">
        <v>40939</v>
      </c>
      <c r="J4169" s="2" t="s">
        <v>40940</v>
      </c>
      <c r="K4169" s="5" t="s">
        <v>40939</v>
      </c>
      <c r="L4169" s="2" t="s">
        <v>40940</v>
      </c>
      <c r="M4169" s="5" t="s">
        <v>36266</v>
      </c>
      <c r="N4169" s="5" t="s">
        <v>38</v>
      </c>
      <c r="O4169" s="5" t="s">
        <v>39</v>
      </c>
      <c r="P4169" s="5" t="s">
        <v>40</v>
      </c>
      <c r="Q4169" s="5" t="s">
        <v>1522</v>
      </c>
      <c r="R4169" s="5" t="s">
        <v>1523</v>
      </c>
      <c r="S4169" s="5" t="s">
        <v>42</v>
      </c>
      <c r="T4169" s="2">
        <v>3.3359999999999999</v>
      </c>
      <c r="U4169" s="2">
        <v>2.7490000000000001</v>
      </c>
      <c r="V4169" s="2">
        <v>1.7999999999999999E-2</v>
      </c>
      <c r="W4169" s="2">
        <v>139.1</v>
      </c>
      <c r="X4169" s="2">
        <v>7.6</v>
      </c>
      <c r="Y4169" s="2">
        <v>16.7</v>
      </c>
      <c r="Z4169" s="5"/>
      <c r="AA4169" s="5" t="s">
        <v>43</v>
      </c>
      <c r="AB4169" s="5" t="s">
        <v>44</v>
      </c>
      <c r="AC4169" s="2"/>
      <c r="AD4169" s="1"/>
    </row>
    <row r="4170" spans="1:30">
      <c r="A4170" s="5" t="s">
        <v>83578</v>
      </c>
      <c r="B4170" s="2" t="s">
        <v>96112</v>
      </c>
      <c r="C4170" s="14" t="s">
        <v>96113</v>
      </c>
      <c r="D4170" s="2" t="s">
        <v>96114</v>
      </c>
      <c r="E4170" s="2" t="s">
        <v>41005</v>
      </c>
      <c r="F4170" s="8">
        <v>322</v>
      </c>
      <c r="G4170" s="5">
        <v>6</v>
      </c>
      <c r="H4170" s="5" t="s">
        <v>1518</v>
      </c>
      <c r="I4170" s="5" t="s">
        <v>40939</v>
      </c>
      <c r="J4170" s="2" t="s">
        <v>40940</v>
      </c>
      <c r="K4170" s="5" t="s">
        <v>40939</v>
      </c>
      <c r="L4170" s="2" t="s">
        <v>40940</v>
      </c>
      <c r="M4170" s="5" t="s">
        <v>36266</v>
      </c>
      <c r="N4170" s="5" t="s">
        <v>38</v>
      </c>
      <c r="O4170" s="5" t="s">
        <v>39</v>
      </c>
      <c r="P4170" s="5" t="s">
        <v>40</v>
      </c>
      <c r="Q4170" s="5" t="s">
        <v>1522</v>
      </c>
      <c r="R4170" s="5" t="s">
        <v>1523</v>
      </c>
      <c r="S4170" s="5" t="s">
        <v>42</v>
      </c>
      <c r="T4170" s="2">
        <v>3.3969999999999998</v>
      </c>
      <c r="U4170" s="2">
        <v>2.81</v>
      </c>
      <c r="V4170" s="2">
        <v>1.7999999999999999E-2</v>
      </c>
      <c r="W4170" s="2">
        <v>139.1</v>
      </c>
      <c r="X4170" s="2">
        <v>7.6</v>
      </c>
      <c r="Y4170" s="2">
        <v>16.7</v>
      </c>
      <c r="Z4170" s="5"/>
      <c r="AA4170" s="5" t="s">
        <v>43</v>
      </c>
      <c r="AB4170" s="5" t="s">
        <v>44</v>
      </c>
      <c r="AC4170" s="2"/>
      <c r="AD4170" s="1"/>
    </row>
    <row r="4171" spans="1:30">
      <c r="A4171" s="5" t="s">
        <v>83578</v>
      </c>
      <c r="B4171" s="2" t="s">
        <v>96115</v>
      </c>
      <c r="C4171" s="14" t="s">
        <v>96116</v>
      </c>
      <c r="D4171" s="2" t="s">
        <v>96117</v>
      </c>
      <c r="E4171" s="2" t="s">
        <v>41013</v>
      </c>
      <c r="F4171" s="8">
        <v>322</v>
      </c>
      <c r="G4171" s="5">
        <v>6</v>
      </c>
      <c r="H4171" s="5" t="s">
        <v>1518</v>
      </c>
      <c r="I4171" s="5" t="s">
        <v>40939</v>
      </c>
      <c r="J4171" s="2" t="s">
        <v>40940</v>
      </c>
      <c r="K4171" s="5" t="s">
        <v>40939</v>
      </c>
      <c r="L4171" s="2" t="s">
        <v>40940</v>
      </c>
      <c r="M4171" s="5" t="s">
        <v>36266</v>
      </c>
      <c r="N4171" s="5" t="s">
        <v>38</v>
      </c>
      <c r="O4171" s="5" t="s">
        <v>39</v>
      </c>
      <c r="P4171" s="5" t="s">
        <v>40</v>
      </c>
      <c r="Q4171" s="5" t="s">
        <v>1522</v>
      </c>
      <c r="R4171" s="5" t="s">
        <v>1523</v>
      </c>
      <c r="S4171" s="5" t="s">
        <v>42</v>
      </c>
      <c r="T4171" s="2">
        <v>3.4089999999999998</v>
      </c>
      <c r="U4171" s="2">
        <v>2.8220000000000001</v>
      </c>
      <c r="V4171" s="2">
        <v>1.7999999999999999E-2</v>
      </c>
      <c r="W4171" s="2">
        <v>139.1</v>
      </c>
      <c r="X4171" s="2">
        <v>7.6</v>
      </c>
      <c r="Y4171" s="2">
        <v>16.7</v>
      </c>
      <c r="Z4171" s="5"/>
      <c r="AA4171" s="5" t="s">
        <v>43</v>
      </c>
      <c r="AB4171" s="5" t="s">
        <v>44</v>
      </c>
      <c r="AC4171" s="2"/>
      <c r="AD4171" s="1"/>
    </row>
    <row r="4172" spans="1:30">
      <c r="A4172" s="5" t="s">
        <v>83578</v>
      </c>
      <c r="B4172" s="2" t="s">
        <v>96118</v>
      </c>
      <c r="C4172" s="14" t="s">
        <v>96119</v>
      </c>
      <c r="D4172" s="2" t="s">
        <v>96120</v>
      </c>
      <c r="E4172" s="2" t="s">
        <v>7449</v>
      </c>
      <c r="F4172" s="8">
        <v>322</v>
      </c>
      <c r="G4172" s="5">
        <v>6</v>
      </c>
      <c r="H4172" s="5" t="s">
        <v>1518</v>
      </c>
      <c r="I4172" s="5" t="s">
        <v>40939</v>
      </c>
      <c r="J4172" s="2" t="s">
        <v>40940</v>
      </c>
      <c r="K4172" s="5" t="s">
        <v>40939</v>
      </c>
      <c r="L4172" s="2" t="s">
        <v>40940</v>
      </c>
      <c r="M4172" s="5" t="s">
        <v>36266</v>
      </c>
      <c r="N4172" s="5" t="s">
        <v>38</v>
      </c>
      <c r="O4172" s="5" t="s">
        <v>39</v>
      </c>
      <c r="P4172" s="5" t="s">
        <v>40</v>
      </c>
      <c r="Q4172" s="5" t="s">
        <v>1522</v>
      </c>
      <c r="R4172" s="5" t="s">
        <v>1523</v>
      </c>
      <c r="S4172" s="5" t="s">
        <v>42</v>
      </c>
      <c r="T4172" s="2">
        <v>3.2480000000000002</v>
      </c>
      <c r="U4172" s="2">
        <v>2.661</v>
      </c>
      <c r="V4172" s="2">
        <v>1.7999999999999999E-2</v>
      </c>
      <c r="W4172" s="2">
        <v>139.1</v>
      </c>
      <c r="X4172" s="2">
        <v>7.6</v>
      </c>
      <c r="Y4172" s="2">
        <v>16.7</v>
      </c>
      <c r="Z4172" s="5"/>
      <c r="AA4172" s="5" t="s">
        <v>43</v>
      </c>
      <c r="AB4172" s="5" t="s">
        <v>44</v>
      </c>
      <c r="AC4172" s="2"/>
      <c r="AD4172" s="1"/>
    </row>
    <row r="4173" spans="1:30">
      <c r="A4173" s="5" t="s">
        <v>83578</v>
      </c>
      <c r="B4173" s="2" t="s">
        <v>96121</v>
      </c>
      <c r="C4173" s="14" t="s">
        <v>96122</v>
      </c>
      <c r="D4173" s="2" t="s">
        <v>96123</v>
      </c>
      <c r="E4173" s="2" t="s">
        <v>47226</v>
      </c>
      <c r="F4173" s="8">
        <v>333</v>
      </c>
      <c r="G4173" s="5">
        <v>6</v>
      </c>
      <c r="H4173" s="5" t="s">
        <v>1518</v>
      </c>
      <c r="I4173" s="5" t="s">
        <v>40939</v>
      </c>
      <c r="J4173" s="2" t="s">
        <v>40940</v>
      </c>
      <c r="K4173" s="5" t="s">
        <v>40939</v>
      </c>
      <c r="L4173" s="2" t="s">
        <v>40940</v>
      </c>
      <c r="M4173" s="5" t="s">
        <v>36266</v>
      </c>
      <c r="N4173" s="5" t="s">
        <v>38</v>
      </c>
      <c r="O4173" s="5" t="s">
        <v>39</v>
      </c>
      <c r="P4173" s="5" t="s">
        <v>40</v>
      </c>
      <c r="Q4173" s="5" t="s">
        <v>1522</v>
      </c>
      <c r="R4173" s="5" t="s">
        <v>1523</v>
      </c>
      <c r="S4173" s="5" t="s">
        <v>42</v>
      </c>
      <c r="T4173" s="2">
        <v>3.47</v>
      </c>
      <c r="U4173" s="2">
        <v>2.8940000000000001</v>
      </c>
      <c r="V4173" s="2">
        <v>1.7999999999999999E-2</v>
      </c>
      <c r="W4173" s="2">
        <v>139.1</v>
      </c>
      <c r="X4173" s="2">
        <v>7.6</v>
      </c>
      <c r="Y4173" s="2">
        <v>16.7</v>
      </c>
      <c r="Z4173" s="5"/>
      <c r="AA4173" s="5" t="s">
        <v>43</v>
      </c>
      <c r="AB4173" s="5" t="s">
        <v>44</v>
      </c>
      <c r="AC4173" s="2"/>
      <c r="AD4173" s="1"/>
    </row>
    <row r="4174" spans="1:30">
      <c r="A4174" s="5" t="s">
        <v>83578</v>
      </c>
      <c r="B4174" s="2" t="s">
        <v>96124</v>
      </c>
      <c r="C4174" s="14" t="s">
        <v>96125</v>
      </c>
      <c r="D4174" s="2" t="s">
        <v>96126</v>
      </c>
      <c r="E4174" s="2" t="s">
        <v>47735</v>
      </c>
      <c r="F4174" s="8">
        <v>333</v>
      </c>
      <c r="G4174" s="5">
        <v>6</v>
      </c>
      <c r="H4174" s="5" t="s">
        <v>1518</v>
      </c>
      <c r="I4174" s="5" t="s">
        <v>40939</v>
      </c>
      <c r="J4174" s="2" t="s">
        <v>40940</v>
      </c>
      <c r="K4174" s="5" t="s">
        <v>40939</v>
      </c>
      <c r="L4174" s="2" t="s">
        <v>40940</v>
      </c>
      <c r="M4174" s="5" t="s">
        <v>36266</v>
      </c>
      <c r="N4174" s="5" t="s">
        <v>38</v>
      </c>
      <c r="O4174" s="5" t="s">
        <v>39</v>
      </c>
      <c r="P4174" s="5" t="s">
        <v>40</v>
      </c>
      <c r="Q4174" s="5" t="s">
        <v>1522</v>
      </c>
      <c r="R4174" s="5" t="s">
        <v>1523</v>
      </c>
      <c r="S4174" s="5" t="s">
        <v>42</v>
      </c>
      <c r="T4174" s="2">
        <v>3.5819999999999999</v>
      </c>
      <c r="U4174" s="2">
        <v>3.0059999999999998</v>
      </c>
      <c r="V4174" s="2">
        <v>1.7999999999999999E-2</v>
      </c>
      <c r="W4174" s="2">
        <v>139.1</v>
      </c>
      <c r="X4174" s="2">
        <v>7.6</v>
      </c>
      <c r="Y4174" s="2">
        <v>16.7</v>
      </c>
      <c r="Z4174" s="5"/>
      <c r="AA4174" s="5" t="s">
        <v>43</v>
      </c>
      <c r="AB4174" s="5" t="s">
        <v>44</v>
      </c>
      <c r="AC4174" s="2"/>
      <c r="AD4174" s="1"/>
    </row>
    <row r="4175" spans="1:30">
      <c r="A4175" s="5" t="s">
        <v>83578</v>
      </c>
      <c r="B4175" s="2" t="s">
        <v>96127</v>
      </c>
      <c r="C4175" s="14" t="s">
        <v>96128</v>
      </c>
      <c r="D4175" s="2" t="s">
        <v>96129</v>
      </c>
      <c r="E4175" s="2" t="s">
        <v>7539</v>
      </c>
      <c r="F4175" s="8">
        <v>333</v>
      </c>
      <c r="G4175" s="5">
        <v>6</v>
      </c>
      <c r="H4175" s="5" t="s">
        <v>1518</v>
      </c>
      <c r="I4175" s="5" t="s">
        <v>40939</v>
      </c>
      <c r="J4175" s="2" t="s">
        <v>40940</v>
      </c>
      <c r="K4175" s="5" t="s">
        <v>40939</v>
      </c>
      <c r="L4175" s="2" t="s">
        <v>40940</v>
      </c>
      <c r="M4175" s="5" t="s">
        <v>36266</v>
      </c>
      <c r="N4175" s="5" t="s">
        <v>38</v>
      </c>
      <c r="O4175" s="5" t="s">
        <v>39</v>
      </c>
      <c r="P4175" s="5" t="s">
        <v>40</v>
      </c>
      <c r="Q4175" s="5" t="s">
        <v>1522</v>
      </c>
      <c r="R4175" s="5" t="s">
        <v>1523</v>
      </c>
      <c r="S4175" s="5" t="s">
        <v>42</v>
      </c>
      <c r="T4175" s="2">
        <v>3.3980000000000001</v>
      </c>
      <c r="U4175" s="2">
        <v>2.8220000000000001</v>
      </c>
      <c r="V4175" s="2">
        <v>1.7999999999999999E-2</v>
      </c>
      <c r="W4175" s="2">
        <v>139.1</v>
      </c>
      <c r="X4175" s="2">
        <v>7.6</v>
      </c>
      <c r="Y4175" s="2">
        <v>16.7</v>
      </c>
      <c r="Z4175" s="5"/>
      <c r="AA4175" s="5" t="s">
        <v>43</v>
      </c>
      <c r="AB4175" s="5" t="s">
        <v>44</v>
      </c>
      <c r="AC4175" s="2"/>
      <c r="AD4175" s="1"/>
    </row>
    <row r="4176" spans="1:30">
      <c r="A4176" s="5" t="s">
        <v>83578</v>
      </c>
      <c r="B4176" s="2" t="s">
        <v>96130</v>
      </c>
      <c r="C4176" s="14" t="s">
        <v>96131</v>
      </c>
      <c r="D4176" s="2" t="s">
        <v>96132</v>
      </c>
      <c r="E4176" s="2" t="s">
        <v>7543</v>
      </c>
      <c r="F4176" s="8">
        <v>333</v>
      </c>
      <c r="G4176" s="5">
        <v>6</v>
      </c>
      <c r="H4176" s="5" t="s">
        <v>1518</v>
      </c>
      <c r="I4176" s="5" t="s">
        <v>40939</v>
      </c>
      <c r="J4176" s="2" t="s">
        <v>40940</v>
      </c>
      <c r="K4176" s="5" t="s">
        <v>40939</v>
      </c>
      <c r="L4176" s="2" t="s">
        <v>40940</v>
      </c>
      <c r="M4176" s="5" t="s">
        <v>36266</v>
      </c>
      <c r="N4176" s="5" t="s">
        <v>38</v>
      </c>
      <c r="O4176" s="5" t="s">
        <v>39</v>
      </c>
      <c r="P4176" s="5" t="s">
        <v>40</v>
      </c>
      <c r="Q4176" s="5" t="s">
        <v>1522</v>
      </c>
      <c r="R4176" s="5" t="s">
        <v>1523</v>
      </c>
      <c r="S4176" s="5" t="s">
        <v>42</v>
      </c>
      <c r="T4176" s="2">
        <v>3.51</v>
      </c>
      <c r="U4176" s="2">
        <v>2.9340000000000002</v>
      </c>
      <c r="V4176" s="2">
        <v>1.7999999999999999E-2</v>
      </c>
      <c r="W4176" s="2">
        <v>139.1</v>
      </c>
      <c r="X4176" s="2">
        <v>7.6</v>
      </c>
      <c r="Y4176" s="2">
        <v>16.7</v>
      </c>
      <c r="Z4176" s="5"/>
      <c r="AA4176" s="5" t="s">
        <v>43</v>
      </c>
      <c r="AB4176" s="5" t="s">
        <v>44</v>
      </c>
      <c r="AC4176" s="2"/>
      <c r="AD4176" s="1"/>
    </row>
    <row r="4177" spans="1:30">
      <c r="A4177" s="5" t="s">
        <v>83578</v>
      </c>
      <c r="B4177" s="2" t="s">
        <v>96133</v>
      </c>
      <c r="C4177" s="14" t="s">
        <v>96134</v>
      </c>
      <c r="D4177" s="2" t="s">
        <v>96135</v>
      </c>
      <c r="E4177" s="2" t="s">
        <v>40997</v>
      </c>
      <c r="F4177" s="8">
        <v>333</v>
      </c>
      <c r="G4177" s="5">
        <v>6</v>
      </c>
      <c r="H4177" s="5" t="s">
        <v>1518</v>
      </c>
      <c r="I4177" s="5" t="s">
        <v>40939</v>
      </c>
      <c r="J4177" s="2" t="s">
        <v>40940</v>
      </c>
      <c r="K4177" s="5" t="s">
        <v>40939</v>
      </c>
      <c r="L4177" s="2" t="s">
        <v>40940</v>
      </c>
      <c r="M4177" s="5" t="s">
        <v>36266</v>
      </c>
      <c r="N4177" s="5" t="s">
        <v>38</v>
      </c>
      <c r="O4177" s="5" t="s">
        <v>39</v>
      </c>
      <c r="P4177" s="5" t="s">
        <v>40</v>
      </c>
      <c r="Q4177" s="5" t="s">
        <v>1522</v>
      </c>
      <c r="R4177" s="5" t="s">
        <v>1523</v>
      </c>
      <c r="S4177" s="5" t="s">
        <v>42</v>
      </c>
      <c r="T4177" s="2">
        <v>3.4119999999999999</v>
      </c>
      <c r="U4177" s="2">
        <v>2.8359999999999999</v>
      </c>
      <c r="V4177" s="2">
        <v>1.7999999999999999E-2</v>
      </c>
      <c r="W4177" s="2">
        <v>139.1</v>
      </c>
      <c r="X4177" s="2">
        <v>7.6</v>
      </c>
      <c r="Y4177" s="2">
        <v>16.7</v>
      </c>
      <c r="Z4177" s="5"/>
      <c r="AA4177" s="5" t="s">
        <v>43</v>
      </c>
      <c r="AB4177" s="5" t="s">
        <v>44</v>
      </c>
      <c r="AC4177" s="2"/>
      <c r="AD4177" s="1"/>
    </row>
    <row r="4178" spans="1:30">
      <c r="A4178" s="5" t="s">
        <v>83578</v>
      </c>
      <c r="B4178" s="2" t="s">
        <v>96136</v>
      </c>
      <c r="C4178" s="14" t="s">
        <v>96137</v>
      </c>
      <c r="D4178" s="2" t="s">
        <v>96138</v>
      </c>
      <c r="E4178" s="2" t="s">
        <v>41267</v>
      </c>
      <c r="F4178" s="8">
        <v>333</v>
      </c>
      <c r="G4178" s="5">
        <v>6</v>
      </c>
      <c r="H4178" s="5" t="s">
        <v>1518</v>
      </c>
      <c r="I4178" s="5" t="s">
        <v>40939</v>
      </c>
      <c r="J4178" s="2" t="s">
        <v>40940</v>
      </c>
      <c r="K4178" s="5" t="s">
        <v>40939</v>
      </c>
      <c r="L4178" s="2" t="s">
        <v>40940</v>
      </c>
      <c r="M4178" s="5" t="s">
        <v>36266</v>
      </c>
      <c r="N4178" s="5" t="s">
        <v>38</v>
      </c>
      <c r="O4178" s="5" t="s">
        <v>39</v>
      </c>
      <c r="P4178" s="5" t="s">
        <v>40</v>
      </c>
      <c r="Q4178" s="5" t="s">
        <v>1522</v>
      </c>
      <c r="R4178" s="5" t="s">
        <v>1523</v>
      </c>
      <c r="S4178" s="5" t="s">
        <v>42</v>
      </c>
      <c r="T4178" s="2">
        <v>3.524</v>
      </c>
      <c r="U4178" s="2">
        <v>2.948</v>
      </c>
      <c r="V4178" s="2">
        <v>1.7999999999999999E-2</v>
      </c>
      <c r="W4178" s="2">
        <v>139.1</v>
      </c>
      <c r="X4178" s="2">
        <v>7.6</v>
      </c>
      <c r="Y4178" s="2">
        <v>16.7</v>
      </c>
      <c r="Z4178" s="5"/>
      <c r="AA4178" s="5" t="s">
        <v>43</v>
      </c>
      <c r="AB4178" s="5" t="s">
        <v>44</v>
      </c>
      <c r="AC4178" s="2"/>
      <c r="AD4178" s="1"/>
    </row>
    <row r="4179" spans="1:30">
      <c r="A4179" s="5" t="s">
        <v>83578</v>
      </c>
      <c r="B4179" s="2" t="s">
        <v>96139</v>
      </c>
      <c r="C4179" s="14" t="s">
        <v>96140</v>
      </c>
      <c r="D4179" s="2" t="s">
        <v>96141</v>
      </c>
      <c r="E4179" s="2" t="s">
        <v>41001</v>
      </c>
      <c r="F4179" s="8">
        <v>333</v>
      </c>
      <c r="G4179" s="5">
        <v>6</v>
      </c>
      <c r="H4179" s="5" t="s">
        <v>1518</v>
      </c>
      <c r="I4179" s="5" t="s">
        <v>40939</v>
      </c>
      <c r="J4179" s="2" t="s">
        <v>40940</v>
      </c>
      <c r="K4179" s="5" t="s">
        <v>40939</v>
      </c>
      <c r="L4179" s="2" t="s">
        <v>40940</v>
      </c>
      <c r="M4179" s="5" t="s">
        <v>36266</v>
      </c>
      <c r="N4179" s="5" t="s">
        <v>38</v>
      </c>
      <c r="O4179" s="5" t="s">
        <v>39</v>
      </c>
      <c r="P4179" s="5" t="s">
        <v>40</v>
      </c>
      <c r="Q4179" s="5" t="s">
        <v>1522</v>
      </c>
      <c r="R4179" s="5" t="s">
        <v>1523</v>
      </c>
      <c r="S4179" s="5" t="s">
        <v>42</v>
      </c>
      <c r="T4179" s="2">
        <v>3.47</v>
      </c>
      <c r="U4179" s="2">
        <v>2.8940000000000001</v>
      </c>
      <c r="V4179" s="2">
        <v>1.7999999999999999E-2</v>
      </c>
      <c r="W4179" s="2">
        <v>139.1</v>
      </c>
      <c r="X4179" s="2">
        <v>7.6</v>
      </c>
      <c r="Y4179" s="2">
        <v>16.7</v>
      </c>
      <c r="Z4179" s="5"/>
      <c r="AA4179" s="5" t="s">
        <v>43</v>
      </c>
      <c r="AB4179" s="5" t="s">
        <v>44</v>
      </c>
      <c r="AC4179" s="2"/>
      <c r="AD4179" s="1"/>
    </row>
    <row r="4180" spans="1:30">
      <c r="A4180" s="5" t="s">
        <v>83578</v>
      </c>
      <c r="B4180" s="2" t="s">
        <v>96142</v>
      </c>
      <c r="C4180" s="14" t="s">
        <v>96143</v>
      </c>
      <c r="D4180" s="2" t="s">
        <v>96144</v>
      </c>
      <c r="E4180" s="2" t="s">
        <v>41009</v>
      </c>
      <c r="F4180" s="8">
        <v>333</v>
      </c>
      <c r="G4180" s="5">
        <v>6</v>
      </c>
      <c r="H4180" s="5" t="s">
        <v>1518</v>
      </c>
      <c r="I4180" s="5" t="s">
        <v>40939</v>
      </c>
      <c r="J4180" s="2" t="s">
        <v>40940</v>
      </c>
      <c r="K4180" s="5" t="s">
        <v>40939</v>
      </c>
      <c r="L4180" s="2" t="s">
        <v>40940</v>
      </c>
      <c r="M4180" s="5" t="s">
        <v>36266</v>
      </c>
      <c r="N4180" s="5" t="s">
        <v>38</v>
      </c>
      <c r="O4180" s="5" t="s">
        <v>39</v>
      </c>
      <c r="P4180" s="5" t="s">
        <v>40</v>
      </c>
      <c r="Q4180" s="5" t="s">
        <v>1522</v>
      </c>
      <c r="R4180" s="5" t="s">
        <v>1523</v>
      </c>
      <c r="S4180" s="5" t="s">
        <v>42</v>
      </c>
      <c r="T4180" s="2">
        <v>3.484</v>
      </c>
      <c r="U4180" s="2">
        <v>2.9079999999999999</v>
      </c>
      <c r="V4180" s="2">
        <v>1.7999999999999999E-2</v>
      </c>
      <c r="W4180" s="2">
        <v>139.1</v>
      </c>
      <c r="X4180" s="2">
        <v>7.6</v>
      </c>
      <c r="Y4180" s="2">
        <v>16.7</v>
      </c>
      <c r="Z4180" s="5"/>
      <c r="AA4180" s="5" t="s">
        <v>43</v>
      </c>
      <c r="AB4180" s="5" t="s">
        <v>44</v>
      </c>
      <c r="AC4180" s="2"/>
      <c r="AD4180" s="1"/>
    </row>
    <row r="4181" spans="1:30">
      <c r="A4181" s="5" t="s">
        <v>83578</v>
      </c>
      <c r="B4181" s="2" t="s">
        <v>96145</v>
      </c>
      <c r="C4181" s="14" t="s">
        <v>96146</v>
      </c>
      <c r="D4181" s="2" t="s">
        <v>96147</v>
      </c>
      <c r="E4181" s="2" t="s">
        <v>7449</v>
      </c>
      <c r="F4181" s="8">
        <v>333</v>
      </c>
      <c r="G4181" s="5">
        <v>6</v>
      </c>
      <c r="H4181" s="5" t="s">
        <v>1518</v>
      </c>
      <c r="I4181" s="5" t="s">
        <v>40939</v>
      </c>
      <c r="J4181" s="2" t="s">
        <v>40940</v>
      </c>
      <c r="K4181" s="5" t="s">
        <v>40939</v>
      </c>
      <c r="L4181" s="2" t="s">
        <v>40940</v>
      </c>
      <c r="M4181" s="5" t="s">
        <v>36266</v>
      </c>
      <c r="N4181" s="5" t="s">
        <v>38</v>
      </c>
      <c r="O4181" s="5" t="s">
        <v>39</v>
      </c>
      <c r="P4181" s="5" t="s">
        <v>40</v>
      </c>
      <c r="Q4181" s="5" t="s">
        <v>1522</v>
      </c>
      <c r="R4181" s="5" t="s">
        <v>1523</v>
      </c>
      <c r="S4181" s="5" t="s">
        <v>42</v>
      </c>
      <c r="T4181" s="2">
        <v>3.4119999999999999</v>
      </c>
      <c r="U4181" s="2">
        <v>2.8359999999999999</v>
      </c>
      <c r="V4181" s="2">
        <v>1.7999999999999999E-2</v>
      </c>
      <c r="W4181" s="2">
        <v>139.1</v>
      </c>
      <c r="X4181" s="2">
        <v>7.6</v>
      </c>
      <c r="Y4181" s="2">
        <v>16.7</v>
      </c>
      <c r="Z4181" s="5"/>
      <c r="AA4181" s="5" t="s">
        <v>43</v>
      </c>
      <c r="AB4181" s="5" t="s">
        <v>44</v>
      </c>
      <c r="AC4181" s="2"/>
      <c r="AD4181" s="1"/>
    </row>
    <row r="4182" spans="1:30">
      <c r="A4182" s="5" t="s">
        <v>83578</v>
      </c>
      <c r="B4182" s="2" t="s">
        <v>96148</v>
      </c>
      <c r="C4182" s="14" t="s">
        <v>96149</v>
      </c>
      <c r="D4182" s="2" t="s">
        <v>96150</v>
      </c>
      <c r="E4182" s="2" t="s">
        <v>47226</v>
      </c>
      <c r="F4182" s="8">
        <v>359</v>
      </c>
      <c r="G4182" s="5">
        <v>6</v>
      </c>
      <c r="H4182" s="5" t="s">
        <v>1518</v>
      </c>
      <c r="I4182" s="5" t="s">
        <v>40939</v>
      </c>
      <c r="J4182" s="2" t="s">
        <v>40940</v>
      </c>
      <c r="K4182" s="5" t="s">
        <v>40939</v>
      </c>
      <c r="L4182" s="2" t="s">
        <v>40940</v>
      </c>
      <c r="M4182" s="5" t="s">
        <v>36266</v>
      </c>
      <c r="N4182" s="5" t="s">
        <v>38</v>
      </c>
      <c r="O4182" s="5" t="s">
        <v>39</v>
      </c>
      <c r="P4182" s="5" t="s">
        <v>40</v>
      </c>
      <c r="Q4182" s="5" t="s">
        <v>1522</v>
      </c>
      <c r="R4182" s="5" t="s">
        <v>1523</v>
      </c>
      <c r="S4182" s="5" t="s">
        <v>42</v>
      </c>
      <c r="T4182" s="2">
        <v>3.726</v>
      </c>
      <c r="U4182" s="2">
        <v>3.0670000000000002</v>
      </c>
      <c r="V4182" s="2">
        <v>0.02</v>
      </c>
      <c r="W4182" s="2">
        <v>159.1</v>
      </c>
      <c r="X4182" s="2">
        <v>7.6</v>
      </c>
      <c r="Y4182" s="2">
        <v>16.7</v>
      </c>
      <c r="Z4182" s="5"/>
      <c r="AA4182" s="5" t="s">
        <v>43</v>
      </c>
      <c r="AB4182" s="5" t="s">
        <v>44</v>
      </c>
      <c r="AC4182" s="2"/>
      <c r="AD4182" s="1"/>
    </row>
    <row r="4183" spans="1:30">
      <c r="A4183" s="5" t="s">
        <v>83578</v>
      </c>
      <c r="B4183" s="2" t="s">
        <v>96151</v>
      </c>
      <c r="C4183" s="14" t="s">
        <v>96152</v>
      </c>
      <c r="D4183" s="2" t="s">
        <v>96153</v>
      </c>
      <c r="E4183" s="2" t="s">
        <v>47735</v>
      </c>
      <c r="F4183" s="8">
        <v>359</v>
      </c>
      <c r="G4183" s="5">
        <v>6</v>
      </c>
      <c r="H4183" s="5" t="s">
        <v>1518</v>
      </c>
      <c r="I4183" s="5" t="s">
        <v>40939</v>
      </c>
      <c r="J4183" s="2" t="s">
        <v>40940</v>
      </c>
      <c r="K4183" s="5" t="s">
        <v>40939</v>
      </c>
      <c r="L4183" s="2" t="s">
        <v>40940</v>
      </c>
      <c r="M4183" s="5" t="s">
        <v>36266</v>
      </c>
      <c r="N4183" s="5" t="s">
        <v>38</v>
      </c>
      <c r="O4183" s="5" t="s">
        <v>39</v>
      </c>
      <c r="P4183" s="5" t="s">
        <v>40</v>
      </c>
      <c r="Q4183" s="5" t="s">
        <v>1522</v>
      </c>
      <c r="R4183" s="5" t="s">
        <v>1523</v>
      </c>
      <c r="S4183" s="5" t="s">
        <v>42</v>
      </c>
      <c r="T4183" s="2">
        <v>3.85</v>
      </c>
      <c r="U4183" s="2">
        <v>3.1909999999999998</v>
      </c>
      <c r="V4183" s="2">
        <v>0.02</v>
      </c>
      <c r="W4183" s="2">
        <v>159.1</v>
      </c>
      <c r="X4183" s="2">
        <v>7.6</v>
      </c>
      <c r="Y4183" s="2">
        <v>16.7</v>
      </c>
      <c r="Z4183" s="5"/>
      <c r="AA4183" s="5" t="s">
        <v>43</v>
      </c>
      <c r="AB4183" s="5" t="s">
        <v>44</v>
      </c>
      <c r="AC4183" s="2"/>
      <c r="AD4183" s="1"/>
    </row>
    <row r="4184" spans="1:30">
      <c r="A4184" s="5" t="s">
        <v>83578</v>
      </c>
      <c r="B4184" s="2" t="s">
        <v>96154</v>
      </c>
      <c r="C4184" s="14" t="s">
        <v>96155</v>
      </c>
      <c r="D4184" s="2" t="s">
        <v>96156</v>
      </c>
      <c r="E4184" s="2" t="s">
        <v>7539</v>
      </c>
      <c r="F4184" s="8">
        <v>359</v>
      </c>
      <c r="G4184" s="5">
        <v>6</v>
      </c>
      <c r="H4184" s="5" t="s">
        <v>1518</v>
      </c>
      <c r="I4184" s="5" t="s">
        <v>40939</v>
      </c>
      <c r="J4184" s="2" t="s">
        <v>40940</v>
      </c>
      <c r="K4184" s="5" t="s">
        <v>40939</v>
      </c>
      <c r="L4184" s="2" t="s">
        <v>40940</v>
      </c>
      <c r="M4184" s="5" t="s">
        <v>36266</v>
      </c>
      <c r="N4184" s="5" t="s">
        <v>38</v>
      </c>
      <c r="O4184" s="5" t="s">
        <v>39</v>
      </c>
      <c r="P4184" s="5" t="s">
        <v>40</v>
      </c>
      <c r="Q4184" s="5" t="s">
        <v>1522</v>
      </c>
      <c r="R4184" s="5" t="s">
        <v>1523</v>
      </c>
      <c r="S4184" s="5" t="s">
        <v>42</v>
      </c>
      <c r="T4184" s="2">
        <v>3.6429999999999998</v>
      </c>
      <c r="U4184" s="2">
        <v>2.984</v>
      </c>
      <c r="V4184" s="2">
        <v>0.02</v>
      </c>
      <c r="W4184" s="2">
        <v>159.1</v>
      </c>
      <c r="X4184" s="2">
        <v>7.6</v>
      </c>
      <c r="Y4184" s="2">
        <v>16.7</v>
      </c>
      <c r="Z4184" s="5"/>
      <c r="AA4184" s="5" t="s">
        <v>43</v>
      </c>
      <c r="AB4184" s="5" t="s">
        <v>44</v>
      </c>
      <c r="AC4184" s="2"/>
      <c r="AD4184" s="1"/>
    </row>
    <row r="4185" spans="1:30">
      <c r="A4185" s="5" t="s">
        <v>83578</v>
      </c>
      <c r="B4185" s="2" t="s">
        <v>96157</v>
      </c>
      <c r="C4185" s="14" t="s">
        <v>96158</v>
      </c>
      <c r="D4185" s="2" t="s">
        <v>96159</v>
      </c>
      <c r="E4185" s="2" t="s">
        <v>7543</v>
      </c>
      <c r="F4185" s="8">
        <v>359</v>
      </c>
      <c r="G4185" s="5">
        <v>6</v>
      </c>
      <c r="H4185" s="5" t="s">
        <v>1518</v>
      </c>
      <c r="I4185" s="5" t="s">
        <v>40939</v>
      </c>
      <c r="J4185" s="2" t="s">
        <v>40940</v>
      </c>
      <c r="K4185" s="5" t="s">
        <v>40939</v>
      </c>
      <c r="L4185" s="2" t="s">
        <v>40940</v>
      </c>
      <c r="M4185" s="5" t="s">
        <v>36266</v>
      </c>
      <c r="N4185" s="5" t="s">
        <v>38</v>
      </c>
      <c r="O4185" s="5" t="s">
        <v>39</v>
      </c>
      <c r="P4185" s="5" t="s">
        <v>40</v>
      </c>
      <c r="Q4185" s="5" t="s">
        <v>1522</v>
      </c>
      <c r="R4185" s="5" t="s">
        <v>1523</v>
      </c>
      <c r="S4185" s="5" t="s">
        <v>42</v>
      </c>
      <c r="T4185" s="2">
        <v>3.7669999999999999</v>
      </c>
      <c r="U4185" s="2">
        <v>3.1080000000000001</v>
      </c>
      <c r="V4185" s="2">
        <v>0.02</v>
      </c>
      <c r="W4185" s="2">
        <v>159.1</v>
      </c>
      <c r="X4185" s="2">
        <v>7.6</v>
      </c>
      <c r="Y4185" s="2">
        <v>16.7</v>
      </c>
      <c r="Z4185" s="5"/>
      <c r="AA4185" s="5" t="s">
        <v>43</v>
      </c>
      <c r="AB4185" s="5" t="s">
        <v>44</v>
      </c>
      <c r="AC4185" s="2"/>
      <c r="AD4185" s="1"/>
    </row>
    <row r="4186" spans="1:30">
      <c r="A4186" s="5" t="s">
        <v>83578</v>
      </c>
      <c r="B4186" s="2" t="s">
        <v>96160</v>
      </c>
      <c r="C4186" s="14" t="s">
        <v>96161</v>
      </c>
      <c r="D4186" s="2" t="s">
        <v>96162</v>
      </c>
      <c r="E4186" s="2" t="s">
        <v>40989</v>
      </c>
      <c r="F4186" s="8">
        <v>359</v>
      </c>
      <c r="G4186" s="5">
        <v>6</v>
      </c>
      <c r="H4186" s="5" t="s">
        <v>1518</v>
      </c>
      <c r="I4186" s="5" t="s">
        <v>40939</v>
      </c>
      <c r="J4186" s="2" t="s">
        <v>40940</v>
      </c>
      <c r="K4186" s="5" t="s">
        <v>40939</v>
      </c>
      <c r="L4186" s="2" t="s">
        <v>40940</v>
      </c>
      <c r="M4186" s="5" t="s">
        <v>36266</v>
      </c>
      <c r="N4186" s="5" t="s">
        <v>38</v>
      </c>
      <c r="O4186" s="5" t="s">
        <v>39</v>
      </c>
      <c r="P4186" s="5" t="s">
        <v>40</v>
      </c>
      <c r="Q4186" s="5" t="s">
        <v>1522</v>
      </c>
      <c r="R4186" s="5" t="s">
        <v>1523</v>
      </c>
      <c r="S4186" s="5" t="s">
        <v>42</v>
      </c>
      <c r="T4186" s="2">
        <v>3.726</v>
      </c>
      <c r="U4186" s="2">
        <v>3.0670000000000002</v>
      </c>
      <c r="V4186" s="2">
        <v>0.02</v>
      </c>
      <c r="W4186" s="2">
        <v>159.1</v>
      </c>
      <c r="X4186" s="2">
        <v>7.6</v>
      </c>
      <c r="Y4186" s="2">
        <v>16.7</v>
      </c>
      <c r="Z4186" s="5"/>
      <c r="AA4186" s="5" t="s">
        <v>43</v>
      </c>
      <c r="AB4186" s="5" t="s">
        <v>44</v>
      </c>
      <c r="AC4186" s="2"/>
      <c r="AD4186" s="1"/>
    </row>
    <row r="4187" spans="1:30">
      <c r="A4187" s="5" t="s">
        <v>83578</v>
      </c>
      <c r="B4187" s="2" t="s">
        <v>96163</v>
      </c>
      <c r="C4187" s="14" t="s">
        <v>96164</v>
      </c>
      <c r="D4187" s="2" t="s">
        <v>96165</v>
      </c>
      <c r="E4187" s="2" t="s">
        <v>40997</v>
      </c>
      <c r="F4187" s="8">
        <v>359</v>
      </c>
      <c r="G4187" s="5">
        <v>6</v>
      </c>
      <c r="H4187" s="5" t="s">
        <v>1518</v>
      </c>
      <c r="I4187" s="5" t="s">
        <v>40939</v>
      </c>
      <c r="J4187" s="2" t="s">
        <v>40940</v>
      </c>
      <c r="K4187" s="5" t="s">
        <v>40939</v>
      </c>
      <c r="L4187" s="2" t="s">
        <v>40940</v>
      </c>
      <c r="M4187" s="5" t="s">
        <v>36266</v>
      </c>
      <c r="N4187" s="5" t="s">
        <v>38</v>
      </c>
      <c r="O4187" s="5" t="s">
        <v>39</v>
      </c>
      <c r="P4187" s="5" t="s">
        <v>40</v>
      </c>
      <c r="Q4187" s="5" t="s">
        <v>1522</v>
      </c>
      <c r="R4187" s="5" t="s">
        <v>1523</v>
      </c>
      <c r="S4187" s="5" t="s">
        <v>42</v>
      </c>
      <c r="T4187" s="2">
        <v>3.6589999999999998</v>
      </c>
      <c r="U4187" s="2">
        <v>3</v>
      </c>
      <c r="V4187" s="2">
        <v>0.02</v>
      </c>
      <c r="W4187" s="2">
        <v>159.1</v>
      </c>
      <c r="X4187" s="2">
        <v>7.6</v>
      </c>
      <c r="Y4187" s="2">
        <v>16.7</v>
      </c>
      <c r="Z4187" s="5"/>
      <c r="AA4187" s="5" t="s">
        <v>43</v>
      </c>
      <c r="AB4187" s="5" t="s">
        <v>44</v>
      </c>
      <c r="AC4187" s="2"/>
      <c r="AD4187" s="1"/>
    </row>
    <row r="4188" spans="1:30">
      <c r="A4188" s="5" t="s">
        <v>83578</v>
      </c>
      <c r="B4188" s="2" t="s">
        <v>96166</v>
      </c>
      <c r="C4188" s="14" t="s">
        <v>96167</v>
      </c>
      <c r="D4188" s="2" t="s">
        <v>96168</v>
      </c>
      <c r="E4188" s="2" t="s">
        <v>41267</v>
      </c>
      <c r="F4188" s="8">
        <v>359</v>
      </c>
      <c r="G4188" s="5">
        <v>6</v>
      </c>
      <c r="H4188" s="5" t="s">
        <v>1518</v>
      </c>
      <c r="I4188" s="5" t="s">
        <v>40939</v>
      </c>
      <c r="J4188" s="2" t="s">
        <v>40940</v>
      </c>
      <c r="K4188" s="5" t="s">
        <v>40939</v>
      </c>
      <c r="L4188" s="2" t="s">
        <v>40940</v>
      </c>
      <c r="M4188" s="5" t="s">
        <v>36266</v>
      </c>
      <c r="N4188" s="5" t="s">
        <v>38</v>
      </c>
      <c r="O4188" s="5" t="s">
        <v>39</v>
      </c>
      <c r="P4188" s="5" t="s">
        <v>40</v>
      </c>
      <c r="Q4188" s="5" t="s">
        <v>1522</v>
      </c>
      <c r="R4188" s="5" t="s">
        <v>1523</v>
      </c>
      <c r="S4188" s="5" t="s">
        <v>42</v>
      </c>
      <c r="T4188" s="2">
        <v>3.7829999999999999</v>
      </c>
      <c r="U4188" s="2">
        <v>3.1240000000000001</v>
      </c>
      <c r="V4188" s="2">
        <v>0.02</v>
      </c>
      <c r="W4188" s="2">
        <v>159.1</v>
      </c>
      <c r="X4188" s="2">
        <v>7.6</v>
      </c>
      <c r="Y4188" s="2">
        <v>16.7</v>
      </c>
      <c r="Z4188" s="5"/>
      <c r="AA4188" s="5" t="s">
        <v>43</v>
      </c>
      <c r="AB4188" s="5" t="s">
        <v>44</v>
      </c>
      <c r="AC4188" s="2"/>
      <c r="AD4188" s="1"/>
    </row>
    <row r="4189" spans="1:30">
      <c r="A4189" s="5" t="s">
        <v>83578</v>
      </c>
      <c r="B4189" s="2" t="s">
        <v>96169</v>
      </c>
      <c r="C4189" s="14" t="s">
        <v>96170</v>
      </c>
      <c r="D4189" s="2" t="s">
        <v>96171</v>
      </c>
      <c r="E4189" s="2" t="s">
        <v>41001</v>
      </c>
      <c r="F4189" s="8">
        <v>359</v>
      </c>
      <c r="G4189" s="5">
        <v>6</v>
      </c>
      <c r="H4189" s="5" t="s">
        <v>1518</v>
      </c>
      <c r="I4189" s="5" t="s">
        <v>40939</v>
      </c>
      <c r="J4189" s="2" t="s">
        <v>40940</v>
      </c>
      <c r="K4189" s="5" t="s">
        <v>40939</v>
      </c>
      <c r="L4189" s="2" t="s">
        <v>40940</v>
      </c>
      <c r="M4189" s="5" t="s">
        <v>36266</v>
      </c>
      <c r="N4189" s="5" t="s">
        <v>38</v>
      </c>
      <c r="O4189" s="5" t="s">
        <v>39</v>
      </c>
      <c r="P4189" s="5" t="s">
        <v>40</v>
      </c>
      <c r="Q4189" s="5" t="s">
        <v>1522</v>
      </c>
      <c r="R4189" s="5" t="s">
        <v>1523</v>
      </c>
      <c r="S4189" s="5" t="s">
        <v>42</v>
      </c>
      <c r="T4189" s="2">
        <v>3.726</v>
      </c>
      <c r="U4189" s="2">
        <v>3.0670000000000002</v>
      </c>
      <c r="V4189" s="2">
        <v>0.02</v>
      </c>
      <c r="W4189" s="2">
        <v>159.1</v>
      </c>
      <c r="X4189" s="2">
        <v>7.6</v>
      </c>
      <c r="Y4189" s="2">
        <v>16.7</v>
      </c>
      <c r="Z4189" s="5"/>
      <c r="AA4189" s="5" t="s">
        <v>43</v>
      </c>
      <c r="AB4189" s="5" t="s">
        <v>44</v>
      </c>
      <c r="AC4189" s="2"/>
      <c r="AD4189" s="1"/>
    </row>
    <row r="4190" spans="1:30">
      <c r="A4190" s="5" t="s">
        <v>83578</v>
      </c>
      <c r="B4190" s="2" t="s">
        <v>96172</v>
      </c>
      <c r="C4190" s="14" t="s">
        <v>96173</v>
      </c>
      <c r="D4190" s="2" t="s">
        <v>96174</v>
      </c>
      <c r="E4190" s="2" t="s">
        <v>41005</v>
      </c>
      <c r="F4190" s="8">
        <v>359</v>
      </c>
      <c r="G4190" s="5">
        <v>6</v>
      </c>
      <c r="H4190" s="5" t="s">
        <v>1518</v>
      </c>
      <c r="I4190" s="5" t="s">
        <v>40939</v>
      </c>
      <c r="J4190" s="2" t="s">
        <v>40940</v>
      </c>
      <c r="K4190" s="5" t="s">
        <v>40939</v>
      </c>
      <c r="L4190" s="2" t="s">
        <v>40940</v>
      </c>
      <c r="M4190" s="5" t="s">
        <v>36266</v>
      </c>
      <c r="N4190" s="5" t="s">
        <v>38</v>
      </c>
      <c r="O4190" s="5" t="s">
        <v>39</v>
      </c>
      <c r="P4190" s="5" t="s">
        <v>40</v>
      </c>
      <c r="Q4190" s="5" t="s">
        <v>1522</v>
      </c>
      <c r="R4190" s="5" t="s">
        <v>1523</v>
      </c>
      <c r="S4190" s="5" t="s">
        <v>42</v>
      </c>
      <c r="T4190" s="2">
        <v>3.85</v>
      </c>
      <c r="U4190" s="2">
        <v>3.1909999999999998</v>
      </c>
      <c r="V4190" s="2">
        <v>0.02</v>
      </c>
      <c r="W4190" s="2">
        <v>159.1</v>
      </c>
      <c r="X4190" s="2">
        <v>7.6</v>
      </c>
      <c r="Y4190" s="2">
        <v>16.7</v>
      </c>
      <c r="Z4190" s="5"/>
      <c r="AA4190" s="5" t="s">
        <v>43</v>
      </c>
      <c r="AB4190" s="5" t="s">
        <v>44</v>
      </c>
      <c r="AC4190" s="2"/>
      <c r="AD4190" s="1"/>
    </row>
    <row r="4191" spans="1:30">
      <c r="A4191" s="5" t="s">
        <v>83578</v>
      </c>
      <c r="B4191" s="2" t="s">
        <v>96175</v>
      </c>
      <c r="C4191" s="14" t="s">
        <v>96176</v>
      </c>
      <c r="D4191" s="2" t="s">
        <v>96177</v>
      </c>
      <c r="E4191" s="2" t="s">
        <v>41009</v>
      </c>
      <c r="F4191" s="8">
        <v>359</v>
      </c>
      <c r="G4191" s="5">
        <v>6</v>
      </c>
      <c r="H4191" s="5" t="s">
        <v>1518</v>
      </c>
      <c r="I4191" s="5" t="s">
        <v>40939</v>
      </c>
      <c r="J4191" s="2" t="s">
        <v>40940</v>
      </c>
      <c r="K4191" s="5" t="s">
        <v>40939</v>
      </c>
      <c r="L4191" s="2" t="s">
        <v>40940</v>
      </c>
      <c r="M4191" s="5" t="s">
        <v>36266</v>
      </c>
      <c r="N4191" s="5" t="s">
        <v>38</v>
      </c>
      <c r="O4191" s="5" t="s">
        <v>39</v>
      </c>
      <c r="P4191" s="5" t="s">
        <v>40</v>
      </c>
      <c r="Q4191" s="5" t="s">
        <v>1522</v>
      </c>
      <c r="R4191" s="5" t="s">
        <v>1523</v>
      </c>
      <c r="S4191" s="5" t="s">
        <v>42</v>
      </c>
      <c r="T4191" s="2">
        <v>3.7429999999999999</v>
      </c>
      <c r="U4191" s="2">
        <v>3.0840000000000001</v>
      </c>
      <c r="V4191" s="2">
        <v>0.02</v>
      </c>
      <c r="W4191" s="2">
        <v>159.1</v>
      </c>
      <c r="X4191" s="2">
        <v>7.6</v>
      </c>
      <c r="Y4191" s="2">
        <v>16.7</v>
      </c>
      <c r="Z4191" s="5"/>
      <c r="AA4191" s="5" t="s">
        <v>43</v>
      </c>
      <c r="AB4191" s="5" t="s">
        <v>44</v>
      </c>
      <c r="AC4191" s="2"/>
      <c r="AD4191" s="1"/>
    </row>
    <row r="4192" spans="1:30">
      <c r="A4192" s="5" t="s">
        <v>83578</v>
      </c>
      <c r="B4192" s="2" t="s">
        <v>96178</v>
      </c>
      <c r="C4192" s="14" t="s">
        <v>96179</v>
      </c>
      <c r="D4192" s="2" t="s">
        <v>96180</v>
      </c>
      <c r="E4192" s="2" t="s">
        <v>41013</v>
      </c>
      <c r="F4192" s="8">
        <v>359</v>
      </c>
      <c r="G4192" s="5">
        <v>6</v>
      </c>
      <c r="H4192" s="5" t="s">
        <v>1518</v>
      </c>
      <c r="I4192" s="5" t="s">
        <v>40939</v>
      </c>
      <c r="J4192" s="2" t="s">
        <v>40940</v>
      </c>
      <c r="K4192" s="5" t="s">
        <v>40939</v>
      </c>
      <c r="L4192" s="2" t="s">
        <v>40940</v>
      </c>
      <c r="M4192" s="5" t="s">
        <v>36266</v>
      </c>
      <c r="N4192" s="5" t="s">
        <v>38</v>
      </c>
      <c r="O4192" s="5" t="s">
        <v>39</v>
      </c>
      <c r="P4192" s="5" t="s">
        <v>40</v>
      </c>
      <c r="Q4192" s="5" t="s">
        <v>1522</v>
      </c>
      <c r="R4192" s="5" t="s">
        <v>1523</v>
      </c>
      <c r="S4192" s="5" t="s">
        <v>42</v>
      </c>
      <c r="T4192" s="2">
        <v>3.867</v>
      </c>
      <c r="U4192" s="2">
        <v>3.2080000000000002</v>
      </c>
      <c r="V4192" s="2">
        <v>0.02</v>
      </c>
      <c r="W4192" s="2">
        <v>159.1</v>
      </c>
      <c r="X4192" s="2">
        <v>7.6</v>
      </c>
      <c r="Y4192" s="2">
        <v>16.7</v>
      </c>
      <c r="Z4192" s="5"/>
      <c r="AA4192" s="5" t="s">
        <v>43</v>
      </c>
      <c r="AB4192" s="5" t="s">
        <v>44</v>
      </c>
      <c r="AC4192" s="2"/>
      <c r="AD4192" s="1"/>
    </row>
    <row r="4193" spans="1:30">
      <c r="A4193" s="5" t="s">
        <v>83578</v>
      </c>
      <c r="B4193" s="2" t="s">
        <v>96181</v>
      </c>
      <c r="C4193" s="14" t="s">
        <v>96182</v>
      </c>
      <c r="D4193" s="2" t="s">
        <v>96183</v>
      </c>
      <c r="E4193" s="2" t="s">
        <v>41035</v>
      </c>
      <c r="F4193" s="8">
        <v>359</v>
      </c>
      <c r="G4193" s="5">
        <v>6</v>
      </c>
      <c r="H4193" s="5" t="s">
        <v>1518</v>
      </c>
      <c r="I4193" s="5" t="s">
        <v>40939</v>
      </c>
      <c r="J4193" s="2" t="s">
        <v>40940</v>
      </c>
      <c r="K4193" s="5" t="s">
        <v>40939</v>
      </c>
      <c r="L4193" s="2" t="s">
        <v>40940</v>
      </c>
      <c r="M4193" s="5" t="s">
        <v>36266</v>
      </c>
      <c r="N4193" s="5" t="s">
        <v>38</v>
      </c>
      <c r="O4193" s="5" t="s">
        <v>39</v>
      </c>
      <c r="P4193" s="5" t="s">
        <v>40</v>
      </c>
      <c r="Q4193" s="5" t="s">
        <v>1522</v>
      </c>
      <c r="R4193" s="5" t="s">
        <v>1523</v>
      </c>
      <c r="S4193" s="5" t="s">
        <v>42</v>
      </c>
      <c r="T4193" s="2">
        <v>3.7829999999999999</v>
      </c>
      <c r="U4193" s="2">
        <v>3.1240000000000001</v>
      </c>
      <c r="V4193" s="2">
        <v>0.02</v>
      </c>
      <c r="W4193" s="2">
        <v>159.1</v>
      </c>
      <c r="X4193" s="2">
        <v>7.6</v>
      </c>
      <c r="Y4193" s="2">
        <v>16.7</v>
      </c>
      <c r="Z4193" s="5"/>
      <c r="AA4193" s="5" t="s">
        <v>43</v>
      </c>
      <c r="AB4193" s="5" t="s">
        <v>44</v>
      </c>
      <c r="AC4193" s="2"/>
      <c r="AD4193" s="1"/>
    </row>
    <row r="4194" spans="1:30">
      <c r="A4194" s="5" t="s">
        <v>83578</v>
      </c>
      <c r="B4194" s="2" t="s">
        <v>96184</v>
      </c>
      <c r="C4194" s="14" t="s">
        <v>96185</v>
      </c>
      <c r="D4194" s="2" t="s">
        <v>96186</v>
      </c>
      <c r="E4194" s="2" t="s">
        <v>7449</v>
      </c>
      <c r="F4194" s="8">
        <v>359</v>
      </c>
      <c r="G4194" s="5">
        <v>6</v>
      </c>
      <c r="H4194" s="5" t="s">
        <v>1518</v>
      </c>
      <c r="I4194" s="5" t="s">
        <v>40939</v>
      </c>
      <c r="J4194" s="2" t="s">
        <v>40940</v>
      </c>
      <c r="K4194" s="5" t="s">
        <v>40939</v>
      </c>
      <c r="L4194" s="2" t="s">
        <v>40940</v>
      </c>
      <c r="M4194" s="5" t="s">
        <v>36266</v>
      </c>
      <c r="N4194" s="5" t="s">
        <v>38</v>
      </c>
      <c r="O4194" s="5" t="s">
        <v>39</v>
      </c>
      <c r="P4194" s="5" t="s">
        <v>40</v>
      </c>
      <c r="Q4194" s="5" t="s">
        <v>1522</v>
      </c>
      <c r="R4194" s="5" t="s">
        <v>1523</v>
      </c>
      <c r="S4194" s="5" t="s">
        <v>42</v>
      </c>
      <c r="T4194" s="2">
        <v>3.6589999999999998</v>
      </c>
      <c r="U4194" s="2">
        <v>3</v>
      </c>
      <c r="V4194" s="2">
        <v>0.02</v>
      </c>
      <c r="W4194" s="2">
        <v>159.1</v>
      </c>
      <c r="X4194" s="2">
        <v>7.6</v>
      </c>
      <c r="Y4194" s="2">
        <v>16.7</v>
      </c>
      <c r="Z4194" s="5"/>
      <c r="AA4194" s="5" t="s">
        <v>43</v>
      </c>
      <c r="AB4194" s="5" t="s">
        <v>44</v>
      </c>
      <c r="AC4194" s="2"/>
      <c r="AD4194" s="1"/>
    </row>
    <row r="4195" spans="1:30">
      <c r="A4195" s="5" t="s">
        <v>83578</v>
      </c>
      <c r="B4195" s="2" t="s">
        <v>96187</v>
      </c>
      <c r="C4195" s="14" t="s">
        <v>96188</v>
      </c>
      <c r="D4195" s="2" t="s">
        <v>96189</v>
      </c>
      <c r="E4195" s="2" t="s">
        <v>7581</v>
      </c>
      <c r="F4195" s="8">
        <v>359</v>
      </c>
      <c r="G4195" s="5">
        <v>6</v>
      </c>
      <c r="H4195" s="5" t="s">
        <v>1518</v>
      </c>
      <c r="I4195" s="5" t="s">
        <v>40939</v>
      </c>
      <c r="J4195" s="2" t="s">
        <v>40940</v>
      </c>
      <c r="K4195" s="5" t="s">
        <v>40939</v>
      </c>
      <c r="L4195" s="2" t="s">
        <v>40940</v>
      </c>
      <c r="M4195" s="5" t="s">
        <v>36266</v>
      </c>
      <c r="N4195" s="5" t="s">
        <v>38</v>
      </c>
      <c r="O4195" s="5" t="s">
        <v>39</v>
      </c>
      <c r="P4195" s="5" t="s">
        <v>40</v>
      </c>
      <c r="Q4195" s="5" t="s">
        <v>1522</v>
      </c>
      <c r="R4195" s="5" t="s">
        <v>1523</v>
      </c>
      <c r="S4195" s="5" t="s">
        <v>42</v>
      </c>
      <c r="T4195" s="2">
        <v>3.7829999999999999</v>
      </c>
      <c r="U4195" s="2">
        <v>3.1240000000000001</v>
      </c>
      <c r="V4195" s="2">
        <v>0.02</v>
      </c>
      <c r="W4195" s="2">
        <v>159.1</v>
      </c>
      <c r="X4195" s="2">
        <v>7.6</v>
      </c>
      <c r="Y4195" s="2">
        <v>16.7</v>
      </c>
      <c r="Z4195" s="5"/>
      <c r="AA4195" s="5" t="s">
        <v>43</v>
      </c>
      <c r="AB4195" s="5" t="s">
        <v>44</v>
      </c>
      <c r="AC4195" s="2"/>
      <c r="AD4195" s="1"/>
    </row>
    <row r="4196" spans="1:30">
      <c r="A4196" s="5" t="s">
        <v>83578</v>
      </c>
      <c r="B4196" s="2" t="s">
        <v>96190</v>
      </c>
      <c r="C4196" s="14" t="s">
        <v>96191</v>
      </c>
      <c r="D4196" s="2" t="s">
        <v>96192</v>
      </c>
      <c r="E4196" s="2" t="s">
        <v>41045</v>
      </c>
      <c r="F4196" s="8">
        <v>359</v>
      </c>
      <c r="G4196" s="5">
        <v>6</v>
      </c>
      <c r="H4196" s="5" t="s">
        <v>1518</v>
      </c>
      <c r="I4196" s="5" t="s">
        <v>40939</v>
      </c>
      <c r="J4196" s="2" t="s">
        <v>40940</v>
      </c>
      <c r="K4196" s="5" t="s">
        <v>40939</v>
      </c>
      <c r="L4196" s="2" t="s">
        <v>40940</v>
      </c>
      <c r="M4196" s="5" t="s">
        <v>36266</v>
      </c>
      <c r="N4196" s="5" t="s">
        <v>38</v>
      </c>
      <c r="O4196" s="5" t="s">
        <v>39</v>
      </c>
      <c r="P4196" s="5" t="s">
        <v>40</v>
      </c>
      <c r="Q4196" s="5" t="s">
        <v>1522</v>
      </c>
      <c r="R4196" s="5" t="s">
        <v>1523</v>
      </c>
      <c r="S4196" s="5" t="s">
        <v>42</v>
      </c>
      <c r="T4196" s="2">
        <v>3.7589999999999999</v>
      </c>
      <c r="U4196" s="2">
        <v>3.1</v>
      </c>
      <c r="V4196" s="2">
        <v>0.02</v>
      </c>
      <c r="W4196" s="2">
        <v>159.1</v>
      </c>
      <c r="X4196" s="2">
        <v>7.6</v>
      </c>
      <c r="Y4196" s="2">
        <v>16.7</v>
      </c>
      <c r="Z4196" s="5"/>
      <c r="AA4196" s="5" t="s">
        <v>43</v>
      </c>
      <c r="AB4196" s="5" t="s">
        <v>44</v>
      </c>
      <c r="AC4196" s="2"/>
      <c r="AD4196" s="1"/>
    </row>
    <row r="4197" spans="1:30">
      <c r="A4197" s="5" t="s">
        <v>83578</v>
      </c>
      <c r="B4197" s="2" t="s">
        <v>96193</v>
      </c>
      <c r="C4197" s="14" t="s">
        <v>96194</v>
      </c>
      <c r="D4197" s="2" t="s">
        <v>96195</v>
      </c>
      <c r="E4197" s="2" t="s">
        <v>41049</v>
      </c>
      <c r="F4197" s="8">
        <v>359</v>
      </c>
      <c r="G4197" s="5">
        <v>6</v>
      </c>
      <c r="H4197" s="5" t="s">
        <v>1518</v>
      </c>
      <c r="I4197" s="5" t="s">
        <v>40939</v>
      </c>
      <c r="J4197" s="2" t="s">
        <v>40940</v>
      </c>
      <c r="K4197" s="5" t="s">
        <v>40939</v>
      </c>
      <c r="L4197" s="2" t="s">
        <v>40940</v>
      </c>
      <c r="M4197" s="5" t="s">
        <v>36266</v>
      </c>
      <c r="N4197" s="5" t="s">
        <v>38</v>
      </c>
      <c r="O4197" s="5" t="s">
        <v>39</v>
      </c>
      <c r="P4197" s="5" t="s">
        <v>40</v>
      </c>
      <c r="Q4197" s="5" t="s">
        <v>1522</v>
      </c>
      <c r="R4197" s="5" t="s">
        <v>1523</v>
      </c>
      <c r="S4197" s="5" t="s">
        <v>42</v>
      </c>
      <c r="T4197" s="2">
        <v>3.883</v>
      </c>
      <c r="U4197" s="2">
        <v>3.2240000000000002</v>
      </c>
      <c r="V4197" s="2">
        <v>0.02</v>
      </c>
      <c r="W4197" s="2">
        <v>159.1</v>
      </c>
      <c r="X4197" s="2">
        <v>7.6</v>
      </c>
      <c r="Y4197" s="2">
        <v>16.7</v>
      </c>
      <c r="Z4197" s="5"/>
      <c r="AA4197" s="5" t="s">
        <v>43</v>
      </c>
      <c r="AB4197" s="5" t="s">
        <v>44</v>
      </c>
      <c r="AC4197" s="2"/>
      <c r="AD4197" s="1"/>
    </row>
    <row r="4198" spans="1:30">
      <c r="A4198" s="5" t="s">
        <v>83578</v>
      </c>
      <c r="B4198" s="2" t="s">
        <v>96196</v>
      </c>
      <c r="C4198" s="14" t="s">
        <v>96197</v>
      </c>
      <c r="D4198" s="2" t="s">
        <v>96198</v>
      </c>
      <c r="E4198" s="2" t="s">
        <v>47266</v>
      </c>
      <c r="F4198" s="8">
        <v>333</v>
      </c>
      <c r="G4198" s="5">
        <v>6</v>
      </c>
      <c r="H4198" s="5" t="s">
        <v>1518</v>
      </c>
      <c r="I4198" s="5" t="s">
        <v>40939</v>
      </c>
      <c r="J4198" s="2" t="s">
        <v>40940</v>
      </c>
      <c r="K4198" s="5" t="s">
        <v>40939</v>
      </c>
      <c r="L4198" s="2" t="s">
        <v>40940</v>
      </c>
      <c r="M4198" s="5" t="s">
        <v>36266</v>
      </c>
      <c r="N4198" s="5" t="s">
        <v>38</v>
      </c>
      <c r="O4198" s="5" t="s">
        <v>39</v>
      </c>
      <c r="P4198" s="5" t="s">
        <v>40</v>
      </c>
      <c r="Q4198" s="5" t="s">
        <v>1522</v>
      </c>
      <c r="R4198" s="5" t="s">
        <v>1523</v>
      </c>
      <c r="S4198" s="5" t="s">
        <v>42</v>
      </c>
      <c r="T4198" s="2">
        <v>3.4710000000000001</v>
      </c>
      <c r="U4198" s="2">
        <v>2.8050000000000002</v>
      </c>
      <c r="V4198" s="2">
        <v>0.02</v>
      </c>
      <c r="W4198" s="2">
        <v>159.1</v>
      </c>
      <c r="X4198" s="2">
        <v>7.6</v>
      </c>
      <c r="Y4198" s="2">
        <v>16.7</v>
      </c>
      <c r="Z4198" s="5"/>
      <c r="AA4198" s="5" t="s">
        <v>43</v>
      </c>
      <c r="AB4198" s="5" t="s">
        <v>44</v>
      </c>
      <c r="AC4198" s="2"/>
      <c r="AD4198" s="1"/>
    </row>
    <row r="4199" spans="1:30">
      <c r="A4199" s="5" t="s">
        <v>83578</v>
      </c>
      <c r="B4199" s="2" t="s">
        <v>96199</v>
      </c>
      <c r="C4199" s="14" t="s">
        <v>96200</v>
      </c>
      <c r="D4199" s="2" t="s">
        <v>96201</v>
      </c>
      <c r="E4199" s="2" t="s">
        <v>47195</v>
      </c>
      <c r="F4199" s="8">
        <v>333</v>
      </c>
      <c r="G4199" s="5">
        <v>6</v>
      </c>
      <c r="H4199" s="5" t="s">
        <v>1518</v>
      </c>
      <c r="I4199" s="5" t="s">
        <v>40939</v>
      </c>
      <c r="J4199" s="2" t="s">
        <v>40940</v>
      </c>
      <c r="K4199" s="5" t="s">
        <v>40939</v>
      </c>
      <c r="L4199" s="2" t="s">
        <v>40940</v>
      </c>
      <c r="M4199" s="5" t="s">
        <v>36266</v>
      </c>
      <c r="N4199" s="5" t="s">
        <v>38</v>
      </c>
      <c r="O4199" s="5" t="s">
        <v>39</v>
      </c>
      <c r="P4199" s="5" t="s">
        <v>40</v>
      </c>
      <c r="Q4199" s="5" t="s">
        <v>1522</v>
      </c>
      <c r="R4199" s="5" t="s">
        <v>1523</v>
      </c>
      <c r="S4199" s="5" t="s">
        <v>42</v>
      </c>
      <c r="T4199" s="2">
        <v>3.5659999999999998</v>
      </c>
      <c r="U4199" s="2">
        <v>2.9</v>
      </c>
      <c r="V4199" s="2">
        <v>0.02</v>
      </c>
      <c r="W4199" s="2">
        <v>159.1</v>
      </c>
      <c r="X4199" s="2">
        <v>7.6</v>
      </c>
      <c r="Y4199" s="2">
        <v>16.7</v>
      </c>
      <c r="Z4199" s="5"/>
      <c r="AA4199" s="5" t="s">
        <v>43</v>
      </c>
      <c r="AB4199" s="5" t="s">
        <v>44</v>
      </c>
      <c r="AC4199" s="2"/>
      <c r="AD4199" s="1"/>
    </row>
    <row r="4200" spans="1:30">
      <c r="A4200" s="5" t="s">
        <v>83578</v>
      </c>
      <c r="B4200" s="2" t="s">
        <v>96202</v>
      </c>
      <c r="C4200" s="14" t="s">
        <v>96203</v>
      </c>
      <c r="D4200" s="2" t="s">
        <v>96204</v>
      </c>
      <c r="E4200" s="2" t="s">
        <v>7521</v>
      </c>
      <c r="F4200" s="8">
        <v>307</v>
      </c>
      <c r="G4200" s="5">
        <v>6</v>
      </c>
      <c r="H4200" s="5" t="s">
        <v>1518</v>
      </c>
      <c r="I4200" s="5" t="s">
        <v>40939</v>
      </c>
      <c r="J4200" s="2" t="s">
        <v>40940</v>
      </c>
      <c r="K4200" s="5" t="s">
        <v>40939</v>
      </c>
      <c r="L4200" s="2" t="s">
        <v>40940</v>
      </c>
      <c r="M4200" s="5" t="s">
        <v>36266</v>
      </c>
      <c r="N4200" s="5" t="s">
        <v>38</v>
      </c>
      <c r="O4200" s="5" t="s">
        <v>39</v>
      </c>
      <c r="P4200" s="5" t="s">
        <v>40</v>
      </c>
      <c r="Q4200" s="5" t="s">
        <v>1522</v>
      </c>
      <c r="R4200" s="5" t="s">
        <v>1523</v>
      </c>
      <c r="S4200" s="5" t="s">
        <v>42</v>
      </c>
      <c r="T4200" s="2">
        <v>3.5779999999999998</v>
      </c>
      <c r="U4200" s="2">
        <v>2.9119999999999999</v>
      </c>
      <c r="V4200" s="2">
        <v>0.02</v>
      </c>
      <c r="W4200" s="2">
        <v>159.1</v>
      </c>
      <c r="X4200" s="2">
        <v>7.6</v>
      </c>
      <c r="Y4200" s="2">
        <v>16.7</v>
      </c>
      <c r="Z4200" s="5"/>
      <c r="AA4200" s="5" t="s">
        <v>43</v>
      </c>
      <c r="AB4200" s="5" t="s">
        <v>44</v>
      </c>
      <c r="AC4200" s="2"/>
      <c r="AD4200" s="1"/>
    </row>
    <row r="4201" spans="1:30">
      <c r="A4201" s="5" t="s">
        <v>83578</v>
      </c>
      <c r="B4201" s="2" t="s">
        <v>96205</v>
      </c>
      <c r="C4201" s="14" t="s">
        <v>96206</v>
      </c>
      <c r="D4201" s="2" t="s">
        <v>96207</v>
      </c>
      <c r="E4201" s="2" t="s">
        <v>36273</v>
      </c>
      <c r="F4201" s="8">
        <v>307</v>
      </c>
      <c r="G4201" s="5">
        <v>6</v>
      </c>
      <c r="H4201" s="5" t="s">
        <v>1518</v>
      </c>
      <c r="I4201" s="5" t="s">
        <v>40939</v>
      </c>
      <c r="J4201" s="2" t="s">
        <v>40940</v>
      </c>
      <c r="K4201" s="5" t="s">
        <v>40939</v>
      </c>
      <c r="L4201" s="2" t="s">
        <v>40940</v>
      </c>
      <c r="M4201" s="5" t="s">
        <v>36266</v>
      </c>
      <c r="N4201" s="5" t="s">
        <v>38</v>
      </c>
      <c r="O4201" s="5" t="s">
        <v>39</v>
      </c>
      <c r="P4201" s="5" t="s">
        <v>40</v>
      </c>
      <c r="Q4201" s="5" t="s">
        <v>1522</v>
      </c>
      <c r="R4201" s="5" t="s">
        <v>1523</v>
      </c>
      <c r="S4201" s="5" t="s">
        <v>42</v>
      </c>
      <c r="T4201" s="2">
        <v>3.5070000000000001</v>
      </c>
      <c r="U4201" s="2">
        <v>2.8410000000000002</v>
      </c>
      <c r="V4201" s="2">
        <v>0.02</v>
      </c>
      <c r="W4201" s="2">
        <v>159.1</v>
      </c>
      <c r="X4201" s="2">
        <v>7.6</v>
      </c>
      <c r="Y4201" s="2">
        <v>16.7</v>
      </c>
      <c r="Z4201" s="5"/>
      <c r="AA4201" s="5" t="s">
        <v>43</v>
      </c>
      <c r="AB4201" s="5" t="s">
        <v>44</v>
      </c>
      <c r="AC4201" s="2"/>
      <c r="AD4201" s="1"/>
    </row>
    <row r="4202" spans="1:30">
      <c r="A4202" s="5" t="s">
        <v>83578</v>
      </c>
      <c r="B4202" s="2" t="s">
        <v>96208</v>
      </c>
      <c r="C4202" s="14" t="s">
        <v>96209</v>
      </c>
      <c r="D4202" s="2" t="s">
        <v>96210</v>
      </c>
      <c r="E4202" s="2" t="s">
        <v>36277</v>
      </c>
      <c r="F4202" s="8">
        <v>307</v>
      </c>
      <c r="G4202" s="5">
        <v>6</v>
      </c>
      <c r="H4202" s="5" t="s">
        <v>1518</v>
      </c>
      <c r="I4202" s="5" t="s">
        <v>40939</v>
      </c>
      <c r="J4202" s="2" t="s">
        <v>40940</v>
      </c>
      <c r="K4202" s="5" t="s">
        <v>40939</v>
      </c>
      <c r="L4202" s="2" t="s">
        <v>40940</v>
      </c>
      <c r="M4202" s="5" t="s">
        <v>36266</v>
      </c>
      <c r="N4202" s="5" t="s">
        <v>38</v>
      </c>
      <c r="O4202" s="5" t="s">
        <v>39</v>
      </c>
      <c r="P4202" s="5" t="s">
        <v>40</v>
      </c>
      <c r="Q4202" s="5" t="s">
        <v>1522</v>
      </c>
      <c r="R4202" s="5" t="s">
        <v>1523</v>
      </c>
      <c r="S4202" s="5" t="s">
        <v>42</v>
      </c>
      <c r="T4202" s="2">
        <v>3.6019999999999999</v>
      </c>
      <c r="U4202" s="2">
        <v>2.9359999999999999</v>
      </c>
      <c r="V4202" s="2">
        <v>0.02</v>
      </c>
      <c r="W4202" s="2">
        <v>159.1</v>
      </c>
      <c r="X4202" s="2">
        <v>7.6</v>
      </c>
      <c r="Y4202" s="2">
        <v>16.7</v>
      </c>
      <c r="Z4202" s="5"/>
      <c r="AA4202" s="5" t="s">
        <v>43</v>
      </c>
      <c r="AB4202" s="5" t="s">
        <v>44</v>
      </c>
      <c r="AC4202" s="2"/>
      <c r="AD4202" s="1"/>
    </row>
    <row r="4203" spans="1:30">
      <c r="A4203" s="5" t="s">
        <v>83578</v>
      </c>
      <c r="B4203" s="2" t="s">
        <v>96211</v>
      </c>
      <c r="C4203" s="14" t="s">
        <v>96212</v>
      </c>
      <c r="D4203" s="2" t="s">
        <v>96213</v>
      </c>
      <c r="E4203" s="2" t="s">
        <v>47226</v>
      </c>
      <c r="F4203" s="8">
        <v>333</v>
      </c>
      <c r="G4203" s="5">
        <v>6</v>
      </c>
      <c r="H4203" s="5" t="s">
        <v>1518</v>
      </c>
      <c r="I4203" s="5" t="s">
        <v>40939</v>
      </c>
      <c r="J4203" s="2" t="s">
        <v>40940</v>
      </c>
      <c r="K4203" s="5" t="s">
        <v>40939</v>
      </c>
      <c r="L4203" s="2" t="s">
        <v>40940</v>
      </c>
      <c r="M4203" s="5" t="s">
        <v>36266</v>
      </c>
      <c r="N4203" s="5" t="s">
        <v>38</v>
      </c>
      <c r="O4203" s="5" t="s">
        <v>39</v>
      </c>
      <c r="P4203" s="5" t="s">
        <v>40</v>
      </c>
      <c r="Q4203" s="5" t="s">
        <v>1522</v>
      </c>
      <c r="R4203" s="5" t="s">
        <v>1523</v>
      </c>
      <c r="S4203" s="5" t="s">
        <v>42</v>
      </c>
      <c r="T4203" s="2">
        <v>3.4830000000000001</v>
      </c>
      <c r="U4203" s="2">
        <v>2.8170000000000002</v>
      </c>
      <c r="V4203" s="2">
        <v>0.02</v>
      </c>
      <c r="W4203" s="2">
        <v>159.1</v>
      </c>
      <c r="X4203" s="2">
        <v>7.6</v>
      </c>
      <c r="Y4203" s="2">
        <v>16.7</v>
      </c>
      <c r="Z4203" s="5"/>
      <c r="AA4203" s="5" t="s">
        <v>43</v>
      </c>
      <c r="AB4203" s="5" t="s">
        <v>44</v>
      </c>
      <c r="AC4203" s="2"/>
      <c r="AD4203" s="1"/>
    </row>
    <row r="4204" spans="1:30">
      <c r="A4204" s="5" t="s">
        <v>83578</v>
      </c>
      <c r="B4204" s="2" t="s">
        <v>96214</v>
      </c>
      <c r="C4204" s="14" t="s">
        <v>96215</v>
      </c>
      <c r="D4204" s="2" t="s">
        <v>96216</v>
      </c>
      <c r="E4204" s="2" t="s">
        <v>47735</v>
      </c>
      <c r="F4204" s="8">
        <v>333</v>
      </c>
      <c r="G4204" s="5">
        <v>6</v>
      </c>
      <c r="H4204" s="5" t="s">
        <v>1518</v>
      </c>
      <c r="I4204" s="5" t="s">
        <v>40939</v>
      </c>
      <c r="J4204" s="2" t="s">
        <v>40940</v>
      </c>
      <c r="K4204" s="5" t="s">
        <v>40939</v>
      </c>
      <c r="L4204" s="2" t="s">
        <v>40940</v>
      </c>
      <c r="M4204" s="5" t="s">
        <v>36266</v>
      </c>
      <c r="N4204" s="5" t="s">
        <v>38</v>
      </c>
      <c r="O4204" s="5" t="s">
        <v>39</v>
      </c>
      <c r="P4204" s="5" t="s">
        <v>40</v>
      </c>
      <c r="Q4204" s="5" t="s">
        <v>1522</v>
      </c>
      <c r="R4204" s="5" t="s">
        <v>1523</v>
      </c>
      <c r="S4204" s="5" t="s">
        <v>42</v>
      </c>
      <c r="T4204" s="2">
        <v>3.5779999999999998</v>
      </c>
      <c r="U4204" s="2">
        <v>2.9119999999999999</v>
      </c>
      <c r="V4204" s="2">
        <v>0.02</v>
      </c>
      <c r="W4204" s="2">
        <v>159.1</v>
      </c>
      <c r="X4204" s="2">
        <v>7.6</v>
      </c>
      <c r="Y4204" s="2">
        <v>16.7</v>
      </c>
      <c r="Z4204" s="5"/>
      <c r="AA4204" s="5" t="s">
        <v>43</v>
      </c>
      <c r="AB4204" s="5" t="s">
        <v>44</v>
      </c>
      <c r="AC4204" s="2"/>
      <c r="AD4204" s="1"/>
    </row>
    <row r="4205" spans="1:30">
      <c r="A4205" s="5" t="s">
        <v>83578</v>
      </c>
      <c r="B4205" s="2" t="s">
        <v>96217</v>
      </c>
      <c r="C4205" s="14" t="s">
        <v>96218</v>
      </c>
      <c r="D4205" s="2" t="s">
        <v>96219</v>
      </c>
      <c r="E4205" s="2" t="s">
        <v>7539</v>
      </c>
      <c r="F4205" s="8">
        <v>333</v>
      </c>
      <c r="G4205" s="5">
        <v>6</v>
      </c>
      <c r="H4205" s="5" t="s">
        <v>1518</v>
      </c>
      <c r="I4205" s="5" t="s">
        <v>40939</v>
      </c>
      <c r="J4205" s="2" t="s">
        <v>40940</v>
      </c>
      <c r="K4205" s="5" t="s">
        <v>40939</v>
      </c>
      <c r="L4205" s="2" t="s">
        <v>40940</v>
      </c>
      <c r="M4205" s="5" t="s">
        <v>36266</v>
      </c>
      <c r="N4205" s="5" t="s">
        <v>38</v>
      </c>
      <c r="O4205" s="5" t="s">
        <v>39</v>
      </c>
      <c r="P4205" s="5" t="s">
        <v>40</v>
      </c>
      <c r="Q4205" s="5" t="s">
        <v>1522</v>
      </c>
      <c r="R4205" s="5" t="s">
        <v>1523</v>
      </c>
      <c r="S4205" s="5" t="s">
        <v>42</v>
      </c>
      <c r="T4205" s="2">
        <v>3.423</v>
      </c>
      <c r="U4205" s="2">
        <v>2.7570000000000001</v>
      </c>
      <c r="V4205" s="2">
        <v>0.02</v>
      </c>
      <c r="W4205" s="2">
        <v>159.1</v>
      </c>
      <c r="X4205" s="2">
        <v>7.6</v>
      </c>
      <c r="Y4205" s="2">
        <v>16.7</v>
      </c>
      <c r="Z4205" s="5"/>
      <c r="AA4205" s="5" t="s">
        <v>43</v>
      </c>
      <c r="AB4205" s="5" t="s">
        <v>44</v>
      </c>
      <c r="AC4205" s="2"/>
      <c r="AD4205" s="1"/>
    </row>
    <row r="4206" spans="1:30">
      <c r="A4206" s="5" t="s">
        <v>83578</v>
      </c>
      <c r="B4206" s="2" t="s">
        <v>96220</v>
      </c>
      <c r="C4206" s="14" t="s">
        <v>96221</v>
      </c>
      <c r="D4206" s="2" t="s">
        <v>96222</v>
      </c>
      <c r="E4206" s="2" t="s">
        <v>7543</v>
      </c>
      <c r="F4206" s="8">
        <v>333</v>
      </c>
      <c r="G4206" s="5">
        <v>6</v>
      </c>
      <c r="H4206" s="5" t="s">
        <v>1518</v>
      </c>
      <c r="I4206" s="5" t="s">
        <v>40939</v>
      </c>
      <c r="J4206" s="2" t="s">
        <v>40940</v>
      </c>
      <c r="K4206" s="5" t="s">
        <v>40939</v>
      </c>
      <c r="L4206" s="2" t="s">
        <v>40940</v>
      </c>
      <c r="M4206" s="5" t="s">
        <v>36266</v>
      </c>
      <c r="N4206" s="5" t="s">
        <v>38</v>
      </c>
      <c r="O4206" s="5" t="s">
        <v>39</v>
      </c>
      <c r="P4206" s="5" t="s">
        <v>40</v>
      </c>
      <c r="Q4206" s="5" t="s">
        <v>1522</v>
      </c>
      <c r="R4206" s="5" t="s">
        <v>1523</v>
      </c>
      <c r="S4206" s="5" t="s">
        <v>42</v>
      </c>
      <c r="T4206" s="2">
        <v>3.5179999999999998</v>
      </c>
      <c r="U4206" s="2">
        <v>2.8519999999999999</v>
      </c>
      <c r="V4206" s="2">
        <v>0.02</v>
      </c>
      <c r="W4206" s="2">
        <v>159.1</v>
      </c>
      <c r="X4206" s="2">
        <v>7.6</v>
      </c>
      <c r="Y4206" s="2">
        <v>16.7</v>
      </c>
      <c r="Z4206" s="5"/>
      <c r="AA4206" s="5" t="s">
        <v>43</v>
      </c>
      <c r="AB4206" s="5" t="s">
        <v>44</v>
      </c>
      <c r="AC4206" s="2"/>
      <c r="AD4206" s="1"/>
    </row>
    <row r="4207" spans="1:30">
      <c r="A4207" s="5" t="s">
        <v>83578</v>
      </c>
      <c r="B4207" s="2" t="s">
        <v>96223</v>
      </c>
      <c r="C4207" s="14" t="s">
        <v>96224</v>
      </c>
      <c r="D4207" s="2" t="s">
        <v>96225</v>
      </c>
      <c r="E4207" s="2" t="s">
        <v>40989</v>
      </c>
      <c r="F4207" s="8">
        <v>333</v>
      </c>
      <c r="G4207" s="5">
        <v>6</v>
      </c>
      <c r="H4207" s="5" t="s">
        <v>1518</v>
      </c>
      <c r="I4207" s="5" t="s">
        <v>40939</v>
      </c>
      <c r="J4207" s="2" t="s">
        <v>40940</v>
      </c>
      <c r="K4207" s="5" t="s">
        <v>40939</v>
      </c>
      <c r="L4207" s="2" t="s">
        <v>40940</v>
      </c>
      <c r="M4207" s="5" t="s">
        <v>36266</v>
      </c>
      <c r="N4207" s="5" t="s">
        <v>38</v>
      </c>
      <c r="O4207" s="5" t="s">
        <v>39</v>
      </c>
      <c r="P4207" s="5" t="s">
        <v>40</v>
      </c>
      <c r="Q4207" s="5" t="s">
        <v>1522</v>
      </c>
      <c r="R4207" s="5" t="s">
        <v>1523</v>
      </c>
      <c r="S4207" s="5" t="s">
        <v>42</v>
      </c>
      <c r="T4207" s="2">
        <v>3.4830000000000001</v>
      </c>
      <c r="U4207" s="2">
        <v>2.8170000000000002</v>
      </c>
      <c r="V4207" s="2">
        <v>0.02</v>
      </c>
      <c r="W4207" s="2">
        <v>159.1</v>
      </c>
      <c r="X4207" s="2">
        <v>7.6</v>
      </c>
      <c r="Y4207" s="2">
        <v>16.7</v>
      </c>
      <c r="Z4207" s="5"/>
      <c r="AA4207" s="5" t="s">
        <v>43</v>
      </c>
      <c r="AB4207" s="5" t="s">
        <v>44</v>
      </c>
      <c r="AC4207" s="2"/>
      <c r="AD4207" s="1"/>
    </row>
    <row r="4208" spans="1:30">
      <c r="A4208" s="5" t="s">
        <v>83578</v>
      </c>
      <c r="B4208" s="2" t="s">
        <v>96226</v>
      </c>
      <c r="C4208" s="14" t="s">
        <v>96227</v>
      </c>
      <c r="D4208" s="2" t="s">
        <v>96228</v>
      </c>
      <c r="E4208" s="2" t="s">
        <v>40993</v>
      </c>
      <c r="F4208" s="8">
        <v>333</v>
      </c>
      <c r="G4208" s="5">
        <v>6</v>
      </c>
      <c r="H4208" s="5" t="s">
        <v>1518</v>
      </c>
      <c r="I4208" s="5" t="s">
        <v>40939</v>
      </c>
      <c r="J4208" s="2" t="s">
        <v>40940</v>
      </c>
      <c r="K4208" s="5" t="s">
        <v>40939</v>
      </c>
      <c r="L4208" s="2" t="s">
        <v>40940</v>
      </c>
      <c r="M4208" s="5" t="s">
        <v>36266</v>
      </c>
      <c r="N4208" s="5" t="s">
        <v>38</v>
      </c>
      <c r="O4208" s="5" t="s">
        <v>39</v>
      </c>
      <c r="P4208" s="5" t="s">
        <v>40</v>
      </c>
      <c r="Q4208" s="5" t="s">
        <v>1522</v>
      </c>
      <c r="R4208" s="5" t="s">
        <v>1523</v>
      </c>
      <c r="S4208" s="5" t="s">
        <v>42</v>
      </c>
      <c r="T4208" s="2">
        <v>3.5779999999999998</v>
      </c>
      <c r="U4208" s="2">
        <v>2.9119999999999999</v>
      </c>
      <c r="V4208" s="2">
        <v>0.02</v>
      </c>
      <c r="W4208" s="2">
        <v>159.1</v>
      </c>
      <c r="X4208" s="2">
        <v>7.6</v>
      </c>
      <c r="Y4208" s="2">
        <v>16.7</v>
      </c>
      <c r="Z4208" s="5"/>
      <c r="AA4208" s="5" t="s">
        <v>43</v>
      </c>
      <c r="AB4208" s="5" t="s">
        <v>44</v>
      </c>
      <c r="AC4208" s="2"/>
      <c r="AD4208" s="1"/>
    </row>
    <row r="4209" spans="1:30">
      <c r="A4209" s="5" t="s">
        <v>83578</v>
      </c>
      <c r="B4209" s="2" t="s">
        <v>96229</v>
      </c>
      <c r="C4209" s="14" t="s">
        <v>96230</v>
      </c>
      <c r="D4209" s="2" t="s">
        <v>96231</v>
      </c>
      <c r="E4209" s="2" t="s">
        <v>40997</v>
      </c>
      <c r="F4209" s="8">
        <v>333</v>
      </c>
      <c r="G4209" s="5">
        <v>6</v>
      </c>
      <c r="H4209" s="5" t="s">
        <v>1518</v>
      </c>
      <c r="I4209" s="5" t="s">
        <v>40939</v>
      </c>
      <c r="J4209" s="2" t="s">
        <v>40940</v>
      </c>
      <c r="K4209" s="5" t="s">
        <v>40939</v>
      </c>
      <c r="L4209" s="2" t="s">
        <v>40940</v>
      </c>
      <c r="M4209" s="5" t="s">
        <v>36266</v>
      </c>
      <c r="N4209" s="5" t="s">
        <v>38</v>
      </c>
      <c r="O4209" s="5" t="s">
        <v>39</v>
      </c>
      <c r="P4209" s="5" t="s">
        <v>40</v>
      </c>
      <c r="Q4209" s="5" t="s">
        <v>1522</v>
      </c>
      <c r="R4209" s="5" t="s">
        <v>1523</v>
      </c>
      <c r="S4209" s="5" t="s">
        <v>42</v>
      </c>
      <c r="T4209" s="2">
        <v>3.4350000000000001</v>
      </c>
      <c r="U4209" s="2">
        <v>2.7690000000000001</v>
      </c>
      <c r="V4209" s="2">
        <v>0.02</v>
      </c>
      <c r="W4209" s="2">
        <v>159.1</v>
      </c>
      <c r="X4209" s="2">
        <v>7.6</v>
      </c>
      <c r="Y4209" s="2">
        <v>16.7</v>
      </c>
      <c r="Z4209" s="5"/>
      <c r="AA4209" s="5" t="s">
        <v>43</v>
      </c>
      <c r="AB4209" s="5" t="s">
        <v>44</v>
      </c>
      <c r="AC4209" s="2"/>
      <c r="AD4209" s="1"/>
    </row>
    <row r="4210" spans="1:30">
      <c r="A4210" s="5" t="s">
        <v>83578</v>
      </c>
      <c r="B4210" s="2" t="s">
        <v>96232</v>
      </c>
      <c r="C4210" s="14" t="s">
        <v>96233</v>
      </c>
      <c r="D4210" s="2" t="s">
        <v>96234</v>
      </c>
      <c r="E4210" s="2" t="s">
        <v>41267</v>
      </c>
      <c r="F4210" s="8">
        <v>333</v>
      </c>
      <c r="G4210" s="5">
        <v>6</v>
      </c>
      <c r="H4210" s="5" t="s">
        <v>1518</v>
      </c>
      <c r="I4210" s="5" t="s">
        <v>40939</v>
      </c>
      <c r="J4210" s="2" t="s">
        <v>40940</v>
      </c>
      <c r="K4210" s="5" t="s">
        <v>40939</v>
      </c>
      <c r="L4210" s="2" t="s">
        <v>40940</v>
      </c>
      <c r="M4210" s="5" t="s">
        <v>36266</v>
      </c>
      <c r="N4210" s="5" t="s">
        <v>38</v>
      </c>
      <c r="O4210" s="5" t="s">
        <v>39</v>
      </c>
      <c r="P4210" s="5" t="s">
        <v>40</v>
      </c>
      <c r="Q4210" s="5" t="s">
        <v>1522</v>
      </c>
      <c r="R4210" s="5" t="s">
        <v>1523</v>
      </c>
      <c r="S4210" s="5" t="s">
        <v>42</v>
      </c>
      <c r="T4210" s="2">
        <v>3.53</v>
      </c>
      <c r="U4210" s="2">
        <v>2.8639999999999999</v>
      </c>
      <c r="V4210" s="2">
        <v>0.02</v>
      </c>
      <c r="W4210" s="2">
        <v>159.1</v>
      </c>
      <c r="X4210" s="2">
        <v>7.6</v>
      </c>
      <c r="Y4210" s="2">
        <v>16.7</v>
      </c>
      <c r="Z4210" s="5"/>
      <c r="AA4210" s="5" t="s">
        <v>43</v>
      </c>
      <c r="AB4210" s="5" t="s">
        <v>44</v>
      </c>
      <c r="AC4210" s="2"/>
      <c r="AD4210" s="1"/>
    </row>
    <row r="4211" spans="1:30">
      <c r="A4211" s="5" t="s">
        <v>83578</v>
      </c>
      <c r="B4211" s="2" t="s">
        <v>96235</v>
      </c>
      <c r="C4211" s="14" t="s">
        <v>96236</v>
      </c>
      <c r="D4211" s="2" t="s">
        <v>96237</v>
      </c>
      <c r="E4211" s="2" t="s">
        <v>41001</v>
      </c>
      <c r="F4211" s="8">
        <v>333</v>
      </c>
      <c r="G4211" s="5">
        <v>6</v>
      </c>
      <c r="H4211" s="5" t="s">
        <v>1518</v>
      </c>
      <c r="I4211" s="5" t="s">
        <v>40939</v>
      </c>
      <c r="J4211" s="2" t="s">
        <v>40940</v>
      </c>
      <c r="K4211" s="5" t="s">
        <v>40939</v>
      </c>
      <c r="L4211" s="2" t="s">
        <v>40940</v>
      </c>
      <c r="M4211" s="5" t="s">
        <v>36266</v>
      </c>
      <c r="N4211" s="5" t="s">
        <v>38</v>
      </c>
      <c r="O4211" s="5" t="s">
        <v>39</v>
      </c>
      <c r="P4211" s="5" t="s">
        <v>40</v>
      </c>
      <c r="Q4211" s="5" t="s">
        <v>1522</v>
      </c>
      <c r="R4211" s="5" t="s">
        <v>1523</v>
      </c>
      <c r="S4211" s="5" t="s">
        <v>42</v>
      </c>
      <c r="T4211" s="2">
        <v>3.4830000000000001</v>
      </c>
      <c r="U4211" s="2">
        <v>2.8170000000000002</v>
      </c>
      <c r="V4211" s="2">
        <v>0.02</v>
      </c>
      <c r="W4211" s="2">
        <v>159.1</v>
      </c>
      <c r="X4211" s="2">
        <v>7.6</v>
      </c>
      <c r="Y4211" s="2">
        <v>16.7</v>
      </c>
      <c r="Z4211" s="5"/>
      <c r="AA4211" s="5" t="s">
        <v>43</v>
      </c>
      <c r="AB4211" s="5" t="s">
        <v>44</v>
      </c>
      <c r="AC4211" s="2"/>
      <c r="AD4211" s="1"/>
    </row>
    <row r="4212" spans="1:30">
      <c r="A4212" s="5" t="s">
        <v>83578</v>
      </c>
      <c r="B4212" s="2" t="s">
        <v>96238</v>
      </c>
      <c r="C4212" s="14" t="s">
        <v>96239</v>
      </c>
      <c r="D4212" s="2" t="s">
        <v>96240</v>
      </c>
      <c r="E4212" s="2" t="s">
        <v>41005</v>
      </c>
      <c r="F4212" s="8">
        <v>333</v>
      </c>
      <c r="G4212" s="5">
        <v>6</v>
      </c>
      <c r="H4212" s="5" t="s">
        <v>1518</v>
      </c>
      <c r="I4212" s="5" t="s">
        <v>40939</v>
      </c>
      <c r="J4212" s="2" t="s">
        <v>40940</v>
      </c>
      <c r="K4212" s="5" t="s">
        <v>40939</v>
      </c>
      <c r="L4212" s="2" t="s">
        <v>40940</v>
      </c>
      <c r="M4212" s="5" t="s">
        <v>36266</v>
      </c>
      <c r="N4212" s="5" t="s">
        <v>38</v>
      </c>
      <c r="O4212" s="5" t="s">
        <v>39</v>
      </c>
      <c r="P4212" s="5" t="s">
        <v>40</v>
      </c>
      <c r="Q4212" s="5" t="s">
        <v>1522</v>
      </c>
      <c r="R4212" s="5" t="s">
        <v>1523</v>
      </c>
      <c r="S4212" s="5" t="s">
        <v>42</v>
      </c>
      <c r="T4212" s="2">
        <v>3.5779999999999998</v>
      </c>
      <c r="U4212" s="2">
        <v>2.9119999999999999</v>
      </c>
      <c r="V4212" s="2">
        <v>0.02</v>
      </c>
      <c r="W4212" s="2">
        <v>159.1</v>
      </c>
      <c r="X4212" s="2">
        <v>7.6</v>
      </c>
      <c r="Y4212" s="2">
        <v>16.7</v>
      </c>
      <c r="Z4212" s="5"/>
      <c r="AA4212" s="5" t="s">
        <v>43</v>
      </c>
      <c r="AB4212" s="5" t="s">
        <v>44</v>
      </c>
      <c r="AC4212" s="2"/>
      <c r="AD4212" s="1"/>
    </row>
    <row r="4213" spans="1:30">
      <c r="A4213" s="5" t="s">
        <v>83578</v>
      </c>
      <c r="B4213" s="2" t="s">
        <v>96241</v>
      </c>
      <c r="C4213" s="14" t="s">
        <v>96242</v>
      </c>
      <c r="D4213" s="2" t="s">
        <v>96243</v>
      </c>
      <c r="E4213" s="2" t="s">
        <v>41009</v>
      </c>
      <c r="F4213" s="8">
        <v>333</v>
      </c>
      <c r="G4213" s="5">
        <v>6</v>
      </c>
      <c r="H4213" s="5" t="s">
        <v>1518</v>
      </c>
      <c r="I4213" s="5" t="s">
        <v>40939</v>
      </c>
      <c r="J4213" s="2" t="s">
        <v>40940</v>
      </c>
      <c r="K4213" s="5" t="s">
        <v>40939</v>
      </c>
      <c r="L4213" s="2" t="s">
        <v>40940</v>
      </c>
      <c r="M4213" s="5" t="s">
        <v>36266</v>
      </c>
      <c r="N4213" s="5" t="s">
        <v>38</v>
      </c>
      <c r="O4213" s="5" t="s">
        <v>39</v>
      </c>
      <c r="P4213" s="5" t="s">
        <v>40</v>
      </c>
      <c r="Q4213" s="5" t="s">
        <v>1522</v>
      </c>
      <c r="R4213" s="5" t="s">
        <v>1523</v>
      </c>
      <c r="S4213" s="5" t="s">
        <v>42</v>
      </c>
      <c r="T4213" s="2">
        <v>3.4950000000000001</v>
      </c>
      <c r="U4213" s="2">
        <v>2.8290000000000002</v>
      </c>
      <c r="V4213" s="2">
        <v>0.02</v>
      </c>
      <c r="W4213" s="2">
        <v>159.1</v>
      </c>
      <c r="X4213" s="2">
        <v>7.6</v>
      </c>
      <c r="Y4213" s="2">
        <v>16.7</v>
      </c>
      <c r="Z4213" s="5"/>
      <c r="AA4213" s="5" t="s">
        <v>43</v>
      </c>
      <c r="AB4213" s="5" t="s">
        <v>44</v>
      </c>
      <c r="AC4213" s="2"/>
      <c r="AD4213" s="1"/>
    </row>
    <row r="4214" spans="1:30">
      <c r="A4214" s="5" t="s">
        <v>83578</v>
      </c>
      <c r="B4214" s="2" t="s">
        <v>96244</v>
      </c>
      <c r="C4214" s="14" t="s">
        <v>96245</v>
      </c>
      <c r="D4214" s="2" t="s">
        <v>96246</v>
      </c>
      <c r="E4214" s="2" t="s">
        <v>41013</v>
      </c>
      <c r="F4214" s="8">
        <v>333</v>
      </c>
      <c r="G4214" s="5">
        <v>6</v>
      </c>
      <c r="H4214" s="5" t="s">
        <v>1518</v>
      </c>
      <c r="I4214" s="5" t="s">
        <v>40939</v>
      </c>
      <c r="J4214" s="2" t="s">
        <v>40940</v>
      </c>
      <c r="K4214" s="5" t="s">
        <v>40939</v>
      </c>
      <c r="L4214" s="2" t="s">
        <v>40940</v>
      </c>
      <c r="M4214" s="5" t="s">
        <v>36266</v>
      </c>
      <c r="N4214" s="5" t="s">
        <v>38</v>
      </c>
      <c r="O4214" s="5" t="s">
        <v>39</v>
      </c>
      <c r="P4214" s="5" t="s">
        <v>40</v>
      </c>
      <c r="Q4214" s="5" t="s">
        <v>1522</v>
      </c>
      <c r="R4214" s="5" t="s">
        <v>1523</v>
      </c>
      <c r="S4214" s="5" t="s">
        <v>42</v>
      </c>
      <c r="T4214" s="2">
        <v>3.59</v>
      </c>
      <c r="U4214" s="2">
        <v>2.9239999999999999</v>
      </c>
      <c r="V4214" s="2">
        <v>0.02</v>
      </c>
      <c r="W4214" s="2">
        <v>159.1</v>
      </c>
      <c r="X4214" s="2">
        <v>7.6</v>
      </c>
      <c r="Y4214" s="2">
        <v>16.7</v>
      </c>
      <c r="Z4214" s="5"/>
      <c r="AA4214" s="5" t="s">
        <v>43</v>
      </c>
      <c r="AB4214" s="5" t="s">
        <v>44</v>
      </c>
      <c r="AC4214" s="2"/>
      <c r="AD4214" s="1"/>
    </row>
    <row r="4215" spans="1:30">
      <c r="A4215" s="5" t="s">
        <v>83578</v>
      </c>
      <c r="B4215" s="2" t="s">
        <v>96247</v>
      </c>
      <c r="C4215" s="14" t="s">
        <v>96248</v>
      </c>
      <c r="D4215" s="2" t="s">
        <v>96249</v>
      </c>
      <c r="E4215" s="2" t="s">
        <v>7396</v>
      </c>
      <c r="F4215" s="8">
        <v>307</v>
      </c>
      <c r="G4215" s="5">
        <v>6</v>
      </c>
      <c r="H4215" s="5" t="s">
        <v>1518</v>
      </c>
      <c r="I4215" s="5" t="s">
        <v>40939</v>
      </c>
      <c r="J4215" s="2" t="s">
        <v>40940</v>
      </c>
      <c r="K4215" s="5" t="s">
        <v>40939</v>
      </c>
      <c r="L4215" s="2" t="s">
        <v>40940</v>
      </c>
      <c r="M4215" s="5" t="s">
        <v>36266</v>
      </c>
      <c r="N4215" s="5" t="s">
        <v>38</v>
      </c>
      <c r="O4215" s="5" t="s">
        <v>39</v>
      </c>
      <c r="P4215" s="5" t="s">
        <v>40</v>
      </c>
      <c r="Q4215" s="5" t="s">
        <v>1522</v>
      </c>
      <c r="R4215" s="5" t="s">
        <v>1523</v>
      </c>
      <c r="S4215" s="5" t="s">
        <v>42</v>
      </c>
      <c r="T4215" s="2">
        <v>3.4950000000000001</v>
      </c>
      <c r="U4215" s="2">
        <v>2.8290000000000002</v>
      </c>
      <c r="V4215" s="2">
        <v>0.02</v>
      </c>
      <c r="W4215" s="2">
        <v>159.1</v>
      </c>
      <c r="X4215" s="2">
        <v>7.6</v>
      </c>
      <c r="Y4215" s="2">
        <v>16.7</v>
      </c>
      <c r="Z4215" s="5"/>
      <c r="AA4215" s="5" t="s">
        <v>43</v>
      </c>
      <c r="AB4215" s="5" t="s">
        <v>44</v>
      </c>
      <c r="AC4215" s="2"/>
      <c r="AD4215" s="1"/>
    </row>
    <row r="4216" spans="1:30">
      <c r="A4216" s="5" t="s">
        <v>83578</v>
      </c>
      <c r="B4216" s="2" t="s">
        <v>96250</v>
      </c>
      <c r="C4216" s="14" t="s">
        <v>96251</v>
      </c>
      <c r="D4216" s="2" t="s">
        <v>96252</v>
      </c>
      <c r="E4216" s="2" t="s">
        <v>7507</v>
      </c>
      <c r="F4216" s="8">
        <v>307</v>
      </c>
      <c r="G4216" s="5">
        <v>6</v>
      </c>
      <c r="H4216" s="5" t="s">
        <v>1518</v>
      </c>
      <c r="I4216" s="5" t="s">
        <v>40939</v>
      </c>
      <c r="J4216" s="2" t="s">
        <v>40940</v>
      </c>
      <c r="K4216" s="5" t="s">
        <v>40939</v>
      </c>
      <c r="L4216" s="2" t="s">
        <v>40940</v>
      </c>
      <c r="M4216" s="5" t="s">
        <v>36266</v>
      </c>
      <c r="N4216" s="5" t="s">
        <v>38</v>
      </c>
      <c r="O4216" s="5" t="s">
        <v>39</v>
      </c>
      <c r="P4216" s="5" t="s">
        <v>40</v>
      </c>
      <c r="Q4216" s="5" t="s">
        <v>1522</v>
      </c>
      <c r="R4216" s="5" t="s">
        <v>1523</v>
      </c>
      <c r="S4216" s="5" t="s">
        <v>42</v>
      </c>
      <c r="T4216" s="2">
        <v>3.59</v>
      </c>
      <c r="U4216" s="2">
        <v>2.9239999999999999</v>
      </c>
      <c r="V4216" s="2">
        <v>0.02</v>
      </c>
      <c r="W4216" s="2">
        <v>159.1</v>
      </c>
      <c r="X4216" s="2">
        <v>7.6</v>
      </c>
      <c r="Y4216" s="2">
        <v>16.7</v>
      </c>
      <c r="Z4216" s="5"/>
      <c r="AA4216" s="5" t="s">
        <v>43</v>
      </c>
      <c r="AB4216" s="5" t="s">
        <v>44</v>
      </c>
      <c r="AC4216" s="2"/>
      <c r="AD4216" s="1"/>
    </row>
    <row r="4217" spans="1:30">
      <c r="A4217" s="5" t="s">
        <v>83578</v>
      </c>
      <c r="B4217" s="2" t="s">
        <v>96253</v>
      </c>
      <c r="C4217" s="14" t="s">
        <v>96254</v>
      </c>
      <c r="D4217" s="2" t="s">
        <v>96255</v>
      </c>
      <c r="E4217" s="2" t="s">
        <v>41023</v>
      </c>
      <c r="F4217" s="8">
        <v>333</v>
      </c>
      <c r="G4217" s="5">
        <v>6</v>
      </c>
      <c r="H4217" s="5" t="s">
        <v>1518</v>
      </c>
      <c r="I4217" s="5" t="s">
        <v>40939</v>
      </c>
      <c r="J4217" s="2" t="s">
        <v>40940</v>
      </c>
      <c r="K4217" s="5" t="s">
        <v>40939</v>
      </c>
      <c r="L4217" s="2" t="s">
        <v>40940</v>
      </c>
      <c r="M4217" s="5" t="s">
        <v>36266</v>
      </c>
      <c r="N4217" s="5" t="s">
        <v>38</v>
      </c>
      <c r="O4217" s="5" t="s">
        <v>39</v>
      </c>
      <c r="P4217" s="5" t="s">
        <v>40</v>
      </c>
      <c r="Q4217" s="5" t="s">
        <v>1522</v>
      </c>
      <c r="R4217" s="5" t="s">
        <v>1523</v>
      </c>
      <c r="S4217" s="5" t="s">
        <v>42</v>
      </c>
      <c r="T4217" s="2">
        <v>3.4350000000000001</v>
      </c>
      <c r="U4217" s="2">
        <v>2.7690000000000001</v>
      </c>
      <c r="V4217" s="2">
        <v>0.02</v>
      </c>
      <c r="W4217" s="2">
        <v>159.1</v>
      </c>
      <c r="X4217" s="2">
        <v>7.6</v>
      </c>
      <c r="Y4217" s="2">
        <v>16.7</v>
      </c>
      <c r="Z4217" s="5"/>
      <c r="AA4217" s="5" t="s">
        <v>43</v>
      </c>
      <c r="AB4217" s="5" t="s">
        <v>44</v>
      </c>
      <c r="AC4217" s="2"/>
      <c r="AD4217" s="1"/>
    </row>
    <row r="4218" spans="1:30">
      <c r="A4218" s="5" t="s">
        <v>83578</v>
      </c>
      <c r="B4218" s="2" t="s">
        <v>96256</v>
      </c>
      <c r="C4218" s="14" t="s">
        <v>96257</v>
      </c>
      <c r="D4218" s="2" t="s">
        <v>96258</v>
      </c>
      <c r="E4218" s="2" t="s">
        <v>41027</v>
      </c>
      <c r="F4218" s="8">
        <v>333</v>
      </c>
      <c r="G4218" s="5">
        <v>6</v>
      </c>
      <c r="H4218" s="5" t="s">
        <v>1518</v>
      </c>
      <c r="I4218" s="5" t="s">
        <v>40939</v>
      </c>
      <c r="J4218" s="2" t="s">
        <v>40940</v>
      </c>
      <c r="K4218" s="5" t="s">
        <v>40939</v>
      </c>
      <c r="L4218" s="2" t="s">
        <v>40940</v>
      </c>
      <c r="M4218" s="5" t="s">
        <v>36266</v>
      </c>
      <c r="N4218" s="5" t="s">
        <v>38</v>
      </c>
      <c r="O4218" s="5" t="s">
        <v>39</v>
      </c>
      <c r="P4218" s="5" t="s">
        <v>40</v>
      </c>
      <c r="Q4218" s="5" t="s">
        <v>1522</v>
      </c>
      <c r="R4218" s="5" t="s">
        <v>1523</v>
      </c>
      <c r="S4218" s="5" t="s">
        <v>42</v>
      </c>
      <c r="T4218" s="2">
        <v>3.53</v>
      </c>
      <c r="U4218" s="2">
        <v>2.8639999999999999</v>
      </c>
      <c r="V4218" s="2">
        <v>0.02</v>
      </c>
      <c r="W4218" s="2">
        <v>159.1</v>
      </c>
      <c r="X4218" s="2">
        <v>7.6</v>
      </c>
      <c r="Y4218" s="2">
        <v>16.7</v>
      </c>
      <c r="Z4218" s="5"/>
      <c r="AA4218" s="5" t="s">
        <v>43</v>
      </c>
      <c r="AB4218" s="5" t="s">
        <v>44</v>
      </c>
      <c r="AC4218" s="2"/>
      <c r="AD4218" s="1"/>
    </row>
    <row r="4219" spans="1:30">
      <c r="A4219" s="5" t="s">
        <v>83578</v>
      </c>
      <c r="B4219" s="2" t="s">
        <v>96259</v>
      </c>
      <c r="C4219" s="14" t="s">
        <v>96260</v>
      </c>
      <c r="D4219" s="2" t="s">
        <v>96261</v>
      </c>
      <c r="E4219" s="2" t="s">
        <v>41031</v>
      </c>
      <c r="F4219" s="8">
        <v>333</v>
      </c>
      <c r="G4219" s="5">
        <v>6</v>
      </c>
      <c r="H4219" s="5" t="s">
        <v>1518</v>
      </c>
      <c r="I4219" s="5" t="s">
        <v>40939</v>
      </c>
      <c r="J4219" s="2" t="s">
        <v>40940</v>
      </c>
      <c r="K4219" s="5" t="s">
        <v>40939</v>
      </c>
      <c r="L4219" s="2" t="s">
        <v>40940</v>
      </c>
      <c r="M4219" s="5" t="s">
        <v>36266</v>
      </c>
      <c r="N4219" s="5" t="s">
        <v>38</v>
      </c>
      <c r="O4219" s="5" t="s">
        <v>39</v>
      </c>
      <c r="P4219" s="5" t="s">
        <v>40</v>
      </c>
      <c r="Q4219" s="5" t="s">
        <v>1522</v>
      </c>
      <c r="R4219" s="5" t="s">
        <v>1523</v>
      </c>
      <c r="S4219" s="5" t="s">
        <v>42</v>
      </c>
      <c r="T4219" s="2">
        <v>3.4350000000000001</v>
      </c>
      <c r="U4219" s="2">
        <v>2.7690000000000001</v>
      </c>
      <c r="V4219" s="2">
        <v>0.02</v>
      </c>
      <c r="W4219" s="2">
        <v>159.1</v>
      </c>
      <c r="X4219" s="2">
        <v>7.6</v>
      </c>
      <c r="Y4219" s="2">
        <v>16.7</v>
      </c>
      <c r="Z4219" s="5"/>
      <c r="AA4219" s="5" t="s">
        <v>43</v>
      </c>
      <c r="AB4219" s="5" t="s">
        <v>44</v>
      </c>
      <c r="AC4219" s="2"/>
      <c r="AD4219" s="1"/>
    </row>
    <row r="4220" spans="1:30">
      <c r="A4220" s="5" t="s">
        <v>83578</v>
      </c>
      <c r="B4220" s="2" t="s">
        <v>96262</v>
      </c>
      <c r="C4220" s="14" t="s">
        <v>96263</v>
      </c>
      <c r="D4220" s="2" t="s">
        <v>96264</v>
      </c>
      <c r="E4220" s="2" t="s">
        <v>41035</v>
      </c>
      <c r="F4220" s="8">
        <v>333</v>
      </c>
      <c r="G4220" s="5">
        <v>6</v>
      </c>
      <c r="H4220" s="5" t="s">
        <v>1518</v>
      </c>
      <c r="I4220" s="5" t="s">
        <v>40939</v>
      </c>
      <c r="J4220" s="2" t="s">
        <v>40940</v>
      </c>
      <c r="K4220" s="5" t="s">
        <v>40939</v>
      </c>
      <c r="L4220" s="2" t="s">
        <v>40940</v>
      </c>
      <c r="M4220" s="5" t="s">
        <v>36266</v>
      </c>
      <c r="N4220" s="5" t="s">
        <v>38</v>
      </c>
      <c r="O4220" s="5" t="s">
        <v>39</v>
      </c>
      <c r="P4220" s="5" t="s">
        <v>40</v>
      </c>
      <c r="Q4220" s="5" t="s">
        <v>1522</v>
      </c>
      <c r="R4220" s="5" t="s">
        <v>1523</v>
      </c>
      <c r="S4220" s="5" t="s">
        <v>42</v>
      </c>
      <c r="T4220" s="2">
        <v>3.53</v>
      </c>
      <c r="U4220" s="2">
        <v>2.8639999999999999</v>
      </c>
      <c r="V4220" s="2">
        <v>0.02</v>
      </c>
      <c r="W4220" s="2">
        <v>159.1</v>
      </c>
      <c r="X4220" s="2">
        <v>7.6</v>
      </c>
      <c r="Y4220" s="2">
        <v>16.7</v>
      </c>
      <c r="Z4220" s="5"/>
      <c r="AA4220" s="5" t="s">
        <v>43</v>
      </c>
      <c r="AB4220" s="5" t="s">
        <v>44</v>
      </c>
      <c r="AC4220" s="2"/>
      <c r="AD4220" s="1"/>
    </row>
    <row r="4221" spans="1:30">
      <c r="A4221" s="5" t="s">
        <v>83578</v>
      </c>
      <c r="B4221" s="2" t="s">
        <v>96265</v>
      </c>
      <c r="C4221" s="14" t="s">
        <v>96266</v>
      </c>
      <c r="D4221" s="2" t="s">
        <v>96267</v>
      </c>
      <c r="E4221" s="2" t="s">
        <v>7449</v>
      </c>
      <c r="F4221" s="8">
        <v>333</v>
      </c>
      <c r="G4221" s="5">
        <v>6</v>
      </c>
      <c r="H4221" s="5" t="s">
        <v>1518</v>
      </c>
      <c r="I4221" s="5" t="s">
        <v>40939</v>
      </c>
      <c r="J4221" s="2" t="s">
        <v>40940</v>
      </c>
      <c r="K4221" s="5" t="s">
        <v>40939</v>
      </c>
      <c r="L4221" s="2" t="s">
        <v>40940</v>
      </c>
      <c r="M4221" s="5" t="s">
        <v>36266</v>
      </c>
      <c r="N4221" s="5" t="s">
        <v>38</v>
      </c>
      <c r="O4221" s="5" t="s">
        <v>39</v>
      </c>
      <c r="P4221" s="5" t="s">
        <v>40</v>
      </c>
      <c r="Q4221" s="5" t="s">
        <v>1522</v>
      </c>
      <c r="R4221" s="5" t="s">
        <v>1523</v>
      </c>
      <c r="S4221" s="5" t="s">
        <v>42</v>
      </c>
      <c r="T4221" s="2">
        <v>3.4350000000000001</v>
      </c>
      <c r="U4221" s="2">
        <v>2.7690000000000001</v>
      </c>
      <c r="V4221" s="2">
        <v>0.02</v>
      </c>
      <c r="W4221" s="2">
        <v>159.1</v>
      </c>
      <c r="X4221" s="2">
        <v>7.6</v>
      </c>
      <c r="Y4221" s="2">
        <v>16.7</v>
      </c>
      <c r="Z4221" s="5"/>
      <c r="AA4221" s="5" t="s">
        <v>43</v>
      </c>
      <c r="AB4221" s="5" t="s">
        <v>44</v>
      </c>
      <c r="AC4221" s="2"/>
      <c r="AD4221" s="1"/>
    </row>
    <row r="4222" spans="1:30">
      <c r="A4222" s="5" t="s">
        <v>83578</v>
      </c>
      <c r="B4222" s="2" t="s">
        <v>96268</v>
      </c>
      <c r="C4222" s="14" t="s">
        <v>96269</v>
      </c>
      <c r="D4222" s="2" t="s">
        <v>96270</v>
      </c>
      <c r="E4222" s="2" t="s">
        <v>7581</v>
      </c>
      <c r="F4222" s="8">
        <v>333</v>
      </c>
      <c r="G4222" s="5">
        <v>6</v>
      </c>
      <c r="H4222" s="5" t="s">
        <v>1518</v>
      </c>
      <c r="I4222" s="5" t="s">
        <v>40939</v>
      </c>
      <c r="J4222" s="2" t="s">
        <v>40940</v>
      </c>
      <c r="K4222" s="5" t="s">
        <v>40939</v>
      </c>
      <c r="L4222" s="2" t="s">
        <v>40940</v>
      </c>
      <c r="M4222" s="5" t="s">
        <v>36266</v>
      </c>
      <c r="N4222" s="5" t="s">
        <v>38</v>
      </c>
      <c r="O4222" s="5" t="s">
        <v>39</v>
      </c>
      <c r="P4222" s="5" t="s">
        <v>40</v>
      </c>
      <c r="Q4222" s="5" t="s">
        <v>1522</v>
      </c>
      <c r="R4222" s="5" t="s">
        <v>1523</v>
      </c>
      <c r="S4222" s="5" t="s">
        <v>42</v>
      </c>
      <c r="T4222" s="2">
        <v>3.53</v>
      </c>
      <c r="U4222" s="2">
        <v>2.8639999999999999</v>
      </c>
      <c r="V4222" s="2">
        <v>0.02</v>
      </c>
      <c r="W4222" s="2">
        <v>159.1</v>
      </c>
      <c r="X4222" s="2">
        <v>7.6</v>
      </c>
      <c r="Y4222" s="2">
        <v>16.7</v>
      </c>
      <c r="Z4222" s="5"/>
      <c r="AA4222" s="5" t="s">
        <v>43</v>
      </c>
      <c r="AB4222" s="5" t="s">
        <v>44</v>
      </c>
      <c r="AC4222" s="2"/>
      <c r="AD4222" s="1"/>
    </row>
    <row r="4223" spans="1:30">
      <c r="A4223" s="5" t="s">
        <v>83578</v>
      </c>
      <c r="B4223" s="2" t="s">
        <v>96271</v>
      </c>
      <c r="C4223" s="14" t="s">
        <v>96272</v>
      </c>
      <c r="D4223" s="2" t="s">
        <v>96273</v>
      </c>
      <c r="E4223" s="2" t="s">
        <v>41049</v>
      </c>
      <c r="F4223" s="8">
        <v>333</v>
      </c>
      <c r="G4223" s="5">
        <v>6</v>
      </c>
      <c r="H4223" s="5" t="s">
        <v>1518</v>
      </c>
      <c r="I4223" s="5" t="s">
        <v>40939</v>
      </c>
      <c r="J4223" s="2" t="s">
        <v>40940</v>
      </c>
      <c r="K4223" s="5" t="s">
        <v>40939</v>
      </c>
      <c r="L4223" s="2" t="s">
        <v>40940</v>
      </c>
      <c r="M4223" s="5" t="s">
        <v>36266</v>
      </c>
      <c r="N4223" s="5" t="s">
        <v>38</v>
      </c>
      <c r="O4223" s="5" t="s">
        <v>39</v>
      </c>
      <c r="P4223" s="5" t="s">
        <v>40</v>
      </c>
      <c r="Q4223" s="5" t="s">
        <v>1522</v>
      </c>
      <c r="R4223" s="5" t="s">
        <v>1523</v>
      </c>
      <c r="S4223" s="5" t="s">
        <v>42</v>
      </c>
      <c r="T4223" s="2">
        <v>3.6019999999999999</v>
      </c>
      <c r="U4223" s="2">
        <v>2.9359999999999999</v>
      </c>
      <c r="V4223" s="2">
        <v>0.02</v>
      </c>
      <c r="W4223" s="2">
        <v>159.1</v>
      </c>
      <c r="X4223" s="2">
        <v>7.6</v>
      </c>
      <c r="Y4223" s="2">
        <v>16.7</v>
      </c>
      <c r="Z4223" s="5"/>
      <c r="AA4223" s="5" t="s">
        <v>43</v>
      </c>
      <c r="AB4223" s="5" t="s">
        <v>44</v>
      </c>
      <c r="AC4223" s="2"/>
      <c r="AD4223" s="1"/>
    </row>
    <row r="4224" spans="1:30">
      <c r="A4224" s="5" t="s">
        <v>83578</v>
      </c>
      <c r="B4224" s="2" t="s">
        <v>96274</v>
      </c>
      <c r="C4224" s="14" t="s">
        <v>96275</v>
      </c>
      <c r="D4224" s="2" t="s">
        <v>96276</v>
      </c>
      <c r="E4224" s="2" t="s">
        <v>47266</v>
      </c>
      <c r="F4224" s="8">
        <v>351</v>
      </c>
      <c r="G4224" s="5">
        <v>6</v>
      </c>
      <c r="H4224" s="5" t="s">
        <v>1518</v>
      </c>
      <c r="I4224" s="5" t="s">
        <v>40939</v>
      </c>
      <c r="J4224" s="2" t="s">
        <v>40940</v>
      </c>
      <c r="K4224" s="5" t="s">
        <v>40939</v>
      </c>
      <c r="L4224" s="2" t="s">
        <v>40940</v>
      </c>
      <c r="M4224" s="5" t="s">
        <v>36266</v>
      </c>
      <c r="N4224" s="5" t="s">
        <v>38</v>
      </c>
      <c r="O4224" s="5" t="s">
        <v>39</v>
      </c>
      <c r="P4224" s="5" t="s">
        <v>40</v>
      </c>
      <c r="Q4224" s="5" t="s">
        <v>1522</v>
      </c>
      <c r="R4224" s="5" t="s">
        <v>1523</v>
      </c>
      <c r="S4224" s="5" t="s">
        <v>42</v>
      </c>
      <c r="T4224" s="2">
        <v>3.798</v>
      </c>
      <c r="U4224" s="2">
        <v>3.1509999999999998</v>
      </c>
      <c r="V4224" s="2">
        <v>0.02</v>
      </c>
      <c r="W4224" s="2">
        <v>159.1</v>
      </c>
      <c r="X4224" s="2">
        <v>7.6</v>
      </c>
      <c r="Y4224" s="2">
        <v>16.7</v>
      </c>
      <c r="Z4224" s="5"/>
      <c r="AA4224" s="5" t="s">
        <v>43</v>
      </c>
      <c r="AB4224" s="5" t="s">
        <v>44</v>
      </c>
      <c r="AC4224" s="2"/>
      <c r="AD4224" s="1"/>
    </row>
    <row r="4225" spans="1:30">
      <c r="A4225" s="5" t="s">
        <v>83578</v>
      </c>
      <c r="B4225" s="2" t="s">
        <v>96277</v>
      </c>
      <c r="C4225" s="14" t="s">
        <v>96278</v>
      </c>
      <c r="D4225" s="2" t="s">
        <v>96279</v>
      </c>
      <c r="E4225" s="2" t="s">
        <v>47195</v>
      </c>
      <c r="F4225" s="8">
        <v>351</v>
      </c>
      <c r="G4225" s="5">
        <v>6</v>
      </c>
      <c r="H4225" s="5" t="s">
        <v>1518</v>
      </c>
      <c r="I4225" s="5" t="s">
        <v>40939</v>
      </c>
      <c r="J4225" s="2" t="s">
        <v>40940</v>
      </c>
      <c r="K4225" s="5" t="s">
        <v>40939</v>
      </c>
      <c r="L4225" s="2" t="s">
        <v>40940</v>
      </c>
      <c r="M4225" s="5" t="s">
        <v>36266</v>
      </c>
      <c r="N4225" s="5" t="s">
        <v>38</v>
      </c>
      <c r="O4225" s="5" t="s">
        <v>39</v>
      </c>
      <c r="P4225" s="5" t="s">
        <v>40</v>
      </c>
      <c r="Q4225" s="5" t="s">
        <v>1522</v>
      </c>
      <c r="R4225" s="5" t="s">
        <v>1523</v>
      </c>
      <c r="S4225" s="5" t="s">
        <v>42</v>
      </c>
      <c r="T4225" s="2">
        <v>3.9180000000000001</v>
      </c>
      <c r="U4225" s="2">
        <v>3.2709999999999999</v>
      </c>
      <c r="V4225" s="2">
        <v>0.02</v>
      </c>
      <c r="W4225" s="2">
        <v>159.1</v>
      </c>
      <c r="X4225" s="2">
        <v>7.6</v>
      </c>
      <c r="Y4225" s="2">
        <v>16.7</v>
      </c>
      <c r="Z4225" s="5"/>
      <c r="AA4225" s="5" t="s">
        <v>43</v>
      </c>
      <c r="AB4225" s="5" t="s">
        <v>44</v>
      </c>
      <c r="AC4225" s="2"/>
      <c r="AD4225" s="1"/>
    </row>
    <row r="4226" spans="1:30">
      <c r="A4226" s="5" t="s">
        <v>83578</v>
      </c>
      <c r="B4226" s="2" t="s">
        <v>96280</v>
      </c>
      <c r="C4226" s="14" t="s">
        <v>96281</v>
      </c>
      <c r="D4226" s="2" t="s">
        <v>96282</v>
      </c>
      <c r="E4226" s="2" t="s">
        <v>7521</v>
      </c>
      <c r="F4226" s="8">
        <v>322</v>
      </c>
      <c r="G4226" s="5">
        <v>6</v>
      </c>
      <c r="H4226" s="5" t="s">
        <v>1518</v>
      </c>
      <c r="I4226" s="5" t="s">
        <v>40939</v>
      </c>
      <c r="J4226" s="2" t="s">
        <v>40940</v>
      </c>
      <c r="K4226" s="5" t="s">
        <v>40939</v>
      </c>
      <c r="L4226" s="2" t="s">
        <v>40940</v>
      </c>
      <c r="M4226" s="5" t="s">
        <v>36266</v>
      </c>
      <c r="N4226" s="5" t="s">
        <v>38</v>
      </c>
      <c r="O4226" s="5" t="s">
        <v>39</v>
      </c>
      <c r="P4226" s="5" t="s">
        <v>40</v>
      </c>
      <c r="Q4226" s="5" t="s">
        <v>1522</v>
      </c>
      <c r="R4226" s="5" t="s">
        <v>1523</v>
      </c>
      <c r="S4226" s="5" t="s">
        <v>42</v>
      </c>
      <c r="T4226" s="2">
        <v>3.9350000000000001</v>
      </c>
      <c r="U4226" s="2">
        <v>3.2879999999999998</v>
      </c>
      <c r="V4226" s="2">
        <v>0.02</v>
      </c>
      <c r="W4226" s="2">
        <v>159.1</v>
      </c>
      <c r="X4226" s="2">
        <v>7.6</v>
      </c>
      <c r="Y4226" s="2">
        <v>16.7</v>
      </c>
      <c r="Z4226" s="5"/>
      <c r="AA4226" s="5" t="s">
        <v>43</v>
      </c>
      <c r="AB4226" s="5" t="s">
        <v>44</v>
      </c>
      <c r="AC4226" s="2"/>
      <c r="AD4226" s="1"/>
    </row>
    <row r="4227" spans="1:30">
      <c r="A4227" s="5" t="s">
        <v>83578</v>
      </c>
      <c r="B4227" s="2" t="s">
        <v>96283</v>
      </c>
      <c r="C4227" s="14" t="s">
        <v>96284</v>
      </c>
      <c r="D4227" s="2" t="s">
        <v>96285</v>
      </c>
      <c r="E4227" s="2" t="s">
        <v>36273</v>
      </c>
      <c r="F4227" s="8">
        <v>322</v>
      </c>
      <c r="G4227" s="5">
        <v>6</v>
      </c>
      <c r="H4227" s="5" t="s">
        <v>1518</v>
      </c>
      <c r="I4227" s="5" t="s">
        <v>40939</v>
      </c>
      <c r="J4227" s="2" t="s">
        <v>40940</v>
      </c>
      <c r="K4227" s="5" t="s">
        <v>40939</v>
      </c>
      <c r="L4227" s="2" t="s">
        <v>40940</v>
      </c>
      <c r="M4227" s="5" t="s">
        <v>36266</v>
      </c>
      <c r="N4227" s="5" t="s">
        <v>38</v>
      </c>
      <c r="O4227" s="5" t="s">
        <v>39</v>
      </c>
      <c r="P4227" s="5" t="s">
        <v>40</v>
      </c>
      <c r="Q4227" s="5" t="s">
        <v>1522</v>
      </c>
      <c r="R4227" s="5" t="s">
        <v>1523</v>
      </c>
      <c r="S4227" s="5" t="s">
        <v>42</v>
      </c>
      <c r="T4227" s="2">
        <v>3.8490000000000002</v>
      </c>
      <c r="U4227" s="2">
        <v>3.202</v>
      </c>
      <c r="V4227" s="2">
        <v>0.02</v>
      </c>
      <c r="W4227" s="2">
        <v>159.1</v>
      </c>
      <c r="X4227" s="2">
        <v>7.6</v>
      </c>
      <c r="Y4227" s="2">
        <v>16.7</v>
      </c>
      <c r="Z4227" s="5"/>
      <c r="AA4227" s="5" t="s">
        <v>43</v>
      </c>
      <c r="AB4227" s="5" t="s">
        <v>44</v>
      </c>
      <c r="AC4227" s="2"/>
      <c r="AD4227" s="1"/>
    </row>
    <row r="4228" spans="1:30">
      <c r="A4228" s="5" t="s">
        <v>83578</v>
      </c>
      <c r="B4228" s="2" t="s">
        <v>96286</v>
      </c>
      <c r="C4228" s="14" t="s">
        <v>96287</v>
      </c>
      <c r="D4228" s="2" t="s">
        <v>96288</v>
      </c>
      <c r="E4228" s="2" t="s">
        <v>40971</v>
      </c>
      <c r="F4228" s="8">
        <v>351</v>
      </c>
      <c r="G4228" s="5">
        <v>6</v>
      </c>
      <c r="H4228" s="5" t="s">
        <v>1518</v>
      </c>
      <c r="I4228" s="5" t="s">
        <v>40939</v>
      </c>
      <c r="J4228" s="2" t="s">
        <v>40940</v>
      </c>
      <c r="K4228" s="5" t="s">
        <v>40939</v>
      </c>
      <c r="L4228" s="2" t="s">
        <v>40940</v>
      </c>
      <c r="M4228" s="5" t="s">
        <v>36266</v>
      </c>
      <c r="N4228" s="5" t="s">
        <v>38</v>
      </c>
      <c r="O4228" s="5" t="s">
        <v>39</v>
      </c>
      <c r="P4228" s="5" t="s">
        <v>40</v>
      </c>
      <c r="Q4228" s="5" t="s">
        <v>1522</v>
      </c>
      <c r="R4228" s="5" t="s">
        <v>1523</v>
      </c>
      <c r="S4228" s="5" t="s">
        <v>42</v>
      </c>
      <c r="T4228" s="2">
        <v>3.9350000000000001</v>
      </c>
      <c r="U4228" s="2">
        <v>3.2879999999999998</v>
      </c>
      <c r="V4228" s="2">
        <v>0.02</v>
      </c>
      <c r="W4228" s="2">
        <v>159.1</v>
      </c>
      <c r="X4228" s="2">
        <v>7.6</v>
      </c>
      <c r="Y4228" s="2">
        <v>16.7</v>
      </c>
      <c r="Z4228" s="5"/>
      <c r="AA4228" s="5" t="s">
        <v>43</v>
      </c>
      <c r="AB4228" s="5" t="s">
        <v>44</v>
      </c>
      <c r="AC4228" s="2"/>
      <c r="AD4228" s="1"/>
    </row>
    <row r="4229" spans="1:30">
      <c r="A4229" s="5" t="s">
        <v>83578</v>
      </c>
      <c r="B4229" s="2" t="s">
        <v>96289</v>
      </c>
      <c r="C4229" s="14" t="s">
        <v>96290</v>
      </c>
      <c r="D4229" s="2" t="s">
        <v>96291</v>
      </c>
      <c r="E4229" s="2" t="s">
        <v>47226</v>
      </c>
      <c r="F4229" s="8">
        <v>351</v>
      </c>
      <c r="G4229" s="5">
        <v>6</v>
      </c>
      <c r="H4229" s="5" t="s">
        <v>1518</v>
      </c>
      <c r="I4229" s="5" t="s">
        <v>40939</v>
      </c>
      <c r="J4229" s="2" t="s">
        <v>40940</v>
      </c>
      <c r="K4229" s="5" t="s">
        <v>40939</v>
      </c>
      <c r="L4229" s="2" t="s">
        <v>40940</v>
      </c>
      <c r="M4229" s="5" t="s">
        <v>36266</v>
      </c>
      <c r="N4229" s="5" t="s">
        <v>38</v>
      </c>
      <c r="O4229" s="5" t="s">
        <v>39</v>
      </c>
      <c r="P4229" s="5" t="s">
        <v>40</v>
      </c>
      <c r="Q4229" s="5" t="s">
        <v>1522</v>
      </c>
      <c r="R4229" s="5" t="s">
        <v>1523</v>
      </c>
      <c r="S4229" s="5" t="s">
        <v>42</v>
      </c>
      <c r="T4229" s="2">
        <v>3.8149999999999999</v>
      </c>
      <c r="U4229" s="2">
        <v>3.1680000000000001</v>
      </c>
      <c r="V4229" s="2">
        <v>0.02</v>
      </c>
      <c r="W4229" s="2">
        <v>159.1</v>
      </c>
      <c r="X4229" s="2">
        <v>7.6</v>
      </c>
      <c r="Y4229" s="2">
        <v>16.7</v>
      </c>
      <c r="Z4229" s="5"/>
      <c r="AA4229" s="5" t="s">
        <v>43</v>
      </c>
      <c r="AB4229" s="5" t="s">
        <v>44</v>
      </c>
      <c r="AC4229" s="2"/>
      <c r="AD4229" s="1"/>
    </row>
    <row r="4230" spans="1:30">
      <c r="A4230" s="5" t="s">
        <v>83578</v>
      </c>
      <c r="B4230" s="2" t="s">
        <v>96292</v>
      </c>
      <c r="C4230" s="14" t="s">
        <v>96293</v>
      </c>
      <c r="D4230" s="2" t="s">
        <v>96294</v>
      </c>
      <c r="E4230" s="2" t="s">
        <v>47735</v>
      </c>
      <c r="F4230" s="8">
        <v>351</v>
      </c>
      <c r="G4230" s="5">
        <v>6</v>
      </c>
      <c r="H4230" s="5" t="s">
        <v>1518</v>
      </c>
      <c r="I4230" s="5" t="s">
        <v>40939</v>
      </c>
      <c r="J4230" s="2" t="s">
        <v>40940</v>
      </c>
      <c r="K4230" s="5" t="s">
        <v>40939</v>
      </c>
      <c r="L4230" s="2" t="s">
        <v>40940</v>
      </c>
      <c r="M4230" s="5" t="s">
        <v>36266</v>
      </c>
      <c r="N4230" s="5" t="s">
        <v>38</v>
      </c>
      <c r="O4230" s="5" t="s">
        <v>39</v>
      </c>
      <c r="P4230" s="5" t="s">
        <v>40</v>
      </c>
      <c r="Q4230" s="5" t="s">
        <v>1522</v>
      </c>
      <c r="R4230" s="5" t="s">
        <v>1523</v>
      </c>
      <c r="S4230" s="5" t="s">
        <v>42</v>
      </c>
      <c r="T4230" s="2">
        <v>3.9350000000000001</v>
      </c>
      <c r="U4230" s="2">
        <v>3.2879999999999998</v>
      </c>
      <c r="V4230" s="2">
        <v>0.02</v>
      </c>
      <c r="W4230" s="2">
        <v>159.1</v>
      </c>
      <c r="X4230" s="2">
        <v>7.6</v>
      </c>
      <c r="Y4230" s="2">
        <v>16.7</v>
      </c>
      <c r="Z4230" s="5"/>
      <c r="AA4230" s="5" t="s">
        <v>43</v>
      </c>
      <c r="AB4230" s="5" t="s">
        <v>44</v>
      </c>
      <c r="AC4230" s="2"/>
      <c r="AD4230" s="1"/>
    </row>
    <row r="4231" spans="1:30">
      <c r="A4231" s="5" t="s">
        <v>83578</v>
      </c>
      <c r="B4231" s="2" t="s">
        <v>96295</v>
      </c>
      <c r="C4231" s="14" t="s">
        <v>96296</v>
      </c>
      <c r="D4231" s="2" t="s">
        <v>96297</v>
      </c>
      <c r="E4231" s="2" t="s">
        <v>7539</v>
      </c>
      <c r="F4231" s="8">
        <v>351</v>
      </c>
      <c r="G4231" s="5">
        <v>6</v>
      </c>
      <c r="H4231" s="5" t="s">
        <v>1518</v>
      </c>
      <c r="I4231" s="5" t="s">
        <v>40939</v>
      </c>
      <c r="J4231" s="2" t="s">
        <v>40940</v>
      </c>
      <c r="K4231" s="5" t="s">
        <v>40939</v>
      </c>
      <c r="L4231" s="2" t="s">
        <v>40940</v>
      </c>
      <c r="M4231" s="5" t="s">
        <v>36266</v>
      </c>
      <c r="N4231" s="5" t="s">
        <v>38</v>
      </c>
      <c r="O4231" s="5" t="s">
        <v>39</v>
      </c>
      <c r="P4231" s="5" t="s">
        <v>40</v>
      </c>
      <c r="Q4231" s="5" t="s">
        <v>1522</v>
      </c>
      <c r="R4231" s="5" t="s">
        <v>1523</v>
      </c>
      <c r="S4231" s="5" t="s">
        <v>42</v>
      </c>
      <c r="T4231" s="2">
        <v>3.73</v>
      </c>
      <c r="U4231" s="2">
        <v>3.0830000000000002</v>
      </c>
      <c r="V4231" s="2">
        <v>0.02</v>
      </c>
      <c r="W4231" s="2">
        <v>159.1</v>
      </c>
      <c r="X4231" s="2">
        <v>7.6</v>
      </c>
      <c r="Y4231" s="2">
        <v>16.7</v>
      </c>
      <c r="Z4231" s="5"/>
      <c r="AA4231" s="5" t="s">
        <v>43</v>
      </c>
      <c r="AB4231" s="5" t="s">
        <v>44</v>
      </c>
      <c r="AC4231" s="2"/>
      <c r="AD4231" s="1"/>
    </row>
    <row r="4232" spans="1:30">
      <c r="A4232" s="5" t="s">
        <v>83578</v>
      </c>
      <c r="B4232" s="2" t="s">
        <v>96298</v>
      </c>
      <c r="C4232" s="14" t="s">
        <v>96299</v>
      </c>
      <c r="D4232" s="2" t="s">
        <v>96300</v>
      </c>
      <c r="E4232" s="2" t="s">
        <v>7543</v>
      </c>
      <c r="F4232" s="8">
        <v>351</v>
      </c>
      <c r="G4232" s="5">
        <v>6</v>
      </c>
      <c r="H4232" s="5" t="s">
        <v>1518</v>
      </c>
      <c r="I4232" s="5" t="s">
        <v>40939</v>
      </c>
      <c r="J4232" s="2" t="s">
        <v>40940</v>
      </c>
      <c r="K4232" s="5" t="s">
        <v>40939</v>
      </c>
      <c r="L4232" s="2" t="s">
        <v>40940</v>
      </c>
      <c r="M4232" s="5" t="s">
        <v>36266</v>
      </c>
      <c r="N4232" s="5" t="s">
        <v>38</v>
      </c>
      <c r="O4232" s="5" t="s">
        <v>39</v>
      </c>
      <c r="P4232" s="5" t="s">
        <v>40</v>
      </c>
      <c r="Q4232" s="5" t="s">
        <v>1522</v>
      </c>
      <c r="R4232" s="5" t="s">
        <v>1523</v>
      </c>
      <c r="S4232" s="5" t="s">
        <v>42</v>
      </c>
      <c r="T4232" s="2">
        <v>3.85</v>
      </c>
      <c r="U4232" s="2">
        <v>3.2029999999999998</v>
      </c>
      <c r="V4232" s="2">
        <v>0.02</v>
      </c>
      <c r="W4232" s="2">
        <v>159.1</v>
      </c>
      <c r="X4232" s="2">
        <v>7.6</v>
      </c>
      <c r="Y4232" s="2">
        <v>16.7</v>
      </c>
      <c r="Z4232" s="5"/>
      <c r="AA4232" s="5" t="s">
        <v>43</v>
      </c>
      <c r="AB4232" s="5" t="s">
        <v>44</v>
      </c>
      <c r="AC4232" s="2"/>
      <c r="AD4232" s="1"/>
    </row>
    <row r="4233" spans="1:30">
      <c r="A4233" s="5" t="s">
        <v>83578</v>
      </c>
      <c r="B4233" s="2" t="s">
        <v>96301</v>
      </c>
      <c r="C4233" s="14" t="s">
        <v>96302</v>
      </c>
      <c r="D4233" s="2" t="s">
        <v>96303</v>
      </c>
      <c r="E4233" s="2" t="s">
        <v>40993</v>
      </c>
      <c r="F4233" s="8">
        <v>351</v>
      </c>
      <c r="G4233" s="5">
        <v>6</v>
      </c>
      <c r="H4233" s="5" t="s">
        <v>1518</v>
      </c>
      <c r="I4233" s="5" t="s">
        <v>40939</v>
      </c>
      <c r="J4233" s="2" t="s">
        <v>40940</v>
      </c>
      <c r="K4233" s="5" t="s">
        <v>40939</v>
      </c>
      <c r="L4233" s="2" t="s">
        <v>40940</v>
      </c>
      <c r="M4233" s="5" t="s">
        <v>36266</v>
      </c>
      <c r="N4233" s="5" t="s">
        <v>38</v>
      </c>
      <c r="O4233" s="5" t="s">
        <v>39</v>
      </c>
      <c r="P4233" s="5" t="s">
        <v>40</v>
      </c>
      <c r="Q4233" s="5" t="s">
        <v>1522</v>
      </c>
      <c r="R4233" s="5" t="s">
        <v>1523</v>
      </c>
      <c r="S4233" s="5" t="s">
        <v>42</v>
      </c>
      <c r="T4233" s="2">
        <v>3.9350000000000001</v>
      </c>
      <c r="U4233" s="2">
        <v>3.2879999999999998</v>
      </c>
      <c r="V4233" s="2">
        <v>0.02</v>
      </c>
      <c r="W4233" s="2">
        <v>159.1</v>
      </c>
      <c r="X4233" s="2">
        <v>7.6</v>
      </c>
      <c r="Y4233" s="2">
        <v>16.7</v>
      </c>
      <c r="Z4233" s="5"/>
      <c r="AA4233" s="5" t="s">
        <v>43</v>
      </c>
      <c r="AB4233" s="5" t="s">
        <v>44</v>
      </c>
      <c r="AC4233" s="2"/>
      <c r="AD4233" s="1"/>
    </row>
    <row r="4234" spans="1:30">
      <c r="A4234" s="5" t="s">
        <v>83578</v>
      </c>
      <c r="B4234" s="2" t="s">
        <v>96304</v>
      </c>
      <c r="C4234" s="14" t="s">
        <v>96305</v>
      </c>
      <c r="D4234" s="2" t="s">
        <v>96306</v>
      </c>
      <c r="E4234" s="2" t="s">
        <v>40997</v>
      </c>
      <c r="F4234" s="8">
        <v>351</v>
      </c>
      <c r="G4234" s="5">
        <v>6</v>
      </c>
      <c r="H4234" s="5" t="s">
        <v>1518</v>
      </c>
      <c r="I4234" s="5" t="s">
        <v>40939</v>
      </c>
      <c r="J4234" s="2" t="s">
        <v>40940</v>
      </c>
      <c r="K4234" s="5" t="s">
        <v>40939</v>
      </c>
      <c r="L4234" s="2" t="s">
        <v>40940</v>
      </c>
      <c r="M4234" s="5" t="s">
        <v>36266</v>
      </c>
      <c r="N4234" s="5" t="s">
        <v>38</v>
      </c>
      <c r="O4234" s="5" t="s">
        <v>39</v>
      </c>
      <c r="P4234" s="5" t="s">
        <v>40</v>
      </c>
      <c r="Q4234" s="5" t="s">
        <v>1522</v>
      </c>
      <c r="R4234" s="5" t="s">
        <v>1523</v>
      </c>
      <c r="S4234" s="5" t="s">
        <v>42</v>
      </c>
      <c r="T4234" s="2">
        <v>3.7469999999999999</v>
      </c>
      <c r="U4234" s="2">
        <v>3.1</v>
      </c>
      <c r="V4234" s="2">
        <v>0.02</v>
      </c>
      <c r="W4234" s="2">
        <v>159.1</v>
      </c>
      <c r="X4234" s="2">
        <v>7.6</v>
      </c>
      <c r="Y4234" s="2">
        <v>16.7</v>
      </c>
      <c r="Z4234" s="5"/>
      <c r="AA4234" s="5" t="s">
        <v>43</v>
      </c>
      <c r="AB4234" s="5" t="s">
        <v>44</v>
      </c>
      <c r="AC4234" s="2"/>
      <c r="AD4234" s="1"/>
    </row>
    <row r="4235" spans="1:30">
      <c r="A4235" s="5" t="s">
        <v>83578</v>
      </c>
      <c r="B4235" s="2" t="s">
        <v>96307</v>
      </c>
      <c r="C4235" s="14" t="s">
        <v>96308</v>
      </c>
      <c r="D4235" s="2" t="s">
        <v>96309</v>
      </c>
      <c r="E4235" s="2" t="s">
        <v>41267</v>
      </c>
      <c r="F4235" s="8">
        <v>351</v>
      </c>
      <c r="G4235" s="5">
        <v>6</v>
      </c>
      <c r="H4235" s="5" t="s">
        <v>1518</v>
      </c>
      <c r="I4235" s="5" t="s">
        <v>40939</v>
      </c>
      <c r="J4235" s="2" t="s">
        <v>40940</v>
      </c>
      <c r="K4235" s="5" t="s">
        <v>40939</v>
      </c>
      <c r="L4235" s="2" t="s">
        <v>40940</v>
      </c>
      <c r="M4235" s="5" t="s">
        <v>36266</v>
      </c>
      <c r="N4235" s="5" t="s">
        <v>38</v>
      </c>
      <c r="O4235" s="5" t="s">
        <v>39</v>
      </c>
      <c r="P4235" s="5" t="s">
        <v>40</v>
      </c>
      <c r="Q4235" s="5" t="s">
        <v>1522</v>
      </c>
      <c r="R4235" s="5" t="s">
        <v>1523</v>
      </c>
      <c r="S4235" s="5" t="s">
        <v>42</v>
      </c>
      <c r="T4235" s="2">
        <v>3.867</v>
      </c>
      <c r="U4235" s="2">
        <v>3.22</v>
      </c>
      <c r="V4235" s="2">
        <v>0.02</v>
      </c>
      <c r="W4235" s="2">
        <v>159.1</v>
      </c>
      <c r="X4235" s="2">
        <v>7.6</v>
      </c>
      <c r="Y4235" s="2">
        <v>16.7</v>
      </c>
      <c r="Z4235" s="5"/>
      <c r="AA4235" s="5" t="s">
        <v>43</v>
      </c>
      <c r="AB4235" s="5" t="s">
        <v>44</v>
      </c>
      <c r="AC4235" s="2"/>
      <c r="AD4235" s="1"/>
    </row>
    <row r="4236" spans="1:30">
      <c r="A4236" s="5" t="s">
        <v>83578</v>
      </c>
      <c r="B4236" s="2" t="s">
        <v>96310</v>
      </c>
      <c r="C4236" s="14" t="s">
        <v>96311</v>
      </c>
      <c r="D4236" s="2" t="s">
        <v>96312</v>
      </c>
      <c r="E4236" s="2" t="s">
        <v>41001</v>
      </c>
      <c r="F4236" s="8">
        <v>351</v>
      </c>
      <c r="G4236" s="5">
        <v>6</v>
      </c>
      <c r="H4236" s="5" t="s">
        <v>1518</v>
      </c>
      <c r="I4236" s="5" t="s">
        <v>40939</v>
      </c>
      <c r="J4236" s="2" t="s">
        <v>40940</v>
      </c>
      <c r="K4236" s="5" t="s">
        <v>40939</v>
      </c>
      <c r="L4236" s="2" t="s">
        <v>40940</v>
      </c>
      <c r="M4236" s="5" t="s">
        <v>36266</v>
      </c>
      <c r="N4236" s="5" t="s">
        <v>38</v>
      </c>
      <c r="O4236" s="5" t="s">
        <v>39</v>
      </c>
      <c r="P4236" s="5" t="s">
        <v>40</v>
      </c>
      <c r="Q4236" s="5" t="s">
        <v>1522</v>
      </c>
      <c r="R4236" s="5" t="s">
        <v>1523</v>
      </c>
      <c r="S4236" s="5" t="s">
        <v>42</v>
      </c>
      <c r="T4236" s="2">
        <v>3.8149999999999999</v>
      </c>
      <c r="U4236" s="2">
        <v>3.1680000000000001</v>
      </c>
      <c r="V4236" s="2">
        <v>0.02</v>
      </c>
      <c r="W4236" s="2">
        <v>159.1</v>
      </c>
      <c r="X4236" s="2">
        <v>7.6</v>
      </c>
      <c r="Y4236" s="2">
        <v>16.7</v>
      </c>
      <c r="Z4236" s="5"/>
      <c r="AA4236" s="5" t="s">
        <v>43</v>
      </c>
      <c r="AB4236" s="5" t="s">
        <v>44</v>
      </c>
      <c r="AC4236" s="2"/>
      <c r="AD4236" s="1"/>
    </row>
    <row r="4237" spans="1:30">
      <c r="A4237" s="5" t="s">
        <v>83578</v>
      </c>
      <c r="B4237" s="2" t="s">
        <v>96313</v>
      </c>
      <c r="C4237" s="14" t="s">
        <v>96314</v>
      </c>
      <c r="D4237" s="2" t="s">
        <v>96315</v>
      </c>
      <c r="E4237" s="2" t="s">
        <v>41005</v>
      </c>
      <c r="F4237" s="8">
        <v>351</v>
      </c>
      <c r="G4237" s="5">
        <v>6</v>
      </c>
      <c r="H4237" s="5" t="s">
        <v>1518</v>
      </c>
      <c r="I4237" s="5" t="s">
        <v>40939</v>
      </c>
      <c r="J4237" s="2" t="s">
        <v>40940</v>
      </c>
      <c r="K4237" s="5" t="s">
        <v>40939</v>
      </c>
      <c r="L4237" s="2" t="s">
        <v>40940</v>
      </c>
      <c r="M4237" s="5" t="s">
        <v>36266</v>
      </c>
      <c r="N4237" s="5" t="s">
        <v>38</v>
      </c>
      <c r="O4237" s="5" t="s">
        <v>39</v>
      </c>
      <c r="P4237" s="5" t="s">
        <v>40</v>
      </c>
      <c r="Q4237" s="5" t="s">
        <v>1522</v>
      </c>
      <c r="R4237" s="5" t="s">
        <v>1523</v>
      </c>
      <c r="S4237" s="5" t="s">
        <v>42</v>
      </c>
      <c r="T4237" s="2">
        <v>3.9350000000000001</v>
      </c>
      <c r="U4237" s="2">
        <v>3.2879999999999998</v>
      </c>
      <c r="V4237" s="2">
        <v>0.02</v>
      </c>
      <c r="W4237" s="2">
        <v>159.1</v>
      </c>
      <c r="X4237" s="2">
        <v>7.6</v>
      </c>
      <c r="Y4237" s="2">
        <v>16.7</v>
      </c>
      <c r="Z4237" s="5"/>
      <c r="AA4237" s="5" t="s">
        <v>43</v>
      </c>
      <c r="AB4237" s="5" t="s">
        <v>44</v>
      </c>
      <c r="AC4237" s="2"/>
      <c r="AD4237" s="1"/>
    </row>
    <row r="4238" spans="1:30">
      <c r="A4238" s="5" t="s">
        <v>83578</v>
      </c>
      <c r="B4238" s="2" t="s">
        <v>96316</v>
      </c>
      <c r="C4238" s="14" t="s">
        <v>96317</v>
      </c>
      <c r="D4238" s="2" t="s">
        <v>96318</v>
      </c>
      <c r="E4238" s="2" t="s">
        <v>41013</v>
      </c>
      <c r="F4238" s="8">
        <v>351</v>
      </c>
      <c r="G4238" s="5">
        <v>6</v>
      </c>
      <c r="H4238" s="5" t="s">
        <v>1518</v>
      </c>
      <c r="I4238" s="5" t="s">
        <v>40939</v>
      </c>
      <c r="J4238" s="2" t="s">
        <v>40940</v>
      </c>
      <c r="K4238" s="5" t="s">
        <v>40939</v>
      </c>
      <c r="L4238" s="2" t="s">
        <v>40940</v>
      </c>
      <c r="M4238" s="5" t="s">
        <v>36266</v>
      </c>
      <c r="N4238" s="5" t="s">
        <v>38</v>
      </c>
      <c r="O4238" s="5" t="s">
        <v>39</v>
      </c>
      <c r="P4238" s="5" t="s">
        <v>40</v>
      </c>
      <c r="Q4238" s="5" t="s">
        <v>1522</v>
      </c>
      <c r="R4238" s="5" t="s">
        <v>1523</v>
      </c>
      <c r="S4238" s="5" t="s">
        <v>42</v>
      </c>
      <c r="T4238" s="2">
        <v>3.952</v>
      </c>
      <c r="U4238" s="2">
        <v>3.3050000000000002</v>
      </c>
      <c r="V4238" s="2">
        <v>0.02</v>
      </c>
      <c r="W4238" s="2">
        <v>159.1</v>
      </c>
      <c r="X4238" s="2">
        <v>7.6</v>
      </c>
      <c r="Y4238" s="2">
        <v>16.7</v>
      </c>
      <c r="Z4238" s="5"/>
      <c r="AA4238" s="5" t="s">
        <v>43</v>
      </c>
      <c r="AB4238" s="5" t="s">
        <v>44</v>
      </c>
      <c r="AC4238" s="2"/>
      <c r="AD4238" s="1"/>
    </row>
    <row r="4239" spans="1:30">
      <c r="A4239" s="5" t="s">
        <v>83578</v>
      </c>
      <c r="B4239" s="2" t="s">
        <v>96319</v>
      </c>
      <c r="C4239" s="14" t="s">
        <v>96320</v>
      </c>
      <c r="D4239" s="2" t="s">
        <v>96321</v>
      </c>
      <c r="E4239" s="2" t="s">
        <v>7396</v>
      </c>
      <c r="F4239" s="8">
        <v>322</v>
      </c>
      <c r="G4239" s="5">
        <v>6</v>
      </c>
      <c r="H4239" s="5" t="s">
        <v>1518</v>
      </c>
      <c r="I4239" s="5" t="s">
        <v>40939</v>
      </c>
      <c r="J4239" s="2" t="s">
        <v>40940</v>
      </c>
      <c r="K4239" s="5" t="s">
        <v>40939</v>
      </c>
      <c r="L4239" s="2" t="s">
        <v>40940</v>
      </c>
      <c r="M4239" s="5" t="s">
        <v>36266</v>
      </c>
      <c r="N4239" s="5" t="s">
        <v>38</v>
      </c>
      <c r="O4239" s="5" t="s">
        <v>39</v>
      </c>
      <c r="P4239" s="5" t="s">
        <v>40</v>
      </c>
      <c r="Q4239" s="5" t="s">
        <v>1522</v>
      </c>
      <c r="R4239" s="5" t="s">
        <v>1523</v>
      </c>
      <c r="S4239" s="5" t="s">
        <v>42</v>
      </c>
      <c r="T4239" s="2">
        <v>3.8319999999999999</v>
      </c>
      <c r="U4239" s="2">
        <v>3.1850000000000001</v>
      </c>
      <c r="V4239" s="2">
        <v>0.02</v>
      </c>
      <c r="W4239" s="2">
        <v>159.1</v>
      </c>
      <c r="X4239" s="2">
        <v>7.6</v>
      </c>
      <c r="Y4239" s="2">
        <v>16.7</v>
      </c>
      <c r="Z4239" s="5"/>
      <c r="AA4239" s="5" t="s">
        <v>43</v>
      </c>
      <c r="AB4239" s="5" t="s">
        <v>44</v>
      </c>
      <c r="AC4239" s="2"/>
      <c r="AD4239" s="1"/>
    </row>
    <row r="4240" spans="1:30">
      <c r="A4240" s="5" t="s">
        <v>83578</v>
      </c>
      <c r="B4240" s="2" t="s">
        <v>96322</v>
      </c>
      <c r="C4240" s="14" t="s">
        <v>96323</v>
      </c>
      <c r="D4240" s="2" t="s">
        <v>96324</v>
      </c>
      <c r="E4240" s="2" t="s">
        <v>7507</v>
      </c>
      <c r="F4240" s="8">
        <v>322</v>
      </c>
      <c r="G4240" s="5">
        <v>6</v>
      </c>
      <c r="H4240" s="5" t="s">
        <v>1518</v>
      </c>
      <c r="I4240" s="5" t="s">
        <v>40939</v>
      </c>
      <c r="J4240" s="2" t="s">
        <v>40940</v>
      </c>
      <c r="K4240" s="5" t="s">
        <v>40939</v>
      </c>
      <c r="L4240" s="2" t="s">
        <v>40940</v>
      </c>
      <c r="M4240" s="5" t="s">
        <v>36266</v>
      </c>
      <c r="N4240" s="5" t="s">
        <v>38</v>
      </c>
      <c r="O4240" s="5" t="s">
        <v>39</v>
      </c>
      <c r="P4240" s="5" t="s">
        <v>40</v>
      </c>
      <c r="Q4240" s="5" t="s">
        <v>1522</v>
      </c>
      <c r="R4240" s="5" t="s">
        <v>1523</v>
      </c>
      <c r="S4240" s="5" t="s">
        <v>42</v>
      </c>
      <c r="T4240" s="2">
        <v>3.952</v>
      </c>
      <c r="U4240" s="2">
        <v>3.3050000000000002</v>
      </c>
      <c r="V4240" s="2">
        <v>0.02</v>
      </c>
      <c r="W4240" s="2">
        <v>159.1</v>
      </c>
      <c r="X4240" s="2">
        <v>7.6</v>
      </c>
      <c r="Y4240" s="2">
        <v>16.7</v>
      </c>
      <c r="Z4240" s="5"/>
      <c r="AA4240" s="5" t="s">
        <v>43</v>
      </c>
      <c r="AB4240" s="5" t="s">
        <v>44</v>
      </c>
      <c r="AC4240" s="2"/>
      <c r="AD4240" s="1"/>
    </row>
    <row r="4241" spans="1:30">
      <c r="A4241" s="5" t="s">
        <v>83578</v>
      </c>
      <c r="B4241" s="2" t="s">
        <v>96325</v>
      </c>
      <c r="C4241" s="14" t="s">
        <v>96326</v>
      </c>
      <c r="D4241" s="2" t="s">
        <v>96327</v>
      </c>
      <c r="E4241" s="2" t="s">
        <v>41027</v>
      </c>
      <c r="F4241" s="8">
        <v>351</v>
      </c>
      <c r="G4241" s="5">
        <v>6</v>
      </c>
      <c r="H4241" s="5" t="s">
        <v>1518</v>
      </c>
      <c r="I4241" s="5" t="s">
        <v>40939</v>
      </c>
      <c r="J4241" s="2" t="s">
        <v>40940</v>
      </c>
      <c r="K4241" s="5" t="s">
        <v>40939</v>
      </c>
      <c r="L4241" s="2" t="s">
        <v>40940</v>
      </c>
      <c r="M4241" s="5" t="s">
        <v>36266</v>
      </c>
      <c r="N4241" s="5" t="s">
        <v>38</v>
      </c>
      <c r="O4241" s="5" t="s">
        <v>39</v>
      </c>
      <c r="P4241" s="5" t="s">
        <v>40</v>
      </c>
      <c r="Q4241" s="5" t="s">
        <v>1522</v>
      </c>
      <c r="R4241" s="5" t="s">
        <v>1523</v>
      </c>
      <c r="S4241" s="5" t="s">
        <v>42</v>
      </c>
      <c r="T4241" s="2">
        <v>3.867</v>
      </c>
      <c r="U4241" s="2">
        <v>3.22</v>
      </c>
      <c r="V4241" s="2">
        <v>0.02</v>
      </c>
      <c r="W4241" s="2">
        <v>159.1</v>
      </c>
      <c r="X4241" s="2">
        <v>7.6</v>
      </c>
      <c r="Y4241" s="2">
        <v>16.7</v>
      </c>
      <c r="Z4241" s="5"/>
      <c r="AA4241" s="5" t="s">
        <v>43</v>
      </c>
      <c r="AB4241" s="5" t="s">
        <v>44</v>
      </c>
      <c r="AC4241" s="2"/>
      <c r="AD4241" s="1"/>
    </row>
    <row r="4242" spans="1:30">
      <c r="A4242" s="5" t="s">
        <v>83578</v>
      </c>
      <c r="B4242" s="2" t="s">
        <v>96328</v>
      </c>
      <c r="C4242" s="14" t="s">
        <v>96329</v>
      </c>
      <c r="D4242" s="2" t="s">
        <v>96330</v>
      </c>
      <c r="E4242" s="2" t="s">
        <v>7449</v>
      </c>
      <c r="F4242" s="8">
        <v>351</v>
      </c>
      <c r="G4242" s="5">
        <v>6</v>
      </c>
      <c r="H4242" s="5" t="s">
        <v>1518</v>
      </c>
      <c r="I4242" s="5" t="s">
        <v>40939</v>
      </c>
      <c r="J4242" s="2" t="s">
        <v>40940</v>
      </c>
      <c r="K4242" s="5" t="s">
        <v>40939</v>
      </c>
      <c r="L4242" s="2" t="s">
        <v>40940</v>
      </c>
      <c r="M4242" s="5" t="s">
        <v>36266</v>
      </c>
      <c r="N4242" s="5" t="s">
        <v>38</v>
      </c>
      <c r="O4242" s="5" t="s">
        <v>39</v>
      </c>
      <c r="P4242" s="5" t="s">
        <v>40</v>
      </c>
      <c r="Q4242" s="5" t="s">
        <v>1522</v>
      </c>
      <c r="R4242" s="5" t="s">
        <v>1523</v>
      </c>
      <c r="S4242" s="5" t="s">
        <v>42</v>
      </c>
      <c r="T4242" s="2">
        <v>3.7469999999999999</v>
      </c>
      <c r="U4242" s="2">
        <v>3.1</v>
      </c>
      <c r="V4242" s="2">
        <v>0.02</v>
      </c>
      <c r="W4242" s="2">
        <v>159.1</v>
      </c>
      <c r="X4242" s="2">
        <v>7.6</v>
      </c>
      <c r="Y4242" s="2">
        <v>16.7</v>
      </c>
      <c r="Z4242" s="5"/>
      <c r="AA4242" s="5" t="s">
        <v>43</v>
      </c>
      <c r="AB4242" s="5" t="s">
        <v>44</v>
      </c>
      <c r="AC4242" s="2"/>
      <c r="AD4242" s="1"/>
    </row>
    <row r="4243" spans="1:30">
      <c r="A4243" s="5" t="s">
        <v>83578</v>
      </c>
      <c r="B4243" s="2" t="s">
        <v>96331</v>
      </c>
      <c r="C4243" s="14" t="s">
        <v>96332</v>
      </c>
      <c r="D4243" s="2" t="s">
        <v>96333</v>
      </c>
      <c r="E4243" s="2" t="s">
        <v>7581</v>
      </c>
      <c r="F4243" s="8">
        <v>351</v>
      </c>
      <c r="G4243" s="5">
        <v>6</v>
      </c>
      <c r="H4243" s="5" t="s">
        <v>1518</v>
      </c>
      <c r="I4243" s="5" t="s">
        <v>40939</v>
      </c>
      <c r="J4243" s="2" t="s">
        <v>40940</v>
      </c>
      <c r="K4243" s="5" t="s">
        <v>40939</v>
      </c>
      <c r="L4243" s="2" t="s">
        <v>40940</v>
      </c>
      <c r="M4243" s="5" t="s">
        <v>36266</v>
      </c>
      <c r="N4243" s="5" t="s">
        <v>38</v>
      </c>
      <c r="O4243" s="5" t="s">
        <v>39</v>
      </c>
      <c r="P4243" s="5" t="s">
        <v>40</v>
      </c>
      <c r="Q4243" s="5" t="s">
        <v>1522</v>
      </c>
      <c r="R4243" s="5" t="s">
        <v>1523</v>
      </c>
      <c r="S4243" s="5" t="s">
        <v>42</v>
      </c>
      <c r="T4243" s="2">
        <v>3.867</v>
      </c>
      <c r="U4243" s="2">
        <v>3.22</v>
      </c>
      <c r="V4243" s="2">
        <v>0.02</v>
      </c>
      <c r="W4243" s="2">
        <v>159.1</v>
      </c>
      <c r="X4243" s="2">
        <v>7.6</v>
      </c>
      <c r="Y4243" s="2">
        <v>16.7</v>
      </c>
      <c r="Z4243" s="5"/>
      <c r="AA4243" s="5" t="s">
        <v>43</v>
      </c>
      <c r="AB4243" s="5" t="s">
        <v>44</v>
      </c>
      <c r="AC4243" s="2"/>
      <c r="AD4243" s="1"/>
    </row>
    <row r="4244" spans="1:30">
      <c r="A4244" s="5" t="s">
        <v>83578</v>
      </c>
      <c r="B4244" s="2" t="s">
        <v>96334</v>
      </c>
      <c r="C4244" s="14" t="s">
        <v>96335</v>
      </c>
      <c r="D4244" s="2" t="s">
        <v>96336</v>
      </c>
      <c r="E4244" s="2" t="s">
        <v>41049</v>
      </c>
      <c r="F4244" s="8">
        <v>351</v>
      </c>
      <c r="G4244" s="5">
        <v>6</v>
      </c>
      <c r="H4244" s="5" t="s">
        <v>1518</v>
      </c>
      <c r="I4244" s="5" t="s">
        <v>40939</v>
      </c>
      <c r="J4244" s="2" t="s">
        <v>40940</v>
      </c>
      <c r="K4244" s="5" t="s">
        <v>40939</v>
      </c>
      <c r="L4244" s="2" t="s">
        <v>40940</v>
      </c>
      <c r="M4244" s="5" t="s">
        <v>36266</v>
      </c>
      <c r="N4244" s="5" t="s">
        <v>38</v>
      </c>
      <c r="O4244" s="5" t="s">
        <v>39</v>
      </c>
      <c r="P4244" s="5" t="s">
        <v>40</v>
      </c>
      <c r="Q4244" s="5" t="s">
        <v>1522</v>
      </c>
      <c r="R4244" s="5" t="s">
        <v>1523</v>
      </c>
      <c r="S4244" s="5" t="s">
        <v>42</v>
      </c>
      <c r="T4244" s="2">
        <v>3.9689999999999999</v>
      </c>
      <c r="U4244" s="2">
        <v>3.3220000000000001</v>
      </c>
      <c r="V4244" s="2">
        <v>0.02</v>
      </c>
      <c r="W4244" s="2">
        <v>159.1</v>
      </c>
      <c r="X4244" s="2">
        <v>7.6</v>
      </c>
      <c r="Y4244" s="2">
        <v>16.7</v>
      </c>
      <c r="Z4244" s="5"/>
      <c r="AA4244" s="5" t="s">
        <v>43</v>
      </c>
      <c r="AB4244" s="5" t="s">
        <v>44</v>
      </c>
      <c r="AC4244" s="2"/>
      <c r="AD4244" s="1"/>
    </row>
    <row r="4245" spans="1:30">
      <c r="A4245" s="5" t="s">
        <v>83578</v>
      </c>
      <c r="B4245" s="2" t="s">
        <v>96337</v>
      </c>
      <c r="C4245" s="14" t="s">
        <v>96338</v>
      </c>
      <c r="D4245" s="2" t="s">
        <v>96339</v>
      </c>
      <c r="E4245" s="2" t="s">
        <v>7514</v>
      </c>
      <c r="F4245" s="8">
        <v>343</v>
      </c>
      <c r="G4245" s="5">
        <v>6</v>
      </c>
      <c r="H4245" s="5" t="s">
        <v>1518</v>
      </c>
      <c r="I4245" s="5" t="s">
        <v>40939</v>
      </c>
      <c r="J4245" s="2" t="s">
        <v>40940</v>
      </c>
      <c r="K4245" s="5" t="s">
        <v>40939</v>
      </c>
      <c r="L4245" s="2" t="s">
        <v>40940</v>
      </c>
      <c r="M4245" s="5" t="s">
        <v>36266</v>
      </c>
      <c r="N4245" s="5" t="s">
        <v>38</v>
      </c>
      <c r="O4245" s="5" t="s">
        <v>39</v>
      </c>
      <c r="P4245" s="5" t="s">
        <v>40</v>
      </c>
      <c r="Q4245" s="5" t="s">
        <v>1522</v>
      </c>
      <c r="R4245" s="5" t="s">
        <v>1523</v>
      </c>
      <c r="S4245" s="5" t="s">
        <v>42</v>
      </c>
      <c r="T4245" s="2">
        <v>4.0519999999999996</v>
      </c>
      <c r="U4245" s="2">
        <v>3.4140000000000001</v>
      </c>
      <c r="V4245" s="2">
        <v>0.02</v>
      </c>
      <c r="W4245" s="2">
        <v>159.1</v>
      </c>
      <c r="X4245" s="2">
        <v>7.6</v>
      </c>
      <c r="Y4245" s="2">
        <v>16.7</v>
      </c>
      <c r="Z4245" s="5"/>
      <c r="AA4245" s="5" t="s">
        <v>43</v>
      </c>
      <c r="AB4245" s="5" t="s">
        <v>44</v>
      </c>
      <c r="AC4245" s="2"/>
      <c r="AD4245" s="1"/>
    </row>
    <row r="4246" spans="1:30">
      <c r="A4246" s="5" t="s">
        <v>83578</v>
      </c>
      <c r="B4246" s="2" t="s">
        <v>96340</v>
      </c>
      <c r="C4246" s="14" t="s">
        <v>96341</v>
      </c>
      <c r="D4246" s="2" t="s">
        <v>96342</v>
      </c>
      <c r="E4246" s="2" t="s">
        <v>47266</v>
      </c>
      <c r="F4246" s="8">
        <v>374</v>
      </c>
      <c r="G4246" s="5">
        <v>6</v>
      </c>
      <c r="H4246" s="5" t="s">
        <v>1518</v>
      </c>
      <c r="I4246" s="5" t="s">
        <v>40939</v>
      </c>
      <c r="J4246" s="2" t="s">
        <v>40940</v>
      </c>
      <c r="K4246" s="5" t="s">
        <v>40939</v>
      </c>
      <c r="L4246" s="2" t="s">
        <v>40940</v>
      </c>
      <c r="M4246" s="5" t="s">
        <v>36266</v>
      </c>
      <c r="N4246" s="5" t="s">
        <v>38</v>
      </c>
      <c r="O4246" s="5" t="s">
        <v>39</v>
      </c>
      <c r="P4246" s="5" t="s">
        <v>40</v>
      </c>
      <c r="Q4246" s="5" t="s">
        <v>1522</v>
      </c>
      <c r="R4246" s="5" t="s">
        <v>1523</v>
      </c>
      <c r="S4246" s="5" t="s">
        <v>42</v>
      </c>
      <c r="T4246" s="2">
        <v>3.9609999999999999</v>
      </c>
      <c r="U4246" s="2">
        <v>3.323</v>
      </c>
      <c r="V4246" s="2">
        <v>0.02</v>
      </c>
      <c r="W4246" s="2">
        <v>159.1</v>
      </c>
      <c r="X4246" s="2">
        <v>7.6</v>
      </c>
      <c r="Y4246" s="2">
        <v>16.7</v>
      </c>
      <c r="Z4246" s="5"/>
      <c r="AA4246" s="5" t="s">
        <v>43</v>
      </c>
      <c r="AB4246" s="5" t="s">
        <v>44</v>
      </c>
      <c r="AC4246" s="2"/>
      <c r="AD4246" s="1"/>
    </row>
    <row r="4247" spans="1:30">
      <c r="A4247" s="5" t="s">
        <v>83578</v>
      </c>
      <c r="B4247" s="2" t="s">
        <v>96343</v>
      </c>
      <c r="C4247" s="14" t="s">
        <v>96344</v>
      </c>
      <c r="D4247" s="2" t="s">
        <v>96345</v>
      </c>
      <c r="E4247" s="2" t="s">
        <v>47195</v>
      </c>
      <c r="F4247" s="8">
        <v>374</v>
      </c>
      <c r="G4247" s="5">
        <v>6</v>
      </c>
      <c r="H4247" s="5" t="s">
        <v>1518</v>
      </c>
      <c r="I4247" s="5" t="s">
        <v>40939</v>
      </c>
      <c r="J4247" s="2" t="s">
        <v>40940</v>
      </c>
      <c r="K4247" s="5" t="s">
        <v>40939</v>
      </c>
      <c r="L4247" s="2" t="s">
        <v>40940</v>
      </c>
      <c r="M4247" s="5" t="s">
        <v>36266</v>
      </c>
      <c r="N4247" s="5" t="s">
        <v>38</v>
      </c>
      <c r="O4247" s="5" t="s">
        <v>39</v>
      </c>
      <c r="P4247" s="5" t="s">
        <v>40</v>
      </c>
      <c r="Q4247" s="5" t="s">
        <v>1522</v>
      </c>
      <c r="R4247" s="5" t="s">
        <v>1523</v>
      </c>
      <c r="S4247" s="5" t="s">
        <v>42</v>
      </c>
      <c r="T4247" s="2">
        <v>4.0910000000000002</v>
      </c>
      <c r="U4247" s="2">
        <v>3.4529999999999998</v>
      </c>
      <c r="V4247" s="2">
        <v>0.02</v>
      </c>
      <c r="W4247" s="2">
        <v>159.1</v>
      </c>
      <c r="X4247" s="2">
        <v>7.6</v>
      </c>
      <c r="Y4247" s="2">
        <v>16.7</v>
      </c>
      <c r="Z4247" s="5"/>
      <c r="AA4247" s="5" t="s">
        <v>43</v>
      </c>
      <c r="AB4247" s="5" t="s">
        <v>44</v>
      </c>
      <c r="AC4247" s="2"/>
      <c r="AD4247" s="1"/>
    </row>
    <row r="4248" spans="1:30">
      <c r="A4248" s="5" t="s">
        <v>83578</v>
      </c>
      <c r="B4248" s="2" t="s">
        <v>96346</v>
      </c>
      <c r="C4248" s="14" t="s">
        <v>96347</v>
      </c>
      <c r="D4248" s="2" t="s">
        <v>96348</v>
      </c>
      <c r="E4248" s="2" t="s">
        <v>7208</v>
      </c>
      <c r="F4248" s="8">
        <v>343</v>
      </c>
      <c r="G4248" s="5">
        <v>6</v>
      </c>
      <c r="H4248" s="5" t="s">
        <v>1518</v>
      </c>
      <c r="I4248" s="5" t="s">
        <v>40939</v>
      </c>
      <c r="J4248" s="2" t="s">
        <v>40940</v>
      </c>
      <c r="K4248" s="5" t="s">
        <v>40939</v>
      </c>
      <c r="L4248" s="2" t="s">
        <v>40940</v>
      </c>
      <c r="M4248" s="5" t="s">
        <v>36266</v>
      </c>
      <c r="N4248" s="5" t="s">
        <v>38</v>
      </c>
      <c r="O4248" s="5" t="s">
        <v>39</v>
      </c>
      <c r="P4248" s="5" t="s">
        <v>40</v>
      </c>
      <c r="Q4248" s="5" t="s">
        <v>1522</v>
      </c>
      <c r="R4248" s="5" t="s">
        <v>1523</v>
      </c>
      <c r="S4248" s="5" t="s">
        <v>42</v>
      </c>
      <c r="T4248" s="2">
        <v>3.98</v>
      </c>
      <c r="U4248" s="2">
        <v>3.3420000000000001</v>
      </c>
      <c r="V4248" s="2">
        <v>0.02</v>
      </c>
      <c r="W4248" s="2">
        <v>159.1</v>
      </c>
      <c r="X4248" s="2">
        <v>7.6</v>
      </c>
      <c r="Y4248" s="2">
        <v>16.7</v>
      </c>
      <c r="Z4248" s="5"/>
      <c r="AA4248" s="5" t="s">
        <v>43</v>
      </c>
      <c r="AB4248" s="5" t="s">
        <v>44</v>
      </c>
      <c r="AC4248" s="2"/>
      <c r="AD4248" s="1"/>
    </row>
    <row r="4249" spans="1:30">
      <c r="A4249" s="5" t="s">
        <v>83578</v>
      </c>
      <c r="B4249" s="2" t="s">
        <v>96349</v>
      </c>
      <c r="C4249" s="14" t="s">
        <v>96350</v>
      </c>
      <c r="D4249" s="2" t="s">
        <v>96351</v>
      </c>
      <c r="E4249" s="2" t="s">
        <v>7521</v>
      </c>
      <c r="F4249" s="8">
        <v>343</v>
      </c>
      <c r="G4249" s="5">
        <v>6</v>
      </c>
      <c r="H4249" s="5" t="s">
        <v>1518</v>
      </c>
      <c r="I4249" s="5" t="s">
        <v>40939</v>
      </c>
      <c r="J4249" s="2" t="s">
        <v>40940</v>
      </c>
      <c r="K4249" s="5" t="s">
        <v>40939</v>
      </c>
      <c r="L4249" s="2" t="s">
        <v>40940</v>
      </c>
      <c r="M4249" s="5" t="s">
        <v>36266</v>
      </c>
      <c r="N4249" s="5" t="s">
        <v>38</v>
      </c>
      <c r="O4249" s="5" t="s">
        <v>39</v>
      </c>
      <c r="P4249" s="5" t="s">
        <v>40</v>
      </c>
      <c r="Q4249" s="5" t="s">
        <v>1522</v>
      </c>
      <c r="R4249" s="5" t="s">
        <v>1523</v>
      </c>
      <c r="S4249" s="5" t="s">
        <v>42</v>
      </c>
      <c r="T4249" s="2">
        <v>4.1100000000000003</v>
      </c>
      <c r="U4249" s="2">
        <v>3.472</v>
      </c>
      <c r="V4249" s="2">
        <v>0.02</v>
      </c>
      <c r="W4249" s="2">
        <v>159.1</v>
      </c>
      <c r="X4249" s="2">
        <v>7.6</v>
      </c>
      <c r="Y4249" s="2">
        <v>16.7</v>
      </c>
      <c r="Z4249" s="5"/>
      <c r="AA4249" s="5" t="s">
        <v>43</v>
      </c>
      <c r="AB4249" s="5" t="s">
        <v>44</v>
      </c>
      <c r="AC4249" s="2"/>
      <c r="AD4249" s="1"/>
    </row>
    <row r="4250" spans="1:30">
      <c r="A4250" s="5" t="s">
        <v>83578</v>
      </c>
      <c r="B4250" s="2" t="s">
        <v>96352</v>
      </c>
      <c r="C4250" s="14" t="s">
        <v>96353</v>
      </c>
      <c r="D4250" s="2" t="s">
        <v>96354</v>
      </c>
      <c r="E4250" s="2" t="s">
        <v>36273</v>
      </c>
      <c r="F4250" s="8">
        <v>343</v>
      </c>
      <c r="G4250" s="5">
        <v>6</v>
      </c>
      <c r="H4250" s="5" t="s">
        <v>1518</v>
      </c>
      <c r="I4250" s="5" t="s">
        <v>40939</v>
      </c>
      <c r="J4250" s="2" t="s">
        <v>40940</v>
      </c>
      <c r="K4250" s="5" t="s">
        <v>40939</v>
      </c>
      <c r="L4250" s="2" t="s">
        <v>40940</v>
      </c>
      <c r="M4250" s="5" t="s">
        <v>36266</v>
      </c>
      <c r="N4250" s="5" t="s">
        <v>38</v>
      </c>
      <c r="O4250" s="5" t="s">
        <v>39</v>
      </c>
      <c r="P4250" s="5" t="s">
        <v>40</v>
      </c>
      <c r="Q4250" s="5" t="s">
        <v>1522</v>
      </c>
      <c r="R4250" s="5" t="s">
        <v>1523</v>
      </c>
      <c r="S4250" s="5" t="s">
        <v>42</v>
      </c>
      <c r="T4250" s="2">
        <v>4.0190000000000001</v>
      </c>
      <c r="U4250" s="2">
        <v>3.3809999999999998</v>
      </c>
      <c r="V4250" s="2">
        <v>0.02</v>
      </c>
      <c r="W4250" s="2">
        <v>159.1</v>
      </c>
      <c r="X4250" s="2">
        <v>7.6</v>
      </c>
      <c r="Y4250" s="2">
        <v>16.7</v>
      </c>
      <c r="Z4250" s="5"/>
      <c r="AA4250" s="5" t="s">
        <v>43</v>
      </c>
      <c r="AB4250" s="5" t="s">
        <v>44</v>
      </c>
      <c r="AC4250" s="2"/>
      <c r="AD4250" s="1"/>
    </row>
    <row r="4251" spans="1:30">
      <c r="A4251" s="5" t="s">
        <v>83578</v>
      </c>
      <c r="B4251" s="2" t="s">
        <v>96355</v>
      </c>
      <c r="C4251" s="14" t="s">
        <v>96356</v>
      </c>
      <c r="D4251" s="2" t="s">
        <v>96357</v>
      </c>
      <c r="E4251" s="2" t="s">
        <v>36277</v>
      </c>
      <c r="F4251" s="8">
        <v>343</v>
      </c>
      <c r="G4251" s="5">
        <v>6</v>
      </c>
      <c r="H4251" s="5" t="s">
        <v>1518</v>
      </c>
      <c r="I4251" s="5" t="s">
        <v>40939</v>
      </c>
      <c r="J4251" s="2" t="s">
        <v>40940</v>
      </c>
      <c r="K4251" s="5" t="s">
        <v>40939</v>
      </c>
      <c r="L4251" s="2" t="s">
        <v>40940</v>
      </c>
      <c r="M4251" s="5" t="s">
        <v>36266</v>
      </c>
      <c r="N4251" s="5" t="s">
        <v>38</v>
      </c>
      <c r="O4251" s="5" t="s">
        <v>39</v>
      </c>
      <c r="P4251" s="5" t="s">
        <v>40</v>
      </c>
      <c r="Q4251" s="5" t="s">
        <v>1522</v>
      </c>
      <c r="R4251" s="5" t="s">
        <v>1523</v>
      </c>
      <c r="S4251" s="5" t="s">
        <v>42</v>
      </c>
      <c r="T4251" s="2">
        <v>4.149</v>
      </c>
      <c r="U4251" s="2">
        <v>3.5110000000000001</v>
      </c>
      <c r="V4251" s="2">
        <v>0.02</v>
      </c>
      <c r="W4251" s="2">
        <v>159.1</v>
      </c>
      <c r="X4251" s="2">
        <v>7.6</v>
      </c>
      <c r="Y4251" s="2">
        <v>16.7</v>
      </c>
      <c r="Z4251" s="5"/>
      <c r="AA4251" s="5" t="s">
        <v>43</v>
      </c>
      <c r="AB4251" s="5" t="s">
        <v>44</v>
      </c>
      <c r="AC4251" s="2"/>
      <c r="AD4251" s="1"/>
    </row>
    <row r="4252" spans="1:30">
      <c r="A4252" s="5" t="s">
        <v>83578</v>
      </c>
      <c r="B4252" s="2" t="s">
        <v>96358</v>
      </c>
      <c r="C4252" s="14" t="s">
        <v>96359</v>
      </c>
      <c r="D4252" s="2" t="s">
        <v>96360</v>
      </c>
      <c r="E4252" s="2" t="s">
        <v>40967</v>
      </c>
      <c r="F4252" s="8">
        <v>374</v>
      </c>
      <c r="G4252" s="5">
        <v>6</v>
      </c>
      <c r="H4252" s="5" t="s">
        <v>1518</v>
      </c>
      <c r="I4252" s="5" t="s">
        <v>40939</v>
      </c>
      <c r="J4252" s="2" t="s">
        <v>40940</v>
      </c>
      <c r="K4252" s="5" t="s">
        <v>40939</v>
      </c>
      <c r="L4252" s="2" t="s">
        <v>40940</v>
      </c>
      <c r="M4252" s="5" t="s">
        <v>36266</v>
      </c>
      <c r="N4252" s="5" t="s">
        <v>38</v>
      </c>
      <c r="O4252" s="5" t="s">
        <v>39</v>
      </c>
      <c r="P4252" s="5" t="s">
        <v>40</v>
      </c>
      <c r="Q4252" s="5" t="s">
        <v>1522</v>
      </c>
      <c r="R4252" s="5" t="s">
        <v>1523</v>
      </c>
      <c r="S4252" s="5" t="s">
        <v>42</v>
      </c>
      <c r="T4252" s="2">
        <v>3.98</v>
      </c>
      <c r="U4252" s="2">
        <v>3.3420000000000001</v>
      </c>
      <c r="V4252" s="2">
        <v>0.02</v>
      </c>
      <c r="W4252" s="2">
        <v>159.1</v>
      </c>
      <c r="X4252" s="2">
        <v>7.6</v>
      </c>
      <c r="Y4252" s="2">
        <v>16.7</v>
      </c>
      <c r="Z4252" s="5"/>
      <c r="AA4252" s="5" t="s">
        <v>43</v>
      </c>
      <c r="AB4252" s="5" t="s">
        <v>44</v>
      </c>
      <c r="AC4252" s="2"/>
      <c r="AD4252" s="1"/>
    </row>
    <row r="4253" spans="1:30">
      <c r="A4253" s="5" t="s">
        <v>83578</v>
      </c>
      <c r="B4253" s="2" t="s">
        <v>96361</v>
      </c>
      <c r="C4253" s="14" t="s">
        <v>96362</v>
      </c>
      <c r="D4253" s="2" t="s">
        <v>96363</v>
      </c>
      <c r="E4253" s="2" t="s">
        <v>40971</v>
      </c>
      <c r="F4253" s="8">
        <v>374</v>
      </c>
      <c r="G4253" s="5">
        <v>6</v>
      </c>
      <c r="H4253" s="5" t="s">
        <v>1518</v>
      </c>
      <c r="I4253" s="5" t="s">
        <v>40939</v>
      </c>
      <c r="J4253" s="2" t="s">
        <v>40940</v>
      </c>
      <c r="K4253" s="5" t="s">
        <v>40939</v>
      </c>
      <c r="L4253" s="2" t="s">
        <v>40940</v>
      </c>
      <c r="M4253" s="5" t="s">
        <v>36266</v>
      </c>
      <c r="N4253" s="5" t="s">
        <v>38</v>
      </c>
      <c r="O4253" s="5" t="s">
        <v>39</v>
      </c>
      <c r="P4253" s="5" t="s">
        <v>40</v>
      </c>
      <c r="Q4253" s="5" t="s">
        <v>1522</v>
      </c>
      <c r="R4253" s="5" t="s">
        <v>1523</v>
      </c>
      <c r="S4253" s="5" t="s">
        <v>42</v>
      </c>
      <c r="T4253" s="2">
        <v>4.1100000000000003</v>
      </c>
      <c r="U4253" s="2">
        <v>3.472</v>
      </c>
      <c r="V4253" s="2">
        <v>0.02</v>
      </c>
      <c r="W4253" s="2">
        <v>159.1</v>
      </c>
      <c r="X4253" s="2">
        <v>7.6</v>
      </c>
      <c r="Y4253" s="2">
        <v>16.7</v>
      </c>
      <c r="Z4253" s="5"/>
      <c r="AA4253" s="5" t="s">
        <v>43</v>
      </c>
      <c r="AB4253" s="5" t="s">
        <v>44</v>
      </c>
      <c r="AC4253" s="2"/>
      <c r="AD4253" s="1"/>
    </row>
    <row r="4254" spans="1:30">
      <c r="A4254" s="5" t="s">
        <v>83578</v>
      </c>
      <c r="B4254" s="2" t="s">
        <v>96364</v>
      </c>
      <c r="C4254" s="14" t="s">
        <v>96365</v>
      </c>
      <c r="D4254" s="2" t="s">
        <v>96366</v>
      </c>
      <c r="E4254" s="2" t="s">
        <v>47226</v>
      </c>
      <c r="F4254" s="8">
        <v>374</v>
      </c>
      <c r="G4254" s="5">
        <v>6</v>
      </c>
      <c r="H4254" s="5" t="s">
        <v>1518</v>
      </c>
      <c r="I4254" s="5" t="s">
        <v>40939</v>
      </c>
      <c r="J4254" s="2" t="s">
        <v>40940</v>
      </c>
      <c r="K4254" s="5" t="s">
        <v>40939</v>
      </c>
      <c r="L4254" s="2" t="s">
        <v>40940</v>
      </c>
      <c r="M4254" s="5" t="s">
        <v>36266</v>
      </c>
      <c r="N4254" s="5" t="s">
        <v>38</v>
      </c>
      <c r="O4254" s="5" t="s">
        <v>39</v>
      </c>
      <c r="P4254" s="5" t="s">
        <v>40</v>
      </c>
      <c r="Q4254" s="5" t="s">
        <v>1522</v>
      </c>
      <c r="R4254" s="5" t="s">
        <v>1523</v>
      </c>
      <c r="S4254" s="5" t="s">
        <v>42</v>
      </c>
      <c r="T4254" s="2">
        <v>3.98</v>
      </c>
      <c r="U4254" s="2">
        <v>3.3420000000000001</v>
      </c>
      <c r="V4254" s="2">
        <v>0.02</v>
      </c>
      <c r="W4254" s="2">
        <v>159.1</v>
      </c>
      <c r="X4254" s="2">
        <v>7.6</v>
      </c>
      <c r="Y4254" s="2">
        <v>16.7</v>
      </c>
      <c r="Z4254" s="5"/>
      <c r="AA4254" s="5" t="s">
        <v>43</v>
      </c>
      <c r="AB4254" s="5" t="s">
        <v>44</v>
      </c>
      <c r="AC4254" s="2"/>
      <c r="AD4254" s="1"/>
    </row>
    <row r="4255" spans="1:30">
      <c r="A4255" s="5" t="s">
        <v>83578</v>
      </c>
      <c r="B4255" s="2" t="s">
        <v>96367</v>
      </c>
      <c r="C4255" s="14" t="s">
        <v>96368</v>
      </c>
      <c r="D4255" s="2" t="s">
        <v>96369</v>
      </c>
      <c r="E4255" s="2" t="s">
        <v>47735</v>
      </c>
      <c r="F4255" s="8">
        <v>374</v>
      </c>
      <c r="G4255" s="5">
        <v>6</v>
      </c>
      <c r="H4255" s="5" t="s">
        <v>1518</v>
      </c>
      <c r="I4255" s="5" t="s">
        <v>40939</v>
      </c>
      <c r="J4255" s="2" t="s">
        <v>40940</v>
      </c>
      <c r="K4255" s="5" t="s">
        <v>40939</v>
      </c>
      <c r="L4255" s="2" t="s">
        <v>40940</v>
      </c>
      <c r="M4255" s="5" t="s">
        <v>36266</v>
      </c>
      <c r="N4255" s="5" t="s">
        <v>38</v>
      </c>
      <c r="O4255" s="5" t="s">
        <v>39</v>
      </c>
      <c r="P4255" s="5" t="s">
        <v>40</v>
      </c>
      <c r="Q4255" s="5" t="s">
        <v>1522</v>
      </c>
      <c r="R4255" s="5" t="s">
        <v>1523</v>
      </c>
      <c r="S4255" s="5" t="s">
        <v>42</v>
      </c>
      <c r="T4255" s="2">
        <v>4.1100000000000003</v>
      </c>
      <c r="U4255" s="2">
        <v>3.472</v>
      </c>
      <c r="V4255" s="2">
        <v>0.02</v>
      </c>
      <c r="W4255" s="2">
        <v>159.1</v>
      </c>
      <c r="X4255" s="2">
        <v>7.6</v>
      </c>
      <c r="Y4255" s="2">
        <v>16.7</v>
      </c>
      <c r="Z4255" s="5"/>
      <c r="AA4255" s="5" t="s">
        <v>43</v>
      </c>
      <c r="AB4255" s="5" t="s">
        <v>44</v>
      </c>
      <c r="AC4255" s="2"/>
      <c r="AD4255" s="1"/>
    </row>
    <row r="4256" spans="1:30">
      <c r="A4256" s="5" t="s">
        <v>83578</v>
      </c>
      <c r="B4256" s="2" t="s">
        <v>96370</v>
      </c>
      <c r="C4256" s="14" t="s">
        <v>96371</v>
      </c>
      <c r="D4256" s="2" t="s">
        <v>96372</v>
      </c>
      <c r="E4256" s="2" t="s">
        <v>7539</v>
      </c>
      <c r="F4256" s="8">
        <v>374</v>
      </c>
      <c r="G4256" s="5">
        <v>6</v>
      </c>
      <c r="H4256" s="5" t="s">
        <v>1518</v>
      </c>
      <c r="I4256" s="5" t="s">
        <v>40939</v>
      </c>
      <c r="J4256" s="2" t="s">
        <v>40940</v>
      </c>
      <c r="K4256" s="5" t="s">
        <v>40939</v>
      </c>
      <c r="L4256" s="2" t="s">
        <v>40940</v>
      </c>
      <c r="M4256" s="5" t="s">
        <v>36266</v>
      </c>
      <c r="N4256" s="5" t="s">
        <v>38</v>
      </c>
      <c r="O4256" s="5" t="s">
        <v>39</v>
      </c>
      <c r="P4256" s="5" t="s">
        <v>40</v>
      </c>
      <c r="Q4256" s="5" t="s">
        <v>1522</v>
      </c>
      <c r="R4256" s="5" t="s">
        <v>1523</v>
      </c>
      <c r="S4256" s="5" t="s">
        <v>42</v>
      </c>
      <c r="T4256" s="2">
        <v>3.8839999999999999</v>
      </c>
      <c r="U4256" s="2">
        <v>3.246</v>
      </c>
      <c r="V4256" s="2">
        <v>0.02</v>
      </c>
      <c r="W4256" s="2">
        <v>159.1</v>
      </c>
      <c r="X4256" s="2">
        <v>7.6</v>
      </c>
      <c r="Y4256" s="2">
        <v>16.7</v>
      </c>
      <c r="Z4256" s="5"/>
      <c r="AA4256" s="5" t="s">
        <v>43</v>
      </c>
      <c r="AB4256" s="5" t="s">
        <v>44</v>
      </c>
      <c r="AC4256" s="2"/>
      <c r="AD4256" s="1"/>
    </row>
    <row r="4257" spans="1:30">
      <c r="A4257" s="5" t="s">
        <v>83578</v>
      </c>
      <c r="B4257" s="2" t="s">
        <v>96373</v>
      </c>
      <c r="C4257" s="14" t="s">
        <v>96374</v>
      </c>
      <c r="D4257" s="2" t="s">
        <v>96375</v>
      </c>
      <c r="E4257" s="2" t="s">
        <v>7543</v>
      </c>
      <c r="F4257" s="8">
        <v>374</v>
      </c>
      <c r="G4257" s="5">
        <v>6</v>
      </c>
      <c r="H4257" s="5" t="s">
        <v>1518</v>
      </c>
      <c r="I4257" s="5" t="s">
        <v>40939</v>
      </c>
      <c r="J4257" s="2" t="s">
        <v>40940</v>
      </c>
      <c r="K4257" s="5" t="s">
        <v>40939</v>
      </c>
      <c r="L4257" s="2" t="s">
        <v>40940</v>
      </c>
      <c r="M4257" s="5" t="s">
        <v>36266</v>
      </c>
      <c r="N4257" s="5" t="s">
        <v>38</v>
      </c>
      <c r="O4257" s="5" t="s">
        <v>39</v>
      </c>
      <c r="P4257" s="5" t="s">
        <v>40</v>
      </c>
      <c r="Q4257" s="5" t="s">
        <v>1522</v>
      </c>
      <c r="R4257" s="5" t="s">
        <v>1523</v>
      </c>
      <c r="S4257" s="5" t="s">
        <v>42</v>
      </c>
      <c r="T4257" s="2">
        <v>4.0140000000000002</v>
      </c>
      <c r="U4257" s="2">
        <v>3.3759999999999999</v>
      </c>
      <c r="V4257" s="2">
        <v>0.02</v>
      </c>
      <c r="W4257" s="2">
        <v>159.1</v>
      </c>
      <c r="X4257" s="2">
        <v>7.6</v>
      </c>
      <c r="Y4257" s="2">
        <v>16.7</v>
      </c>
      <c r="Z4257" s="5"/>
      <c r="AA4257" s="5" t="s">
        <v>43</v>
      </c>
      <c r="AB4257" s="5" t="s">
        <v>44</v>
      </c>
      <c r="AC4257" s="2"/>
      <c r="AD4257" s="1"/>
    </row>
    <row r="4258" spans="1:30">
      <c r="A4258" s="5" t="s">
        <v>83578</v>
      </c>
      <c r="B4258" s="2" t="s">
        <v>96376</v>
      </c>
      <c r="C4258" s="14" t="s">
        <v>96377</v>
      </c>
      <c r="D4258" s="2" t="s">
        <v>96378</v>
      </c>
      <c r="E4258" s="2" t="s">
        <v>40993</v>
      </c>
      <c r="F4258" s="8">
        <v>374</v>
      </c>
      <c r="G4258" s="5">
        <v>6</v>
      </c>
      <c r="H4258" s="5" t="s">
        <v>1518</v>
      </c>
      <c r="I4258" s="5" t="s">
        <v>40939</v>
      </c>
      <c r="J4258" s="2" t="s">
        <v>40940</v>
      </c>
      <c r="K4258" s="5" t="s">
        <v>40939</v>
      </c>
      <c r="L4258" s="2" t="s">
        <v>40940</v>
      </c>
      <c r="M4258" s="5" t="s">
        <v>36266</v>
      </c>
      <c r="N4258" s="5" t="s">
        <v>38</v>
      </c>
      <c r="O4258" s="5" t="s">
        <v>39</v>
      </c>
      <c r="P4258" s="5" t="s">
        <v>40</v>
      </c>
      <c r="Q4258" s="5" t="s">
        <v>1522</v>
      </c>
      <c r="R4258" s="5" t="s">
        <v>1523</v>
      </c>
      <c r="S4258" s="5" t="s">
        <v>42</v>
      </c>
      <c r="T4258" s="2">
        <v>4.1100000000000003</v>
      </c>
      <c r="U4258" s="2">
        <v>3.472</v>
      </c>
      <c r="V4258" s="2">
        <v>0.02</v>
      </c>
      <c r="W4258" s="2">
        <v>159.1</v>
      </c>
      <c r="X4258" s="2">
        <v>7.6</v>
      </c>
      <c r="Y4258" s="2">
        <v>16.7</v>
      </c>
      <c r="Z4258" s="5"/>
      <c r="AA4258" s="5" t="s">
        <v>43</v>
      </c>
      <c r="AB4258" s="5" t="s">
        <v>44</v>
      </c>
      <c r="AC4258" s="2"/>
      <c r="AD4258" s="1"/>
    </row>
    <row r="4259" spans="1:30">
      <c r="A4259" s="5" t="s">
        <v>83578</v>
      </c>
      <c r="B4259" s="2" t="s">
        <v>96379</v>
      </c>
      <c r="C4259" s="14" t="s">
        <v>96380</v>
      </c>
      <c r="D4259" s="2" t="s">
        <v>96381</v>
      </c>
      <c r="E4259" s="2" t="s">
        <v>40997</v>
      </c>
      <c r="F4259" s="8">
        <v>374</v>
      </c>
      <c r="G4259" s="5">
        <v>6</v>
      </c>
      <c r="H4259" s="5" t="s">
        <v>1518</v>
      </c>
      <c r="I4259" s="5" t="s">
        <v>40939</v>
      </c>
      <c r="J4259" s="2" t="s">
        <v>40940</v>
      </c>
      <c r="K4259" s="5" t="s">
        <v>40939</v>
      </c>
      <c r="L4259" s="2" t="s">
        <v>40940</v>
      </c>
      <c r="M4259" s="5" t="s">
        <v>36266</v>
      </c>
      <c r="N4259" s="5" t="s">
        <v>38</v>
      </c>
      <c r="O4259" s="5" t="s">
        <v>39</v>
      </c>
      <c r="P4259" s="5" t="s">
        <v>40</v>
      </c>
      <c r="Q4259" s="5" t="s">
        <v>1522</v>
      </c>
      <c r="R4259" s="5" t="s">
        <v>1523</v>
      </c>
      <c r="S4259" s="5" t="s">
        <v>42</v>
      </c>
      <c r="T4259" s="2">
        <v>3.903</v>
      </c>
      <c r="U4259" s="2">
        <v>3.2650000000000001</v>
      </c>
      <c r="V4259" s="2">
        <v>0.02</v>
      </c>
      <c r="W4259" s="2">
        <v>159.1</v>
      </c>
      <c r="X4259" s="2">
        <v>7.6</v>
      </c>
      <c r="Y4259" s="2">
        <v>16.7</v>
      </c>
      <c r="Z4259" s="5"/>
      <c r="AA4259" s="5" t="s">
        <v>43</v>
      </c>
      <c r="AB4259" s="5" t="s">
        <v>44</v>
      </c>
      <c r="AC4259" s="2"/>
      <c r="AD4259" s="1"/>
    </row>
    <row r="4260" spans="1:30">
      <c r="A4260" s="5" t="s">
        <v>83578</v>
      </c>
      <c r="B4260" s="2" t="s">
        <v>96382</v>
      </c>
      <c r="C4260" s="14" t="s">
        <v>96383</v>
      </c>
      <c r="D4260" s="2" t="s">
        <v>96384</v>
      </c>
      <c r="E4260" s="2" t="s">
        <v>41267</v>
      </c>
      <c r="F4260" s="8">
        <v>374</v>
      </c>
      <c r="G4260" s="5">
        <v>6</v>
      </c>
      <c r="H4260" s="5" t="s">
        <v>1518</v>
      </c>
      <c r="I4260" s="5" t="s">
        <v>40939</v>
      </c>
      <c r="J4260" s="2" t="s">
        <v>40940</v>
      </c>
      <c r="K4260" s="5" t="s">
        <v>40939</v>
      </c>
      <c r="L4260" s="2" t="s">
        <v>40940</v>
      </c>
      <c r="M4260" s="5" t="s">
        <v>36266</v>
      </c>
      <c r="N4260" s="5" t="s">
        <v>38</v>
      </c>
      <c r="O4260" s="5" t="s">
        <v>39</v>
      </c>
      <c r="P4260" s="5" t="s">
        <v>40</v>
      </c>
      <c r="Q4260" s="5" t="s">
        <v>1522</v>
      </c>
      <c r="R4260" s="5" t="s">
        <v>1523</v>
      </c>
      <c r="S4260" s="5" t="s">
        <v>42</v>
      </c>
      <c r="T4260" s="2">
        <v>4.0330000000000004</v>
      </c>
      <c r="U4260" s="2">
        <v>3.395</v>
      </c>
      <c r="V4260" s="2">
        <v>0.02</v>
      </c>
      <c r="W4260" s="2">
        <v>159.1</v>
      </c>
      <c r="X4260" s="2">
        <v>7.6</v>
      </c>
      <c r="Y4260" s="2">
        <v>16.7</v>
      </c>
      <c r="Z4260" s="5"/>
      <c r="AA4260" s="5" t="s">
        <v>43</v>
      </c>
      <c r="AB4260" s="5" t="s">
        <v>44</v>
      </c>
      <c r="AC4260" s="2"/>
      <c r="AD4260" s="1"/>
    </row>
    <row r="4261" spans="1:30">
      <c r="A4261" s="5" t="s">
        <v>83578</v>
      </c>
      <c r="B4261" s="2" t="s">
        <v>96385</v>
      </c>
      <c r="C4261" s="14" t="s">
        <v>96386</v>
      </c>
      <c r="D4261" s="2" t="s">
        <v>96387</v>
      </c>
      <c r="E4261" s="2" t="s">
        <v>41001</v>
      </c>
      <c r="F4261" s="8">
        <v>374</v>
      </c>
      <c r="G4261" s="5">
        <v>6</v>
      </c>
      <c r="H4261" s="5" t="s">
        <v>1518</v>
      </c>
      <c r="I4261" s="5" t="s">
        <v>40939</v>
      </c>
      <c r="J4261" s="2" t="s">
        <v>40940</v>
      </c>
      <c r="K4261" s="5" t="s">
        <v>40939</v>
      </c>
      <c r="L4261" s="2" t="s">
        <v>40940</v>
      </c>
      <c r="M4261" s="5" t="s">
        <v>36266</v>
      </c>
      <c r="N4261" s="5" t="s">
        <v>38</v>
      </c>
      <c r="O4261" s="5" t="s">
        <v>39</v>
      </c>
      <c r="P4261" s="5" t="s">
        <v>40</v>
      </c>
      <c r="Q4261" s="5" t="s">
        <v>1522</v>
      </c>
      <c r="R4261" s="5" t="s">
        <v>1523</v>
      </c>
      <c r="S4261" s="5" t="s">
        <v>42</v>
      </c>
      <c r="T4261" s="2">
        <v>3.98</v>
      </c>
      <c r="U4261" s="2">
        <v>3.3420000000000001</v>
      </c>
      <c r="V4261" s="2">
        <v>0.02</v>
      </c>
      <c r="W4261" s="2">
        <v>159.1</v>
      </c>
      <c r="X4261" s="2">
        <v>7.6</v>
      </c>
      <c r="Y4261" s="2">
        <v>16.7</v>
      </c>
      <c r="Z4261" s="5"/>
      <c r="AA4261" s="5" t="s">
        <v>43</v>
      </c>
      <c r="AB4261" s="5" t="s">
        <v>44</v>
      </c>
      <c r="AC4261" s="2"/>
      <c r="AD4261" s="1"/>
    </row>
    <row r="4262" spans="1:30">
      <c r="A4262" s="5" t="s">
        <v>83578</v>
      </c>
      <c r="B4262" s="2" t="s">
        <v>96388</v>
      </c>
      <c r="C4262" s="14" t="s">
        <v>96389</v>
      </c>
      <c r="D4262" s="2" t="s">
        <v>96390</v>
      </c>
      <c r="E4262" s="2" t="s">
        <v>41005</v>
      </c>
      <c r="F4262" s="8">
        <v>374</v>
      </c>
      <c r="G4262" s="5">
        <v>6</v>
      </c>
      <c r="H4262" s="5" t="s">
        <v>1518</v>
      </c>
      <c r="I4262" s="5" t="s">
        <v>40939</v>
      </c>
      <c r="J4262" s="2" t="s">
        <v>40940</v>
      </c>
      <c r="K4262" s="5" t="s">
        <v>40939</v>
      </c>
      <c r="L4262" s="2" t="s">
        <v>40940</v>
      </c>
      <c r="M4262" s="5" t="s">
        <v>36266</v>
      </c>
      <c r="N4262" s="5" t="s">
        <v>38</v>
      </c>
      <c r="O4262" s="5" t="s">
        <v>39</v>
      </c>
      <c r="P4262" s="5" t="s">
        <v>40</v>
      </c>
      <c r="Q4262" s="5" t="s">
        <v>1522</v>
      </c>
      <c r="R4262" s="5" t="s">
        <v>1523</v>
      </c>
      <c r="S4262" s="5" t="s">
        <v>42</v>
      </c>
      <c r="T4262" s="2">
        <v>4.1100000000000003</v>
      </c>
      <c r="U4262" s="2">
        <v>3.472</v>
      </c>
      <c r="V4262" s="2">
        <v>0.02</v>
      </c>
      <c r="W4262" s="2">
        <v>159.1</v>
      </c>
      <c r="X4262" s="2">
        <v>7.6</v>
      </c>
      <c r="Y4262" s="2">
        <v>16.7</v>
      </c>
      <c r="Z4262" s="5"/>
      <c r="AA4262" s="5" t="s">
        <v>43</v>
      </c>
      <c r="AB4262" s="5" t="s">
        <v>44</v>
      </c>
      <c r="AC4262" s="2"/>
      <c r="AD4262" s="1"/>
    </row>
    <row r="4263" spans="1:30">
      <c r="A4263" s="5" t="s">
        <v>83578</v>
      </c>
      <c r="B4263" s="2" t="s">
        <v>96391</v>
      </c>
      <c r="C4263" s="14" t="s">
        <v>96392</v>
      </c>
      <c r="D4263" s="2" t="s">
        <v>96393</v>
      </c>
      <c r="E4263" s="2" t="s">
        <v>41009</v>
      </c>
      <c r="F4263" s="8">
        <v>374</v>
      </c>
      <c r="G4263" s="5">
        <v>6</v>
      </c>
      <c r="H4263" s="5" t="s">
        <v>1518</v>
      </c>
      <c r="I4263" s="5" t="s">
        <v>40939</v>
      </c>
      <c r="J4263" s="2" t="s">
        <v>40940</v>
      </c>
      <c r="K4263" s="5" t="s">
        <v>40939</v>
      </c>
      <c r="L4263" s="2" t="s">
        <v>40940</v>
      </c>
      <c r="M4263" s="5" t="s">
        <v>36266</v>
      </c>
      <c r="N4263" s="5" t="s">
        <v>38</v>
      </c>
      <c r="O4263" s="5" t="s">
        <v>39</v>
      </c>
      <c r="P4263" s="5" t="s">
        <v>40</v>
      </c>
      <c r="Q4263" s="5" t="s">
        <v>1522</v>
      </c>
      <c r="R4263" s="5" t="s">
        <v>1523</v>
      </c>
      <c r="S4263" s="5" t="s">
        <v>42</v>
      </c>
      <c r="T4263" s="2">
        <v>3.9990000000000001</v>
      </c>
      <c r="U4263" s="2">
        <v>3.3610000000000002</v>
      </c>
      <c r="V4263" s="2">
        <v>0.02</v>
      </c>
      <c r="W4263" s="2">
        <v>159.1</v>
      </c>
      <c r="X4263" s="2">
        <v>7.6</v>
      </c>
      <c r="Y4263" s="2">
        <v>16.7</v>
      </c>
      <c r="Z4263" s="5"/>
      <c r="AA4263" s="5" t="s">
        <v>43</v>
      </c>
      <c r="AB4263" s="5" t="s">
        <v>44</v>
      </c>
      <c r="AC4263" s="2"/>
      <c r="AD4263" s="1"/>
    </row>
    <row r="4264" spans="1:30">
      <c r="A4264" s="5" t="s">
        <v>83578</v>
      </c>
      <c r="B4264" s="2" t="s">
        <v>96394</v>
      </c>
      <c r="C4264" s="14" t="s">
        <v>96395</v>
      </c>
      <c r="D4264" s="2" t="s">
        <v>96396</v>
      </c>
      <c r="E4264" s="2" t="s">
        <v>41013</v>
      </c>
      <c r="F4264" s="8">
        <v>374</v>
      </c>
      <c r="G4264" s="5">
        <v>6</v>
      </c>
      <c r="H4264" s="5" t="s">
        <v>1518</v>
      </c>
      <c r="I4264" s="5" t="s">
        <v>40939</v>
      </c>
      <c r="J4264" s="2" t="s">
        <v>40940</v>
      </c>
      <c r="K4264" s="5" t="s">
        <v>40939</v>
      </c>
      <c r="L4264" s="2" t="s">
        <v>40940</v>
      </c>
      <c r="M4264" s="5" t="s">
        <v>36266</v>
      </c>
      <c r="N4264" s="5" t="s">
        <v>38</v>
      </c>
      <c r="O4264" s="5" t="s">
        <v>39</v>
      </c>
      <c r="P4264" s="5" t="s">
        <v>40</v>
      </c>
      <c r="Q4264" s="5" t="s">
        <v>1522</v>
      </c>
      <c r="R4264" s="5" t="s">
        <v>1523</v>
      </c>
      <c r="S4264" s="5" t="s">
        <v>42</v>
      </c>
      <c r="T4264" s="2">
        <v>4.1289999999999996</v>
      </c>
      <c r="U4264" s="2">
        <v>3.4910000000000001</v>
      </c>
      <c r="V4264" s="2">
        <v>0.02</v>
      </c>
      <c r="W4264" s="2">
        <v>159.1</v>
      </c>
      <c r="X4264" s="2">
        <v>7.6</v>
      </c>
      <c r="Y4264" s="2">
        <v>16.7</v>
      </c>
      <c r="Z4264" s="5"/>
      <c r="AA4264" s="5" t="s">
        <v>43</v>
      </c>
      <c r="AB4264" s="5" t="s">
        <v>44</v>
      </c>
      <c r="AC4264" s="2"/>
      <c r="AD4264" s="1"/>
    </row>
    <row r="4265" spans="1:30">
      <c r="A4265" s="5" t="s">
        <v>83578</v>
      </c>
      <c r="B4265" s="2" t="s">
        <v>96397</v>
      </c>
      <c r="C4265" s="14" t="s">
        <v>96398</v>
      </c>
      <c r="D4265" s="2" t="s">
        <v>96399</v>
      </c>
      <c r="E4265" s="2" t="s">
        <v>7507</v>
      </c>
      <c r="F4265" s="8">
        <v>343</v>
      </c>
      <c r="G4265" s="5">
        <v>6</v>
      </c>
      <c r="H4265" s="5" t="s">
        <v>1518</v>
      </c>
      <c r="I4265" s="5" t="s">
        <v>40939</v>
      </c>
      <c r="J4265" s="2" t="s">
        <v>40940</v>
      </c>
      <c r="K4265" s="5" t="s">
        <v>40939</v>
      </c>
      <c r="L4265" s="2" t="s">
        <v>40940</v>
      </c>
      <c r="M4265" s="5" t="s">
        <v>36266</v>
      </c>
      <c r="N4265" s="5" t="s">
        <v>38</v>
      </c>
      <c r="O4265" s="5" t="s">
        <v>39</v>
      </c>
      <c r="P4265" s="5" t="s">
        <v>40</v>
      </c>
      <c r="Q4265" s="5" t="s">
        <v>1522</v>
      </c>
      <c r="R4265" s="5" t="s">
        <v>1523</v>
      </c>
      <c r="S4265" s="5" t="s">
        <v>42</v>
      </c>
      <c r="T4265" s="2">
        <v>4.1289999999999996</v>
      </c>
      <c r="U4265" s="2">
        <v>3.4910000000000001</v>
      </c>
      <c r="V4265" s="2">
        <v>0.02</v>
      </c>
      <c r="W4265" s="2">
        <v>159.1</v>
      </c>
      <c r="X4265" s="2">
        <v>7.6</v>
      </c>
      <c r="Y4265" s="2">
        <v>16.7</v>
      </c>
      <c r="Z4265" s="5"/>
      <c r="AA4265" s="5" t="s">
        <v>43</v>
      </c>
      <c r="AB4265" s="5" t="s">
        <v>44</v>
      </c>
      <c r="AC4265" s="2"/>
      <c r="AD4265" s="1"/>
    </row>
    <row r="4266" spans="1:30">
      <c r="A4266" s="5" t="s">
        <v>83578</v>
      </c>
      <c r="B4266" s="2" t="s">
        <v>96400</v>
      </c>
      <c r="C4266" s="14" t="s">
        <v>96401</v>
      </c>
      <c r="D4266" s="2" t="s">
        <v>96402</v>
      </c>
      <c r="E4266" s="2" t="s">
        <v>41027</v>
      </c>
      <c r="F4266" s="8">
        <v>374</v>
      </c>
      <c r="G4266" s="5">
        <v>6</v>
      </c>
      <c r="H4266" s="5" t="s">
        <v>1518</v>
      </c>
      <c r="I4266" s="5" t="s">
        <v>40939</v>
      </c>
      <c r="J4266" s="2" t="s">
        <v>40940</v>
      </c>
      <c r="K4266" s="5" t="s">
        <v>40939</v>
      </c>
      <c r="L4266" s="2" t="s">
        <v>40940</v>
      </c>
      <c r="M4266" s="5" t="s">
        <v>36266</v>
      </c>
      <c r="N4266" s="5" t="s">
        <v>38</v>
      </c>
      <c r="O4266" s="5" t="s">
        <v>39</v>
      </c>
      <c r="P4266" s="5" t="s">
        <v>40</v>
      </c>
      <c r="Q4266" s="5" t="s">
        <v>1522</v>
      </c>
      <c r="R4266" s="5" t="s">
        <v>1523</v>
      </c>
      <c r="S4266" s="5" t="s">
        <v>42</v>
      </c>
      <c r="T4266" s="2">
        <v>4.0330000000000004</v>
      </c>
      <c r="U4266" s="2">
        <v>3.395</v>
      </c>
      <c r="V4266" s="2">
        <v>0.02</v>
      </c>
      <c r="W4266" s="2">
        <v>159.1</v>
      </c>
      <c r="X4266" s="2">
        <v>7.6</v>
      </c>
      <c r="Y4266" s="2">
        <v>16.7</v>
      </c>
      <c r="Z4266" s="5"/>
      <c r="AA4266" s="5" t="s">
        <v>43</v>
      </c>
      <c r="AB4266" s="5" t="s">
        <v>44</v>
      </c>
      <c r="AC4266" s="2"/>
      <c r="AD4266" s="1"/>
    </row>
    <row r="4267" spans="1:30">
      <c r="A4267" s="5" t="s">
        <v>83578</v>
      </c>
      <c r="B4267" s="2" t="s">
        <v>96403</v>
      </c>
      <c r="C4267" s="14" t="s">
        <v>96404</v>
      </c>
      <c r="D4267" s="2" t="s">
        <v>96405</v>
      </c>
      <c r="E4267" s="2" t="s">
        <v>41031</v>
      </c>
      <c r="F4267" s="8">
        <v>374</v>
      </c>
      <c r="G4267" s="5">
        <v>6</v>
      </c>
      <c r="H4267" s="5" t="s">
        <v>1518</v>
      </c>
      <c r="I4267" s="5" t="s">
        <v>40939</v>
      </c>
      <c r="J4267" s="2" t="s">
        <v>40940</v>
      </c>
      <c r="K4267" s="5" t="s">
        <v>40939</v>
      </c>
      <c r="L4267" s="2" t="s">
        <v>40940</v>
      </c>
      <c r="M4267" s="5" t="s">
        <v>36266</v>
      </c>
      <c r="N4267" s="5" t="s">
        <v>38</v>
      </c>
      <c r="O4267" s="5" t="s">
        <v>39</v>
      </c>
      <c r="P4267" s="5" t="s">
        <v>40</v>
      </c>
      <c r="Q4267" s="5" t="s">
        <v>1522</v>
      </c>
      <c r="R4267" s="5" t="s">
        <v>1523</v>
      </c>
      <c r="S4267" s="5" t="s">
        <v>42</v>
      </c>
      <c r="T4267" s="2">
        <v>3.903</v>
      </c>
      <c r="U4267" s="2">
        <v>3.2650000000000001</v>
      </c>
      <c r="V4267" s="2">
        <v>0.02</v>
      </c>
      <c r="W4267" s="2">
        <v>159.1</v>
      </c>
      <c r="X4267" s="2">
        <v>7.6</v>
      </c>
      <c r="Y4267" s="2">
        <v>16.7</v>
      </c>
      <c r="Z4267" s="5"/>
      <c r="AA4267" s="5" t="s">
        <v>43</v>
      </c>
      <c r="AB4267" s="5" t="s">
        <v>44</v>
      </c>
      <c r="AC4267" s="2"/>
      <c r="AD4267" s="1"/>
    </row>
    <row r="4268" spans="1:30">
      <c r="A4268" s="5" t="s">
        <v>83578</v>
      </c>
      <c r="B4268" s="2" t="s">
        <v>96406</v>
      </c>
      <c r="C4268" s="14" t="s">
        <v>96407</v>
      </c>
      <c r="D4268" s="2" t="s">
        <v>96408</v>
      </c>
      <c r="E4268" s="2" t="s">
        <v>41035</v>
      </c>
      <c r="F4268" s="8">
        <v>374</v>
      </c>
      <c r="G4268" s="5">
        <v>6</v>
      </c>
      <c r="H4268" s="5" t="s">
        <v>1518</v>
      </c>
      <c r="I4268" s="5" t="s">
        <v>40939</v>
      </c>
      <c r="J4268" s="2" t="s">
        <v>40940</v>
      </c>
      <c r="K4268" s="5" t="s">
        <v>40939</v>
      </c>
      <c r="L4268" s="2" t="s">
        <v>40940</v>
      </c>
      <c r="M4268" s="5" t="s">
        <v>36266</v>
      </c>
      <c r="N4268" s="5" t="s">
        <v>38</v>
      </c>
      <c r="O4268" s="5" t="s">
        <v>39</v>
      </c>
      <c r="P4268" s="5" t="s">
        <v>40</v>
      </c>
      <c r="Q4268" s="5" t="s">
        <v>1522</v>
      </c>
      <c r="R4268" s="5" t="s">
        <v>1523</v>
      </c>
      <c r="S4268" s="5" t="s">
        <v>42</v>
      </c>
      <c r="T4268" s="2">
        <v>4.0330000000000004</v>
      </c>
      <c r="U4268" s="2">
        <v>3.395</v>
      </c>
      <c r="V4268" s="2">
        <v>0.02</v>
      </c>
      <c r="W4268" s="2">
        <v>159.1</v>
      </c>
      <c r="X4268" s="2">
        <v>7.6</v>
      </c>
      <c r="Y4268" s="2">
        <v>16.7</v>
      </c>
      <c r="Z4268" s="5"/>
      <c r="AA4268" s="5" t="s">
        <v>43</v>
      </c>
      <c r="AB4268" s="5" t="s">
        <v>44</v>
      </c>
      <c r="AC4268" s="2"/>
      <c r="AD4268" s="1"/>
    </row>
    <row r="4269" spans="1:30">
      <c r="A4269" s="5" t="s">
        <v>83578</v>
      </c>
      <c r="B4269" s="2" t="s">
        <v>96409</v>
      </c>
      <c r="C4269" s="14" t="s">
        <v>96410</v>
      </c>
      <c r="D4269" s="2" t="s">
        <v>96411</v>
      </c>
      <c r="E4269" s="2" t="s">
        <v>7449</v>
      </c>
      <c r="F4269" s="8">
        <v>374</v>
      </c>
      <c r="G4269" s="5">
        <v>6</v>
      </c>
      <c r="H4269" s="5" t="s">
        <v>1518</v>
      </c>
      <c r="I4269" s="5" t="s">
        <v>40939</v>
      </c>
      <c r="J4269" s="2" t="s">
        <v>40940</v>
      </c>
      <c r="K4269" s="5" t="s">
        <v>40939</v>
      </c>
      <c r="L4269" s="2" t="s">
        <v>40940</v>
      </c>
      <c r="M4269" s="5" t="s">
        <v>36266</v>
      </c>
      <c r="N4269" s="5" t="s">
        <v>38</v>
      </c>
      <c r="O4269" s="5" t="s">
        <v>39</v>
      </c>
      <c r="P4269" s="5" t="s">
        <v>40</v>
      </c>
      <c r="Q4269" s="5" t="s">
        <v>1522</v>
      </c>
      <c r="R4269" s="5" t="s">
        <v>1523</v>
      </c>
      <c r="S4269" s="5" t="s">
        <v>42</v>
      </c>
      <c r="T4269" s="2">
        <v>3.903</v>
      </c>
      <c r="U4269" s="2">
        <v>3.2650000000000001</v>
      </c>
      <c r="V4269" s="2">
        <v>0.02</v>
      </c>
      <c r="W4269" s="2">
        <v>159.1</v>
      </c>
      <c r="X4269" s="2">
        <v>7.6</v>
      </c>
      <c r="Y4269" s="2">
        <v>16.7</v>
      </c>
      <c r="Z4269" s="5"/>
      <c r="AA4269" s="5" t="s">
        <v>43</v>
      </c>
      <c r="AB4269" s="5" t="s">
        <v>44</v>
      </c>
      <c r="AC4269" s="2"/>
      <c r="AD4269" s="1"/>
    </row>
    <row r="4270" spans="1:30">
      <c r="A4270" s="5" t="s">
        <v>83578</v>
      </c>
      <c r="B4270" s="2" t="s">
        <v>96412</v>
      </c>
      <c r="C4270" s="14" t="s">
        <v>96413</v>
      </c>
      <c r="D4270" s="2" t="s">
        <v>96414</v>
      </c>
      <c r="E4270" s="2" t="s">
        <v>7581</v>
      </c>
      <c r="F4270" s="8">
        <v>374</v>
      </c>
      <c r="G4270" s="5">
        <v>6</v>
      </c>
      <c r="H4270" s="5" t="s">
        <v>1518</v>
      </c>
      <c r="I4270" s="5" t="s">
        <v>40939</v>
      </c>
      <c r="J4270" s="2" t="s">
        <v>40940</v>
      </c>
      <c r="K4270" s="5" t="s">
        <v>40939</v>
      </c>
      <c r="L4270" s="2" t="s">
        <v>40940</v>
      </c>
      <c r="M4270" s="5" t="s">
        <v>36266</v>
      </c>
      <c r="N4270" s="5" t="s">
        <v>38</v>
      </c>
      <c r="O4270" s="5" t="s">
        <v>39</v>
      </c>
      <c r="P4270" s="5" t="s">
        <v>40</v>
      </c>
      <c r="Q4270" s="5" t="s">
        <v>1522</v>
      </c>
      <c r="R4270" s="5" t="s">
        <v>1523</v>
      </c>
      <c r="S4270" s="5" t="s">
        <v>42</v>
      </c>
      <c r="T4270" s="2">
        <v>4.0330000000000004</v>
      </c>
      <c r="U4270" s="2">
        <v>3.395</v>
      </c>
      <c r="V4270" s="2">
        <v>0.02</v>
      </c>
      <c r="W4270" s="2">
        <v>159.1</v>
      </c>
      <c r="X4270" s="2">
        <v>7.6</v>
      </c>
      <c r="Y4270" s="2">
        <v>16.7</v>
      </c>
      <c r="Z4270" s="5"/>
      <c r="AA4270" s="5" t="s">
        <v>43</v>
      </c>
      <c r="AB4270" s="5" t="s">
        <v>44</v>
      </c>
      <c r="AC4270" s="2"/>
      <c r="AD4270" s="1"/>
    </row>
    <row r="4271" spans="1:30">
      <c r="A4271" s="5" t="s">
        <v>83578</v>
      </c>
      <c r="B4271" s="2" t="s">
        <v>96415</v>
      </c>
      <c r="C4271" s="14" t="s">
        <v>96416</v>
      </c>
      <c r="D4271" s="2" t="s">
        <v>96417</v>
      </c>
      <c r="E4271" s="2" t="s">
        <v>41045</v>
      </c>
      <c r="F4271" s="8">
        <v>374</v>
      </c>
      <c r="G4271" s="5">
        <v>6</v>
      </c>
      <c r="H4271" s="5" t="s">
        <v>1518</v>
      </c>
      <c r="I4271" s="5" t="s">
        <v>40939</v>
      </c>
      <c r="J4271" s="2" t="s">
        <v>40940</v>
      </c>
      <c r="K4271" s="5" t="s">
        <v>40939</v>
      </c>
      <c r="L4271" s="2" t="s">
        <v>40940</v>
      </c>
      <c r="M4271" s="5" t="s">
        <v>36266</v>
      </c>
      <c r="N4271" s="5" t="s">
        <v>38</v>
      </c>
      <c r="O4271" s="5" t="s">
        <v>39</v>
      </c>
      <c r="P4271" s="5" t="s">
        <v>40</v>
      </c>
      <c r="Q4271" s="5" t="s">
        <v>1522</v>
      </c>
      <c r="R4271" s="5" t="s">
        <v>1523</v>
      </c>
      <c r="S4271" s="5" t="s">
        <v>42</v>
      </c>
      <c r="T4271" s="2">
        <v>4.0190000000000001</v>
      </c>
      <c r="U4271" s="2">
        <v>3.3809999999999998</v>
      </c>
      <c r="V4271" s="2">
        <v>0.02</v>
      </c>
      <c r="W4271" s="2">
        <v>159.1</v>
      </c>
      <c r="X4271" s="2">
        <v>7.6</v>
      </c>
      <c r="Y4271" s="2">
        <v>16.7</v>
      </c>
      <c r="Z4271" s="5"/>
      <c r="AA4271" s="5" t="s">
        <v>43</v>
      </c>
      <c r="AB4271" s="5" t="s">
        <v>44</v>
      </c>
      <c r="AC4271" s="2"/>
      <c r="AD4271" s="1"/>
    </row>
    <row r="4272" spans="1:30">
      <c r="A4272" s="5" t="s">
        <v>83578</v>
      </c>
      <c r="B4272" s="2" t="s">
        <v>96418</v>
      </c>
      <c r="C4272" s="14" t="s">
        <v>96419</v>
      </c>
      <c r="D4272" s="2" t="s">
        <v>96420</v>
      </c>
      <c r="E4272" s="2" t="s">
        <v>41049</v>
      </c>
      <c r="F4272" s="8">
        <v>374</v>
      </c>
      <c r="G4272" s="5">
        <v>6</v>
      </c>
      <c r="H4272" s="5" t="s">
        <v>1518</v>
      </c>
      <c r="I4272" s="5" t="s">
        <v>40939</v>
      </c>
      <c r="J4272" s="2" t="s">
        <v>40940</v>
      </c>
      <c r="K4272" s="5" t="s">
        <v>40939</v>
      </c>
      <c r="L4272" s="2" t="s">
        <v>40940</v>
      </c>
      <c r="M4272" s="5" t="s">
        <v>36266</v>
      </c>
      <c r="N4272" s="5" t="s">
        <v>38</v>
      </c>
      <c r="O4272" s="5" t="s">
        <v>39</v>
      </c>
      <c r="P4272" s="5" t="s">
        <v>40</v>
      </c>
      <c r="Q4272" s="5" t="s">
        <v>1522</v>
      </c>
      <c r="R4272" s="5" t="s">
        <v>1523</v>
      </c>
      <c r="S4272" s="5" t="s">
        <v>42</v>
      </c>
      <c r="T4272" s="2">
        <v>4.149</v>
      </c>
      <c r="U4272" s="2">
        <v>3.5110000000000001</v>
      </c>
      <c r="V4272" s="2">
        <v>0.02</v>
      </c>
      <c r="W4272" s="2">
        <v>159.1</v>
      </c>
      <c r="X4272" s="2">
        <v>7.6</v>
      </c>
      <c r="Y4272" s="2">
        <v>16.7</v>
      </c>
      <c r="Z4272" s="5"/>
      <c r="AA4272" s="5" t="s">
        <v>43</v>
      </c>
      <c r="AB4272" s="5" t="s">
        <v>44</v>
      </c>
      <c r="AC4272" s="2"/>
      <c r="AD4272" s="1"/>
    </row>
    <row r="4273" spans="1:30">
      <c r="A4273" s="5" t="s">
        <v>83578</v>
      </c>
      <c r="B4273" s="2" t="s">
        <v>96421</v>
      </c>
      <c r="C4273" s="14" t="s">
        <v>96422</v>
      </c>
      <c r="D4273" s="2" t="s">
        <v>96423</v>
      </c>
      <c r="E4273" s="2" t="s">
        <v>47226</v>
      </c>
      <c r="F4273" s="8">
        <v>333</v>
      </c>
      <c r="G4273" s="5">
        <v>6</v>
      </c>
      <c r="H4273" s="5" t="s">
        <v>1518</v>
      </c>
      <c r="I4273" s="5" t="s">
        <v>40939</v>
      </c>
      <c r="J4273" s="2" t="s">
        <v>40940</v>
      </c>
      <c r="K4273" s="5" t="s">
        <v>40939</v>
      </c>
      <c r="L4273" s="2" t="s">
        <v>40940</v>
      </c>
      <c r="M4273" s="5" t="s">
        <v>36266</v>
      </c>
      <c r="N4273" s="5" t="s">
        <v>38</v>
      </c>
      <c r="O4273" s="5" t="s">
        <v>39</v>
      </c>
      <c r="P4273" s="5" t="s">
        <v>40</v>
      </c>
      <c r="Q4273" s="5" t="s">
        <v>1522</v>
      </c>
      <c r="R4273" s="5" t="s">
        <v>1523</v>
      </c>
      <c r="S4273" s="5" t="s">
        <v>42</v>
      </c>
      <c r="T4273" s="2">
        <v>3.5110000000000001</v>
      </c>
      <c r="U4273" s="2">
        <v>2.847</v>
      </c>
      <c r="V4273" s="2">
        <v>0.02</v>
      </c>
      <c r="W4273" s="2">
        <v>159.1</v>
      </c>
      <c r="X4273" s="2">
        <v>7.6</v>
      </c>
      <c r="Y4273" s="2">
        <v>16.7</v>
      </c>
      <c r="Z4273" s="5"/>
      <c r="AA4273" s="5" t="s">
        <v>43</v>
      </c>
      <c r="AB4273" s="5" t="s">
        <v>44</v>
      </c>
      <c r="AC4273" s="2"/>
      <c r="AD4273" s="1"/>
    </row>
    <row r="4274" spans="1:30">
      <c r="A4274" s="5" t="s">
        <v>83578</v>
      </c>
      <c r="B4274" s="2" t="s">
        <v>96424</v>
      </c>
      <c r="C4274" s="14" t="s">
        <v>96425</v>
      </c>
      <c r="D4274" s="2" t="s">
        <v>96426</v>
      </c>
      <c r="E4274" s="2" t="s">
        <v>47735</v>
      </c>
      <c r="F4274" s="8">
        <v>333</v>
      </c>
      <c r="G4274" s="5">
        <v>6</v>
      </c>
      <c r="H4274" s="5" t="s">
        <v>1518</v>
      </c>
      <c r="I4274" s="5" t="s">
        <v>40939</v>
      </c>
      <c r="J4274" s="2" t="s">
        <v>40940</v>
      </c>
      <c r="K4274" s="5" t="s">
        <v>40939</v>
      </c>
      <c r="L4274" s="2" t="s">
        <v>40940</v>
      </c>
      <c r="M4274" s="5" t="s">
        <v>36266</v>
      </c>
      <c r="N4274" s="5" t="s">
        <v>38</v>
      </c>
      <c r="O4274" s="5" t="s">
        <v>39</v>
      </c>
      <c r="P4274" s="5" t="s">
        <v>40</v>
      </c>
      <c r="Q4274" s="5" t="s">
        <v>1522</v>
      </c>
      <c r="R4274" s="5" t="s">
        <v>1523</v>
      </c>
      <c r="S4274" s="5" t="s">
        <v>42</v>
      </c>
      <c r="T4274" s="2">
        <v>3.61</v>
      </c>
      <c r="U4274" s="2">
        <v>2.9460000000000002</v>
      </c>
      <c r="V4274" s="2">
        <v>0.02</v>
      </c>
      <c r="W4274" s="2">
        <v>159.1</v>
      </c>
      <c r="X4274" s="2">
        <v>7.6</v>
      </c>
      <c r="Y4274" s="2">
        <v>16.7</v>
      </c>
      <c r="Z4274" s="5"/>
      <c r="AA4274" s="5" t="s">
        <v>43</v>
      </c>
      <c r="AB4274" s="5" t="s">
        <v>44</v>
      </c>
      <c r="AC4274" s="2"/>
      <c r="AD4274" s="1"/>
    </row>
    <row r="4275" spans="1:30">
      <c r="A4275" s="5" t="s">
        <v>83578</v>
      </c>
      <c r="B4275" s="2" t="s">
        <v>96427</v>
      </c>
      <c r="C4275" s="14" t="s">
        <v>96428</v>
      </c>
      <c r="D4275" s="2" t="s">
        <v>96429</v>
      </c>
      <c r="E4275" s="2" t="s">
        <v>7543</v>
      </c>
      <c r="F4275" s="8">
        <v>333</v>
      </c>
      <c r="G4275" s="5">
        <v>6</v>
      </c>
      <c r="H4275" s="5" t="s">
        <v>1518</v>
      </c>
      <c r="I4275" s="5" t="s">
        <v>40939</v>
      </c>
      <c r="J4275" s="2" t="s">
        <v>40940</v>
      </c>
      <c r="K4275" s="5" t="s">
        <v>40939</v>
      </c>
      <c r="L4275" s="2" t="s">
        <v>40940</v>
      </c>
      <c r="M4275" s="5" t="s">
        <v>36266</v>
      </c>
      <c r="N4275" s="5" t="s">
        <v>38</v>
      </c>
      <c r="O4275" s="5" t="s">
        <v>39</v>
      </c>
      <c r="P4275" s="5" t="s">
        <v>40</v>
      </c>
      <c r="Q4275" s="5" t="s">
        <v>1522</v>
      </c>
      <c r="R4275" s="5" t="s">
        <v>1523</v>
      </c>
      <c r="S4275" s="5" t="s">
        <v>42</v>
      </c>
      <c r="T4275" s="2">
        <v>3.548</v>
      </c>
      <c r="U4275" s="2">
        <v>2.8839999999999999</v>
      </c>
      <c r="V4275" s="2">
        <v>0.02</v>
      </c>
      <c r="W4275" s="2">
        <v>159.1</v>
      </c>
      <c r="X4275" s="2">
        <v>7.6</v>
      </c>
      <c r="Y4275" s="2">
        <v>16.7</v>
      </c>
      <c r="Z4275" s="5"/>
      <c r="AA4275" s="5" t="s">
        <v>43</v>
      </c>
      <c r="AB4275" s="5" t="s">
        <v>44</v>
      </c>
      <c r="AC4275" s="2"/>
      <c r="AD4275" s="1"/>
    </row>
    <row r="4276" spans="1:30">
      <c r="A4276" s="5" t="s">
        <v>83578</v>
      </c>
      <c r="B4276" s="2" t="s">
        <v>96430</v>
      </c>
      <c r="C4276" s="14" t="s">
        <v>96431</v>
      </c>
      <c r="D4276" s="2" t="s">
        <v>96432</v>
      </c>
      <c r="E4276" s="2" t="s">
        <v>41001</v>
      </c>
      <c r="F4276" s="8">
        <v>333</v>
      </c>
      <c r="G4276" s="5">
        <v>6</v>
      </c>
      <c r="H4276" s="5" t="s">
        <v>1518</v>
      </c>
      <c r="I4276" s="5" t="s">
        <v>40939</v>
      </c>
      <c r="J4276" s="2" t="s">
        <v>40940</v>
      </c>
      <c r="K4276" s="5" t="s">
        <v>40939</v>
      </c>
      <c r="L4276" s="2" t="s">
        <v>40940</v>
      </c>
      <c r="M4276" s="5" t="s">
        <v>36266</v>
      </c>
      <c r="N4276" s="5" t="s">
        <v>38</v>
      </c>
      <c r="O4276" s="5" t="s">
        <v>39</v>
      </c>
      <c r="P4276" s="5" t="s">
        <v>40</v>
      </c>
      <c r="Q4276" s="5" t="s">
        <v>1522</v>
      </c>
      <c r="R4276" s="5" t="s">
        <v>1523</v>
      </c>
      <c r="S4276" s="5" t="s">
        <v>42</v>
      </c>
      <c r="T4276" s="2">
        <v>3.5110000000000001</v>
      </c>
      <c r="U4276" s="2">
        <v>2.847</v>
      </c>
      <c r="V4276" s="2">
        <v>0.02</v>
      </c>
      <c r="W4276" s="2">
        <v>159.1</v>
      </c>
      <c r="X4276" s="2">
        <v>7.6</v>
      </c>
      <c r="Y4276" s="2">
        <v>16.7</v>
      </c>
      <c r="Z4276" s="5"/>
      <c r="AA4276" s="5" t="s">
        <v>43</v>
      </c>
      <c r="AB4276" s="5" t="s">
        <v>44</v>
      </c>
      <c r="AC4276" s="2"/>
      <c r="AD4276" s="1"/>
    </row>
    <row r="4277" spans="1:30">
      <c r="A4277" s="5" t="s">
        <v>83578</v>
      </c>
      <c r="B4277" s="2" t="s">
        <v>96433</v>
      </c>
      <c r="C4277" s="14" t="s">
        <v>96434</v>
      </c>
      <c r="D4277" s="2" t="s">
        <v>96435</v>
      </c>
      <c r="E4277" s="2" t="s">
        <v>41005</v>
      </c>
      <c r="F4277" s="8">
        <v>333</v>
      </c>
      <c r="G4277" s="5">
        <v>6</v>
      </c>
      <c r="H4277" s="5" t="s">
        <v>1518</v>
      </c>
      <c r="I4277" s="5" t="s">
        <v>40939</v>
      </c>
      <c r="J4277" s="2" t="s">
        <v>40940</v>
      </c>
      <c r="K4277" s="5" t="s">
        <v>40939</v>
      </c>
      <c r="L4277" s="2" t="s">
        <v>40940</v>
      </c>
      <c r="M4277" s="5" t="s">
        <v>36266</v>
      </c>
      <c r="N4277" s="5" t="s">
        <v>38</v>
      </c>
      <c r="O4277" s="5" t="s">
        <v>39</v>
      </c>
      <c r="P4277" s="5" t="s">
        <v>40</v>
      </c>
      <c r="Q4277" s="5" t="s">
        <v>1522</v>
      </c>
      <c r="R4277" s="5" t="s">
        <v>1523</v>
      </c>
      <c r="S4277" s="5" t="s">
        <v>42</v>
      </c>
      <c r="T4277" s="2">
        <v>3.61</v>
      </c>
      <c r="U4277" s="2">
        <v>2.9460000000000002</v>
      </c>
      <c r="V4277" s="2">
        <v>0.02</v>
      </c>
      <c r="W4277" s="2">
        <v>159.1</v>
      </c>
      <c r="X4277" s="2">
        <v>7.6</v>
      </c>
      <c r="Y4277" s="2">
        <v>16.7</v>
      </c>
      <c r="Z4277" s="5"/>
      <c r="AA4277" s="5" t="s">
        <v>43</v>
      </c>
      <c r="AB4277" s="5" t="s">
        <v>44</v>
      </c>
      <c r="AC4277" s="2"/>
      <c r="AD4277" s="1"/>
    </row>
    <row r="4278" spans="1:30">
      <c r="A4278" s="5" t="s">
        <v>83578</v>
      </c>
      <c r="B4278" s="2" t="s">
        <v>96436</v>
      </c>
      <c r="C4278" s="14" t="s">
        <v>96437</v>
      </c>
      <c r="D4278" s="2" t="s">
        <v>96438</v>
      </c>
      <c r="E4278" s="2" t="s">
        <v>41009</v>
      </c>
      <c r="F4278" s="8">
        <v>333</v>
      </c>
      <c r="G4278" s="5">
        <v>6</v>
      </c>
      <c r="H4278" s="5" t="s">
        <v>1518</v>
      </c>
      <c r="I4278" s="5" t="s">
        <v>40939</v>
      </c>
      <c r="J4278" s="2" t="s">
        <v>40940</v>
      </c>
      <c r="K4278" s="5" t="s">
        <v>40939</v>
      </c>
      <c r="L4278" s="2" t="s">
        <v>40940</v>
      </c>
      <c r="M4278" s="5" t="s">
        <v>36266</v>
      </c>
      <c r="N4278" s="5" t="s">
        <v>38</v>
      </c>
      <c r="O4278" s="5" t="s">
        <v>39</v>
      </c>
      <c r="P4278" s="5" t="s">
        <v>40</v>
      </c>
      <c r="Q4278" s="5" t="s">
        <v>1522</v>
      </c>
      <c r="R4278" s="5" t="s">
        <v>1523</v>
      </c>
      <c r="S4278" s="5" t="s">
        <v>42</v>
      </c>
      <c r="T4278" s="2">
        <v>3.5230000000000001</v>
      </c>
      <c r="U4278" s="2">
        <v>2.859</v>
      </c>
      <c r="V4278" s="2">
        <v>0.02</v>
      </c>
      <c r="W4278" s="2">
        <v>159.1</v>
      </c>
      <c r="X4278" s="2">
        <v>7.6</v>
      </c>
      <c r="Y4278" s="2">
        <v>16.7</v>
      </c>
      <c r="Z4278" s="5"/>
      <c r="AA4278" s="5" t="s">
        <v>43</v>
      </c>
      <c r="AB4278" s="5" t="s">
        <v>44</v>
      </c>
      <c r="AC4278" s="2"/>
      <c r="AD4278" s="1"/>
    </row>
    <row r="4279" spans="1:30">
      <c r="A4279" s="5" t="s">
        <v>83578</v>
      </c>
      <c r="B4279" s="2" t="s">
        <v>96439</v>
      </c>
      <c r="C4279" s="14" t="s">
        <v>96440</v>
      </c>
      <c r="D4279" s="2" t="s">
        <v>96441</v>
      </c>
      <c r="E4279" s="2" t="s">
        <v>7449</v>
      </c>
      <c r="F4279" s="8">
        <v>333</v>
      </c>
      <c r="G4279" s="5">
        <v>6</v>
      </c>
      <c r="H4279" s="5" t="s">
        <v>1518</v>
      </c>
      <c r="I4279" s="5" t="s">
        <v>40939</v>
      </c>
      <c r="J4279" s="2" t="s">
        <v>40940</v>
      </c>
      <c r="K4279" s="5" t="s">
        <v>40939</v>
      </c>
      <c r="L4279" s="2" t="s">
        <v>40940</v>
      </c>
      <c r="M4279" s="5" t="s">
        <v>36266</v>
      </c>
      <c r="N4279" s="5" t="s">
        <v>38</v>
      </c>
      <c r="O4279" s="5" t="s">
        <v>39</v>
      </c>
      <c r="P4279" s="5" t="s">
        <v>40</v>
      </c>
      <c r="Q4279" s="5" t="s">
        <v>1522</v>
      </c>
      <c r="R4279" s="5" t="s">
        <v>1523</v>
      </c>
      <c r="S4279" s="5" t="s">
        <v>42</v>
      </c>
      <c r="T4279" s="2">
        <v>3.4609999999999999</v>
      </c>
      <c r="U4279" s="2">
        <v>2.7970000000000002</v>
      </c>
      <c r="V4279" s="2">
        <v>0.02</v>
      </c>
      <c r="W4279" s="2">
        <v>159.1</v>
      </c>
      <c r="X4279" s="2">
        <v>7.6</v>
      </c>
      <c r="Y4279" s="2">
        <v>16.7</v>
      </c>
      <c r="Z4279" s="5"/>
      <c r="AA4279" s="5" t="s">
        <v>43</v>
      </c>
      <c r="AB4279" s="5" t="s">
        <v>44</v>
      </c>
      <c r="AC4279" s="2"/>
      <c r="AD4279" s="1"/>
    </row>
    <row r="4280" spans="1:30">
      <c r="A4280" s="5" t="s">
        <v>83578</v>
      </c>
      <c r="B4280" s="2" t="s">
        <v>96442</v>
      </c>
      <c r="C4280" s="14" t="s">
        <v>96443</v>
      </c>
      <c r="D4280" s="2" t="s">
        <v>96444</v>
      </c>
      <c r="E4280" s="2" t="s">
        <v>47226</v>
      </c>
      <c r="F4280" s="8">
        <v>351</v>
      </c>
      <c r="G4280" s="5">
        <v>6</v>
      </c>
      <c r="H4280" s="5" t="s">
        <v>1518</v>
      </c>
      <c r="I4280" s="5" t="s">
        <v>40939</v>
      </c>
      <c r="J4280" s="2" t="s">
        <v>40940</v>
      </c>
      <c r="K4280" s="5" t="s">
        <v>40939</v>
      </c>
      <c r="L4280" s="2" t="s">
        <v>40940</v>
      </c>
      <c r="M4280" s="5" t="s">
        <v>36266</v>
      </c>
      <c r="N4280" s="5" t="s">
        <v>38</v>
      </c>
      <c r="O4280" s="5" t="s">
        <v>39</v>
      </c>
      <c r="P4280" s="5" t="s">
        <v>40</v>
      </c>
      <c r="Q4280" s="5" t="s">
        <v>1522</v>
      </c>
      <c r="R4280" s="5" t="s">
        <v>1523</v>
      </c>
      <c r="S4280" s="5" t="s">
        <v>42</v>
      </c>
      <c r="T4280" s="2">
        <v>3.855</v>
      </c>
      <c r="U4280" s="2">
        <v>3.21</v>
      </c>
      <c r="V4280" s="2">
        <v>0.02</v>
      </c>
      <c r="W4280" s="2">
        <v>159.1</v>
      </c>
      <c r="X4280" s="2">
        <v>7.6</v>
      </c>
      <c r="Y4280" s="2">
        <v>16.7</v>
      </c>
      <c r="Z4280" s="5"/>
      <c r="AA4280" s="5" t="s">
        <v>43</v>
      </c>
      <c r="AB4280" s="5" t="s">
        <v>44</v>
      </c>
      <c r="AC4280" s="2"/>
      <c r="AD4280" s="1"/>
    </row>
    <row r="4281" spans="1:30">
      <c r="A4281" s="5" t="s">
        <v>83578</v>
      </c>
      <c r="B4281" s="2" t="s">
        <v>96445</v>
      </c>
      <c r="C4281" s="14" t="s">
        <v>96446</v>
      </c>
      <c r="D4281" s="2" t="s">
        <v>96447</v>
      </c>
      <c r="E4281" s="2" t="s">
        <v>40997</v>
      </c>
      <c r="F4281" s="8">
        <v>351</v>
      </c>
      <c r="G4281" s="5">
        <v>6</v>
      </c>
      <c r="H4281" s="5" t="s">
        <v>1518</v>
      </c>
      <c r="I4281" s="5" t="s">
        <v>40939</v>
      </c>
      <c r="J4281" s="2" t="s">
        <v>40940</v>
      </c>
      <c r="K4281" s="5" t="s">
        <v>40939</v>
      </c>
      <c r="L4281" s="2" t="s">
        <v>40940</v>
      </c>
      <c r="M4281" s="5" t="s">
        <v>36266</v>
      </c>
      <c r="N4281" s="5" t="s">
        <v>38</v>
      </c>
      <c r="O4281" s="5" t="s">
        <v>39</v>
      </c>
      <c r="P4281" s="5" t="s">
        <v>40</v>
      </c>
      <c r="Q4281" s="5" t="s">
        <v>1522</v>
      </c>
      <c r="R4281" s="5" t="s">
        <v>1523</v>
      </c>
      <c r="S4281" s="5" t="s">
        <v>42</v>
      </c>
      <c r="T4281" s="2">
        <v>3.786</v>
      </c>
      <c r="U4281" s="2">
        <v>3.141</v>
      </c>
      <c r="V4281" s="2">
        <v>0.02</v>
      </c>
      <c r="W4281" s="2">
        <v>159.1</v>
      </c>
      <c r="X4281" s="2">
        <v>7.6</v>
      </c>
      <c r="Y4281" s="2">
        <v>16.7</v>
      </c>
      <c r="Z4281" s="5"/>
      <c r="AA4281" s="5" t="s">
        <v>43</v>
      </c>
      <c r="AB4281" s="5" t="s">
        <v>44</v>
      </c>
      <c r="AC4281" s="2"/>
      <c r="AD4281" s="1"/>
    </row>
    <row r="4282" spans="1:30">
      <c r="A4282" s="5" t="s">
        <v>83578</v>
      </c>
      <c r="B4282" s="2" t="s">
        <v>96448</v>
      </c>
      <c r="C4282" s="14" t="s">
        <v>96449</v>
      </c>
      <c r="D4282" s="2" t="s">
        <v>96450</v>
      </c>
      <c r="E4282" s="2" t="s">
        <v>41267</v>
      </c>
      <c r="F4282" s="8">
        <v>351</v>
      </c>
      <c r="G4282" s="5">
        <v>6</v>
      </c>
      <c r="H4282" s="5" t="s">
        <v>1518</v>
      </c>
      <c r="I4282" s="5" t="s">
        <v>40939</v>
      </c>
      <c r="J4282" s="2" t="s">
        <v>40940</v>
      </c>
      <c r="K4282" s="5" t="s">
        <v>40939</v>
      </c>
      <c r="L4282" s="2" t="s">
        <v>40940</v>
      </c>
      <c r="M4282" s="5" t="s">
        <v>36266</v>
      </c>
      <c r="N4282" s="5" t="s">
        <v>38</v>
      </c>
      <c r="O4282" s="5" t="s">
        <v>39</v>
      </c>
      <c r="P4282" s="5" t="s">
        <v>40</v>
      </c>
      <c r="Q4282" s="5" t="s">
        <v>1522</v>
      </c>
      <c r="R4282" s="5" t="s">
        <v>1523</v>
      </c>
      <c r="S4282" s="5" t="s">
        <v>42</v>
      </c>
      <c r="T4282" s="2">
        <v>3.9079999999999999</v>
      </c>
      <c r="U4282" s="2">
        <v>3.2629999999999999</v>
      </c>
      <c r="V4282" s="2">
        <v>0.02</v>
      </c>
      <c r="W4282" s="2">
        <v>159.1</v>
      </c>
      <c r="X4282" s="2">
        <v>7.6</v>
      </c>
      <c r="Y4282" s="2">
        <v>16.7</v>
      </c>
      <c r="Z4282" s="5"/>
      <c r="AA4282" s="5" t="s">
        <v>43</v>
      </c>
      <c r="AB4282" s="5" t="s">
        <v>44</v>
      </c>
      <c r="AC4282" s="2"/>
      <c r="AD4282" s="1"/>
    </row>
    <row r="4283" spans="1:30">
      <c r="A4283" s="5" t="s">
        <v>83578</v>
      </c>
      <c r="B4283" s="2" t="s">
        <v>96451</v>
      </c>
      <c r="C4283" s="14" t="s">
        <v>96452</v>
      </c>
      <c r="D4283" s="2" t="s">
        <v>96453</v>
      </c>
      <c r="E4283" s="2" t="s">
        <v>41001</v>
      </c>
      <c r="F4283" s="8">
        <v>351</v>
      </c>
      <c r="G4283" s="5">
        <v>6</v>
      </c>
      <c r="H4283" s="5" t="s">
        <v>1518</v>
      </c>
      <c r="I4283" s="5" t="s">
        <v>40939</v>
      </c>
      <c r="J4283" s="2" t="s">
        <v>40940</v>
      </c>
      <c r="K4283" s="5" t="s">
        <v>40939</v>
      </c>
      <c r="L4283" s="2" t="s">
        <v>40940</v>
      </c>
      <c r="M4283" s="5" t="s">
        <v>36266</v>
      </c>
      <c r="N4283" s="5" t="s">
        <v>38</v>
      </c>
      <c r="O4283" s="5" t="s">
        <v>39</v>
      </c>
      <c r="P4283" s="5" t="s">
        <v>40</v>
      </c>
      <c r="Q4283" s="5" t="s">
        <v>1522</v>
      </c>
      <c r="R4283" s="5" t="s">
        <v>1523</v>
      </c>
      <c r="S4283" s="5" t="s">
        <v>42</v>
      </c>
      <c r="T4283" s="2">
        <v>3.855</v>
      </c>
      <c r="U4283" s="2">
        <v>3.21</v>
      </c>
      <c r="V4283" s="2">
        <v>0.02</v>
      </c>
      <c r="W4283" s="2">
        <v>159.1</v>
      </c>
      <c r="X4283" s="2">
        <v>7.6</v>
      </c>
      <c r="Y4283" s="2">
        <v>16.7</v>
      </c>
      <c r="Z4283" s="5"/>
      <c r="AA4283" s="5" t="s">
        <v>43</v>
      </c>
      <c r="AB4283" s="5" t="s">
        <v>44</v>
      </c>
      <c r="AC4283" s="2"/>
      <c r="AD4283" s="1"/>
    </row>
    <row r="4284" spans="1:30">
      <c r="A4284" s="5" t="s">
        <v>83578</v>
      </c>
      <c r="B4284" s="2" t="s">
        <v>96454</v>
      </c>
      <c r="C4284" s="14" t="s">
        <v>96455</v>
      </c>
      <c r="D4284" s="2" t="s">
        <v>96456</v>
      </c>
      <c r="E4284" s="2" t="s">
        <v>41005</v>
      </c>
      <c r="F4284" s="8">
        <v>351</v>
      </c>
      <c r="G4284" s="5">
        <v>6</v>
      </c>
      <c r="H4284" s="5" t="s">
        <v>1518</v>
      </c>
      <c r="I4284" s="5" t="s">
        <v>40939</v>
      </c>
      <c r="J4284" s="2" t="s">
        <v>40940</v>
      </c>
      <c r="K4284" s="5" t="s">
        <v>40939</v>
      </c>
      <c r="L4284" s="2" t="s">
        <v>40940</v>
      </c>
      <c r="M4284" s="5" t="s">
        <v>36266</v>
      </c>
      <c r="N4284" s="5" t="s">
        <v>38</v>
      </c>
      <c r="O4284" s="5" t="s">
        <v>39</v>
      </c>
      <c r="P4284" s="5" t="s">
        <v>40</v>
      </c>
      <c r="Q4284" s="5" t="s">
        <v>1522</v>
      </c>
      <c r="R4284" s="5" t="s">
        <v>1523</v>
      </c>
      <c r="S4284" s="5" t="s">
        <v>42</v>
      </c>
      <c r="T4284" s="2">
        <v>3.9769999999999999</v>
      </c>
      <c r="U4284" s="2">
        <v>3.3319999999999999</v>
      </c>
      <c r="V4284" s="2">
        <v>0.02</v>
      </c>
      <c r="W4284" s="2">
        <v>159.1</v>
      </c>
      <c r="X4284" s="2">
        <v>7.6</v>
      </c>
      <c r="Y4284" s="2">
        <v>16.7</v>
      </c>
      <c r="Z4284" s="5"/>
      <c r="AA4284" s="5" t="s">
        <v>43</v>
      </c>
      <c r="AB4284" s="5" t="s">
        <v>44</v>
      </c>
      <c r="AC4284" s="2"/>
      <c r="AD4284" s="1"/>
    </row>
    <row r="4285" spans="1:30">
      <c r="A4285" s="5" t="s">
        <v>83578</v>
      </c>
      <c r="B4285" s="2" t="s">
        <v>96457</v>
      </c>
      <c r="C4285" s="14" t="s">
        <v>96458</v>
      </c>
      <c r="D4285" s="2" t="s">
        <v>96459</v>
      </c>
      <c r="E4285" s="2" t="s">
        <v>41009</v>
      </c>
      <c r="F4285" s="8">
        <v>351</v>
      </c>
      <c r="G4285" s="5">
        <v>6</v>
      </c>
      <c r="H4285" s="5" t="s">
        <v>1518</v>
      </c>
      <c r="I4285" s="5" t="s">
        <v>40939</v>
      </c>
      <c r="J4285" s="2" t="s">
        <v>40940</v>
      </c>
      <c r="K4285" s="5" t="s">
        <v>40939</v>
      </c>
      <c r="L4285" s="2" t="s">
        <v>40940</v>
      </c>
      <c r="M4285" s="5" t="s">
        <v>36266</v>
      </c>
      <c r="N4285" s="5" t="s">
        <v>38</v>
      </c>
      <c r="O4285" s="5" t="s">
        <v>39</v>
      </c>
      <c r="P4285" s="5" t="s">
        <v>40</v>
      </c>
      <c r="Q4285" s="5" t="s">
        <v>1522</v>
      </c>
      <c r="R4285" s="5" t="s">
        <v>1523</v>
      </c>
      <c r="S4285" s="5" t="s">
        <v>42</v>
      </c>
      <c r="T4285" s="2">
        <v>3.8730000000000002</v>
      </c>
      <c r="U4285" s="2">
        <v>3.2280000000000002</v>
      </c>
      <c r="V4285" s="2">
        <v>0.02</v>
      </c>
      <c r="W4285" s="2">
        <v>159.1</v>
      </c>
      <c r="X4285" s="2">
        <v>7.6</v>
      </c>
      <c r="Y4285" s="2">
        <v>16.7</v>
      </c>
      <c r="Z4285" s="5"/>
      <c r="AA4285" s="5" t="s">
        <v>43</v>
      </c>
      <c r="AB4285" s="5" t="s">
        <v>44</v>
      </c>
      <c r="AC4285" s="2"/>
      <c r="AD4285" s="1"/>
    </row>
    <row r="4286" spans="1:30">
      <c r="A4286" s="5" t="s">
        <v>83578</v>
      </c>
      <c r="B4286" s="2" t="s">
        <v>96460</v>
      </c>
      <c r="C4286" s="14" t="s">
        <v>96461</v>
      </c>
      <c r="D4286" s="2" t="s">
        <v>96462</v>
      </c>
      <c r="E4286" s="2" t="s">
        <v>7449</v>
      </c>
      <c r="F4286" s="8">
        <v>351</v>
      </c>
      <c r="G4286" s="5">
        <v>6</v>
      </c>
      <c r="H4286" s="5" t="s">
        <v>1518</v>
      </c>
      <c r="I4286" s="5" t="s">
        <v>40939</v>
      </c>
      <c r="J4286" s="2" t="s">
        <v>40940</v>
      </c>
      <c r="K4286" s="5" t="s">
        <v>40939</v>
      </c>
      <c r="L4286" s="2" t="s">
        <v>40940</v>
      </c>
      <c r="M4286" s="5" t="s">
        <v>36266</v>
      </c>
      <c r="N4286" s="5" t="s">
        <v>38</v>
      </c>
      <c r="O4286" s="5" t="s">
        <v>39</v>
      </c>
      <c r="P4286" s="5" t="s">
        <v>40</v>
      </c>
      <c r="Q4286" s="5" t="s">
        <v>1522</v>
      </c>
      <c r="R4286" s="5" t="s">
        <v>1523</v>
      </c>
      <c r="S4286" s="5" t="s">
        <v>42</v>
      </c>
      <c r="T4286" s="2">
        <v>3.786</v>
      </c>
      <c r="U4286" s="2">
        <v>3.141</v>
      </c>
      <c r="V4286" s="2">
        <v>0.02</v>
      </c>
      <c r="W4286" s="2">
        <v>159.1</v>
      </c>
      <c r="X4286" s="2">
        <v>7.6</v>
      </c>
      <c r="Y4286" s="2">
        <v>16.7</v>
      </c>
      <c r="Z4286" s="5"/>
      <c r="AA4286" s="5" t="s">
        <v>43</v>
      </c>
      <c r="AB4286" s="5" t="s">
        <v>44</v>
      </c>
      <c r="AC4286" s="2"/>
      <c r="AD4286" s="1"/>
    </row>
    <row r="4287" spans="1:30">
      <c r="A4287" s="5" t="s">
        <v>83578</v>
      </c>
      <c r="B4287" s="2" t="s">
        <v>96463</v>
      </c>
      <c r="C4287" s="14" t="s">
        <v>96464</v>
      </c>
      <c r="D4287" s="2" t="s">
        <v>96465</v>
      </c>
      <c r="E4287" s="2" t="s">
        <v>7581</v>
      </c>
      <c r="F4287" s="8">
        <v>351</v>
      </c>
      <c r="G4287" s="5">
        <v>6</v>
      </c>
      <c r="H4287" s="5" t="s">
        <v>1518</v>
      </c>
      <c r="I4287" s="5" t="s">
        <v>40939</v>
      </c>
      <c r="J4287" s="2" t="s">
        <v>40940</v>
      </c>
      <c r="K4287" s="5" t="s">
        <v>40939</v>
      </c>
      <c r="L4287" s="2" t="s">
        <v>40940</v>
      </c>
      <c r="M4287" s="5" t="s">
        <v>36266</v>
      </c>
      <c r="N4287" s="5" t="s">
        <v>38</v>
      </c>
      <c r="O4287" s="5" t="s">
        <v>39</v>
      </c>
      <c r="P4287" s="5" t="s">
        <v>40</v>
      </c>
      <c r="Q4287" s="5" t="s">
        <v>1522</v>
      </c>
      <c r="R4287" s="5" t="s">
        <v>1523</v>
      </c>
      <c r="S4287" s="5" t="s">
        <v>42</v>
      </c>
      <c r="T4287" s="2">
        <v>3.9079999999999999</v>
      </c>
      <c r="U4287" s="2">
        <v>3.2629999999999999</v>
      </c>
      <c r="V4287" s="2">
        <v>0.02</v>
      </c>
      <c r="W4287" s="2">
        <v>159.1</v>
      </c>
      <c r="X4287" s="2">
        <v>7.6</v>
      </c>
      <c r="Y4287" s="2">
        <v>16.7</v>
      </c>
      <c r="Z4287" s="5"/>
      <c r="AA4287" s="5" t="s">
        <v>43</v>
      </c>
      <c r="AB4287" s="5" t="s">
        <v>44</v>
      </c>
      <c r="AC4287" s="2"/>
      <c r="AD4287" s="1"/>
    </row>
    <row r="4288" spans="1:30">
      <c r="A4288" s="5" t="s">
        <v>83578</v>
      </c>
      <c r="B4288" s="2" t="s">
        <v>96466</v>
      </c>
      <c r="C4288" s="14" t="s">
        <v>96467</v>
      </c>
      <c r="D4288" s="2" t="s">
        <v>96468</v>
      </c>
      <c r="E4288" s="2" t="s">
        <v>47266</v>
      </c>
      <c r="F4288" s="8">
        <v>374</v>
      </c>
      <c r="G4288" s="5">
        <v>6</v>
      </c>
      <c r="H4288" s="5" t="s">
        <v>1518</v>
      </c>
      <c r="I4288" s="5" t="s">
        <v>40939</v>
      </c>
      <c r="J4288" s="2" t="s">
        <v>40940</v>
      </c>
      <c r="K4288" s="5" t="s">
        <v>40939</v>
      </c>
      <c r="L4288" s="2" t="s">
        <v>40940</v>
      </c>
      <c r="M4288" s="5" t="s">
        <v>36266</v>
      </c>
      <c r="N4288" s="5" t="s">
        <v>38</v>
      </c>
      <c r="O4288" s="5" t="s">
        <v>39</v>
      </c>
      <c r="P4288" s="5" t="s">
        <v>40</v>
      </c>
      <c r="Q4288" s="5" t="s">
        <v>1522</v>
      </c>
      <c r="R4288" s="5" t="s">
        <v>1523</v>
      </c>
      <c r="S4288" s="5" t="s">
        <v>42</v>
      </c>
      <c r="T4288" s="2">
        <v>4.0060000000000002</v>
      </c>
      <c r="U4288" s="2">
        <v>3.37</v>
      </c>
      <c r="V4288" s="2">
        <v>0.02</v>
      </c>
      <c r="W4288" s="2">
        <v>159.1</v>
      </c>
      <c r="X4288" s="2">
        <v>7.6</v>
      </c>
      <c r="Y4288" s="2">
        <v>16.7</v>
      </c>
      <c r="Z4288" s="5"/>
      <c r="AA4288" s="5" t="s">
        <v>43</v>
      </c>
      <c r="AB4288" s="5" t="s">
        <v>44</v>
      </c>
      <c r="AC4288" s="2"/>
      <c r="AD4288" s="1"/>
    </row>
    <row r="4289" spans="1:30">
      <c r="A4289" s="5" t="s">
        <v>83578</v>
      </c>
      <c r="B4289" s="2" t="s">
        <v>96469</v>
      </c>
      <c r="C4289" s="14" t="s">
        <v>96470</v>
      </c>
      <c r="D4289" s="2" t="s">
        <v>96471</v>
      </c>
      <c r="E4289" s="2" t="s">
        <v>40967</v>
      </c>
      <c r="F4289" s="8">
        <v>374</v>
      </c>
      <c r="G4289" s="5">
        <v>6</v>
      </c>
      <c r="H4289" s="5" t="s">
        <v>1518</v>
      </c>
      <c r="I4289" s="5" t="s">
        <v>40939</v>
      </c>
      <c r="J4289" s="2" t="s">
        <v>40940</v>
      </c>
      <c r="K4289" s="5" t="s">
        <v>40939</v>
      </c>
      <c r="L4289" s="2" t="s">
        <v>40940</v>
      </c>
      <c r="M4289" s="5" t="s">
        <v>36266</v>
      </c>
      <c r="N4289" s="5" t="s">
        <v>38</v>
      </c>
      <c r="O4289" s="5" t="s">
        <v>39</v>
      </c>
      <c r="P4289" s="5" t="s">
        <v>40</v>
      </c>
      <c r="Q4289" s="5" t="s">
        <v>1522</v>
      </c>
      <c r="R4289" s="5" t="s">
        <v>1523</v>
      </c>
      <c r="S4289" s="5" t="s">
        <v>42</v>
      </c>
      <c r="T4289" s="2">
        <v>4.0259999999999998</v>
      </c>
      <c r="U4289" s="2">
        <v>3.39</v>
      </c>
      <c r="V4289" s="2">
        <v>0.02</v>
      </c>
      <c r="W4289" s="2">
        <v>159.1</v>
      </c>
      <c r="X4289" s="2">
        <v>7.6</v>
      </c>
      <c r="Y4289" s="2">
        <v>16.7</v>
      </c>
      <c r="Z4289" s="5"/>
      <c r="AA4289" s="5" t="s">
        <v>43</v>
      </c>
      <c r="AB4289" s="5" t="s">
        <v>44</v>
      </c>
      <c r="AC4289" s="2"/>
      <c r="AD4289" s="1"/>
    </row>
    <row r="4290" spans="1:30">
      <c r="A4290" s="5" t="s">
        <v>83578</v>
      </c>
      <c r="B4290" s="2" t="s">
        <v>96472</v>
      </c>
      <c r="C4290" s="14" t="s">
        <v>96473</v>
      </c>
      <c r="D4290" s="2" t="s">
        <v>96474</v>
      </c>
      <c r="E4290" s="2" t="s">
        <v>47226</v>
      </c>
      <c r="F4290" s="8">
        <v>374</v>
      </c>
      <c r="G4290" s="5">
        <v>6</v>
      </c>
      <c r="H4290" s="5" t="s">
        <v>1518</v>
      </c>
      <c r="I4290" s="5" t="s">
        <v>40939</v>
      </c>
      <c r="J4290" s="2" t="s">
        <v>40940</v>
      </c>
      <c r="K4290" s="5" t="s">
        <v>40939</v>
      </c>
      <c r="L4290" s="2" t="s">
        <v>40940</v>
      </c>
      <c r="M4290" s="5" t="s">
        <v>36266</v>
      </c>
      <c r="N4290" s="5" t="s">
        <v>38</v>
      </c>
      <c r="O4290" s="5" t="s">
        <v>39</v>
      </c>
      <c r="P4290" s="5" t="s">
        <v>40</v>
      </c>
      <c r="Q4290" s="5" t="s">
        <v>1522</v>
      </c>
      <c r="R4290" s="5" t="s">
        <v>1523</v>
      </c>
      <c r="S4290" s="5" t="s">
        <v>42</v>
      </c>
      <c r="T4290" s="2">
        <v>4.0259999999999998</v>
      </c>
      <c r="U4290" s="2">
        <v>3.39</v>
      </c>
      <c r="V4290" s="2">
        <v>0.02</v>
      </c>
      <c r="W4290" s="2">
        <v>159.1</v>
      </c>
      <c r="X4290" s="2">
        <v>7.6</v>
      </c>
      <c r="Y4290" s="2">
        <v>16.7</v>
      </c>
      <c r="Z4290" s="5"/>
      <c r="AA4290" s="5" t="s">
        <v>43</v>
      </c>
      <c r="AB4290" s="5" t="s">
        <v>44</v>
      </c>
      <c r="AC4290" s="2"/>
      <c r="AD4290" s="1"/>
    </row>
    <row r="4291" spans="1:30">
      <c r="A4291" s="5" t="s">
        <v>83578</v>
      </c>
      <c r="B4291" s="2" t="s">
        <v>96475</v>
      </c>
      <c r="C4291" s="14" t="s">
        <v>96476</v>
      </c>
      <c r="D4291" s="2" t="s">
        <v>96477</v>
      </c>
      <c r="E4291" s="2" t="s">
        <v>47735</v>
      </c>
      <c r="F4291" s="8">
        <v>374</v>
      </c>
      <c r="G4291" s="5">
        <v>6</v>
      </c>
      <c r="H4291" s="5" t="s">
        <v>1518</v>
      </c>
      <c r="I4291" s="5" t="s">
        <v>40939</v>
      </c>
      <c r="J4291" s="2" t="s">
        <v>40940</v>
      </c>
      <c r="K4291" s="5" t="s">
        <v>40939</v>
      </c>
      <c r="L4291" s="2" t="s">
        <v>40940</v>
      </c>
      <c r="M4291" s="5" t="s">
        <v>36266</v>
      </c>
      <c r="N4291" s="5" t="s">
        <v>38</v>
      </c>
      <c r="O4291" s="5" t="s">
        <v>39</v>
      </c>
      <c r="P4291" s="5" t="s">
        <v>40</v>
      </c>
      <c r="Q4291" s="5" t="s">
        <v>1522</v>
      </c>
      <c r="R4291" s="5" t="s">
        <v>1523</v>
      </c>
      <c r="S4291" s="5" t="s">
        <v>42</v>
      </c>
      <c r="T4291" s="2">
        <v>4.16</v>
      </c>
      <c r="U4291" s="2">
        <v>3.524</v>
      </c>
      <c r="V4291" s="2">
        <v>0.02</v>
      </c>
      <c r="W4291" s="2">
        <v>159.1</v>
      </c>
      <c r="X4291" s="2">
        <v>7.6</v>
      </c>
      <c r="Y4291" s="2">
        <v>16.7</v>
      </c>
      <c r="Z4291" s="5"/>
      <c r="AA4291" s="5" t="s">
        <v>43</v>
      </c>
      <c r="AB4291" s="5" t="s">
        <v>44</v>
      </c>
      <c r="AC4291" s="2"/>
      <c r="AD4291" s="1"/>
    </row>
    <row r="4292" spans="1:30">
      <c r="A4292" s="5" t="s">
        <v>83578</v>
      </c>
      <c r="B4292" s="2" t="s">
        <v>96478</v>
      </c>
      <c r="C4292" s="14" t="s">
        <v>96479</v>
      </c>
      <c r="D4292" s="2" t="s">
        <v>96480</v>
      </c>
      <c r="E4292" s="2" t="s">
        <v>7539</v>
      </c>
      <c r="F4292" s="8">
        <v>374</v>
      </c>
      <c r="G4292" s="5">
        <v>6</v>
      </c>
      <c r="H4292" s="5" t="s">
        <v>1518</v>
      </c>
      <c r="I4292" s="5" t="s">
        <v>40939</v>
      </c>
      <c r="J4292" s="2" t="s">
        <v>40940</v>
      </c>
      <c r="K4292" s="5" t="s">
        <v>40939</v>
      </c>
      <c r="L4292" s="2" t="s">
        <v>40940</v>
      </c>
      <c r="M4292" s="5" t="s">
        <v>36266</v>
      </c>
      <c r="N4292" s="5" t="s">
        <v>38</v>
      </c>
      <c r="O4292" s="5" t="s">
        <v>39</v>
      </c>
      <c r="P4292" s="5" t="s">
        <v>40</v>
      </c>
      <c r="Q4292" s="5" t="s">
        <v>1522</v>
      </c>
      <c r="R4292" s="5" t="s">
        <v>1523</v>
      </c>
      <c r="S4292" s="5" t="s">
        <v>42</v>
      </c>
      <c r="T4292" s="2">
        <v>3.9249999999999998</v>
      </c>
      <c r="U4292" s="2">
        <v>3.2890000000000001</v>
      </c>
      <c r="V4292" s="2">
        <v>0.02</v>
      </c>
      <c r="W4292" s="2">
        <v>159.1</v>
      </c>
      <c r="X4292" s="2">
        <v>7.6</v>
      </c>
      <c r="Y4292" s="2">
        <v>16.7</v>
      </c>
      <c r="Z4292" s="5"/>
      <c r="AA4292" s="5" t="s">
        <v>43</v>
      </c>
      <c r="AB4292" s="5" t="s">
        <v>44</v>
      </c>
      <c r="AC4292" s="2"/>
      <c r="AD4292" s="1"/>
    </row>
    <row r="4293" spans="1:30">
      <c r="A4293" s="5" t="s">
        <v>83578</v>
      </c>
      <c r="B4293" s="2" t="s">
        <v>96481</v>
      </c>
      <c r="C4293" s="14" t="s">
        <v>96482</v>
      </c>
      <c r="D4293" s="2" t="s">
        <v>96483</v>
      </c>
      <c r="E4293" s="2" t="s">
        <v>40989</v>
      </c>
      <c r="F4293" s="8">
        <v>374</v>
      </c>
      <c r="G4293" s="5">
        <v>6</v>
      </c>
      <c r="H4293" s="5" t="s">
        <v>1518</v>
      </c>
      <c r="I4293" s="5" t="s">
        <v>40939</v>
      </c>
      <c r="J4293" s="2" t="s">
        <v>40940</v>
      </c>
      <c r="K4293" s="5" t="s">
        <v>40939</v>
      </c>
      <c r="L4293" s="2" t="s">
        <v>40940</v>
      </c>
      <c r="M4293" s="5" t="s">
        <v>36266</v>
      </c>
      <c r="N4293" s="5" t="s">
        <v>38</v>
      </c>
      <c r="O4293" s="5" t="s">
        <v>39</v>
      </c>
      <c r="P4293" s="5" t="s">
        <v>40</v>
      </c>
      <c r="Q4293" s="5" t="s">
        <v>1522</v>
      </c>
      <c r="R4293" s="5" t="s">
        <v>1523</v>
      </c>
      <c r="S4293" s="5" t="s">
        <v>42</v>
      </c>
      <c r="T4293" s="2">
        <v>4.0259999999999998</v>
      </c>
      <c r="U4293" s="2">
        <v>3.39</v>
      </c>
      <c r="V4293" s="2">
        <v>0.02</v>
      </c>
      <c r="W4293" s="2">
        <v>159.1</v>
      </c>
      <c r="X4293" s="2">
        <v>7.6</v>
      </c>
      <c r="Y4293" s="2">
        <v>16.7</v>
      </c>
      <c r="Z4293" s="5"/>
      <c r="AA4293" s="5" t="s">
        <v>43</v>
      </c>
      <c r="AB4293" s="5" t="s">
        <v>44</v>
      </c>
      <c r="AC4293" s="2"/>
      <c r="AD4293" s="1"/>
    </row>
    <row r="4294" spans="1:30">
      <c r="A4294" s="5" t="s">
        <v>83578</v>
      </c>
      <c r="B4294" s="2" t="s">
        <v>96484</v>
      </c>
      <c r="C4294" s="14" t="s">
        <v>96485</v>
      </c>
      <c r="D4294" s="2" t="s">
        <v>96486</v>
      </c>
      <c r="E4294" s="2" t="s">
        <v>40997</v>
      </c>
      <c r="F4294" s="8">
        <v>374</v>
      </c>
      <c r="G4294" s="5">
        <v>6</v>
      </c>
      <c r="H4294" s="5" t="s">
        <v>1518</v>
      </c>
      <c r="I4294" s="5" t="s">
        <v>40939</v>
      </c>
      <c r="J4294" s="2" t="s">
        <v>40940</v>
      </c>
      <c r="K4294" s="5" t="s">
        <v>40939</v>
      </c>
      <c r="L4294" s="2" t="s">
        <v>40940</v>
      </c>
      <c r="M4294" s="5" t="s">
        <v>36266</v>
      </c>
      <c r="N4294" s="5" t="s">
        <v>38</v>
      </c>
      <c r="O4294" s="5" t="s">
        <v>39</v>
      </c>
      <c r="P4294" s="5" t="s">
        <v>40</v>
      </c>
      <c r="Q4294" s="5" t="s">
        <v>1522</v>
      </c>
      <c r="R4294" s="5" t="s">
        <v>1523</v>
      </c>
      <c r="S4294" s="5" t="s">
        <v>42</v>
      </c>
      <c r="T4294" s="2">
        <v>3.9449999999999998</v>
      </c>
      <c r="U4294" s="2">
        <v>3.3090000000000002</v>
      </c>
      <c r="V4294" s="2">
        <v>0.02</v>
      </c>
      <c r="W4294" s="2">
        <v>159.1</v>
      </c>
      <c r="X4294" s="2">
        <v>7.6</v>
      </c>
      <c r="Y4294" s="2">
        <v>16.7</v>
      </c>
      <c r="Z4294" s="5"/>
      <c r="AA4294" s="5" t="s">
        <v>43</v>
      </c>
      <c r="AB4294" s="5" t="s">
        <v>44</v>
      </c>
      <c r="AC4294" s="2"/>
      <c r="AD4294" s="1"/>
    </row>
    <row r="4295" spans="1:30">
      <c r="A4295" s="5" t="s">
        <v>83578</v>
      </c>
      <c r="B4295" s="2" t="s">
        <v>96487</v>
      </c>
      <c r="C4295" s="14" t="s">
        <v>96488</v>
      </c>
      <c r="D4295" s="2" t="s">
        <v>96489</v>
      </c>
      <c r="E4295" s="2" t="s">
        <v>41267</v>
      </c>
      <c r="F4295" s="8">
        <v>374</v>
      </c>
      <c r="G4295" s="5">
        <v>6</v>
      </c>
      <c r="H4295" s="5" t="s">
        <v>1518</v>
      </c>
      <c r="I4295" s="5" t="s">
        <v>40939</v>
      </c>
      <c r="J4295" s="2" t="s">
        <v>40940</v>
      </c>
      <c r="K4295" s="5" t="s">
        <v>40939</v>
      </c>
      <c r="L4295" s="2" t="s">
        <v>40940</v>
      </c>
      <c r="M4295" s="5" t="s">
        <v>36266</v>
      </c>
      <c r="N4295" s="5" t="s">
        <v>38</v>
      </c>
      <c r="O4295" s="5" t="s">
        <v>39</v>
      </c>
      <c r="P4295" s="5" t="s">
        <v>40</v>
      </c>
      <c r="Q4295" s="5" t="s">
        <v>1522</v>
      </c>
      <c r="R4295" s="5" t="s">
        <v>1523</v>
      </c>
      <c r="S4295" s="5" t="s">
        <v>42</v>
      </c>
      <c r="T4295" s="2">
        <v>4.0789999999999997</v>
      </c>
      <c r="U4295" s="2">
        <v>3.4430000000000001</v>
      </c>
      <c r="V4295" s="2">
        <v>0.02</v>
      </c>
      <c r="W4295" s="2">
        <v>159.1</v>
      </c>
      <c r="X4295" s="2">
        <v>7.6</v>
      </c>
      <c r="Y4295" s="2">
        <v>16.7</v>
      </c>
      <c r="Z4295" s="5"/>
      <c r="AA4295" s="5" t="s">
        <v>43</v>
      </c>
      <c r="AB4295" s="5" t="s">
        <v>44</v>
      </c>
      <c r="AC4295" s="2"/>
      <c r="AD4295" s="1"/>
    </row>
    <row r="4296" spans="1:30">
      <c r="A4296" s="5" t="s">
        <v>83578</v>
      </c>
      <c r="B4296" s="2" t="s">
        <v>96490</v>
      </c>
      <c r="C4296" s="14" t="s">
        <v>96491</v>
      </c>
      <c r="D4296" s="2" t="s">
        <v>96492</v>
      </c>
      <c r="E4296" s="2" t="s">
        <v>41001</v>
      </c>
      <c r="F4296" s="8">
        <v>374</v>
      </c>
      <c r="G4296" s="5">
        <v>6</v>
      </c>
      <c r="H4296" s="5" t="s">
        <v>1518</v>
      </c>
      <c r="I4296" s="5" t="s">
        <v>40939</v>
      </c>
      <c r="J4296" s="2" t="s">
        <v>40940</v>
      </c>
      <c r="K4296" s="5" t="s">
        <v>40939</v>
      </c>
      <c r="L4296" s="2" t="s">
        <v>40940</v>
      </c>
      <c r="M4296" s="5" t="s">
        <v>36266</v>
      </c>
      <c r="N4296" s="5" t="s">
        <v>38</v>
      </c>
      <c r="O4296" s="5" t="s">
        <v>39</v>
      </c>
      <c r="P4296" s="5" t="s">
        <v>40</v>
      </c>
      <c r="Q4296" s="5" t="s">
        <v>1522</v>
      </c>
      <c r="R4296" s="5" t="s">
        <v>1523</v>
      </c>
      <c r="S4296" s="5" t="s">
        <v>42</v>
      </c>
      <c r="T4296" s="2">
        <v>4.0259999999999998</v>
      </c>
      <c r="U4296" s="2">
        <v>3.39</v>
      </c>
      <c r="V4296" s="2">
        <v>0.02</v>
      </c>
      <c r="W4296" s="2">
        <v>159.1</v>
      </c>
      <c r="X4296" s="2">
        <v>7.6</v>
      </c>
      <c r="Y4296" s="2">
        <v>16.7</v>
      </c>
      <c r="Z4296" s="5"/>
      <c r="AA4296" s="5" t="s">
        <v>43</v>
      </c>
      <c r="AB4296" s="5" t="s">
        <v>44</v>
      </c>
      <c r="AC4296" s="2"/>
      <c r="AD4296" s="1"/>
    </row>
    <row r="4297" spans="1:30">
      <c r="A4297" s="5" t="s">
        <v>83578</v>
      </c>
      <c r="B4297" s="2" t="s">
        <v>96493</v>
      </c>
      <c r="C4297" s="14" t="s">
        <v>96494</v>
      </c>
      <c r="D4297" s="2" t="s">
        <v>96495</v>
      </c>
      <c r="E4297" s="2" t="s">
        <v>41005</v>
      </c>
      <c r="F4297" s="8">
        <v>374</v>
      </c>
      <c r="G4297" s="5">
        <v>6</v>
      </c>
      <c r="H4297" s="5" t="s">
        <v>1518</v>
      </c>
      <c r="I4297" s="5" t="s">
        <v>40939</v>
      </c>
      <c r="J4297" s="2" t="s">
        <v>40940</v>
      </c>
      <c r="K4297" s="5" t="s">
        <v>40939</v>
      </c>
      <c r="L4297" s="2" t="s">
        <v>40940</v>
      </c>
      <c r="M4297" s="5" t="s">
        <v>36266</v>
      </c>
      <c r="N4297" s="5" t="s">
        <v>38</v>
      </c>
      <c r="O4297" s="5" t="s">
        <v>39</v>
      </c>
      <c r="P4297" s="5" t="s">
        <v>40</v>
      </c>
      <c r="Q4297" s="5" t="s">
        <v>1522</v>
      </c>
      <c r="R4297" s="5" t="s">
        <v>1523</v>
      </c>
      <c r="S4297" s="5" t="s">
        <v>42</v>
      </c>
      <c r="T4297" s="2">
        <v>4.16</v>
      </c>
      <c r="U4297" s="2">
        <v>3.524</v>
      </c>
      <c r="V4297" s="2">
        <v>0.02</v>
      </c>
      <c r="W4297" s="2">
        <v>159.1</v>
      </c>
      <c r="X4297" s="2">
        <v>7.6</v>
      </c>
      <c r="Y4297" s="2">
        <v>16.7</v>
      </c>
      <c r="Z4297" s="5"/>
      <c r="AA4297" s="5" t="s">
        <v>43</v>
      </c>
      <c r="AB4297" s="5" t="s">
        <v>44</v>
      </c>
      <c r="AC4297" s="2"/>
      <c r="AD4297" s="1"/>
    </row>
    <row r="4298" spans="1:30">
      <c r="A4298" s="5" t="s">
        <v>83578</v>
      </c>
      <c r="B4298" s="2" t="s">
        <v>96496</v>
      </c>
      <c r="C4298" s="14" t="s">
        <v>96497</v>
      </c>
      <c r="D4298" s="2" t="s">
        <v>96498</v>
      </c>
      <c r="E4298" s="2" t="s">
        <v>41009</v>
      </c>
      <c r="F4298" s="8">
        <v>374</v>
      </c>
      <c r="G4298" s="5">
        <v>6</v>
      </c>
      <c r="H4298" s="5" t="s">
        <v>1518</v>
      </c>
      <c r="I4298" s="5" t="s">
        <v>40939</v>
      </c>
      <c r="J4298" s="2" t="s">
        <v>40940</v>
      </c>
      <c r="K4298" s="5" t="s">
        <v>40939</v>
      </c>
      <c r="L4298" s="2" t="s">
        <v>40940</v>
      </c>
      <c r="M4298" s="5" t="s">
        <v>36266</v>
      </c>
      <c r="N4298" s="5" t="s">
        <v>38</v>
      </c>
      <c r="O4298" s="5" t="s">
        <v>39</v>
      </c>
      <c r="P4298" s="5" t="s">
        <v>40</v>
      </c>
      <c r="Q4298" s="5" t="s">
        <v>1522</v>
      </c>
      <c r="R4298" s="5" t="s">
        <v>1523</v>
      </c>
      <c r="S4298" s="5" t="s">
        <v>42</v>
      </c>
      <c r="T4298" s="2">
        <v>4.0460000000000003</v>
      </c>
      <c r="U4298" s="2">
        <v>3.41</v>
      </c>
      <c r="V4298" s="2">
        <v>0.02</v>
      </c>
      <c r="W4298" s="2">
        <v>159.1</v>
      </c>
      <c r="X4298" s="2">
        <v>7.6</v>
      </c>
      <c r="Y4298" s="2">
        <v>16.7</v>
      </c>
      <c r="Z4298" s="5"/>
      <c r="AA4298" s="5" t="s">
        <v>43</v>
      </c>
      <c r="AB4298" s="5" t="s">
        <v>44</v>
      </c>
      <c r="AC4298" s="2"/>
      <c r="AD4298" s="1"/>
    </row>
    <row r="4299" spans="1:30">
      <c r="A4299" s="5" t="s">
        <v>83578</v>
      </c>
      <c r="B4299" s="2" t="s">
        <v>96499</v>
      </c>
      <c r="C4299" s="14" t="s">
        <v>96500</v>
      </c>
      <c r="D4299" s="2" t="s">
        <v>96501</v>
      </c>
      <c r="E4299" s="2" t="s">
        <v>41031</v>
      </c>
      <c r="F4299" s="8">
        <v>374</v>
      </c>
      <c r="G4299" s="5">
        <v>6</v>
      </c>
      <c r="H4299" s="5" t="s">
        <v>1518</v>
      </c>
      <c r="I4299" s="5" t="s">
        <v>40939</v>
      </c>
      <c r="J4299" s="2" t="s">
        <v>40940</v>
      </c>
      <c r="K4299" s="5" t="s">
        <v>40939</v>
      </c>
      <c r="L4299" s="2" t="s">
        <v>40940</v>
      </c>
      <c r="M4299" s="5" t="s">
        <v>36266</v>
      </c>
      <c r="N4299" s="5" t="s">
        <v>38</v>
      </c>
      <c r="O4299" s="5" t="s">
        <v>39</v>
      </c>
      <c r="P4299" s="5" t="s">
        <v>40</v>
      </c>
      <c r="Q4299" s="5" t="s">
        <v>1522</v>
      </c>
      <c r="R4299" s="5" t="s">
        <v>1523</v>
      </c>
      <c r="S4299" s="5" t="s">
        <v>42</v>
      </c>
      <c r="T4299" s="2">
        <v>3.9449999999999998</v>
      </c>
      <c r="U4299" s="2">
        <v>3.3090000000000002</v>
      </c>
      <c r="V4299" s="2">
        <v>0.02</v>
      </c>
      <c r="W4299" s="2">
        <v>159.1</v>
      </c>
      <c r="X4299" s="2">
        <v>7.6</v>
      </c>
      <c r="Y4299" s="2">
        <v>16.7</v>
      </c>
      <c r="Z4299" s="5"/>
      <c r="AA4299" s="5" t="s">
        <v>43</v>
      </c>
      <c r="AB4299" s="5" t="s">
        <v>44</v>
      </c>
      <c r="AC4299" s="2"/>
      <c r="AD4299" s="1"/>
    </row>
    <row r="4300" spans="1:30">
      <c r="A4300" s="5" t="s">
        <v>83578</v>
      </c>
      <c r="B4300" s="2" t="s">
        <v>96502</v>
      </c>
      <c r="C4300" s="14" t="s">
        <v>96503</v>
      </c>
      <c r="D4300" s="2" t="s">
        <v>96504</v>
      </c>
      <c r="E4300" s="2" t="s">
        <v>7449</v>
      </c>
      <c r="F4300" s="8">
        <v>374</v>
      </c>
      <c r="G4300" s="5">
        <v>6</v>
      </c>
      <c r="H4300" s="5" t="s">
        <v>1518</v>
      </c>
      <c r="I4300" s="5" t="s">
        <v>40939</v>
      </c>
      <c r="J4300" s="2" t="s">
        <v>40940</v>
      </c>
      <c r="K4300" s="5" t="s">
        <v>40939</v>
      </c>
      <c r="L4300" s="2" t="s">
        <v>40940</v>
      </c>
      <c r="M4300" s="5" t="s">
        <v>36266</v>
      </c>
      <c r="N4300" s="5" t="s">
        <v>38</v>
      </c>
      <c r="O4300" s="5" t="s">
        <v>39</v>
      </c>
      <c r="P4300" s="5" t="s">
        <v>40</v>
      </c>
      <c r="Q4300" s="5" t="s">
        <v>1522</v>
      </c>
      <c r="R4300" s="5" t="s">
        <v>1523</v>
      </c>
      <c r="S4300" s="5" t="s">
        <v>42</v>
      </c>
      <c r="T4300" s="2">
        <v>3.9449999999999998</v>
      </c>
      <c r="U4300" s="2">
        <v>3.3090000000000002</v>
      </c>
      <c r="V4300" s="2">
        <v>0.02</v>
      </c>
      <c r="W4300" s="2">
        <v>159.1</v>
      </c>
      <c r="X4300" s="2">
        <v>7.6</v>
      </c>
      <c r="Y4300" s="2">
        <v>16.7</v>
      </c>
      <c r="Z4300" s="5"/>
      <c r="AA4300" s="5" t="s">
        <v>43</v>
      </c>
      <c r="AB4300" s="5" t="s">
        <v>44</v>
      </c>
      <c r="AC4300" s="2"/>
      <c r="AD4300" s="1"/>
    </row>
    <row r="4301" spans="1:30">
      <c r="A4301" s="5" t="s">
        <v>83578</v>
      </c>
      <c r="B4301" s="2" t="s">
        <v>96505</v>
      </c>
      <c r="C4301" s="14" t="s">
        <v>96506</v>
      </c>
      <c r="D4301" s="2" t="s">
        <v>96507</v>
      </c>
      <c r="E4301" s="2" t="s">
        <v>7581</v>
      </c>
      <c r="F4301" s="8">
        <v>374</v>
      </c>
      <c r="G4301" s="5">
        <v>6</v>
      </c>
      <c r="H4301" s="5" t="s">
        <v>1518</v>
      </c>
      <c r="I4301" s="5" t="s">
        <v>40939</v>
      </c>
      <c r="J4301" s="2" t="s">
        <v>40940</v>
      </c>
      <c r="K4301" s="5" t="s">
        <v>40939</v>
      </c>
      <c r="L4301" s="2" t="s">
        <v>40940</v>
      </c>
      <c r="M4301" s="5" t="s">
        <v>36266</v>
      </c>
      <c r="N4301" s="5" t="s">
        <v>38</v>
      </c>
      <c r="O4301" s="5" t="s">
        <v>39</v>
      </c>
      <c r="P4301" s="5" t="s">
        <v>40</v>
      </c>
      <c r="Q4301" s="5" t="s">
        <v>1522</v>
      </c>
      <c r="R4301" s="5" t="s">
        <v>1523</v>
      </c>
      <c r="S4301" s="5" t="s">
        <v>42</v>
      </c>
      <c r="T4301" s="2">
        <v>4.0789999999999997</v>
      </c>
      <c r="U4301" s="2">
        <v>3.4430000000000001</v>
      </c>
      <c r="V4301" s="2">
        <v>0.02</v>
      </c>
      <c r="W4301" s="2">
        <v>159.1</v>
      </c>
      <c r="X4301" s="2">
        <v>7.6</v>
      </c>
      <c r="Y4301" s="2">
        <v>16.7</v>
      </c>
      <c r="Z4301" s="5"/>
      <c r="AA4301" s="5" t="s">
        <v>43</v>
      </c>
      <c r="AB4301" s="5" t="s">
        <v>44</v>
      </c>
      <c r="AC4301" s="2"/>
      <c r="AD4301" s="1"/>
    </row>
    <row r="4302" spans="1:30">
      <c r="A4302" s="5" t="s">
        <v>83578</v>
      </c>
      <c r="B4302" s="2" t="s">
        <v>96508</v>
      </c>
      <c r="C4302" s="14" t="s">
        <v>96509</v>
      </c>
      <c r="D4302" s="2" t="s">
        <v>96510</v>
      </c>
      <c r="E4302" s="2" t="s">
        <v>41049</v>
      </c>
      <c r="F4302" s="8">
        <v>374</v>
      </c>
      <c r="G4302" s="5">
        <v>6</v>
      </c>
      <c r="H4302" s="5" t="s">
        <v>1518</v>
      </c>
      <c r="I4302" s="5" t="s">
        <v>40939</v>
      </c>
      <c r="J4302" s="2" t="s">
        <v>40940</v>
      </c>
      <c r="K4302" s="5" t="s">
        <v>40939</v>
      </c>
      <c r="L4302" s="2" t="s">
        <v>40940</v>
      </c>
      <c r="M4302" s="5" t="s">
        <v>36266</v>
      </c>
      <c r="N4302" s="5" t="s">
        <v>38</v>
      </c>
      <c r="O4302" s="5" t="s">
        <v>39</v>
      </c>
      <c r="P4302" s="5" t="s">
        <v>40</v>
      </c>
      <c r="Q4302" s="5" t="s">
        <v>1522</v>
      </c>
      <c r="R4302" s="5" t="s">
        <v>1523</v>
      </c>
      <c r="S4302" s="5" t="s">
        <v>42</v>
      </c>
      <c r="T4302" s="2">
        <v>4.2</v>
      </c>
      <c r="U4302" s="2">
        <v>3.5640000000000001</v>
      </c>
      <c r="V4302" s="2">
        <v>0.02</v>
      </c>
      <c r="W4302" s="2">
        <v>159.1</v>
      </c>
      <c r="X4302" s="2">
        <v>7.6</v>
      </c>
      <c r="Y4302" s="2">
        <v>16.7</v>
      </c>
      <c r="Z4302" s="5"/>
      <c r="AA4302" s="5" t="s">
        <v>43</v>
      </c>
      <c r="AB4302" s="5" t="s">
        <v>44</v>
      </c>
      <c r="AC4302" s="2"/>
      <c r="AD4302" s="1"/>
    </row>
    <row r="4303" spans="1:30">
      <c r="A4303" s="5" t="s">
        <v>83578</v>
      </c>
      <c r="B4303" s="2" t="s">
        <v>96511</v>
      </c>
      <c r="C4303" s="14" t="s">
        <v>96512</v>
      </c>
      <c r="D4303" s="2" t="s">
        <v>96513</v>
      </c>
      <c r="E4303" s="2" t="s">
        <v>36281</v>
      </c>
      <c r="F4303" s="8">
        <v>251</v>
      </c>
      <c r="G4303" s="5">
        <v>6</v>
      </c>
      <c r="H4303" s="5" t="s">
        <v>1518</v>
      </c>
      <c r="I4303" s="5" t="s">
        <v>36264</v>
      </c>
      <c r="J4303" s="2" t="s">
        <v>36265</v>
      </c>
      <c r="K4303" s="5" t="s">
        <v>36264</v>
      </c>
      <c r="L4303" s="2" t="s">
        <v>36265</v>
      </c>
      <c r="M4303" s="5" t="s">
        <v>36266</v>
      </c>
      <c r="N4303" s="5" t="s">
        <v>38</v>
      </c>
      <c r="O4303" s="5" t="s">
        <v>39</v>
      </c>
      <c r="P4303" s="5" t="s">
        <v>40</v>
      </c>
      <c r="Q4303" s="5" t="s">
        <v>1522</v>
      </c>
      <c r="R4303" s="5" t="s">
        <v>1523</v>
      </c>
      <c r="S4303" s="5" t="s">
        <v>42</v>
      </c>
      <c r="T4303" s="2">
        <v>1.9690000000000001</v>
      </c>
      <c r="U4303" s="2">
        <v>1.5069999999999999</v>
      </c>
      <c r="V4303" s="2">
        <v>0.01</v>
      </c>
      <c r="W4303" s="2">
        <v>76.900000000000006</v>
      </c>
      <c r="X4303" s="2">
        <v>7.6</v>
      </c>
      <c r="Y4303" s="2">
        <v>16.7</v>
      </c>
      <c r="Z4303" s="5"/>
      <c r="AA4303" s="5" t="s">
        <v>43</v>
      </c>
      <c r="AB4303" s="5" t="s">
        <v>44</v>
      </c>
      <c r="AC4303" s="2"/>
      <c r="AD4303" s="1"/>
    </row>
    <row r="4304" spans="1:30">
      <c r="A4304" s="5" t="s">
        <v>83578</v>
      </c>
      <c r="B4304" s="2" t="s">
        <v>96514</v>
      </c>
      <c r="C4304" s="14" t="s">
        <v>96515</v>
      </c>
      <c r="D4304" s="2" t="s">
        <v>96516</v>
      </c>
      <c r="E4304" s="2" t="s">
        <v>36285</v>
      </c>
      <c r="F4304" s="8">
        <v>251</v>
      </c>
      <c r="G4304" s="5">
        <v>6</v>
      </c>
      <c r="H4304" s="5" t="s">
        <v>1518</v>
      </c>
      <c r="I4304" s="5" t="s">
        <v>36264</v>
      </c>
      <c r="J4304" s="2" t="s">
        <v>36265</v>
      </c>
      <c r="K4304" s="5" t="s">
        <v>36264</v>
      </c>
      <c r="L4304" s="2" t="s">
        <v>36265</v>
      </c>
      <c r="M4304" s="5" t="s">
        <v>36266</v>
      </c>
      <c r="N4304" s="5" t="s">
        <v>38</v>
      </c>
      <c r="O4304" s="5" t="s">
        <v>39</v>
      </c>
      <c r="P4304" s="5" t="s">
        <v>40</v>
      </c>
      <c r="Q4304" s="5" t="s">
        <v>1522</v>
      </c>
      <c r="R4304" s="5" t="s">
        <v>1523</v>
      </c>
      <c r="S4304" s="5" t="s">
        <v>42</v>
      </c>
      <c r="T4304" s="2">
        <v>2.016</v>
      </c>
      <c r="U4304" s="2">
        <v>1.554</v>
      </c>
      <c r="V4304" s="2">
        <v>0.01</v>
      </c>
      <c r="W4304" s="2">
        <v>76.900000000000006</v>
      </c>
      <c r="X4304" s="2">
        <v>7.6</v>
      </c>
      <c r="Y4304" s="2">
        <v>16.7</v>
      </c>
      <c r="Z4304" s="5"/>
      <c r="AA4304" s="5" t="s">
        <v>43</v>
      </c>
      <c r="AB4304" s="5" t="s">
        <v>44</v>
      </c>
      <c r="AC4304" s="2"/>
      <c r="AD4304" s="1"/>
    </row>
    <row r="4305" spans="1:30">
      <c r="A4305" s="5" t="s">
        <v>83578</v>
      </c>
      <c r="B4305" s="2" t="s">
        <v>96517</v>
      </c>
      <c r="C4305" s="14" t="s">
        <v>96518</v>
      </c>
      <c r="D4305" s="2" t="s">
        <v>96519</v>
      </c>
      <c r="E4305" s="2" t="s">
        <v>36301</v>
      </c>
      <c r="F4305" s="8">
        <v>236</v>
      </c>
      <c r="G4305" s="5">
        <v>6</v>
      </c>
      <c r="H4305" s="5" t="s">
        <v>1518</v>
      </c>
      <c r="I4305" s="5" t="s">
        <v>36264</v>
      </c>
      <c r="J4305" s="2" t="s">
        <v>36265</v>
      </c>
      <c r="K4305" s="5" t="s">
        <v>36264</v>
      </c>
      <c r="L4305" s="2" t="s">
        <v>36265</v>
      </c>
      <c r="M4305" s="5" t="s">
        <v>36266</v>
      </c>
      <c r="N4305" s="5" t="s">
        <v>38</v>
      </c>
      <c r="O4305" s="5" t="s">
        <v>39</v>
      </c>
      <c r="P4305" s="5" t="s">
        <v>40</v>
      </c>
      <c r="Q4305" s="5" t="s">
        <v>1522</v>
      </c>
      <c r="R4305" s="5" t="s">
        <v>1523</v>
      </c>
      <c r="S4305" s="5" t="s">
        <v>42</v>
      </c>
      <c r="T4305" s="2">
        <v>2.016</v>
      </c>
      <c r="U4305" s="2">
        <v>1.554</v>
      </c>
      <c r="V4305" s="2">
        <v>0.01</v>
      </c>
      <c r="W4305" s="2">
        <v>76.900000000000006</v>
      </c>
      <c r="X4305" s="2">
        <v>7.6</v>
      </c>
      <c r="Y4305" s="2">
        <v>16.7</v>
      </c>
      <c r="Z4305" s="5"/>
      <c r="AA4305" s="5" t="s">
        <v>43</v>
      </c>
      <c r="AB4305" s="5" t="s">
        <v>44</v>
      </c>
      <c r="AC4305" s="2"/>
      <c r="AD4305" s="1"/>
    </row>
    <row r="4306" spans="1:30">
      <c r="A4306" s="5" t="s">
        <v>83578</v>
      </c>
      <c r="B4306" s="2" t="s">
        <v>96520</v>
      </c>
      <c r="C4306" s="14" t="s">
        <v>96521</v>
      </c>
      <c r="D4306" s="2" t="s">
        <v>96522</v>
      </c>
      <c r="E4306" s="2" t="s">
        <v>36317</v>
      </c>
      <c r="F4306" s="8">
        <v>251</v>
      </c>
      <c r="G4306" s="5">
        <v>6</v>
      </c>
      <c r="H4306" s="5" t="s">
        <v>1518</v>
      </c>
      <c r="I4306" s="5" t="s">
        <v>36264</v>
      </c>
      <c r="J4306" s="2" t="s">
        <v>36265</v>
      </c>
      <c r="K4306" s="5" t="s">
        <v>36264</v>
      </c>
      <c r="L4306" s="2" t="s">
        <v>36265</v>
      </c>
      <c r="M4306" s="5" t="s">
        <v>36266</v>
      </c>
      <c r="N4306" s="5" t="s">
        <v>38</v>
      </c>
      <c r="O4306" s="5" t="s">
        <v>39</v>
      </c>
      <c r="P4306" s="5" t="s">
        <v>40</v>
      </c>
      <c r="Q4306" s="5" t="s">
        <v>1522</v>
      </c>
      <c r="R4306" s="5" t="s">
        <v>1523</v>
      </c>
      <c r="S4306" s="5" t="s">
        <v>42</v>
      </c>
      <c r="T4306" s="2">
        <v>2.016</v>
      </c>
      <c r="U4306" s="2">
        <v>1.554</v>
      </c>
      <c r="V4306" s="2">
        <v>0.01</v>
      </c>
      <c r="W4306" s="2">
        <v>76.900000000000006</v>
      </c>
      <c r="X4306" s="2">
        <v>7.6</v>
      </c>
      <c r="Y4306" s="2">
        <v>16.7</v>
      </c>
      <c r="Z4306" s="5"/>
      <c r="AA4306" s="5" t="s">
        <v>43</v>
      </c>
      <c r="AB4306" s="5" t="s">
        <v>44</v>
      </c>
      <c r="AC4306" s="2"/>
      <c r="AD4306" s="1"/>
    </row>
    <row r="4307" spans="1:30">
      <c r="A4307" s="5" t="s">
        <v>83578</v>
      </c>
      <c r="B4307" s="2" t="s">
        <v>96523</v>
      </c>
      <c r="C4307" s="14" t="s">
        <v>96524</v>
      </c>
      <c r="D4307" s="2" t="s">
        <v>96525</v>
      </c>
      <c r="E4307" s="2" t="s">
        <v>36321</v>
      </c>
      <c r="F4307" s="8">
        <v>251</v>
      </c>
      <c r="G4307" s="5">
        <v>6</v>
      </c>
      <c r="H4307" s="5" t="s">
        <v>1518</v>
      </c>
      <c r="I4307" s="5" t="s">
        <v>36264</v>
      </c>
      <c r="J4307" s="2" t="s">
        <v>36265</v>
      </c>
      <c r="K4307" s="5" t="s">
        <v>36264</v>
      </c>
      <c r="L4307" s="2" t="s">
        <v>36265</v>
      </c>
      <c r="M4307" s="5" t="s">
        <v>36266</v>
      </c>
      <c r="N4307" s="5" t="s">
        <v>38</v>
      </c>
      <c r="O4307" s="5" t="s">
        <v>39</v>
      </c>
      <c r="P4307" s="5" t="s">
        <v>40</v>
      </c>
      <c r="Q4307" s="5" t="s">
        <v>1522</v>
      </c>
      <c r="R4307" s="5" t="s">
        <v>1523</v>
      </c>
      <c r="S4307" s="5" t="s">
        <v>42</v>
      </c>
      <c r="T4307" s="2">
        <v>1.9690000000000001</v>
      </c>
      <c r="U4307" s="2">
        <v>1.5069999999999999</v>
      </c>
      <c r="V4307" s="2">
        <v>0.01</v>
      </c>
      <c r="W4307" s="2">
        <v>76.900000000000006</v>
      </c>
      <c r="X4307" s="2">
        <v>7.6</v>
      </c>
      <c r="Y4307" s="2">
        <v>16.7</v>
      </c>
      <c r="Z4307" s="5"/>
      <c r="AA4307" s="5" t="s">
        <v>43</v>
      </c>
      <c r="AB4307" s="5" t="s">
        <v>44</v>
      </c>
      <c r="AC4307" s="2"/>
      <c r="AD4307" s="1"/>
    </row>
    <row r="4308" spans="1:30">
      <c r="A4308" s="5" t="s">
        <v>83578</v>
      </c>
      <c r="B4308" s="2" t="s">
        <v>96526</v>
      </c>
      <c r="C4308" s="14" t="s">
        <v>96527</v>
      </c>
      <c r="D4308" s="2" t="s">
        <v>96528</v>
      </c>
      <c r="E4308" s="2" t="s">
        <v>36325</v>
      </c>
      <c r="F4308" s="8">
        <v>251</v>
      </c>
      <c r="G4308" s="5">
        <v>6</v>
      </c>
      <c r="H4308" s="5" t="s">
        <v>1518</v>
      </c>
      <c r="I4308" s="5" t="s">
        <v>36264</v>
      </c>
      <c r="J4308" s="2" t="s">
        <v>36265</v>
      </c>
      <c r="K4308" s="5" t="s">
        <v>36264</v>
      </c>
      <c r="L4308" s="2" t="s">
        <v>36265</v>
      </c>
      <c r="M4308" s="5" t="s">
        <v>36266</v>
      </c>
      <c r="N4308" s="5" t="s">
        <v>38</v>
      </c>
      <c r="O4308" s="5" t="s">
        <v>39</v>
      </c>
      <c r="P4308" s="5" t="s">
        <v>40</v>
      </c>
      <c r="Q4308" s="5" t="s">
        <v>1522</v>
      </c>
      <c r="R4308" s="5" t="s">
        <v>1523</v>
      </c>
      <c r="S4308" s="5" t="s">
        <v>42</v>
      </c>
      <c r="T4308" s="2">
        <v>2.016</v>
      </c>
      <c r="U4308" s="2">
        <v>1.554</v>
      </c>
      <c r="V4308" s="2">
        <v>0.01</v>
      </c>
      <c r="W4308" s="2">
        <v>76.900000000000006</v>
      </c>
      <c r="X4308" s="2">
        <v>7.6</v>
      </c>
      <c r="Y4308" s="2">
        <v>16.7</v>
      </c>
      <c r="Z4308" s="5"/>
      <c r="AA4308" s="5" t="s">
        <v>43</v>
      </c>
      <c r="AB4308" s="5" t="s">
        <v>44</v>
      </c>
      <c r="AC4308" s="2"/>
      <c r="AD4308" s="1"/>
    </row>
    <row r="4309" spans="1:30">
      <c r="A4309" s="5" t="s">
        <v>83578</v>
      </c>
      <c r="B4309" s="2" t="s">
        <v>96529</v>
      </c>
      <c r="C4309" s="14" t="s">
        <v>96530</v>
      </c>
      <c r="D4309" s="2" t="s">
        <v>96531</v>
      </c>
      <c r="E4309" s="2" t="s">
        <v>36341</v>
      </c>
      <c r="F4309" s="8">
        <v>251</v>
      </c>
      <c r="G4309" s="5">
        <v>6</v>
      </c>
      <c r="H4309" s="5" t="s">
        <v>1518</v>
      </c>
      <c r="I4309" s="5" t="s">
        <v>36264</v>
      </c>
      <c r="J4309" s="2" t="s">
        <v>36265</v>
      </c>
      <c r="K4309" s="5" t="s">
        <v>36264</v>
      </c>
      <c r="L4309" s="2" t="s">
        <v>36265</v>
      </c>
      <c r="M4309" s="5" t="s">
        <v>36266</v>
      </c>
      <c r="N4309" s="5" t="s">
        <v>38</v>
      </c>
      <c r="O4309" s="5" t="s">
        <v>39</v>
      </c>
      <c r="P4309" s="5" t="s">
        <v>40</v>
      </c>
      <c r="Q4309" s="5" t="s">
        <v>1522</v>
      </c>
      <c r="R4309" s="5" t="s">
        <v>1523</v>
      </c>
      <c r="S4309" s="5" t="s">
        <v>42</v>
      </c>
      <c r="T4309" s="2">
        <v>2.016</v>
      </c>
      <c r="U4309" s="2">
        <v>1.554</v>
      </c>
      <c r="V4309" s="2">
        <v>0.01</v>
      </c>
      <c r="W4309" s="2">
        <v>76.900000000000006</v>
      </c>
      <c r="X4309" s="2">
        <v>7.6</v>
      </c>
      <c r="Y4309" s="2">
        <v>16.7</v>
      </c>
      <c r="Z4309" s="5"/>
      <c r="AA4309" s="5" t="s">
        <v>43</v>
      </c>
      <c r="AB4309" s="5" t="s">
        <v>44</v>
      </c>
      <c r="AC4309" s="2"/>
      <c r="AD4309" s="1"/>
    </row>
    <row r="4310" spans="1:30">
      <c r="A4310" s="5" t="s">
        <v>83578</v>
      </c>
      <c r="B4310" s="2" t="s">
        <v>96532</v>
      </c>
      <c r="C4310" s="14" t="s">
        <v>96533</v>
      </c>
      <c r="D4310" s="2" t="s">
        <v>96534</v>
      </c>
      <c r="E4310" s="2" t="s">
        <v>36357</v>
      </c>
      <c r="F4310" s="8">
        <v>251</v>
      </c>
      <c r="G4310" s="5">
        <v>6</v>
      </c>
      <c r="H4310" s="5" t="s">
        <v>1518</v>
      </c>
      <c r="I4310" s="5" t="s">
        <v>36264</v>
      </c>
      <c r="J4310" s="2" t="s">
        <v>36265</v>
      </c>
      <c r="K4310" s="5" t="s">
        <v>36264</v>
      </c>
      <c r="L4310" s="2" t="s">
        <v>36265</v>
      </c>
      <c r="M4310" s="5" t="s">
        <v>36266</v>
      </c>
      <c r="N4310" s="5" t="s">
        <v>38</v>
      </c>
      <c r="O4310" s="5" t="s">
        <v>39</v>
      </c>
      <c r="P4310" s="5" t="s">
        <v>40</v>
      </c>
      <c r="Q4310" s="5" t="s">
        <v>1522</v>
      </c>
      <c r="R4310" s="5" t="s">
        <v>1523</v>
      </c>
      <c r="S4310" s="5" t="s">
        <v>42</v>
      </c>
      <c r="T4310" s="2">
        <v>2.016</v>
      </c>
      <c r="U4310" s="2">
        <v>1.554</v>
      </c>
      <c r="V4310" s="2">
        <v>0.01</v>
      </c>
      <c r="W4310" s="2">
        <v>76.900000000000006</v>
      </c>
      <c r="X4310" s="2">
        <v>7.6</v>
      </c>
      <c r="Y4310" s="2">
        <v>16.7</v>
      </c>
      <c r="Z4310" s="5"/>
      <c r="AA4310" s="5" t="s">
        <v>43</v>
      </c>
      <c r="AB4310" s="5" t="s">
        <v>44</v>
      </c>
      <c r="AC4310" s="2"/>
      <c r="AD4310" s="1"/>
    </row>
    <row r="4311" spans="1:30">
      <c r="A4311" s="5" t="s">
        <v>83578</v>
      </c>
      <c r="B4311" s="2" t="s">
        <v>96535</v>
      </c>
      <c r="C4311" s="14" t="s">
        <v>96536</v>
      </c>
      <c r="D4311" s="2" t="s">
        <v>96537</v>
      </c>
      <c r="E4311" s="2" t="s">
        <v>36385</v>
      </c>
      <c r="F4311" s="8">
        <v>251</v>
      </c>
      <c r="G4311" s="5">
        <v>6</v>
      </c>
      <c r="H4311" s="5" t="s">
        <v>1518</v>
      </c>
      <c r="I4311" s="5" t="s">
        <v>36264</v>
      </c>
      <c r="J4311" s="2" t="s">
        <v>36265</v>
      </c>
      <c r="K4311" s="5" t="s">
        <v>36264</v>
      </c>
      <c r="L4311" s="2" t="s">
        <v>36265</v>
      </c>
      <c r="M4311" s="5" t="s">
        <v>36266</v>
      </c>
      <c r="N4311" s="5" t="s">
        <v>38</v>
      </c>
      <c r="O4311" s="5" t="s">
        <v>39</v>
      </c>
      <c r="P4311" s="5" t="s">
        <v>40</v>
      </c>
      <c r="Q4311" s="5" t="s">
        <v>1522</v>
      </c>
      <c r="R4311" s="5" t="s">
        <v>1523</v>
      </c>
      <c r="S4311" s="5" t="s">
        <v>42</v>
      </c>
      <c r="T4311" s="2">
        <v>1.9690000000000001</v>
      </c>
      <c r="U4311" s="2">
        <v>1.5069999999999999</v>
      </c>
      <c r="V4311" s="2">
        <v>0.01</v>
      </c>
      <c r="W4311" s="2">
        <v>76.900000000000006</v>
      </c>
      <c r="X4311" s="2">
        <v>7.6</v>
      </c>
      <c r="Y4311" s="2">
        <v>16.7</v>
      </c>
      <c r="Z4311" s="5"/>
      <c r="AA4311" s="5" t="s">
        <v>43</v>
      </c>
      <c r="AB4311" s="5" t="s">
        <v>44</v>
      </c>
      <c r="AC4311" s="2"/>
      <c r="AD4311" s="1"/>
    </row>
    <row r="4312" spans="1:30">
      <c r="A4312" s="5" t="s">
        <v>83578</v>
      </c>
      <c r="B4312" s="2" t="s">
        <v>96538</v>
      </c>
      <c r="C4312" s="14" t="s">
        <v>96539</v>
      </c>
      <c r="D4312" s="2" t="s">
        <v>96540</v>
      </c>
      <c r="E4312" s="2" t="s">
        <v>36285</v>
      </c>
      <c r="F4312" s="8">
        <v>268</v>
      </c>
      <c r="G4312" s="5">
        <v>6</v>
      </c>
      <c r="H4312" s="5" t="s">
        <v>1518</v>
      </c>
      <c r="I4312" s="5" t="s">
        <v>36264</v>
      </c>
      <c r="J4312" s="2" t="s">
        <v>36265</v>
      </c>
      <c r="K4312" s="5" t="s">
        <v>36264</v>
      </c>
      <c r="L4312" s="2" t="s">
        <v>36265</v>
      </c>
      <c r="M4312" s="5" t="s">
        <v>36266</v>
      </c>
      <c r="N4312" s="5" t="s">
        <v>38</v>
      </c>
      <c r="O4312" s="5" t="s">
        <v>39</v>
      </c>
      <c r="P4312" s="5" t="s">
        <v>40</v>
      </c>
      <c r="Q4312" s="5" t="s">
        <v>1522</v>
      </c>
      <c r="R4312" s="5" t="s">
        <v>1523</v>
      </c>
      <c r="S4312" s="5" t="s">
        <v>42</v>
      </c>
      <c r="T4312" s="2">
        <v>2.1760000000000002</v>
      </c>
      <c r="U4312" s="2">
        <v>1.72</v>
      </c>
      <c r="V4312" s="2">
        <v>0.01</v>
      </c>
      <c r="W4312" s="2">
        <v>76.900000000000006</v>
      </c>
      <c r="X4312" s="2">
        <v>7.6</v>
      </c>
      <c r="Y4312" s="2">
        <v>16.7</v>
      </c>
      <c r="Z4312" s="5"/>
      <c r="AA4312" s="5" t="s">
        <v>43</v>
      </c>
      <c r="AB4312" s="5" t="s">
        <v>44</v>
      </c>
      <c r="AC4312" s="2"/>
      <c r="AD4312" s="1"/>
    </row>
    <row r="4313" spans="1:30">
      <c r="A4313" s="5" t="s">
        <v>83578</v>
      </c>
      <c r="B4313" s="2" t="s">
        <v>96541</v>
      </c>
      <c r="C4313" s="14" t="s">
        <v>96542</v>
      </c>
      <c r="D4313" s="2" t="s">
        <v>96543</v>
      </c>
      <c r="E4313" s="2" t="s">
        <v>36341</v>
      </c>
      <c r="F4313" s="8">
        <v>268</v>
      </c>
      <c r="G4313" s="5">
        <v>6</v>
      </c>
      <c r="H4313" s="5" t="s">
        <v>1518</v>
      </c>
      <c r="I4313" s="5" t="s">
        <v>36264</v>
      </c>
      <c r="J4313" s="2" t="s">
        <v>36265</v>
      </c>
      <c r="K4313" s="5" t="s">
        <v>36264</v>
      </c>
      <c r="L4313" s="2" t="s">
        <v>36265</v>
      </c>
      <c r="M4313" s="5" t="s">
        <v>36266</v>
      </c>
      <c r="N4313" s="5" t="s">
        <v>38</v>
      </c>
      <c r="O4313" s="5" t="s">
        <v>39</v>
      </c>
      <c r="P4313" s="5" t="s">
        <v>40</v>
      </c>
      <c r="Q4313" s="5" t="s">
        <v>1522</v>
      </c>
      <c r="R4313" s="5" t="s">
        <v>1523</v>
      </c>
      <c r="S4313" s="5" t="s">
        <v>42</v>
      </c>
      <c r="T4313" s="2">
        <v>2.1760000000000002</v>
      </c>
      <c r="U4313" s="2">
        <v>1.72</v>
      </c>
      <c r="V4313" s="2">
        <v>0.01</v>
      </c>
      <c r="W4313" s="2">
        <v>76.900000000000006</v>
      </c>
      <c r="X4313" s="2">
        <v>7.6</v>
      </c>
      <c r="Y4313" s="2">
        <v>16.7</v>
      </c>
      <c r="Z4313" s="5"/>
      <c r="AA4313" s="5" t="s">
        <v>43</v>
      </c>
      <c r="AB4313" s="5" t="s">
        <v>44</v>
      </c>
      <c r="AC4313" s="2"/>
      <c r="AD4313" s="1"/>
    </row>
    <row r="4314" spans="1:30">
      <c r="A4314" s="5" t="s">
        <v>83578</v>
      </c>
      <c r="B4314" s="2" t="s">
        <v>96544</v>
      </c>
      <c r="C4314" s="14" t="s">
        <v>96545</v>
      </c>
      <c r="D4314" s="2" t="s">
        <v>96546</v>
      </c>
      <c r="E4314" s="2" t="s">
        <v>45598</v>
      </c>
      <c r="F4314" s="8">
        <v>268</v>
      </c>
      <c r="G4314" s="5">
        <v>6</v>
      </c>
      <c r="H4314" s="5" t="s">
        <v>1518</v>
      </c>
      <c r="I4314" s="5" t="s">
        <v>36264</v>
      </c>
      <c r="J4314" s="2" t="s">
        <v>36265</v>
      </c>
      <c r="K4314" s="5" t="s">
        <v>36264</v>
      </c>
      <c r="L4314" s="2" t="s">
        <v>36265</v>
      </c>
      <c r="M4314" s="5" t="s">
        <v>36266</v>
      </c>
      <c r="N4314" s="5" t="s">
        <v>38</v>
      </c>
      <c r="O4314" s="5" t="s">
        <v>39</v>
      </c>
      <c r="P4314" s="5" t="s">
        <v>40</v>
      </c>
      <c r="Q4314" s="5" t="s">
        <v>1522</v>
      </c>
      <c r="R4314" s="5" t="s">
        <v>1523</v>
      </c>
      <c r="S4314" s="5" t="s">
        <v>42</v>
      </c>
      <c r="T4314" s="2">
        <v>2.1179999999999999</v>
      </c>
      <c r="U4314" s="2">
        <v>1.6619999999999999</v>
      </c>
      <c r="V4314" s="2">
        <v>0.01</v>
      </c>
      <c r="W4314" s="2">
        <v>76.900000000000006</v>
      </c>
      <c r="X4314" s="2">
        <v>7.6</v>
      </c>
      <c r="Y4314" s="2">
        <v>16.7</v>
      </c>
      <c r="Z4314" s="5"/>
      <c r="AA4314" s="5" t="s">
        <v>43</v>
      </c>
      <c r="AB4314" s="5" t="s">
        <v>44</v>
      </c>
      <c r="AC4314" s="2"/>
      <c r="AD4314" s="1"/>
    </row>
    <row r="4315" spans="1:30">
      <c r="A4315" s="5" t="s">
        <v>83578</v>
      </c>
      <c r="B4315" s="2" t="s">
        <v>96547</v>
      </c>
      <c r="C4315" s="14" t="s">
        <v>96548</v>
      </c>
      <c r="D4315" s="2" t="s">
        <v>96549</v>
      </c>
      <c r="E4315" s="2" t="s">
        <v>7204</v>
      </c>
      <c r="F4315" s="8">
        <v>264</v>
      </c>
      <c r="G4315" s="5">
        <v>6</v>
      </c>
      <c r="H4315" s="5" t="s">
        <v>1518</v>
      </c>
      <c r="I4315" s="5" t="s">
        <v>36264</v>
      </c>
      <c r="J4315" s="2" t="s">
        <v>36265</v>
      </c>
      <c r="K4315" s="5" t="s">
        <v>36264</v>
      </c>
      <c r="L4315" s="2" t="s">
        <v>36265</v>
      </c>
      <c r="M4315" s="5" t="s">
        <v>36266</v>
      </c>
      <c r="N4315" s="5" t="s">
        <v>38</v>
      </c>
      <c r="O4315" s="5" t="s">
        <v>39</v>
      </c>
      <c r="P4315" s="5" t="s">
        <v>40</v>
      </c>
      <c r="Q4315" s="5" t="s">
        <v>1522</v>
      </c>
      <c r="R4315" s="5" t="s">
        <v>1523</v>
      </c>
      <c r="S4315" s="5" t="s">
        <v>42</v>
      </c>
      <c r="T4315" s="2">
        <v>2.3809999999999998</v>
      </c>
      <c r="U4315" s="2">
        <v>1.8169999999999999</v>
      </c>
      <c r="V4315" s="2">
        <v>1.2999999999999999E-2</v>
      </c>
      <c r="W4315" s="2">
        <v>99.1</v>
      </c>
      <c r="X4315" s="2">
        <v>7.6</v>
      </c>
      <c r="Y4315" s="2">
        <v>16.7</v>
      </c>
      <c r="Z4315" s="5"/>
      <c r="AA4315" s="5" t="s">
        <v>43</v>
      </c>
      <c r="AB4315" s="5" t="s">
        <v>44</v>
      </c>
      <c r="AC4315" s="2"/>
      <c r="AD4315" s="1"/>
    </row>
    <row r="4316" spans="1:30">
      <c r="A4316" s="5" t="s">
        <v>83578</v>
      </c>
      <c r="B4316" s="2" t="s">
        <v>96550</v>
      </c>
      <c r="C4316" s="14" t="s">
        <v>96551</v>
      </c>
      <c r="D4316" s="2" t="s">
        <v>96552</v>
      </c>
      <c r="E4316" s="2" t="s">
        <v>36273</v>
      </c>
      <c r="F4316" s="8">
        <v>264</v>
      </c>
      <c r="G4316" s="5">
        <v>6</v>
      </c>
      <c r="H4316" s="5" t="s">
        <v>1518</v>
      </c>
      <c r="I4316" s="5" t="s">
        <v>36264</v>
      </c>
      <c r="J4316" s="2" t="s">
        <v>36265</v>
      </c>
      <c r="K4316" s="5" t="s">
        <v>36264</v>
      </c>
      <c r="L4316" s="2" t="s">
        <v>36265</v>
      </c>
      <c r="M4316" s="5" t="s">
        <v>36266</v>
      </c>
      <c r="N4316" s="5" t="s">
        <v>38</v>
      </c>
      <c r="O4316" s="5" t="s">
        <v>39</v>
      </c>
      <c r="P4316" s="5" t="s">
        <v>40</v>
      </c>
      <c r="Q4316" s="5" t="s">
        <v>1522</v>
      </c>
      <c r="R4316" s="5" t="s">
        <v>1523</v>
      </c>
      <c r="S4316" s="5" t="s">
        <v>42</v>
      </c>
      <c r="T4316" s="2">
        <v>2.3809999999999998</v>
      </c>
      <c r="U4316" s="2">
        <v>1.8169999999999999</v>
      </c>
      <c r="V4316" s="2">
        <v>1.2999999999999999E-2</v>
      </c>
      <c r="W4316" s="2">
        <v>99.1</v>
      </c>
      <c r="X4316" s="2">
        <v>7.6</v>
      </c>
      <c r="Y4316" s="2">
        <v>16.7</v>
      </c>
      <c r="Z4316" s="5"/>
      <c r="AA4316" s="5" t="s">
        <v>43</v>
      </c>
      <c r="AB4316" s="5" t="s">
        <v>44</v>
      </c>
      <c r="AC4316" s="2"/>
      <c r="AD4316" s="1"/>
    </row>
    <row r="4317" spans="1:30">
      <c r="A4317" s="5" t="s">
        <v>83578</v>
      </c>
      <c r="B4317" s="2" t="s">
        <v>96553</v>
      </c>
      <c r="C4317" s="14" t="s">
        <v>96554</v>
      </c>
      <c r="D4317" s="2" t="s">
        <v>96555</v>
      </c>
      <c r="E4317" s="2" t="s">
        <v>36281</v>
      </c>
      <c r="F4317" s="8">
        <v>284</v>
      </c>
      <c r="G4317" s="5">
        <v>6</v>
      </c>
      <c r="H4317" s="5" t="s">
        <v>1518</v>
      </c>
      <c r="I4317" s="5" t="s">
        <v>36264</v>
      </c>
      <c r="J4317" s="2" t="s">
        <v>36265</v>
      </c>
      <c r="K4317" s="5" t="s">
        <v>36264</v>
      </c>
      <c r="L4317" s="2" t="s">
        <v>36265</v>
      </c>
      <c r="M4317" s="5" t="s">
        <v>36266</v>
      </c>
      <c r="N4317" s="5" t="s">
        <v>38</v>
      </c>
      <c r="O4317" s="5" t="s">
        <v>39</v>
      </c>
      <c r="P4317" s="5" t="s">
        <v>40</v>
      </c>
      <c r="Q4317" s="5" t="s">
        <v>1522</v>
      </c>
      <c r="R4317" s="5" t="s">
        <v>1523</v>
      </c>
      <c r="S4317" s="5" t="s">
        <v>42</v>
      </c>
      <c r="T4317" s="2">
        <v>2.3809999999999998</v>
      </c>
      <c r="U4317" s="2">
        <v>1.8169999999999999</v>
      </c>
      <c r="V4317" s="2">
        <v>1.2999999999999999E-2</v>
      </c>
      <c r="W4317" s="2">
        <v>99.1</v>
      </c>
      <c r="X4317" s="2">
        <v>7.6</v>
      </c>
      <c r="Y4317" s="2">
        <v>16.7</v>
      </c>
      <c r="Z4317" s="5"/>
      <c r="AA4317" s="5" t="s">
        <v>43</v>
      </c>
      <c r="AB4317" s="5" t="s">
        <v>44</v>
      </c>
      <c r="AC4317" s="2"/>
      <c r="AD4317" s="1"/>
    </row>
    <row r="4318" spans="1:30">
      <c r="A4318" s="5" t="s">
        <v>83578</v>
      </c>
      <c r="B4318" s="2" t="s">
        <v>96556</v>
      </c>
      <c r="C4318" s="14" t="s">
        <v>96557</v>
      </c>
      <c r="D4318" s="2" t="s">
        <v>96558</v>
      </c>
      <c r="E4318" s="2" t="s">
        <v>36285</v>
      </c>
      <c r="F4318" s="8">
        <v>284</v>
      </c>
      <c r="G4318" s="5">
        <v>6</v>
      </c>
      <c r="H4318" s="5" t="s">
        <v>1518</v>
      </c>
      <c r="I4318" s="5" t="s">
        <v>36264</v>
      </c>
      <c r="J4318" s="2" t="s">
        <v>36265</v>
      </c>
      <c r="K4318" s="5" t="s">
        <v>36264</v>
      </c>
      <c r="L4318" s="2" t="s">
        <v>36265</v>
      </c>
      <c r="M4318" s="5" t="s">
        <v>36266</v>
      </c>
      <c r="N4318" s="5" t="s">
        <v>38</v>
      </c>
      <c r="O4318" s="5" t="s">
        <v>39</v>
      </c>
      <c r="P4318" s="5" t="s">
        <v>40</v>
      </c>
      <c r="Q4318" s="5" t="s">
        <v>1522</v>
      </c>
      <c r="R4318" s="5" t="s">
        <v>1523</v>
      </c>
      <c r="S4318" s="5" t="s">
        <v>42</v>
      </c>
      <c r="T4318" s="2">
        <v>2.4500000000000002</v>
      </c>
      <c r="U4318" s="2">
        <v>1.8859999999999999</v>
      </c>
      <c r="V4318" s="2">
        <v>1.2999999999999999E-2</v>
      </c>
      <c r="W4318" s="2">
        <v>99.1</v>
      </c>
      <c r="X4318" s="2">
        <v>7.6</v>
      </c>
      <c r="Y4318" s="2">
        <v>16.7</v>
      </c>
      <c r="Z4318" s="5"/>
      <c r="AA4318" s="5" t="s">
        <v>43</v>
      </c>
      <c r="AB4318" s="5" t="s">
        <v>44</v>
      </c>
      <c r="AC4318" s="2"/>
      <c r="AD4318" s="1"/>
    </row>
    <row r="4319" spans="1:30">
      <c r="A4319" s="5" t="s">
        <v>83578</v>
      </c>
      <c r="B4319" s="2" t="s">
        <v>96559</v>
      </c>
      <c r="C4319" s="14" t="s">
        <v>96560</v>
      </c>
      <c r="D4319" s="2" t="s">
        <v>96561</v>
      </c>
      <c r="E4319" s="2" t="s">
        <v>36289</v>
      </c>
      <c r="F4319" s="8">
        <v>284</v>
      </c>
      <c r="G4319" s="5">
        <v>6</v>
      </c>
      <c r="H4319" s="5" t="s">
        <v>1518</v>
      </c>
      <c r="I4319" s="5" t="s">
        <v>36264</v>
      </c>
      <c r="J4319" s="2" t="s">
        <v>36265</v>
      </c>
      <c r="K4319" s="5" t="s">
        <v>36264</v>
      </c>
      <c r="L4319" s="2" t="s">
        <v>36265</v>
      </c>
      <c r="M4319" s="5" t="s">
        <v>36266</v>
      </c>
      <c r="N4319" s="5" t="s">
        <v>38</v>
      </c>
      <c r="O4319" s="5" t="s">
        <v>39</v>
      </c>
      <c r="P4319" s="5" t="s">
        <v>40</v>
      </c>
      <c r="Q4319" s="5" t="s">
        <v>1522</v>
      </c>
      <c r="R4319" s="5" t="s">
        <v>1523</v>
      </c>
      <c r="S4319" s="5" t="s">
        <v>42</v>
      </c>
      <c r="T4319" s="2">
        <v>2.3809999999999998</v>
      </c>
      <c r="U4319" s="2">
        <v>1.8169999999999999</v>
      </c>
      <c r="V4319" s="2">
        <v>1.2999999999999999E-2</v>
      </c>
      <c r="W4319" s="2">
        <v>99.1</v>
      </c>
      <c r="X4319" s="2">
        <v>7.6</v>
      </c>
      <c r="Y4319" s="2">
        <v>16.7</v>
      </c>
      <c r="Z4319" s="5"/>
      <c r="AA4319" s="5" t="s">
        <v>43</v>
      </c>
      <c r="AB4319" s="5" t="s">
        <v>44</v>
      </c>
      <c r="AC4319" s="2"/>
      <c r="AD4319" s="1"/>
    </row>
    <row r="4320" spans="1:30">
      <c r="A4320" s="5" t="s">
        <v>83578</v>
      </c>
      <c r="B4320" s="2" t="s">
        <v>96562</v>
      </c>
      <c r="C4320" s="14" t="s">
        <v>96563</v>
      </c>
      <c r="D4320" s="2" t="s">
        <v>96564</v>
      </c>
      <c r="E4320" s="2" t="s">
        <v>36305</v>
      </c>
      <c r="F4320" s="8">
        <v>264</v>
      </c>
      <c r="G4320" s="5">
        <v>6</v>
      </c>
      <c r="H4320" s="5" t="s">
        <v>1518</v>
      </c>
      <c r="I4320" s="5" t="s">
        <v>36264</v>
      </c>
      <c r="J4320" s="2" t="s">
        <v>36265</v>
      </c>
      <c r="K4320" s="5" t="s">
        <v>36264</v>
      </c>
      <c r="L4320" s="2" t="s">
        <v>36265</v>
      </c>
      <c r="M4320" s="5" t="s">
        <v>36266</v>
      </c>
      <c r="N4320" s="5" t="s">
        <v>38</v>
      </c>
      <c r="O4320" s="5" t="s">
        <v>39</v>
      </c>
      <c r="P4320" s="5" t="s">
        <v>40</v>
      </c>
      <c r="Q4320" s="5" t="s">
        <v>1522</v>
      </c>
      <c r="R4320" s="5" t="s">
        <v>1523</v>
      </c>
      <c r="S4320" s="5" t="s">
        <v>42</v>
      </c>
      <c r="T4320" s="2">
        <v>2.3809999999999998</v>
      </c>
      <c r="U4320" s="2">
        <v>1.8169999999999999</v>
      </c>
      <c r="V4320" s="2">
        <v>1.2999999999999999E-2</v>
      </c>
      <c r="W4320" s="2">
        <v>99.1</v>
      </c>
      <c r="X4320" s="2">
        <v>7.6</v>
      </c>
      <c r="Y4320" s="2">
        <v>16.7</v>
      </c>
      <c r="Z4320" s="5"/>
      <c r="AA4320" s="5" t="s">
        <v>43</v>
      </c>
      <c r="AB4320" s="5" t="s">
        <v>44</v>
      </c>
      <c r="AC4320" s="2"/>
      <c r="AD4320" s="1"/>
    </row>
    <row r="4321" spans="1:30">
      <c r="A4321" s="5" t="s">
        <v>83578</v>
      </c>
      <c r="B4321" s="2" t="s">
        <v>96565</v>
      </c>
      <c r="C4321" s="14" t="s">
        <v>96566</v>
      </c>
      <c r="D4321" s="2" t="s">
        <v>96567</v>
      </c>
      <c r="E4321" s="2" t="s">
        <v>36309</v>
      </c>
      <c r="F4321" s="8">
        <v>264</v>
      </c>
      <c r="G4321" s="5">
        <v>6</v>
      </c>
      <c r="H4321" s="5" t="s">
        <v>1518</v>
      </c>
      <c r="I4321" s="5" t="s">
        <v>36264</v>
      </c>
      <c r="J4321" s="2" t="s">
        <v>36265</v>
      </c>
      <c r="K4321" s="5" t="s">
        <v>36264</v>
      </c>
      <c r="L4321" s="2" t="s">
        <v>36265</v>
      </c>
      <c r="M4321" s="5" t="s">
        <v>36266</v>
      </c>
      <c r="N4321" s="5" t="s">
        <v>38</v>
      </c>
      <c r="O4321" s="5" t="s">
        <v>39</v>
      </c>
      <c r="P4321" s="5" t="s">
        <v>40</v>
      </c>
      <c r="Q4321" s="5" t="s">
        <v>1522</v>
      </c>
      <c r="R4321" s="5" t="s">
        <v>1523</v>
      </c>
      <c r="S4321" s="5" t="s">
        <v>42</v>
      </c>
      <c r="T4321" s="2">
        <v>2.4500000000000002</v>
      </c>
      <c r="U4321" s="2">
        <v>1.8859999999999999</v>
      </c>
      <c r="V4321" s="2">
        <v>1.2999999999999999E-2</v>
      </c>
      <c r="W4321" s="2">
        <v>99.1</v>
      </c>
      <c r="X4321" s="2">
        <v>7.6</v>
      </c>
      <c r="Y4321" s="2">
        <v>16.7</v>
      </c>
      <c r="Z4321" s="5"/>
      <c r="AA4321" s="5" t="s">
        <v>43</v>
      </c>
      <c r="AB4321" s="5" t="s">
        <v>44</v>
      </c>
      <c r="AC4321" s="2"/>
      <c r="AD4321" s="1"/>
    </row>
    <row r="4322" spans="1:30">
      <c r="A4322" s="5" t="s">
        <v>83578</v>
      </c>
      <c r="B4322" s="2" t="s">
        <v>96568</v>
      </c>
      <c r="C4322" s="14" t="s">
        <v>96569</v>
      </c>
      <c r="D4322" s="2" t="s">
        <v>96570</v>
      </c>
      <c r="E4322" s="2" t="s">
        <v>36313</v>
      </c>
      <c r="F4322" s="8">
        <v>284</v>
      </c>
      <c r="G4322" s="5">
        <v>6</v>
      </c>
      <c r="H4322" s="5" t="s">
        <v>1518</v>
      </c>
      <c r="I4322" s="5" t="s">
        <v>36264</v>
      </c>
      <c r="J4322" s="2" t="s">
        <v>36265</v>
      </c>
      <c r="K4322" s="5" t="s">
        <v>36264</v>
      </c>
      <c r="L4322" s="2" t="s">
        <v>36265</v>
      </c>
      <c r="M4322" s="5" t="s">
        <v>36266</v>
      </c>
      <c r="N4322" s="5" t="s">
        <v>38</v>
      </c>
      <c r="O4322" s="5" t="s">
        <v>39</v>
      </c>
      <c r="P4322" s="5" t="s">
        <v>40</v>
      </c>
      <c r="Q4322" s="5" t="s">
        <v>1522</v>
      </c>
      <c r="R4322" s="5" t="s">
        <v>1523</v>
      </c>
      <c r="S4322" s="5" t="s">
        <v>42</v>
      </c>
      <c r="T4322" s="2">
        <v>2.3809999999999998</v>
      </c>
      <c r="U4322" s="2">
        <v>1.8169999999999999</v>
      </c>
      <c r="V4322" s="2">
        <v>1.2999999999999999E-2</v>
      </c>
      <c r="W4322" s="2">
        <v>99.1</v>
      </c>
      <c r="X4322" s="2">
        <v>7.6</v>
      </c>
      <c r="Y4322" s="2">
        <v>16.7</v>
      </c>
      <c r="Z4322" s="5"/>
      <c r="AA4322" s="5" t="s">
        <v>43</v>
      </c>
      <c r="AB4322" s="5" t="s">
        <v>44</v>
      </c>
      <c r="AC4322" s="2"/>
      <c r="AD4322" s="1"/>
    </row>
    <row r="4323" spans="1:30">
      <c r="A4323" s="5" t="s">
        <v>83578</v>
      </c>
      <c r="B4323" s="2" t="s">
        <v>96571</v>
      </c>
      <c r="C4323" s="14" t="s">
        <v>96572</v>
      </c>
      <c r="D4323" s="2" t="s">
        <v>96573</v>
      </c>
      <c r="E4323" s="2" t="s">
        <v>36317</v>
      </c>
      <c r="F4323" s="8">
        <v>284</v>
      </c>
      <c r="G4323" s="5">
        <v>6</v>
      </c>
      <c r="H4323" s="5" t="s">
        <v>1518</v>
      </c>
      <c r="I4323" s="5" t="s">
        <v>36264</v>
      </c>
      <c r="J4323" s="2" t="s">
        <v>36265</v>
      </c>
      <c r="K4323" s="5" t="s">
        <v>36264</v>
      </c>
      <c r="L4323" s="2" t="s">
        <v>36265</v>
      </c>
      <c r="M4323" s="5" t="s">
        <v>36266</v>
      </c>
      <c r="N4323" s="5" t="s">
        <v>38</v>
      </c>
      <c r="O4323" s="5" t="s">
        <v>39</v>
      </c>
      <c r="P4323" s="5" t="s">
        <v>40</v>
      </c>
      <c r="Q4323" s="5" t="s">
        <v>1522</v>
      </c>
      <c r="R4323" s="5" t="s">
        <v>1523</v>
      </c>
      <c r="S4323" s="5" t="s">
        <v>42</v>
      </c>
      <c r="T4323" s="2">
        <v>2.4500000000000002</v>
      </c>
      <c r="U4323" s="2">
        <v>1.8859999999999999</v>
      </c>
      <c r="V4323" s="2">
        <v>1.2999999999999999E-2</v>
      </c>
      <c r="W4323" s="2">
        <v>99.1</v>
      </c>
      <c r="X4323" s="2">
        <v>7.6</v>
      </c>
      <c r="Y4323" s="2">
        <v>16.7</v>
      </c>
      <c r="Z4323" s="5"/>
      <c r="AA4323" s="5" t="s">
        <v>43</v>
      </c>
      <c r="AB4323" s="5" t="s">
        <v>44</v>
      </c>
      <c r="AC4323" s="2"/>
      <c r="AD4323" s="1"/>
    </row>
    <row r="4324" spans="1:30">
      <c r="A4324" s="5" t="s">
        <v>83578</v>
      </c>
      <c r="B4324" s="2" t="s">
        <v>96574</v>
      </c>
      <c r="C4324" s="14" t="s">
        <v>96575</v>
      </c>
      <c r="D4324" s="2" t="s">
        <v>96576</v>
      </c>
      <c r="E4324" s="2" t="s">
        <v>36321</v>
      </c>
      <c r="F4324" s="8">
        <v>284</v>
      </c>
      <c r="G4324" s="5">
        <v>6</v>
      </c>
      <c r="H4324" s="5" t="s">
        <v>1518</v>
      </c>
      <c r="I4324" s="5" t="s">
        <v>36264</v>
      </c>
      <c r="J4324" s="2" t="s">
        <v>36265</v>
      </c>
      <c r="K4324" s="5" t="s">
        <v>36264</v>
      </c>
      <c r="L4324" s="2" t="s">
        <v>36265</v>
      </c>
      <c r="M4324" s="5" t="s">
        <v>36266</v>
      </c>
      <c r="N4324" s="5" t="s">
        <v>38</v>
      </c>
      <c r="O4324" s="5" t="s">
        <v>39</v>
      </c>
      <c r="P4324" s="5" t="s">
        <v>40</v>
      </c>
      <c r="Q4324" s="5" t="s">
        <v>1522</v>
      </c>
      <c r="R4324" s="5" t="s">
        <v>1523</v>
      </c>
      <c r="S4324" s="5" t="s">
        <v>42</v>
      </c>
      <c r="T4324" s="2">
        <v>2.3809999999999998</v>
      </c>
      <c r="U4324" s="2">
        <v>1.8169999999999999</v>
      </c>
      <c r="V4324" s="2">
        <v>1.2999999999999999E-2</v>
      </c>
      <c r="W4324" s="2">
        <v>99.1</v>
      </c>
      <c r="X4324" s="2">
        <v>7.6</v>
      </c>
      <c r="Y4324" s="2">
        <v>16.7</v>
      </c>
      <c r="Z4324" s="5"/>
      <c r="AA4324" s="5" t="s">
        <v>43</v>
      </c>
      <c r="AB4324" s="5" t="s">
        <v>44</v>
      </c>
      <c r="AC4324" s="2"/>
      <c r="AD4324" s="1"/>
    </row>
    <row r="4325" spans="1:30">
      <c r="A4325" s="5" t="s">
        <v>83578</v>
      </c>
      <c r="B4325" s="2" t="s">
        <v>96577</v>
      </c>
      <c r="C4325" s="14" t="s">
        <v>96578</v>
      </c>
      <c r="D4325" s="2" t="s">
        <v>96579</v>
      </c>
      <c r="E4325" s="2" t="s">
        <v>36325</v>
      </c>
      <c r="F4325" s="8">
        <v>284</v>
      </c>
      <c r="G4325" s="5">
        <v>6</v>
      </c>
      <c r="H4325" s="5" t="s">
        <v>1518</v>
      </c>
      <c r="I4325" s="5" t="s">
        <v>36264</v>
      </c>
      <c r="J4325" s="2" t="s">
        <v>36265</v>
      </c>
      <c r="K4325" s="5" t="s">
        <v>36264</v>
      </c>
      <c r="L4325" s="2" t="s">
        <v>36265</v>
      </c>
      <c r="M4325" s="5" t="s">
        <v>36266</v>
      </c>
      <c r="N4325" s="5" t="s">
        <v>38</v>
      </c>
      <c r="O4325" s="5" t="s">
        <v>39</v>
      </c>
      <c r="P4325" s="5" t="s">
        <v>40</v>
      </c>
      <c r="Q4325" s="5" t="s">
        <v>1522</v>
      </c>
      <c r="R4325" s="5" t="s">
        <v>1523</v>
      </c>
      <c r="S4325" s="5" t="s">
        <v>42</v>
      </c>
      <c r="T4325" s="2">
        <v>2.4500000000000002</v>
      </c>
      <c r="U4325" s="2">
        <v>1.8859999999999999</v>
      </c>
      <c r="V4325" s="2">
        <v>1.2999999999999999E-2</v>
      </c>
      <c r="W4325" s="2">
        <v>99.1</v>
      </c>
      <c r="X4325" s="2">
        <v>7.6</v>
      </c>
      <c r="Y4325" s="2">
        <v>16.7</v>
      </c>
      <c r="Z4325" s="5"/>
      <c r="AA4325" s="5" t="s">
        <v>43</v>
      </c>
      <c r="AB4325" s="5" t="s">
        <v>44</v>
      </c>
      <c r="AC4325" s="2"/>
      <c r="AD4325" s="1"/>
    </row>
    <row r="4326" spans="1:30">
      <c r="A4326" s="5" t="s">
        <v>83578</v>
      </c>
      <c r="B4326" s="2" t="s">
        <v>96580</v>
      </c>
      <c r="C4326" s="14" t="s">
        <v>96581</v>
      </c>
      <c r="D4326" s="2" t="s">
        <v>96582</v>
      </c>
      <c r="E4326" s="2" t="s">
        <v>36337</v>
      </c>
      <c r="F4326" s="8">
        <v>284</v>
      </c>
      <c r="G4326" s="5">
        <v>6</v>
      </c>
      <c r="H4326" s="5" t="s">
        <v>1518</v>
      </c>
      <c r="I4326" s="5" t="s">
        <v>36264</v>
      </c>
      <c r="J4326" s="2" t="s">
        <v>36265</v>
      </c>
      <c r="K4326" s="5" t="s">
        <v>36264</v>
      </c>
      <c r="L4326" s="2" t="s">
        <v>36265</v>
      </c>
      <c r="M4326" s="5" t="s">
        <v>36266</v>
      </c>
      <c r="N4326" s="5" t="s">
        <v>38</v>
      </c>
      <c r="O4326" s="5" t="s">
        <v>39</v>
      </c>
      <c r="P4326" s="5" t="s">
        <v>40</v>
      </c>
      <c r="Q4326" s="5" t="s">
        <v>1522</v>
      </c>
      <c r="R4326" s="5" t="s">
        <v>1523</v>
      </c>
      <c r="S4326" s="5" t="s">
        <v>42</v>
      </c>
      <c r="T4326" s="2">
        <v>2.3809999999999998</v>
      </c>
      <c r="U4326" s="2">
        <v>1.8169999999999999</v>
      </c>
      <c r="V4326" s="2">
        <v>1.2999999999999999E-2</v>
      </c>
      <c r="W4326" s="2">
        <v>99.1</v>
      </c>
      <c r="X4326" s="2">
        <v>7.6</v>
      </c>
      <c r="Y4326" s="2">
        <v>16.7</v>
      </c>
      <c r="Z4326" s="5"/>
      <c r="AA4326" s="5" t="s">
        <v>43</v>
      </c>
      <c r="AB4326" s="5" t="s">
        <v>44</v>
      </c>
      <c r="AC4326" s="2"/>
      <c r="AD4326" s="1"/>
    </row>
    <row r="4327" spans="1:30">
      <c r="A4327" s="5" t="s">
        <v>83578</v>
      </c>
      <c r="B4327" s="2" t="s">
        <v>96583</v>
      </c>
      <c r="C4327" s="14" t="s">
        <v>96584</v>
      </c>
      <c r="D4327" s="2" t="s">
        <v>96585</v>
      </c>
      <c r="E4327" s="2" t="s">
        <v>36341</v>
      </c>
      <c r="F4327" s="8">
        <v>284</v>
      </c>
      <c r="G4327" s="5">
        <v>6</v>
      </c>
      <c r="H4327" s="5" t="s">
        <v>1518</v>
      </c>
      <c r="I4327" s="5" t="s">
        <v>36264</v>
      </c>
      <c r="J4327" s="2" t="s">
        <v>36265</v>
      </c>
      <c r="K4327" s="5" t="s">
        <v>36264</v>
      </c>
      <c r="L4327" s="2" t="s">
        <v>36265</v>
      </c>
      <c r="M4327" s="5" t="s">
        <v>36266</v>
      </c>
      <c r="N4327" s="5" t="s">
        <v>38</v>
      </c>
      <c r="O4327" s="5" t="s">
        <v>39</v>
      </c>
      <c r="P4327" s="5" t="s">
        <v>40</v>
      </c>
      <c r="Q4327" s="5" t="s">
        <v>1522</v>
      </c>
      <c r="R4327" s="5" t="s">
        <v>1523</v>
      </c>
      <c r="S4327" s="5" t="s">
        <v>42</v>
      </c>
      <c r="T4327" s="2">
        <v>2.4500000000000002</v>
      </c>
      <c r="U4327" s="2">
        <v>1.8859999999999999</v>
      </c>
      <c r="V4327" s="2">
        <v>1.2999999999999999E-2</v>
      </c>
      <c r="W4327" s="2">
        <v>99.1</v>
      </c>
      <c r="X4327" s="2">
        <v>7.6</v>
      </c>
      <c r="Y4327" s="2">
        <v>16.7</v>
      </c>
      <c r="Z4327" s="5"/>
      <c r="AA4327" s="5" t="s">
        <v>43</v>
      </c>
      <c r="AB4327" s="5" t="s">
        <v>44</v>
      </c>
      <c r="AC4327" s="2"/>
      <c r="AD4327" s="1"/>
    </row>
    <row r="4328" spans="1:30">
      <c r="A4328" s="5" t="s">
        <v>83578</v>
      </c>
      <c r="B4328" s="2" t="s">
        <v>96586</v>
      </c>
      <c r="C4328" s="14" t="s">
        <v>96587</v>
      </c>
      <c r="D4328" s="2" t="s">
        <v>96588</v>
      </c>
      <c r="E4328" s="2" t="s">
        <v>36345</v>
      </c>
      <c r="F4328" s="8">
        <v>284</v>
      </c>
      <c r="G4328" s="5">
        <v>6</v>
      </c>
      <c r="H4328" s="5" t="s">
        <v>1518</v>
      </c>
      <c r="I4328" s="5" t="s">
        <v>36264</v>
      </c>
      <c r="J4328" s="2" t="s">
        <v>36265</v>
      </c>
      <c r="K4328" s="5" t="s">
        <v>36264</v>
      </c>
      <c r="L4328" s="2" t="s">
        <v>36265</v>
      </c>
      <c r="M4328" s="5" t="s">
        <v>36266</v>
      </c>
      <c r="N4328" s="5" t="s">
        <v>38</v>
      </c>
      <c r="O4328" s="5" t="s">
        <v>39</v>
      </c>
      <c r="P4328" s="5" t="s">
        <v>40</v>
      </c>
      <c r="Q4328" s="5" t="s">
        <v>1522</v>
      </c>
      <c r="R4328" s="5" t="s">
        <v>1523</v>
      </c>
      <c r="S4328" s="5" t="s">
        <v>42</v>
      </c>
      <c r="T4328" s="2">
        <v>2.3809999999999998</v>
      </c>
      <c r="U4328" s="2">
        <v>1.8169999999999999</v>
      </c>
      <c r="V4328" s="2">
        <v>1.2999999999999999E-2</v>
      </c>
      <c r="W4328" s="2">
        <v>99.1</v>
      </c>
      <c r="X4328" s="2">
        <v>7.6</v>
      </c>
      <c r="Y4328" s="2">
        <v>16.7</v>
      </c>
      <c r="Z4328" s="5"/>
      <c r="AA4328" s="5" t="s">
        <v>43</v>
      </c>
      <c r="AB4328" s="5" t="s">
        <v>44</v>
      </c>
      <c r="AC4328" s="2"/>
      <c r="AD4328" s="1"/>
    </row>
    <row r="4329" spans="1:30">
      <c r="A4329" s="5" t="s">
        <v>83578</v>
      </c>
      <c r="B4329" s="2" t="s">
        <v>96589</v>
      </c>
      <c r="C4329" s="14" t="s">
        <v>96590</v>
      </c>
      <c r="D4329" s="2" t="s">
        <v>96591</v>
      </c>
      <c r="E4329" s="2" t="s">
        <v>36353</v>
      </c>
      <c r="F4329" s="8">
        <v>284</v>
      </c>
      <c r="G4329" s="5">
        <v>6</v>
      </c>
      <c r="H4329" s="5" t="s">
        <v>1518</v>
      </c>
      <c r="I4329" s="5" t="s">
        <v>36264</v>
      </c>
      <c r="J4329" s="2" t="s">
        <v>36265</v>
      </c>
      <c r="K4329" s="5" t="s">
        <v>36264</v>
      </c>
      <c r="L4329" s="2" t="s">
        <v>36265</v>
      </c>
      <c r="M4329" s="5" t="s">
        <v>36266</v>
      </c>
      <c r="N4329" s="5" t="s">
        <v>38</v>
      </c>
      <c r="O4329" s="5" t="s">
        <v>39</v>
      </c>
      <c r="P4329" s="5" t="s">
        <v>40</v>
      </c>
      <c r="Q4329" s="5" t="s">
        <v>1522</v>
      </c>
      <c r="R4329" s="5" t="s">
        <v>1523</v>
      </c>
      <c r="S4329" s="5" t="s">
        <v>42</v>
      </c>
      <c r="T4329" s="2">
        <v>2.3809999999999998</v>
      </c>
      <c r="U4329" s="2">
        <v>1.8169999999999999</v>
      </c>
      <c r="V4329" s="2">
        <v>1.2999999999999999E-2</v>
      </c>
      <c r="W4329" s="2">
        <v>99.1</v>
      </c>
      <c r="X4329" s="2">
        <v>7.6</v>
      </c>
      <c r="Y4329" s="2">
        <v>16.7</v>
      </c>
      <c r="Z4329" s="5"/>
      <c r="AA4329" s="5" t="s">
        <v>43</v>
      </c>
      <c r="AB4329" s="5" t="s">
        <v>44</v>
      </c>
      <c r="AC4329" s="2"/>
      <c r="AD4329" s="1"/>
    </row>
    <row r="4330" spans="1:30">
      <c r="A4330" s="5" t="s">
        <v>83578</v>
      </c>
      <c r="B4330" s="2" t="s">
        <v>96592</v>
      </c>
      <c r="C4330" s="14" t="s">
        <v>96593</v>
      </c>
      <c r="D4330" s="2" t="s">
        <v>96594</v>
      </c>
      <c r="E4330" s="2" t="s">
        <v>36357</v>
      </c>
      <c r="F4330" s="8">
        <v>284</v>
      </c>
      <c r="G4330" s="5">
        <v>6</v>
      </c>
      <c r="H4330" s="5" t="s">
        <v>1518</v>
      </c>
      <c r="I4330" s="5" t="s">
        <v>36264</v>
      </c>
      <c r="J4330" s="2" t="s">
        <v>36265</v>
      </c>
      <c r="K4330" s="5" t="s">
        <v>36264</v>
      </c>
      <c r="L4330" s="2" t="s">
        <v>36265</v>
      </c>
      <c r="M4330" s="5" t="s">
        <v>36266</v>
      </c>
      <c r="N4330" s="5" t="s">
        <v>38</v>
      </c>
      <c r="O4330" s="5" t="s">
        <v>39</v>
      </c>
      <c r="P4330" s="5" t="s">
        <v>40</v>
      </c>
      <c r="Q4330" s="5" t="s">
        <v>1522</v>
      </c>
      <c r="R4330" s="5" t="s">
        <v>1523</v>
      </c>
      <c r="S4330" s="5" t="s">
        <v>42</v>
      </c>
      <c r="T4330" s="2">
        <v>2.4500000000000002</v>
      </c>
      <c r="U4330" s="2">
        <v>1.8859999999999999</v>
      </c>
      <c r="V4330" s="2">
        <v>1.2999999999999999E-2</v>
      </c>
      <c r="W4330" s="2">
        <v>99.1</v>
      </c>
      <c r="X4330" s="2">
        <v>7.6</v>
      </c>
      <c r="Y4330" s="2">
        <v>16.7</v>
      </c>
      <c r="Z4330" s="5"/>
      <c r="AA4330" s="5" t="s">
        <v>43</v>
      </c>
      <c r="AB4330" s="5" t="s">
        <v>44</v>
      </c>
      <c r="AC4330" s="2"/>
      <c r="AD4330" s="1"/>
    </row>
    <row r="4331" spans="1:30">
      <c r="A4331" s="5" t="s">
        <v>83578</v>
      </c>
      <c r="B4331" s="2" t="s">
        <v>96595</v>
      </c>
      <c r="C4331" s="14" t="s">
        <v>96596</v>
      </c>
      <c r="D4331" s="2" t="s">
        <v>96597</v>
      </c>
      <c r="E4331" s="2" t="s">
        <v>45598</v>
      </c>
      <c r="F4331" s="8">
        <v>284</v>
      </c>
      <c r="G4331" s="5">
        <v>6</v>
      </c>
      <c r="H4331" s="5" t="s">
        <v>1518</v>
      </c>
      <c r="I4331" s="5" t="s">
        <v>36264</v>
      </c>
      <c r="J4331" s="2" t="s">
        <v>36265</v>
      </c>
      <c r="K4331" s="5" t="s">
        <v>36264</v>
      </c>
      <c r="L4331" s="2" t="s">
        <v>36265</v>
      </c>
      <c r="M4331" s="5" t="s">
        <v>36266</v>
      </c>
      <c r="N4331" s="5" t="s">
        <v>38</v>
      </c>
      <c r="O4331" s="5" t="s">
        <v>39</v>
      </c>
      <c r="P4331" s="5" t="s">
        <v>40</v>
      </c>
      <c r="Q4331" s="5" t="s">
        <v>1522</v>
      </c>
      <c r="R4331" s="5" t="s">
        <v>1523</v>
      </c>
      <c r="S4331" s="5" t="s">
        <v>42</v>
      </c>
      <c r="T4331" s="2">
        <v>2.3809999999999998</v>
      </c>
      <c r="U4331" s="2">
        <v>1.8169999999999999</v>
      </c>
      <c r="V4331" s="2">
        <v>1.2999999999999999E-2</v>
      </c>
      <c r="W4331" s="2">
        <v>99.1</v>
      </c>
      <c r="X4331" s="2">
        <v>7.6</v>
      </c>
      <c r="Y4331" s="2">
        <v>16.7</v>
      </c>
      <c r="Z4331" s="5"/>
      <c r="AA4331" s="5" t="s">
        <v>43</v>
      </c>
      <c r="AB4331" s="5" t="s">
        <v>44</v>
      </c>
      <c r="AC4331" s="2"/>
      <c r="AD4331" s="1"/>
    </row>
    <row r="4332" spans="1:30">
      <c r="A4332" s="5" t="s">
        <v>83578</v>
      </c>
      <c r="B4332" s="2" t="s">
        <v>96598</v>
      </c>
      <c r="C4332" s="14" t="s">
        <v>96599</v>
      </c>
      <c r="D4332" s="2" t="s">
        <v>96600</v>
      </c>
      <c r="E4332" s="2" t="s">
        <v>45534</v>
      </c>
      <c r="F4332" s="8">
        <v>284</v>
      </c>
      <c r="G4332" s="5">
        <v>6</v>
      </c>
      <c r="H4332" s="5" t="s">
        <v>1518</v>
      </c>
      <c r="I4332" s="5" t="s">
        <v>36264</v>
      </c>
      <c r="J4332" s="2" t="s">
        <v>36265</v>
      </c>
      <c r="K4332" s="5" t="s">
        <v>36264</v>
      </c>
      <c r="L4332" s="2" t="s">
        <v>36265</v>
      </c>
      <c r="M4332" s="5" t="s">
        <v>36266</v>
      </c>
      <c r="N4332" s="5" t="s">
        <v>38</v>
      </c>
      <c r="O4332" s="5" t="s">
        <v>39</v>
      </c>
      <c r="P4332" s="5" t="s">
        <v>40</v>
      </c>
      <c r="Q4332" s="5" t="s">
        <v>1522</v>
      </c>
      <c r="R4332" s="5" t="s">
        <v>1523</v>
      </c>
      <c r="S4332" s="5" t="s">
        <v>42</v>
      </c>
      <c r="T4332" s="2">
        <v>2.4500000000000002</v>
      </c>
      <c r="U4332" s="2">
        <v>1.8859999999999999</v>
      </c>
      <c r="V4332" s="2">
        <v>1.2999999999999999E-2</v>
      </c>
      <c r="W4332" s="2">
        <v>99.1</v>
      </c>
      <c r="X4332" s="2">
        <v>7.6</v>
      </c>
      <c r="Y4332" s="2">
        <v>16.7</v>
      </c>
      <c r="Z4332" s="5"/>
      <c r="AA4332" s="5" t="s">
        <v>43</v>
      </c>
      <c r="AB4332" s="5" t="s">
        <v>44</v>
      </c>
      <c r="AC4332" s="2"/>
      <c r="AD4332" s="1"/>
    </row>
    <row r="4333" spans="1:30">
      <c r="A4333" s="5" t="s">
        <v>83578</v>
      </c>
      <c r="B4333" s="2" t="s">
        <v>96601</v>
      </c>
      <c r="C4333" s="14" t="s">
        <v>96602</v>
      </c>
      <c r="D4333" s="2" t="s">
        <v>96603</v>
      </c>
      <c r="E4333" s="2" t="s">
        <v>36369</v>
      </c>
      <c r="F4333" s="8">
        <v>284</v>
      </c>
      <c r="G4333" s="5">
        <v>6</v>
      </c>
      <c r="H4333" s="5" t="s">
        <v>1518</v>
      </c>
      <c r="I4333" s="5" t="s">
        <v>36264</v>
      </c>
      <c r="J4333" s="2" t="s">
        <v>36265</v>
      </c>
      <c r="K4333" s="5" t="s">
        <v>36264</v>
      </c>
      <c r="L4333" s="2" t="s">
        <v>36265</v>
      </c>
      <c r="M4333" s="5" t="s">
        <v>36266</v>
      </c>
      <c r="N4333" s="5" t="s">
        <v>38</v>
      </c>
      <c r="O4333" s="5" t="s">
        <v>39</v>
      </c>
      <c r="P4333" s="5" t="s">
        <v>40</v>
      </c>
      <c r="Q4333" s="5" t="s">
        <v>1522</v>
      </c>
      <c r="R4333" s="5" t="s">
        <v>1523</v>
      </c>
      <c r="S4333" s="5" t="s">
        <v>42</v>
      </c>
      <c r="T4333" s="2">
        <v>2.3809999999999998</v>
      </c>
      <c r="U4333" s="2">
        <v>1.8169999999999999</v>
      </c>
      <c r="V4333" s="2">
        <v>1.2999999999999999E-2</v>
      </c>
      <c r="W4333" s="2">
        <v>99.1</v>
      </c>
      <c r="X4333" s="2">
        <v>7.6</v>
      </c>
      <c r="Y4333" s="2">
        <v>16.7</v>
      </c>
      <c r="Z4333" s="5"/>
      <c r="AA4333" s="5" t="s">
        <v>43</v>
      </c>
      <c r="AB4333" s="5" t="s">
        <v>44</v>
      </c>
      <c r="AC4333" s="2"/>
      <c r="AD4333" s="1"/>
    </row>
    <row r="4334" spans="1:30">
      <c r="A4334" s="5" t="s">
        <v>83578</v>
      </c>
      <c r="B4334" s="2" t="s">
        <v>96604</v>
      </c>
      <c r="C4334" s="14" t="s">
        <v>96605</v>
      </c>
      <c r="D4334" s="2" t="s">
        <v>96606</v>
      </c>
      <c r="E4334" s="2" t="s">
        <v>36373</v>
      </c>
      <c r="F4334" s="8">
        <v>284</v>
      </c>
      <c r="G4334" s="5">
        <v>6</v>
      </c>
      <c r="H4334" s="5" t="s">
        <v>1518</v>
      </c>
      <c r="I4334" s="5" t="s">
        <v>36264</v>
      </c>
      <c r="J4334" s="2" t="s">
        <v>36265</v>
      </c>
      <c r="K4334" s="5" t="s">
        <v>36264</v>
      </c>
      <c r="L4334" s="2" t="s">
        <v>36265</v>
      </c>
      <c r="M4334" s="5" t="s">
        <v>36266</v>
      </c>
      <c r="N4334" s="5" t="s">
        <v>38</v>
      </c>
      <c r="O4334" s="5" t="s">
        <v>39</v>
      </c>
      <c r="P4334" s="5" t="s">
        <v>40</v>
      </c>
      <c r="Q4334" s="5" t="s">
        <v>1522</v>
      </c>
      <c r="R4334" s="5" t="s">
        <v>1523</v>
      </c>
      <c r="S4334" s="5" t="s">
        <v>42</v>
      </c>
      <c r="T4334" s="2">
        <v>2.4500000000000002</v>
      </c>
      <c r="U4334" s="2">
        <v>1.8859999999999999</v>
      </c>
      <c r="V4334" s="2">
        <v>1.2999999999999999E-2</v>
      </c>
      <c r="W4334" s="2">
        <v>99.1</v>
      </c>
      <c r="X4334" s="2">
        <v>7.6</v>
      </c>
      <c r="Y4334" s="2">
        <v>16.7</v>
      </c>
      <c r="Z4334" s="5"/>
      <c r="AA4334" s="5" t="s">
        <v>43</v>
      </c>
      <c r="AB4334" s="5" t="s">
        <v>44</v>
      </c>
      <c r="AC4334" s="2"/>
      <c r="AD4334" s="1"/>
    </row>
    <row r="4335" spans="1:30">
      <c r="A4335" s="5" t="s">
        <v>83578</v>
      </c>
      <c r="B4335" s="2" t="s">
        <v>96607</v>
      </c>
      <c r="C4335" s="14" t="s">
        <v>96608</v>
      </c>
      <c r="D4335" s="2" t="s">
        <v>96609</v>
      </c>
      <c r="E4335" s="2" t="s">
        <v>36377</v>
      </c>
      <c r="F4335" s="8">
        <v>284</v>
      </c>
      <c r="G4335" s="5">
        <v>6</v>
      </c>
      <c r="H4335" s="5" t="s">
        <v>1518</v>
      </c>
      <c r="I4335" s="5" t="s">
        <v>36264</v>
      </c>
      <c r="J4335" s="2" t="s">
        <v>36265</v>
      </c>
      <c r="K4335" s="5" t="s">
        <v>36264</v>
      </c>
      <c r="L4335" s="2" t="s">
        <v>36265</v>
      </c>
      <c r="M4335" s="5" t="s">
        <v>36266</v>
      </c>
      <c r="N4335" s="5" t="s">
        <v>38</v>
      </c>
      <c r="O4335" s="5" t="s">
        <v>39</v>
      </c>
      <c r="P4335" s="5" t="s">
        <v>40</v>
      </c>
      <c r="Q4335" s="5" t="s">
        <v>1522</v>
      </c>
      <c r="R4335" s="5" t="s">
        <v>1523</v>
      </c>
      <c r="S4335" s="5" t="s">
        <v>42</v>
      </c>
      <c r="T4335" s="2">
        <v>2.3809999999999998</v>
      </c>
      <c r="U4335" s="2">
        <v>1.8169999999999999</v>
      </c>
      <c r="V4335" s="2">
        <v>1.2999999999999999E-2</v>
      </c>
      <c r="W4335" s="2">
        <v>99.1</v>
      </c>
      <c r="X4335" s="2">
        <v>7.6</v>
      </c>
      <c r="Y4335" s="2">
        <v>16.7</v>
      </c>
      <c r="Z4335" s="5"/>
      <c r="AA4335" s="5" t="s">
        <v>43</v>
      </c>
      <c r="AB4335" s="5" t="s">
        <v>44</v>
      </c>
      <c r="AC4335" s="2"/>
      <c r="AD4335" s="1"/>
    </row>
    <row r="4336" spans="1:30">
      <c r="A4336" s="5" t="s">
        <v>83578</v>
      </c>
      <c r="B4336" s="2" t="s">
        <v>96610</v>
      </c>
      <c r="C4336" s="14" t="s">
        <v>96611</v>
      </c>
      <c r="D4336" s="2" t="s">
        <v>96612</v>
      </c>
      <c r="E4336" s="2" t="s">
        <v>36385</v>
      </c>
      <c r="F4336" s="8">
        <v>284</v>
      </c>
      <c r="G4336" s="5">
        <v>6</v>
      </c>
      <c r="H4336" s="5" t="s">
        <v>1518</v>
      </c>
      <c r="I4336" s="5" t="s">
        <v>36264</v>
      </c>
      <c r="J4336" s="2" t="s">
        <v>36265</v>
      </c>
      <c r="K4336" s="5" t="s">
        <v>36264</v>
      </c>
      <c r="L4336" s="2" t="s">
        <v>36265</v>
      </c>
      <c r="M4336" s="5" t="s">
        <v>36266</v>
      </c>
      <c r="N4336" s="5" t="s">
        <v>38</v>
      </c>
      <c r="O4336" s="5" t="s">
        <v>39</v>
      </c>
      <c r="P4336" s="5" t="s">
        <v>40</v>
      </c>
      <c r="Q4336" s="5" t="s">
        <v>1522</v>
      </c>
      <c r="R4336" s="5" t="s">
        <v>1523</v>
      </c>
      <c r="S4336" s="5" t="s">
        <v>42</v>
      </c>
      <c r="T4336" s="2">
        <v>2.3809999999999998</v>
      </c>
      <c r="U4336" s="2">
        <v>1.8169999999999999</v>
      </c>
      <c r="V4336" s="2">
        <v>1.2999999999999999E-2</v>
      </c>
      <c r="W4336" s="2">
        <v>99.1</v>
      </c>
      <c r="X4336" s="2">
        <v>7.6</v>
      </c>
      <c r="Y4336" s="2">
        <v>16.7</v>
      </c>
      <c r="Z4336" s="5"/>
      <c r="AA4336" s="5" t="s">
        <v>43</v>
      </c>
      <c r="AB4336" s="5" t="s">
        <v>44</v>
      </c>
      <c r="AC4336" s="2"/>
      <c r="AD4336" s="1"/>
    </row>
    <row r="4337" spans="1:30">
      <c r="A4337" s="5" t="s">
        <v>83578</v>
      </c>
      <c r="B4337" s="2" t="s">
        <v>96613</v>
      </c>
      <c r="C4337" s="14" t="s">
        <v>96614</v>
      </c>
      <c r="D4337" s="2" t="s">
        <v>96615</v>
      </c>
      <c r="E4337" s="2" t="s">
        <v>36389</v>
      </c>
      <c r="F4337" s="8">
        <v>284</v>
      </c>
      <c r="G4337" s="5">
        <v>6</v>
      </c>
      <c r="H4337" s="5" t="s">
        <v>1518</v>
      </c>
      <c r="I4337" s="5" t="s">
        <v>36264</v>
      </c>
      <c r="J4337" s="2" t="s">
        <v>36265</v>
      </c>
      <c r="K4337" s="5" t="s">
        <v>36264</v>
      </c>
      <c r="L4337" s="2" t="s">
        <v>36265</v>
      </c>
      <c r="M4337" s="5" t="s">
        <v>36266</v>
      </c>
      <c r="N4337" s="5" t="s">
        <v>38</v>
      </c>
      <c r="O4337" s="5" t="s">
        <v>39</v>
      </c>
      <c r="P4337" s="5" t="s">
        <v>40</v>
      </c>
      <c r="Q4337" s="5" t="s">
        <v>1522</v>
      </c>
      <c r="R4337" s="5" t="s">
        <v>1523</v>
      </c>
      <c r="S4337" s="5" t="s">
        <v>42</v>
      </c>
      <c r="T4337" s="2">
        <v>2.4500000000000002</v>
      </c>
      <c r="U4337" s="2">
        <v>1.8859999999999999</v>
      </c>
      <c r="V4337" s="2">
        <v>1.2999999999999999E-2</v>
      </c>
      <c r="W4337" s="2">
        <v>99.1</v>
      </c>
      <c r="X4337" s="2">
        <v>7.6</v>
      </c>
      <c r="Y4337" s="2">
        <v>16.7</v>
      </c>
      <c r="Z4337" s="5"/>
      <c r="AA4337" s="5" t="s">
        <v>43</v>
      </c>
      <c r="AB4337" s="5" t="s">
        <v>44</v>
      </c>
      <c r="AC4337" s="2"/>
      <c r="AD4337" s="1"/>
    </row>
    <row r="4338" spans="1:30">
      <c r="A4338" s="5" t="s">
        <v>83578</v>
      </c>
      <c r="B4338" s="2" t="s">
        <v>96616</v>
      </c>
      <c r="C4338" s="14" t="s">
        <v>96617</v>
      </c>
      <c r="D4338" s="2" t="s">
        <v>96618</v>
      </c>
      <c r="E4338" s="2" t="s">
        <v>36281</v>
      </c>
      <c r="F4338" s="8">
        <v>251</v>
      </c>
      <c r="G4338" s="5">
        <v>6</v>
      </c>
      <c r="H4338" s="5" t="s">
        <v>1518</v>
      </c>
      <c r="I4338" s="5" t="s">
        <v>36264</v>
      </c>
      <c r="J4338" s="2" t="s">
        <v>36265</v>
      </c>
      <c r="K4338" s="5" t="s">
        <v>36264</v>
      </c>
      <c r="L4338" s="2" t="s">
        <v>36265</v>
      </c>
      <c r="M4338" s="5" t="s">
        <v>36266</v>
      </c>
      <c r="N4338" s="5" t="s">
        <v>38</v>
      </c>
      <c r="O4338" s="5" t="s">
        <v>39</v>
      </c>
      <c r="P4338" s="5" t="s">
        <v>40</v>
      </c>
      <c r="Q4338" s="5" t="s">
        <v>1522</v>
      </c>
      <c r="R4338" s="5" t="s">
        <v>1523</v>
      </c>
      <c r="S4338" s="5" t="s">
        <v>42</v>
      </c>
      <c r="T4338" s="2">
        <v>2.0139999999999998</v>
      </c>
      <c r="U4338" s="2">
        <v>1.554</v>
      </c>
      <c r="V4338" s="2">
        <v>0.01</v>
      </c>
      <c r="W4338" s="2">
        <v>76.900000000000006</v>
      </c>
      <c r="X4338" s="2">
        <v>7.6</v>
      </c>
      <c r="Y4338" s="2">
        <v>16.7</v>
      </c>
      <c r="Z4338" s="5"/>
      <c r="AA4338" s="5" t="s">
        <v>43</v>
      </c>
      <c r="AB4338" s="5" t="s">
        <v>44</v>
      </c>
      <c r="AC4338" s="2"/>
      <c r="AD4338" s="1"/>
    </row>
    <row r="4339" spans="1:30">
      <c r="A4339" s="5" t="s">
        <v>83578</v>
      </c>
      <c r="B4339" s="2" t="s">
        <v>96619</v>
      </c>
      <c r="C4339" s="14" t="s">
        <v>96620</v>
      </c>
      <c r="D4339" s="2" t="s">
        <v>96621</v>
      </c>
      <c r="E4339" s="2" t="s">
        <v>36285</v>
      </c>
      <c r="F4339" s="8">
        <v>251</v>
      </c>
      <c r="G4339" s="5">
        <v>6</v>
      </c>
      <c r="H4339" s="5" t="s">
        <v>1518</v>
      </c>
      <c r="I4339" s="5" t="s">
        <v>36264</v>
      </c>
      <c r="J4339" s="2" t="s">
        <v>36265</v>
      </c>
      <c r="K4339" s="5" t="s">
        <v>36264</v>
      </c>
      <c r="L4339" s="2" t="s">
        <v>36265</v>
      </c>
      <c r="M4339" s="5" t="s">
        <v>36266</v>
      </c>
      <c r="N4339" s="5" t="s">
        <v>38</v>
      </c>
      <c r="O4339" s="5" t="s">
        <v>39</v>
      </c>
      <c r="P4339" s="5" t="s">
        <v>40</v>
      </c>
      <c r="Q4339" s="5" t="s">
        <v>1522</v>
      </c>
      <c r="R4339" s="5" t="s">
        <v>1523</v>
      </c>
      <c r="S4339" s="5" t="s">
        <v>42</v>
      </c>
      <c r="T4339" s="2">
        <v>2.0640000000000001</v>
      </c>
      <c r="U4339" s="2">
        <v>1.6040000000000001</v>
      </c>
      <c r="V4339" s="2">
        <v>0.01</v>
      </c>
      <c r="W4339" s="2">
        <v>76.900000000000006</v>
      </c>
      <c r="X4339" s="2">
        <v>7.6</v>
      </c>
      <c r="Y4339" s="2">
        <v>16.7</v>
      </c>
      <c r="Z4339" s="5"/>
      <c r="AA4339" s="5" t="s">
        <v>43</v>
      </c>
      <c r="AB4339" s="5" t="s">
        <v>44</v>
      </c>
      <c r="AC4339" s="2"/>
      <c r="AD4339" s="1"/>
    </row>
    <row r="4340" spans="1:30">
      <c r="A4340" s="5" t="s">
        <v>83578</v>
      </c>
      <c r="B4340" s="2" t="s">
        <v>96622</v>
      </c>
      <c r="C4340" s="14" t="s">
        <v>96623</v>
      </c>
      <c r="D4340" s="2" t="s">
        <v>96624</v>
      </c>
      <c r="E4340" s="2" t="s">
        <v>36345</v>
      </c>
      <c r="F4340" s="8">
        <v>251</v>
      </c>
      <c r="G4340" s="5">
        <v>6</v>
      </c>
      <c r="H4340" s="5" t="s">
        <v>1518</v>
      </c>
      <c r="I4340" s="5" t="s">
        <v>36264</v>
      </c>
      <c r="J4340" s="2" t="s">
        <v>36265</v>
      </c>
      <c r="K4340" s="5" t="s">
        <v>36264</v>
      </c>
      <c r="L4340" s="2" t="s">
        <v>36265</v>
      </c>
      <c r="M4340" s="5" t="s">
        <v>36266</v>
      </c>
      <c r="N4340" s="5" t="s">
        <v>38</v>
      </c>
      <c r="O4340" s="5" t="s">
        <v>39</v>
      </c>
      <c r="P4340" s="5" t="s">
        <v>40</v>
      </c>
      <c r="Q4340" s="5" t="s">
        <v>1522</v>
      </c>
      <c r="R4340" s="5" t="s">
        <v>1523</v>
      </c>
      <c r="S4340" s="5" t="s">
        <v>42</v>
      </c>
      <c r="T4340" s="2">
        <v>2.0139999999999998</v>
      </c>
      <c r="U4340" s="2">
        <v>1.554</v>
      </c>
      <c r="V4340" s="2">
        <v>0.01</v>
      </c>
      <c r="W4340" s="2">
        <v>76.900000000000006</v>
      </c>
      <c r="X4340" s="2">
        <v>7.6</v>
      </c>
      <c r="Y4340" s="2">
        <v>16.7</v>
      </c>
      <c r="Z4340" s="5"/>
      <c r="AA4340" s="5" t="s">
        <v>43</v>
      </c>
      <c r="AB4340" s="5" t="s">
        <v>44</v>
      </c>
      <c r="AC4340" s="2"/>
      <c r="AD4340" s="1"/>
    </row>
    <row r="4341" spans="1:30">
      <c r="A4341" s="5" t="s">
        <v>83578</v>
      </c>
      <c r="B4341" s="2" t="s">
        <v>96625</v>
      </c>
      <c r="C4341" s="14" t="s">
        <v>96626</v>
      </c>
      <c r="D4341" s="2" t="s">
        <v>96627</v>
      </c>
      <c r="E4341" s="2" t="s">
        <v>36353</v>
      </c>
      <c r="F4341" s="8">
        <v>251</v>
      </c>
      <c r="G4341" s="5">
        <v>6</v>
      </c>
      <c r="H4341" s="5" t="s">
        <v>1518</v>
      </c>
      <c r="I4341" s="5" t="s">
        <v>36264</v>
      </c>
      <c r="J4341" s="2" t="s">
        <v>36265</v>
      </c>
      <c r="K4341" s="5" t="s">
        <v>36264</v>
      </c>
      <c r="L4341" s="2" t="s">
        <v>36265</v>
      </c>
      <c r="M4341" s="5" t="s">
        <v>36266</v>
      </c>
      <c r="N4341" s="5" t="s">
        <v>38</v>
      </c>
      <c r="O4341" s="5" t="s">
        <v>39</v>
      </c>
      <c r="P4341" s="5" t="s">
        <v>40</v>
      </c>
      <c r="Q4341" s="5" t="s">
        <v>1522</v>
      </c>
      <c r="R4341" s="5" t="s">
        <v>1523</v>
      </c>
      <c r="S4341" s="5" t="s">
        <v>42</v>
      </c>
      <c r="T4341" s="2">
        <v>2.0139999999999998</v>
      </c>
      <c r="U4341" s="2">
        <v>1.554</v>
      </c>
      <c r="V4341" s="2">
        <v>0.01</v>
      </c>
      <c r="W4341" s="2">
        <v>76.900000000000006</v>
      </c>
      <c r="X4341" s="2">
        <v>7.6</v>
      </c>
      <c r="Y4341" s="2">
        <v>16.7</v>
      </c>
      <c r="Z4341" s="5"/>
      <c r="AA4341" s="5" t="s">
        <v>43</v>
      </c>
      <c r="AB4341" s="5" t="s">
        <v>44</v>
      </c>
      <c r="AC4341" s="2"/>
      <c r="AD4341" s="1"/>
    </row>
    <row r="4342" spans="1:30">
      <c r="A4342" s="5" t="s">
        <v>83578</v>
      </c>
      <c r="B4342" s="2" t="s">
        <v>96628</v>
      </c>
      <c r="C4342" s="14" t="s">
        <v>96629</v>
      </c>
      <c r="D4342" s="2" t="s">
        <v>96630</v>
      </c>
      <c r="E4342" s="2" t="s">
        <v>36369</v>
      </c>
      <c r="F4342" s="8">
        <v>251</v>
      </c>
      <c r="G4342" s="5">
        <v>6</v>
      </c>
      <c r="H4342" s="5" t="s">
        <v>1518</v>
      </c>
      <c r="I4342" s="5" t="s">
        <v>36264</v>
      </c>
      <c r="J4342" s="2" t="s">
        <v>36265</v>
      </c>
      <c r="K4342" s="5" t="s">
        <v>36264</v>
      </c>
      <c r="L4342" s="2" t="s">
        <v>36265</v>
      </c>
      <c r="M4342" s="5" t="s">
        <v>36266</v>
      </c>
      <c r="N4342" s="5" t="s">
        <v>38</v>
      </c>
      <c r="O4342" s="5" t="s">
        <v>39</v>
      </c>
      <c r="P4342" s="5" t="s">
        <v>40</v>
      </c>
      <c r="Q4342" s="5" t="s">
        <v>1522</v>
      </c>
      <c r="R4342" s="5" t="s">
        <v>1523</v>
      </c>
      <c r="S4342" s="5" t="s">
        <v>42</v>
      </c>
      <c r="T4342" s="2">
        <v>2.0139999999999998</v>
      </c>
      <c r="U4342" s="2">
        <v>1.554</v>
      </c>
      <c r="V4342" s="2">
        <v>0.01</v>
      </c>
      <c r="W4342" s="2">
        <v>76.900000000000006</v>
      </c>
      <c r="X4342" s="2">
        <v>7.6</v>
      </c>
      <c r="Y4342" s="2">
        <v>16.7</v>
      </c>
      <c r="Z4342" s="5"/>
      <c r="AA4342" s="5" t="s">
        <v>43</v>
      </c>
      <c r="AB4342" s="5" t="s">
        <v>44</v>
      </c>
      <c r="AC4342" s="2"/>
      <c r="AD4342" s="1"/>
    </row>
    <row r="4343" spans="1:30">
      <c r="A4343" s="5" t="s">
        <v>83578</v>
      </c>
      <c r="B4343" s="2" t="s">
        <v>96631</v>
      </c>
      <c r="C4343" s="14" t="s">
        <v>96632</v>
      </c>
      <c r="D4343" s="2" t="s">
        <v>96633</v>
      </c>
      <c r="E4343" s="2" t="s">
        <v>36321</v>
      </c>
      <c r="F4343" s="8">
        <v>268</v>
      </c>
      <c r="G4343" s="5">
        <v>6</v>
      </c>
      <c r="H4343" s="5" t="s">
        <v>1518</v>
      </c>
      <c r="I4343" s="5" t="s">
        <v>36264</v>
      </c>
      <c r="J4343" s="2" t="s">
        <v>36265</v>
      </c>
      <c r="K4343" s="5" t="s">
        <v>36264</v>
      </c>
      <c r="L4343" s="2" t="s">
        <v>36265</v>
      </c>
      <c r="M4343" s="5" t="s">
        <v>36266</v>
      </c>
      <c r="N4343" s="5" t="s">
        <v>38</v>
      </c>
      <c r="O4343" s="5" t="s">
        <v>39</v>
      </c>
      <c r="P4343" s="5" t="s">
        <v>40</v>
      </c>
      <c r="Q4343" s="5" t="s">
        <v>1522</v>
      </c>
      <c r="R4343" s="5" t="s">
        <v>1523</v>
      </c>
      <c r="S4343" s="5" t="s">
        <v>42</v>
      </c>
      <c r="T4343" s="2">
        <v>2.1800000000000002</v>
      </c>
      <c r="U4343" s="2">
        <v>1.698</v>
      </c>
      <c r="V4343" s="2">
        <v>1.0999999999999999E-2</v>
      </c>
      <c r="W4343" s="2">
        <v>82.9</v>
      </c>
      <c r="X4343" s="2">
        <v>7.6</v>
      </c>
      <c r="Y4343" s="2">
        <v>16.7</v>
      </c>
      <c r="Z4343" s="5"/>
      <c r="AA4343" s="5" t="s">
        <v>43</v>
      </c>
      <c r="AB4343" s="5" t="s">
        <v>44</v>
      </c>
      <c r="AC4343" s="2"/>
      <c r="AD4343" s="1"/>
    </row>
    <row r="4344" spans="1:30">
      <c r="A4344" s="5" t="s">
        <v>83578</v>
      </c>
      <c r="B4344" s="2" t="s">
        <v>96634</v>
      </c>
      <c r="C4344" s="14" t="s">
        <v>96635</v>
      </c>
      <c r="D4344" s="2" t="s">
        <v>96636</v>
      </c>
      <c r="E4344" s="2" t="s">
        <v>36281</v>
      </c>
      <c r="F4344" s="8">
        <v>284</v>
      </c>
      <c r="G4344" s="5">
        <v>6</v>
      </c>
      <c r="H4344" s="5" t="s">
        <v>1518</v>
      </c>
      <c r="I4344" s="5" t="s">
        <v>36264</v>
      </c>
      <c r="J4344" s="2" t="s">
        <v>36265</v>
      </c>
      <c r="K4344" s="5" t="s">
        <v>36264</v>
      </c>
      <c r="L4344" s="2" t="s">
        <v>36265</v>
      </c>
      <c r="M4344" s="5" t="s">
        <v>36266</v>
      </c>
      <c r="N4344" s="5" t="s">
        <v>38</v>
      </c>
      <c r="O4344" s="5" t="s">
        <v>39</v>
      </c>
      <c r="P4344" s="5" t="s">
        <v>40</v>
      </c>
      <c r="Q4344" s="5" t="s">
        <v>1522</v>
      </c>
      <c r="R4344" s="5" t="s">
        <v>1523</v>
      </c>
      <c r="S4344" s="5" t="s">
        <v>42</v>
      </c>
      <c r="T4344" s="2">
        <v>2.423</v>
      </c>
      <c r="U4344" s="2">
        <v>1.853</v>
      </c>
      <c r="V4344" s="2">
        <v>1.4999999999999999E-2</v>
      </c>
      <c r="W4344" s="2">
        <v>118.9</v>
      </c>
      <c r="X4344" s="2">
        <v>7.6</v>
      </c>
      <c r="Y4344" s="2">
        <v>16.7</v>
      </c>
      <c r="Z4344" s="5"/>
      <c r="AA4344" s="5" t="s">
        <v>43</v>
      </c>
      <c r="AB4344" s="5" t="s">
        <v>44</v>
      </c>
      <c r="AC4344" s="2"/>
      <c r="AD4344" s="1"/>
    </row>
    <row r="4345" spans="1:30">
      <c r="A4345" s="5" t="s">
        <v>83578</v>
      </c>
      <c r="B4345" s="2" t="s">
        <v>96637</v>
      </c>
      <c r="C4345" s="14" t="s">
        <v>96638</v>
      </c>
      <c r="D4345" s="2" t="s">
        <v>96639</v>
      </c>
      <c r="E4345" s="2" t="s">
        <v>36285</v>
      </c>
      <c r="F4345" s="8">
        <v>284</v>
      </c>
      <c r="G4345" s="5">
        <v>6</v>
      </c>
      <c r="H4345" s="5" t="s">
        <v>1518</v>
      </c>
      <c r="I4345" s="5" t="s">
        <v>36264</v>
      </c>
      <c r="J4345" s="2" t="s">
        <v>36265</v>
      </c>
      <c r="K4345" s="5" t="s">
        <v>36264</v>
      </c>
      <c r="L4345" s="2" t="s">
        <v>36265</v>
      </c>
      <c r="M4345" s="5" t="s">
        <v>36266</v>
      </c>
      <c r="N4345" s="5" t="s">
        <v>38</v>
      </c>
      <c r="O4345" s="5" t="s">
        <v>39</v>
      </c>
      <c r="P4345" s="5" t="s">
        <v>40</v>
      </c>
      <c r="Q4345" s="5" t="s">
        <v>1522</v>
      </c>
      <c r="R4345" s="5" t="s">
        <v>1523</v>
      </c>
      <c r="S4345" s="5" t="s">
        <v>42</v>
      </c>
      <c r="T4345" s="2">
        <v>2.496</v>
      </c>
      <c r="U4345" s="2">
        <v>1.9259999999999999</v>
      </c>
      <c r="V4345" s="2">
        <v>1.4999999999999999E-2</v>
      </c>
      <c r="W4345" s="2">
        <v>118.9</v>
      </c>
      <c r="X4345" s="2">
        <v>7.6</v>
      </c>
      <c r="Y4345" s="2">
        <v>16.7</v>
      </c>
      <c r="Z4345" s="5"/>
      <c r="AA4345" s="5" t="s">
        <v>43</v>
      </c>
      <c r="AB4345" s="5" t="s">
        <v>44</v>
      </c>
      <c r="AC4345" s="2"/>
      <c r="AD4345" s="1"/>
    </row>
    <row r="4346" spans="1:30">
      <c r="A4346" s="5" t="s">
        <v>83578</v>
      </c>
      <c r="B4346" s="2" t="s">
        <v>96640</v>
      </c>
      <c r="C4346" s="14" t="s">
        <v>96641</v>
      </c>
      <c r="D4346" s="2" t="s">
        <v>96642</v>
      </c>
      <c r="E4346" s="2" t="s">
        <v>36297</v>
      </c>
      <c r="F4346" s="8">
        <v>264</v>
      </c>
      <c r="G4346" s="5">
        <v>6</v>
      </c>
      <c r="H4346" s="5" t="s">
        <v>1518</v>
      </c>
      <c r="I4346" s="5" t="s">
        <v>36264</v>
      </c>
      <c r="J4346" s="2" t="s">
        <v>36265</v>
      </c>
      <c r="K4346" s="5" t="s">
        <v>36264</v>
      </c>
      <c r="L4346" s="2" t="s">
        <v>36265</v>
      </c>
      <c r="M4346" s="5" t="s">
        <v>36266</v>
      </c>
      <c r="N4346" s="5" t="s">
        <v>38</v>
      </c>
      <c r="O4346" s="5" t="s">
        <v>39</v>
      </c>
      <c r="P4346" s="5" t="s">
        <v>40</v>
      </c>
      <c r="Q4346" s="5" t="s">
        <v>1522</v>
      </c>
      <c r="R4346" s="5" t="s">
        <v>1523</v>
      </c>
      <c r="S4346" s="5" t="s">
        <v>42</v>
      </c>
      <c r="T4346" s="2">
        <v>2.423</v>
      </c>
      <c r="U4346" s="2">
        <v>1.853</v>
      </c>
      <c r="V4346" s="2">
        <v>1.4999999999999999E-2</v>
      </c>
      <c r="W4346" s="2">
        <v>118.9</v>
      </c>
      <c r="X4346" s="2">
        <v>7.6</v>
      </c>
      <c r="Y4346" s="2">
        <v>16.7</v>
      </c>
      <c r="Z4346" s="5"/>
      <c r="AA4346" s="5" t="s">
        <v>43</v>
      </c>
      <c r="AB4346" s="5" t="s">
        <v>44</v>
      </c>
      <c r="AC4346" s="2"/>
      <c r="AD4346" s="1"/>
    </row>
    <row r="4347" spans="1:30">
      <c r="A4347" s="5" t="s">
        <v>83578</v>
      </c>
      <c r="B4347" s="2" t="s">
        <v>96643</v>
      </c>
      <c r="C4347" s="14" t="s">
        <v>96644</v>
      </c>
      <c r="D4347" s="2" t="s">
        <v>96645</v>
      </c>
      <c r="E4347" s="2" t="s">
        <v>36313</v>
      </c>
      <c r="F4347" s="8">
        <v>284</v>
      </c>
      <c r="G4347" s="5">
        <v>6</v>
      </c>
      <c r="H4347" s="5" t="s">
        <v>1518</v>
      </c>
      <c r="I4347" s="5" t="s">
        <v>36264</v>
      </c>
      <c r="J4347" s="2" t="s">
        <v>36265</v>
      </c>
      <c r="K4347" s="5" t="s">
        <v>36264</v>
      </c>
      <c r="L4347" s="2" t="s">
        <v>36265</v>
      </c>
      <c r="M4347" s="5" t="s">
        <v>36266</v>
      </c>
      <c r="N4347" s="5" t="s">
        <v>38</v>
      </c>
      <c r="O4347" s="5" t="s">
        <v>39</v>
      </c>
      <c r="P4347" s="5" t="s">
        <v>40</v>
      </c>
      <c r="Q4347" s="5" t="s">
        <v>1522</v>
      </c>
      <c r="R4347" s="5" t="s">
        <v>1523</v>
      </c>
      <c r="S4347" s="5" t="s">
        <v>42</v>
      </c>
      <c r="T4347" s="2">
        <v>2.423</v>
      </c>
      <c r="U4347" s="2">
        <v>1.853</v>
      </c>
      <c r="V4347" s="2">
        <v>1.4999999999999999E-2</v>
      </c>
      <c r="W4347" s="2">
        <v>118.9</v>
      </c>
      <c r="X4347" s="2">
        <v>7.6</v>
      </c>
      <c r="Y4347" s="2">
        <v>16.7</v>
      </c>
      <c r="Z4347" s="5"/>
      <c r="AA4347" s="5" t="s">
        <v>43</v>
      </c>
      <c r="AB4347" s="5" t="s">
        <v>44</v>
      </c>
      <c r="AC4347" s="2"/>
      <c r="AD4347" s="1"/>
    </row>
    <row r="4348" spans="1:30">
      <c r="A4348" s="5" t="s">
        <v>83578</v>
      </c>
      <c r="B4348" s="2" t="s">
        <v>96646</v>
      </c>
      <c r="C4348" s="14" t="s">
        <v>96647</v>
      </c>
      <c r="D4348" s="2" t="s">
        <v>96648</v>
      </c>
      <c r="E4348" s="2" t="s">
        <v>36321</v>
      </c>
      <c r="F4348" s="8">
        <v>284</v>
      </c>
      <c r="G4348" s="5">
        <v>6</v>
      </c>
      <c r="H4348" s="5" t="s">
        <v>1518</v>
      </c>
      <c r="I4348" s="5" t="s">
        <v>36264</v>
      </c>
      <c r="J4348" s="2" t="s">
        <v>36265</v>
      </c>
      <c r="K4348" s="5" t="s">
        <v>36264</v>
      </c>
      <c r="L4348" s="2" t="s">
        <v>36265</v>
      </c>
      <c r="M4348" s="5" t="s">
        <v>36266</v>
      </c>
      <c r="N4348" s="5" t="s">
        <v>38</v>
      </c>
      <c r="O4348" s="5" t="s">
        <v>39</v>
      </c>
      <c r="P4348" s="5" t="s">
        <v>40</v>
      </c>
      <c r="Q4348" s="5" t="s">
        <v>1522</v>
      </c>
      <c r="R4348" s="5" t="s">
        <v>1523</v>
      </c>
      <c r="S4348" s="5" t="s">
        <v>42</v>
      </c>
      <c r="T4348" s="2">
        <v>2.423</v>
      </c>
      <c r="U4348" s="2">
        <v>1.853</v>
      </c>
      <c r="V4348" s="2">
        <v>1.4999999999999999E-2</v>
      </c>
      <c r="W4348" s="2">
        <v>118.9</v>
      </c>
      <c r="X4348" s="2">
        <v>7.6</v>
      </c>
      <c r="Y4348" s="2">
        <v>16.7</v>
      </c>
      <c r="Z4348" s="5"/>
      <c r="AA4348" s="5" t="s">
        <v>43</v>
      </c>
      <c r="AB4348" s="5" t="s">
        <v>44</v>
      </c>
      <c r="AC4348" s="2"/>
      <c r="AD4348" s="1"/>
    </row>
    <row r="4349" spans="1:30">
      <c r="A4349" s="5" t="s">
        <v>83578</v>
      </c>
      <c r="B4349" s="2" t="s">
        <v>96649</v>
      </c>
      <c r="C4349" s="14" t="s">
        <v>96650</v>
      </c>
      <c r="D4349" s="2" t="s">
        <v>96651</v>
      </c>
      <c r="E4349" s="2" t="s">
        <v>36337</v>
      </c>
      <c r="F4349" s="8">
        <v>284</v>
      </c>
      <c r="G4349" s="5">
        <v>6</v>
      </c>
      <c r="H4349" s="5" t="s">
        <v>1518</v>
      </c>
      <c r="I4349" s="5" t="s">
        <v>36264</v>
      </c>
      <c r="J4349" s="2" t="s">
        <v>36265</v>
      </c>
      <c r="K4349" s="5" t="s">
        <v>36264</v>
      </c>
      <c r="L4349" s="2" t="s">
        <v>36265</v>
      </c>
      <c r="M4349" s="5" t="s">
        <v>36266</v>
      </c>
      <c r="N4349" s="5" t="s">
        <v>38</v>
      </c>
      <c r="O4349" s="5" t="s">
        <v>39</v>
      </c>
      <c r="P4349" s="5" t="s">
        <v>40</v>
      </c>
      <c r="Q4349" s="5" t="s">
        <v>1522</v>
      </c>
      <c r="R4349" s="5" t="s">
        <v>1523</v>
      </c>
      <c r="S4349" s="5" t="s">
        <v>42</v>
      </c>
      <c r="T4349" s="2">
        <v>2.423</v>
      </c>
      <c r="U4349" s="2">
        <v>1.853</v>
      </c>
      <c r="V4349" s="2">
        <v>1.4999999999999999E-2</v>
      </c>
      <c r="W4349" s="2">
        <v>118.9</v>
      </c>
      <c r="X4349" s="2">
        <v>7.6</v>
      </c>
      <c r="Y4349" s="2">
        <v>16.7</v>
      </c>
      <c r="Z4349" s="5"/>
      <c r="AA4349" s="5" t="s">
        <v>43</v>
      </c>
      <c r="AB4349" s="5" t="s">
        <v>44</v>
      </c>
      <c r="AC4349" s="2"/>
      <c r="AD4349" s="1"/>
    </row>
    <row r="4350" spans="1:30">
      <c r="A4350" s="5" t="s">
        <v>83578</v>
      </c>
      <c r="B4350" s="2" t="s">
        <v>96652</v>
      </c>
      <c r="C4350" s="14" t="s">
        <v>96653</v>
      </c>
      <c r="D4350" s="2" t="s">
        <v>96654</v>
      </c>
      <c r="E4350" s="2" t="s">
        <v>36341</v>
      </c>
      <c r="F4350" s="8">
        <v>284</v>
      </c>
      <c r="G4350" s="5">
        <v>6</v>
      </c>
      <c r="H4350" s="5" t="s">
        <v>1518</v>
      </c>
      <c r="I4350" s="5" t="s">
        <v>36264</v>
      </c>
      <c r="J4350" s="2" t="s">
        <v>36265</v>
      </c>
      <c r="K4350" s="5" t="s">
        <v>36264</v>
      </c>
      <c r="L4350" s="2" t="s">
        <v>36265</v>
      </c>
      <c r="M4350" s="5" t="s">
        <v>36266</v>
      </c>
      <c r="N4350" s="5" t="s">
        <v>38</v>
      </c>
      <c r="O4350" s="5" t="s">
        <v>39</v>
      </c>
      <c r="P4350" s="5" t="s">
        <v>40</v>
      </c>
      <c r="Q4350" s="5" t="s">
        <v>1522</v>
      </c>
      <c r="R4350" s="5" t="s">
        <v>1523</v>
      </c>
      <c r="S4350" s="5" t="s">
        <v>42</v>
      </c>
      <c r="T4350" s="2">
        <v>2.496</v>
      </c>
      <c r="U4350" s="2">
        <v>1.9259999999999999</v>
      </c>
      <c r="V4350" s="2">
        <v>1.4999999999999999E-2</v>
      </c>
      <c r="W4350" s="2">
        <v>118.9</v>
      </c>
      <c r="X4350" s="2">
        <v>7.6</v>
      </c>
      <c r="Y4350" s="2">
        <v>16.7</v>
      </c>
      <c r="Z4350" s="5"/>
      <c r="AA4350" s="5" t="s">
        <v>43</v>
      </c>
      <c r="AB4350" s="5" t="s">
        <v>44</v>
      </c>
      <c r="AC4350" s="2"/>
      <c r="AD4350" s="1"/>
    </row>
    <row r="4351" spans="1:30">
      <c r="A4351" s="5" t="s">
        <v>83578</v>
      </c>
      <c r="B4351" s="2" t="s">
        <v>96655</v>
      </c>
      <c r="C4351" s="14" t="s">
        <v>96656</v>
      </c>
      <c r="D4351" s="2" t="s">
        <v>96657</v>
      </c>
      <c r="E4351" s="2" t="s">
        <v>36345</v>
      </c>
      <c r="F4351" s="8">
        <v>284</v>
      </c>
      <c r="G4351" s="5">
        <v>6</v>
      </c>
      <c r="H4351" s="5" t="s">
        <v>1518</v>
      </c>
      <c r="I4351" s="5" t="s">
        <v>36264</v>
      </c>
      <c r="J4351" s="2" t="s">
        <v>36265</v>
      </c>
      <c r="K4351" s="5" t="s">
        <v>36264</v>
      </c>
      <c r="L4351" s="2" t="s">
        <v>36265</v>
      </c>
      <c r="M4351" s="5" t="s">
        <v>36266</v>
      </c>
      <c r="N4351" s="5" t="s">
        <v>38</v>
      </c>
      <c r="O4351" s="5" t="s">
        <v>39</v>
      </c>
      <c r="P4351" s="5" t="s">
        <v>40</v>
      </c>
      <c r="Q4351" s="5" t="s">
        <v>1522</v>
      </c>
      <c r="R4351" s="5" t="s">
        <v>1523</v>
      </c>
      <c r="S4351" s="5" t="s">
        <v>42</v>
      </c>
      <c r="T4351" s="2">
        <v>2.423</v>
      </c>
      <c r="U4351" s="2">
        <v>1.853</v>
      </c>
      <c r="V4351" s="2">
        <v>1.4999999999999999E-2</v>
      </c>
      <c r="W4351" s="2">
        <v>118.9</v>
      </c>
      <c r="X4351" s="2">
        <v>7.6</v>
      </c>
      <c r="Y4351" s="2">
        <v>16.7</v>
      </c>
      <c r="Z4351" s="5"/>
      <c r="AA4351" s="5" t="s">
        <v>43</v>
      </c>
      <c r="AB4351" s="5" t="s">
        <v>44</v>
      </c>
      <c r="AC4351" s="2"/>
      <c r="AD4351" s="1"/>
    </row>
    <row r="4352" spans="1:30">
      <c r="A4352" s="5" t="s">
        <v>83578</v>
      </c>
      <c r="B4352" s="2" t="s">
        <v>96658</v>
      </c>
      <c r="C4352" s="14" t="s">
        <v>96659</v>
      </c>
      <c r="D4352" s="2" t="s">
        <v>96660</v>
      </c>
      <c r="E4352" s="2" t="s">
        <v>36353</v>
      </c>
      <c r="F4352" s="8">
        <v>284</v>
      </c>
      <c r="G4352" s="5">
        <v>6</v>
      </c>
      <c r="H4352" s="5" t="s">
        <v>1518</v>
      </c>
      <c r="I4352" s="5" t="s">
        <v>36264</v>
      </c>
      <c r="J4352" s="2" t="s">
        <v>36265</v>
      </c>
      <c r="K4352" s="5" t="s">
        <v>36264</v>
      </c>
      <c r="L4352" s="2" t="s">
        <v>36265</v>
      </c>
      <c r="M4352" s="5" t="s">
        <v>36266</v>
      </c>
      <c r="N4352" s="5" t="s">
        <v>38</v>
      </c>
      <c r="O4352" s="5" t="s">
        <v>39</v>
      </c>
      <c r="P4352" s="5" t="s">
        <v>40</v>
      </c>
      <c r="Q4352" s="5" t="s">
        <v>1522</v>
      </c>
      <c r="R4352" s="5" t="s">
        <v>1523</v>
      </c>
      <c r="S4352" s="5" t="s">
        <v>42</v>
      </c>
      <c r="T4352" s="2">
        <v>2.423</v>
      </c>
      <c r="U4352" s="2">
        <v>1.853</v>
      </c>
      <c r="V4352" s="2">
        <v>1.4999999999999999E-2</v>
      </c>
      <c r="W4352" s="2">
        <v>118.9</v>
      </c>
      <c r="X4352" s="2">
        <v>7.6</v>
      </c>
      <c r="Y4352" s="2">
        <v>16.7</v>
      </c>
      <c r="Z4352" s="5"/>
      <c r="AA4352" s="5" t="s">
        <v>43</v>
      </c>
      <c r="AB4352" s="5" t="s">
        <v>44</v>
      </c>
      <c r="AC4352" s="2"/>
      <c r="AD4352" s="1"/>
    </row>
    <row r="4353" spans="1:30">
      <c r="A4353" s="5" t="s">
        <v>83578</v>
      </c>
      <c r="B4353" s="2" t="s">
        <v>96661</v>
      </c>
      <c r="C4353" s="14" t="s">
        <v>96662</v>
      </c>
      <c r="D4353" s="2" t="s">
        <v>96663</v>
      </c>
      <c r="E4353" s="2" t="s">
        <v>45598</v>
      </c>
      <c r="F4353" s="8">
        <v>284</v>
      </c>
      <c r="G4353" s="5">
        <v>6</v>
      </c>
      <c r="H4353" s="5" t="s">
        <v>1518</v>
      </c>
      <c r="I4353" s="5" t="s">
        <v>36264</v>
      </c>
      <c r="J4353" s="2" t="s">
        <v>36265</v>
      </c>
      <c r="K4353" s="5" t="s">
        <v>36264</v>
      </c>
      <c r="L4353" s="2" t="s">
        <v>36265</v>
      </c>
      <c r="M4353" s="5" t="s">
        <v>36266</v>
      </c>
      <c r="N4353" s="5" t="s">
        <v>38</v>
      </c>
      <c r="O4353" s="5" t="s">
        <v>39</v>
      </c>
      <c r="P4353" s="5" t="s">
        <v>40</v>
      </c>
      <c r="Q4353" s="5" t="s">
        <v>1522</v>
      </c>
      <c r="R4353" s="5" t="s">
        <v>1523</v>
      </c>
      <c r="S4353" s="5" t="s">
        <v>42</v>
      </c>
      <c r="T4353" s="2">
        <v>2.423</v>
      </c>
      <c r="U4353" s="2">
        <v>1.853</v>
      </c>
      <c r="V4353" s="2">
        <v>1.4999999999999999E-2</v>
      </c>
      <c r="W4353" s="2">
        <v>118.9</v>
      </c>
      <c r="X4353" s="2">
        <v>7.6</v>
      </c>
      <c r="Y4353" s="2">
        <v>16.7</v>
      </c>
      <c r="Z4353" s="5"/>
      <c r="AA4353" s="5" t="s">
        <v>43</v>
      </c>
      <c r="AB4353" s="5" t="s">
        <v>44</v>
      </c>
      <c r="AC4353" s="2"/>
      <c r="AD4353" s="1"/>
    </row>
    <row r="4354" spans="1:30">
      <c r="A4354" s="5" t="s">
        <v>83578</v>
      </c>
      <c r="B4354" s="2" t="s">
        <v>96664</v>
      </c>
      <c r="C4354" s="14" t="s">
        <v>96665</v>
      </c>
      <c r="D4354" s="2" t="s">
        <v>96666</v>
      </c>
      <c r="E4354" s="2" t="s">
        <v>36389</v>
      </c>
      <c r="F4354" s="8">
        <v>284</v>
      </c>
      <c r="G4354" s="5">
        <v>6</v>
      </c>
      <c r="H4354" s="5" t="s">
        <v>1518</v>
      </c>
      <c r="I4354" s="5" t="s">
        <v>36264</v>
      </c>
      <c r="J4354" s="2" t="s">
        <v>36265</v>
      </c>
      <c r="K4354" s="5" t="s">
        <v>36264</v>
      </c>
      <c r="L4354" s="2" t="s">
        <v>36265</v>
      </c>
      <c r="M4354" s="5" t="s">
        <v>36266</v>
      </c>
      <c r="N4354" s="5" t="s">
        <v>38</v>
      </c>
      <c r="O4354" s="5" t="s">
        <v>39</v>
      </c>
      <c r="P4354" s="5" t="s">
        <v>40</v>
      </c>
      <c r="Q4354" s="5" t="s">
        <v>1522</v>
      </c>
      <c r="R4354" s="5" t="s">
        <v>1523</v>
      </c>
      <c r="S4354" s="5" t="s">
        <v>42</v>
      </c>
      <c r="T4354" s="2">
        <v>2.496</v>
      </c>
      <c r="U4354" s="2">
        <v>1.9259999999999999</v>
      </c>
      <c r="V4354" s="2">
        <v>1.4999999999999999E-2</v>
      </c>
      <c r="W4354" s="2">
        <v>118.9</v>
      </c>
      <c r="X4354" s="2">
        <v>7.6</v>
      </c>
      <c r="Y4354" s="2">
        <v>16.7</v>
      </c>
      <c r="Z4354" s="5"/>
      <c r="AA4354" s="5" t="s">
        <v>43</v>
      </c>
      <c r="AB4354" s="5" t="s">
        <v>44</v>
      </c>
      <c r="AC4354" s="2"/>
      <c r="AD4354" s="1"/>
    </row>
    <row r="4355" spans="1:30">
      <c r="A4355" s="5" t="s">
        <v>83578</v>
      </c>
      <c r="B4355" s="2" t="s">
        <v>96667</v>
      </c>
      <c r="C4355" s="14" t="s">
        <v>96668</v>
      </c>
      <c r="D4355" s="2" t="s">
        <v>96669</v>
      </c>
      <c r="E4355" s="2" t="s">
        <v>36273</v>
      </c>
      <c r="F4355" s="8">
        <v>262</v>
      </c>
      <c r="G4355" s="5">
        <v>6</v>
      </c>
      <c r="H4355" s="5" t="s">
        <v>1518</v>
      </c>
      <c r="I4355" s="5" t="s">
        <v>36264</v>
      </c>
      <c r="J4355" s="2" t="s">
        <v>36265</v>
      </c>
      <c r="K4355" s="5" t="s">
        <v>36264</v>
      </c>
      <c r="L4355" s="2" t="s">
        <v>36265</v>
      </c>
      <c r="M4355" s="5" t="s">
        <v>36266</v>
      </c>
      <c r="N4355" s="5" t="s">
        <v>38</v>
      </c>
      <c r="O4355" s="5" t="s">
        <v>39</v>
      </c>
      <c r="P4355" s="5" t="s">
        <v>40</v>
      </c>
      <c r="Q4355" s="5" t="s">
        <v>1522</v>
      </c>
      <c r="R4355" s="5" t="s">
        <v>1523</v>
      </c>
      <c r="S4355" s="5" t="s">
        <v>42</v>
      </c>
      <c r="T4355" s="2">
        <v>2.302</v>
      </c>
      <c r="U4355" s="2">
        <v>1.83</v>
      </c>
      <c r="V4355" s="2">
        <v>1.0999999999999999E-2</v>
      </c>
      <c r="W4355" s="2">
        <v>82.9</v>
      </c>
      <c r="X4355" s="2">
        <v>7.6</v>
      </c>
      <c r="Y4355" s="2">
        <v>16.7</v>
      </c>
      <c r="Z4355" s="5"/>
      <c r="AA4355" s="5" t="s">
        <v>43</v>
      </c>
      <c r="AB4355" s="5" t="s">
        <v>44</v>
      </c>
      <c r="AC4355" s="2"/>
      <c r="AD4355" s="1"/>
    </row>
    <row r="4356" spans="1:30">
      <c r="A4356" s="5" t="s">
        <v>83578</v>
      </c>
      <c r="B4356" s="2" t="s">
        <v>96670</v>
      </c>
      <c r="C4356" s="14" t="s">
        <v>96671</v>
      </c>
      <c r="D4356" s="2" t="s">
        <v>96672</v>
      </c>
      <c r="E4356" s="2" t="s">
        <v>36281</v>
      </c>
      <c r="F4356" s="8">
        <v>282</v>
      </c>
      <c r="G4356" s="5">
        <v>6</v>
      </c>
      <c r="H4356" s="5" t="s">
        <v>1518</v>
      </c>
      <c r="I4356" s="5" t="s">
        <v>36264</v>
      </c>
      <c r="J4356" s="2" t="s">
        <v>36265</v>
      </c>
      <c r="K4356" s="5" t="s">
        <v>36264</v>
      </c>
      <c r="L4356" s="2" t="s">
        <v>36265</v>
      </c>
      <c r="M4356" s="5" t="s">
        <v>36266</v>
      </c>
      <c r="N4356" s="5" t="s">
        <v>38</v>
      </c>
      <c r="O4356" s="5" t="s">
        <v>39</v>
      </c>
      <c r="P4356" s="5" t="s">
        <v>40</v>
      </c>
      <c r="Q4356" s="5" t="s">
        <v>1522</v>
      </c>
      <c r="R4356" s="5" t="s">
        <v>1523</v>
      </c>
      <c r="S4356" s="5" t="s">
        <v>42</v>
      </c>
      <c r="T4356" s="2">
        <v>2.302</v>
      </c>
      <c r="U4356" s="2">
        <v>1.83</v>
      </c>
      <c r="V4356" s="2">
        <v>1.0999999999999999E-2</v>
      </c>
      <c r="W4356" s="2">
        <v>82.9</v>
      </c>
      <c r="X4356" s="2">
        <v>7.6</v>
      </c>
      <c r="Y4356" s="2">
        <v>16.7</v>
      </c>
      <c r="Z4356" s="5"/>
      <c r="AA4356" s="5" t="s">
        <v>43</v>
      </c>
      <c r="AB4356" s="5" t="s">
        <v>44</v>
      </c>
      <c r="AC4356" s="2"/>
      <c r="AD4356" s="1"/>
    </row>
    <row r="4357" spans="1:30">
      <c r="A4357" s="5" t="s">
        <v>83578</v>
      </c>
      <c r="B4357" s="2" t="s">
        <v>96673</v>
      </c>
      <c r="C4357" s="14" t="s">
        <v>96674</v>
      </c>
      <c r="D4357" s="2" t="s">
        <v>96675</v>
      </c>
      <c r="E4357" s="2" t="s">
        <v>36285</v>
      </c>
      <c r="F4357" s="8">
        <v>282</v>
      </c>
      <c r="G4357" s="5">
        <v>6</v>
      </c>
      <c r="H4357" s="5" t="s">
        <v>1518</v>
      </c>
      <c r="I4357" s="5" t="s">
        <v>36264</v>
      </c>
      <c r="J4357" s="2" t="s">
        <v>36265</v>
      </c>
      <c r="K4357" s="5" t="s">
        <v>36264</v>
      </c>
      <c r="L4357" s="2" t="s">
        <v>36265</v>
      </c>
      <c r="M4357" s="5" t="s">
        <v>36266</v>
      </c>
      <c r="N4357" s="5" t="s">
        <v>38</v>
      </c>
      <c r="O4357" s="5" t="s">
        <v>39</v>
      </c>
      <c r="P4357" s="5" t="s">
        <v>40</v>
      </c>
      <c r="Q4357" s="5" t="s">
        <v>1522</v>
      </c>
      <c r="R4357" s="5" t="s">
        <v>1523</v>
      </c>
      <c r="S4357" s="5" t="s">
        <v>42</v>
      </c>
      <c r="T4357" s="2">
        <v>2.3639999999999999</v>
      </c>
      <c r="U4357" s="2">
        <v>1.8919999999999999</v>
      </c>
      <c r="V4357" s="2">
        <v>1.0999999999999999E-2</v>
      </c>
      <c r="W4357" s="2">
        <v>82.9</v>
      </c>
      <c r="X4357" s="2">
        <v>7.6</v>
      </c>
      <c r="Y4357" s="2">
        <v>16.7</v>
      </c>
      <c r="Z4357" s="5"/>
      <c r="AA4357" s="5" t="s">
        <v>43</v>
      </c>
      <c r="AB4357" s="5" t="s">
        <v>44</v>
      </c>
      <c r="AC4357" s="2"/>
      <c r="AD4357" s="1"/>
    </row>
    <row r="4358" spans="1:30">
      <c r="A4358" s="5" t="s">
        <v>83578</v>
      </c>
      <c r="B4358" s="2" t="s">
        <v>96676</v>
      </c>
      <c r="C4358" s="14" t="s">
        <v>96677</v>
      </c>
      <c r="D4358" s="2" t="s">
        <v>96678</v>
      </c>
      <c r="E4358" s="2" t="s">
        <v>36297</v>
      </c>
      <c r="F4358" s="8">
        <v>262</v>
      </c>
      <c r="G4358" s="5">
        <v>6</v>
      </c>
      <c r="H4358" s="5" t="s">
        <v>1518</v>
      </c>
      <c r="I4358" s="5" t="s">
        <v>36264</v>
      </c>
      <c r="J4358" s="2" t="s">
        <v>36265</v>
      </c>
      <c r="K4358" s="5" t="s">
        <v>36264</v>
      </c>
      <c r="L4358" s="2" t="s">
        <v>36265</v>
      </c>
      <c r="M4358" s="5" t="s">
        <v>36266</v>
      </c>
      <c r="N4358" s="5" t="s">
        <v>38</v>
      </c>
      <c r="O4358" s="5" t="s">
        <v>39</v>
      </c>
      <c r="P4358" s="5" t="s">
        <v>40</v>
      </c>
      <c r="Q4358" s="5" t="s">
        <v>1522</v>
      </c>
      <c r="R4358" s="5" t="s">
        <v>1523</v>
      </c>
      <c r="S4358" s="5" t="s">
        <v>42</v>
      </c>
      <c r="T4358" s="2">
        <v>2.302</v>
      </c>
      <c r="U4358" s="2">
        <v>1.83</v>
      </c>
      <c r="V4358" s="2">
        <v>1.0999999999999999E-2</v>
      </c>
      <c r="W4358" s="2">
        <v>82.9</v>
      </c>
      <c r="X4358" s="2">
        <v>7.6</v>
      </c>
      <c r="Y4358" s="2">
        <v>16.7</v>
      </c>
      <c r="Z4358" s="5"/>
      <c r="AA4358" s="5" t="s">
        <v>43</v>
      </c>
      <c r="AB4358" s="5" t="s">
        <v>44</v>
      </c>
      <c r="AC4358" s="2"/>
      <c r="AD4358" s="1"/>
    </row>
    <row r="4359" spans="1:30">
      <c r="A4359" s="5" t="s">
        <v>83578</v>
      </c>
      <c r="B4359" s="2" t="s">
        <v>96679</v>
      </c>
      <c r="C4359" s="14" t="s">
        <v>96680</v>
      </c>
      <c r="D4359" s="2" t="s">
        <v>96681</v>
      </c>
      <c r="E4359" s="2" t="s">
        <v>36301</v>
      </c>
      <c r="F4359" s="8">
        <v>262</v>
      </c>
      <c r="G4359" s="5">
        <v>6</v>
      </c>
      <c r="H4359" s="5" t="s">
        <v>1518</v>
      </c>
      <c r="I4359" s="5" t="s">
        <v>36264</v>
      </c>
      <c r="J4359" s="2" t="s">
        <v>36265</v>
      </c>
      <c r="K4359" s="5" t="s">
        <v>36264</v>
      </c>
      <c r="L4359" s="2" t="s">
        <v>36265</v>
      </c>
      <c r="M4359" s="5" t="s">
        <v>36266</v>
      </c>
      <c r="N4359" s="5" t="s">
        <v>38</v>
      </c>
      <c r="O4359" s="5" t="s">
        <v>39</v>
      </c>
      <c r="P4359" s="5" t="s">
        <v>40</v>
      </c>
      <c r="Q4359" s="5" t="s">
        <v>1522</v>
      </c>
      <c r="R4359" s="5" t="s">
        <v>1523</v>
      </c>
      <c r="S4359" s="5" t="s">
        <v>42</v>
      </c>
      <c r="T4359" s="2">
        <v>2.3639999999999999</v>
      </c>
      <c r="U4359" s="2">
        <v>1.8919999999999999</v>
      </c>
      <c r="V4359" s="2">
        <v>1.0999999999999999E-2</v>
      </c>
      <c r="W4359" s="2">
        <v>82.9</v>
      </c>
      <c r="X4359" s="2">
        <v>7.6</v>
      </c>
      <c r="Y4359" s="2">
        <v>16.7</v>
      </c>
      <c r="Z4359" s="5"/>
      <c r="AA4359" s="5" t="s">
        <v>43</v>
      </c>
      <c r="AB4359" s="5" t="s">
        <v>44</v>
      </c>
      <c r="AC4359" s="2"/>
      <c r="AD4359" s="1"/>
    </row>
    <row r="4360" spans="1:30">
      <c r="A4360" s="5" t="s">
        <v>83578</v>
      </c>
      <c r="B4360" s="2" t="s">
        <v>96682</v>
      </c>
      <c r="C4360" s="14" t="s">
        <v>96683</v>
      </c>
      <c r="D4360" s="2" t="s">
        <v>96684</v>
      </c>
      <c r="E4360" s="2" t="s">
        <v>36305</v>
      </c>
      <c r="F4360" s="8">
        <v>262</v>
      </c>
      <c r="G4360" s="5">
        <v>6</v>
      </c>
      <c r="H4360" s="5" t="s">
        <v>1518</v>
      </c>
      <c r="I4360" s="5" t="s">
        <v>36264</v>
      </c>
      <c r="J4360" s="2" t="s">
        <v>36265</v>
      </c>
      <c r="K4360" s="5" t="s">
        <v>36264</v>
      </c>
      <c r="L4360" s="2" t="s">
        <v>36265</v>
      </c>
      <c r="M4360" s="5" t="s">
        <v>36266</v>
      </c>
      <c r="N4360" s="5" t="s">
        <v>38</v>
      </c>
      <c r="O4360" s="5" t="s">
        <v>39</v>
      </c>
      <c r="P4360" s="5" t="s">
        <v>40</v>
      </c>
      <c r="Q4360" s="5" t="s">
        <v>1522</v>
      </c>
      <c r="R4360" s="5" t="s">
        <v>1523</v>
      </c>
      <c r="S4360" s="5" t="s">
        <v>42</v>
      </c>
      <c r="T4360" s="2">
        <v>2.302</v>
      </c>
      <c r="U4360" s="2">
        <v>1.83</v>
      </c>
      <c r="V4360" s="2">
        <v>1.0999999999999999E-2</v>
      </c>
      <c r="W4360" s="2">
        <v>82.9</v>
      </c>
      <c r="X4360" s="2">
        <v>7.6</v>
      </c>
      <c r="Y4360" s="2">
        <v>16.7</v>
      </c>
      <c r="Z4360" s="5"/>
      <c r="AA4360" s="5" t="s">
        <v>43</v>
      </c>
      <c r="AB4360" s="5" t="s">
        <v>44</v>
      </c>
      <c r="AC4360" s="2"/>
      <c r="AD4360" s="1"/>
    </row>
    <row r="4361" spans="1:30">
      <c r="A4361" s="5" t="s">
        <v>83578</v>
      </c>
      <c r="B4361" s="2" t="s">
        <v>96685</v>
      </c>
      <c r="C4361" s="14" t="s">
        <v>96686</v>
      </c>
      <c r="D4361" s="2" t="s">
        <v>96687</v>
      </c>
      <c r="E4361" s="2" t="s">
        <v>36309</v>
      </c>
      <c r="F4361" s="8">
        <v>262</v>
      </c>
      <c r="G4361" s="5">
        <v>6</v>
      </c>
      <c r="H4361" s="5" t="s">
        <v>1518</v>
      </c>
      <c r="I4361" s="5" t="s">
        <v>36264</v>
      </c>
      <c r="J4361" s="2" t="s">
        <v>36265</v>
      </c>
      <c r="K4361" s="5" t="s">
        <v>36264</v>
      </c>
      <c r="L4361" s="2" t="s">
        <v>36265</v>
      </c>
      <c r="M4361" s="5" t="s">
        <v>36266</v>
      </c>
      <c r="N4361" s="5" t="s">
        <v>38</v>
      </c>
      <c r="O4361" s="5" t="s">
        <v>39</v>
      </c>
      <c r="P4361" s="5" t="s">
        <v>40</v>
      </c>
      <c r="Q4361" s="5" t="s">
        <v>1522</v>
      </c>
      <c r="R4361" s="5" t="s">
        <v>1523</v>
      </c>
      <c r="S4361" s="5" t="s">
        <v>42</v>
      </c>
      <c r="T4361" s="2">
        <v>2.3639999999999999</v>
      </c>
      <c r="U4361" s="2">
        <v>1.8919999999999999</v>
      </c>
      <c r="V4361" s="2">
        <v>1.0999999999999999E-2</v>
      </c>
      <c r="W4361" s="2">
        <v>82.9</v>
      </c>
      <c r="X4361" s="2">
        <v>7.6</v>
      </c>
      <c r="Y4361" s="2">
        <v>16.7</v>
      </c>
      <c r="Z4361" s="5"/>
      <c r="AA4361" s="5" t="s">
        <v>43</v>
      </c>
      <c r="AB4361" s="5" t="s">
        <v>44</v>
      </c>
      <c r="AC4361" s="2"/>
      <c r="AD4361" s="1"/>
    </row>
    <row r="4362" spans="1:30">
      <c r="A4362" s="5" t="s">
        <v>83578</v>
      </c>
      <c r="B4362" s="2" t="s">
        <v>96688</v>
      </c>
      <c r="C4362" s="14" t="s">
        <v>96689</v>
      </c>
      <c r="D4362" s="2" t="s">
        <v>96690</v>
      </c>
      <c r="E4362" s="2" t="s">
        <v>36313</v>
      </c>
      <c r="F4362" s="8">
        <v>282</v>
      </c>
      <c r="G4362" s="5">
        <v>6</v>
      </c>
      <c r="H4362" s="5" t="s">
        <v>1518</v>
      </c>
      <c r="I4362" s="5" t="s">
        <v>36264</v>
      </c>
      <c r="J4362" s="2" t="s">
        <v>36265</v>
      </c>
      <c r="K4362" s="5" t="s">
        <v>36264</v>
      </c>
      <c r="L4362" s="2" t="s">
        <v>36265</v>
      </c>
      <c r="M4362" s="5" t="s">
        <v>36266</v>
      </c>
      <c r="N4362" s="5" t="s">
        <v>38</v>
      </c>
      <c r="O4362" s="5" t="s">
        <v>39</v>
      </c>
      <c r="P4362" s="5" t="s">
        <v>40</v>
      </c>
      <c r="Q4362" s="5" t="s">
        <v>1522</v>
      </c>
      <c r="R4362" s="5" t="s">
        <v>1523</v>
      </c>
      <c r="S4362" s="5" t="s">
        <v>42</v>
      </c>
      <c r="T4362" s="2">
        <v>2.302</v>
      </c>
      <c r="U4362" s="2">
        <v>1.83</v>
      </c>
      <c r="V4362" s="2">
        <v>1.0999999999999999E-2</v>
      </c>
      <c r="W4362" s="2">
        <v>82.9</v>
      </c>
      <c r="X4362" s="2">
        <v>7.6</v>
      </c>
      <c r="Y4362" s="2">
        <v>16.7</v>
      </c>
      <c r="Z4362" s="5"/>
      <c r="AA4362" s="5" t="s">
        <v>43</v>
      </c>
      <c r="AB4362" s="5" t="s">
        <v>44</v>
      </c>
      <c r="AC4362" s="2"/>
      <c r="AD4362" s="1"/>
    </row>
    <row r="4363" spans="1:30">
      <c r="A4363" s="5" t="s">
        <v>83578</v>
      </c>
      <c r="B4363" s="2" t="s">
        <v>96691</v>
      </c>
      <c r="C4363" s="14" t="s">
        <v>96692</v>
      </c>
      <c r="D4363" s="2" t="s">
        <v>96693</v>
      </c>
      <c r="E4363" s="2" t="s">
        <v>36317</v>
      </c>
      <c r="F4363" s="8">
        <v>282</v>
      </c>
      <c r="G4363" s="5">
        <v>6</v>
      </c>
      <c r="H4363" s="5" t="s">
        <v>1518</v>
      </c>
      <c r="I4363" s="5" t="s">
        <v>36264</v>
      </c>
      <c r="J4363" s="2" t="s">
        <v>36265</v>
      </c>
      <c r="K4363" s="5" t="s">
        <v>36264</v>
      </c>
      <c r="L4363" s="2" t="s">
        <v>36265</v>
      </c>
      <c r="M4363" s="5" t="s">
        <v>36266</v>
      </c>
      <c r="N4363" s="5" t="s">
        <v>38</v>
      </c>
      <c r="O4363" s="5" t="s">
        <v>39</v>
      </c>
      <c r="P4363" s="5" t="s">
        <v>40</v>
      </c>
      <c r="Q4363" s="5" t="s">
        <v>1522</v>
      </c>
      <c r="R4363" s="5" t="s">
        <v>1523</v>
      </c>
      <c r="S4363" s="5" t="s">
        <v>42</v>
      </c>
      <c r="T4363" s="2">
        <v>2.3639999999999999</v>
      </c>
      <c r="U4363" s="2">
        <v>1.8919999999999999</v>
      </c>
      <c r="V4363" s="2">
        <v>1.0999999999999999E-2</v>
      </c>
      <c r="W4363" s="2">
        <v>82.9</v>
      </c>
      <c r="X4363" s="2">
        <v>7.6</v>
      </c>
      <c r="Y4363" s="2">
        <v>16.7</v>
      </c>
      <c r="Z4363" s="5"/>
      <c r="AA4363" s="5" t="s">
        <v>43</v>
      </c>
      <c r="AB4363" s="5" t="s">
        <v>44</v>
      </c>
      <c r="AC4363" s="2"/>
      <c r="AD4363" s="1"/>
    </row>
    <row r="4364" spans="1:30">
      <c r="A4364" s="5" t="s">
        <v>83578</v>
      </c>
      <c r="B4364" s="2" t="s">
        <v>96694</v>
      </c>
      <c r="C4364" s="14" t="s">
        <v>96695</v>
      </c>
      <c r="D4364" s="2" t="s">
        <v>96696</v>
      </c>
      <c r="E4364" s="2" t="s">
        <v>36321</v>
      </c>
      <c r="F4364" s="8">
        <v>282</v>
      </c>
      <c r="G4364" s="5">
        <v>6</v>
      </c>
      <c r="H4364" s="5" t="s">
        <v>1518</v>
      </c>
      <c r="I4364" s="5" t="s">
        <v>36264</v>
      </c>
      <c r="J4364" s="2" t="s">
        <v>36265</v>
      </c>
      <c r="K4364" s="5" t="s">
        <v>36264</v>
      </c>
      <c r="L4364" s="2" t="s">
        <v>36265</v>
      </c>
      <c r="M4364" s="5" t="s">
        <v>36266</v>
      </c>
      <c r="N4364" s="5" t="s">
        <v>38</v>
      </c>
      <c r="O4364" s="5" t="s">
        <v>39</v>
      </c>
      <c r="P4364" s="5" t="s">
        <v>40</v>
      </c>
      <c r="Q4364" s="5" t="s">
        <v>1522</v>
      </c>
      <c r="R4364" s="5" t="s">
        <v>1523</v>
      </c>
      <c r="S4364" s="5" t="s">
        <v>42</v>
      </c>
      <c r="T4364" s="2">
        <v>2.302</v>
      </c>
      <c r="U4364" s="2">
        <v>1.83</v>
      </c>
      <c r="V4364" s="2">
        <v>1.0999999999999999E-2</v>
      </c>
      <c r="W4364" s="2">
        <v>82.9</v>
      </c>
      <c r="X4364" s="2">
        <v>7.6</v>
      </c>
      <c r="Y4364" s="2">
        <v>16.7</v>
      </c>
      <c r="Z4364" s="5"/>
      <c r="AA4364" s="5" t="s">
        <v>43</v>
      </c>
      <c r="AB4364" s="5" t="s">
        <v>44</v>
      </c>
      <c r="AC4364" s="2"/>
      <c r="AD4364" s="1"/>
    </row>
    <row r="4365" spans="1:30">
      <c r="A4365" s="5" t="s">
        <v>83578</v>
      </c>
      <c r="B4365" s="2" t="s">
        <v>96697</v>
      </c>
      <c r="C4365" s="14" t="s">
        <v>96698</v>
      </c>
      <c r="D4365" s="2" t="s">
        <v>96699</v>
      </c>
      <c r="E4365" s="2" t="s">
        <v>36325</v>
      </c>
      <c r="F4365" s="8">
        <v>282</v>
      </c>
      <c r="G4365" s="5">
        <v>6</v>
      </c>
      <c r="H4365" s="5" t="s">
        <v>1518</v>
      </c>
      <c r="I4365" s="5" t="s">
        <v>36264</v>
      </c>
      <c r="J4365" s="2" t="s">
        <v>36265</v>
      </c>
      <c r="K4365" s="5" t="s">
        <v>36264</v>
      </c>
      <c r="L4365" s="2" t="s">
        <v>36265</v>
      </c>
      <c r="M4365" s="5" t="s">
        <v>36266</v>
      </c>
      <c r="N4365" s="5" t="s">
        <v>38</v>
      </c>
      <c r="O4365" s="5" t="s">
        <v>39</v>
      </c>
      <c r="P4365" s="5" t="s">
        <v>40</v>
      </c>
      <c r="Q4365" s="5" t="s">
        <v>1522</v>
      </c>
      <c r="R4365" s="5" t="s">
        <v>1523</v>
      </c>
      <c r="S4365" s="5" t="s">
        <v>42</v>
      </c>
      <c r="T4365" s="2">
        <v>2.3639999999999999</v>
      </c>
      <c r="U4365" s="2">
        <v>1.8919999999999999</v>
      </c>
      <c r="V4365" s="2">
        <v>1.0999999999999999E-2</v>
      </c>
      <c r="W4365" s="2">
        <v>82.9</v>
      </c>
      <c r="X4365" s="2">
        <v>7.6</v>
      </c>
      <c r="Y4365" s="2">
        <v>16.7</v>
      </c>
      <c r="Z4365" s="5"/>
      <c r="AA4365" s="5" t="s">
        <v>43</v>
      </c>
      <c r="AB4365" s="5" t="s">
        <v>44</v>
      </c>
      <c r="AC4365" s="2"/>
      <c r="AD4365" s="1"/>
    </row>
    <row r="4366" spans="1:30">
      <c r="A4366" s="5" t="s">
        <v>83578</v>
      </c>
      <c r="B4366" s="2" t="s">
        <v>96700</v>
      </c>
      <c r="C4366" s="14" t="s">
        <v>96701</v>
      </c>
      <c r="D4366" s="2" t="s">
        <v>96702</v>
      </c>
      <c r="E4366" s="2" t="s">
        <v>36329</v>
      </c>
      <c r="F4366" s="8">
        <v>282</v>
      </c>
      <c r="G4366" s="5">
        <v>6</v>
      </c>
      <c r="H4366" s="5" t="s">
        <v>1518</v>
      </c>
      <c r="I4366" s="5" t="s">
        <v>36264</v>
      </c>
      <c r="J4366" s="2" t="s">
        <v>36265</v>
      </c>
      <c r="K4366" s="5" t="s">
        <v>36264</v>
      </c>
      <c r="L4366" s="2" t="s">
        <v>36265</v>
      </c>
      <c r="M4366" s="5" t="s">
        <v>36266</v>
      </c>
      <c r="N4366" s="5" t="s">
        <v>38</v>
      </c>
      <c r="O4366" s="5" t="s">
        <v>39</v>
      </c>
      <c r="P4366" s="5" t="s">
        <v>40</v>
      </c>
      <c r="Q4366" s="5" t="s">
        <v>1522</v>
      </c>
      <c r="R4366" s="5" t="s">
        <v>1523</v>
      </c>
      <c r="S4366" s="5" t="s">
        <v>42</v>
      </c>
      <c r="T4366" s="2">
        <v>2.302</v>
      </c>
      <c r="U4366" s="2">
        <v>1.83</v>
      </c>
      <c r="V4366" s="2">
        <v>1.0999999999999999E-2</v>
      </c>
      <c r="W4366" s="2">
        <v>82.9</v>
      </c>
      <c r="X4366" s="2">
        <v>7.6</v>
      </c>
      <c r="Y4366" s="2">
        <v>16.7</v>
      </c>
      <c r="Z4366" s="5"/>
      <c r="AA4366" s="5" t="s">
        <v>43</v>
      </c>
      <c r="AB4366" s="5" t="s">
        <v>44</v>
      </c>
      <c r="AC4366" s="2"/>
      <c r="AD4366" s="1"/>
    </row>
    <row r="4367" spans="1:30">
      <c r="A4367" s="5" t="s">
        <v>83578</v>
      </c>
      <c r="B4367" s="2" t="s">
        <v>96703</v>
      </c>
      <c r="C4367" s="14" t="s">
        <v>96704</v>
      </c>
      <c r="D4367" s="2" t="s">
        <v>96705</v>
      </c>
      <c r="E4367" s="2" t="s">
        <v>36333</v>
      </c>
      <c r="F4367" s="8">
        <v>282</v>
      </c>
      <c r="G4367" s="5">
        <v>6</v>
      </c>
      <c r="H4367" s="5" t="s">
        <v>1518</v>
      </c>
      <c r="I4367" s="5" t="s">
        <v>36264</v>
      </c>
      <c r="J4367" s="2" t="s">
        <v>36265</v>
      </c>
      <c r="K4367" s="5" t="s">
        <v>36264</v>
      </c>
      <c r="L4367" s="2" t="s">
        <v>36265</v>
      </c>
      <c r="M4367" s="5" t="s">
        <v>36266</v>
      </c>
      <c r="N4367" s="5" t="s">
        <v>38</v>
      </c>
      <c r="O4367" s="5" t="s">
        <v>39</v>
      </c>
      <c r="P4367" s="5" t="s">
        <v>40</v>
      </c>
      <c r="Q4367" s="5" t="s">
        <v>1522</v>
      </c>
      <c r="R4367" s="5" t="s">
        <v>1523</v>
      </c>
      <c r="S4367" s="5" t="s">
        <v>42</v>
      </c>
      <c r="T4367" s="2">
        <v>2.3639999999999999</v>
      </c>
      <c r="U4367" s="2">
        <v>1.8919999999999999</v>
      </c>
      <c r="V4367" s="2">
        <v>1.0999999999999999E-2</v>
      </c>
      <c r="W4367" s="2">
        <v>82.9</v>
      </c>
      <c r="X4367" s="2">
        <v>7.6</v>
      </c>
      <c r="Y4367" s="2">
        <v>16.7</v>
      </c>
      <c r="Z4367" s="5"/>
      <c r="AA4367" s="5" t="s">
        <v>43</v>
      </c>
      <c r="AB4367" s="5" t="s">
        <v>44</v>
      </c>
      <c r="AC4367" s="2"/>
      <c r="AD4367" s="1"/>
    </row>
    <row r="4368" spans="1:30">
      <c r="A4368" s="5" t="s">
        <v>83578</v>
      </c>
      <c r="B4368" s="2" t="s">
        <v>96706</v>
      </c>
      <c r="C4368" s="14" t="s">
        <v>96707</v>
      </c>
      <c r="D4368" s="2" t="s">
        <v>96708</v>
      </c>
      <c r="E4368" s="2" t="s">
        <v>36337</v>
      </c>
      <c r="F4368" s="8">
        <v>282</v>
      </c>
      <c r="G4368" s="5">
        <v>6</v>
      </c>
      <c r="H4368" s="5" t="s">
        <v>1518</v>
      </c>
      <c r="I4368" s="5" t="s">
        <v>36264</v>
      </c>
      <c r="J4368" s="2" t="s">
        <v>36265</v>
      </c>
      <c r="K4368" s="5" t="s">
        <v>36264</v>
      </c>
      <c r="L4368" s="2" t="s">
        <v>36265</v>
      </c>
      <c r="M4368" s="5" t="s">
        <v>36266</v>
      </c>
      <c r="N4368" s="5" t="s">
        <v>38</v>
      </c>
      <c r="O4368" s="5" t="s">
        <v>39</v>
      </c>
      <c r="P4368" s="5" t="s">
        <v>40</v>
      </c>
      <c r="Q4368" s="5" t="s">
        <v>1522</v>
      </c>
      <c r="R4368" s="5" t="s">
        <v>1523</v>
      </c>
      <c r="S4368" s="5" t="s">
        <v>42</v>
      </c>
      <c r="T4368" s="2">
        <v>2.302</v>
      </c>
      <c r="U4368" s="2">
        <v>1.83</v>
      </c>
      <c r="V4368" s="2">
        <v>1.0999999999999999E-2</v>
      </c>
      <c r="W4368" s="2">
        <v>82.9</v>
      </c>
      <c r="X4368" s="2">
        <v>7.6</v>
      </c>
      <c r="Y4368" s="2">
        <v>16.7</v>
      </c>
      <c r="Z4368" s="5"/>
      <c r="AA4368" s="5" t="s">
        <v>43</v>
      </c>
      <c r="AB4368" s="5" t="s">
        <v>44</v>
      </c>
      <c r="AC4368" s="2"/>
      <c r="AD4368" s="1"/>
    </row>
    <row r="4369" spans="1:30">
      <c r="A4369" s="5" t="s">
        <v>83578</v>
      </c>
      <c r="B4369" s="2" t="s">
        <v>96709</v>
      </c>
      <c r="C4369" s="14" t="s">
        <v>96710</v>
      </c>
      <c r="D4369" s="2" t="s">
        <v>96711</v>
      </c>
      <c r="E4369" s="2" t="s">
        <v>36341</v>
      </c>
      <c r="F4369" s="8">
        <v>282</v>
      </c>
      <c r="G4369" s="5">
        <v>6</v>
      </c>
      <c r="H4369" s="5" t="s">
        <v>1518</v>
      </c>
      <c r="I4369" s="5" t="s">
        <v>36264</v>
      </c>
      <c r="J4369" s="2" t="s">
        <v>36265</v>
      </c>
      <c r="K4369" s="5" t="s">
        <v>36264</v>
      </c>
      <c r="L4369" s="2" t="s">
        <v>36265</v>
      </c>
      <c r="M4369" s="5" t="s">
        <v>36266</v>
      </c>
      <c r="N4369" s="5" t="s">
        <v>38</v>
      </c>
      <c r="O4369" s="5" t="s">
        <v>39</v>
      </c>
      <c r="P4369" s="5" t="s">
        <v>40</v>
      </c>
      <c r="Q4369" s="5" t="s">
        <v>1522</v>
      </c>
      <c r="R4369" s="5" t="s">
        <v>1523</v>
      </c>
      <c r="S4369" s="5" t="s">
        <v>42</v>
      </c>
      <c r="T4369" s="2">
        <v>2.3639999999999999</v>
      </c>
      <c r="U4369" s="2">
        <v>1.8919999999999999</v>
      </c>
      <c r="V4369" s="2">
        <v>1.0999999999999999E-2</v>
      </c>
      <c r="W4369" s="2">
        <v>82.9</v>
      </c>
      <c r="X4369" s="2">
        <v>7.6</v>
      </c>
      <c r="Y4369" s="2">
        <v>16.7</v>
      </c>
      <c r="Z4369" s="5"/>
      <c r="AA4369" s="5" t="s">
        <v>43</v>
      </c>
      <c r="AB4369" s="5" t="s">
        <v>44</v>
      </c>
      <c r="AC4369" s="2"/>
      <c r="AD4369" s="1"/>
    </row>
    <row r="4370" spans="1:30">
      <c r="A4370" s="5" t="s">
        <v>83578</v>
      </c>
      <c r="B4370" s="2" t="s">
        <v>96712</v>
      </c>
      <c r="C4370" s="14" t="s">
        <v>96713</v>
      </c>
      <c r="D4370" s="2" t="s">
        <v>96714</v>
      </c>
      <c r="E4370" s="2" t="s">
        <v>36345</v>
      </c>
      <c r="F4370" s="8">
        <v>282</v>
      </c>
      <c r="G4370" s="5">
        <v>6</v>
      </c>
      <c r="H4370" s="5" t="s">
        <v>1518</v>
      </c>
      <c r="I4370" s="5" t="s">
        <v>36264</v>
      </c>
      <c r="J4370" s="2" t="s">
        <v>36265</v>
      </c>
      <c r="K4370" s="5" t="s">
        <v>36264</v>
      </c>
      <c r="L4370" s="2" t="s">
        <v>36265</v>
      </c>
      <c r="M4370" s="5" t="s">
        <v>36266</v>
      </c>
      <c r="N4370" s="5" t="s">
        <v>38</v>
      </c>
      <c r="O4370" s="5" t="s">
        <v>39</v>
      </c>
      <c r="P4370" s="5" t="s">
        <v>40</v>
      </c>
      <c r="Q4370" s="5" t="s">
        <v>1522</v>
      </c>
      <c r="R4370" s="5" t="s">
        <v>1523</v>
      </c>
      <c r="S4370" s="5" t="s">
        <v>42</v>
      </c>
      <c r="T4370" s="2">
        <v>2.302</v>
      </c>
      <c r="U4370" s="2">
        <v>1.83</v>
      </c>
      <c r="V4370" s="2">
        <v>1.0999999999999999E-2</v>
      </c>
      <c r="W4370" s="2">
        <v>82.9</v>
      </c>
      <c r="X4370" s="2">
        <v>7.6</v>
      </c>
      <c r="Y4370" s="2">
        <v>16.7</v>
      </c>
      <c r="Z4370" s="5"/>
      <c r="AA4370" s="5" t="s">
        <v>43</v>
      </c>
      <c r="AB4370" s="5" t="s">
        <v>44</v>
      </c>
      <c r="AC4370" s="2"/>
      <c r="AD4370" s="1"/>
    </row>
    <row r="4371" spans="1:30">
      <c r="A4371" s="5" t="s">
        <v>83578</v>
      </c>
      <c r="B4371" s="2" t="s">
        <v>96715</v>
      </c>
      <c r="C4371" s="14" t="s">
        <v>96716</v>
      </c>
      <c r="D4371" s="2" t="s">
        <v>96717</v>
      </c>
      <c r="E4371" s="2" t="s">
        <v>36353</v>
      </c>
      <c r="F4371" s="8">
        <v>282</v>
      </c>
      <c r="G4371" s="5">
        <v>6</v>
      </c>
      <c r="H4371" s="5" t="s">
        <v>1518</v>
      </c>
      <c r="I4371" s="5" t="s">
        <v>36264</v>
      </c>
      <c r="J4371" s="2" t="s">
        <v>36265</v>
      </c>
      <c r="K4371" s="5" t="s">
        <v>36264</v>
      </c>
      <c r="L4371" s="2" t="s">
        <v>36265</v>
      </c>
      <c r="M4371" s="5" t="s">
        <v>36266</v>
      </c>
      <c r="N4371" s="5" t="s">
        <v>38</v>
      </c>
      <c r="O4371" s="5" t="s">
        <v>39</v>
      </c>
      <c r="P4371" s="5" t="s">
        <v>40</v>
      </c>
      <c r="Q4371" s="5" t="s">
        <v>1522</v>
      </c>
      <c r="R4371" s="5" t="s">
        <v>1523</v>
      </c>
      <c r="S4371" s="5" t="s">
        <v>42</v>
      </c>
      <c r="T4371" s="2">
        <v>2.302</v>
      </c>
      <c r="U4371" s="2">
        <v>1.83</v>
      </c>
      <c r="V4371" s="2">
        <v>1.0999999999999999E-2</v>
      </c>
      <c r="W4371" s="2">
        <v>82.9</v>
      </c>
      <c r="X4371" s="2">
        <v>7.6</v>
      </c>
      <c r="Y4371" s="2">
        <v>16.7</v>
      </c>
      <c r="Z4371" s="5"/>
      <c r="AA4371" s="5" t="s">
        <v>43</v>
      </c>
      <c r="AB4371" s="5" t="s">
        <v>44</v>
      </c>
      <c r="AC4371" s="2"/>
      <c r="AD4371" s="1"/>
    </row>
    <row r="4372" spans="1:30">
      <c r="A4372" s="5" t="s">
        <v>83578</v>
      </c>
      <c r="B4372" s="2" t="s">
        <v>96718</v>
      </c>
      <c r="C4372" s="14" t="s">
        <v>96719</v>
      </c>
      <c r="D4372" s="2" t="s">
        <v>96720</v>
      </c>
      <c r="E4372" s="2" t="s">
        <v>36357</v>
      </c>
      <c r="F4372" s="8">
        <v>282</v>
      </c>
      <c r="G4372" s="5">
        <v>6</v>
      </c>
      <c r="H4372" s="5" t="s">
        <v>1518</v>
      </c>
      <c r="I4372" s="5" t="s">
        <v>36264</v>
      </c>
      <c r="J4372" s="2" t="s">
        <v>36265</v>
      </c>
      <c r="K4372" s="5" t="s">
        <v>36264</v>
      </c>
      <c r="L4372" s="2" t="s">
        <v>36265</v>
      </c>
      <c r="M4372" s="5" t="s">
        <v>36266</v>
      </c>
      <c r="N4372" s="5" t="s">
        <v>38</v>
      </c>
      <c r="O4372" s="5" t="s">
        <v>39</v>
      </c>
      <c r="P4372" s="5" t="s">
        <v>40</v>
      </c>
      <c r="Q4372" s="5" t="s">
        <v>1522</v>
      </c>
      <c r="R4372" s="5" t="s">
        <v>1523</v>
      </c>
      <c r="S4372" s="5" t="s">
        <v>42</v>
      </c>
      <c r="T4372" s="2">
        <v>2.3639999999999999</v>
      </c>
      <c r="U4372" s="2">
        <v>1.8919999999999999</v>
      </c>
      <c r="V4372" s="2">
        <v>1.0999999999999999E-2</v>
      </c>
      <c r="W4372" s="2">
        <v>82.9</v>
      </c>
      <c r="X4372" s="2">
        <v>7.6</v>
      </c>
      <c r="Y4372" s="2">
        <v>16.7</v>
      </c>
      <c r="Z4372" s="5"/>
      <c r="AA4372" s="5" t="s">
        <v>43</v>
      </c>
      <c r="AB4372" s="5" t="s">
        <v>44</v>
      </c>
      <c r="AC4372" s="2"/>
      <c r="AD4372" s="1"/>
    </row>
    <row r="4373" spans="1:30">
      <c r="A4373" s="5" t="s">
        <v>83578</v>
      </c>
      <c r="B4373" s="2" t="s">
        <v>96721</v>
      </c>
      <c r="C4373" s="14" t="s">
        <v>96722</v>
      </c>
      <c r="D4373" s="2" t="s">
        <v>96723</v>
      </c>
      <c r="E4373" s="2" t="s">
        <v>45598</v>
      </c>
      <c r="F4373" s="8">
        <v>282</v>
      </c>
      <c r="G4373" s="5">
        <v>6</v>
      </c>
      <c r="H4373" s="5" t="s">
        <v>1518</v>
      </c>
      <c r="I4373" s="5" t="s">
        <v>36264</v>
      </c>
      <c r="J4373" s="2" t="s">
        <v>36265</v>
      </c>
      <c r="K4373" s="5" t="s">
        <v>36264</v>
      </c>
      <c r="L4373" s="2" t="s">
        <v>36265</v>
      </c>
      <c r="M4373" s="5" t="s">
        <v>36266</v>
      </c>
      <c r="N4373" s="5" t="s">
        <v>38</v>
      </c>
      <c r="O4373" s="5" t="s">
        <v>39</v>
      </c>
      <c r="P4373" s="5" t="s">
        <v>40</v>
      </c>
      <c r="Q4373" s="5" t="s">
        <v>1522</v>
      </c>
      <c r="R4373" s="5" t="s">
        <v>1523</v>
      </c>
      <c r="S4373" s="5" t="s">
        <v>42</v>
      </c>
      <c r="T4373" s="2">
        <v>2.302</v>
      </c>
      <c r="U4373" s="2">
        <v>1.83</v>
      </c>
      <c r="V4373" s="2">
        <v>1.0999999999999999E-2</v>
      </c>
      <c r="W4373" s="2">
        <v>82.9</v>
      </c>
      <c r="X4373" s="2">
        <v>7.6</v>
      </c>
      <c r="Y4373" s="2">
        <v>16.7</v>
      </c>
      <c r="Z4373" s="5"/>
      <c r="AA4373" s="5" t="s">
        <v>43</v>
      </c>
      <c r="AB4373" s="5" t="s">
        <v>44</v>
      </c>
      <c r="AC4373" s="2"/>
      <c r="AD4373" s="1"/>
    </row>
    <row r="4374" spans="1:30">
      <c r="A4374" s="5" t="s">
        <v>83578</v>
      </c>
      <c r="B4374" s="2" t="s">
        <v>96724</v>
      </c>
      <c r="C4374" s="14" t="s">
        <v>96725</v>
      </c>
      <c r="D4374" s="2" t="s">
        <v>96726</v>
      </c>
      <c r="E4374" s="2" t="s">
        <v>45534</v>
      </c>
      <c r="F4374" s="8">
        <v>282</v>
      </c>
      <c r="G4374" s="5">
        <v>6</v>
      </c>
      <c r="H4374" s="5" t="s">
        <v>1518</v>
      </c>
      <c r="I4374" s="5" t="s">
        <v>36264</v>
      </c>
      <c r="J4374" s="2" t="s">
        <v>36265</v>
      </c>
      <c r="K4374" s="5" t="s">
        <v>36264</v>
      </c>
      <c r="L4374" s="2" t="s">
        <v>36265</v>
      </c>
      <c r="M4374" s="5" t="s">
        <v>36266</v>
      </c>
      <c r="N4374" s="5" t="s">
        <v>38</v>
      </c>
      <c r="O4374" s="5" t="s">
        <v>39</v>
      </c>
      <c r="P4374" s="5" t="s">
        <v>40</v>
      </c>
      <c r="Q4374" s="5" t="s">
        <v>1522</v>
      </c>
      <c r="R4374" s="5" t="s">
        <v>1523</v>
      </c>
      <c r="S4374" s="5" t="s">
        <v>42</v>
      </c>
      <c r="T4374" s="2">
        <v>2.3639999999999999</v>
      </c>
      <c r="U4374" s="2">
        <v>1.8919999999999999</v>
      </c>
      <c r="V4374" s="2">
        <v>1.0999999999999999E-2</v>
      </c>
      <c r="W4374" s="2">
        <v>82.9</v>
      </c>
      <c r="X4374" s="2">
        <v>7.6</v>
      </c>
      <c r="Y4374" s="2">
        <v>16.7</v>
      </c>
      <c r="Z4374" s="5"/>
      <c r="AA4374" s="5" t="s">
        <v>43</v>
      </c>
      <c r="AB4374" s="5" t="s">
        <v>44</v>
      </c>
      <c r="AC4374" s="2"/>
      <c r="AD4374" s="1"/>
    </row>
    <row r="4375" spans="1:30">
      <c r="A4375" s="5" t="s">
        <v>83578</v>
      </c>
      <c r="B4375" s="2" t="s">
        <v>96727</v>
      </c>
      <c r="C4375" s="14" t="s">
        <v>96728</v>
      </c>
      <c r="D4375" s="2" t="s">
        <v>96729</v>
      </c>
      <c r="E4375" s="2" t="s">
        <v>36369</v>
      </c>
      <c r="F4375" s="8">
        <v>282</v>
      </c>
      <c r="G4375" s="5">
        <v>6</v>
      </c>
      <c r="H4375" s="5" t="s">
        <v>1518</v>
      </c>
      <c r="I4375" s="5" t="s">
        <v>36264</v>
      </c>
      <c r="J4375" s="2" t="s">
        <v>36265</v>
      </c>
      <c r="K4375" s="5" t="s">
        <v>36264</v>
      </c>
      <c r="L4375" s="2" t="s">
        <v>36265</v>
      </c>
      <c r="M4375" s="5" t="s">
        <v>36266</v>
      </c>
      <c r="N4375" s="5" t="s">
        <v>38</v>
      </c>
      <c r="O4375" s="5" t="s">
        <v>39</v>
      </c>
      <c r="P4375" s="5" t="s">
        <v>40</v>
      </c>
      <c r="Q4375" s="5" t="s">
        <v>1522</v>
      </c>
      <c r="R4375" s="5" t="s">
        <v>1523</v>
      </c>
      <c r="S4375" s="5" t="s">
        <v>42</v>
      </c>
      <c r="T4375" s="2">
        <v>2.302</v>
      </c>
      <c r="U4375" s="2">
        <v>1.83</v>
      </c>
      <c r="V4375" s="2">
        <v>1.0999999999999999E-2</v>
      </c>
      <c r="W4375" s="2">
        <v>82.9</v>
      </c>
      <c r="X4375" s="2">
        <v>7.6</v>
      </c>
      <c r="Y4375" s="2">
        <v>16.7</v>
      </c>
      <c r="Z4375" s="5"/>
      <c r="AA4375" s="5" t="s">
        <v>43</v>
      </c>
      <c r="AB4375" s="5" t="s">
        <v>44</v>
      </c>
      <c r="AC4375" s="2"/>
      <c r="AD4375" s="1"/>
    </row>
    <row r="4376" spans="1:30">
      <c r="A4376" s="5" t="s">
        <v>83578</v>
      </c>
      <c r="B4376" s="2" t="s">
        <v>96730</v>
      </c>
      <c r="C4376" s="14" t="s">
        <v>96731</v>
      </c>
      <c r="D4376" s="2" t="s">
        <v>96732</v>
      </c>
      <c r="E4376" s="2" t="s">
        <v>36373</v>
      </c>
      <c r="F4376" s="8">
        <v>282</v>
      </c>
      <c r="G4376" s="5">
        <v>6</v>
      </c>
      <c r="H4376" s="5" t="s">
        <v>1518</v>
      </c>
      <c r="I4376" s="5" t="s">
        <v>36264</v>
      </c>
      <c r="J4376" s="2" t="s">
        <v>36265</v>
      </c>
      <c r="K4376" s="5" t="s">
        <v>36264</v>
      </c>
      <c r="L4376" s="2" t="s">
        <v>36265</v>
      </c>
      <c r="M4376" s="5" t="s">
        <v>36266</v>
      </c>
      <c r="N4376" s="5" t="s">
        <v>38</v>
      </c>
      <c r="O4376" s="5" t="s">
        <v>39</v>
      </c>
      <c r="P4376" s="5" t="s">
        <v>40</v>
      </c>
      <c r="Q4376" s="5" t="s">
        <v>1522</v>
      </c>
      <c r="R4376" s="5" t="s">
        <v>1523</v>
      </c>
      <c r="S4376" s="5" t="s">
        <v>42</v>
      </c>
      <c r="T4376" s="2">
        <v>2.3639999999999999</v>
      </c>
      <c r="U4376" s="2">
        <v>1.8919999999999999</v>
      </c>
      <c r="V4376" s="2">
        <v>1.0999999999999999E-2</v>
      </c>
      <c r="W4376" s="2">
        <v>82.9</v>
      </c>
      <c r="X4376" s="2">
        <v>7.6</v>
      </c>
      <c r="Y4376" s="2">
        <v>16.7</v>
      </c>
      <c r="Z4376" s="5"/>
      <c r="AA4376" s="5" t="s">
        <v>43</v>
      </c>
      <c r="AB4376" s="5" t="s">
        <v>44</v>
      </c>
      <c r="AC4376" s="2"/>
      <c r="AD4376" s="1"/>
    </row>
    <row r="4377" spans="1:30">
      <c r="A4377" s="5" t="s">
        <v>83578</v>
      </c>
      <c r="B4377" s="2" t="s">
        <v>96733</v>
      </c>
      <c r="C4377" s="14" t="s">
        <v>96734</v>
      </c>
      <c r="D4377" s="2" t="s">
        <v>96735</v>
      </c>
      <c r="E4377" s="2" t="s">
        <v>36377</v>
      </c>
      <c r="F4377" s="8">
        <v>282</v>
      </c>
      <c r="G4377" s="5">
        <v>6</v>
      </c>
      <c r="H4377" s="5" t="s">
        <v>1518</v>
      </c>
      <c r="I4377" s="5" t="s">
        <v>36264</v>
      </c>
      <c r="J4377" s="2" t="s">
        <v>36265</v>
      </c>
      <c r="K4377" s="5" t="s">
        <v>36264</v>
      </c>
      <c r="L4377" s="2" t="s">
        <v>36265</v>
      </c>
      <c r="M4377" s="5" t="s">
        <v>36266</v>
      </c>
      <c r="N4377" s="5" t="s">
        <v>38</v>
      </c>
      <c r="O4377" s="5" t="s">
        <v>39</v>
      </c>
      <c r="P4377" s="5" t="s">
        <v>40</v>
      </c>
      <c r="Q4377" s="5" t="s">
        <v>1522</v>
      </c>
      <c r="R4377" s="5" t="s">
        <v>1523</v>
      </c>
      <c r="S4377" s="5" t="s">
        <v>42</v>
      </c>
      <c r="T4377" s="2">
        <v>2.302</v>
      </c>
      <c r="U4377" s="2">
        <v>1.83</v>
      </c>
      <c r="V4377" s="2">
        <v>1.0999999999999999E-2</v>
      </c>
      <c r="W4377" s="2">
        <v>82.9</v>
      </c>
      <c r="X4377" s="2">
        <v>7.6</v>
      </c>
      <c r="Y4377" s="2">
        <v>16.7</v>
      </c>
      <c r="Z4377" s="5"/>
      <c r="AA4377" s="5" t="s">
        <v>43</v>
      </c>
      <c r="AB4377" s="5" t="s">
        <v>44</v>
      </c>
      <c r="AC4377" s="2"/>
      <c r="AD4377" s="1"/>
    </row>
    <row r="4378" spans="1:30">
      <c r="A4378" s="5" t="s">
        <v>83578</v>
      </c>
      <c r="B4378" s="2" t="s">
        <v>96736</v>
      </c>
      <c r="C4378" s="14" t="s">
        <v>96737</v>
      </c>
      <c r="D4378" s="2" t="s">
        <v>96738</v>
      </c>
      <c r="E4378" s="2" t="s">
        <v>36385</v>
      </c>
      <c r="F4378" s="8">
        <v>282</v>
      </c>
      <c r="G4378" s="5">
        <v>6</v>
      </c>
      <c r="H4378" s="5" t="s">
        <v>1518</v>
      </c>
      <c r="I4378" s="5" t="s">
        <v>36264</v>
      </c>
      <c r="J4378" s="2" t="s">
        <v>36265</v>
      </c>
      <c r="K4378" s="5" t="s">
        <v>36264</v>
      </c>
      <c r="L4378" s="2" t="s">
        <v>36265</v>
      </c>
      <c r="M4378" s="5" t="s">
        <v>36266</v>
      </c>
      <c r="N4378" s="5" t="s">
        <v>38</v>
      </c>
      <c r="O4378" s="5" t="s">
        <v>39</v>
      </c>
      <c r="P4378" s="5" t="s">
        <v>40</v>
      </c>
      <c r="Q4378" s="5" t="s">
        <v>1522</v>
      </c>
      <c r="R4378" s="5" t="s">
        <v>1523</v>
      </c>
      <c r="S4378" s="5" t="s">
        <v>42</v>
      </c>
      <c r="T4378" s="2">
        <v>2.302</v>
      </c>
      <c r="U4378" s="2">
        <v>1.83</v>
      </c>
      <c r="V4378" s="2">
        <v>1.0999999999999999E-2</v>
      </c>
      <c r="W4378" s="2">
        <v>82.9</v>
      </c>
      <c r="X4378" s="2">
        <v>7.6</v>
      </c>
      <c r="Y4378" s="2">
        <v>16.7</v>
      </c>
      <c r="Z4378" s="5"/>
      <c r="AA4378" s="5" t="s">
        <v>43</v>
      </c>
      <c r="AB4378" s="5" t="s">
        <v>44</v>
      </c>
      <c r="AC4378" s="2"/>
      <c r="AD4378" s="1"/>
    </row>
    <row r="4379" spans="1:30">
      <c r="A4379" s="5" t="s">
        <v>83578</v>
      </c>
      <c r="B4379" s="2" t="s">
        <v>96739</v>
      </c>
      <c r="C4379" s="14" t="s">
        <v>96740</v>
      </c>
      <c r="D4379" s="2" t="s">
        <v>96741</v>
      </c>
      <c r="E4379" s="2" t="s">
        <v>36389</v>
      </c>
      <c r="F4379" s="8">
        <v>282</v>
      </c>
      <c r="G4379" s="5">
        <v>6</v>
      </c>
      <c r="H4379" s="5" t="s">
        <v>1518</v>
      </c>
      <c r="I4379" s="5" t="s">
        <v>36264</v>
      </c>
      <c r="J4379" s="2" t="s">
        <v>36265</v>
      </c>
      <c r="K4379" s="5" t="s">
        <v>36264</v>
      </c>
      <c r="L4379" s="2" t="s">
        <v>36265</v>
      </c>
      <c r="M4379" s="5" t="s">
        <v>36266</v>
      </c>
      <c r="N4379" s="5" t="s">
        <v>38</v>
      </c>
      <c r="O4379" s="5" t="s">
        <v>39</v>
      </c>
      <c r="P4379" s="5" t="s">
        <v>40</v>
      </c>
      <c r="Q4379" s="5" t="s">
        <v>1522</v>
      </c>
      <c r="R4379" s="5" t="s">
        <v>1523</v>
      </c>
      <c r="S4379" s="5" t="s">
        <v>42</v>
      </c>
      <c r="T4379" s="2">
        <v>2.3639999999999999</v>
      </c>
      <c r="U4379" s="2">
        <v>1.8919999999999999</v>
      </c>
      <c r="V4379" s="2">
        <v>1.0999999999999999E-2</v>
      </c>
      <c r="W4379" s="2">
        <v>82.9</v>
      </c>
      <c r="X4379" s="2">
        <v>7.6</v>
      </c>
      <c r="Y4379" s="2">
        <v>16.7</v>
      </c>
      <c r="Z4379" s="5"/>
      <c r="AA4379" s="5" t="s">
        <v>43</v>
      </c>
      <c r="AB4379" s="5" t="s">
        <v>44</v>
      </c>
      <c r="AC4379" s="2"/>
      <c r="AD4379" s="1"/>
    </row>
    <row r="4380" spans="1:30">
      <c r="A4380" s="5" t="s">
        <v>83578</v>
      </c>
      <c r="B4380" s="2" t="s">
        <v>96742</v>
      </c>
      <c r="C4380" s="14" t="s">
        <v>96743</v>
      </c>
      <c r="D4380" s="2" t="s">
        <v>96744</v>
      </c>
      <c r="E4380" s="2" t="s">
        <v>36285</v>
      </c>
      <c r="F4380" s="8">
        <v>297</v>
      </c>
      <c r="G4380" s="5">
        <v>6</v>
      </c>
      <c r="H4380" s="5" t="s">
        <v>1518</v>
      </c>
      <c r="I4380" s="5" t="s">
        <v>36264</v>
      </c>
      <c r="J4380" s="2" t="s">
        <v>36265</v>
      </c>
      <c r="K4380" s="5" t="s">
        <v>36264</v>
      </c>
      <c r="L4380" s="2" t="s">
        <v>36265</v>
      </c>
      <c r="M4380" s="5" t="s">
        <v>36266</v>
      </c>
      <c r="N4380" s="5" t="s">
        <v>38</v>
      </c>
      <c r="O4380" s="5" t="s">
        <v>39</v>
      </c>
      <c r="P4380" s="5" t="s">
        <v>40</v>
      </c>
      <c r="Q4380" s="5" t="s">
        <v>1522</v>
      </c>
      <c r="R4380" s="5" t="s">
        <v>1523</v>
      </c>
      <c r="S4380" s="5" t="s">
        <v>42</v>
      </c>
      <c r="T4380" s="2">
        <v>2.6150000000000002</v>
      </c>
      <c r="U4380" s="2">
        <v>2.0640000000000001</v>
      </c>
      <c r="V4380" s="2">
        <v>1.2999999999999999E-2</v>
      </c>
      <c r="W4380" s="2">
        <v>99.1</v>
      </c>
      <c r="X4380" s="2">
        <v>7.6</v>
      </c>
      <c r="Y4380" s="2">
        <v>16.7</v>
      </c>
      <c r="Z4380" s="5"/>
      <c r="AA4380" s="5" t="s">
        <v>43</v>
      </c>
      <c r="AB4380" s="5" t="s">
        <v>44</v>
      </c>
      <c r="AC4380" s="2"/>
      <c r="AD4380" s="1"/>
    </row>
    <row r="4381" spans="1:30">
      <c r="A4381" s="5" t="s">
        <v>83578</v>
      </c>
      <c r="B4381" s="2" t="s">
        <v>96745</v>
      </c>
      <c r="C4381" s="14" t="s">
        <v>96746</v>
      </c>
      <c r="D4381" s="2" t="s">
        <v>96747</v>
      </c>
      <c r="E4381" s="2" t="s">
        <v>36353</v>
      </c>
      <c r="F4381" s="8">
        <v>297</v>
      </c>
      <c r="G4381" s="5">
        <v>6</v>
      </c>
      <c r="H4381" s="5" t="s">
        <v>1518</v>
      </c>
      <c r="I4381" s="5" t="s">
        <v>36264</v>
      </c>
      <c r="J4381" s="2" t="s">
        <v>36265</v>
      </c>
      <c r="K4381" s="5" t="s">
        <v>36264</v>
      </c>
      <c r="L4381" s="2" t="s">
        <v>36265</v>
      </c>
      <c r="M4381" s="5" t="s">
        <v>36266</v>
      </c>
      <c r="N4381" s="5" t="s">
        <v>38</v>
      </c>
      <c r="O4381" s="5" t="s">
        <v>39</v>
      </c>
      <c r="P4381" s="5" t="s">
        <v>40</v>
      </c>
      <c r="Q4381" s="5" t="s">
        <v>1522</v>
      </c>
      <c r="R4381" s="5" t="s">
        <v>1523</v>
      </c>
      <c r="S4381" s="5" t="s">
        <v>42</v>
      </c>
      <c r="T4381" s="2">
        <v>2.5419999999999998</v>
      </c>
      <c r="U4381" s="2">
        <v>1.9910000000000001</v>
      </c>
      <c r="V4381" s="2">
        <v>1.2999999999999999E-2</v>
      </c>
      <c r="W4381" s="2">
        <v>99.1</v>
      </c>
      <c r="X4381" s="2">
        <v>7.6</v>
      </c>
      <c r="Y4381" s="2">
        <v>16.7</v>
      </c>
      <c r="Z4381" s="5"/>
      <c r="AA4381" s="5" t="s">
        <v>43</v>
      </c>
      <c r="AB4381" s="5" t="s">
        <v>44</v>
      </c>
      <c r="AC4381" s="2"/>
      <c r="AD4381" s="1"/>
    </row>
    <row r="4382" spans="1:30">
      <c r="A4382" s="5" t="s">
        <v>83578</v>
      </c>
      <c r="B4382" s="2" t="s">
        <v>96748</v>
      </c>
      <c r="C4382" s="14" t="s">
        <v>96749</v>
      </c>
      <c r="D4382" s="2" t="s">
        <v>96750</v>
      </c>
      <c r="E4382" s="2" t="s">
        <v>36389</v>
      </c>
      <c r="F4382" s="8">
        <v>297</v>
      </c>
      <c r="G4382" s="5">
        <v>6</v>
      </c>
      <c r="H4382" s="5" t="s">
        <v>1518</v>
      </c>
      <c r="I4382" s="5" t="s">
        <v>36264</v>
      </c>
      <c r="J4382" s="2" t="s">
        <v>36265</v>
      </c>
      <c r="K4382" s="5" t="s">
        <v>36264</v>
      </c>
      <c r="L4382" s="2" t="s">
        <v>36265</v>
      </c>
      <c r="M4382" s="5" t="s">
        <v>36266</v>
      </c>
      <c r="N4382" s="5" t="s">
        <v>38</v>
      </c>
      <c r="O4382" s="5" t="s">
        <v>39</v>
      </c>
      <c r="P4382" s="5" t="s">
        <v>40</v>
      </c>
      <c r="Q4382" s="5" t="s">
        <v>1522</v>
      </c>
      <c r="R4382" s="5" t="s">
        <v>1523</v>
      </c>
      <c r="S4382" s="5" t="s">
        <v>42</v>
      </c>
      <c r="T4382" s="2">
        <v>2.6150000000000002</v>
      </c>
      <c r="U4382" s="2">
        <v>2.0640000000000001</v>
      </c>
      <c r="V4382" s="2">
        <v>1.2999999999999999E-2</v>
      </c>
      <c r="W4382" s="2">
        <v>99.1</v>
      </c>
      <c r="X4382" s="2">
        <v>7.6</v>
      </c>
      <c r="Y4382" s="2">
        <v>16.7</v>
      </c>
      <c r="Z4382" s="5"/>
      <c r="AA4382" s="5" t="s">
        <v>43</v>
      </c>
      <c r="AB4382" s="5" t="s">
        <v>44</v>
      </c>
      <c r="AC4382" s="2"/>
      <c r="AD4382" s="1"/>
    </row>
    <row r="4383" spans="1:30">
      <c r="A4383" s="5" t="s">
        <v>83578</v>
      </c>
      <c r="B4383" s="2" t="s">
        <v>96751</v>
      </c>
      <c r="C4383" s="14" t="s">
        <v>96752</v>
      </c>
      <c r="D4383" s="2" t="s">
        <v>96753</v>
      </c>
      <c r="E4383" s="2" t="s">
        <v>36273</v>
      </c>
      <c r="F4383" s="8">
        <v>280</v>
      </c>
      <c r="G4383" s="5">
        <v>6</v>
      </c>
      <c r="H4383" s="5" t="s">
        <v>1518</v>
      </c>
      <c r="I4383" s="5" t="s">
        <v>36264</v>
      </c>
      <c r="J4383" s="2" t="s">
        <v>36265</v>
      </c>
      <c r="K4383" s="5" t="s">
        <v>36264</v>
      </c>
      <c r="L4383" s="2" t="s">
        <v>36265</v>
      </c>
      <c r="M4383" s="5" t="s">
        <v>36266</v>
      </c>
      <c r="N4383" s="5" t="s">
        <v>38</v>
      </c>
      <c r="O4383" s="5" t="s">
        <v>39</v>
      </c>
      <c r="P4383" s="5" t="s">
        <v>40</v>
      </c>
      <c r="Q4383" s="5" t="s">
        <v>1522</v>
      </c>
      <c r="R4383" s="5" t="s">
        <v>1523</v>
      </c>
      <c r="S4383" s="5" t="s">
        <v>42</v>
      </c>
      <c r="T4383" s="2">
        <v>2.7040000000000002</v>
      </c>
      <c r="U4383" s="2">
        <v>2.153</v>
      </c>
      <c r="V4383" s="2">
        <v>1.4999999999999999E-2</v>
      </c>
      <c r="W4383" s="2">
        <v>118.9</v>
      </c>
      <c r="X4383" s="2">
        <v>7.6</v>
      </c>
      <c r="Y4383" s="2">
        <v>16.7</v>
      </c>
      <c r="Z4383" s="5"/>
      <c r="AA4383" s="5" t="s">
        <v>43</v>
      </c>
      <c r="AB4383" s="5" t="s">
        <v>44</v>
      </c>
      <c r="AC4383" s="2"/>
      <c r="AD4383" s="1"/>
    </row>
    <row r="4384" spans="1:30">
      <c r="A4384" s="5" t="s">
        <v>83578</v>
      </c>
      <c r="B4384" s="2" t="s">
        <v>96754</v>
      </c>
      <c r="C4384" s="14" t="s">
        <v>96755</v>
      </c>
      <c r="D4384" s="2" t="s">
        <v>96756</v>
      </c>
      <c r="E4384" s="2" t="s">
        <v>36281</v>
      </c>
      <c r="F4384" s="8">
        <v>302</v>
      </c>
      <c r="G4384" s="5">
        <v>6</v>
      </c>
      <c r="H4384" s="5" t="s">
        <v>1518</v>
      </c>
      <c r="I4384" s="5" t="s">
        <v>36264</v>
      </c>
      <c r="J4384" s="2" t="s">
        <v>36265</v>
      </c>
      <c r="K4384" s="5" t="s">
        <v>36264</v>
      </c>
      <c r="L4384" s="2" t="s">
        <v>36265</v>
      </c>
      <c r="M4384" s="5" t="s">
        <v>36266</v>
      </c>
      <c r="N4384" s="5" t="s">
        <v>38</v>
      </c>
      <c r="O4384" s="5" t="s">
        <v>39</v>
      </c>
      <c r="P4384" s="5" t="s">
        <v>40</v>
      </c>
      <c r="Q4384" s="5" t="s">
        <v>1522</v>
      </c>
      <c r="R4384" s="5" t="s">
        <v>1523</v>
      </c>
      <c r="S4384" s="5" t="s">
        <v>42</v>
      </c>
      <c r="T4384" s="2">
        <v>2.7040000000000002</v>
      </c>
      <c r="U4384" s="2">
        <v>2.153</v>
      </c>
      <c r="V4384" s="2">
        <v>1.4999999999999999E-2</v>
      </c>
      <c r="W4384" s="2">
        <v>118.9</v>
      </c>
      <c r="X4384" s="2">
        <v>7.6</v>
      </c>
      <c r="Y4384" s="2">
        <v>16.7</v>
      </c>
      <c r="Z4384" s="5"/>
      <c r="AA4384" s="5" t="s">
        <v>43</v>
      </c>
      <c r="AB4384" s="5" t="s">
        <v>44</v>
      </c>
      <c r="AC4384" s="2"/>
      <c r="AD4384" s="1"/>
    </row>
    <row r="4385" spans="1:30">
      <c r="A4385" s="5" t="s">
        <v>83578</v>
      </c>
      <c r="B4385" s="2" t="s">
        <v>96757</v>
      </c>
      <c r="C4385" s="14" t="s">
        <v>96758</v>
      </c>
      <c r="D4385" s="2" t="s">
        <v>96759</v>
      </c>
      <c r="E4385" s="2" t="s">
        <v>36285</v>
      </c>
      <c r="F4385" s="8">
        <v>302</v>
      </c>
      <c r="G4385" s="5">
        <v>6</v>
      </c>
      <c r="H4385" s="5" t="s">
        <v>1518</v>
      </c>
      <c r="I4385" s="5" t="s">
        <v>36264</v>
      </c>
      <c r="J4385" s="2" t="s">
        <v>36265</v>
      </c>
      <c r="K4385" s="5" t="s">
        <v>36264</v>
      </c>
      <c r="L4385" s="2" t="s">
        <v>36265</v>
      </c>
      <c r="M4385" s="5" t="s">
        <v>36266</v>
      </c>
      <c r="N4385" s="5" t="s">
        <v>38</v>
      </c>
      <c r="O4385" s="5" t="s">
        <v>39</v>
      </c>
      <c r="P4385" s="5" t="s">
        <v>40</v>
      </c>
      <c r="Q4385" s="5" t="s">
        <v>1522</v>
      </c>
      <c r="R4385" s="5" t="s">
        <v>1523</v>
      </c>
      <c r="S4385" s="5" t="s">
        <v>42</v>
      </c>
      <c r="T4385" s="2">
        <v>2.7909999999999999</v>
      </c>
      <c r="U4385" s="2">
        <v>2.2400000000000002</v>
      </c>
      <c r="V4385" s="2">
        <v>1.4999999999999999E-2</v>
      </c>
      <c r="W4385" s="2">
        <v>118.9</v>
      </c>
      <c r="X4385" s="2">
        <v>7.6</v>
      </c>
      <c r="Y4385" s="2">
        <v>16.7</v>
      </c>
      <c r="Z4385" s="5"/>
      <c r="AA4385" s="5" t="s">
        <v>43</v>
      </c>
      <c r="AB4385" s="5" t="s">
        <v>44</v>
      </c>
      <c r="AC4385" s="2"/>
      <c r="AD4385" s="1"/>
    </row>
    <row r="4386" spans="1:30">
      <c r="A4386" s="5" t="s">
        <v>83578</v>
      </c>
      <c r="B4386" s="2" t="s">
        <v>96760</v>
      </c>
      <c r="C4386" s="14" t="s">
        <v>96761</v>
      </c>
      <c r="D4386" s="2" t="s">
        <v>96762</v>
      </c>
      <c r="E4386" s="2" t="s">
        <v>36289</v>
      </c>
      <c r="F4386" s="8">
        <v>302</v>
      </c>
      <c r="G4386" s="5">
        <v>6</v>
      </c>
      <c r="H4386" s="5" t="s">
        <v>1518</v>
      </c>
      <c r="I4386" s="5" t="s">
        <v>36264</v>
      </c>
      <c r="J4386" s="2" t="s">
        <v>36265</v>
      </c>
      <c r="K4386" s="5" t="s">
        <v>36264</v>
      </c>
      <c r="L4386" s="2" t="s">
        <v>36265</v>
      </c>
      <c r="M4386" s="5" t="s">
        <v>36266</v>
      </c>
      <c r="N4386" s="5" t="s">
        <v>38</v>
      </c>
      <c r="O4386" s="5" t="s">
        <v>39</v>
      </c>
      <c r="P4386" s="5" t="s">
        <v>40</v>
      </c>
      <c r="Q4386" s="5" t="s">
        <v>1522</v>
      </c>
      <c r="R4386" s="5" t="s">
        <v>1523</v>
      </c>
      <c r="S4386" s="5" t="s">
        <v>42</v>
      </c>
      <c r="T4386" s="2">
        <v>2.7040000000000002</v>
      </c>
      <c r="U4386" s="2">
        <v>2.153</v>
      </c>
      <c r="V4386" s="2">
        <v>1.4999999999999999E-2</v>
      </c>
      <c r="W4386" s="2">
        <v>118.9</v>
      </c>
      <c r="X4386" s="2">
        <v>7.6</v>
      </c>
      <c r="Y4386" s="2">
        <v>16.7</v>
      </c>
      <c r="Z4386" s="5"/>
      <c r="AA4386" s="5" t="s">
        <v>43</v>
      </c>
      <c r="AB4386" s="5" t="s">
        <v>44</v>
      </c>
      <c r="AC4386" s="2"/>
      <c r="AD4386" s="1"/>
    </row>
    <row r="4387" spans="1:30">
      <c r="A4387" s="5" t="s">
        <v>83578</v>
      </c>
      <c r="B4387" s="2" t="s">
        <v>96763</v>
      </c>
      <c r="C4387" s="14" t="s">
        <v>96764</v>
      </c>
      <c r="D4387" s="2" t="s">
        <v>96765</v>
      </c>
      <c r="E4387" s="2" t="s">
        <v>36297</v>
      </c>
      <c r="F4387" s="8">
        <v>280</v>
      </c>
      <c r="G4387" s="5">
        <v>6</v>
      </c>
      <c r="H4387" s="5" t="s">
        <v>1518</v>
      </c>
      <c r="I4387" s="5" t="s">
        <v>36264</v>
      </c>
      <c r="J4387" s="2" t="s">
        <v>36265</v>
      </c>
      <c r="K4387" s="5" t="s">
        <v>36264</v>
      </c>
      <c r="L4387" s="2" t="s">
        <v>36265</v>
      </c>
      <c r="M4387" s="5" t="s">
        <v>36266</v>
      </c>
      <c r="N4387" s="5" t="s">
        <v>38</v>
      </c>
      <c r="O4387" s="5" t="s">
        <v>39</v>
      </c>
      <c r="P4387" s="5" t="s">
        <v>40</v>
      </c>
      <c r="Q4387" s="5" t="s">
        <v>1522</v>
      </c>
      <c r="R4387" s="5" t="s">
        <v>1523</v>
      </c>
      <c r="S4387" s="5" t="s">
        <v>42</v>
      </c>
      <c r="T4387" s="2">
        <v>2.7040000000000002</v>
      </c>
      <c r="U4387" s="2">
        <v>2.153</v>
      </c>
      <c r="V4387" s="2">
        <v>1.4999999999999999E-2</v>
      </c>
      <c r="W4387" s="2">
        <v>118.9</v>
      </c>
      <c r="X4387" s="2">
        <v>7.6</v>
      </c>
      <c r="Y4387" s="2">
        <v>16.7</v>
      </c>
      <c r="Z4387" s="5"/>
      <c r="AA4387" s="5" t="s">
        <v>43</v>
      </c>
      <c r="AB4387" s="5" t="s">
        <v>44</v>
      </c>
      <c r="AC4387" s="2"/>
      <c r="AD4387" s="1"/>
    </row>
    <row r="4388" spans="1:30">
      <c r="A4388" s="5" t="s">
        <v>83578</v>
      </c>
      <c r="B4388" s="2" t="s">
        <v>96766</v>
      </c>
      <c r="C4388" s="14" t="s">
        <v>96767</v>
      </c>
      <c r="D4388" s="2" t="s">
        <v>96768</v>
      </c>
      <c r="E4388" s="2" t="s">
        <v>36301</v>
      </c>
      <c r="F4388" s="8">
        <v>280</v>
      </c>
      <c r="G4388" s="5">
        <v>6</v>
      </c>
      <c r="H4388" s="5" t="s">
        <v>1518</v>
      </c>
      <c r="I4388" s="5" t="s">
        <v>36264</v>
      </c>
      <c r="J4388" s="2" t="s">
        <v>36265</v>
      </c>
      <c r="K4388" s="5" t="s">
        <v>36264</v>
      </c>
      <c r="L4388" s="2" t="s">
        <v>36265</v>
      </c>
      <c r="M4388" s="5" t="s">
        <v>36266</v>
      </c>
      <c r="N4388" s="5" t="s">
        <v>38</v>
      </c>
      <c r="O4388" s="5" t="s">
        <v>39</v>
      </c>
      <c r="P4388" s="5" t="s">
        <v>40</v>
      </c>
      <c r="Q4388" s="5" t="s">
        <v>1522</v>
      </c>
      <c r="R4388" s="5" t="s">
        <v>1523</v>
      </c>
      <c r="S4388" s="5" t="s">
        <v>42</v>
      </c>
      <c r="T4388" s="2">
        <v>2.7909999999999999</v>
      </c>
      <c r="U4388" s="2">
        <v>2.2400000000000002</v>
      </c>
      <c r="V4388" s="2">
        <v>1.4999999999999999E-2</v>
      </c>
      <c r="W4388" s="2">
        <v>118.9</v>
      </c>
      <c r="X4388" s="2">
        <v>7.6</v>
      </c>
      <c r="Y4388" s="2">
        <v>16.7</v>
      </c>
      <c r="Z4388" s="5"/>
      <c r="AA4388" s="5" t="s">
        <v>43</v>
      </c>
      <c r="AB4388" s="5" t="s">
        <v>44</v>
      </c>
      <c r="AC4388" s="2"/>
      <c r="AD4388" s="1"/>
    </row>
    <row r="4389" spans="1:30">
      <c r="A4389" s="5" t="s">
        <v>83578</v>
      </c>
      <c r="B4389" s="2" t="s">
        <v>96769</v>
      </c>
      <c r="C4389" s="14" t="s">
        <v>96770</v>
      </c>
      <c r="D4389" s="2" t="s">
        <v>96771</v>
      </c>
      <c r="E4389" s="2" t="s">
        <v>36305</v>
      </c>
      <c r="F4389" s="8">
        <v>280</v>
      </c>
      <c r="G4389" s="5">
        <v>6</v>
      </c>
      <c r="H4389" s="5" t="s">
        <v>1518</v>
      </c>
      <c r="I4389" s="5" t="s">
        <v>36264</v>
      </c>
      <c r="J4389" s="2" t="s">
        <v>36265</v>
      </c>
      <c r="K4389" s="5" t="s">
        <v>36264</v>
      </c>
      <c r="L4389" s="2" t="s">
        <v>36265</v>
      </c>
      <c r="M4389" s="5" t="s">
        <v>36266</v>
      </c>
      <c r="N4389" s="5" t="s">
        <v>38</v>
      </c>
      <c r="O4389" s="5" t="s">
        <v>39</v>
      </c>
      <c r="P4389" s="5" t="s">
        <v>40</v>
      </c>
      <c r="Q4389" s="5" t="s">
        <v>1522</v>
      </c>
      <c r="R4389" s="5" t="s">
        <v>1523</v>
      </c>
      <c r="S4389" s="5" t="s">
        <v>42</v>
      </c>
      <c r="T4389" s="2">
        <v>2.7040000000000002</v>
      </c>
      <c r="U4389" s="2">
        <v>2.153</v>
      </c>
      <c r="V4389" s="2">
        <v>1.4999999999999999E-2</v>
      </c>
      <c r="W4389" s="2">
        <v>118.9</v>
      </c>
      <c r="X4389" s="2">
        <v>7.6</v>
      </c>
      <c r="Y4389" s="2">
        <v>16.7</v>
      </c>
      <c r="Z4389" s="5"/>
      <c r="AA4389" s="5" t="s">
        <v>43</v>
      </c>
      <c r="AB4389" s="5" t="s">
        <v>44</v>
      </c>
      <c r="AC4389" s="2"/>
      <c r="AD4389" s="1"/>
    </row>
    <row r="4390" spans="1:30">
      <c r="A4390" s="5" t="s">
        <v>83578</v>
      </c>
      <c r="B4390" s="2" t="s">
        <v>96772</v>
      </c>
      <c r="C4390" s="14" t="s">
        <v>96773</v>
      </c>
      <c r="D4390" s="2" t="s">
        <v>96774</v>
      </c>
      <c r="E4390" s="2" t="s">
        <v>36309</v>
      </c>
      <c r="F4390" s="8">
        <v>280</v>
      </c>
      <c r="G4390" s="5">
        <v>6</v>
      </c>
      <c r="H4390" s="5" t="s">
        <v>1518</v>
      </c>
      <c r="I4390" s="5" t="s">
        <v>36264</v>
      </c>
      <c r="J4390" s="2" t="s">
        <v>36265</v>
      </c>
      <c r="K4390" s="5" t="s">
        <v>36264</v>
      </c>
      <c r="L4390" s="2" t="s">
        <v>36265</v>
      </c>
      <c r="M4390" s="5" t="s">
        <v>36266</v>
      </c>
      <c r="N4390" s="5" t="s">
        <v>38</v>
      </c>
      <c r="O4390" s="5" t="s">
        <v>39</v>
      </c>
      <c r="P4390" s="5" t="s">
        <v>40</v>
      </c>
      <c r="Q4390" s="5" t="s">
        <v>1522</v>
      </c>
      <c r="R4390" s="5" t="s">
        <v>1523</v>
      </c>
      <c r="S4390" s="5" t="s">
        <v>42</v>
      </c>
      <c r="T4390" s="2">
        <v>2.7909999999999999</v>
      </c>
      <c r="U4390" s="2">
        <v>2.2400000000000002</v>
      </c>
      <c r="V4390" s="2">
        <v>1.4999999999999999E-2</v>
      </c>
      <c r="W4390" s="2">
        <v>118.9</v>
      </c>
      <c r="X4390" s="2">
        <v>7.6</v>
      </c>
      <c r="Y4390" s="2">
        <v>16.7</v>
      </c>
      <c r="Z4390" s="5"/>
      <c r="AA4390" s="5" t="s">
        <v>43</v>
      </c>
      <c r="AB4390" s="5" t="s">
        <v>44</v>
      </c>
      <c r="AC4390" s="2"/>
      <c r="AD4390" s="1"/>
    </row>
    <row r="4391" spans="1:30">
      <c r="A4391" s="5" t="s">
        <v>83578</v>
      </c>
      <c r="B4391" s="2" t="s">
        <v>96775</v>
      </c>
      <c r="C4391" s="14" t="s">
        <v>96776</v>
      </c>
      <c r="D4391" s="2" t="s">
        <v>96777</v>
      </c>
      <c r="E4391" s="2" t="s">
        <v>36313</v>
      </c>
      <c r="F4391" s="8">
        <v>302</v>
      </c>
      <c r="G4391" s="5">
        <v>6</v>
      </c>
      <c r="H4391" s="5" t="s">
        <v>1518</v>
      </c>
      <c r="I4391" s="5" t="s">
        <v>36264</v>
      </c>
      <c r="J4391" s="2" t="s">
        <v>36265</v>
      </c>
      <c r="K4391" s="5" t="s">
        <v>36264</v>
      </c>
      <c r="L4391" s="2" t="s">
        <v>36265</v>
      </c>
      <c r="M4391" s="5" t="s">
        <v>36266</v>
      </c>
      <c r="N4391" s="5" t="s">
        <v>38</v>
      </c>
      <c r="O4391" s="5" t="s">
        <v>39</v>
      </c>
      <c r="P4391" s="5" t="s">
        <v>40</v>
      </c>
      <c r="Q4391" s="5" t="s">
        <v>1522</v>
      </c>
      <c r="R4391" s="5" t="s">
        <v>1523</v>
      </c>
      <c r="S4391" s="5" t="s">
        <v>42</v>
      </c>
      <c r="T4391" s="2">
        <v>2.7040000000000002</v>
      </c>
      <c r="U4391" s="2">
        <v>2.153</v>
      </c>
      <c r="V4391" s="2">
        <v>1.4999999999999999E-2</v>
      </c>
      <c r="W4391" s="2">
        <v>118.9</v>
      </c>
      <c r="X4391" s="2">
        <v>7.6</v>
      </c>
      <c r="Y4391" s="2">
        <v>16.7</v>
      </c>
      <c r="Z4391" s="5"/>
      <c r="AA4391" s="5" t="s">
        <v>43</v>
      </c>
      <c r="AB4391" s="5" t="s">
        <v>44</v>
      </c>
      <c r="AC4391" s="2"/>
      <c r="AD4391" s="1"/>
    </row>
    <row r="4392" spans="1:30">
      <c r="A4392" s="5" t="s">
        <v>83578</v>
      </c>
      <c r="B4392" s="2" t="s">
        <v>96778</v>
      </c>
      <c r="C4392" s="14" t="s">
        <v>96779</v>
      </c>
      <c r="D4392" s="2" t="s">
        <v>96780</v>
      </c>
      <c r="E4392" s="2" t="s">
        <v>36317</v>
      </c>
      <c r="F4392" s="8">
        <v>302</v>
      </c>
      <c r="G4392" s="5">
        <v>6</v>
      </c>
      <c r="H4392" s="5" t="s">
        <v>1518</v>
      </c>
      <c r="I4392" s="5" t="s">
        <v>36264</v>
      </c>
      <c r="J4392" s="2" t="s">
        <v>36265</v>
      </c>
      <c r="K4392" s="5" t="s">
        <v>36264</v>
      </c>
      <c r="L4392" s="2" t="s">
        <v>36265</v>
      </c>
      <c r="M4392" s="5" t="s">
        <v>36266</v>
      </c>
      <c r="N4392" s="5" t="s">
        <v>38</v>
      </c>
      <c r="O4392" s="5" t="s">
        <v>39</v>
      </c>
      <c r="P4392" s="5" t="s">
        <v>40</v>
      </c>
      <c r="Q4392" s="5" t="s">
        <v>1522</v>
      </c>
      <c r="R4392" s="5" t="s">
        <v>1523</v>
      </c>
      <c r="S4392" s="5" t="s">
        <v>42</v>
      </c>
      <c r="T4392" s="2">
        <v>2.7909999999999999</v>
      </c>
      <c r="U4392" s="2">
        <v>2.2400000000000002</v>
      </c>
      <c r="V4392" s="2">
        <v>1.4999999999999999E-2</v>
      </c>
      <c r="W4392" s="2">
        <v>118.9</v>
      </c>
      <c r="X4392" s="2">
        <v>7.6</v>
      </c>
      <c r="Y4392" s="2">
        <v>16.7</v>
      </c>
      <c r="Z4392" s="5"/>
      <c r="AA4392" s="5" t="s">
        <v>43</v>
      </c>
      <c r="AB4392" s="5" t="s">
        <v>44</v>
      </c>
      <c r="AC4392" s="2"/>
      <c r="AD4392" s="1"/>
    </row>
    <row r="4393" spans="1:30">
      <c r="A4393" s="5" t="s">
        <v>83578</v>
      </c>
      <c r="B4393" s="2" t="s">
        <v>96781</v>
      </c>
      <c r="C4393" s="14" t="s">
        <v>96782</v>
      </c>
      <c r="D4393" s="2" t="s">
        <v>96783</v>
      </c>
      <c r="E4393" s="2" t="s">
        <v>36321</v>
      </c>
      <c r="F4393" s="8">
        <v>302</v>
      </c>
      <c r="G4393" s="5">
        <v>6</v>
      </c>
      <c r="H4393" s="5" t="s">
        <v>1518</v>
      </c>
      <c r="I4393" s="5" t="s">
        <v>36264</v>
      </c>
      <c r="J4393" s="2" t="s">
        <v>36265</v>
      </c>
      <c r="K4393" s="5" t="s">
        <v>36264</v>
      </c>
      <c r="L4393" s="2" t="s">
        <v>36265</v>
      </c>
      <c r="M4393" s="5" t="s">
        <v>36266</v>
      </c>
      <c r="N4393" s="5" t="s">
        <v>38</v>
      </c>
      <c r="O4393" s="5" t="s">
        <v>39</v>
      </c>
      <c r="P4393" s="5" t="s">
        <v>40</v>
      </c>
      <c r="Q4393" s="5" t="s">
        <v>1522</v>
      </c>
      <c r="R4393" s="5" t="s">
        <v>1523</v>
      </c>
      <c r="S4393" s="5" t="s">
        <v>42</v>
      </c>
      <c r="T4393" s="2">
        <v>2.7040000000000002</v>
      </c>
      <c r="U4393" s="2">
        <v>2.153</v>
      </c>
      <c r="V4393" s="2">
        <v>1.4999999999999999E-2</v>
      </c>
      <c r="W4393" s="2">
        <v>118.9</v>
      </c>
      <c r="X4393" s="2">
        <v>7.6</v>
      </c>
      <c r="Y4393" s="2">
        <v>16.7</v>
      </c>
      <c r="Z4393" s="5"/>
      <c r="AA4393" s="5" t="s">
        <v>43</v>
      </c>
      <c r="AB4393" s="5" t="s">
        <v>44</v>
      </c>
      <c r="AC4393" s="2"/>
      <c r="AD4393" s="1"/>
    </row>
    <row r="4394" spans="1:30">
      <c r="A4394" s="5" t="s">
        <v>83578</v>
      </c>
      <c r="B4394" s="2" t="s">
        <v>96784</v>
      </c>
      <c r="C4394" s="14" t="s">
        <v>96785</v>
      </c>
      <c r="D4394" s="2" t="s">
        <v>96786</v>
      </c>
      <c r="E4394" s="2" t="s">
        <v>36325</v>
      </c>
      <c r="F4394" s="8">
        <v>302</v>
      </c>
      <c r="G4394" s="5">
        <v>6</v>
      </c>
      <c r="H4394" s="5" t="s">
        <v>1518</v>
      </c>
      <c r="I4394" s="5" t="s">
        <v>36264</v>
      </c>
      <c r="J4394" s="2" t="s">
        <v>36265</v>
      </c>
      <c r="K4394" s="5" t="s">
        <v>36264</v>
      </c>
      <c r="L4394" s="2" t="s">
        <v>36265</v>
      </c>
      <c r="M4394" s="5" t="s">
        <v>36266</v>
      </c>
      <c r="N4394" s="5" t="s">
        <v>38</v>
      </c>
      <c r="O4394" s="5" t="s">
        <v>39</v>
      </c>
      <c r="P4394" s="5" t="s">
        <v>40</v>
      </c>
      <c r="Q4394" s="5" t="s">
        <v>1522</v>
      </c>
      <c r="R4394" s="5" t="s">
        <v>1523</v>
      </c>
      <c r="S4394" s="5" t="s">
        <v>42</v>
      </c>
      <c r="T4394" s="2">
        <v>2.7909999999999999</v>
      </c>
      <c r="U4394" s="2">
        <v>2.2400000000000002</v>
      </c>
      <c r="V4394" s="2">
        <v>1.4999999999999999E-2</v>
      </c>
      <c r="W4394" s="2">
        <v>118.9</v>
      </c>
      <c r="X4394" s="2">
        <v>7.6</v>
      </c>
      <c r="Y4394" s="2">
        <v>16.7</v>
      </c>
      <c r="Z4394" s="5"/>
      <c r="AA4394" s="5" t="s">
        <v>43</v>
      </c>
      <c r="AB4394" s="5" t="s">
        <v>44</v>
      </c>
      <c r="AC4394" s="2"/>
      <c r="AD4394" s="1"/>
    </row>
    <row r="4395" spans="1:30">
      <c r="A4395" s="5" t="s">
        <v>83578</v>
      </c>
      <c r="B4395" s="2" t="s">
        <v>96787</v>
      </c>
      <c r="C4395" s="14" t="s">
        <v>96788</v>
      </c>
      <c r="D4395" s="2" t="s">
        <v>96789</v>
      </c>
      <c r="E4395" s="2" t="s">
        <v>36329</v>
      </c>
      <c r="F4395" s="8">
        <v>302</v>
      </c>
      <c r="G4395" s="5">
        <v>6</v>
      </c>
      <c r="H4395" s="5" t="s">
        <v>1518</v>
      </c>
      <c r="I4395" s="5" t="s">
        <v>36264</v>
      </c>
      <c r="J4395" s="2" t="s">
        <v>36265</v>
      </c>
      <c r="K4395" s="5" t="s">
        <v>36264</v>
      </c>
      <c r="L4395" s="2" t="s">
        <v>36265</v>
      </c>
      <c r="M4395" s="5" t="s">
        <v>36266</v>
      </c>
      <c r="N4395" s="5" t="s">
        <v>38</v>
      </c>
      <c r="O4395" s="5" t="s">
        <v>39</v>
      </c>
      <c r="P4395" s="5" t="s">
        <v>40</v>
      </c>
      <c r="Q4395" s="5" t="s">
        <v>1522</v>
      </c>
      <c r="R4395" s="5" t="s">
        <v>1523</v>
      </c>
      <c r="S4395" s="5" t="s">
        <v>42</v>
      </c>
      <c r="T4395" s="2">
        <v>2.7040000000000002</v>
      </c>
      <c r="U4395" s="2">
        <v>2.153</v>
      </c>
      <c r="V4395" s="2">
        <v>1.4999999999999999E-2</v>
      </c>
      <c r="W4395" s="2">
        <v>118.9</v>
      </c>
      <c r="X4395" s="2">
        <v>7.6</v>
      </c>
      <c r="Y4395" s="2">
        <v>16.7</v>
      </c>
      <c r="Z4395" s="5"/>
      <c r="AA4395" s="5" t="s">
        <v>43</v>
      </c>
      <c r="AB4395" s="5" t="s">
        <v>44</v>
      </c>
      <c r="AC4395" s="2"/>
      <c r="AD4395" s="1"/>
    </row>
    <row r="4396" spans="1:30">
      <c r="A4396" s="5" t="s">
        <v>83578</v>
      </c>
      <c r="B4396" s="2" t="s">
        <v>96790</v>
      </c>
      <c r="C4396" s="14" t="s">
        <v>96791</v>
      </c>
      <c r="D4396" s="2" t="s">
        <v>96792</v>
      </c>
      <c r="E4396" s="2" t="s">
        <v>36333</v>
      </c>
      <c r="F4396" s="8">
        <v>302</v>
      </c>
      <c r="G4396" s="5">
        <v>6</v>
      </c>
      <c r="H4396" s="5" t="s">
        <v>1518</v>
      </c>
      <c r="I4396" s="5" t="s">
        <v>36264</v>
      </c>
      <c r="J4396" s="2" t="s">
        <v>36265</v>
      </c>
      <c r="K4396" s="5" t="s">
        <v>36264</v>
      </c>
      <c r="L4396" s="2" t="s">
        <v>36265</v>
      </c>
      <c r="M4396" s="5" t="s">
        <v>36266</v>
      </c>
      <c r="N4396" s="5" t="s">
        <v>38</v>
      </c>
      <c r="O4396" s="5" t="s">
        <v>39</v>
      </c>
      <c r="P4396" s="5" t="s">
        <v>40</v>
      </c>
      <c r="Q4396" s="5" t="s">
        <v>1522</v>
      </c>
      <c r="R4396" s="5" t="s">
        <v>1523</v>
      </c>
      <c r="S4396" s="5" t="s">
        <v>42</v>
      </c>
      <c r="T4396" s="2">
        <v>2.7909999999999999</v>
      </c>
      <c r="U4396" s="2">
        <v>2.2400000000000002</v>
      </c>
      <c r="V4396" s="2">
        <v>1.4999999999999999E-2</v>
      </c>
      <c r="W4396" s="2">
        <v>118.9</v>
      </c>
      <c r="X4396" s="2">
        <v>7.6</v>
      </c>
      <c r="Y4396" s="2">
        <v>16.7</v>
      </c>
      <c r="Z4396" s="5"/>
      <c r="AA4396" s="5" t="s">
        <v>43</v>
      </c>
      <c r="AB4396" s="5" t="s">
        <v>44</v>
      </c>
      <c r="AC4396" s="2"/>
      <c r="AD4396" s="1"/>
    </row>
    <row r="4397" spans="1:30">
      <c r="A4397" s="5" t="s">
        <v>83578</v>
      </c>
      <c r="B4397" s="2" t="s">
        <v>96793</v>
      </c>
      <c r="C4397" s="14" t="s">
        <v>96794</v>
      </c>
      <c r="D4397" s="2" t="s">
        <v>96795</v>
      </c>
      <c r="E4397" s="2" t="s">
        <v>36337</v>
      </c>
      <c r="F4397" s="8">
        <v>302</v>
      </c>
      <c r="G4397" s="5">
        <v>6</v>
      </c>
      <c r="H4397" s="5" t="s">
        <v>1518</v>
      </c>
      <c r="I4397" s="5" t="s">
        <v>36264</v>
      </c>
      <c r="J4397" s="2" t="s">
        <v>36265</v>
      </c>
      <c r="K4397" s="5" t="s">
        <v>36264</v>
      </c>
      <c r="L4397" s="2" t="s">
        <v>36265</v>
      </c>
      <c r="M4397" s="5" t="s">
        <v>36266</v>
      </c>
      <c r="N4397" s="5" t="s">
        <v>38</v>
      </c>
      <c r="O4397" s="5" t="s">
        <v>39</v>
      </c>
      <c r="P4397" s="5" t="s">
        <v>40</v>
      </c>
      <c r="Q4397" s="5" t="s">
        <v>1522</v>
      </c>
      <c r="R4397" s="5" t="s">
        <v>1523</v>
      </c>
      <c r="S4397" s="5" t="s">
        <v>42</v>
      </c>
      <c r="T4397" s="2">
        <v>2.7040000000000002</v>
      </c>
      <c r="U4397" s="2">
        <v>2.153</v>
      </c>
      <c r="V4397" s="2">
        <v>1.4999999999999999E-2</v>
      </c>
      <c r="W4397" s="2">
        <v>118.9</v>
      </c>
      <c r="X4397" s="2">
        <v>7.6</v>
      </c>
      <c r="Y4397" s="2">
        <v>16.7</v>
      </c>
      <c r="Z4397" s="5"/>
      <c r="AA4397" s="5" t="s">
        <v>43</v>
      </c>
      <c r="AB4397" s="5" t="s">
        <v>44</v>
      </c>
      <c r="AC4397" s="2"/>
      <c r="AD4397" s="1"/>
    </row>
    <row r="4398" spans="1:30">
      <c r="A4398" s="5" t="s">
        <v>83578</v>
      </c>
      <c r="B4398" s="2" t="s">
        <v>96796</v>
      </c>
      <c r="C4398" s="14" t="s">
        <v>96797</v>
      </c>
      <c r="D4398" s="2" t="s">
        <v>96798</v>
      </c>
      <c r="E4398" s="2" t="s">
        <v>36345</v>
      </c>
      <c r="F4398" s="8">
        <v>302</v>
      </c>
      <c r="G4398" s="5">
        <v>6</v>
      </c>
      <c r="H4398" s="5" t="s">
        <v>1518</v>
      </c>
      <c r="I4398" s="5" t="s">
        <v>36264</v>
      </c>
      <c r="J4398" s="2" t="s">
        <v>36265</v>
      </c>
      <c r="K4398" s="5" t="s">
        <v>36264</v>
      </c>
      <c r="L4398" s="2" t="s">
        <v>36265</v>
      </c>
      <c r="M4398" s="5" t="s">
        <v>36266</v>
      </c>
      <c r="N4398" s="5" t="s">
        <v>38</v>
      </c>
      <c r="O4398" s="5" t="s">
        <v>39</v>
      </c>
      <c r="P4398" s="5" t="s">
        <v>40</v>
      </c>
      <c r="Q4398" s="5" t="s">
        <v>1522</v>
      </c>
      <c r="R4398" s="5" t="s">
        <v>1523</v>
      </c>
      <c r="S4398" s="5" t="s">
        <v>42</v>
      </c>
      <c r="T4398" s="2">
        <v>2.7040000000000002</v>
      </c>
      <c r="U4398" s="2">
        <v>2.153</v>
      </c>
      <c r="V4398" s="2">
        <v>1.4999999999999999E-2</v>
      </c>
      <c r="W4398" s="2">
        <v>118.9</v>
      </c>
      <c r="X4398" s="2">
        <v>7.6</v>
      </c>
      <c r="Y4398" s="2">
        <v>16.7</v>
      </c>
      <c r="Z4398" s="5"/>
      <c r="AA4398" s="5" t="s">
        <v>43</v>
      </c>
      <c r="AB4398" s="5" t="s">
        <v>44</v>
      </c>
      <c r="AC4398" s="2"/>
      <c r="AD4398" s="1"/>
    </row>
    <row r="4399" spans="1:30">
      <c r="A4399" s="5" t="s">
        <v>83578</v>
      </c>
      <c r="B4399" s="2" t="s">
        <v>96799</v>
      </c>
      <c r="C4399" s="14" t="s">
        <v>96800</v>
      </c>
      <c r="D4399" s="2" t="s">
        <v>96801</v>
      </c>
      <c r="E4399" s="2" t="s">
        <v>36349</v>
      </c>
      <c r="F4399" s="8">
        <v>302</v>
      </c>
      <c r="G4399" s="5">
        <v>6</v>
      </c>
      <c r="H4399" s="5" t="s">
        <v>1518</v>
      </c>
      <c r="I4399" s="5" t="s">
        <v>36264</v>
      </c>
      <c r="J4399" s="2" t="s">
        <v>36265</v>
      </c>
      <c r="K4399" s="5" t="s">
        <v>36264</v>
      </c>
      <c r="L4399" s="2" t="s">
        <v>36265</v>
      </c>
      <c r="M4399" s="5" t="s">
        <v>36266</v>
      </c>
      <c r="N4399" s="5" t="s">
        <v>38</v>
      </c>
      <c r="O4399" s="5" t="s">
        <v>39</v>
      </c>
      <c r="P4399" s="5" t="s">
        <v>40</v>
      </c>
      <c r="Q4399" s="5" t="s">
        <v>1522</v>
      </c>
      <c r="R4399" s="5" t="s">
        <v>1523</v>
      </c>
      <c r="S4399" s="5" t="s">
        <v>42</v>
      </c>
      <c r="T4399" s="2">
        <v>2.7909999999999999</v>
      </c>
      <c r="U4399" s="2">
        <v>2.2400000000000002</v>
      </c>
      <c r="V4399" s="2">
        <v>1.4999999999999999E-2</v>
      </c>
      <c r="W4399" s="2">
        <v>118.9</v>
      </c>
      <c r="X4399" s="2">
        <v>7.6</v>
      </c>
      <c r="Y4399" s="2">
        <v>16.7</v>
      </c>
      <c r="Z4399" s="5"/>
      <c r="AA4399" s="5" t="s">
        <v>43</v>
      </c>
      <c r="AB4399" s="5" t="s">
        <v>44</v>
      </c>
      <c r="AC4399" s="2"/>
      <c r="AD4399" s="1"/>
    </row>
    <row r="4400" spans="1:30">
      <c r="A4400" s="5" t="s">
        <v>83578</v>
      </c>
      <c r="B4400" s="2" t="s">
        <v>96802</v>
      </c>
      <c r="C4400" s="14" t="s">
        <v>96803</v>
      </c>
      <c r="D4400" s="2" t="s">
        <v>96804</v>
      </c>
      <c r="E4400" s="2" t="s">
        <v>36353</v>
      </c>
      <c r="F4400" s="8">
        <v>302</v>
      </c>
      <c r="G4400" s="5">
        <v>6</v>
      </c>
      <c r="H4400" s="5" t="s">
        <v>1518</v>
      </c>
      <c r="I4400" s="5" t="s">
        <v>36264</v>
      </c>
      <c r="J4400" s="2" t="s">
        <v>36265</v>
      </c>
      <c r="K4400" s="5" t="s">
        <v>36264</v>
      </c>
      <c r="L4400" s="2" t="s">
        <v>36265</v>
      </c>
      <c r="M4400" s="5" t="s">
        <v>36266</v>
      </c>
      <c r="N4400" s="5" t="s">
        <v>38</v>
      </c>
      <c r="O4400" s="5" t="s">
        <v>39</v>
      </c>
      <c r="P4400" s="5" t="s">
        <v>40</v>
      </c>
      <c r="Q4400" s="5" t="s">
        <v>1522</v>
      </c>
      <c r="R4400" s="5" t="s">
        <v>1523</v>
      </c>
      <c r="S4400" s="5" t="s">
        <v>42</v>
      </c>
      <c r="T4400" s="2">
        <v>2.7040000000000002</v>
      </c>
      <c r="U4400" s="2">
        <v>2.153</v>
      </c>
      <c r="V4400" s="2">
        <v>1.4999999999999999E-2</v>
      </c>
      <c r="W4400" s="2">
        <v>118.9</v>
      </c>
      <c r="X4400" s="2">
        <v>7.6</v>
      </c>
      <c r="Y4400" s="2">
        <v>16.7</v>
      </c>
      <c r="Z4400" s="5"/>
      <c r="AA4400" s="5" t="s">
        <v>43</v>
      </c>
      <c r="AB4400" s="5" t="s">
        <v>44</v>
      </c>
      <c r="AC4400" s="2"/>
      <c r="AD4400" s="1"/>
    </row>
    <row r="4401" spans="1:30">
      <c r="A4401" s="5" t="s">
        <v>83578</v>
      </c>
      <c r="B4401" s="2" t="s">
        <v>96805</v>
      </c>
      <c r="C4401" s="14" t="s">
        <v>96806</v>
      </c>
      <c r="D4401" s="2" t="s">
        <v>96807</v>
      </c>
      <c r="E4401" s="2" t="s">
        <v>36357</v>
      </c>
      <c r="F4401" s="8">
        <v>302</v>
      </c>
      <c r="G4401" s="5">
        <v>6</v>
      </c>
      <c r="H4401" s="5" t="s">
        <v>1518</v>
      </c>
      <c r="I4401" s="5" t="s">
        <v>36264</v>
      </c>
      <c r="J4401" s="2" t="s">
        <v>36265</v>
      </c>
      <c r="K4401" s="5" t="s">
        <v>36264</v>
      </c>
      <c r="L4401" s="2" t="s">
        <v>36265</v>
      </c>
      <c r="M4401" s="5" t="s">
        <v>36266</v>
      </c>
      <c r="N4401" s="5" t="s">
        <v>38</v>
      </c>
      <c r="O4401" s="5" t="s">
        <v>39</v>
      </c>
      <c r="P4401" s="5" t="s">
        <v>40</v>
      </c>
      <c r="Q4401" s="5" t="s">
        <v>1522</v>
      </c>
      <c r="R4401" s="5" t="s">
        <v>1523</v>
      </c>
      <c r="S4401" s="5" t="s">
        <v>42</v>
      </c>
      <c r="T4401" s="2">
        <v>2.7909999999999999</v>
      </c>
      <c r="U4401" s="2">
        <v>2.2400000000000002</v>
      </c>
      <c r="V4401" s="2">
        <v>1.4999999999999999E-2</v>
      </c>
      <c r="W4401" s="2">
        <v>118.9</v>
      </c>
      <c r="X4401" s="2">
        <v>7.6</v>
      </c>
      <c r="Y4401" s="2">
        <v>16.7</v>
      </c>
      <c r="Z4401" s="5"/>
      <c r="AA4401" s="5" t="s">
        <v>43</v>
      </c>
      <c r="AB4401" s="5" t="s">
        <v>44</v>
      </c>
      <c r="AC4401" s="2"/>
      <c r="AD4401" s="1"/>
    </row>
    <row r="4402" spans="1:30">
      <c r="A4402" s="5" t="s">
        <v>83578</v>
      </c>
      <c r="B4402" s="2" t="s">
        <v>96808</v>
      </c>
      <c r="C4402" s="14" t="s">
        <v>96809</v>
      </c>
      <c r="D4402" s="2" t="s">
        <v>96810</v>
      </c>
      <c r="E4402" s="2" t="s">
        <v>45598</v>
      </c>
      <c r="F4402" s="8">
        <v>302</v>
      </c>
      <c r="G4402" s="5">
        <v>6</v>
      </c>
      <c r="H4402" s="5" t="s">
        <v>1518</v>
      </c>
      <c r="I4402" s="5" t="s">
        <v>36264</v>
      </c>
      <c r="J4402" s="2" t="s">
        <v>36265</v>
      </c>
      <c r="K4402" s="5" t="s">
        <v>36264</v>
      </c>
      <c r="L4402" s="2" t="s">
        <v>36265</v>
      </c>
      <c r="M4402" s="5" t="s">
        <v>36266</v>
      </c>
      <c r="N4402" s="5" t="s">
        <v>38</v>
      </c>
      <c r="O4402" s="5" t="s">
        <v>39</v>
      </c>
      <c r="P4402" s="5" t="s">
        <v>40</v>
      </c>
      <c r="Q4402" s="5" t="s">
        <v>1522</v>
      </c>
      <c r="R4402" s="5" t="s">
        <v>1523</v>
      </c>
      <c r="S4402" s="5" t="s">
        <v>42</v>
      </c>
      <c r="T4402" s="2">
        <v>2.7040000000000002</v>
      </c>
      <c r="U4402" s="2">
        <v>2.153</v>
      </c>
      <c r="V4402" s="2">
        <v>1.4999999999999999E-2</v>
      </c>
      <c r="W4402" s="2">
        <v>118.9</v>
      </c>
      <c r="X4402" s="2">
        <v>7.6</v>
      </c>
      <c r="Y4402" s="2">
        <v>16.7</v>
      </c>
      <c r="Z4402" s="5"/>
      <c r="AA4402" s="5" t="s">
        <v>43</v>
      </c>
      <c r="AB4402" s="5" t="s">
        <v>44</v>
      </c>
      <c r="AC4402" s="2"/>
      <c r="AD4402" s="1"/>
    </row>
    <row r="4403" spans="1:30">
      <c r="A4403" s="5" t="s">
        <v>83578</v>
      </c>
      <c r="B4403" s="2" t="s">
        <v>96811</v>
      </c>
      <c r="C4403" s="14" t="s">
        <v>96812</v>
      </c>
      <c r="D4403" s="2" t="s">
        <v>96813</v>
      </c>
      <c r="E4403" s="2" t="s">
        <v>45534</v>
      </c>
      <c r="F4403" s="8">
        <v>302</v>
      </c>
      <c r="G4403" s="5">
        <v>6</v>
      </c>
      <c r="H4403" s="5" t="s">
        <v>1518</v>
      </c>
      <c r="I4403" s="5" t="s">
        <v>36264</v>
      </c>
      <c r="J4403" s="2" t="s">
        <v>36265</v>
      </c>
      <c r="K4403" s="5" t="s">
        <v>36264</v>
      </c>
      <c r="L4403" s="2" t="s">
        <v>36265</v>
      </c>
      <c r="M4403" s="5" t="s">
        <v>36266</v>
      </c>
      <c r="N4403" s="5" t="s">
        <v>38</v>
      </c>
      <c r="O4403" s="5" t="s">
        <v>39</v>
      </c>
      <c r="P4403" s="5" t="s">
        <v>40</v>
      </c>
      <c r="Q4403" s="5" t="s">
        <v>1522</v>
      </c>
      <c r="R4403" s="5" t="s">
        <v>1523</v>
      </c>
      <c r="S4403" s="5" t="s">
        <v>42</v>
      </c>
      <c r="T4403" s="2">
        <v>2.7909999999999999</v>
      </c>
      <c r="U4403" s="2">
        <v>2.2400000000000002</v>
      </c>
      <c r="V4403" s="2">
        <v>1.4999999999999999E-2</v>
      </c>
      <c r="W4403" s="2">
        <v>118.9</v>
      </c>
      <c r="X4403" s="2">
        <v>7.6</v>
      </c>
      <c r="Y4403" s="2">
        <v>16.7</v>
      </c>
      <c r="Z4403" s="5"/>
      <c r="AA4403" s="5" t="s">
        <v>43</v>
      </c>
      <c r="AB4403" s="5" t="s">
        <v>44</v>
      </c>
      <c r="AC4403" s="2"/>
      <c r="AD4403" s="1"/>
    </row>
    <row r="4404" spans="1:30">
      <c r="A4404" s="5" t="s">
        <v>83578</v>
      </c>
      <c r="B4404" s="2" t="s">
        <v>96814</v>
      </c>
      <c r="C4404" s="14" t="s">
        <v>96815</v>
      </c>
      <c r="D4404" s="2" t="s">
        <v>96816</v>
      </c>
      <c r="E4404" s="2" t="s">
        <v>36369</v>
      </c>
      <c r="F4404" s="8">
        <v>302</v>
      </c>
      <c r="G4404" s="5">
        <v>6</v>
      </c>
      <c r="H4404" s="5" t="s">
        <v>1518</v>
      </c>
      <c r="I4404" s="5" t="s">
        <v>36264</v>
      </c>
      <c r="J4404" s="2" t="s">
        <v>36265</v>
      </c>
      <c r="K4404" s="5" t="s">
        <v>36264</v>
      </c>
      <c r="L4404" s="2" t="s">
        <v>36265</v>
      </c>
      <c r="M4404" s="5" t="s">
        <v>36266</v>
      </c>
      <c r="N4404" s="5" t="s">
        <v>38</v>
      </c>
      <c r="O4404" s="5" t="s">
        <v>39</v>
      </c>
      <c r="P4404" s="5" t="s">
        <v>40</v>
      </c>
      <c r="Q4404" s="5" t="s">
        <v>1522</v>
      </c>
      <c r="R4404" s="5" t="s">
        <v>1523</v>
      </c>
      <c r="S4404" s="5" t="s">
        <v>42</v>
      </c>
      <c r="T4404" s="2">
        <v>2.7040000000000002</v>
      </c>
      <c r="U4404" s="2">
        <v>2.153</v>
      </c>
      <c r="V4404" s="2">
        <v>1.4999999999999999E-2</v>
      </c>
      <c r="W4404" s="2">
        <v>118.9</v>
      </c>
      <c r="X4404" s="2">
        <v>7.6</v>
      </c>
      <c r="Y4404" s="2">
        <v>16.7</v>
      </c>
      <c r="Z4404" s="5"/>
      <c r="AA4404" s="5" t="s">
        <v>43</v>
      </c>
      <c r="AB4404" s="5" t="s">
        <v>44</v>
      </c>
      <c r="AC4404" s="2"/>
      <c r="AD4404" s="1"/>
    </row>
    <row r="4405" spans="1:30">
      <c r="A4405" s="5" t="s">
        <v>83578</v>
      </c>
      <c r="B4405" s="2" t="s">
        <v>96817</v>
      </c>
      <c r="C4405" s="14" t="s">
        <v>96818</v>
      </c>
      <c r="D4405" s="2" t="s">
        <v>96819</v>
      </c>
      <c r="E4405" s="2" t="s">
        <v>36373</v>
      </c>
      <c r="F4405" s="8">
        <v>302</v>
      </c>
      <c r="G4405" s="5">
        <v>6</v>
      </c>
      <c r="H4405" s="5" t="s">
        <v>1518</v>
      </c>
      <c r="I4405" s="5" t="s">
        <v>36264</v>
      </c>
      <c r="J4405" s="2" t="s">
        <v>36265</v>
      </c>
      <c r="K4405" s="5" t="s">
        <v>36264</v>
      </c>
      <c r="L4405" s="2" t="s">
        <v>36265</v>
      </c>
      <c r="M4405" s="5" t="s">
        <v>36266</v>
      </c>
      <c r="N4405" s="5" t="s">
        <v>38</v>
      </c>
      <c r="O4405" s="5" t="s">
        <v>39</v>
      </c>
      <c r="P4405" s="5" t="s">
        <v>40</v>
      </c>
      <c r="Q4405" s="5" t="s">
        <v>1522</v>
      </c>
      <c r="R4405" s="5" t="s">
        <v>1523</v>
      </c>
      <c r="S4405" s="5" t="s">
        <v>42</v>
      </c>
      <c r="T4405" s="2">
        <v>2.7909999999999999</v>
      </c>
      <c r="U4405" s="2">
        <v>2.2400000000000002</v>
      </c>
      <c r="V4405" s="2">
        <v>1.4999999999999999E-2</v>
      </c>
      <c r="W4405" s="2">
        <v>118.9</v>
      </c>
      <c r="X4405" s="2">
        <v>7.6</v>
      </c>
      <c r="Y4405" s="2">
        <v>16.7</v>
      </c>
      <c r="Z4405" s="5"/>
      <c r="AA4405" s="5" t="s">
        <v>43</v>
      </c>
      <c r="AB4405" s="5" t="s">
        <v>44</v>
      </c>
      <c r="AC4405" s="2"/>
      <c r="AD4405" s="1"/>
    </row>
    <row r="4406" spans="1:30">
      <c r="A4406" s="5" t="s">
        <v>83578</v>
      </c>
      <c r="B4406" s="2" t="s">
        <v>96820</v>
      </c>
      <c r="C4406" s="14" t="s">
        <v>96821</v>
      </c>
      <c r="D4406" s="2" t="s">
        <v>96822</v>
      </c>
      <c r="E4406" s="2" t="s">
        <v>36377</v>
      </c>
      <c r="F4406" s="8">
        <v>302</v>
      </c>
      <c r="G4406" s="5">
        <v>6</v>
      </c>
      <c r="H4406" s="5" t="s">
        <v>1518</v>
      </c>
      <c r="I4406" s="5" t="s">
        <v>36264</v>
      </c>
      <c r="J4406" s="2" t="s">
        <v>36265</v>
      </c>
      <c r="K4406" s="5" t="s">
        <v>36264</v>
      </c>
      <c r="L4406" s="2" t="s">
        <v>36265</v>
      </c>
      <c r="M4406" s="5" t="s">
        <v>36266</v>
      </c>
      <c r="N4406" s="5" t="s">
        <v>38</v>
      </c>
      <c r="O4406" s="5" t="s">
        <v>39</v>
      </c>
      <c r="P4406" s="5" t="s">
        <v>40</v>
      </c>
      <c r="Q4406" s="5" t="s">
        <v>1522</v>
      </c>
      <c r="R4406" s="5" t="s">
        <v>1523</v>
      </c>
      <c r="S4406" s="5" t="s">
        <v>42</v>
      </c>
      <c r="T4406" s="2">
        <v>2.7040000000000002</v>
      </c>
      <c r="U4406" s="2">
        <v>2.153</v>
      </c>
      <c r="V4406" s="2">
        <v>1.4999999999999999E-2</v>
      </c>
      <c r="W4406" s="2">
        <v>118.9</v>
      </c>
      <c r="X4406" s="2">
        <v>7.6</v>
      </c>
      <c r="Y4406" s="2">
        <v>16.7</v>
      </c>
      <c r="Z4406" s="5"/>
      <c r="AA4406" s="5" t="s">
        <v>43</v>
      </c>
      <c r="AB4406" s="5" t="s">
        <v>44</v>
      </c>
      <c r="AC4406" s="2"/>
      <c r="AD4406" s="1"/>
    </row>
    <row r="4407" spans="1:30">
      <c r="A4407" s="5" t="s">
        <v>83578</v>
      </c>
      <c r="B4407" s="2" t="s">
        <v>96823</v>
      </c>
      <c r="C4407" s="14" t="s">
        <v>96824</v>
      </c>
      <c r="D4407" s="2" t="s">
        <v>96825</v>
      </c>
      <c r="E4407" s="2" t="s">
        <v>36381</v>
      </c>
      <c r="F4407" s="8">
        <v>302</v>
      </c>
      <c r="G4407" s="5">
        <v>6</v>
      </c>
      <c r="H4407" s="5" t="s">
        <v>1518</v>
      </c>
      <c r="I4407" s="5" t="s">
        <v>36264</v>
      </c>
      <c r="J4407" s="2" t="s">
        <v>36265</v>
      </c>
      <c r="K4407" s="5" t="s">
        <v>36264</v>
      </c>
      <c r="L4407" s="2" t="s">
        <v>36265</v>
      </c>
      <c r="M4407" s="5" t="s">
        <v>36266</v>
      </c>
      <c r="N4407" s="5" t="s">
        <v>38</v>
      </c>
      <c r="O4407" s="5" t="s">
        <v>39</v>
      </c>
      <c r="P4407" s="5" t="s">
        <v>40</v>
      </c>
      <c r="Q4407" s="5" t="s">
        <v>1522</v>
      </c>
      <c r="R4407" s="5" t="s">
        <v>1523</v>
      </c>
      <c r="S4407" s="5" t="s">
        <v>42</v>
      </c>
      <c r="T4407" s="2">
        <v>2.7909999999999999</v>
      </c>
      <c r="U4407" s="2">
        <v>2.2400000000000002</v>
      </c>
      <c r="V4407" s="2">
        <v>1.4999999999999999E-2</v>
      </c>
      <c r="W4407" s="2">
        <v>118.9</v>
      </c>
      <c r="X4407" s="2">
        <v>7.6</v>
      </c>
      <c r="Y4407" s="2">
        <v>16.7</v>
      </c>
      <c r="Z4407" s="5"/>
      <c r="AA4407" s="5" t="s">
        <v>43</v>
      </c>
      <c r="AB4407" s="5" t="s">
        <v>44</v>
      </c>
      <c r="AC4407" s="2"/>
      <c r="AD4407" s="1"/>
    </row>
    <row r="4408" spans="1:30">
      <c r="A4408" s="5" t="s">
        <v>83578</v>
      </c>
      <c r="B4408" s="2" t="s">
        <v>96826</v>
      </c>
      <c r="C4408" s="14" t="s">
        <v>96827</v>
      </c>
      <c r="D4408" s="2" t="s">
        <v>96828</v>
      </c>
      <c r="E4408" s="2" t="s">
        <v>36385</v>
      </c>
      <c r="F4408" s="8">
        <v>302</v>
      </c>
      <c r="G4408" s="5">
        <v>6</v>
      </c>
      <c r="H4408" s="5" t="s">
        <v>1518</v>
      </c>
      <c r="I4408" s="5" t="s">
        <v>36264</v>
      </c>
      <c r="J4408" s="2" t="s">
        <v>36265</v>
      </c>
      <c r="K4408" s="5" t="s">
        <v>36264</v>
      </c>
      <c r="L4408" s="2" t="s">
        <v>36265</v>
      </c>
      <c r="M4408" s="5" t="s">
        <v>36266</v>
      </c>
      <c r="N4408" s="5" t="s">
        <v>38</v>
      </c>
      <c r="O4408" s="5" t="s">
        <v>39</v>
      </c>
      <c r="P4408" s="5" t="s">
        <v>40</v>
      </c>
      <c r="Q4408" s="5" t="s">
        <v>1522</v>
      </c>
      <c r="R4408" s="5" t="s">
        <v>1523</v>
      </c>
      <c r="S4408" s="5" t="s">
        <v>42</v>
      </c>
      <c r="T4408" s="2">
        <v>2.7040000000000002</v>
      </c>
      <c r="U4408" s="2">
        <v>2.153</v>
      </c>
      <c r="V4408" s="2">
        <v>1.4999999999999999E-2</v>
      </c>
      <c r="W4408" s="2">
        <v>118.9</v>
      </c>
      <c r="X4408" s="2">
        <v>7.6</v>
      </c>
      <c r="Y4408" s="2">
        <v>16.7</v>
      </c>
      <c r="Z4408" s="5"/>
      <c r="AA4408" s="5" t="s">
        <v>43</v>
      </c>
      <c r="AB4408" s="5" t="s">
        <v>44</v>
      </c>
      <c r="AC4408" s="2"/>
      <c r="AD4408" s="1"/>
    </row>
    <row r="4409" spans="1:30">
      <c r="A4409" s="5" t="s">
        <v>83578</v>
      </c>
      <c r="B4409" s="2" t="s">
        <v>96829</v>
      </c>
      <c r="C4409" s="14" t="s">
        <v>96830</v>
      </c>
      <c r="D4409" s="2" t="s">
        <v>96831</v>
      </c>
      <c r="E4409" s="2" t="s">
        <v>36389</v>
      </c>
      <c r="F4409" s="8">
        <v>302</v>
      </c>
      <c r="G4409" s="5">
        <v>6</v>
      </c>
      <c r="H4409" s="5" t="s">
        <v>1518</v>
      </c>
      <c r="I4409" s="5" t="s">
        <v>36264</v>
      </c>
      <c r="J4409" s="2" t="s">
        <v>36265</v>
      </c>
      <c r="K4409" s="5" t="s">
        <v>36264</v>
      </c>
      <c r="L4409" s="2" t="s">
        <v>36265</v>
      </c>
      <c r="M4409" s="5" t="s">
        <v>36266</v>
      </c>
      <c r="N4409" s="5" t="s">
        <v>38</v>
      </c>
      <c r="O4409" s="5" t="s">
        <v>39</v>
      </c>
      <c r="P4409" s="5" t="s">
        <v>40</v>
      </c>
      <c r="Q4409" s="5" t="s">
        <v>1522</v>
      </c>
      <c r="R4409" s="5" t="s">
        <v>1523</v>
      </c>
      <c r="S4409" s="5" t="s">
        <v>42</v>
      </c>
      <c r="T4409" s="2">
        <v>2.7909999999999999</v>
      </c>
      <c r="U4409" s="2">
        <v>2.2400000000000002</v>
      </c>
      <c r="V4409" s="2">
        <v>1.4999999999999999E-2</v>
      </c>
      <c r="W4409" s="2">
        <v>118.9</v>
      </c>
      <c r="X4409" s="2">
        <v>7.6</v>
      </c>
      <c r="Y4409" s="2">
        <v>16.7</v>
      </c>
      <c r="Z4409" s="5"/>
      <c r="AA4409" s="5" t="s">
        <v>43</v>
      </c>
      <c r="AB4409" s="5" t="s">
        <v>44</v>
      </c>
      <c r="AC4409" s="2"/>
      <c r="AD4409" s="1"/>
    </row>
    <row r="4410" spans="1:30">
      <c r="A4410" s="5" t="s">
        <v>83578</v>
      </c>
      <c r="B4410" s="2" t="s">
        <v>96832</v>
      </c>
      <c r="C4410" s="14" t="s">
        <v>96833</v>
      </c>
      <c r="D4410" s="2" t="s">
        <v>96834</v>
      </c>
      <c r="E4410" s="2" t="s">
        <v>36281</v>
      </c>
      <c r="F4410" s="8">
        <v>282</v>
      </c>
      <c r="G4410" s="5">
        <v>6</v>
      </c>
      <c r="H4410" s="5" t="s">
        <v>1518</v>
      </c>
      <c r="I4410" s="5" t="s">
        <v>36264</v>
      </c>
      <c r="J4410" s="2" t="s">
        <v>36265</v>
      </c>
      <c r="K4410" s="5" t="s">
        <v>36264</v>
      </c>
      <c r="L4410" s="2" t="s">
        <v>36265</v>
      </c>
      <c r="M4410" s="5" t="s">
        <v>36266</v>
      </c>
      <c r="N4410" s="5" t="s">
        <v>38</v>
      </c>
      <c r="O4410" s="5" t="s">
        <v>39</v>
      </c>
      <c r="P4410" s="5" t="s">
        <v>40</v>
      </c>
      <c r="Q4410" s="5" t="s">
        <v>1522</v>
      </c>
      <c r="R4410" s="5" t="s">
        <v>1523</v>
      </c>
      <c r="S4410" s="5" t="s">
        <v>42</v>
      </c>
      <c r="T4410" s="2">
        <v>2.3370000000000002</v>
      </c>
      <c r="U4410" s="2">
        <v>1.867</v>
      </c>
      <c r="V4410" s="2">
        <v>1.0999999999999999E-2</v>
      </c>
      <c r="W4410" s="2">
        <v>82.9</v>
      </c>
      <c r="X4410" s="2">
        <v>7.6</v>
      </c>
      <c r="Y4410" s="2">
        <v>16.7</v>
      </c>
      <c r="Z4410" s="5"/>
      <c r="AA4410" s="5" t="s">
        <v>43</v>
      </c>
      <c r="AB4410" s="5" t="s">
        <v>44</v>
      </c>
      <c r="AC4410" s="2"/>
      <c r="AD4410" s="1"/>
    </row>
    <row r="4411" spans="1:30">
      <c r="A4411" s="5" t="s">
        <v>83578</v>
      </c>
      <c r="B4411" s="2" t="s">
        <v>96835</v>
      </c>
      <c r="C4411" s="14" t="s">
        <v>96836</v>
      </c>
      <c r="D4411" s="2" t="s">
        <v>96837</v>
      </c>
      <c r="E4411" s="2" t="s">
        <v>36285</v>
      </c>
      <c r="F4411" s="8">
        <v>282</v>
      </c>
      <c r="G4411" s="5">
        <v>6</v>
      </c>
      <c r="H4411" s="5" t="s">
        <v>1518</v>
      </c>
      <c r="I4411" s="5" t="s">
        <v>36264</v>
      </c>
      <c r="J4411" s="2" t="s">
        <v>36265</v>
      </c>
      <c r="K4411" s="5" t="s">
        <v>36264</v>
      </c>
      <c r="L4411" s="2" t="s">
        <v>36265</v>
      </c>
      <c r="M4411" s="5" t="s">
        <v>36266</v>
      </c>
      <c r="N4411" s="5" t="s">
        <v>38</v>
      </c>
      <c r="O4411" s="5" t="s">
        <v>39</v>
      </c>
      <c r="P4411" s="5" t="s">
        <v>40</v>
      </c>
      <c r="Q4411" s="5" t="s">
        <v>1522</v>
      </c>
      <c r="R4411" s="5" t="s">
        <v>1523</v>
      </c>
      <c r="S4411" s="5" t="s">
        <v>42</v>
      </c>
      <c r="T4411" s="2">
        <v>2.403</v>
      </c>
      <c r="U4411" s="2">
        <v>1.9330000000000001</v>
      </c>
      <c r="V4411" s="2">
        <v>1.0999999999999999E-2</v>
      </c>
      <c r="W4411" s="2">
        <v>82.9</v>
      </c>
      <c r="X4411" s="2">
        <v>7.6</v>
      </c>
      <c r="Y4411" s="2">
        <v>16.7</v>
      </c>
      <c r="Z4411" s="5"/>
      <c r="AA4411" s="5" t="s">
        <v>43</v>
      </c>
      <c r="AB4411" s="5" t="s">
        <v>44</v>
      </c>
      <c r="AC4411" s="2"/>
      <c r="AD4411" s="1"/>
    </row>
    <row r="4412" spans="1:30">
      <c r="A4412" s="5" t="s">
        <v>83578</v>
      </c>
      <c r="B4412" s="2" t="s">
        <v>96838</v>
      </c>
      <c r="C4412" s="14" t="s">
        <v>96839</v>
      </c>
      <c r="D4412" s="2" t="s">
        <v>96840</v>
      </c>
      <c r="E4412" s="2" t="s">
        <v>36313</v>
      </c>
      <c r="F4412" s="8">
        <v>282</v>
      </c>
      <c r="G4412" s="5">
        <v>6</v>
      </c>
      <c r="H4412" s="5" t="s">
        <v>1518</v>
      </c>
      <c r="I4412" s="5" t="s">
        <v>36264</v>
      </c>
      <c r="J4412" s="2" t="s">
        <v>36265</v>
      </c>
      <c r="K4412" s="5" t="s">
        <v>36264</v>
      </c>
      <c r="L4412" s="2" t="s">
        <v>36265</v>
      </c>
      <c r="M4412" s="5" t="s">
        <v>36266</v>
      </c>
      <c r="N4412" s="5" t="s">
        <v>38</v>
      </c>
      <c r="O4412" s="5" t="s">
        <v>39</v>
      </c>
      <c r="P4412" s="5" t="s">
        <v>40</v>
      </c>
      <c r="Q4412" s="5" t="s">
        <v>1522</v>
      </c>
      <c r="R4412" s="5" t="s">
        <v>1523</v>
      </c>
      <c r="S4412" s="5" t="s">
        <v>42</v>
      </c>
      <c r="T4412" s="2">
        <v>2.3370000000000002</v>
      </c>
      <c r="U4412" s="2">
        <v>1.867</v>
      </c>
      <c r="V4412" s="2">
        <v>1.0999999999999999E-2</v>
      </c>
      <c r="W4412" s="2">
        <v>82.9</v>
      </c>
      <c r="X4412" s="2">
        <v>7.6</v>
      </c>
      <c r="Y4412" s="2">
        <v>16.7</v>
      </c>
      <c r="Z4412" s="5"/>
      <c r="AA4412" s="5" t="s">
        <v>43</v>
      </c>
      <c r="AB4412" s="5" t="s">
        <v>44</v>
      </c>
      <c r="AC4412" s="2"/>
      <c r="AD4412" s="1"/>
    </row>
    <row r="4413" spans="1:30">
      <c r="A4413" s="5" t="s">
        <v>83578</v>
      </c>
      <c r="B4413" s="2" t="s">
        <v>96841</v>
      </c>
      <c r="C4413" s="14" t="s">
        <v>96842</v>
      </c>
      <c r="D4413" s="2" t="s">
        <v>96843</v>
      </c>
      <c r="E4413" s="2" t="s">
        <v>36321</v>
      </c>
      <c r="F4413" s="8">
        <v>282</v>
      </c>
      <c r="G4413" s="5">
        <v>6</v>
      </c>
      <c r="H4413" s="5" t="s">
        <v>1518</v>
      </c>
      <c r="I4413" s="5" t="s">
        <v>36264</v>
      </c>
      <c r="J4413" s="2" t="s">
        <v>36265</v>
      </c>
      <c r="K4413" s="5" t="s">
        <v>36264</v>
      </c>
      <c r="L4413" s="2" t="s">
        <v>36265</v>
      </c>
      <c r="M4413" s="5" t="s">
        <v>36266</v>
      </c>
      <c r="N4413" s="5" t="s">
        <v>38</v>
      </c>
      <c r="O4413" s="5" t="s">
        <v>39</v>
      </c>
      <c r="P4413" s="5" t="s">
        <v>40</v>
      </c>
      <c r="Q4413" s="5" t="s">
        <v>1522</v>
      </c>
      <c r="R4413" s="5" t="s">
        <v>1523</v>
      </c>
      <c r="S4413" s="5" t="s">
        <v>42</v>
      </c>
      <c r="T4413" s="2">
        <v>2.3370000000000002</v>
      </c>
      <c r="U4413" s="2">
        <v>1.867</v>
      </c>
      <c r="V4413" s="2">
        <v>1.0999999999999999E-2</v>
      </c>
      <c r="W4413" s="2">
        <v>82.9</v>
      </c>
      <c r="X4413" s="2">
        <v>7.6</v>
      </c>
      <c r="Y4413" s="2">
        <v>16.7</v>
      </c>
      <c r="Z4413" s="5"/>
      <c r="AA4413" s="5" t="s">
        <v>43</v>
      </c>
      <c r="AB4413" s="5" t="s">
        <v>44</v>
      </c>
      <c r="AC4413" s="2"/>
      <c r="AD4413" s="1"/>
    </row>
    <row r="4414" spans="1:30">
      <c r="A4414" s="5" t="s">
        <v>83578</v>
      </c>
      <c r="B4414" s="2" t="s">
        <v>96844</v>
      </c>
      <c r="C4414" s="14" t="s">
        <v>96845</v>
      </c>
      <c r="D4414" s="2" t="s">
        <v>96846</v>
      </c>
      <c r="E4414" s="2" t="s">
        <v>36337</v>
      </c>
      <c r="F4414" s="8">
        <v>282</v>
      </c>
      <c r="G4414" s="5">
        <v>6</v>
      </c>
      <c r="H4414" s="5" t="s">
        <v>1518</v>
      </c>
      <c r="I4414" s="5" t="s">
        <v>36264</v>
      </c>
      <c r="J4414" s="2" t="s">
        <v>36265</v>
      </c>
      <c r="K4414" s="5" t="s">
        <v>36264</v>
      </c>
      <c r="L4414" s="2" t="s">
        <v>36265</v>
      </c>
      <c r="M4414" s="5" t="s">
        <v>36266</v>
      </c>
      <c r="N4414" s="5" t="s">
        <v>38</v>
      </c>
      <c r="O4414" s="5" t="s">
        <v>39</v>
      </c>
      <c r="P4414" s="5" t="s">
        <v>40</v>
      </c>
      <c r="Q4414" s="5" t="s">
        <v>1522</v>
      </c>
      <c r="R4414" s="5" t="s">
        <v>1523</v>
      </c>
      <c r="S4414" s="5" t="s">
        <v>42</v>
      </c>
      <c r="T4414" s="2">
        <v>2.3370000000000002</v>
      </c>
      <c r="U4414" s="2">
        <v>1.867</v>
      </c>
      <c r="V4414" s="2">
        <v>1.0999999999999999E-2</v>
      </c>
      <c r="W4414" s="2">
        <v>82.9</v>
      </c>
      <c r="X4414" s="2">
        <v>7.6</v>
      </c>
      <c r="Y4414" s="2">
        <v>16.7</v>
      </c>
      <c r="Z4414" s="5"/>
      <c r="AA4414" s="5" t="s">
        <v>43</v>
      </c>
      <c r="AB4414" s="5" t="s">
        <v>44</v>
      </c>
      <c r="AC4414" s="2"/>
      <c r="AD4414" s="1"/>
    </row>
    <row r="4415" spans="1:30">
      <c r="A4415" s="5" t="s">
        <v>83578</v>
      </c>
      <c r="B4415" s="2" t="s">
        <v>96847</v>
      </c>
      <c r="C4415" s="14" t="s">
        <v>96848</v>
      </c>
      <c r="D4415" s="2" t="s">
        <v>96849</v>
      </c>
      <c r="E4415" s="2" t="s">
        <v>36345</v>
      </c>
      <c r="F4415" s="8">
        <v>282</v>
      </c>
      <c r="G4415" s="5">
        <v>6</v>
      </c>
      <c r="H4415" s="5" t="s">
        <v>1518</v>
      </c>
      <c r="I4415" s="5" t="s">
        <v>36264</v>
      </c>
      <c r="J4415" s="2" t="s">
        <v>36265</v>
      </c>
      <c r="K4415" s="5" t="s">
        <v>36264</v>
      </c>
      <c r="L4415" s="2" t="s">
        <v>36265</v>
      </c>
      <c r="M4415" s="5" t="s">
        <v>36266</v>
      </c>
      <c r="N4415" s="5" t="s">
        <v>38</v>
      </c>
      <c r="O4415" s="5" t="s">
        <v>39</v>
      </c>
      <c r="P4415" s="5" t="s">
        <v>40</v>
      </c>
      <c r="Q4415" s="5" t="s">
        <v>1522</v>
      </c>
      <c r="R4415" s="5" t="s">
        <v>1523</v>
      </c>
      <c r="S4415" s="5" t="s">
        <v>42</v>
      </c>
      <c r="T4415" s="2">
        <v>2.3370000000000002</v>
      </c>
      <c r="U4415" s="2">
        <v>1.867</v>
      </c>
      <c r="V4415" s="2">
        <v>1.0999999999999999E-2</v>
      </c>
      <c r="W4415" s="2">
        <v>82.9</v>
      </c>
      <c r="X4415" s="2">
        <v>7.6</v>
      </c>
      <c r="Y4415" s="2">
        <v>16.7</v>
      </c>
      <c r="Z4415" s="5"/>
      <c r="AA4415" s="5" t="s">
        <v>43</v>
      </c>
      <c r="AB4415" s="5" t="s">
        <v>44</v>
      </c>
      <c r="AC4415" s="2"/>
      <c r="AD4415" s="1"/>
    </row>
    <row r="4416" spans="1:30">
      <c r="A4416" s="5" t="s">
        <v>83578</v>
      </c>
      <c r="B4416" s="2" t="s">
        <v>96850</v>
      </c>
      <c r="C4416" s="14" t="s">
        <v>96851</v>
      </c>
      <c r="D4416" s="2" t="s">
        <v>96852</v>
      </c>
      <c r="E4416" s="2" t="s">
        <v>36349</v>
      </c>
      <c r="F4416" s="8">
        <v>282</v>
      </c>
      <c r="G4416" s="5">
        <v>6</v>
      </c>
      <c r="H4416" s="5" t="s">
        <v>1518</v>
      </c>
      <c r="I4416" s="5" t="s">
        <v>36264</v>
      </c>
      <c r="J4416" s="2" t="s">
        <v>36265</v>
      </c>
      <c r="K4416" s="5" t="s">
        <v>36264</v>
      </c>
      <c r="L4416" s="2" t="s">
        <v>36265</v>
      </c>
      <c r="M4416" s="5" t="s">
        <v>36266</v>
      </c>
      <c r="N4416" s="5" t="s">
        <v>38</v>
      </c>
      <c r="O4416" s="5" t="s">
        <v>39</v>
      </c>
      <c r="P4416" s="5" t="s">
        <v>40</v>
      </c>
      <c r="Q4416" s="5" t="s">
        <v>1522</v>
      </c>
      <c r="R4416" s="5" t="s">
        <v>1523</v>
      </c>
      <c r="S4416" s="5" t="s">
        <v>42</v>
      </c>
      <c r="T4416" s="2">
        <v>2.403</v>
      </c>
      <c r="U4416" s="2">
        <v>1.9330000000000001</v>
      </c>
      <c r="V4416" s="2">
        <v>1.0999999999999999E-2</v>
      </c>
      <c r="W4416" s="2">
        <v>82.9</v>
      </c>
      <c r="X4416" s="2">
        <v>7.6</v>
      </c>
      <c r="Y4416" s="2">
        <v>16.7</v>
      </c>
      <c r="Z4416" s="5"/>
      <c r="AA4416" s="5" t="s">
        <v>43</v>
      </c>
      <c r="AB4416" s="5" t="s">
        <v>44</v>
      </c>
      <c r="AC4416" s="2"/>
      <c r="AD4416" s="1"/>
    </row>
    <row r="4417" spans="1:30">
      <c r="A4417" s="5" t="s">
        <v>83578</v>
      </c>
      <c r="B4417" s="2" t="s">
        <v>96853</v>
      </c>
      <c r="C4417" s="14" t="s">
        <v>96854</v>
      </c>
      <c r="D4417" s="2" t="s">
        <v>96855</v>
      </c>
      <c r="E4417" s="2" t="s">
        <v>36357</v>
      </c>
      <c r="F4417" s="8">
        <v>282</v>
      </c>
      <c r="G4417" s="5">
        <v>6</v>
      </c>
      <c r="H4417" s="5" t="s">
        <v>1518</v>
      </c>
      <c r="I4417" s="5" t="s">
        <v>36264</v>
      </c>
      <c r="J4417" s="2" t="s">
        <v>36265</v>
      </c>
      <c r="K4417" s="5" t="s">
        <v>36264</v>
      </c>
      <c r="L4417" s="2" t="s">
        <v>36265</v>
      </c>
      <c r="M4417" s="5" t="s">
        <v>36266</v>
      </c>
      <c r="N4417" s="5" t="s">
        <v>38</v>
      </c>
      <c r="O4417" s="5" t="s">
        <v>39</v>
      </c>
      <c r="P4417" s="5" t="s">
        <v>40</v>
      </c>
      <c r="Q4417" s="5" t="s">
        <v>1522</v>
      </c>
      <c r="R4417" s="5" t="s">
        <v>1523</v>
      </c>
      <c r="S4417" s="5" t="s">
        <v>42</v>
      </c>
      <c r="T4417" s="2">
        <v>2.403</v>
      </c>
      <c r="U4417" s="2">
        <v>1.9330000000000001</v>
      </c>
      <c r="V4417" s="2">
        <v>1.0999999999999999E-2</v>
      </c>
      <c r="W4417" s="2">
        <v>82.9</v>
      </c>
      <c r="X4417" s="2">
        <v>7.6</v>
      </c>
      <c r="Y4417" s="2">
        <v>16.7</v>
      </c>
      <c r="Z4417" s="5"/>
      <c r="AA4417" s="5" t="s">
        <v>43</v>
      </c>
      <c r="AB4417" s="5" t="s">
        <v>44</v>
      </c>
      <c r="AC4417" s="2"/>
      <c r="AD4417" s="1"/>
    </row>
    <row r="4418" spans="1:30">
      <c r="A4418" s="5" t="s">
        <v>83578</v>
      </c>
      <c r="B4418" s="2" t="s">
        <v>96856</v>
      </c>
      <c r="C4418" s="14" t="s">
        <v>96857</v>
      </c>
      <c r="D4418" s="2" t="s">
        <v>96858</v>
      </c>
      <c r="E4418" s="2" t="s">
        <v>45598</v>
      </c>
      <c r="F4418" s="8">
        <v>282</v>
      </c>
      <c r="G4418" s="5">
        <v>6</v>
      </c>
      <c r="H4418" s="5" t="s">
        <v>1518</v>
      </c>
      <c r="I4418" s="5" t="s">
        <v>36264</v>
      </c>
      <c r="J4418" s="2" t="s">
        <v>36265</v>
      </c>
      <c r="K4418" s="5" t="s">
        <v>36264</v>
      </c>
      <c r="L4418" s="2" t="s">
        <v>36265</v>
      </c>
      <c r="M4418" s="5" t="s">
        <v>36266</v>
      </c>
      <c r="N4418" s="5" t="s">
        <v>38</v>
      </c>
      <c r="O4418" s="5" t="s">
        <v>39</v>
      </c>
      <c r="P4418" s="5" t="s">
        <v>40</v>
      </c>
      <c r="Q4418" s="5" t="s">
        <v>1522</v>
      </c>
      <c r="R4418" s="5" t="s">
        <v>1523</v>
      </c>
      <c r="S4418" s="5" t="s">
        <v>42</v>
      </c>
      <c r="T4418" s="2">
        <v>2.3370000000000002</v>
      </c>
      <c r="U4418" s="2">
        <v>1.867</v>
      </c>
      <c r="V4418" s="2">
        <v>1.0999999999999999E-2</v>
      </c>
      <c r="W4418" s="2">
        <v>82.9</v>
      </c>
      <c r="X4418" s="2">
        <v>7.6</v>
      </c>
      <c r="Y4418" s="2">
        <v>16.7</v>
      </c>
      <c r="Z4418" s="5"/>
      <c r="AA4418" s="5" t="s">
        <v>43</v>
      </c>
      <c r="AB4418" s="5" t="s">
        <v>44</v>
      </c>
      <c r="AC4418" s="2"/>
      <c r="AD4418" s="1"/>
    </row>
    <row r="4419" spans="1:30">
      <c r="A4419" s="5" t="s">
        <v>83578</v>
      </c>
      <c r="B4419" s="2" t="s">
        <v>96859</v>
      </c>
      <c r="C4419" s="14" t="s">
        <v>96860</v>
      </c>
      <c r="D4419" s="2" t="s">
        <v>96861</v>
      </c>
      <c r="E4419" s="2" t="s">
        <v>36369</v>
      </c>
      <c r="F4419" s="8">
        <v>282</v>
      </c>
      <c r="G4419" s="5">
        <v>6</v>
      </c>
      <c r="H4419" s="5" t="s">
        <v>1518</v>
      </c>
      <c r="I4419" s="5" t="s">
        <v>36264</v>
      </c>
      <c r="J4419" s="2" t="s">
        <v>36265</v>
      </c>
      <c r="K4419" s="5" t="s">
        <v>36264</v>
      </c>
      <c r="L4419" s="2" t="s">
        <v>36265</v>
      </c>
      <c r="M4419" s="5" t="s">
        <v>36266</v>
      </c>
      <c r="N4419" s="5" t="s">
        <v>38</v>
      </c>
      <c r="O4419" s="5" t="s">
        <v>39</v>
      </c>
      <c r="P4419" s="5" t="s">
        <v>40</v>
      </c>
      <c r="Q4419" s="5" t="s">
        <v>1522</v>
      </c>
      <c r="R4419" s="5" t="s">
        <v>1523</v>
      </c>
      <c r="S4419" s="5" t="s">
        <v>42</v>
      </c>
      <c r="T4419" s="2">
        <v>2.3370000000000002</v>
      </c>
      <c r="U4419" s="2">
        <v>1.867</v>
      </c>
      <c r="V4419" s="2">
        <v>1.0999999999999999E-2</v>
      </c>
      <c r="W4419" s="2">
        <v>82.9</v>
      </c>
      <c r="X4419" s="2">
        <v>7.6</v>
      </c>
      <c r="Y4419" s="2">
        <v>16.7</v>
      </c>
      <c r="Z4419" s="5"/>
      <c r="AA4419" s="5" t="s">
        <v>43</v>
      </c>
      <c r="AB4419" s="5" t="s">
        <v>44</v>
      </c>
      <c r="AC4419" s="2"/>
      <c r="AD4419" s="1"/>
    </row>
    <row r="4420" spans="1:30">
      <c r="A4420" s="5" t="s">
        <v>83578</v>
      </c>
      <c r="B4420" s="2" t="s">
        <v>96862</v>
      </c>
      <c r="C4420" s="14" t="s">
        <v>96863</v>
      </c>
      <c r="D4420" s="2" t="s">
        <v>96864</v>
      </c>
      <c r="E4420" s="2" t="s">
        <v>36385</v>
      </c>
      <c r="F4420" s="8">
        <v>282</v>
      </c>
      <c r="G4420" s="5">
        <v>6</v>
      </c>
      <c r="H4420" s="5" t="s">
        <v>1518</v>
      </c>
      <c r="I4420" s="5" t="s">
        <v>36264</v>
      </c>
      <c r="J4420" s="2" t="s">
        <v>36265</v>
      </c>
      <c r="K4420" s="5" t="s">
        <v>36264</v>
      </c>
      <c r="L4420" s="2" t="s">
        <v>36265</v>
      </c>
      <c r="M4420" s="5" t="s">
        <v>36266</v>
      </c>
      <c r="N4420" s="5" t="s">
        <v>38</v>
      </c>
      <c r="O4420" s="5" t="s">
        <v>39</v>
      </c>
      <c r="P4420" s="5" t="s">
        <v>40</v>
      </c>
      <c r="Q4420" s="5" t="s">
        <v>1522</v>
      </c>
      <c r="R4420" s="5" t="s">
        <v>1523</v>
      </c>
      <c r="S4420" s="5" t="s">
        <v>42</v>
      </c>
      <c r="T4420" s="2">
        <v>2.3370000000000002</v>
      </c>
      <c r="U4420" s="2">
        <v>1.867</v>
      </c>
      <c r="V4420" s="2">
        <v>1.0999999999999999E-2</v>
      </c>
      <c r="W4420" s="2">
        <v>82.9</v>
      </c>
      <c r="X4420" s="2">
        <v>7.6</v>
      </c>
      <c r="Y4420" s="2">
        <v>16.7</v>
      </c>
      <c r="Z4420" s="5"/>
      <c r="AA4420" s="5" t="s">
        <v>43</v>
      </c>
      <c r="AB4420" s="5" t="s">
        <v>44</v>
      </c>
      <c r="AC4420" s="2"/>
      <c r="AD4420" s="1"/>
    </row>
    <row r="4421" spans="1:30">
      <c r="A4421" s="5" t="s">
        <v>83578</v>
      </c>
      <c r="B4421" s="2" t="s">
        <v>96865</v>
      </c>
      <c r="C4421" s="14" t="s">
        <v>96866</v>
      </c>
      <c r="D4421" s="2" t="s">
        <v>96867</v>
      </c>
      <c r="E4421" s="2" t="s">
        <v>36389</v>
      </c>
      <c r="F4421" s="8">
        <v>282</v>
      </c>
      <c r="G4421" s="5">
        <v>6</v>
      </c>
      <c r="H4421" s="5" t="s">
        <v>1518</v>
      </c>
      <c r="I4421" s="5" t="s">
        <v>36264</v>
      </c>
      <c r="J4421" s="2" t="s">
        <v>36265</v>
      </c>
      <c r="K4421" s="5" t="s">
        <v>36264</v>
      </c>
      <c r="L4421" s="2" t="s">
        <v>36265</v>
      </c>
      <c r="M4421" s="5" t="s">
        <v>36266</v>
      </c>
      <c r="N4421" s="5" t="s">
        <v>38</v>
      </c>
      <c r="O4421" s="5" t="s">
        <v>39</v>
      </c>
      <c r="P4421" s="5" t="s">
        <v>40</v>
      </c>
      <c r="Q4421" s="5" t="s">
        <v>1522</v>
      </c>
      <c r="R4421" s="5" t="s">
        <v>1523</v>
      </c>
      <c r="S4421" s="5" t="s">
        <v>42</v>
      </c>
      <c r="T4421" s="2">
        <v>2.403</v>
      </c>
      <c r="U4421" s="2">
        <v>1.9330000000000001</v>
      </c>
      <c r="V4421" s="2">
        <v>1.0999999999999999E-2</v>
      </c>
      <c r="W4421" s="2">
        <v>82.9</v>
      </c>
      <c r="X4421" s="2">
        <v>7.6</v>
      </c>
      <c r="Y4421" s="2">
        <v>16.7</v>
      </c>
      <c r="Z4421" s="5"/>
      <c r="AA4421" s="5" t="s">
        <v>43</v>
      </c>
      <c r="AB4421" s="5" t="s">
        <v>44</v>
      </c>
      <c r="AC4421" s="2"/>
      <c r="AD4421" s="1"/>
    </row>
    <row r="4422" spans="1:30">
      <c r="A4422" s="5" t="s">
        <v>83578</v>
      </c>
      <c r="B4422" s="2" t="s">
        <v>96868</v>
      </c>
      <c r="C4422" s="14" t="s">
        <v>96869</v>
      </c>
      <c r="D4422" s="2" t="s">
        <v>96870</v>
      </c>
      <c r="E4422" s="2" t="s">
        <v>36281</v>
      </c>
      <c r="F4422" s="8">
        <v>297</v>
      </c>
      <c r="G4422" s="5">
        <v>6</v>
      </c>
      <c r="H4422" s="5" t="s">
        <v>1518</v>
      </c>
      <c r="I4422" s="5" t="s">
        <v>36264</v>
      </c>
      <c r="J4422" s="2" t="s">
        <v>36265</v>
      </c>
      <c r="K4422" s="5" t="s">
        <v>36264</v>
      </c>
      <c r="L4422" s="2" t="s">
        <v>36265</v>
      </c>
      <c r="M4422" s="5" t="s">
        <v>36266</v>
      </c>
      <c r="N4422" s="5" t="s">
        <v>38</v>
      </c>
      <c r="O4422" s="5" t="s">
        <v>39</v>
      </c>
      <c r="P4422" s="5" t="s">
        <v>40</v>
      </c>
      <c r="Q4422" s="5" t="s">
        <v>1522</v>
      </c>
      <c r="R4422" s="5" t="s">
        <v>1523</v>
      </c>
      <c r="S4422" s="5" t="s">
        <v>42</v>
      </c>
      <c r="T4422" s="2">
        <v>2.585</v>
      </c>
      <c r="U4422" s="2">
        <v>2.028</v>
      </c>
      <c r="V4422" s="2">
        <v>1.4999999999999999E-2</v>
      </c>
      <c r="W4422" s="2">
        <v>118.9</v>
      </c>
      <c r="X4422" s="2">
        <v>7.6</v>
      </c>
      <c r="Y4422" s="2">
        <v>16.7</v>
      </c>
      <c r="Z4422" s="5"/>
      <c r="AA4422" s="5" t="s">
        <v>43</v>
      </c>
      <c r="AB4422" s="5" t="s">
        <v>44</v>
      </c>
      <c r="AC4422" s="2"/>
      <c r="AD4422" s="1"/>
    </row>
    <row r="4423" spans="1:30">
      <c r="A4423" s="5" t="s">
        <v>83578</v>
      </c>
      <c r="B4423" s="2" t="s">
        <v>96871</v>
      </c>
      <c r="C4423" s="14" t="s">
        <v>96872</v>
      </c>
      <c r="D4423" s="2" t="s">
        <v>96873</v>
      </c>
      <c r="E4423" s="2" t="s">
        <v>36337</v>
      </c>
      <c r="F4423" s="8">
        <v>297</v>
      </c>
      <c r="G4423" s="5">
        <v>6</v>
      </c>
      <c r="H4423" s="5" t="s">
        <v>1518</v>
      </c>
      <c r="I4423" s="5" t="s">
        <v>36264</v>
      </c>
      <c r="J4423" s="2" t="s">
        <v>36265</v>
      </c>
      <c r="K4423" s="5" t="s">
        <v>36264</v>
      </c>
      <c r="L4423" s="2" t="s">
        <v>36265</v>
      </c>
      <c r="M4423" s="5" t="s">
        <v>36266</v>
      </c>
      <c r="N4423" s="5" t="s">
        <v>38</v>
      </c>
      <c r="O4423" s="5" t="s">
        <v>39</v>
      </c>
      <c r="P4423" s="5" t="s">
        <v>40</v>
      </c>
      <c r="Q4423" s="5" t="s">
        <v>1522</v>
      </c>
      <c r="R4423" s="5" t="s">
        <v>1523</v>
      </c>
      <c r="S4423" s="5" t="s">
        <v>42</v>
      </c>
      <c r="T4423" s="2">
        <v>2.585</v>
      </c>
      <c r="U4423" s="2">
        <v>2.028</v>
      </c>
      <c r="V4423" s="2">
        <v>1.4999999999999999E-2</v>
      </c>
      <c r="W4423" s="2">
        <v>118.9</v>
      </c>
      <c r="X4423" s="2">
        <v>7.6</v>
      </c>
      <c r="Y4423" s="2">
        <v>16.7</v>
      </c>
      <c r="Z4423" s="5"/>
      <c r="AA4423" s="5" t="s">
        <v>43</v>
      </c>
      <c r="AB4423" s="5" t="s">
        <v>44</v>
      </c>
      <c r="AC4423" s="2"/>
      <c r="AD4423" s="1"/>
    </row>
    <row r="4424" spans="1:30">
      <c r="A4424" s="5" t="s">
        <v>83578</v>
      </c>
      <c r="B4424" s="2" t="s">
        <v>96874</v>
      </c>
      <c r="C4424" s="14" t="s">
        <v>96875</v>
      </c>
      <c r="D4424" s="2" t="s">
        <v>96876</v>
      </c>
      <c r="E4424" s="2" t="s">
        <v>36341</v>
      </c>
      <c r="F4424" s="8">
        <v>297</v>
      </c>
      <c r="G4424" s="5">
        <v>6</v>
      </c>
      <c r="H4424" s="5" t="s">
        <v>1518</v>
      </c>
      <c r="I4424" s="5" t="s">
        <v>36264</v>
      </c>
      <c r="J4424" s="2" t="s">
        <v>36265</v>
      </c>
      <c r="K4424" s="5" t="s">
        <v>36264</v>
      </c>
      <c r="L4424" s="2" t="s">
        <v>36265</v>
      </c>
      <c r="M4424" s="5" t="s">
        <v>36266</v>
      </c>
      <c r="N4424" s="5" t="s">
        <v>38</v>
      </c>
      <c r="O4424" s="5" t="s">
        <v>39</v>
      </c>
      <c r="P4424" s="5" t="s">
        <v>40</v>
      </c>
      <c r="Q4424" s="5" t="s">
        <v>1522</v>
      </c>
      <c r="R4424" s="5" t="s">
        <v>1523</v>
      </c>
      <c r="S4424" s="5" t="s">
        <v>42</v>
      </c>
      <c r="T4424" s="2">
        <v>2.6619999999999999</v>
      </c>
      <c r="U4424" s="2">
        <v>2.105</v>
      </c>
      <c r="V4424" s="2">
        <v>1.4999999999999999E-2</v>
      </c>
      <c r="W4424" s="2">
        <v>118.9</v>
      </c>
      <c r="X4424" s="2">
        <v>7.6</v>
      </c>
      <c r="Y4424" s="2">
        <v>16.7</v>
      </c>
      <c r="Z4424" s="5"/>
      <c r="AA4424" s="5" t="s">
        <v>43</v>
      </c>
      <c r="AB4424" s="5" t="s">
        <v>44</v>
      </c>
      <c r="AC4424" s="2"/>
      <c r="AD4424" s="1"/>
    </row>
    <row r="4425" spans="1:30">
      <c r="A4425" s="5" t="s">
        <v>83578</v>
      </c>
      <c r="B4425" s="2" t="s">
        <v>96877</v>
      </c>
      <c r="C4425" s="14" t="s">
        <v>96878</v>
      </c>
      <c r="D4425" s="2" t="s">
        <v>96879</v>
      </c>
      <c r="E4425" s="2" t="s">
        <v>36353</v>
      </c>
      <c r="F4425" s="8">
        <v>297</v>
      </c>
      <c r="G4425" s="5">
        <v>6</v>
      </c>
      <c r="H4425" s="5" t="s">
        <v>1518</v>
      </c>
      <c r="I4425" s="5" t="s">
        <v>36264</v>
      </c>
      <c r="J4425" s="2" t="s">
        <v>36265</v>
      </c>
      <c r="K4425" s="5" t="s">
        <v>36264</v>
      </c>
      <c r="L4425" s="2" t="s">
        <v>36265</v>
      </c>
      <c r="M4425" s="5" t="s">
        <v>36266</v>
      </c>
      <c r="N4425" s="5" t="s">
        <v>38</v>
      </c>
      <c r="O4425" s="5" t="s">
        <v>39</v>
      </c>
      <c r="P4425" s="5" t="s">
        <v>40</v>
      </c>
      <c r="Q4425" s="5" t="s">
        <v>1522</v>
      </c>
      <c r="R4425" s="5" t="s">
        <v>1523</v>
      </c>
      <c r="S4425" s="5" t="s">
        <v>42</v>
      </c>
      <c r="T4425" s="2">
        <v>2.585</v>
      </c>
      <c r="U4425" s="2">
        <v>2.028</v>
      </c>
      <c r="V4425" s="2">
        <v>1.4999999999999999E-2</v>
      </c>
      <c r="W4425" s="2">
        <v>118.9</v>
      </c>
      <c r="X4425" s="2">
        <v>7.6</v>
      </c>
      <c r="Y4425" s="2">
        <v>16.7</v>
      </c>
      <c r="Z4425" s="5"/>
      <c r="AA4425" s="5" t="s">
        <v>43</v>
      </c>
      <c r="AB4425" s="5" t="s">
        <v>44</v>
      </c>
      <c r="AC4425" s="2"/>
      <c r="AD4425" s="1"/>
    </row>
    <row r="4426" spans="1:30">
      <c r="A4426" s="5" t="s">
        <v>83578</v>
      </c>
      <c r="B4426" s="2" t="s">
        <v>96880</v>
      </c>
      <c r="C4426" s="14" t="s">
        <v>96881</v>
      </c>
      <c r="D4426" s="2" t="s">
        <v>96882</v>
      </c>
      <c r="E4426" s="2" t="s">
        <v>36273</v>
      </c>
      <c r="F4426" s="8">
        <v>280</v>
      </c>
      <c r="G4426" s="5">
        <v>6</v>
      </c>
      <c r="H4426" s="5" t="s">
        <v>1518</v>
      </c>
      <c r="I4426" s="5" t="s">
        <v>36264</v>
      </c>
      <c r="J4426" s="2" t="s">
        <v>36265</v>
      </c>
      <c r="K4426" s="5" t="s">
        <v>36264</v>
      </c>
      <c r="L4426" s="2" t="s">
        <v>36265</v>
      </c>
      <c r="M4426" s="5" t="s">
        <v>36266</v>
      </c>
      <c r="N4426" s="5" t="s">
        <v>38</v>
      </c>
      <c r="O4426" s="5" t="s">
        <v>39</v>
      </c>
      <c r="P4426" s="5" t="s">
        <v>40</v>
      </c>
      <c r="Q4426" s="5" t="s">
        <v>1522</v>
      </c>
      <c r="R4426" s="5" t="s">
        <v>1523</v>
      </c>
      <c r="S4426" s="5" t="s">
        <v>42</v>
      </c>
      <c r="T4426" s="2">
        <v>2.8330000000000002</v>
      </c>
      <c r="U4426" s="2">
        <v>2.202</v>
      </c>
      <c r="V4426" s="2">
        <v>1.7999999999999999E-2</v>
      </c>
      <c r="W4426" s="2">
        <v>139.1</v>
      </c>
      <c r="X4426" s="2">
        <v>7.6</v>
      </c>
      <c r="Y4426" s="2">
        <v>16.7</v>
      </c>
      <c r="Z4426" s="5"/>
      <c r="AA4426" s="5" t="s">
        <v>43</v>
      </c>
      <c r="AB4426" s="5" t="s">
        <v>44</v>
      </c>
      <c r="AC4426" s="2"/>
      <c r="AD4426" s="1"/>
    </row>
    <row r="4427" spans="1:30">
      <c r="A4427" s="5" t="s">
        <v>83578</v>
      </c>
      <c r="B4427" s="2" t="s">
        <v>96883</v>
      </c>
      <c r="C4427" s="14" t="s">
        <v>96884</v>
      </c>
      <c r="D4427" s="2" t="s">
        <v>96885</v>
      </c>
      <c r="E4427" s="2" t="s">
        <v>36281</v>
      </c>
      <c r="F4427" s="8">
        <v>302</v>
      </c>
      <c r="G4427" s="5">
        <v>6</v>
      </c>
      <c r="H4427" s="5" t="s">
        <v>1518</v>
      </c>
      <c r="I4427" s="5" t="s">
        <v>36264</v>
      </c>
      <c r="J4427" s="2" t="s">
        <v>36265</v>
      </c>
      <c r="K4427" s="5" t="s">
        <v>36264</v>
      </c>
      <c r="L4427" s="2" t="s">
        <v>36265</v>
      </c>
      <c r="M4427" s="5" t="s">
        <v>36266</v>
      </c>
      <c r="N4427" s="5" t="s">
        <v>38</v>
      </c>
      <c r="O4427" s="5" t="s">
        <v>39</v>
      </c>
      <c r="P4427" s="5" t="s">
        <v>40</v>
      </c>
      <c r="Q4427" s="5" t="s">
        <v>1522</v>
      </c>
      <c r="R4427" s="5" t="s">
        <v>1523</v>
      </c>
      <c r="S4427" s="5" t="s">
        <v>42</v>
      </c>
      <c r="T4427" s="2">
        <v>2.8330000000000002</v>
      </c>
      <c r="U4427" s="2">
        <v>2.202</v>
      </c>
      <c r="V4427" s="2">
        <v>1.7999999999999999E-2</v>
      </c>
      <c r="W4427" s="2">
        <v>139.1</v>
      </c>
      <c r="X4427" s="2">
        <v>7.6</v>
      </c>
      <c r="Y4427" s="2">
        <v>16.7</v>
      </c>
      <c r="Z4427" s="5"/>
      <c r="AA4427" s="5" t="s">
        <v>43</v>
      </c>
      <c r="AB4427" s="5" t="s">
        <v>44</v>
      </c>
      <c r="AC4427" s="2"/>
      <c r="AD4427" s="1"/>
    </row>
    <row r="4428" spans="1:30">
      <c r="A4428" s="5" t="s">
        <v>83578</v>
      </c>
      <c r="B4428" s="2" t="s">
        <v>96886</v>
      </c>
      <c r="C4428" s="14" t="s">
        <v>96887</v>
      </c>
      <c r="D4428" s="2" t="s">
        <v>96888</v>
      </c>
      <c r="E4428" s="2" t="s">
        <v>36297</v>
      </c>
      <c r="F4428" s="8">
        <v>280</v>
      </c>
      <c r="G4428" s="5">
        <v>6</v>
      </c>
      <c r="H4428" s="5" t="s">
        <v>1518</v>
      </c>
      <c r="I4428" s="5" t="s">
        <v>36264</v>
      </c>
      <c r="J4428" s="2" t="s">
        <v>36265</v>
      </c>
      <c r="K4428" s="5" t="s">
        <v>36264</v>
      </c>
      <c r="L4428" s="2" t="s">
        <v>36265</v>
      </c>
      <c r="M4428" s="5" t="s">
        <v>36266</v>
      </c>
      <c r="N4428" s="5" t="s">
        <v>38</v>
      </c>
      <c r="O4428" s="5" t="s">
        <v>39</v>
      </c>
      <c r="P4428" s="5" t="s">
        <v>40</v>
      </c>
      <c r="Q4428" s="5" t="s">
        <v>1522</v>
      </c>
      <c r="R4428" s="5" t="s">
        <v>1523</v>
      </c>
      <c r="S4428" s="5" t="s">
        <v>42</v>
      </c>
      <c r="T4428" s="2">
        <v>2.8330000000000002</v>
      </c>
      <c r="U4428" s="2">
        <v>2.202</v>
      </c>
      <c r="V4428" s="2">
        <v>1.7999999999999999E-2</v>
      </c>
      <c r="W4428" s="2">
        <v>139.1</v>
      </c>
      <c r="X4428" s="2">
        <v>7.6</v>
      </c>
      <c r="Y4428" s="2">
        <v>16.7</v>
      </c>
      <c r="Z4428" s="5"/>
      <c r="AA4428" s="5" t="s">
        <v>43</v>
      </c>
      <c r="AB4428" s="5" t="s">
        <v>44</v>
      </c>
      <c r="AC4428" s="2"/>
      <c r="AD4428" s="1"/>
    </row>
    <row r="4429" spans="1:30">
      <c r="A4429" s="5" t="s">
        <v>83578</v>
      </c>
      <c r="B4429" s="2" t="s">
        <v>96889</v>
      </c>
      <c r="C4429" s="14" t="s">
        <v>96890</v>
      </c>
      <c r="D4429" s="2" t="s">
        <v>96891</v>
      </c>
      <c r="E4429" s="2" t="s">
        <v>36313</v>
      </c>
      <c r="F4429" s="8">
        <v>302</v>
      </c>
      <c r="G4429" s="5">
        <v>6</v>
      </c>
      <c r="H4429" s="5" t="s">
        <v>1518</v>
      </c>
      <c r="I4429" s="5" t="s">
        <v>36264</v>
      </c>
      <c r="J4429" s="2" t="s">
        <v>36265</v>
      </c>
      <c r="K4429" s="5" t="s">
        <v>36264</v>
      </c>
      <c r="L4429" s="2" t="s">
        <v>36265</v>
      </c>
      <c r="M4429" s="5" t="s">
        <v>36266</v>
      </c>
      <c r="N4429" s="5" t="s">
        <v>38</v>
      </c>
      <c r="O4429" s="5" t="s">
        <v>39</v>
      </c>
      <c r="P4429" s="5" t="s">
        <v>40</v>
      </c>
      <c r="Q4429" s="5" t="s">
        <v>1522</v>
      </c>
      <c r="R4429" s="5" t="s">
        <v>1523</v>
      </c>
      <c r="S4429" s="5" t="s">
        <v>42</v>
      </c>
      <c r="T4429" s="2">
        <v>2.8330000000000002</v>
      </c>
      <c r="U4429" s="2">
        <v>2.202</v>
      </c>
      <c r="V4429" s="2">
        <v>1.7999999999999999E-2</v>
      </c>
      <c r="W4429" s="2">
        <v>139.1</v>
      </c>
      <c r="X4429" s="2">
        <v>7.6</v>
      </c>
      <c r="Y4429" s="2">
        <v>16.7</v>
      </c>
      <c r="Z4429" s="5"/>
      <c r="AA4429" s="5" t="s">
        <v>43</v>
      </c>
      <c r="AB4429" s="5" t="s">
        <v>44</v>
      </c>
      <c r="AC4429" s="2"/>
      <c r="AD4429" s="1"/>
    </row>
    <row r="4430" spans="1:30">
      <c r="A4430" s="5" t="s">
        <v>83578</v>
      </c>
      <c r="B4430" s="2" t="s">
        <v>96892</v>
      </c>
      <c r="C4430" s="14" t="s">
        <v>96893</v>
      </c>
      <c r="D4430" s="2" t="s">
        <v>96894</v>
      </c>
      <c r="E4430" s="2" t="s">
        <v>36321</v>
      </c>
      <c r="F4430" s="8">
        <v>302</v>
      </c>
      <c r="G4430" s="5">
        <v>6</v>
      </c>
      <c r="H4430" s="5" t="s">
        <v>1518</v>
      </c>
      <c r="I4430" s="5" t="s">
        <v>36264</v>
      </c>
      <c r="J4430" s="2" t="s">
        <v>36265</v>
      </c>
      <c r="K4430" s="5" t="s">
        <v>36264</v>
      </c>
      <c r="L4430" s="2" t="s">
        <v>36265</v>
      </c>
      <c r="M4430" s="5" t="s">
        <v>36266</v>
      </c>
      <c r="N4430" s="5" t="s">
        <v>38</v>
      </c>
      <c r="O4430" s="5" t="s">
        <v>39</v>
      </c>
      <c r="P4430" s="5" t="s">
        <v>40</v>
      </c>
      <c r="Q4430" s="5" t="s">
        <v>1522</v>
      </c>
      <c r="R4430" s="5" t="s">
        <v>1523</v>
      </c>
      <c r="S4430" s="5" t="s">
        <v>42</v>
      </c>
      <c r="T4430" s="2">
        <v>2.8330000000000002</v>
      </c>
      <c r="U4430" s="2">
        <v>2.202</v>
      </c>
      <c r="V4430" s="2">
        <v>1.7999999999999999E-2</v>
      </c>
      <c r="W4430" s="2">
        <v>139.1</v>
      </c>
      <c r="X4430" s="2">
        <v>7.6</v>
      </c>
      <c r="Y4430" s="2">
        <v>16.7</v>
      </c>
      <c r="Z4430" s="5"/>
      <c r="AA4430" s="5" t="s">
        <v>43</v>
      </c>
      <c r="AB4430" s="5" t="s">
        <v>44</v>
      </c>
      <c r="AC4430" s="2"/>
      <c r="AD4430" s="1"/>
    </row>
    <row r="4431" spans="1:30">
      <c r="A4431" s="5" t="s">
        <v>83578</v>
      </c>
      <c r="B4431" s="2" t="s">
        <v>96895</v>
      </c>
      <c r="C4431" s="14" t="s">
        <v>96896</v>
      </c>
      <c r="D4431" s="2" t="s">
        <v>96897</v>
      </c>
      <c r="E4431" s="2" t="s">
        <v>36345</v>
      </c>
      <c r="F4431" s="8">
        <v>302</v>
      </c>
      <c r="G4431" s="5">
        <v>6</v>
      </c>
      <c r="H4431" s="5" t="s">
        <v>1518</v>
      </c>
      <c r="I4431" s="5" t="s">
        <v>36264</v>
      </c>
      <c r="J4431" s="2" t="s">
        <v>36265</v>
      </c>
      <c r="K4431" s="5" t="s">
        <v>36264</v>
      </c>
      <c r="L4431" s="2" t="s">
        <v>36265</v>
      </c>
      <c r="M4431" s="5" t="s">
        <v>36266</v>
      </c>
      <c r="N4431" s="5" t="s">
        <v>38</v>
      </c>
      <c r="O4431" s="5" t="s">
        <v>39</v>
      </c>
      <c r="P4431" s="5" t="s">
        <v>40</v>
      </c>
      <c r="Q4431" s="5" t="s">
        <v>1522</v>
      </c>
      <c r="R4431" s="5" t="s">
        <v>1523</v>
      </c>
      <c r="S4431" s="5" t="s">
        <v>42</v>
      </c>
      <c r="T4431" s="2">
        <v>2.8330000000000002</v>
      </c>
      <c r="U4431" s="2">
        <v>2.202</v>
      </c>
      <c r="V4431" s="2">
        <v>1.7999999999999999E-2</v>
      </c>
      <c r="W4431" s="2">
        <v>139.1</v>
      </c>
      <c r="X4431" s="2">
        <v>7.6</v>
      </c>
      <c r="Y4431" s="2">
        <v>16.7</v>
      </c>
      <c r="Z4431" s="5"/>
      <c r="AA4431" s="5" t="s">
        <v>43</v>
      </c>
      <c r="AB4431" s="5" t="s">
        <v>44</v>
      </c>
      <c r="AC4431" s="2"/>
      <c r="AD4431" s="1"/>
    </row>
    <row r="4432" spans="1:30">
      <c r="A4432" s="5" t="s">
        <v>83578</v>
      </c>
      <c r="B4432" s="2" t="s">
        <v>96898</v>
      </c>
      <c r="C4432" s="14" t="s">
        <v>96899</v>
      </c>
      <c r="D4432" s="2" t="s">
        <v>96900</v>
      </c>
      <c r="E4432" s="2" t="s">
        <v>36353</v>
      </c>
      <c r="F4432" s="8">
        <v>302</v>
      </c>
      <c r="G4432" s="5">
        <v>6</v>
      </c>
      <c r="H4432" s="5" t="s">
        <v>1518</v>
      </c>
      <c r="I4432" s="5" t="s">
        <v>36264</v>
      </c>
      <c r="J4432" s="2" t="s">
        <v>36265</v>
      </c>
      <c r="K4432" s="5" t="s">
        <v>36264</v>
      </c>
      <c r="L4432" s="2" t="s">
        <v>36265</v>
      </c>
      <c r="M4432" s="5" t="s">
        <v>36266</v>
      </c>
      <c r="N4432" s="5" t="s">
        <v>38</v>
      </c>
      <c r="O4432" s="5" t="s">
        <v>39</v>
      </c>
      <c r="P4432" s="5" t="s">
        <v>40</v>
      </c>
      <c r="Q4432" s="5" t="s">
        <v>1522</v>
      </c>
      <c r="R4432" s="5" t="s">
        <v>1523</v>
      </c>
      <c r="S4432" s="5" t="s">
        <v>42</v>
      </c>
      <c r="T4432" s="2">
        <v>2.8330000000000002</v>
      </c>
      <c r="U4432" s="2">
        <v>2.202</v>
      </c>
      <c r="V4432" s="2">
        <v>1.7999999999999999E-2</v>
      </c>
      <c r="W4432" s="2">
        <v>139.1</v>
      </c>
      <c r="X4432" s="2">
        <v>7.6</v>
      </c>
      <c r="Y4432" s="2">
        <v>16.7</v>
      </c>
      <c r="Z4432" s="5"/>
      <c r="AA4432" s="5" t="s">
        <v>43</v>
      </c>
      <c r="AB4432" s="5" t="s">
        <v>44</v>
      </c>
      <c r="AC4432" s="2"/>
      <c r="AD4432" s="1"/>
    </row>
    <row r="4433" spans="1:30">
      <c r="A4433" s="5" t="s">
        <v>83578</v>
      </c>
      <c r="B4433" s="2" t="s">
        <v>96901</v>
      </c>
      <c r="C4433" s="14" t="s">
        <v>96902</v>
      </c>
      <c r="D4433" s="2" t="s">
        <v>96903</v>
      </c>
      <c r="E4433" s="2" t="s">
        <v>36357</v>
      </c>
      <c r="F4433" s="8">
        <v>302</v>
      </c>
      <c r="G4433" s="5">
        <v>6</v>
      </c>
      <c r="H4433" s="5" t="s">
        <v>1518</v>
      </c>
      <c r="I4433" s="5" t="s">
        <v>36264</v>
      </c>
      <c r="J4433" s="2" t="s">
        <v>36265</v>
      </c>
      <c r="K4433" s="5" t="s">
        <v>36264</v>
      </c>
      <c r="L4433" s="2" t="s">
        <v>36265</v>
      </c>
      <c r="M4433" s="5" t="s">
        <v>36266</v>
      </c>
      <c r="N4433" s="5" t="s">
        <v>38</v>
      </c>
      <c r="O4433" s="5" t="s">
        <v>39</v>
      </c>
      <c r="P4433" s="5" t="s">
        <v>40</v>
      </c>
      <c r="Q4433" s="5" t="s">
        <v>1522</v>
      </c>
      <c r="R4433" s="5" t="s">
        <v>1523</v>
      </c>
      <c r="S4433" s="5" t="s">
        <v>42</v>
      </c>
      <c r="T4433" s="2">
        <v>2.9220000000000002</v>
      </c>
      <c r="U4433" s="2">
        <v>2.2909999999999999</v>
      </c>
      <c r="V4433" s="2">
        <v>1.7999999999999999E-2</v>
      </c>
      <c r="W4433" s="2">
        <v>139.1</v>
      </c>
      <c r="X4433" s="2">
        <v>7.6</v>
      </c>
      <c r="Y4433" s="2">
        <v>16.7</v>
      </c>
      <c r="Z4433" s="5"/>
      <c r="AA4433" s="5" t="s">
        <v>43</v>
      </c>
      <c r="AB4433" s="5" t="s">
        <v>44</v>
      </c>
      <c r="AC4433" s="2"/>
      <c r="AD4433" s="1"/>
    </row>
    <row r="4434" spans="1:30">
      <c r="A4434" s="5" t="s">
        <v>83578</v>
      </c>
      <c r="B4434" s="2" t="s">
        <v>96904</v>
      </c>
      <c r="C4434" s="14" t="s">
        <v>96905</v>
      </c>
      <c r="D4434" s="2" t="s">
        <v>96906</v>
      </c>
      <c r="E4434" s="2" t="s">
        <v>36369</v>
      </c>
      <c r="F4434" s="8">
        <v>302</v>
      </c>
      <c r="G4434" s="5">
        <v>6</v>
      </c>
      <c r="H4434" s="5" t="s">
        <v>1518</v>
      </c>
      <c r="I4434" s="5" t="s">
        <v>36264</v>
      </c>
      <c r="J4434" s="2" t="s">
        <v>36265</v>
      </c>
      <c r="K4434" s="5" t="s">
        <v>36264</v>
      </c>
      <c r="L4434" s="2" t="s">
        <v>36265</v>
      </c>
      <c r="M4434" s="5" t="s">
        <v>36266</v>
      </c>
      <c r="N4434" s="5" t="s">
        <v>38</v>
      </c>
      <c r="O4434" s="5" t="s">
        <v>39</v>
      </c>
      <c r="P4434" s="5" t="s">
        <v>40</v>
      </c>
      <c r="Q4434" s="5" t="s">
        <v>1522</v>
      </c>
      <c r="R4434" s="5" t="s">
        <v>1523</v>
      </c>
      <c r="S4434" s="5" t="s">
        <v>42</v>
      </c>
      <c r="T4434" s="2">
        <v>2.8330000000000002</v>
      </c>
      <c r="U4434" s="2">
        <v>2.202</v>
      </c>
      <c r="V4434" s="2">
        <v>1.7999999999999999E-2</v>
      </c>
      <c r="W4434" s="2">
        <v>139.1</v>
      </c>
      <c r="X4434" s="2">
        <v>7.6</v>
      </c>
      <c r="Y4434" s="2">
        <v>16.7</v>
      </c>
      <c r="Z4434" s="5"/>
      <c r="AA4434" s="5" t="s">
        <v>43</v>
      </c>
      <c r="AB4434" s="5" t="s">
        <v>44</v>
      </c>
      <c r="AC4434" s="2"/>
      <c r="AD4434" s="1"/>
    </row>
    <row r="4435" spans="1:30">
      <c r="A4435" s="5" t="s">
        <v>83578</v>
      </c>
      <c r="B4435" s="2" t="s">
        <v>96907</v>
      </c>
      <c r="C4435" s="14" t="s">
        <v>96908</v>
      </c>
      <c r="D4435" s="2" t="s">
        <v>96909</v>
      </c>
      <c r="E4435" s="2" t="s">
        <v>36389</v>
      </c>
      <c r="F4435" s="8">
        <v>302</v>
      </c>
      <c r="G4435" s="5">
        <v>6</v>
      </c>
      <c r="H4435" s="5" t="s">
        <v>1518</v>
      </c>
      <c r="I4435" s="5" t="s">
        <v>36264</v>
      </c>
      <c r="J4435" s="2" t="s">
        <v>36265</v>
      </c>
      <c r="K4435" s="5" t="s">
        <v>36264</v>
      </c>
      <c r="L4435" s="2" t="s">
        <v>36265</v>
      </c>
      <c r="M4435" s="5" t="s">
        <v>36266</v>
      </c>
      <c r="N4435" s="5" t="s">
        <v>38</v>
      </c>
      <c r="O4435" s="5" t="s">
        <v>39</v>
      </c>
      <c r="P4435" s="5" t="s">
        <v>40</v>
      </c>
      <c r="Q4435" s="5" t="s">
        <v>1522</v>
      </c>
      <c r="R4435" s="5" t="s">
        <v>1523</v>
      </c>
      <c r="S4435" s="5" t="s">
        <v>42</v>
      </c>
      <c r="T4435" s="2">
        <v>2.9220000000000002</v>
      </c>
      <c r="U4435" s="2">
        <v>2.2909999999999999</v>
      </c>
      <c r="V4435" s="2">
        <v>1.7999999999999999E-2</v>
      </c>
      <c r="W4435" s="2">
        <v>139.1</v>
      </c>
      <c r="X4435" s="2">
        <v>7.6</v>
      </c>
      <c r="Y4435" s="2">
        <v>16.7</v>
      </c>
      <c r="Z4435" s="5"/>
      <c r="AA4435" s="5" t="s">
        <v>43</v>
      </c>
      <c r="AB4435" s="5" t="s">
        <v>44</v>
      </c>
      <c r="AC4435" s="2"/>
      <c r="AD4435" s="1"/>
    </row>
    <row r="4436" spans="1:30">
      <c r="A4436" s="5" t="s">
        <v>83578</v>
      </c>
      <c r="B4436" s="2" t="s">
        <v>96910</v>
      </c>
      <c r="C4436" s="14" t="s">
        <v>96911</v>
      </c>
      <c r="D4436" s="2" t="s">
        <v>96912</v>
      </c>
      <c r="E4436" s="2" t="s">
        <v>36325</v>
      </c>
      <c r="F4436" s="8">
        <v>289</v>
      </c>
      <c r="G4436" s="5">
        <v>6</v>
      </c>
      <c r="H4436" s="5" t="s">
        <v>1518</v>
      </c>
      <c r="I4436" s="5" t="s">
        <v>36264</v>
      </c>
      <c r="J4436" s="2" t="s">
        <v>36265</v>
      </c>
      <c r="K4436" s="5" t="s">
        <v>36264</v>
      </c>
      <c r="L4436" s="2" t="s">
        <v>36265</v>
      </c>
      <c r="M4436" s="5" t="s">
        <v>36266</v>
      </c>
      <c r="N4436" s="5" t="s">
        <v>38</v>
      </c>
      <c r="O4436" s="5" t="s">
        <v>39</v>
      </c>
      <c r="P4436" s="5" t="s">
        <v>40</v>
      </c>
      <c r="Q4436" s="5" t="s">
        <v>1522</v>
      </c>
      <c r="R4436" s="5" t="s">
        <v>1523</v>
      </c>
      <c r="S4436" s="5" t="s">
        <v>42</v>
      </c>
      <c r="T4436" s="2">
        <v>2.6259999999999999</v>
      </c>
      <c r="U4436" s="2">
        <v>2.08</v>
      </c>
      <c r="V4436" s="2">
        <v>1.2999999999999999E-2</v>
      </c>
      <c r="W4436" s="2">
        <v>99.1</v>
      </c>
      <c r="X4436" s="2">
        <v>7.6</v>
      </c>
      <c r="Y4436" s="2">
        <v>16.7</v>
      </c>
      <c r="Z4436" s="5"/>
      <c r="AA4436" s="5" t="s">
        <v>43</v>
      </c>
      <c r="AB4436" s="5" t="s">
        <v>44</v>
      </c>
      <c r="AC4436" s="2"/>
      <c r="AD4436" s="1"/>
    </row>
    <row r="4437" spans="1:30">
      <c r="A4437" s="5" t="s">
        <v>83578</v>
      </c>
      <c r="B4437" s="2" t="s">
        <v>96913</v>
      </c>
      <c r="C4437" s="14" t="s">
        <v>96914</v>
      </c>
      <c r="D4437" s="2" t="s">
        <v>96915</v>
      </c>
      <c r="E4437" s="2" t="s">
        <v>36281</v>
      </c>
      <c r="F4437" s="8">
        <v>302</v>
      </c>
      <c r="G4437" s="5">
        <v>6</v>
      </c>
      <c r="H4437" s="5" t="s">
        <v>1518</v>
      </c>
      <c r="I4437" s="5" t="s">
        <v>36264</v>
      </c>
      <c r="J4437" s="2" t="s">
        <v>36265</v>
      </c>
      <c r="K4437" s="5" t="s">
        <v>36264</v>
      </c>
      <c r="L4437" s="2" t="s">
        <v>36265</v>
      </c>
      <c r="M4437" s="5" t="s">
        <v>36266</v>
      </c>
      <c r="N4437" s="5" t="s">
        <v>38</v>
      </c>
      <c r="O4437" s="5" t="s">
        <v>39</v>
      </c>
      <c r="P4437" s="5" t="s">
        <v>40</v>
      </c>
      <c r="Q4437" s="5" t="s">
        <v>1522</v>
      </c>
      <c r="R4437" s="5" t="s">
        <v>1523</v>
      </c>
      <c r="S4437" s="5" t="s">
        <v>42</v>
      </c>
      <c r="T4437" s="2">
        <v>2.7149999999999999</v>
      </c>
      <c r="U4437" s="2">
        <v>2.1779999999999999</v>
      </c>
      <c r="V4437" s="2">
        <v>1.2999999999999999E-2</v>
      </c>
      <c r="W4437" s="2">
        <v>99.1</v>
      </c>
      <c r="X4437" s="2">
        <v>7.6</v>
      </c>
      <c r="Y4437" s="2">
        <v>16.7</v>
      </c>
      <c r="Z4437" s="5"/>
      <c r="AA4437" s="5" t="s">
        <v>43</v>
      </c>
      <c r="AB4437" s="5" t="s">
        <v>44</v>
      </c>
      <c r="AC4437" s="2"/>
      <c r="AD4437" s="1"/>
    </row>
    <row r="4438" spans="1:30">
      <c r="A4438" s="5" t="s">
        <v>83578</v>
      </c>
      <c r="B4438" s="2" t="s">
        <v>96916</v>
      </c>
      <c r="C4438" s="14" t="s">
        <v>96917</v>
      </c>
      <c r="D4438" s="2" t="s">
        <v>96918</v>
      </c>
      <c r="E4438" s="2" t="s">
        <v>36285</v>
      </c>
      <c r="F4438" s="8">
        <v>302</v>
      </c>
      <c r="G4438" s="5">
        <v>6</v>
      </c>
      <c r="H4438" s="5" t="s">
        <v>1518</v>
      </c>
      <c r="I4438" s="5" t="s">
        <v>36264</v>
      </c>
      <c r="J4438" s="2" t="s">
        <v>36265</v>
      </c>
      <c r="K4438" s="5" t="s">
        <v>36264</v>
      </c>
      <c r="L4438" s="2" t="s">
        <v>36265</v>
      </c>
      <c r="M4438" s="5" t="s">
        <v>36266</v>
      </c>
      <c r="N4438" s="5" t="s">
        <v>38</v>
      </c>
      <c r="O4438" s="5" t="s">
        <v>39</v>
      </c>
      <c r="P4438" s="5" t="s">
        <v>40</v>
      </c>
      <c r="Q4438" s="5" t="s">
        <v>1522</v>
      </c>
      <c r="R4438" s="5" t="s">
        <v>1523</v>
      </c>
      <c r="S4438" s="5" t="s">
        <v>42</v>
      </c>
      <c r="T4438" s="2">
        <v>2.7930000000000001</v>
      </c>
      <c r="U4438" s="2">
        <v>2.2559999999999998</v>
      </c>
      <c r="V4438" s="2">
        <v>1.2999999999999999E-2</v>
      </c>
      <c r="W4438" s="2">
        <v>99.1</v>
      </c>
      <c r="X4438" s="2">
        <v>7.6</v>
      </c>
      <c r="Y4438" s="2">
        <v>16.7</v>
      </c>
      <c r="Z4438" s="5"/>
      <c r="AA4438" s="5" t="s">
        <v>43</v>
      </c>
      <c r="AB4438" s="5" t="s">
        <v>44</v>
      </c>
      <c r="AC4438" s="2"/>
      <c r="AD4438" s="1"/>
    </row>
    <row r="4439" spans="1:30">
      <c r="A4439" s="5" t="s">
        <v>83578</v>
      </c>
      <c r="B4439" s="2" t="s">
        <v>96919</v>
      </c>
      <c r="C4439" s="14" t="s">
        <v>96920</v>
      </c>
      <c r="D4439" s="2" t="s">
        <v>96921</v>
      </c>
      <c r="E4439" s="2" t="s">
        <v>36277</v>
      </c>
      <c r="F4439" s="8">
        <v>294</v>
      </c>
      <c r="G4439" s="5">
        <v>6</v>
      </c>
      <c r="H4439" s="5" t="s">
        <v>1518</v>
      </c>
      <c r="I4439" s="5" t="s">
        <v>36264</v>
      </c>
      <c r="J4439" s="2" t="s">
        <v>36265</v>
      </c>
      <c r="K4439" s="5" t="s">
        <v>36264</v>
      </c>
      <c r="L4439" s="2" t="s">
        <v>36265</v>
      </c>
      <c r="M4439" s="5" t="s">
        <v>36266</v>
      </c>
      <c r="N4439" s="5" t="s">
        <v>38</v>
      </c>
      <c r="O4439" s="5" t="s">
        <v>39</v>
      </c>
      <c r="P4439" s="5" t="s">
        <v>40</v>
      </c>
      <c r="Q4439" s="5" t="s">
        <v>1522</v>
      </c>
      <c r="R4439" s="5" t="s">
        <v>1523</v>
      </c>
      <c r="S4439" s="5" t="s">
        <v>42</v>
      </c>
      <c r="T4439" s="2">
        <v>3.2309999999999999</v>
      </c>
      <c r="U4439" s="2">
        <v>2.6179999999999999</v>
      </c>
      <c r="V4439" s="2">
        <v>1.7999999999999999E-2</v>
      </c>
      <c r="W4439" s="2">
        <v>139.1</v>
      </c>
      <c r="X4439" s="2">
        <v>7.6</v>
      </c>
      <c r="Y4439" s="2">
        <v>16.7</v>
      </c>
      <c r="Z4439" s="5"/>
      <c r="AA4439" s="5" t="s">
        <v>43</v>
      </c>
      <c r="AB4439" s="5" t="s">
        <v>44</v>
      </c>
      <c r="AC4439" s="2"/>
      <c r="AD4439" s="1"/>
    </row>
    <row r="4440" spans="1:30">
      <c r="A4440" s="5" t="s">
        <v>83578</v>
      </c>
      <c r="B4440" s="2" t="s">
        <v>96922</v>
      </c>
      <c r="C4440" s="14" t="s">
        <v>96923</v>
      </c>
      <c r="D4440" s="2" t="s">
        <v>96924</v>
      </c>
      <c r="E4440" s="2" t="s">
        <v>36281</v>
      </c>
      <c r="F4440" s="8">
        <v>318</v>
      </c>
      <c r="G4440" s="5">
        <v>6</v>
      </c>
      <c r="H4440" s="5" t="s">
        <v>1518</v>
      </c>
      <c r="I4440" s="5" t="s">
        <v>36264</v>
      </c>
      <c r="J4440" s="2" t="s">
        <v>36265</v>
      </c>
      <c r="K4440" s="5" t="s">
        <v>36264</v>
      </c>
      <c r="L4440" s="2" t="s">
        <v>36265</v>
      </c>
      <c r="M4440" s="5" t="s">
        <v>36266</v>
      </c>
      <c r="N4440" s="5" t="s">
        <v>38</v>
      </c>
      <c r="O4440" s="5" t="s">
        <v>39</v>
      </c>
      <c r="P4440" s="5" t="s">
        <v>40</v>
      </c>
      <c r="Q4440" s="5" t="s">
        <v>1522</v>
      </c>
      <c r="R4440" s="5" t="s">
        <v>1523</v>
      </c>
      <c r="S4440" s="5" t="s">
        <v>42</v>
      </c>
      <c r="T4440" s="2">
        <v>3.129</v>
      </c>
      <c r="U4440" s="2">
        <v>2.516</v>
      </c>
      <c r="V4440" s="2">
        <v>1.7999999999999999E-2</v>
      </c>
      <c r="W4440" s="2">
        <v>139.1</v>
      </c>
      <c r="X4440" s="2">
        <v>7.6</v>
      </c>
      <c r="Y4440" s="2">
        <v>16.7</v>
      </c>
      <c r="Z4440" s="5"/>
      <c r="AA4440" s="5" t="s">
        <v>43</v>
      </c>
      <c r="AB4440" s="5" t="s">
        <v>44</v>
      </c>
      <c r="AC4440" s="2"/>
      <c r="AD4440" s="1"/>
    </row>
    <row r="4441" spans="1:30">
      <c r="A4441" s="5" t="s">
        <v>83578</v>
      </c>
      <c r="B4441" s="2" t="s">
        <v>96925</v>
      </c>
      <c r="C4441" s="14" t="s">
        <v>96926</v>
      </c>
      <c r="D4441" s="2" t="s">
        <v>96927</v>
      </c>
      <c r="E4441" s="2" t="s">
        <v>36285</v>
      </c>
      <c r="F4441" s="8">
        <v>318</v>
      </c>
      <c r="G4441" s="5">
        <v>6</v>
      </c>
      <c r="H4441" s="5" t="s">
        <v>1518</v>
      </c>
      <c r="I4441" s="5" t="s">
        <v>36264</v>
      </c>
      <c r="J4441" s="2" t="s">
        <v>36265</v>
      </c>
      <c r="K4441" s="5" t="s">
        <v>36264</v>
      </c>
      <c r="L4441" s="2" t="s">
        <v>36265</v>
      </c>
      <c r="M4441" s="5" t="s">
        <v>36266</v>
      </c>
      <c r="N4441" s="5" t="s">
        <v>38</v>
      </c>
      <c r="O4441" s="5" t="s">
        <v>39</v>
      </c>
      <c r="P4441" s="5" t="s">
        <v>40</v>
      </c>
      <c r="Q4441" s="5" t="s">
        <v>1522</v>
      </c>
      <c r="R4441" s="5" t="s">
        <v>1523</v>
      </c>
      <c r="S4441" s="5" t="s">
        <v>42</v>
      </c>
      <c r="T4441" s="2">
        <v>3.2309999999999999</v>
      </c>
      <c r="U4441" s="2">
        <v>2.6179999999999999</v>
      </c>
      <c r="V4441" s="2">
        <v>1.7999999999999999E-2</v>
      </c>
      <c r="W4441" s="2">
        <v>139.1</v>
      </c>
      <c r="X4441" s="2">
        <v>7.6</v>
      </c>
      <c r="Y4441" s="2">
        <v>16.7</v>
      </c>
      <c r="Z4441" s="5"/>
      <c r="AA4441" s="5" t="s">
        <v>43</v>
      </c>
      <c r="AB4441" s="5" t="s">
        <v>44</v>
      </c>
      <c r="AC4441" s="2"/>
      <c r="AD4441" s="1"/>
    </row>
    <row r="4442" spans="1:30">
      <c r="A4442" s="5" t="s">
        <v>83578</v>
      </c>
      <c r="B4442" s="2" t="s">
        <v>96928</v>
      </c>
      <c r="C4442" s="14" t="s">
        <v>96929</v>
      </c>
      <c r="D4442" s="2" t="s">
        <v>96930</v>
      </c>
      <c r="E4442" s="2" t="s">
        <v>36289</v>
      </c>
      <c r="F4442" s="8">
        <v>318</v>
      </c>
      <c r="G4442" s="5">
        <v>6</v>
      </c>
      <c r="H4442" s="5" t="s">
        <v>1518</v>
      </c>
      <c r="I4442" s="5" t="s">
        <v>36264</v>
      </c>
      <c r="J4442" s="2" t="s">
        <v>36265</v>
      </c>
      <c r="K4442" s="5" t="s">
        <v>36264</v>
      </c>
      <c r="L4442" s="2" t="s">
        <v>36265</v>
      </c>
      <c r="M4442" s="5" t="s">
        <v>36266</v>
      </c>
      <c r="N4442" s="5" t="s">
        <v>38</v>
      </c>
      <c r="O4442" s="5" t="s">
        <v>39</v>
      </c>
      <c r="P4442" s="5" t="s">
        <v>40</v>
      </c>
      <c r="Q4442" s="5" t="s">
        <v>1522</v>
      </c>
      <c r="R4442" s="5" t="s">
        <v>1523</v>
      </c>
      <c r="S4442" s="5" t="s">
        <v>42</v>
      </c>
      <c r="T4442" s="2">
        <v>3.129</v>
      </c>
      <c r="U4442" s="2">
        <v>2.516</v>
      </c>
      <c r="V4442" s="2">
        <v>1.7999999999999999E-2</v>
      </c>
      <c r="W4442" s="2">
        <v>139.1</v>
      </c>
      <c r="X4442" s="2">
        <v>7.6</v>
      </c>
      <c r="Y4442" s="2">
        <v>16.7</v>
      </c>
      <c r="Z4442" s="5"/>
      <c r="AA4442" s="5" t="s">
        <v>43</v>
      </c>
      <c r="AB4442" s="5" t="s">
        <v>44</v>
      </c>
      <c r="AC4442" s="2"/>
      <c r="AD4442" s="1"/>
    </row>
    <row r="4443" spans="1:30">
      <c r="A4443" s="5" t="s">
        <v>83578</v>
      </c>
      <c r="B4443" s="2" t="s">
        <v>96931</v>
      </c>
      <c r="C4443" s="14" t="s">
        <v>96932</v>
      </c>
      <c r="D4443" s="2" t="s">
        <v>96933</v>
      </c>
      <c r="E4443" s="2" t="s">
        <v>36293</v>
      </c>
      <c r="F4443" s="8">
        <v>318</v>
      </c>
      <c r="G4443" s="5">
        <v>6</v>
      </c>
      <c r="H4443" s="5" t="s">
        <v>1518</v>
      </c>
      <c r="I4443" s="5" t="s">
        <v>36264</v>
      </c>
      <c r="J4443" s="2" t="s">
        <v>36265</v>
      </c>
      <c r="K4443" s="5" t="s">
        <v>36264</v>
      </c>
      <c r="L4443" s="2" t="s">
        <v>36265</v>
      </c>
      <c r="M4443" s="5" t="s">
        <v>36266</v>
      </c>
      <c r="N4443" s="5" t="s">
        <v>38</v>
      </c>
      <c r="O4443" s="5" t="s">
        <v>39</v>
      </c>
      <c r="P4443" s="5" t="s">
        <v>40</v>
      </c>
      <c r="Q4443" s="5" t="s">
        <v>1522</v>
      </c>
      <c r="R4443" s="5" t="s">
        <v>1523</v>
      </c>
      <c r="S4443" s="5" t="s">
        <v>42</v>
      </c>
      <c r="T4443" s="2">
        <v>3.2309999999999999</v>
      </c>
      <c r="U4443" s="2">
        <v>2.6179999999999999</v>
      </c>
      <c r="V4443" s="2">
        <v>1.7999999999999999E-2</v>
      </c>
      <c r="W4443" s="2">
        <v>139.1</v>
      </c>
      <c r="X4443" s="2">
        <v>7.6</v>
      </c>
      <c r="Y4443" s="2">
        <v>16.7</v>
      </c>
      <c r="Z4443" s="5"/>
      <c r="AA4443" s="5" t="s">
        <v>43</v>
      </c>
      <c r="AB4443" s="5" t="s">
        <v>44</v>
      </c>
      <c r="AC4443" s="2"/>
      <c r="AD4443" s="1"/>
    </row>
    <row r="4444" spans="1:30">
      <c r="A4444" s="5" t="s">
        <v>83578</v>
      </c>
      <c r="B4444" s="2" t="s">
        <v>96934</v>
      </c>
      <c r="C4444" s="14" t="s">
        <v>96935</v>
      </c>
      <c r="D4444" s="2" t="s">
        <v>96936</v>
      </c>
      <c r="E4444" s="2" t="s">
        <v>36297</v>
      </c>
      <c r="F4444" s="8">
        <v>294</v>
      </c>
      <c r="G4444" s="5">
        <v>6</v>
      </c>
      <c r="H4444" s="5" t="s">
        <v>1518</v>
      </c>
      <c r="I4444" s="5" t="s">
        <v>36264</v>
      </c>
      <c r="J4444" s="2" t="s">
        <v>36265</v>
      </c>
      <c r="K4444" s="5" t="s">
        <v>36264</v>
      </c>
      <c r="L4444" s="2" t="s">
        <v>36265</v>
      </c>
      <c r="M4444" s="5" t="s">
        <v>36266</v>
      </c>
      <c r="N4444" s="5" t="s">
        <v>38</v>
      </c>
      <c r="O4444" s="5" t="s">
        <v>39</v>
      </c>
      <c r="P4444" s="5" t="s">
        <v>40</v>
      </c>
      <c r="Q4444" s="5" t="s">
        <v>1522</v>
      </c>
      <c r="R4444" s="5" t="s">
        <v>1523</v>
      </c>
      <c r="S4444" s="5" t="s">
        <v>42</v>
      </c>
      <c r="T4444" s="2">
        <v>3.129</v>
      </c>
      <c r="U4444" s="2">
        <v>2.516</v>
      </c>
      <c r="V4444" s="2">
        <v>1.7999999999999999E-2</v>
      </c>
      <c r="W4444" s="2">
        <v>139.1</v>
      </c>
      <c r="X4444" s="2">
        <v>7.6</v>
      </c>
      <c r="Y4444" s="2">
        <v>16.7</v>
      </c>
      <c r="Z4444" s="5"/>
      <c r="AA4444" s="5" t="s">
        <v>43</v>
      </c>
      <c r="AB4444" s="5" t="s">
        <v>44</v>
      </c>
      <c r="AC4444" s="2"/>
      <c r="AD4444" s="1"/>
    </row>
    <row r="4445" spans="1:30">
      <c r="A4445" s="5" t="s">
        <v>83578</v>
      </c>
      <c r="B4445" s="2" t="s">
        <v>96937</v>
      </c>
      <c r="C4445" s="14" t="s">
        <v>96938</v>
      </c>
      <c r="D4445" s="2" t="s">
        <v>96939</v>
      </c>
      <c r="E4445" s="2" t="s">
        <v>36313</v>
      </c>
      <c r="F4445" s="8">
        <v>318</v>
      </c>
      <c r="G4445" s="5">
        <v>6</v>
      </c>
      <c r="H4445" s="5" t="s">
        <v>1518</v>
      </c>
      <c r="I4445" s="5" t="s">
        <v>36264</v>
      </c>
      <c r="J4445" s="2" t="s">
        <v>36265</v>
      </c>
      <c r="K4445" s="5" t="s">
        <v>36264</v>
      </c>
      <c r="L4445" s="2" t="s">
        <v>36265</v>
      </c>
      <c r="M4445" s="5" t="s">
        <v>36266</v>
      </c>
      <c r="N4445" s="5" t="s">
        <v>38</v>
      </c>
      <c r="O4445" s="5" t="s">
        <v>39</v>
      </c>
      <c r="P4445" s="5" t="s">
        <v>40</v>
      </c>
      <c r="Q4445" s="5" t="s">
        <v>1522</v>
      </c>
      <c r="R4445" s="5" t="s">
        <v>1523</v>
      </c>
      <c r="S4445" s="5" t="s">
        <v>42</v>
      </c>
      <c r="T4445" s="2">
        <v>3.129</v>
      </c>
      <c r="U4445" s="2">
        <v>2.516</v>
      </c>
      <c r="V4445" s="2">
        <v>1.7999999999999999E-2</v>
      </c>
      <c r="W4445" s="2">
        <v>139.1</v>
      </c>
      <c r="X4445" s="2">
        <v>7.6</v>
      </c>
      <c r="Y4445" s="2">
        <v>16.7</v>
      </c>
      <c r="Z4445" s="5"/>
      <c r="AA4445" s="5" t="s">
        <v>43</v>
      </c>
      <c r="AB4445" s="5" t="s">
        <v>44</v>
      </c>
      <c r="AC4445" s="2"/>
      <c r="AD4445" s="1"/>
    </row>
    <row r="4446" spans="1:30">
      <c r="A4446" s="5" t="s">
        <v>83578</v>
      </c>
      <c r="B4446" s="2" t="s">
        <v>96940</v>
      </c>
      <c r="C4446" s="14" t="s">
        <v>96941</v>
      </c>
      <c r="D4446" s="2" t="s">
        <v>96942</v>
      </c>
      <c r="E4446" s="2" t="s">
        <v>36317</v>
      </c>
      <c r="F4446" s="8">
        <v>318</v>
      </c>
      <c r="G4446" s="5">
        <v>6</v>
      </c>
      <c r="H4446" s="5" t="s">
        <v>1518</v>
      </c>
      <c r="I4446" s="5" t="s">
        <v>36264</v>
      </c>
      <c r="J4446" s="2" t="s">
        <v>36265</v>
      </c>
      <c r="K4446" s="5" t="s">
        <v>36264</v>
      </c>
      <c r="L4446" s="2" t="s">
        <v>36265</v>
      </c>
      <c r="M4446" s="5" t="s">
        <v>36266</v>
      </c>
      <c r="N4446" s="5" t="s">
        <v>38</v>
      </c>
      <c r="O4446" s="5" t="s">
        <v>39</v>
      </c>
      <c r="P4446" s="5" t="s">
        <v>40</v>
      </c>
      <c r="Q4446" s="5" t="s">
        <v>1522</v>
      </c>
      <c r="R4446" s="5" t="s">
        <v>1523</v>
      </c>
      <c r="S4446" s="5" t="s">
        <v>42</v>
      </c>
      <c r="T4446" s="2">
        <v>3.2309999999999999</v>
      </c>
      <c r="U4446" s="2">
        <v>2.6179999999999999</v>
      </c>
      <c r="V4446" s="2">
        <v>1.7999999999999999E-2</v>
      </c>
      <c r="W4446" s="2">
        <v>139.1</v>
      </c>
      <c r="X4446" s="2">
        <v>7.6</v>
      </c>
      <c r="Y4446" s="2">
        <v>16.7</v>
      </c>
      <c r="Z4446" s="5"/>
      <c r="AA4446" s="5" t="s">
        <v>43</v>
      </c>
      <c r="AB4446" s="5" t="s">
        <v>44</v>
      </c>
      <c r="AC4446" s="2"/>
      <c r="AD4446" s="1"/>
    </row>
    <row r="4447" spans="1:30">
      <c r="A4447" s="5" t="s">
        <v>83578</v>
      </c>
      <c r="B4447" s="2" t="s">
        <v>96943</v>
      </c>
      <c r="C4447" s="14" t="s">
        <v>96944</v>
      </c>
      <c r="D4447" s="2" t="s">
        <v>96945</v>
      </c>
      <c r="E4447" s="2" t="s">
        <v>36321</v>
      </c>
      <c r="F4447" s="8">
        <v>318</v>
      </c>
      <c r="G4447" s="5">
        <v>6</v>
      </c>
      <c r="H4447" s="5" t="s">
        <v>1518</v>
      </c>
      <c r="I4447" s="5" t="s">
        <v>36264</v>
      </c>
      <c r="J4447" s="2" t="s">
        <v>36265</v>
      </c>
      <c r="K4447" s="5" t="s">
        <v>36264</v>
      </c>
      <c r="L4447" s="2" t="s">
        <v>36265</v>
      </c>
      <c r="M4447" s="5" t="s">
        <v>36266</v>
      </c>
      <c r="N4447" s="5" t="s">
        <v>38</v>
      </c>
      <c r="O4447" s="5" t="s">
        <v>39</v>
      </c>
      <c r="P4447" s="5" t="s">
        <v>40</v>
      </c>
      <c r="Q4447" s="5" t="s">
        <v>1522</v>
      </c>
      <c r="R4447" s="5" t="s">
        <v>1523</v>
      </c>
      <c r="S4447" s="5" t="s">
        <v>42</v>
      </c>
      <c r="T4447" s="2">
        <v>3.129</v>
      </c>
      <c r="U4447" s="2">
        <v>2.516</v>
      </c>
      <c r="V4447" s="2">
        <v>1.7999999999999999E-2</v>
      </c>
      <c r="W4447" s="2">
        <v>139.1</v>
      </c>
      <c r="X4447" s="2">
        <v>7.6</v>
      </c>
      <c r="Y4447" s="2">
        <v>16.7</v>
      </c>
      <c r="Z4447" s="5"/>
      <c r="AA4447" s="5" t="s">
        <v>43</v>
      </c>
      <c r="AB4447" s="5" t="s">
        <v>44</v>
      </c>
      <c r="AC4447" s="2"/>
      <c r="AD4447" s="1"/>
    </row>
    <row r="4448" spans="1:30">
      <c r="A4448" s="5" t="s">
        <v>83578</v>
      </c>
      <c r="B4448" s="2" t="s">
        <v>96946</v>
      </c>
      <c r="C4448" s="14" t="s">
        <v>96947</v>
      </c>
      <c r="D4448" s="2" t="s">
        <v>96948</v>
      </c>
      <c r="E4448" s="2" t="s">
        <v>36325</v>
      </c>
      <c r="F4448" s="8">
        <v>318</v>
      </c>
      <c r="G4448" s="5">
        <v>6</v>
      </c>
      <c r="H4448" s="5" t="s">
        <v>1518</v>
      </c>
      <c r="I4448" s="5" t="s">
        <v>36264</v>
      </c>
      <c r="J4448" s="2" t="s">
        <v>36265</v>
      </c>
      <c r="K4448" s="5" t="s">
        <v>36264</v>
      </c>
      <c r="L4448" s="2" t="s">
        <v>36265</v>
      </c>
      <c r="M4448" s="5" t="s">
        <v>36266</v>
      </c>
      <c r="N4448" s="5" t="s">
        <v>38</v>
      </c>
      <c r="O4448" s="5" t="s">
        <v>39</v>
      </c>
      <c r="P4448" s="5" t="s">
        <v>40</v>
      </c>
      <c r="Q4448" s="5" t="s">
        <v>1522</v>
      </c>
      <c r="R4448" s="5" t="s">
        <v>1523</v>
      </c>
      <c r="S4448" s="5" t="s">
        <v>42</v>
      </c>
      <c r="T4448" s="2">
        <v>3.2309999999999999</v>
      </c>
      <c r="U4448" s="2">
        <v>2.6179999999999999</v>
      </c>
      <c r="V4448" s="2">
        <v>1.7999999999999999E-2</v>
      </c>
      <c r="W4448" s="2">
        <v>139.1</v>
      </c>
      <c r="X4448" s="2">
        <v>7.6</v>
      </c>
      <c r="Y4448" s="2">
        <v>16.7</v>
      </c>
      <c r="Z4448" s="5"/>
      <c r="AA4448" s="5" t="s">
        <v>43</v>
      </c>
      <c r="AB4448" s="5" t="s">
        <v>44</v>
      </c>
      <c r="AC4448" s="2"/>
      <c r="AD4448" s="1"/>
    </row>
    <row r="4449" spans="1:30">
      <c r="A4449" s="5" t="s">
        <v>83578</v>
      </c>
      <c r="B4449" s="2" t="s">
        <v>96949</v>
      </c>
      <c r="C4449" s="14" t="s">
        <v>96950</v>
      </c>
      <c r="D4449" s="2" t="s">
        <v>96951</v>
      </c>
      <c r="E4449" s="2" t="s">
        <v>36333</v>
      </c>
      <c r="F4449" s="8">
        <v>318</v>
      </c>
      <c r="G4449" s="5">
        <v>6</v>
      </c>
      <c r="H4449" s="5" t="s">
        <v>1518</v>
      </c>
      <c r="I4449" s="5" t="s">
        <v>36264</v>
      </c>
      <c r="J4449" s="2" t="s">
        <v>36265</v>
      </c>
      <c r="K4449" s="5" t="s">
        <v>36264</v>
      </c>
      <c r="L4449" s="2" t="s">
        <v>36265</v>
      </c>
      <c r="M4449" s="5" t="s">
        <v>36266</v>
      </c>
      <c r="N4449" s="5" t="s">
        <v>38</v>
      </c>
      <c r="O4449" s="5" t="s">
        <v>39</v>
      </c>
      <c r="P4449" s="5" t="s">
        <v>40</v>
      </c>
      <c r="Q4449" s="5" t="s">
        <v>1522</v>
      </c>
      <c r="R4449" s="5" t="s">
        <v>1523</v>
      </c>
      <c r="S4449" s="5" t="s">
        <v>42</v>
      </c>
      <c r="T4449" s="2">
        <v>3.2309999999999999</v>
      </c>
      <c r="U4449" s="2">
        <v>2.6179999999999999</v>
      </c>
      <c r="V4449" s="2">
        <v>1.7999999999999999E-2</v>
      </c>
      <c r="W4449" s="2">
        <v>139.1</v>
      </c>
      <c r="X4449" s="2">
        <v>7.6</v>
      </c>
      <c r="Y4449" s="2">
        <v>16.7</v>
      </c>
      <c r="Z4449" s="5"/>
      <c r="AA4449" s="5" t="s">
        <v>43</v>
      </c>
      <c r="AB4449" s="5" t="s">
        <v>44</v>
      </c>
      <c r="AC4449" s="2"/>
      <c r="AD4449" s="1"/>
    </row>
    <row r="4450" spans="1:30">
      <c r="A4450" s="5" t="s">
        <v>83578</v>
      </c>
      <c r="B4450" s="2" t="s">
        <v>96952</v>
      </c>
      <c r="C4450" s="14" t="s">
        <v>96953</v>
      </c>
      <c r="D4450" s="2" t="s">
        <v>96954</v>
      </c>
      <c r="E4450" s="2" t="s">
        <v>36337</v>
      </c>
      <c r="F4450" s="8">
        <v>318</v>
      </c>
      <c r="G4450" s="5">
        <v>6</v>
      </c>
      <c r="H4450" s="5" t="s">
        <v>1518</v>
      </c>
      <c r="I4450" s="5" t="s">
        <v>36264</v>
      </c>
      <c r="J4450" s="2" t="s">
        <v>36265</v>
      </c>
      <c r="K4450" s="5" t="s">
        <v>36264</v>
      </c>
      <c r="L4450" s="2" t="s">
        <v>36265</v>
      </c>
      <c r="M4450" s="5" t="s">
        <v>36266</v>
      </c>
      <c r="N4450" s="5" t="s">
        <v>38</v>
      </c>
      <c r="O4450" s="5" t="s">
        <v>39</v>
      </c>
      <c r="P4450" s="5" t="s">
        <v>40</v>
      </c>
      <c r="Q4450" s="5" t="s">
        <v>1522</v>
      </c>
      <c r="R4450" s="5" t="s">
        <v>1523</v>
      </c>
      <c r="S4450" s="5" t="s">
        <v>42</v>
      </c>
      <c r="T4450" s="2">
        <v>3.129</v>
      </c>
      <c r="U4450" s="2">
        <v>2.516</v>
      </c>
      <c r="V4450" s="2">
        <v>1.7999999999999999E-2</v>
      </c>
      <c r="W4450" s="2">
        <v>139.1</v>
      </c>
      <c r="X4450" s="2">
        <v>7.6</v>
      </c>
      <c r="Y4450" s="2">
        <v>16.7</v>
      </c>
      <c r="Z4450" s="5"/>
      <c r="AA4450" s="5" t="s">
        <v>43</v>
      </c>
      <c r="AB4450" s="5" t="s">
        <v>44</v>
      </c>
      <c r="AC4450" s="2"/>
      <c r="AD4450" s="1"/>
    </row>
    <row r="4451" spans="1:30">
      <c r="A4451" s="5" t="s">
        <v>83578</v>
      </c>
      <c r="B4451" s="2" t="s">
        <v>96955</v>
      </c>
      <c r="C4451" s="14" t="s">
        <v>96956</v>
      </c>
      <c r="D4451" s="2" t="s">
        <v>96957</v>
      </c>
      <c r="E4451" s="2" t="s">
        <v>36341</v>
      </c>
      <c r="F4451" s="8">
        <v>318</v>
      </c>
      <c r="G4451" s="5">
        <v>6</v>
      </c>
      <c r="H4451" s="5" t="s">
        <v>1518</v>
      </c>
      <c r="I4451" s="5" t="s">
        <v>36264</v>
      </c>
      <c r="J4451" s="2" t="s">
        <v>36265</v>
      </c>
      <c r="K4451" s="5" t="s">
        <v>36264</v>
      </c>
      <c r="L4451" s="2" t="s">
        <v>36265</v>
      </c>
      <c r="M4451" s="5" t="s">
        <v>36266</v>
      </c>
      <c r="N4451" s="5" t="s">
        <v>38</v>
      </c>
      <c r="O4451" s="5" t="s">
        <v>39</v>
      </c>
      <c r="P4451" s="5" t="s">
        <v>40</v>
      </c>
      <c r="Q4451" s="5" t="s">
        <v>1522</v>
      </c>
      <c r="R4451" s="5" t="s">
        <v>1523</v>
      </c>
      <c r="S4451" s="5" t="s">
        <v>42</v>
      </c>
      <c r="T4451" s="2">
        <v>3.2309999999999999</v>
      </c>
      <c r="U4451" s="2">
        <v>2.6179999999999999</v>
      </c>
      <c r="V4451" s="2">
        <v>1.7999999999999999E-2</v>
      </c>
      <c r="W4451" s="2">
        <v>139.1</v>
      </c>
      <c r="X4451" s="2">
        <v>7.6</v>
      </c>
      <c r="Y4451" s="2">
        <v>16.7</v>
      </c>
      <c r="Z4451" s="5"/>
      <c r="AA4451" s="5" t="s">
        <v>43</v>
      </c>
      <c r="AB4451" s="5" t="s">
        <v>44</v>
      </c>
      <c r="AC4451" s="2"/>
      <c r="AD4451" s="1"/>
    </row>
    <row r="4452" spans="1:30">
      <c r="A4452" s="5" t="s">
        <v>83578</v>
      </c>
      <c r="B4452" s="2" t="s">
        <v>96958</v>
      </c>
      <c r="C4452" s="14" t="s">
        <v>96959</v>
      </c>
      <c r="D4452" s="2" t="s">
        <v>96960</v>
      </c>
      <c r="E4452" s="2" t="s">
        <v>36345</v>
      </c>
      <c r="F4452" s="8">
        <v>318</v>
      </c>
      <c r="G4452" s="5">
        <v>6</v>
      </c>
      <c r="H4452" s="5" t="s">
        <v>1518</v>
      </c>
      <c r="I4452" s="5" t="s">
        <v>36264</v>
      </c>
      <c r="J4452" s="2" t="s">
        <v>36265</v>
      </c>
      <c r="K4452" s="5" t="s">
        <v>36264</v>
      </c>
      <c r="L4452" s="2" t="s">
        <v>36265</v>
      </c>
      <c r="M4452" s="5" t="s">
        <v>36266</v>
      </c>
      <c r="N4452" s="5" t="s">
        <v>38</v>
      </c>
      <c r="O4452" s="5" t="s">
        <v>39</v>
      </c>
      <c r="P4452" s="5" t="s">
        <v>40</v>
      </c>
      <c r="Q4452" s="5" t="s">
        <v>1522</v>
      </c>
      <c r="R4452" s="5" t="s">
        <v>1523</v>
      </c>
      <c r="S4452" s="5" t="s">
        <v>42</v>
      </c>
      <c r="T4452" s="2">
        <v>3.129</v>
      </c>
      <c r="U4452" s="2">
        <v>2.516</v>
      </c>
      <c r="V4452" s="2">
        <v>1.7999999999999999E-2</v>
      </c>
      <c r="W4452" s="2">
        <v>139.1</v>
      </c>
      <c r="X4452" s="2">
        <v>7.6</v>
      </c>
      <c r="Y4452" s="2">
        <v>16.7</v>
      </c>
      <c r="Z4452" s="5"/>
      <c r="AA4452" s="5" t="s">
        <v>43</v>
      </c>
      <c r="AB4452" s="5" t="s">
        <v>44</v>
      </c>
      <c r="AC4452" s="2"/>
      <c r="AD4452" s="1"/>
    </row>
    <row r="4453" spans="1:30">
      <c r="A4453" s="5" t="s">
        <v>83578</v>
      </c>
      <c r="B4453" s="2" t="s">
        <v>96961</v>
      </c>
      <c r="C4453" s="14" t="s">
        <v>96962</v>
      </c>
      <c r="D4453" s="2" t="s">
        <v>96963</v>
      </c>
      <c r="E4453" s="2" t="s">
        <v>36357</v>
      </c>
      <c r="F4453" s="8">
        <v>318</v>
      </c>
      <c r="G4453" s="5">
        <v>6</v>
      </c>
      <c r="H4453" s="5" t="s">
        <v>1518</v>
      </c>
      <c r="I4453" s="5" t="s">
        <v>36264</v>
      </c>
      <c r="J4453" s="2" t="s">
        <v>36265</v>
      </c>
      <c r="K4453" s="5" t="s">
        <v>36264</v>
      </c>
      <c r="L4453" s="2" t="s">
        <v>36265</v>
      </c>
      <c r="M4453" s="5" t="s">
        <v>36266</v>
      </c>
      <c r="N4453" s="5" t="s">
        <v>38</v>
      </c>
      <c r="O4453" s="5" t="s">
        <v>39</v>
      </c>
      <c r="P4453" s="5" t="s">
        <v>40</v>
      </c>
      <c r="Q4453" s="5" t="s">
        <v>1522</v>
      </c>
      <c r="R4453" s="5" t="s">
        <v>1523</v>
      </c>
      <c r="S4453" s="5" t="s">
        <v>42</v>
      </c>
      <c r="T4453" s="2">
        <v>3.2309999999999999</v>
      </c>
      <c r="U4453" s="2">
        <v>2.6179999999999999</v>
      </c>
      <c r="V4453" s="2">
        <v>1.7999999999999999E-2</v>
      </c>
      <c r="W4453" s="2">
        <v>139.1</v>
      </c>
      <c r="X4453" s="2">
        <v>7.6</v>
      </c>
      <c r="Y4453" s="2">
        <v>16.7</v>
      </c>
      <c r="Z4453" s="5"/>
      <c r="AA4453" s="5" t="s">
        <v>43</v>
      </c>
      <c r="AB4453" s="5" t="s">
        <v>44</v>
      </c>
      <c r="AC4453" s="2"/>
      <c r="AD4453" s="1"/>
    </row>
    <row r="4454" spans="1:30">
      <c r="A4454" s="5" t="s">
        <v>83578</v>
      </c>
      <c r="B4454" s="2" t="s">
        <v>96964</v>
      </c>
      <c r="C4454" s="14" t="s">
        <v>96965</v>
      </c>
      <c r="D4454" s="2" t="s">
        <v>96966</v>
      </c>
      <c r="E4454" s="2" t="s">
        <v>45534</v>
      </c>
      <c r="F4454" s="8">
        <v>318</v>
      </c>
      <c r="G4454" s="5">
        <v>6</v>
      </c>
      <c r="H4454" s="5" t="s">
        <v>1518</v>
      </c>
      <c r="I4454" s="5" t="s">
        <v>36264</v>
      </c>
      <c r="J4454" s="2" t="s">
        <v>36265</v>
      </c>
      <c r="K4454" s="5" t="s">
        <v>36264</v>
      </c>
      <c r="L4454" s="2" t="s">
        <v>36265</v>
      </c>
      <c r="M4454" s="5" t="s">
        <v>36266</v>
      </c>
      <c r="N4454" s="5" t="s">
        <v>38</v>
      </c>
      <c r="O4454" s="5" t="s">
        <v>39</v>
      </c>
      <c r="P4454" s="5" t="s">
        <v>40</v>
      </c>
      <c r="Q4454" s="5" t="s">
        <v>1522</v>
      </c>
      <c r="R4454" s="5" t="s">
        <v>1523</v>
      </c>
      <c r="S4454" s="5" t="s">
        <v>42</v>
      </c>
      <c r="T4454" s="2">
        <v>3.2309999999999999</v>
      </c>
      <c r="U4454" s="2">
        <v>2.6179999999999999</v>
      </c>
      <c r="V4454" s="2">
        <v>1.7999999999999999E-2</v>
      </c>
      <c r="W4454" s="2">
        <v>139.1</v>
      </c>
      <c r="X4454" s="2">
        <v>7.6</v>
      </c>
      <c r="Y4454" s="2">
        <v>16.7</v>
      </c>
      <c r="Z4454" s="5"/>
      <c r="AA4454" s="5" t="s">
        <v>43</v>
      </c>
      <c r="AB4454" s="5" t="s">
        <v>44</v>
      </c>
      <c r="AC4454" s="2"/>
      <c r="AD4454" s="1"/>
    </row>
    <row r="4455" spans="1:30">
      <c r="A4455" s="5" t="s">
        <v>83578</v>
      </c>
      <c r="B4455" s="2" t="s">
        <v>96967</v>
      </c>
      <c r="C4455" s="14" t="s">
        <v>96968</v>
      </c>
      <c r="D4455" s="2" t="s">
        <v>96969</v>
      </c>
      <c r="E4455" s="2" t="s">
        <v>36377</v>
      </c>
      <c r="F4455" s="8">
        <v>318</v>
      </c>
      <c r="G4455" s="5">
        <v>6</v>
      </c>
      <c r="H4455" s="5" t="s">
        <v>1518</v>
      </c>
      <c r="I4455" s="5" t="s">
        <v>36264</v>
      </c>
      <c r="J4455" s="2" t="s">
        <v>36265</v>
      </c>
      <c r="K4455" s="5" t="s">
        <v>36264</v>
      </c>
      <c r="L4455" s="2" t="s">
        <v>36265</v>
      </c>
      <c r="M4455" s="5" t="s">
        <v>36266</v>
      </c>
      <c r="N4455" s="5" t="s">
        <v>38</v>
      </c>
      <c r="O4455" s="5" t="s">
        <v>39</v>
      </c>
      <c r="P4455" s="5" t="s">
        <v>40</v>
      </c>
      <c r="Q4455" s="5" t="s">
        <v>1522</v>
      </c>
      <c r="R4455" s="5" t="s">
        <v>1523</v>
      </c>
      <c r="S4455" s="5" t="s">
        <v>42</v>
      </c>
      <c r="T4455" s="2">
        <v>3.129</v>
      </c>
      <c r="U4455" s="2">
        <v>2.516</v>
      </c>
      <c r="V4455" s="2">
        <v>1.7999999999999999E-2</v>
      </c>
      <c r="W4455" s="2">
        <v>139.1</v>
      </c>
      <c r="X4455" s="2">
        <v>7.6</v>
      </c>
      <c r="Y4455" s="2">
        <v>16.7</v>
      </c>
      <c r="Z4455" s="5"/>
      <c r="AA4455" s="5" t="s">
        <v>43</v>
      </c>
      <c r="AB4455" s="5" t="s">
        <v>44</v>
      </c>
      <c r="AC4455" s="2"/>
      <c r="AD4455" s="1"/>
    </row>
    <row r="4456" spans="1:30">
      <c r="A4456" s="5" t="s">
        <v>83578</v>
      </c>
      <c r="B4456" s="2" t="s">
        <v>96970</v>
      </c>
      <c r="C4456" s="14" t="s">
        <v>96971</v>
      </c>
      <c r="D4456" s="2" t="s">
        <v>96972</v>
      </c>
      <c r="E4456" s="2" t="s">
        <v>36381</v>
      </c>
      <c r="F4456" s="8">
        <v>318</v>
      </c>
      <c r="G4456" s="5">
        <v>6</v>
      </c>
      <c r="H4456" s="5" t="s">
        <v>1518</v>
      </c>
      <c r="I4456" s="5" t="s">
        <v>36264</v>
      </c>
      <c r="J4456" s="2" t="s">
        <v>36265</v>
      </c>
      <c r="K4456" s="5" t="s">
        <v>36264</v>
      </c>
      <c r="L4456" s="2" t="s">
        <v>36265</v>
      </c>
      <c r="M4456" s="5" t="s">
        <v>36266</v>
      </c>
      <c r="N4456" s="5" t="s">
        <v>38</v>
      </c>
      <c r="O4456" s="5" t="s">
        <v>39</v>
      </c>
      <c r="P4456" s="5" t="s">
        <v>40</v>
      </c>
      <c r="Q4456" s="5" t="s">
        <v>1522</v>
      </c>
      <c r="R4456" s="5" t="s">
        <v>1523</v>
      </c>
      <c r="S4456" s="5" t="s">
        <v>42</v>
      </c>
      <c r="T4456" s="2">
        <v>3.2309999999999999</v>
      </c>
      <c r="U4456" s="2">
        <v>2.6179999999999999</v>
      </c>
      <c r="V4456" s="2">
        <v>1.7999999999999999E-2</v>
      </c>
      <c r="W4456" s="2">
        <v>139.1</v>
      </c>
      <c r="X4456" s="2">
        <v>7.6</v>
      </c>
      <c r="Y4456" s="2">
        <v>16.7</v>
      </c>
      <c r="Z4456" s="5"/>
      <c r="AA4456" s="5" t="s">
        <v>43</v>
      </c>
      <c r="AB4456" s="5" t="s">
        <v>44</v>
      </c>
      <c r="AC4456" s="2"/>
      <c r="AD4456" s="1"/>
    </row>
    <row r="4457" spans="1:30">
      <c r="A4457" s="5" t="s">
        <v>83578</v>
      </c>
      <c r="B4457" s="2" t="s">
        <v>96973</v>
      </c>
      <c r="C4457" s="14" t="s">
        <v>96974</v>
      </c>
      <c r="D4457" s="2" t="s">
        <v>96975</v>
      </c>
      <c r="E4457" s="2" t="s">
        <v>36385</v>
      </c>
      <c r="F4457" s="8">
        <v>318</v>
      </c>
      <c r="G4457" s="5">
        <v>6</v>
      </c>
      <c r="H4457" s="5" t="s">
        <v>1518</v>
      </c>
      <c r="I4457" s="5" t="s">
        <v>36264</v>
      </c>
      <c r="J4457" s="2" t="s">
        <v>36265</v>
      </c>
      <c r="K4457" s="5" t="s">
        <v>36264</v>
      </c>
      <c r="L4457" s="2" t="s">
        <v>36265</v>
      </c>
      <c r="M4457" s="5" t="s">
        <v>36266</v>
      </c>
      <c r="N4457" s="5" t="s">
        <v>38</v>
      </c>
      <c r="O4457" s="5" t="s">
        <v>39</v>
      </c>
      <c r="P4457" s="5" t="s">
        <v>40</v>
      </c>
      <c r="Q4457" s="5" t="s">
        <v>1522</v>
      </c>
      <c r="R4457" s="5" t="s">
        <v>1523</v>
      </c>
      <c r="S4457" s="5" t="s">
        <v>42</v>
      </c>
      <c r="T4457" s="2">
        <v>3.129</v>
      </c>
      <c r="U4457" s="2">
        <v>2.516</v>
      </c>
      <c r="V4457" s="2">
        <v>1.7999999999999999E-2</v>
      </c>
      <c r="W4457" s="2">
        <v>139.1</v>
      </c>
      <c r="X4457" s="2">
        <v>7.6</v>
      </c>
      <c r="Y4457" s="2">
        <v>16.7</v>
      </c>
      <c r="Z4457" s="5"/>
      <c r="AA4457" s="5" t="s">
        <v>43</v>
      </c>
      <c r="AB4457" s="5" t="s">
        <v>44</v>
      </c>
      <c r="AC4457" s="2"/>
      <c r="AD4457" s="1"/>
    </row>
    <row r="4458" spans="1:30">
      <c r="A4458" s="5" t="s">
        <v>83578</v>
      </c>
      <c r="B4458" s="2" t="s">
        <v>96976</v>
      </c>
      <c r="C4458" s="14" t="s">
        <v>96977</v>
      </c>
      <c r="D4458" s="2" t="s">
        <v>96978</v>
      </c>
      <c r="E4458" s="2" t="s">
        <v>36389</v>
      </c>
      <c r="F4458" s="8">
        <v>318</v>
      </c>
      <c r="G4458" s="5">
        <v>6</v>
      </c>
      <c r="H4458" s="5" t="s">
        <v>1518</v>
      </c>
      <c r="I4458" s="5" t="s">
        <v>36264</v>
      </c>
      <c r="J4458" s="2" t="s">
        <v>36265</v>
      </c>
      <c r="K4458" s="5" t="s">
        <v>36264</v>
      </c>
      <c r="L4458" s="2" t="s">
        <v>36265</v>
      </c>
      <c r="M4458" s="5" t="s">
        <v>36266</v>
      </c>
      <c r="N4458" s="5" t="s">
        <v>38</v>
      </c>
      <c r="O4458" s="5" t="s">
        <v>39</v>
      </c>
      <c r="P4458" s="5" t="s">
        <v>40</v>
      </c>
      <c r="Q4458" s="5" t="s">
        <v>1522</v>
      </c>
      <c r="R4458" s="5" t="s">
        <v>1523</v>
      </c>
      <c r="S4458" s="5" t="s">
        <v>42</v>
      </c>
      <c r="T4458" s="2">
        <v>3.2309999999999999</v>
      </c>
      <c r="U4458" s="2">
        <v>2.6179999999999999</v>
      </c>
      <c r="V4458" s="2">
        <v>1.7999999999999999E-2</v>
      </c>
      <c r="W4458" s="2">
        <v>139.1</v>
      </c>
      <c r="X4458" s="2">
        <v>7.6</v>
      </c>
      <c r="Y4458" s="2">
        <v>16.7</v>
      </c>
      <c r="Z4458" s="5"/>
      <c r="AA4458" s="5" t="s">
        <v>43</v>
      </c>
      <c r="AB4458" s="5" t="s">
        <v>44</v>
      </c>
      <c r="AC4458" s="2"/>
      <c r="AD4458" s="1"/>
    </row>
    <row r="4459" spans="1:30">
      <c r="A4459" s="5" t="s">
        <v>83578</v>
      </c>
      <c r="B4459" s="2" t="s">
        <v>96979</v>
      </c>
      <c r="C4459" s="14" t="s">
        <v>96980</v>
      </c>
      <c r="D4459" s="2" t="s">
        <v>96981</v>
      </c>
      <c r="E4459" s="2" t="s">
        <v>7204</v>
      </c>
      <c r="F4459" s="8">
        <v>268</v>
      </c>
      <c r="G4459" s="5">
        <v>6</v>
      </c>
      <c r="H4459" s="5" t="s">
        <v>1518</v>
      </c>
      <c r="I4459" s="5" t="s">
        <v>36264</v>
      </c>
      <c r="J4459" s="2" t="s">
        <v>36265</v>
      </c>
      <c r="K4459" s="5" t="s">
        <v>36264</v>
      </c>
      <c r="L4459" s="2" t="s">
        <v>36265</v>
      </c>
      <c r="M4459" s="5" t="s">
        <v>36266</v>
      </c>
      <c r="N4459" s="5" t="s">
        <v>38</v>
      </c>
      <c r="O4459" s="5" t="s">
        <v>39</v>
      </c>
      <c r="P4459" s="5" t="s">
        <v>40</v>
      </c>
      <c r="Q4459" s="5" t="s">
        <v>1522</v>
      </c>
      <c r="R4459" s="5" t="s">
        <v>1523</v>
      </c>
      <c r="S4459" s="5" t="s">
        <v>42</v>
      </c>
      <c r="T4459" s="2">
        <v>2.2869999999999999</v>
      </c>
      <c r="U4459" s="2">
        <v>1.7270000000000001</v>
      </c>
      <c r="V4459" s="2">
        <v>1.2999999999999999E-2</v>
      </c>
      <c r="W4459" s="2">
        <v>99.1</v>
      </c>
      <c r="X4459" s="2">
        <v>7.6</v>
      </c>
      <c r="Y4459" s="2">
        <v>16.7</v>
      </c>
      <c r="Z4459" s="5"/>
      <c r="AA4459" s="5" t="s">
        <v>43</v>
      </c>
      <c r="AB4459" s="5" t="s">
        <v>44</v>
      </c>
      <c r="AC4459" s="2"/>
      <c r="AD4459" s="1"/>
    </row>
    <row r="4460" spans="1:30">
      <c r="A4460" s="5" t="s">
        <v>83578</v>
      </c>
      <c r="B4460" s="2" t="s">
        <v>96982</v>
      </c>
      <c r="C4460" s="14" t="s">
        <v>96983</v>
      </c>
      <c r="D4460" s="2" t="s">
        <v>96984</v>
      </c>
      <c r="E4460" s="2" t="s">
        <v>36273</v>
      </c>
      <c r="F4460" s="8">
        <v>268</v>
      </c>
      <c r="G4460" s="5">
        <v>6</v>
      </c>
      <c r="H4460" s="5" t="s">
        <v>1518</v>
      </c>
      <c r="I4460" s="5" t="s">
        <v>36264</v>
      </c>
      <c r="J4460" s="2" t="s">
        <v>36265</v>
      </c>
      <c r="K4460" s="5" t="s">
        <v>36264</v>
      </c>
      <c r="L4460" s="2" t="s">
        <v>36265</v>
      </c>
      <c r="M4460" s="5" t="s">
        <v>36266</v>
      </c>
      <c r="N4460" s="5" t="s">
        <v>38</v>
      </c>
      <c r="O4460" s="5" t="s">
        <v>39</v>
      </c>
      <c r="P4460" s="5" t="s">
        <v>40</v>
      </c>
      <c r="Q4460" s="5" t="s">
        <v>1522</v>
      </c>
      <c r="R4460" s="5" t="s">
        <v>1523</v>
      </c>
      <c r="S4460" s="5" t="s">
        <v>42</v>
      </c>
      <c r="T4460" s="2">
        <v>2.2869999999999999</v>
      </c>
      <c r="U4460" s="2">
        <v>1.7270000000000001</v>
      </c>
      <c r="V4460" s="2">
        <v>1.2999999999999999E-2</v>
      </c>
      <c r="W4460" s="2">
        <v>99.1</v>
      </c>
      <c r="X4460" s="2">
        <v>7.6</v>
      </c>
      <c r="Y4460" s="2">
        <v>16.7</v>
      </c>
      <c r="Z4460" s="5"/>
      <c r="AA4460" s="5" t="s">
        <v>43</v>
      </c>
      <c r="AB4460" s="5" t="s">
        <v>44</v>
      </c>
      <c r="AC4460" s="2"/>
      <c r="AD4460" s="1"/>
    </row>
    <row r="4461" spans="1:30">
      <c r="A4461" s="5" t="s">
        <v>83578</v>
      </c>
      <c r="B4461" s="2" t="s">
        <v>96985</v>
      </c>
      <c r="C4461" s="14" t="s">
        <v>96986</v>
      </c>
      <c r="D4461" s="2" t="s">
        <v>96987</v>
      </c>
      <c r="E4461" s="2" t="s">
        <v>36277</v>
      </c>
      <c r="F4461" s="8">
        <v>268</v>
      </c>
      <c r="G4461" s="5">
        <v>6</v>
      </c>
      <c r="H4461" s="5" t="s">
        <v>1518</v>
      </c>
      <c r="I4461" s="5" t="s">
        <v>36264</v>
      </c>
      <c r="J4461" s="2" t="s">
        <v>36265</v>
      </c>
      <c r="K4461" s="5" t="s">
        <v>36264</v>
      </c>
      <c r="L4461" s="2" t="s">
        <v>36265</v>
      </c>
      <c r="M4461" s="5" t="s">
        <v>36266</v>
      </c>
      <c r="N4461" s="5" t="s">
        <v>38</v>
      </c>
      <c r="O4461" s="5" t="s">
        <v>39</v>
      </c>
      <c r="P4461" s="5" t="s">
        <v>40</v>
      </c>
      <c r="Q4461" s="5" t="s">
        <v>1522</v>
      </c>
      <c r="R4461" s="5" t="s">
        <v>1523</v>
      </c>
      <c r="S4461" s="5" t="s">
        <v>42</v>
      </c>
      <c r="T4461" s="2">
        <v>2.335</v>
      </c>
      <c r="U4461" s="2">
        <v>1.7749999999999999</v>
      </c>
      <c r="V4461" s="2">
        <v>1.2999999999999999E-2</v>
      </c>
      <c r="W4461" s="2">
        <v>99.1</v>
      </c>
      <c r="X4461" s="2">
        <v>7.6</v>
      </c>
      <c r="Y4461" s="2">
        <v>16.7</v>
      </c>
      <c r="Z4461" s="5"/>
      <c r="AA4461" s="5" t="s">
        <v>43</v>
      </c>
      <c r="AB4461" s="5" t="s">
        <v>44</v>
      </c>
      <c r="AC4461" s="2"/>
      <c r="AD4461" s="1"/>
    </row>
    <row r="4462" spans="1:30">
      <c r="A4462" s="5" t="s">
        <v>83578</v>
      </c>
      <c r="B4462" s="2" t="s">
        <v>96988</v>
      </c>
      <c r="C4462" s="14" t="s">
        <v>96989</v>
      </c>
      <c r="D4462" s="2" t="s">
        <v>96990</v>
      </c>
      <c r="E4462" s="2" t="s">
        <v>36281</v>
      </c>
      <c r="F4462" s="8">
        <v>289</v>
      </c>
      <c r="G4462" s="5">
        <v>6</v>
      </c>
      <c r="H4462" s="5" t="s">
        <v>1518</v>
      </c>
      <c r="I4462" s="5" t="s">
        <v>36264</v>
      </c>
      <c r="J4462" s="2" t="s">
        <v>36265</v>
      </c>
      <c r="K4462" s="5" t="s">
        <v>36264</v>
      </c>
      <c r="L4462" s="2" t="s">
        <v>36265</v>
      </c>
      <c r="M4462" s="5" t="s">
        <v>36266</v>
      </c>
      <c r="N4462" s="5" t="s">
        <v>38</v>
      </c>
      <c r="O4462" s="5" t="s">
        <v>39</v>
      </c>
      <c r="P4462" s="5" t="s">
        <v>40</v>
      </c>
      <c r="Q4462" s="5" t="s">
        <v>1522</v>
      </c>
      <c r="R4462" s="5" t="s">
        <v>1523</v>
      </c>
      <c r="S4462" s="5" t="s">
        <v>42</v>
      </c>
      <c r="T4462" s="2">
        <v>2.2869999999999999</v>
      </c>
      <c r="U4462" s="2">
        <v>1.7270000000000001</v>
      </c>
      <c r="V4462" s="2">
        <v>1.2999999999999999E-2</v>
      </c>
      <c r="W4462" s="2">
        <v>99.1</v>
      </c>
      <c r="X4462" s="2">
        <v>7.6</v>
      </c>
      <c r="Y4462" s="2">
        <v>16.7</v>
      </c>
      <c r="Z4462" s="5"/>
      <c r="AA4462" s="5" t="s">
        <v>43</v>
      </c>
      <c r="AB4462" s="5" t="s">
        <v>44</v>
      </c>
      <c r="AC4462" s="2"/>
      <c r="AD4462" s="1"/>
    </row>
    <row r="4463" spans="1:30">
      <c r="A4463" s="5" t="s">
        <v>83578</v>
      </c>
      <c r="B4463" s="2" t="s">
        <v>96991</v>
      </c>
      <c r="C4463" s="14" t="s">
        <v>96992</v>
      </c>
      <c r="D4463" s="2" t="s">
        <v>96993</v>
      </c>
      <c r="E4463" s="2" t="s">
        <v>36285</v>
      </c>
      <c r="F4463" s="8">
        <v>289</v>
      </c>
      <c r="G4463" s="5">
        <v>6</v>
      </c>
      <c r="H4463" s="5" t="s">
        <v>1518</v>
      </c>
      <c r="I4463" s="5" t="s">
        <v>36264</v>
      </c>
      <c r="J4463" s="2" t="s">
        <v>36265</v>
      </c>
      <c r="K4463" s="5" t="s">
        <v>36264</v>
      </c>
      <c r="L4463" s="2" t="s">
        <v>36265</v>
      </c>
      <c r="M4463" s="5" t="s">
        <v>36266</v>
      </c>
      <c r="N4463" s="5" t="s">
        <v>38</v>
      </c>
      <c r="O4463" s="5" t="s">
        <v>39</v>
      </c>
      <c r="P4463" s="5" t="s">
        <v>40</v>
      </c>
      <c r="Q4463" s="5" t="s">
        <v>1522</v>
      </c>
      <c r="R4463" s="5" t="s">
        <v>1523</v>
      </c>
      <c r="S4463" s="5" t="s">
        <v>42</v>
      </c>
      <c r="T4463" s="2">
        <v>2.335</v>
      </c>
      <c r="U4463" s="2">
        <v>1.7749999999999999</v>
      </c>
      <c r="V4463" s="2">
        <v>1.2999999999999999E-2</v>
      </c>
      <c r="W4463" s="2">
        <v>99.1</v>
      </c>
      <c r="X4463" s="2">
        <v>7.6</v>
      </c>
      <c r="Y4463" s="2">
        <v>16.7</v>
      </c>
      <c r="Z4463" s="5"/>
      <c r="AA4463" s="5" t="s">
        <v>43</v>
      </c>
      <c r="AB4463" s="5" t="s">
        <v>44</v>
      </c>
      <c r="AC4463" s="2"/>
      <c r="AD4463" s="1"/>
    </row>
    <row r="4464" spans="1:30">
      <c r="A4464" s="5" t="s">
        <v>83578</v>
      </c>
      <c r="B4464" s="2" t="s">
        <v>96994</v>
      </c>
      <c r="C4464" s="14" t="s">
        <v>96995</v>
      </c>
      <c r="D4464" s="2" t="s">
        <v>96996</v>
      </c>
      <c r="E4464" s="2" t="s">
        <v>36289</v>
      </c>
      <c r="F4464" s="8">
        <v>289</v>
      </c>
      <c r="G4464" s="5">
        <v>6</v>
      </c>
      <c r="H4464" s="5" t="s">
        <v>1518</v>
      </c>
      <c r="I4464" s="5" t="s">
        <v>36264</v>
      </c>
      <c r="J4464" s="2" t="s">
        <v>36265</v>
      </c>
      <c r="K4464" s="5" t="s">
        <v>36264</v>
      </c>
      <c r="L4464" s="2" t="s">
        <v>36265</v>
      </c>
      <c r="M4464" s="5" t="s">
        <v>36266</v>
      </c>
      <c r="N4464" s="5" t="s">
        <v>38</v>
      </c>
      <c r="O4464" s="5" t="s">
        <v>39</v>
      </c>
      <c r="P4464" s="5" t="s">
        <v>40</v>
      </c>
      <c r="Q4464" s="5" t="s">
        <v>1522</v>
      </c>
      <c r="R4464" s="5" t="s">
        <v>1523</v>
      </c>
      <c r="S4464" s="5" t="s">
        <v>42</v>
      </c>
      <c r="T4464" s="2">
        <v>2.2869999999999999</v>
      </c>
      <c r="U4464" s="2">
        <v>1.7270000000000001</v>
      </c>
      <c r="V4464" s="2">
        <v>1.2999999999999999E-2</v>
      </c>
      <c r="W4464" s="2">
        <v>99.1</v>
      </c>
      <c r="X4464" s="2">
        <v>7.6</v>
      </c>
      <c r="Y4464" s="2">
        <v>16.7</v>
      </c>
      <c r="Z4464" s="5"/>
      <c r="AA4464" s="5" t="s">
        <v>43</v>
      </c>
      <c r="AB4464" s="5" t="s">
        <v>44</v>
      </c>
      <c r="AC4464" s="2"/>
      <c r="AD4464" s="1"/>
    </row>
    <row r="4465" spans="1:30">
      <c r="A4465" s="5" t="s">
        <v>83578</v>
      </c>
      <c r="B4465" s="2" t="s">
        <v>96997</v>
      </c>
      <c r="C4465" s="14" t="s">
        <v>96998</v>
      </c>
      <c r="D4465" s="2" t="s">
        <v>96999</v>
      </c>
      <c r="E4465" s="2" t="s">
        <v>36293</v>
      </c>
      <c r="F4465" s="8">
        <v>289</v>
      </c>
      <c r="G4465" s="5">
        <v>6</v>
      </c>
      <c r="H4465" s="5" t="s">
        <v>1518</v>
      </c>
      <c r="I4465" s="5" t="s">
        <v>36264</v>
      </c>
      <c r="J4465" s="2" t="s">
        <v>36265</v>
      </c>
      <c r="K4465" s="5" t="s">
        <v>36264</v>
      </c>
      <c r="L4465" s="2" t="s">
        <v>36265</v>
      </c>
      <c r="M4465" s="5" t="s">
        <v>36266</v>
      </c>
      <c r="N4465" s="5" t="s">
        <v>38</v>
      </c>
      <c r="O4465" s="5" t="s">
        <v>39</v>
      </c>
      <c r="P4465" s="5" t="s">
        <v>40</v>
      </c>
      <c r="Q4465" s="5" t="s">
        <v>1522</v>
      </c>
      <c r="R4465" s="5" t="s">
        <v>1523</v>
      </c>
      <c r="S4465" s="5" t="s">
        <v>42</v>
      </c>
      <c r="T4465" s="2">
        <v>2.335</v>
      </c>
      <c r="U4465" s="2">
        <v>1.7749999999999999</v>
      </c>
      <c r="V4465" s="2">
        <v>1.2999999999999999E-2</v>
      </c>
      <c r="W4465" s="2">
        <v>99.1</v>
      </c>
      <c r="X4465" s="2">
        <v>7.6</v>
      </c>
      <c r="Y4465" s="2">
        <v>16.7</v>
      </c>
      <c r="Z4465" s="5"/>
      <c r="AA4465" s="5" t="s">
        <v>43</v>
      </c>
      <c r="AB4465" s="5" t="s">
        <v>44</v>
      </c>
      <c r="AC4465" s="2"/>
      <c r="AD4465" s="1"/>
    </row>
    <row r="4466" spans="1:30">
      <c r="A4466" s="5" t="s">
        <v>83578</v>
      </c>
      <c r="B4466" s="2" t="s">
        <v>97000</v>
      </c>
      <c r="C4466" s="14" t="s">
        <v>97001</v>
      </c>
      <c r="D4466" s="2" t="s">
        <v>97002</v>
      </c>
      <c r="E4466" s="2" t="s">
        <v>36297</v>
      </c>
      <c r="F4466" s="8">
        <v>268</v>
      </c>
      <c r="G4466" s="5">
        <v>6</v>
      </c>
      <c r="H4466" s="5" t="s">
        <v>1518</v>
      </c>
      <c r="I4466" s="5" t="s">
        <v>36264</v>
      </c>
      <c r="J4466" s="2" t="s">
        <v>36265</v>
      </c>
      <c r="K4466" s="5" t="s">
        <v>36264</v>
      </c>
      <c r="L4466" s="2" t="s">
        <v>36265</v>
      </c>
      <c r="M4466" s="5" t="s">
        <v>36266</v>
      </c>
      <c r="N4466" s="5" t="s">
        <v>38</v>
      </c>
      <c r="O4466" s="5" t="s">
        <v>39</v>
      </c>
      <c r="P4466" s="5" t="s">
        <v>40</v>
      </c>
      <c r="Q4466" s="5" t="s">
        <v>1522</v>
      </c>
      <c r="R4466" s="5" t="s">
        <v>1523</v>
      </c>
      <c r="S4466" s="5" t="s">
        <v>42</v>
      </c>
      <c r="T4466" s="2">
        <v>2.2869999999999999</v>
      </c>
      <c r="U4466" s="2">
        <v>1.7270000000000001</v>
      </c>
      <c r="V4466" s="2">
        <v>1.2999999999999999E-2</v>
      </c>
      <c r="W4466" s="2">
        <v>99.1</v>
      </c>
      <c r="X4466" s="2">
        <v>7.6</v>
      </c>
      <c r="Y4466" s="2">
        <v>16.7</v>
      </c>
      <c r="Z4466" s="5"/>
      <c r="AA4466" s="5" t="s">
        <v>43</v>
      </c>
      <c r="AB4466" s="5" t="s">
        <v>44</v>
      </c>
      <c r="AC4466" s="2"/>
      <c r="AD4466" s="1"/>
    </row>
    <row r="4467" spans="1:30">
      <c r="A4467" s="5" t="s">
        <v>83578</v>
      </c>
      <c r="B4467" s="2" t="s">
        <v>97003</v>
      </c>
      <c r="C4467" s="14" t="s">
        <v>97004</v>
      </c>
      <c r="D4467" s="2" t="s">
        <v>97005</v>
      </c>
      <c r="E4467" s="2" t="s">
        <v>36301</v>
      </c>
      <c r="F4467" s="8">
        <v>268</v>
      </c>
      <c r="G4467" s="5">
        <v>6</v>
      </c>
      <c r="H4467" s="5" t="s">
        <v>1518</v>
      </c>
      <c r="I4467" s="5" t="s">
        <v>36264</v>
      </c>
      <c r="J4467" s="2" t="s">
        <v>36265</v>
      </c>
      <c r="K4467" s="5" t="s">
        <v>36264</v>
      </c>
      <c r="L4467" s="2" t="s">
        <v>36265</v>
      </c>
      <c r="M4467" s="5" t="s">
        <v>36266</v>
      </c>
      <c r="N4467" s="5" t="s">
        <v>38</v>
      </c>
      <c r="O4467" s="5" t="s">
        <v>39</v>
      </c>
      <c r="P4467" s="5" t="s">
        <v>40</v>
      </c>
      <c r="Q4467" s="5" t="s">
        <v>1522</v>
      </c>
      <c r="R4467" s="5" t="s">
        <v>1523</v>
      </c>
      <c r="S4467" s="5" t="s">
        <v>42</v>
      </c>
      <c r="T4467" s="2">
        <v>2.335</v>
      </c>
      <c r="U4467" s="2">
        <v>1.7749999999999999</v>
      </c>
      <c r="V4467" s="2">
        <v>1.2999999999999999E-2</v>
      </c>
      <c r="W4467" s="2">
        <v>99.1</v>
      </c>
      <c r="X4467" s="2">
        <v>7.6</v>
      </c>
      <c r="Y4467" s="2">
        <v>16.7</v>
      </c>
      <c r="Z4467" s="5"/>
      <c r="AA4467" s="5" t="s">
        <v>43</v>
      </c>
      <c r="AB4467" s="5" t="s">
        <v>44</v>
      </c>
      <c r="AC4467" s="2"/>
      <c r="AD4467" s="1"/>
    </row>
    <row r="4468" spans="1:30">
      <c r="A4468" s="5" t="s">
        <v>83578</v>
      </c>
      <c r="B4468" s="2" t="s">
        <v>97006</v>
      </c>
      <c r="C4468" s="14" t="s">
        <v>97007</v>
      </c>
      <c r="D4468" s="2" t="s">
        <v>97008</v>
      </c>
      <c r="E4468" s="2" t="s">
        <v>36305</v>
      </c>
      <c r="F4468" s="8">
        <v>268</v>
      </c>
      <c r="G4468" s="5">
        <v>6</v>
      </c>
      <c r="H4468" s="5" t="s">
        <v>1518</v>
      </c>
      <c r="I4468" s="5" t="s">
        <v>36264</v>
      </c>
      <c r="J4468" s="2" t="s">
        <v>36265</v>
      </c>
      <c r="K4468" s="5" t="s">
        <v>36264</v>
      </c>
      <c r="L4468" s="2" t="s">
        <v>36265</v>
      </c>
      <c r="M4468" s="5" t="s">
        <v>36266</v>
      </c>
      <c r="N4468" s="5" t="s">
        <v>38</v>
      </c>
      <c r="O4468" s="5" t="s">
        <v>39</v>
      </c>
      <c r="P4468" s="5" t="s">
        <v>40</v>
      </c>
      <c r="Q4468" s="5" t="s">
        <v>1522</v>
      </c>
      <c r="R4468" s="5" t="s">
        <v>1523</v>
      </c>
      <c r="S4468" s="5" t="s">
        <v>42</v>
      </c>
      <c r="T4468" s="2">
        <v>2.2869999999999999</v>
      </c>
      <c r="U4468" s="2">
        <v>1.7270000000000001</v>
      </c>
      <c r="V4468" s="2">
        <v>1.2999999999999999E-2</v>
      </c>
      <c r="W4468" s="2">
        <v>99.1</v>
      </c>
      <c r="X4468" s="2">
        <v>7.6</v>
      </c>
      <c r="Y4468" s="2">
        <v>16.7</v>
      </c>
      <c r="Z4468" s="5"/>
      <c r="AA4468" s="5" t="s">
        <v>43</v>
      </c>
      <c r="AB4468" s="5" t="s">
        <v>44</v>
      </c>
      <c r="AC4468" s="2"/>
      <c r="AD4468" s="1"/>
    </row>
    <row r="4469" spans="1:30">
      <c r="A4469" s="5" t="s">
        <v>83578</v>
      </c>
      <c r="B4469" s="2" t="s">
        <v>97009</v>
      </c>
      <c r="C4469" s="14" t="s">
        <v>97010</v>
      </c>
      <c r="D4469" s="2" t="s">
        <v>97011</v>
      </c>
      <c r="E4469" s="2" t="s">
        <v>36313</v>
      </c>
      <c r="F4469" s="8">
        <v>289</v>
      </c>
      <c r="G4469" s="5">
        <v>6</v>
      </c>
      <c r="H4469" s="5" t="s">
        <v>1518</v>
      </c>
      <c r="I4469" s="5" t="s">
        <v>36264</v>
      </c>
      <c r="J4469" s="2" t="s">
        <v>36265</v>
      </c>
      <c r="K4469" s="5" t="s">
        <v>36264</v>
      </c>
      <c r="L4469" s="2" t="s">
        <v>36265</v>
      </c>
      <c r="M4469" s="5" t="s">
        <v>36266</v>
      </c>
      <c r="N4469" s="5" t="s">
        <v>38</v>
      </c>
      <c r="O4469" s="5" t="s">
        <v>39</v>
      </c>
      <c r="P4469" s="5" t="s">
        <v>40</v>
      </c>
      <c r="Q4469" s="5" t="s">
        <v>1522</v>
      </c>
      <c r="R4469" s="5" t="s">
        <v>1523</v>
      </c>
      <c r="S4469" s="5" t="s">
        <v>42</v>
      </c>
      <c r="T4469" s="2">
        <v>2.2869999999999999</v>
      </c>
      <c r="U4469" s="2">
        <v>1.7270000000000001</v>
      </c>
      <c r="V4469" s="2">
        <v>1.2999999999999999E-2</v>
      </c>
      <c r="W4469" s="2">
        <v>99.1</v>
      </c>
      <c r="X4469" s="2">
        <v>7.6</v>
      </c>
      <c r="Y4469" s="2">
        <v>16.7</v>
      </c>
      <c r="Z4469" s="5"/>
      <c r="AA4469" s="5" t="s">
        <v>43</v>
      </c>
      <c r="AB4469" s="5" t="s">
        <v>44</v>
      </c>
      <c r="AC4469" s="2"/>
      <c r="AD4469" s="1"/>
    </row>
    <row r="4470" spans="1:30">
      <c r="A4470" s="5" t="s">
        <v>83578</v>
      </c>
      <c r="B4470" s="2" t="s">
        <v>97012</v>
      </c>
      <c r="C4470" s="14" t="s">
        <v>97013</v>
      </c>
      <c r="D4470" s="2" t="s">
        <v>97014</v>
      </c>
      <c r="E4470" s="2" t="s">
        <v>36317</v>
      </c>
      <c r="F4470" s="8">
        <v>289</v>
      </c>
      <c r="G4470" s="5">
        <v>6</v>
      </c>
      <c r="H4470" s="5" t="s">
        <v>1518</v>
      </c>
      <c r="I4470" s="5" t="s">
        <v>36264</v>
      </c>
      <c r="J4470" s="2" t="s">
        <v>36265</v>
      </c>
      <c r="K4470" s="5" t="s">
        <v>36264</v>
      </c>
      <c r="L4470" s="2" t="s">
        <v>36265</v>
      </c>
      <c r="M4470" s="5" t="s">
        <v>36266</v>
      </c>
      <c r="N4470" s="5" t="s">
        <v>38</v>
      </c>
      <c r="O4470" s="5" t="s">
        <v>39</v>
      </c>
      <c r="P4470" s="5" t="s">
        <v>40</v>
      </c>
      <c r="Q4470" s="5" t="s">
        <v>1522</v>
      </c>
      <c r="R4470" s="5" t="s">
        <v>1523</v>
      </c>
      <c r="S4470" s="5" t="s">
        <v>42</v>
      </c>
      <c r="T4470" s="2">
        <v>2.335</v>
      </c>
      <c r="U4470" s="2">
        <v>1.7749999999999999</v>
      </c>
      <c r="V4470" s="2">
        <v>1.2999999999999999E-2</v>
      </c>
      <c r="W4470" s="2">
        <v>99.1</v>
      </c>
      <c r="X4470" s="2">
        <v>7.6</v>
      </c>
      <c r="Y4470" s="2">
        <v>16.7</v>
      </c>
      <c r="Z4470" s="5"/>
      <c r="AA4470" s="5" t="s">
        <v>43</v>
      </c>
      <c r="AB4470" s="5" t="s">
        <v>44</v>
      </c>
      <c r="AC4470" s="2"/>
      <c r="AD4470" s="1"/>
    </row>
    <row r="4471" spans="1:30">
      <c r="A4471" s="5" t="s">
        <v>83578</v>
      </c>
      <c r="B4471" s="2" t="s">
        <v>97015</v>
      </c>
      <c r="C4471" s="14" t="s">
        <v>97016</v>
      </c>
      <c r="D4471" s="2" t="s">
        <v>97017</v>
      </c>
      <c r="E4471" s="2" t="s">
        <v>36321</v>
      </c>
      <c r="F4471" s="8">
        <v>289</v>
      </c>
      <c r="G4471" s="5">
        <v>6</v>
      </c>
      <c r="H4471" s="5" t="s">
        <v>1518</v>
      </c>
      <c r="I4471" s="5" t="s">
        <v>36264</v>
      </c>
      <c r="J4471" s="2" t="s">
        <v>36265</v>
      </c>
      <c r="K4471" s="5" t="s">
        <v>36264</v>
      </c>
      <c r="L4471" s="2" t="s">
        <v>36265</v>
      </c>
      <c r="M4471" s="5" t="s">
        <v>36266</v>
      </c>
      <c r="N4471" s="5" t="s">
        <v>38</v>
      </c>
      <c r="O4471" s="5" t="s">
        <v>39</v>
      </c>
      <c r="P4471" s="5" t="s">
        <v>40</v>
      </c>
      <c r="Q4471" s="5" t="s">
        <v>1522</v>
      </c>
      <c r="R4471" s="5" t="s">
        <v>1523</v>
      </c>
      <c r="S4471" s="5" t="s">
        <v>42</v>
      </c>
      <c r="T4471" s="2">
        <v>2.2869999999999999</v>
      </c>
      <c r="U4471" s="2">
        <v>1.7270000000000001</v>
      </c>
      <c r="V4471" s="2">
        <v>1.2999999999999999E-2</v>
      </c>
      <c r="W4471" s="2">
        <v>99.1</v>
      </c>
      <c r="X4471" s="2">
        <v>7.6</v>
      </c>
      <c r="Y4471" s="2">
        <v>16.7</v>
      </c>
      <c r="Z4471" s="5"/>
      <c r="AA4471" s="5" t="s">
        <v>43</v>
      </c>
      <c r="AB4471" s="5" t="s">
        <v>44</v>
      </c>
      <c r="AC4471" s="2"/>
      <c r="AD4471" s="1"/>
    </row>
    <row r="4472" spans="1:30">
      <c r="A4472" s="5" t="s">
        <v>83578</v>
      </c>
      <c r="B4472" s="2" t="s">
        <v>97018</v>
      </c>
      <c r="C4472" s="14" t="s">
        <v>97019</v>
      </c>
      <c r="D4472" s="2" t="s">
        <v>97020</v>
      </c>
      <c r="E4472" s="2" t="s">
        <v>36325</v>
      </c>
      <c r="F4472" s="8">
        <v>289</v>
      </c>
      <c r="G4472" s="5">
        <v>6</v>
      </c>
      <c r="H4472" s="5" t="s">
        <v>1518</v>
      </c>
      <c r="I4472" s="5" t="s">
        <v>36264</v>
      </c>
      <c r="J4472" s="2" t="s">
        <v>36265</v>
      </c>
      <c r="K4472" s="5" t="s">
        <v>36264</v>
      </c>
      <c r="L4472" s="2" t="s">
        <v>36265</v>
      </c>
      <c r="M4472" s="5" t="s">
        <v>36266</v>
      </c>
      <c r="N4472" s="5" t="s">
        <v>38</v>
      </c>
      <c r="O4472" s="5" t="s">
        <v>39</v>
      </c>
      <c r="P4472" s="5" t="s">
        <v>40</v>
      </c>
      <c r="Q4472" s="5" t="s">
        <v>1522</v>
      </c>
      <c r="R4472" s="5" t="s">
        <v>1523</v>
      </c>
      <c r="S4472" s="5" t="s">
        <v>42</v>
      </c>
      <c r="T4472" s="2">
        <v>2.335</v>
      </c>
      <c r="U4472" s="2">
        <v>1.7749999999999999</v>
      </c>
      <c r="V4472" s="2">
        <v>1.2999999999999999E-2</v>
      </c>
      <c r="W4472" s="2">
        <v>99.1</v>
      </c>
      <c r="X4472" s="2">
        <v>7.6</v>
      </c>
      <c r="Y4472" s="2">
        <v>16.7</v>
      </c>
      <c r="Z4472" s="5"/>
      <c r="AA4472" s="5" t="s">
        <v>43</v>
      </c>
      <c r="AB4472" s="5" t="s">
        <v>44</v>
      </c>
      <c r="AC4472" s="2"/>
      <c r="AD4472" s="1"/>
    </row>
    <row r="4473" spans="1:30">
      <c r="A4473" s="5" t="s">
        <v>83578</v>
      </c>
      <c r="B4473" s="2" t="s">
        <v>97021</v>
      </c>
      <c r="C4473" s="14" t="s">
        <v>97022</v>
      </c>
      <c r="D4473" s="2" t="s">
        <v>97023</v>
      </c>
      <c r="E4473" s="2" t="s">
        <v>36329</v>
      </c>
      <c r="F4473" s="8">
        <v>289</v>
      </c>
      <c r="G4473" s="5">
        <v>6</v>
      </c>
      <c r="H4473" s="5" t="s">
        <v>1518</v>
      </c>
      <c r="I4473" s="5" t="s">
        <v>36264</v>
      </c>
      <c r="J4473" s="2" t="s">
        <v>36265</v>
      </c>
      <c r="K4473" s="5" t="s">
        <v>36264</v>
      </c>
      <c r="L4473" s="2" t="s">
        <v>36265</v>
      </c>
      <c r="M4473" s="5" t="s">
        <v>36266</v>
      </c>
      <c r="N4473" s="5" t="s">
        <v>38</v>
      </c>
      <c r="O4473" s="5" t="s">
        <v>39</v>
      </c>
      <c r="P4473" s="5" t="s">
        <v>40</v>
      </c>
      <c r="Q4473" s="5" t="s">
        <v>1522</v>
      </c>
      <c r="R4473" s="5" t="s">
        <v>1523</v>
      </c>
      <c r="S4473" s="5" t="s">
        <v>42</v>
      </c>
      <c r="T4473" s="2">
        <v>2.2869999999999999</v>
      </c>
      <c r="U4473" s="2">
        <v>1.7270000000000001</v>
      </c>
      <c r="V4473" s="2">
        <v>1.2999999999999999E-2</v>
      </c>
      <c r="W4473" s="2">
        <v>99.1</v>
      </c>
      <c r="X4473" s="2">
        <v>7.6</v>
      </c>
      <c r="Y4473" s="2">
        <v>16.7</v>
      </c>
      <c r="Z4473" s="5"/>
      <c r="AA4473" s="5" t="s">
        <v>43</v>
      </c>
      <c r="AB4473" s="5" t="s">
        <v>44</v>
      </c>
      <c r="AC4473" s="2"/>
      <c r="AD4473" s="1"/>
    </row>
    <row r="4474" spans="1:30">
      <c r="A4474" s="5" t="s">
        <v>83578</v>
      </c>
      <c r="B4474" s="2" t="s">
        <v>97024</v>
      </c>
      <c r="C4474" s="14" t="s">
        <v>97025</v>
      </c>
      <c r="D4474" s="2" t="s">
        <v>97026</v>
      </c>
      <c r="E4474" s="2" t="s">
        <v>36333</v>
      </c>
      <c r="F4474" s="8">
        <v>289</v>
      </c>
      <c r="G4474" s="5">
        <v>6</v>
      </c>
      <c r="H4474" s="5" t="s">
        <v>1518</v>
      </c>
      <c r="I4474" s="5" t="s">
        <v>36264</v>
      </c>
      <c r="J4474" s="2" t="s">
        <v>36265</v>
      </c>
      <c r="K4474" s="5" t="s">
        <v>36264</v>
      </c>
      <c r="L4474" s="2" t="s">
        <v>36265</v>
      </c>
      <c r="M4474" s="5" t="s">
        <v>36266</v>
      </c>
      <c r="N4474" s="5" t="s">
        <v>38</v>
      </c>
      <c r="O4474" s="5" t="s">
        <v>39</v>
      </c>
      <c r="P4474" s="5" t="s">
        <v>40</v>
      </c>
      <c r="Q4474" s="5" t="s">
        <v>1522</v>
      </c>
      <c r="R4474" s="5" t="s">
        <v>1523</v>
      </c>
      <c r="S4474" s="5" t="s">
        <v>42</v>
      </c>
      <c r="T4474" s="2">
        <v>2.335</v>
      </c>
      <c r="U4474" s="2">
        <v>1.7749999999999999</v>
      </c>
      <c r="V4474" s="2">
        <v>1.2999999999999999E-2</v>
      </c>
      <c r="W4474" s="2">
        <v>99.1</v>
      </c>
      <c r="X4474" s="2">
        <v>7.6</v>
      </c>
      <c r="Y4474" s="2">
        <v>16.7</v>
      </c>
      <c r="Z4474" s="5"/>
      <c r="AA4474" s="5" t="s">
        <v>43</v>
      </c>
      <c r="AB4474" s="5" t="s">
        <v>44</v>
      </c>
      <c r="AC4474" s="2"/>
      <c r="AD4474" s="1"/>
    </row>
    <row r="4475" spans="1:30">
      <c r="A4475" s="5" t="s">
        <v>83578</v>
      </c>
      <c r="B4475" s="2" t="s">
        <v>97027</v>
      </c>
      <c r="C4475" s="14" t="s">
        <v>97028</v>
      </c>
      <c r="D4475" s="2" t="s">
        <v>97029</v>
      </c>
      <c r="E4475" s="2" t="s">
        <v>36337</v>
      </c>
      <c r="F4475" s="8">
        <v>289</v>
      </c>
      <c r="G4475" s="5">
        <v>6</v>
      </c>
      <c r="H4475" s="5" t="s">
        <v>1518</v>
      </c>
      <c r="I4475" s="5" t="s">
        <v>36264</v>
      </c>
      <c r="J4475" s="2" t="s">
        <v>36265</v>
      </c>
      <c r="K4475" s="5" t="s">
        <v>36264</v>
      </c>
      <c r="L4475" s="2" t="s">
        <v>36265</v>
      </c>
      <c r="M4475" s="5" t="s">
        <v>36266</v>
      </c>
      <c r="N4475" s="5" t="s">
        <v>38</v>
      </c>
      <c r="O4475" s="5" t="s">
        <v>39</v>
      </c>
      <c r="P4475" s="5" t="s">
        <v>40</v>
      </c>
      <c r="Q4475" s="5" t="s">
        <v>1522</v>
      </c>
      <c r="R4475" s="5" t="s">
        <v>1523</v>
      </c>
      <c r="S4475" s="5" t="s">
        <v>42</v>
      </c>
      <c r="T4475" s="2">
        <v>2.2869999999999999</v>
      </c>
      <c r="U4475" s="2">
        <v>1.7270000000000001</v>
      </c>
      <c r="V4475" s="2">
        <v>1.2999999999999999E-2</v>
      </c>
      <c r="W4475" s="2">
        <v>99.1</v>
      </c>
      <c r="X4475" s="2">
        <v>7.6</v>
      </c>
      <c r="Y4475" s="2">
        <v>16.7</v>
      </c>
      <c r="Z4475" s="5"/>
      <c r="AA4475" s="5" t="s">
        <v>43</v>
      </c>
      <c r="AB4475" s="5" t="s">
        <v>44</v>
      </c>
      <c r="AC4475" s="2"/>
      <c r="AD4475" s="1"/>
    </row>
    <row r="4476" spans="1:30">
      <c r="A4476" s="5" t="s">
        <v>83578</v>
      </c>
      <c r="B4476" s="2" t="s">
        <v>97030</v>
      </c>
      <c r="C4476" s="14" t="s">
        <v>97031</v>
      </c>
      <c r="D4476" s="2" t="s">
        <v>97032</v>
      </c>
      <c r="E4476" s="2" t="s">
        <v>36341</v>
      </c>
      <c r="F4476" s="8">
        <v>289</v>
      </c>
      <c r="G4476" s="5">
        <v>6</v>
      </c>
      <c r="H4476" s="5" t="s">
        <v>1518</v>
      </c>
      <c r="I4476" s="5" t="s">
        <v>36264</v>
      </c>
      <c r="J4476" s="2" t="s">
        <v>36265</v>
      </c>
      <c r="K4476" s="5" t="s">
        <v>36264</v>
      </c>
      <c r="L4476" s="2" t="s">
        <v>36265</v>
      </c>
      <c r="M4476" s="5" t="s">
        <v>36266</v>
      </c>
      <c r="N4476" s="5" t="s">
        <v>38</v>
      </c>
      <c r="O4476" s="5" t="s">
        <v>39</v>
      </c>
      <c r="P4476" s="5" t="s">
        <v>40</v>
      </c>
      <c r="Q4476" s="5" t="s">
        <v>1522</v>
      </c>
      <c r="R4476" s="5" t="s">
        <v>1523</v>
      </c>
      <c r="S4476" s="5" t="s">
        <v>42</v>
      </c>
      <c r="T4476" s="2">
        <v>2.335</v>
      </c>
      <c r="U4476" s="2">
        <v>1.7749999999999999</v>
      </c>
      <c r="V4476" s="2">
        <v>1.2999999999999999E-2</v>
      </c>
      <c r="W4476" s="2">
        <v>99.1</v>
      </c>
      <c r="X4476" s="2">
        <v>7.6</v>
      </c>
      <c r="Y4476" s="2">
        <v>16.7</v>
      </c>
      <c r="Z4476" s="5"/>
      <c r="AA4476" s="5" t="s">
        <v>43</v>
      </c>
      <c r="AB4476" s="5" t="s">
        <v>44</v>
      </c>
      <c r="AC4476" s="2"/>
      <c r="AD4476" s="1"/>
    </row>
    <row r="4477" spans="1:30">
      <c r="A4477" s="5" t="s">
        <v>83578</v>
      </c>
      <c r="B4477" s="2" t="s">
        <v>97033</v>
      </c>
      <c r="C4477" s="14" t="s">
        <v>97034</v>
      </c>
      <c r="D4477" s="2" t="s">
        <v>97035</v>
      </c>
      <c r="E4477" s="2" t="s">
        <v>36345</v>
      </c>
      <c r="F4477" s="8">
        <v>289</v>
      </c>
      <c r="G4477" s="5">
        <v>6</v>
      </c>
      <c r="H4477" s="5" t="s">
        <v>1518</v>
      </c>
      <c r="I4477" s="5" t="s">
        <v>36264</v>
      </c>
      <c r="J4477" s="2" t="s">
        <v>36265</v>
      </c>
      <c r="K4477" s="5" t="s">
        <v>36264</v>
      </c>
      <c r="L4477" s="2" t="s">
        <v>36265</v>
      </c>
      <c r="M4477" s="5" t="s">
        <v>36266</v>
      </c>
      <c r="N4477" s="5" t="s">
        <v>38</v>
      </c>
      <c r="O4477" s="5" t="s">
        <v>39</v>
      </c>
      <c r="P4477" s="5" t="s">
        <v>40</v>
      </c>
      <c r="Q4477" s="5" t="s">
        <v>1522</v>
      </c>
      <c r="R4477" s="5" t="s">
        <v>1523</v>
      </c>
      <c r="S4477" s="5" t="s">
        <v>42</v>
      </c>
      <c r="T4477" s="2">
        <v>2.2869999999999999</v>
      </c>
      <c r="U4477" s="2">
        <v>1.7270000000000001</v>
      </c>
      <c r="V4477" s="2">
        <v>1.2999999999999999E-2</v>
      </c>
      <c r="W4477" s="2">
        <v>99.1</v>
      </c>
      <c r="X4477" s="2">
        <v>7.6</v>
      </c>
      <c r="Y4477" s="2">
        <v>16.7</v>
      </c>
      <c r="Z4477" s="5"/>
      <c r="AA4477" s="5" t="s">
        <v>43</v>
      </c>
      <c r="AB4477" s="5" t="s">
        <v>44</v>
      </c>
      <c r="AC4477" s="2"/>
      <c r="AD4477" s="1"/>
    </row>
    <row r="4478" spans="1:30">
      <c r="A4478" s="5" t="s">
        <v>83578</v>
      </c>
      <c r="B4478" s="2" t="s">
        <v>97036</v>
      </c>
      <c r="C4478" s="14" t="s">
        <v>97037</v>
      </c>
      <c r="D4478" s="2" t="s">
        <v>97038</v>
      </c>
      <c r="E4478" s="2" t="s">
        <v>36349</v>
      </c>
      <c r="F4478" s="8">
        <v>289</v>
      </c>
      <c r="G4478" s="5">
        <v>6</v>
      </c>
      <c r="H4478" s="5" t="s">
        <v>1518</v>
      </c>
      <c r="I4478" s="5" t="s">
        <v>36264</v>
      </c>
      <c r="J4478" s="2" t="s">
        <v>36265</v>
      </c>
      <c r="K4478" s="5" t="s">
        <v>36264</v>
      </c>
      <c r="L4478" s="2" t="s">
        <v>36265</v>
      </c>
      <c r="M4478" s="5" t="s">
        <v>36266</v>
      </c>
      <c r="N4478" s="5" t="s">
        <v>38</v>
      </c>
      <c r="O4478" s="5" t="s">
        <v>39</v>
      </c>
      <c r="P4478" s="5" t="s">
        <v>40</v>
      </c>
      <c r="Q4478" s="5" t="s">
        <v>1522</v>
      </c>
      <c r="R4478" s="5" t="s">
        <v>1523</v>
      </c>
      <c r="S4478" s="5" t="s">
        <v>42</v>
      </c>
      <c r="T4478" s="2">
        <v>2.335</v>
      </c>
      <c r="U4478" s="2">
        <v>1.7749999999999999</v>
      </c>
      <c r="V4478" s="2">
        <v>1.2999999999999999E-2</v>
      </c>
      <c r="W4478" s="2">
        <v>99.1</v>
      </c>
      <c r="X4478" s="2">
        <v>7.6</v>
      </c>
      <c r="Y4478" s="2">
        <v>16.7</v>
      </c>
      <c r="Z4478" s="5"/>
      <c r="AA4478" s="5" t="s">
        <v>43</v>
      </c>
      <c r="AB4478" s="5" t="s">
        <v>44</v>
      </c>
      <c r="AC4478" s="2"/>
      <c r="AD4478" s="1"/>
    </row>
    <row r="4479" spans="1:30">
      <c r="A4479" s="5" t="s">
        <v>83578</v>
      </c>
      <c r="B4479" s="2" t="s">
        <v>97039</v>
      </c>
      <c r="C4479" s="14" t="s">
        <v>97040</v>
      </c>
      <c r="D4479" s="2" t="s">
        <v>97041</v>
      </c>
      <c r="E4479" s="2" t="s">
        <v>36353</v>
      </c>
      <c r="F4479" s="8">
        <v>289</v>
      </c>
      <c r="G4479" s="5">
        <v>6</v>
      </c>
      <c r="H4479" s="5" t="s">
        <v>1518</v>
      </c>
      <c r="I4479" s="5" t="s">
        <v>36264</v>
      </c>
      <c r="J4479" s="2" t="s">
        <v>36265</v>
      </c>
      <c r="K4479" s="5" t="s">
        <v>36264</v>
      </c>
      <c r="L4479" s="2" t="s">
        <v>36265</v>
      </c>
      <c r="M4479" s="5" t="s">
        <v>36266</v>
      </c>
      <c r="N4479" s="5" t="s">
        <v>38</v>
      </c>
      <c r="O4479" s="5" t="s">
        <v>39</v>
      </c>
      <c r="P4479" s="5" t="s">
        <v>40</v>
      </c>
      <c r="Q4479" s="5" t="s">
        <v>1522</v>
      </c>
      <c r="R4479" s="5" t="s">
        <v>1523</v>
      </c>
      <c r="S4479" s="5" t="s">
        <v>42</v>
      </c>
      <c r="T4479" s="2">
        <v>2.2869999999999999</v>
      </c>
      <c r="U4479" s="2">
        <v>1.7270000000000001</v>
      </c>
      <c r="V4479" s="2">
        <v>1.2999999999999999E-2</v>
      </c>
      <c r="W4479" s="2">
        <v>99.1</v>
      </c>
      <c r="X4479" s="2">
        <v>7.6</v>
      </c>
      <c r="Y4479" s="2">
        <v>16.7</v>
      </c>
      <c r="Z4479" s="5"/>
      <c r="AA4479" s="5" t="s">
        <v>43</v>
      </c>
      <c r="AB4479" s="5" t="s">
        <v>44</v>
      </c>
      <c r="AC4479" s="2"/>
      <c r="AD4479" s="1"/>
    </row>
    <row r="4480" spans="1:30">
      <c r="A4480" s="5" t="s">
        <v>83578</v>
      </c>
      <c r="B4480" s="2" t="s">
        <v>97042</v>
      </c>
      <c r="C4480" s="14" t="s">
        <v>97043</v>
      </c>
      <c r="D4480" s="2" t="s">
        <v>97044</v>
      </c>
      <c r="E4480" s="2" t="s">
        <v>36357</v>
      </c>
      <c r="F4480" s="8">
        <v>289</v>
      </c>
      <c r="G4480" s="5">
        <v>6</v>
      </c>
      <c r="H4480" s="5" t="s">
        <v>1518</v>
      </c>
      <c r="I4480" s="5" t="s">
        <v>36264</v>
      </c>
      <c r="J4480" s="2" t="s">
        <v>36265</v>
      </c>
      <c r="K4480" s="5" t="s">
        <v>36264</v>
      </c>
      <c r="L4480" s="2" t="s">
        <v>36265</v>
      </c>
      <c r="M4480" s="5" t="s">
        <v>36266</v>
      </c>
      <c r="N4480" s="5" t="s">
        <v>38</v>
      </c>
      <c r="O4480" s="5" t="s">
        <v>39</v>
      </c>
      <c r="P4480" s="5" t="s">
        <v>40</v>
      </c>
      <c r="Q4480" s="5" t="s">
        <v>1522</v>
      </c>
      <c r="R4480" s="5" t="s">
        <v>1523</v>
      </c>
      <c r="S4480" s="5" t="s">
        <v>42</v>
      </c>
      <c r="T4480" s="2">
        <v>2.335</v>
      </c>
      <c r="U4480" s="2">
        <v>1.7749999999999999</v>
      </c>
      <c r="V4480" s="2">
        <v>1.2999999999999999E-2</v>
      </c>
      <c r="W4480" s="2">
        <v>99.1</v>
      </c>
      <c r="X4480" s="2">
        <v>7.6</v>
      </c>
      <c r="Y4480" s="2">
        <v>16.7</v>
      </c>
      <c r="Z4480" s="5"/>
      <c r="AA4480" s="5" t="s">
        <v>43</v>
      </c>
      <c r="AB4480" s="5" t="s">
        <v>44</v>
      </c>
      <c r="AC4480" s="2"/>
      <c r="AD4480" s="1"/>
    </row>
    <row r="4481" spans="1:30">
      <c r="A4481" s="5" t="s">
        <v>83578</v>
      </c>
      <c r="B4481" s="2" t="s">
        <v>97045</v>
      </c>
      <c r="C4481" s="14" t="s">
        <v>97046</v>
      </c>
      <c r="D4481" s="2" t="s">
        <v>97047</v>
      </c>
      <c r="E4481" s="2" t="s">
        <v>45598</v>
      </c>
      <c r="F4481" s="8">
        <v>289</v>
      </c>
      <c r="G4481" s="5">
        <v>6</v>
      </c>
      <c r="H4481" s="5" t="s">
        <v>1518</v>
      </c>
      <c r="I4481" s="5" t="s">
        <v>36264</v>
      </c>
      <c r="J4481" s="2" t="s">
        <v>36265</v>
      </c>
      <c r="K4481" s="5" t="s">
        <v>36264</v>
      </c>
      <c r="L4481" s="2" t="s">
        <v>36265</v>
      </c>
      <c r="M4481" s="5" t="s">
        <v>36266</v>
      </c>
      <c r="N4481" s="5" t="s">
        <v>38</v>
      </c>
      <c r="O4481" s="5" t="s">
        <v>39</v>
      </c>
      <c r="P4481" s="5" t="s">
        <v>40</v>
      </c>
      <c r="Q4481" s="5" t="s">
        <v>1522</v>
      </c>
      <c r="R4481" s="5" t="s">
        <v>1523</v>
      </c>
      <c r="S4481" s="5" t="s">
        <v>42</v>
      </c>
      <c r="T4481" s="2">
        <v>2.2869999999999999</v>
      </c>
      <c r="U4481" s="2">
        <v>1.7270000000000001</v>
      </c>
      <c r="V4481" s="2">
        <v>1.2999999999999999E-2</v>
      </c>
      <c r="W4481" s="2">
        <v>99.1</v>
      </c>
      <c r="X4481" s="2">
        <v>7.6</v>
      </c>
      <c r="Y4481" s="2">
        <v>16.7</v>
      </c>
      <c r="Z4481" s="5"/>
      <c r="AA4481" s="5" t="s">
        <v>43</v>
      </c>
      <c r="AB4481" s="5" t="s">
        <v>44</v>
      </c>
      <c r="AC4481" s="2"/>
      <c r="AD4481" s="1"/>
    </row>
    <row r="4482" spans="1:30">
      <c r="A4482" s="5" t="s">
        <v>83578</v>
      </c>
      <c r="B4482" s="2" t="s">
        <v>97048</v>
      </c>
      <c r="C4482" s="14" t="s">
        <v>97049</v>
      </c>
      <c r="D4482" s="2" t="s">
        <v>97050</v>
      </c>
      <c r="E4482" s="2" t="s">
        <v>45534</v>
      </c>
      <c r="F4482" s="8">
        <v>289</v>
      </c>
      <c r="G4482" s="5">
        <v>6</v>
      </c>
      <c r="H4482" s="5" t="s">
        <v>1518</v>
      </c>
      <c r="I4482" s="5" t="s">
        <v>36264</v>
      </c>
      <c r="J4482" s="2" t="s">
        <v>36265</v>
      </c>
      <c r="K4482" s="5" t="s">
        <v>36264</v>
      </c>
      <c r="L4482" s="2" t="s">
        <v>36265</v>
      </c>
      <c r="M4482" s="5" t="s">
        <v>36266</v>
      </c>
      <c r="N4482" s="5" t="s">
        <v>38</v>
      </c>
      <c r="O4482" s="5" t="s">
        <v>39</v>
      </c>
      <c r="P4482" s="5" t="s">
        <v>40</v>
      </c>
      <c r="Q4482" s="5" t="s">
        <v>1522</v>
      </c>
      <c r="R4482" s="5" t="s">
        <v>1523</v>
      </c>
      <c r="S4482" s="5" t="s">
        <v>42</v>
      </c>
      <c r="T4482" s="2">
        <v>2.335</v>
      </c>
      <c r="U4482" s="2">
        <v>1.7749999999999999</v>
      </c>
      <c r="V4482" s="2">
        <v>1.2999999999999999E-2</v>
      </c>
      <c r="W4482" s="2">
        <v>99.1</v>
      </c>
      <c r="X4482" s="2">
        <v>7.6</v>
      </c>
      <c r="Y4482" s="2">
        <v>16.7</v>
      </c>
      <c r="Z4482" s="5"/>
      <c r="AA4482" s="5" t="s">
        <v>43</v>
      </c>
      <c r="AB4482" s="5" t="s">
        <v>44</v>
      </c>
      <c r="AC4482" s="2"/>
      <c r="AD4482" s="1"/>
    </row>
    <row r="4483" spans="1:30">
      <c r="A4483" s="5" t="s">
        <v>83578</v>
      </c>
      <c r="B4483" s="2" t="s">
        <v>97051</v>
      </c>
      <c r="C4483" s="14" t="s">
        <v>97052</v>
      </c>
      <c r="D4483" s="2" t="s">
        <v>97053</v>
      </c>
      <c r="E4483" s="2" t="s">
        <v>36369</v>
      </c>
      <c r="F4483" s="8">
        <v>289</v>
      </c>
      <c r="G4483" s="5">
        <v>6</v>
      </c>
      <c r="H4483" s="5" t="s">
        <v>1518</v>
      </c>
      <c r="I4483" s="5" t="s">
        <v>36264</v>
      </c>
      <c r="J4483" s="2" t="s">
        <v>36265</v>
      </c>
      <c r="K4483" s="5" t="s">
        <v>36264</v>
      </c>
      <c r="L4483" s="2" t="s">
        <v>36265</v>
      </c>
      <c r="M4483" s="5" t="s">
        <v>36266</v>
      </c>
      <c r="N4483" s="5" t="s">
        <v>38</v>
      </c>
      <c r="O4483" s="5" t="s">
        <v>39</v>
      </c>
      <c r="P4483" s="5" t="s">
        <v>40</v>
      </c>
      <c r="Q4483" s="5" t="s">
        <v>1522</v>
      </c>
      <c r="R4483" s="5" t="s">
        <v>1523</v>
      </c>
      <c r="S4483" s="5" t="s">
        <v>42</v>
      </c>
      <c r="T4483" s="2">
        <v>2.2869999999999999</v>
      </c>
      <c r="U4483" s="2">
        <v>1.7270000000000001</v>
      </c>
      <c r="V4483" s="2">
        <v>1.2999999999999999E-2</v>
      </c>
      <c r="W4483" s="2">
        <v>99.1</v>
      </c>
      <c r="X4483" s="2">
        <v>7.6</v>
      </c>
      <c r="Y4483" s="2">
        <v>16.7</v>
      </c>
      <c r="Z4483" s="5"/>
      <c r="AA4483" s="5" t="s">
        <v>43</v>
      </c>
      <c r="AB4483" s="5" t="s">
        <v>44</v>
      </c>
      <c r="AC4483" s="2"/>
      <c r="AD4483" s="1"/>
    </row>
    <row r="4484" spans="1:30">
      <c r="A4484" s="5" t="s">
        <v>83578</v>
      </c>
      <c r="B4484" s="2" t="s">
        <v>97054</v>
      </c>
      <c r="C4484" s="14" t="s">
        <v>97055</v>
      </c>
      <c r="D4484" s="2" t="s">
        <v>97056</v>
      </c>
      <c r="E4484" s="2" t="s">
        <v>36373</v>
      </c>
      <c r="F4484" s="8">
        <v>289</v>
      </c>
      <c r="G4484" s="5">
        <v>6</v>
      </c>
      <c r="H4484" s="5" t="s">
        <v>1518</v>
      </c>
      <c r="I4484" s="5" t="s">
        <v>36264</v>
      </c>
      <c r="J4484" s="2" t="s">
        <v>36265</v>
      </c>
      <c r="K4484" s="5" t="s">
        <v>36264</v>
      </c>
      <c r="L4484" s="2" t="s">
        <v>36265</v>
      </c>
      <c r="M4484" s="5" t="s">
        <v>36266</v>
      </c>
      <c r="N4484" s="5" t="s">
        <v>38</v>
      </c>
      <c r="O4484" s="5" t="s">
        <v>39</v>
      </c>
      <c r="P4484" s="5" t="s">
        <v>40</v>
      </c>
      <c r="Q4484" s="5" t="s">
        <v>1522</v>
      </c>
      <c r="R4484" s="5" t="s">
        <v>1523</v>
      </c>
      <c r="S4484" s="5" t="s">
        <v>42</v>
      </c>
      <c r="T4484" s="2">
        <v>2.335</v>
      </c>
      <c r="U4484" s="2">
        <v>1.7749999999999999</v>
      </c>
      <c r="V4484" s="2">
        <v>1.2999999999999999E-2</v>
      </c>
      <c r="W4484" s="2">
        <v>99.1</v>
      </c>
      <c r="X4484" s="2">
        <v>7.6</v>
      </c>
      <c r="Y4484" s="2">
        <v>16.7</v>
      </c>
      <c r="Z4484" s="5"/>
      <c r="AA4484" s="5" t="s">
        <v>43</v>
      </c>
      <c r="AB4484" s="5" t="s">
        <v>44</v>
      </c>
      <c r="AC4484" s="2"/>
      <c r="AD4484" s="1"/>
    </row>
    <row r="4485" spans="1:30">
      <c r="A4485" s="5" t="s">
        <v>83578</v>
      </c>
      <c r="B4485" s="2" t="s">
        <v>97057</v>
      </c>
      <c r="C4485" s="14" t="s">
        <v>97058</v>
      </c>
      <c r="D4485" s="2" t="s">
        <v>97059</v>
      </c>
      <c r="E4485" s="2" t="s">
        <v>36381</v>
      </c>
      <c r="F4485" s="8">
        <v>289</v>
      </c>
      <c r="G4485" s="5">
        <v>6</v>
      </c>
      <c r="H4485" s="5" t="s">
        <v>1518</v>
      </c>
      <c r="I4485" s="5" t="s">
        <v>36264</v>
      </c>
      <c r="J4485" s="2" t="s">
        <v>36265</v>
      </c>
      <c r="K4485" s="5" t="s">
        <v>36264</v>
      </c>
      <c r="L4485" s="2" t="s">
        <v>36265</v>
      </c>
      <c r="M4485" s="5" t="s">
        <v>36266</v>
      </c>
      <c r="N4485" s="5" t="s">
        <v>38</v>
      </c>
      <c r="O4485" s="5" t="s">
        <v>39</v>
      </c>
      <c r="P4485" s="5" t="s">
        <v>40</v>
      </c>
      <c r="Q4485" s="5" t="s">
        <v>1522</v>
      </c>
      <c r="R4485" s="5" t="s">
        <v>1523</v>
      </c>
      <c r="S4485" s="5" t="s">
        <v>42</v>
      </c>
      <c r="T4485" s="2">
        <v>2.335</v>
      </c>
      <c r="U4485" s="2">
        <v>1.7749999999999999</v>
      </c>
      <c r="V4485" s="2">
        <v>1.2999999999999999E-2</v>
      </c>
      <c r="W4485" s="2">
        <v>99.1</v>
      </c>
      <c r="X4485" s="2">
        <v>7.6</v>
      </c>
      <c r="Y4485" s="2">
        <v>16.7</v>
      </c>
      <c r="Z4485" s="5"/>
      <c r="AA4485" s="5" t="s">
        <v>43</v>
      </c>
      <c r="AB4485" s="5" t="s">
        <v>44</v>
      </c>
      <c r="AC4485" s="2"/>
      <c r="AD4485" s="1"/>
    </row>
    <row r="4486" spans="1:30">
      <c r="A4486" s="5" t="s">
        <v>83578</v>
      </c>
      <c r="B4486" s="2" t="s">
        <v>97060</v>
      </c>
      <c r="C4486" s="14" t="s">
        <v>97061</v>
      </c>
      <c r="D4486" s="2" t="s">
        <v>97062</v>
      </c>
      <c r="E4486" s="2" t="s">
        <v>36385</v>
      </c>
      <c r="F4486" s="8">
        <v>289</v>
      </c>
      <c r="G4486" s="5">
        <v>6</v>
      </c>
      <c r="H4486" s="5" t="s">
        <v>1518</v>
      </c>
      <c r="I4486" s="5" t="s">
        <v>36264</v>
      </c>
      <c r="J4486" s="2" t="s">
        <v>36265</v>
      </c>
      <c r="K4486" s="5" t="s">
        <v>36264</v>
      </c>
      <c r="L4486" s="2" t="s">
        <v>36265</v>
      </c>
      <c r="M4486" s="5" t="s">
        <v>36266</v>
      </c>
      <c r="N4486" s="5" t="s">
        <v>38</v>
      </c>
      <c r="O4486" s="5" t="s">
        <v>39</v>
      </c>
      <c r="P4486" s="5" t="s">
        <v>40</v>
      </c>
      <c r="Q4486" s="5" t="s">
        <v>1522</v>
      </c>
      <c r="R4486" s="5" t="s">
        <v>1523</v>
      </c>
      <c r="S4486" s="5" t="s">
        <v>42</v>
      </c>
      <c r="T4486" s="2">
        <v>2.2869999999999999</v>
      </c>
      <c r="U4486" s="2">
        <v>1.7270000000000001</v>
      </c>
      <c r="V4486" s="2">
        <v>1.2999999999999999E-2</v>
      </c>
      <c r="W4486" s="2">
        <v>99.1</v>
      </c>
      <c r="X4486" s="2">
        <v>7.6</v>
      </c>
      <c r="Y4486" s="2">
        <v>16.7</v>
      </c>
      <c r="Z4486" s="5"/>
      <c r="AA4486" s="5" t="s">
        <v>43</v>
      </c>
      <c r="AB4486" s="5" t="s">
        <v>44</v>
      </c>
      <c r="AC4486" s="2"/>
      <c r="AD4486" s="1"/>
    </row>
    <row r="4487" spans="1:30">
      <c r="A4487" s="5" t="s">
        <v>83578</v>
      </c>
      <c r="B4487" s="2" t="s">
        <v>97063</v>
      </c>
      <c r="C4487" s="14" t="s">
        <v>97064</v>
      </c>
      <c r="D4487" s="2" t="s">
        <v>97065</v>
      </c>
      <c r="E4487" s="2" t="s">
        <v>36389</v>
      </c>
      <c r="F4487" s="8">
        <v>289</v>
      </c>
      <c r="G4487" s="5">
        <v>6</v>
      </c>
      <c r="H4487" s="5" t="s">
        <v>1518</v>
      </c>
      <c r="I4487" s="5" t="s">
        <v>36264</v>
      </c>
      <c r="J4487" s="2" t="s">
        <v>36265</v>
      </c>
      <c r="K4487" s="5" t="s">
        <v>36264</v>
      </c>
      <c r="L4487" s="2" t="s">
        <v>36265</v>
      </c>
      <c r="M4487" s="5" t="s">
        <v>36266</v>
      </c>
      <c r="N4487" s="5" t="s">
        <v>38</v>
      </c>
      <c r="O4487" s="5" t="s">
        <v>39</v>
      </c>
      <c r="P4487" s="5" t="s">
        <v>40</v>
      </c>
      <c r="Q4487" s="5" t="s">
        <v>1522</v>
      </c>
      <c r="R4487" s="5" t="s">
        <v>1523</v>
      </c>
      <c r="S4487" s="5" t="s">
        <v>42</v>
      </c>
      <c r="T4487" s="2">
        <v>2.335</v>
      </c>
      <c r="U4487" s="2">
        <v>1.7749999999999999</v>
      </c>
      <c r="V4487" s="2">
        <v>1.2999999999999999E-2</v>
      </c>
      <c r="W4487" s="2">
        <v>99.1</v>
      </c>
      <c r="X4487" s="2">
        <v>7.6</v>
      </c>
      <c r="Y4487" s="2">
        <v>16.7</v>
      </c>
      <c r="Z4487" s="5"/>
      <c r="AA4487" s="5" t="s">
        <v>43</v>
      </c>
      <c r="AB4487" s="5" t="s">
        <v>44</v>
      </c>
      <c r="AC4487" s="2"/>
      <c r="AD4487" s="1"/>
    </row>
    <row r="4488" spans="1:30">
      <c r="A4488" s="5" t="s">
        <v>83578</v>
      </c>
      <c r="B4488" s="2" t="s">
        <v>97066</v>
      </c>
      <c r="C4488" s="14" t="s">
        <v>97067</v>
      </c>
      <c r="D4488" s="2" t="s">
        <v>97068</v>
      </c>
      <c r="E4488" s="2" t="s">
        <v>36385</v>
      </c>
      <c r="F4488" s="8">
        <v>302</v>
      </c>
      <c r="G4488" s="5">
        <v>6</v>
      </c>
      <c r="H4488" s="5" t="s">
        <v>1518</v>
      </c>
      <c r="I4488" s="5" t="s">
        <v>36264</v>
      </c>
      <c r="J4488" s="2" t="s">
        <v>36265</v>
      </c>
      <c r="K4488" s="5" t="s">
        <v>36264</v>
      </c>
      <c r="L4488" s="2" t="s">
        <v>36265</v>
      </c>
      <c r="M4488" s="5" t="s">
        <v>36266</v>
      </c>
      <c r="N4488" s="5" t="s">
        <v>38</v>
      </c>
      <c r="O4488" s="5" t="s">
        <v>39</v>
      </c>
      <c r="P4488" s="5" t="s">
        <v>40</v>
      </c>
      <c r="Q4488" s="5" t="s">
        <v>1522</v>
      </c>
      <c r="R4488" s="5" t="s">
        <v>1523</v>
      </c>
      <c r="S4488" s="5" t="s">
        <v>42</v>
      </c>
      <c r="T4488" s="2">
        <v>2.76</v>
      </c>
      <c r="U4488" s="2">
        <v>2.2170000000000001</v>
      </c>
      <c r="V4488" s="2">
        <v>1.4999999999999999E-2</v>
      </c>
      <c r="W4488" s="2">
        <v>118.9</v>
      </c>
      <c r="X4488" s="2">
        <v>7.6</v>
      </c>
      <c r="Y4488" s="2">
        <v>16.7</v>
      </c>
      <c r="Z4488" s="5"/>
      <c r="AA4488" s="5" t="s">
        <v>43</v>
      </c>
      <c r="AB4488" s="5" t="s">
        <v>44</v>
      </c>
      <c r="AC4488" s="2"/>
      <c r="AD4488" s="1"/>
    </row>
    <row r="4489" spans="1:30">
      <c r="A4489" s="5" t="s">
        <v>83578</v>
      </c>
      <c r="B4489" s="2" t="s">
        <v>97069</v>
      </c>
      <c r="C4489" s="14" t="s">
        <v>97070</v>
      </c>
      <c r="D4489" s="2" t="s">
        <v>97071</v>
      </c>
      <c r="E4489" s="2" t="s">
        <v>36281</v>
      </c>
      <c r="F4489" s="8">
        <v>318</v>
      </c>
      <c r="G4489" s="5">
        <v>6</v>
      </c>
      <c r="H4489" s="5" t="s">
        <v>1518</v>
      </c>
      <c r="I4489" s="5" t="s">
        <v>36264</v>
      </c>
      <c r="J4489" s="2" t="s">
        <v>36265</v>
      </c>
      <c r="K4489" s="5" t="s">
        <v>36264</v>
      </c>
      <c r="L4489" s="2" t="s">
        <v>36265</v>
      </c>
      <c r="M4489" s="5" t="s">
        <v>36266</v>
      </c>
      <c r="N4489" s="5" t="s">
        <v>38</v>
      </c>
      <c r="O4489" s="5" t="s">
        <v>39</v>
      </c>
      <c r="P4489" s="5" t="s">
        <v>40</v>
      </c>
      <c r="Q4489" s="5" t="s">
        <v>1522</v>
      </c>
      <c r="R4489" s="5" t="s">
        <v>1523</v>
      </c>
      <c r="S4489" s="5" t="s">
        <v>42</v>
      </c>
      <c r="T4489" s="2">
        <v>3.2650000000000001</v>
      </c>
      <c r="U4489" s="2">
        <v>2.5649999999999999</v>
      </c>
      <c r="V4489" s="2">
        <v>0.02</v>
      </c>
      <c r="W4489" s="2">
        <v>159.1</v>
      </c>
      <c r="X4489" s="2">
        <v>7.6</v>
      </c>
      <c r="Y4489" s="2">
        <v>16.7</v>
      </c>
      <c r="Z4489" s="5"/>
      <c r="AA4489" s="5" t="s">
        <v>43</v>
      </c>
      <c r="AB4489" s="5" t="s">
        <v>44</v>
      </c>
      <c r="AC4489" s="2"/>
      <c r="AD4489" s="1"/>
    </row>
    <row r="4490" spans="1:30">
      <c r="A4490" s="5" t="s">
        <v>83578</v>
      </c>
      <c r="B4490" s="2" t="s">
        <v>97072</v>
      </c>
      <c r="C4490" s="14" t="s">
        <v>97073</v>
      </c>
      <c r="D4490" s="2" t="s">
        <v>97074</v>
      </c>
      <c r="E4490" s="2" t="s">
        <v>36297</v>
      </c>
      <c r="F4490" s="8">
        <v>294</v>
      </c>
      <c r="G4490" s="5">
        <v>6</v>
      </c>
      <c r="H4490" s="5" t="s">
        <v>1518</v>
      </c>
      <c r="I4490" s="5" t="s">
        <v>36264</v>
      </c>
      <c r="J4490" s="2" t="s">
        <v>36265</v>
      </c>
      <c r="K4490" s="5" t="s">
        <v>36264</v>
      </c>
      <c r="L4490" s="2" t="s">
        <v>36265</v>
      </c>
      <c r="M4490" s="5" t="s">
        <v>36266</v>
      </c>
      <c r="N4490" s="5" t="s">
        <v>38</v>
      </c>
      <c r="O4490" s="5" t="s">
        <v>39</v>
      </c>
      <c r="P4490" s="5" t="s">
        <v>40</v>
      </c>
      <c r="Q4490" s="5" t="s">
        <v>1522</v>
      </c>
      <c r="R4490" s="5" t="s">
        <v>1523</v>
      </c>
      <c r="S4490" s="5" t="s">
        <v>42</v>
      </c>
      <c r="T4490" s="2">
        <v>3.2650000000000001</v>
      </c>
      <c r="U4490" s="2">
        <v>2.5649999999999999</v>
      </c>
      <c r="V4490" s="2">
        <v>0.02</v>
      </c>
      <c r="W4490" s="2">
        <v>159.1</v>
      </c>
      <c r="X4490" s="2">
        <v>7.6</v>
      </c>
      <c r="Y4490" s="2">
        <v>16.7</v>
      </c>
      <c r="Z4490" s="5"/>
      <c r="AA4490" s="5" t="s">
        <v>43</v>
      </c>
      <c r="AB4490" s="5" t="s">
        <v>44</v>
      </c>
      <c r="AC4490" s="2"/>
      <c r="AD4490" s="1"/>
    </row>
    <row r="4491" spans="1:30">
      <c r="A4491" s="5" t="s">
        <v>83578</v>
      </c>
      <c r="B4491" s="2" t="s">
        <v>97075</v>
      </c>
      <c r="C4491" s="14" t="s">
        <v>97076</v>
      </c>
      <c r="D4491" s="2" t="s">
        <v>97077</v>
      </c>
      <c r="E4491" s="2" t="s">
        <v>36313</v>
      </c>
      <c r="F4491" s="8">
        <v>318</v>
      </c>
      <c r="G4491" s="5">
        <v>6</v>
      </c>
      <c r="H4491" s="5" t="s">
        <v>1518</v>
      </c>
      <c r="I4491" s="5" t="s">
        <v>36264</v>
      </c>
      <c r="J4491" s="2" t="s">
        <v>36265</v>
      </c>
      <c r="K4491" s="5" t="s">
        <v>36264</v>
      </c>
      <c r="L4491" s="2" t="s">
        <v>36265</v>
      </c>
      <c r="M4491" s="5" t="s">
        <v>36266</v>
      </c>
      <c r="N4491" s="5" t="s">
        <v>38</v>
      </c>
      <c r="O4491" s="5" t="s">
        <v>39</v>
      </c>
      <c r="P4491" s="5" t="s">
        <v>40</v>
      </c>
      <c r="Q4491" s="5" t="s">
        <v>1522</v>
      </c>
      <c r="R4491" s="5" t="s">
        <v>1523</v>
      </c>
      <c r="S4491" s="5" t="s">
        <v>42</v>
      </c>
      <c r="T4491" s="2">
        <v>3.2650000000000001</v>
      </c>
      <c r="U4491" s="2">
        <v>2.5649999999999999</v>
      </c>
      <c r="V4491" s="2">
        <v>0.02</v>
      </c>
      <c r="W4491" s="2">
        <v>159.1</v>
      </c>
      <c r="X4491" s="2">
        <v>7.6</v>
      </c>
      <c r="Y4491" s="2">
        <v>16.7</v>
      </c>
      <c r="Z4491" s="5"/>
      <c r="AA4491" s="5" t="s">
        <v>43</v>
      </c>
      <c r="AB4491" s="5" t="s">
        <v>44</v>
      </c>
      <c r="AC4491" s="2"/>
      <c r="AD4491" s="1"/>
    </row>
    <row r="4492" spans="1:30">
      <c r="A4492" s="5" t="s">
        <v>83578</v>
      </c>
      <c r="B4492" s="2" t="s">
        <v>97078</v>
      </c>
      <c r="C4492" s="14" t="s">
        <v>97079</v>
      </c>
      <c r="D4492" s="2" t="s">
        <v>97080</v>
      </c>
      <c r="E4492" s="2" t="s">
        <v>36321</v>
      </c>
      <c r="F4492" s="8">
        <v>318</v>
      </c>
      <c r="G4492" s="5">
        <v>6</v>
      </c>
      <c r="H4492" s="5" t="s">
        <v>1518</v>
      </c>
      <c r="I4492" s="5" t="s">
        <v>36264</v>
      </c>
      <c r="J4492" s="2" t="s">
        <v>36265</v>
      </c>
      <c r="K4492" s="5" t="s">
        <v>36264</v>
      </c>
      <c r="L4492" s="2" t="s">
        <v>36265</v>
      </c>
      <c r="M4492" s="5" t="s">
        <v>36266</v>
      </c>
      <c r="N4492" s="5" t="s">
        <v>38</v>
      </c>
      <c r="O4492" s="5" t="s">
        <v>39</v>
      </c>
      <c r="P4492" s="5" t="s">
        <v>40</v>
      </c>
      <c r="Q4492" s="5" t="s">
        <v>1522</v>
      </c>
      <c r="R4492" s="5" t="s">
        <v>1523</v>
      </c>
      <c r="S4492" s="5" t="s">
        <v>42</v>
      </c>
      <c r="T4492" s="2">
        <v>3.2650000000000001</v>
      </c>
      <c r="U4492" s="2">
        <v>2.5649999999999999</v>
      </c>
      <c r="V4492" s="2">
        <v>0.02</v>
      </c>
      <c r="W4492" s="2">
        <v>159.1</v>
      </c>
      <c r="X4492" s="2">
        <v>7.6</v>
      </c>
      <c r="Y4492" s="2">
        <v>16.7</v>
      </c>
      <c r="Z4492" s="5"/>
      <c r="AA4492" s="5" t="s">
        <v>43</v>
      </c>
      <c r="AB4492" s="5" t="s">
        <v>44</v>
      </c>
      <c r="AC4492" s="2"/>
      <c r="AD4492" s="1"/>
    </row>
    <row r="4493" spans="1:30">
      <c r="A4493" s="5" t="s">
        <v>83578</v>
      </c>
      <c r="B4493" s="2" t="s">
        <v>97081</v>
      </c>
      <c r="C4493" s="14" t="s">
        <v>97082</v>
      </c>
      <c r="D4493" s="2" t="s">
        <v>97083</v>
      </c>
      <c r="E4493" s="2" t="s">
        <v>36337</v>
      </c>
      <c r="F4493" s="8">
        <v>318</v>
      </c>
      <c r="G4493" s="5">
        <v>6</v>
      </c>
      <c r="H4493" s="5" t="s">
        <v>1518</v>
      </c>
      <c r="I4493" s="5" t="s">
        <v>36264</v>
      </c>
      <c r="J4493" s="2" t="s">
        <v>36265</v>
      </c>
      <c r="K4493" s="5" t="s">
        <v>36264</v>
      </c>
      <c r="L4493" s="2" t="s">
        <v>36265</v>
      </c>
      <c r="M4493" s="5" t="s">
        <v>36266</v>
      </c>
      <c r="N4493" s="5" t="s">
        <v>38</v>
      </c>
      <c r="O4493" s="5" t="s">
        <v>39</v>
      </c>
      <c r="P4493" s="5" t="s">
        <v>40</v>
      </c>
      <c r="Q4493" s="5" t="s">
        <v>1522</v>
      </c>
      <c r="R4493" s="5" t="s">
        <v>1523</v>
      </c>
      <c r="S4493" s="5" t="s">
        <v>42</v>
      </c>
      <c r="T4493" s="2">
        <v>3.2650000000000001</v>
      </c>
      <c r="U4493" s="2">
        <v>2.5649999999999999</v>
      </c>
      <c r="V4493" s="2">
        <v>0.02</v>
      </c>
      <c r="W4493" s="2">
        <v>159.1</v>
      </c>
      <c r="X4493" s="2">
        <v>7.6</v>
      </c>
      <c r="Y4493" s="2">
        <v>16.7</v>
      </c>
      <c r="Z4493" s="5"/>
      <c r="AA4493" s="5" t="s">
        <v>43</v>
      </c>
      <c r="AB4493" s="5" t="s">
        <v>44</v>
      </c>
      <c r="AC4493" s="2"/>
      <c r="AD4493" s="1"/>
    </row>
    <row r="4494" spans="1:30">
      <c r="A4494" s="5" t="s">
        <v>83578</v>
      </c>
      <c r="B4494" s="2" t="s">
        <v>97084</v>
      </c>
      <c r="C4494" s="14" t="s">
        <v>97085</v>
      </c>
      <c r="D4494" s="2" t="s">
        <v>97086</v>
      </c>
      <c r="E4494" s="2" t="s">
        <v>36341</v>
      </c>
      <c r="F4494" s="8">
        <v>318</v>
      </c>
      <c r="G4494" s="5">
        <v>6</v>
      </c>
      <c r="H4494" s="5" t="s">
        <v>1518</v>
      </c>
      <c r="I4494" s="5" t="s">
        <v>36264</v>
      </c>
      <c r="J4494" s="2" t="s">
        <v>36265</v>
      </c>
      <c r="K4494" s="5" t="s">
        <v>36264</v>
      </c>
      <c r="L4494" s="2" t="s">
        <v>36265</v>
      </c>
      <c r="M4494" s="5" t="s">
        <v>36266</v>
      </c>
      <c r="N4494" s="5" t="s">
        <v>38</v>
      </c>
      <c r="O4494" s="5" t="s">
        <v>39</v>
      </c>
      <c r="P4494" s="5" t="s">
        <v>40</v>
      </c>
      <c r="Q4494" s="5" t="s">
        <v>1522</v>
      </c>
      <c r="R4494" s="5" t="s">
        <v>1523</v>
      </c>
      <c r="S4494" s="5" t="s">
        <v>42</v>
      </c>
      <c r="T4494" s="2">
        <v>3.371</v>
      </c>
      <c r="U4494" s="2">
        <v>2.6709999999999998</v>
      </c>
      <c r="V4494" s="2">
        <v>0.02</v>
      </c>
      <c r="W4494" s="2">
        <v>159.1</v>
      </c>
      <c r="X4494" s="2">
        <v>7.6</v>
      </c>
      <c r="Y4494" s="2">
        <v>16.7</v>
      </c>
      <c r="Z4494" s="5"/>
      <c r="AA4494" s="5" t="s">
        <v>43</v>
      </c>
      <c r="AB4494" s="5" t="s">
        <v>44</v>
      </c>
      <c r="AC4494" s="2"/>
      <c r="AD4494" s="1"/>
    </row>
    <row r="4495" spans="1:30">
      <c r="A4495" s="5" t="s">
        <v>83578</v>
      </c>
      <c r="B4495" s="2" t="s">
        <v>97087</v>
      </c>
      <c r="C4495" s="14" t="s">
        <v>97088</v>
      </c>
      <c r="D4495" s="2" t="s">
        <v>97089</v>
      </c>
      <c r="E4495" s="2" t="s">
        <v>45598</v>
      </c>
      <c r="F4495" s="8">
        <v>318</v>
      </c>
      <c r="G4495" s="5">
        <v>6</v>
      </c>
      <c r="H4495" s="5" t="s">
        <v>1518</v>
      </c>
      <c r="I4495" s="5" t="s">
        <v>36264</v>
      </c>
      <c r="J4495" s="2" t="s">
        <v>36265</v>
      </c>
      <c r="K4495" s="5" t="s">
        <v>36264</v>
      </c>
      <c r="L4495" s="2" t="s">
        <v>36265</v>
      </c>
      <c r="M4495" s="5" t="s">
        <v>36266</v>
      </c>
      <c r="N4495" s="5" t="s">
        <v>38</v>
      </c>
      <c r="O4495" s="5" t="s">
        <v>39</v>
      </c>
      <c r="P4495" s="5" t="s">
        <v>40</v>
      </c>
      <c r="Q4495" s="5" t="s">
        <v>1522</v>
      </c>
      <c r="R4495" s="5" t="s">
        <v>1523</v>
      </c>
      <c r="S4495" s="5" t="s">
        <v>42</v>
      </c>
      <c r="T4495" s="2">
        <v>3.2650000000000001</v>
      </c>
      <c r="U4495" s="2">
        <v>2.5649999999999999</v>
      </c>
      <c r="V4495" s="2">
        <v>0.02</v>
      </c>
      <c r="W4495" s="2">
        <v>159.1</v>
      </c>
      <c r="X4495" s="2">
        <v>7.6</v>
      </c>
      <c r="Y4495" s="2">
        <v>16.7</v>
      </c>
      <c r="Z4495" s="5"/>
      <c r="AA4495" s="5" t="s">
        <v>43</v>
      </c>
      <c r="AB4495" s="5" t="s">
        <v>44</v>
      </c>
      <c r="AC4495" s="2"/>
      <c r="AD4495" s="1"/>
    </row>
    <row r="4496" spans="1:30">
      <c r="A4496" s="5" t="s">
        <v>83578</v>
      </c>
      <c r="B4496" s="2" t="s">
        <v>97090</v>
      </c>
      <c r="C4496" s="14" t="s">
        <v>97091</v>
      </c>
      <c r="D4496" s="2" t="s">
        <v>97092</v>
      </c>
      <c r="E4496" s="2" t="s">
        <v>36273</v>
      </c>
      <c r="F4496" s="8">
        <v>307</v>
      </c>
      <c r="G4496" s="5">
        <v>6</v>
      </c>
      <c r="H4496" s="5" t="s">
        <v>1518</v>
      </c>
      <c r="I4496" s="5" t="s">
        <v>36264</v>
      </c>
      <c r="J4496" s="2" t="s">
        <v>36265</v>
      </c>
      <c r="K4496" s="5" t="s">
        <v>36264</v>
      </c>
      <c r="L4496" s="2" t="s">
        <v>36265</v>
      </c>
      <c r="M4496" s="5" t="s">
        <v>36266</v>
      </c>
      <c r="N4496" s="5" t="s">
        <v>38</v>
      </c>
      <c r="O4496" s="5" t="s">
        <v>39</v>
      </c>
      <c r="P4496" s="5" t="s">
        <v>40</v>
      </c>
      <c r="Q4496" s="5" t="s">
        <v>1522</v>
      </c>
      <c r="R4496" s="5" t="s">
        <v>1523</v>
      </c>
      <c r="S4496" s="5" t="s">
        <v>42</v>
      </c>
      <c r="T4496" s="2">
        <v>3.488</v>
      </c>
      <c r="U4496" s="2">
        <v>2.72</v>
      </c>
      <c r="V4496" s="2">
        <v>2.1000000000000001E-2</v>
      </c>
      <c r="W4496" s="2">
        <v>165.1</v>
      </c>
      <c r="X4496" s="2">
        <v>7.6</v>
      </c>
      <c r="Y4496" s="2">
        <v>16.7</v>
      </c>
      <c r="Z4496" s="5"/>
      <c r="AA4496" s="5" t="s">
        <v>43</v>
      </c>
      <c r="AB4496" s="5" t="s">
        <v>44</v>
      </c>
      <c r="AC4496" s="2"/>
      <c r="AD4496" s="1"/>
    </row>
    <row r="4497" spans="1:30">
      <c r="A4497" s="5" t="s">
        <v>83578</v>
      </c>
      <c r="B4497" s="2" t="s">
        <v>97093</v>
      </c>
      <c r="C4497" s="14" t="s">
        <v>97094</v>
      </c>
      <c r="D4497" s="2" t="s">
        <v>97095</v>
      </c>
      <c r="E4497" s="2" t="s">
        <v>36281</v>
      </c>
      <c r="F4497" s="8">
        <v>333</v>
      </c>
      <c r="G4497" s="5">
        <v>6</v>
      </c>
      <c r="H4497" s="5" t="s">
        <v>1518</v>
      </c>
      <c r="I4497" s="5" t="s">
        <v>36264</v>
      </c>
      <c r="J4497" s="2" t="s">
        <v>36265</v>
      </c>
      <c r="K4497" s="5" t="s">
        <v>36264</v>
      </c>
      <c r="L4497" s="2" t="s">
        <v>36265</v>
      </c>
      <c r="M4497" s="5" t="s">
        <v>36266</v>
      </c>
      <c r="N4497" s="5" t="s">
        <v>38</v>
      </c>
      <c r="O4497" s="5" t="s">
        <v>39</v>
      </c>
      <c r="P4497" s="5" t="s">
        <v>40</v>
      </c>
      <c r="Q4497" s="5" t="s">
        <v>1522</v>
      </c>
      <c r="R4497" s="5" t="s">
        <v>1523</v>
      </c>
      <c r="S4497" s="5" t="s">
        <v>42</v>
      </c>
      <c r="T4497" s="2">
        <v>3.488</v>
      </c>
      <c r="U4497" s="2">
        <v>2.72</v>
      </c>
      <c r="V4497" s="2">
        <v>2.1000000000000001E-2</v>
      </c>
      <c r="W4497" s="2">
        <v>165.1</v>
      </c>
      <c r="X4497" s="2">
        <v>7.6</v>
      </c>
      <c r="Y4497" s="2">
        <v>16.7</v>
      </c>
      <c r="Z4497" s="5"/>
      <c r="AA4497" s="5" t="s">
        <v>43</v>
      </c>
      <c r="AB4497" s="5" t="s">
        <v>44</v>
      </c>
      <c r="AC4497" s="2"/>
      <c r="AD4497" s="1"/>
    </row>
    <row r="4498" spans="1:30">
      <c r="A4498" s="5" t="s">
        <v>83578</v>
      </c>
      <c r="B4498" s="2" t="s">
        <v>97096</v>
      </c>
      <c r="C4498" s="14" t="s">
        <v>97097</v>
      </c>
      <c r="D4498" s="2" t="s">
        <v>97098</v>
      </c>
      <c r="E4498" s="2" t="s">
        <v>36289</v>
      </c>
      <c r="F4498" s="8">
        <v>333</v>
      </c>
      <c r="G4498" s="5">
        <v>6</v>
      </c>
      <c r="H4498" s="5" t="s">
        <v>1518</v>
      </c>
      <c r="I4498" s="5" t="s">
        <v>36264</v>
      </c>
      <c r="J4498" s="2" t="s">
        <v>36265</v>
      </c>
      <c r="K4498" s="5" t="s">
        <v>36264</v>
      </c>
      <c r="L4498" s="2" t="s">
        <v>36265</v>
      </c>
      <c r="M4498" s="5" t="s">
        <v>36266</v>
      </c>
      <c r="N4498" s="5" t="s">
        <v>38</v>
      </c>
      <c r="O4498" s="5" t="s">
        <v>39</v>
      </c>
      <c r="P4498" s="5" t="s">
        <v>40</v>
      </c>
      <c r="Q4498" s="5" t="s">
        <v>1522</v>
      </c>
      <c r="R4498" s="5" t="s">
        <v>1523</v>
      </c>
      <c r="S4498" s="5" t="s">
        <v>42</v>
      </c>
      <c r="T4498" s="2">
        <v>3.488</v>
      </c>
      <c r="U4498" s="2">
        <v>2.72</v>
      </c>
      <c r="V4498" s="2">
        <v>2.1000000000000001E-2</v>
      </c>
      <c r="W4498" s="2">
        <v>165.1</v>
      </c>
      <c r="X4498" s="2">
        <v>7.6</v>
      </c>
      <c r="Y4498" s="2">
        <v>16.7</v>
      </c>
      <c r="Z4498" s="5"/>
      <c r="AA4498" s="5" t="s">
        <v>43</v>
      </c>
      <c r="AB4498" s="5" t="s">
        <v>44</v>
      </c>
      <c r="AC4498" s="2"/>
      <c r="AD4498" s="1"/>
    </row>
    <row r="4499" spans="1:30">
      <c r="A4499" s="5" t="s">
        <v>83578</v>
      </c>
      <c r="B4499" s="2" t="s">
        <v>97099</v>
      </c>
      <c r="C4499" s="14" t="s">
        <v>97100</v>
      </c>
      <c r="D4499" s="2" t="s">
        <v>97101</v>
      </c>
      <c r="E4499" s="2" t="s">
        <v>36297</v>
      </c>
      <c r="F4499" s="8">
        <v>307</v>
      </c>
      <c r="G4499" s="5">
        <v>6</v>
      </c>
      <c r="H4499" s="5" t="s">
        <v>1518</v>
      </c>
      <c r="I4499" s="5" t="s">
        <v>36264</v>
      </c>
      <c r="J4499" s="2" t="s">
        <v>36265</v>
      </c>
      <c r="K4499" s="5" t="s">
        <v>36264</v>
      </c>
      <c r="L4499" s="2" t="s">
        <v>36265</v>
      </c>
      <c r="M4499" s="5" t="s">
        <v>36266</v>
      </c>
      <c r="N4499" s="5" t="s">
        <v>38</v>
      </c>
      <c r="O4499" s="5" t="s">
        <v>39</v>
      </c>
      <c r="P4499" s="5" t="s">
        <v>40</v>
      </c>
      <c r="Q4499" s="5" t="s">
        <v>1522</v>
      </c>
      <c r="R4499" s="5" t="s">
        <v>1523</v>
      </c>
      <c r="S4499" s="5" t="s">
        <v>42</v>
      </c>
      <c r="T4499" s="2">
        <v>3.488</v>
      </c>
      <c r="U4499" s="2">
        <v>2.72</v>
      </c>
      <c r="V4499" s="2">
        <v>2.1000000000000001E-2</v>
      </c>
      <c r="W4499" s="2">
        <v>165.1</v>
      </c>
      <c r="X4499" s="2">
        <v>7.6</v>
      </c>
      <c r="Y4499" s="2">
        <v>16.7</v>
      </c>
      <c r="Z4499" s="5"/>
      <c r="AA4499" s="5" t="s">
        <v>43</v>
      </c>
      <c r="AB4499" s="5" t="s">
        <v>44</v>
      </c>
      <c r="AC4499" s="2"/>
      <c r="AD4499" s="1"/>
    </row>
    <row r="4500" spans="1:30">
      <c r="A4500" s="5" t="s">
        <v>83578</v>
      </c>
      <c r="B4500" s="2" t="s">
        <v>97102</v>
      </c>
      <c r="C4500" s="14" t="s">
        <v>97103</v>
      </c>
      <c r="D4500" s="2" t="s">
        <v>97104</v>
      </c>
      <c r="E4500" s="2" t="s">
        <v>36313</v>
      </c>
      <c r="F4500" s="8">
        <v>333</v>
      </c>
      <c r="G4500" s="5">
        <v>6</v>
      </c>
      <c r="H4500" s="5" t="s">
        <v>1518</v>
      </c>
      <c r="I4500" s="5" t="s">
        <v>36264</v>
      </c>
      <c r="J4500" s="2" t="s">
        <v>36265</v>
      </c>
      <c r="K4500" s="5" t="s">
        <v>36264</v>
      </c>
      <c r="L4500" s="2" t="s">
        <v>36265</v>
      </c>
      <c r="M4500" s="5" t="s">
        <v>36266</v>
      </c>
      <c r="N4500" s="5" t="s">
        <v>38</v>
      </c>
      <c r="O4500" s="5" t="s">
        <v>39</v>
      </c>
      <c r="P4500" s="5" t="s">
        <v>40</v>
      </c>
      <c r="Q4500" s="5" t="s">
        <v>1522</v>
      </c>
      <c r="R4500" s="5" t="s">
        <v>1523</v>
      </c>
      <c r="S4500" s="5" t="s">
        <v>42</v>
      </c>
      <c r="T4500" s="2">
        <v>3.488</v>
      </c>
      <c r="U4500" s="2">
        <v>2.72</v>
      </c>
      <c r="V4500" s="2">
        <v>2.1000000000000001E-2</v>
      </c>
      <c r="W4500" s="2">
        <v>165.1</v>
      </c>
      <c r="X4500" s="2">
        <v>7.6</v>
      </c>
      <c r="Y4500" s="2">
        <v>16.7</v>
      </c>
      <c r="Z4500" s="5"/>
      <c r="AA4500" s="5" t="s">
        <v>43</v>
      </c>
      <c r="AB4500" s="5" t="s">
        <v>44</v>
      </c>
      <c r="AC4500" s="2"/>
      <c r="AD4500" s="1"/>
    </row>
    <row r="4501" spans="1:30">
      <c r="A4501" s="5" t="s">
        <v>83578</v>
      </c>
      <c r="B4501" s="2" t="s">
        <v>97105</v>
      </c>
      <c r="C4501" s="14" t="s">
        <v>97106</v>
      </c>
      <c r="D4501" s="2" t="s">
        <v>97107</v>
      </c>
      <c r="E4501" s="2" t="s">
        <v>36317</v>
      </c>
      <c r="F4501" s="8">
        <v>333</v>
      </c>
      <c r="G4501" s="5">
        <v>6</v>
      </c>
      <c r="H4501" s="5" t="s">
        <v>1518</v>
      </c>
      <c r="I4501" s="5" t="s">
        <v>36264</v>
      </c>
      <c r="J4501" s="2" t="s">
        <v>36265</v>
      </c>
      <c r="K4501" s="5" t="s">
        <v>36264</v>
      </c>
      <c r="L4501" s="2" t="s">
        <v>36265</v>
      </c>
      <c r="M4501" s="5" t="s">
        <v>36266</v>
      </c>
      <c r="N4501" s="5" t="s">
        <v>38</v>
      </c>
      <c r="O4501" s="5" t="s">
        <v>39</v>
      </c>
      <c r="P4501" s="5" t="s">
        <v>40</v>
      </c>
      <c r="Q4501" s="5" t="s">
        <v>1522</v>
      </c>
      <c r="R4501" s="5" t="s">
        <v>1523</v>
      </c>
      <c r="S4501" s="5" t="s">
        <v>42</v>
      </c>
      <c r="T4501" s="2">
        <v>3.605</v>
      </c>
      <c r="U4501" s="2">
        <v>2.8370000000000002</v>
      </c>
      <c r="V4501" s="2">
        <v>2.1000000000000001E-2</v>
      </c>
      <c r="W4501" s="2">
        <v>165.1</v>
      </c>
      <c r="X4501" s="2">
        <v>7.6</v>
      </c>
      <c r="Y4501" s="2">
        <v>16.7</v>
      </c>
      <c r="Z4501" s="5"/>
      <c r="AA4501" s="5" t="s">
        <v>43</v>
      </c>
      <c r="AB4501" s="5" t="s">
        <v>44</v>
      </c>
      <c r="AC4501" s="2"/>
      <c r="AD4501" s="1"/>
    </row>
    <row r="4502" spans="1:30">
      <c r="A4502" s="5" t="s">
        <v>83578</v>
      </c>
      <c r="B4502" s="2" t="s">
        <v>97108</v>
      </c>
      <c r="C4502" s="14" t="s">
        <v>97109</v>
      </c>
      <c r="D4502" s="2" t="s">
        <v>97110</v>
      </c>
      <c r="E4502" s="2" t="s">
        <v>36321</v>
      </c>
      <c r="F4502" s="8">
        <v>333</v>
      </c>
      <c r="G4502" s="5">
        <v>6</v>
      </c>
      <c r="H4502" s="5" t="s">
        <v>1518</v>
      </c>
      <c r="I4502" s="5" t="s">
        <v>36264</v>
      </c>
      <c r="J4502" s="2" t="s">
        <v>36265</v>
      </c>
      <c r="K4502" s="5" t="s">
        <v>36264</v>
      </c>
      <c r="L4502" s="2" t="s">
        <v>36265</v>
      </c>
      <c r="M4502" s="5" t="s">
        <v>36266</v>
      </c>
      <c r="N4502" s="5" t="s">
        <v>38</v>
      </c>
      <c r="O4502" s="5" t="s">
        <v>39</v>
      </c>
      <c r="P4502" s="5" t="s">
        <v>40</v>
      </c>
      <c r="Q4502" s="5" t="s">
        <v>1522</v>
      </c>
      <c r="R4502" s="5" t="s">
        <v>1523</v>
      </c>
      <c r="S4502" s="5" t="s">
        <v>42</v>
      </c>
      <c r="T4502" s="2">
        <v>3.488</v>
      </c>
      <c r="U4502" s="2">
        <v>2.72</v>
      </c>
      <c r="V4502" s="2">
        <v>2.1000000000000001E-2</v>
      </c>
      <c r="W4502" s="2">
        <v>165.1</v>
      </c>
      <c r="X4502" s="2">
        <v>7.6</v>
      </c>
      <c r="Y4502" s="2">
        <v>16.7</v>
      </c>
      <c r="Z4502" s="5"/>
      <c r="AA4502" s="5" t="s">
        <v>43</v>
      </c>
      <c r="AB4502" s="5" t="s">
        <v>44</v>
      </c>
      <c r="AC4502" s="2"/>
      <c r="AD4502" s="1"/>
    </row>
    <row r="4503" spans="1:30">
      <c r="A4503" s="5" t="s">
        <v>83578</v>
      </c>
      <c r="B4503" s="2" t="s">
        <v>97111</v>
      </c>
      <c r="C4503" s="14" t="s">
        <v>97112</v>
      </c>
      <c r="D4503" s="2" t="s">
        <v>97113</v>
      </c>
      <c r="E4503" s="2" t="s">
        <v>36325</v>
      </c>
      <c r="F4503" s="8">
        <v>333</v>
      </c>
      <c r="G4503" s="5">
        <v>6</v>
      </c>
      <c r="H4503" s="5" t="s">
        <v>1518</v>
      </c>
      <c r="I4503" s="5" t="s">
        <v>36264</v>
      </c>
      <c r="J4503" s="2" t="s">
        <v>36265</v>
      </c>
      <c r="K4503" s="5" t="s">
        <v>36264</v>
      </c>
      <c r="L4503" s="2" t="s">
        <v>36265</v>
      </c>
      <c r="M4503" s="5" t="s">
        <v>36266</v>
      </c>
      <c r="N4503" s="5" t="s">
        <v>38</v>
      </c>
      <c r="O4503" s="5" t="s">
        <v>39</v>
      </c>
      <c r="P4503" s="5" t="s">
        <v>40</v>
      </c>
      <c r="Q4503" s="5" t="s">
        <v>1522</v>
      </c>
      <c r="R4503" s="5" t="s">
        <v>1523</v>
      </c>
      <c r="S4503" s="5" t="s">
        <v>42</v>
      </c>
      <c r="T4503" s="2">
        <v>3.605</v>
      </c>
      <c r="U4503" s="2">
        <v>2.8370000000000002</v>
      </c>
      <c r="V4503" s="2">
        <v>2.1000000000000001E-2</v>
      </c>
      <c r="W4503" s="2">
        <v>165.1</v>
      </c>
      <c r="X4503" s="2">
        <v>7.6</v>
      </c>
      <c r="Y4503" s="2">
        <v>16.7</v>
      </c>
      <c r="Z4503" s="5"/>
      <c r="AA4503" s="5" t="s">
        <v>43</v>
      </c>
      <c r="AB4503" s="5" t="s">
        <v>44</v>
      </c>
      <c r="AC4503" s="2"/>
      <c r="AD4503" s="1"/>
    </row>
    <row r="4504" spans="1:30">
      <c r="A4504" s="5" t="s">
        <v>83578</v>
      </c>
      <c r="B4504" s="2" t="s">
        <v>97114</v>
      </c>
      <c r="C4504" s="14" t="s">
        <v>97115</v>
      </c>
      <c r="D4504" s="2" t="s">
        <v>97116</v>
      </c>
      <c r="E4504" s="2" t="s">
        <v>36329</v>
      </c>
      <c r="F4504" s="8">
        <v>333</v>
      </c>
      <c r="G4504" s="5">
        <v>6</v>
      </c>
      <c r="H4504" s="5" t="s">
        <v>1518</v>
      </c>
      <c r="I4504" s="5" t="s">
        <v>36264</v>
      </c>
      <c r="J4504" s="2" t="s">
        <v>36265</v>
      </c>
      <c r="K4504" s="5" t="s">
        <v>36264</v>
      </c>
      <c r="L4504" s="2" t="s">
        <v>36265</v>
      </c>
      <c r="M4504" s="5" t="s">
        <v>36266</v>
      </c>
      <c r="N4504" s="5" t="s">
        <v>38</v>
      </c>
      <c r="O4504" s="5" t="s">
        <v>39</v>
      </c>
      <c r="P4504" s="5" t="s">
        <v>40</v>
      </c>
      <c r="Q4504" s="5" t="s">
        <v>1522</v>
      </c>
      <c r="R4504" s="5" t="s">
        <v>1523</v>
      </c>
      <c r="S4504" s="5" t="s">
        <v>42</v>
      </c>
      <c r="T4504" s="2">
        <v>3.488</v>
      </c>
      <c r="U4504" s="2">
        <v>2.72</v>
      </c>
      <c r="V4504" s="2">
        <v>2.1000000000000001E-2</v>
      </c>
      <c r="W4504" s="2">
        <v>165.1</v>
      </c>
      <c r="X4504" s="2">
        <v>7.6</v>
      </c>
      <c r="Y4504" s="2">
        <v>16.7</v>
      </c>
      <c r="Z4504" s="5"/>
      <c r="AA4504" s="5" t="s">
        <v>43</v>
      </c>
      <c r="AB4504" s="5" t="s">
        <v>44</v>
      </c>
      <c r="AC4504" s="2"/>
      <c r="AD4504" s="1"/>
    </row>
    <row r="4505" spans="1:30">
      <c r="A4505" s="5" t="s">
        <v>83578</v>
      </c>
      <c r="B4505" s="2" t="s">
        <v>97117</v>
      </c>
      <c r="C4505" s="14" t="s">
        <v>97118</v>
      </c>
      <c r="D4505" s="2" t="s">
        <v>97119</v>
      </c>
      <c r="E4505" s="2" t="s">
        <v>36337</v>
      </c>
      <c r="F4505" s="8">
        <v>333</v>
      </c>
      <c r="G4505" s="5">
        <v>6</v>
      </c>
      <c r="H4505" s="5" t="s">
        <v>1518</v>
      </c>
      <c r="I4505" s="5" t="s">
        <v>36264</v>
      </c>
      <c r="J4505" s="2" t="s">
        <v>36265</v>
      </c>
      <c r="K4505" s="5" t="s">
        <v>36264</v>
      </c>
      <c r="L4505" s="2" t="s">
        <v>36265</v>
      </c>
      <c r="M4505" s="5" t="s">
        <v>36266</v>
      </c>
      <c r="N4505" s="5" t="s">
        <v>38</v>
      </c>
      <c r="O4505" s="5" t="s">
        <v>39</v>
      </c>
      <c r="P4505" s="5" t="s">
        <v>40</v>
      </c>
      <c r="Q4505" s="5" t="s">
        <v>1522</v>
      </c>
      <c r="R4505" s="5" t="s">
        <v>1523</v>
      </c>
      <c r="S4505" s="5" t="s">
        <v>42</v>
      </c>
      <c r="T4505" s="2">
        <v>3.488</v>
      </c>
      <c r="U4505" s="2">
        <v>2.72</v>
      </c>
      <c r="V4505" s="2">
        <v>2.1000000000000001E-2</v>
      </c>
      <c r="W4505" s="2">
        <v>165.1</v>
      </c>
      <c r="X4505" s="2">
        <v>7.6</v>
      </c>
      <c r="Y4505" s="2">
        <v>16.7</v>
      </c>
      <c r="Z4505" s="5"/>
      <c r="AA4505" s="5" t="s">
        <v>43</v>
      </c>
      <c r="AB4505" s="5" t="s">
        <v>44</v>
      </c>
      <c r="AC4505" s="2"/>
      <c r="AD4505" s="1"/>
    </row>
    <row r="4506" spans="1:30">
      <c r="A4506" s="5" t="s">
        <v>83578</v>
      </c>
      <c r="B4506" s="2" t="s">
        <v>97120</v>
      </c>
      <c r="C4506" s="14" t="s">
        <v>97121</v>
      </c>
      <c r="D4506" s="2" t="s">
        <v>97122</v>
      </c>
      <c r="E4506" s="2" t="s">
        <v>36341</v>
      </c>
      <c r="F4506" s="8">
        <v>333</v>
      </c>
      <c r="G4506" s="5">
        <v>6</v>
      </c>
      <c r="H4506" s="5" t="s">
        <v>1518</v>
      </c>
      <c r="I4506" s="5" t="s">
        <v>36264</v>
      </c>
      <c r="J4506" s="2" t="s">
        <v>36265</v>
      </c>
      <c r="K4506" s="5" t="s">
        <v>36264</v>
      </c>
      <c r="L4506" s="2" t="s">
        <v>36265</v>
      </c>
      <c r="M4506" s="5" t="s">
        <v>36266</v>
      </c>
      <c r="N4506" s="5" t="s">
        <v>38</v>
      </c>
      <c r="O4506" s="5" t="s">
        <v>39</v>
      </c>
      <c r="P4506" s="5" t="s">
        <v>40</v>
      </c>
      <c r="Q4506" s="5" t="s">
        <v>1522</v>
      </c>
      <c r="R4506" s="5" t="s">
        <v>1523</v>
      </c>
      <c r="S4506" s="5" t="s">
        <v>42</v>
      </c>
      <c r="T4506" s="2">
        <v>3.605</v>
      </c>
      <c r="U4506" s="2">
        <v>2.8370000000000002</v>
      </c>
      <c r="V4506" s="2">
        <v>2.1000000000000001E-2</v>
      </c>
      <c r="W4506" s="2">
        <v>165.1</v>
      </c>
      <c r="X4506" s="2">
        <v>7.6</v>
      </c>
      <c r="Y4506" s="2">
        <v>16.7</v>
      </c>
      <c r="Z4506" s="5"/>
      <c r="AA4506" s="5" t="s">
        <v>43</v>
      </c>
      <c r="AB4506" s="5" t="s">
        <v>44</v>
      </c>
      <c r="AC4506" s="2"/>
      <c r="AD4506" s="1"/>
    </row>
    <row r="4507" spans="1:30">
      <c r="A4507" s="5" t="s">
        <v>83578</v>
      </c>
      <c r="B4507" s="2" t="s">
        <v>97123</v>
      </c>
      <c r="C4507" s="14" t="s">
        <v>97124</v>
      </c>
      <c r="D4507" s="2" t="s">
        <v>97125</v>
      </c>
      <c r="E4507" s="2" t="s">
        <v>36345</v>
      </c>
      <c r="F4507" s="8">
        <v>333</v>
      </c>
      <c r="G4507" s="5">
        <v>6</v>
      </c>
      <c r="H4507" s="5" t="s">
        <v>1518</v>
      </c>
      <c r="I4507" s="5" t="s">
        <v>36264</v>
      </c>
      <c r="J4507" s="2" t="s">
        <v>36265</v>
      </c>
      <c r="K4507" s="5" t="s">
        <v>36264</v>
      </c>
      <c r="L4507" s="2" t="s">
        <v>36265</v>
      </c>
      <c r="M4507" s="5" t="s">
        <v>36266</v>
      </c>
      <c r="N4507" s="5" t="s">
        <v>38</v>
      </c>
      <c r="O4507" s="5" t="s">
        <v>39</v>
      </c>
      <c r="P4507" s="5" t="s">
        <v>40</v>
      </c>
      <c r="Q4507" s="5" t="s">
        <v>1522</v>
      </c>
      <c r="R4507" s="5" t="s">
        <v>1523</v>
      </c>
      <c r="S4507" s="5" t="s">
        <v>42</v>
      </c>
      <c r="T4507" s="2">
        <v>3.488</v>
      </c>
      <c r="U4507" s="2">
        <v>2.72</v>
      </c>
      <c r="V4507" s="2">
        <v>2.1000000000000001E-2</v>
      </c>
      <c r="W4507" s="2">
        <v>165.1</v>
      </c>
      <c r="X4507" s="2">
        <v>7.6</v>
      </c>
      <c r="Y4507" s="2">
        <v>16.7</v>
      </c>
      <c r="Z4507" s="5"/>
      <c r="AA4507" s="5" t="s">
        <v>43</v>
      </c>
      <c r="AB4507" s="5" t="s">
        <v>44</v>
      </c>
      <c r="AC4507" s="2"/>
      <c r="AD4507" s="1"/>
    </row>
    <row r="4508" spans="1:30">
      <c r="A4508" s="5" t="s">
        <v>83578</v>
      </c>
      <c r="B4508" s="2" t="s">
        <v>97126</v>
      </c>
      <c r="C4508" s="14" t="s">
        <v>97127</v>
      </c>
      <c r="D4508" s="2" t="s">
        <v>97128</v>
      </c>
      <c r="E4508" s="2" t="s">
        <v>36353</v>
      </c>
      <c r="F4508" s="8">
        <v>333</v>
      </c>
      <c r="G4508" s="5">
        <v>6</v>
      </c>
      <c r="H4508" s="5" t="s">
        <v>1518</v>
      </c>
      <c r="I4508" s="5" t="s">
        <v>36264</v>
      </c>
      <c r="J4508" s="2" t="s">
        <v>36265</v>
      </c>
      <c r="K4508" s="5" t="s">
        <v>36264</v>
      </c>
      <c r="L4508" s="2" t="s">
        <v>36265</v>
      </c>
      <c r="M4508" s="5" t="s">
        <v>36266</v>
      </c>
      <c r="N4508" s="5" t="s">
        <v>38</v>
      </c>
      <c r="O4508" s="5" t="s">
        <v>39</v>
      </c>
      <c r="P4508" s="5" t="s">
        <v>40</v>
      </c>
      <c r="Q4508" s="5" t="s">
        <v>1522</v>
      </c>
      <c r="R4508" s="5" t="s">
        <v>1523</v>
      </c>
      <c r="S4508" s="5" t="s">
        <v>42</v>
      </c>
      <c r="T4508" s="2">
        <v>3.488</v>
      </c>
      <c r="U4508" s="2">
        <v>2.72</v>
      </c>
      <c r="V4508" s="2">
        <v>2.1000000000000001E-2</v>
      </c>
      <c r="W4508" s="2">
        <v>165.1</v>
      </c>
      <c r="X4508" s="2">
        <v>7.6</v>
      </c>
      <c r="Y4508" s="2">
        <v>16.7</v>
      </c>
      <c r="Z4508" s="5"/>
      <c r="AA4508" s="5" t="s">
        <v>43</v>
      </c>
      <c r="AB4508" s="5" t="s">
        <v>44</v>
      </c>
      <c r="AC4508" s="2"/>
      <c r="AD4508" s="1"/>
    </row>
    <row r="4509" spans="1:30">
      <c r="A4509" s="5" t="s">
        <v>83578</v>
      </c>
      <c r="B4509" s="2" t="s">
        <v>97129</v>
      </c>
      <c r="C4509" s="14" t="s">
        <v>97130</v>
      </c>
      <c r="D4509" s="2" t="s">
        <v>97131</v>
      </c>
      <c r="E4509" s="2" t="s">
        <v>36357</v>
      </c>
      <c r="F4509" s="8">
        <v>333</v>
      </c>
      <c r="G4509" s="5">
        <v>6</v>
      </c>
      <c r="H4509" s="5" t="s">
        <v>1518</v>
      </c>
      <c r="I4509" s="5" t="s">
        <v>36264</v>
      </c>
      <c r="J4509" s="2" t="s">
        <v>36265</v>
      </c>
      <c r="K4509" s="5" t="s">
        <v>36264</v>
      </c>
      <c r="L4509" s="2" t="s">
        <v>36265</v>
      </c>
      <c r="M4509" s="5" t="s">
        <v>36266</v>
      </c>
      <c r="N4509" s="5" t="s">
        <v>38</v>
      </c>
      <c r="O4509" s="5" t="s">
        <v>39</v>
      </c>
      <c r="P4509" s="5" t="s">
        <v>40</v>
      </c>
      <c r="Q4509" s="5" t="s">
        <v>1522</v>
      </c>
      <c r="R4509" s="5" t="s">
        <v>1523</v>
      </c>
      <c r="S4509" s="5" t="s">
        <v>42</v>
      </c>
      <c r="T4509" s="2">
        <v>3.605</v>
      </c>
      <c r="U4509" s="2">
        <v>2.8370000000000002</v>
      </c>
      <c r="V4509" s="2">
        <v>2.1000000000000001E-2</v>
      </c>
      <c r="W4509" s="2">
        <v>165.1</v>
      </c>
      <c r="X4509" s="2">
        <v>7.6</v>
      </c>
      <c r="Y4509" s="2">
        <v>16.7</v>
      </c>
      <c r="Z4509" s="5"/>
      <c r="AA4509" s="5" t="s">
        <v>43</v>
      </c>
      <c r="AB4509" s="5" t="s">
        <v>44</v>
      </c>
      <c r="AC4509" s="2"/>
      <c r="AD4509" s="1"/>
    </row>
    <row r="4510" spans="1:30">
      <c r="A4510" s="5" t="s">
        <v>83578</v>
      </c>
      <c r="B4510" s="2" t="s">
        <v>97132</v>
      </c>
      <c r="C4510" s="14" t="s">
        <v>97133</v>
      </c>
      <c r="D4510" s="2" t="s">
        <v>97134</v>
      </c>
      <c r="E4510" s="2" t="s">
        <v>45598</v>
      </c>
      <c r="F4510" s="8">
        <v>333</v>
      </c>
      <c r="G4510" s="5">
        <v>6</v>
      </c>
      <c r="H4510" s="5" t="s">
        <v>1518</v>
      </c>
      <c r="I4510" s="5" t="s">
        <v>36264</v>
      </c>
      <c r="J4510" s="2" t="s">
        <v>36265</v>
      </c>
      <c r="K4510" s="5" t="s">
        <v>36264</v>
      </c>
      <c r="L4510" s="2" t="s">
        <v>36265</v>
      </c>
      <c r="M4510" s="5" t="s">
        <v>36266</v>
      </c>
      <c r="N4510" s="5" t="s">
        <v>38</v>
      </c>
      <c r="O4510" s="5" t="s">
        <v>39</v>
      </c>
      <c r="P4510" s="5" t="s">
        <v>40</v>
      </c>
      <c r="Q4510" s="5" t="s">
        <v>1522</v>
      </c>
      <c r="R4510" s="5" t="s">
        <v>1523</v>
      </c>
      <c r="S4510" s="5" t="s">
        <v>42</v>
      </c>
      <c r="T4510" s="2">
        <v>3.488</v>
      </c>
      <c r="U4510" s="2">
        <v>2.72</v>
      </c>
      <c r="V4510" s="2">
        <v>2.1000000000000001E-2</v>
      </c>
      <c r="W4510" s="2">
        <v>165.1</v>
      </c>
      <c r="X4510" s="2">
        <v>7.6</v>
      </c>
      <c r="Y4510" s="2">
        <v>16.7</v>
      </c>
      <c r="Z4510" s="5"/>
      <c r="AA4510" s="5" t="s">
        <v>43</v>
      </c>
      <c r="AB4510" s="5" t="s">
        <v>44</v>
      </c>
      <c r="AC4510" s="2"/>
      <c r="AD4510" s="1"/>
    </row>
    <row r="4511" spans="1:30">
      <c r="A4511" s="5" t="s">
        <v>83578</v>
      </c>
      <c r="B4511" s="2" t="s">
        <v>97135</v>
      </c>
      <c r="C4511" s="14" t="s">
        <v>97136</v>
      </c>
      <c r="D4511" s="2" t="s">
        <v>97137</v>
      </c>
      <c r="E4511" s="2" t="s">
        <v>45534</v>
      </c>
      <c r="F4511" s="8">
        <v>333</v>
      </c>
      <c r="G4511" s="5">
        <v>6</v>
      </c>
      <c r="H4511" s="5" t="s">
        <v>1518</v>
      </c>
      <c r="I4511" s="5" t="s">
        <v>36264</v>
      </c>
      <c r="J4511" s="2" t="s">
        <v>36265</v>
      </c>
      <c r="K4511" s="5" t="s">
        <v>36264</v>
      </c>
      <c r="L4511" s="2" t="s">
        <v>36265</v>
      </c>
      <c r="M4511" s="5" t="s">
        <v>36266</v>
      </c>
      <c r="N4511" s="5" t="s">
        <v>38</v>
      </c>
      <c r="O4511" s="5" t="s">
        <v>39</v>
      </c>
      <c r="P4511" s="5" t="s">
        <v>40</v>
      </c>
      <c r="Q4511" s="5" t="s">
        <v>1522</v>
      </c>
      <c r="R4511" s="5" t="s">
        <v>1523</v>
      </c>
      <c r="S4511" s="5" t="s">
        <v>42</v>
      </c>
      <c r="T4511" s="2">
        <v>3.605</v>
      </c>
      <c r="U4511" s="2">
        <v>2.8370000000000002</v>
      </c>
      <c r="V4511" s="2">
        <v>2.1000000000000001E-2</v>
      </c>
      <c r="W4511" s="2">
        <v>165.1</v>
      </c>
      <c r="X4511" s="2">
        <v>7.6</v>
      </c>
      <c r="Y4511" s="2">
        <v>16.7</v>
      </c>
      <c r="Z4511" s="5"/>
      <c r="AA4511" s="5" t="s">
        <v>43</v>
      </c>
      <c r="AB4511" s="5" t="s">
        <v>44</v>
      </c>
      <c r="AC4511" s="2"/>
      <c r="AD4511" s="1"/>
    </row>
    <row r="4512" spans="1:30">
      <c r="A4512" s="5" t="s">
        <v>83578</v>
      </c>
      <c r="B4512" s="2" t="s">
        <v>97138</v>
      </c>
      <c r="C4512" s="14" t="s">
        <v>97139</v>
      </c>
      <c r="D4512" s="2" t="s">
        <v>97140</v>
      </c>
      <c r="E4512" s="2" t="s">
        <v>36385</v>
      </c>
      <c r="F4512" s="8">
        <v>333</v>
      </c>
      <c r="G4512" s="5">
        <v>6</v>
      </c>
      <c r="H4512" s="5" t="s">
        <v>1518</v>
      </c>
      <c r="I4512" s="5" t="s">
        <v>36264</v>
      </c>
      <c r="J4512" s="2" t="s">
        <v>36265</v>
      </c>
      <c r="K4512" s="5" t="s">
        <v>36264</v>
      </c>
      <c r="L4512" s="2" t="s">
        <v>36265</v>
      </c>
      <c r="M4512" s="5" t="s">
        <v>36266</v>
      </c>
      <c r="N4512" s="5" t="s">
        <v>38</v>
      </c>
      <c r="O4512" s="5" t="s">
        <v>39</v>
      </c>
      <c r="P4512" s="5" t="s">
        <v>40</v>
      </c>
      <c r="Q4512" s="5" t="s">
        <v>1522</v>
      </c>
      <c r="R4512" s="5" t="s">
        <v>1523</v>
      </c>
      <c r="S4512" s="5" t="s">
        <v>42</v>
      </c>
      <c r="T4512" s="2">
        <v>3.488</v>
      </c>
      <c r="U4512" s="2">
        <v>2.72</v>
      </c>
      <c r="V4512" s="2">
        <v>2.1000000000000001E-2</v>
      </c>
      <c r="W4512" s="2">
        <v>165.1</v>
      </c>
      <c r="X4512" s="2">
        <v>7.6</v>
      </c>
      <c r="Y4512" s="2">
        <v>16.7</v>
      </c>
      <c r="Z4512" s="5"/>
      <c r="AA4512" s="5" t="s">
        <v>43</v>
      </c>
      <c r="AB4512" s="5" t="s">
        <v>44</v>
      </c>
      <c r="AC4512" s="2"/>
      <c r="AD4512" s="1"/>
    </row>
    <row r="4513" spans="1:30">
      <c r="A4513" s="5" t="s">
        <v>83578</v>
      </c>
      <c r="B4513" s="2" t="s">
        <v>97141</v>
      </c>
      <c r="C4513" s="14" t="s">
        <v>97142</v>
      </c>
      <c r="D4513" s="2" t="s">
        <v>97143</v>
      </c>
      <c r="E4513" s="2" t="s">
        <v>36281</v>
      </c>
      <c r="F4513" s="8">
        <v>314</v>
      </c>
      <c r="G4513" s="5">
        <v>6</v>
      </c>
      <c r="H4513" s="5" t="s">
        <v>1518</v>
      </c>
      <c r="I4513" s="5" t="s">
        <v>36264</v>
      </c>
      <c r="J4513" s="2" t="s">
        <v>36265</v>
      </c>
      <c r="K4513" s="5" t="s">
        <v>36264</v>
      </c>
      <c r="L4513" s="2" t="s">
        <v>36265</v>
      </c>
      <c r="M4513" s="5" t="s">
        <v>36266</v>
      </c>
      <c r="N4513" s="5" t="s">
        <v>38</v>
      </c>
      <c r="O4513" s="5" t="s">
        <v>39</v>
      </c>
      <c r="P4513" s="5" t="s">
        <v>40</v>
      </c>
      <c r="Q4513" s="5" t="s">
        <v>1522</v>
      </c>
      <c r="R4513" s="5" t="s">
        <v>1523</v>
      </c>
      <c r="S4513" s="5" t="s">
        <v>42</v>
      </c>
      <c r="T4513" s="2">
        <v>2.794</v>
      </c>
      <c r="U4513" s="2">
        <v>2.2589999999999999</v>
      </c>
      <c r="V4513" s="2">
        <v>1.4999999999999999E-2</v>
      </c>
      <c r="W4513" s="2">
        <v>118.9</v>
      </c>
      <c r="X4513" s="2">
        <v>7.6</v>
      </c>
      <c r="Y4513" s="2">
        <v>16.7</v>
      </c>
      <c r="Z4513" s="5"/>
      <c r="AA4513" s="5" t="s">
        <v>43</v>
      </c>
      <c r="AB4513" s="5" t="s">
        <v>44</v>
      </c>
      <c r="AC4513" s="2"/>
      <c r="AD4513" s="1"/>
    </row>
    <row r="4514" spans="1:30">
      <c r="A4514" s="5" t="s">
        <v>83578</v>
      </c>
      <c r="B4514" s="2" t="s">
        <v>97144</v>
      </c>
      <c r="C4514" s="14" t="s">
        <v>97145</v>
      </c>
      <c r="D4514" s="2" t="s">
        <v>97146</v>
      </c>
      <c r="E4514" s="2" t="s">
        <v>36285</v>
      </c>
      <c r="F4514" s="8">
        <v>314</v>
      </c>
      <c r="G4514" s="5">
        <v>6</v>
      </c>
      <c r="H4514" s="5" t="s">
        <v>1518</v>
      </c>
      <c r="I4514" s="5" t="s">
        <v>36264</v>
      </c>
      <c r="J4514" s="2" t="s">
        <v>36265</v>
      </c>
      <c r="K4514" s="5" t="s">
        <v>36264</v>
      </c>
      <c r="L4514" s="2" t="s">
        <v>36265</v>
      </c>
      <c r="M4514" s="5" t="s">
        <v>36266</v>
      </c>
      <c r="N4514" s="5" t="s">
        <v>38</v>
      </c>
      <c r="O4514" s="5" t="s">
        <v>39</v>
      </c>
      <c r="P4514" s="5" t="s">
        <v>40</v>
      </c>
      <c r="Q4514" s="5" t="s">
        <v>1522</v>
      </c>
      <c r="R4514" s="5" t="s">
        <v>1523</v>
      </c>
      <c r="S4514" s="5" t="s">
        <v>42</v>
      </c>
      <c r="T4514" s="2">
        <v>2.8690000000000002</v>
      </c>
      <c r="U4514" s="2">
        <v>2.3340000000000001</v>
      </c>
      <c r="V4514" s="2">
        <v>1.4999999999999999E-2</v>
      </c>
      <c r="W4514" s="2">
        <v>118.9</v>
      </c>
      <c r="X4514" s="2">
        <v>7.6</v>
      </c>
      <c r="Y4514" s="2">
        <v>16.7</v>
      </c>
      <c r="Z4514" s="5"/>
      <c r="AA4514" s="5" t="s">
        <v>43</v>
      </c>
      <c r="AB4514" s="5" t="s">
        <v>44</v>
      </c>
      <c r="AC4514" s="2"/>
      <c r="AD4514" s="1"/>
    </row>
    <row r="4515" spans="1:30">
      <c r="A4515" s="5" t="s">
        <v>83578</v>
      </c>
      <c r="B4515" s="2" t="s">
        <v>97147</v>
      </c>
      <c r="C4515" s="14" t="s">
        <v>97148</v>
      </c>
      <c r="D4515" s="2" t="s">
        <v>97149</v>
      </c>
      <c r="E4515" s="2" t="s">
        <v>36313</v>
      </c>
      <c r="F4515" s="8">
        <v>314</v>
      </c>
      <c r="G4515" s="5">
        <v>6</v>
      </c>
      <c r="H4515" s="5" t="s">
        <v>1518</v>
      </c>
      <c r="I4515" s="5" t="s">
        <v>36264</v>
      </c>
      <c r="J4515" s="2" t="s">
        <v>36265</v>
      </c>
      <c r="K4515" s="5" t="s">
        <v>36264</v>
      </c>
      <c r="L4515" s="2" t="s">
        <v>36265</v>
      </c>
      <c r="M4515" s="5" t="s">
        <v>36266</v>
      </c>
      <c r="N4515" s="5" t="s">
        <v>38</v>
      </c>
      <c r="O4515" s="5" t="s">
        <v>39</v>
      </c>
      <c r="P4515" s="5" t="s">
        <v>40</v>
      </c>
      <c r="Q4515" s="5" t="s">
        <v>1522</v>
      </c>
      <c r="R4515" s="5" t="s">
        <v>1523</v>
      </c>
      <c r="S4515" s="5" t="s">
        <v>42</v>
      </c>
      <c r="T4515" s="2">
        <v>2.794</v>
      </c>
      <c r="U4515" s="2">
        <v>2.2589999999999999</v>
      </c>
      <c r="V4515" s="2">
        <v>1.4999999999999999E-2</v>
      </c>
      <c r="W4515" s="2">
        <v>118.9</v>
      </c>
      <c r="X4515" s="2">
        <v>7.6</v>
      </c>
      <c r="Y4515" s="2">
        <v>16.7</v>
      </c>
      <c r="Z4515" s="5"/>
      <c r="AA4515" s="5" t="s">
        <v>43</v>
      </c>
      <c r="AB4515" s="5" t="s">
        <v>44</v>
      </c>
      <c r="AC4515" s="2"/>
      <c r="AD4515" s="1"/>
    </row>
    <row r="4516" spans="1:30">
      <c r="A4516" s="5" t="s">
        <v>83578</v>
      </c>
      <c r="B4516" s="2" t="s">
        <v>97150</v>
      </c>
      <c r="C4516" s="14" t="s">
        <v>97151</v>
      </c>
      <c r="D4516" s="2" t="s">
        <v>97152</v>
      </c>
      <c r="E4516" s="2" t="s">
        <v>36321</v>
      </c>
      <c r="F4516" s="8">
        <v>314</v>
      </c>
      <c r="G4516" s="5">
        <v>6</v>
      </c>
      <c r="H4516" s="5" t="s">
        <v>1518</v>
      </c>
      <c r="I4516" s="5" t="s">
        <v>36264</v>
      </c>
      <c r="J4516" s="2" t="s">
        <v>36265</v>
      </c>
      <c r="K4516" s="5" t="s">
        <v>36264</v>
      </c>
      <c r="L4516" s="2" t="s">
        <v>36265</v>
      </c>
      <c r="M4516" s="5" t="s">
        <v>36266</v>
      </c>
      <c r="N4516" s="5" t="s">
        <v>38</v>
      </c>
      <c r="O4516" s="5" t="s">
        <v>39</v>
      </c>
      <c r="P4516" s="5" t="s">
        <v>40</v>
      </c>
      <c r="Q4516" s="5" t="s">
        <v>1522</v>
      </c>
      <c r="R4516" s="5" t="s">
        <v>1523</v>
      </c>
      <c r="S4516" s="5" t="s">
        <v>42</v>
      </c>
      <c r="T4516" s="2">
        <v>2.794</v>
      </c>
      <c r="U4516" s="2">
        <v>2.2589999999999999</v>
      </c>
      <c r="V4516" s="2">
        <v>1.4999999999999999E-2</v>
      </c>
      <c r="W4516" s="2">
        <v>118.9</v>
      </c>
      <c r="X4516" s="2">
        <v>7.6</v>
      </c>
      <c r="Y4516" s="2">
        <v>16.7</v>
      </c>
      <c r="Z4516" s="5"/>
      <c r="AA4516" s="5" t="s">
        <v>43</v>
      </c>
      <c r="AB4516" s="5" t="s">
        <v>44</v>
      </c>
      <c r="AC4516" s="2"/>
      <c r="AD4516" s="1"/>
    </row>
    <row r="4517" spans="1:30">
      <c r="A4517" s="5" t="s">
        <v>83578</v>
      </c>
      <c r="B4517" s="2" t="s">
        <v>97153</v>
      </c>
      <c r="C4517" s="14" t="s">
        <v>97154</v>
      </c>
      <c r="D4517" s="2" t="s">
        <v>97155</v>
      </c>
      <c r="E4517" s="2" t="s">
        <v>36337</v>
      </c>
      <c r="F4517" s="8">
        <v>314</v>
      </c>
      <c r="G4517" s="5">
        <v>6</v>
      </c>
      <c r="H4517" s="5" t="s">
        <v>1518</v>
      </c>
      <c r="I4517" s="5" t="s">
        <v>36264</v>
      </c>
      <c r="J4517" s="2" t="s">
        <v>36265</v>
      </c>
      <c r="K4517" s="5" t="s">
        <v>36264</v>
      </c>
      <c r="L4517" s="2" t="s">
        <v>36265</v>
      </c>
      <c r="M4517" s="5" t="s">
        <v>36266</v>
      </c>
      <c r="N4517" s="5" t="s">
        <v>38</v>
      </c>
      <c r="O4517" s="5" t="s">
        <v>39</v>
      </c>
      <c r="P4517" s="5" t="s">
        <v>40</v>
      </c>
      <c r="Q4517" s="5" t="s">
        <v>1522</v>
      </c>
      <c r="R4517" s="5" t="s">
        <v>1523</v>
      </c>
      <c r="S4517" s="5" t="s">
        <v>42</v>
      </c>
      <c r="T4517" s="2">
        <v>2.794</v>
      </c>
      <c r="U4517" s="2">
        <v>2.2589999999999999</v>
      </c>
      <c r="V4517" s="2">
        <v>1.4999999999999999E-2</v>
      </c>
      <c r="W4517" s="2">
        <v>118.9</v>
      </c>
      <c r="X4517" s="2">
        <v>7.6</v>
      </c>
      <c r="Y4517" s="2">
        <v>16.7</v>
      </c>
      <c r="Z4517" s="5"/>
      <c r="AA4517" s="5" t="s">
        <v>43</v>
      </c>
      <c r="AB4517" s="5" t="s">
        <v>44</v>
      </c>
      <c r="AC4517" s="2"/>
      <c r="AD4517" s="1"/>
    </row>
    <row r="4518" spans="1:30">
      <c r="A4518" s="5" t="s">
        <v>83578</v>
      </c>
      <c r="B4518" s="2" t="s">
        <v>97156</v>
      </c>
      <c r="C4518" s="14" t="s">
        <v>97157</v>
      </c>
      <c r="D4518" s="2" t="s">
        <v>97158</v>
      </c>
      <c r="E4518" s="2" t="s">
        <v>36341</v>
      </c>
      <c r="F4518" s="8">
        <v>314</v>
      </c>
      <c r="G4518" s="5">
        <v>6</v>
      </c>
      <c r="H4518" s="5" t="s">
        <v>1518</v>
      </c>
      <c r="I4518" s="5" t="s">
        <v>36264</v>
      </c>
      <c r="J4518" s="2" t="s">
        <v>36265</v>
      </c>
      <c r="K4518" s="5" t="s">
        <v>36264</v>
      </c>
      <c r="L4518" s="2" t="s">
        <v>36265</v>
      </c>
      <c r="M4518" s="5" t="s">
        <v>36266</v>
      </c>
      <c r="N4518" s="5" t="s">
        <v>38</v>
      </c>
      <c r="O4518" s="5" t="s">
        <v>39</v>
      </c>
      <c r="P4518" s="5" t="s">
        <v>40</v>
      </c>
      <c r="Q4518" s="5" t="s">
        <v>1522</v>
      </c>
      <c r="R4518" s="5" t="s">
        <v>1523</v>
      </c>
      <c r="S4518" s="5" t="s">
        <v>42</v>
      </c>
      <c r="T4518" s="2">
        <v>2.8690000000000002</v>
      </c>
      <c r="U4518" s="2">
        <v>2.3340000000000001</v>
      </c>
      <c r="V4518" s="2">
        <v>1.4999999999999999E-2</v>
      </c>
      <c r="W4518" s="2">
        <v>118.9</v>
      </c>
      <c r="X4518" s="2">
        <v>7.6</v>
      </c>
      <c r="Y4518" s="2">
        <v>16.7</v>
      </c>
      <c r="Z4518" s="5"/>
      <c r="AA4518" s="5" t="s">
        <v>43</v>
      </c>
      <c r="AB4518" s="5" t="s">
        <v>44</v>
      </c>
      <c r="AC4518" s="2"/>
      <c r="AD4518" s="1"/>
    </row>
    <row r="4519" spans="1:30">
      <c r="A4519" s="5" t="s">
        <v>83578</v>
      </c>
      <c r="B4519" s="2" t="s">
        <v>97159</v>
      </c>
      <c r="C4519" s="14" t="s">
        <v>97160</v>
      </c>
      <c r="D4519" s="2" t="s">
        <v>97161</v>
      </c>
      <c r="E4519" s="2" t="s">
        <v>36345</v>
      </c>
      <c r="F4519" s="8">
        <v>314</v>
      </c>
      <c r="G4519" s="5">
        <v>6</v>
      </c>
      <c r="H4519" s="5" t="s">
        <v>1518</v>
      </c>
      <c r="I4519" s="5" t="s">
        <v>36264</v>
      </c>
      <c r="J4519" s="2" t="s">
        <v>36265</v>
      </c>
      <c r="K4519" s="5" t="s">
        <v>36264</v>
      </c>
      <c r="L4519" s="2" t="s">
        <v>36265</v>
      </c>
      <c r="M4519" s="5" t="s">
        <v>36266</v>
      </c>
      <c r="N4519" s="5" t="s">
        <v>38</v>
      </c>
      <c r="O4519" s="5" t="s">
        <v>39</v>
      </c>
      <c r="P4519" s="5" t="s">
        <v>40</v>
      </c>
      <c r="Q4519" s="5" t="s">
        <v>1522</v>
      </c>
      <c r="R4519" s="5" t="s">
        <v>1523</v>
      </c>
      <c r="S4519" s="5" t="s">
        <v>42</v>
      </c>
      <c r="T4519" s="2">
        <v>2.794</v>
      </c>
      <c r="U4519" s="2">
        <v>2.2589999999999999</v>
      </c>
      <c r="V4519" s="2">
        <v>1.4999999999999999E-2</v>
      </c>
      <c r="W4519" s="2">
        <v>118.9</v>
      </c>
      <c r="X4519" s="2">
        <v>7.6</v>
      </c>
      <c r="Y4519" s="2">
        <v>16.7</v>
      </c>
      <c r="Z4519" s="5"/>
      <c r="AA4519" s="5" t="s">
        <v>43</v>
      </c>
      <c r="AB4519" s="5" t="s">
        <v>44</v>
      </c>
      <c r="AC4519" s="2"/>
      <c r="AD4519" s="1"/>
    </row>
    <row r="4520" spans="1:30">
      <c r="A4520" s="5" t="s">
        <v>83578</v>
      </c>
      <c r="B4520" s="2" t="s">
        <v>97162</v>
      </c>
      <c r="C4520" s="14" t="s">
        <v>97163</v>
      </c>
      <c r="D4520" s="2" t="s">
        <v>97164</v>
      </c>
      <c r="E4520" s="2" t="s">
        <v>36353</v>
      </c>
      <c r="F4520" s="8">
        <v>314</v>
      </c>
      <c r="G4520" s="5">
        <v>6</v>
      </c>
      <c r="H4520" s="5" t="s">
        <v>1518</v>
      </c>
      <c r="I4520" s="5" t="s">
        <v>36264</v>
      </c>
      <c r="J4520" s="2" t="s">
        <v>36265</v>
      </c>
      <c r="K4520" s="5" t="s">
        <v>36264</v>
      </c>
      <c r="L4520" s="2" t="s">
        <v>36265</v>
      </c>
      <c r="M4520" s="5" t="s">
        <v>36266</v>
      </c>
      <c r="N4520" s="5" t="s">
        <v>38</v>
      </c>
      <c r="O4520" s="5" t="s">
        <v>39</v>
      </c>
      <c r="P4520" s="5" t="s">
        <v>40</v>
      </c>
      <c r="Q4520" s="5" t="s">
        <v>1522</v>
      </c>
      <c r="R4520" s="5" t="s">
        <v>1523</v>
      </c>
      <c r="S4520" s="5" t="s">
        <v>42</v>
      </c>
      <c r="T4520" s="2">
        <v>2.794</v>
      </c>
      <c r="U4520" s="2">
        <v>2.2589999999999999</v>
      </c>
      <c r="V4520" s="2">
        <v>1.4999999999999999E-2</v>
      </c>
      <c r="W4520" s="2">
        <v>118.9</v>
      </c>
      <c r="X4520" s="2">
        <v>7.6</v>
      </c>
      <c r="Y4520" s="2">
        <v>16.7</v>
      </c>
      <c r="Z4520" s="5"/>
      <c r="AA4520" s="5" t="s">
        <v>43</v>
      </c>
      <c r="AB4520" s="5" t="s">
        <v>44</v>
      </c>
      <c r="AC4520" s="2"/>
      <c r="AD4520" s="1"/>
    </row>
    <row r="4521" spans="1:30">
      <c r="A4521" s="5" t="s">
        <v>83578</v>
      </c>
      <c r="B4521" s="2" t="s">
        <v>97165</v>
      </c>
      <c r="C4521" s="14" t="s">
        <v>97166</v>
      </c>
      <c r="D4521" s="2" t="s">
        <v>97167</v>
      </c>
      <c r="E4521" s="2" t="s">
        <v>45598</v>
      </c>
      <c r="F4521" s="8">
        <v>314</v>
      </c>
      <c r="G4521" s="5">
        <v>6</v>
      </c>
      <c r="H4521" s="5" t="s">
        <v>1518</v>
      </c>
      <c r="I4521" s="5" t="s">
        <v>36264</v>
      </c>
      <c r="J4521" s="2" t="s">
        <v>36265</v>
      </c>
      <c r="K4521" s="5" t="s">
        <v>36264</v>
      </c>
      <c r="L4521" s="2" t="s">
        <v>36265</v>
      </c>
      <c r="M4521" s="5" t="s">
        <v>36266</v>
      </c>
      <c r="N4521" s="5" t="s">
        <v>38</v>
      </c>
      <c r="O4521" s="5" t="s">
        <v>39</v>
      </c>
      <c r="P4521" s="5" t="s">
        <v>40</v>
      </c>
      <c r="Q4521" s="5" t="s">
        <v>1522</v>
      </c>
      <c r="R4521" s="5" t="s">
        <v>1523</v>
      </c>
      <c r="S4521" s="5" t="s">
        <v>42</v>
      </c>
      <c r="T4521" s="2">
        <v>2.794</v>
      </c>
      <c r="U4521" s="2">
        <v>2.2589999999999999</v>
      </c>
      <c r="V4521" s="2">
        <v>1.4999999999999999E-2</v>
      </c>
      <c r="W4521" s="2">
        <v>118.9</v>
      </c>
      <c r="X4521" s="2">
        <v>7.6</v>
      </c>
      <c r="Y4521" s="2">
        <v>16.7</v>
      </c>
      <c r="Z4521" s="5"/>
      <c r="AA4521" s="5" t="s">
        <v>43</v>
      </c>
      <c r="AB4521" s="5" t="s">
        <v>44</v>
      </c>
      <c r="AC4521" s="2"/>
      <c r="AD4521" s="1"/>
    </row>
    <row r="4522" spans="1:30">
      <c r="A4522" s="5" t="s">
        <v>83578</v>
      </c>
      <c r="B4522" s="2" t="s">
        <v>97168</v>
      </c>
      <c r="C4522" s="14" t="s">
        <v>97169</v>
      </c>
      <c r="D4522" s="2" t="s">
        <v>97170</v>
      </c>
      <c r="E4522" s="2" t="s">
        <v>36385</v>
      </c>
      <c r="F4522" s="8">
        <v>314</v>
      </c>
      <c r="G4522" s="5">
        <v>6</v>
      </c>
      <c r="H4522" s="5" t="s">
        <v>1518</v>
      </c>
      <c r="I4522" s="5" t="s">
        <v>36264</v>
      </c>
      <c r="J4522" s="2" t="s">
        <v>36265</v>
      </c>
      <c r="K4522" s="5" t="s">
        <v>36264</v>
      </c>
      <c r="L4522" s="2" t="s">
        <v>36265</v>
      </c>
      <c r="M4522" s="5" t="s">
        <v>36266</v>
      </c>
      <c r="N4522" s="5" t="s">
        <v>38</v>
      </c>
      <c r="O4522" s="5" t="s">
        <v>39</v>
      </c>
      <c r="P4522" s="5" t="s">
        <v>40</v>
      </c>
      <c r="Q4522" s="5" t="s">
        <v>1522</v>
      </c>
      <c r="R4522" s="5" t="s">
        <v>1523</v>
      </c>
      <c r="S4522" s="5" t="s">
        <v>42</v>
      </c>
      <c r="T4522" s="2">
        <v>2.794</v>
      </c>
      <c r="U4522" s="2">
        <v>2.2589999999999999</v>
      </c>
      <c r="V4522" s="2">
        <v>1.4999999999999999E-2</v>
      </c>
      <c r="W4522" s="2">
        <v>118.9</v>
      </c>
      <c r="X4522" s="2">
        <v>7.6</v>
      </c>
      <c r="Y4522" s="2">
        <v>16.7</v>
      </c>
      <c r="Z4522" s="5"/>
      <c r="AA4522" s="5" t="s">
        <v>43</v>
      </c>
      <c r="AB4522" s="5" t="s">
        <v>44</v>
      </c>
      <c r="AC4522" s="2"/>
      <c r="AD4522" s="1"/>
    </row>
    <row r="4523" spans="1:30">
      <c r="A4523" s="5" t="s">
        <v>83578</v>
      </c>
      <c r="B4523" s="2" t="s">
        <v>97171</v>
      </c>
      <c r="C4523" s="14" t="s">
        <v>97172</v>
      </c>
      <c r="D4523" s="2" t="s">
        <v>97173</v>
      </c>
      <c r="E4523" s="2" t="s">
        <v>36281</v>
      </c>
      <c r="F4523" s="8">
        <v>314</v>
      </c>
      <c r="G4523" s="5">
        <v>6</v>
      </c>
      <c r="H4523" s="5" t="s">
        <v>1518</v>
      </c>
      <c r="I4523" s="5" t="s">
        <v>36264</v>
      </c>
      <c r="J4523" s="2" t="s">
        <v>36265</v>
      </c>
      <c r="K4523" s="5" t="s">
        <v>36264</v>
      </c>
      <c r="L4523" s="2" t="s">
        <v>36265</v>
      </c>
      <c r="M4523" s="5" t="s">
        <v>36266</v>
      </c>
      <c r="N4523" s="5" t="s">
        <v>38</v>
      </c>
      <c r="O4523" s="5" t="s">
        <v>39</v>
      </c>
      <c r="P4523" s="5" t="s">
        <v>40</v>
      </c>
      <c r="Q4523" s="5" t="s">
        <v>1522</v>
      </c>
      <c r="R4523" s="5" t="s">
        <v>1523</v>
      </c>
      <c r="S4523" s="5" t="s">
        <v>42</v>
      </c>
      <c r="T4523" s="2">
        <v>2.9590000000000001</v>
      </c>
      <c r="U4523" s="2">
        <v>2.4319999999999999</v>
      </c>
      <c r="V4523" s="2">
        <v>1.4999999999999999E-2</v>
      </c>
      <c r="W4523" s="2">
        <v>118.9</v>
      </c>
      <c r="X4523" s="2">
        <v>7.6</v>
      </c>
      <c r="Y4523" s="2">
        <v>16.7</v>
      </c>
      <c r="Z4523" s="5"/>
      <c r="AA4523" s="5" t="s">
        <v>43</v>
      </c>
      <c r="AB4523" s="5" t="s">
        <v>44</v>
      </c>
      <c r="AC4523" s="2"/>
      <c r="AD4523" s="1"/>
    </row>
    <row r="4524" spans="1:30">
      <c r="A4524" s="5" t="s">
        <v>83578</v>
      </c>
      <c r="B4524" s="2" t="s">
        <v>97174</v>
      </c>
      <c r="C4524" s="14" t="s">
        <v>97175</v>
      </c>
      <c r="D4524" s="2" t="s">
        <v>97176</v>
      </c>
      <c r="E4524" s="2" t="s">
        <v>36285</v>
      </c>
      <c r="F4524" s="8">
        <v>314</v>
      </c>
      <c r="G4524" s="5">
        <v>6</v>
      </c>
      <c r="H4524" s="5" t="s">
        <v>1518</v>
      </c>
      <c r="I4524" s="5" t="s">
        <v>36264</v>
      </c>
      <c r="J4524" s="2" t="s">
        <v>36265</v>
      </c>
      <c r="K4524" s="5" t="s">
        <v>36264</v>
      </c>
      <c r="L4524" s="2" t="s">
        <v>36265</v>
      </c>
      <c r="M4524" s="5" t="s">
        <v>36266</v>
      </c>
      <c r="N4524" s="5" t="s">
        <v>38</v>
      </c>
      <c r="O4524" s="5" t="s">
        <v>39</v>
      </c>
      <c r="P4524" s="5" t="s">
        <v>40</v>
      </c>
      <c r="Q4524" s="5" t="s">
        <v>1522</v>
      </c>
      <c r="R4524" s="5" t="s">
        <v>1523</v>
      </c>
      <c r="S4524" s="5" t="s">
        <v>42</v>
      </c>
      <c r="T4524" s="2">
        <v>3.0449999999999999</v>
      </c>
      <c r="U4524" s="2">
        <v>2.5179999999999998</v>
      </c>
      <c r="V4524" s="2">
        <v>1.4999999999999999E-2</v>
      </c>
      <c r="W4524" s="2">
        <v>118.9</v>
      </c>
      <c r="X4524" s="2">
        <v>7.6</v>
      </c>
      <c r="Y4524" s="2">
        <v>16.7</v>
      </c>
      <c r="Z4524" s="5"/>
      <c r="AA4524" s="5" t="s">
        <v>43</v>
      </c>
      <c r="AB4524" s="5" t="s">
        <v>44</v>
      </c>
      <c r="AC4524" s="2"/>
      <c r="AD4524" s="1"/>
    </row>
    <row r="4525" spans="1:30">
      <c r="A4525" s="5" t="s">
        <v>83578</v>
      </c>
      <c r="B4525" s="2" t="s">
        <v>97177</v>
      </c>
      <c r="C4525" s="14" t="s">
        <v>97178</v>
      </c>
      <c r="D4525" s="2" t="s">
        <v>97179</v>
      </c>
      <c r="E4525" s="2" t="s">
        <v>36293</v>
      </c>
      <c r="F4525" s="8">
        <v>314</v>
      </c>
      <c r="G4525" s="5">
        <v>6</v>
      </c>
      <c r="H4525" s="5" t="s">
        <v>1518</v>
      </c>
      <c r="I4525" s="5" t="s">
        <v>36264</v>
      </c>
      <c r="J4525" s="2" t="s">
        <v>36265</v>
      </c>
      <c r="K4525" s="5" t="s">
        <v>36264</v>
      </c>
      <c r="L4525" s="2" t="s">
        <v>36265</v>
      </c>
      <c r="M4525" s="5" t="s">
        <v>36266</v>
      </c>
      <c r="N4525" s="5" t="s">
        <v>38</v>
      </c>
      <c r="O4525" s="5" t="s">
        <v>39</v>
      </c>
      <c r="P4525" s="5" t="s">
        <v>40</v>
      </c>
      <c r="Q4525" s="5" t="s">
        <v>1522</v>
      </c>
      <c r="R4525" s="5" t="s">
        <v>1523</v>
      </c>
      <c r="S4525" s="5" t="s">
        <v>42</v>
      </c>
      <c r="T4525" s="2">
        <v>3.0449999999999999</v>
      </c>
      <c r="U4525" s="2">
        <v>2.5179999999999998</v>
      </c>
      <c r="V4525" s="2">
        <v>1.4999999999999999E-2</v>
      </c>
      <c r="W4525" s="2">
        <v>118.9</v>
      </c>
      <c r="X4525" s="2">
        <v>7.6</v>
      </c>
      <c r="Y4525" s="2">
        <v>16.7</v>
      </c>
      <c r="Z4525" s="5"/>
      <c r="AA4525" s="5" t="s">
        <v>43</v>
      </c>
      <c r="AB4525" s="5" t="s">
        <v>44</v>
      </c>
      <c r="AC4525" s="2"/>
      <c r="AD4525" s="1"/>
    </row>
    <row r="4526" spans="1:30">
      <c r="A4526" s="5" t="s">
        <v>83578</v>
      </c>
      <c r="B4526" s="2" t="s">
        <v>97180</v>
      </c>
      <c r="C4526" s="14" t="s">
        <v>97181</v>
      </c>
      <c r="D4526" s="2" t="s">
        <v>97182</v>
      </c>
      <c r="E4526" s="2" t="s">
        <v>36313</v>
      </c>
      <c r="F4526" s="8">
        <v>314</v>
      </c>
      <c r="G4526" s="5">
        <v>6</v>
      </c>
      <c r="H4526" s="5" t="s">
        <v>1518</v>
      </c>
      <c r="I4526" s="5" t="s">
        <v>36264</v>
      </c>
      <c r="J4526" s="2" t="s">
        <v>36265</v>
      </c>
      <c r="K4526" s="5" t="s">
        <v>36264</v>
      </c>
      <c r="L4526" s="2" t="s">
        <v>36265</v>
      </c>
      <c r="M4526" s="5" t="s">
        <v>36266</v>
      </c>
      <c r="N4526" s="5" t="s">
        <v>38</v>
      </c>
      <c r="O4526" s="5" t="s">
        <v>39</v>
      </c>
      <c r="P4526" s="5" t="s">
        <v>40</v>
      </c>
      <c r="Q4526" s="5" t="s">
        <v>1522</v>
      </c>
      <c r="R4526" s="5" t="s">
        <v>1523</v>
      </c>
      <c r="S4526" s="5" t="s">
        <v>42</v>
      </c>
      <c r="T4526" s="2">
        <v>2.9590000000000001</v>
      </c>
      <c r="U4526" s="2">
        <v>2.4319999999999999</v>
      </c>
      <c r="V4526" s="2">
        <v>1.4999999999999999E-2</v>
      </c>
      <c r="W4526" s="2">
        <v>118.9</v>
      </c>
      <c r="X4526" s="2">
        <v>7.6</v>
      </c>
      <c r="Y4526" s="2">
        <v>16.7</v>
      </c>
      <c r="Z4526" s="5"/>
      <c r="AA4526" s="5" t="s">
        <v>43</v>
      </c>
      <c r="AB4526" s="5" t="s">
        <v>44</v>
      </c>
      <c r="AC4526" s="2"/>
      <c r="AD4526" s="1"/>
    </row>
    <row r="4527" spans="1:30">
      <c r="A4527" s="5" t="s">
        <v>83578</v>
      </c>
      <c r="B4527" s="2" t="s">
        <v>97183</v>
      </c>
      <c r="C4527" s="14" t="s">
        <v>97184</v>
      </c>
      <c r="D4527" s="2" t="s">
        <v>97185</v>
      </c>
      <c r="E4527" s="2" t="s">
        <v>36317</v>
      </c>
      <c r="F4527" s="8">
        <v>314</v>
      </c>
      <c r="G4527" s="5">
        <v>6</v>
      </c>
      <c r="H4527" s="5" t="s">
        <v>1518</v>
      </c>
      <c r="I4527" s="5" t="s">
        <v>36264</v>
      </c>
      <c r="J4527" s="2" t="s">
        <v>36265</v>
      </c>
      <c r="K4527" s="5" t="s">
        <v>36264</v>
      </c>
      <c r="L4527" s="2" t="s">
        <v>36265</v>
      </c>
      <c r="M4527" s="5" t="s">
        <v>36266</v>
      </c>
      <c r="N4527" s="5" t="s">
        <v>38</v>
      </c>
      <c r="O4527" s="5" t="s">
        <v>39</v>
      </c>
      <c r="P4527" s="5" t="s">
        <v>40</v>
      </c>
      <c r="Q4527" s="5" t="s">
        <v>1522</v>
      </c>
      <c r="R4527" s="5" t="s">
        <v>1523</v>
      </c>
      <c r="S4527" s="5" t="s">
        <v>42</v>
      </c>
      <c r="T4527" s="2">
        <v>3.0449999999999999</v>
      </c>
      <c r="U4527" s="2">
        <v>2.5179999999999998</v>
      </c>
      <c r="V4527" s="2">
        <v>1.4999999999999999E-2</v>
      </c>
      <c r="W4527" s="2">
        <v>118.9</v>
      </c>
      <c r="X4527" s="2">
        <v>7.6</v>
      </c>
      <c r="Y4527" s="2">
        <v>16.7</v>
      </c>
      <c r="Z4527" s="5"/>
      <c r="AA4527" s="5" t="s">
        <v>43</v>
      </c>
      <c r="AB4527" s="5" t="s">
        <v>44</v>
      </c>
      <c r="AC4527" s="2"/>
      <c r="AD4527" s="1"/>
    </row>
    <row r="4528" spans="1:30">
      <c r="A4528" s="5" t="s">
        <v>83578</v>
      </c>
      <c r="B4528" s="2" t="s">
        <v>97186</v>
      </c>
      <c r="C4528" s="14" t="s">
        <v>97187</v>
      </c>
      <c r="D4528" s="2" t="s">
        <v>97188</v>
      </c>
      <c r="E4528" s="2" t="s">
        <v>36325</v>
      </c>
      <c r="F4528" s="8">
        <v>314</v>
      </c>
      <c r="G4528" s="5">
        <v>6</v>
      </c>
      <c r="H4528" s="5" t="s">
        <v>1518</v>
      </c>
      <c r="I4528" s="5" t="s">
        <v>36264</v>
      </c>
      <c r="J4528" s="2" t="s">
        <v>36265</v>
      </c>
      <c r="K4528" s="5" t="s">
        <v>36264</v>
      </c>
      <c r="L4528" s="2" t="s">
        <v>36265</v>
      </c>
      <c r="M4528" s="5" t="s">
        <v>36266</v>
      </c>
      <c r="N4528" s="5" t="s">
        <v>38</v>
      </c>
      <c r="O4528" s="5" t="s">
        <v>39</v>
      </c>
      <c r="P4528" s="5" t="s">
        <v>40</v>
      </c>
      <c r="Q4528" s="5" t="s">
        <v>1522</v>
      </c>
      <c r="R4528" s="5" t="s">
        <v>1523</v>
      </c>
      <c r="S4528" s="5" t="s">
        <v>42</v>
      </c>
      <c r="T4528" s="2">
        <v>3.0449999999999999</v>
      </c>
      <c r="U4528" s="2">
        <v>2.5179999999999998</v>
      </c>
      <c r="V4528" s="2">
        <v>1.4999999999999999E-2</v>
      </c>
      <c r="W4528" s="2">
        <v>118.9</v>
      </c>
      <c r="X4528" s="2">
        <v>7.6</v>
      </c>
      <c r="Y4528" s="2">
        <v>16.7</v>
      </c>
      <c r="Z4528" s="5"/>
      <c r="AA4528" s="5" t="s">
        <v>43</v>
      </c>
      <c r="AB4528" s="5" t="s">
        <v>44</v>
      </c>
      <c r="AC4528" s="2"/>
      <c r="AD4528" s="1"/>
    </row>
    <row r="4529" spans="1:30">
      <c r="A4529" s="5" t="s">
        <v>83578</v>
      </c>
      <c r="B4529" s="2" t="s">
        <v>97189</v>
      </c>
      <c r="C4529" s="14" t="s">
        <v>97190</v>
      </c>
      <c r="D4529" s="2" t="s">
        <v>97191</v>
      </c>
      <c r="E4529" s="2" t="s">
        <v>36329</v>
      </c>
      <c r="F4529" s="8">
        <v>314</v>
      </c>
      <c r="G4529" s="5">
        <v>6</v>
      </c>
      <c r="H4529" s="5" t="s">
        <v>1518</v>
      </c>
      <c r="I4529" s="5" t="s">
        <v>36264</v>
      </c>
      <c r="J4529" s="2" t="s">
        <v>36265</v>
      </c>
      <c r="K4529" s="5" t="s">
        <v>36264</v>
      </c>
      <c r="L4529" s="2" t="s">
        <v>36265</v>
      </c>
      <c r="M4529" s="5" t="s">
        <v>36266</v>
      </c>
      <c r="N4529" s="5" t="s">
        <v>38</v>
      </c>
      <c r="O4529" s="5" t="s">
        <v>39</v>
      </c>
      <c r="P4529" s="5" t="s">
        <v>40</v>
      </c>
      <c r="Q4529" s="5" t="s">
        <v>1522</v>
      </c>
      <c r="R4529" s="5" t="s">
        <v>1523</v>
      </c>
      <c r="S4529" s="5" t="s">
        <v>42</v>
      </c>
      <c r="T4529" s="2">
        <v>2.9590000000000001</v>
      </c>
      <c r="U4529" s="2">
        <v>2.4319999999999999</v>
      </c>
      <c r="V4529" s="2">
        <v>1.4999999999999999E-2</v>
      </c>
      <c r="W4529" s="2">
        <v>118.9</v>
      </c>
      <c r="X4529" s="2">
        <v>7.6</v>
      </c>
      <c r="Y4529" s="2">
        <v>16.7</v>
      </c>
      <c r="Z4529" s="5"/>
      <c r="AA4529" s="5" t="s">
        <v>43</v>
      </c>
      <c r="AB4529" s="5" t="s">
        <v>44</v>
      </c>
      <c r="AC4529" s="2"/>
      <c r="AD4529" s="1"/>
    </row>
    <row r="4530" spans="1:30">
      <c r="A4530" s="5" t="s">
        <v>83578</v>
      </c>
      <c r="B4530" s="2" t="s">
        <v>97192</v>
      </c>
      <c r="C4530" s="14" t="s">
        <v>97193</v>
      </c>
      <c r="D4530" s="2" t="s">
        <v>97194</v>
      </c>
      <c r="E4530" s="2" t="s">
        <v>36341</v>
      </c>
      <c r="F4530" s="8">
        <v>314</v>
      </c>
      <c r="G4530" s="5">
        <v>6</v>
      </c>
      <c r="H4530" s="5" t="s">
        <v>1518</v>
      </c>
      <c r="I4530" s="5" t="s">
        <v>36264</v>
      </c>
      <c r="J4530" s="2" t="s">
        <v>36265</v>
      </c>
      <c r="K4530" s="5" t="s">
        <v>36264</v>
      </c>
      <c r="L4530" s="2" t="s">
        <v>36265</v>
      </c>
      <c r="M4530" s="5" t="s">
        <v>36266</v>
      </c>
      <c r="N4530" s="5" t="s">
        <v>38</v>
      </c>
      <c r="O4530" s="5" t="s">
        <v>39</v>
      </c>
      <c r="P4530" s="5" t="s">
        <v>40</v>
      </c>
      <c r="Q4530" s="5" t="s">
        <v>1522</v>
      </c>
      <c r="R4530" s="5" t="s">
        <v>1523</v>
      </c>
      <c r="S4530" s="5" t="s">
        <v>42</v>
      </c>
      <c r="T4530" s="2">
        <v>3.0449999999999999</v>
      </c>
      <c r="U4530" s="2">
        <v>2.5179999999999998</v>
      </c>
      <c r="V4530" s="2">
        <v>1.4999999999999999E-2</v>
      </c>
      <c r="W4530" s="2">
        <v>118.9</v>
      </c>
      <c r="X4530" s="2">
        <v>7.6</v>
      </c>
      <c r="Y4530" s="2">
        <v>16.7</v>
      </c>
      <c r="Z4530" s="5"/>
      <c r="AA4530" s="5" t="s">
        <v>43</v>
      </c>
      <c r="AB4530" s="5" t="s">
        <v>44</v>
      </c>
      <c r="AC4530" s="2"/>
      <c r="AD4530" s="1"/>
    </row>
    <row r="4531" spans="1:30">
      <c r="A4531" s="5" t="s">
        <v>83578</v>
      </c>
      <c r="B4531" s="2" t="s">
        <v>97195</v>
      </c>
      <c r="C4531" s="14" t="s">
        <v>97196</v>
      </c>
      <c r="D4531" s="2" t="s">
        <v>97197</v>
      </c>
      <c r="E4531" s="2" t="s">
        <v>36353</v>
      </c>
      <c r="F4531" s="8">
        <v>314</v>
      </c>
      <c r="G4531" s="5">
        <v>6</v>
      </c>
      <c r="H4531" s="5" t="s">
        <v>1518</v>
      </c>
      <c r="I4531" s="5" t="s">
        <v>36264</v>
      </c>
      <c r="J4531" s="2" t="s">
        <v>36265</v>
      </c>
      <c r="K4531" s="5" t="s">
        <v>36264</v>
      </c>
      <c r="L4531" s="2" t="s">
        <v>36265</v>
      </c>
      <c r="M4531" s="5" t="s">
        <v>36266</v>
      </c>
      <c r="N4531" s="5" t="s">
        <v>38</v>
      </c>
      <c r="O4531" s="5" t="s">
        <v>39</v>
      </c>
      <c r="P4531" s="5" t="s">
        <v>40</v>
      </c>
      <c r="Q4531" s="5" t="s">
        <v>1522</v>
      </c>
      <c r="R4531" s="5" t="s">
        <v>1523</v>
      </c>
      <c r="S4531" s="5" t="s">
        <v>42</v>
      </c>
      <c r="T4531" s="2">
        <v>2.9590000000000001</v>
      </c>
      <c r="U4531" s="2">
        <v>2.4319999999999999</v>
      </c>
      <c r="V4531" s="2">
        <v>1.4999999999999999E-2</v>
      </c>
      <c r="W4531" s="2">
        <v>118.9</v>
      </c>
      <c r="X4531" s="2">
        <v>7.6</v>
      </c>
      <c r="Y4531" s="2">
        <v>16.7</v>
      </c>
      <c r="Z4531" s="5"/>
      <c r="AA4531" s="5" t="s">
        <v>43</v>
      </c>
      <c r="AB4531" s="5" t="s">
        <v>44</v>
      </c>
      <c r="AC4531" s="2"/>
      <c r="AD4531" s="1"/>
    </row>
    <row r="4532" spans="1:30">
      <c r="A4532" s="5" t="s">
        <v>83578</v>
      </c>
      <c r="B4532" s="2" t="s">
        <v>97198</v>
      </c>
      <c r="C4532" s="14" t="s">
        <v>97199</v>
      </c>
      <c r="D4532" s="2" t="s">
        <v>97200</v>
      </c>
      <c r="E4532" s="2" t="s">
        <v>45598</v>
      </c>
      <c r="F4532" s="8">
        <v>314</v>
      </c>
      <c r="G4532" s="5">
        <v>6</v>
      </c>
      <c r="H4532" s="5" t="s">
        <v>1518</v>
      </c>
      <c r="I4532" s="5" t="s">
        <v>36264</v>
      </c>
      <c r="J4532" s="2" t="s">
        <v>36265</v>
      </c>
      <c r="K4532" s="5" t="s">
        <v>36264</v>
      </c>
      <c r="L4532" s="2" t="s">
        <v>36265</v>
      </c>
      <c r="M4532" s="5" t="s">
        <v>36266</v>
      </c>
      <c r="N4532" s="5" t="s">
        <v>38</v>
      </c>
      <c r="O4532" s="5" t="s">
        <v>39</v>
      </c>
      <c r="P4532" s="5" t="s">
        <v>40</v>
      </c>
      <c r="Q4532" s="5" t="s">
        <v>1522</v>
      </c>
      <c r="R4532" s="5" t="s">
        <v>1523</v>
      </c>
      <c r="S4532" s="5" t="s">
        <v>42</v>
      </c>
      <c r="T4532" s="2">
        <v>2.9590000000000001</v>
      </c>
      <c r="U4532" s="2">
        <v>2.4319999999999999</v>
      </c>
      <c r="V4532" s="2">
        <v>1.4999999999999999E-2</v>
      </c>
      <c r="W4532" s="2">
        <v>118.9</v>
      </c>
      <c r="X4532" s="2">
        <v>7.6</v>
      </c>
      <c r="Y4532" s="2">
        <v>16.7</v>
      </c>
      <c r="Z4532" s="5"/>
      <c r="AA4532" s="5" t="s">
        <v>43</v>
      </c>
      <c r="AB4532" s="5" t="s">
        <v>44</v>
      </c>
      <c r="AC4532" s="2"/>
      <c r="AD4532" s="1"/>
    </row>
    <row r="4533" spans="1:30">
      <c r="A4533" s="5" t="s">
        <v>83578</v>
      </c>
      <c r="B4533" s="2" t="s">
        <v>97201</v>
      </c>
      <c r="C4533" s="14" t="s">
        <v>97202</v>
      </c>
      <c r="D4533" s="2" t="s">
        <v>97203</v>
      </c>
      <c r="E4533" s="2" t="s">
        <v>45534</v>
      </c>
      <c r="F4533" s="8">
        <v>314</v>
      </c>
      <c r="G4533" s="5">
        <v>6</v>
      </c>
      <c r="H4533" s="5" t="s">
        <v>1518</v>
      </c>
      <c r="I4533" s="5" t="s">
        <v>36264</v>
      </c>
      <c r="J4533" s="2" t="s">
        <v>36265</v>
      </c>
      <c r="K4533" s="5" t="s">
        <v>36264</v>
      </c>
      <c r="L4533" s="2" t="s">
        <v>36265</v>
      </c>
      <c r="M4533" s="5" t="s">
        <v>36266</v>
      </c>
      <c r="N4533" s="5" t="s">
        <v>38</v>
      </c>
      <c r="O4533" s="5" t="s">
        <v>39</v>
      </c>
      <c r="P4533" s="5" t="s">
        <v>40</v>
      </c>
      <c r="Q4533" s="5" t="s">
        <v>1522</v>
      </c>
      <c r="R4533" s="5" t="s">
        <v>1523</v>
      </c>
      <c r="S4533" s="5" t="s">
        <v>42</v>
      </c>
      <c r="T4533" s="2">
        <v>3.0449999999999999</v>
      </c>
      <c r="U4533" s="2">
        <v>2.5179999999999998</v>
      </c>
      <c r="V4533" s="2">
        <v>1.4999999999999999E-2</v>
      </c>
      <c r="W4533" s="2">
        <v>118.9</v>
      </c>
      <c r="X4533" s="2">
        <v>7.6</v>
      </c>
      <c r="Y4533" s="2">
        <v>16.7</v>
      </c>
      <c r="Z4533" s="5"/>
      <c r="AA4533" s="5" t="s">
        <v>43</v>
      </c>
      <c r="AB4533" s="5" t="s">
        <v>44</v>
      </c>
      <c r="AC4533" s="2"/>
      <c r="AD4533" s="1"/>
    </row>
    <row r="4534" spans="1:30">
      <c r="A4534" s="5" t="s">
        <v>83578</v>
      </c>
      <c r="B4534" s="2" t="s">
        <v>97204</v>
      </c>
      <c r="C4534" s="14" t="s">
        <v>97205</v>
      </c>
      <c r="D4534" s="2" t="s">
        <v>97206</v>
      </c>
      <c r="E4534" s="2" t="s">
        <v>36385</v>
      </c>
      <c r="F4534" s="8">
        <v>314</v>
      </c>
      <c r="G4534" s="5">
        <v>6</v>
      </c>
      <c r="H4534" s="5" t="s">
        <v>1518</v>
      </c>
      <c r="I4534" s="5" t="s">
        <v>36264</v>
      </c>
      <c r="J4534" s="2" t="s">
        <v>36265</v>
      </c>
      <c r="K4534" s="5" t="s">
        <v>36264</v>
      </c>
      <c r="L4534" s="2" t="s">
        <v>36265</v>
      </c>
      <c r="M4534" s="5" t="s">
        <v>36266</v>
      </c>
      <c r="N4534" s="5" t="s">
        <v>38</v>
      </c>
      <c r="O4534" s="5" t="s">
        <v>39</v>
      </c>
      <c r="P4534" s="5" t="s">
        <v>40</v>
      </c>
      <c r="Q4534" s="5" t="s">
        <v>1522</v>
      </c>
      <c r="R4534" s="5" t="s">
        <v>1523</v>
      </c>
      <c r="S4534" s="5" t="s">
        <v>42</v>
      </c>
      <c r="T4534" s="2">
        <v>2.9590000000000001</v>
      </c>
      <c r="U4534" s="2">
        <v>2.4319999999999999</v>
      </c>
      <c r="V4534" s="2">
        <v>1.4999999999999999E-2</v>
      </c>
      <c r="W4534" s="2">
        <v>118.9</v>
      </c>
      <c r="X4534" s="2">
        <v>7.6</v>
      </c>
      <c r="Y4534" s="2">
        <v>16.7</v>
      </c>
      <c r="Z4534" s="5"/>
      <c r="AA4534" s="5" t="s">
        <v>43</v>
      </c>
      <c r="AB4534" s="5" t="s">
        <v>44</v>
      </c>
      <c r="AC4534" s="2"/>
      <c r="AD4534" s="1"/>
    </row>
    <row r="4535" spans="1:30">
      <c r="A4535" s="5" t="s">
        <v>83578</v>
      </c>
      <c r="B4535" s="2" t="s">
        <v>97207</v>
      </c>
      <c r="C4535" s="14" t="s">
        <v>97208</v>
      </c>
      <c r="D4535" s="2" t="s">
        <v>97209</v>
      </c>
      <c r="E4535" s="2" t="s">
        <v>36281</v>
      </c>
      <c r="F4535" s="8">
        <v>328</v>
      </c>
      <c r="G4535" s="5">
        <v>6</v>
      </c>
      <c r="H4535" s="5" t="s">
        <v>1518</v>
      </c>
      <c r="I4535" s="5" t="s">
        <v>36264</v>
      </c>
      <c r="J4535" s="2" t="s">
        <v>36265</v>
      </c>
      <c r="K4535" s="5" t="s">
        <v>36264</v>
      </c>
      <c r="L4535" s="2" t="s">
        <v>36265</v>
      </c>
      <c r="M4535" s="5" t="s">
        <v>36266</v>
      </c>
      <c r="N4535" s="5" t="s">
        <v>38</v>
      </c>
      <c r="O4535" s="5" t="s">
        <v>39</v>
      </c>
      <c r="P4535" s="5" t="s">
        <v>40</v>
      </c>
      <c r="Q4535" s="5" t="s">
        <v>1522</v>
      </c>
      <c r="R4535" s="5" t="s">
        <v>1523</v>
      </c>
      <c r="S4535" s="5" t="s">
        <v>42</v>
      </c>
      <c r="T4535" s="2">
        <v>3.129</v>
      </c>
      <c r="U4535" s="2">
        <v>2.6110000000000002</v>
      </c>
      <c r="V4535" s="2">
        <v>1.4999999999999999E-2</v>
      </c>
      <c r="W4535" s="2">
        <v>118.9</v>
      </c>
      <c r="X4535" s="2">
        <v>7.6</v>
      </c>
      <c r="Y4535" s="2">
        <v>16.7</v>
      </c>
      <c r="Z4535" s="5"/>
      <c r="AA4535" s="5" t="s">
        <v>43</v>
      </c>
      <c r="AB4535" s="5" t="s">
        <v>44</v>
      </c>
      <c r="AC4535" s="2"/>
      <c r="AD4535" s="1"/>
    </row>
    <row r="4536" spans="1:30">
      <c r="A4536" s="5" t="s">
        <v>83578</v>
      </c>
      <c r="B4536" s="2" t="s">
        <v>97210</v>
      </c>
      <c r="C4536" s="14" t="s">
        <v>97211</v>
      </c>
      <c r="D4536" s="2" t="s">
        <v>97212</v>
      </c>
      <c r="E4536" s="2" t="s">
        <v>36317</v>
      </c>
      <c r="F4536" s="8">
        <v>328</v>
      </c>
      <c r="G4536" s="5">
        <v>6</v>
      </c>
      <c r="H4536" s="5" t="s">
        <v>1518</v>
      </c>
      <c r="I4536" s="5" t="s">
        <v>36264</v>
      </c>
      <c r="J4536" s="2" t="s">
        <v>36265</v>
      </c>
      <c r="K4536" s="5" t="s">
        <v>36264</v>
      </c>
      <c r="L4536" s="2" t="s">
        <v>36265</v>
      </c>
      <c r="M4536" s="5" t="s">
        <v>36266</v>
      </c>
      <c r="N4536" s="5" t="s">
        <v>38</v>
      </c>
      <c r="O4536" s="5" t="s">
        <v>39</v>
      </c>
      <c r="P4536" s="5" t="s">
        <v>40</v>
      </c>
      <c r="Q4536" s="5" t="s">
        <v>1522</v>
      </c>
      <c r="R4536" s="5" t="s">
        <v>1523</v>
      </c>
      <c r="S4536" s="5" t="s">
        <v>42</v>
      </c>
      <c r="T4536" s="2">
        <v>3.2290000000000001</v>
      </c>
      <c r="U4536" s="2">
        <v>2.7109999999999999</v>
      </c>
      <c r="V4536" s="2">
        <v>1.4999999999999999E-2</v>
      </c>
      <c r="W4536" s="2">
        <v>118.9</v>
      </c>
      <c r="X4536" s="2">
        <v>7.6</v>
      </c>
      <c r="Y4536" s="2">
        <v>16.7</v>
      </c>
      <c r="Z4536" s="5"/>
      <c r="AA4536" s="5" t="s">
        <v>43</v>
      </c>
      <c r="AB4536" s="5" t="s">
        <v>44</v>
      </c>
      <c r="AC4536" s="2"/>
      <c r="AD4536" s="1"/>
    </row>
    <row r="4537" spans="1:30">
      <c r="A4537" s="5" t="s">
        <v>83578</v>
      </c>
      <c r="B4537" s="2" t="s">
        <v>97213</v>
      </c>
      <c r="C4537" s="14" t="s">
        <v>97214</v>
      </c>
      <c r="D4537" s="2" t="s">
        <v>97215</v>
      </c>
      <c r="E4537" s="2" t="s">
        <v>36321</v>
      </c>
      <c r="F4537" s="8">
        <v>328</v>
      </c>
      <c r="G4537" s="5">
        <v>6</v>
      </c>
      <c r="H4537" s="5" t="s">
        <v>1518</v>
      </c>
      <c r="I4537" s="5" t="s">
        <v>36264</v>
      </c>
      <c r="J4537" s="2" t="s">
        <v>36265</v>
      </c>
      <c r="K4537" s="5" t="s">
        <v>36264</v>
      </c>
      <c r="L4537" s="2" t="s">
        <v>36265</v>
      </c>
      <c r="M4537" s="5" t="s">
        <v>36266</v>
      </c>
      <c r="N4537" s="5" t="s">
        <v>38</v>
      </c>
      <c r="O4537" s="5" t="s">
        <v>39</v>
      </c>
      <c r="P4537" s="5" t="s">
        <v>40</v>
      </c>
      <c r="Q4537" s="5" t="s">
        <v>1522</v>
      </c>
      <c r="R4537" s="5" t="s">
        <v>1523</v>
      </c>
      <c r="S4537" s="5" t="s">
        <v>42</v>
      </c>
      <c r="T4537" s="2">
        <v>3.129</v>
      </c>
      <c r="U4537" s="2">
        <v>2.6110000000000002</v>
      </c>
      <c r="V4537" s="2">
        <v>1.4999999999999999E-2</v>
      </c>
      <c r="W4537" s="2">
        <v>118.9</v>
      </c>
      <c r="X4537" s="2">
        <v>7.6</v>
      </c>
      <c r="Y4537" s="2">
        <v>16.7</v>
      </c>
      <c r="Z4537" s="5"/>
      <c r="AA4537" s="5" t="s">
        <v>43</v>
      </c>
      <c r="AB4537" s="5" t="s">
        <v>44</v>
      </c>
      <c r="AC4537" s="2"/>
      <c r="AD4537" s="1"/>
    </row>
    <row r="4538" spans="1:30">
      <c r="A4538" s="5" t="s">
        <v>83578</v>
      </c>
      <c r="B4538" s="2" t="s">
        <v>97216</v>
      </c>
      <c r="C4538" s="14" t="s">
        <v>97217</v>
      </c>
      <c r="D4538" s="2" t="s">
        <v>97218</v>
      </c>
      <c r="E4538" s="2" t="s">
        <v>36325</v>
      </c>
      <c r="F4538" s="8">
        <v>328</v>
      </c>
      <c r="G4538" s="5">
        <v>6</v>
      </c>
      <c r="H4538" s="5" t="s">
        <v>1518</v>
      </c>
      <c r="I4538" s="5" t="s">
        <v>36264</v>
      </c>
      <c r="J4538" s="2" t="s">
        <v>36265</v>
      </c>
      <c r="K4538" s="5" t="s">
        <v>36264</v>
      </c>
      <c r="L4538" s="2" t="s">
        <v>36265</v>
      </c>
      <c r="M4538" s="5" t="s">
        <v>36266</v>
      </c>
      <c r="N4538" s="5" t="s">
        <v>38</v>
      </c>
      <c r="O4538" s="5" t="s">
        <v>39</v>
      </c>
      <c r="P4538" s="5" t="s">
        <v>40</v>
      </c>
      <c r="Q4538" s="5" t="s">
        <v>1522</v>
      </c>
      <c r="R4538" s="5" t="s">
        <v>1523</v>
      </c>
      <c r="S4538" s="5" t="s">
        <v>42</v>
      </c>
      <c r="T4538" s="2">
        <v>3.2290000000000001</v>
      </c>
      <c r="U4538" s="2">
        <v>2.7109999999999999</v>
      </c>
      <c r="V4538" s="2">
        <v>1.4999999999999999E-2</v>
      </c>
      <c r="W4538" s="2">
        <v>118.9</v>
      </c>
      <c r="X4538" s="2">
        <v>7.6</v>
      </c>
      <c r="Y4538" s="2">
        <v>16.7</v>
      </c>
      <c r="Z4538" s="5"/>
      <c r="AA4538" s="5" t="s">
        <v>43</v>
      </c>
      <c r="AB4538" s="5" t="s">
        <v>44</v>
      </c>
      <c r="AC4538" s="2"/>
      <c r="AD4538" s="1"/>
    </row>
    <row r="4539" spans="1:30">
      <c r="A4539" s="5" t="s">
        <v>83578</v>
      </c>
      <c r="B4539" s="2" t="s">
        <v>97219</v>
      </c>
      <c r="C4539" s="14" t="s">
        <v>97220</v>
      </c>
      <c r="D4539" s="2" t="s">
        <v>97221</v>
      </c>
      <c r="E4539" s="2" t="s">
        <v>36353</v>
      </c>
      <c r="F4539" s="8">
        <v>328</v>
      </c>
      <c r="G4539" s="5">
        <v>6</v>
      </c>
      <c r="H4539" s="5" t="s">
        <v>1518</v>
      </c>
      <c r="I4539" s="5" t="s">
        <v>36264</v>
      </c>
      <c r="J4539" s="2" t="s">
        <v>36265</v>
      </c>
      <c r="K4539" s="5" t="s">
        <v>36264</v>
      </c>
      <c r="L4539" s="2" t="s">
        <v>36265</v>
      </c>
      <c r="M4539" s="5" t="s">
        <v>36266</v>
      </c>
      <c r="N4539" s="5" t="s">
        <v>38</v>
      </c>
      <c r="O4539" s="5" t="s">
        <v>39</v>
      </c>
      <c r="P4539" s="5" t="s">
        <v>40</v>
      </c>
      <c r="Q4539" s="5" t="s">
        <v>1522</v>
      </c>
      <c r="R4539" s="5" t="s">
        <v>1523</v>
      </c>
      <c r="S4539" s="5" t="s">
        <v>42</v>
      </c>
      <c r="T4539" s="2">
        <v>3.129</v>
      </c>
      <c r="U4539" s="2">
        <v>2.6110000000000002</v>
      </c>
      <c r="V4539" s="2">
        <v>1.4999999999999999E-2</v>
      </c>
      <c r="W4539" s="2">
        <v>118.9</v>
      </c>
      <c r="X4539" s="2">
        <v>7.6</v>
      </c>
      <c r="Y4539" s="2">
        <v>16.7</v>
      </c>
      <c r="Z4539" s="5"/>
      <c r="AA4539" s="5" t="s">
        <v>43</v>
      </c>
      <c r="AB4539" s="5" t="s">
        <v>44</v>
      </c>
      <c r="AC4539" s="2"/>
      <c r="AD4539" s="1"/>
    </row>
    <row r="4540" spans="1:30">
      <c r="A4540" s="5" t="s">
        <v>83578</v>
      </c>
      <c r="B4540" s="2" t="s">
        <v>97222</v>
      </c>
      <c r="C4540" s="14" t="s">
        <v>97223</v>
      </c>
      <c r="D4540" s="2" t="s">
        <v>97224</v>
      </c>
      <c r="E4540" s="2" t="s">
        <v>36357</v>
      </c>
      <c r="F4540" s="8">
        <v>328</v>
      </c>
      <c r="G4540" s="5">
        <v>6</v>
      </c>
      <c r="H4540" s="5" t="s">
        <v>1518</v>
      </c>
      <c r="I4540" s="5" t="s">
        <v>36264</v>
      </c>
      <c r="J4540" s="2" t="s">
        <v>36265</v>
      </c>
      <c r="K4540" s="5" t="s">
        <v>36264</v>
      </c>
      <c r="L4540" s="2" t="s">
        <v>36265</v>
      </c>
      <c r="M4540" s="5" t="s">
        <v>36266</v>
      </c>
      <c r="N4540" s="5" t="s">
        <v>38</v>
      </c>
      <c r="O4540" s="5" t="s">
        <v>39</v>
      </c>
      <c r="P4540" s="5" t="s">
        <v>40</v>
      </c>
      <c r="Q4540" s="5" t="s">
        <v>1522</v>
      </c>
      <c r="R4540" s="5" t="s">
        <v>1523</v>
      </c>
      <c r="S4540" s="5" t="s">
        <v>42</v>
      </c>
      <c r="T4540" s="2">
        <v>3.2290000000000001</v>
      </c>
      <c r="U4540" s="2">
        <v>2.7109999999999999</v>
      </c>
      <c r="V4540" s="2">
        <v>1.4999999999999999E-2</v>
      </c>
      <c r="W4540" s="2">
        <v>118.9</v>
      </c>
      <c r="X4540" s="2">
        <v>7.6</v>
      </c>
      <c r="Y4540" s="2">
        <v>16.7</v>
      </c>
      <c r="Z4540" s="5"/>
      <c r="AA4540" s="5" t="s">
        <v>43</v>
      </c>
      <c r="AB4540" s="5" t="s">
        <v>44</v>
      </c>
      <c r="AC4540" s="2"/>
      <c r="AD4540" s="1"/>
    </row>
    <row r="4541" spans="1:30">
      <c r="A4541" s="5" t="s">
        <v>83578</v>
      </c>
      <c r="B4541" s="2" t="s">
        <v>97225</v>
      </c>
      <c r="C4541" s="14" t="s">
        <v>97226</v>
      </c>
      <c r="D4541" s="2" t="s">
        <v>97227</v>
      </c>
      <c r="E4541" s="2" t="s">
        <v>36369</v>
      </c>
      <c r="F4541" s="8">
        <v>328</v>
      </c>
      <c r="G4541" s="5">
        <v>6</v>
      </c>
      <c r="H4541" s="5" t="s">
        <v>1518</v>
      </c>
      <c r="I4541" s="5" t="s">
        <v>36264</v>
      </c>
      <c r="J4541" s="2" t="s">
        <v>36265</v>
      </c>
      <c r="K4541" s="5" t="s">
        <v>36264</v>
      </c>
      <c r="L4541" s="2" t="s">
        <v>36265</v>
      </c>
      <c r="M4541" s="5" t="s">
        <v>36266</v>
      </c>
      <c r="N4541" s="5" t="s">
        <v>38</v>
      </c>
      <c r="O4541" s="5" t="s">
        <v>39</v>
      </c>
      <c r="P4541" s="5" t="s">
        <v>40</v>
      </c>
      <c r="Q4541" s="5" t="s">
        <v>1522</v>
      </c>
      <c r="R4541" s="5" t="s">
        <v>1523</v>
      </c>
      <c r="S4541" s="5" t="s">
        <v>42</v>
      </c>
      <c r="T4541" s="2">
        <v>3.129</v>
      </c>
      <c r="U4541" s="2">
        <v>2.6110000000000002</v>
      </c>
      <c r="V4541" s="2">
        <v>1.4999999999999999E-2</v>
      </c>
      <c r="W4541" s="2">
        <v>118.9</v>
      </c>
      <c r="X4541" s="2">
        <v>7.6</v>
      </c>
      <c r="Y4541" s="2">
        <v>16.7</v>
      </c>
      <c r="Z4541" s="5"/>
      <c r="AA4541" s="5" t="s">
        <v>43</v>
      </c>
      <c r="AB4541" s="5" t="s">
        <v>44</v>
      </c>
      <c r="AC4541" s="2"/>
      <c r="AD4541" s="1"/>
    </row>
    <row r="4542" spans="1:30">
      <c r="A4542" s="5" t="s">
        <v>83578</v>
      </c>
      <c r="B4542" s="2" t="s">
        <v>97228</v>
      </c>
      <c r="C4542" s="14" t="s">
        <v>97229</v>
      </c>
      <c r="D4542" s="2" t="s">
        <v>97230</v>
      </c>
      <c r="E4542" s="2" t="s">
        <v>36385</v>
      </c>
      <c r="F4542" s="8">
        <v>328</v>
      </c>
      <c r="G4542" s="5">
        <v>6</v>
      </c>
      <c r="H4542" s="5" t="s">
        <v>1518</v>
      </c>
      <c r="I4542" s="5" t="s">
        <v>36264</v>
      </c>
      <c r="J4542" s="2" t="s">
        <v>36265</v>
      </c>
      <c r="K4542" s="5" t="s">
        <v>36264</v>
      </c>
      <c r="L4542" s="2" t="s">
        <v>36265</v>
      </c>
      <c r="M4542" s="5" t="s">
        <v>36266</v>
      </c>
      <c r="N4542" s="5" t="s">
        <v>38</v>
      </c>
      <c r="O4542" s="5" t="s">
        <v>39</v>
      </c>
      <c r="P4542" s="5" t="s">
        <v>40</v>
      </c>
      <c r="Q4542" s="5" t="s">
        <v>1522</v>
      </c>
      <c r="R4542" s="5" t="s">
        <v>1523</v>
      </c>
      <c r="S4542" s="5" t="s">
        <v>42</v>
      </c>
      <c r="T4542" s="2">
        <v>3.129</v>
      </c>
      <c r="U4542" s="2">
        <v>2.6110000000000002</v>
      </c>
      <c r="V4542" s="2">
        <v>1.4999999999999999E-2</v>
      </c>
      <c r="W4542" s="2">
        <v>118.9</v>
      </c>
      <c r="X4542" s="2">
        <v>7.6</v>
      </c>
      <c r="Y4542" s="2">
        <v>16.7</v>
      </c>
      <c r="Z4542" s="5"/>
      <c r="AA4542" s="5" t="s">
        <v>43</v>
      </c>
      <c r="AB4542" s="5" t="s">
        <v>44</v>
      </c>
      <c r="AC4542" s="2"/>
      <c r="AD4542" s="1"/>
    </row>
    <row r="4543" spans="1:30">
      <c r="A4543" s="5" t="s">
        <v>83578</v>
      </c>
      <c r="B4543" s="2" t="s">
        <v>97231</v>
      </c>
      <c r="C4543" s="14" t="s">
        <v>97232</v>
      </c>
      <c r="D4543" s="2" t="s">
        <v>97233</v>
      </c>
      <c r="E4543" s="2" t="s">
        <v>36285</v>
      </c>
      <c r="F4543" s="8">
        <v>345</v>
      </c>
      <c r="G4543" s="5">
        <v>6</v>
      </c>
      <c r="H4543" s="5" t="s">
        <v>1518</v>
      </c>
      <c r="I4543" s="5" t="s">
        <v>36264</v>
      </c>
      <c r="J4543" s="2" t="s">
        <v>36265</v>
      </c>
      <c r="K4543" s="5" t="s">
        <v>36264</v>
      </c>
      <c r="L4543" s="2" t="s">
        <v>36265</v>
      </c>
      <c r="M4543" s="5" t="s">
        <v>36266</v>
      </c>
      <c r="N4543" s="5" t="s">
        <v>38</v>
      </c>
      <c r="O4543" s="5" t="s">
        <v>39</v>
      </c>
      <c r="P4543" s="5" t="s">
        <v>40</v>
      </c>
      <c r="Q4543" s="5" t="s">
        <v>1522</v>
      </c>
      <c r="R4543" s="5" t="s">
        <v>1523</v>
      </c>
      <c r="S4543" s="5" t="s">
        <v>42</v>
      </c>
      <c r="T4543" s="2">
        <v>3.4910000000000001</v>
      </c>
      <c r="U4543" s="2">
        <v>2.8959999999999999</v>
      </c>
      <c r="V4543" s="2">
        <v>1.7999999999999999E-2</v>
      </c>
      <c r="W4543" s="2">
        <v>139.1</v>
      </c>
      <c r="X4543" s="2">
        <v>7.6</v>
      </c>
      <c r="Y4543" s="2">
        <v>16.7</v>
      </c>
      <c r="Z4543" s="5"/>
      <c r="AA4543" s="5" t="s">
        <v>43</v>
      </c>
      <c r="AB4543" s="5" t="s">
        <v>44</v>
      </c>
      <c r="AC4543" s="2"/>
      <c r="AD4543" s="1"/>
    </row>
    <row r="4544" spans="1:30">
      <c r="A4544" s="5" t="s">
        <v>83578</v>
      </c>
      <c r="B4544" s="2" t="s">
        <v>97234</v>
      </c>
      <c r="C4544" s="14" t="s">
        <v>97235</v>
      </c>
      <c r="D4544" s="2" t="s">
        <v>97236</v>
      </c>
      <c r="E4544" s="2" t="s">
        <v>36301</v>
      </c>
      <c r="F4544" s="8">
        <v>317</v>
      </c>
      <c r="G4544" s="5">
        <v>6</v>
      </c>
      <c r="H4544" s="5" t="s">
        <v>1518</v>
      </c>
      <c r="I4544" s="5" t="s">
        <v>36264</v>
      </c>
      <c r="J4544" s="2" t="s">
        <v>36265</v>
      </c>
      <c r="K4544" s="5" t="s">
        <v>36264</v>
      </c>
      <c r="L4544" s="2" t="s">
        <v>36265</v>
      </c>
      <c r="M4544" s="5" t="s">
        <v>36266</v>
      </c>
      <c r="N4544" s="5" t="s">
        <v>38</v>
      </c>
      <c r="O4544" s="5" t="s">
        <v>39</v>
      </c>
      <c r="P4544" s="5" t="s">
        <v>40</v>
      </c>
      <c r="Q4544" s="5" t="s">
        <v>1522</v>
      </c>
      <c r="R4544" s="5" t="s">
        <v>1523</v>
      </c>
      <c r="S4544" s="5" t="s">
        <v>42</v>
      </c>
      <c r="T4544" s="2">
        <v>3.4910000000000001</v>
      </c>
      <c r="U4544" s="2">
        <v>2.8959999999999999</v>
      </c>
      <c r="V4544" s="2">
        <v>1.7999999999999999E-2</v>
      </c>
      <c r="W4544" s="2">
        <v>139.1</v>
      </c>
      <c r="X4544" s="2">
        <v>7.6</v>
      </c>
      <c r="Y4544" s="2">
        <v>16.7</v>
      </c>
      <c r="Z4544" s="5"/>
      <c r="AA4544" s="5" t="s">
        <v>43</v>
      </c>
      <c r="AB4544" s="5" t="s">
        <v>44</v>
      </c>
      <c r="AC4544" s="2"/>
      <c r="AD4544" s="1"/>
    </row>
    <row r="4545" spans="1:30">
      <c r="A4545" s="5" t="s">
        <v>83578</v>
      </c>
      <c r="B4545" s="2" t="s">
        <v>97237</v>
      </c>
      <c r="C4545" s="14" t="s">
        <v>97238</v>
      </c>
      <c r="D4545" s="2" t="s">
        <v>97239</v>
      </c>
      <c r="E4545" s="2" t="s">
        <v>36317</v>
      </c>
      <c r="F4545" s="8">
        <v>345</v>
      </c>
      <c r="G4545" s="5">
        <v>6</v>
      </c>
      <c r="H4545" s="5" t="s">
        <v>1518</v>
      </c>
      <c r="I4545" s="5" t="s">
        <v>36264</v>
      </c>
      <c r="J4545" s="2" t="s">
        <v>36265</v>
      </c>
      <c r="K4545" s="5" t="s">
        <v>36264</v>
      </c>
      <c r="L4545" s="2" t="s">
        <v>36265</v>
      </c>
      <c r="M4545" s="5" t="s">
        <v>36266</v>
      </c>
      <c r="N4545" s="5" t="s">
        <v>38</v>
      </c>
      <c r="O4545" s="5" t="s">
        <v>39</v>
      </c>
      <c r="P4545" s="5" t="s">
        <v>40</v>
      </c>
      <c r="Q4545" s="5" t="s">
        <v>1522</v>
      </c>
      <c r="R4545" s="5" t="s">
        <v>1523</v>
      </c>
      <c r="S4545" s="5" t="s">
        <v>42</v>
      </c>
      <c r="T4545" s="2">
        <v>3.4910000000000001</v>
      </c>
      <c r="U4545" s="2">
        <v>2.8959999999999999</v>
      </c>
      <c r="V4545" s="2">
        <v>1.7999999999999999E-2</v>
      </c>
      <c r="W4545" s="2">
        <v>139.1</v>
      </c>
      <c r="X4545" s="2">
        <v>7.6</v>
      </c>
      <c r="Y4545" s="2">
        <v>16.7</v>
      </c>
      <c r="Z4545" s="5"/>
      <c r="AA4545" s="5" t="s">
        <v>43</v>
      </c>
      <c r="AB4545" s="5" t="s">
        <v>44</v>
      </c>
      <c r="AC4545" s="2"/>
      <c r="AD4545" s="1"/>
    </row>
    <row r="4546" spans="1:30">
      <c r="A4546" s="5" t="s">
        <v>83578</v>
      </c>
      <c r="B4546" s="2" t="s">
        <v>97240</v>
      </c>
      <c r="C4546" s="14" t="s">
        <v>97241</v>
      </c>
      <c r="D4546" s="2" t="s">
        <v>97242</v>
      </c>
      <c r="E4546" s="2" t="s">
        <v>36325</v>
      </c>
      <c r="F4546" s="8">
        <v>345</v>
      </c>
      <c r="G4546" s="5">
        <v>6</v>
      </c>
      <c r="H4546" s="5" t="s">
        <v>1518</v>
      </c>
      <c r="I4546" s="5" t="s">
        <v>36264</v>
      </c>
      <c r="J4546" s="2" t="s">
        <v>36265</v>
      </c>
      <c r="K4546" s="5" t="s">
        <v>36264</v>
      </c>
      <c r="L4546" s="2" t="s">
        <v>36265</v>
      </c>
      <c r="M4546" s="5" t="s">
        <v>36266</v>
      </c>
      <c r="N4546" s="5" t="s">
        <v>38</v>
      </c>
      <c r="O4546" s="5" t="s">
        <v>39</v>
      </c>
      <c r="P4546" s="5" t="s">
        <v>40</v>
      </c>
      <c r="Q4546" s="5" t="s">
        <v>1522</v>
      </c>
      <c r="R4546" s="5" t="s">
        <v>1523</v>
      </c>
      <c r="S4546" s="5" t="s">
        <v>42</v>
      </c>
      <c r="T4546" s="2">
        <v>3.4910000000000001</v>
      </c>
      <c r="U4546" s="2">
        <v>2.8959999999999999</v>
      </c>
      <c r="V4546" s="2">
        <v>1.7999999999999999E-2</v>
      </c>
      <c r="W4546" s="2">
        <v>139.1</v>
      </c>
      <c r="X4546" s="2">
        <v>7.6</v>
      </c>
      <c r="Y4546" s="2">
        <v>16.7</v>
      </c>
      <c r="Z4546" s="5"/>
      <c r="AA4546" s="5" t="s">
        <v>43</v>
      </c>
      <c r="AB4546" s="5" t="s">
        <v>44</v>
      </c>
      <c r="AC4546" s="2"/>
      <c r="AD4546" s="1"/>
    </row>
    <row r="4547" spans="1:30">
      <c r="A4547" s="5" t="s">
        <v>83578</v>
      </c>
      <c r="B4547" s="2" t="s">
        <v>97243</v>
      </c>
      <c r="C4547" s="14" t="s">
        <v>97244</v>
      </c>
      <c r="D4547" s="2" t="s">
        <v>97245</v>
      </c>
      <c r="E4547" s="2" t="s">
        <v>36341</v>
      </c>
      <c r="F4547" s="8">
        <v>345</v>
      </c>
      <c r="G4547" s="5">
        <v>6</v>
      </c>
      <c r="H4547" s="5" t="s">
        <v>1518</v>
      </c>
      <c r="I4547" s="5" t="s">
        <v>36264</v>
      </c>
      <c r="J4547" s="2" t="s">
        <v>36265</v>
      </c>
      <c r="K4547" s="5" t="s">
        <v>36264</v>
      </c>
      <c r="L4547" s="2" t="s">
        <v>36265</v>
      </c>
      <c r="M4547" s="5" t="s">
        <v>36266</v>
      </c>
      <c r="N4547" s="5" t="s">
        <v>38</v>
      </c>
      <c r="O4547" s="5" t="s">
        <v>39</v>
      </c>
      <c r="P4547" s="5" t="s">
        <v>40</v>
      </c>
      <c r="Q4547" s="5" t="s">
        <v>1522</v>
      </c>
      <c r="R4547" s="5" t="s">
        <v>1523</v>
      </c>
      <c r="S4547" s="5" t="s">
        <v>42</v>
      </c>
      <c r="T4547" s="2">
        <v>3.4910000000000001</v>
      </c>
      <c r="U4547" s="2">
        <v>2.8959999999999999</v>
      </c>
      <c r="V4547" s="2">
        <v>1.7999999999999999E-2</v>
      </c>
      <c r="W4547" s="2">
        <v>139.1</v>
      </c>
      <c r="X4547" s="2">
        <v>7.6</v>
      </c>
      <c r="Y4547" s="2">
        <v>16.7</v>
      </c>
      <c r="Z4547" s="5"/>
      <c r="AA4547" s="5" t="s">
        <v>43</v>
      </c>
      <c r="AB4547" s="5" t="s">
        <v>44</v>
      </c>
      <c r="AC4547" s="2"/>
      <c r="AD4547" s="1"/>
    </row>
    <row r="4548" spans="1:30">
      <c r="A4548" s="5" t="s">
        <v>83578</v>
      </c>
      <c r="B4548" s="2" t="s">
        <v>97246</v>
      </c>
      <c r="C4548" s="14" t="s">
        <v>97247</v>
      </c>
      <c r="D4548" s="2" t="s">
        <v>97248</v>
      </c>
      <c r="E4548" s="2" t="s">
        <v>36357</v>
      </c>
      <c r="F4548" s="8">
        <v>345</v>
      </c>
      <c r="G4548" s="5">
        <v>6</v>
      </c>
      <c r="H4548" s="5" t="s">
        <v>1518</v>
      </c>
      <c r="I4548" s="5" t="s">
        <v>36264</v>
      </c>
      <c r="J4548" s="2" t="s">
        <v>36265</v>
      </c>
      <c r="K4548" s="5" t="s">
        <v>36264</v>
      </c>
      <c r="L4548" s="2" t="s">
        <v>36265</v>
      </c>
      <c r="M4548" s="5" t="s">
        <v>36266</v>
      </c>
      <c r="N4548" s="5" t="s">
        <v>38</v>
      </c>
      <c r="O4548" s="5" t="s">
        <v>39</v>
      </c>
      <c r="P4548" s="5" t="s">
        <v>40</v>
      </c>
      <c r="Q4548" s="5" t="s">
        <v>1522</v>
      </c>
      <c r="R4548" s="5" t="s">
        <v>1523</v>
      </c>
      <c r="S4548" s="5" t="s">
        <v>42</v>
      </c>
      <c r="T4548" s="2">
        <v>3.4910000000000001</v>
      </c>
      <c r="U4548" s="2">
        <v>2.8959999999999999</v>
      </c>
      <c r="V4548" s="2">
        <v>1.7999999999999999E-2</v>
      </c>
      <c r="W4548" s="2">
        <v>139.1</v>
      </c>
      <c r="X4548" s="2">
        <v>7.6</v>
      </c>
      <c r="Y4548" s="2">
        <v>16.7</v>
      </c>
      <c r="Z4548" s="5"/>
      <c r="AA4548" s="5" t="s">
        <v>43</v>
      </c>
      <c r="AB4548" s="5" t="s">
        <v>44</v>
      </c>
      <c r="AC4548" s="2"/>
      <c r="AD4548" s="1"/>
    </row>
    <row r="4549" spans="1:30">
      <c r="A4549" s="5" t="s">
        <v>83578</v>
      </c>
      <c r="B4549" s="2" t="s">
        <v>97249</v>
      </c>
      <c r="C4549" s="14" t="s">
        <v>97250</v>
      </c>
      <c r="D4549" s="2" t="s">
        <v>97251</v>
      </c>
      <c r="E4549" s="2" t="s">
        <v>45534</v>
      </c>
      <c r="F4549" s="8">
        <v>345</v>
      </c>
      <c r="G4549" s="5">
        <v>6</v>
      </c>
      <c r="H4549" s="5" t="s">
        <v>1518</v>
      </c>
      <c r="I4549" s="5" t="s">
        <v>36264</v>
      </c>
      <c r="J4549" s="2" t="s">
        <v>36265</v>
      </c>
      <c r="K4549" s="5" t="s">
        <v>36264</v>
      </c>
      <c r="L4549" s="2" t="s">
        <v>36265</v>
      </c>
      <c r="M4549" s="5" t="s">
        <v>36266</v>
      </c>
      <c r="N4549" s="5" t="s">
        <v>38</v>
      </c>
      <c r="O4549" s="5" t="s">
        <v>39</v>
      </c>
      <c r="P4549" s="5" t="s">
        <v>40</v>
      </c>
      <c r="Q4549" s="5" t="s">
        <v>1522</v>
      </c>
      <c r="R4549" s="5" t="s">
        <v>1523</v>
      </c>
      <c r="S4549" s="5" t="s">
        <v>42</v>
      </c>
      <c r="T4549" s="2">
        <v>3.4910000000000001</v>
      </c>
      <c r="U4549" s="2">
        <v>2.8959999999999999</v>
      </c>
      <c r="V4549" s="2">
        <v>1.7999999999999999E-2</v>
      </c>
      <c r="W4549" s="2">
        <v>139.1</v>
      </c>
      <c r="X4549" s="2">
        <v>7.6</v>
      </c>
      <c r="Y4549" s="2">
        <v>16.7</v>
      </c>
      <c r="Z4549" s="5"/>
      <c r="AA4549" s="5" t="s">
        <v>43</v>
      </c>
      <c r="AB4549" s="5" t="s">
        <v>44</v>
      </c>
      <c r="AC4549" s="2"/>
      <c r="AD4549" s="1"/>
    </row>
    <row r="4550" spans="1:30">
      <c r="A4550" s="5" t="s">
        <v>83578</v>
      </c>
      <c r="B4550" s="2" t="s">
        <v>97252</v>
      </c>
      <c r="C4550" s="14" t="s">
        <v>97253</v>
      </c>
      <c r="D4550" s="2" t="s">
        <v>97254</v>
      </c>
      <c r="E4550" s="2" t="s">
        <v>36373</v>
      </c>
      <c r="F4550" s="8">
        <v>345</v>
      </c>
      <c r="G4550" s="5">
        <v>6</v>
      </c>
      <c r="H4550" s="5" t="s">
        <v>1518</v>
      </c>
      <c r="I4550" s="5" t="s">
        <v>36264</v>
      </c>
      <c r="J4550" s="2" t="s">
        <v>36265</v>
      </c>
      <c r="K4550" s="5" t="s">
        <v>36264</v>
      </c>
      <c r="L4550" s="2" t="s">
        <v>36265</v>
      </c>
      <c r="M4550" s="5" t="s">
        <v>36266</v>
      </c>
      <c r="N4550" s="5" t="s">
        <v>38</v>
      </c>
      <c r="O4550" s="5" t="s">
        <v>39</v>
      </c>
      <c r="P4550" s="5" t="s">
        <v>40</v>
      </c>
      <c r="Q4550" s="5" t="s">
        <v>1522</v>
      </c>
      <c r="R4550" s="5" t="s">
        <v>1523</v>
      </c>
      <c r="S4550" s="5" t="s">
        <v>42</v>
      </c>
      <c r="T4550" s="2">
        <v>3.4910000000000001</v>
      </c>
      <c r="U4550" s="2">
        <v>2.8959999999999999</v>
      </c>
      <c r="V4550" s="2">
        <v>1.7999999999999999E-2</v>
      </c>
      <c r="W4550" s="2">
        <v>139.1</v>
      </c>
      <c r="X4550" s="2">
        <v>7.6</v>
      </c>
      <c r="Y4550" s="2">
        <v>16.7</v>
      </c>
      <c r="Z4550" s="5"/>
      <c r="AA4550" s="5" t="s">
        <v>43</v>
      </c>
      <c r="AB4550" s="5" t="s">
        <v>44</v>
      </c>
      <c r="AC4550" s="2"/>
      <c r="AD4550" s="1"/>
    </row>
    <row r="4551" spans="1:30">
      <c r="A4551" s="5" t="s">
        <v>83578</v>
      </c>
      <c r="B4551" s="2" t="s">
        <v>97255</v>
      </c>
      <c r="C4551" s="14" t="s">
        <v>97256</v>
      </c>
      <c r="D4551" s="2" t="s">
        <v>97257</v>
      </c>
      <c r="E4551" s="2" t="s">
        <v>36389</v>
      </c>
      <c r="F4551" s="8">
        <v>345</v>
      </c>
      <c r="G4551" s="5">
        <v>6</v>
      </c>
      <c r="H4551" s="5" t="s">
        <v>1518</v>
      </c>
      <c r="I4551" s="5" t="s">
        <v>36264</v>
      </c>
      <c r="J4551" s="2" t="s">
        <v>36265</v>
      </c>
      <c r="K4551" s="5" t="s">
        <v>36264</v>
      </c>
      <c r="L4551" s="2" t="s">
        <v>36265</v>
      </c>
      <c r="M4551" s="5" t="s">
        <v>36266</v>
      </c>
      <c r="N4551" s="5" t="s">
        <v>38</v>
      </c>
      <c r="O4551" s="5" t="s">
        <v>39</v>
      </c>
      <c r="P4551" s="5" t="s">
        <v>40</v>
      </c>
      <c r="Q4551" s="5" t="s">
        <v>1522</v>
      </c>
      <c r="R4551" s="5" t="s">
        <v>1523</v>
      </c>
      <c r="S4551" s="5" t="s">
        <v>42</v>
      </c>
      <c r="T4551" s="2">
        <v>3.4910000000000001</v>
      </c>
      <c r="U4551" s="2">
        <v>2.8959999999999999</v>
      </c>
      <c r="V4551" s="2">
        <v>1.7999999999999999E-2</v>
      </c>
      <c r="W4551" s="2">
        <v>139.1</v>
      </c>
      <c r="X4551" s="2">
        <v>7.6</v>
      </c>
      <c r="Y4551" s="2">
        <v>16.7</v>
      </c>
      <c r="Z4551" s="5"/>
      <c r="AA4551" s="5" t="s">
        <v>43</v>
      </c>
      <c r="AB4551" s="5" t="s">
        <v>44</v>
      </c>
      <c r="AC4551" s="2"/>
      <c r="AD4551" s="1"/>
    </row>
    <row r="4552" spans="1:30">
      <c r="A4552" s="5" t="s">
        <v>83578</v>
      </c>
      <c r="B4552" s="2" t="s">
        <v>97258</v>
      </c>
      <c r="C4552" s="14" t="s">
        <v>97259</v>
      </c>
      <c r="D4552" s="2" t="s">
        <v>97260</v>
      </c>
      <c r="E4552" s="2" t="s">
        <v>7204</v>
      </c>
      <c r="F4552" s="8">
        <v>291</v>
      </c>
      <c r="G4552" s="5">
        <v>6</v>
      </c>
      <c r="H4552" s="5" t="s">
        <v>1518</v>
      </c>
      <c r="I4552" s="5" t="s">
        <v>36264</v>
      </c>
      <c r="J4552" s="2" t="s">
        <v>36265</v>
      </c>
      <c r="K4552" s="5" t="s">
        <v>36264</v>
      </c>
      <c r="L4552" s="2" t="s">
        <v>36265</v>
      </c>
      <c r="M4552" s="5" t="s">
        <v>36266</v>
      </c>
      <c r="N4552" s="5" t="s">
        <v>38</v>
      </c>
      <c r="O4552" s="5" t="s">
        <v>39</v>
      </c>
      <c r="P4552" s="5" t="s">
        <v>40</v>
      </c>
      <c r="Q4552" s="5" t="s">
        <v>1522</v>
      </c>
      <c r="R4552" s="5" t="s">
        <v>1523</v>
      </c>
      <c r="S4552" s="5" t="s">
        <v>42</v>
      </c>
      <c r="T4552" s="2">
        <v>2.5099999999999998</v>
      </c>
      <c r="U4552" s="2">
        <v>1.96</v>
      </c>
      <c r="V4552" s="2">
        <v>1.4999999999999999E-2</v>
      </c>
      <c r="W4552" s="2">
        <v>118.9</v>
      </c>
      <c r="X4552" s="2">
        <v>7.6</v>
      </c>
      <c r="Y4552" s="2">
        <v>16.7</v>
      </c>
      <c r="Z4552" s="5"/>
      <c r="AA4552" s="5" t="s">
        <v>43</v>
      </c>
      <c r="AB4552" s="5" t="s">
        <v>44</v>
      </c>
      <c r="AC4552" s="2"/>
      <c r="AD4552" s="1"/>
    </row>
    <row r="4553" spans="1:30">
      <c r="A4553" s="5" t="s">
        <v>83578</v>
      </c>
      <c r="B4553" s="2" t="s">
        <v>97261</v>
      </c>
      <c r="C4553" s="14" t="s">
        <v>97262</v>
      </c>
      <c r="D4553" s="2" t="s">
        <v>97263</v>
      </c>
      <c r="E4553" s="2" t="s">
        <v>36273</v>
      </c>
      <c r="F4553" s="8">
        <v>291</v>
      </c>
      <c r="G4553" s="5">
        <v>6</v>
      </c>
      <c r="H4553" s="5" t="s">
        <v>1518</v>
      </c>
      <c r="I4553" s="5" t="s">
        <v>36264</v>
      </c>
      <c r="J4553" s="2" t="s">
        <v>36265</v>
      </c>
      <c r="K4553" s="5" t="s">
        <v>36264</v>
      </c>
      <c r="L4553" s="2" t="s">
        <v>36265</v>
      </c>
      <c r="M4553" s="5" t="s">
        <v>36266</v>
      </c>
      <c r="N4553" s="5" t="s">
        <v>38</v>
      </c>
      <c r="O4553" s="5" t="s">
        <v>39</v>
      </c>
      <c r="P4553" s="5" t="s">
        <v>40</v>
      </c>
      <c r="Q4553" s="5" t="s">
        <v>1522</v>
      </c>
      <c r="R4553" s="5" t="s">
        <v>1523</v>
      </c>
      <c r="S4553" s="5" t="s">
        <v>42</v>
      </c>
      <c r="T4553" s="2">
        <v>2.5099999999999998</v>
      </c>
      <c r="U4553" s="2">
        <v>1.96</v>
      </c>
      <c r="V4553" s="2">
        <v>1.4999999999999999E-2</v>
      </c>
      <c r="W4553" s="2">
        <v>118.9</v>
      </c>
      <c r="X4553" s="2">
        <v>7.6</v>
      </c>
      <c r="Y4553" s="2">
        <v>16.7</v>
      </c>
      <c r="Z4553" s="5"/>
      <c r="AA4553" s="5" t="s">
        <v>43</v>
      </c>
      <c r="AB4553" s="5" t="s">
        <v>44</v>
      </c>
      <c r="AC4553" s="2"/>
      <c r="AD4553" s="1"/>
    </row>
    <row r="4554" spans="1:30">
      <c r="A4554" s="5" t="s">
        <v>83578</v>
      </c>
      <c r="B4554" s="2" t="s">
        <v>97264</v>
      </c>
      <c r="C4554" s="14" t="s">
        <v>97265</v>
      </c>
      <c r="D4554" s="2" t="s">
        <v>97266</v>
      </c>
      <c r="E4554" s="2" t="s">
        <v>36277</v>
      </c>
      <c r="F4554" s="8">
        <v>291</v>
      </c>
      <c r="G4554" s="5">
        <v>6</v>
      </c>
      <c r="H4554" s="5" t="s">
        <v>1518</v>
      </c>
      <c r="I4554" s="5" t="s">
        <v>36264</v>
      </c>
      <c r="J4554" s="2" t="s">
        <v>36265</v>
      </c>
      <c r="K4554" s="5" t="s">
        <v>36264</v>
      </c>
      <c r="L4554" s="2" t="s">
        <v>36265</v>
      </c>
      <c r="M4554" s="5" t="s">
        <v>36266</v>
      </c>
      <c r="N4554" s="5" t="s">
        <v>38</v>
      </c>
      <c r="O4554" s="5" t="s">
        <v>39</v>
      </c>
      <c r="P4554" s="5" t="s">
        <v>40</v>
      </c>
      <c r="Q4554" s="5" t="s">
        <v>1522</v>
      </c>
      <c r="R4554" s="5" t="s">
        <v>1523</v>
      </c>
      <c r="S4554" s="5" t="s">
        <v>42</v>
      </c>
      <c r="T4554" s="2">
        <v>2.5659999999999998</v>
      </c>
      <c r="U4554" s="2">
        <v>2.016</v>
      </c>
      <c r="V4554" s="2">
        <v>1.4999999999999999E-2</v>
      </c>
      <c r="W4554" s="2">
        <v>118.9</v>
      </c>
      <c r="X4554" s="2">
        <v>7.6</v>
      </c>
      <c r="Y4554" s="2">
        <v>16.7</v>
      </c>
      <c r="Z4554" s="5"/>
      <c r="AA4554" s="5" t="s">
        <v>43</v>
      </c>
      <c r="AB4554" s="5" t="s">
        <v>44</v>
      </c>
      <c r="AC4554" s="2"/>
      <c r="AD4554" s="1"/>
    </row>
    <row r="4555" spans="1:30">
      <c r="A4555" s="5" t="s">
        <v>83578</v>
      </c>
      <c r="B4555" s="2" t="s">
        <v>97267</v>
      </c>
      <c r="C4555" s="14" t="s">
        <v>97268</v>
      </c>
      <c r="D4555" s="2" t="s">
        <v>97269</v>
      </c>
      <c r="E4555" s="2" t="s">
        <v>36281</v>
      </c>
      <c r="F4555" s="8">
        <v>314</v>
      </c>
      <c r="G4555" s="5">
        <v>6</v>
      </c>
      <c r="H4555" s="5" t="s">
        <v>1518</v>
      </c>
      <c r="I4555" s="5" t="s">
        <v>36264</v>
      </c>
      <c r="J4555" s="2" t="s">
        <v>36265</v>
      </c>
      <c r="K4555" s="5" t="s">
        <v>36264</v>
      </c>
      <c r="L4555" s="2" t="s">
        <v>36265</v>
      </c>
      <c r="M4555" s="5" t="s">
        <v>36266</v>
      </c>
      <c r="N4555" s="5" t="s">
        <v>38</v>
      </c>
      <c r="O4555" s="5" t="s">
        <v>39</v>
      </c>
      <c r="P4555" s="5" t="s">
        <v>40</v>
      </c>
      <c r="Q4555" s="5" t="s">
        <v>1522</v>
      </c>
      <c r="R4555" s="5" t="s">
        <v>1523</v>
      </c>
      <c r="S4555" s="5" t="s">
        <v>42</v>
      </c>
      <c r="T4555" s="2">
        <v>2.5099999999999998</v>
      </c>
      <c r="U4555" s="2">
        <v>1.96</v>
      </c>
      <c r="V4555" s="2">
        <v>1.4999999999999999E-2</v>
      </c>
      <c r="W4555" s="2">
        <v>118.9</v>
      </c>
      <c r="X4555" s="2">
        <v>7.6</v>
      </c>
      <c r="Y4555" s="2">
        <v>16.7</v>
      </c>
      <c r="Z4555" s="5"/>
      <c r="AA4555" s="5" t="s">
        <v>43</v>
      </c>
      <c r="AB4555" s="5" t="s">
        <v>44</v>
      </c>
      <c r="AC4555" s="2"/>
      <c r="AD4555" s="1"/>
    </row>
    <row r="4556" spans="1:30">
      <c r="A4556" s="5" t="s">
        <v>83578</v>
      </c>
      <c r="B4556" s="2" t="s">
        <v>97270</v>
      </c>
      <c r="C4556" s="14" t="s">
        <v>97271</v>
      </c>
      <c r="D4556" s="2" t="s">
        <v>97272</v>
      </c>
      <c r="E4556" s="2" t="s">
        <v>36285</v>
      </c>
      <c r="F4556" s="8">
        <v>314</v>
      </c>
      <c r="G4556" s="5">
        <v>6</v>
      </c>
      <c r="H4556" s="5" t="s">
        <v>1518</v>
      </c>
      <c r="I4556" s="5" t="s">
        <v>36264</v>
      </c>
      <c r="J4556" s="2" t="s">
        <v>36265</v>
      </c>
      <c r="K4556" s="5" t="s">
        <v>36264</v>
      </c>
      <c r="L4556" s="2" t="s">
        <v>36265</v>
      </c>
      <c r="M4556" s="5" t="s">
        <v>36266</v>
      </c>
      <c r="N4556" s="5" t="s">
        <v>38</v>
      </c>
      <c r="O4556" s="5" t="s">
        <v>39</v>
      </c>
      <c r="P4556" s="5" t="s">
        <v>40</v>
      </c>
      <c r="Q4556" s="5" t="s">
        <v>1522</v>
      </c>
      <c r="R4556" s="5" t="s">
        <v>1523</v>
      </c>
      <c r="S4556" s="5" t="s">
        <v>42</v>
      </c>
      <c r="T4556" s="2">
        <v>2.5659999999999998</v>
      </c>
      <c r="U4556" s="2">
        <v>2.016</v>
      </c>
      <c r="V4556" s="2">
        <v>1.4999999999999999E-2</v>
      </c>
      <c r="W4556" s="2">
        <v>118.9</v>
      </c>
      <c r="X4556" s="2">
        <v>7.6</v>
      </c>
      <c r="Y4556" s="2">
        <v>16.7</v>
      </c>
      <c r="Z4556" s="5"/>
      <c r="AA4556" s="5" t="s">
        <v>43</v>
      </c>
      <c r="AB4556" s="5" t="s">
        <v>44</v>
      </c>
      <c r="AC4556" s="2"/>
      <c r="AD4556" s="1"/>
    </row>
    <row r="4557" spans="1:30">
      <c r="A4557" s="5" t="s">
        <v>83578</v>
      </c>
      <c r="B4557" s="2" t="s">
        <v>97273</v>
      </c>
      <c r="C4557" s="14" t="s">
        <v>97274</v>
      </c>
      <c r="D4557" s="2" t="s">
        <v>97275</v>
      </c>
      <c r="E4557" s="2" t="s">
        <v>36289</v>
      </c>
      <c r="F4557" s="8">
        <v>314</v>
      </c>
      <c r="G4557" s="5">
        <v>6</v>
      </c>
      <c r="H4557" s="5" t="s">
        <v>1518</v>
      </c>
      <c r="I4557" s="5" t="s">
        <v>36264</v>
      </c>
      <c r="J4557" s="2" t="s">
        <v>36265</v>
      </c>
      <c r="K4557" s="5" t="s">
        <v>36264</v>
      </c>
      <c r="L4557" s="2" t="s">
        <v>36265</v>
      </c>
      <c r="M4557" s="5" t="s">
        <v>36266</v>
      </c>
      <c r="N4557" s="5" t="s">
        <v>38</v>
      </c>
      <c r="O4557" s="5" t="s">
        <v>39</v>
      </c>
      <c r="P4557" s="5" t="s">
        <v>40</v>
      </c>
      <c r="Q4557" s="5" t="s">
        <v>1522</v>
      </c>
      <c r="R4557" s="5" t="s">
        <v>1523</v>
      </c>
      <c r="S4557" s="5" t="s">
        <v>42</v>
      </c>
      <c r="T4557" s="2">
        <v>2.5099999999999998</v>
      </c>
      <c r="U4557" s="2">
        <v>1.96</v>
      </c>
      <c r="V4557" s="2">
        <v>1.4999999999999999E-2</v>
      </c>
      <c r="W4557" s="2">
        <v>118.9</v>
      </c>
      <c r="X4557" s="2">
        <v>7.6</v>
      </c>
      <c r="Y4557" s="2">
        <v>16.7</v>
      </c>
      <c r="Z4557" s="5"/>
      <c r="AA4557" s="5" t="s">
        <v>43</v>
      </c>
      <c r="AB4557" s="5" t="s">
        <v>44</v>
      </c>
      <c r="AC4557" s="2"/>
      <c r="AD4557" s="1"/>
    </row>
    <row r="4558" spans="1:30">
      <c r="A4558" s="5" t="s">
        <v>83578</v>
      </c>
      <c r="B4558" s="2" t="s">
        <v>97276</v>
      </c>
      <c r="C4558" s="14" t="s">
        <v>97277</v>
      </c>
      <c r="D4558" s="2" t="s">
        <v>97278</v>
      </c>
      <c r="E4558" s="2" t="s">
        <v>36293</v>
      </c>
      <c r="F4558" s="8">
        <v>314</v>
      </c>
      <c r="G4558" s="5">
        <v>6</v>
      </c>
      <c r="H4558" s="5" t="s">
        <v>1518</v>
      </c>
      <c r="I4558" s="5" t="s">
        <v>36264</v>
      </c>
      <c r="J4558" s="2" t="s">
        <v>36265</v>
      </c>
      <c r="K4558" s="5" t="s">
        <v>36264</v>
      </c>
      <c r="L4558" s="2" t="s">
        <v>36265</v>
      </c>
      <c r="M4558" s="5" t="s">
        <v>36266</v>
      </c>
      <c r="N4558" s="5" t="s">
        <v>38</v>
      </c>
      <c r="O4558" s="5" t="s">
        <v>39</v>
      </c>
      <c r="P4558" s="5" t="s">
        <v>40</v>
      </c>
      <c r="Q4558" s="5" t="s">
        <v>1522</v>
      </c>
      <c r="R4558" s="5" t="s">
        <v>1523</v>
      </c>
      <c r="S4558" s="5" t="s">
        <v>42</v>
      </c>
      <c r="T4558" s="2">
        <v>2.5659999999999998</v>
      </c>
      <c r="U4558" s="2">
        <v>2.016</v>
      </c>
      <c r="V4558" s="2">
        <v>1.4999999999999999E-2</v>
      </c>
      <c r="W4558" s="2">
        <v>118.9</v>
      </c>
      <c r="X4558" s="2">
        <v>7.6</v>
      </c>
      <c r="Y4558" s="2">
        <v>16.7</v>
      </c>
      <c r="Z4558" s="5"/>
      <c r="AA4558" s="5" t="s">
        <v>43</v>
      </c>
      <c r="AB4558" s="5" t="s">
        <v>44</v>
      </c>
      <c r="AC4558" s="2"/>
      <c r="AD4558" s="1"/>
    </row>
    <row r="4559" spans="1:30">
      <c r="A4559" s="5" t="s">
        <v>83578</v>
      </c>
      <c r="B4559" s="2" t="s">
        <v>97279</v>
      </c>
      <c r="C4559" s="14" t="s">
        <v>97280</v>
      </c>
      <c r="D4559" s="2" t="s">
        <v>97281</v>
      </c>
      <c r="E4559" s="2" t="s">
        <v>36297</v>
      </c>
      <c r="F4559" s="8">
        <v>291</v>
      </c>
      <c r="G4559" s="5">
        <v>6</v>
      </c>
      <c r="H4559" s="5" t="s">
        <v>1518</v>
      </c>
      <c r="I4559" s="5" t="s">
        <v>36264</v>
      </c>
      <c r="J4559" s="2" t="s">
        <v>36265</v>
      </c>
      <c r="K4559" s="5" t="s">
        <v>36264</v>
      </c>
      <c r="L4559" s="2" t="s">
        <v>36265</v>
      </c>
      <c r="M4559" s="5" t="s">
        <v>36266</v>
      </c>
      <c r="N4559" s="5" t="s">
        <v>38</v>
      </c>
      <c r="O4559" s="5" t="s">
        <v>39</v>
      </c>
      <c r="P4559" s="5" t="s">
        <v>40</v>
      </c>
      <c r="Q4559" s="5" t="s">
        <v>1522</v>
      </c>
      <c r="R4559" s="5" t="s">
        <v>1523</v>
      </c>
      <c r="S4559" s="5" t="s">
        <v>42</v>
      </c>
      <c r="T4559" s="2">
        <v>2.5099999999999998</v>
      </c>
      <c r="U4559" s="2">
        <v>1.96</v>
      </c>
      <c r="V4559" s="2">
        <v>1.4999999999999999E-2</v>
      </c>
      <c r="W4559" s="2">
        <v>118.9</v>
      </c>
      <c r="X4559" s="2">
        <v>7.6</v>
      </c>
      <c r="Y4559" s="2">
        <v>16.7</v>
      </c>
      <c r="Z4559" s="5"/>
      <c r="AA4559" s="5" t="s">
        <v>43</v>
      </c>
      <c r="AB4559" s="5" t="s">
        <v>44</v>
      </c>
      <c r="AC4559" s="2"/>
      <c r="AD4559" s="1"/>
    </row>
    <row r="4560" spans="1:30">
      <c r="A4560" s="5" t="s">
        <v>83578</v>
      </c>
      <c r="B4560" s="2" t="s">
        <v>97282</v>
      </c>
      <c r="C4560" s="14" t="s">
        <v>97283</v>
      </c>
      <c r="D4560" s="2" t="s">
        <v>97284</v>
      </c>
      <c r="E4560" s="2" t="s">
        <v>36301</v>
      </c>
      <c r="F4560" s="8">
        <v>291</v>
      </c>
      <c r="G4560" s="5">
        <v>6</v>
      </c>
      <c r="H4560" s="5" t="s">
        <v>1518</v>
      </c>
      <c r="I4560" s="5" t="s">
        <v>36264</v>
      </c>
      <c r="J4560" s="2" t="s">
        <v>36265</v>
      </c>
      <c r="K4560" s="5" t="s">
        <v>36264</v>
      </c>
      <c r="L4560" s="2" t="s">
        <v>36265</v>
      </c>
      <c r="M4560" s="5" t="s">
        <v>36266</v>
      </c>
      <c r="N4560" s="5" t="s">
        <v>38</v>
      </c>
      <c r="O4560" s="5" t="s">
        <v>39</v>
      </c>
      <c r="P4560" s="5" t="s">
        <v>40</v>
      </c>
      <c r="Q4560" s="5" t="s">
        <v>1522</v>
      </c>
      <c r="R4560" s="5" t="s">
        <v>1523</v>
      </c>
      <c r="S4560" s="5" t="s">
        <v>42</v>
      </c>
      <c r="T4560" s="2">
        <v>2.5659999999999998</v>
      </c>
      <c r="U4560" s="2">
        <v>2.016</v>
      </c>
      <c r="V4560" s="2">
        <v>1.4999999999999999E-2</v>
      </c>
      <c r="W4560" s="2">
        <v>118.9</v>
      </c>
      <c r="X4560" s="2">
        <v>7.6</v>
      </c>
      <c r="Y4560" s="2">
        <v>16.7</v>
      </c>
      <c r="Z4560" s="5"/>
      <c r="AA4560" s="5" t="s">
        <v>43</v>
      </c>
      <c r="AB4560" s="5" t="s">
        <v>44</v>
      </c>
      <c r="AC4560" s="2"/>
      <c r="AD4560" s="1"/>
    </row>
    <row r="4561" spans="1:30">
      <c r="A4561" s="5" t="s">
        <v>83578</v>
      </c>
      <c r="B4561" s="2" t="s">
        <v>97285</v>
      </c>
      <c r="C4561" s="14" t="s">
        <v>97286</v>
      </c>
      <c r="D4561" s="2" t="s">
        <v>97287</v>
      </c>
      <c r="E4561" s="2" t="s">
        <v>36305</v>
      </c>
      <c r="F4561" s="8">
        <v>291</v>
      </c>
      <c r="G4561" s="5">
        <v>6</v>
      </c>
      <c r="H4561" s="5" t="s">
        <v>1518</v>
      </c>
      <c r="I4561" s="5" t="s">
        <v>36264</v>
      </c>
      <c r="J4561" s="2" t="s">
        <v>36265</v>
      </c>
      <c r="K4561" s="5" t="s">
        <v>36264</v>
      </c>
      <c r="L4561" s="2" t="s">
        <v>36265</v>
      </c>
      <c r="M4561" s="5" t="s">
        <v>36266</v>
      </c>
      <c r="N4561" s="5" t="s">
        <v>38</v>
      </c>
      <c r="O4561" s="5" t="s">
        <v>39</v>
      </c>
      <c r="P4561" s="5" t="s">
        <v>40</v>
      </c>
      <c r="Q4561" s="5" t="s">
        <v>1522</v>
      </c>
      <c r="R4561" s="5" t="s">
        <v>1523</v>
      </c>
      <c r="S4561" s="5" t="s">
        <v>42</v>
      </c>
      <c r="T4561" s="2">
        <v>2.5099999999999998</v>
      </c>
      <c r="U4561" s="2">
        <v>1.96</v>
      </c>
      <c r="V4561" s="2">
        <v>1.4999999999999999E-2</v>
      </c>
      <c r="W4561" s="2">
        <v>118.9</v>
      </c>
      <c r="X4561" s="2">
        <v>7.6</v>
      </c>
      <c r="Y4561" s="2">
        <v>16.7</v>
      </c>
      <c r="Z4561" s="5"/>
      <c r="AA4561" s="5" t="s">
        <v>43</v>
      </c>
      <c r="AB4561" s="5" t="s">
        <v>44</v>
      </c>
      <c r="AC4561" s="2"/>
      <c r="AD4561" s="1"/>
    </row>
    <row r="4562" spans="1:30">
      <c r="A4562" s="5" t="s">
        <v>83578</v>
      </c>
      <c r="B4562" s="2" t="s">
        <v>97288</v>
      </c>
      <c r="C4562" s="14" t="s">
        <v>97289</v>
      </c>
      <c r="D4562" s="2" t="s">
        <v>97290</v>
      </c>
      <c r="E4562" s="2" t="s">
        <v>36309</v>
      </c>
      <c r="F4562" s="8">
        <v>291</v>
      </c>
      <c r="G4562" s="5">
        <v>6</v>
      </c>
      <c r="H4562" s="5" t="s">
        <v>1518</v>
      </c>
      <c r="I4562" s="5" t="s">
        <v>36264</v>
      </c>
      <c r="J4562" s="2" t="s">
        <v>36265</v>
      </c>
      <c r="K4562" s="5" t="s">
        <v>36264</v>
      </c>
      <c r="L4562" s="2" t="s">
        <v>36265</v>
      </c>
      <c r="M4562" s="5" t="s">
        <v>36266</v>
      </c>
      <c r="N4562" s="5" t="s">
        <v>38</v>
      </c>
      <c r="O4562" s="5" t="s">
        <v>39</v>
      </c>
      <c r="P4562" s="5" t="s">
        <v>40</v>
      </c>
      <c r="Q4562" s="5" t="s">
        <v>1522</v>
      </c>
      <c r="R4562" s="5" t="s">
        <v>1523</v>
      </c>
      <c r="S4562" s="5" t="s">
        <v>42</v>
      </c>
      <c r="T4562" s="2">
        <v>2.5659999999999998</v>
      </c>
      <c r="U4562" s="2">
        <v>2.016</v>
      </c>
      <c r="V4562" s="2">
        <v>1.4999999999999999E-2</v>
      </c>
      <c r="W4562" s="2">
        <v>118.9</v>
      </c>
      <c r="X4562" s="2">
        <v>7.6</v>
      </c>
      <c r="Y4562" s="2">
        <v>16.7</v>
      </c>
      <c r="Z4562" s="5"/>
      <c r="AA4562" s="5" t="s">
        <v>43</v>
      </c>
      <c r="AB4562" s="5" t="s">
        <v>44</v>
      </c>
      <c r="AC4562" s="2"/>
      <c r="AD4562" s="1"/>
    </row>
    <row r="4563" spans="1:30">
      <c r="A4563" s="5" t="s">
        <v>83578</v>
      </c>
      <c r="B4563" s="2" t="s">
        <v>97291</v>
      </c>
      <c r="C4563" s="14" t="s">
        <v>97292</v>
      </c>
      <c r="D4563" s="2" t="s">
        <v>97293</v>
      </c>
      <c r="E4563" s="2" t="s">
        <v>36313</v>
      </c>
      <c r="F4563" s="8">
        <v>314</v>
      </c>
      <c r="G4563" s="5">
        <v>6</v>
      </c>
      <c r="H4563" s="5" t="s">
        <v>1518</v>
      </c>
      <c r="I4563" s="5" t="s">
        <v>36264</v>
      </c>
      <c r="J4563" s="2" t="s">
        <v>36265</v>
      </c>
      <c r="K4563" s="5" t="s">
        <v>36264</v>
      </c>
      <c r="L4563" s="2" t="s">
        <v>36265</v>
      </c>
      <c r="M4563" s="5" t="s">
        <v>36266</v>
      </c>
      <c r="N4563" s="5" t="s">
        <v>38</v>
      </c>
      <c r="O4563" s="5" t="s">
        <v>39</v>
      </c>
      <c r="P4563" s="5" t="s">
        <v>40</v>
      </c>
      <c r="Q4563" s="5" t="s">
        <v>1522</v>
      </c>
      <c r="R4563" s="5" t="s">
        <v>1523</v>
      </c>
      <c r="S4563" s="5" t="s">
        <v>42</v>
      </c>
      <c r="T4563" s="2">
        <v>2.5099999999999998</v>
      </c>
      <c r="U4563" s="2">
        <v>1.96</v>
      </c>
      <c r="V4563" s="2">
        <v>1.4999999999999999E-2</v>
      </c>
      <c r="W4563" s="2">
        <v>118.9</v>
      </c>
      <c r="X4563" s="2">
        <v>7.6</v>
      </c>
      <c r="Y4563" s="2">
        <v>16.7</v>
      </c>
      <c r="Z4563" s="5"/>
      <c r="AA4563" s="5" t="s">
        <v>43</v>
      </c>
      <c r="AB4563" s="5" t="s">
        <v>44</v>
      </c>
      <c r="AC4563" s="2"/>
      <c r="AD4563" s="1"/>
    </row>
    <row r="4564" spans="1:30">
      <c r="A4564" s="5" t="s">
        <v>83578</v>
      </c>
      <c r="B4564" s="2" t="s">
        <v>97294</v>
      </c>
      <c r="C4564" s="14" t="s">
        <v>97295</v>
      </c>
      <c r="D4564" s="2" t="s">
        <v>97296</v>
      </c>
      <c r="E4564" s="2" t="s">
        <v>36317</v>
      </c>
      <c r="F4564" s="8">
        <v>314</v>
      </c>
      <c r="G4564" s="5">
        <v>6</v>
      </c>
      <c r="H4564" s="5" t="s">
        <v>1518</v>
      </c>
      <c r="I4564" s="5" t="s">
        <v>36264</v>
      </c>
      <c r="J4564" s="2" t="s">
        <v>36265</v>
      </c>
      <c r="K4564" s="5" t="s">
        <v>36264</v>
      </c>
      <c r="L4564" s="2" t="s">
        <v>36265</v>
      </c>
      <c r="M4564" s="5" t="s">
        <v>36266</v>
      </c>
      <c r="N4564" s="5" t="s">
        <v>38</v>
      </c>
      <c r="O4564" s="5" t="s">
        <v>39</v>
      </c>
      <c r="P4564" s="5" t="s">
        <v>40</v>
      </c>
      <c r="Q4564" s="5" t="s">
        <v>1522</v>
      </c>
      <c r="R4564" s="5" t="s">
        <v>1523</v>
      </c>
      <c r="S4564" s="5" t="s">
        <v>42</v>
      </c>
      <c r="T4564" s="2">
        <v>2.5659999999999998</v>
      </c>
      <c r="U4564" s="2">
        <v>2.016</v>
      </c>
      <c r="V4564" s="2">
        <v>1.4999999999999999E-2</v>
      </c>
      <c r="W4564" s="2">
        <v>118.9</v>
      </c>
      <c r="X4564" s="2">
        <v>7.6</v>
      </c>
      <c r="Y4564" s="2">
        <v>16.7</v>
      </c>
      <c r="Z4564" s="5"/>
      <c r="AA4564" s="5" t="s">
        <v>43</v>
      </c>
      <c r="AB4564" s="5" t="s">
        <v>44</v>
      </c>
      <c r="AC4564" s="2"/>
      <c r="AD4564" s="1"/>
    </row>
    <row r="4565" spans="1:30">
      <c r="A4565" s="5" t="s">
        <v>83578</v>
      </c>
      <c r="B4565" s="2" t="s">
        <v>97297</v>
      </c>
      <c r="C4565" s="14" t="s">
        <v>97298</v>
      </c>
      <c r="D4565" s="2" t="s">
        <v>97299</v>
      </c>
      <c r="E4565" s="2" t="s">
        <v>36321</v>
      </c>
      <c r="F4565" s="8">
        <v>314</v>
      </c>
      <c r="G4565" s="5">
        <v>6</v>
      </c>
      <c r="H4565" s="5" t="s">
        <v>1518</v>
      </c>
      <c r="I4565" s="5" t="s">
        <v>36264</v>
      </c>
      <c r="J4565" s="2" t="s">
        <v>36265</v>
      </c>
      <c r="K4565" s="5" t="s">
        <v>36264</v>
      </c>
      <c r="L4565" s="2" t="s">
        <v>36265</v>
      </c>
      <c r="M4565" s="5" t="s">
        <v>36266</v>
      </c>
      <c r="N4565" s="5" t="s">
        <v>38</v>
      </c>
      <c r="O4565" s="5" t="s">
        <v>39</v>
      </c>
      <c r="P4565" s="5" t="s">
        <v>40</v>
      </c>
      <c r="Q4565" s="5" t="s">
        <v>1522</v>
      </c>
      <c r="R4565" s="5" t="s">
        <v>1523</v>
      </c>
      <c r="S4565" s="5" t="s">
        <v>42</v>
      </c>
      <c r="T4565" s="2">
        <v>2.5099999999999998</v>
      </c>
      <c r="U4565" s="2">
        <v>1.96</v>
      </c>
      <c r="V4565" s="2">
        <v>1.4999999999999999E-2</v>
      </c>
      <c r="W4565" s="2">
        <v>118.9</v>
      </c>
      <c r="X4565" s="2">
        <v>7.6</v>
      </c>
      <c r="Y4565" s="2">
        <v>16.7</v>
      </c>
      <c r="Z4565" s="5"/>
      <c r="AA4565" s="5" t="s">
        <v>43</v>
      </c>
      <c r="AB4565" s="5" t="s">
        <v>44</v>
      </c>
      <c r="AC4565" s="2"/>
      <c r="AD4565" s="1"/>
    </row>
    <row r="4566" spans="1:30">
      <c r="A4566" s="5" t="s">
        <v>83578</v>
      </c>
      <c r="B4566" s="2" t="s">
        <v>97300</v>
      </c>
      <c r="C4566" s="14" t="s">
        <v>97301</v>
      </c>
      <c r="D4566" s="2" t="s">
        <v>97302</v>
      </c>
      <c r="E4566" s="2" t="s">
        <v>36325</v>
      </c>
      <c r="F4566" s="8">
        <v>314</v>
      </c>
      <c r="G4566" s="5">
        <v>6</v>
      </c>
      <c r="H4566" s="5" t="s">
        <v>1518</v>
      </c>
      <c r="I4566" s="5" t="s">
        <v>36264</v>
      </c>
      <c r="J4566" s="2" t="s">
        <v>36265</v>
      </c>
      <c r="K4566" s="5" t="s">
        <v>36264</v>
      </c>
      <c r="L4566" s="2" t="s">
        <v>36265</v>
      </c>
      <c r="M4566" s="5" t="s">
        <v>36266</v>
      </c>
      <c r="N4566" s="5" t="s">
        <v>38</v>
      </c>
      <c r="O4566" s="5" t="s">
        <v>39</v>
      </c>
      <c r="P4566" s="5" t="s">
        <v>40</v>
      </c>
      <c r="Q4566" s="5" t="s">
        <v>1522</v>
      </c>
      <c r="R4566" s="5" t="s">
        <v>1523</v>
      </c>
      <c r="S4566" s="5" t="s">
        <v>42</v>
      </c>
      <c r="T4566" s="2">
        <v>2.5659999999999998</v>
      </c>
      <c r="U4566" s="2">
        <v>2.016</v>
      </c>
      <c r="V4566" s="2">
        <v>1.4999999999999999E-2</v>
      </c>
      <c r="W4566" s="2">
        <v>118.9</v>
      </c>
      <c r="X4566" s="2">
        <v>7.6</v>
      </c>
      <c r="Y4566" s="2">
        <v>16.7</v>
      </c>
      <c r="Z4566" s="5"/>
      <c r="AA4566" s="5" t="s">
        <v>43</v>
      </c>
      <c r="AB4566" s="5" t="s">
        <v>44</v>
      </c>
      <c r="AC4566" s="2"/>
      <c r="AD4566" s="1"/>
    </row>
    <row r="4567" spans="1:30">
      <c r="A4567" s="5" t="s">
        <v>83578</v>
      </c>
      <c r="B4567" s="2" t="s">
        <v>97303</v>
      </c>
      <c r="C4567" s="14" t="s">
        <v>97304</v>
      </c>
      <c r="D4567" s="2" t="s">
        <v>97305</v>
      </c>
      <c r="E4567" s="2" t="s">
        <v>36329</v>
      </c>
      <c r="F4567" s="8">
        <v>314</v>
      </c>
      <c r="G4567" s="5">
        <v>6</v>
      </c>
      <c r="H4567" s="5" t="s">
        <v>1518</v>
      </c>
      <c r="I4567" s="5" t="s">
        <v>36264</v>
      </c>
      <c r="J4567" s="2" t="s">
        <v>36265</v>
      </c>
      <c r="K4567" s="5" t="s">
        <v>36264</v>
      </c>
      <c r="L4567" s="2" t="s">
        <v>36265</v>
      </c>
      <c r="M4567" s="5" t="s">
        <v>36266</v>
      </c>
      <c r="N4567" s="5" t="s">
        <v>38</v>
      </c>
      <c r="O4567" s="5" t="s">
        <v>39</v>
      </c>
      <c r="P4567" s="5" t="s">
        <v>40</v>
      </c>
      <c r="Q4567" s="5" t="s">
        <v>1522</v>
      </c>
      <c r="R4567" s="5" t="s">
        <v>1523</v>
      </c>
      <c r="S4567" s="5" t="s">
        <v>42</v>
      </c>
      <c r="T4567" s="2">
        <v>2.5099999999999998</v>
      </c>
      <c r="U4567" s="2">
        <v>1.96</v>
      </c>
      <c r="V4567" s="2">
        <v>1.4999999999999999E-2</v>
      </c>
      <c r="W4567" s="2">
        <v>118.9</v>
      </c>
      <c r="X4567" s="2">
        <v>7.6</v>
      </c>
      <c r="Y4567" s="2">
        <v>16.7</v>
      </c>
      <c r="Z4567" s="5"/>
      <c r="AA4567" s="5" t="s">
        <v>43</v>
      </c>
      <c r="AB4567" s="5" t="s">
        <v>44</v>
      </c>
      <c r="AC4567" s="2"/>
      <c r="AD4567" s="1"/>
    </row>
    <row r="4568" spans="1:30">
      <c r="A4568" s="5" t="s">
        <v>83578</v>
      </c>
      <c r="B4568" s="2" t="s">
        <v>97306</v>
      </c>
      <c r="C4568" s="14" t="s">
        <v>97307</v>
      </c>
      <c r="D4568" s="2" t="s">
        <v>97308</v>
      </c>
      <c r="E4568" s="2" t="s">
        <v>36333</v>
      </c>
      <c r="F4568" s="8">
        <v>314</v>
      </c>
      <c r="G4568" s="5">
        <v>6</v>
      </c>
      <c r="H4568" s="5" t="s">
        <v>1518</v>
      </c>
      <c r="I4568" s="5" t="s">
        <v>36264</v>
      </c>
      <c r="J4568" s="2" t="s">
        <v>36265</v>
      </c>
      <c r="K4568" s="5" t="s">
        <v>36264</v>
      </c>
      <c r="L4568" s="2" t="s">
        <v>36265</v>
      </c>
      <c r="M4568" s="5" t="s">
        <v>36266</v>
      </c>
      <c r="N4568" s="5" t="s">
        <v>38</v>
      </c>
      <c r="O4568" s="5" t="s">
        <v>39</v>
      </c>
      <c r="P4568" s="5" t="s">
        <v>40</v>
      </c>
      <c r="Q4568" s="5" t="s">
        <v>1522</v>
      </c>
      <c r="R4568" s="5" t="s">
        <v>1523</v>
      </c>
      <c r="S4568" s="5" t="s">
        <v>42</v>
      </c>
      <c r="T4568" s="2">
        <v>2.5659999999999998</v>
      </c>
      <c r="U4568" s="2">
        <v>2.016</v>
      </c>
      <c r="V4568" s="2">
        <v>1.4999999999999999E-2</v>
      </c>
      <c r="W4568" s="2">
        <v>118.9</v>
      </c>
      <c r="X4568" s="2">
        <v>7.6</v>
      </c>
      <c r="Y4568" s="2">
        <v>16.7</v>
      </c>
      <c r="Z4568" s="5"/>
      <c r="AA4568" s="5" t="s">
        <v>43</v>
      </c>
      <c r="AB4568" s="5" t="s">
        <v>44</v>
      </c>
      <c r="AC4568" s="2"/>
      <c r="AD4568" s="1"/>
    </row>
    <row r="4569" spans="1:30">
      <c r="A4569" s="5" t="s">
        <v>83578</v>
      </c>
      <c r="B4569" s="2" t="s">
        <v>97309</v>
      </c>
      <c r="C4569" s="14" t="s">
        <v>97310</v>
      </c>
      <c r="D4569" s="2" t="s">
        <v>97311</v>
      </c>
      <c r="E4569" s="2" t="s">
        <v>36337</v>
      </c>
      <c r="F4569" s="8">
        <v>314</v>
      </c>
      <c r="G4569" s="5">
        <v>6</v>
      </c>
      <c r="H4569" s="5" t="s">
        <v>1518</v>
      </c>
      <c r="I4569" s="5" t="s">
        <v>36264</v>
      </c>
      <c r="J4569" s="2" t="s">
        <v>36265</v>
      </c>
      <c r="K4569" s="5" t="s">
        <v>36264</v>
      </c>
      <c r="L4569" s="2" t="s">
        <v>36265</v>
      </c>
      <c r="M4569" s="5" t="s">
        <v>36266</v>
      </c>
      <c r="N4569" s="5" t="s">
        <v>38</v>
      </c>
      <c r="O4569" s="5" t="s">
        <v>39</v>
      </c>
      <c r="P4569" s="5" t="s">
        <v>40</v>
      </c>
      <c r="Q4569" s="5" t="s">
        <v>1522</v>
      </c>
      <c r="R4569" s="5" t="s">
        <v>1523</v>
      </c>
      <c r="S4569" s="5" t="s">
        <v>42</v>
      </c>
      <c r="T4569" s="2">
        <v>2.5099999999999998</v>
      </c>
      <c r="U4569" s="2">
        <v>1.96</v>
      </c>
      <c r="V4569" s="2">
        <v>1.4999999999999999E-2</v>
      </c>
      <c r="W4569" s="2">
        <v>118.9</v>
      </c>
      <c r="X4569" s="2">
        <v>7.6</v>
      </c>
      <c r="Y4569" s="2">
        <v>16.7</v>
      </c>
      <c r="Z4569" s="5"/>
      <c r="AA4569" s="5" t="s">
        <v>43</v>
      </c>
      <c r="AB4569" s="5" t="s">
        <v>44</v>
      </c>
      <c r="AC4569" s="2"/>
      <c r="AD4569" s="1"/>
    </row>
    <row r="4570" spans="1:30">
      <c r="A4570" s="5" t="s">
        <v>83578</v>
      </c>
      <c r="B4570" s="2" t="s">
        <v>97312</v>
      </c>
      <c r="C4570" s="14" t="s">
        <v>97313</v>
      </c>
      <c r="D4570" s="2" t="s">
        <v>97314</v>
      </c>
      <c r="E4570" s="2" t="s">
        <v>36341</v>
      </c>
      <c r="F4570" s="8">
        <v>314</v>
      </c>
      <c r="G4570" s="5">
        <v>6</v>
      </c>
      <c r="H4570" s="5" t="s">
        <v>1518</v>
      </c>
      <c r="I4570" s="5" t="s">
        <v>36264</v>
      </c>
      <c r="J4570" s="2" t="s">
        <v>36265</v>
      </c>
      <c r="K4570" s="5" t="s">
        <v>36264</v>
      </c>
      <c r="L4570" s="2" t="s">
        <v>36265</v>
      </c>
      <c r="M4570" s="5" t="s">
        <v>36266</v>
      </c>
      <c r="N4570" s="5" t="s">
        <v>38</v>
      </c>
      <c r="O4570" s="5" t="s">
        <v>39</v>
      </c>
      <c r="P4570" s="5" t="s">
        <v>40</v>
      </c>
      <c r="Q4570" s="5" t="s">
        <v>1522</v>
      </c>
      <c r="R4570" s="5" t="s">
        <v>1523</v>
      </c>
      <c r="S4570" s="5" t="s">
        <v>42</v>
      </c>
      <c r="T4570" s="2">
        <v>2.5659999999999998</v>
      </c>
      <c r="U4570" s="2">
        <v>2.016</v>
      </c>
      <c r="V4570" s="2">
        <v>1.4999999999999999E-2</v>
      </c>
      <c r="W4570" s="2">
        <v>118.9</v>
      </c>
      <c r="X4570" s="2">
        <v>7.6</v>
      </c>
      <c r="Y4570" s="2">
        <v>16.7</v>
      </c>
      <c r="Z4570" s="5"/>
      <c r="AA4570" s="5" t="s">
        <v>43</v>
      </c>
      <c r="AB4570" s="5" t="s">
        <v>44</v>
      </c>
      <c r="AC4570" s="2"/>
      <c r="AD4570" s="1"/>
    </row>
    <row r="4571" spans="1:30">
      <c r="A4571" s="5" t="s">
        <v>83578</v>
      </c>
      <c r="B4571" s="2" t="s">
        <v>97315</v>
      </c>
      <c r="C4571" s="14" t="s">
        <v>97316</v>
      </c>
      <c r="D4571" s="2" t="s">
        <v>97317</v>
      </c>
      <c r="E4571" s="2" t="s">
        <v>36345</v>
      </c>
      <c r="F4571" s="8">
        <v>314</v>
      </c>
      <c r="G4571" s="5">
        <v>6</v>
      </c>
      <c r="H4571" s="5" t="s">
        <v>1518</v>
      </c>
      <c r="I4571" s="5" t="s">
        <v>36264</v>
      </c>
      <c r="J4571" s="2" t="s">
        <v>36265</v>
      </c>
      <c r="K4571" s="5" t="s">
        <v>36264</v>
      </c>
      <c r="L4571" s="2" t="s">
        <v>36265</v>
      </c>
      <c r="M4571" s="5" t="s">
        <v>36266</v>
      </c>
      <c r="N4571" s="5" t="s">
        <v>38</v>
      </c>
      <c r="O4571" s="5" t="s">
        <v>39</v>
      </c>
      <c r="P4571" s="5" t="s">
        <v>40</v>
      </c>
      <c r="Q4571" s="5" t="s">
        <v>1522</v>
      </c>
      <c r="R4571" s="5" t="s">
        <v>1523</v>
      </c>
      <c r="S4571" s="5" t="s">
        <v>42</v>
      </c>
      <c r="T4571" s="2">
        <v>2.5099999999999998</v>
      </c>
      <c r="U4571" s="2">
        <v>1.96</v>
      </c>
      <c r="V4571" s="2">
        <v>1.4999999999999999E-2</v>
      </c>
      <c r="W4571" s="2">
        <v>118.9</v>
      </c>
      <c r="X4571" s="2">
        <v>7.6</v>
      </c>
      <c r="Y4571" s="2">
        <v>16.7</v>
      </c>
      <c r="Z4571" s="5"/>
      <c r="AA4571" s="5" t="s">
        <v>43</v>
      </c>
      <c r="AB4571" s="5" t="s">
        <v>44</v>
      </c>
      <c r="AC4571" s="2"/>
      <c r="AD4571" s="1"/>
    </row>
    <row r="4572" spans="1:30">
      <c r="A4572" s="5" t="s">
        <v>83578</v>
      </c>
      <c r="B4572" s="2" t="s">
        <v>97318</v>
      </c>
      <c r="C4572" s="14" t="s">
        <v>97319</v>
      </c>
      <c r="D4572" s="2" t="s">
        <v>97320</v>
      </c>
      <c r="E4572" s="2" t="s">
        <v>36349</v>
      </c>
      <c r="F4572" s="8">
        <v>314</v>
      </c>
      <c r="G4572" s="5">
        <v>6</v>
      </c>
      <c r="H4572" s="5" t="s">
        <v>1518</v>
      </c>
      <c r="I4572" s="5" t="s">
        <v>36264</v>
      </c>
      <c r="J4572" s="2" t="s">
        <v>36265</v>
      </c>
      <c r="K4572" s="5" t="s">
        <v>36264</v>
      </c>
      <c r="L4572" s="2" t="s">
        <v>36265</v>
      </c>
      <c r="M4572" s="5" t="s">
        <v>36266</v>
      </c>
      <c r="N4572" s="5" t="s">
        <v>38</v>
      </c>
      <c r="O4572" s="5" t="s">
        <v>39</v>
      </c>
      <c r="P4572" s="5" t="s">
        <v>40</v>
      </c>
      <c r="Q4572" s="5" t="s">
        <v>1522</v>
      </c>
      <c r="R4572" s="5" t="s">
        <v>1523</v>
      </c>
      <c r="S4572" s="5" t="s">
        <v>42</v>
      </c>
      <c r="T4572" s="2">
        <v>2.5659999999999998</v>
      </c>
      <c r="U4572" s="2">
        <v>2.016</v>
      </c>
      <c r="V4572" s="2">
        <v>1.4999999999999999E-2</v>
      </c>
      <c r="W4572" s="2">
        <v>118.9</v>
      </c>
      <c r="X4572" s="2">
        <v>7.6</v>
      </c>
      <c r="Y4572" s="2">
        <v>16.7</v>
      </c>
      <c r="Z4572" s="5"/>
      <c r="AA4572" s="5" t="s">
        <v>43</v>
      </c>
      <c r="AB4572" s="5" t="s">
        <v>44</v>
      </c>
      <c r="AC4572" s="2"/>
      <c r="AD4572" s="1"/>
    </row>
    <row r="4573" spans="1:30">
      <c r="A4573" s="5" t="s">
        <v>83578</v>
      </c>
      <c r="B4573" s="2" t="s">
        <v>97321</v>
      </c>
      <c r="C4573" s="14" t="s">
        <v>97322</v>
      </c>
      <c r="D4573" s="2" t="s">
        <v>97323</v>
      </c>
      <c r="E4573" s="2" t="s">
        <v>36353</v>
      </c>
      <c r="F4573" s="8">
        <v>314</v>
      </c>
      <c r="G4573" s="5">
        <v>6</v>
      </c>
      <c r="H4573" s="5" t="s">
        <v>1518</v>
      </c>
      <c r="I4573" s="5" t="s">
        <v>36264</v>
      </c>
      <c r="J4573" s="2" t="s">
        <v>36265</v>
      </c>
      <c r="K4573" s="5" t="s">
        <v>36264</v>
      </c>
      <c r="L4573" s="2" t="s">
        <v>36265</v>
      </c>
      <c r="M4573" s="5" t="s">
        <v>36266</v>
      </c>
      <c r="N4573" s="5" t="s">
        <v>38</v>
      </c>
      <c r="O4573" s="5" t="s">
        <v>39</v>
      </c>
      <c r="P4573" s="5" t="s">
        <v>40</v>
      </c>
      <c r="Q4573" s="5" t="s">
        <v>1522</v>
      </c>
      <c r="R4573" s="5" t="s">
        <v>1523</v>
      </c>
      <c r="S4573" s="5" t="s">
        <v>42</v>
      </c>
      <c r="T4573" s="2">
        <v>2.5099999999999998</v>
      </c>
      <c r="U4573" s="2">
        <v>1.96</v>
      </c>
      <c r="V4573" s="2">
        <v>1.4999999999999999E-2</v>
      </c>
      <c r="W4573" s="2">
        <v>118.9</v>
      </c>
      <c r="X4573" s="2">
        <v>7.6</v>
      </c>
      <c r="Y4573" s="2">
        <v>16.7</v>
      </c>
      <c r="Z4573" s="5"/>
      <c r="AA4573" s="5" t="s">
        <v>43</v>
      </c>
      <c r="AB4573" s="5" t="s">
        <v>44</v>
      </c>
      <c r="AC4573" s="2"/>
      <c r="AD4573" s="1"/>
    </row>
    <row r="4574" spans="1:30">
      <c r="A4574" s="5" t="s">
        <v>83578</v>
      </c>
      <c r="B4574" s="2" t="s">
        <v>97324</v>
      </c>
      <c r="C4574" s="14" t="s">
        <v>97325</v>
      </c>
      <c r="D4574" s="2" t="s">
        <v>97326</v>
      </c>
      <c r="E4574" s="2" t="s">
        <v>36357</v>
      </c>
      <c r="F4574" s="8">
        <v>314</v>
      </c>
      <c r="G4574" s="5">
        <v>6</v>
      </c>
      <c r="H4574" s="5" t="s">
        <v>1518</v>
      </c>
      <c r="I4574" s="5" t="s">
        <v>36264</v>
      </c>
      <c r="J4574" s="2" t="s">
        <v>36265</v>
      </c>
      <c r="K4574" s="5" t="s">
        <v>36264</v>
      </c>
      <c r="L4574" s="2" t="s">
        <v>36265</v>
      </c>
      <c r="M4574" s="5" t="s">
        <v>36266</v>
      </c>
      <c r="N4574" s="5" t="s">
        <v>38</v>
      </c>
      <c r="O4574" s="5" t="s">
        <v>39</v>
      </c>
      <c r="P4574" s="5" t="s">
        <v>40</v>
      </c>
      <c r="Q4574" s="5" t="s">
        <v>1522</v>
      </c>
      <c r="R4574" s="5" t="s">
        <v>1523</v>
      </c>
      <c r="S4574" s="5" t="s">
        <v>42</v>
      </c>
      <c r="T4574" s="2">
        <v>2.5659999999999998</v>
      </c>
      <c r="U4574" s="2">
        <v>2.016</v>
      </c>
      <c r="V4574" s="2">
        <v>1.4999999999999999E-2</v>
      </c>
      <c r="W4574" s="2">
        <v>118.9</v>
      </c>
      <c r="X4574" s="2">
        <v>7.6</v>
      </c>
      <c r="Y4574" s="2">
        <v>16.7</v>
      </c>
      <c r="Z4574" s="5"/>
      <c r="AA4574" s="5" t="s">
        <v>43</v>
      </c>
      <c r="AB4574" s="5" t="s">
        <v>44</v>
      </c>
      <c r="AC4574" s="2"/>
      <c r="AD4574" s="1"/>
    </row>
    <row r="4575" spans="1:30">
      <c r="A4575" s="5" t="s">
        <v>83578</v>
      </c>
      <c r="B4575" s="2" t="s">
        <v>97327</v>
      </c>
      <c r="C4575" s="14" t="s">
        <v>97328</v>
      </c>
      <c r="D4575" s="2" t="s">
        <v>97329</v>
      </c>
      <c r="E4575" s="2" t="s">
        <v>45598</v>
      </c>
      <c r="F4575" s="8">
        <v>314</v>
      </c>
      <c r="G4575" s="5">
        <v>6</v>
      </c>
      <c r="H4575" s="5" t="s">
        <v>1518</v>
      </c>
      <c r="I4575" s="5" t="s">
        <v>36264</v>
      </c>
      <c r="J4575" s="2" t="s">
        <v>36265</v>
      </c>
      <c r="K4575" s="5" t="s">
        <v>36264</v>
      </c>
      <c r="L4575" s="2" t="s">
        <v>36265</v>
      </c>
      <c r="M4575" s="5" t="s">
        <v>36266</v>
      </c>
      <c r="N4575" s="5" t="s">
        <v>38</v>
      </c>
      <c r="O4575" s="5" t="s">
        <v>39</v>
      </c>
      <c r="P4575" s="5" t="s">
        <v>40</v>
      </c>
      <c r="Q4575" s="5" t="s">
        <v>1522</v>
      </c>
      <c r="R4575" s="5" t="s">
        <v>1523</v>
      </c>
      <c r="S4575" s="5" t="s">
        <v>42</v>
      </c>
      <c r="T4575" s="2">
        <v>2.5099999999999998</v>
      </c>
      <c r="U4575" s="2">
        <v>1.96</v>
      </c>
      <c r="V4575" s="2">
        <v>1.4999999999999999E-2</v>
      </c>
      <c r="W4575" s="2">
        <v>118.9</v>
      </c>
      <c r="X4575" s="2">
        <v>7.6</v>
      </c>
      <c r="Y4575" s="2">
        <v>16.7</v>
      </c>
      <c r="Z4575" s="5"/>
      <c r="AA4575" s="5" t="s">
        <v>43</v>
      </c>
      <c r="AB4575" s="5" t="s">
        <v>44</v>
      </c>
      <c r="AC4575" s="2"/>
      <c r="AD4575" s="1"/>
    </row>
    <row r="4576" spans="1:30">
      <c r="A4576" s="5" t="s">
        <v>83578</v>
      </c>
      <c r="B4576" s="2" t="s">
        <v>97330</v>
      </c>
      <c r="C4576" s="14" t="s">
        <v>97331</v>
      </c>
      <c r="D4576" s="2" t="s">
        <v>97332</v>
      </c>
      <c r="E4576" s="2" t="s">
        <v>45534</v>
      </c>
      <c r="F4576" s="8">
        <v>314</v>
      </c>
      <c r="G4576" s="5">
        <v>6</v>
      </c>
      <c r="H4576" s="5" t="s">
        <v>1518</v>
      </c>
      <c r="I4576" s="5" t="s">
        <v>36264</v>
      </c>
      <c r="J4576" s="2" t="s">
        <v>36265</v>
      </c>
      <c r="K4576" s="5" t="s">
        <v>36264</v>
      </c>
      <c r="L4576" s="2" t="s">
        <v>36265</v>
      </c>
      <c r="M4576" s="5" t="s">
        <v>36266</v>
      </c>
      <c r="N4576" s="5" t="s">
        <v>38</v>
      </c>
      <c r="O4576" s="5" t="s">
        <v>39</v>
      </c>
      <c r="P4576" s="5" t="s">
        <v>40</v>
      </c>
      <c r="Q4576" s="5" t="s">
        <v>1522</v>
      </c>
      <c r="R4576" s="5" t="s">
        <v>1523</v>
      </c>
      <c r="S4576" s="5" t="s">
        <v>42</v>
      </c>
      <c r="T4576" s="2">
        <v>2.5659999999999998</v>
      </c>
      <c r="U4576" s="2">
        <v>2.016</v>
      </c>
      <c r="V4576" s="2">
        <v>1.4999999999999999E-2</v>
      </c>
      <c r="W4576" s="2">
        <v>118.9</v>
      </c>
      <c r="X4576" s="2">
        <v>7.6</v>
      </c>
      <c r="Y4576" s="2">
        <v>16.7</v>
      </c>
      <c r="Z4576" s="5"/>
      <c r="AA4576" s="5" t="s">
        <v>43</v>
      </c>
      <c r="AB4576" s="5" t="s">
        <v>44</v>
      </c>
      <c r="AC4576" s="2"/>
      <c r="AD4576" s="1"/>
    </row>
    <row r="4577" spans="1:30">
      <c r="A4577" s="5" t="s">
        <v>83578</v>
      </c>
      <c r="B4577" s="2" t="s">
        <v>97333</v>
      </c>
      <c r="C4577" s="14" t="s">
        <v>97334</v>
      </c>
      <c r="D4577" s="2" t="s">
        <v>97335</v>
      </c>
      <c r="E4577" s="2" t="s">
        <v>36369</v>
      </c>
      <c r="F4577" s="8">
        <v>314</v>
      </c>
      <c r="G4577" s="5">
        <v>6</v>
      </c>
      <c r="H4577" s="5" t="s">
        <v>1518</v>
      </c>
      <c r="I4577" s="5" t="s">
        <v>36264</v>
      </c>
      <c r="J4577" s="2" t="s">
        <v>36265</v>
      </c>
      <c r="K4577" s="5" t="s">
        <v>36264</v>
      </c>
      <c r="L4577" s="2" t="s">
        <v>36265</v>
      </c>
      <c r="M4577" s="5" t="s">
        <v>36266</v>
      </c>
      <c r="N4577" s="5" t="s">
        <v>38</v>
      </c>
      <c r="O4577" s="5" t="s">
        <v>39</v>
      </c>
      <c r="P4577" s="5" t="s">
        <v>40</v>
      </c>
      <c r="Q4577" s="5" t="s">
        <v>1522</v>
      </c>
      <c r="R4577" s="5" t="s">
        <v>1523</v>
      </c>
      <c r="S4577" s="5" t="s">
        <v>42</v>
      </c>
      <c r="T4577" s="2">
        <v>2.5099999999999998</v>
      </c>
      <c r="U4577" s="2">
        <v>1.96</v>
      </c>
      <c r="V4577" s="2">
        <v>1.4999999999999999E-2</v>
      </c>
      <c r="W4577" s="2">
        <v>118.9</v>
      </c>
      <c r="X4577" s="2">
        <v>7.6</v>
      </c>
      <c r="Y4577" s="2">
        <v>16.7</v>
      </c>
      <c r="Z4577" s="5"/>
      <c r="AA4577" s="5" t="s">
        <v>43</v>
      </c>
      <c r="AB4577" s="5" t="s">
        <v>44</v>
      </c>
      <c r="AC4577" s="2"/>
      <c r="AD4577" s="1"/>
    </row>
    <row r="4578" spans="1:30">
      <c r="A4578" s="5" t="s">
        <v>83578</v>
      </c>
      <c r="B4578" s="2" t="s">
        <v>97336</v>
      </c>
      <c r="C4578" s="14" t="s">
        <v>97337</v>
      </c>
      <c r="D4578" s="2" t="s">
        <v>97338</v>
      </c>
      <c r="E4578" s="2" t="s">
        <v>36373</v>
      </c>
      <c r="F4578" s="8">
        <v>314</v>
      </c>
      <c r="G4578" s="5">
        <v>6</v>
      </c>
      <c r="H4578" s="5" t="s">
        <v>1518</v>
      </c>
      <c r="I4578" s="5" t="s">
        <v>36264</v>
      </c>
      <c r="J4578" s="2" t="s">
        <v>36265</v>
      </c>
      <c r="K4578" s="5" t="s">
        <v>36264</v>
      </c>
      <c r="L4578" s="2" t="s">
        <v>36265</v>
      </c>
      <c r="M4578" s="5" t="s">
        <v>36266</v>
      </c>
      <c r="N4578" s="5" t="s">
        <v>38</v>
      </c>
      <c r="O4578" s="5" t="s">
        <v>39</v>
      </c>
      <c r="P4578" s="5" t="s">
        <v>40</v>
      </c>
      <c r="Q4578" s="5" t="s">
        <v>1522</v>
      </c>
      <c r="R4578" s="5" t="s">
        <v>1523</v>
      </c>
      <c r="S4578" s="5" t="s">
        <v>42</v>
      </c>
      <c r="T4578" s="2">
        <v>2.5659999999999998</v>
      </c>
      <c r="U4578" s="2">
        <v>2.016</v>
      </c>
      <c r="V4578" s="2">
        <v>1.4999999999999999E-2</v>
      </c>
      <c r="W4578" s="2">
        <v>118.9</v>
      </c>
      <c r="X4578" s="2">
        <v>7.6</v>
      </c>
      <c r="Y4578" s="2">
        <v>16.7</v>
      </c>
      <c r="Z4578" s="5"/>
      <c r="AA4578" s="5" t="s">
        <v>43</v>
      </c>
      <c r="AB4578" s="5" t="s">
        <v>44</v>
      </c>
      <c r="AC4578" s="2"/>
      <c r="AD4578" s="1"/>
    </row>
    <row r="4579" spans="1:30">
      <c r="A4579" s="5" t="s">
        <v>83578</v>
      </c>
      <c r="B4579" s="2" t="s">
        <v>97339</v>
      </c>
      <c r="C4579" s="14" t="s">
        <v>97340</v>
      </c>
      <c r="D4579" s="2" t="s">
        <v>97341</v>
      </c>
      <c r="E4579" s="2" t="s">
        <v>36377</v>
      </c>
      <c r="F4579" s="8">
        <v>314</v>
      </c>
      <c r="G4579" s="5">
        <v>6</v>
      </c>
      <c r="H4579" s="5" t="s">
        <v>1518</v>
      </c>
      <c r="I4579" s="5" t="s">
        <v>36264</v>
      </c>
      <c r="J4579" s="2" t="s">
        <v>36265</v>
      </c>
      <c r="K4579" s="5" t="s">
        <v>36264</v>
      </c>
      <c r="L4579" s="2" t="s">
        <v>36265</v>
      </c>
      <c r="M4579" s="5" t="s">
        <v>36266</v>
      </c>
      <c r="N4579" s="5" t="s">
        <v>38</v>
      </c>
      <c r="O4579" s="5" t="s">
        <v>39</v>
      </c>
      <c r="P4579" s="5" t="s">
        <v>40</v>
      </c>
      <c r="Q4579" s="5" t="s">
        <v>1522</v>
      </c>
      <c r="R4579" s="5" t="s">
        <v>1523</v>
      </c>
      <c r="S4579" s="5" t="s">
        <v>42</v>
      </c>
      <c r="T4579" s="2">
        <v>2.5099999999999998</v>
      </c>
      <c r="U4579" s="2">
        <v>1.96</v>
      </c>
      <c r="V4579" s="2">
        <v>1.4999999999999999E-2</v>
      </c>
      <c r="W4579" s="2">
        <v>118.9</v>
      </c>
      <c r="X4579" s="2">
        <v>7.6</v>
      </c>
      <c r="Y4579" s="2">
        <v>16.7</v>
      </c>
      <c r="Z4579" s="5"/>
      <c r="AA4579" s="5" t="s">
        <v>43</v>
      </c>
      <c r="AB4579" s="5" t="s">
        <v>44</v>
      </c>
      <c r="AC4579" s="2"/>
      <c r="AD4579" s="1"/>
    </row>
    <row r="4580" spans="1:30">
      <c r="A4580" s="5" t="s">
        <v>83578</v>
      </c>
      <c r="B4580" s="2" t="s">
        <v>97342</v>
      </c>
      <c r="C4580" s="14" t="s">
        <v>97343</v>
      </c>
      <c r="D4580" s="2" t="s">
        <v>97344</v>
      </c>
      <c r="E4580" s="2" t="s">
        <v>36381</v>
      </c>
      <c r="F4580" s="8">
        <v>314</v>
      </c>
      <c r="G4580" s="5">
        <v>6</v>
      </c>
      <c r="H4580" s="5" t="s">
        <v>1518</v>
      </c>
      <c r="I4580" s="5" t="s">
        <v>36264</v>
      </c>
      <c r="J4580" s="2" t="s">
        <v>36265</v>
      </c>
      <c r="K4580" s="5" t="s">
        <v>36264</v>
      </c>
      <c r="L4580" s="2" t="s">
        <v>36265</v>
      </c>
      <c r="M4580" s="5" t="s">
        <v>36266</v>
      </c>
      <c r="N4580" s="5" t="s">
        <v>38</v>
      </c>
      <c r="O4580" s="5" t="s">
        <v>39</v>
      </c>
      <c r="P4580" s="5" t="s">
        <v>40</v>
      </c>
      <c r="Q4580" s="5" t="s">
        <v>1522</v>
      </c>
      <c r="R4580" s="5" t="s">
        <v>1523</v>
      </c>
      <c r="S4580" s="5" t="s">
        <v>42</v>
      </c>
      <c r="T4580" s="2">
        <v>2.5659999999999998</v>
      </c>
      <c r="U4580" s="2">
        <v>2.016</v>
      </c>
      <c r="V4580" s="2">
        <v>1.4999999999999999E-2</v>
      </c>
      <c r="W4580" s="2">
        <v>118.9</v>
      </c>
      <c r="X4580" s="2">
        <v>7.6</v>
      </c>
      <c r="Y4580" s="2">
        <v>16.7</v>
      </c>
      <c r="Z4580" s="5"/>
      <c r="AA4580" s="5" t="s">
        <v>43</v>
      </c>
      <c r="AB4580" s="5" t="s">
        <v>44</v>
      </c>
      <c r="AC4580" s="2"/>
      <c r="AD4580" s="1"/>
    </row>
    <row r="4581" spans="1:30">
      <c r="A4581" s="5" t="s">
        <v>83578</v>
      </c>
      <c r="B4581" s="2" t="s">
        <v>97345</v>
      </c>
      <c r="C4581" s="14" t="s">
        <v>97346</v>
      </c>
      <c r="D4581" s="2" t="s">
        <v>97347</v>
      </c>
      <c r="E4581" s="2" t="s">
        <v>36385</v>
      </c>
      <c r="F4581" s="8">
        <v>314</v>
      </c>
      <c r="G4581" s="5">
        <v>6</v>
      </c>
      <c r="H4581" s="5" t="s">
        <v>1518</v>
      </c>
      <c r="I4581" s="5" t="s">
        <v>36264</v>
      </c>
      <c r="J4581" s="2" t="s">
        <v>36265</v>
      </c>
      <c r="K4581" s="5" t="s">
        <v>36264</v>
      </c>
      <c r="L4581" s="2" t="s">
        <v>36265</v>
      </c>
      <c r="M4581" s="5" t="s">
        <v>36266</v>
      </c>
      <c r="N4581" s="5" t="s">
        <v>38</v>
      </c>
      <c r="O4581" s="5" t="s">
        <v>39</v>
      </c>
      <c r="P4581" s="5" t="s">
        <v>40</v>
      </c>
      <c r="Q4581" s="5" t="s">
        <v>1522</v>
      </c>
      <c r="R4581" s="5" t="s">
        <v>1523</v>
      </c>
      <c r="S4581" s="5" t="s">
        <v>42</v>
      </c>
      <c r="T4581" s="2">
        <v>2.5099999999999998</v>
      </c>
      <c r="U4581" s="2">
        <v>1.96</v>
      </c>
      <c r="V4581" s="2">
        <v>1.4999999999999999E-2</v>
      </c>
      <c r="W4581" s="2">
        <v>118.9</v>
      </c>
      <c r="X4581" s="2">
        <v>7.6</v>
      </c>
      <c r="Y4581" s="2">
        <v>16.7</v>
      </c>
      <c r="Z4581" s="5"/>
      <c r="AA4581" s="5" t="s">
        <v>43</v>
      </c>
      <c r="AB4581" s="5" t="s">
        <v>44</v>
      </c>
      <c r="AC4581" s="2"/>
      <c r="AD4581" s="1"/>
    </row>
    <row r="4582" spans="1:30">
      <c r="A4582" s="5" t="s">
        <v>83578</v>
      </c>
      <c r="B4582" s="2" t="s">
        <v>97348</v>
      </c>
      <c r="C4582" s="14" t="s">
        <v>97349</v>
      </c>
      <c r="D4582" s="2" t="s">
        <v>97350</v>
      </c>
      <c r="E4582" s="2" t="s">
        <v>36389</v>
      </c>
      <c r="F4582" s="8">
        <v>314</v>
      </c>
      <c r="G4582" s="5">
        <v>6</v>
      </c>
      <c r="H4582" s="5" t="s">
        <v>1518</v>
      </c>
      <c r="I4582" s="5" t="s">
        <v>36264</v>
      </c>
      <c r="J4582" s="2" t="s">
        <v>36265</v>
      </c>
      <c r="K4582" s="5" t="s">
        <v>36264</v>
      </c>
      <c r="L4582" s="2" t="s">
        <v>36265</v>
      </c>
      <c r="M4582" s="5" t="s">
        <v>36266</v>
      </c>
      <c r="N4582" s="5" t="s">
        <v>38</v>
      </c>
      <c r="O4582" s="5" t="s">
        <v>39</v>
      </c>
      <c r="P4582" s="5" t="s">
        <v>40</v>
      </c>
      <c r="Q4582" s="5" t="s">
        <v>1522</v>
      </c>
      <c r="R4582" s="5" t="s">
        <v>1523</v>
      </c>
      <c r="S4582" s="5" t="s">
        <v>42</v>
      </c>
      <c r="T4582" s="2">
        <v>2.5659999999999998</v>
      </c>
      <c r="U4582" s="2">
        <v>2.016</v>
      </c>
      <c r="V4582" s="2">
        <v>1.4999999999999999E-2</v>
      </c>
      <c r="W4582" s="2">
        <v>118.9</v>
      </c>
      <c r="X4582" s="2">
        <v>7.6</v>
      </c>
      <c r="Y4582" s="2">
        <v>16.7</v>
      </c>
      <c r="Z4582" s="5"/>
      <c r="AA4582" s="5" t="s">
        <v>43</v>
      </c>
      <c r="AB4582" s="5" t="s">
        <v>44</v>
      </c>
      <c r="AC4582" s="2"/>
      <c r="AD4582" s="1"/>
    </row>
    <row r="4583" spans="1:30">
      <c r="A4583" s="5" t="s">
        <v>83578</v>
      </c>
      <c r="B4583" s="2" t="s">
        <v>97351</v>
      </c>
      <c r="C4583" s="14" t="s">
        <v>97352</v>
      </c>
      <c r="D4583" s="2" t="s">
        <v>97353</v>
      </c>
      <c r="E4583" s="2" t="s">
        <v>36321</v>
      </c>
      <c r="F4583" s="8">
        <v>314</v>
      </c>
      <c r="G4583" s="5">
        <v>6</v>
      </c>
      <c r="H4583" s="5" t="s">
        <v>1518</v>
      </c>
      <c r="I4583" s="5" t="s">
        <v>36264</v>
      </c>
      <c r="J4583" s="2" t="s">
        <v>36265</v>
      </c>
      <c r="K4583" s="5" t="s">
        <v>36264</v>
      </c>
      <c r="L4583" s="2" t="s">
        <v>36265</v>
      </c>
      <c r="M4583" s="5" t="s">
        <v>36266</v>
      </c>
      <c r="N4583" s="5" t="s">
        <v>38</v>
      </c>
      <c r="O4583" s="5" t="s">
        <v>39</v>
      </c>
      <c r="P4583" s="5" t="s">
        <v>40</v>
      </c>
      <c r="Q4583" s="5" t="s">
        <v>1522</v>
      </c>
      <c r="R4583" s="5" t="s">
        <v>1523</v>
      </c>
      <c r="S4583" s="5" t="s">
        <v>42</v>
      </c>
      <c r="T4583" s="2">
        <v>2.9969999999999999</v>
      </c>
      <c r="U4583" s="2">
        <v>2.4729999999999999</v>
      </c>
      <c r="V4583" s="2">
        <v>1.4999999999999999E-2</v>
      </c>
      <c r="W4583" s="2">
        <v>118.9</v>
      </c>
      <c r="X4583" s="2">
        <v>7.6</v>
      </c>
      <c r="Y4583" s="2">
        <v>16.7</v>
      </c>
      <c r="Z4583" s="5"/>
      <c r="AA4583" s="5" t="s">
        <v>43</v>
      </c>
      <c r="AB4583" s="5" t="s">
        <v>44</v>
      </c>
      <c r="AC4583" s="2"/>
      <c r="AD4583" s="1"/>
    </row>
    <row r="4584" spans="1:30">
      <c r="A4584" s="5" t="s">
        <v>83578</v>
      </c>
      <c r="B4584" s="2" t="s">
        <v>97354</v>
      </c>
      <c r="C4584" s="14" t="s">
        <v>97355</v>
      </c>
      <c r="D4584" s="2" t="s">
        <v>97356</v>
      </c>
      <c r="E4584" s="2" t="s">
        <v>36337</v>
      </c>
      <c r="F4584" s="8">
        <v>314</v>
      </c>
      <c r="G4584" s="5">
        <v>6</v>
      </c>
      <c r="H4584" s="5" t="s">
        <v>1518</v>
      </c>
      <c r="I4584" s="5" t="s">
        <v>36264</v>
      </c>
      <c r="J4584" s="2" t="s">
        <v>36265</v>
      </c>
      <c r="K4584" s="5" t="s">
        <v>36264</v>
      </c>
      <c r="L4584" s="2" t="s">
        <v>36265</v>
      </c>
      <c r="M4584" s="5" t="s">
        <v>36266</v>
      </c>
      <c r="N4584" s="5" t="s">
        <v>38</v>
      </c>
      <c r="O4584" s="5" t="s">
        <v>39</v>
      </c>
      <c r="P4584" s="5" t="s">
        <v>40</v>
      </c>
      <c r="Q4584" s="5" t="s">
        <v>1522</v>
      </c>
      <c r="R4584" s="5" t="s">
        <v>1523</v>
      </c>
      <c r="S4584" s="5" t="s">
        <v>42</v>
      </c>
      <c r="T4584" s="2">
        <v>2.9969999999999999</v>
      </c>
      <c r="U4584" s="2">
        <v>2.4729999999999999</v>
      </c>
      <c r="V4584" s="2">
        <v>1.4999999999999999E-2</v>
      </c>
      <c r="W4584" s="2">
        <v>118.9</v>
      </c>
      <c r="X4584" s="2">
        <v>7.6</v>
      </c>
      <c r="Y4584" s="2">
        <v>16.7</v>
      </c>
      <c r="Z4584" s="5"/>
      <c r="AA4584" s="5" t="s">
        <v>43</v>
      </c>
      <c r="AB4584" s="5" t="s">
        <v>44</v>
      </c>
      <c r="AC4584" s="2"/>
      <c r="AD4584" s="1"/>
    </row>
    <row r="4585" spans="1:30">
      <c r="A4585" s="5" t="s">
        <v>83578</v>
      </c>
      <c r="B4585" s="2" t="s">
        <v>97357</v>
      </c>
      <c r="C4585" s="14" t="s">
        <v>97358</v>
      </c>
      <c r="D4585" s="2" t="s">
        <v>97359</v>
      </c>
      <c r="E4585" s="2" t="s">
        <v>36341</v>
      </c>
      <c r="F4585" s="8">
        <v>314</v>
      </c>
      <c r="G4585" s="5">
        <v>6</v>
      </c>
      <c r="H4585" s="5" t="s">
        <v>1518</v>
      </c>
      <c r="I4585" s="5" t="s">
        <v>36264</v>
      </c>
      <c r="J4585" s="2" t="s">
        <v>36265</v>
      </c>
      <c r="K4585" s="5" t="s">
        <v>36264</v>
      </c>
      <c r="L4585" s="2" t="s">
        <v>36265</v>
      </c>
      <c r="M4585" s="5" t="s">
        <v>36266</v>
      </c>
      <c r="N4585" s="5" t="s">
        <v>38</v>
      </c>
      <c r="O4585" s="5" t="s">
        <v>39</v>
      </c>
      <c r="P4585" s="5" t="s">
        <v>40</v>
      </c>
      <c r="Q4585" s="5" t="s">
        <v>1522</v>
      </c>
      <c r="R4585" s="5" t="s">
        <v>1523</v>
      </c>
      <c r="S4585" s="5" t="s">
        <v>42</v>
      </c>
      <c r="T4585" s="2">
        <v>3.0870000000000002</v>
      </c>
      <c r="U4585" s="2">
        <v>2.5630000000000002</v>
      </c>
      <c r="V4585" s="2">
        <v>1.4999999999999999E-2</v>
      </c>
      <c r="W4585" s="2">
        <v>118.9</v>
      </c>
      <c r="X4585" s="2">
        <v>7.6</v>
      </c>
      <c r="Y4585" s="2">
        <v>16.7</v>
      </c>
      <c r="Z4585" s="5"/>
      <c r="AA4585" s="5" t="s">
        <v>43</v>
      </c>
      <c r="AB4585" s="5" t="s">
        <v>44</v>
      </c>
      <c r="AC4585" s="2"/>
      <c r="AD4585" s="1"/>
    </row>
    <row r="4586" spans="1:30">
      <c r="A4586" s="5" t="s">
        <v>83578</v>
      </c>
      <c r="B4586" s="2" t="s">
        <v>97360</v>
      </c>
      <c r="C4586" s="14" t="s">
        <v>97361</v>
      </c>
      <c r="D4586" s="2" t="s">
        <v>97362</v>
      </c>
      <c r="E4586" s="2" t="s">
        <v>36353</v>
      </c>
      <c r="F4586" s="8">
        <v>314</v>
      </c>
      <c r="G4586" s="5">
        <v>6</v>
      </c>
      <c r="H4586" s="5" t="s">
        <v>1518</v>
      </c>
      <c r="I4586" s="5" t="s">
        <v>36264</v>
      </c>
      <c r="J4586" s="2" t="s">
        <v>36265</v>
      </c>
      <c r="K4586" s="5" t="s">
        <v>36264</v>
      </c>
      <c r="L4586" s="2" t="s">
        <v>36265</v>
      </c>
      <c r="M4586" s="5" t="s">
        <v>36266</v>
      </c>
      <c r="N4586" s="5" t="s">
        <v>38</v>
      </c>
      <c r="O4586" s="5" t="s">
        <v>39</v>
      </c>
      <c r="P4586" s="5" t="s">
        <v>40</v>
      </c>
      <c r="Q4586" s="5" t="s">
        <v>1522</v>
      </c>
      <c r="R4586" s="5" t="s">
        <v>1523</v>
      </c>
      <c r="S4586" s="5" t="s">
        <v>42</v>
      </c>
      <c r="T4586" s="2">
        <v>2.9969999999999999</v>
      </c>
      <c r="U4586" s="2">
        <v>2.4729999999999999</v>
      </c>
      <c r="V4586" s="2">
        <v>1.4999999999999999E-2</v>
      </c>
      <c r="W4586" s="2">
        <v>118.9</v>
      </c>
      <c r="X4586" s="2">
        <v>7.6</v>
      </c>
      <c r="Y4586" s="2">
        <v>16.7</v>
      </c>
      <c r="Z4586" s="5"/>
      <c r="AA4586" s="5" t="s">
        <v>43</v>
      </c>
      <c r="AB4586" s="5" t="s">
        <v>44</v>
      </c>
      <c r="AC4586" s="2"/>
      <c r="AD4586" s="1"/>
    </row>
    <row r="4587" spans="1:30">
      <c r="A4587" s="5" t="s">
        <v>83578</v>
      </c>
      <c r="B4587" s="2" t="s">
        <v>97363</v>
      </c>
      <c r="C4587" s="14" t="s">
        <v>97364</v>
      </c>
      <c r="D4587" s="2" t="s">
        <v>97365</v>
      </c>
      <c r="E4587" s="2" t="s">
        <v>36281</v>
      </c>
      <c r="F4587" s="8">
        <v>328</v>
      </c>
      <c r="G4587" s="5">
        <v>6</v>
      </c>
      <c r="H4587" s="5" t="s">
        <v>1518</v>
      </c>
      <c r="I4587" s="5" t="s">
        <v>36264</v>
      </c>
      <c r="J4587" s="2" t="s">
        <v>36265</v>
      </c>
      <c r="K4587" s="5" t="s">
        <v>36264</v>
      </c>
      <c r="L4587" s="2" t="s">
        <v>36265</v>
      </c>
      <c r="M4587" s="5" t="s">
        <v>36266</v>
      </c>
      <c r="N4587" s="5" t="s">
        <v>38</v>
      </c>
      <c r="O4587" s="5" t="s">
        <v>39</v>
      </c>
      <c r="P4587" s="5" t="s">
        <v>40</v>
      </c>
      <c r="Q4587" s="5" t="s">
        <v>1522</v>
      </c>
      <c r="R4587" s="5" t="s">
        <v>1523</v>
      </c>
      <c r="S4587" s="5" t="s">
        <v>42</v>
      </c>
      <c r="T4587" s="2">
        <v>3.2610000000000001</v>
      </c>
      <c r="U4587" s="2">
        <v>2.6619999999999999</v>
      </c>
      <c r="V4587" s="2">
        <v>1.7999999999999999E-2</v>
      </c>
      <c r="W4587" s="2">
        <v>139.1</v>
      </c>
      <c r="X4587" s="2">
        <v>7.6</v>
      </c>
      <c r="Y4587" s="2">
        <v>16.7</v>
      </c>
      <c r="Z4587" s="5"/>
      <c r="AA4587" s="5" t="s">
        <v>43</v>
      </c>
      <c r="AB4587" s="5" t="s">
        <v>44</v>
      </c>
      <c r="AC4587" s="2"/>
      <c r="AD4587" s="1"/>
    </row>
    <row r="4588" spans="1:30">
      <c r="A4588" s="5" t="s">
        <v>83578</v>
      </c>
      <c r="B4588" s="2" t="s">
        <v>97366</v>
      </c>
      <c r="C4588" s="14" t="s">
        <v>97367</v>
      </c>
      <c r="D4588" s="2" t="s">
        <v>97368</v>
      </c>
      <c r="E4588" s="2" t="s">
        <v>36325</v>
      </c>
      <c r="F4588" s="8">
        <v>328</v>
      </c>
      <c r="G4588" s="5">
        <v>6</v>
      </c>
      <c r="H4588" s="5" t="s">
        <v>1518</v>
      </c>
      <c r="I4588" s="5" t="s">
        <v>36264</v>
      </c>
      <c r="J4588" s="2" t="s">
        <v>36265</v>
      </c>
      <c r="K4588" s="5" t="s">
        <v>36264</v>
      </c>
      <c r="L4588" s="2" t="s">
        <v>36265</v>
      </c>
      <c r="M4588" s="5" t="s">
        <v>36266</v>
      </c>
      <c r="N4588" s="5" t="s">
        <v>38</v>
      </c>
      <c r="O4588" s="5" t="s">
        <v>39</v>
      </c>
      <c r="P4588" s="5" t="s">
        <v>40</v>
      </c>
      <c r="Q4588" s="5" t="s">
        <v>1522</v>
      </c>
      <c r="R4588" s="5" t="s">
        <v>1523</v>
      </c>
      <c r="S4588" s="5" t="s">
        <v>42</v>
      </c>
      <c r="T4588" s="2">
        <v>3.363</v>
      </c>
      <c r="U4588" s="2">
        <v>2.7639999999999998</v>
      </c>
      <c r="V4588" s="2">
        <v>1.7999999999999999E-2</v>
      </c>
      <c r="W4588" s="2">
        <v>139.1</v>
      </c>
      <c r="X4588" s="2">
        <v>7.6</v>
      </c>
      <c r="Y4588" s="2">
        <v>16.7</v>
      </c>
      <c r="Z4588" s="5"/>
      <c r="AA4588" s="5" t="s">
        <v>43</v>
      </c>
      <c r="AB4588" s="5" t="s">
        <v>44</v>
      </c>
      <c r="AC4588" s="2"/>
      <c r="AD4588" s="1"/>
    </row>
    <row r="4589" spans="1:30">
      <c r="A4589" s="5" t="s">
        <v>83578</v>
      </c>
      <c r="B4589" s="2" t="s">
        <v>97369</v>
      </c>
      <c r="C4589" s="14" t="s">
        <v>97370</v>
      </c>
      <c r="D4589" s="2" t="s">
        <v>97371</v>
      </c>
      <c r="E4589" s="2" t="s">
        <v>36337</v>
      </c>
      <c r="F4589" s="8">
        <v>328</v>
      </c>
      <c r="G4589" s="5">
        <v>6</v>
      </c>
      <c r="H4589" s="5" t="s">
        <v>1518</v>
      </c>
      <c r="I4589" s="5" t="s">
        <v>36264</v>
      </c>
      <c r="J4589" s="2" t="s">
        <v>36265</v>
      </c>
      <c r="K4589" s="5" t="s">
        <v>36264</v>
      </c>
      <c r="L4589" s="2" t="s">
        <v>36265</v>
      </c>
      <c r="M4589" s="5" t="s">
        <v>36266</v>
      </c>
      <c r="N4589" s="5" t="s">
        <v>38</v>
      </c>
      <c r="O4589" s="5" t="s">
        <v>39</v>
      </c>
      <c r="P4589" s="5" t="s">
        <v>40</v>
      </c>
      <c r="Q4589" s="5" t="s">
        <v>1522</v>
      </c>
      <c r="R4589" s="5" t="s">
        <v>1523</v>
      </c>
      <c r="S4589" s="5" t="s">
        <v>42</v>
      </c>
      <c r="T4589" s="2">
        <v>3.2610000000000001</v>
      </c>
      <c r="U4589" s="2">
        <v>2.6619999999999999</v>
      </c>
      <c r="V4589" s="2">
        <v>1.7999999999999999E-2</v>
      </c>
      <c r="W4589" s="2">
        <v>139.1</v>
      </c>
      <c r="X4589" s="2">
        <v>7.6</v>
      </c>
      <c r="Y4589" s="2">
        <v>16.7</v>
      </c>
      <c r="Z4589" s="5"/>
      <c r="AA4589" s="5" t="s">
        <v>43</v>
      </c>
      <c r="AB4589" s="5" t="s">
        <v>44</v>
      </c>
      <c r="AC4589" s="2"/>
      <c r="AD4589" s="1"/>
    </row>
    <row r="4590" spans="1:30">
      <c r="A4590" s="5" t="s">
        <v>83578</v>
      </c>
      <c r="B4590" s="2" t="s">
        <v>97372</v>
      </c>
      <c r="C4590" s="14" t="s">
        <v>97373</v>
      </c>
      <c r="D4590" s="2" t="s">
        <v>97374</v>
      </c>
      <c r="E4590" s="2" t="s">
        <v>36281</v>
      </c>
      <c r="F4590" s="8">
        <v>345</v>
      </c>
      <c r="G4590" s="5">
        <v>6</v>
      </c>
      <c r="H4590" s="5" t="s">
        <v>1518</v>
      </c>
      <c r="I4590" s="5" t="s">
        <v>36264</v>
      </c>
      <c r="J4590" s="2" t="s">
        <v>36265</v>
      </c>
      <c r="K4590" s="5" t="s">
        <v>36264</v>
      </c>
      <c r="L4590" s="2" t="s">
        <v>36265</v>
      </c>
      <c r="M4590" s="5" t="s">
        <v>36266</v>
      </c>
      <c r="N4590" s="5" t="s">
        <v>38</v>
      </c>
      <c r="O4590" s="5" t="s">
        <v>39</v>
      </c>
      <c r="P4590" s="5" t="s">
        <v>40</v>
      </c>
      <c r="Q4590" s="5" t="s">
        <v>1522</v>
      </c>
      <c r="R4590" s="5" t="s">
        <v>1523</v>
      </c>
      <c r="S4590" s="5" t="s">
        <v>42</v>
      </c>
      <c r="T4590" s="2">
        <v>3.52</v>
      </c>
      <c r="U4590" s="2">
        <v>2.8380000000000001</v>
      </c>
      <c r="V4590" s="2">
        <v>0.02</v>
      </c>
      <c r="W4590" s="2">
        <v>159.1</v>
      </c>
      <c r="X4590" s="2">
        <v>7.6</v>
      </c>
      <c r="Y4590" s="2">
        <v>16.7</v>
      </c>
      <c r="Z4590" s="5"/>
      <c r="AA4590" s="5" t="s">
        <v>43</v>
      </c>
      <c r="AB4590" s="5" t="s">
        <v>44</v>
      </c>
      <c r="AC4590" s="2"/>
      <c r="AD4590" s="1"/>
    </row>
    <row r="4591" spans="1:30">
      <c r="A4591" s="5" t="s">
        <v>83578</v>
      </c>
      <c r="B4591" s="2" t="s">
        <v>97375</v>
      </c>
      <c r="C4591" s="14" t="s">
        <v>97376</v>
      </c>
      <c r="D4591" s="2" t="s">
        <v>97377</v>
      </c>
      <c r="E4591" s="2" t="s">
        <v>36313</v>
      </c>
      <c r="F4591" s="8">
        <v>345</v>
      </c>
      <c r="G4591" s="5">
        <v>6</v>
      </c>
      <c r="H4591" s="5" t="s">
        <v>1518</v>
      </c>
      <c r="I4591" s="5" t="s">
        <v>36264</v>
      </c>
      <c r="J4591" s="2" t="s">
        <v>36265</v>
      </c>
      <c r="K4591" s="5" t="s">
        <v>36264</v>
      </c>
      <c r="L4591" s="2" t="s">
        <v>36265</v>
      </c>
      <c r="M4591" s="5" t="s">
        <v>36266</v>
      </c>
      <c r="N4591" s="5" t="s">
        <v>38</v>
      </c>
      <c r="O4591" s="5" t="s">
        <v>39</v>
      </c>
      <c r="P4591" s="5" t="s">
        <v>40</v>
      </c>
      <c r="Q4591" s="5" t="s">
        <v>1522</v>
      </c>
      <c r="R4591" s="5" t="s">
        <v>1523</v>
      </c>
      <c r="S4591" s="5" t="s">
        <v>42</v>
      </c>
      <c r="T4591" s="2">
        <v>3.52</v>
      </c>
      <c r="U4591" s="2">
        <v>2.8380000000000001</v>
      </c>
      <c r="V4591" s="2">
        <v>0.02</v>
      </c>
      <c r="W4591" s="2">
        <v>159.1</v>
      </c>
      <c r="X4591" s="2">
        <v>7.6</v>
      </c>
      <c r="Y4591" s="2">
        <v>16.7</v>
      </c>
      <c r="Z4591" s="5"/>
      <c r="AA4591" s="5" t="s">
        <v>43</v>
      </c>
      <c r="AB4591" s="5" t="s">
        <v>44</v>
      </c>
      <c r="AC4591" s="2"/>
      <c r="AD4591" s="1"/>
    </row>
    <row r="4592" spans="1:30">
      <c r="A4592" s="5" t="s">
        <v>83578</v>
      </c>
      <c r="B4592" s="2" t="s">
        <v>97378</v>
      </c>
      <c r="C4592" s="14" t="s">
        <v>97379</v>
      </c>
      <c r="D4592" s="2" t="s">
        <v>97380</v>
      </c>
      <c r="E4592" s="2" t="s">
        <v>36321</v>
      </c>
      <c r="F4592" s="8">
        <v>345</v>
      </c>
      <c r="G4592" s="5">
        <v>6</v>
      </c>
      <c r="H4592" s="5" t="s">
        <v>1518</v>
      </c>
      <c r="I4592" s="5" t="s">
        <v>36264</v>
      </c>
      <c r="J4592" s="2" t="s">
        <v>36265</v>
      </c>
      <c r="K4592" s="5" t="s">
        <v>36264</v>
      </c>
      <c r="L4592" s="2" t="s">
        <v>36265</v>
      </c>
      <c r="M4592" s="5" t="s">
        <v>36266</v>
      </c>
      <c r="N4592" s="5" t="s">
        <v>38</v>
      </c>
      <c r="O4592" s="5" t="s">
        <v>39</v>
      </c>
      <c r="P4592" s="5" t="s">
        <v>40</v>
      </c>
      <c r="Q4592" s="5" t="s">
        <v>1522</v>
      </c>
      <c r="R4592" s="5" t="s">
        <v>1523</v>
      </c>
      <c r="S4592" s="5" t="s">
        <v>42</v>
      </c>
      <c r="T4592" s="2">
        <v>3.52</v>
      </c>
      <c r="U4592" s="2">
        <v>2.8380000000000001</v>
      </c>
      <c r="V4592" s="2">
        <v>0.02</v>
      </c>
      <c r="W4592" s="2">
        <v>159.1</v>
      </c>
      <c r="X4592" s="2">
        <v>7.6</v>
      </c>
      <c r="Y4592" s="2">
        <v>16.7</v>
      </c>
      <c r="Z4592" s="5"/>
      <c r="AA4592" s="5" t="s">
        <v>43</v>
      </c>
      <c r="AB4592" s="5" t="s">
        <v>44</v>
      </c>
      <c r="AC4592" s="2"/>
      <c r="AD4592" s="1"/>
    </row>
    <row r="4593" spans="1:30">
      <c r="A4593" s="5" t="s">
        <v>83578</v>
      </c>
      <c r="B4593" s="2" t="s">
        <v>97381</v>
      </c>
      <c r="C4593" s="14" t="s">
        <v>97382</v>
      </c>
      <c r="D4593" s="2" t="s">
        <v>97383</v>
      </c>
      <c r="E4593" s="2" t="s">
        <v>36345</v>
      </c>
      <c r="F4593" s="8">
        <v>345</v>
      </c>
      <c r="G4593" s="5">
        <v>6</v>
      </c>
      <c r="H4593" s="5" t="s">
        <v>1518</v>
      </c>
      <c r="I4593" s="5" t="s">
        <v>36264</v>
      </c>
      <c r="J4593" s="2" t="s">
        <v>36265</v>
      </c>
      <c r="K4593" s="5" t="s">
        <v>36264</v>
      </c>
      <c r="L4593" s="2" t="s">
        <v>36265</v>
      </c>
      <c r="M4593" s="5" t="s">
        <v>36266</v>
      </c>
      <c r="N4593" s="5" t="s">
        <v>38</v>
      </c>
      <c r="O4593" s="5" t="s">
        <v>39</v>
      </c>
      <c r="P4593" s="5" t="s">
        <v>40</v>
      </c>
      <c r="Q4593" s="5" t="s">
        <v>1522</v>
      </c>
      <c r="R4593" s="5" t="s">
        <v>1523</v>
      </c>
      <c r="S4593" s="5" t="s">
        <v>42</v>
      </c>
      <c r="T4593" s="2">
        <v>3.52</v>
      </c>
      <c r="U4593" s="2">
        <v>2.8380000000000001</v>
      </c>
      <c r="V4593" s="2">
        <v>0.02</v>
      </c>
      <c r="W4593" s="2">
        <v>159.1</v>
      </c>
      <c r="X4593" s="2">
        <v>7.6</v>
      </c>
      <c r="Y4593" s="2">
        <v>16.7</v>
      </c>
      <c r="Z4593" s="5"/>
      <c r="AA4593" s="5" t="s">
        <v>43</v>
      </c>
      <c r="AB4593" s="5" t="s">
        <v>44</v>
      </c>
      <c r="AC4593" s="2"/>
      <c r="AD4593" s="1"/>
    </row>
    <row r="4594" spans="1:30">
      <c r="A4594" s="5" t="s">
        <v>83578</v>
      </c>
      <c r="B4594" s="2" t="s">
        <v>97384</v>
      </c>
      <c r="C4594" s="14" t="s">
        <v>97385</v>
      </c>
      <c r="D4594" s="2" t="s">
        <v>97386</v>
      </c>
      <c r="E4594" s="2" t="s">
        <v>36281</v>
      </c>
      <c r="F4594" s="8">
        <v>338</v>
      </c>
      <c r="G4594" s="5">
        <v>6</v>
      </c>
      <c r="H4594" s="5" t="s">
        <v>1518</v>
      </c>
      <c r="I4594" s="5" t="s">
        <v>36264</v>
      </c>
      <c r="J4594" s="2" t="s">
        <v>36265</v>
      </c>
      <c r="K4594" s="5" t="s">
        <v>36264</v>
      </c>
      <c r="L4594" s="2" t="s">
        <v>36265</v>
      </c>
      <c r="M4594" s="5" t="s">
        <v>36266</v>
      </c>
      <c r="N4594" s="5" t="s">
        <v>38</v>
      </c>
      <c r="O4594" s="5" t="s">
        <v>39</v>
      </c>
      <c r="P4594" s="5" t="s">
        <v>40</v>
      </c>
      <c r="Q4594" s="5" t="s">
        <v>1522</v>
      </c>
      <c r="R4594" s="5" t="s">
        <v>1523</v>
      </c>
      <c r="S4594" s="5" t="s">
        <v>42</v>
      </c>
      <c r="T4594" s="2">
        <v>3.1549999999999998</v>
      </c>
      <c r="U4594" s="2">
        <v>2.5569999999999999</v>
      </c>
      <c r="V4594" s="2">
        <v>1.7999999999999999E-2</v>
      </c>
      <c r="W4594" s="2">
        <v>139.1</v>
      </c>
      <c r="X4594" s="2">
        <v>7.6</v>
      </c>
      <c r="Y4594" s="2">
        <v>16.7</v>
      </c>
      <c r="Z4594" s="5"/>
      <c r="AA4594" s="5" t="s">
        <v>43</v>
      </c>
      <c r="AB4594" s="5" t="s">
        <v>44</v>
      </c>
      <c r="AC4594" s="2"/>
      <c r="AD4594" s="1"/>
    </row>
    <row r="4595" spans="1:30">
      <c r="A4595" s="5" t="s">
        <v>83578</v>
      </c>
      <c r="B4595" s="2" t="s">
        <v>97387</v>
      </c>
      <c r="C4595" s="14" t="s">
        <v>97388</v>
      </c>
      <c r="D4595" s="2" t="s">
        <v>97389</v>
      </c>
      <c r="E4595" s="2" t="s">
        <v>36285</v>
      </c>
      <c r="F4595" s="8">
        <v>338</v>
      </c>
      <c r="G4595" s="5">
        <v>6</v>
      </c>
      <c r="H4595" s="5" t="s">
        <v>1518</v>
      </c>
      <c r="I4595" s="5" t="s">
        <v>36264</v>
      </c>
      <c r="J4595" s="2" t="s">
        <v>36265</v>
      </c>
      <c r="K4595" s="5" t="s">
        <v>36264</v>
      </c>
      <c r="L4595" s="2" t="s">
        <v>36265</v>
      </c>
      <c r="M4595" s="5" t="s">
        <v>36266</v>
      </c>
      <c r="N4595" s="5" t="s">
        <v>38</v>
      </c>
      <c r="O4595" s="5" t="s">
        <v>39</v>
      </c>
      <c r="P4595" s="5" t="s">
        <v>40</v>
      </c>
      <c r="Q4595" s="5" t="s">
        <v>1522</v>
      </c>
      <c r="R4595" s="5" t="s">
        <v>1523</v>
      </c>
      <c r="S4595" s="5" t="s">
        <v>42</v>
      </c>
      <c r="T4595" s="2">
        <v>3.24</v>
      </c>
      <c r="U4595" s="2">
        <v>2.6419999999999999</v>
      </c>
      <c r="V4595" s="2">
        <v>1.7999999999999999E-2</v>
      </c>
      <c r="W4595" s="2">
        <v>139.1</v>
      </c>
      <c r="X4595" s="2">
        <v>7.6</v>
      </c>
      <c r="Y4595" s="2">
        <v>16.7</v>
      </c>
      <c r="Z4595" s="5"/>
      <c r="AA4595" s="5" t="s">
        <v>43</v>
      </c>
      <c r="AB4595" s="5" t="s">
        <v>44</v>
      </c>
      <c r="AC4595" s="2"/>
      <c r="AD4595" s="1"/>
    </row>
    <row r="4596" spans="1:30">
      <c r="A4596" s="5" t="s">
        <v>83578</v>
      </c>
      <c r="B4596" s="2" t="s">
        <v>97390</v>
      </c>
      <c r="C4596" s="14" t="s">
        <v>97391</v>
      </c>
      <c r="D4596" s="2" t="s">
        <v>97392</v>
      </c>
      <c r="E4596" s="2" t="s">
        <v>36313</v>
      </c>
      <c r="F4596" s="8">
        <v>338</v>
      </c>
      <c r="G4596" s="5">
        <v>6</v>
      </c>
      <c r="H4596" s="5" t="s">
        <v>1518</v>
      </c>
      <c r="I4596" s="5" t="s">
        <v>36264</v>
      </c>
      <c r="J4596" s="2" t="s">
        <v>36265</v>
      </c>
      <c r="K4596" s="5" t="s">
        <v>36264</v>
      </c>
      <c r="L4596" s="2" t="s">
        <v>36265</v>
      </c>
      <c r="M4596" s="5" t="s">
        <v>36266</v>
      </c>
      <c r="N4596" s="5" t="s">
        <v>38</v>
      </c>
      <c r="O4596" s="5" t="s">
        <v>39</v>
      </c>
      <c r="P4596" s="5" t="s">
        <v>40</v>
      </c>
      <c r="Q4596" s="5" t="s">
        <v>1522</v>
      </c>
      <c r="R4596" s="5" t="s">
        <v>1523</v>
      </c>
      <c r="S4596" s="5" t="s">
        <v>42</v>
      </c>
      <c r="T4596" s="2">
        <v>3.1549999999999998</v>
      </c>
      <c r="U4596" s="2">
        <v>2.5569999999999999</v>
      </c>
      <c r="V4596" s="2">
        <v>1.7999999999999999E-2</v>
      </c>
      <c r="W4596" s="2">
        <v>139.1</v>
      </c>
      <c r="X4596" s="2">
        <v>7.6</v>
      </c>
      <c r="Y4596" s="2">
        <v>16.7</v>
      </c>
      <c r="Z4596" s="5"/>
      <c r="AA4596" s="5" t="s">
        <v>43</v>
      </c>
      <c r="AB4596" s="5" t="s">
        <v>44</v>
      </c>
      <c r="AC4596" s="2"/>
      <c r="AD4596" s="1"/>
    </row>
    <row r="4597" spans="1:30">
      <c r="A4597" s="5" t="s">
        <v>83578</v>
      </c>
      <c r="B4597" s="2" t="s">
        <v>97393</v>
      </c>
      <c r="C4597" s="14" t="s">
        <v>97394</v>
      </c>
      <c r="D4597" s="2" t="s">
        <v>97395</v>
      </c>
      <c r="E4597" s="2" t="s">
        <v>36321</v>
      </c>
      <c r="F4597" s="8">
        <v>338</v>
      </c>
      <c r="G4597" s="5">
        <v>6</v>
      </c>
      <c r="H4597" s="5" t="s">
        <v>1518</v>
      </c>
      <c r="I4597" s="5" t="s">
        <v>36264</v>
      </c>
      <c r="J4597" s="2" t="s">
        <v>36265</v>
      </c>
      <c r="K4597" s="5" t="s">
        <v>36264</v>
      </c>
      <c r="L4597" s="2" t="s">
        <v>36265</v>
      </c>
      <c r="M4597" s="5" t="s">
        <v>36266</v>
      </c>
      <c r="N4597" s="5" t="s">
        <v>38</v>
      </c>
      <c r="O4597" s="5" t="s">
        <v>39</v>
      </c>
      <c r="P4597" s="5" t="s">
        <v>40</v>
      </c>
      <c r="Q4597" s="5" t="s">
        <v>1522</v>
      </c>
      <c r="R4597" s="5" t="s">
        <v>1523</v>
      </c>
      <c r="S4597" s="5" t="s">
        <v>42</v>
      </c>
      <c r="T4597" s="2">
        <v>3.1549999999999998</v>
      </c>
      <c r="U4597" s="2">
        <v>2.5569999999999999</v>
      </c>
      <c r="V4597" s="2">
        <v>1.7999999999999999E-2</v>
      </c>
      <c r="W4597" s="2">
        <v>139.1</v>
      </c>
      <c r="X4597" s="2">
        <v>7.6</v>
      </c>
      <c r="Y4597" s="2">
        <v>16.7</v>
      </c>
      <c r="Z4597" s="5"/>
      <c r="AA4597" s="5" t="s">
        <v>43</v>
      </c>
      <c r="AB4597" s="5" t="s">
        <v>44</v>
      </c>
      <c r="AC4597" s="2"/>
      <c r="AD4597" s="1"/>
    </row>
    <row r="4598" spans="1:30">
      <c r="A4598" s="5" t="s">
        <v>83578</v>
      </c>
      <c r="B4598" s="2" t="s">
        <v>97396</v>
      </c>
      <c r="C4598" s="14" t="s">
        <v>97397</v>
      </c>
      <c r="D4598" s="2" t="s">
        <v>97398</v>
      </c>
      <c r="E4598" s="2" t="s">
        <v>36341</v>
      </c>
      <c r="F4598" s="8">
        <v>338</v>
      </c>
      <c r="G4598" s="5">
        <v>6</v>
      </c>
      <c r="H4598" s="5" t="s">
        <v>1518</v>
      </c>
      <c r="I4598" s="5" t="s">
        <v>36264</v>
      </c>
      <c r="J4598" s="2" t="s">
        <v>36265</v>
      </c>
      <c r="K4598" s="5" t="s">
        <v>36264</v>
      </c>
      <c r="L4598" s="2" t="s">
        <v>36265</v>
      </c>
      <c r="M4598" s="5" t="s">
        <v>36266</v>
      </c>
      <c r="N4598" s="5" t="s">
        <v>38</v>
      </c>
      <c r="O4598" s="5" t="s">
        <v>39</v>
      </c>
      <c r="P4598" s="5" t="s">
        <v>40</v>
      </c>
      <c r="Q4598" s="5" t="s">
        <v>1522</v>
      </c>
      <c r="R4598" s="5" t="s">
        <v>1523</v>
      </c>
      <c r="S4598" s="5" t="s">
        <v>42</v>
      </c>
      <c r="T4598" s="2">
        <v>3.24</v>
      </c>
      <c r="U4598" s="2">
        <v>2.6419999999999999</v>
      </c>
      <c r="V4598" s="2">
        <v>1.7999999999999999E-2</v>
      </c>
      <c r="W4598" s="2">
        <v>139.1</v>
      </c>
      <c r="X4598" s="2">
        <v>7.6</v>
      </c>
      <c r="Y4598" s="2">
        <v>16.7</v>
      </c>
      <c r="Z4598" s="5"/>
      <c r="AA4598" s="5" t="s">
        <v>43</v>
      </c>
      <c r="AB4598" s="5" t="s">
        <v>44</v>
      </c>
      <c r="AC4598" s="2"/>
      <c r="AD4598" s="1"/>
    </row>
    <row r="4599" spans="1:30">
      <c r="A4599" s="5" t="s">
        <v>83578</v>
      </c>
      <c r="B4599" s="2" t="s">
        <v>97399</v>
      </c>
      <c r="C4599" s="14" t="s">
        <v>97400</v>
      </c>
      <c r="D4599" s="2" t="s">
        <v>97401</v>
      </c>
      <c r="E4599" s="2" t="s">
        <v>36345</v>
      </c>
      <c r="F4599" s="8">
        <v>338</v>
      </c>
      <c r="G4599" s="5">
        <v>6</v>
      </c>
      <c r="H4599" s="5" t="s">
        <v>1518</v>
      </c>
      <c r="I4599" s="5" t="s">
        <v>36264</v>
      </c>
      <c r="J4599" s="2" t="s">
        <v>36265</v>
      </c>
      <c r="K4599" s="5" t="s">
        <v>36264</v>
      </c>
      <c r="L4599" s="2" t="s">
        <v>36265</v>
      </c>
      <c r="M4599" s="5" t="s">
        <v>36266</v>
      </c>
      <c r="N4599" s="5" t="s">
        <v>38</v>
      </c>
      <c r="O4599" s="5" t="s">
        <v>39</v>
      </c>
      <c r="P4599" s="5" t="s">
        <v>40</v>
      </c>
      <c r="Q4599" s="5" t="s">
        <v>1522</v>
      </c>
      <c r="R4599" s="5" t="s">
        <v>1523</v>
      </c>
      <c r="S4599" s="5" t="s">
        <v>42</v>
      </c>
      <c r="T4599" s="2">
        <v>3.1549999999999998</v>
      </c>
      <c r="U4599" s="2">
        <v>2.5569999999999999</v>
      </c>
      <c r="V4599" s="2">
        <v>1.7999999999999999E-2</v>
      </c>
      <c r="W4599" s="2">
        <v>139.1</v>
      </c>
      <c r="X4599" s="2">
        <v>7.6</v>
      </c>
      <c r="Y4599" s="2">
        <v>16.7</v>
      </c>
      <c r="Z4599" s="5"/>
      <c r="AA4599" s="5" t="s">
        <v>43</v>
      </c>
      <c r="AB4599" s="5" t="s">
        <v>44</v>
      </c>
      <c r="AC4599" s="2"/>
      <c r="AD4599" s="1"/>
    </row>
    <row r="4600" spans="1:30">
      <c r="A4600" s="5" t="s">
        <v>83578</v>
      </c>
      <c r="B4600" s="2" t="s">
        <v>97402</v>
      </c>
      <c r="C4600" s="14" t="s">
        <v>97403</v>
      </c>
      <c r="D4600" s="2" t="s">
        <v>97404</v>
      </c>
      <c r="E4600" s="2" t="s">
        <v>36353</v>
      </c>
      <c r="F4600" s="8">
        <v>338</v>
      </c>
      <c r="G4600" s="5">
        <v>6</v>
      </c>
      <c r="H4600" s="5" t="s">
        <v>1518</v>
      </c>
      <c r="I4600" s="5" t="s">
        <v>36264</v>
      </c>
      <c r="J4600" s="2" t="s">
        <v>36265</v>
      </c>
      <c r="K4600" s="5" t="s">
        <v>36264</v>
      </c>
      <c r="L4600" s="2" t="s">
        <v>36265</v>
      </c>
      <c r="M4600" s="5" t="s">
        <v>36266</v>
      </c>
      <c r="N4600" s="5" t="s">
        <v>38</v>
      </c>
      <c r="O4600" s="5" t="s">
        <v>39</v>
      </c>
      <c r="P4600" s="5" t="s">
        <v>40</v>
      </c>
      <c r="Q4600" s="5" t="s">
        <v>1522</v>
      </c>
      <c r="R4600" s="5" t="s">
        <v>1523</v>
      </c>
      <c r="S4600" s="5" t="s">
        <v>42</v>
      </c>
      <c r="T4600" s="2">
        <v>3.1549999999999998</v>
      </c>
      <c r="U4600" s="2">
        <v>2.5569999999999999</v>
      </c>
      <c r="V4600" s="2">
        <v>1.7999999999999999E-2</v>
      </c>
      <c r="W4600" s="2">
        <v>139.1</v>
      </c>
      <c r="X4600" s="2">
        <v>7.6</v>
      </c>
      <c r="Y4600" s="2">
        <v>16.7</v>
      </c>
      <c r="Z4600" s="5"/>
      <c r="AA4600" s="5" t="s">
        <v>43</v>
      </c>
      <c r="AB4600" s="5" t="s">
        <v>44</v>
      </c>
      <c r="AC4600" s="2"/>
      <c r="AD4600" s="1"/>
    </row>
    <row r="4601" spans="1:30">
      <c r="A4601" s="5" t="s">
        <v>83578</v>
      </c>
      <c r="B4601" s="2" t="s">
        <v>97405</v>
      </c>
      <c r="C4601" s="14" t="s">
        <v>97406</v>
      </c>
      <c r="D4601" s="2" t="s">
        <v>97407</v>
      </c>
      <c r="E4601" s="2" t="s">
        <v>45534</v>
      </c>
      <c r="F4601" s="8">
        <v>338</v>
      </c>
      <c r="G4601" s="5">
        <v>6</v>
      </c>
      <c r="H4601" s="5" t="s">
        <v>1518</v>
      </c>
      <c r="I4601" s="5" t="s">
        <v>36264</v>
      </c>
      <c r="J4601" s="2" t="s">
        <v>36265</v>
      </c>
      <c r="K4601" s="5" t="s">
        <v>36264</v>
      </c>
      <c r="L4601" s="2" t="s">
        <v>36265</v>
      </c>
      <c r="M4601" s="5" t="s">
        <v>36266</v>
      </c>
      <c r="N4601" s="5" t="s">
        <v>38</v>
      </c>
      <c r="O4601" s="5" t="s">
        <v>39</v>
      </c>
      <c r="P4601" s="5" t="s">
        <v>40</v>
      </c>
      <c r="Q4601" s="5" t="s">
        <v>1522</v>
      </c>
      <c r="R4601" s="5" t="s">
        <v>1523</v>
      </c>
      <c r="S4601" s="5" t="s">
        <v>42</v>
      </c>
      <c r="T4601" s="2">
        <v>3.24</v>
      </c>
      <c r="U4601" s="2">
        <v>2.6419999999999999</v>
      </c>
      <c r="V4601" s="2">
        <v>1.7999999999999999E-2</v>
      </c>
      <c r="W4601" s="2">
        <v>139.1</v>
      </c>
      <c r="X4601" s="2">
        <v>7.6</v>
      </c>
      <c r="Y4601" s="2">
        <v>16.7</v>
      </c>
      <c r="Z4601" s="5"/>
      <c r="AA4601" s="5" t="s">
        <v>43</v>
      </c>
      <c r="AB4601" s="5" t="s">
        <v>44</v>
      </c>
      <c r="AC4601" s="2"/>
      <c r="AD4601" s="1"/>
    </row>
    <row r="4602" spans="1:30">
      <c r="A4602" s="5" t="s">
        <v>83578</v>
      </c>
      <c r="B4602" s="2" t="s">
        <v>97408</v>
      </c>
      <c r="C4602" s="14" t="s">
        <v>97409</v>
      </c>
      <c r="D4602" s="2" t="s">
        <v>97410</v>
      </c>
      <c r="E4602" s="2" t="s">
        <v>36369</v>
      </c>
      <c r="F4602" s="8">
        <v>338</v>
      </c>
      <c r="G4602" s="5">
        <v>6</v>
      </c>
      <c r="H4602" s="5" t="s">
        <v>1518</v>
      </c>
      <c r="I4602" s="5" t="s">
        <v>36264</v>
      </c>
      <c r="J4602" s="2" t="s">
        <v>36265</v>
      </c>
      <c r="K4602" s="5" t="s">
        <v>36264</v>
      </c>
      <c r="L4602" s="2" t="s">
        <v>36265</v>
      </c>
      <c r="M4602" s="5" t="s">
        <v>36266</v>
      </c>
      <c r="N4602" s="5" t="s">
        <v>38</v>
      </c>
      <c r="O4602" s="5" t="s">
        <v>39</v>
      </c>
      <c r="P4602" s="5" t="s">
        <v>40</v>
      </c>
      <c r="Q4602" s="5" t="s">
        <v>1522</v>
      </c>
      <c r="R4602" s="5" t="s">
        <v>1523</v>
      </c>
      <c r="S4602" s="5" t="s">
        <v>42</v>
      </c>
      <c r="T4602" s="2">
        <v>3.1549999999999998</v>
      </c>
      <c r="U4602" s="2">
        <v>2.5569999999999999</v>
      </c>
      <c r="V4602" s="2">
        <v>1.7999999999999999E-2</v>
      </c>
      <c r="W4602" s="2">
        <v>139.1</v>
      </c>
      <c r="X4602" s="2">
        <v>7.6</v>
      </c>
      <c r="Y4602" s="2">
        <v>16.7</v>
      </c>
      <c r="Z4602" s="5"/>
      <c r="AA4602" s="5" t="s">
        <v>43</v>
      </c>
      <c r="AB4602" s="5" t="s">
        <v>44</v>
      </c>
      <c r="AC4602" s="2"/>
      <c r="AD4602" s="1"/>
    </row>
    <row r="4603" spans="1:30">
      <c r="A4603" s="5" t="s">
        <v>83578</v>
      </c>
      <c r="B4603" s="2" t="s">
        <v>97411</v>
      </c>
      <c r="C4603" s="14" t="s">
        <v>97412</v>
      </c>
      <c r="D4603" s="2" t="s">
        <v>97413</v>
      </c>
      <c r="E4603" s="2" t="s">
        <v>36285</v>
      </c>
      <c r="F4603" s="8">
        <v>338</v>
      </c>
      <c r="G4603" s="5">
        <v>6</v>
      </c>
      <c r="H4603" s="5" t="s">
        <v>1518</v>
      </c>
      <c r="I4603" s="5" t="s">
        <v>36264</v>
      </c>
      <c r="J4603" s="2" t="s">
        <v>36265</v>
      </c>
      <c r="K4603" s="5" t="s">
        <v>36264</v>
      </c>
      <c r="L4603" s="2" t="s">
        <v>36265</v>
      </c>
      <c r="M4603" s="5" t="s">
        <v>36266</v>
      </c>
      <c r="N4603" s="5" t="s">
        <v>38</v>
      </c>
      <c r="O4603" s="5" t="s">
        <v>39</v>
      </c>
      <c r="P4603" s="5" t="s">
        <v>40</v>
      </c>
      <c r="Q4603" s="5" t="s">
        <v>1522</v>
      </c>
      <c r="R4603" s="5" t="s">
        <v>1523</v>
      </c>
      <c r="S4603" s="5" t="s">
        <v>42</v>
      </c>
      <c r="T4603" s="2">
        <v>3.4239999999999999</v>
      </c>
      <c r="U4603" s="2">
        <v>2.835</v>
      </c>
      <c r="V4603" s="2">
        <v>1.7999999999999999E-2</v>
      </c>
      <c r="W4603" s="2">
        <v>139.1</v>
      </c>
      <c r="X4603" s="2">
        <v>7.6</v>
      </c>
      <c r="Y4603" s="2">
        <v>16.7</v>
      </c>
      <c r="Z4603" s="5"/>
      <c r="AA4603" s="5" t="s">
        <v>43</v>
      </c>
      <c r="AB4603" s="5" t="s">
        <v>44</v>
      </c>
      <c r="AC4603" s="2"/>
      <c r="AD4603" s="1"/>
    </row>
    <row r="4604" spans="1:30">
      <c r="A4604" s="5" t="s">
        <v>83578</v>
      </c>
      <c r="B4604" s="2" t="s">
        <v>97414</v>
      </c>
      <c r="C4604" s="14" t="s">
        <v>97415</v>
      </c>
      <c r="D4604" s="2" t="s">
        <v>97416</v>
      </c>
      <c r="E4604" s="2" t="s">
        <v>36341</v>
      </c>
      <c r="F4604" s="8">
        <v>338</v>
      </c>
      <c r="G4604" s="5">
        <v>6</v>
      </c>
      <c r="H4604" s="5" t="s">
        <v>1518</v>
      </c>
      <c r="I4604" s="5" t="s">
        <v>36264</v>
      </c>
      <c r="J4604" s="2" t="s">
        <v>36265</v>
      </c>
      <c r="K4604" s="5" t="s">
        <v>36264</v>
      </c>
      <c r="L4604" s="2" t="s">
        <v>36265</v>
      </c>
      <c r="M4604" s="5" t="s">
        <v>36266</v>
      </c>
      <c r="N4604" s="5" t="s">
        <v>38</v>
      </c>
      <c r="O4604" s="5" t="s">
        <v>39</v>
      </c>
      <c r="P4604" s="5" t="s">
        <v>40</v>
      </c>
      <c r="Q4604" s="5" t="s">
        <v>1522</v>
      </c>
      <c r="R4604" s="5" t="s">
        <v>1523</v>
      </c>
      <c r="S4604" s="5" t="s">
        <v>42</v>
      </c>
      <c r="T4604" s="2">
        <v>3.4239999999999999</v>
      </c>
      <c r="U4604" s="2">
        <v>2.835</v>
      </c>
      <c r="V4604" s="2">
        <v>1.7999999999999999E-2</v>
      </c>
      <c r="W4604" s="2">
        <v>139.1</v>
      </c>
      <c r="X4604" s="2">
        <v>7.6</v>
      </c>
      <c r="Y4604" s="2">
        <v>16.7</v>
      </c>
      <c r="Z4604" s="5"/>
      <c r="AA4604" s="5" t="s">
        <v>43</v>
      </c>
      <c r="AB4604" s="5" t="s">
        <v>44</v>
      </c>
      <c r="AC4604" s="2"/>
      <c r="AD4604" s="1"/>
    </row>
    <row r="4605" spans="1:30">
      <c r="A4605" s="5" t="s">
        <v>83578</v>
      </c>
      <c r="B4605" s="2" t="s">
        <v>97417</v>
      </c>
      <c r="C4605" s="14" t="s">
        <v>97418</v>
      </c>
      <c r="D4605" s="2" t="s">
        <v>97419</v>
      </c>
      <c r="E4605" s="2" t="s">
        <v>36281</v>
      </c>
      <c r="F4605" s="8">
        <v>350</v>
      </c>
      <c r="G4605" s="5">
        <v>6</v>
      </c>
      <c r="H4605" s="5" t="s">
        <v>1518</v>
      </c>
      <c r="I4605" s="5" t="s">
        <v>36264</v>
      </c>
      <c r="J4605" s="2" t="s">
        <v>36265</v>
      </c>
      <c r="K4605" s="5" t="s">
        <v>36264</v>
      </c>
      <c r="L4605" s="2" t="s">
        <v>36265</v>
      </c>
      <c r="M4605" s="5" t="s">
        <v>36266</v>
      </c>
      <c r="N4605" s="5" t="s">
        <v>38</v>
      </c>
      <c r="O4605" s="5" t="s">
        <v>39</v>
      </c>
      <c r="P4605" s="5" t="s">
        <v>40</v>
      </c>
      <c r="Q4605" s="5" t="s">
        <v>1522</v>
      </c>
      <c r="R4605" s="5" t="s">
        <v>1523</v>
      </c>
      <c r="S4605" s="5" t="s">
        <v>42</v>
      </c>
      <c r="T4605" s="2">
        <v>3.5059999999999998</v>
      </c>
      <c r="U4605" s="2">
        <v>2.9279999999999999</v>
      </c>
      <c r="V4605" s="2">
        <v>1.7999999999999999E-2</v>
      </c>
      <c r="W4605" s="2">
        <v>139.1</v>
      </c>
      <c r="X4605" s="2">
        <v>7.6</v>
      </c>
      <c r="Y4605" s="2">
        <v>16.7</v>
      </c>
      <c r="Z4605" s="5"/>
      <c r="AA4605" s="5" t="s">
        <v>43</v>
      </c>
      <c r="AB4605" s="5" t="s">
        <v>44</v>
      </c>
      <c r="AC4605" s="2"/>
      <c r="AD4605" s="1"/>
    </row>
    <row r="4606" spans="1:30">
      <c r="A4606" s="5" t="s">
        <v>83578</v>
      </c>
      <c r="B4606" s="2" t="s">
        <v>97420</v>
      </c>
      <c r="C4606" s="14" t="s">
        <v>97421</v>
      </c>
      <c r="D4606" s="2" t="s">
        <v>97422</v>
      </c>
      <c r="E4606" s="2" t="s">
        <v>36313</v>
      </c>
      <c r="F4606" s="8">
        <v>350</v>
      </c>
      <c r="G4606" s="5">
        <v>6</v>
      </c>
      <c r="H4606" s="5" t="s">
        <v>1518</v>
      </c>
      <c r="I4606" s="5" t="s">
        <v>36264</v>
      </c>
      <c r="J4606" s="2" t="s">
        <v>36265</v>
      </c>
      <c r="K4606" s="5" t="s">
        <v>36264</v>
      </c>
      <c r="L4606" s="2" t="s">
        <v>36265</v>
      </c>
      <c r="M4606" s="5" t="s">
        <v>36266</v>
      </c>
      <c r="N4606" s="5" t="s">
        <v>38</v>
      </c>
      <c r="O4606" s="5" t="s">
        <v>39</v>
      </c>
      <c r="P4606" s="5" t="s">
        <v>40</v>
      </c>
      <c r="Q4606" s="5" t="s">
        <v>1522</v>
      </c>
      <c r="R4606" s="5" t="s">
        <v>1523</v>
      </c>
      <c r="S4606" s="5" t="s">
        <v>42</v>
      </c>
      <c r="T4606" s="2">
        <v>3.5059999999999998</v>
      </c>
      <c r="U4606" s="2">
        <v>2.9279999999999999</v>
      </c>
      <c r="V4606" s="2">
        <v>1.7999999999999999E-2</v>
      </c>
      <c r="W4606" s="2">
        <v>139.1</v>
      </c>
      <c r="X4606" s="2">
        <v>7.6</v>
      </c>
      <c r="Y4606" s="2">
        <v>16.7</v>
      </c>
      <c r="Z4606" s="5"/>
      <c r="AA4606" s="5" t="s">
        <v>43</v>
      </c>
      <c r="AB4606" s="5" t="s">
        <v>44</v>
      </c>
      <c r="AC4606" s="2"/>
      <c r="AD4606" s="1"/>
    </row>
    <row r="4607" spans="1:30">
      <c r="A4607" s="5" t="s">
        <v>83578</v>
      </c>
      <c r="B4607" s="2" t="s">
        <v>97423</v>
      </c>
      <c r="C4607" s="14" t="s">
        <v>97424</v>
      </c>
      <c r="D4607" s="2" t="s">
        <v>97425</v>
      </c>
      <c r="E4607" s="2" t="s">
        <v>36321</v>
      </c>
      <c r="F4607" s="8">
        <v>350</v>
      </c>
      <c r="G4607" s="5">
        <v>6</v>
      </c>
      <c r="H4607" s="5" t="s">
        <v>1518</v>
      </c>
      <c r="I4607" s="5" t="s">
        <v>36264</v>
      </c>
      <c r="J4607" s="2" t="s">
        <v>36265</v>
      </c>
      <c r="K4607" s="5" t="s">
        <v>36264</v>
      </c>
      <c r="L4607" s="2" t="s">
        <v>36265</v>
      </c>
      <c r="M4607" s="5" t="s">
        <v>36266</v>
      </c>
      <c r="N4607" s="5" t="s">
        <v>38</v>
      </c>
      <c r="O4607" s="5" t="s">
        <v>39</v>
      </c>
      <c r="P4607" s="5" t="s">
        <v>40</v>
      </c>
      <c r="Q4607" s="5" t="s">
        <v>1522</v>
      </c>
      <c r="R4607" s="5" t="s">
        <v>1523</v>
      </c>
      <c r="S4607" s="5" t="s">
        <v>42</v>
      </c>
      <c r="T4607" s="2">
        <v>3.5059999999999998</v>
      </c>
      <c r="U4607" s="2">
        <v>2.9279999999999999</v>
      </c>
      <c r="V4607" s="2">
        <v>1.7999999999999999E-2</v>
      </c>
      <c r="W4607" s="2">
        <v>139.1</v>
      </c>
      <c r="X4607" s="2">
        <v>7.6</v>
      </c>
      <c r="Y4607" s="2">
        <v>16.7</v>
      </c>
      <c r="Z4607" s="5"/>
      <c r="AA4607" s="5" t="s">
        <v>43</v>
      </c>
      <c r="AB4607" s="5" t="s">
        <v>44</v>
      </c>
      <c r="AC4607" s="2"/>
      <c r="AD4607" s="1"/>
    </row>
    <row r="4608" spans="1:30">
      <c r="A4608" s="5" t="s">
        <v>83578</v>
      </c>
      <c r="B4608" s="2" t="s">
        <v>97426</v>
      </c>
      <c r="C4608" s="14" t="s">
        <v>97427</v>
      </c>
      <c r="D4608" s="2" t="s">
        <v>97428</v>
      </c>
      <c r="E4608" s="2" t="s">
        <v>36349</v>
      </c>
      <c r="F4608" s="8">
        <v>350</v>
      </c>
      <c r="G4608" s="5">
        <v>6</v>
      </c>
      <c r="H4608" s="5" t="s">
        <v>1518</v>
      </c>
      <c r="I4608" s="5" t="s">
        <v>36264</v>
      </c>
      <c r="J4608" s="2" t="s">
        <v>36265</v>
      </c>
      <c r="K4608" s="5" t="s">
        <v>36264</v>
      </c>
      <c r="L4608" s="2" t="s">
        <v>36265</v>
      </c>
      <c r="M4608" s="5" t="s">
        <v>36266</v>
      </c>
      <c r="N4608" s="5" t="s">
        <v>38</v>
      </c>
      <c r="O4608" s="5" t="s">
        <v>39</v>
      </c>
      <c r="P4608" s="5" t="s">
        <v>40</v>
      </c>
      <c r="Q4608" s="5" t="s">
        <v>1522</v>
      </c>
      <c r="R4608" s="5" t="s">
        <v>1523</v>
      </c>
      <c r="S4608" s="5" t="s">
        <v>42</v>
      </c>
      <c r="T4608" s="2">
        <v>3.6160000000000001</v>
      </c>
      <c r="U4608" s="2">
        <v>3.0379999999999998</v>
      </c>
      <c r="V4608" s="2">
        <v>1.7999999999999999E-2</v>
      </c>
      <c r="W4608" s="2">
        <v>139.1</v>
      </c>
      <c r="X4608" s="2">
        <v>7.6</v>
      </c>
      <c r="Y4608" s="2">
        <v>16.7</v>
      </c>
      <c r="Z4608" s="5"/>
      <c r="AA4608" s="5" t="s">
        <v>43</v>
      </c>
      <c r="AB4608" s="5" t="s">
        <v>44</v>
      </c>
      <c r="AC4608" s="2"/>
      <c r="AD4608" s="1"/>
    </row>
    <row r="4609" spans="1:30">
      <c r="A4609" s="5" t="s">
        <v>83578</v>
      </c>
      <c r="B4609" s="2" t="s">
        <v>97429</v>
      </c>
      <c r="C4609" s="14" t="s">
        <v>97430</v>
      </c>
      <c r="D4609" s="2" t="s">
        <v>97431</v>
      </c>
      <c r="E4609" s="2" t="s">
        <v>36353</v>
      </c>
      <c r="F4609" s="8">
        <v>350</v>
      </c>
      <c r="G4609" s="5">
        <v>6</v>
      </c>
      <c r="H4609" s="5" t="s">
        <v>1518</v>
      </c>
      <c r="I4609" s="5" t="s">
        <v>36264</v>
      </c>
      <c r="J4609" s="2" t="s">
        <v>36265</v>
      </c>
      <c r="K4609" s="5" t="s">
        <v>36264</v>
      </c>
      <c r="L4609" s="2" t="s">
        <v>36265</v>
      </c>
      <c r="M4609" s="5" t="s">
        <v>36266</v>
      </c>
      <c r="N4609" s="5" t="s">
        <v>38</v>
      </c>
      <c r="O4609" s="5" t="s">
        <v>39</v>
      </c>
      <c r="P4609" s="5" t="s">
        <v>40</v>
      </c>
      <c r="Q4609" s="5" t="s">
        <v>1522</v>
      </c>
      <c r="R4609" s="5" t="s">
        <v>1523</v>
      </c>
      <c r="S4609" s="5" t="s">
        <v>42</v>
      </c>
      <c r="T4609" s="2">
        <v>3.5059999999999998</v>
      </c>
      <c r="U4609" s="2">
        <v>2.9279999999999999</v>
      </c>
      <c r="V4609" s="2">
        <v>1.7999999999999999E-2</v>
      </c>
      <c r="W4609" s="2">
        <v>139.1</v>
      </c>
      <c r="X4609" s="2">
        <v>7.6</v>
      </c>
      <c r="Y4609" s="2">
        <v>16.7</v>
      </c>
      <c r="Z4609" s="5"/>
      <c r="AA4609" s="5" t="s">
        <v>43</v>
      </c>
      <c r="AB4609" s="5" t="s">
        <v>44</v>
      </c>
      <c r="AC4609" s="2"/>
      <c r="AD4609" s="1"/>
    </row>
    <row r="4610" spans="1:30">
      <c r="A4610" s="5" t="s">
        <v>83578</v>
      </c>
      <c r="B4610" s="2" t="s">
        <v>97432</v>
      </c>
      <c r="C4610" s="14" t="s">
        <v>97433</v>
      </c>
      <c r="D4610" s="2" t="s">
        <v>97434</v>
      </c>
      <c r="E4610" s="2" t="s">
        <v>45598</v>
      </c>
      <c r="F4610" s="8">
        <v>350</v>
      </c>
      <c r="G4610" s="5">
        <v>6</v>
      </c>
      <c r="H4610" s="5" t="s">
        <v>1518</v>
      </c>
      <c r="I4610" s="5" t="s">
        <v>36264</v>
      </c>
      <c r="J4610" s="2" t="s">
        <v>36265</v>
      </c>
      <c r="K4610" s="5" t="s">
        <v>36264</v>
      </c>
      <c r="L4610" s="2" t="s">
        <v>36265</v>
      </c>
      <c r="M4610" s="5" t="s">
        <v>36266</v>
      </c>
      <c r="N4610" s="5" t="s">
        <v>38</v>
      </c>
      <c r="O4610" s="5" t="s">
        <v>39</v>
      </c>
      <c r="P4610" s="5" t="s">
        <v>40</v>
      </c>
      <c r="Q4610" s="5" t="s">
        <v>1522</v>
      </c>
      <c r="R4610" s="5" t="s">
        <v>1523</v>
      </c>
      <c r="S4610" s="5" t="s">
        <v>42</v>
      </c>
      <c r="T4610" s="2">
        <v>3.5059999999999998</v>
      </c>
      <c r="U4610" s="2">
        <v>2.9279999999999999</v>
      </c>
      <c r="V4610" s="2">
        <v>1.7999999999999999E-2</v>
      </c>
      <c r="W4610" s="2">
        <v>139.1</v>
      </c>
      <c r="X4610" s="2">
        <v>7.6</v>
      </c>
      <c r="Y4610" s="2">
        <v>16.7</v>
      </c>
      <c r="Z4610" s="5"/>
      <c r="AA4610" s="5" t="s">
        <v>43</v>
      </c>
      <c r="AB4610" s="5" t="s">
        <v>44</v>
      </c>
      <c r="AC4610" s="2"/>
      <c r="AD4610" s="1"/>
    </row>
    <row r="4611" spans="1:30">
      <c r="A4611" s="5" t="s">
        <v>83578</v>
      </c>
      <c r="B4611" s="2" t="s">
        <v>97435</v>
      </c>
      <c r="C4611" s="14" t="s">
        <v>97436</v>
      </c>
      <c r="D4611" s="2" t="s">
        <v>97437</v>
      </c>
      <c r="E4611" s="2" t="s">
        <v>36277</v>
      </c>
      <c r="F4611" s="8">
        <v>345</v>
      </c>
      <c r="G4611" s="5">
        <v>6</v>
      </c>
      <c r="H4611" s="5" t="s">
        <v>1518</v>
      </c>
      <c r="I4611" s="5" t="s">
        <v>36264</v>
      </c>
      <c r="J4611" s="2" t="s">
        <v>36265</v>
      </c>
      <c r="K4611" s="5" t="s">
        <v>36264</v>
      </c>
      <c r="L4611" s="2" t="s">
        <v>36265</v>
      </c>
      <c r="M4611" s="5" t="s">
        <v>36266</v>
      </c>
      <c r="N4611" s="5" t="s">
        <v>38</v>
      </c>
      <c r="O4611" s="5" t="s">
        <v>39</v>
      </c>
      <c r="P4611" s="5" t="s">
        <v>40</v>
      </c>
      <c r="Q4611" s="5" t="s">
        <v>1522</v>
      </c>
      <c r="R4611" s="5" t="s">
        <v>1523</v>
      </c>
      <c r="S4611" s="5" t="s">
        <v>42</v>
      </c>
      <c r="T4611" s="2">
        <v>3.806</v>
      </c>
      <c r="U4611" s="2">
        <v>3.234</v>
      </c>
      <c r="V4611" s="2">
        <v>1.7999999999999999E-2</v>
      </c>
      <c r="W4611" s="2">
        <v>139.1</v>
      </c>
      <c r="X4611" s="2">
        <v>7.6</v>
      </c>
      <c r="Y4611" s="2">
        <v>16.7</v>
      </c>
      <c r="Z4611" s="5"/>
      <c r="AA4611" s="5" t="s">
        <v>43</v>
      </c>
      <c r="AB4611" s="5" t="s">
        <v>44</v>
      </c>
      <c r="AC4611" s="2"/>
      <c r="AD4611" s="1"/>
    </row>
    <row r="4612" spans="1:30">
      <c r="A4612" s="5" t="s">
        <v>83578</v>
      </c>
      <c r="B4612" s="2" t="s">
        <v>97438</v>
      </c>
      <c r="C4612" s="14" t="s">
        <v>97439</v>
      </c>
      <c r="D4612" s="2" t="s">
        <v>97440</v>
      </c>
      <c r="E4612" s="2" t="s">
        <v>36281</v>
      </c>
      <c r="F4612" s="8">
        <v>377</v>
      </c>
      <c r="G4612" s="5">
        <v>6</v>
      </c>
      <c r="H4612" s="5" t="s">
        <v>1518</v>
      </c>
      <c r="I4612" s="5" t="s">
        <v>36264</v>
      </c>
      <c r="J4612" s="2" t="s">
        <v>36265</v>
      </c>
      <c r="K4612" s="5" t="s">
        <v>36264</v>
      </c>
      <c r="L4612" s="2" t="s">
        <v>36265</v>
      </c>
      <c r="M4612" s="5" t="s">
        <v>36266</v>
      </c>
      <c r="N4612" s="5" t="s">
        <v>38</v>
      </c>
      <c r="O4612" s="5" t="s">
        <v>39</v>
      </c>
      <c r="P4612" s="5" t="s">
        <v>40</v>
      </c>
      <c r="Q4612" s="5" t="s">
        <v>1522</v>
      </c>
      <c r="R4612" s="5" t="s">
        <v>1523</v>
      </c>
      <c r="S4612" s="5" t="s">
        <v>42</v>
      </c>
      <c r="T4612" s="2">
        <v>3.6859999999999999</v>
      </c>
      <c r="U4612" s="2">
        <v>3.1139999999999999</v>
      </c>
      <c r="V4612" s="2">
        <v>1.7999999999999999E-2</v>
      </c>
      <c r="W4612" s="2">
        <v>139.1</v>
      </c>
      <c r="X4612" s="2">
        <v>7.6</v>
      </c>
      <c r="Y4612" s="2">
        <v>16.7</v>
      </c>
      <c r="Z4612" s="5"/>
      <c r="AA4612" s="5" t="s">
        <v>43</v>
      </c>
      <c r="AB4612" s="5" t="s">
        <v>44</v>
      </c>
      <c r="AC4612" s="2"/>
      <c r="AD4612" s="1"/>
    </row>
    <row r="4613" spans="1:30">
      <c r="A4613" s="5" t="s">
        <v>83578</v>
      </c>
      <c r="B4613" s="2" t="s">
        <v>97441</v>
      </c>
      <c r="C4613" s="14" t="s">
        <v>97442</v>
      </c>
      <c r="D4613" s="2" t="s">
        <v>97443</v>
      </c>
      <c r="E4613" s="2" t="s">
        <v>36285</v>
      </c>
      <c r="F4613" s="8">
        <v>377</v>
      </c>
      <c r="G4613" s="5">
        <v>6</v>
      </c>
      <c r="H4613" s="5" t="s">
        <v>1518</v>
      </c>
      <c r="I4613" s="5" t="s">
        <v>36264</v>
      </c>
      <c r="J4613" s="2" t="s">
        <v>36265</v>
      </c>
      <c r="K4613" s="5" t="s">
        <v>36264</v>
      </c>
      <c r="L4613" s="2" t="s">
        <v>36265</v>
      </c>
      <c r="M4613" s="5" t="s">
        <v>36266</v>
      </c>
      <c r="N4613" s="5" t="s">
        <v>38</v>
      </c>
      <c r="O4613" s="5" t="s">
        <v>39</v>
      </c>
      <c r="P4613" s="5" t="s">
        <v>40</v>
      </c>
      <c r="Q4613" s="5" t="s">
        <v>1522</v>
      </c>
      <c r="R4613" s="5" t="s">
        <v>1523</v>
      </c>
      <c r="S4613" s="5" t="s">
        <v>42</v>
      </c>
      <c r="T4613" s="2">
        <v>3.806</v>
      </c>
      <c r="U4613" s="2">
        <v>3.234</v>
      </c>
      <c r="V4613" s="2">
        <v>1.7999999999999999E-2</v>
      </c>
      <c r="W4613" s="2">
        <v>139.1</v>
      </c>
      <c r="X4613" s="2">
        <v>7.6</v>
      </c>
      <c r="Y4613" s="2">
        <v>16.7</v>
      </c>
      <c r="Z4613" s="5"/>
      <c r="AA4613" s="5" t="s">
        <v>43</v>
      </c>
      <c r="AB4613" s="5" t="s">
        <v>44</v>
      </c>
      <c r="AC4613" s="2"/>
      <c r="AD4613" s="1"/>
    </row>
    <row r="4614" spans="1:30">
      <c r="A4614" s="5" t="s">
        <v>83578</v>
      </c>
      <c r="B4614" s="2" t="s">
        <v>97444</v>
      </c>
      <c r="C4614" s="14" t="s">
        <v>97445</v>
      </c>
      <c r="D4614" s="2" t="s">
        <v>97446</v>
      </c>
      <c r="E4614" s="2" t="s">
        <v>36289</v>
      </c>
      <c r="F4614" s="8">
        <v>377</v>
      </c>
      <c r="G4614" s="5">
        <v>6</v>
      </c>
      <c r="H4614" s="5" t="s">
        <v>1518</v>
      </c>
      <c r="I4614" s="5" t="s">
        <v>36264</v>
      </c>
      <c r="J4614" s="2" t="s">
        <v>36265</v>
      </c>
      <c r="K4614" s="5" t="s">
        <v>36264</v>
      </c>
      <c r="L4614" s="2" t="s">
        <v>36265</v>
      </c>
      <c r="M4614" s="5" t="s">
        <v>36266</v>
      </c>
      <c r="N4614" s="5" t="s">
        <v>38</v>
      </c>
      <c r="O4614" s="5" t="s">
        <v>39</v>
      </c>
      <c r="P4614" s="5" t="s">
        <v>40</v>
      </c>
      <c r="Q4614" s="5" t="s">
        <v>1522</v>
      </c>
      <c r="R4614" s="5" t="s">
        <v>1523</v>
      </c>
      <c r="S4614" s="5" t="s">
        <v>42</v>
      </c>
      <c r="T4614" s="2">
        <v>3.6859999999999999</v>
      </c>
      <c r="U4614" s="2">
        <v>3.1139999999999999</v>
      </c>
      <c r="V4614" s="2">
        <v>1.7999999999999999E-2</v>
      </c>
      <c r="W4614" s="2">
        <v>139.1</v>
      </c>
      <c r="X4614" s="2">
        <v>7.6</v>
      </c>
      <c r="Y4614" s="2">
        <v>16.7</v>
      </c>
      <c r="Z4614" s="5"/>
      <c r="AA4614" s="5" t="s">
        <v>43</v>
      </c>
      <c r="AB4614" s="5" t="s">
        <v>44</v>
      </c>
      <c r="AC4614" s="2"/>
      <c r="AD4614" s="1"/>
    </row>
    <row r="4615" spans="1:30">
      <c r="A4615" s="5" t="s">
        <v>83578</v>
      </c>
      <c r="B4615" s="2" t="s">
        <v>97447</v>
      </c>
      <c r="C4615" s="14" t="s">
        <v>97448</v>
      </c>
      <c r="D4615" s="2" t="s">
        <v>97449</v>
      </c>
      <c r="E4615" s="2" t="s">
        <v>36293</v>
      </c>
      <c r="F4615" s="8">
        <v>377</v>
      </c>
      <c r="G4615" s="5">
        <v>6</v>
      </c>
      <c r="H4615" s="5" t="s">
        <v>1518</v>
      </c>
      <c r="I4615" s="5" t="s">
        <v>36264</v>
      </c>
      <c r="J4615" s="2" t="s">
        <v>36265</v>
      </c>
      <c r="K4615" s="5" t="s">
        <v>36264</v>
      </c>
      <c r="L4615" s="2" t="s">
        <v>36265</v>
      </c>
      <c r="M4615" s="5" t="s">
        <v>36266</v>
      </c>
      <c r="N4615" s="5" t="s">
        <v>38</v>
      </c>
      <c r="O4615" s="5" t="s">
        <v>39</v>
      </c>
      <c r="P4615" s="5" t="s">
        <v>40</v>
      </c>
      <c r="Q4615" s="5" t="s">
        <v>1522</v>
      </c>
      <c r="R4615" s="5" t="s">
        <v>1523</v>
      </c>
      <c r="S4615" s="5" t="s">
        <v>42</v>
      </c>
      <c r="T4615" s="2">
        <v>3.806</v>
      </c>
      <c r="U4615" s="2">
        <v>3.234</v>
      </c>
      <c r="V4615" s="2">
        <v>1.7999999999999999E-2</v>
      </c>
      <c r="W4615" s="2">
        <v>139.1</v>
      </c>
      <c r="X4615" s="2">
        <v>7.6</v>
      </c>
      <c r="Y4615" s="2">
        <v>16.7</v>
      </c>
      <c r="Z4615" s="5"/>
      <c r="AA4615" s="5" t="s">
        <v>43</v>
      </c>
      <c r="AB4615" s="5" t="s">
        <v>44</v>
      </c>
      <c r="AC4615" s="2"/>
      <c r="AD4615" s="1"/>
    </row>
    <row r="4616" spans="1:30">
      <c r="A4616" s="5" t="s">
        <v>83578</v>
      </c>
      <c r="B4616" s="2" t="s">
        <v>97450</v>
      </c>
      <c r="C4616" s="14" t="s">
        <v>97451</v>
      </c>
      <c r="D4616" s="2" t="s">
        <v>97452</v>
      </c>
      <c r="E4616" s="2" t="s">
        <v>36297</v>
      </c>
      <c r="F4616" s="8">
        <v>345</v>
      </c>
      <c r="G4616" s="5">
        <v>6</v>
      </c>
      <c r="H4616" s="5" t="s">
        <v>1518</v>
      </c>
      <c r="I4616" s="5" t="s">
        <v>36264</v>
      </c>
      <c r="J4616" s="2" t="s">
        <v>36265</v>
      </c>
      <c r="K4616" s="5" t="s">
        <v>36264</v>
      </c>
      <c r="L4616" s="2" t="s">
        <v>36265</v>
      </c>
      <c r="M4616" s="5" t="s">
        <v>36266</v>
      </c>
      <c r="N4616" s="5" t="s">
        <v>38</v>
      </c>
      <c r="O4616" s="5" t="s">
        <v>39</v>
      </c>
      <c r="P4616" s="5" t="s">
        <v>40</v>
      </c>
      <c r="Q4616" s="5" t="s">
        <v>1522</v>
      </c>
      <c r="R4616" s="5" t="s">
        <v>1523</v>
      </c>
      <c r="S4616" s="5" t="s">
        <v>42</v>
      </c>
      <c r="T4616" s="2">
        <v>3.6859999999999999</v>
      </c>
      <c r="U4616" s="2">
        <v>3.1139999999999999</v>
      </c>
      <c r="V4616" s="2">
        <v>1.7999999999999999E-2</v>
      </c>
      <c r="W4616" s="2">
        <v>139.1</v>
      </c>
      <c r="X4616" s="2">
        <v>7.6</v>
      </c>
      <c r="Y4616" s="2">
        <v>16.7</v>
      </c>
      <c r="Z4616" s="5"/>
      <c r="AA4616" s="5" t="s">
        <v>43</v>
      </c>
      <c r="AB4616" s="5" t="s">
        <v>44</v>
      </c>
      <c r="AC4616" s="2"/>
      <c r="AD4616" s="1"/>
    </row>
    <row r="4617" spans="1:30">
      <c r="A4617" s="5" t="s">
        <v>83578</v>
      </c>
      <c r="B4617" s="2" t="s">
        <v>97453</v>
      </c>
      <c r="C4617" s="14" t="s">
        <v>97454</v>
      </c>
      <c r="D4617" s="2" t="s">
        <v>97455</v>
      </c>
      <c r="E4617" s="2" t="s">
        <v>36301</v>
      </c>
      <c r="F4617" s="8">
        <v>345</v>
      </c>
      <c r="G4617" s="5">
        <v>6</v>
      </c>
      <c r="H4617" s="5" t="s">
        <v>1518</v>
      </c>
      <c r="I4617" s="5" t="s">
        <v>36264</v>
      </c>
      <c r="J4617" s="2" t="s">
        <v>36265</v>
      </c>
      <c r="K4617" s="5" t="s">
        <v>36264</v>
      </c>
      <c r="L4617" s="2" t="s">
        <v>36265</v>
      </c>
      <c r="M4617" s="5" t="s">
        <v>36266</v>
      </c>
      <c r="N4617" s="5" t="s">
        <v>38</v>
      </c>
      <c r="O4617" s="5" t="s">
        <v>39</v>
      </c>
      <c r="P4617" s="5" t="s">
        <v>40</v>
      </c>
      <c r="Q4617" s="5" t="s">
        <v>1522</v>
      </c>
      <c r="R4617" s="5" t="s">
        <v>1523</v>
      </c>
      <c r="S4617" s="5" t="s">
        <v>42</v>
      </c>
      <c r="T4617" s="2">
        <v>3.806</v>
      </c>
      <c r="U4617" s="2">
        <v>3.234</v>
      </c>
      <c r="V4617" s="2">
        <v>1.7999999999999999E-2</v>
      </c>
      <c r="W4617" s="2">
        <v>139.1</v>
      </c>
      <c r="X4617" s="2">
        <v>7.6</v>
      </c>
      <c r="Y4617" s="2">
        <v>16.7</v>
      </c>
      <c r="Z4617" s="5"/>
      <c r="AA4617" s="5" t="s">
        <v>43</v>
      </c>
      <c r="AB4617" s="5" t="s">
        <v>44</v>
      </c>
      <c r="AC4617" s="2"/>
      <c r="AD4617" s="1"/>
    </row>
    <row r="4618" spans="1:30">
      <c r="A4618" s="5" t="s">
        <v>83578</v>
      </c>
      <c r="B4618" s="2" t="s">
        <v>97456</v>
      </c>
      <c r="C4618" s="14" t="s">
        <v>97457</v>
      </c>
      <c r="D4618" s="2" t="s">
        <v>97458</v>
      </c>
      <c r="E4618" s="2" t="s">
        <v>36317</v>
      </c>
      <c r="F4618" s="8">
        <v>377</v>
      </c>
      <c r="G4618" s="5">
        <v>6</v>
      </c>
      <c r="H4618" s="5" t="s">
        <v>1518</v>
      </c>
      <c r="I4618" s="5" t="s">
        <v>36264</v>
      </c>
      <c r="J4618" s="2" t="s">
        <v>36265</v>
      </c>
      <c r="K4618" s="5" t="s">
        <v>36264</v>
      </c>
      <c r="L4618" s="2" t="s">
        <v>36265</v>
      </c>
      <c r="M4618" s="5" t="s">
        <v>36266</v>
      </c>
      <c r="N4618" s="5" t="s">
        <v>38</v>
      </c>
      <c r="O4618" s="5" t="s">
        <v>39</v>
      </c>
      <c r="P4618" s="5" t="s">
        <v>40</v>
      </c>
      <c r="Q4618" s="5" t="s">
        <v>1522</v>
      </c>
      <c r="R4618" s="5" t="s">
        <v>1523</v>
      </c>
      <c r="S4618" s="5" t="s">
        <v>42</v>
      </c>
      <c r="T4618" s="2">
        <v>3.806</v>
      </c>
      <c r="U4618" s="2">
        <v>3.234</v>
      </c>
      <c r="V4618" s="2">
        <v>1.7999999999999999E-2</v>
      </c>
      <c r="W4618" s="2">
        <v>139.1</v>
      </c>
      <c r="X4618" s="2">
        <v>7.6</v>
      </c>
      <c r="Y4618" s="2">
        <v>16.7</v>
      </c>
      <c r="Z4618" s="5"/>
      <c r="AA4618" s="5" t="s">
        <v>43</v>
      </c>
      <c r="AB4618" s="5" t="s">
        <v>44</v>
      </c>
      <c r="AC4618" s="2"/>
      <c r="AD4618" s="1"/>
    </row>
    <row r="4619" spans="1:30">
      <c r="A4619" s="5" t="s">
        <v>83578</v>
      </c>
      <c r="B4619" s="2" t="s">
        <v>97459</v>
      </c>
      <c r="C4619" s="14" t="s">
        <v>97460</v>
      </c>
      <c r="D4619" s="2" t="s">
        <v>97461</v>
      </c>
      <c r="E4619" s="2" t="s">
        <v>36325</v>
      </c>
      <c r="F4619" s="8">
        <v>377</v>
      </c>
      <c r="G4619" s="5">
        <v>6</v>
      </c>
      <c r="H4619" s="5" t="s">
        <v>1518</v>
      </c>
      <c r="I4619" s="5" t="s">
        <v>36264</v>
      </c>
      <c r="J4619" s="2" t="s">
        <v>36265</v>
      </c>
      <c r="K4619" s="5" t="s">
        <v>36264</v>
      </c>
      <c r="L4619" s="2" t="s">
        <v>36265</v>
      </c>
      <c r="M4619" s="5" t="s">
        <v>36266</v>
      </c>
      <c r="N4619" s="5" t="s">
        <v>38</v>
      </c>
      <c r="O4619" s="5" t="s">
        <v>39</v>
      </c>
      <c r="P4619" s="5" t="s">
        <v>40</v>
      </c>
      <c r="Q4619" s="5" t="s">
        <v>1522</v>
      </c>
      <c r="R4619" s="5" t="s">
        <v>1523</v>
      </c>
      <c r="S4619" s="5" t="s">
        <v>42</v>
      </c>
      <c r="T4619" s="2">
        <v>3.806</v>
      </c>
      <c r="U4619" s="2">
        <v>3.234</v>
      </c>
      <c r="V4619" s="2">
        <v>1.7999999999999999E-2</v>
      </c>
      <c r="W4619" s="2">
        <v>139.1</v>
      </c>
      <c r="X4619" s="2">
        <v>7.6</v>
      </c>
      <c r="Y4619" s="2">
        <v>16.7</v>
      </c>
      <c r="Z4619" s="5"/>
      <c r="AA4619" s="5" t="s">
        <v>43</v>
      </c>
      <c r="AB4619" s="5" t="s">
        <v>44</v>
      </c>
      <c r="AC4619" s="2"/>
      <c r="AD4619" s="1"/>
    </row>
    <row r="4620" spans="1:30">
      <c r="A4620" s="5" t="s">
        <v>83578</v>
      </c>
      <c r="B4620" s="2" t="s">
        <v>97462</v>
      </c>
      <c r="C4620" s="14" t="s">
        <v>97463</v>
      </c>
      <c r="D4620" s="2" t="s">
        <v>97464</v>
      </c>
      <c r="E4620" s="2" t="s">
        <v>36337</v>
      </c>
      <c r="F4620" s="8">
        <v>377</v>
      </c>
      <c r="G4620" s="5">
        <v>6</v>
      </c>
      <c r="H4620" s="5" t="s">
        <v>1518</v>
      </c>
      <c r="I4620" s="5" t="s">
        <v>36264</v>
      </c>
      <c r="J4620" s="2" t="s">
        <v>36265</v>
      </c>
      <c r="K4620" s="5" t="s">
        <v>36264</v>
      </c>
      <c r="L4620" s="2" t="s">
        <v>36265</v>
      </c>
      <c r="M4620" s="5" t="s">
        <v>36266</v>
      </c>
      <c r="N4620" s="5" t="s">
        <v>38</v>
      </c>
      <c r="O4620" s="5" t="s">
        <v>39</v>
      </c>
      <c r="P4620" s="5" t="s">
        <v>40</v>
      </c>
      <c r="Q4620" s="5" t="s">
        <v>1522</v>
      </c>
      <c r="R4620" s="5" t="s">
        <v>1523</v>
      </c>
      <c r="S4620" s="5" t="s">
        <v>42</v>
      </c>
      <c r="T4620" s="2">
        <v>3.6859999999999999</v>
      </c>
      <c r="U4620" s="2">
        <v>3.1139999999999999</v>
      </c>
      <c r="V4620" s="2">
        <v>1.7999999999999999E-2</v>
      </c>
      <c r="W4620" s="2">
        <v>139.1</v>
      </c>
      <c r="X4620" s="2">
        <v>7.6</v>
      </c>
      <c r="Y4620" s="2">
        <v>16.7</v>
      </c>
      <c r="Z4620" s="5"/>
      <c r="AA4620" s="5" t="s">
        <v>43</v>
      </c>
      <c r="AB4620" s="5" t="s">
        <v>44</v>
      </c>
      <c r="AC4620" s="2"/>
      <c r="AD4620" s="1"/>
    </row>
    <row r="4621" spans="1:30">
      <c r="A4621" s="5" t="s">
        <v>83578</v>
      </c>
      <c r="B4621" s="2" t="s">
        <v>97465</v>
      </c>
      <c r="C4621" s="14" t="s">
        <v>97466</v>
      </c>
      <c r="D4621" s="2" t="s">
        <v>97467</v>
      </c>
      <c r="E4621" s="2" t="s">
        <v>36341</v>
      </c>
      <c r="F4621" s="8">
        <v>377</v>
      </c>
      <c r="G4621" s="5">
        <v>6</v>
      </c>
      <c r="H4621" s="5" t="s">
        <v>1518</v>
      </c>
      <c r="I4621" s="5" t="s">
        <v>36264</v>
      </c>
      <c r="J4621" s="2" t="s">
        <v>36265</v>
      </c>
      <c r="K4621" s="5" t="s">
        <v>36264</v>
      </c>
      <c r="L4621" s="2" t="s">
        <v>36265</v>
      </c>
      <c r="M4621" s="5" t="s">
        <v>36266</v>
      </c>
      <c r="N4621" s="5" t="s">
        <v>38</v>
      </c>
      <c r="O4621" s="5" t="s">
        <v>39</v>
      </c>
      <c r="P4621" s="5" t="s">
        <v>40</v>
      </c>
      <c r="Q4621" s="5" t="s">
        <v>1522</v>
      </c>
      <c r="R4621" s="5" t="s">
        <v>1523</v>
      </c>
      <c r="S4621" s="5" t="s">
        <v>42</v>
      </c>
      <c r="T4621" s="2">
        <v>3.806</v>
      </c>
      <c r="U4621" s="2">
        <v>3.234</v>
      </c>
      <c r="V4621" s="2">
        <v>1.7999999999999999E-2</v>
      </c>
      <c r="W4621" s="2">
        <v>139.1</v>
      </c>
      <c r="X4621" s="2">
        <v>7.6</v>
      </c>
      <c r="Y4621" s="2">
        <v>16.7</v>
      </c>
      <c r="Z4621" s="5"/>
      <c r="AA4621" s="5" t="s">
        <v>43</v>
      </c>
      <c r="AB4621" s="5" t="s">
        <v>44</v>
      </c>
      <c r="AC4621" s="2"/>
      <c r="AD4621" s="1"/>
    </row>
    <row r="4622" spans="1:30">
      <c r="A4622" s="5" t="s">
        <v>83578</v>
      </c>
      <c r="B4622" s="2" t="s">
        <v>97468</v>
      </c>
      <c r="C4622" s="14" t="s">
        <v>97469</v>
      </c>
      <c r="D4622" s="2" t="s">
        <v>97470</v>
      </c>
      <c r="E4622" s="2" t="s">
        <v>36345</v>
      </c>
      <c r="F4622" s="8">
        <v>377</v>
      </c>
      <c r="G4622" s="5">
        <v>6</v>
      </c>
      <c r="H4622" s="5" t="s">
        <v>1518</v>
      </c>
      <c r="I4622" s="5" t="s">
        <v>36264</v>
      </c>
      <c r="J4622" s="2" t="s">
        <v>36265</v>
      </c>
      <c r="K4622" s="5" t="s">
        <v>36264</v>
      </c>
      <c r="L4622" s="2" t="s">
        <v>36265</v>
      </c>
      <c r="M4622" s="5" t="s">
        <v>36266</v>
      </c>
      <c r="N4622" s="5" t="s">
        <v>38</v>
      </c>
      <c r="O4622" s="5" t="s">
        <v>39</v>
      </c>
      <c r="P4622" s="5" t="s">
        <v>40</v>
      </c>
      <c r="Q4622" s="5" t="s">
        <v>1522</v>
      </c>
      <c r="R4622" s="5" t="s">
        <v>1523</v>
      </c>
      <c r="S4622" s="5" t="s">
        <v>42</v>
      </c>
      <c r="T4622" s="2">
        <v>3.6859999999999999</v>
      </c>
      <c r="U4622" s="2">
        <v>3.1139999999999999</v>
      </c>
      <c r="V4622" s="2">
        <v>1.7999999999999999E-2</v>
      </c>
      <c r="W4622" s="2">
        <v>139.1</v>
      </c>
      <c r="X4622" s="2">
        <v>7.6</v>
      </c>
      <c r="Y4622" s="2">
        <v>16.7</v>
      </c>
      <c r="Z4622" s="5"/>
      <c r="AA4622" s="5" t="s">
        <v>43</v>
      </c>
      <c r="AB4622" s="5" t="s">
        <v>44</v>
      </c>
      <c r="AC4622" s="2"/>
      <c r="AD4622" s="1"/>
    </row>
    <row r="4623" spans="1:30">
      <c r="A4623" s="5" t="s">
        <v>83578</v>
      </c>
      <c r="B4623" s="2" t="s">
        <v>97471</v>
      </c>
      <c r="C4623" s="14" t="s">
        <v>97472</v>
      </c>
      <c r="D4623" s="2" t="s">
        <v>97473</v>
      </c>
      <c r="E4623" s="2" t="s">
        <v>36349</v>
      </c>
      <c r="F4623" s="8">
        <v>377</v>
      </c>
      <c r="G4623" s="5">
        <v>6</v>
      </c>
      <c r="H4623" s="5" t="s">
        <v>1518</v>
      </c>
      <c r="I4623" s="5" t="s">
        <v>36264</v>
      </c>
      <c r="J4623" s="2" t="s">
        <v>36265</v>
      </c>
      <c r="K4623" s="5" t="s">
        <v>36264</v>
      </c>
      <c r="L4623" s="2" t="s">
        <v>36265</v>
      </c>
      <c r="M4623" s="5" t="s">
        <v>36266</v>
      </c>
      <c r="N4623" s="5" t="s">
        <v>38</v>
      </c>
      <c r="O4623" s="5" t="s">
        <v>39</v>
      </c>
      <c r="P4623" s="5" t="s">
        <v>40</v>
      </c>
      <c r="Q4623" s="5" t="s">
        <v>1522</v>
      </c>
      <c r="R4623" s="5" t="s">
        <v>1523</v>
      </c>
      <c r="S4623" s="5" t="s">
        <v>42</v>
      </c>
      <c r="T4623" s="2">
        <v>3.806</v>
      </c>
      <c r="U4623" s="2">
        <v>3.234</v>
      </c>
      <c r="V4623" s="2">
        <v>1.7999999999999999E-2</v>
      </c>
      <c r="W4623" s="2">
        <v>139.1</v>
      </c>
      <c r="X4623" s="2">
        <v>7.6</v>
      </c>
      <c r="Y4623" s="2">
        <v>16.7</v>
      </c>
      <c r="Z4623" s="5"/>
      <c r="AA4623" s="5" t="s">
        <v>43</v>
      </c>
      <c r="AB4623" s="5" t="s">
        <v>44</v>
      </c>
      <c r="AC4623" s="2"/>
      <c r="AD4623" s="1"/>
    </row>
    <row r="4624" spans="1:30">
      <c r="A4624" s="5" t="s">
        <v>83578</v>
      </c>
      <c r="B4624" s="2" t="s">
        <v>97474</v>
      </c>
      <c r="C4624" s="14" t="s">
        <v>97475</v>
      </c>
      <c r="D4624" s="2" t="s">
        <v>97476</v>
      </c>
      <c r="E4624" s="2" t="s">
        <v>36357</v>
      </c>
      <c r="F4624" s="8">
        <v>377</v>
      </c>
      <c r="G4624" s="5">
        <v>6</v>
      </c>
      <c r="H4624" s="5" t="s">
        <v>1518</v>
      </c>
      <c r="I4624" s="5" t="s">
        <v>36264</v>
      </c>
      <c r="J4624" s="2" t="s">
        <v>36265</v>
      </c>
      <c r="K4624" s="5" t="s">
        <v>36264</v>
      </c>
      <c r="L4624" s="2" t="s">
        <v>36265</v>
      </c>
      <c r="M4624" s="5" t="s">
        <v>36266</v>
      </c>
      <c r="N4624" s="5" t="s">
        <v>38</v>
      </c>
      <c r="O4624" s="5" t="s">
        <v>39</v>
      </c>
      <c r="P4624" s="5" t="s">
        <v>40</v>
      </c>
      <c r="Q4624" s="5" t="s">
        <v>1522</v>
      </c>
      <c r="R4624" s="5" t="s">
        <v>1523</v>
      </c>
      <c r="S4624" s="5" t="s">
        <v>42</v>
      </c>
      <c r="T4624" s="2">
        <v>3.806</v>
      </c>
      <c r="U4624" s="2">
        <v>3.234</v>
      </c>
      <c r="V4624" s="2">
        <v>1.7999999999999999E-2</v>
      </c>
      <c r="W4624" s="2">
        <v>139.1</v>
      </c>
      <c r="X4624" s="2">
        <v>7.6</v>
      </c>
      <c r="Y4624" s="2">
        <v>16.7</v>
      </c>
      <c r="Z4624" s="5"/>
      <c r="AA4624" s="5" t="s">
        <v>43</v>
      </c>
      <c r="AB4624" s="5" t="s">
        <v>44</v>
      </c>
      <c r="AC4624" s="2"/>
      <c r="AD4624" s="1"/>
    </row>
    <row r="4625" spans="1:30">
      <c r="A4625" s="5" t="s">
        <v>83578</v>
      </c>
      <c r="B4625" s="2" t="s">
        <v>97477</v>
      </c>
      <c r="C4625" s="14" t="s">
        <v>97478</v>
      </c>
      <c r="D4625" s="2" t="s">
        <v>97479</v>
      </c>
      <c r="E4625" s="2" t="s">
        <v>45598</v>
      </c>
      <c r="F4625" s="8">
        <v>377</v>
      </c>
      <c r="G4625" s="5">
        <v>6</v>
      </c>
      <c r="H4625" s="5" t="s">
        <v>1518</v>
      </c>
      <c r="I4625" s="5" t="s">
        <v>36264</v>
      </c>
      <c r="J4625" s="2" t="s">
        <v>36265</v>
      </c>
      <c r="K4625" s="5" t="s">
        <v>36264</v>
      </c>
      <c r="L4625" s="2" t="s">
        <v>36265</v>
      </c>
      <c r="M4625" s="5" t="s">
        <v>36266</v>
      </c>
      <c r="N4625" s="5" t="s">
        <v>38</v>
      </c>
      <c r="O4625" s="5" t="s">
        <v>39</v>
      </c>
      <c r="P4625" s="5" t="s">
        <v>40</v>
      </c>
      <c r="Q4625" s="5" t="s">
        <v>1522</v>
      </c>
      <c r="R4625" s="5" t="s">
        <v>1523</v>
      </c>
      <c r="S4625" s="5" t="s">
        <v>42</v>
      </c>
      <c r="T4625" s="2">
        <v>3.6859999999999999</v>
      </c>
      <c r="U4625" s="2">
        <v>3.1139999999999999</v>
      </c>
      <c r="V4625" s="2">
        <v>1.7999999999999999E-2</v>
      </c>
      <c r="W4625" s="2">
        <v>139.1</v>
      </c>
      <c r="X4625" s="2">
        <v>7.6</v>
      </c>
      <c r="Y4625" s="2">
        <v>16.7</v>
      </c>
      <c r="Z4625" s="5"/>
      <c r="AA4625" s="5" t="s">
        <v>43</v>
      </c>
      <c r="AB4625" s="5" t="s">
        <v>44</v>
      </c>
      <c r="AC4625" s="2"/>
      <c r="AD4625" s="1"/>
    </row>
    <row r="4626" spans="1:30">
      <c r="A4626" s="5" t="s">
        <v>83578</v>
      </c>
      <c r="B4626" s="2" t="s">
        <v>97480</v>
      </c>
      <c r="C4626" s="14" t="s">
        <v>97481</v>
      </c>
      <c r="D4626" s="2" t="s">
        <v>97482</v>
      </c>
      <c r="E4626" s="2" t="s">
        <v>45534</v>
      </c>
      <c r="F4626" s="8">
        <v>377</v>
      </c>
      <c r="G4626" s="5">
        <v>6</v>
      </c>
      <c r="H4626" s="5" t="s">
        <v>1518</v>
      </c>
      <c r="I4626" s="5" t="s">
        <v>36264</v>
      </c>
      <c r="J4626" s="2" t="s">
        <v>36265</v>
      </c>
      <c r="K4626" s="5" t="s">
        <v>36264</v>
      </c>
      <c r="L4626" s="2" t="s">
        <v>36265</v>
      </c>
      <c r="M4626" s="5" t="s">
        <v>36266</v>
      </c>
      <c r="N4626" s="5" t="s">
        <v>38</v>
      </c>
      <c r="O4626" s="5" t="s">
        <v>39</v>
      </c>
      <c r="P4626" s="5" t="s">
        <v>40</v>
      </c>
      <c r="Q4626" s="5" t="s">
        <v>1522</v>
      </c>
      <c r="R4626" s="5" t="s">
        <v>1523</v>
      </c>
      <c r="S4626" s="5" t="s">
        <v>42</v>
      </c>
      <c r="T4626" s="2">
        <v>3.806</v>
      </c>
      <c r="U4626" s="2">
        <v>3.234</v>
      </c>
      <c r="V4626" s="2">
        <v>1.7999999999999999E-2</v>
      </c>
      <c r="W4626" s="2">
        <v>139.1</v>
      </c>
      <c r="X4626" s="2">
        <v>7.6</v>
      </c>
      <c r="Y4626" s="2">
        <v>16.7</v>
      </c>
      <c r="Z4626" s="5"/>
      <c r="AA4626" s="5" t="s">
        <v>43</v>
      </c>
      <c r="AB4626" s="5" t="s">
        <v>44</v>
      </c>
      <c r="AC4626" s="2"/>
      <c r="AD4626" s="1"/>
    </row>
    <row r="4627" spans="1:30">
      <c r="A4627" s="5" t="s">
        <v>83578</v>
      </c>
      <c r="B4627" s="2" t="s">
        <v>97483</v>
      </c>
      <c r="C4627" s="14" t="s">
        <v>97484</v>
      </c>
      <c r="D4627" s="2" t="s">
        <v>97485</v>
      </c>
      <c r="E4627" s="2" t="s">
        <v>36369</v>
      </c>
      <c r="F4627" s="8">
        <v>377</v>
      </c>
      <c r="G4627" s="5">
        <v>6</v>
      </c>
      <c r="H4627" s="5" t="s">
        <v>1518</v>
      </c>
      <c r="I4627" s="5" t="s">
        <v>36264</v>
      </c>
      <c r="J4627" s="2" t="s">
        <v>36265</v>
      </c>
      <c r="K4627" s="5" t="s">
        <v>36264</v>
      </c>
      <c r="L4627" s="2" t="s">
        <v>36265</v>
      </c>
      <c r="M4627" s="5" t="s">
        <v>36266</v>
      </c>
      <c r="N4627" s="5" t="s">
        <v>38</v>
      </c>
      <c r="O4627" s="5" t="s">
        <v>39</v>
      </c>
      <c r="P4627" s="5" t="s">
        <v>40</v>
      </c>
      <c r="Q4627" s="5" t="s">
        <v>1522</v>
      </c>
      <c r="R4627" s="5" t="s">
        <v>1523</v>
      </c>
      <c r="S4627" s="5" t="s">
        <v>42</v>
      </c>
      <c r="T4627" s="2">
        <v>3.6859999999999999</v>
      </c>
      <c r="U4627" s="2">
        <v>3.1139999999999999</v>
      </c>
      <c r="V4627" s="2">
        <v>1.7999999999999999E-2</v>
      </c>
      <c r="W4627" s="2">
        <v>139.1</v>
      </c>
      <c r="X4627" s="2">
        <v>7.6</v>
      </c>
      <c r="Y4627" s="2">
        <v>16.7</v>
      </c>
      <c r="Z4627" s="5"/>
      <c r="AA4627" s="5" t="s">
        <v>43</v>
      </c>
      <c r="AB4627" s="5" t="s">
        <v>44</v>
      </c>
      <c r="AC4627" s="2"/>
      <c r="AD4627" s="1"/>
    </row>
    <row r="4628" spans="1:30">
      <c r="A4628" s="5" t="s">
        <v>83578</v>
      </c>
      <c r="B4628" s="2" t="s">
        <v>97486</v>
      </c>
      <c r="C4628" s="14" t="s">
        <v>97487</v>
      </c>
      <c r="D4628" s="2" t="s">
        <v>97488</v>
      </c>
      <c r="E4628" s="2" t="s">
        <v>36373</v>
      </c>
      <c r="F4628" s="8">
        <v>377</v>
      </c>
      <c r="G4628" s="5">
        <v>6</v>
      </c>
      <c r="H4628" s="5" t="s">
        <v>1518</v>
      </c>
      <c r="I4628" s="5" t="s">
        <v>36264</v>
      </c>
      <c r="J4628" s="2" t="s">
        <v>36265</v>
      </c>
      <c r="K4628" s="5" t="s">
        <v>36264</v>
      </c>
      <c r="L4628" s="2" t="s">
        <v>36265</v>
      </c>
      <c r="M4628" s="5" t="s">
        <v>36266</v>
      </c>
      <c r="N4628" s="5" t="s">
        <v>38</v>
      </c>
      <c r="O4628" s="5" t="s">
        <v>39</v>
      </c>
      <c r="P4628" s="5" t="s">
        <v>40</v>
      </c>
      <c r="Q4628" s="5" t="s">
        <v>1522</v>
      </c>
      <c r="R4628" s="5" t="s">
        <v>1523</v>
      </c>
      <c r="S4628" s="5" t="s">
        <v>42</v>
      </c>
      <c r="T4628" s="2">
        <v>3.806</v>
      </c>
      <c r="U4628" s="2">
        <v>3.234</v>
      </c>
      <c r="V4628" s="2">
        <v>1.7999999999999999E-2</v>
      </c>
      <c r="W4628" s="2">
        <v>139.1</v>
      </c>
      <c r="X4628" s="2">
        <v>7.6</v>
      </c>
      <c r="Y4628" s="2">
        <v>16.7</v>
      </c>
      <c r="Z4628" s="5"/>
      <c r="AA4628" s="5" t="s">
        <v>43</v>
      </c>
      <c r="AB4628" s="5" t="s">
        <v>44</v>
      </c>
      <c r="AC4628" s="2"/>
      <c r="AD4628" s="1"/>
    </row>
    <row r="4629" spans="1:30">
      <c r="A4629" s="5" t="s">
        <v>83578</v>
      </c>
      <c r="B4629" s="2" t="s">
        <v>97489</v>
      </c>
      <c r="C4629" s="14" t="s">
        <v>97490</v>
      </c>
      <c r="D4629" s="2" t="s">
        <v>97491</v>
      </c>
      <c r="E4629" s="2" t="s">
        <v>36381</v>
      </c>
      <c r="F4629" s="8">
        <v>377</v>
      </c>
      <c r="G4629" s="5">
        <v>6</v>
      </c>
      <c r="H4629" s="5" t="s">
        <v>1518</v>
      </c>
      <c r="I4629" s="5" t="s">
        <v>36264</v>
      </c>
      <c r="J4629" s="2" t="s">
        <v>36265</v>
      </c>
      <c r="K4629" s="5" t="s">
        <v>36264</v>
      </c>
      <c r="L4629" s="2" t="s">
        <v>36265</v>
      </c>
      <c r="M4629" s="5" t="s">
        <v>36266</v>
      </c>
      <c r="N4629" s="5" t="s">
        <v>38</v>
      </c>
      <c r="O4629" s="5" t="s">
        <v>39</v>
      </c>
      <c r="P4629" s="5" t="s">
        <v>40</v>
      </c>
      <c r="Q4629" s="5" t="s">
        <v>1522</v>
      </c>
      <c r="R4629" s="5" t="s">
        <v>1523</v>
      </c>
      <c r="S4629" s="5" t="s">
        <v>42</v>
      </c>
      <c r="T4629" s="2">
        <v>3.806</v>
      </c>
      <c r="U4629" s="2">
        <v>3.234</v>
      </c>
      <c r="V4629" s="2">
        <v>1.7999999999999999E-2</v>
      </c>
      <c r="W4629" s="2">
        <v>139.1</v>
      </c>
      <c r="X4629" s="2">
        <v>7.6</v>
      </c>
      <c r="Y4629" s="2">
        <v>16.7</v>
      </c>
      <c r="Z4629" s="5"/>
      <c r="AA4629" s="5" t="s">
        <v>43</v>
      </c>
      <c r="AB4629" s="5" t="s">
        <v>44</v>
      </c>
      <c r="AC4629" s="2"/>
      <c r="AD4629" s="1"/>
    </row>
    <row r="4630" spans="1:30">
      <c r="A4630" s="5" t="s">
        <v>83578</v>
      </c>
      <c r="B4630" s="2" t="s">
        <v>97492</v>
      </c>
      <c r="C4630" s="14" t="s">
        <v>97493</v>
      </c>
      <c r="D4630" s="2" t="s">
        <v>97494</v>
      </c>
      <c r="E4630" s="2" t="s">
        <v>36385</v>
      </c>
      <c r="F4630" s="8">
        <v>377</v>
      </c>
      <c r="G4630" s="5">
        <v>6</v>
      </c>
      <c r="H4630" s="5" t="s">
        <v>1518</v>
      </c>
      <c r="I4630" s="5" t="s">
        <v>36264</v>
      </c>
      <c r="J4630" s="2" t="s">
        <v>36265</v>
      </c>
      <c r="K4630" s="5" t="s">
        <v>36264</v>
      </c>
      <c r="L4630" s="2" t="s">
        <v>36265</v>
      </c>
      <c r="M4630" s="5" t="s">
        <v>36266</v>
      </c>
      <c r="N4630" s="5" t="s">
        <v>38</v>
      </c>
      <c r="O4630" s="5" t="s">
        <v>39</v>
      </c>
      <c r="P4630" s="5" t="s">
        <v>40</v>
      </c>
      <c r="Q4630" s="5" t="s">
        <v>1522</v>
      </c>
      <c r="R4630" s="5" t="s">
        <v>1523</v>
      </c>
      <c r="S4630" s="5" t="s">
        <v>42</v>
      </c>
      <c r="T4630" s="2">
        <v>3.6859999999999999</v>
      </c>
      <c r="U4630" s="2">
        <v>3.1139999999999999</v>
      </c>
      <c r="V4630" s="2">
        <v>1.7999999999999999E-2</v>
      </c>
      <c r="W4630" s="2">
        <v>139.1</v>
      </c>
      <c r="X4630" s="2">
        <v>7.6</v>
      </c>
      <c r="Y4630" s="2">
        <v>16.7</v>
      </c>
      <c r="Z4630" s="5"/>
      <c r="AA4630" s="5" t="s">
        <v>43</v>
      </c>
      <c r="AB4630" s="5" t="s">
        <v>44</v>
      </c>
      <c r="AC4630" s="2"/>
      <c r="AD4630" s="1"/>
    </row>
    <row r="4631" spans="1:30">
      <c r="A4631" s="5" t="s">
        <v>83578</v>
      </c>
      <c r="B4631" s="2" t="s">
        <v>97495</v>
      </c>
      <c r="C4631" s="14" t="s">
        <v>97496</v>
      </c>
      <c r="D4631" s="2" t="s">
        <v>97497</v>
      </c>
      <c r="E4631" s="2" t="s">
        <v>36389</v>
      </c>
      <c r="F4631" s="8">
        <v>377</v>
      </c>
      <c r="G4631" s="5">
        <v>6</v>
      </c>
      <c r="H4631" s="5" t="s">
        <v>1518</v>
      </c>
      <c r="I4631" s="5" t="s">
        <v>36264</v>
      </c>
      <c r="J4631" s="2" t="s">
        <v>36265</v>
      </c>
      <c r="K4631" s="5" t="s">
        <v>36264</v>
      </c>
      <c r="L4631" s="2" t="s">
        <v>36265</v>
      </c>
      <c r="M4631" s="5" t="s">
        <v>36266</v>
      </c>
      <c r="N4631" s="5" t="s">
        <v>38</v>
      </c>
      <c r="O4631" s="5" t="s">
        <v>39</v>
      </c>
      <c r="P4631" s="5" t="s">
        <v>40</v>
      </c>
      <c r="Q4631" s="5" t="s">
        <v>1522</v>
      </c>
      <c r="R4631" s="5" t="s">
        <v>1523</v>
      </c>
      <c r="S4631" s="5" t="s">
        <v>42</v>
      </c>
      <c r="T4631" s="2">
        <v>3.806</v>
      </c>
      <c r="U4631" s="2">
        <v>3.234</v>
      </c>
      <c r="V4631" s="2">
        <v>1.7999999999999999E-2</v>
      </c>
      <c r="W4631" s="2">
        <v>139.1</v>
      </c>
      <c r="X4631" s="2">
        <v>7.6</v>
      </c>
      <c r="Y4631" s="2">
        <v>16.7</v>
      </c>
      <c r="Z4631" s="5"/>
      <c r="AA4631" s="5" t="s">
        <v>43</v>
      </c>
      <c r="AB4631" s="5" t="s">
        <v>44</v>
      </c>
      <c r="AC4631" s="2"/>
      <c r="AD4631" s="1"/>
    </row>
    <row r="4632" spans="1:30">
      <c r="A4632" s="5" t="s">
        <v>83578</v>
      </c>
      <c r="B4632" s="2" t="s">
        <v>97498</v>
      </c>
      <c r="C4632" s="14" t="s">
        <v>97499</v>
      </c>
      <c r="D4632" s="2" t="s">
        <v>97500</v>
      </c>
      <c r="E4632" s="2" t="s">
        <v>7204</v>
      </c>
      <c r="F4632" s="8">
        <v>311</v>
      </c>
      <c r="G4632" s="5">
        <v>6</v>
      </c>
      <c r="H4632" s="5" t="s">
        <v>1518</v>
      </c>
      <c r="I4632" s="5" t="s">
        <v>36264</v>
      </c>
      <c r="J4632" s="2" t="s">
        <v>36265</v>
      </c>
      <c r="K4632" s="5" t="s">
        <v>36264</v>
      </c>
      <c r="L4632" s="2" t="s">
        <v>36265</v>
      </c>
      <c r="M4632" s="5" t="s">
        <v>36266</v>
      </c>
      <c r="N4632" s="5" t="s">
        <v>38</v>
      </c>
      <c r="O4632" s="5" t="s">
        <v>39</v>
      </c>
      <c r="P4632" s="5" t="s">
        <v>40</v>
      </c>
      <c r="Q4632" s="5" t="s">
        <v>1522</v>
      </c>
      <c r="R4632" s="5" t="s">
        <v>1523</v>
      </c>
      <c r="S4632" s="5" t="s">
        <v>42</v>
      </c>
      <c r="T4632" s="2">
        <v>2.8540000000000001</v>
      </c>
      <c r="U4632" s="2">
        <v>2.242</v>
      </c>
      <c r="V4632" s="2">
        <v>1.7999999999999999E-2</v>
      </c>
      <c r="W4632" s="2">
        <v>139.1</v>
      </c>
      <c r="X4632" s="2">
        <v>7.6</v>
      </c>
      <c r="Y4632" s="2">
        <v>16.7</v>
      </c>
      <c r="Z4632" s="5"/>
      <c r="AA4632" s="5" t="s">
        <v>43</v>
      </c>
      <c r="AB4632" s="5" t="s">
        <v>44</v>
      </c>
      <c r="AC4632" s="2"/>
      <c r="AD4632" s="1"/>
    </row>
    <row r="4633" spans="1:30">
      <c r="A4633" s="5" t="s">
        <v>83578</v>
      </c>
      <c r="B4633" s="2" t="s">
        <v>97501</v>
      </c>
      <c r="C4633" s="14" t="s">
        <v>97502</v>
      </c>
      <c r="D4633" s="2" t="s">
        <v>97503</v>
      </c>
      <c r="E4633" s="2" t="s">
        <v>7514</v>
      </c>
      <c r="F4633" s="8">
        <v>311</v>
      </c>
      <c r="G4633" s="5">
        <v>6</v>
      </c>
      <c r="H4633" s="5" t="s">
        <v>1518</v>
      </c>
      <c r="I4633" s="5" t="s">
        <v>36264</v>
      </c>
      <c r="J4633" s="2" t="s">
        <v>36265</v>
      </c>
      <c r="K4633" s="5" t="s">
        <v>36264</v>
      </c>
      <c r="L4633" s="2" t="s">
        <v>36265</v>
      </c>
      <c r="M4633" s="5" t="s">
        <v>36266</v>
      </c>
      <c r="N4633" s="5" t="s">
        <v>38</v>
      </c>
      <c r="O4633" s="5" t="s">
        <v>39</v>
      </c>
      <c r="P4633" s="5" t="s">
        <v>40</v>
      </c>
      <c r="Q4633" s="5" t="s">
        <v>1522</v>
      </c>
      <c r="R4633" s="5" t="s">
        <v>1523</v>
      </c>
      <c r="S4633" s="5" t="s">
        <v>42</v>
      </c>
      <c r="T4633" s="2">
        <v>2.92</v>
      </c>
      <c r="U4633" s="2">
        <v>2.3079999999999998</v>
      </c>
      <c r="V4633" s="2">
        <v>1.7999999999999999E-2</v>
      </c>
      <c r="W4633" s="2">
        <v>139.1</v>
      </c>
      <c r="X4633" s="2">
        <v>7.6</v>
      </c>
      <c r="Y4633" s="2">
        <v>16.7</v>
      </c>
      <c r="Z4633" s="5"/>
      <c r="AA4633" s="5" t="s">
        <v>43</v>
      </c>
      <c r="AB4633" s="5" t="s">
        <v>44</v>
      </c>
      <c r="AC4633" s="2"/>
      <c r="AD4633" s="1"/>
    </row>
    <row r="4634" spans="1:30">
      <c r="A4634" s="5" t="s">
        <v>83578</v>
      </c>
      <c r="B4634" s="2" t="s">
        <v>97504</v>
      </c>
      <c r="C4634" s="14" t="s">
        <v>97505</v>
      </c>
      <c r="D4634" s="2" t="s">
        <v>97506</v>
      </c>
      <c r="E4634" s="2" t="s">
        <v>36273</v>
      </c>
      <c r="F4634" s="8">
        <v>311</v>
      </c>
      <c r="G4634" s="5">
        <v>6</v>
      </c>
      <c r="H4634" s="5" t="s">
        <v>1518</v>
      </c>
      <c r="I4634" s="5" t="s">
        <v>36264</v>
      </c>
      <c r="J4634" s="2" t="s">
        <v>36265</v>
      </c>
      <c r="K4634" s="5" t="s">
        <v>36264</v>
      </c>
      <c r="L4634" s="2" t="s">
        <v>36265</v>
      </c>
      <c r="M4634" s="5" t="s">
        <v>36266</v>
      </c>
      <c r="N4634" s="5" t="s">
        <v>38</v>
      </c>
      <c r="O4634" s="5" t="s">
        <v>39</v>
      </c>
      <c r="P4634" s="5" t="s">
        <v>40</v>
      </c>
      <c r="Q4634" s="5" t="s">
        <v>1522</v>
      </c>
      <c r="R4634" s="5" t="s">
        <v>1523</v>
      </c>
      <c r="S4634" s="5" t="s">
        <v>42</v>
      </c>
      <c r="T4634" s="2">
        <v>2.8540000000000001</v>
      </c>
      <c r="U4634" s="2">
        <v>2.242</v>
      </c>
      <c r="V4634" s="2">
        <v>1.7999999999999999E-2</v>
      </c>
      <c r="W4634" s="2">
        <v>139.1</v>
      </c>
      <c r="X4634" s="2">
        <v>7.6</v>
      </c>
      <c r="Y4634" s="2">
        <v>16.7</v>
      </c>
      <c r="Z4634" s="5"/>
      <c r="AA4634" s="5" t="s">
        <v>43</v>
      </c>
      <c r="AB4634" s="5" t="s">
        <v>44</v>
      </c>
      <c r="AC4634" s="2"/>
      <c r="AD4634" s="1"/>
    </row>
    <row r="4635" spans="1:30">
      <c r="A4635" s="5" t="s">
        <v>83578</v>
      </c>
      <c r="B4635" s="2" t="s">
        <v>97507</v>
      </c>
      <c r="C4635" s="14" t="s">
        <v>97508</v>
      </c>
      <c r="D4635" s="2" t="s">
        <v>97509</v>
      </c>
      <c r="E4635" s="2" t="s">
        <v>36277</v>
      </c>
      <c r="F4635" s="8">
        <v>311</v>
      </c>
      <c r="G4635" s="5">
        <v>6</v>
      </c>
      <c r="H4635" s="5" t="s">
        <v>1518</v>
      </c>
      <c r="I4635" s="5" t="s">
        <v>36264</v>
      </c>
      <c r="J4635" s="2" t="s">
        <v>36265</v>
      </c>
      <c r="K4635" s="5" t="s">
        <v>36264</v>
      </c>
      <c r="L4635" s="2" t="s">
        <v>36265</v>
      </c>
      <c r="M4635" s="5" t="s">
        <v>36266</v>
      </c>
      <c r="N4635" s="5" t="s">
        <v>38</v>
      </c>
      <c r="O4635" s="5" t="s">
        <v>39</v>
      </c>
      <c r="P4635" s="5" t="s">
        <v>40</v>
      </c>
      <c r="Q4635" s="5" t="s">
        <v>1522</v>
      </c>
      <c r="R4635" s="5" t="s">
        <v>1523</v>
      </c>
      <c r="S4635" s="5" t="s">
        <v>42</v>
      </c>
      <c r="T4635" s="2">
        <v>2.92</v>
      </c>
      <c r="U4635" s="2">
        <v>2.3079999999999998</v>
      </c>
      <c r="V4635" s="2">
        <v>1.7999999999999999E-2</v>
      </c>
      <c r="W4635" s="2">
        <v>139.1</v>
      </c>
      <c r="X4635" s="2">
        <v>7.6</v>
      </c>
      <c r="Y4635" s="2">
        <v>16.7</v>
      </c>
      <c r="Z4635" s="5"/>
      <c r="AA4635" s="5" t="s">
        <v>43</v>
      </c>
      <c r="AB4635" s="5" t="s">
        <v>44</v>
      </c>
      <c r="AC4635" s="2"/>
      <c r="AD4635" s="1"/>
    </row>
    <row r="4636" spans="1:30">
      <c r="A4636" s="5" t="s">
        <v>83578</v>
      </c>
      <c r="B4636" s="2" t="s">
        <v>97510</v>
      </c>
      <c r="C4636" s="14" t="s">
        <v>97511</v>
      </c>
      <c r="D4636" s="2" t="s">
        <v>97512</v>
      </c>
      <c r="E4636" s="2" t="s">
        <v>36281</v>
      </c>
      <c r="F4636" s="8">
        <v>338</v>
      </c>
      <c r="G4636" s="5">
        <v>6</v>
      </c>
      <c r="H4636" s="5" t="s">
        <v>1518</v>
      </c>
      <c r="I4636" s="5" t="s">
        <v>36264</v>
      </c>
      <c r="J4636" s="2" t="s">
        <v>36265</v>
      </c>
      <c r="K4636" s="5" t="s">
        <v>36264</v>
      </c>
      <c r="L4636" s="2" t="s">
        <v>36265</v>
      </c>
      <c r="M4636" s="5" t="s">
        <v>36266</v>
      </c>
      <c r="N4636" s="5" t="s">
        <v>38</v>
      </c>
      <c r="O4636" s="5" t="s">
        <v>39</v>
      </c>
      <c r="P4636" s="5" t="s">
        <v>40</v>
      </c>
      <c r="Q4636" s="5" t="s">
        <v>1522</v>
      </c>
      <c r="R4636" s="5" t="s">
        <v>1523</v>
      </c>
      <c r="S4636" s="5" t="s">
        <v>42</v>
      </c>
      <c r="T4636" s="2">
        <v>2.8540000000000001</v>
      </c>
      <c r="U4636" s="2">
        <v>2.242</v>
      </c>
      <c r="V4636" s="2">
        <v>1.7999999999999999E-2</v>
      </c>
      <c r="W4636" s="2">
        <v>139.1</v>
      </c>
      <c r="X4636" s="2">
        <v>7.6</v>
      </c>
      <c r="Y4636" s="2">
        <v>16.7</v>
      </c>
      <c r="Z4636" s="5"/>
      <c r="AA4636" s="5" t="s">
        <v>43</v>
      </c>
      <c r="AB4636" s="5" t="s">
        <v>44</v>
      </c>
      <c r="AC4636" s="2"/>
      <c r="AD4636" s="1"/>
    </row>
    <row r="4637" spans="1:30">
      <c r="A4637" s="5" t="s">
        <v>83578</v>
      </c>
      <c r="B4637" s="2" t="s">
        <v>97513</v>
      </c>
      <c r="C4637" s="14" t="s">
        <v>97514</v>
      </c>
      <c r="D4637" s="2" t="s">
        <v>97515</v>
      </c>
      <c r="E4637" s="2" t="s">
        <v>36285</v>
      </c>
      <c r="F4637" s="8">
        <v>338</v>
      </c>
      <c r="G4637" s="5">
        <v>6</v>
      </c>
      <c r="H4637" s="5" t="s">
        <v>1518</v>
      </c>
      <c r="I4637" s="5" t="s">
        <v>36264</v>
      </c>
      <c r="J4637" s="2" t="s">
        <v>36265</v>
      </c>
      <c r="K4637" s="5" t="s">
        <v>36264</v>
      </c>
      <c r="L4637" s="2" t="s">
        <v>36265</v>
      </c>
      <c r="M4637" s="5" t="s">
        <v>36266</v>
      </c>
      <c r="N4637" s="5" t="s">
        <v>38</v>
      </c>
      <c r="O4637" s="5" t="s">
        <v>39</v>
      </c>
      <c r="P4637" s="5" t="s">
        <v>40</v>
      </c>
      <c r="Q4637" s="5" t="s">
        <v>1522</v>
      </c>
      <c r="R4637" s="5" t="s">
        <v>1523</v>
      </c>
      <c r="S4637" s="5" t="s">
        <v>42</v>
      </c>
      <c r="T4637" s="2">
        <v>2.92</v>
      </c>
      <c r="U4637" s="2">
        <v>2.3079999999999998</v>
      </c>
      <c r="V4637" s="2">
        <v>1.7999999999999999E-2</v>
      </c>
      <c r="W4637" s="2">
        <v>139.1</v>
      </c>
      <c r="X4637" s="2">
        <v>7.6</v>
      </c>
      <c r="Y4637" s="2">
        <v>16.7</v>
      </c>
      <c r="Z4637" s="5"/>
      <c r="AA4637" s="5" t="s">
        <v>43</v>
      </c>
      <c r="AB4637" s="5" t="s">
        <v>44</v>
      </c>
      <c r="AC4637" s="2"/>
      <c r="AD4637" s="1"/>
    </row>
    <row r="4638" spans="1:30">
      <c r="A4638" s="5" t="s">
        <v>83578</v>
      </c>
      <c r="B4638" s="2" t="s">
        <v>97516</v>
      </c>
      <c r="C4638" s="14" t="s">
        <v>97517</v>
      </c>
      <c r="D4638" s="2" t="s">
        <v>97518</v>
      </c>
      <c r="E4638" s="2" t="s">
        <v>36289</v>
      </c>
      <c r="F4638" s="8">
        <v>338</v>
      </c>
      <c r="G4638" s="5">
        <v>6</v>
      </c>
      <c r="H4638" s="5" t="s">
        <v>1518</v>
      </c>
      <c r="I4638" s="5" t="s">
        <v>36264</v>
      </c>
      <c r="J4638" s="2" t="s">
        <v>36265</v>
      </c>
      <c r="K4638" s="5" t="s">
        <v>36264</v>
      </c>
      <c r="L4638" s="2" t="s">
        <v>36265</v>
      </c>
      <c r="M4638" s="5" t="s">
        <v>36266</v>
      </c>
      <c r="N4638" s="5" t="s">
        <v>38</v>
      </c>
      <c r="O4638" s="5" t="s">
        <v>39</v>
      </c>
      <c r="P4638" s="5" t="s">
        <v>40</v>
      </c>
      <c r="Q4638" s="5" t="s">
        <v>1522</v>
      </c>
      <c r="R4638" s="5" t="s">
        <v>1523</v>
      </c>
      <c r="S4638" s="5" t="s">
        <v>42</v>
      </c>
      <c r="T4638" s="2">
        <v>2.8540000000000001</v>
      </c>
      <c r="U4638" s="2">
        <v>2.242</v>
      </c>
      <c r="V4638" s="2">
        <v>1.7999999999999999E-2</v>
      </c>
      <c r="W4638" s="2">
        <v>139.1</v>
      </c>
      <c r="X4638" s="2">
        <v>7.6</v>
      </c>
      <c r="Y4638" s="2">
        <v>16.7</v>
      </c>
      <c r="Z4638" s="5"/>
      <c r="AA4638" s="5" t="s">
        <v>43</v>
      </c>
      <c r="AB4638" s="5" t="s">
        <v>44</v>
      </c>
      <c r="AC4638" s="2"/>
      <c r="AD4638" s="1"/>
    </row>
    <row r="4639" spans="1:30">
      <c r="A4639" s="5" t="s">
        <v>83578</v>
      </c>
      <c r="B4639" s="2" t="s">
        <v>97519</v>
      </c>
      <c r="C4639" s="14" t="s">
        <v>97520</v>
      </c>
      <c r="D4639" s="2" t="s">
        <v>97521</v>
      </c>
      <c r="E4639" s="2" t="s">
        <v>36293</v>
      </c>
      <c r="F4639" s="8">
        <v>338</v>
      </c>
      <c r="G4639" s="5">
        <v>6</v>
      </c>
      <c r="H4639" s="5" t="s">
        <v>1518</v>
      </c>
      <c r="I4639" s="5" t="s">
        <v>36264</v>
      </c>
      <c r="J4639" s="2" t="s">
        <v>36265</v>
      </c>
      <c r="K4639" s="5" t="s">
        <v>36264</v>
      </c>
      <c r="L4639" s="2" t="s">
        <v>36265</v>
      </c>
      <c r="M4639" s="5" t="s">
        <v>36266</v>
      </c>
      <c r="N4639" s="5" t="s">
        <v>38</v>
      </c>
      <c r="O4639" s="5" t="s">
        <v>39</v>
      </c>
      <c r="P4639" s="5" t="s">
        <v>40</v>
      </c>
      <c r="Q4639" s="5" t="s">
        <v>1522</v>
      </c>
      <c r="R4639" s="5" t="s">
        <v>1523</v>
      </c>
      <c r="S4639" s="5" t="s">
        <v>42</v>
      </c>
      <c r="T4639" s="2">
        <v>2.92</v>
      </c>
      <c r="U4639" s="2">
        <v>2.3079999999999998</v>
      </c>
      <c r="V4639" s="2">
        <v>1.7999999999999999E-2</v>
      </c>
      <c r="W4639" s="2">
        <v>139.1</v>
      </c>
      <c r="X4639" s="2">
        <v>7.6</v>
      </c>
      <c r="Y4639" s="2">
        <v>16.7</v>
      </c>
      <c r="Z4639" s="5"/>
      <c r="AA4639" s="5" t="s">
        <v>43</v>
      </c>
      <c r="AB4639" s="5" t="s">
        <v>44</v>
      </c>
      <c r="AC4639" s="2"/>
      <c r="AD4639" s="1"/>
    </row>
    <row r="4640" spans="1:30">
      <c r="A4640" s="5" t="s">
        <v>83578</v>
      </c>
      <c r="B4640" s="2" t="s">
        <v>97522</v>
      </c>
      <c r="C4640" s="14" t="s">
        <v>97523</v>
      </c>
      <c r="D4640" s="2" t="s">
        <v>97524</v>
      </c>
      <c r="E4640" s="2" t="s">
        <v>36297</v>
      </c>
      <c r="F4640" s="8">
        <v>311</v>
      </c>
      <c r="G4640" s="5">
        <v>6</v>
      </c>
      <c r="H4640" s="5" t="s">
        <v>1518</v>
      </c>
      <c r="I4640" s="5" t="s">
        <v>36264</v>
      </c>
      <c r="J4640" s="2" t="s">
        <v>36265</v>
      </c>
      <c r="K4640" s="5" t="s">
        <v>36264</v>
      </c>
      <c r="L4640" s="2" t="s">
        <v>36265</v>
      </c>
      <c r="M4640" s="5" t="s">
        <v>36266</v>
      </c>
      <c r="N4640" s="5" t="s">
        <v>38</v>
      </c>
      <c r="O4640" s="5" t="s">
        <v>39</v>
      </c>
      <c r="P4640" s="5" t="s">
        <v>40</v>
      </c>
      <c r="Q4640" s="5" t="s">
        <v>1522</v>
      </c>
      <c r="R4640" s="5" t="s">
        <v>1523</v>
      </c>
      <c r="S4640" s="5" t="s">
        <v>42</v>
      </c>
      <c r="T4640" s="2">
        <v>2.8540000000000001</v>
      </c>
      <c r="U4640" s="2">
        <v>2.242</v>
      </c>
      <c r="V4640" s="2">
        <v>1.7999999999999999E-2</v>
      </c>
      <c r="W4640" s="2">
        <v>139.1</v>
      </c>
      <c r="X4640" s="2">
        <v>7.6</v>
      </c>
      <c r="Y4640" s="2">
        <v>16.7</v>
      </c>
      <c r="Z4640" s="5"/>
      <c r="AA4640" s="5" t="s">
        <v>43</v>
      </c>
      <c r="AB4640" s="5" t="s">
        <v>44</v>
      </c>
      <c r="AC4640" s="2"/>
      <c r="AD4640" s="1"/>
    </row>
    <row r="4641" spans="1:30">
      <c r="A4641" s="5" t="s">
        <v>83578</v>
      </c>
      <c r="B4641" s="2" t="s">
        <v>97525</v>
      </c>
      <c r="C4641" s="14" t="s">
        <v>97526</v>
      </c>
      <c r="D4641" s="2" t="s">
        <v>97527</v>
      </c>
      <c r="E4641" s="2" t="s">
        <v>36301</v>
      </c>
      <c r="F4641" s="8">
        <v>311</v>
      </c>
      <c r="G4641" s="5">
        <v>6</v>
      </c>
      <c r="H4641" s="5" t="s">
        <v>1518</v>
      </c>
      <c r="I4641" s="5" t="s">
        <v>36264</v>
      </c>
      <c r="J4641" s="2" t="s">
        <v>36265</v>
      </c>
      <c r="K4641" s="5" t="s">
        <v>36264</v>
      </c>
      <c r="L4641" s="2" t="s">
        <v>36265</v>
      </c>
      <c r="M4641" s="5" t="s">
        <v>36266</v>
      </c>
      <c r="N4641" s="5" t="s">
        <v>38</v>
      </c>
      <c r="O4641" s="5" t="s">
        <v>39</v>
      </c>
      <c r="P4641" s="5" t="s">
        <v>40</v>
      </c>
      <c r="Q4641" s="5" t="s">
        <v>1522</v>
      </c>
      <c r="R4641" s="5" t="s">
        <v>1523</v>
      </c>
      <c r="S4641" s="5" t="s">
        <v>42</v>
      </c>
      <c r="T4641" s="2">
        <v>2.92</v>
      </c>
      <c r="U4641" s="2">
        <v>2.3079999999999998</v>
      </c>
      <c r="V4641" s="2">
        <v>1.7999999999999999E-2</v>
      </c>
      <c r="W4641" s="2">
        <v>139.1</v>
      </c>
      <c r="X4641" s="2">
        <v>7.6</v>
      </c>
      <c r="Y4641" s="2">
        <v>16.7</v>
      </c>
      <c r="Z4641" s="5"/>
      <c r="AA4641" s="5" t="s">
        <v>43</v>
      </c>
      <c r="AB4641" s="5" t="s">
        <v>44</v>
      </c>
      <c r="AC4641" s="2"/>
      <c r="AD4641" s="1"/>
    </row>
    <row r="4642" spans="1:30">
      <c r="A4642" s="5" t="s">
        <v>83578</v>
      </c>
      <c r="B4642" s="2" t="s">
        <v>97528</v>
      </c>
      <c r="C4642" s="14" t="s">
        <v>97529</v>
      </c>
      <c r="D4642" s="2" t="s">
        <v>97530</v>
      </c>
      <c r="E4642" s="2" t="s">
        <v>36305</v>
      </c>
      <c r="F4642" s="8">
        <v>311</v>
      </c>
      <c r="G4642" s="5">
        <v>6</v>
      </c>
      <c r="H4642" s="5" t="s">
        <v>1518</v>
      </c>
      <c r="I4642" s="5" t="s">
        <v>36264</v>
      </c>
      <c r="J4642" s="2" t="s">
        <v>36265</v>
      </c>
      <c r="K4642" s="5" t="s">
        <v>36264</v>
      </c>
      <c r="L4642" s="2" t="s">
        <v>36265</v>
      </c>
      <c r="M4642" s="5" t="s">
        <v>36266</v>
      </c>
      <c r="N4642" s="5" t="s">
        <v>38</v>
      </c>
      <c r="O4642" s="5" t="s">
        <v>39</v>
      </c>
      <c r="P4642" s="5" t="s">
        <v>40</v>
      </c>
      <c r="Q4642" s="5" t="s">
        <v>1522</v>
      </c>
      <c r="R4642" s="5" t="s">
        <v>1523</v>
      </c>
      <c r="S4642" s="5" t="s">
        <v>42</v>
      </c>
      <c r="T4642" s="2">
        <v>2.8540000000000001</v>
      </c>
      <c r="U4642" s="2">
        <v>2.242</v>
      </c>
      <c r="V4642" s="2">
        <v>1.7999999999999999E-2</v>
      </c>
      <c r="W4642" s="2">
        <v>139.1</v>
      </c>
      <c r="X4642" s="2">
        <v>7.6</v>
      </c>
      <c r="Y4642" s="2">
        <v>16.7</v>
      </c>
      <c r="Z4642" s="5"/>
      <c r="AA4642" s="5" t="s">
        <v>43</v>
      </c>
      <c r="AB4642" s="5" t="s">
        <v>44</v>
      </c>
      <c r="AC4642" s="2"/>
      <c r="AD4642" s="1"/>
    </row>
    <row r="4643" spans="1:30">
      <c r="A4643" s="5" t="s">
        <v>83578</v>
      </c>
      <c r="B4643" s="2" t="s">
        <v>97531</v>
      </c>
      <c r="C4643" s="14" t="s">
        <v>97532</v>
      </c>
      <c r="D4643" s="2" t="s">
        <v>97533</v>
      </c>
      <c r="E4643" s="2" t="s">
        <v>36309</v>
      </c>
      <c r="F4643" s="8">
        <v>311</v>
      </c>
      <c r="G4643" s="5">
        <v>6</v>
      </c>
      <c r="H4643" s="5" t="s">
        <v>1518</v>
      </c>
      <c r="I4643" s="5" t="s">
        <v>36264</v>
      </c>
      <c r="J4643" s="2" t="s">
        <v>36265</v>
      </c>
      <c r="K4643" s="5" t="s">
        <v>36264</v>
      </c>
      <c r="L4643" s="2" t="s">
        <v>36265</v>
      </c>
      <c r="M4643" s="5" t="s">
        <v>36266</v>
      </c>
      <c r="N4643" s="5" t="s">
        <v>38</v>
      </c>
      <c r="O4643" s="5" t="s">
        <v>39</v>
      </c>
      <c r="P4643" s="5" t="s">
        <v>40</v>
      </c>
      <c r="Q4643" s="5" t="s">
        <v>1522</v>
      </c>
      <c r="R4643" s="5" t="s">
        <v>1523</v>
      </c>
      <c r="S4643" s="5" t="s">
        <v>42</v>
      </c>
      <c r="T4643" s="2">
        <v>2.92</v>
      </c>
      <c r="U4643" s="2">
        <v>2.3079999999999998</v>
      </c>
      <c r="V4643" s="2">
        <v>1.7999999999999999E-2</v>
      </c>
      <c r="W4643" s="2">
        <v>139.1</v>
      </c>
      <c r="X4643" s="2">
        <v>7.6</v>
      </c>
      <c r="Y4643" s="2">
        <v>16.7</v>
      </c>
      <c r="Z4643" s="5"/>
      <c r="AA4643" s="5" t="s">
        <v>43</v>
      </c>
      <c r="AB4643" s="5" t="s">
        <v>44</v>
      </c>
      <c r="AC4643" s="2"/>
      <c r="AD4643" s="1"/>
    </row>
    <row r="4644" spans="1:30">
      <c r="A4644" s="5" t="s">
        <v>83578</v>
      </c>
      <c r="B4644" s="2" t="s">
        <v>97534</v>
      </c>
      <c r="C4644" s="14" t="s">
        <v>97535</v>
      </c>
      <c r="D4644" s="2" t="s">
        <v>97536</v>
      </c>
      <c r="E4644" s="2" t="s">
        <v>36313</v>
      </c>
      <c r="F4644" s="8">
        <v>338</v>
      </c>
      <c r="G4644" s="5">
        <v>6</v>
      </c>
      <c r="H4644" s="5" t="s">
        <v>1518</v>
      </c>
      <c r="I4644" s="5" t="s">
        <v>36264</v>
      </c>
      <c r="J4644" s="2" t="s">
        <v>36265</v>
      </c>
      <c r="K4644" s="5" t="s">
        <v>36264</v>
      </c>
      <c r="L4644" s="2" t="s">
        <v>36265</v>
      </c>
      <c r="M4644" s="5" t="s">
        <v>36266</v>
      </c>
      <c r="N4644" s="5" t="s">
        <v>38</v>
      </c>
      <c r="O4644" s="5" t="s">
        <v>39</v>
      </c>
      <c r="P4644" s="5" t="s">
        <v>40</v>
      </c>
      <c r="Q4644" s="5" t="s">
        <v>1522</v>
      </c>
      <c r="R4644" s="5" t="s">
        <v>1523</v>
      </c>
      <c r="S4644" s="5" t="s">
        <v>42</v>
      </c>
      <c r="T4644" s="2">
        <v>2.8540000000000001</v>
      </c>
      <c r="U4644" s="2">
        <v>2.242</v>
      </c>
      <c r="V4644" s="2">
        <v>1.7999999999999999E-2</v>
      </c>
      <c r="W4644" s="2">
        <v>139.1</v>
      </c>
      <c r="X4644" s="2">
        <v>7.6</v>
      </c>
      <c r="Y4644" s="2">
        <v>16.7</v>
      </c>
      <c r="Z4644" s="5"/>
      <c r="AA4644" s="5" t="s">
        <v>43</v>
      </c>
      <c r="AB4644" s="5" t="s">
        <v>44</v>
      </c>
      <c r="AC4644" s="2"/>
      <c r="AD4644" s="1"/>
    </row>
    <row r="4645" spans="1:30">
      <c r="A4645" s="5" t="s">
        <v>83578</v>
      </c>
      <c r="B4645" s="2" t="s">
        <v>97537</v>
      </c>
      <c r="C4645" s="14" t="s">
        <v>97538</v>
      </c>
      <c r="D4645" s="2" t="s">
        <v>97539</v>
      </c>
      <c r="E4645" s="2" t="s">
        <v>36321</v>
      </c>
      <c r="F4645" s="8">
        <v>338</v>
      </c>
      <c r="G4645" s="5">
        <v>6</v>
      </c>
      <c r="H4645" s="5" t="s">
        <v>1518</v>
      </c>
      <c r="I4645" s="5" t="s">
        <v>36264</v>
      </c>
      <c r="J4645" s="2" t="s">
        <v>36265</v>
      </c>
      <c r="K4645" s="5" t="s">
        <v>36264</v>
      </c>
      <c r="L4645" s="2" t="s">
        <v>36265</v>
      </c>
      <c r="M4645" s="5" t="s">
        <v>36266</v>
      </c>
      <c r="N4645" s="5" t="s">
        <v>38</v>
      </c>
      <c r="O4645" s="5" t="s">
        <v>39</v>
      </c>
      <c r="P4645" s="5" t="s">
        <v>40</v>
      </c>
      <c r="Q4645" s="5" t="s">
        <v>1522</v>
      </c>
      <c r="R4645" s="5" t="s">
        <v>1523</v>
      </c>
      <c r="S4645" s="5" t="s">
        <v>42</v>
      </c>
      <c r="T4645" s="2">
        <v>2.8540000000000001</v>
      </c>
      <c r="U4645" s="2">
        <v>2.242</v>
      </c>
      <c r="V4645" s="2">
        <v>1.7999999999999999E-2</v>
      </c>
      <c r="W4645" s="2">
        <v>139.1</v>
      </c>
      <c r="X4645" s="2">
        <v>7.6</v>
      </c>
      <c r="Y4645" s="2">
        <v>16.7</v>
      </c>
      <c r="Z4645" s="5"/>
      <c r="AA4645" s="5" t="s">
        <v>43</v>
      </c>
      <c r="AB4645" s="5" t="s">
        <v>44</v>
      </c>
      <c r="AC4645" s="2"/>
      <c r="AD4645" s="1"/>
    </row>
    <row r="4646" spans="1:30">
      <c r="A4646" s="5" t="s">
        <v>83578</v>
      </c>
      <c r="B4646" s="2" t="s">
        <v>97540</v>
      </c>
      <c r="C4646" s="14" t="s">
        <v>97541</v>
      </c>
      <c r="D4646" s="2" t="s">
        <v>97542</v>
      </c>
      <c r="E4646" s="2" t="s">
        <v>36325</v>
      </c>
      <c r="F4646" s="8">
        <v>338</v>
      </c>
      <c r="G4646" s="5">
        <v>6</v>
      </c>
      <c r="H4646" s="5" t="s">
        <v>1518</v>
      </c>
      <c r="I4646" s="5" t="s">
        <v>36264</v>
      </c>
      <c r="J4646" s="2" t="s">
        <v>36265</v>
      </c>
      <c r="K4646" s="5" t="s">
        <v>36264</v>
      </c>
      <c r="L4646" s="2" t="s">
        <v>36265</v>
      </c>
      <c r="M4646" s="5" t="s">
        <v>36266</v>
      </c>
      <c r="N4646" s="5" t="s">
        <v>38</v>
      </c>
      <c r="O4646" s="5" t="s">
        <v>39</v>
      </c>
      <c r="P4646" s="5" t="s">
        <v>40</v>
      </c>
      <c r="Q4646" s="5" t="s">
        <v>1522</v>
      </c>
      <c r="R4646" s="5" t="s">
        <v>1523</v>
      </c>
      <c r="S4646" s="5" t="s">
        <v>42</v>
      </c>
      <c r="T4646" s="2">
        <v>2.92</v>
      </c>
      <c r="U4646" s="2">
        <v>2.3079999999999998</v>
      </c>
      <c r="V4646" s="2">
        <v>1.7999999999999999E-2</v>
      </c>
      <c r="W4646" s="2">
        <v>139.1</v>
      </c>
      <c r="X4646" s="2">
        <v>7.6</v>
      </c>
      <c r="Y4646" s="2">
        <v>16.7</v>
      </c>
      <c r="Z4646" s="5"/>
      <c r="AA4646" s="5" t="s">
        <v>43</v>
      </c>
      <c r="AB4646" s="5" t="s">
        <v>44</v>
      </c>
      <c r="AC4646" s="2"/>
      <c r="AD4646" s="1"/>
    </row>
    <row r="4647" spans="1:30">
      <c r="A4647" s="5" t="s">
        <v>83578</v>
      </c>
      <c r="B4647" s="2" t="s">
        <v>97543</v>
      </c>
      <c r="C4647" s="14" t="s">
        <v>97544</v>
      </c>
      <c r="D4647" s="2" t="s">
        <v>97545</v>
      </c>
      <c r="E4647" s="2" t="s">
        <v>36329</v>
      </c>
      <c r="F4647" s="8">
        <v>338</v>
      </c>
      <c r="G4647" s="5">
        <v>6</v>
      </c>
      <c r="H4647" s="5" t="s">
        <v>1518</v>
      </c>
      <c r="I4647" s="5" t="s">
        <v>36264</v>
      </c>
      <c r="J4647" s="2" t="s">
        <v>36265</v>
      </c>
      <c r="K4647" s="5" t="s">
        <v>36264</v>
      </c>
      <c r="L4647" s="2" t="s">
        <v>36265</v>
      </c>
      <c r="M4647" s="5" t="s">
        <v>36266</v>
      </c>
      <c r="N4647" s="5" t="s">
        <v>38</v>
      </c>
      <c r="O4647" s="5" t="s">
        <v>39</v>
      </c>
      <c r="P4647" s="5" t="s">
        <v>40</v>
      </c>
      <c r="Q4647" s="5" t="s">
        <v>1522</v>
      </c>
      <c r="R4647" s="5" t="s">
        <v>1523</v>
      </c>
      <c r="S4647" s="5" t="s">
        <v>42</v>
      </c>
      <c r="T4647" s="2">
        <v>2.8540000000000001</v>
      </c>
      <c r="U4647" s="2">
        <v>2.242</v>
      </c>
      <c r="V4647" s="2">
        <v>1.7999999999999999E-2</v>
      </c>
      <c r="W4647" s="2">
        <v>139.1</v>
      </c>
      <c r="X4647" s="2">
        <v>7.6</v>
      </c>
      <c r="Y4647" s="2">
        <v>16.7</v>
      </c>
      <c r="Z4647" s="5"/>
      <c r="AA4647" s="5" t="s">
        <v>43</v>
      </c>
      <c r="AB4647" s="5" t="s">
        <v>44</v>
      </c>
      <c r="AC4647" s="2"/>
      <c r="AD4647" s="1"/>
    </row>
    <row r="4648" spans="1:30">
      <c r="A4648" s="5" t="s">
        <v>83578</v>
      </c>
      <c r="B4648" s="2" t="s">
        <v>97546</v>
      </c>
      <c r="C4648" s="14" t="s">
        <v>97547</v>
      </c>
      <c r="D4648" s="2" t="s">
        <v>97548</v>
      </c>
      <c r="E4648" s="2" t="s">
        <v>36333</v>
      </c>
      <c r="F4648" s="8">
        <v>338</v>
      </c>
      <c r="G4648" s="5">
        <v>6</v>
      </c>
      <c r="H4648" s="5" t="s">
        <v>1518</v>
      </c>
      <c r="I4648" s="5" t="s">
        <v>36264</v>
      </c>
      <c r="J4648" s="2" t="s">
        <v>36265</v>
      </c>
      <c r="K4648" s="5" t="s">
        <v>36264</v>
      </c>
      <c r="L4648" s="2" t="s">
        <v>36265</v>
      </c>
      <c r="M4648" s="5" t="s">
        <v>36266</v>
      </c>
      <c r="N4648" s="5" t="s">
        <v>38</v>
      </c>
      <c r="O4648" s="5" t="s">
        <v>39</v>
      </c>
      <c r="P4648" s="5" t="s">
        <v>40</v>
      </c>
      <c r="Q4648" s="5" t="s">
        <v>1522</v>
      </c>
      <c r="R4648" s="5" t="s">
        <v>1523</v>
      </c>
      <c r="S4648" s="5" t="s">
        <v>42</v>
      </c>
      <c r="T4648" s="2">
        <v>2.92</v>
      </c>
      <c r="U4648" s="2">
        <v>2.3079999999999998</v>
      </c>
      <c r="V4648" s="2">
        <v>1.7999999999999999E-2</v>
      </c>
      <c r="W4648" s="2">
        <v>139.1</v>
      </c>
      <c r="X4648" s="2">
        <v>7.6</v>
      </c>
      <c r="Y4648" s="2">
        <v>16.7</v>
      </c>
      <c r="Z4648" s="5"/>
      <c r="AA4648" s="5" t="s">
        <v>43</v>
      </c>
      <c r="AB4648" s="5" t="s">
        <v>44</v>
      </c>
      <c r="AC4648" s="2"/>
      <c r="AD4648" s="1"/>
    </row>
    <row r="4649" spans="1:30">
      <c r="A4649" s="5" t="s">
        <v>83578</v>
      </c>
      <c r="B4649" s="2" t="s">
        <v>97549</v>
      </c>
      <c r="C4649" s="14" t="s">
        <v>97550</v>
      </c>
      <c r="D4649" s="2" t="s">
        <v>97551</v>
      </c>
      <c r="E4649" s="2" t="s">
        <v>36337</v>
      </c>
      <c r="F4649" s="8">
        <v>338</v>
      </c>
      <c r="G4649" s="5">
        <v>6</v>
      </c>
      <c r="H4649" s="5" t="s">
        <v>1518</v>
      </c>
      <c r="I4649" s="5" t="s">
        <v>36264</v>
      </c>
      <c r="J4649" s="2" t="s">
        <v>36265</v>
      </c>
      <c r="K4649" s="5" t="s">
        <v>36264</v>
      </c>
      <c r="L4649" s="2" t="s">
        <v>36265</v>
      </c>
      <c r="M4649" s="5" t="s">
        <v>36266</v>
      </c>
      <c r="N4649" s="5" t="s">
        <v>38</v>
      </c>
      <c r="O4649" s="5" t="s">
        <v>39</v>
      </c>
      <c r="P4649" s="5" t="s">
        <v>40</v>
      </c>
      <c r="Q4649" s="5" t="s">
        <v>1522</v>
      </c>
      <c r="R4649" s="5" t="s">
        <v>1523</v>
      </c>
      <c r="S4649" s="5" t="s">
        <v>42</v>
      </c>
      <c r="T4649" s="2">
        <v>2.8540000000000001</v>
      </c>
      <c r="U4649" s="2">
        <v>2.242</v>
      </c>
      <c r="V4649" s="2">
        <v>1.7999999999999999E-2</v>
      </c>
      <c r="W4649" s="2">
        <v>139.1</v>
      </c>
      <c r="X4649" s="2">
        <v>7.6</v>
      </c>
      <c r="Y4649" s="2">
        <v>16.7</v>
      </c>
      <c r="Z4649" s="5"/>
      <c r="AA4649" s="5" t="s">
        <v>43</v>
      </c>
      <c r="AB4649" s="5" t="s">
        <v>44</v>
      </c>
      <c r="AC4649" s="2"/>
      <c r="AD4649" s="1"/>
    </row>
    <row r="4650" spans="1:30">
      <c r="A4650" s="5" t="s">
        <v>83578</v>
      </c>
      <c r="B4650" s="2" t="s">
        <v>97552</v>
      </c>
      <c r="C4650" s="14" t="s">
        <v>97553</v>
      </c>
      <c r="D4650" s="2" t="s">
        <v>97554</v>
      </c>
      <c r="E4650" s="2" t="s">
        <v>36341</v>
      </c>
      <c r="F4650" s="8">
        <v>338</v>
      </c>
      <c r="G4650" s="5">
        <v>6</v>
      </c>
      <c r="H4650" s="5" t="s">
        <v>1518</v>
      </c>
      <c r="I4650" s="5" t="s">
        <v>36264</v>
      </c>
      <c r="J4650" s="2" t="s">
        <v>36265</v>
      </c>
      <c r="K4650" s="5" t="s">
        <v>36264</v>
      </c>
      <c r="L4650" s="2" t="s">
        <v>36265</v>
      </c>
      <c r="M4650" s="5" t="s">
        <v>36266</v>
      </c>
      <c r="N4650" s="5" t="s">
        <v>38</v>
      </c>
      <c r="O4650" s="5" t="s">
        <v>39</v>
      </c>
      <c r="P4650" s="5" t="s">
        <v>40</v>
      </c>
      <c r="Q4650" s="5" t="s">
        <v>1522</v>
      </c>
      <c r="R4650" s="5" t="s">
        <v>1523</v>
      </c>
      <c r="S4650" s="5" t="s">
        <v>42</v>
      </c>
      <c r="T4650" s="2">
        <v>2.92</v>
      </c>
      <c r="U4650" s="2">
        <v>2.3079999999999998</v>
      </c>
      <c r="V4650" s="2">
        <v>1.7999999999999999E-2</v>
      </c>
      <c r="W4650" s="2">
        <v>139.1</v>
      </c>
      <c r="X4650" s="2">
        <v>7.6</v>
      </c>
      <c r="Y4650" s="2">
        <v>16.7</v>
      </c>
      <c r="Z4650" s="5"/>
      <c r="AA4650" s="5" t="s">
        <v>43</v>
      </c>
      <c r="AB4650" s="5" t="s">
        <v>44</v>
      </c>
      <c r="AC4650" s="2"/>
      <c r="AD4650" s="1"/>
    </row>
    <row r="4651" spans="1:30">
      <c r="A4651" s="5" t="s">
        <v>83578</v>
      </c>
      <c r="B4651" s="2" t="s">
        <v>97555</v>
      </c>
      <c r="C4651" s="14" t="s">
        <v>97556</v>
      </c>
      <c r="D4651" s="2" t="s">
        <v>97557</v>
      </c>
      <c r="E4651" s="2" t="s">
        <v>36345</v>
      </c>
      <c r="F4651" s="8">
        <v>338</v>
      </c>
      <c r="G4651" s="5">
        <v>6</v>
      </c>
      <c r="H4651" s="5" t="s">
        <v>1518</v>
      </c>
      <c r="I4651" s="5" t="s">
        <v>36264</v>
      </c>
      <c r="J4651" s="2" t="s">
        <v>36265</v>
      </c>
      <c r="K4651" s="5" t="s">
        <v>36264</v>
      </c>
      <c r="L4651" s="2" t="s">
        <v>36265</v>
      </c>
      <c r="M4651" s="5" t="s">
        <v>36266</v>
      </c>
      <c r="N4651" s="5" t="s">
        <v>38</v>
      </c>
      <c r="O4651" s="5" t="s">
        <v>39</v>
      </c>
      <c r="P4651" s="5" t="s">
        <v>40</v>
      </c>
      <c r="Q4651" s="5" t="s">
        <v>1522</v>
      </c>
      <c r="R4651" s="5" t="s">
        <v>1523</v>
      </c>
      <c r="S4651" s="5" t="s">
        <v>42</v>
      </c>
      <c r="T4651" s="2">
        <v>2.8540000000000001</v>
      </c>
      <c r="U4651" s="2">
        <v>2.242</v>
      </c>
      <c r="V4651" s="2">
        <v>1.7999999999999999E-2</v>
      </c>
      <c r="W4651" s="2">
        <v>139.1</v>
      </c>
      <c r="X4651" s="2">
        <v>7.6</v>
      </c>
      <c r="Y4651" s="2">
        <v>16.7</v>
      </c>
      <c r="Z4651" s="5"/>
      <c r="AA4651" s="5" t="s">
        <v>43</v>
      </c>
      <c r="AB4651" s="5" t="s">
        <v>44</v>
      </c>
      <c r="AC4651" s="2"/>
      <c r="AD4651" s="1"/>
    </row>
    <row r="4652" spans="1:30">
      <c r="A4652" s="5" t="s">
        <v>83578</v>
      </c>
      <c r="B4652" s="2" t="s">
        <v>97558</v>
      </c>
      <c r="C4652" s="14" t="s">
        <v>97559</v>
      </c>
      <c r="D4652" s="2" t="s">
        <v>97560</v>
      </c>
      <c r="E4652" s="2" t="s">
        <v>36349</v>
      </c>
      <c r="F4652" s="8">
        <v>338</v>
      </c>
      <c r="G4652" s="5">
        <v>6</v>
      </c>
      <c r="H4652" s="5" t="s">
        <v>1518</v>
      </c>
      <c r="I4652" s="5" t="s">
        <v>36264</v>
      </c>
      <c r="J4652" s="2" t="s">
        <v>36265</v>
      </c>
      <c r="K4652" s="5" t="s">
        <v>36264</v>
      </c>
      <c r="L4652" s="2" t="s">
        <v>36265</v>
      </c>
      <c r="M4652" s="5" t="s">
        <v>36266</v>
      </c>
      <c r="N4652" s="5" t="s">
        <v>38</v>
      </c>
      <c r="O4652" s="5" t="s">
        <v>39</v>
      </c>
      <c r="P4652" s="5" t="s">
        <v>40</v>
      </c>
      <c r="Q4652" s="5" t="s">
        <v>1522</v>
      </c>
      <c r="R4652" s="5" t="s">
        <v>1523</v>
      </c>
      <c r="S4652" s="5" t="s">
        <v>42</v>
      </c>
      <c r="T4652" s="2">
        <v>2.92</v>
      </c>
      <c r="U4652" s="2">
        <v>2.3079999999999998</v>
      </c>
      <c r="V4652" s="2">
        <v>1.7999999999999999E-2</v>
      </c>
      <c r="W4652" s="2">
        <v>139.1</v>
      </c>
      <c r="X4652" s="2">
        <v>7.6</v>
      </c>
      <c r="Y4652" s="2">
        <v>16.7</v>
      </c>
      <c r="Z4652" s="5"/>
      <c r="AA4652" s="5" t="s">
        <v>43</v>
      </c>
      <c r="AB4652" s="5" t="s">
        <v>44</v>
      </c>
      <c r="AC4652" s="2"/>
      <c r="AD4652" s="1"/>
    </row>
    <row r="4653" spans="1:30">
      <c r="A4653" s="5" t="s">
        <v>83578</v>
      </c>
      <c r="B4653" s="2" t="s">
        <v>97561</v>
      </c>
      <c r="C4653" s="14" t="s">
        <v>97562</v>
      </c>
      <c r="D4653" s="2" t="s">
        <v>97563</v>
      </c>
      <c r="E4653" s="2" t="s">
        <v>36353</v>
      </c>
      <c r="F4653" s="8">
        <v>338</v>
      </c>
      <c r="G4653" s="5">
        <v>6</v>
      </c>
      <c r="H4653" s="5" t="s">
        <v>1518</v>
      </c>
      <c r="I4653" s="5" t="s">
        <v>36264</v>
      </c>
      <c r="J4653" s="2" t="s">
        <v>36265</v>
      </c>
      <c r="K4653" s="5" t="s">
        <v>36264</v>
      </c>
      <c r="L4653" s="2" t="s">
        <v>36265</v>
      </c>
      <c r="M4653" s="5" t="s">
        <v>36266</v>
      </c>
      <c r="N4653" s="5" t="s">
        <v>38</v>
      </c>
      <c r="O4653" s="5" t="s">
        <v>39</v>
      </c>
      <c r="P4653" s="5" t="s">
        <v>40</v>
      </c>
      <c r="Q4653" s="5" t="s">
        <v>1522</v>
      </c>
      <c r="R4653" s="5" t="s">
        <v>1523</v>
      </c>
      <c r="S4653" s="5" t="s">
        <v>42</v>
      </c>
      <c r="T4653" s="2">
        <v>2.8540000000000001</v>
      </c>
      <c r="U4653" s="2">
        <v>2.242</v>
      </c>
      <c r="V4653" s="2">
        <v>1.7999999999999999E-2</v>
      </c>
      <c r="W4653" s="2">
        <v>139.1</v>
      </c>
      <c r="X4653" s="2">
        <v>7.6</v>
      </c>
      <c r="Y4653" s="2">
        <v>16.7</v>
      </c>
      <c r="Z4653" s="5"/>
      <c r="AA4653" s="5" t="s">
        <v>43</v>
      </c>
      <c r="AB4653" s="5" t="s">
        <v>44</v>
      </c>
      <c r="AC4653" s="2"/>
      <c r="AD4653" s="1"/>
    </row>
    <row r="4654" spans="1:30">
      <c r="A4654" s="5" t="s">
        <v>83578</v>
      </c>
      <c r="B4654" s="2" t="s">
        <v>97564</v>
      </c>
      <c r="C4654" s="14" t="s">
        <v>97565</v>
      </c>
      <c r="D4654" s="2" t="s">
        <v>97566</v>
      </c>
      <c r="E4654" s="2" t="s">
        <v>36357</v>
      </c>
      <c r="F4654" s="8">
        <v>338</v>
      </c>
      <c r="G4654" s="5">
        <v>6</v>
      </c>
      <c r="H4654" s="5" t="s">
        <v>1518</v>
      </c>
      <c r="I4654" s="5" t="s">
        <v>36264</v>
      </c>
      <c r="J4654" s="2" t="s">
        <v>36265</v>
      </c>
      <c r="K4654" s="5" t="s">
        <v>36264</v>
      </c>
      <c r="L4654" s="2" t="s">
        <v>36265</v>
      </c>
      <c r="M4654" s="5" t="s">
        <v>36266</v>
      </c>
      <c r="N4654" s="5" t="s">
        <v>38</v>
      </c>
      <c r="O4654" s="5" t="s">
        <v>39</v>
      </c>
      <c r="P4654" s="5" t="s">
        <v>40</v>
      </c>
      <c r="Q4654" s="5" t="s">
        <v>1522</v>
      </c>
      <c r="R4654" s="5" t="s">
        <v>1523</v>
      </c>
      <c r="S4654" s="5" t="s">
        <v>42</v>
      </c>
      <c r="T4654" s="2">
        <v>2.92</v>
      </c>
      <c r="U4654" s="2">
        <v>2.3079999999999998</v>
      </c>
      <c r="V4654" s="2">
        <v>1.7999999999999999E-2</v>
      </c>
      <c r="W4654" s="2">
        <v>139.1</v>
      </c>
      <c r="X4654" s="2">
        <v>7.6</v>
      </c>
      <c r="Y4654" s="2">
        <v>16.7</v>
      </c>
      <c r="Z4654" s="5"/>
      <c r="AA4654" s="5" t="s">
        <v>43</v>
      </c>
      <c r="AB4654" s="5" t="s">
        <v>44</v>
      </c>
      <c r="AC4654" s="2"/>
      <c r="AD4654" s="1"/>
    </row>
    <row r="4655" spans="1:30">
      <c r="A4655" s="5" t="s">
        <v>83578</v>
      </c>
      <c r="B4655" s="2" t="s">
        <v>97567</v>
      </c>
      <c r="C4655" s="14" t="s">
        <v>97568</v>
      </c>
      <c r="D4655" s="2" t="s">
        <v>97569</v>
      </c>
      <c r="E4655" s="2" t="s">
        <v>45598</v>
      </c>
      <c r="F4655" s="8">
        <v>338</v>
      </c>
      <c r="G4655" s="5">
        <v>6</v>
      </c>
      <c r="H4655" s="5" t="s">
        <v>1518</v>
      </c>
      <c r="I4655" s="5" t="s">
        <v>36264</v>
      </c>
      <c r="J4655" s="2" t="s">
        <v>36265</v>
      </c>
      <c r="K4655" s="5" t="s">
        <v>36264</v>
      </c>
      <c r="L4655" s="2" t="s">
        <v>36265</v>
      </c>
      <c r="M4655" s="5" t="s">
        <v>36266</v>
      </c>
      <c r="N4655" s="5" t="s">
        <v>38</v>
      </c>
      <c r="O4655" s="5" t="s">
        <v>39</v>
      </c>
      <c r="P4655" s="5" t="s">
        <v>40</v>
      </c>
      <c r="Q4655" s="5" t="s">
        <v>1522</v>
      </c>
      <c r="R4655" s="5" t="s">
        <v>1523</v>
      </c>
      <c r="S4655" s="5" t="s">
        <v>42</v>
      </c>
      <c r="T4655" s="2">
        <v>2.8540000000000001</v>
      </c>
      <c r="U4655" s="2">
        <v>2.242</v>
      </c>
      <c r="V4655" s="2">
        <v>1.7999999999999999E-2</v>
      </c>
      <c r="W4655" s="2">
        <v>139.1</v>
      </c>
      <c r="X4655" s="2">
        <v>7.6</v>
      </c>
      <c r="Y4655" s="2">
        <v>16.7</v>
      </c>
      <c r="Z4655" s="5"/>
      <c r="AA4655" s="5" t="s">
        <v>43</v>
      </c>
      <c r="AB4655" s="5" t="s">
        <v>44</v>
      </c>
      <c r="AC4655" s="2"/>
      <c r="AD4655" s="1"/>
    </row>
    <row r="4656" spans="1:30">
      <c r="A4656" s="5" t="s">
        <v>83578</v>
      </c>
      <c r="B4656" s="2" t="s">
        <v>97570</v>
      </c>
      <c r="C4656" s="14" t="s">
        <v>97571</v>
      </c>
      <c r="D4656" s="2" t="s">
        <v>97572</v>
      </c>
      <c r="E4656" s="2" t="s">
        <v>45534</v>
      </c>
      <c r="F4656" s="8">
        <v>338</v>
      </c>
      <c r="G4656" s="5">
        <v>6</v>
      </c>
      <c r="H4656" s="5" t="s">
        <v>1518</v>
      </c>
      <c r="I4656" s="5" t="s">
        <v>36264</v>
      </c>
      <c r="J4656" s="2" t="s">
        <v>36265</v>
      </c>
      <c r="K4656" s="5" t="s">
        <v>36264</v>
      </c>
      <c r="L4656" s="2" t="s">
        <v>36265</v>
      </c>
      <c r="M4656" s="5" t="s">
        <v>36266</v>
      </c>
      <c r="N4656" s="5" t="s">
        <v>38</v>
      </c>
      <c r="O4656" s="5" t="s">
        <v>39</v>
      </c>
      <c r="P4656" s="5" t="s">
        <v>40</v>
      </c>
      <c r="Q4656" s="5" t="s">
        <v>1522</v>
      </c>
      <c r="R4656" s="5" t="s">
        <v>1523</v>
      </c>
      <c r="S4656" s="5" t="s">
        <v>42</v>
      </c>
      <c r="T4656" s="2">
        <v>2.92</v>
      </c>
      <c r="U4656" s="2">
        <v>2.3079999999999998</v>
      </c>
      <c r="V4656" s="2">
        <v>1.7999999999999999E-2</v>
      </c>
      <c r="W4656" s="2">
        <v>139.1</v>
      </c>
      <c r="X4656" s="2">
        <v>7.6</v>
      </c>
      <c r="Y4656" s="2">
        <v>16.7</v>
      </c>
      <c r="Z4656" s="5"/>
      <c r="AA4656" s="5" t="s">
        <v>43</v>
      </c>
      <c r="AB4656" s="5" t="s">
        <v>44</v>
      </c>
      <c r="AC4656" s="2"/>
      <c r="AD4656" s="1"/>
    </row>
    <row r="4657" spans="1:30">
      <c r="A4657" s="5" t="s">
        <v>83578</v>
      </c>
      <c r="B4657" s="2" t="s">
        <v>97573</v>
      </c>
      <c r="C4657" s="14" t="s">
        <v>97574</v>
      </c>
      <c r="D4657" s="2" t="s">
        <v>97575</v>
      </c>
      <c r="E4657" s="2" t="s">
        <v>36369</v>
      </c>
      <c r="F4657" s="8">
        <v>338</v>
      </c>
      <c r="G4657" s="5">
        <v>6</v>
      </c>
      <c r="H4657" s="5" t="s">
        <v>1518</v>
      </c>
      <c r="I4657" s="5" t="s">
        <v>36264</v>
      </c>
      <c r="J4657" s="2" t="s">
        <v>36265</v>
      </c>
      <c r="K4657" s="5" t="s">
        <v>36264</v>
      </c>
      <c r="L4657" s="2" t="s">
        <v>36265</v>
      </c>
      <c r="M4657" s="5" t="s">
        <v>36266</v>
      </c>
      <c r="N4657" s="5" t="s">
        <v>38</v>
      </c>
      <c r="O4657" s="5" t="s">
        <v>39</v>
      </c>
      <c r="P4657" s="5" t="s">
        <v>40</v>
      </c>
      <c r="Q4657" s="5" t="s">
        <v>1522</v>
      </c>
      <c r="R4657" s="5" t="s">
        <v>1523</v>
      </c>
      <c r="S4657" s="5" t="s">
        <v>42</v>
      </c>
      <c r="T4657" s="2">
        <v>2.8540000000000001</v>
      </c>
      <c r="U4657" s="2">
        <v>2.242</v>
      </c>
      <c r="V4657" s="2">
        <v>1.7999999999999999E-2</v>
      </c>
      <c r="W4657" s="2">
        <v>139.1</v>
      </c>
      <c r="X4657" s="2">
        <v>7.6</v>
      </c>
      <c r="Y4657" s="2">
        <v>16.7</v>
      </c>
      <c r="Z4657" s="5"/>
      <c r="AA4657" s="5" t="s">
        <v>43</v>
      </c>
      <c r="AB4657" s="5" t="s">
        <v>44</v>
      </c>
      <c r="AC4657" s="2"/>
      <c r="AD4657" s="1"/>
    </row>
    <row r="4658" spans="1:30">
      <c r="A4658" s="5" t="s">
        <v>83578</v>
      </c>
      <c r="B4658" s="2" t="s">
        <v>97576</v>
      </c>
      <c r="C4658" s="14" t="s">
        <v>97577</v>
      </c>
      <c r="D4658" s="2" t="s">
        <v>97578</v>
      </c>
      <c r="E4658" s="2" t="s">
        <v>36373</v>
      </c>
      <c r="F4658" s="8">
        <v>338</v>
      </c>
      <c r="G4658" s="5">
        <v>6</v>
      </c>
      <c r="H4658" s="5" t="s">
        <v>1518</v>
      </c>
      <c r="I4658" s="5" t="s">
        <v>36264</v>
      </c>
      <c r="J4658" s="2" t="s">
        <v>36265</v>
      </c>
      <c r="K4658" s="5" t="s">
        <v>36264</v>
      </c>
      <c r="L4658" s="2" t="s">
        <v>36265</v>
      </c>
      <c r="M4658" s="5" t="s">
        <v>36266</v>
      </c>
      <c r="N4658" s="5" t="s">
        <v>38</v>
      </c>
      <c r="O4658" s="5" t="s">
        <v>39</v>
      </c>
      <c r="P4658" s="5" t="s">
        <v>40</v>
      </c>
      <c r="Q4658" s="5" t="s">
        <v>1522</v>
      </c>
      <c r="R4658" s="5" t="s">
        <v>1523</v>
      </c>
      <c r="S4658" s="5" t="s">
        <v>42</v>
      </c>
      <c r="T4658" s="2">
        <v>2.92</v>
      </c>
      <c r="U4658" s="2">
        <v>2.3079999999999998</v>
      </c>
      <c r="V4658" s="2">
        <v>1.7999999999999999E-2</v>
      </c>
      <c r="W4658" s="2">
        <v>139.1</v>
      </c>
      <c r="X4658" s="2">
        <v>7.6</v>
      </c>
      <c r="Y4658" s="2">
        <v>16.7</v>
      </c>
      <c r="Z4658" s="5"/>
      <c r="AA4658" s="5" t="s">
        <v>43</v>
      </c>
      <c r="AB4658" s="5" t="s">
        <v>44</v>
      </c>
      <c r="AC4658" s="2"/>
      <c r="AD4658" s="1"/>
    </row>
    <row r="4659" spans="1:30">
      <c r="A4659" s="5" t="s">
        <v>83578</v>
      </c>
      <c r="B4659" s="2" t="s">
        <v>97579</v>
      </c>
      <c r="C4659" s="14" t="s">
        <v>97580</v>
      </c>
      <c r="D4659" s="2" t="s">
        <v>97581</v>
      </c>
      <c r="E4659" s="2" t="s">
        <v>36377</v>
      </c>
      <c r="F4659" s="8">
        <v>338</v>
      </c>
      <c r="G4659" s="5">
        <v>6</v>
      </c>
      <c r="H4659" s="5" t="s">
        <v>1518</v>
      </c>
      <c r="I4659" s="5" t="s">
        <v>36264</v>
      </c>
      <c r="J4659" s="2" t="s">
        <v>36265</v>
      </c>
      <c r="K4659" s="5" t="s">
        <v>36264</v>
      </c>
      <c r="L4659" s="2" t="s">
        <v>36265</v>
      </c>
      <c r="M4659" s="5" t="s">
        <v>36266</v>
      </c>
      <c r="N4659" s="5" t="s">
        <v>38</v>
      </c>
      <c r="O4659" s="5" t="s">
        <v>39</v>
      </c>
      <c r="P4659" s="5" t="s">
        <v>40</v>
      </c>
      <c r="Q4659" s="5" t="s">
        <v>1522</v>
      </c>
      <c r="R4659" s="5" t="s">
        <v>1523</v>
      </c>
      <c r="S4659" s="5" t="s">
        <v>42</v>
      </c>
      <c r="T4659" s="2">
        <v>2.8540000000000001</v>
      </c>
      <c r="U4659" s="2">
        <v>2.242</v>
      </c>
      <c r="V4659" s="2">
        <v>1.7999999999999999E-2</v>
      </c>
      <c r="W4659" s="2">
        <v>139.1</v>
      </c>
      <c r="X4659" s="2">
        <v>7.6</v>
      </c>
      <c r="Y4659" s="2">
        <v>16.7</v>
      </c>
      <c r="Z4659" s="5"/>
      <c r="AA4659" s="5" t="s">
        <v>43</v>
      </c>
      <c r="AB4659" s="5" t="s">
        <v>44</v>
      </c>
      <c r="AC4659" s="2"/>
      <c r="AD4659" s="1"/>
    </row>
    <row r="4660" spans="1:30">
      <c r="A4660" s="5" t="s">
        <v>83578</v>
      </c>
      <c r="B4660" s="2" t="s">
        <v>97582</v>
      </c>
      <c r="C4660" s="14" t="s">
        <v>97583</v>
      </c>
      <c r="D4660" s="2" t="s">
        <v>97584</v>
      </c>
      <c r="E4660" s="2" t="s">
        <v>36381</v>
      </c>
      <c r="F4660" s="8">
        <v>338</v>
      </c>
      <c r="G4660" s="5">
        <v>6</v>
      </c>
      <c r="H4660" s="5" t="s">
        <v>1518</v>
      </c>
      <c r="I4660" s="5" t="s">
        <v>36264</v>
      </c>
      <c r="J4660" s="2" t="s">
        <v>36265</v>
      </c>
      <c r="K4660" s="5" t="s">
        <v>36264</v>
      </c>
      <c r="L4660" s="2" t="s">
        <v>36265</v>
      </c>
      <c r="M4660" s="5" t="s">
        <v>36266</v>
      </c>
      <c r="N4660" s="5" t="s">
        <v>38</v>
      </c>
      <c r="O4660" s="5" t="s">
        <v>39</v>
      </c>
      <c r="P4660" s="5" t="s">
        <v>40</v>
      </c>
      <c r="Q4660" s="5" t="s">
        <v>1522</v>
      </c>
      <c r="R4660" s="5" t="s">
        <v>1523</v>
      </c>
      <c r="S4660" s="5" t="s">
        <v>42</v>
      </c>
      <c r="T4660" s="2">
        <v>2.92</v>
      </c>
      <c r="U4660" s="2">
        <v>2.3079999999999998</v>
      </c>
      <c r="V4660" s="2">
        <v>1.7999999999999999E-2</v>
      </c>
      <c r="W4660" s="2">
        <v>139.1</v>
      </c>
      <c r="X4660" s="2">
        <v>7.6</v>
      </c>
      <c r="Y4660" s="2">
        <v>16.7</v>
      </c>
      <c r="Z4660" s="5"/>
      <c r="AA4660" s="5" t="s">
        <v>43</v>
      </c>
      <c r="AB4660" s="5" t="s">
        <v>44</v>
      </c>
      <c r="AC4660" s="2"/>
      <c r="AD4660" s="1"/>
    </row>
    <row r="4661" spans="1:30">
      <c r="A4661" s="5" t="s">
        <v>83578</v>
      </c>
      <c r="B4661" s="2" t="s">
        <v>97585</v>
      </c>
      <c r="C4661" s="14" t="s">
        <v>97586</v>
      </c>
      <c r="D4661" s="2" t="s">
        <v>97587</v>
      </c>
      <c r="E4661" s="2" t="s">
        <v>36385</v>
      </c>
      <c r="F4661" s="8">
        <v>338</v>
      </c>
      <c r="G4661" s="5">
        <v>6</v>
      </c>
      <c r="H4661" s="5" t="s">
        <v>1518</v>
      </c>
      <c r="I4661" s="5" t="s">
        <v>36264</v>
      </c>
      <c r="J4661" s="2" t="s">
        <v>36265</v>
      </c>
      <c r="K4661" s="5" t="s">
        <v>36264</v>
      </c>
      <c r="L4661" s="2" t="s">
        <v>36265</v>
      </c>
      <c r="M4661" s="5" t="s">
        <v>36266</v>
      </c>
      <c r="N4661" s="5" t="s">
        <v>38</v>
      </c>
      <c r="O4661" s="5" t="s">
        <v>39</v>
      </c>
      <c r="P4661" s="5" t="s">
        <v>40</v>
      </c>
      <c r="Q4661" s="5" t="s">
        <v>1522</v>
      </c>
      <c r="R4661" s="5" t="s">
        <v>1523</v>
      </c>
      <c r="S4661" s="5" t="s">
        <v>42</v>
      </c>
      <c r="T4661" s="2">
        <v>2.8540000000000001</v>
      </c>
      <c r="U4661" s="2">
        <v>2.242</v>
      </c>
      <c r="V4661" s="2">
        <v>1.7999999999999999E-2</v>
      </c>
      <c r="W4661" s="2">
        <v>139.1</v>
      </c>
      <c r="X4661" s="2">
        <v>7.6</v>
      </c>
      <c r="Y4661" s="2">
        <v>16.7</v>
      </c>
      <c r="Z4661" s="5"/>
      <c r="AA4661" s="5" t="s">
        <v>43</v>
      </c>
      <c r="AB4661" s="5" t="s">
        <v>44</v>
      </c>
      <c r="AC4661" s="2"/>
      <c r="AD4661" s="1"/>
    </row>
    <row r="4662" spans="1:30">
      <c r="A4662" s="5" t="s">
        <v>83578</v>
      </c>
      <c r="B4662" s="2" t="s">
        <v>97588</v>
      </c>
      <c r="C4662" s="14" t="s">
        <v>97589</v>
      </c>
      <c r="D4662" s="2" t="s">
        <v>97590</v>
      </c>
      <c r="E4662" s="2" t="s">
        <v>36389</v>
      </c>
      <c r="F4662" s="8">
        <v>338</v>
      </c>
      <c r="G4662" s="5">
        <v>6</v>
      </c>
      <c r="H4662" s="5" t="s">
        <v>1518</v>
      </c>
      <c r="I4662" s="5" t="s">
        <v>36264</v>
      </c>
      <c r="J4662" s="2" t="s">
        <v>36265</v>
      </c>
      <c r="K4662" s="5" t="s">
        <v>36264</v>
      </c>
      <c r="L4662" s="2" t="s">
        <v>36265</v>
      </c>
      <c r="M4662" s="5" t="s">
        <v>36266</v>
      </c>
      <c r="N4662" s="5" t="s">
        <v>38</v>
      </c>
      <c r="O4662" s="5" t="s">
        <v>39</v>
      </c>
      <c r="P4662" s="5" t="s">
        <v>40</v>
      </c>
      <c r="Q4662" s="5" t="s">
        <v>1522</v>
      </c>
      <c r="R4662" s="5" t="s">
        <v>1523</v>
      </c>
      <c r="S4662" s="5" t="s">
        <v>42</v>
      </c>
      <c r="T4662" s="2">
        <v>2.92</v>
      </c>
      <c r="U4662" s="2">
        <v>2.3079999999999998</v>
      </c>
      <c r="V4662" s="2">
        <v>1.7999999999999999E-2</v>
      </c>
      <c r="W4662" s="2">
        <v>139.1</v>
      </c>
      <c r="X4662" s="2">
        <v>7.6</v>
      </c>
      <c r="Y4662" s="2">
        <v>16.7</v>
      </c>
      <c r="Z4662" s="5"/>
      <c r="AA4662" s="5" t="s">
        <v>43</v>
      </c>
      <c r="AB4662" s="5" t="s">
        <v>44</v>
      </c>
      <c r="AC4662" s="2"/>
      <c r="AD4662" s="1"/>
    </row>
    <row r="4663" spans="1:30">
      <c r="A4663" s="5" t="s">
        <v>83578</v>
      </c>
      <c r="B4663" s="2" t="s">
        <v>97591</v>
      </c>
      <c r="C4663" s="14" t="s">
        <v>97592</v>
      </c>
      <c r="D4663" s="2" t="s">
        <v>97593</v>
      </c>
      <c r="E4663" s="2" t="s">
        <v>36337</v>
      </c>
      <c r="F4663" s="8">
        <v>350</v>
      </c>
      <c r="G4663" s="5">
        <v>6</v>
      </c>
      <c r="H4663" s="5" t="s">
        <v>1518</v>
      </c>
      <c r="I4663" s="5" t="s">
        <v>36264</v>
      </c>
      <c r="J4663" s="2" t="s">
        <v>36265</v>
      </c>
      <c r="K4663" s="5" t="s">
        <v>36264</v>
      </c>
      <c r="L4663" s="2" t="s">
        <v>36265</v>
      </c>
      <c r="M4663" s="5" t="s">
        <v>36266</v>
      </c>
      <c r="N4663" s="5" t="s">
        <v>38</v>
      </c>
      <c r="O4663" s="5" t="s">
        <v>39</v>
      </c>
      <c r="P4663" s="5" t="s">
        <v>40</v>
      </c>
      <c r="Q4663" s="5" t="s">
        <v>1522</v>
      </c>
      <c r="R4663" s="5" t="s">
        <v>1523</v>
      </c>
      <c r="S4663" s="5" t="s">
        <v>42</v>
      </c>
      <c r="T4663" s="2">
        <v>3.5569999999999999</v>
      </c>
      <c r="U4663" s="2">
        <v>2.9809999999999999</v>
      </c>
      <c r="V4663" s="2">
        <v>1.7999999999999999E-2</v>
      </c>
      <c r="W4663" s="2">
        <v>139.1</v>
      </c>
      <c r="X4663" s="2">
        <v>7.6</v>
      </c>
      <c r="Y4663" s="2">
        <v>16.7</v>
      </c>
      <c r="Z4663" s="5"/>
      <c r="AA4663" s="5" t="s">
        <v>43</v>
      </c>
      <c r="AB4663" s="5" t="s">
        <v>44</v>
      </c>
      <c r="AC4663" s="2"/>
      <c r="AD4663" s="1"/>
    </row>
    <row r="4664" spans="1:30">
      <c r="A4664" s="5" t="s">
        <v>83578</v>
      </c>
      <c r="B4664" s="2" t="s">
        <v>97594</v>
      </c>
      <c r="C4664" s="14" t="s">
        <v>97595</v>
      </c>
      <c r="D4664" s="2" t="s">
        <v>97596</v>
      </c>
      <c r="E4664" s="2" t="s">
        <v>36313</v>
      </c>
      <c r="F4664" s="8">
        <v>377</v>
      </c>
      <c r="G4664" s="5">
        <v>6</v>
      </c>
      <c r="H4664" s="5" t="s">
        <v>1518</v>
      </c>
      <c r="I4664" s="5" t="s">
        <v>36264</v>
      </c>
      <c r="J4664" s="2" t="s">
        <v>36265</v>
      </c>
      <c r="K4664" s="5" t="s">
        <v>36264</v>
      </c>
      <c r="L4664" s="2" t="s">
        <v>36265</v>
      </c>
      <c r="M4664" s="5" t="s">
        <v>36266</v>
      </c>
      <c r="N4664" s="5" t="s">
        <v>38</v>
      </c>
      <c r="O4664" s="5" t="s">
        <v>39</v>
      </c>
      <c r="P4664" s="5" t="s">
        <v>40</v>
      </c>
      <c r="Q4664" s="5" t="s">
        <v>1522</v>
      </c>
      <c r="R4664" s="5" t="s">
        <v>1523</v>
      </c>
      <c r="S4664" s="5" t="s">
        <v>42</v>
      </c>
      <c r="T4664" s="2">
        <v>3.827</v>
      </c>
      <c r="U4664" s="2">
        <v>3.1680000000000001</v>
      </c>
      <c r="V4664" s="2">
        <v>0.02</v>
      </c>
      <c r="W4664" s="2">
        <v>159.1</v>
      </c>
      <c r="X4664" s="2">
        <v>7.6</v>
      </c>
      <c r="Y4664" s="2">
        <v>16.7</v>
      </c>
      <c r="Z4664" s="5"/>
      <c r="AA4664" s="5" t="s">
        <v>43</v>
      </c>
      <c r="AB4664" s="5" t="s">
        <v>44</v>
      </c>
      <c r="AC4664" s="2"/>
      <c r="AD4664" s="1"/>
    </row>
    <row r="4665" spans="1:30">
      <c r="A4665" s="5" t="s">
        <v>83578</v>
      </c>
      <c r="B4665" s="2" t="s">
        <v>97597</v>
      </c>
      <c r="C4665" s="14" t="s">
        <v>97598</v>
      </c>
      <c r="D4665" s="2" t="s">
        <v>97599</v>
      </c>
      <c r="E4665" s="2" t="s">
        <v>36321</v>
      </c>
      <c r="F4665" s="8">
        <v>377</v>
      </c>
      <c r="G4665" s="5">
        <v>6</v>
      </c>
      <c r="H4665" s="5" t="s">
        <v>1518</v>
      </c>
      <c r="I4665" s="5" t="s">
        <v>36264</v>
      </c>
      <c r="J4665" s="2" t="s">
        <v>36265</v>
      </c>
      <c r="K4665" s="5" t="s">
        <v>36264</v>
      </c>
      <c r="L4665" s="2" t="s">
        <v>36265</v>
      </c>
      <c r="M4665" s="5" t="s">
        <v>36266</v>
      </c>
      <c r="N4665" s="5" t="s">
        <v>38</v>
      </c>
      <c r="O4665" s="5" t="s">
        <v>39</v>
      </c>
      <c r="P4665" s="5" t="s">
        <v>40</v>
      </c>
      <c r="Q4665" s="5" t="s">
        <v>1522</v>
      </c>
      <c r="R4665" s="5" t="s">
        <v>1523</v>
      </c>
      <c r="S4665" s="5" t="s">
        <v>42</v>
      </c>
      <c r="T4665" s="2">
        <v>3.827</v>
      </c>
      <c r="U4665" s="2">
        <v>3.1680000000000001</v>
      </c>
      <c r="V4665" s="2">
        <v>0.02</v>
      </c>
      <c r="W4665" s="2">
        <v>159.1</v>
      </c>
      <c r="X4665" s="2">
        <v>7.6</v>
      </c>
      <c r="Y4665" s="2">
        <v>16.7</v>
      </c>
      <c r="Z4665" s="5"/>
      <c r="AA4665" s="5" t="s">
        <v>43</v>
      </c>
      <c r="AB4665" s="5" t="s">
        <v>44</v>
      </c>
      <c r="AC4665" s="2"/>
      <c r="AD4665" s="1"/>
    </row>
    <row r="4666" spans="1:30">
      <c r="A4666" s="5" t="s">
        <v>83578</v>
      </c>
      <c r="B4666" s="2" t="s">
        <v>97600</v>
      </c>
      <c r="C4666" s="14" t="s">
        <v>97601</v>
      </c>
      <c r="D4666" s="2" t="s">
        <v>97602</v>
      </c>
      <c r="E4666" s="2" t="s">
        <v>36337</v>
      </c>
      <c r="F4666" s="8">
        <v>377</v>
      </c>
      <c r="G4666" s="5">
        <v>6</v>
      </c>
      <c r="H4666" s="5" t="s">
        <v>1518</v>
      </c>
      <c r="I4666" s="5" t="s">
        <v>36264</v>
      </c>
      <c r="J4666" s="2" t="s">
        <v>36265</v>
      </c>
      <c r="K4666" s="5" t="s">
        <v>36264</v>
      </c>
      <c r="L4666" s="2" t="s">
        <v>36265</v>
      </c>
      <c r="M4666" s="5" t="s">
        <v>36266</v>
      </c>
      <c r="N4666" s="5" t="s">
        <v>38</v>
      </c>
      <c r="O4666" s="5" t="s">
        <v>39</v>
      </c>
      <c r="P4666" s="5" t="s">
        <v>40</v>
      </c>
      <c r="Q4666" s="5" t="s">
        <v>1522</v>
      </c>
      <c r="R4666" s="5" t="s">
        <v>1523</v>
      </c>
      <c r="S4666" s="5" t="s">
        <v>42</v>
      </c>
      <c r="T4666" s="2">
        <v>3.827</v>
      </c>
      <c r="U4666" s="2">
        <v>3.1680000000000001</v>
      </c>
      <c r="V4666" s="2">
        <v>0.02</v>
      </c>
      <c r="W4666" s="2">
        <v>159.1</v>
      </c>
      <c r="X4666" s="2">
        <v>7.6</v>
      </c>
      <c r="Y4666" s="2">
        <v>16.7</v>
      </c>
      <c r="Z4666" s="5"/>
      <c r="AA4666" s="5" t="s">
        <v>43</v>
      </c>
      <c r="AB4666" s="5" t="s">
        <v>44</v>
      </c>
      <c r="AC4666" s="2"/>
      <c r="AD4666" s="1"/>
    </row>
    <row r="4667" spans="1:30">
      <c r="A4667" s="5" t="s">
        <v>83578</v>
      </c>
      <c r="B4667" s="2" t="s">
        <v>97603</v>
      </c>
      <c r="C4667" s="14" t="s">
        <v>97604</v>
      </c>
      <c r="D4667" s="2" t="s">
        <v>97605</v>
      </c>
      <c r="E4667" s="2" t="s">
        <v>36353</v>
      </c>
      <c r="F4667" s="8">
        <v>377</v>
      </c>
      <c r="G4667" s="5">
        <v>6</v>
      </c>
      <c r="H4667" s="5" t="s">
        <v>1518</v>
      </c>
      <c r="I4667" s="5" t="s">
        <v>36264</v>
      </c>
      <c r="J4667" s="2" t="s">
        <v>36265</v>
      </c>
      <c r="K4667" s="5" t="s">
        <v>36264</v>
      </c>
      <c r="L4667" s="2" t="s">
        <v>36265</v>
      </c>
      <c r="M4667" s="5" t="s">
        <v>36266</v>
      </c>
      <c r="N4667" s="5" t="s">
        <v>38</v>
      </c>
      <c r="O4667" s="5" t="s">
        <v>39</v>
      </c>
      <c r="P4667" s="5" t="s">
        <v>40</v>
      </c>
      <c r="Q4667" s="5" t="s">
        <v>1522</v>
      </c>
      <c r="R4667" s="5" t="s">
        <v>1523</v>
      </c>
      <c r="S4667" s="5" t="s">
        <v>42</v>
      </c>
      <c r="T4667" s="2">
        <v>3.827</v>
      </c>
      <c r="U4667" s="2">
        <v>3.1680000000000001</v>
      </c>
      <c r="V4667" s="2">
        <v>0.02</v>
      </c>
      <c r="W4667" s="2">
        <v>159.1</v>
      </c>
      <c r="X4667" s="2">
        <v>7.6</v>
      </c>
      <c r="Y4667" s="2">
        <v>16.7</v>
      </c>
      <c r="Z4667" s="5"/>
      <c r="AA4667" s="5" t="s">
        <v>43</v>
      </c>
      <c r="AB4667" s="5" t="s">
        <v>44</v>
      </c>
      <c r="AC4667" s="2"/>
      <c r="AD4667" s="1"/>
    </row>
    <row r="4668" spans="1:30">
      <c r="A4668" s="5" t="s">
        <v>83578</v>
      </c>
      <c r="B4668" s="2" t="s">
        <v>97606</v>
      </c>
      <c r="C4668" s="14" t="s">
        <v>97607</v>
      </c>
      <c r="D4668" s="2" t="s">
        <v>97608</v>
      </c>
      <c r="E4668" s="2" t="s">
        <v>36281</v>
      </c>
      <c r="F4668" s="8">
        <v>350</v>
      </c>
      <c r="G4668" s="5">
        <v>6</v>
      </c>
      <c r="H4668" s="5" t="s">
        <v>1518</v>
      </c>
      <c r="I4668" s="5" t="s">
        <v>36264</v>
      </c>
      <c r="J4668" s="2" t="s">
        <v>36265</v>
      </c>
      <c r="K4668" s="5" t="s">
        <v>36264</v>
      </c>
      <c r="L4668" s="2" t="s">
        <v>36265</v>
      </c>
      <c r="M4668" s="5" t="s">
        <v>36266</v>
      </c>
      <c r="N4668" s="5" t="s">
        <v>38</v>
      </c>
      <c r="O4668" s="5" t="s">
        <v>39</v>
      </c>
      <c r="P4668" s="5" t="s">
        <v>40</v>
      </c>
      <c r="Q4668" s="5" t="s">
        <v>1522</v>
      </c>
      <c r="R4668" s="5" t="s">
        <v>1523</v>
      </c>
      <c r="S4668" s="5" t="s">
        <v>42</v>
      </c>
      <c r="T4668" s="2">
        <v>3.5259999999999998</v>
      </c>
      <c r="U4668" s="2">
        <v>2.86</v>
      </c>
      <c r="V4668" s="2">
        <v>0.02</v>
      </c>
      <c r="W4668" s="2">
        <v>159.1</v>
      </c>
      <c r="X4668" s="2">
        <v>7.6</v>
      </c>
      <c r="Y4668" s="2">
        <v>16.7</v>
      </c>
      <c r="Z4668" s="5"/>
      <c r="AA4668" s="5" t="s">
        <v>43</v>
      </c>
      <c r="AB4668" s="5" t="s">
        <v>44</v>
      </c>
      <c r="AC4668" s="2"/>
      <c r="AD4668" s="1"/>
    </row>
    <row r="4669" spans="1:30">
      <c r="A4669" s="5" t="s">
        <v>83578</v>
      </c>
      <c r="B4669" s="2" t="s">
        <v>97609</v>
      </c>
      <c r="C4669" s="14" t="s">
        <v>97610</v>
      </c>
      <c r="D4669" s="2" t="s">
        <v>97611</v>
      </c>
      <c r="E4669" s="2" t="s">
        <v>36337</v>
      </c>
      <c r="F4669" s="8">
        <v>350</v>
      </c>
      <c r="G4669" s="5">
        <v>6</v>
      </c>
      <c r="H4669" s="5" t="s">
        <v>1518</v>
      </c>
      <c r="I4669" s="5" t="s">
        <v>36264</v>
      </c>
      <c r="J4669" s="2" t="s">
        <v>36265</v>
      </c>
      <c r="K4669" s="5" t="s">
        <v>36264</v>
      </c>
      <c r="L4669" s="2" t="s">
        <v>36265</v>
      </c>
      <c r="M4669" s="5" t="s">
        <v>36266</v>
      </c>
      <c r="N4669" s="5" t="s">
        <v>38</v>
      </c>
      <c r="O4669" s="5" t="s">
        <v>39</v>
      </c>
      <c r="P4669" s="5" t="s">
        <v>40</v>
      </c>
      <c r="Q4669" s="5" t="s">
        <v>1522</v>
      </c>
      <c r="R4669" s="5" t="s">
        <v>1523</v>
      </c>
      <c r="S4669" s="5" t="s">
        <v>42</v>
      </c>
      <c r="T4669" s="2">
        <v>3.5259999999999998</v>
      </c>
      <c r="U4669" s="2">
        <v>2.86</v>
      </c>
      <c r="V4669" s="2">
        <v>0.02</v>
      </c>
      <c r="W4669" s="2">
        <v>159.1</v>
      </c>
      <c r="X4669" s="2">
        <v>7.6</v>
      </c>
      <c r="Y4669" s="2">
        <v>16.7</v>
      </c>
      <c r="Z4669" s="5"/>
      <c r="AA4669" s="5" t="s">
        <v>43</v>
      </c>
      <c r="AB4669" s="5" t="s">
        <v>44</v>
      </c>
      <c r="AC4669" s="2"/>
      <c r="AD4669" s="1"/>
    </row>
    <row r="4670" spans="1:30">
      <c r="A4670" s="5" t="s">
        <v>83578</v>
      </c>
      <c r="B4670" s="2" t="s">
        <v>97612</v>
      </c>
      <c r="C4670" s="14" t="s">
        <v>97613</v>
      </c>
      <c r="D4670" s="2" t="s">
        <v>97614</v>
      </c>
      <c r="E4670" s="2" t="s">
        <v>36389</v>
      </c>
      <c r="F4670" s="8">
        <v>350</v>
      </c>
      <c r="G4670" s="5">
        <v>6</v>
      </c>
      <c r="H4670" s="5" t="s">
        <v>1518</v>
      </c>
      <c r="I4670" s="5" t="s">
        <v>36264</v>
      </c>
      <c r="J4670" s="2" t="s">
        <v>36265</v>
      </c>
      <c r="K4670" s="5" t="s">
        <v>36264</v>
      </c>
      <c r="L4670" s="2" t="s">
        <v>36265</v>
      </c>
      <c r="M4670" s="5" t="s">
        <v>36266</v>
      </c>
      <c r="N4670" s="5" t="s">
        <v>38</v>
      </c>
      <c r="O4670" s="5" t="s">
        <v>39</v>
      </c>
      <c r="P4670" s="5" t="s">
        <v>40</v>
      </c>
      <c r="Q4670" s="5" t="s">
        <v>1522</v>
      </c>
      <c r="R4670" s="5" t="s">
        <v>1523</v>
      </c>
      <c r="S4670" s="5" t="s">
        <v>42</v>
      </c>
      <c r="T4670" s="2">
        <v>3.621</v>
      </c>
      <c r="U4670" s="2">
        <v>2.9550000000000001</v>
      </c>
      <c r="V4670" s="2">
        <v>0.02</v>
      </c>
      <c r="W4670" s="2">
        <v>159.1</v>
      </c>
      <c r="X4670" s="2">
        <v>7.6</v>
      </c>
      <c r="Y4670" s="2">
        <v>16.7</v>
      </c>
      <c r="Z4670" s="5"/>
      <c r="AA4670" s="5" t="s">
        <v>43</v>
      </c>
      <c r="AB4670" s="5" t="s">
        <v>44</v>
      </c>
      <c r="AC4670" s="2"/>
      <c r="AD4670" s="1"/>
    </row>
    <row r="4671" spans="1:30">
      <c r="A4671" s="5" t="s">
        <v>83578</v>
      </c>
      <c r="B4671" s="2" t="s">
        <v>97615</v>
      </c>
      <c r="C4671" s="14" t="s">
        <v>97616</v>
      </c>
      <c r="D4671" s="2" t="s">
        <v>97617</v>
      </c>
      <c r="E4671" s="2" t="s">
        <v>36301</v>
      </c>
      <c r="F4671" s="8">
        <v>338</v>
      </c>
      <c r="G4671" s="5">
        <v>6</v>
      </c>
      <c r="H4671" s="5" t="s">
        <v>1518</v>
      </c>
      <c r="I4671" s="5" t="s">
        <v>36264</v>
      </c>
      <c r="J4671" s="2" t="s">
        <v>36265</v>
      </c>
      <c r="K4671" s="5" t="s">
        <v>36264</v>
      </c>
      <c r="L4671" s="2" t="s">
        <v>36265</v>
      </c>
      <c r="M4671" s="5" t="s">
        <v>36266</v>
      </c>
      <c r="N4671" s="5" t="s">
        <v>38</v>
      </c>
      <c r="O4671" s="5" t="s">
        <v>39</v>
      </c>
      <c r="P4671" s="5" t="s">
        <v>40</v>
      </c>
      <c r="Q4671" s="5" t="s">
        <v>1522</v>
      </c>
      <c r="R4671" s="5" t="s">
        <v>1523</v>
      </c>
      <c r="S4671" s="5" t="s">
        <v>42</v>
      </c>
      <c r="T4671" s="2">
        <v>4.0179999999999998</v>
      </c>
      <c r="U4671" s="2">
        <v>3.371</v>
      </c>
      <c r="V4671" s="2">
        <v>0.02</v>
      </c>
      <c r="W4671" s="2">
        <v>159.1</v>
      </c>
      <c r="X4671" s="2">
        <v>7.6</v>
      </c>
      <c r="Y4671" s="2">
        <v>16.7</v>
      </c>
      <c r="Z4671" s="5"/>
      <c r="AA4671" s="5" t="s">
        <v>43</v>
      </c>
      <c r="AB4671" s="5" t="s">
        <v>44</v>
      </c>
      <c r="AC4671" s="2"/>
      <c r="AD4671" s="1"/>
    </row>
    <row r="4672" spans="1:30">
      <c r="A4672" s="5" t="s">
        <v>83578</v>
      </c>
      <c r="B4672" s="2" t="s">
        <v>97618</v>
      </c>
      <c r="C4672" s="14" t="s">
        <v>97619</v>
      </c>
      <c r="D4672" s="2" t="s">
        <v>97620</v>
      </c>
      <c r="E4672" s="2" t="s">
        <v>36337</v>
      </c>
      <c r="F4672" s="8">
        <v>369</v>
      </c>
      <c r="G4672" s="5">
        <v>6</v>
      </c>
      <c r="H4672" s="5" t="s">
        <v>1518</v>
      </c>
      <c r="I4672" s="5" t="s">
        <v>36264</v>
      </c>
      <c r="J4672" s="2" t="s">
        <v>36265</v>
      </c>
      <c r="K4672" s="5" t="s">
        <v>36264</v>
      </c>
      <c r="L4672" s="2" t="s">
        <v>36265</v>
      </c>
      <c r="M4672" s="5" t="s">
        <v>36266</v>
      </c>
      <c r="N4672" s="5" t="s">
        <v>38</v>
      </c>
      <c r="O4672" s="5" t="s">
        <v>39</v>
      </c>
      <c r="P4672" s="5" t="s">
        <v>40</v>
      </c>
      <c r="Q4672" s="5" t="s">
        <v>1522</v>
      </c>
      <c r="R4672" s="5" t="s">
        <v>1523</v>
      </c>
      <c r="S4672" s="5" t="s">
        <v>42</v>
      </c>
      <c r="T4672" s="2">
        <v>3.8980000000000001</v>
      </c>
      <c r="U4672" s="2">
        <v>3.2509999999999999</v>
      </c>
      <c r="V4672" s="2">
        <v>0.02</v>
      </c>
      <c r="W4672" s="2">
        <v>159.1</v>
      </c>
      <c r="X4672" s="2">
        <v>7.6</v>
      </c>
      <c r="Y4672" s="2">
        <v>16.7</v>
      </c>
      <c r="Z4672" s="5"/>
      <c r="AA4672" s="5" t="s">
        <v>43</v>
      </c>
      <c r="AB4672" s="5" t="s">
        <v>44</v>
      </c>
      <c r="AC4672" s="2"/>
      <c r="AD4672" s="1"/>
    </row>
    <row r="4673" spans="1:30">
      <c r="A4673" s="5" t="s">
        <v>83578</v>
      </c>
      <c r="B4673" s="2" t="s">
        <v>97621</v>
      </c>
      <c r="C4673" s="14" t="s">
        <v>97622</v>
      </c>
      <c r="D4673" s="2" t="s">
        <v>97623</v>
      </c>
      <c r="E4673" s="2" t="s">
        <v>36341</v>
      </c>
      <c r="F4673" s="8">
        <v>369</v>
      </c>
      <c r="G4673" s="5">
        <v>6</v>
      </c>
      <c r="H4673" s="5" t="s">
        <v>1518</v>
      </c>
      <c r="I4673" s="5" t="s">
        <v>36264</v>
      </c>
      <c r="J4673" s="2" t="s">
        <v>36265</v>
      </c>
      <c r="K4673" s="5" t="s">
        <v>36264</v>
      </c>
      <c r="L4673" s="2" t="s">
        <v>36265</v>
      </c>
      <c r="M4673" s="5" t="s">
        <v>36266</v>
      </c>
      <c r="N4673" s="5" t="s">
        <v>38</v>
      </c>
      <c r="O4673" s="5" t="s">
        <v>39</v>
      </c>
      <c r="P4673" s="5" t="s">
        <v>40</v>
      </c>
      <c r="Q4673" s="5" t="s">
        <v>1522</v>
      </c>
      <c r="R4673" s="5" t="s">
        <v>1523</v>
      </c>
      <c r="S4673" s="5" t="s">
        <v>42</v>
      </c>
      <c r="T4673" s="2">
        <v>4.0179999999999998</v>
      </c>
      <c r="U4673" s="2">
        <v>3.371</v>
      </c>
      <c r="V4673" s="2">
        <v>0.02</v>
      </c>
      <c r="W4673" s="2">
        <v>159.1</v>
      </c>
      <c r="X4673" s="2">
        <v>7.6</v>
      </c>
      <c r="Y4673" s="2">
        <v>16.7</v>
      </c>
      <c r="Z4673" s="5"/>
      <c r="AA4673" s="5" t="s">
        <v>43</v>
      </c>
      <c r="AB4673" s="5" t="s">
        <v>44</v>
      </c>
      <c r="AC4673" s="2"/>
      <c r="AD4673" s="1"/>
    </row>
    <row r="4674" spans="1:30">
      <c r="A4674" s="5" t="s">
        <v>83578</v>
      </c>
      <c r="B4674" s="2" t="s">
        <v>97624</v>
      </c>
      <c r="C4674" s="14" t="s">
        <v>97625</v>
      </c>
      <c r="D4674" s="2" t="s">
        <v>97626</v>
      </c>
      <c r="E4674" s="2" t="s">
        <v>36357</v>
      </c>
      <c r="F4674" s="8">
        <v>369</v>
      </c>
      <c r="G4674" s="5">
        <v>6</v>
      </c>
      <c r="H4674" s="5" t="s">
        <v>1518</v>
      </c>
      <c r="I4674" s="5" t="s">
        <v>36264</v>
      </c>
      <c r="J4674" s="2" t="s">
        <v>36265</v>
      </c>
      <c r="K4674" s="5" t="s">
        <v>36264</v>
      </c>
      <c r="L4674" s="2" t="s">
        <v>36265</v>
      </c>
      <c r="M4674" s="5" t="s">
        <v>36266</v>
      </c>
      <c r="N4674" s="5" t="s">
        <v>38</v>
      </c>
      <c r="O4674" s="5" t="s">
        <v>39</v>
      </c>
      <c r="P4674" s="5" t="s">
        <v>40</v>
      </c>
      <c r="Q4674" s="5" t="s">
        <v>1522</v>
      </c>
      <c r="R4674" s="5" t="s">
        <v>1523</v>
      </c>
      <c r="S4674" s="5" t="s">
        <v>42</v>
      </c>
      <c r="T4674" s="2">
        <v>4.0179999999999998</v>
      </c>
      <c r="U4674" s="2">
        <v>3.371</v>
      </c>
      <c r="V4674" s="2">
        <v>0.02</v>
      </c>
      <c r="W4674" s="2">
        <v>159.1</v>
      </c>
      <c r="X4674" s="2">
        <v>7.6</v>
      </c>
      <c r="Y4674" s="2">
        <v>16.7</v>
      </c>
      <c r="Z4674" s="5"/>
      <c r="AA4674" s="5" t="s">
        <v>43</v>
      </c>
      <c r="AB4674" s="5" t="s">
        <v>44</v>
      </c>
      <c r="AC4674" s="2"/>
      <c r="AD4674" s="1"/>
    </row>
    <row r="4675" spans="1:30">
      <c r="A4675" s="5" t="s">
        <v>83578</v>
      </c>
      <c r="B4675" s="2" t="s">
        <v>97627</v>
      </c>
      <c r="C4675" s="14" t="s">
        <v>97628</v>
      </c>
      <c r="D4675" s="2" t="s">
        <v>97629</v>
      </c>
      <c r="E4675" s="2" t="s">
        <v>36369</v>
      </c>
      <c r="F4675" s="8">
        <v>369</v>
      </c>
      <c r="G4675" s="5">
        <v>6</v>
      </c>
      <c r="H4675" s="5" t="s">
        <v>1518</v>
      </c>
      <c r="I4675" s="5" t="s">
        <v>36264</v>
      </c>
      <c r="J4675" s="2" t="s">
        <v>36265</v>
      </c>
      <c r="K4675" s="5" t="s">
        <v>36264</v>
      </c>
      <c r="L4675" s="2" t="s">
        <v>36265</v>
      </c>
      <c r="M4675" s="5" t="s">
        <v>36266</v>
      </c>
      <c r="N4675" s="5" t="s">
        <v>38</v>
      </c>
      <c r="O4675" s="5" t="s">
        <v>39</v>
      </c>
      <c r="P4675" s="5" t="s">
        <v>40</v>
      </c>
      <c r="Q4675" s="5" t="s">
        <v>1522</v>
      </c>
      <c r="R4675" s="5" t="s">
        <v>1523</v>
      </c>
      <c r="S4675" s="5" t="s">
        <v>42</v>
      </c>
      <c r="T4675" s="2">
        <v>3.8980000000000001</v>
      </c>
      <c r="U4675" s="2">
        <v>3.2509999999999999</v>
      </c>
      <c r="V4675" s="2">
        <v>0.02</v>
      </c>
      <c r="W4675" s="2">
        <v>159.1</v>
      </c>
      <c r="X4675" s="2">
        <v>7.6</v>
      </c>
      <c r="Y4675" s="2">
        <v>16.7</v>
      </c>
      <c r="Z4675" s="5"/>
      <c r="AA4675" s="5" t="s">
        <v>43</v>
      </c>
      <c r="AB4675" s="5" t="s">
        <v>44</v>
      </c>
      <c r="AC4675" s="2"/>
      <c r="AD4675" s="1"/>
    </row>
    <row r="4676" spans="1:30">
      <c r="A4676" s="5" t="s">
        <v>83578</v>
      </c>
      <c r="B4676" s="2" t="s">
        <v>97630</v>
      </c>
      <c r="C4676" s="14" t="s">
        <v>97631</v>
      </c>
      <c r="D4676" s="2" t="s">
        <v>97632</v>
      </c>
      <c r="E4676" s="2" t="s">
        <v>36389</v>
      </c>
      <c r="F4676" s="8">
        <v>369</v>
      </c>
      <c r="G4676" s="5">
        <v>6</v>
      </c>
      <c r="H4676" s="5" t="s">
        <v>1518</v>
      </c>
      <c r="I4676" s="5" t="s">
        <v>36264</v>
      </c>
      <c r="J4676" s="2" t="s">
        <v>36265</v>
      </c>
      <c r="K4676" s="5" t="s">
        <v>36264</v>
      </c>
      <c r="L4676" s="2" t="s">
        <v>36265</v>
      </c>
      <c r="M4676" s="5" t="s">
        <v>36266</v>
      </c>
      <c r="N4676" s="5" t="s">
        <v>38</v>
      </c>
      <c r="O4676" s="5" t="s">
        <v>39</v>
      </c>
      <c r="P4676" s="5" t="s">
        <v>40</v>
      </c>
      <c r="Q4676" s="5" t="s">
        <v>1522</v>
      </c>
      <c r="R4676" s="5" t="s">
        <v>1523</v>
      </c>
      <c r="S4676" s="5" t="s">
        <v>42</v>
      </c>
      <c r="T4676" s="2">
        <v>4.0179999999999998</v>
      </c>
      <c r="U4676" s="2">
        <v>3.371</v>
      </c>
      <c r="V4676" s="2">
        <v>0.02</v>
      </c>
      <c r="W4676" s="2">
        <v>159.1</v>
      </c>
      <c r="X4676" s="2">
        <v>7.6</v>
      </c>
      <c r="Y4676" s="2">
        <v>16.7</v>
      </c>
      <c r="Z4676" s="5"/>
      <c r="AA4676" s="5" t="s">
        <v>43</v>
      </c>
      <c r="AB4676" s="5" t="s">
        <v>44</v>
      </c>
      <c r="AC4676" s="2"/>
      <c r="AD4676" s="1"/>
    </row>
    <row r="4677" spans="1:30">
      <c r="A4677" s="5" t="s">
        <v>83578</v>
      </c>
      <c r="B4677" s="2" t="s">
        <v>97633</v>
      </c>
      <c r="C4677" s="14" t="s">
        <v>97634</v>
      </c>
      <c r="D4677" s="2" t="s">
        <v>97635</v>
      </c>
      <c r="E4677" s="2" t="s">
        <v>7514</v>
      </c>
      <c r="F4677" s="8">
        <v>360</v>
      </c>
      <c r="G4677" s="5">
        <v>6</v>
      </c>
      <c r="H4677" s="5" t="s">
        <v>1518</v>
      </c>
      <c r="I4677" s="5" t="s">
        <v>36264</v>
      </c>
      <c r="J4677" s="2" t="s">
        <v>36265</v>
      </c>
      <c r="K4677" s="5" t="s">
        <v>36264</v>
      </c>
      <c r="L4677" s="2" t="s">
        <v>36265</v>
      </c>
      <c r="M4677" s="5" t="s">
        <v>36266</v>
      </c>
      <c r="N4677" s="5" t="s">
        <v>38</v>
      </c>
      <c r="O4677" s="5" t="s">
        <v>39</v>
      </c>
      <c r="P4677" s="5" t="s">
        <v>40</v>
      </c>
      <c r="Q4677" s="5" t="s">
        <v>1522</v>
      </c>
      <c r="R4677" s="5" t="s">
        <v>1523</v>
      </c>
      <c r="S4677" s="5" t="s">
        <v>42</v>
      </c>
      <c r="T4677" s="2">
        <v>4.2140000000000004</v>
      </c>
      <c r="U4677" s="2">
        <v>3.5760000000000001</v>
      </c>
      <c r="V4677" s="2">
        <v>0.02</v>
      </c>
      <c r="W4677" s="2">
        <v>159.1</v>
      </c>
      <c r="X4677" s="2">
        <v>7.6</v>
      </c>
      <c r="Y4677" s="2">
        <v>16.7</v>
      </c>
      <c r="Z4677" s="5"/>
      <c r="AA4677" s="5" t="s">
        <v>43</v>
      </c>
      <c r="AB4677" s="5" t="s">
        <v>44</v>
      </c>
      <c r="AC4677" s="2"/>
      <c r="AD4677" s="1"/>
    </row>
    <row r="4678" spans="1:30">
      <c r="A4678" s="5" t="s">
        <v>83578</v>
      </c>
      <c r="B4678" s="2" t="s">
        <v>97636</v>
      </c>
      <c r="C4678" s="14" t="s">
        <v>97637</v>
      </c>
      <c r="D4678" s="2" t="s">
        <v>97638</v>
      </c>
      <c r="E4678" s="2" t="s">
        <v>36277</v>
      </c>
      <c r="F4678" s="8">
        <v>360</v>
      </c>
      <c r="G4678" s="5">
        <v>6</v>
      </c>
      <c r="H4678" s="5" t="s">
        <v>1518</v>
      </c>
      <c r="I4678" s="5" t="s">
        <v>36264</v>
      </c>
      <c r="J4678" s="2" t="s">
        <v>36265</v>
      </c>
      <c r="K4678" s="5" t="s">
        <v>36264</v>
      </c>
      <c r="L4678" s="2" t="s">
        <v>36265</v>
      </c>
      <c r="M4678" s="5" t="s">
        <v>36266</v>
      </c>
      <c r="N4678" s="5" t="s">
        <v>38</v>
      </c>
      <c r="O4678" s="5" t="s">
        <v>39</v>
      </c>
      <c r="P4678" s="5" t="s">
        <v>40</v>
      </c>
      <c r="Q4678" s="5" t="s">
        <v>1522</v>
      </c>
      <c r="R4678" s="5" t="s">
        <v>1523</v>
      </c>
      <c r="S4678" s="5" t="s">
        <v>42</v>
      </c>
      <c r="T4678" s="2">
        <v>4.2140000000000004</v>
      </c>
      <c r="U4678" s="2">
        <v>3.5760000000000001</v>
      </c>
      <c r="V4678" s="2">
        <v>0.02</v>
      </c>
      <c r="W4678" s="2">
        <v>159.1</v>
      </c>
      <c r="X4678" s="2">
        <v>7.6</v>
      </c>
      <c r="Y4678" s="2">
        <v>16.7</v>
      </c>
      <c r="Z4678" s="5"/>
      <c r="AA4678" s="5" t="s">
        <v>43</v>
      </c>
      <c r="AB4678" s="5" t="s">
        <v>44</v>
      </c>
      <c r="AC4678" s="2"/>
      <c r="AD4678" s="1"/>
    </row>
    <row r="4679" spans="1:30">
      <c r="A4679" s="5" t="s">
        <v>83578</v>
      </c>
      <c r="B4679" s="2" t="s">
        <v>97639</v>
      </c>
      <c r="C4679" s="14" t="s">
        <v>97640</v>
      </c>
      <c r="D4679" s="2" t="s">
        <v>97641</v>
      </c>
      <c r="E4679" s="2" t="s">
        <v>36281</v>
      </c>
      <c r="F4679" s="8">
        <v>394</v>
      </c>
      <c r="G4679" s="5">
        <v>6</v>
      </c>
      <c r="H4679" s="5" t="s">
        <v>1518</v>
      </c>
      <c r="I4679" s="5" t="s">
        <v>36264</v>
      </c>
      <c r="J4679" s="2" t="s">
        <v>36265</v>
      </c>
      <c r="K4679" s="5" t="s">
        <v>36264</v>
      </c>
      <c r="L4679" s="2" t="s">
        <v>36265</v>
      </c>
      <c r="M4679" s="5" t="s">
        <v>36266</v>
      </c>
      <c r="N4679" s="5" t="s">
        <v>38</v>
      </c>
      <c r="O4679" s="5" t="s">
        <v>39</v>
      </c>
      <c r="P4679" s="5" t="s">
        <v>40</v>
      </c>
      <c r="Q4679" s="5" t="s">
        <v>1522</v>
      </c>
      <c r="R4679" s="5" t="s">
        <v>1523</v>
      </c>
      <c r="S4679" s="5" t="s">
        <v>42</v>
      </c>
      <c r="T4679" s="2">
        <v>4.0839999999999996</v>
      </c>
      <c r="U4679" s="2">
        <v>3.4460000000000002</v>
      </c>
      <c r="V4679" s="2">
        <v>0.02</v>
      </c>
      <c r="W4679" s="2">
        <v>159.1</v>
      </c>
      <c r="X4679" s="2">
        <v>7.6</v>
      </c>
      <c r="Y4679" s="2">
        <v>16.7</v>
      </c>
      <c r="Z4679" s="5"/>
      <c r="AA4679" s="5" t="s">
        <v>43</v>
      </c>
      <c r="AB4679" s="5" t="s">
        <v>44</v>
      </c>
      <c r="AC4679" s="2"/>
      <c r="AD4679" s="1"/>
    </row>
    <row r="4680" spans="1:30">
      <c r="A4680" s="5" t="s">
        <v>83578</v>
      </c>
      <c r="B4680" s="2" t="s">
        <v>97642</v>
      </c>
      <c r="C4680" s="14" t="s">
        <v>97643</v>
      </c>
      <c r="D4680" s="2" t="s">
        <v>97644</v>
      </c>
      <c r="E4680" s="2" t="s">
        <v>36285</v>
      </c>
      <c r="F4680" s="8">
        <v>394</v>
      </c>
      <c r="G4680" s="5">
        <v>6</v>
      </c>
      <c r="H4680" s="5" t="s">
        <v>1518</v>
      </c>
      <c r="I4680" s="5" t="s">
        <v>36264</v>
      </c>
      <c r="J4680" s="2" t="s">
        <v>36265</v>
      </c>
      <c r="K4680" s="5" t="s">
        <v>36264</v>
      </c>
      <c r="L4680" s="2" t="s">
        <v>36265</v>
      </c>
      <c r="M4680" s="5" t="s">
        <v>36266</v>
      </c>
      <c r="N4680" s="5" t="s">
        <v>38</v>
      </c>
      <c r="O4680" s="5" t="s">
        <v>39</v>
      </c>
      <c r="P4680" s="5" t="s">
        <v>40</v>
      </c>
      <c r="Q4680" s="5" t="s">
        <v>1522</v>
      </c>
      <c r="R4680" s="5" t="s">
        <v>1523</v>
      </c>
      <c r="S4680" s="5" t="s">
        <v>42</v>
      </c>
      <c r="T4680" s="2">
        <v>4.2140000000000004</v>
      </c>
      <c r="U4680" s="2">
        <v>3.5760000000000001</v>
      </c>
      <c r="V4680" s="2">
        <v>0.02</v>
      </c>
      <c r="W4680" s="2">
        <v>159.1</v>
      </c>
      <c r="X4680" s="2">
        <v>7.6</v>
      </c>
      <c r="Y4680" s="2">
        <v>16.7</v>
      </c>
      <c r="Z4680" s="5"/>
      <c r="AA4680" s="5" t="s">
        <v>43</v>
      </c>
      <c r="AB4680" s="5" t="s">
        <v>44</v>
      </c>
      <c r="AC4680" s="2"/>
      <c r="AD4680" s="1"/>
    </row>
    <row r="4681" spans="1:30">
      <c r="A4681" s="5" t="s">
        <v>83578</v>
      </c>
      <c r="B4681" s="2" t="s">
        <v>97645</v>
      </c>
      <c r="C4681" s="14" t="s">
        <v>97646</v>
      </c>
      <c r="D4681" s="2" t="s">
        <v>97647</v>
      </c>
      <c r="E4681" s="2" t="s">
        <v>36293</v>
      </c>
      <c r="F4681" s="8">
        <v>394</v>
      </c>
      <c r="G4681" s="5">
        <v>6</v>
      </c>
      <c r="H4681" s="5" t="s">
        <v>1518</v>
      </c>
      <c r="I4681" s="5" t="s">
        <v>36264</v>
      </c>
      <c r="J4681" s="2" t="s">
        <v>36265</v>
      </c>
      <c r="K4681" s="5" t="s">
        <v>36264</v>
      </c>
      <c r="L4681" s="2" t="s">
        <v>36265</v>
      </c>
      <c r="M4681" s="5" t="s">
        <v>36266</v>
      </c>
      <c r="N4681" s="5" t="s">
        <v>38</v>
      </c>
      <c r="O4681" s="5" t="s">
        <v>39</v>
      </c>
      <c r="P4681" s="5" t="s">
        <v>40</v>
      </c>
      <c r="Q4681" s="5" t="s">
        <v>1522</v>
      </c>
      <c r="R4681" s="5" t="s">
        <v>1523</v>
      </c>
      <c r="S4681" s="5" t="s">
        <v>42</v>
      </c>
      <c r="T4681" s="2">
        <v>4.2140000000000004</v>
      </c>
      <c r="U4681" s="2">
        <v>3.5760000000000001</v>
      </c>
      <c r="V4681" s="2">
        <v>0.02</v>
      </c>
      <c r="W4681" s="2">
        <v>159.1</v>
      </c>
      <c r="X4681" s="2">
        <v>7.6</v>
      </c>
      <c r="Y4681" s="2">
        <v>16.7</v>
      </c>
      <c r="Z4681" s="5"/>
      <c r="AA4681" s="5" t="s">
        <v>43</v>
      </c>
      <c r="AB4681" s="5" t="s">
        <v>44</v>
      </c>
      <c r="AC4681" s="2"/>
      <c r="AD4681" s="1"/>
    </row>
    <row r="4682" spans="1:30">
      <c r="A4682" s="5" t="s">
        <v>83578</v>
      </c>
      <c r="B4682" s="2" t="s">
        <v>97648</v>
      </c>
      <c r="C4682" s="14" t="s">
        <v>97649</v>
      </c>
      <c r="D4682" s="2" t="s">
        <v>97650</v>
      </c>
      <c r="E4682" s="2" t="s">
        <v>36297</v>
      </c>
      <c r="F4682" s="8">
        <v>360</v>
      </c>
      <c r="G4682" s="5">
        <v>6</v>
      </c>
      <c r="H4682" s="5" t="s">
        <v>1518</v>
      </c>
      <c r="I4682" s="5" t="s">
        <v>36264</v>
      </c>
      <c r="J4682" s="2" t="s">
        <v>36265</v>
      </c>
      <c r="K4682" s="5" t="s">
        <v>36264</v>
      </c>
      <c r="L4682" s="2" t="s">
        <v>36265</v>
      </c>
      <c r="M4682" s="5" t="s">
        <v>36266</v>
      </c>
      <c r="N4682" s="5" t="s">
        <v>38</v>
      </c>
      <c r="O4682" s="5" t="s">
        <v>39</v>
      </c>
      <c r="P4682" s="5" t="s">
        <v>40</v>
      </c>
      <c r="Q4682" s="5" t="s">
        <v>1522</v>
      </c>
      <c r="R4682" s="5" t="s">
        <v>1523</v>
      </c>
      <c r="S4682" s="5" t="s">
        <v>42</v>
      </c>
      <c r="T4682" s="2">
        <v>4.0839999999999996</v>
      </c>
      <c r="U4682" s="2">
        <v>3.4460000000000002</v>
      </c>
      <c r="V4682" s="2">
        <v>0.02</v>
      </c>
      <c r="W4682" s="2">
        <v>159.1</v>
      </c>
      <c r="X4682" s="2">
        <v>7.6</v>
      </c>
      <c r="Y4682" s="2">
        <v>16.7</v>
      </c>
      <c r="Z4682" s="5"/>
      <c r="AA4682" s="5" t="s">
        <v>43</v>
      </c>
      <c r="AB4682" s="5" t="s">
        <v>44</v>
      </c>
      <c r="AC4682" s="2"/>
      <c r="AD4682" s="1"/>
    </row>
    <row r="4683" spans="1:30">
      <c r="A4683" s="5" t="s">
        <v>83578</v>
      </c>
      <c r="B4683" s="2" t="s">
        <v>97651</v>
      </c>
      <c r="C4683" s="14" t="s">
        <v>97652</v>
      </c>
      <c r="D4683" s="2" t="s">
        <v>97653</v>
      </c>
      <c r="E4683" s="2" t="s">
        <v>36301</v>
      </c>
      <c r="F4683" s="8">
        <v>360</v>
      </c>
      <c r="G4683" s="5">
        <v>6</v>
      </c>
      <c r="H4683" s="5" t="s">
        <v>1518</v>
      </c>
      <c r="I4683" s="5" t="s">
        <v>36264</v>
      </c>
      <c r="J4683" s="2" t="s">
        <v>36265</v>
      </c>
      <c r="K4683" s="5" t="s">
        <v>36264</v>
      </c>
      <c r="L4683" s="2" t="s">
        <v>36265</v>
      </c>
      <c r="M4683" s="5" t="s">
        <v>36266</v>
      </c>
      <c r="N4683" s="5" t="s">
        <v>38</v>
      </c>
      <c r="O4683" s="5" t="s">
        <v>39</v>
      </c>
      <c r="P4683" s="5" t="s">
        <v>40</v>
      </c>
      <c r="Q4683" s="5" t="s">
        <v>1522</v>
      </c>
      <c r="R4683" s="5" t="s">
        <v>1523</v>
      </c>
      <c r="S4683" s="5" t="s">
        <v>42</v>
      </c>
      <c r="T4683" s="2">
        <v>4.2140000000000004</v>
      </c>
      <c r="U4683" s="2">
        <v>3.5760000000000001</v>
      </c>
      <c r="V4683" s="2">
        <v>0.02</v>
      </c>
      <c r="W4683" s="2">
        <v>159.1</v>
      </c>
      <c r="X4683" s="2">
        <v>7.6</v>
      </c>
      <c r="Y4683" s="2">
        <v>16.7</v>
      </c>
      <c r="Z4683" s="5"/>
      <c r="AA4683" s="5" t="s">
        <v>43</v>
      </c>
      <c r="AB4683" s="5" t="s">
        <v>44</v>
      </c>
      <c r="AC4683" s="2"/>
      <c r="AD4683" s="1"/>
    </row>
    <row r="4684" spans="1:30">
      <c r="A4684" s="5" t="s">
        <v>83578</v>
      </c>
      <c r="B4684" s="2" t="s">
        <v>97654</v>
      </c>
      <c r="C4684" s="14" t="s">
        <v>97655</v>
      </c>
      <c r="D4684" s="2" t="s">
        <v>97656</v>
      </c>
      <c r="E4684" s="2" t="s">
        <v>36313</v>
      </c>
      <c r="F4684" s="8">
        <v>394</v>
      </c>
      <c r="G4684" s="5">
        <v>6</v>
      </c>
      <c r="H4684" s="5" t="s">
        <v>1518</v>
      </c>
      <c r="I4684" s="5" t="s">
        <v>36264</v>
      </c>
      <c r="J4684" s="2" t="s">
        <v>36265</v>
      </c>
      <c r="K4684" s="5" t="s">
        <v>36264</v>
      </c>
      <c r="L4684" s="2" t="s">
        <v>36265</v>
      </c>
      <c r="M4684" s="5" t="s">
        <v>36266</v>
      </c>
      <c r="N4684" s="5" t="s">
        <v>38</v>
      </c>
      <c r="O4684" s="5" t="s">
        <v>39</v>
      </c>
      <c r="P4684" s="5" t="s">
        <v>40</v>
      </c>
      <c r="Q4684" s="5" t="s">
        <v>1522</v>
      </c>
      <c r="R4684" s="5" t="s">
        <v>1523</v>
      </c>
      <c r="S4684" s="5" t="s">
        <v>42</v>
      </c>
      <c r="T4684" s="2">
        <v>4.0839999999999996</v>
      </c>
      <c r="U4684" s="2">
        <v>3.4460000000000002</v>
      </c>
      <c r="V4684" s="2">
        <v>0.02</v>
      </c>
      <c r="W4684" s="2">
        <v>159.1</v>
      </c>
      <c r="X4684" s="2">
        <v>7.6</v>
      </c>
      <c r="Y4684" s="2">
        <v>16.7</v>
      </c>
      <c r="Z4684" s="5"/>
      <c r="AA4684" s="5" t="s">
        <v>43</v>
      </c>
      <c r="AB4684" s="5" t="s">
        <v>44</v>
      </c>
      <c r="AC4684" s="2"/>
      <c r="AD4684" s="1"/>
    </row>
    <row r="4685" spans="1:30">
      <c r="A4685" s="5" t="s">
        <v>83578</v>
      </c>
      <c r="B4685" s="2" t="s">
        <v>97657</v>
      </c>
      <c r="C4685" s="14" t="s">
        <v>97658</v>
      </c>
      <c r="D4685" s="2" t="s">
        <v>97659</v>
      </c>
      <c r="E4685" s="2" t="s">
        <v>36317</v>
      </c>
      <c r="F4685" s="8">
        <v>394</v>
      </c>
      <c r="G4685" s="5">
        <v>6</v>
      </c>
      <c r="H4685" s="5" t="s">
        <v>1518</v>
      </c>
      <c r="I4685" s="5" t="s">
        <v>36264</v>
      </c>
      <c r="J4685" s="2" t="s">
        <v>36265</v>
      </c>
      <c r="K4685" s="5" t="s">
        <v>36264</v>
      </c>
      <c r="L4685" s="2" t="s">
        <v>36265</v>
      </c>
      <c r="M4685" s="5" t="s">
        <v>36266</v>
      </c>
      <c r="N4685" s="5" t="s">
        <v>38</v>
      </c>
      <c r="O4685" s="5" t="s">
        <v>39</v>
      </c>
      <c r="P4685" s="5" t="s">
        <v>40</v>
      </c>
      <c r="Q4685" s="5" t="s">
        <v>1522</v>
      </c>
      <c r="R4685" s="5" t="s">
        <v>1523</v>
      </c>
      <c r="S4685" s="5" t="s">
        <v>42</v>
      </c>
      <c r="T4685" s="2">
        <v>4.2140000000000004</v>
      </c>
      <c r="U4685" s="2">
        <v>3.5760000000000001</v>
      </c>
      <c r="V4685" s="2">
        <v>0.02</v>
      </c>
      <c r="W4685" s="2">
        <v>159.1</v>
      </c>
      <c r="X4685" s="2">
        <v>7.6</v>
      </c>
      <c r="Y4685" s="2">
        <v>16.7</v>
      </c>
      <c r="Z4685" s="5"/>
      <c r="AA4685" s="5" t="s">
        <v>43</v>
      </c>
      <c r="AB4685" s="5" t="s">
        <v>44</v>
      </c>
      <c r="AC4685" s="2"/>
      <c r="AD4685" s="1"/>
    </row>
    <row r="4686" spans="1:30">
      <c r="A4686" s="5" t="s">
        <v>83578</v>
      </c>
      <c r="B4686" s="2" t="s">
        <v>97660</v>
      </c>
      <c r="C4686" s="14" t="s">
        <v>97661</v>
      </c>
      <c r="D4686" s="2" t="s">
        <v>97662</v>
      </c>
      <c r="E4686" s="2" t="s">
        <v>36321</v>
      </c>
      <c r="F4686" s="8">
        <v>394</v>
      </c>
      <c r="G4686" s="5">
        <v>6</v>
      </c>
      <c r="H4686" s="5" t="s">
        <v>1518</v>
      </c>
      <c r="I4686" s="5" t="s">
        <v>36264</v>
      </c>
      <c r="J4686" s="2" t="s">
        <v>36265</v>
      </c>
      <c r="K4686" s="5" t="s">
        <v>36264</v>
      </c>
      <c r="L4686" s="2" t="s">
        <v>36265</v>
      </c>
      <c r="M4686" s="5" t="s">
        <v>36266</v>
      </c>
      <c r="N4686" s="5" t="s">
        <v>38</v>
      </c>
      <c r="O4686" s="5" t="s">
        <v>39</v>
      </c>
      <c r="P4686" s="5" t="s">
        <v>40</v>
      </c>
      <c r="Q4686" s="5" t="s">
        <v>1522</v>
      </c>
      <c r="R4686" s="5" t="s">
        <v>1523</v>
      </c>
      <c r="S4686" s="5" t="s">
        <v>42</v>
      </c>
      <c r="T4686" s="2">
        <v>4.0839999999999996</v>
      </c>
      <c r="U4686" s="2">
        <v>3.4460000000000002</v>
      </c>
      <c r="V4686" s="2">
        <v>0.02</v>
      </c>
      <c r="W4686" s="2">
        <v>159.1</v>
      </c>
      <c r="X4686" s="2">
        <v>7.6</v>
      </c>
      <c r="Y4686" s="2">
        <v>16.7</v>
      </c>
      <c r="Z4686" s="5"/>
      <c r="AA4686" s="5" t="s">
        <v>43</v>
      </c>
      <c r="AB4686" s="5" t="s">
        <v>44</v>
      </c>
      <c r="AC4686" s="2"/>
      <c r="AD4686" s="1"/>
    </row>
    <row r="4687" spans="1:30">
      <c r="A4687" s="5" t="s">
        <v>83578</v>
      </c>
      <c r="B4687" s="2" t="s">
        <v>97663</v>
      </c>
      <c r="C4687" s="14" t="s">
        <v>97664</v>
      </c>
      <c r="D4687" s="2" t="s">
        <v>97665</v>
      </c>
      <c r="E4687" s="2" t="s">
        <v>36325</v>
      </c>
      <c r="F4687" s="8">
        <v>394</v>
      </c>
      <c r="G4687" s="5">
        <v>6</v>
      </c>
      <c r="H4687" s="5" t="s">
        <v>1518</v>
      </c>
      <c r="I4687" s="5" t="s">
        <v>36264</v>
      </c>
      <c r="J4687" s="2" t="s">
        <v>36265</v>
      </c>
      <c r="K4687" s="5" t="s">
        <v>36264</v>
      </c>
      <c r="L4687" s="2" t="s">
        <v>36265</v>
      </c>
      <c r="M4687" s="5" t="s">
        <v>36266</v>
      </c>
      <c r="N4687" s="5" t="s">
        <v>38</v>
      </c>
      <c r="O4687" s="5" t="s">
        <v>39</v>
      </c>
      <c r="P4687" s="5" t="s">
        <v>40</v>
      </c>
      <c r="Q4687" s="5" t="s">
        <v>1522</v>
      </c>
      <c r="R4687" s="5" t="s">
        <v>1523</v>
      </c>
      <c r="S4687" s="5" t="s">
        <v>42</v>
      </c>
      <c r="T4687" s="2">
        <v>4.2140000000000004</v>
      </c>
      <c r="U4687" s="2">
        <v>3.5760000000000001</v>
      </c>
      <c r="V4687" s="2">
        <v>0.02</v>
      </c>
      <c r="W4687" s="2">
        <v>159.1</v>
      </c>
      <c r="X4687" s="2">
        <v>7.6</v>
      </c>
      <c r="Y4687" s="2">
        <v>16.7</v>
      </c>
      <c r="Z4687" s="5"/>
      <c r="AA4687" s="5" t="s">
        <v>43</v>
      </c>
      <c r="AB4687" s="5" t="s">
        <v>44</v>
      </c>
      <c r="AC4687" s="2"/>
      <c r="AD4687" s="1"/>
    </row>
    <row r="4688" spans="1:30">
      <c r="A4688" s="5" t="s">
        <v>83578</v>
      </c>
      <c r="B4688" s="2" t="s">
        <v>97666</v>
      </c>
      <c r="C4688" s="14" t="s">
        <v>97667</v>
      </c>
      <c r="D4688" s="2" t="s">
        <v>97668</v>
      </c>
      <c r="E4688" s="2" t="s">
        <v>36329</v>
      </c>
      <c r="F4688" s="8">
        <v>394</v>
      </c>
      <c r="G4688" s="5">
        <v>6</v>
      </c>
      <c r="H4688" s="5" t="s">
        <v>1518</v>
      </c>
      <c r="I4688" s="5" t="s">
        <v>36264</v>
      </c>
      <c r="J4688" s="2" t="s">
        <v>36265</v>
      </c>
      <c r="K4688" s="5" t="s">
        <v>36264</v>
      </c>
      <c r="L4688" s="2" t="s">
        <v>36265</v>
      </c>
      <c r="M4688" s="5" t="s">
        <v>36266</v>
      </c>
      <c r="N4688" s="5" t="s">
        <v>38</v>
      </c>
      <c r="O4688" s="5" t="s">
        <v>39</v>
      </c>
      <c r="P4688" s="5" t="s">
        <v>40</v>
      </c>
      <c r="Q4688" s="5" t="s">
        <v>1522</v>
      </c>
      <c r="R4688" s="5" t="s">
        <v>1523</v>
      </c>
      <c r="S4688" s="5" t="s">
        <v>42</v>
      </c>
      <c r="T4688" s="2">
        <v>4.0839999999999996</v>
      </c>
      <c r="U4688" s="2">
        <v>3.4460000000000002</v>
      </c>
      <c r="V4688" s="2">
        <v>0.02</v>
      </c>
      <c r="W4688" s="2">
        <v>159.1</v>
      </c>
      <c r="X4688" s="2">
        <v>7.6</v>
      </c>
      <c r="Y4688" s="2">
        <v>16.7</v>
      </c>
      <c r="Z4688" s="5"/>
      <c r="AA4688" s="5" t="s">
        <v>43</v>
      </c>
      <c r="AB4688" s="5" t="s">
        <v>44</v>
      </c>
      <c r="AC4688" s="2"/>
      <c r="AD4688" s="1"/>
    </row>
    <row r="4689" spans="1:30">
      <c r="A4689" s="5" t="s">
        <v>83578</v>
      </c>
      <c r="B4689" s="2" t="s">
        <v>97669</v>
      </c>
      <c r="C4689" s="14" t="s">
        <v>97670</v>
      </c>
      <c r="D4689" s="2" t="s">
        <v>97671</v>
      </c>
      <c r="E4689" s="2" t="s">
        <v>36333</v>
      </c>
      <c r="F4689" s="8">
        <v>394</v>
      </c>
      <c r="G4689" s="5">
        <v>6</v>
      </c>
      <c r="H4689" s="5" t="s">
        <v>1518</v>
      </c>
      <c r="I4689" s="5" t="s">
        <v>36264</v>
      </c>
      <c r="J4689" s="2" t="s">
        <v>36265</v>
      </c>
      <c r="K4689" s="5" t="s">
        <v>36264</v>
      </c>
      <c r="L4689" s="2" t="s">
        <v>36265</v>
      </c>
      <c r="M4689" s="5" t="s">
        <v>36266</v>
      </c>
      <c r="N4689" s="5" t="s">
        <v>38</v>
      </c>
      <c r="O4689" s="5" t="s">
        <v>39</v>
      </c>
      <c r="P4689" s="5" t="s">
        <v>40</v>
      </c>
      <c r="Q4689" s="5" t="s">
        <v>1522</v>
      </c>
      <c r="R4689" s="5" t="s">
        <v>1523</v>
      </c>
      <c r="S4689" s="5" t="s">
        <v>42</v>
      </c>
      <c r="T4689" s="2">
        <v>4.2140000000000004</v>
      </c>
      <c r="U4689" s="2">
        <v>3.5760000000000001</v>
      </c>
      <c r="V4689" s="2">
        <v>0.02</v>
      </c>
      <c r="W4689" s="2">
        <v>159.1</v>
      </c>
      <c r="X4689" s="2">
        <v>7.6</v>
      </c>
      <c r="Y4689" s="2">
        <v>16.7</v>
      </c>
      <c r="Z4689" s="5"/>
      <c r="AA4689" s="5" t="s">
        <v>43</v>
      </c>
      <c r="AB4689" s="5" t="s">
        <v>44</v>
      </c>
      <c r="AC4689" s="2"/>
      <c r="AD4689" s="1"/>
    </row>
    <row r="4690" spans="1:30">
      <c r="A4690" s="5" t="s">
        <v>83578</v>
      </c>
      <c r="B4690" s="2" t="s">
        <v>97672</v>
      </c>
      <c r="C4690" s="14" t="s">
        <v>97673</v>
      </c>
      <c r="D4690" s="2" t="s">
        <v>97674</v>
      </c>
      <c r="E4690" s="2" t="s">
        <v>36337</v>
      </c>
      <c r="F4690" s="8">
        <v>394</v>
      </c>
      <c r="G4690" s="5">
        <v>6</v>
      </c>
      <c r="H4690" s="5" t="s">
        <v>1518</v>
      </c>
      <c r="I4690" s="5" t="s">
        <v>36264</v>
      </c>
      <c r="J4690" s="2" t="s">
        <v>36265</v>
      </c>
      <c r="K4690" s="5" t="s">
        <v>36264</v>
      </c>
      <c r="L4690" s="2" t="s">
        <v>36265</v>
      </c>
      <c r="M4690" s="5" t="s">
        <v>36266</v>
      </c>
      <c r="N4690" s="5" t="s">
        <v>38</v>
      </c>
      <c r="O4690" s="5" t="s">
        <v>39</v>
      </c>
      <c r="P4690" s="5" t="s">
        <v>40</v>
      </c>
      <c r="Q4690" s="5" t="s">
        <v>1522</v>
      </c>
      <c r="R4690" s="5" t="s">
        <v>1523</v>
      </c>
      <c r="S4690" s="5" t="s">
        <v>42</v>
      </c>
      <c r="T4690" s="2">
        <v>4.0839999999999996</v>
      </c>
      <c r="U4690" s="2">
        <v>3.4460000000000002</v>
      </c>
      <c r="V4690" s="2">
        <v>0.02</v>
      </c>
      <c r="W4690" s="2">
        <v>159.1</v>
      </c>
      <c r="X4690" s="2">
        <v>7.6</v>
      </c>
      <c r="Y4690" s="2">
        <v>16.7</v>
      </c>
      <c r="Z4690" s="5"/>
      <c r="AA4690" s="5" t="s">
        <v>43</v>
      </c>
      <c r="AB4690" s="5" t="s">
        <v>44</v>
      </c>
      <c r="AC4690" s="2"/>
      <c r="AD4690" s="1"/>
    </row>
    <row r="4691" spans="1:30">
      <c r="A4691" s="5" t="s">
        <v>83578</v>
      </c>
      <c r="B4691" s="2" t="s">
        <v>97675</v>
      </c>
      <c r="C4691" s="14" t="s">
        <v>97676</v>
      </c>
      <c r="D4691" s="2" t="s">
        <v>97677</v>
      </c>
      <c r="E4691" s="2" t="s">
        <v>36341</v>
      </c>
      <c r="F4691" s="8">
        <v>394</v>
      </c>
      <c r="G4691" s="5">
        <v>6</v>
      </c>
      <c r="H4691" s="5" t="s">
        <v>1518</v>
      </c>
      <c r="I4691" s="5" t="s">
        <v>36264</v>
      </c>
      <c r="J4691" s="2" t="s">
        <v>36265</v>
      </c>
      <c r="K4691" s="5" t="s">
        <v>36264</v>
      </c>
      <c r="L4691" s="2" t="s">
        <v>36265</v>
      </c>
      <c r="M4691" s="5" t="s">
        <v>36266</v>
      </c>
      <c r="N4691" s="5" t="s">
        <v>38</v>
      </c>
      <c r="O4691" s="5" t="s">
        <v>39</v>
      </c>
      <c r="P4691" s="5" t="s">
        <v>40</v>
      </c>
      <c r="Q4691" s="5" t="s">
        <v>1522</v>
      </c>
      <c r="R4691" s="5" t="s">
        <v>1523</v>
      </c>
      <c r="S4691" s="5" t="s">
        <v>42</v>
      </c>
      <c r="T4691" s="2">
        <v>4.2140000000000004</v>
      </c>
      <c r="U4691" s="2">
        <v>3.5760000000000001</v>
      </c>
      <c r="V4691" s="2">
        <v>0.02</v>
      </c>
      <c r="W4691" s="2">
        <v>159.1</v>
      </c>
      <c r="X4691" s="2">
        <v>7.6</v>
      </c>
      <c r="Y4691" s="2">
        <v>16.7</v>
      </c>
      <c r="Z4691" s="5"/>
      <c r="AA4691" s="5" t="s">
        <v>43</v>
      </c>
      <c r="AB4691" s="5" t="s">
        <v>44</v>
      </c>
      <c r="AC4691" s="2"/>
      <c r="AD4691" s="1"/>
    </row>
    <row r="4692" spans="1:30">
      <c r="A4692" s="5" t="s">
        <v>83578</v>
      </c>
      <c r="B4692" s="2" t="s">
        <v>97678</v>
      </c>
      <c r="C4692" s="14" t="s">
        <v>97679</v>
      </c>
      <c r="D4692" s="2" t="s">
        <v>97680</v>
      </c>
      <c r="E4692" s="2" t="s">
        <v>36345</v>
      </c>
      <c r="F4692" s="8">
        <v>394</v>
      </c>
      <c r="G4692" s="5">
        <v>6</v>
      </c>
      <c r="H4692" s="5" t="s">
        <v>1518</v>
      </c>
      <c r="I4692" s="5" t="s">
        <v>36264</v>
      </c>
      <c r="J4692" s="2" t="s">
        <v>36265</v>
      </c>
      <c r="K4692" s="5" t="s">
        <v>36264</v>
      </c>
      <c r="L4692" s="2" t="s">
        <v>36265</v>
      </c>
      <c r="M4692" s="5" t="s">
        <v>36266</v>
      </c>
      <c r="N4692" s="5" t="s">
        <v>38</v>
      </c>
      <c r="O4692" s="5" t="s">
        <v>39</v>
      </c>
      <c r="P4692" s="5" t="s">
        <v>40</v>
      </c>
      <c r="Q4692" s="5" t="s">
        <v>1522</v>
      </c>
      <c r="R4692" s="5" t="s">
        <v>1523</v>
      </c>
      <c r="S4692" s="5" t="s">
        <v>42</v>
      </c>
      <c r="T4692" s="2">
        <v>4.0839999999999996</v>
      </c>
      <c r="U4692" s="2">
        <v>3.4460000000000002</v>
      </c>
      <c r="V4692" s="2">
        <v>0.02</v>
      </c>
      <c r="W4692" s="2">
        <v>159.1</v>
      </c>
      <c r="X4692" s="2">
        <v>7.6</v>
      </c>
      <c r="Y4692" s="2">
        <v>16.7</v>
      </c>
      <c r="Z4692" s="5"/>
      <c r="AA4692" s="5" t="s">
        <v>43</v>
      </c>
      <c r="AB4692" s="5" t="s">
        <v>44</v>
      </c>
      <c r="AC4692" s="2"/>
      <c r="AD4692" s="1"/>
    </row>
    <row r="4693" spans="1:30">
      <c r="A4693" s="5" t="s">
        <v>83578</v>
      </c>
      <c r="B4693" s="2" t="s">
        <v>97681</v>
      </c>
      <c r="C4693" s="14" t="s">
        <v>97682</v>
      </c>
      <c r="D4693" s="2" t="s">
        <v>97683</v>
      </c>
      <c r="E4693" s="2" t="s">
        <v>36353</v>
      </c>
      <c r="F4693" s="8">
        <v>394</v>
      </c>
      <c r="G4693" s="5">
        <v>6</v>
      </c>
      <c r="H4693" s="5" t="s">
        <v>1518</v>
      </c>
      <c r="I4693" s="5" t="s">
        <v>36264</v>
      </c>
      <c r="J4693" s="2" t="s">
        <v>36265</v>
      </c>
      <c r="K4693" s="5" t="s">
        <v>36264</v>
      </c>
      <c r="L4693" s="2" t="s">
        <v>36265</v>
      </c>
      <c r="M4693" s="5" t="s">
        <v>36266</v>
      </c>
      <c r="N4693" s="5" t="s">
        <v>38</v>
      </c>
      <c r="O4693" s="5" t="s">
        <v>39</v>
      </c>
      <c r="P4693" s="5" t="s">
        <v>40</v>
      </c>
      <c r="Q4693" s="5" t="s">
        <v>1522</v>
      </c>
      <c r="R4693" s="5" t="s">
        <v>1523</v>
      </c>
      <c r="S4693" s="5" t="s">
        <v>42</v>
      </c>
      <c r="T4693" s="2">
        <v>4.0839999999999996</v>
      </c>
      <c r="U4693" s="2">
        <v>3.4460000000000002</v>
      </c>
      <c r="V4693" s="2">
        <v>0.02</v>
      </c>
      <c r="W4693" s="2">
        <v>159.1</v>
      </c>
      <c r="X4693" s="2">
        <v>7.6</v>
      </c>
      <c r="Y4693" s="2">
        <v>16.7</v>
      </c>
      <c r="Z4693" s="5"/>
      <c r="AA4693" s="5" t="s">
        <v>43</v>
      </c>
      <c r="AB4693" s="5" t="s">
        <v>44</v>
      </c>
      <c r="AC4693" s="2"/>
      <c r="AD4693" s="1"/>
    </row>
    <row r="4694" spans="1:30">
      <c r="A4694" s="5" t="s">
        <v>83578</v>
      </c>
      <c r="B4694" s="2" t="s">
        <v>97684</v>
      </c>
      <c r="C4694" s="14" t="s">
        <v>97685</v>
      </c>
      <c r="D4694" s="2" t="s">
        <v>97686</v>
      </c>
      <c r="E4694" s="2" t="s">
        <v>36357</v>
      </c>
      <c r="F4694" s="8">
        <v>394</v>
      </c>
      <c r="G4694" s="5">
        <v>6</v>
      </c>
      <c r="H4694" s="5" t="s">
        <v>1518</v>
      </c>
      <c r="I4694" s="5" t="s">
        <v>36264</v>
      </c>
      <c r="J4694" s="2" t="s">
        <v>36265</v>
      </c>
      <c r="K4694" s="5" t="s">
        <v>36264</v>
      </c>
      <c r="L4694" s="2" t="s">
        <v>36265</v>
      </c>
      <c r="M4694" s="5" t="s">
        <v>36266</v>
      </c>
      <c r="N4694" s="5" t="s">
        <v>38</v>
      </c>
      <c r="O4694" s="5" t="s">
        <v>39</v>
      </c>
      <c r="P4694" s="5" t="s">
        <v>40</v>
      </c>
      <c r="Q4694" s="5" t="s">
        <v>1522</v>
      </c>
      <c r="R4694" s="5" t="s">
        <v>1523</v>
      </c>
      <c r="S4694" s="5" t="s">
        <v>42</v>
      </c>
      <c r="T4694" s="2">
        <v>4.2140000000000004</v>
      </c>
      <c r="U4694" s="2">
        <v>3.5760000000000001</v>
      </c>
      <c r="V4694" s="2">
        <v>0.02</v>
      </c>
      <c r="W4694" s="2">
        <v>159.1</v>
      </c>
      <c r="X4694" s="2">
        <v>7.6</v>
      </c>
      <c r="Y4694" s="2">
        <v>16.7</v>
      </c>
      <c r="Z4694" s="5"/>
      <c r="AA4694" s="5" t="s">
        <v>43</v>
      </c>
      <c r="AB4694" s="5" t="s">
        <v>44</v>
      </c>
      <c r="AC4694" s="2"/>
      <c r="AD4694" s="1"/>
    </row>
    <row r="4695" spans="1:30">
      <c r="A4695" s="5" t="s">
        <v>83578</v>
      </c>
      <c r="B4695" s="2" t="s">
        <v>97687</v>
      </c>
      <c r="C4695" s="14" t="s">
        <v>97688</v>
      </c>
      <c r="D4695" s="2" t="s">
        <v>97689</v>
      </c>
      <c r="E4695" s="2" t="s">
        <v>45534</v>
      </c>
      <c r="F4695" s="8">
        <v>394</v>
      </c>
      <c r="G4695" s="5">
        <v>6</v>
      </c>
      <c r="H4695" s="5" t="s">
        <v>1518</v>
      </c>
      <c r="I4695" s="5" t="s">
        <v>36264</v>
      </c>
      <c r="J4695" s="2" t="s">
        <v>36265</v>
      </c>
      <c r="K4695" s="5" t="s">
        <v>36264</v>
      </c>
      <c r="L4695" s="2" t="s">
        <v>36265</v>
      </c>
      <c r="M4695" s="5" t="s">
        <v>36266</v>
      </c>
      <c r="N4695" s="5" t="s">
        <v>38</v>
      </c>
      <c r="O4695" s="5" t="s">
        <v>39</v>
      </c>
      <c r="P4695" s="5" t="s">
        <v>40</v>
      </c>
      <c r="Q4695" s="5" t="s">
        <v>1522</v>
      </c>
      <c r="R4695" s="5" t="s">
        <v>1523</v>
      </c>
      <c r="S4695" s="5" t="s">
        <v>42</v>
      </c>
      <c r="T4695" s="2">
        <v>4.2140000000000004</v>
      </c>
      <c r="U4695" s="2">
        <v>3.5760000000000001</v>
      </c>
      <c r="V4695" s="2">
        <v>0.02</v>
      </c>
      <c r="W4695" s="2">
        <v>159.1</v>
      </c>
      <c r="X4695" s="2">
        <v>7.6</v>
      </c>
      <c r="Y4695" s="2">
        <v>16.7</v>
      </c>
      <c r="Z4695" s="5"/>
      <c r="AA4695" s="5" t="s">
        <v>43</v>
      </c>
      <c r="AB4695" s="5" t="s">
        <v>44</v>
      </c>
      <c r="AC4695" s="2"/>
      <c r="AD4695" s="1"/>
    </row>
    <row r="4696" spans="1:30">
      <c r="A4696" s="5" t="s">
        <v>83578</v>
      </c>
      <c r="B4696" s="2" t="s">
        <v>97690</v>
      </c>
      <c r="C4696" s="14" t="s">
        <v>97691</v>
      </c>
      <c r="D4696" s="2" t="s">
        <v>97692</v>
      </c>
      <c r="E4696" s="2" t="s">
        <v>36369</v>
      </c>
      <c r="F4696" s="8">
        <v>394</v>
      </c>
      <c r="G4696" s="5">
        <v>6</v>
      </c>
      <c r="H4696" s="5" t="s">
        <v>1518</v>
      </c>
      <c r="I4696" s="5" t="s">
        <v>36264</v>
      </c>
      <c r="J4696" s="2" t="s">
        <v>36265</v>
      </c>
      <c r="K4696" s="5" t="s">
        <v>36264</v>
      </c>
      <c r="L4696" s="2" t="s">
        <v>36265</v>
      </c>
      <c r="M4696" s="5" t="s">
        <v>36266</v>
      </c>
      <c r="N4696" s="5" t="s">
        <v>38</v>
      </c>
      <c r="O4696" s="5" t="s">
        <v>39</v>
      </c>
      <c r="P4696" s="5" t="s">
        <v>40</v>
      </c>
      <c r="Q4696" s="5" t="s">
        <v>1522</v>
      </c>
      <c r="R4696" s="5" t="s">
        <v>1523</v>
      </c>
      <c r="S4696" s="5" t="s">
        <v>42</v>
      </c>
      <c r="T4696" s="2">
        <v>4.0839999999999996</v>
      </c>
      <c r="U4696" s="2">
        <v>3.4460000000000002</v>
      </c>
      <c r="V4696" s="2">
        <v>0.02</v>
      </c>
      <c r="W4696" s="2">
        <v>159.1</v>
      </c>
      <c r="X4696" s="2">
        <v>7.6</v>
      </c>
      <c r="Y4696" s="2">
        <v>16.7</v>
      </c>
      <c r="Z4696" s="5"/>
      <c r="AA4696" s="5" t="s">
        <v>43</v>
      </c>
      <c r="AB4696" s="5" t="s">
        <v>44</v>
      </c>
      <c r="AC4696" s="2"/>
      <c r="AD4696" s="1"/>
    </row>
    <row r="4697" spans="1:30">
      <c r="A4697" s="5" t="s">
        <v>83578</v>
      </c>
      <c r="B4697" s="2" t="s">
        <v>97693</v>
      </c>
      <c r="C4697" s="14" t="s">
        <v>97694</v>
      </c>
      <c r="D4697" s="2" t="s">
        <v>97695</v>
      </c>
      <c r="E4697" s="2" t="s">
        <v>36373</v>
      </c>
      <c r="F4697" s="8">
        <v>394</v>
      </c>
      <c r="G4697" s="5">
        <v>6</v>
      </c>
      <c r="H4697" s="5" t="s">
        <v>1518</v>
      </c>
      <c r="I4697" s="5" t="s">
        <v>36264</v>
      </c>
      <c r="J4697" s="2" t="s">
        <v>36265</v>
      </c>
      <c r="K4697" s="5" t="s">
        <v>36264</v>
      </c>
      <c r="L4697" s="2" t="s">
        <v>36265</v>
      </c>
      <c r="M4697" s="5" t="s">
        <v>36266</v>
      </c>
      <c r="N4697" s="5" t="s">
        <v>38</v>
      </c>
      <c r="O4697" s="5" t="s">
        <v>39</v>
      </c>
      <c r="P4697" s="5" t="s">
        <v>40</v>
      </c>
      <c r="Q4697" s="5" t="s">
        <v>1522</v>
      </c>
      <c r="R4697" s="5" t="s">
        <v>1523</v>
      </c>
      <c r="S4697" s="5" t="s">
        <v>42</v>
      </c>
      <c r="T4697" s="2">
        <v>4.2140000000000004</v>
      </c>
      <c r="U4697" s="2">
        <v>3.5760000000000001</v>
      </c>
      <c r="V4697" s="2">
        <v>0.02</v>
      </c>
      <c r="W4697" s="2">
        <v>159.1</v>
      </c>
      <c r="X4697" s="2">
        <v>7.6</v>
      </c>
      <c r="Y4697" s="2">
        <v>16.7</v>
      </c>
      <c r="Z4697" s="5"/>
      <c r="AA4697" s="5" t="s">
        <v>43</v>
      </c>
      <c r="AB4697" s="5" t="s">
        <v>44</v>
      </c>
      <c r="AC4697" s="2"/>
      <c r="AD4697" s="1"/>
    </row>
    <row r="4698" spans="1:30">
      <c r="A4698" s="5" t="s">
        <v>83578</v>
      </c>
      <c r="B4698" s="2" t="s">
        <v>97696</v>
      </c>
      <c r="C4698" s="14" t="s">
        <v>97697</v>
      </c>
      <c r="D4698" s="2" t="s">
        <v>97698</v>
      </c>
      <c r="E4698" s="2" t="s">
        <v>36385</v>
      </c>
      <c r="F4698" s="8">
        <v>394</v>
      </c>
      <c r="G4698" s="5">
        <v>6</v>
      </c>
      <c r="H4698" s="5" t="s">
        <v>1518</v>
      </c>
      <c r="I4698" s="5" t="s">
        <v>36264</v>
      </c>
      <c r="J4698" s="2" t="s">
        <v>36265</v>
      </c>
      <c r="K4698" s="5" t="s">
        <v>36264</v>
      </c>
      <c r="L4698" s="2" t="s">
        <v>36265</v>
      </c>
      <c r="M4698" s="5" t="s">
        <v>36266</v>
      </c>
      <c r="N4698" s="5" t="s">
        <v>38</v>
      </c>
      <c r="O4698" s="5" t="s">
        <v>39</v>
      </c>
      <c r="P4698" s="5" t="s">
        <v>40</v>
      </c>
      <c r="Q4698" s="5" t="s">
        <v>1522</v>
      </c>
      <c r="R4698" s="5" t="s">
        <v>1523</v>
      </c>
      <c r="S4698" s="5" t="s">
        <v>42</v>
      </c>
      <c r="T4698" s="2">
        <v>4.0839999999999996</v>
      </c>
      <c r="U4698" s="2">
        <v>3.4460000000000002</v>
      </c>
      <c r="V4698" s="2">
        <v>0.02</v>
      </c>
      <c r="W4698" s="2">
        <v>159.1</v>
      </c>
      <c r="X4698" s="2">
        <v>7.6</v>
      </c>
      <c r="Y4698" s="2">
        <v>16.7</v>
      </c>
      <c r="Z4698" s="5"/>
      <c r="AA4698" s="5" t="s">
        <v>43</v>
      </c>
      <c r="AB4698" s="5" t="s">
        <v>44</v>
      </c>
      <c r="AC4698" s="2"/>
      <c r="AD4698" s="1"/>
    </row>
    <row r="4699" spans="1:30">
      <c r="A4699" s="5" t="s">
        <v>83578</v>
      </c>
      <c r="B4699" s="2" t="s">
        <v>97699</v>
      </c>
      <c r="C4699" s="14" t="s">
        <v>97700</v>
      </c>
      <c r="D4699" s="2" t="s">
        <v>97701</v>
      </c>
      <c r="E4699" s="2" t="s">
        <v>36389</v>
      </c>
      <c r="F4699" s="8">
        <v>394</v>
      </c>
      <c r="G4699" s="5">
        <v>6</v>
      </c>
      <c r="H4699" s="5" t="s">
        <v>1518</v>
      </c>
      <c r="I4699" s="5" t="s">
        <v>36264</v>
      </c>
      <c r="J4699" s="2" t="s">
        <v>36265</v>
      </c>
      <c r="K4699" s="5" t="s">
        <v>36264</v>
      </c>
      <c r="L4699" s="2" t="s">
        <v>36265</v>
      </c>
      <c r="M4699" s="5" t="s">
        <v>36266</v>
      </c>
      <c r="N4699" s="5" t="s">
        <v>38</v>
      </c>
      <c r="O4699" s="5" t="s">
        <v>39</v>
      </c>
      <c r="P4699" s="5" t="s">
        <v>40</v>
      </c>
      <c r="Q4699" s="5" t="s">
        <v>1522</v>
      </c>
      <c r="R4699" s="5" t="s">
        <v>1523</v>
      </c>
      <c r="S4699" s="5" t="s">
        <v>42</v>
      </c>
      <c r="T4699" s="2">
        <v>4.2140000000000004</v>
      </c>
      <c r="U4699" s="2">
        <v>3.5760000000000001</v>
      </c>
      <c r="V4699" s="2">
        <v>0.02</v>
      </c>
      <c r="W4699" s="2">
        <v>159.1</v>
      </c>
      <c r="X4699" s="2">
        <v>7.6</v>
      </c>
      <c r="Y4699" s="2">
        <v>16.7</v>
      </c>
      <c r="Z4699" s="5"/>
      <c r="AA4699" s="5" t="s">
        <v>43</v>
      </c>
      <c r="AB4699" s="5" t="s">
        <v>44</v>
      </c>
      <c r="AC4699" s="2"/>
      <c r="AD4699" s="1"/>
    </row>
    <row r="4700" spans="1:30">
      <c r="A4700" s="5" t="s">
        <v>83578</v>
      </c>
      <c r="B4700" s="2" t="s">
        <v>97702</v>
      </c>
      <c r="C4700" s="14" t="s">
        <v>97703</v>
      </c>
      <c r="D4700" s="2" t="s">
        <v>97704</v>
      </c>
      <c r="E4700" s="2" t="s">
        <v>7204</v>
      </c>
      <c r="F4700" s="8">
        <v>322</v>
      </c>
      <c r="G4700" s="5">
        <v>6</v>
      </c>
      <c r="H4700" s="5" t="s">
        <v>1518</v>
      </c>
      <c r="I4700" s="5" t="s">
        <v>36264</v>
      </c>
      <c r="J4700" s="2" t="s">
        <v>36265</v>
      </c>
      <c r="K4700" s="5" t="s">
        <v>36264</v>
      </c>
      <c r="L4700" s="2" t="s">
        <v>36265</v>
      </c>
      <c r="M4700" s="5" t="s">
        <v>36266</v>
      </c>
      <c r="N4700" s="5" t="s">
        <v>38</v>
      </c>
      <c r="O4700" s="5" t="s">
        <v>39</v>
      </c>
      <c r="P4700" s="5" t="s">
        <v>40</v>
      </c>
      <c r="Q4700" s="5" t="s">
        <v>1522</v>
      </c>
      <c r="R4700" s="5" t="s">
        <v>1523</v>
      </c>
      <c r="S4700" s="5" t="s">
        <v>42</v>
      </c>
      <c r="T4700" s="2">
        <v>3.2090000000000001</v>
      </c>
      <c r="U4700" s="2">
        <v>2.528</v>
      </c>
      <c r="V4700" s="2">
        <v>0.02</v>
      </c>
      <c r="W4700" s="2">
        <v>159.1</v>
      </c>
      <c r="X4700" s="2">
        <v>7.6</v>
      </c>
      <c r="Y4700" s="2">
        <v>16.7</v>
      </c>
      <c r="Z4700" s="5"/>
      <c r="AA4700" s="5" t="s">
        <v>43</v>
      </c>
      <c r="AB4700" s="5" t="s">
        <v>44</v>
      </c>
      <c r="AC4700" s="2"/>
      <c r="AD4700" s="1"/>
    </row>
    <row r="4701" spans="1:30">
      <c r="A4701" s="5" t="s">
        <v>83578</v>
      </c>
      <c r="B4701" s="2" t="s">
        <v>97705</v>
      </c>
      <c r="C4701" s="14" t="s">
        <v>97706</v>
      </c>
      <c r="D4701" s="2" t="s">
        <v>97707</v>
      </c>
      <c r="E4701" s="2" t="s">
        <v>36273</v>
      </c>
      <c r="F4701" s="8">
        <v>322</v>
      </c>
      <c r="G4701" s="5">
        <v>6</v>
      </c>
      <c r="H4701" s="5" t="s">
        <v>1518</v>
      </c>
      <c r="I4701" s="5" t="s">
        <v>36264</v>
      </c>
      <c r="J4701" s="2" t="s">
        <v>36265</v>
      </c>
      <c r="K4701" s="5" t="s">
        <v>36264</v>
      </c>
      <c r="L4701" s="2" t="s">
        <v>36265</v>
      </c>
      <c r="M4701" s="5" t="s">
        <v>36266</v>
      </c>
      <c r="N4701" s="5" t="s">
        <v>38</v>
      </c>
      <c r="O4701" s="5" t="s">
        <v>39</v>
      </c>
      <c r="P4701" s="5" t="s">
        <v>40</v>
      </c>
      <c r="Q4701" s="5" t="s">
        <v>1522</v>
      </c>
      <c r="R4701" s="5" t="s">
        <v>1523</v>
      </c>
      <c r="S4701" s="5" t="s">
        <v>42</v>
      </c>
      <c r="T4701" s="2">
        <v>3.2090000000000001</v>
      </c>
      <c r="U4701" s="2">
        <v>2.528</v>
      </c>
      <c r="V4701" s="2">
        <v>0.02</v>
      </c>
      <c r="W4701" s="2">
        <v>159.1</v>
      </c>
      <c r="X4701" s="2">
        <v>7.6</v>
      </c>
      <c r="Y4701" s="2">
        <v>16.7</v>
      </c>
      <c r="Z4701" s="5"/>
      <c r="AA4701" s="5" t="s">
        <v>43</v>
      </c>
      <c r="AB4701" s="5" t="s">
        <v>44</v>
      </c>
      <c r="AC4701" s="2"/>
      <c r="AD4701" s="1"/>
    </row>
    <row r="4702" spans="1:30">
      <c r="A4702" s="5" t="s">
        <v>83578</v>
      </c>
      <c r="B4702" s="2" t="s">
        <v>97708</v>
      </c>
      <c r="C4702" s="14" t="s">
        <v>97709</v>
      </c>
      <c r="D4702" s="2" t="s">
        <v>97710</v>
      </c>
      <c r="E4702" s="2" t="s">
        <v>36277</v>
      </c>
      <c r="F4702" s="8">
        <v>322</v>
      </c>
      <c r="G4702" s="5">
        <v>6</v>
      </c>
      <c r="H4702" s="5" t="s">
        <v>1518</v>
      </c>
      <c r="I4702" s="5" t="s">
        <v>36264</v>
      </c>
      <c r="J4702" s="2" t="s">
        <v>36265</v>
      </c>
      <c r="K4702" s="5" t="s">
        <v>36264</v>
      </c>
      <c r="L4702" s="2" t="s">
        <v>36265</v>
      </c>
      <c r="M4702" s="5" t="s">
        <v>36266</v>
      </c>
      <c r="N4702" s="5" t="s">
        <v>38</v>
      </c>
      <c r="O4702" s="5" t="s">
        <v>39</v>
      </c>
      <c r="P4702" s="5" t="s">
        <v>40</v>
      </c>
      <c r="Q4702" s="5" t="s">
        <v>1522</v>
      </c>
      <c r="R4702" s="5" t="s">
        <v>1523</v>
      </c>
      <c r="S4702" s="5" t="s">
        <v>42</v>
      </c>
      <c r="T4702" s="2">
        <v>3.2850000000000001</v>
      </c>
      <c r="U4702" s="2">
        <v>2.6040000000000001</v>
      </c>
      <c r="V4702" s="2">
        <v>0.02</v>
      </c>
      <c r="W4702" s="2">
        <v>159.1</v>
      </c>
      <c r="X4702" s="2">
        <v>7.6</v>
      </c>
      <c r="Y4702" s="2">
        <v>16.7</v>
      </c>
      <c r="Z4702" s="5"/>
      <c r="AA4702" s="5" t="s">
        <v>43</v>
      </c>
      <c r="AB4702" s="5" t="s">
        <v>44</v>
      </c>
      <c r="AC4702" s="2"/>
      <c r="AD4702" s="1"/>
    </row>
    <row r="4703" spans="1:30">
      <c r="A4703" s="5" t="s">
        <v>83578</v>
      </c>
      <c r="B4703" s="2" t="s">
        <v>97711</v>
      </c>
      <c r="C4703" s="14" t="s">
        <v>97712</v>
      </c>
      <c r="D4703" s="2" t="s">
        <v>97713</v>
      </c>
      <c r="E4703" s="2" t="s">
        <v>36281</v>
      </c>
      <c r="F4703" s="8">
        <v>350</v>
      </c>
      <c r="G4703" s="5">
        <v>6</v>
      </c>
      <c r="H4703" s="5" t="s">
        <v>1518</v>
      </c>
      <c r="I4703" s="5" t="s">
        <v>36264</v>
      </c>
      <c r="J4703" s="2" t="s">
        <v>36265</v>
      </c>
      <c r="K4703" s="5" t="s">
        <v>36264</v>
      </c>
      <c r="L4703" s="2" t="s">
        <v>36265</v>
      </c>
      <c r="M4703" s="5" t="s">
        <v>36266</v>
      </c>
      <c r="N4703" s="5" t="s">
        <v>38</v>
      </c>
      <c r="O4703" s="5" t="s">
        <v>39</v>
      </c>
      <c r="P4703" s="5" t="s">
        <v>40</v>
      </c>
      <c r="Q4703" s="5" t="s">
        <v>1522</v>
      </c>
      <c r="R4703" s="5" t="s">
        <v>1523</v>
      </c>
      <c r="S4703" s="5" t="s">
        <v>42</v>
      </c>
      <c r="T4703" s="2">
        <v>3.2090000000000001</v>
      </c>
      <c r="U4703" s="2">
        <v>2.528</v>
      </c>
      <c r="V4703" s="2">
        <v>0.02</v>
      </c>
      <c r="W4703" s="2">
        <v>159.1</v>
      </c>
      <c r="X4703" s="2">
        <v>7.6</v>
      </c>
      <c r="Y4703" s="2">
        <v>16.7</v>
      </c>
      <c r="Z4703" s="5"/>
      <c r="AA4703" s="5" t="s">
        <v>43</v>
      </c>
      <c r="AB4703" s="5" t="s">
        <v>44</v>
      </c>
      <c r="AC4703" s="2"/>
      <c r="AD4703" s="1"/>
    </row>
    <row r="4704" spans="1:30">
      <c r="A4704" s="5" t="s">
        <v>83578</v>
      </c>
      <c r="B4704" s="2" t="s">
        <v>97714</v>
      </c>
      <c r="C4704" s="14" t="s">
        <v>97715</v>
      </c>
      <c r="D4704" s="2" t="s">
        <v>97716</v>
      </c>
      <c r="E4704" s="2" t="s">
        <v>36285</v>
      </c>
      <c r="F4704" s="8">
        <v>350</v>
      </c>
      <c r="G4704" s="5">
        <v>6</v>
      </c>
      <c r="H4704" s="5" t="s">
        <v>1518</v>
      </c>
      <c r="I4704" s="5" t="s">
        <v>36264</v>
      </c>
      <c r="J4704" s="2" t="s">
        <v>36265</v>
      </c>
      <c r="K4704" s="5" t="s">
        <v>36264</v>
      </c>
      <c r="L4704" s="2" t="s">
        <v>36265</v>
      </c>
      <c r="M4704" s="5" t="s">
        <v>36266</v>
      </c>
      <c r="N4704" s="5" t="s">
        <v>38</v>
      </c>
      <c r="O4704" s="5" t="s">
        <v>39</v>
      </c>
      <c r="P4704" s="5" t="s">
        <v>40</v>
      </c>
      <c r="Q4704" s="5" t="s">
        <v>1522</v>
      </c>
      <c r="R4704" s="5" t="s">
        <v>1523</v>
      </c>
      <c r="S4704" s="5" t="s">
        <v>42</v>
      </c>
      <c r="T4704" s="2">
        <v>3.2850000000000001</v>
      </c>
      <c r="U4704" s="2">
        <v>2.6040000000000001</v>
      </c>
      <c r="V4704" s="2">
        <v>0.02</v>
      </c>
      <c r="W4704" s="2">
        <v>159.1</v>
      </c>
      <c r="X4704" s="2">
        <v>7.6</v>
      </c>
      <c r="Y4704" s="2">
        <v>16.7</v>
      </c>
      <c r="Z4704" s="5"/>
      <c r="AA4704" s="5" t="s">
        <v>43</v>
      </c>
      <c r="AB4704" s="5" t="s">
        <v>44</v>
      </c>
      <c r="AC4704" s="2"/>
      <c r="AD4704" s="1"/>
    </row>
    <row r="4705" spans="1:30">
      <c r="A4705" s="5" t="s">
        <v>83578</v>
      </c>
      <c r="B4705" s="2" t="s">
        <v>97717</v>
      </c>
      <c r="C4705" s="14" t="s">
        <v>97718</v>
      </c>
      <c r="D4705" s="2" t="s">
        <v>97719</v>
      </c>
      <c r="E4705" s="2" t="s">
        <v>36289</v>
      </c>
      <c r="F4705" s="8">
        <v>350</v>
      </c>
      <c r="G4705" s="5">
        <v>6</v>
      </c>
      <c r="H4705" s="5" t="s">
        <v>1518</v>
      </c>
      <c r="I4705" s="5" t="s">
        <v>36264</v>
      </c>
      <c r="J4705" s="2" t="s">
        <v>36265</v>
      </c>
      <c r="K4705" s="5" t="s">
        <v>36264</v>
      </c>
      <c r="L4705" s="2" t="s">
        <v>36265</v>
      </c>
      <c r="M4705" s="5" t="s">
        <v>36266</v>
      </c>
      <c r="N4705" s="5" t="s">
        <v>38</v>
      </c>
      <c r="O4705" s="5" t="s">
        <v>39</v>
      </c>
      <c r="P4705" s="5" t="s">
        <v>40</v>
      </c>
      <c r="Q4705" s="5" t="s">
        <v>1522</v>
      </c>
      <c r="R4705" s="5" t="s">
        <v>1523</v>
      </c>
      <c r="S4705" s="5" t="s">
        <v>42</v>
      </c>
      <c r="T4705" s="2">
        <v>3.2090000000000001</v>
      </c>
      <c r="U4705" s="2">
        <v>2.528</v>
      </c>
      <c r="V4705" s="2">
        <v>0.02</v>
      </c>
      <c r="W4705" s="2">
        <v>159.1</v>
      </c>
      <c r="X4705" s="2">
        <v>7.6</v>
      </c>
      <c r="Y4705" s="2">
        <v>16.7</v>
      </c>
      <c r="Z4705" s="5"/>
      <c r="AA4705" s="5" t="s">
        <v>43</v>
      </c>
      <c r="AB4705" s="5" t="s">
        <v>44</v>
      </c>
      <c r="AC4705" s="2"/>
      <c r="AD4705" s="1"/>
    </row>
    <row r="4706" spans="1:30">
      <c r="A4706" s="5" t="s">
        <v>83578</v>
      </c>
      <c r="B4706" s="2" t="s">
        <v>97720</v>
      </c>
      <c r="C4706" s="14" t="s">
        <v>97721</v>
      </c>
      <c r="D4706" s="2" t="s">
        <v>97722</v>
      </c>
      <c r="E4706" s="2" t="s">
        <v>36293</v>
      </c>
      <c r="F4706" s="8">
        <v>350</v>
      </c>
      <c r="G4706" s="5">
        <v>6</v>
      </c>
      <c r="H4706" s="5" t="s">
        <v>1518</v>
      </c>
      <c r="I4706" s="5" t="s">
        <v>36264</v>
      </c>
      <c r="J4706" s="2" t="s">
        <v>36265</v>
      </c>
      <c r="K4706" s="5" t="s">
        <v>36264</v>
      </c>
      <c r="L4706" s="2" t="s">
        <v>36265</v>
      </c>
      <c r="M4706" s="5" t="s">
        <v>36266</v>
      </c>
      <c r="N4706" s="5" t="s">
        <v>38</v>
      </c>
      <c r="O4706" s="5" t="s">
        <v>39</v>
      </c>
      <c r="P4706" s="5" t="s">
        <v>40</v>
      </c>
      <c r="Q4706" s="5" t="s">
        <v>1522</v>
      </c>
      <c r="R4706" s="5" t="s">
        <v>1523</v>
      </c>
      <c r="S4706" s="5" t="s">
        <v>42</v>
      </c>
      <c r="T4706" s="2">
        <v>3.2850000000000001</v>
      </c>
      <c r="U4706" s="2">
        <v>2.6040000000000001</v>
      </c>
      <c r="V4706" s="2">
        <v>0.02</v>
      </c>
      <c r="W4706" s="2">
        <v>159.1</v>
      </c>
      <c r="X4706" s="2">
        <v>7.6</v>
      </c>
      <c r="Y4706" s="2">
        <v>16.7</v>
      </c>
      <c r="Z4706" s="5"/>
      <c r="AA4706" s="5" t="s">
        <v>43</v>
      </c>
      <c r="AB4706" s="5" t="s">
        <v>44</v>
      </c>
      <c r="AC4706" s="2"/>
      <c r="AD4706" s="1"/>
    </row>
    <row r="4707" spans="1:30">
      <c r="A4707" s="5" t="s">
        <v>83578</v>
      </c>
      <c r="B4707" s="2" t="s">
        <v>97723</v>
      </c>
      <c r="C4707" s="14" t="s">
        <v>97724</v>
      </c>
      <c r="D4707" s="2" t="s">
        <v>97725</v>
      </c>
      <c r="E4707" s="2" t="s">
        <v>36297</v>
      </c>
      <c r="F4707" s="8">
        <v>322</v>
      </c>
      <c r="G4707" s="5">
        <v>6</v>
      </c>
      <c r="H4707" s="5" t="s">
        <v>1518</v>
      </c>
      <c r="I4707" s="5" t="s">
        <v>36264</v>
      </c>
      <c r="J4707" s="2" t="s">
        <v>36265</v>
      </c>
      <c r="K4707" s="5" t="s">
        <v>36264</v>
      </c>
      <c r="L4707" s="2" t="s">
        <v>36265</v>
      </c>
      <c r="M4707" s="5" t="s">
        <v>36266</v>
      </c>
      <c r="N4707" s="5" t="s">
        <v>38</v>
      </c>
      <c r="O4707" s="5" t="s">
        <v>39</v>
      </c>
      <c r="P4707" s="5" t="s">
        <v>40</v>
      </c>
      <c r="Q4707" s="5" t="s">
        <v>1522</v>
      </c>
      <c r="R4707" s="5" t="s">
        <v>1523</v>
      </c>
      <c r="S4707" s="5" t="s">
        <v>42</v>
      </c>
      <c r="T4707" s="2">
        <v>3.2090000000000001</v>
      </c>
      <c r="U4707" s="2">
        <v>2.528</v>
      </c>
      <c r="V4707" s="2">
        <v>0.02</v>
      </c>
      <c r="W4707" s="2">
        <v>159.1</v>
      </c>
      <c r="X4707" s="2">
        <v>7.6</v>
      </c>
      <c r="Y4707" s="2">
        <v>16.7</v>
      </c>
      <c r="Z4707" s="5"/>
      <c r="AA4707" s="5" t="s">
        <v>43</v>
      </c>
      <c r="AB4707" s="5" t="s">
        <v>44</v>
      </c>
      <c r="AC4707" s="2"/>
      <c r="AD4707" s="1"/>
    </row>
    <row r="4708" spans="1:30">
      <c r="A4708" s="5" t="s">
        <v>83578</v>
      </c>
      <c r="B4708" s="2" t="s">
        <v>97726</v>
      </c>
      <c r="C4708" s="14" t="s">
        <v>97727</v>
      </c>
      <c r="D4708" s="2" t="s">
        <v>97728</v>
      </c>
      <c r="E4708" s="2" t="s">
        <v>36301</v>
      </c>
      <c r="F4708" s="8">
        <v>322</v>
      </c>
      <c r="G4708" s="5">
        <v>6</v>
      </c>
      <c r="H4708" s="5" t="s">
        <v>1518</v>
      </c>
      <c r="I4708" s="5" t="s">
        <v>36264</v>
      </c>
      <c r="J4708" s="2" t="s">
        <v>36265</v>
      </c>
      <c r="K4708" s="5" t="s">
        <v>36264</v>
      </c>
      <c r="L4708" s="2" t="s">
        <v>36265</v>
      </c>
      <c r="M4708" s="5" t="s">
        <v>36266</v>
      </c>
      <c r="N4708" s="5" t="s">
        <v>38</v>
      </c>
      <c r="O4708" s="5" t="s">
        <v>39</v>
      </c>
      <c r="P4708" s="5" t="s">
        <v>40</v>
      </c>
      <c r="Q4708" s="5" t="s">
        <v>1522</v>
      </c>
      <c r="R4708" s="5" t="s">
        <v>1523</v>
      </c>
      <c r="S4708" s="5" t="s">
        <v>42</v>
      </c>
      <c r="T4708" s="2">
        <v>3.2850000000000001</v>
      </c>
      <c r="U4708" s="2">
        <v>2.6040000000000001</v>
      </c>
      <c r="V4708" s="2">
        <v>0.02</v>
      </c>
      <c r="W4708" s="2">
        <v>159.1</v>
      </c>
      <c r="X4708" s="2">
        <v>7.6</v>
      </c>
      <c r="Y4708" s="2">
        <v>16.7</v>
      </c>
      <c r="Z4708" s="5"/>
      <c r="AA4708" s="5" t="s">
        <v>43</v>
      </c>
      <c r="AB4708" s="5" t="s">
        <v>44</v>
      </c>
      <c r="AC4708" s="2"/>
      <c r="AD4708" s="1"/>
    </row>
    <row r="4709" spans="1:30">
      <c r="A4709" s="5" t="s">
        <v>83578</v>
      </c>
      <c r="B4709" s="2" t="s">
        <v>97729</v>
      </c>
      <c r="C4709" s="14" t="s">
        <v>97730</v>
      </c>
      <c r="D4709" s="2" t="s">
        <v>97731</v>
      </c>
      <c r="E4709" s="2" t="s">
        <v>36305</v>
      </c>
      <c r="F4709" s="8">
        <v>322</v>
      </c>
      <c r="G4709" s="5">
        <v>6</v>
      </c>
      <c r="H4709" s="5" t="s">
        <v>1518</v>
      </c>
      <c r="I4709" s="5" t="s">
        <v>36264</v>
      </c>
      <c r="J4709" s="2" t="s">
        <v>36265</v>
      </c>
      <c r="K4709" s="5" t="s">
        <v>36264</v>
      </c>
      <c r="L4709" s="2" t="s">
        <v>36265</v>
      </c>
      <c r="M4709" s="5" t="s">
        <v>36266</v>
      </c>
      <c r="N4709" s="5" t="s">
        <v>38</v>
      </c>
      <c r="O4709" s="5" t="s">
        <v>39</v>
      </c>
      <c r="P4709" s="5" t="s">
        <v>40</v>
      </c>
      <c r="Q4709" s="5" t="s">
        <v>1522</v>
      </c>
      <c r="R4709" s="5" t="s">
        <v>1523</v>
      </c>
      <c r="S4709" s="5" t="s">
        <v>42</v>
      </c>
      <c r="T4709" s="2">
        <v>3.2090000000000001</v>
      </c>
      <c r="U4709" s="2">
        <v>2.528</v>
      </c>
      <c r="V4709" s="2">
        <v>0.02</v>
      </c>
      <c r="W4709" s="2">
        <v>159.1</v>
      </c>
      <c r="X4709" s="2">
        <v>7.6</v>
      </c>
      <c r="Y4709" s="2">
        <v>16.7</v>
      </c>
      <c r="Z4709" s="5"/>
      <c r="AA4709" s="5" t="s">
        <v>43</v>
      </c>
      <c r="AB4709" s="5" t="s">
        <v>44</v>
      </c>
      <c r="AC4709" s="2"/>
      <c r="AD4709" s="1"/>
    </row>
    <row r="4710" spans="1:30">
      <c r="A4710" s="5" t="s">
        <v>83578</v>
      </c>
      <c r="B4710" s="2" t="s">
        <v>97732</v>
      </c>
      <c r="C4710" s="14" t="s">
        <v>97733</v>
      </c>
      <c r="D4710" s="2" t="s">
        <v>97734</v>
      </c>
      <c r="E4710" s="2" t="s">
        <v>36309</v>
      </c>
      <c r="F4710" s="8">
        <v>322</v>
      </c>
      <c r="G4710" s="5">
        <v>6</v>
      </c>
      <c r="H4710" s="5" t="s">
        <v>1518</v>
      </c>
      <c r="I4710" s="5" t="s">
        <v>36264</v>
      </c>
      <c r="J4710" s="2" t="s">
        <v>36265</v>
      </c>
      <c r="K4710" s="5" t="s">
        <v>36264</v>
      </c>
      <c r="L4710" s="2" t="s">
        <v>36265</v>
      </c>
      <c r="M4710" s="5" t="s">
        <v>36266</v>
      </c>
      <c r="N4710" s="5" t="s">
        <v>38</v>
      </c>
      <c r="O4710" s="5" t="s">
        <v>39</v>
      </c>
      <c r="P4710" s="5" t="s">
        <v>40</v>
      </c>
      <c r="Q4710" s="5" t="s">
        <v>1522</v>
      </c>
      <c r="R4710" s="5" t="s">
        <v>1523</v>
      </c>
      <c r="S4710" s="5" t="s">
        <v>42</v>
      </c>
      <c r="T4710" s="2">
        <v>3.2850000000000001</v>
      </c>
      <c r="U4710" s="2">
        <v>2.6040000000000001</v>
      </c>
      <c r="V4710" s="2">
        <v>0.02</v>
      </c>
      <c r="W4710" s="2">
        <v>159.1</v>
      </c>
      <c r="X4710" s="2">
        <v>7.6</v>
      </c>
      <c r="Y4710" s="2">
        <v>16.7</v>
      </c>
      <c r="Z4710" s="5"/>
      <c r="AA4710" s="5" t="s">
        <v>43</v>
      </c>
      <c r="AB4710" s="5" t="s">
        <v>44</v>
      </c>
      <c r="AC4710" s="2"/>
      <c r="AD4710" s="1"/>
    </row>
    <row r="4711" spans="1:30">
      <c r="A4711" s="5" t="s">
        <v>83578</v>
      </c>
      <c r="B4711" s="2" t="s">
        <v>97735</v>
      </c>
      <c r="C4711" s="14" t="s">
        <v>97736</v>
      </c>
      <c r="D4711" s="2" t="s">
        <v>97737</v>
      </c>
      <c r="E4711" s="2" t="s">
        <v>36313</v>
      </c>
      <c r="F4711" s="8">
        <v>350</v>
      </c>
      <c r="G4711" s="5">
        <v>6</v>
      </c>
      <c r="H4711" s="5" t="s">
        <v>1518</v>
      </c>
      <c r="I4711" s="5" t="s">
        <v>36264</v>
      </c>
      <c r="J4711" s="2" t="s">
        <v>36265</v>
      </c>
      <c r="K4711" s="5" t="s">
        <v>36264</v>
      </c>
      <c r="L4711" s="2" t="s">
        <v>36265</v>
      </c>
      <c r="M4711" s="5" t="s">
        <v>36266</v>
      </c>
      <c r="N4711" s="5" t="s">
        <v>38</v>
      </c>
      <c r="O4711" s="5" t="s">
        <v>39</v>
      </c>
      <c r="P4711" s="5" t="s">
        <v>40</v>
      </c>
      <c r="Q4711" s="5" t="s">
        <v>1522</v>
      </c>
      <c r="R4711" s="5" t="s">
        <v>1523</v>
      </c>
      <c r="S4711" s="5" t="s">
        <v>42</v>
      </c>
      <c r="T4711" s="2">
        <v>3.2090000000000001</v>
      </c>
      <c r="U4711" s="2">
        <v>2.528</v>
      </c>
      <c r="V4711" s="2">
        <v>0.02</v>
      </c>
      <c r="W4711" s="2">
        <v>159.1</v>
      </c>
      <c r="X4711" s="2">
        <v>7.6</v>
      </c>
      <c r="Y4711" s="2">
        <v>16.7</v>
      </c>
      <c r="Z4711" s="5"/>
      <c r="AA4711" s="5" t="s">
        <v>43</v>
      </c>
      <c r="AB4711" s="5" t="s">
        <v>44</v>
      </c>
      <c r="AC4711" s="2"/>
      <c r="AD4711" s="1"/>
    </row>
    <row r="4712" spans="1:30">
      <c r="A4712" s="5" t="s">
        <v>83578</v>
      </c>
      <c r="B4712" s="2" t="s">
        <v>97738</v>
      </c>
      <c r="C4712" s="14" t="s">
        <v>97739</v>
      </c>
      <c r="D4712" s="2" t="s">
        <v>97740</v>
      </c>
      <c r="E4712" s="2" t="s">
        <v>36317</v>
      </c>
      <c r="F4712" s="8">
        <v>350</v>
      </c>
      <c r="G4712" s="5">
        <v>6</v>
      </c>
      <c r="H4712" s="5" t="s">
        <v>1518</v>
      </c>
      <c r="I4712" s="5" t="s">
        <v>36264</v>
      </c>
      <c r="J4712" s="2" t="s">
        <v>36265</v>
      </c>
      <c r="K4712" s="5" t="s">
        <v>36264</v>
      </c>
      <c r="L4712" s="2" t="s">
        <v>36265</v>
      </c>
      <c r="M4712" s="5" t="s">
        <v>36266</v>
      </c>
      <c r="N4712" s="5" t="s">
        <v>38</v>
      </c>
      <c r="O4712" s="5" t="s">
        <v>39</v>
      </c>
      <c r="P4712" s="5" t="s">
        <v>40</v>
      </c>
      <c r="Q4712" s="5" t="s">
        <v>1522</v>
      </c>
      <c r="R4712" s="5" t="s">
        <v>1523</v>
      </c>
      <c r="S4712" s="5" t="s">
        <v>42</v>
      </c>
      <c r="T4712" s="2">
        <v>3.2850000000000001</v>
      </c>
      <c r="U4712" s="2">
        <v>2.6040000000000001</v>
      </c>
      <c r="V4712" s="2">
        <v>0.02</v>
      </c>
      <c r="W4712" s="2">
        <v>159.1</v>
      </c>
      <c r="X4712" s="2">
        <v>7.6</v>
      </c>
      <c r="Y4712" s="2">
        <v>16.7</v>
      </c>
      <c r="Z4712" s="5"/>
      <c r="AA4712" s="5" t="s">
        <v>43</v>
      </c>
      <c r="AB4712" s="5" t="s">
        <v>44</v>
      </c>
      <c r="AC4712" s="2"/>
      <c r="AD4712" s="1"/>
    </row>
    <row r="4713" spans="1:30">
      <c r="A4713" s="5" t="s">
        <v>83578</v>
      </c>
      <c r="B4713" s="2" t="s">
        <v>97741</v>
      </c>
      <c r="C4713" s="14" t="s">
        <v>97742</v>
      </c>
      <c r="D4713" s="2" t="s">
        <v>97743</v>
      </c>
      <c r="E4713" s="2" t="s">
        <v>36321</v>
      </c>
      <c r="F4713" s="8">
        <v>350</v>
      </c>
      <c r="G4713" s="5">
        <v>6</v>
      </c>
      <c r="H4713" s="5" t="s">
        <v>1518</v>
      </c>
      <c r="I4713" s="5" t="s">
        <v>36264</v>
      </c>
      <c r="J4713" s="2" t="s">
        <v>36265</v>
      </c>
      <c r="K4713" s="5" t="s">
        <v>36264</v>
      </c>
      <c r="L4713" s="2" t="s">
        <v>36265</v>
      </c>
      <c r="M4713" s="5" t="s">
        <v>36266</v>
      </c>
      <c r="N4713" s="5" t="s">
        <v>38</v>
      </c>
      <c r="O4713" s="5" t="s">
        <v>39</v>
      </c>
      <c r="P4713" s="5" t="s">
        <v>40</v>
      </c>
      <c r="Q4713" s="5" t="s">
        <v>1522</v>
      </c>
      <c r="R4713" s="5" t="s">
        <v>1523</v>
      </c>
      <c r="S4713" s="5" t="s">
        <v>42</v>
      </c>
      <c r="T4713" s="2">
        <v>3.2090000000000001</v>
      </c>
      <c r="U4713" s="2">
        <v>2.528</v>
      </c>
      <c r="V4713" s="2">
        <v>0.02</v>
      </c>
      <c r="W4713" s="2">
        <v>159.1</v>
      </c>
      <c r="X4713" s="2">
        <v>7.6</v>
      </c>
      <c r="Y4713" s="2">
        <v>16.7</v>
      </c>
      <c r="Z4713" s="5"/>
      <c r="AA4713" s="5" t="s">
        <v>43</v>
      </c>
      <c r="AB4713" s="5" t="s">
        <v>44</v>
      </c>
      <c r="AC4713" s="2"/>
      <c r="AD4713" s="1"/>
    </row>
    <row r="4714" spans="1:30">
      <c r="A4714" s="5" t="s">
        <v>83578</v>
      </c>
      <c r="B4714" s="2" t="s">
        <v>97744</v>
      </c>
      <c r="C4714" s="14" t="s">
        <v>97745</v>
      </c>
      <c r="D4714" s="2" t="s">
        <v>97746</v>
      </c>
      <c r="E4714" s="2" t="s">
        <v>36325</v>
      </c>
      <c r="F4714" s="8">
        <v>350</v>
      </c>
      <c r="G4714" s="5">
        <v>6</v>
      </c>
      <c r="H4714" s="5" t="s">
        <v>1518</v>
      </c>
      <c r="I4714" s="5" t="s">
        <v>36264</v>
      </c>
      <c r="J4714" s="2" t="s">
        <v>36265</v>
      </c>
      <c r="K4714" s="5" t="s">
        <v>36264</v>
      </c>
      <c r="L4714" s="2" t="s">
        <v>36265</v>
      </c>
      <c r="M4714" s="5" t="s">
        <v>36266</v>
      </c>
      <c r="N4714" s="5" t="s">
        <v>38</v>
      </c>
      <c r="O4714" s="5" t="s">
        <v>39</v>
      </c>
      <c r="P4714" s="5" t="s">
        <v>40</v>
      </c>
      <c r="Q4714" s="5" t="s">
        <v>1522</v>
      </c>
      <c r="R4714" s="5" t="s">
        <v>1523</v>
      </c>
      <c r="S4714" s="5" t="s">
        <v>42</v>
      </c>
      <c r="T4714" s="2">
        <v>3.2850000000000001</v>
      </c>
      <c r="U4714" s="2">
        <v>2.6040000000000001</v>
      </c>
      <c r="V4714" s="2">
        <v>0.02</v>
      </c>
      <c r="W4714" s="2">
        <v>159.1</v>
      </c>
      <c r="X4714" s="2">
        <v>7.6</v>
      </c>
      <c r="Y4714" s="2">
        <v>16.7</v>
      </c>
      <c r="Z4714" s="5"/>
      <c r="AA4714" s="5" t="s">
        <v>43</v>
      </c>
      <c r="AB4714" s="5" t="s">
        <v>44</v>
      </c>
      <c r="AC4714" s="2"/>
      <c r="AD4714" s="1"/>
    </row>
    <row r="4715" spans="1:30">
      <c r="A4715" s="5" t="s">
        <v>83578</v>
      </c>
      <c r="B4715" s="2" t="s">
        <v>97747</v>
      </c>
      <c r="C4715" s="14" t="s">
        <v>97748</v>
      </c>
      <c r="D4715" s="2" t="s">
        <v>97749</v>
      </c>
      <c r="E4715" s="2" t="s">
        <v>36329</v>
      </c>
      <c r="F4715" s="8">
        <v>350</v>
      </c>
      <c r="G4715" s="5">
        <v>6</v>
      </c>
      <c r="H4715" s="5" t="s">
        <v>1518</v>
      </c>
      <c r="I4715" s="5" t="s">
        <v>36264</v>
      </c>
      <c r="J4715" s="2" t="s">
        <v>36265</v>
      </c>
      <c r="K4715" s="5" t="s">
        <v>36264</v>
      </c>
      <c r="L4715" s="2" t="s">
        <v>36265</v>
      </c>
      <c r="M4715" s="5" t="s">
        <v>36266</v>
      </c>
      <c r="N4715" s="5" t="s">
        <v>38</v>
      </c>
      <c r="O4715" s="5" t="s">
        <v>39</v>
      </c>
      <c r="P4715" s="5" t="s">
        <v>40</v>
      </c>
      <c r="Q4715" s="5" t="s">
        <v>1522</v>
      </c>
      <c r="R4715" s="5" t="s">
        <v>1523</v>
      </c>
      <c r="S4715" s="5" t="s">
        <v>42</v>
      </c>
      <c r="T4715" s="2">
        <v>3.2090000000000001</v>
      </c>
      <c r="U4715" s="2">
        <v>2.528</v>
      </c>
      <c r="V4715" s="2">
        <v>0.02</v>
      </c>
      <c r="W4715" s="2">
        <v>159.1</v>
      </c>
      <c r="X4715" s="2">
        <v>7.6</v>
      </c>
      <c r="Y4715" s="2">
        <v>16.7</v>
      </c>
      <c r="Z4715" s="5"/>
      <c r="AA4715" s="5" t="s">
        <v>43</v>
      </c>
      <c r="AB4715" s="5" t="s">
        <v>44</v>
      </c>
      <c r="AC4715" s="2"/>
      <c r="AD4715" s="1"/>
    </row>
    <row r="4716" spans="1:30">
      <c r="A4716" s="5" t="s">
        <v>83578</v>
      </c>
      <c r="B4716" s="2" t="s">
        <v>97750</v>
      </c>
      <c r="C4716" s="14" t="s">
        <v>97751</v>
      </c>
      <c r="D4716" s="2" t="s">
        <v>97752</v>
      </c>
      <c r="E4716" s="2" t="s">
        <v>36333</v>
      </c>
      <c r="F4716" s="8">
        <v>350</v>
      </c>
      <c r="G4716" s="5">
        <v>6</v>
      </c>
      <c r="H4716" s="5" t="s">
        <v>1518</v>
      </c>
      <c r="I4716" s="5" t="s">
        <v>36264</v>
      </c>
      <c r="J4716" s="2" t="s">
        <v>36265</v>
      </c>
      <c r="K4716" s="5" t="s">
        <v>36264</v>
      </c>
      <c r="L4716" s="2" t="s">
        <v>36265</v>
      </c>
      <c r="M4716" s="5" t="s">
        <v>36266</v>
      </c>
      <c r="N4716" s="5" t="s">
        <v>38</v>
      </c>
      <c r="O4716" s="5" t="s">
        <v>39</v>
      </c>
      <c r="P4716" s="5" t="s">
        <v>40</v>
      </c>
      <c r="Q4716" s="5" t="s">
        <v>1522</v>
      </c>
      <c r="R4716" s="5" t="s">
        <v>1523</v>
      </c>
      <c r="S4716" s="5" t="s">
        <v>42</v>
      </c>
      <c r="T4716" s="2">
        <v>3.2850000000000001</v>
      </c>
      <c r="U4716" s="2">
        <v>2.6040000000000001</v>
      </c>
      <c r="V4716" s="2">
        <v>0.02</v>
      </c>
      <c r="W4716" s="2">
        <v>159.1</v>
      </c>
      <c r="X4716" s="2">
        <v>7.6</v>
      </c>
      <c r="Y4716" s="2">
        <v>16.7</v>
      </c>
      <c r="Z4716" s="5"/>
      <c r="AA4716" s="5" t="s">
        <v>43</v>
      </c>
      <c r="AB4716" s="5" t="s">
        <v>44</v>
      </c>
      <c r="AC4716" s="2"/>
      <c r="AD4716" s="1"/>
    </row>
    <row r="4717" spans="1:30">
      <c r="A4717" s="5" t="s">
        <v>83578</v>
      </c>
      <c r="B4717" s="2" t="s">
        <v>97753</v>
      </c>
      <c r="C4717" s="14" t="s">
        <v>97754</v>
      </c>
      <c r="D4717" s="2" t="s">
        <v>97755</v>
      </c>
      <c r="E4717" s="2" t="s">
        <v>36337</v>
      </c>
      <c r="F4717" s="8">
        <v>350</v>
      </c>
      <c r="G4717" s="5">
        <v>6</v>
      </c>
      <c r="H4717" s="5" t="s">
        <v>1518</v>
      </c>
      <c r="I4717" s="5" t="s">
        <v>36264</v>
      </c>
      <c r="J4717" s="2" t="s">
        <v>36265</v>
      </c>
      <c r="K4717" s="5" t="s">
        <v>36264</v>
      </c>
      <c r="L4717" s="2" t="s">
        <v>36265</v>
      </c>
      <c r="M4717" s="5" t="s">
        <v>36266</v>
      </c>
      <c r="N4717" s="5" t="s">
        <v>38</v>
      </c>
      <c r="O4717" s="5" t="s">
        <v>39</v>
      </c>
      <c r="P4717" s="5" t="s">
        <v>40</v>
      </c>
      <c r="Q4717" s="5" t="s">
        <v>1522</v>
      </c>
      <c r="R4717" s="5" t="s">
        <v>1523</v>
      </c>
      <c r="S4717" s="5" t="s">
        <v>42</v>
      </c>
      <c r="T4717" s="2">
        <v>3.2090000000000001</v>
      </c>
      <c r="U4717" s="2">
        <v>2.528</v>
      </c>
      <c r="V4717" s="2">
        <v>0.02</v>
      </c>
      <c r="W4717" s="2">
        <v>159.1</v>
      </c>
      <c r="X4717" s="2">
        <v>7.6</v>
      </c>
      <c r="Y4717" s="2">
        <v>16.7</v>
      </c>
      <c r="Z4717" s="5"/>
      <c r="AA4717" s="5" t="s">
        <v>43</v>
      </c>
      <c r="AB4717" s="5" t="s">
        <v>44</v>
      </c>
      <c r="AC4717" s="2"/>
      <c r="AD4717" s="1"/>
    </row>
    <row r="4718" spans="1:30">
      <c r="A4718" s="5" t="s">
        <v>83578</v>
      </c>
      <c r="B4718" s="2" t="s">
        <v>97756</v>
      </c>
      <c r="C4718" s="14" t="s">
        <v>97757</v>
      </c>
      <c r="D4718" s="2" t="s">
        <v>97758</v>
      </c>
      <c r="E4718" s="2" t="s">
        <v>36341</v>
      </c>
      <c r="F4718" s="8">
        <v>350</v>
      </c>
      <c r="G4718" s="5">
        <v>6</v>
      </c>
      <c r="H4718" s="5" t="s">
        <v>1518</v>
      </c>
      <c r="I4718" s="5" t="s">
        <v>36264</v>
      </c>
      <c r="J4718" s="2" t="s">
        <v>36265</v>
      </c>
      <c r="K4718" s="5" t="s">
        <v>36264</v>
      </c>
      <c r="L4718" s="2" t="s">
        <v>36265</v>
      </c>
      <c r="M4718" s="5" t="s">
        <v>36266</v>
      </c>
      <c r="N4718" s="5" t="s">
        <v>38</v>
      </c>
      <c r="O4718" s="5" t="s">
        <v>39</v>
      </c>
      <c r="P4718" s="5" t="s">
        <v>40</v>
      </c>
      <c r="Q4718" s="5" t="s">
        <v>1522</v>
      </c>
      <c r="R4718" s="5" t="s">
        <v>1523</v>
      </c>
      <c r="S4718" s="5" t="s">
        <v>42</v>
      </c>
      <c r="T4718" s="2">
        <v>3.2850000000000001</v>
      </c>
      <c r="U4718" s="2">
        <v>2.6040000000000001</v>
      </c>
      <c r="V4718" s="2">
        <v>0.02</v>
      </c>
      <c r="W4718" s="2">
        <v>159.1</v>
      </c>
      <c r="X4718" s="2">
        <v>7.6</v>
      </c>
      <c r="Y4718" s="2">
        <v>16.7</v>
      </c>
      <c r="Z4718" s="5"/>
      <c r="AA4718" s="5" t="s">
        <v>43</v>
      </c>
      <c r="AB4718" s="5" t="s">
        <v>44</v>
      </c>
      <c r="AC4718" s="2"/>
      <c r="AD4718" s="1"/>
    </row>
    <row r="4719" spans="1:30">
      <c r="A4719" s="5" t="s">
        <v>83578</v>
      </c>
      <c r="B4719" s="2" t="s">
        <v>97759</v>
      </c>
      <c r="C4719" s="14" t="s">
        <v>97760</v>
      </c>
      <c r="D4719" s="2" t="s">
        <v>97761</v>
      </c>
      <c r="E4719" s="2" t="s">
        <v>36345</v>
      </c>
      <c r="F4719" s="8">
        <v>350</v>
      </c>
      <c r="G4719" s="5">
        <v>6</v>
      </c>
      <c r="H4719" s="5" t="s">
        <v>1518</v>
      </c>
      <c r="I4719" s="5" t="s">
        <v>36264</v>
      </c>
      <c r="J4719" s="2" t="s">
        <v>36265</v>
      </c>
      <c r="K4719" s="5" t="s">
        <v>36264</v>
      </c>
      <c r="L4719" s="2" t="s">
        <v>36265</v>
      </c>
      <c r="M4719" s="5" t="s">
        <v>36266</v>
      </c>
      <c r="N4719" s="5" t="s">
        <v>38</v>
      </c>
      <c r="O4719" s="5" t="s">
        <v>39</v>
      </c>
      <c r="P4719" s="5" t="s">
        <v>40</v>
      </c>
      <c r="Q4719" s="5" t="s">
        <v>1522</v>
      </c>
      <c r="R4719" s="5" t="s">
        <v>1523</v>
      </c>
      <c r="S4719" s="5" t="s">
        <v>42</v>
      </c>
      <c r="T4719" s="2">
        <v>3.2090000000000001</v>
      </c>
      <c r="U4719" s="2">
        <v>2.528</v>
      </c>
      <c r="V4719" s="2">
        <v>0.02</v>
      </c>
      <c r="W4719" s="2">
        <v>159.1</v>
      </c>
      <c r="X4719" s="2">
        <v>7.6</v>
      </c>
      <c r="Y4719" s="2">
        <v>16.7</v>
      </c>
      <c r="Z4719" s="5"/>
      <c r="AA4719" s="5" t="s">
        <v>43</v>
      </c>
      <c r="AB4719" s="5" t="s">
        <v>44</v>
      </c>
      <c r="AC4719" s="2"/>
      <c r="AD4719" s="1"/>
    </row>
    <row r="4720" spans="1:30">
      <c r="A4720" s="5" t="s">
        <v>83578</v>
      </c>
      <c r="B4720" s="2" t="s">
        <v>97762</v>
      </c>
      <c r="C4720" s="14" t="s">
        <v>97763</v>
      </c>
      <c r="D4720" s="2" t="s">
        <v>97764</v>
      </c>
      <c r="E4720" s="2" t="s">
        <v>36349</v>
      </c>
      <c r="F4720" s="8">
        <v>350</v>
      </c>
      <c r="G4720" s="5">
        <v>6</v>
      </c>
      <c r="H4720" s="5" t="s">
        <v>1518</v>
      </c>
      <c r="I4720" s="5" t="s">
        <v>36264</v>
      </c>
      <c r="J4720" s="2" t="s">
        <v>36265</v>
      </c>
      <c r="K4720" s="5" t="s">
        <v>36264</v>
      </c>
      <c r="L4720" s="2" t="s">
        <v>36265</v>
      </c>
      <c r="M4720" s="5" t="s">
        <v>36266</v>
      </c>
      <c r="N4720" s="5" t="s">
        <v>38</v>
      </c>
      <c r="O4720" s="5" t="s">
        <v>39</v>
      </c>
      <c r="P4720" s="5" t="s">
        <v>40</v>
      </c>
      <c r="Q4720" s="5" t="s">
        <v>1522</v>
      </c>
      <c r="R4720" s="5" t="s">
        <v>1523</v>
      </c>
      <c r="S4720" s="5" t="s">
        <v>42</v>
      </c>
      <c r="T4720" s="2">
        <v>3.2850000000000001</v>
      </c>
      <c r="U4720" s="2">
        <v>2.6040000000000001</v>
      </c>
      <c r="V4720" s="2">
        <v>0.02</v>
      </c>
      <c r="W4720" s="2">
        <v>159.1</v>
      </c>
      <c r="X4720" s="2">
        <v>7.6</v>
      </c>
      <c r="Y4720" s="2">
        <v>16.7</v>
      </c>
      <c r="Z4720" s="5"/>
      <c r="AA4720" s="5" t="s">
        <v>43</v>
      </c>
      <c r="AB4720" s="5" t="s">
        <v>44</v>
      </c>
      <c r="AC4720" s="2"/>
      <c r="AD4720" s="1"/>
    </row>
    <row r="4721" spans="1:30">
      <c r="A4721" s="5" t="s">
        <v>83578</v>
      </c>
      <c r="B4721" s="2" t="s">
        <v>97765</v>
      </c>
      <c r="C4721" s="14" t="s">
        <v>97766</v>
      </c>
      <c r="D4721" s="2" t="s">
        <v>97767</v>
      </c>
      <c r="E4721" s="2" t="s">
        <v>36353</v>
      </c>
      <c r="F4721" s="8">
        <v>350</v>
      </c>
      <c r="G4721" s="5">
        <v>6</v>
      </c>
      <c r="H4721" s="5" t="s">
        <v>1518</v>
      </c>
      <c r="I4721" s="5" t="s">
        <v>36264</v>
      </c>
      <c r="J4721" s="2" t="s">
        <v>36265</v>
      </c>
      <c r="K4721" s="5" t="s">
        <v>36264</v>
      </c>
      <c r="L4721" s="2" t="s">
        <v>36265</v>
      </c>
      <c r="M4721" s="5" t="s">
        <v>36266</v>
      </c>
      <c r="N4721" s="5" t="s">
        <v>38</v>
      </c>
      <c r="O4721" s="5" t="s">
        <v>39</v>
      </c>
      <c r="P4721" s="5" t="s">
        <v>40</v>
      </c>
      <c r="Q4721" s="5" t="s">
        <v>1522</v>
      </c>
      <c r="R4721" s="5" t="s">
        <v>1523</v>
      </c>
      <c r="S4721" s="5" t="s">
        <v>42</v>
      </c>
      <c r="T4721" s="2">
        <v>3.2090000000000001</v>
      </c>
      <c r="U4721" s="2">
        <v>2.528</v>
      </c>
      <c r="V4721" s="2">
        <v>0.02</v>
      </c>
      <c r="W4721" s="2">
        <v>159.1</v>
      </c>
      <c r="X4721" s="2">
        <v>7.6</v>
      </c>
      <c r="Y4721" s="2">
        <v>16.7</v>
      </c>
      <c r="Z4721" s="5"/>
      <c r="AA4721" s="5" t="s">
        <v>43</v>
      </c>
      <c r="AB4721" s="5" t="s">
        <v>44</v>
      </c>
      <c r="AC4721" s="2"/>
      <c r="AD4721" s="1"/>
    </row>
    <row r="4722" spans="1:30">
      <c r="A4722" s="5" t="s">
        <v>83578</v>
      </c>
      <c r="B4722" s="2" t="s">
        <v>97768</v>
      </c>
      <c r="C4722" s="14" t="s">
        <v>97769</v>
      </c>
      <c r="D4722" s="2" t="s">
        <v>97770</v>
      </c>
      <c r="E4722" s="2" t="s">
        <v>36357</v>
      </c>
      <c r="F4722" s="8">
        <v>350</v>
      </c>
      <c r="G4722" s="5">
        <v>6</v>
      </c>
      <c r="H4722" s="5" t="s">
        <v>1518</v>
      </c>
      <c r="I4722" s="5" t="s">
        <v>36264</v>
      </c>
      <c r="J4722" s="2" t="s">
        <v>36265</v>
      </c>
      <c r="K4722" s="5" t="s">
        <v>36264</v>
      </c>
      <c r="L4722" s="2" t="s">
        <v>36265</v>
      </c>
      <c r="M4722" s="5" t="s">
        <v>36266</v>
      </c>
      <c r="N4722" s="5" t="s">
        <v>38</v>
      </c>
      <c r="O4722" s="5" t="s">
        <v>39</v>
      </c>
      <c r="P4722" s="5" t="s">
        <v>40</v>
      </c>
      <c r="Q4722" s="5" t="s">
        <v>1522</v>
      </c>
      <c r="R4722" s="5" t="s">
        <v>1523</v>
      </c>
      <c r="S4722" s="5" t="s">
        <v>42</v>
      </c>
      <c r="T4722" s="2">
        <v>3.2850000000000001</v>
      </c>
      <c r="U4722" s="2">
        <v>2.6040000000000001</v>
      </c>
      <c r="V4722" s="2">
        <v>0.02</v>
      </c>
      <c r="W4722" s="2">
        <v>159.1</v>
      </c>
      <c r="X4722" s="2">
        <v>7.6</v>
      </c>
      <c r="Y4722" s="2">
        <v>16.7</v>
      </c>
      <c r="Z4722" s="5"/>
      <c r="AA4722" s="5" t="s">
        <v>43</v>
      </c>
      <c r="AB4722" s="5" t="s">
        <v>44</v>
      </c>
      <c r="AC4722" s="2"/>
      <c r="AD4722" s="1"/>
    </row>
    <row r="4723" spans="1:30">
      <c r="A4723" s="5" t="s">
        <v>83578</v>
      </c>
      <c r="B4723" s="2" t="s">
        <v>97771</v>
      </c>
      <c r="C4723" s="14" t="s">
        <v>97772</v>
      </c>
      <c r="D4723" s="2" t="s">
        <v>97773</v>
      </c>
      <c r="E4723" s="2" t="s">
        <v>45598</v>
      </c>
      <c r="F4723" s="8">
        <v>350</v>
      </c>
      <c r="G4723" s="5">
        <v>6</v>
      </c>
      <c r="H4723" s="5" t="s">
        <v>1518</v>
      </c>
      <c r="I4723" s="5" t="s">
        <v>36264</v>
      </c>
      <c r="J4723" s="2" t="s">
        <v>36265</v>
      </c>
      <c r="K4723" s="5" t="s">
        <v>36264</v>
      </c>
      <c r="L4723" s="2" t="s">
        <v>36265</v>
      </c>
      <c r="M4723" s="5" t="s">
        <v>36266</v>
      </c>
      <c r="N4723" s="5" t="s">
        <v>38</v>
      </c>
      <c r="O4723" s="5" t="s">
        <v>39</v>
      </c>
      <c r="P4723" s="5" t="s">
        <v>40</v>
      </c>
      <c r="Q4723" s="5" t="s">
        <v>1522</v>
      </c>
      <c r="R4723" s="5" t="s">
        <v>1523</v>
      </c>
      <c r="S4723" s="5" t="s">
        <v>42</v>
      </c>
      <c r="T4723" s="2">
        <v>3.2090000000000001</v>
      </c>
      <c r="U4723" s="2">
        <v>2.528</v>
      </c>
      <c r="V4723" s="2">
        <v>0.02</v>
      </c>
      <c r="W4723" s="2">
        <v>159.1</v>
      </c>
      <c r="X4723" s="2">
        <v>7.6</v>
      </c>
      <c r="Y4723" s="2">
        <v>16.7</v>
      </c>
      <c r="Z4723" s="5"/>
      <c r="AA4723" s="5" t="s">
        <v>43</v>
      </c>
      <c r="AB4723" s="5" t="s">
        <v>44</v>
      </c>
      <c r="AC4723" s="2"/>
      <c r="AD4723" s="1"/>
    </row>
    <row r="4724" spans="1:30">
      <c r="A4724" s="5" t="s">
        <v>83578</v>
      </c>
      <c r="B4724" s="2" t="s">
        <v>97774</v>
      </c>
      <c r="C4724" s="14" t="s">
        <v>97775</v>
      </c>
      <c r="D4724" s="2" t="s">
        <v>97776</v>
      </c>
      <c r="E4724" s="2" t="s">
        <v>45534</v>
      </c>
      <c r="F4724" s="8">
        <v>350</v>
      </c>
      <c r="G4724" s="5">
        <v>6</v>
      </c>
      <c r="H4724" s="5" t="s">
        <v>1518</v>
      </c>
      <c r="I4724" s="5" t="s">
        <v>36264</v>
      </c>
      <c r="J4724" s="2" t="s">
        <v>36265</v>
      </c>
      <c r="K4724" s="5" t="s">
        <v>36264</v>
      </c>
      <c r="L4724" s="2" t="s">
        <v>36265</v>
      </c>
      <c r="M4724" s="5" t="s">
        <v>36266</v>
      </c>
      <c r="N4724" s="5" t="s">
        <v>38</v>
      </c>
      <c r="O4724" s="5" t="s">
        <v>39</v>
      </c>
      <c r="P4724" s="5" t="s">
        <v>40</v>
      </c>
      <c r="Q4724" s="5" t="s">
        <v>1522</v>
      </c>
      <c r="R4724" s="5" t="s">
        <v>1523</v>
      </c>
      <c r="S4724" s="5" t="s">
        <v>42</v>
      </c>
      <c r="T4724" s="2">
        <v>3.2850000000000001</v>
      </c>
      <c r="U4724" s="2">
        <v>2.6040000000000001</v>
      </c>
      <c r="V4724" s="2">
        <v>0.02</v>
      </c>
      <c r="W4724" s="2">
        <v>159.1</v>
      </c>
      <c r="X4724" s="2">
        <v>7.6</v>
      </c>
      <c r="Y4724" s="2">
        <v>16.7</v>
      </c>
      <c r="Z4724" s="5"/>
      <c r="AA4724" s="5" t="s">
        <v>43</v>
      </c>
      <c r="AB4724" s="5" t="s">
        <v>44</v>
      </c>
      <c r="AC4724" s="2"/>
      <c r="AD4724" s="1"/>
    </row>
    <row r="4725" spans="1:30">
      <c r="A4725" s="5" t="s">
        <v>83578</v>
      </c>
      <c r="B4725" s="2" t="s">
        <v>97777</v>
      </c>
      <c r="C4725" s="14" t="s">
        <v>97778</v>
      </c>
      <c r="D4725" s="2" t="s">
        <v>97779</v>
      </c>
      <c r="E4725" s="2" t="s">
        <v>36369</v>
      </c>
      <c r="F4725" s="8">
        <v>350</v>
      </c>
      <c r="G4725" s="5">
        <v>6</v>
      </c>
      <c r="H4725" s="5" t="s">
        <v>1518</v>
      </c>
      <c r="I4725" s="5" t="s">
        <v>36264</v>
      </c>
      <c r="J4725" s="2" t="s">
        <v>36265</v>
      </c>
      <c r="K4725" s="5" t="s">
        <v>36264</v>
      </c>
      <c r="L4725" s="2" t="s">
        <v>36265</v>
      </c>
      <c r="M4725" s="5" t="s">
        <v>36266</v>
      </c>
      <c r="N4725" s="5" t="s">
        <v>38</v>
      </c>
      <c r="O4725" s="5" t="s">
        <v>39</v>
      </c>
      <c r="P4725" s="5" t="s">
        <v>40</v>
      </c>
      <c r="Q4725" s="5" t="s">
        <v>1522</v>
      </c>
      <c r="R4725" s="5" t="s">
        <v>1523</v>
      </c>
      <c r="S4725" s="5" t="s">
        <v>42</v>
      </c>
      <c r="T4725" s="2">
        <v>3.2090000000000001</v>
      </c>
      <c r="U4725" s="2">
        <v>2.528</v>
      </c>
      <c r="V4725" s="2">
        <v>0.02</v>
      </c>
      <c r="W4725" s="2">
        <v>159.1</v>
      </c>
      <c r="X4725" s="2">
        <v>7.6</v>
      </c>
      <c r="Y4725" s="2">
        <v>16.7</v>
      </c>
      <c r="Z4725" s="5"/>
      <c r="AA4725" s="5" t="s">
        <v>43</v>
      </c>
      <c r="AB4725" s="5" t="s">
        <v>44</v>
      </c>
      <c r="AC4725" s="2"/>
      <c r="AD4725" s="1"/>
    </row>
    <row r="4726" spans="1:30">
      <c r="A4726" s="5" t="s">
        <v>83578</v>
      </c>
      <c r="B4726" s="2" t="s">
        <v>97780</v>
      </c>
      <c r="C4726" s="14" t="s">
        <v>97781</v>
      </c>
      <c r="D4726" s="2" t="s">
        <v>97782</v>
      </c>
      <c r="E4726" s="2" t="s">
        <v>36373</v>
      </c>
      <c r="F4726" s="8">
        <v>350</v>
      </c>
      <c r="G4726" s="5">
        <v>6</v>
      </c>
      <c r="H4726" s="5" t="s">
        <v>1518</v>
      </c>
      <c r="I4726" s="5" t="s">
        <v>36264</v>
      </c>
      <c r="J4726" s="2" t="s">
        <v>36265</v>
      </c>
      <c r="K4726" s="5" t="s">
        <v>36264</v>
      </c>
      <c r="L4726" s="2" t="s">
        <v>36265</v>
      </c>
      <c r="M4726" s="5" t="s">
        <v>36266</v>
      </c>
      <c r="N4726" s="5" t="s">
        <v>38</v>
      </c>
      <c r="O4726" s="5" t="s">
        <v>39</v>
      </c>
      <c r="P4726" s="5" t="s">
        <v>40</v>
      </c>
      <c r="Q4726" s="5" t="s">
        <v>1522</v>
      </c>
      <c r="R4726" s="5" t="s">
        <v>1523</v>
      </c>
      <c r="S4726" s="5" t="s">
        <v>42</v>
      </c>
      <c r="T4726" s="2">
        <v>3.2850000000000001</v>
      </c>
      <c r="U4726" s="2">
        <v>2.6040000000000001</v>
      </c>
      <c r="V4726" s="2">
        <v>0.02</v>
      </c>
      <c r="W4726" s="2">
        <v>159.1</v>
      </c>
      <c r="X4726" s="2">
        <v>7.6</v>
      </c>
      <c r="Y4726" s="2">
        <v>16.7</v>
      </c>
      <c r="Z4726" s="5"/>
      <c r="AA4726" s="5" t="s">
        <v>43</v>
      </c>
      <c r="AB4726" s="5" t="s">
        <v>44</v>
      </c>
      <c r="AC4726" s="2"/>
      <c r="AD4726" s="1"/>
    </row>
    <row r="4727" spans="1:30">
      <c r="A4727" s="5" t="s">
        <v>83578</v>
      </c>
      <c r="B4727" s="2" t="s">
        <v>97783</v>
      </c>
      <c r="C4727" s="14" t="s">
        <v>97784</v>
      </c>
      <c r="D4727" s="2" t="s">
        <v>97785</v>
      </c>
      <c r="E4727" s="2" t="s">
        <v>36377</v>
      </c>
      <c r="F4727" s="8">
        <v>350</v>
      </c>
      <c r="G4727" s="5">
        <v>6</v>
      </c>
      <c r="H4727" s="5" t="s">
        <v>1518</v>
      </c>
      <c r="I4727" s="5" t="s">
        <v>36264</v>
      </c>
      <c r="J4727" s="2" t="s">
        <v>36265</v>
      </c>
      <c r="K4727" s="5" t="s">
        <v>36264</v>
      </c>
      <c r="L4727" s="2" t="s">
        <v>36265</v>
      </c>
      <c r="M4727" s="5" t="s">
        <v>36266</v>
      </c>
      <c r="N4727" s="5" t="s">
        <v>38</v>
      </c>
      <c r="O4727" s="5" t="s">
        <v>39</v>
      </c>
      <c r="P4727" s="5" t="s">
        <v>40</v>
      </c>
      <c r="Q4727" s="5" t="s">
        <v>1522</v>
      </c>
      <c r="R4727" s="5" t="s">
        <v>1523</v>
      </c>
      <c r="S4727" s="5" t="s">
        <v>42</v>
      </c>
      <c r="T4727" s="2">
        <v>3.2090000000000001</v>
      </c>
      <c r="U4727" s="2">
        <v>2.528</v>
      </c>
      <c r="V4727" s="2">
        <v>0.02</v>
      </c>
      <c r="W4727" s="2">
        <v>159.1</v>
      </c>
      <c r="X4727" s="2">
        <v>7.6</v>
      </c>
      <c r="Y4727" s="2">
        <v>16.7</v>
      </c>
      <c r="Z4727" s="5"/>
      <c r="AA4727" s="5" t="s">
        <v>43</v>
      </c>
      <c r="AB4727" s="5" t="s">
        <v>44</v>
      </c>
      <c r="AC4727" s="2"/>
      <c r="AD4727" s="1"/>
    </row>
    <row r="4728" spans="1:30">
      <c r="A4728" s="5" t="s">
        <v>83578</v>
      </c>
      <c r="B4728" s="2" t="s">
        <v>97786</v>
      </c>
      <c r="C4728" s="14" t="s">
        <v>97787</v>
      </c>
      <c r="D4728" s="2" t="s">
        <v>97788</v>
      </c>
      <c r="E4728" s="2" t="s">
        <v>36381</v>
      </c>
      <c r="F4728" s="8">
        <v>350</v>
      </c>
      <c r="G4728" s="5">
        <v>6</v>
      </c>
      <c r="H4728" s="5" t="s">
        <v>1518</v>
      </c>
      <c r="I4728" s="5" t="s">
        <v>36264</v>
      </c>
      <c r="J4728" s="2" t="s">
        <v>36265</v>
      </c>
      <c r="K4728" s="5" t="s">
        <v>36264</v>
      </c>
      <c r="L4728" s="2" t="s">
        <v>36265</v>
      </c>
      <c r="M4728" s="5" t="s">
        <v>36266</v>
      </c>
      <c r="N4728" s="5" t="s">
        <v>38</v>
      </c>
      <c r="O4728" s="5" t="s">
        <v>39</v>
      </c>
      <c r="P4728" s="5" t="s">
        <v>40</v>
      </c>
      <c r="Q4728" s="5" t="s">
        <v>1522</v>
      </c>
      <c r="R4728" s="5" t="s">
        <v>1523</v>
      </c>
      <c r="S4728" s="5" t="s">
        <v>42</v>
      </c>
      <c r="T4728" s="2">
        <v>3.2850000000000001</v>
      </c>
      <c r="U4728" s="2">
        <v>2.6040000000000001</v>
      </c>
      <c r="V4728" s="2">
        <v>0.02</v>
      </c>
      <c r="W4728" s="2">
        <v>159.1</v>
      </c>
      <c r="X4728" s="2">
        <v>7.6</v>
      </c>
      <c r="Y4728" s="2">
        <v>16.7</v>
      </c>
      <c r="Z4728" s="5"/>
      <c r="AA4728" s="5" t="s">
        <v>43</v>
      </c>
      <c r="AB4728" s="5" t="s">
        <v>44</v>
      </c>
      <c r="AC4728" s="2"/>
      <c r="AD4728" s="1"/>
    </row>
    <row r="4729" spans="1:30">
      <c r="A4729" s="5" t="s">
        <v>83578</v>
      </c>
      <c r="B4729" s="2" t="s">
        <v>97789</v>
      </c>
      <c r="C4729" s="14" t="s">
        <v>97790</v>
      </c>
      <c r="D4729" s="2" t="s">
        <v>97791</v>
      </c>
      <c r="E4729" s="2" t="s">
        <v>36385</v>
      </c>
      <c r="F4729" s="8">
        <v>350</v>
      </c>
      <c r="G4729" s="5">
        <v>6</v>
      </c>
      <c r="H4729" s="5" t="s">
        <v>1518</v>
      </c>
      <c r="I4729" s="5" t="s">
        <v>36264</v>
      </c>
      <c r="J4729" s="2" t="s">
        <v>36265</v>
      </c>
      <c r="K4729" s="5" t="s">
        <v>36264</v>
      </c>
      <c r="L4729" s="2" t="s">
        <v>36265</v>
      </c>
      <c r="M4729" s="5" t="s">
        <v>36266</v>
      </c>
      <c r="N4729" s="5" t="s">
        <v>38</v>
      </c>
      <c r="O4729" s="5" t="s">
        <v>39</v>
      </c>
      <c r="P4729" s="5" t="s">
        <v>40</v>
      </c>
      <c r="Q4729" s="5" t="s">
        <v>1522</v>
      </c>
      <c r="R4729" s="5" t="s">
        <v>1523</v>
      </c>
      <c r="S4729" s="5" t="s">
        <v>42</v>
      </c>
      <c r="T4729" s="2">
        <v>3.2090000000000001</v>
      </c>
      <c r="U4729" s="2">
        <v>2.528</v>
      </c>
      <c r="V4729" s="2">
        <v>0.02</v>
      </c>
      <c r="W4729" s="2">
        <v>159.1</v>
      </c>
      <c r="X4729" s="2">
        <v>7.6</v>
      </c>
      <c r="Y4729" s="2">
        <v>16.7</v>
      </c>
      <c r="Z4729" s="5"/>
      <c r="AA4729" s="5" t="s">
        <v>43</v>
      </c>
      <c r="AB4729" s="5" t="s">
        <v>44</v>
      </c>
      <c r="AC4729" s="2"/>
      <c r="AD4729" s="1"/>
    </row>
    <row r="4730" spans="1:30">
      <c r="A4730" s="5" t="s">
        <v>83578</v>
      </c>
      <c r="B4730" s="2" t="s">
        <v>97792</v>
      </c>
      <c r="C4730" s="14" t="s">
        <v>97793</v>
      </c>
      <c r="D4730" s="2" t="s">
        <v>97794</v>
      </c>
      <c r="E4730" s="2" t="s">
        <v>36389</v>
      </c>
      <c r="F4730" s="8">
        <v>350</v>
      </c>
      <c r="G4730" s="5">
        <v>6</v>
      </c>
      <c r="H4730" s="5" t="s">
        <v>1518</v>
      </c>
      <c r="I4730" s="5" t="s">
        <v>36264</v>
      </c>
      <c r="J4730" s="2" t="s">
        <v>36265</v>
      </c>
      <c r="K4730" s="5" t="s">
        <v>36264</v>
      </c>
      <c r="L4730" s="2" t="s">
        <v>36265</v>
      </c>
      <c r="M4730" s="5" t="s">
        <v>36266</v>
      </c>
      <c r="N4730" s="5" t="s">
        <v>38</v>
      </c>
      <c r="O4730" s="5" t="s">
        <v>39</v>
      </c>
      <c r="P4730" s="5" t="s">
        <v>40</v>
      </c>
      <c r="Q4730" s="5" t="s">
        <v>1522</v>
      </c>
      <c r="R4730" s="5" t="s">
        <v>1523</v>
      </c>
      <c r="S4730" s="5" t="s">
        <v>42</v>
      </c>
      <c r="T4730" s="2">
        <v>3.2850000000000001</v>
      </c>
      <c r="U4730" s="2">
        <v>2.6040000000000001</v>
      </c>
      <c r="V4730" s="2">
        <v>0.02</v>
      </c>
      <c r="W4730" s="2">
        <v>159.1</v>
      </c>
      <c r="X4730" s="2">
        <v>7.6</v>
      </c>
      <c r="Y4730" s="2">
        <v>16.7</v>
      </c>
      <c r="Z4730" s="5"/>
      <c r="AA4730" s="5" t="s">
        <v>43</v>
      </c>
      <c r="AB4730" s="5" t="s">
        <v>44</v>
      </c>
      <c r="AC4730" s="2"/>
      <c r="AD4730" s="1"/>
    </row>
    <row r="4731" spans="1:30">
      <c r="A4731" s="5" t="s">
        <v>83578</v>
      </c>
      <c r="B4731" s="2" t="s">
        <v>97795</v>
      </c>
      <c r="C4731" s="14" t="s">
        <v>97796</v>
      </c>
      <c r="D4731" s="2" t="s">
        <v>97797</v>
      </c>
      <c r="E4731" s="2" t="s">
        <v>36325</v>
      </c>
      <c r="F4731" s="8">
        <v>350</v>
      </c>
      <c r="G4731" s="5">
        <v>6</v>
      </c>
      <c r="H4731" s="5" t="s">
        <v>1518</v>
      </c>
      <c r="I4731" s="5" t="s">
        <v>36264</v>
      </c>
      <c r="J4731" s="2" t="s">
        <v>36265</v>
      </c>
      <c r="K4731" s="5" t="s">
        <v>36264</v>
      </c>
      <c r="L4731" s="2" t="s">
        <v>36265</v>
      </c>
      <c r="M4731" s="5" t="s">
        <v>36266</v>
      </c>
      <c r="N4731" s="5" t="s">
        <v>38</v>
      </c>
      <c r="O4731" s="5" t="s">
        <v>39</v>
      </c>
      <c r="P4731" s="5" t="s">
        <v>40</v>
      </c>
      <c r="Q4731" s="5" t="s">
        <v>1522</v>
      </c>
      <c r="R4731" s="5" t="s">
        <v>1523</v>
      </c>
      <c r="S4731" s="5" t="s">
        <v>42</v>
      </c>
      <c r="T4731" s="2">
        <v>3.67</v>
      </c>
      <c r="U4731" s="2">
        <v>3.0059999999999998</v>
      </c>
      <c r="V4731" s="2">
        <v>0.02</v>
      </c>
      <c r="W4731" s="2">
        <v>159.1</v>
      </c>
      <c r="X4731" s="2">
        <v>7.6</v>
      </c>
      <c r="Y4731" s="2">
        <v>16.7</v>
      </c>
      <c r="Z4731" s="5"/>
      <c r="AA4731" s="5" t="s">
        <v>43</v>
      </c>
      <c r="AB4731" s="5" t="s">
        <v>44</v>
      </c>
      <c r="AC4731" s="2"/>
      <c r="AD4731" s="1"/>
    </row>
    <row r="4732" spans="1:30">
      <c r="A4732" s="5" t="s">
        <v>83578</v>
      </c>
      <c r="B4732" s="2" t="s">
        <v>97798</v>
      </c>
      <c r="C4732" s="14" t="s">
        <v>97799</v>
      </c>
      <c r="D4732" s="2" t="s">
        <v>97800</v>
      </c>
      <c r="E4732" s="2" t="s">
        <v>36337</v>
      </c>
      <c r="F4732" s="8">
        <v>350</v>
      </c>
      <c r="G4732" s="5">
        <v>6</v>
      </c>
      <c r="H4732" s="5" t="s">
        <v>1518</v>
      </c>
      <c r="I4732" s="5" t="s">
        <v>36264</v>
      </c>
      <c r="J4732" s="2" t="s">
        <v>36265</v>
      </c>
      <c r="K4732" s="5" t="s">
        <v>36264</v>
      </c>
      <c r="L4732" s="2" t="s">
        <v>36265</v>
      </c>
      <c r="M4732" s="5" t="s">
        <v>36266</v>
      </c>
      <c r="N4732" s="5" t="s">
        <v>38</v>
      </c>
      <c r="O4732" s="5" t="s">
        <v>39</v>
      </c>
      <c r="P4732" s="5" t="s">
        <v>40</v>
      </c>
      <c r="Q4732" s="5" t="s">
        <v>1522</v>
      </c>
      <c r="R4732" s="5" t="s">
        <v>1523</v>
      </c>
      <c r="S4732" s="5" t="s">
        <v>42</v>
      </c>
      <c r="T4732" s="2">
        <v>3.5710000000000002</v>
      </c>
      <c r="U4732" s="2">
        <v>2.907</v>
      </c>
      <c r="V4732" s="2">
        <v>0.02</v>
      </c>
      <c r="W4732" s="2">
        <v>159.1</v>
      </c>
      <c r="X4732" s="2">
        <v>7.6</v>
      </c>
      <c r="Y4732" s="2">
        <v>16.7</v>
      </c>
      <c r="Z4732" s="5"/>
      <c r="AA4732" s="5" t="s">
        <v>43</v>
      </c>
      <c r="AB4732" s="5" t="s">
        <v>44</v>
      </c>
      <c r="AC4732" s="2"/>
      <c r="AD4732" s="1"/>
    </row>
    <row r="4733" spans="1:30">
      <c r="A4733" s="5" t="s">
        <v>83578</v>
      </c>
      <c r="B4733" s="2" t="s">
        <v>97801</v>
      </c>
      <c r="C4733" s="14" t="s">
        <v>97802</v>
      </c>
      <c r="D4733" s="2" t="s">
        <v>97803</v>
      </c>
      <c r="E4733" s="2" t="s">
        <v>36281</v>
      </c>
      <c r="F4733" s="8">
        <v>369</v>
      </c>
      <c r="G4733" s="5">
        <v>6</v>
      </c>
      <c r="H4733" s="5" t="s">
        <v>1518</v>
      </c>
      <c r="I4733" s="5" t="s">
        <v>36264</v>
      </c>
      <c r="J4733" s="2" t="s">
        <v>36265</v>
      </c>
      <c r="K4733" s="5" t="s">
        <v>36264</v>
      </c>
      <c r="L4733" s="2" t="s">
        <v>36265</v>
      </c>
      <c r="M4733" s="5" t="s">
        <v>36266</v>
      </c>
      <c r="N4733" s="5" t="s">
        <v>38</v>
      </c>
      <c r="O4733" s="5" t="s">
        <v>39</v>
      </c>
      <c r="P4733" s="5" t="s">
        <v>40</v>
      </c>
      <c r="Q4733" s="5" t="s">
        <v>1522</v>
      </c>
      <c r="R4733" s="5" t="s">
        <v>1523</v>
      </c>
      <c r="S4733" s="5" t="s">
        <v>42</v>
      </c>
      <c r="T4733" s="2">
        <v>3.952</v>
      </c>
      <c r="U4733" s="2">
        <v>3.3069999999999999</v>
      </c>
      <c r="V4733" s="2">
        <v>0.02</v>
      </c>
      <c r="W4733" s="2">
        <v>159.1</v>
      </c>
      <c r="X4733" s="2">
        <v>7.6</v>
      </c>
      <c r="Y4733" s="2">
        <v>16.7</v>
      </c>
      <c r="Z4733" s="5"/>
      <c r="AA4733" s="5" t="s">
        <v>43</v>
      </c>
      <c r="AB4733" s="5" t="s">
        <v>44</v>
      </c>
      <c r="AC4733" s="2"/>
      <c r="AD4733" s="1"/>
    </row>
    <row r="4734" spans="1:30">
      <c r="A4734" s="5" t="s">
        <v>83578</v>
      </c>
      <c r="B4734" s="2" t="s">
        <v>97804</v>
      </c>
      <c r="C4734" s="14" t="s">
        <v>97805</v>
      </c>
      <c r="D4734" s="2" t="s">
        <v>97806</v>
      </c>
      <c r="E4734" s="2" t="s">
        <v>36321</v>
      </c>
      <c r="F4734" s="8">
        <v>369</v>
      </c>
      <c r="G4734" s="5">
        <v>6</v>
      </c>
      <c r="H4734" s="5" t="s">
        <v>1518</v>
      </c>
      <c r="I4734" s="5" t="s">
        <v>36264</v>
      </c>
      <c r="J4734" s="2" t="s">
        <v>36265</v>
      </c>
      <c r="K4734" s="5" t="s">
        <v>36264</v>
      </c>
      <c r="L4734" s="2" t="s">
        <v>36265</v>
      </c>
      <c r="M4734" s="5" t="s">
        <v>36266</v>
      </c>
      <c r="N4734" s="5" t="s">
        <v>38</v>
      </c>
      <c r="O4734" s="5" t="s">
        <v>39</v>
      </c>
      <c r="P4734" s="5" t="s">
        <v>40</v>
      </c>
      <c r="Q4734" s="5" t="s">
        <v>1522</v>
      </c>
      <c r="R4734" s="5" t="s">
        <v>1523</v>
      </c>
      <c r="S4734" s="5" t="s">
        <v>42</v>
      </c>
      <c r="T4734" s="2">
        <v>3.952</v>
      </c>
      <c r="U4734" s="2">
        <v>3.3069999999999999</v>
      </c>
      <c r="V4734" s="2">
        <v>0.02</v>
      </c>
      <c r="W4734" s="2">
        <v>159.1</v>
      </c>
      <c r="X4734" s="2">
        <v>7.6</v>
      </c>
      <c r="Y4734" s="2">
        <v>16.7</v>
      </c>
      <c r="Z4734" s="5"/>
      <c r="AA4734" s="5" t="s">
        <v>43</v>
      </c>
      <c r="AB4734" s="5" t="s">
        <v>44</v>
      </c>
      <c r="AC4734" s="2"/>
      <c r="AD4734" s="1"/>
    </row>
    <row r="4735" spans="1:30">
      <c r="A4735" s="5" t="s">
        <v>83578</v>
      </c>
      <c r="B4735" s="2" t="s">
        <v>97807</v>
      </c>
      <c r="C4735" s="14" t="s">
        <v>97808</v>
      </c>
      <c r="D4735" s="2" t="s">
        <v>97809</v>
      </c>
      <c r="E4735" s="2" t="s">
        <v>36337</v>
      </c>
      <c r="F4735" s="8">
        <v>369</v>
      </c>
      <c r="G4735" s="5">
        <v>6</v>
      </c>
      <c r="H4735" s="5" t="s">
        <v>1518</v>
      </c>
      <c r="I4735" s="5" t="s">
        <v>36264</v>
      </c>
      <c r="J4735" s="2" t="s">
        <v>36265</v>
      </c>
      <c r="K4735" s="5" t="s">
        <v>36264</v>
      </c>
      <c r="L4735" s="2" t="s">
        <v>36265</v>
      </c>
      <c r="M4735" s="5" t="s">
        <v>36266</v>
      </c>
      <c r="N4735" s="5" t="s">
        <v>38</v>
      </c>
      <c r="O4735" s="5" t="s">
        <v>39</v>
      </c>
      <c r="P4735" s="5" t="s">
        <v>40</v>
      </c>
      <c r="Q4735" s="5" t="s">
        <v>1522</v>
      </c>
      <c r="R4735" s="5" t="s">
        <v>1523</v>
      </c>
      <c r="S4735" s="5" t="s">
        <v>42</v>
      </c>
      <c r="T4735" s="2">
        <v>3.952</v>
      </c>
      <c r="U4735" s="2">
        <v>3.3069999999999999</v>
      </c>
      <c r="V4735" s="2">
        <v>0.02</v>
      </c>
      <c r="W4735" s="2">
        <v>159.1</v>
      </c>
      <c r="X4735" s="2">
        <v>7.6</v>
      </c>
      <c r="Y4735" s="2">
        <v>16.7</v>
      </c>
      <c r="Z4735" s="5"/>
      <c r="AA4735" s="5" t="s">
        <v>43</v>
      </c>
      <c r="AB4735" s="5" t="s">
        <v>44</v>
      </c>
      <c r="AC4735" s="2"/>
      <c r="AD4735" s="1"/>
    </row>
    <row r="4736" spans="1:30">
      <c r="A4736" s="5" t="s">
        <v>83578</v>
      </c>
      <c r="B4736" s="2" t="s">
        <v>97810</v>
      </c>
      <c r="C4736" s="14" t="s">
        <v>97811</v>
      </c>
      <c r="D4736" s="2" t="s">
        <v>97812</v>
      </c>
      <c r="E4736" s="2" t="s">
        <v>36345</v>
      </c>
      <c r="F4736" s="8">
        <v>369</v>
      </c>
      <c r="G4736" s="5">
        <v>6</v>
      </c>
      <c r="H4736" s="5" t="s">
        <v>1518</v>
      </c>
      <c r="I4736" s="5" t="s">
        <v>36264</v>
      </c>
      <c r="J4736" s="2" t="s">
        <v>36265</v>
      </c>
      <c r="K4736" s="5" t="s">
        <v>36264</v>
      </c>
      <c r="L4736" s="2" t="s">
        <v>36265</v>
      </c>
      <c r="M4736" s="5" t="s">
        <v>36266</v>
      </c>
      <c r="N4736" s="5" t="s">
        <v>38</v>
      </c>
      <c r="O4736" s="5" t="s">
        <v>39</v>
      </c>
      <c r="P4736" s="5" t="s">
        <v>40</v>
      </c>
      <c r="Q4736" s="5" t="s">
        <v>1522</v>
      </c>
      <c r="R4736" s="5" t="s">
        <v>1523</v>
      </c>
      <c r="S4736" s="5" t="s">
        <v>42</v>
      </c>
      <c r="T4736" s="2">
        <v>3.952</v>
      </c>
      <c r="U4736" s="2">
        <v>3.3069999999999999</v>
      </c>
      <c r="V4736" s="2">
        <v>0.02</v>
      </c>
      <c r="W4736" s="2">
        <v>159.1</v>
      </c>
      <c r="X4736" s="2">
        <v>7.6</v>
      </c>
      <c r="Y4736" s="2">
        <v>16.7</v>
      </c>
      <c r="Z4736" s="5"/>
      <c r="AA4736" s="5" t="s">
        <v>43</v>
      </c>
      <c r="AB4736" s="5" t="s">
        <v>44</v>
      </c>
      <c r="AC4736" s="2"/>
      <c r="AD4736" s="1"/>
    </row>
    <row r="4737" spans="1:30">
      <c r="A4737" s="5" t="s">
        <v>83578</v>
      </c>
      <c r="B4737" s="2" t="s">
        <v>97813</v>
      </c>
      <c r="C4737" s="14" t="s">
        <v>97814</v>
      </c>
      <c r="D4737" s="2" t="s">
        <v>97815</v>
      </c>
      <c r="E4737" s="2" t="s">
        <v>36281</v>
      </c>
      <c r="F4737" s="8">
        <v>394</v>
      </c>
      <c r="G4737" s="5">
        <v>6</v>
      </c>
      <c r="H4737" s="5" t="s">
        <v>1518</v>
      </c>
      <c r="I4737" s="5" t="s">
        <v>36264</v>
      </c>
      <c r="J4737" s="2" t="s">
        <v>36265</v>
      </c>
      <c r="K4737" s="5" t="s">
        <v>36264</v>
      </c>
      <c r="L4737" s="2" t="s">
        <v>36265</v>
      </c>
      <c r="M4737" s="5" t="s">
        <v>36266</v>
      </c>
      <c r="N4737" s="5" t="s">
        <v>38</v>
      </c>
      <c r="O4737" s="5" t="s">
        <v>39</v>
      </c>
      <c r="P4737" s="5" t="s">
        <v>40</v>
      </c>
      <c r="Q4737" s="5" t="s">
        <v>1522</v>
      </c>
      <c r="R4737" s="5" t="s">
        <v>1523</v>
      </c>
      <c r="S4737" s="5" t="s">
        <v>42</v>
      </c>
      <c r="T4737" s="2">
        <v>4.1390000000000002</v>
      </c>
      <c r="U4737" s="2">
        <v>3.5030000000000001</v>
      </c>
      <c r="V4737" s="2">
        <v>0.02</v>
      </c>
      <c r="W4737" s="2">
        <v>159.1</v>
      </c>
      <c r="X4737" s="2">
        <v>7.6</v>
      </c>
      <c r="Y4737" s="2">
        <v>16.7</v>
      </c>
      <c r="Z4737" s="5"/>
      <c r="AA4737" s="5" t="s">
        <v>43</v>
      </c>
      <c r="AB4737" s="5" t="s">
        <v>44</v>
      </c>
      <c r="AC4737" s="2"/>
      <c r="AD4737" s="1"/>
    </row>
    <row r="4738" spans="1:30">
      <c r="A4738" s="5" t="s">
        <v>83578</v>
      </c>
      <c r="B4738" s="2" t="s">
        <v>97816</v>
      </c>
      <c r="C4738" s="14" t="s">
        <v>97817</v>
      </c>
      <c r="D4738" s="2" t="s">
        <v>97818</v>
      </c>
      <c r="E4738" s="2" t="s">
        <v>36321</v>
      </c>
      <c r="F4738" s="8">
        <v>394</v>
      </c>
      <c r="G4738" s="5">
        <v>6</v>
      </c>
      <c r="H4738" s="5" t="s">
        <v>1518</v>
      </c>
      <c r="I4738" s="5" t="s">
        <v>36264</v>
      </c>
      <c r="J4738" s="2" t="s">
        <v>36265</v>
      </c>
      <c r="K4738" s="5" t="s">
        <v>36264</v>
      </c>
      <c r="L4738" s="2" t="s">
        <v>36265</v>
      </c>
      <c r="M4738" s="5" t="s">
        <v>36266</v>
      </c>
      <c r="N4738" s="5" t="s">
        <v>38</v>
      </c>
      <c r="O4738" s="5" t="s">
        <v>39</v>
      </c>
      <c r="P4738" s="5" t="s">
        <v>40</v>
      </c>
      <c r="Q4738" s="5" t="s">
        <v>1522</v>
      </c>
      <c r="R4738" s="5" t="s">
        <v>1523</v>
      </c>
      <c r="S4738" s="5" t="s">
        <v>42</v>
      </c>
      <c r="T4738" s="2">
        <v>4.1390000000000002</v>
      </c>
      <c r="U4738" s="2">
        <v>3.5030000000000001</v>
      </c>
      <c r="V4738" s="2">
        <v>0.02</v>
      </c>
      <c r="W4738" s="2">
        <v>159.1</v>
      </c>
      <c r="X4738" s="2">
        <v>7.6</v>
      </c>
      <c r="Y4738" s="2">
        <v>16.7</v>
      </c>
      <c r="Z4738" s="5"/>
      <c r="AA4738" s="5" t="s">
        <v>43</v>
      </c>
      <c r="AB4738" s="5" t="s">
        <v>44</v>
      </c>
      <c r="AC4738" s="2"/>
      <c r="AD4738" s="1"/>
    </row>
    <row r="4739" spans="1:30">
      <c r="A4739" s="5" t="s">
        <v>83578</v>
      </c>
      <c r="B4739" s="2" t="s">
        <v>97819</v>
      </c>
      <c r="C4739" s="14" t="s">
        <v>97820</v>
      </c>
      <c r="D4739" s="2" t="s">
        <v>97821</v>
      </c>
      <c r="E4739" s="2" t="s">
        <v>36325</v>
      </c>
      <c r="F4739" s="8">
        <v>394</v>
      </c>
      <c r="G4739" s="5">
        <v>6</v>
      </c>
      <c r="H4739" s="5" t="s">
        <v>1518</v>
      </c>
      <c r="I4739" s="5" t="s">
        <v>36264</v>
      </c>
      <c r="J4739" s="2" t="s">
        <v>36265</v>
      </c>
      <c r="K4739" s="5" t="s">
        <v>36264</v>
      </c>
      <c r="L4739" s="2" t="s">
        <v>36265</v>
      </c>
      <c r="M4739" s="5" t="s">
        <v>36266</v>
      </c>
      <c r="N4739" s="5" t="s">
        <v>38</v>
      </c>
      <c r="O4739" s="5" t="s">
        <v>39</v>
      </c>
      <c r="P4739" s="5" t="s">
        <v>40</v>
      </c>
      <c r="Q4739" s="5" t="s">
        <v>1522</v>
      </c>
      <c r="R4739" s="5" t="s">
        <v>1523</v>
      </c>
      <c r="S4739" s="5" t="s">
        <v>42</v>
      </c>
      <c r="T4739" s="2">
        <v>4.2729999999999997</v>
      </c>
      <c r="U4739" s="2">
        <v>3.637</v>
      </c>
      <c r="V4739" s="2">
        <v>0.02</v>
      </c>
      <c r="W4739" s="2">
        <v>159.1</v>
      </c>
      <c r="X4739" s="2">
        <v>7.6</v>
      </c>
      <c r="Y4739" s="2">
        <v>16.7</v>
      </c>
      <c r="Z4739" s="5"/>
      <c r="AA4739" s="5" t="s">
        <v>43</v>
      </c>
      <c r="AB4739" s="5" t="s">
        <v>44</v>
      </c>
      <c r="AC4739" s="2"/>
      <c r="AD4739" s="1"/>
    </row>
    <row r="4740" spans="1:30">
      <c r="A4740" s="5" t="s">
        <v>83578</v>
      </c>
      <c r="B4740" s="2" t="s">
        <v>97822</v>
      </c>
      <c r="C4740" s="14" t="s">
        <v>97823</v>
      </c>
      <c r="D4740" s="2" t="s">
        <v>97824</v>
      </c>
      <c r="E4740" s="2" t="s">
        <v>36329</v>
      </c>
      <c r="F4740" s="8">
        <v>394</v>
      </c>
      <c r="G4740" s="5">
        <v>6</v>
      </c>
      <c r="H4740" s="5" t="s">
        <v>1518</v>
      </c>
      <c r="I4740" s="5" t="s">
        <v>36264</v>
      </c>
      <c r="J4740" s="2" t="s">
        <v>36265</v>
      </c>
      <c r="K4740" s="5" t="s">
        <v>36264</v>
      </c>
      <c r="L4740" s="2" t="s">
        <v>36265</v>
      </c>
      <c r="M4740" s="5" t="s">
        <v>36266</v>
      </c>
      <c r="N4740" s="5" t="s">
        <v>38</v>
      </c>
      <c r="O4740" s="5" t="s">
        <v>39</v>
      </c>
      <c r="P4740" s="5" t="s">
        <v>40</v>
      </c>
      <c r="Q4740" s="5" t="s">
        <v>1522</v>
      </c>
      <c r="R4740" s="5" t="s">
        <v>1523</v>
      </c>
      <c r="S4740" s="5" t="s">
        <v>42</v>
      </c>
      <c r="T4740" s="2">
        <v>4.1390000000000002</v>
      </c>
      <c r="U4740" s="2">
        <v>3.5030000000000001</v>
      </c>
      <c r="V4740" s="2">
        <v>0.02</v>
      </c>
      <c r="W4740" s="2">
        <v>159.1</v>
      </c>
      <c r="X4740" s="2">
        <v>7.6</v>
      </c>
      <c r="Y4740" s="2">
        <v>16.7</v>
      </c>
      <c r="Z4740" s="5"/>
      <c r="AA4740" s="5" t="s">
        <v>43</v>
      </c>
      <c r="AB4740" s="5" t="s">
        <v>44</v>
      </c>
      <c r="AC4740" s="2"/>
      <c r="AD4740" s="1"/>
    </row>
    <row r="4741" spans="1:30">
      <c r="A4741" s="5" t="s">
        <v>83578</v>
      </c>
      <c r="B4741" s="2" t="s">
        <v>97825</v>
      </c>
      <c r="C4741" s="14" t="s">
        <v>97826</v>
      </c>
      <c r="D4741" s="2" t="s">
        <v>97827</v>
      </c>
      <c r="E4741" s="2" t="s">
        <v>36337</v>
      </c>
      <c r="F4741" s="8">
        <v>394</v>
      </c>
      <c r="G4741" s="5">
        <v>6</v>
      </c>
      <c r="H4741" s="5" t="s">
        <v>1518</v>
      </c>
      <c r="I4741" s="5" t="s">
        <v>36264</v>
      </c>
      <c r="J4741" s="2" t="s">
        <v>36265</v>
      </c>
      <c r="K4741" s="5" t="s">
        <v>36264</v>
      </c>
      <c r="L4741" s="2" t="s">
        <v>36265</v>
      </c>
      <c r="M4741" s="5" t="s">
        <v>36266</v>
      </c>
      <c r="N4741" s="5" t="s">
        <v>38</v>
      </c>
      <c r="O4741" s="5" t="s">
        <v>39</v>
      </c>
      <c r="P4741" s="5" t="s">
        <v>40</v>
      </c>
      <c r="Q4741" s="5" t="s">
        <v>1522</v>
      </c>
      <c r="R4741" s="5" t="s">
        <v>1523</v>
      </c>
      <c r="S4741" s="5" t="s">
        <v>42</v>
      </c>
      <c r="T4741" s="2">
        <v>4.1390000000000002</v>
      </c>
      <c r="U4741" s="2">
        <v>3.5030000000000001</v>
      </c>
      <c r="V4741" s="2">
        <v>0.02</v>
      </c>
      <c r="W4741" s="2">
        <v>159.1</v>
      </c>
      <c r="X4741" s="2">
        <v>7.6</v>
      </c>
      <c r="Y4741" s="2">
        <v>16.7</v>
      </c>
      <c r="Z4741" s="5"/>
      <c r="AA4741" s="5" t="s">
        <v>43</v>
      </c>
      <c r="AB4741" s="5" t="s">
        <v>44</v>
      </c>
      <c r="AC4741" s="2"/>
      <c r="AD4741" s="1"/>
    </row>
    <row r="4742" spans="1:30">
      <c r="A4742" s="5" t="s">
        <v>83578</v>
      </c>
      <c r="B4742" s="2" t="s">
        <v>97828</v>
      </c>
      <c r="C4742" s="14" t="s">
        <v>97829</v>
      </c>
      <c r="D4742" s="2" t="s">
        <v>97830</v>
      </c>
      <c r="E4742" s="2" t="s">
        <v>36341</v>
      </c>
      <c r="F4742" s="8">
        <v>394</v>
      </c>
      <c r="G4742" s="5">
        <v>6</v>
      </c>
      <c r="H4742" s="5" t="s">
        <v>1518</v>
      </c>
      <c r="I4742" s="5" t="s">
        <v>36264</v>
      </c>
      <c r="J4742" s="2" t="s">
        <v>36265</v>
      </c>
      <c r="K4742" s="5" t="s">
        <v>36264</v>
      </c>
      <c r="L4742" s="2" t="s">
        <v>36265</v>
      </c>
      <c r="M4742" s="5" t="s">
        <v>36266</v>
      </c>
      <c r="N4742" s="5" t="s">
        <v>38</v>
      </c>
      <c r="O4742" s="5" t="s">
        <v>39</v>
      </c>
      <c r="P4742" s="5" t="s">
        <v>40</v>
      </c>
      <c r="Q4742" s="5" t="s">
        <v>1522</v>
      </c>
      <c r="R4742" s="5" t="s">
        <v>1523</v>
      </c>
      <c r="S4742" s="5" t="s">
        <v>42</v>
      </c>
      <c r="T4742" s="2">
        <v>4.2729999999999997</v>
      </c>
      <c r="U4742" s="2">
        <v>3.637</v>
      </c>
      <c r="V4742" s="2">
        <v>0.02</v>
      </c>
      <c r="W4742" s="2">
        <v>159.1</v>
      </c>
      <c r="X4742" s="2">
        <v>7.6</v>
      </c>
      <c r="Y4742" s="2">
        <v>16.7</v>
      </c>
      <c r="Z4742" s="5"/>
      <c r="AA4742" s="5" t="s">
        <v>43</v>
      </c>
      <c r="AB4742" s="5" t="s">
        <v>44</v>
      </c>
      <c r="AC4742" s="2"/>
      <c r="AD4742" s="1"/>
    </row>
    <row r="4743" spans="1:30">
      <c r="A4743" s="5" t="s">
        <v>83578</v>
      </c>
      <c r="B4743" s="2" t="s">
        <v>97831</v>
      </c>
      <c r="C4743" s="14" t="s">
        <v>97832</v>
      </c>
      <c r="D4743" s="2" t="s">
        <v>97833</v>
      </c>
      <c r="E4743" s="2" t="s">
        <v>36345</v>
      </c>
      <c r="F4743" s="8">
        <v>394</v>
      </c>
      <c r="G4743" s="5">
        <v>6</v>
      </c>
      <c r="H4743" s="5" t="s">
        <v>1518</v>
      </c>
      <c r="I4743" s="5" t="s">
        <v>36264</v>
      </c>
      <c r="J4743" s="2" t="s">
        <v>36265</v>
      </c>
      <c r="K4743" s="5" t="s">
        <v>36264</v>
      </c>
      <c r="L4743" s="2" t="s">
        <v>36265</v>
      </c>
      <c r="M4743" s="5" t="s">
        <v>36266</v>
      </c>
      <c r="N4743" s="5" t="s">
        <v>38</v>
      </c>
      <c r="O4743" s="5" t="s">
        <v>39</v>
      </c>
      <c r="P4743" s="5" t="s">
        <v>40</v>
      </c>
      <c r="Q4743" s="5" t="s">
        <v>1522</v>
      </c>
      <c r="R4743" s="5" t="s">
        <v>1523</v>
      </c>
      <c r="S4743" s="5" t="s">
        <v>42</v>
      </c>
      <c r="T4743" s="2">
        <v>4.1390000000000002</v>
      </c>
      <c r="U4743" s="2">
        <v>3.5030000000000001</v>
      </c>
      <c r="V4743" s="2">
        <v>0.02</v>
      </c>
      <c r="W4743" s="2">
        <v>159.1</v>
      </c>
      <c r="X4743" s="2">
        <v>7.6</v>
      </c>
      <c r="Y4743" s="2">
        <v>16.7</v>
      </c>
      <c r="Z4743" s="5"/>
      <c r="AA4743" s="5" t="s">
        <v>43</v>
      </c>
      <c r="AB4743" s="5" t="s">
        <v>44</v>
      </c>
      <c r="AC4743" s="2"/>
      <c r="AD4743" s="1"/>
    </row>
    <row r="4744" spans="1:30">
      <c r="A4744" s="5" t="s">
        <v>83578</v>
      </c>
      <c r="B4744" s="2" t="s">
        <v>97834</v>
      </c>
      <c r="C4744" s="14" t="s">
        <v>97835</v>
      </c>
      <c r="D4744" s="2" t="s">
        <v>97836</v>
      </c>
      <c r="E4744" s="2" t="s">
        <v>36353</v>
      </c>
      <c r="F4744" s="8">
        <v>394</v>
      </c>
      <c r="G4744" s="5">
        <v>6</v>
      </c>
      <c r="H4744" s="5" t="s">
        <v>1518</v>
      </c>
      <c r="I4744" s="5" t="s">
        <v>36264</v>
      </c>
      <c r="J4744" s="2" t="s">
        <v>36265</v>
      </c>
      <c r="K4744" s="5" t="s">
        <v>36264</v>
      </c>
      <c r="L4744" s="2" t="s">
        <v>36265</v>
      </c>
      <c r="M4744" s="5" t="s">
        <v>36266</v>
      </c>
      <c r="N4744" s="5" t="s">
        <v>38</v>
      </c>
      <c r="O4744" s="5" t="s">
        <v>39</v>
      </c>
      <c r="P4744" s="5" t="s">
        <v>40</v>
      </c>
      <c r="Q4744" s="5" t="s">
        <v>1522</v>
      </c>
      <c r="R4744" s="5" t="s">
        <v>1523</v>
      </c>
      <c r="S4744" s="5" t="s">
        <v>42</v>
      </c>
      <c r="T4744" s="2">
        <v>4.1390000000000002</v>
      </c>
      <c r="U4744" s="2">
        <v>3.5030000000000001</v>
      </c>
      <c r="V4744" s="2">
        <v>0.02</v>
      </c>
      <c r="W4744" s="2">
        <v>159.1</v>
      </c>
      <c r="X4744" s="2">
        <v>7.6</v>
      </c>
      <c r="Y4744" s="2">
        <v>16.7</v>
      </c>
      <c r="Z4744" s="5"/>
      <c r="AA4744" s="5" t="s">
        <v>43</v>
      </c>
      <c r="AB4744" s="5" t="s">
        <v>44</v>
      </c>
      <c r="AC4744" s="2"/>
      <c r="AD4744" s="1"/>
    </row>
    <row r="4745" spans="1:30">
      <c r="A4745" s="5" t="s">
        <v>83578</v>
      </c>
      <c r="B4745" s="2" t="s">
        <v>97837</v>
      </c>
      <c r="C4745" s="14" t="s">
        <v>97838</v>
      </c>
      <c r="D4745" s="2" t="s">
        <v>97839</v>
      </c>
      <c r="E4745" s="2" t="s">
        <v>36357</v>
      </c>
      <c r="F4745" s="8">
        <v>394</v>
      </c>
      <c r="G4745" s="5">
        <v>6</v>
      </c>
      <c r="H4745" s="5" t="s">
        <v>1518</v>
      </c>
      <c r="I4745" s="5" t="s">
        <v>36264</v>
      </c>
      <c r="J4745" s="2" t="s">
        <v>36265</v>
      </c>
      <c r="K4745" s="5" t="s">
        <v>36264</v>
      </c>
      <c r="L4745" s="2" t="s">
        <v>36265</v>
      </c>
      <c r="M4745" s="5" t="s">
        <v>36266</v>
      </c>
      <c r="N4745" s="5" t="s">
        <v>38</v>
      </c>
      <c r="O4745" s="5" t="s">
        <v>39</v>
      </c>
      <c r="P4745" s="5" t="s">
        <v>40</v>
      </c>
      <c r="Q4745" s="5" t="s">
        <v>1522</v>
      </c>
      <c r="R4745" s="5" t="s">
        <v>1523</v>
      </c>
      <c r="S4745" s="5" t="s">
        <v>42</v>
      </c>
      <c r="T4745" s="2">
        <v>4.2729999999999997</v>
      </c>
      <c r="U4745" s="2">
        <v>3.637</v>
      </c>
      <c r="V4745" s="2">
        <v>0.02</v>
      </c>
      <c r="W4745" s="2">
        <v>159.1</v>
      </c>
      <c r="X4745" s="2">
        <v>7.6</v>
      </c>
      <c r="Y4745" s="2">
        <v>16.7</v>
      </c>
      <c r="Z4745" s="5"/>
      <c r="AA4745" s="5" t="s">
        <v>43</v>
      </c>
      <c r="AB4745" s="5" t="s">
        <v>44</v>
      </c>
      <c r="AC4745" s="2"/>
      <c r="AD4745" s="1"/>
    </row>
    <row r="4746" spans="1:30">
      <c r="A4746" s="5" t="s">
        <v>83578</v>
      </c>
      <c r="B4746" s="2" t="s">
        <v>97840</v>
      </c>
      <c r="C4746" s="14" t="s">
        <v>97841</v>
      </c>
      <c r="D4746" s="2" t="s">
        <v>97842</v>
      </c>
      <c r="E4746" s="2" t="s">
        <v>45598</v>
      </c>
      <c r="F4746" s="8">
        <v>394</v>
      </c>
      <c r="G4746" s="5">
        <v>6</v>
      </c>
      <c r="H4746" s="5" t="s">
        <v>1518</v>
      </c>
      <c r="I4746" s="5" t="s">
        <v>36264</v>
      </c>
      <c r="J4746" s="2" t="s">
        <v>36265</v>
      </c>
      <c r="K4746" s="5" t="s">
        <v>36264</v>
      </c>
      <c r="L4746" s="2" t="s">
        <v>36265</v>
      </c>
      <c r="M4746" s="5" t="s">
        <v>36266</v>
      </c>
      <c r="N4746" s="5" t="s">
        <v>38</v>
      </c>
      <c r="O4746" s="5" t="s">
        <v>39</v>
      </c>
      <c r="P4746" s="5" t="s">
        <v>40</v>
      </c>
      <c r="Q4746" s="5" t="s">
        <v>1522</v>
      </c>
      <c r="R4746" s="5" t="s">
        <v>1523</v>
      </c>
      <c r="S4746" s="5" t="s">
        <v>42</v>
      </c>
      <c r="T4746" s="2">
        <v>4.1390000000000002</v>
      </c>
      <c r="U4746" s="2">
        <v>3.5030000000000001</v>
      </c>
      <c r="V4746" s="2">
        <v>0.02</v>
      </c>
      <c r="W4746" s="2">
        <v>159.1</v>
      </c>
      <c r="X4746" s="2">
        <v>7.6</v>
      </c>
      <c r="Y4746" s="2">
        <v>16.7</v>
      </c>
      <c r="Z4746" s="5"/>
      <c r="AA4746" s="5" t="s">
        <v>43</v>
      </c>
      <c r="AB4746" s="5" t="s">
        <v>44</v>
      </c>
      <c r="AC4746" s="2"/>
      <c r="AD4746" s="1"/>
    </row>
    <row r="4747" spans="1:30">
      <c r="A4747" s="5" t="s">
        <v>83578</v>
      </c>
      <c r="B4747" s="2" t="s">
        <v>97843</v>
      </c>
      <c r="C4747" s="14" t="s">
        <v>97844</v>
      </c>
      <c r="D4747" s="2" t="s">
        <v>97845</v>
      </c>
      <c r="E4747" s="2" t="s">
        <v>36369</v>
      </c>
      <c r="F4747" s="8">
        <v>394</v>
      </c>
      <c r="G4747" s="5">
        <v>6</v>
      </c>
      <c r="H4747" s="5" t="s">
        <v>1518</v>
      </c>
      <c r="I4747" s="5" t="s">
        <v>36264</v>
      </c>
      <c r="J4747" s="2" t="s">
        <v>36265</v>
      </c>
      <c r="K4747" s="5" t="s">
        <v>36264</v>
      </c>
      <c r="L4747" s="2" t="s">
        <v>36265</v>
      </c>
      <c r="M4747" s="5" t="s">
        <v>36266</v>
      </c>
      <c r="N4747" s="5" t="s">
        <v>38</v>
      </c>
      <c r="O4747" s="5" t="s">
        <v>39</v>
      </c>
      <c r="P4747" s="5" t="s">
        <v>40</v>
      </c>
      <c r="Q4747" s="5" t="s">
        <v>1522</v>
      </c>
      <c r="R4747" s="5" t="s">
        <v>1523</v>
      </c>
      <c r="S4747" s="5" t="s">
        <v>42</v>
      </c>
      <c r="T4747" s="2">
        <v>4.1390000000000002</v>
      </c>
      <c r="U4747" s="2">
        <v>3.5030000000000001</v>
      </c>
      <c r="V4747" s="2">
        <v>0.02</v>
      </c>
      <c r="W4747" s="2">
        <v>159.1</v>
      </c>
      <c r="X4747" s="2">
        <v>7.6</v>
      </c>
      <c r="Y4747" s="2">
        <v>16.7</v>
      </c>
      <c r="Z4747" s="5"/>
      <c r="AA4747" s="5" t="s">
        <v>43</v>
      </c>
      <c r="AB4747" s="5" t="s">
        <v>44</v>
      </c>
      <c r="AC4747" s="2"/>
      <c r="AD4747" s="1"/>
    </row>
    <row r="4748" spans="1:30">
      <c r="A4748" s="5" t="s">
        <v>83578</v>
      </c>
      <c r="B4748" s="2" t="s">
        <v>97846</v>
      </c>
      <c r="C4748" s="14" t="s">
        <v>97847</v>
      </c>
      <c r="D4748" s="2" t="s">
        <v>97848</v>
      </c>
      <c r="E4748" s="2" t="s">
        <v>36373</v>
      </c>
      <c r="F4748" s="8">
        <v>394</v>
      </c>
      <c r="G4748" s="5">
        <v>6</v>
      </c>
      <c r="H4748" s="5" t="s">
        <v>1518</v>
      </c>
      <c r="I4748" s="5" t="s">
        <v>36264</v>
      </c>
      <c r="J4748" s="2" t="s">
        <v>36265</v>
      </c>
      <c r="K4748" s="5" t="s">
        <v>36264</v>
      </c>
      <c r="L4748" s="2" t="s">
        <v>36265</v>
      </c>
      <c r="M4748" s="5" t="s">
        <v>36266</v>
      </c>
      <c r="N4748" s="5" t="s">
        <v>38</v>
      </c>
      <c r="O4748" s="5" t="s">
        <v>39</v>
      </c>
      <c r="P4748" s="5" t="s">
        <v>40</v>
      </c>
      <c r="Q4748" s="5" t="s">
        <v>1522</v>
      </c>
      <c r="R4748" s="5" t="s">
        <v>1523</v>
      </c>
      <c r="S4748" s="5" t="s">
        <v>42</v>
      </c>
      <c r="T4748" s="2">
        <v>4.2729999999999997</v>
      </c>
      <c r="U4748" s="2">
        <v>3.637</v>
      </c>
      <c r="V4748" s="2">
        <v>0.02</v>
      </c>
      <c r="W4748" s="2">
        <v>159.1</v>
      </c>
      <c r="X4748" s="2">
        <v>7.6</v>
      </c>
      <c r="Y4748" s="2">
        <v>16.7</v>
      </c>
      <c r="Z4748" s="5"/>
      <c r="AA4748" s="5" t="s">
        <v>43</v>
      </c>
      <c r="AB4748" s="5" t="s">
        <v>44</v>
      </c>
      <c r="AC4748" s="2"/>
      <c r="AD4748" s="1"/>
    </row>
    <row r="4749" spans="1:30">
      <c r="A4749" s="5" t="s">
        <v>83578</v>
      </c>
      <c r="B4749" s="2" t="s">
        <v>97849</v>
      </c>
      <c r="C4749" s="14" t="s">
        <v>97850</v>
      </c>
      <c r="D4749" s="2" t="s">
        <v>97851</v>
      </c>
      <c r="E4749" s="2" t="s">
        <v>36385</v>
      </c>
      <c r="F4749" s="8">
        <v>394</v>
      </c>
      <c r="G4749" s="5">
        <v>6</v>
      </c>
      <c r="H4749" s="5" t="s">
        <v>1518</v>
      </c>
      <c r="I4749" s="5" t="s">
        <v>36264</v>
      </c>
      <c r="J4749" s="2" t="s">
        <v>36265</v>
      </c>
      <c r="K4749" s="5" t="s">
        <v>36264</v>
      </c>
      <c r="L4749" s="2" t="s">
        <v>36265</v>
      </c>
      <c r="M4749" s="5" t="s">
        <v>36266</v>
      </c>
      <c r="N4749" s="5" t="s">
        <v>38</v>
      </c>
      <c r="O4749" s="5" t="s">
        <v>39</v>
      </c>
      <c r="P4749" s="5" t="s">
        <v>40</v>
      </c>
      <c r="Q4749" s="5" t="s">
        <v>1522</v>
      </c>
      <c r="R4749" s="5" t="s">
        <v>1523</v>
      </c>
      <c r="S4749" s="5" t="s">
        <v>42</v>
      </c>
      <c r="T4749" s="2">
        <v>4.1390000000000002</v>
      </c>
      <c r="U4749" s="2">
        <v>3.5030000000000001</v>
      </c>
      <c r="V4749" s="2">
        <v>0.02</v>
      </c>
      <c r="W4749" s="2">
        <v>159.1</v>
      </c>
      <c r="X4749" s="2">
        <v>7.6</v>
      </c>
      <c r="Y4749" s="2">
        <v>16.7</v>
      </c>
      <c r="Z4749" s="5"/>
      <c r="AA4749" s="5" t="s">
        <v>43</v>
      </c>
      <c r="AB4749" s="5" t="s">
        <v>44</v>
      </c>
      <c r="AC4749" s="2"/>
      <c r="AD4749" s="1"/>
    </row>
    <row r="4750" spans="1:30">
      <c r="A4750" s="5" t="s">
        <v>83578</v>
      </c>
      <c r="B4750" s="2" t="s">
        <v>97852</v>
      </c>
      <c r="C4750" s="14" t="s">
        <v>97853</v>
      </c>
      <c r="D4750" s="2" t="s">
        <v>97854</v>
      </c>
      <c r="E4750" s="2" t="s">
        <v>36389</v>
      </c>
      <c r="F4750" s="8">
        <v>394</v>
      </c>
      <c r="G4750" s="5">
        <v>6</v>
      </c>
      <c r="H4750" s="5" t="s">
        <v>1518</v>
      </c>
      <c r="I4750" s="5" t="s">
        <v>36264</v>
      </c>
      <c r="J4750" s="2" t="s">
        <v>36265</v>
      </c>
      <c r="K4750" s="5" t="s">
        <v>36264</v>
      </c>
      <c r="L4750" s="2" t="s">
        <v>36265</v>
      </c>
      <c r="M4750" s="5" t="s">
        <v>36266</v>
      </c>
      <c r="N4750" s="5" t="s">
        <v>38</v>
      </c>
      <c r="O4750" s="5" t="s">
        <v>39</v>
      </c>
      <c r="P4750" s="5" t="s">
        <v>40</v>
      </c>
      <c r="Q4750" s="5" t="s">
        <v>1522</v>
      </c>
      <c r="R4750" s="5" t="s">
        <v>1523</v>
      </c>
      <c r="S4750" s="5" t="s">
        <v>42</v>
      </c>
      <c r="T4750" s="2">
        <v>4.2729999999999997</v>
      </c>
      <c r="U4750" s="2">
        <v>3.637</v>
      </c>
      <c r="V4750" s="2">
        <v>0.02</v>
      </c>
      <c r="W4750" s="2">
        <v>159.1</v>
      </c>
      <c r="X4750" s="2">
        <v>7.6</v>
      </c>
      <c r="Y4750" s="2">
        <v>16.7</v>
      </c>
      <c r="Z4750" s="5"/>
      <c r="AA4750" s="5" t="s">
        <v>43</v>
      </c>
      <c r="AB4750" s="5" t="s">
        <v>44</v>
      </c>
      <c r="AC4750" s="2"/>
      <c r="AD4750" s="1"/>
    </row>
    <row r="4751" spans="1:30">
      <c r="A4751" s="5" t="s">
        <v>83578</v>
      </c>
      <c r="B4751" s="2" t="s">
        <v>97855</v>
      </c>
      <c r="C4751" s="14" t="s">
        <v>97856</v>
      </c>
      <c r="D4751" s="2" t="s">
        <v>97857</v>
      </c>
      <c r="E4751" s="2" t="s">
        <v>47195</v>
      </c>
      <c r="F4751" s="8">
        <v>242</v>
      </c>
      <c r="G4751" s="5">
        <v>6</v>
      </c>
      <c r="H4751" s="5" t="s">
        <v>1518</v>
      </c>
      <c r="I4751" s="5" t="s">
        <v>40939</v>
      </c>
      <c r="J4751" s="2" t="s">
        <v>40940</v>
      </c>
      <c r="K4751" s="5" t="s">
        <v>40939</v>
      </c>
      <c r="L4751" s="2" t="s">
        <v>40940</v>
      </c>
      <c r="M4751" s="5" t="s">
        <v>36266</v>
      </c>
      <c r="N4751" s="5" t="s">
        <v>38</v>
      </c>
      <c r="O4751" s="5" t="s">
        <v>39</v>
      </c>
      <c r="P4751" s="5" t="s">
        <v>40</v>
      </c>
      <c r="Q4751" s="5" t="s">
        <v>1522</v>
      </c>
      <c r="R4751" s="5" t="s">
        <v>1523</v>
      </c>
      <c r="S4751" s="5" t="s">
        <v>42</v>
      </c>
      <c r="T4751" s="2">
        <v>2.0179999999999998</v>
      </c>
      <c r="U4751" s="2">
        <v>1.556</v>
      </c>
      <c r="V4751" s="2">
        <v>0.01</v>
      </c>
      <c r="W4751" s="2">
        <v>76.900000000000006</v>
      </c>
      <c r="X4751" s="2">
        <v>7.6</v>
      </c>
      <c r="Y4751" s="2">
        <v>16.7</v>
      </c>
      <c r="Z4751" s="5"/>
      <c r="AA4751" s="5" t="s">
        <v>43</v>
      </c>
      <c r="AB4751" s="5" t="s">
        <v>44</v>
      </c>
      <c r="AC4751" s="2"/>
      <c r="AD4751" s="1"/>
    </row>
    <row r="4752" spans="1:30">
      <c r="A4752" s="5" t="s">
        <v>83578</v>
      </c>
      <c r="B4752" s="2" t="s">
        <v>97858</v>
      </c>
      <c r="C4752" s="14" t="s">
        <v>97859</v>
      </c>
      <c r="D4752" s="2" t="s">
        <v>97860</v>
      </c>
      <c r="E4752" s="2" t="s">
        <v>7521</v>
      </c>
      <c r="F4752" s="8">
        <v>228</v>
      </c>
      <c r="G4752" s="5">
        <v>6</v>
      </c>
      <c r="H4752" s="5" t="s">
        <v>1518</v>
      </c>
      <c r="I4752" s="5" t="s">
        <v>40939</v>
      </c>
      <c r="J4752" s="2" t="s">
        <v>40940</v>
      </c>
      <c r="K4752" s="5" t="s">
        <v>40939</v>
      </c>
      <c r="L4752" s="2" t="s">
        <v>40940</v>
      </c>
      <c r="M4752" s="5" t="s">
        <v>36266</v>
      </c>
      <c r="N4752" s="5" t="s">
        <v>38</v>
      </c>
      <c r="O4752" s="5" t="s">
        <v>39</v>
      </c>
      <c r="P4752" s="5" t="s">
        <v>40</v>
      </c>
      <c r="Q4752" s="5" t="s">
        <v>1522</v>
      </c>
      <c r="R4752" s="5" t="s">
        <v>1523</v>
      </c>
      <c r="S4752" s="5" t="s">
        <v>42</v>
      </c>
      <c r="T4752" s="2">
        <v>2.0209999999999999</v>
      </c>
      <c r="U4752" s="2">
        <v>1.5589999999999999</v>
      </c>
      <c r="V4752" s="2">
        <v>0.01</v>
      </c>
      <c r="W4752" s="2">
        <v>76.900000000000006</v>
      </c>
      <c r="X4752" s="2">
        <v>7.6</v>
      </c>
      <c r="Y4752" s="2">
        <v>16.7</v>
      </c>
      <c r="Z4752" s="5"/>
      <c r="AA4752" s="5" t="s">
        <v>43</v>
      </c>
      <c r="AB4752" s="5" t="s">
        <v>44</v>
      </c>
      <c r="AC4752" s="2"/>
      <c r="AD4752" s="1"/>
    </row>
    <row r="4753" spans="1:30">
      <c r="A4753" s="5" t="s">
        <v>83578</v>
      </c>
      <c r="B4753" s="2" t="s">
        <v>97861</v>
      </c>
      <c r="C4753" s="14" t="s">
        <v>97862</v>
      </c>
      <c r="D4753" s="2" t="s">
        <v>97863</v>
      </c>
      <c r="E4753" s="2" t="s">
        <v>36273</v>
      </c>
      <c r="F4753" s="8">
        <v>228</v>
      </c>
      <c r="G4753" s="5">
        <v>6</v>
      </c>
      <c r="H4753" s="5" t="s">
        <v>1518</v>
      </c>
      <c r="I4753" s="5" t="s">
        <v>40939</v>
      </c>
      <c r="J4753" s="2" t="s">
        <v>40940</v>
      </c>
      <c r="K4753" s="5" t="s">
        <v>40939</v>
      </c>
      <c r="L4753" s="2" t="s">
        <v>40940</v>
      </c>
      <c r="M4753" s="5" t="s">
        <v>36266</v>
      </c>
      <c r="N4753" s="5" t="s">
        <v>38</v>
      </c>
      <c r="O4753" s="5" t="s">
        <v>39</v>
      </c>
      <c r="P4753" s="5" t="s">
        <v>40</v>
      </c>
      <c r="Q4753" s="5" t="s">
        <v>1522</v>
      </c>
      <c r="R4753" s="5" t="s">
        <v>1523</v>
      </c>
      <c r="S4753" s="5" t="s">
        <v>42</v>
      </c>
      <c r="T4753" s="2">
        <v>1.98</v>
      </c>
      <c r="U4753" s="2">
        <v>1.518</v>
      </c>
      <c r="V4753" s="2">
        <v>0.01</v>
      </c>
      <c r="W4753" s="2">
        <v>76.900000000000006</v>
      </c>
      <c r="X4753" s="2">
        <v>7.6</v>
      </c>
      <c r="Y4753" s="2">
        <v>16.7</v>
      </c>
      <c r="Z4753" s="5"/>
      <c r="AA4753" s="5" t="s">
        <v>43</v>
      </c>
      <c r="AB4753" s="5" t="s">
        <v>44</v>
      </c>
      <c r="AC4753" s="2"/>
      <c r="AD4753" s="1"/>
    </row>
    <row r="4754" spans="1:30">
      <c r="A4754" s="5" t="s">
        <v>83578</v>
      </c>
      <c r="B4754" s="2" t="s">
        <v>97864</v>
      </c>
      <c r="C4754" s="14" t="s">
        <v>97865</v>
      </c>
      <c r="D4754" s="2" t="s">
        <v>97866</v>
      </c>
      <c r="E4754" s="2" t="s">
        <v>36277</v>
      </c>
      <c r="F4754" s="8">
        <v>228</v>
      </c>
      <c r="G4754" s="5">
        <v>6</v>
      </c>
      <c r="H4754" s="5" t="s">
        <v>1518</v>
      </c>
      <c r="I4754" s="5" t="s">
        <v>40939</v>
      </c>
      <c r="J4754" s="2" t="s">
        <v>40940</v>
      </c>
      <c r="K4754" s="5" t="s">
        <v>40939</v>
      </c>
      <c r="L4754" s="2" t="s">
        <v>40940</v>
      </c>
      <c r="M4754" s="5" t="s">
        <v>36266</v>
      </c>
      <c r="N4754" s="5" t="s">
        <v>38</v>
      </c>
      <c r="O4754" s="5" t="s">
        <v>39</v>
      </c>
      <c r="P4754" s="5" t="s">
        <v>40</v>
      </c>
      <c r="Q4754" s="5" t="s">
        <v>1522</v>
      </c>
      <c r="R4754" s="5" t="s">
        <v>1523</v>
      </c>
      <c r="S4754" s="5" t="s">
        <v>42</v>
      </c>
      <c r="T4754" s="2">
        <v>2.0270000000000001</v>
      </c>
      <c r="U4754" s="2">
        <v>1.5649999999999999</v>
      </c>
      <c r="V4754" s="2">
        <v>0.01</v>
      </c>
      <c r="W4754" s="2">
        <v>76.900000000000006</v>
      </c>
      <c r="X4754" s="2">
        <v>7.6</v>
      </c>
      <c r="Y4754" s="2">
        <v>16.7</v>
      </c>
      <c r="Z4754" s="5"/>
      <c r="AA4754" s="5" t="s">
        <v>43</v>
      </c>
      <c r="AB4754" s="5" t="s">
        <v>44</v>
      </c>
      <c r="AC4754" s="2"/>
      <c r="AD4754" s="1"/>
    </row>
    <row r="4755" spans="1:30">
      <c r="A4755" s="5" t="s">
        <v>83578</v>
      </c>
      <c r="B4755" s="2" t="s">
        <v>97867</v>
      </c>
      <c r="C4755" s="14" t="s">
        <v>97868</v>
      </c>
      <c r="D4755" s="2" t="s">
        <v>97869</v>
      </c>
      <c r="E4755" s="2" t="s">
        <v>40967</v>
      </c>
      <c r="F4755" s="8">
        <v>242</v>
      </c>
      <c r="G4755" s="5">
        <v>6</v>
      </c>
      <c r="H4755" s="5" t="s">
        <v>1518</v>
      </c>
      <c r="I4755" s="5" t="s">
        <v>40939</v>
      </c>
      <c r="J4755" s="2" t="s">
        <v>40940</v>
      </c>
      <c r="K4755" s="5" t="s">
        <v>40939</v>
      </c>
      <c r="L4755" s="2" t="s">
        <v>40940</v>
      </c>
      <c r="M4755" s="5" t="s">
        <v>36266</v>
      </c>
      <c r="N4755" s="5" t="s">
        <v>38</v>
      </c>
      <c r="O4755" s="5" t="s">
        <v>39</v>
      </c>
      <c r="P4755" s="5" t="s">
        <v>40</v>
      </c>
      <c r="Q4755" s="5" t="s">
        <v>1522</v>
      </c>
      <c r="R4755" s="5" t="s">
        <v>1523</v>
      </c>
      <c r="S4755" s="5" t="s">
        <v>42</v>
      </c>
      <c r="T4755" s="2">
        <v>1.974</v>
      </c>
      <c r="U4755" s="2">
        <v>1.512</v>
      </c>
      <c r="V4755" s="2">
        <v>0.01</v>
      </c>
      <c r="W4755" s="2">
        <v>76.900000000000006</v>
      </c>
      <c r="X4755" s="2">
        <v>7.6</v>
      </c>
      <c r="Y4755" s="2">
        <v>16.7</v>
      </c>
      <c r="Z4755" s="5"/>
      <c r="AA4755" s="5" t="s">
        <v>43</v>
      </c>
      <c r="AB4755" s="5" t="s">
        <v>44</v>
      </c>
      <c r="AC4755" s="2"/>
      <c r="AD4755" s="1"/>
    </row>
    <row r="4756" spans="1:30">
      <c r="A4756" s="5" t="s">
        <v>83578</v>
      </c>
      <c r="B4756" s="2" t="s">
        <v>97870</v>
      </c>
      <c r="C4756" s="14" t="s">
        <v>97871</v>
      </c>
      <c r="D4756" s="2" t="s">
        <v>97872</v>
      </c>
      <c r="E4756" s="2" t="s">
        <v>40971</v>
      </c>
      <c r="F4756" s="8">
        <v>242</v>
      </c>
      <c r="G4756" s="5">
        <v>6</v>
      </c>
      <c r="H4756" s="5" t="s">
        <v>1518</v>
      </c>
      <c r="I4756" s="5" t="s">
        <v>40939</v>
      </c>
      <c r="J4756" s="2" t="s">
        <v>40940</v>
      </c>
      <c r="K4756" s="5" t="s">
        <v>40939</v>
      </c>
      <c r="L4756" s="2" t="s">
        <v>40940</v>
      </c>
      <c r="M4756" s="5" t="s">
        <v>36266</v>
      </c>
      <c r="N4756" s="5" t="s">
        <v>38</v>
      </c>
      <c r="O4756" s="5" t="s">
        <v>39</v>
      </c>
      <c r="P4756" s="5" t="s">
        <v>40</v>
      </c>
      <c r="Q4756" s="5" t="s">
        <v>1522</v>
      </c>
      <c r="R4756" s="5" t="s">
        <v>1523</v>
      </c>
      <c r="S4756" s="5" t="s">
        <v>42</v>
      </c>
      <c r="T4756" s="2">
        <v>2.0209999999999999</v>
      </c>
      <c r="U4756" s="2">
        <v>1.5589999999999999</v>
      </c>
      <c r="V4756" s="2">
        <v>0.01</v>
      </c>
      <c r="W4756" s="2">
        <v>76.900000000000006</v>
      </c>
      <c r="X4756" s="2">
        <v>7.6</v>
      </c>
      <c r="Y4756" s="2">
        <v>16.7</v>
      </c>
      <c r="Z4756" s="5"/>
      <c r="AA4756" s="5" t="s">
        <v>43</v>
      </c>
      <c r="AB4756" s="5" t="s">
        <v>44</v>
      </c>
      <c r="AC4756" s="2"/>
      <c r="AD4756" s="1"/>
    </row>
    <row r="4757" spans="1:30">
      <c r="A4757" s="5" t="s">
        <v>83578</v>
      </c>
      <c r="B4757" s="2" t="s">
        <v>97873</v>
      </c>
      <c r="C4757" s="14" t="s">
        <v>97874</v>
      </c>
      <c r="D4757" s="2" t="s">
        <v>97875</v>
      </c>
      <c r="E4757" s="2" t="s">
        <v>47226</v>
      </c>
      <c r="F4757" s="8">
        <v>242</v>
      </c>
      <c r="G4757" s="5">
        <v>6</v>
      </c>
      <c r="H4757" s="5" t="s">
        <v>1518</v>
      </c>
      <c r="I4757" s="5" t="s">
        <v>40939</v>
      </c>
      <c r="J4757" s="2" t="s">
        <v>40940</v>
      </c>
      <c r="K4757" s="5" t="s">
        <v>40939</v>
      </c>
      <c r="L4757" s="2" t="s">
        <v>40940</v>
      </c>
      <c r="M4757" s="5" t="s">
        <v>36266</v>
      </c>
      <c r="N4757" s="5" t="s">
        <v>38</v>
      </c>
      <c r="O4757" s="5" t="s">
        <v>39</v>
      </c>
      <c r="P4757" s="5" t="s">
        <v>40</v>
      </c>
      <c r="Q4757" s="5" t="s">
        <v>1522</v>
      </c>
      <c r="R4757" s="5" t="s">
        <v>1523</v>
      </c>
      <c r="S4757" s="5" t="s">
        <v>42</v>
      </c>
      <c r="T4757" s="2">
        <v>1.974</v>
      </c>
      <c r="U4757" s="2">
        <v>1.512</v>
      </c>
      <c r="V4757" s="2">
        <v>0.01</v>
      </c>
      <c r="W4757" s="2">
        <v>76.900000000000006</v>
      </c>
      <c r="X4757" s="2">
        <v>7.6</v>
      </c>
      <c r="Y4757" s="2">
        <v>16.7</v>
      </c>
      <c r="Z4757" s="5"/>
      <c r="AA4757" s="5" t="s">
        <v>43</v>
      </c>
      <c r="AB4757" s="5" t="s">
        <v>44</v>
      </c>
      <c r="AC4757" s="2"/>
      <c r="AD4757" s="1"/>
    </row>
    <row r="4758" spans="1:30">
      <c r="A4758" s="5" t="s">
        <v>83578</v>
      </c>
      <c r="B4758" s="2" t="s">
        <v>97876</v>
      </c>
      <c r="C4758" s="14" t="s">
        <v>97877</v>
      </c>
      <c r="D4758" s="2" t="s">
        <v>97878</v>
      </c>
      <c r="E4758" s="2" t="s">
        <v>47735</v>
      </c>
      <c r="F4758" s="8">
        <v>242</v>
      </c>
      <c r="G4758" s="5">
        <v>6</v>
      </c>
      <c r="H4758" s="5" t="s">
        <v>1518</v>
      </c>
      <c r="I4758" s="5" t="s">
        <v>40939</v>
      </c>
      <c r="J4758" s="2" t="s">
        <v>40940</v>
      </c>
      <c r="K4758" s="5" t="s">
        <v>40939</v>
      </c>
      <c r="L4758" s="2" t="s">
        <v>40940</v>
      </c>
      <c r="M4758" s="5" t="s">
        <v>36266</v>
      </c>
      <c r="N4758" s="5" t="s">
        <v>38</v>
      </c>
      <c r="O4758" s="5" t="s">
        <v>39</v>
      </c>
      <c r="P4758" s="5" t="s">
        <v>40</v>
      </c>
      <c r="Q4758" s="5" t="s">
        <v>1522</v>
      </c>
      <c r="R4758" s="5" t="s">
        <v>1523</v>
      </c>
      <c r="S4758" s="5" t="s">
        <v>42</v>
      </c>
      <c r="T4758" s="2">
        <v>2.0209999999999999</v>
      </c>
      <c r="U4758" s="2">
        <v>1.5589999999999999</v>
      </c>
      <c r="V4758" s="2">
        <v>0.01</v>
      </c>
      <c r="W4758" s="2">
        <v>76.900000000000006</v>
      </c>
      <c r="X4758" s="2">
        <v>7.6</v>
      </c>
      <c r="Y4758" s="2">
        <v>16.7</v>
      </c>
      <c r="Z4758" s="5"/>
      <c r="AA4758" s="5" t="s">
        <v>43</v>
      </c>
      <c r="AB4758" s="5" t="s">
        <v>44</v>
      </c>
      <c r="AC4758" s="2"/>
      <c r="AD4758" s="1"/>
    </row>
    <row r="4759" spans="1:30">
      <c r="A4759" s="5" t="s">
        <v>83578</v>
      </c>
      <c r="B4759" s="2" t="s">
        <v>97879</v>
      </c>
      <c r="C4759" s="14" t="s">
        <v>97880</v>
      </c>
      <c r="D4759" s="2" t="s">
        <v>97881</v>
      </c>
      <c r="E4759" s="2" t="s">
        <v>7539</v>
      </c>
      <c r="F4759" s="8">
        <v>242</v>
      </c>
      <c r="G4759" s="5">
        <v>6</v>
      </c>
      <c r="H4759" s="5" t="s">
        <v>1518</v>
      </c>
      <c r="I4759" s="5" t="s">
        <v>40939</v>
      </c>
      <c r="J4759" s="2" t="s">
        <v>40940</v>
      </c>
      <c r="K4759" s="5" t="s">
        <v>40939</v>
      </c>
      <c r="L4759" s="2" t="s">
        <v>40940</v>
      </c>
      <c r="M4759" s="5" t="s">
        <v>36266</v>
      </c>
      <c r="N4759" s="5" t="s">
        <v>38</v>
      </c>
      <c r="O4759" s="5" t="s">
        <v>39</v>
      </c>
      <c r="P4759" s="5" t="s">
        <v>40</v>
      </c>
      <c r="Q4759" s="5" t="s">
        <v>1522</v>
      </c>
      <c r="R4759" s="5" t="s">
        <v>1523</v>
      </c>
      <c r="S4759" s="5" t="s">
        <v>42</v>
      </c>
      <c r="T4759" s="2">
        <v>1.96</v>
      </c>
      <c r="U4759" s="2">
        <v>1.498</v>
      </c>
      <c r="V4759" s="2">
        <v>0.01</v>
      </c>
      <c r="W4759" s="2">
        <v>76.900000000000006</v>
      </c>
      <c r="X4759" s="2">
        <v>7.6</v>
      </c>
      <c r="Y4759" s="2">
        <v>16.7</v>
      </c>
      <c r="Z4759" s="5"/>
      <c r="AA4759" s="5" t="s">
        <v>43</v>
      </c>
      <c r="AB4759" s="5" t="s">
        <v>44</v>
      </c>
      <c r="AC4759" s="2"/>
      <c r="AD4759" s="1"/>
    </row>
    <row r="4760" spans="1:30">
      <c r="A4760" s="5" t="s">
        <v>83578</v>
      </c>
      <c r="B4760" s="2" t="s">
        <v>97882</v>
      </c>
      <c r="C4760" s="14" t="s">
        <v>97883</v>
      </c>
      <c r="D4760" s="2" t="s">
        <v>97884</v>
      </c>
      <c r="E4760" s="2" t="s">
        <v>7543</v>
      </c>
      <c r="F4760" s="8">
        <v>242</v>
      </c>
      <c r="G4760" s="5">
        <v>6</v>
      </c>
      <c r="H4760" s="5" t="s">
        <v>1518</v>
      </c>
      <c r="I4760" s="5" t="s">
        <v>40939</v>
      </c>
      <c r="J4760" s="2" t="s">
        <v>40940</v>
      </c>
      <c r="K4760" s="5" t="s">
        <v>40939</v>
      </c>
      <c r="L4760" s="2" t="s">
        <v>40940</v>
      </c>
      <c r="M4760" s="5" t="s">
        <v>36266</v>
      </c>
      <c r="N4760" s="5" t="s">
        <v>38</v>
      </c>
      <c r="O4760" s="5" t="s">
        <v>39</v>
      </c>
      <c r="P4760" s="5" t="s">
        <v>40</v>
      </c>
      <c r="Q4760" s="5" t="s">
        <v>1522</v>
      </c>
      <c r="R4760" s="5" t="s">
        <v>1523</v>
      </c>
      <c r="S4760" s="5" t="s">
        <v>42</v>
      </c>
      <c r="T4760" s="2">
        <v>2.0070000000000001</v>
      </c>
      <c r="U4760" s="2">
        <v>1.5449999999999999</v>
      </c>
      <c r="V4760" s="2">
        <v>0.01</v>
      </c>
      <c r="W4760" s="2">
        <v>76.900000000000006</v>
      </c>
      <c r="X4760" s="2">
        <v>7.6</v>
      </c>
      <c r="Y4760" s="2">
        <v>16.7</v>
      </c>
      <c r="Z4760" s="5"/>
      <c r="AA4760" s="5" t="s">
        <v>43</v>
      </c>
      <c r="AB4760" s="5" t="s">
        <v>44</v>
      </c>
      <c r="AC4760" s="2"/>
      <c r="AD4760" s="1"/>
    </row>
    <row r="4761" spans="1:30">
      <c r="A4761" s="5" t="s">
        <v>83578</v>
      </c>
      <c r="B4761" s="2" t="s">
        <v>97885</v>
      </c>
      <c r="C4761" s="14" t="s">
        <v>97886</v>
      </c>
      <c r="D4761" s="2" t="s">
        <v>97887</v>
      </c>
      <c r="E4761" s="2" t="s">
        <v>40989</v>
      </c>
      <c r="F4761" s="8">
        <v>242</v>
      </c>
      <c r="G4761" s="5">
        <v>6</v>
      </c>
      <c r="H4761" s="5" t="s">
        <v>1518</v>
      </c>
      <c r="I4761" s="5" t="s">
        <v>40939</v>
      </c>
      <c r="J4761" s="2" t="s">
        <v>40940</v>
      </c>
      <c r="K4761" s="5" t="s">
        <v>40939</v>
      </c>
      <c r="L4761" s="2" t="s">
        <v>40940</v>
      </c>
      <c r="M4761" s="5" t="s">
        <v>36266</v>
      </c>
      <c r="N4761" s="5" t="s">
        <v>38</v>
      </c>
      <c r="O4761" s="5" t="s">
        <v>39</v>
      </c>
      <c r="P4761" s="5" t="s">
        <v>40</v>
      </c>
      <c r="Q4761" s="5" t="s">
        <v>1522</v>
      </c>
      <c r="R4761" s="5" t="s">
        <v>1523</v>
      </c>
      <c r="S4761" s="5" t="s">
        <v>42</v>
      </c>
      <c r="T4761" s="2">
        <v>1.974</v>
      </c>
      <c r="U4761" s="2">
        <v>1.512</v>
      </c>
      <c r="V4761" s="2">
        <v>0.01</v>
      </c>
      <c r="W4761" s="2">
        <v>76.900000000000006</v>
      </c>
      <c r="X4761" s="2">
        <v>7.6</v>
      </c>
      <c r="Y4761" s="2">
        <v>16.7</v>
      </c>
      <c r="Z4761" s="5"/>
      <c r="AA4761" s="5" t="s">
        <v>43</v>
      </c>
      <c r="AB4761" s="5" t="s">
        <v>44</v>
      </c>
      <c r="AC4761" s="2"/>
      <c r="AD4761" s="1"/>
    </row>
    <row r="4762" spans="1:30">
      <c r="A4762" s="5" t="s">
        <v>83578</v>
      </c>
      <c r="B4762" s="2" t="s">
        <v>97888</v>
      </c>
      <c r="C4762" s="14" t="s">
        <v>97889</v>
      </c>
      <c r="D4762" s="2" t="s">
        <v>97890</v>
      </c>
      <c r="E4762" s="2" t="s">
        <v>40993</v>
      </c>
      <c r="F4762" s="8">
        <v>242</v>
      </c>
      <c r="G4762" s="5">
        <v>6</v>
      </c>
      <c r="H4762" s="5" t="s">
        <v>1518</v>
      </c>
      <c r="I4762" s="5" t="s">
        <v>40939</v>
      </c>
      <c r="J4762" s="2" t="s">
        <v>40940</v>
      </c>
      <c r="K4762" s="5" t="s">
        <v>40939</v>
      </c>
      <c r="L4762" s="2" t="s">
        <v>40940</v>
      </c>
      <c r="M4762" s="5" t="s">
        <v>36266</v>
      </c>
      <c r="N4762" s="5" t="s">
        <v>38</v>
      </c>
      <c r="O4762" s="5" t="s">
        <v>39</v>
      </c>
      <c r="P4762" s="5" t="s">
        <v>40</v>
      </c>
      <c r="Q4762" s="5" t="s">
        <v>1522</v>
      </c>
      <c r="R4762" s="5" t="s">
        <v>1523</v>
      </c>
      <c r="S4762" s="5" t="s">
        <v>42</v>
      </c>
      <c r="T4762" s="2">
        <v>2.0209999999999999</v>
      </c>
      <c r="U4762" s="2">
        <v>1.5589999999999999</v>
      </c>
      <c r="V4762" s="2">
        <v>0.01</v>
      </c>
      <c r="W4762" s="2">
        <v>76.900000000000006</v>
      </c>
      <c r="X4762" s="2">
        <v>7.6</v>
      </c>
      <c r="Y4762" s="2">
        <v>16.7</v>
      </c>
      <c r="Z4762" s="5"/>
      <c r="AA4762" s="5" t="s">
        <v>43</v>
      </c>
      <c r="AB4762" s="5" t="s">
        <v>44</v>
      </c>
      <c r="AC4762" s="2"/>
      <c r="AD4762" s="1"/>
    </row>
    <row r="4763" spans="1:30">
      <c r="A4763" s="5" t="s">
        <v>83578</v>
      </c>
      <c r="B4763" s="2" t="s">
        <v>97891</v>
      </c>
      <c r="C4763" s="14" t="s">
        <v>97892</v>
      </c>
      <c r="D4763" s="2" t="s">
        <v>97893</v>
      </c>
      <c r="E4763" s="2" t="s">
        <v>40997</v>
      </c>
      <c r="F4763" s="8">
        <v>242</v>
      </c>
      <c r="G4763" s="5">
        <v>6</v>
      </c>
      <c r="H4763" s="5" t="s">
        <v>1518</v>
      </c>
      <c r="I4763" s="5" t="s">
        <v>40939</v>
      </c>
      <c r="J4763" s="2" t="s">
        <v>40940</v>
      </c>
      <c r="K4763" s="5" t="s">
        <v>40939</v>
      </c>
      <c r="L4763" s="2" t="s">
        <v>40940</v>
      </c>
      <c r="M4763" s="5" t="s">
        <v>36266</v>
      </c>
      <c r="N4763" s="5" t="s">
        <v>38</v>
      </c>
      <c r="O4763" s="5" t="s">
        <v>39</v>
      </c>
      <c r="P4763" s="5" t="s">
        <v>40</v>
      </c>
      <c r="Q4763" s="5" t="s">
        <v>1522</v>
      </c>
      <c r="R4763" s="5" t="s">
        <v>1523</v>
      </c>
      <c r="S4763" s="5" t="s">
        <v>42</v>
      </c>
      <c r="T4763" s="2">
        <v>1.962</v>
      </c>
      <c r="U4763" s="2">
        <v>1.5</v>
      </c>
      <c r="V4763" s="2">
        <v>0.01</v>
      </c>
      <c r="W4763" s="2">
        <v>76.900000000000006</v>
      </c>
      <c r="X4763" s="2">
        <v>7.6</v>
      </c>
      <c r="Y4763" s="2">
        <v>16.7</v>
      </c>
      <c r="Z4763" s="5"/>
      <c r="AA4763" s="5" t="s">
        <v>43</v>
      </c>
      <c r="AB4763" s="5" t="s">
        <v>44</v>
      </c>
      <c r="AC4763" s="2"/>
      <c r="AD4763" s="1"/>
    </row>
    <row r="4764" spans="1:30">
      <c r="A4764" s="5" t="s">
        <v>83578</v>
      </c>
      <c r="B4764" s="2" t="s">
        <v>97894</v>
      </c>
      <c r="C4764" s="14" t="s">
        <v>97895</v>
      </c>
      <c r="D4764" s="2" t="s">
        <v>97896</v>
      </c>
      <c r="E4764" s="2" t="s">
        <v>41267</v>
      </c>
      <c r="F4764" s="8">
        <v>242</v>
      </c>
      <c r="G4764" s="5">
        <v>6</v>
      </c>
      <c r="H4764" s="5" t="s">
        <v>1518</v>
      </c>
      <c r="I4764" s="5" t="s">
        <v>40939</v>
      </c>
      <c r="J4764" s="2" t="s">
        <v>40940</v>
      </c>
      <c r="K4764" s="5" t="s">
        <v>40939</v>
      </c>
      <c r="L4764" s="2" t="s">
        <v>40940</v>
      </c>
      <c r="M4764" s="5" t="s">
        <v>36266</v>
      </c>
      <c r="N4764" s="5" t="s">
        <v>38</v>
      </c>
      <c r="O4764" s="5" t="s">
        <v>39</v>
      </c>
      <c r="P4764" s="5" t="s">
        <v>40</v>
      </c>
      <c r="Q4764" s="5" t="s">
        <v>1522</v>
      </c>
      <c r="R4764" s="5" t="s">
        <v>1523</v>
      </c>
      <c r="S4764" s="5" t="s">
        <v>42</v>
      </c>
      <c r="T4764" s="2">
        <v>2.0089999999999999</v>
      </c>
      <c r="U4764" s="2">
        <v>1.5469999999999999</v>
      </c>
      <c r="V4764" s="2">
        <v>0.01</v>
      </c>
      <c r="W4764" s="2">
        <v>76.900000000000006</v>
      </c>
      <c r="X4764" s="2">
        <v>7.6</v>
      </c>
      <c r="Y4764" s="2">
        <v>16.7</v>
      </c>
      <c r="Z4764" s="5"/>
      <c r="AA4764" s="5" t="s">
        <v>43</v>
      </c>
      <c r="AB4764" s="5" t="s">
        <v>44</v>
      </c>
      <c r="AC4764" s="2"/>
      <c r="AD4764" s="1"/>
    </row>
    <row r="4765" spans="1:30">
      <c r="A4765" s="5" t="s">
        <v>83578</v>
      </c>
      <c r="B4765" s="2" t="s">
        <v>97897</v>
      </c>
      <c r="C4765" s="14" t="s">
        <v>97898</v>
      </c>
      <c r="D4765" s="2" t="s">
        <v>97899</v>
      </c>
      <c r="E4765" s="2" t="s">
        <v>41001</v>
      </c>
      <c r="F4765" s="8">
        <v>242</v>
      </c>
      <c r="G4765" s="5">
        <v>6</v>
      </c>
      <c r="H4765" s="5" t="s">
        <v>1518</v>
      </c>
      <c r="I4765" s="5" t="s">
        <v>40939</v>
      </c>
      <c r="J4765" s="2" t="s">
        <v>40940</v>
      </c>
      <c r="K4765" s="5" t="s">
        <v>40939</v>
      </c>
      <c r="L4765" s="2" t="s">
        <v>40940</v>
      </c>
      <c r="M4765" s="5" t="s">
        <v>36266</v>
      </c>
      <c r="N4765" s="5" t="s">
        <v>38</v>
      </c>
      <c r="O4765" s="5" t="s">
        <v>39</v>
      </c>
      <c r="P4765" s="5" t="s">
        <v>40</v>
      </c>
      <c r="Q4765" s="5" t="s">
        <v>1522</v>
      </c>
      <c r="R4765" s="5" t="s">
        <v>1523</v>
      </c>
      <c r="S4765" s="5" t="s">
        <v>42</v>
      </c>
      <c r="T4765" s="2">
        <v>1.974</v>
      </c>
      <c r="U4765" s="2">
        <v>1.512</v>
      </c>
      <c r="V4765" s="2">
        <v>0.01</v>
      </c>
      <c r="W4765" s="2">
        <v>76.900000000000006</v>
      </c>
      <c r="X4765" s="2">
        <v>7.6</v>
      </c>
      <c r="Y4765" s="2">
        <v>16.7</v>
      </c>
      <c r="Z4765" s="5"/>
      <c r="AA4765" s="5" t="s">
        <v>43</v>
      </c>
      <c r="AB4765" s="5" t="s">
        <v>44</v>
      </c>
      <c r="AC4765" s="2"/>
      <c r="AD4765" s="1"/>
    </row>
    <row r="4766" spans="1:30">
      <c r="A4766" s="5" t="s">
        <v>83578</v>
      </c>
      <c r="B4766" s="2" t="s">
        <v>97900</v>
      </c>
      <c r="C4766" s="14" t="s">
        <v>97901</v>
      </c>
      <c r="D4766" s="2" t="s">
        <v>97902</v>
      </c>
      <c r="E4766" s="2" t="s">
        <v>41005</v>
      </c>
      <c r="F4766" s="8">
        <v>242</v>
      </c>
      <c r="G4766" s="5">
        <v>6</v>
      </c>
      <c r="H4766" s="5" t="s">
        <v>1518</v>
      </c>
      <c r="I4766" s="5" t="s">
        <v>40939</v>
      </c>
      <c r="J4766" s="2" t="s">
        <v>40940</v>
      </c>
      <c r="K4766" s="5" t="s">
        <v>40939</v>
      </c>
      <c r="L4766" s="2" t="s">
        <v>40940</v>
      </c>
      <c r="M4766" s="5" t="s">
        <v>36266</v>
      </c>
      <c r="N4766" s="5" t="s">
        <v>38</v>
      </c>
      <c r="O4766" s="5" t="s">
        <v>39</v>
      </c>
      <c r="P4766" s="5" t="s">
        <v>40</v>
      </c>
      <c r="Q4766" s="5" t="s">
        <v>1522</v>
      </c>
      <c r="R4766" s="5" t="s">
        <v>1523</v>
      </c>
      <c r="S4766" s="5" t="s">
        <v>42</v>
      </c>
      <c r="T4766" s="2">
        <v>2.0209999999999999</v>
      </c>
      <c r="U4766" s="2">
        <v>1.5589999999999999</v>
      </c>
      <c r="V4766" s="2">
        <v>0.01</v>
      </c>
      <c r="W4766" s="2">
        <v>76.900000000000006</v>
      </c>
      <c r="X4766" s="2">
        <v>7.6</v>
      </c>
      <c r="Y4766" s="2">
        <v>16.7</v>
      </c>
      <c r="Z4766" s="5"/>
      <c r="AA4766" s="5" t="s">
        <v>43</v>
      </c>
      <c r="AB4766" s="5" t="s">
        <v>44</v>
      </c>
      <c r="AC4766" s="2"/>
      <c r="AD4766" s="1"/>
    </row>
    <row r="4767" spans="1:30">
      <c r="A4767" s="5" t="s">
        <v>83578</v>
      </c>
      <c r="B4767" s="2" t="s">
        <v>97903</v>
      </c>
      <c r="C4767" s="14" t="s">
        <v>97904</v>
      </c>
      <c r="D4767" s="2" t="s">
        <v>97905</v>
      </c>
      <c r="E4767" s="2" t="s">
        <v>41009</v>
      </c>
      <c r="F4767" s="8">
        <v>242</v>
      </c>
      <c r="G4767" s="5">
        <v>6</v>
      </c>
      <c r="H4767" s="5" t="s">
        <v>1518</v>
      </c>
      <c r="I4767" s="5" t="s">
        <v>40939</v>
      </c>
      <c r="J4767" s="2" t="s">
        <v>40940</v>
      </c>
      <c r="K4767" s="5" t="s">
        <v>40939</v>
      </c>
      <c r="L4767" s="2" t="s">
        <v>40940</v>
      </c>
      <c r="M4767" s="5" t="s">
        <v>36266</v>
      </c>
      <c r="N4767" s="5" t="s">
        <v>38</v>
      </c>
      <c r="O4767" s="5" t="s">
        <v>39</v>
      </c>
      <c r="P4767" s="5" t="s">
        <v>40</v>
      </c>
      <c r="Q4767" s="5" t="s">
        <v>1522</v>
      </c>
      <c r="R4767" s="5" t="s">
        <v>1523</v>
      </c>
      <c r="S4767" s="5" t="s">
        <v>42</v>
      </c>
      <c r="T4767" s="2">
        <v>1.9770000000000001</v>
      </c>
      <c r="U4767" s="2">
        <v>1.5149999999999999</v>
      </c>
      <c r="V4767" s="2">
        <v>0.01</v>
      </c>
      <c r="W4767" s="2">
        <v>76.900000000000006</v>
      </c>
      <c r="X4767" s="2">
        <v>7.6</v>
      </c>
      <c r="Y4767" s="2">
        <v>16.7</v>
      </c>
      <c r="Z4767" s="5"/>
      <c r="AA4767" s="5" t="s">
        <v>43</v>
      </c>
      <c r="AB4767" s="5" t="s">
        <v>44</v>
      </c>
      <c r="AC4767" s="2"/>
      <c r="AD4767" s="1"/>
    </row>
    <row r="4768" spans="1:30">
      <c r="A4768" s="5" t="s">
        <v>83578</v>
      </c>
      <c r="B4768" s="2" t="s">
        <v>97906</v>
      </c>
      <c r="C4768" s="14" t="s">
        <v>97907</v>
      </c>
      <c r="D4768" s="2" t="s">
        <v>97908</v>
      </c>
      <c r="E4768" s="2" t="s">
        <v>41013</v>
      </c>
      <c r="F4768" s="8">
        <v>242</v>
      </c>
      <c r="G4768" s="5">
        <v>6</v>
      </c>
      <c r="H4768" s="5" t="s">
        <v>1518</v>
      </c>
      <c r="I4768" s="5" t="s">
        <v>40939</v>
      </c>
      <c r="J4768" s="2" t="s">
        <v>40940</v>
      </c>
      <c r="K4768" s="5" t="s">
        <v>40939</v>
      </c>
      <c r="L4768" s="2" t="s">
        <v>40940</v>
      </c>
      <c r="M4768" s="5" t="s">
        <v>36266</v>
      </c>
      <c r="N4768" s="5" t="s">
        <v>38</v>
      </c>
      <c r="O4768" s="5" t="s">
        <v>39</v>
      </c>
      <c r="P4768" s="5" t="s">
        <v>40</v>
      </c>
      <c r="Q4768" s="5" t="s">
        <v>1522</v>
      </c>
      <c r="R4768" s="5" t="s">
        <v>1523</v>
      </c>
      <c r="S4768" s="5" t="s">
        <v>42</v>
      </c>
      <c r="T4768" s="2">
        <v>2.024</v>
      </c>
      <c r="U4768" s="2">
        <v>1.5620000000000001</v>
      </c>
      <c r="V4768" s="2">
        <v>0.01</v>
      </c>
      <c r="W4768" s="2">
        <v>76.900000000000006</v>
      </c>
      <c r="X4768" s="2">
        <v>7.6</v>
      </c>
      <c r="Y4768" s="2">
        <v>16.7</v>
      </c>
      <c r="Z4768" s="5"/>
      <c r="AA4768" s="5" t="s">
        <v>43</v>
      </c>
      <c r="AB4768" s="5" t="s">
        <v>44</v>
      </c>
      <c r="AC4768" s="2"/>
      <c r="AD4768" s="1"/>
    </row>
    <row r="4769" spans="1:30">
      <c r="A4769" s="5" t="s">
        <v>83578</v>
      </c>
      <c r="B4769" s="2" t="s">
        <v>97909</v>
      </c>
      <c r="C4769" s="14" t="s">
        <v>97910</v>
      </c>
      <c r="D4769" s="2" t="s">
        <v>97911</v>
      </c>
      <c r="E4769" s="2" t="s">
        <v>7396</v>
      </c>
      <c r="F4769" s="8">
        <v>228</v>
      </c>
      <c r="G4769" s="5">
        <v>6</v>
      </c>
      <c r="H4769" s="5" t="s">
        <v>1518</v>
      </c>
      <c r="I4769" s="5" t="s">
        <v>40939</v>
      </c>
      <c r="J4769" s="2" t="s">
        <v>40940</v>
      </c>
      <c r="K4769" s="5" t="s">
        <v>40939</v>
      </c>
      <c r="L4769" s="2" t="s">
        <v>40940</v>
      </c>
      <c r="M4769" s="5" t="s">
        <v>36266</v>
      </c>
      <c r="N4769" s="5" t="s">
        <v>38</v>
      </c>
      <c r="O4769" s="5" t="s">
        <v>39</v>
      </c>
      <c r="P4769" s="5" t="s">
        <v>40</v>
      </c>
      <c r="Q4769" s="5" t="s">
        <v>1522</v>
      </c>
      <c r="R4769" s="5" t="s">
        <v>1523</v>
      </c>
      <c r="S4769" s="5" t="s">
        <v>42</v>
      </c>
      <c r="T4769" s="2">
        <v>1.9770000000000001</v>
      </c>
      <c r="U4769" s="2">
        <v>1.5149999999999999</v>
      </c>
      <c r="V4769" s="2">
        <v>0.01</v>
      </c>
      <c r="W4769" s="2">
        <v>76.900000000000006</v>
      </c>
      <c r="X4769" s="2">
        <v>7.6</v>
      </c>
      <c r="Y4769" s="2">
        <v>16.7</v>
      </c>
      <c r="Z4769" s="5"/>
      <c r="AA4769" s="5" t="s">
        <v>43</v>
      </c>
      <c r="AB4769" s="5" t="s">
        <v>44</v>
      </c>
      <c r="AC4769" s="2"/>
      <c r="AD4769" s="1"/>
    </row>
    <row r="4770" spans="1:30">
      <c r="A4770" s="5" t="s">
        <v>83578</v>
      </c>
      <c r="B4770" s="2" t="s">
        <v>97912</v>
      </c>
      <c r="C4770" s="14" t="s">
        <v>97913</v>
      </c>
      <c r="D4770" s="2" t="s">
        <v>97914</v>
      </c>
      <c r="E4770" s="2" t="s">
        <v>7507</v>
      </c>
      <c r="F4770" s="8">
        <v>228</v>
      </c>
      <c r="G4770" s="5">
        <v>6</v>
      </c>
      <c r="H4770" s="5" t="s">
        <v>1518</v>
      </c>
      <c r="I4770" s="5" t="s">
        <v>40939</v>
      </c>
      <c r="J4770" s="2" t="s">
        <v>40940</v>
      </c>
      <c r="K4770" s="5" t="s">
        <v>40939</v>
      </c>
      <c r="L4770" s="2" t="s">
        <v>40940</v>
      </c>
      <c r="M4770" s="5" t="s">
        <v>36266</v>
      </c>
      <c r="N4770" s="5" t="s">
        <v>38</v>
      </c>
      <c r="O4770" s="5" t="s">
        <v>39</v>
      </c>
      <c r="P4770" s="5" t="s">
        <v>40</v>
      </c>
      <c r="Q4770" s="5" t="s">
        <v>1522</v>
      </c>
      <c r="R4770" s="5" t="s">
        <v>1523</v>
      </c>
      <c r="S4770" s="5" t="s">
        <v>42</v>
      </c>
      <c r="T4770" s="2">
        <v>2.024</v>
      </c>
      <c r="U4770" s="2">
        <v>1.5620000000000001</v>
      </c>
      <c r="V4770" s="2">
        <v>0.01</v>
      </c>
      <c r="W4770" s="2">
        <v>76.900000000000006</v>
      </c>
      <c r="X4770" s="2">
        <v>7.6</v>
      </c>
      <c r="Y4770" s="2">
        <v>16.7</v>
      </c>
      <c r="Z4770" s="5"/>
      <c r="AA4770" s="5" t="s">
        <v>43</v>
      </c>
      <c r="AB4770" s="5" t="s">
        <v>44</v>
      </c>
      <c r="AC4770" s="2"/>
      <c r="AD4770" s="1"/>
    </row>
    <row r="4771" spans="1:30">
      <c r="A4771" s="5" t="s">
        <v>83578</v>
      </c>
      <c r="B4771" s="2" t="s">
        <v>97915</v>
      </c>
      <c r="C4771" s="14" t="s">
        <v>97916</v>
      </c>
      <c r="D4771" s="2" t="s">
        <v>97917</v>
      </c>
      <c r="E4771" s="2" t="s">
        <v>41027</v>
      </c>
      <c r="F4771" s="8">
        <v>242</v>
      </c>
      <c r="G4771" s="5">
        <v>6</v>
      </c>
      <c r="H4771" s="5" t="s">
        <v>1518</v>
      </c>
      <c r="I4771" s="5" t="s">
        <v>40939</v>
      </c>
      <c r="J4771" s="2" t="s">
        <v>40940</v>
      </c>
      <c r="K4771" s="5" t="s">
        <v>40939</v>
      </c>
      <c r="L4771" s="2" t="s">
        <v>40940</v>
      </c>
      <c r="M4771" s="5" t="s">
        <v>36266</v>
      </c>
      <c r="N4771" s="5" t="s">
        <v>38</v>
      </c>
      <c r="O4771" s="5" t="s">
        <v>39</v>
      </c>
      <c r="P4771" s="5" t="s">
        <v>40</v>
      </c>
      <c r="Q4771" s="5" t="s">
        <v>1522</v>
      </c>
      <c r="R4771" s="5" t="s">
        <v>1523</v>
      </c>
      <c r="S4771" s="5" t="s">
        <v>42</v>
      </c>
      <c r="T4771" s="2">
        <v>2.0089999999999999</v>
      </c>
      <c r="U4771" s="2">
        <v>1.5469999999999999</v>
      </c>
      <c r="V4771" s="2">
        <v>0.01</v>
      </c>
      <c r="W4771" s="2">
        <v>76.900000000000006</v>
      </c>
      <c r="X4771" s="2">
        <v>7.6</v>
      </c>
      <c r="Y4771" s="2">
        <v>16.7</v>
      </c>
      <c r="Z4771" s="5"/>
      <c r="AA4771" s="5" t="s">
        <v>43</v>
      </c>
      <c r="AB4771" s="5" t="s">
        <v>44</v>
      </c>
      <c r="AC4771" s="2"/>
      <c r="AD4771" s="1"/>
    </row>
    <row r="4772" spans="1:30">
      <c r="A4772" s="5" t="s">
        <v>83578</v>
      </c>
      <c r="B4772" s="2" t="s">
        <v>97918</v>
      </c>
      <c r="C4772" s="14" t="s">
        <v>97919</v>
      </c>
      <c r="D4772" s="2" t="s">
        <v>97920</v>
      </c>
      <c r="E4772" s="2" t="s">
        <v>41031</v>
      </c>
      <c r="F4772" s="8">
        <v>242</v>
      </c>
      <c r="G4772" s="5">
        <v>6</v>
      </c>
      <c r="H4772" s="5" t="s">
        <v>1518</v>
      </c>
      <c r="I4772" s="5" t="s">
        <v>40939</v>
      </c>
      <c r="J4772" s="2" t="s">
        <v>40940</v>
      </c>
      <c r="K4772" s="5" t="s">
        <v>40939</v>
      </c>
      <c r="L4772" s="2" t="s">
        <v>40940</v>
      </c>
      <c r="M4772" s="5" t="s">
        <v>36266</v>
      </c>
      <c r="N4772" s="5" t="s">
        <v>38</v>
      </c>
      <c r="O4772" s="5" t="s">
        <v>39</v>
      </c>
      <c r="P4772" s="5" t="s">
        <v>40</v>
      </c>
      <c r="Q4772" s="5" t="s">
        <v>1522</v>
      </c>
      <c r="R4772" s="5" t="s">
        <v>1523</v>
      </c>
      <c r="S4772" s="5" t="s">
        <v>42</v>
      </c>
      <c r="T4772" s="2">
        <v>1.962</v>
      </c>
      <c r="U4772" s="2">
        <v>1.5</v>
      </c>
      <c r="V4772" s="2">
        <v>0.01</v>
      </c>
      <c r="W4772" s="2">
        <v>76.900000000000006</v>
      </c>
      <c r="X4772" s="2">
        <v>7.6</v>
      </c>
      <c r="Y4772" s="2">
        <v>16.7</v>
      </c>
      <c r="Z4772" s="5"/>
      <c r="AA4772" s="5" t="s">
        <v>43</v>
      </c>
      <c r="AB4772" s="5" t="s">
        <v>44</v>
      </c>
      <c r="AC4772" s="2"/>
      <c r="AD4772" s="1"/>
    </row>
    <row r="4773" spans="1:30">
      <c r="A4773" s="5" t="s">
        <v>83578</v>
      </c>
      <c r="B4773" s="2" t="s">
        <v>97921</v>
      </c>
      <c r="C4773" s="14" t="s">
        <v>97922</v>
      </c>
      <c r="D4773" s="2" t="s">
        <v>97923</v>
      </c>
      <c r="E4773" s="2" t="s">
        <v>41035</v>
      </c>
      <c r="F4773" s="8">
        <v>242</v>
      </c>
      <c r="G4773" s="5">
        <v>6</v>
      </c>
      <c r="H4773" s="5" t="s">
        <v>1518</v>
      </c>
      <c r="I4773" s="5" t="s">
        <v>40939</v>
      </c>
      <c r="J4773" s="2" t="s">
        <v>40940</v>
      </c>
      <c r="K4773" s="5" t="s">
        <v>40939</v>
      </c>
      <c r="L4773" s="2" t="s">
        <v>40940</v>
      </c>
      <c r="M4773" s="5" t="s">
        <v>36266</v>
      </c>
      <c r="N4773" s="5" t="s">
        <v>38</v>
      </c>
      <c r="O4773" s="5" t="s">
        <v>39</v>
      </c>
      <c r="P4773" s="5" t="s">
        <v>40</v>
      </c>
      <c r="Q4773" s="5" t="s">
        <v>1522</v>
      </c>
      <c r="R4773" s="5" t="s">
        <v>1523</v>
      </c>
      <c r="S4773" s="5" t="s">
        <v>42</v>
      </c>
      <c r="T4773" s="2">
        <v>2.0089999999999999</v>
      </c>
      <c r="U4773" s="2">
        <v>1.5469999999999999</v>
      </c>
      <c r="V4773" s="2">
        <v>0.01</v>
      </c>
      <c r="W4773" s="2">
        <v>76.900000000000006</v>
      </c>
      <c r="X4773" s="2">
        <v>7.6</v>
      </c>
      <c r="Y4773" s="2">
        <v>16.7</v>
      </c>
      <c r="Z4773" s="5"/>
      <c r="AA4773" s="5" t="s">
        <v>43</v>
      </c>
      <c r="AB4773" s="5" t="s">
        <v>44</v>
      </c>
      <c r="AC4773" s="2"/>
      <c r="AD4773" s="1"/>
    </row>
    <row r="4774" spans="1:30">
      <c r="A4774" s="5" t="s">
        <v>83578</v>
      </c>
      <c r="B4774" s="2" t="s">
        <v>97924</v>
      </c>
      <c r="C4774" s="14" t="s">
        <v>97925</v>
      </c>
      <c r="D4774" s="2" t="s">
        <v>97926</v>
      </c>
      <c r="E4774" s="2" t="s">
        <v>7449</v>
      </c>
      <c r="F4774" s="8">
        <v>242</v>
      </c>
      <c r="G4774" s="5">
        <v>6</v>
      </c>
      <c r="H4774" s="5" t="s">
        <v>1518</v>
      </c>
      <c r="I4774" s="5" t="s">
        <v>40939</v>
      </c>
      <c r="J4774" s="2" t="s">
        <v>40940</v>
      </c>
      <c r="K4774" s="5" t="s">
        <v>40939</v>
      </c>
      <c r="L4774" s="2" t="s">
        <v>40940</v>
      </c>
      <c r="M4774" s="5" t="s">
        <v>36266</v>
      </c>
      <c r="N4774" s="5" t="s">
        <v>38</v>
      </c>
      <c r="O4774" s="5" t="s">
        <v>39</v>
      </c>
      <c r="P4774" s="5" t="s">
        <v>40</v>
      </c>
      <c r="Q4774" s="5" t="s">
        <v>1522</v>
      </c>
      <c r="R4774" s="5" t="s">
        <v>1523</v>
      </c>
      <c r="S4774" s="5" t="s">
        <v>42</v>
      </c>
      <c r="T4774" s="2">
        <v>1.962</v>
      </c>
      <c r="U4774" s="2">
        <v>1.5</v>
      </c>
      <c r="V4774" s="2">
        <v>0.01</v>
      </c>
      <c r="W4774" s="2">
        <v>76.900000000000006</v>
      </c>
      <c r="X4774" s="2">
        <v>7.6</v>
      </c>
      <c r="Y4774" s="2">
        <v>16.7</v>
      </c>
      <c r="Z4774" s="5"/>
      <c r="AA4774" s="5" t="s">
        <v>43</v>
      </c>
      <c r="AB4774" s="5" t="s">
        <v>44</v>
      </c>
      <c r="AC4774" s="2"/>
      <c r="AD4774" s="1"/>
    </row>
    <row r="4775" spans="1:30">
      <c r="A4775" s="5" t="s">
        <v>83578</v>
      </c>
      <c r="B4775" s="2" t="s">
        <v>97927</v>
      </c>
      <c r="C4775" s="14" t="s">
        <v>97928</v>
      </c>
      <c r="D4775" s="2" t="s">
        <v>97929</v>
      </c>
      <c r="E4775" s="2" t="s">
        <v>7581</v>
      </c>
      <c r="F4775" s="8">
        <v>242</v>
      </c>
      <c r="G4775" s="5">
        <v>6</v>
      </c>
      <c r="H4775" s="5" t="s">
        <v>1518</v>
      </c>
      <c r="I4775" s="5" t="s">
        <v>40939</v>
      </c>
      <c r="J4775" s="2" t="s">
        <v>40940</v>
      </c>
      <c r="K4775" s="5" t="s">
        <v>40939</v>
      </c>
      <c r="L4775" s="2" t="s">
        <v>40940</v>
      </c>
      <c r="M4775" s="5" t="s">
        <v>36266</v>
      </c>
      <c r="N4775" s="5" t="s">
        <v>38</v>
      </c>
      <c r="O4775" s="5" t="s">
        <v>39</v>
      </c>
      <c r="P4775" s="5" t="s">
        <v>40</v>
      </c>
      <c r="Q4775" s="5" t="s">
        <v>1522</v>
      </c>
      <c r="R4775" s="5" t="s">
        <v>1523</v>
      </c>
      <c r="S4775" s="5" t="s">
        <v>42</v>
      </c>
      <c r="T4775" s="2">
        <v>2.0089999999999999</v>
      </c>
      <c r="U4775" s="2">
        <v>1.5469999999999999</v>
      </c>
      <c r="V4775" s="2">
        <v>0.01</v>
      </c>
      <c r="W4775" s="2">
        <v>76.900000000000006</v>
      </c>
      <c r="X4775" s="2">
        <v>7.6</v>
      </c>
      <c r="Y4775" s="2">
        <v>16.7</v>
      </c>
      <c r="Z4775" s="5"/>
      <c r="AA4775" s="5" t="s">
        <v>43</v>
      </c>
      <c r="AB4775" s="5" t="s">
        <v>44</v>
      </c>
      <c r="AC4775" s="2"/>
      <c r="AD4775" s="1"/>
    </row>
    <row r="4776" spans="1:30">
      <c r="A4776" s="5" t="s">
        <v>83578</v>
      </c>
      <c r="B4776" s="2" t="s">
        <v>97930</v>
      </c>
      <c r="C4776" s="14" t="s">
        <v>97931</v>
      </c>
      <c r="D4776" s="2" t="s">
        <v>97932</v>
      </c>
      <c r="E4776" s="2" t="s">
        <v>41045</v>
      </c>
      <c r="F4776" s="8">
        <v>242</v>
      </c>
      <c r="G4776" s="5">
        <v>6</v>
      </c>
      <c r="H4776" s="5" t="s">
        <v>1518</v>
      </c>
      <c r="I4776" s="5" t="s">
        <v>40939</v>
      </c>
      <c r="J4776" s="2" t="s">
        <v>40940</v>
      </c>
      <c r="K4776" s="5" t="s">
        <v>40939</v>
      </c>
      <c r="L4776" s="2" t="s">
        <v>40940</v>
      </c>
      <c r="M4776" s="5" t="s">
        <v>36266</v>
      </c>
      <c r="N4776" s="5" t="s">
        <v>38</v>
      </c>
      <c r="O4776" s="5" t="s">
        <v>39</v>
      </c>
      <c r="P4776" s="5" t="s">
        <v>40</v>
      </c>
      <c r="Q4776" s="5" t="s">
        <v>1522</v>
      </c>
      <c r="R4776" s="5" t="s">
        <v>1523</v>
      </c>
      <c r="S4776" s="5" t="s">
        <v>42</v>
      </c>
      <c r="T4776" s="2">
        <v>1.98</v>
      </c>
      <c r="U4776" s="2">
        <v>1.518</v>
      </c>
      <c r="V4776" s="2">
        <v>0.01</v>
      </c>
      <c r="W4776" s="2">
        <v>76.900000000000006</v>
      </c>
      <c r="X4776" s="2">
        <v>7.6</v>
      </c>
      <c r="Y4776" s="2">
        <v>16.7</v>
      </c>
      <c r="Z4776" s="5"/>
      <c r="AA4776" s="5" t="s">
        <v>43</v>
      </c>
      <c r="AB4776" s="5" t="s">
        <v>44</v>
      </c>
      <c r="AC4776" s="2"/>
      <c r="AD4776" s="1"/>
    </row>
    <row r="4777" spans="1:30">
      <c r="A4777" s="5" t="s">
        <v>83578</v>
      </c>
      <c r="B4777" s="2" t="s">
        <v>97933</v>
      </c>
      <c r="C4777" s="14" t="s">
        <v>97934</v>
      </c>
      <c r="D4777" s="2" t="s">
        <v>97935</v>
      </c>
      <c r="E4777" s="2" t="s">
        <v>41049</v>
      </c>
      <c r="F4777" s="8">
        <v>242</v>
      </c>
      <c r="G4777" s="5">
        <v>6</v>
      </c>
      <c r="H4777" s="5" t="s">
        <v>1518</v>
      </c>
      <c r="I4777" s="5" t="s">
        <v>40939</v>
      </c>
      <c r="J4777" s="2" t="s">
        <v>40940</v>
      </c>
      <c r="K4777" s="5" t="s">
        <v>40939</v>
      </c>
      <c r="L4777" s="2" t="s">
        <v>40940</v>
      </c>
      <c r="M4777" s="5" t="s">
        <v>36266</v>
      </c>
      <c r="N4777" s="5" t="s">
        <v>38</v>
      </c>
      <c r="O4777" s="5" t="s">
        <v>39</v>
      </c>
      <c r="P4777" s="5" t="s">
        <v>40</v>
      </c>
      <c r="Q4777" s="5" t="s">
        <v>1522</v>
      </c>
      <c r="R4777" s="5" t="s">
        <v>1523</v>
      </c>
      <c r="S4777" s="5" t="s">
        <v>42</v>
      </c>
      <c r="T4777" s="2">
        <v>2.0270000000000001</v>
      </c>
      <c r="U4777" s="2">
        <v>1.5649999999999999</v>
      </c>
      <c r="V4777" s="2">
        <v>0.01</v>
      </c>
      <c r="W4777" s="2">
        <v>76.900000000000006</v>
      </c>
      <c r="X4777" s="2">
        <v>7.6</v>
      </c>
      <c r="Y4777" s="2">
        <v>16.7</v>
      </c>
      <c r="Z4777" s="5"/>
      <c r="AA4777" s="5" t="s">
        <v>43</v>
      </c>
      <c r="AB4777" s="5" t="s">
        <v>44</v>
      </c>
      <c r="AC4777" s="2"/>
      <c r="AD4777" s="1"/>
    </row>
    <row r="4778" spans="1:30">
      <c r="A4778" s="5" t="s">
        <v>83578</v>
      </c>
      <c r="B4778" s="2" t="s">
        <v>97936</v>
      </c>
      <c r="C4778" s="14" t="s">
        <v>97937</v>
      </c>
      <c r="D4778" s="2" t="s">
        <v>97938</v>
      </c>
      <c r="E4778" s="2" t="s">
        <v>47266</v>
      </c>
      <c r="F4778" s="8">
        <v>258</v>
      </c>
      <c r="G4778" s="5">
        <v>6</v>
      </c>
      <c r="H4778" s="5" t="s">
        <v>1518</v>
      </c>
      <c r="I4778" s="5" t="s">
        <v>40939</v>
      </c>
      <c r="J4778" s="2" t="s">
        <v>40940</v>
      </c>
      <c r="K4778" s="5" t="s">
        <v>40939</v>
      </c>
      <c r="L4778" s="2" t="s">
        <v>40940</v>
      </c>
      <c r="M4778" s="5" t="s">
        <v>36266</v>
      </c>
      <c r="N4778" s="5" t="s">
        <v>38</v>
      </c>
      <c r="O4778" s="5" t="s">
        <v>39</v>
      </c>
      <c r="P4778" s="5" t="s">
        <v>40</v>
      </c>
      <c r="Q4778" s="5" t="s">
        <v>1522</v>
      </c>
      <c r="R4778" s="5" t="s">
        <v>1523</v>
      </c>
      <c r="S4778" s="5" t="s">
        <v>42</v>
      </c>
      <c r="T4778" s="2">
        <v>2.1150000000000002</v>
      </c>
      <c r="U4778" s="2">
        <v>1.659</v>
      </c>
      <c r="V4778" s="2">
        <v>0.01</v>
      </c>
      <c r="W4778" s="2">
        <v>76.900000000000006</v>
      </c>
      <c r="X4778" s="2">
        <v>7.6</v>
      </c>
      <c r="Y4778" s="2">
        <v>16.7</v>
      </c>
      <c r="Z4778" s="5"/>
      <c r="AA4778" s="5" t="s">
        <v>43</v>
      </c>
      <c r="AB4778" s="5" t="s">
        <v>44</v>
      </c>
      <c r="AC4778" s="2"/>
      <c r="AD4778" s="1"/>
    </row>
    <row r="4779" spans="1:30">
      <c r="A4779" s="5" t="s">
        <v>83578</v>
      </c>
      <c r="B4779" s="2" t="s">
        <v>97939</v>
      </c>
      <c r="C4779" s="14" t="s">
        <v>97940</v>
      </c>
      <c r="D4779" s="2" t="s">
        <v>97941</v>
      </c>
      <c r="E4779" s="2" t="s">
        <v>47195</v>
      </c>
      <c r="F4779" s="8">
        <v>258</v>
      </c>
      <c r="G4779" s="5">
        <v>6</v>
      </c>
      <c r="H4779" s="5" t="s">
        <v>1518</v>
      </c>
      <c r="I4779" s="5" t="s">
        <v>40939</v>
      </c>
      <c r="J4779" s="2" t="s">
        <v>40940</v>
      </c>
      <c r="K4779" s="5" t="s">
        <v>40939</v>
      </c>
      <c r="L4779" s="2" t="s">
        <v>40940</v>
      </c>
      <c r="M4779" s="5" t="s">
        <v>36266</v>
      </c>
      <c r="N4779" s="5" t="s">
        <v>38</v>
      </c>
      <c r="O4779" s="5" t="s">
        <v>39</v>
      </c>
      <c r="P4779" s="5" t="s">
        <v>40</v>
      </c>
      <c r="Q4779" s="5" t="s">
        <v>1522</v>
      </c>
      <c r="R4779" s="5" t="s">
        <v>1523</v>
      </c>
      <c r="S4779" s="5" t="s">
        <v>42</v>
      </c>
      <c r="T4779" s="2">
        <v>2.173</v>
      </c>
      <c r="U4779" s="2">
        <v>1.7170000000000001</v>
      </c>
      <c r="V4779" s="2">
        <v>0.01</v>
      </c>
      <c r="W4779" s="2">
        <v>76.900000000000006</v>
      </c>
      <c r="X4779" s="2">
        <v>7.6</v>
      </c>
      <c r="Y4779" s="2">
        <v>16.7</v>
      </c>
      <c r="Z4779" s="5"/>
      <c r="AA4779" s="5" t="s">
        <v>43</v>
      </c>
      <c r="AB4779" s="5" t="s">
        <v>44</v>
      </c>
      <c r="AC4779" s="2"/>
      <c r="AD4779" s="1"/>
    </row>
    <row r="4780" spans="1:30">
      <c r="A4780" s="5" t="s">
        <v>83578</v>
      </c>
      <c r="B4780" s="2" t="s">
        <v>97942</v>
      </c>
      <c r="C4780" s="14" t="s">
        <v>97943</v>
      </c>
      <c r="D4780" s="2" t="s">
        <v>97944</v>
      </c>
      <c r="E4780" s="2" t="s">
        <v>7521</v>
      </c>
      <c r="F4780" s="8">
        <v>241</v>
      </c>
      <c r="G4780" s="5">
        <v>6</v>
      </c>
      <c r="H4780" s="5" t="s">
        <v>1518</v>
      </c>
      <c r="I4780" s="5" t="s">
        <v>40939</v>
      </c>
      <c r="J4780" s="2" t="s">
        <v>40940</v>
      </c>
      <c r="K4780" s="5" t="s">
        <v>40939</v>
      </c>
      <c r="L4780" s="2" t="s">
        <v>40940</v>
      </c>
      <c r="M4780" s="5" t="s">
        <v>36266</v>
      </c>
      <c r="N4780" s="5" t="s">
        <v>38</v>
      </c>
      <c r="O4780" s="5" t="s">
        <v>39</v>
      </c>
      <c r="P4780" s="5" t="s">
        <v>40</v>
      </c>
      <c r="Q4780" s="5" t="s">
        <v>1522</v>
      </c>
      <c r="R4780" s="5" t="s">
        <v>1523</v>
      </c>
      <c r="S4780" s="5" t="s">
        <v>42</v>
      </c>
      <c r="T4780" s="2">
        <v>2.177</v>
      </c>
      <c r="U4780" s="2">
        <v>1.7210000000000001</v>
      </c>
      <c r="V4780" s="2">
        <v>0.01</v>
      </c>
      <c r="W4780" s="2">
        <v>76.900000000000006</v>
      </c>
      <c r="X4780" s="2">
        <v>7.6</v>
      </c>
      <c r="Y4780" s="2">
        <v>16.7</v>
      </c>
      <c r="Z4780" s="5"/>
      <c r="AA4780" s="5" t="s">
        <v>43</v>
      </c>
      <c r="AB4780" s="5" t="s">
        <v>44</v>
      </c>
      <c r="AC4780" s="2"/>
      <c r="AD4780" s="1"/>
    </row>
    <row r="4781" spans="1:30">
      <c r="A4781" s="5" t="s">
        <v>83578</v>
      </c>
      <c r="B4781" s="2" t="s">
        <v>97945</v>
      </c>
      <c r="C4781" s="14" t="s">
        <v>97946</v>
      </c>
      <c r="D4781" s="2" t="s">
        <v>97947</v>
      </c>
      <c r="E4781" s="2" t="s">
        <v>40971</v>
      </c>
      <c r="F4781" s="8">
        <v>258</v>
      </c>
      <c r="G4781" s="5">
        <v>6</v>
      </c>
      <c r="H4781" s="5" t="s">
        <v>1518</v>
      </c>
      <c r="I4781" s="5" t="s">
        <v>40939</v>
      </c>
      <c r="J4781" s="2" t="s">
        <v>40940</v>
      </c>
      <c r="K4781" s="5" t="s">
        <v>40939</v>
      </c>
      <c r="L4781" s="2" t="s">
        <v>40940</v>
      </c>
      <c r="M4781" s="5" t="s">
        <v>36266</v>
      </c>
      <c r="N4781" s="5" t="s">
        <v>38</v>
      </c>
      <c r="O4781" s="5" t="s">
        <v>39</v>
      </c>
      <c r="P4781" s="5" t="s">
        <v>40</v>
      </c>
      <c r="Q4781" s="5" t="s">
        <v>1522</v>
      </c>
      <c r="R4781" s="5" t="s">
        <v>1523</v>
      </c>
      <c r="S4781" s="5" t="s">
        <v>42</v>
      </c>
      <c r="T4781" s="2">
        <v>2.177</v>
      </c>
      <c r="U4781" s="2">
        <v>1.7210000000000001</v>
      </c>
      <c r="V4781" s="2">
        <v>0.01</v>
      </c>
      <c r="W4781" s="2">
        <v>76.900000000000006</v>
      </c>
      <c r="X4781" s="2">
        <v>7.6</v>
      </c>
      <c r="Y4781" s="2">
        <v>16.7</v>
      </c>
      <c r="Z4781" s="5"/>
      <c r="AA4781" s="5" t="s">
        <v>43</v>
      </c>
      <c r="AB4781" s="5" t="s">
        <v>44</v>
      </c>
      <c r="AC4781" s="2"/>
      <c r="AD4781" s="1"/>
    </row>
    <row r="4782" spans="1:30">
      <c r="A4782" s="5" t="s">
        <v>83578</v>
      </c>
      <c r="B4782" s="2" t="s">
        <v>97948</v>
      </c>
      <c r="C4782" s="14" t="s">
        <v>97949</v>
      </c>
      <c r="D4782" s="2" t="s">
        <v>97950</v>
      </c>
      <c r="E4782" s="2" t="s">
        <v>47735</v>
      </c>
      <c r="F4782" s="8">
        <v>258</v>
      </c>
      <c r="G4782" s="5">
        <v>6</v>
      </c>
      <c r="H4782" s="5" t="s">
        <v>1518</v>
      </c>
      <c r="I4782" s="5" t="s">
        <v>40939</v>
      </c>
      <c r="J4782" s="2" t="s">
        <v>40940</v>
      </c>
      <c r="K4782" s="5" t="s">
        <v>40939</v>
      </c>
      <c r="L4782" s="2" t="s">
        <v>40940</v>
      </c>
      <c r="M4782" s="5" t="s">
        <v>36266</v>
      </c>
      <c r="N4782" s="5" t="s">
        <v>38</v>
      </c>
      <c r="O4782" s="5" t="s">
        <v>39</v>
      </c>
      <c r="P4782" s="5" t="s">
        <v>40</v>
      </c>
      <c r="Q4782" s="5" t="s">
        <v>1522</v>
      </c>
      <c r="R4782" s="5" t="s">
        <v>1523</v>
      </c>
      <c r="S4782" s="5" t="s">
        <v>42</v>
      </c>
      <c r="T4782" s="2">
        <v>2.177</v>
      </c>
      <c r="U4782" s="2">
        <v>1.7210000000000001</v>
      </c>
      <c r="V4782" s="2">
        <v>0.01</v>
      </c>
      <c r="W4782" s="2">
        <v>76.900000000000006</v>
      </c>
      <c r="X4782" s="2">
        <v>7.6</v>
      </c>
      <c r="Y4782" s="2">
        <v>16.7</v>
      </c>
      <c r="Z4782" s="5"/>
      <c r="AA4782" s="5" t="s">
        <v>43</v>
      </c>
      <c r="AB4782" s="5" t="s">
        <v>44</v>
      </c>
      <c r="AC4782" s="2"/>
      <c r="AD4782" s="1"/>
    </row>
    <row r="4783" spans="1:30">
      <c r="A4783" s="5" t="s">
        <v>83578</v>
      </c>
      <c r="B4783" s="2" t="s">
        <v>97951</v>
      </c>
      <c r="C4783" s="14" t="s">
        <v>97952</v>
      </c>
      <c r="D4783" s="2" t="s">
        <v>97953</v>
      </c>
      <c r="E4783" s="2" t="s">
        <v>7539</v>
      </c>
      <c r="F4783" s="8">
        <v>258</v>
      </c>
      <c r="G4783" s="5">
        <v>6</v>
      </c>
      <c r="H4783" s="5" t="s">
        <v>1518</v>
      </c>
      <c r="I4783" s="5" t="s">
        <v>40939</v>
      </c>
      <c r="J4783" s="2" t="s">
        <v>40940</v>
      </c>
      <c r="K4783" s="5" t="s">
        <v>40939</v>
      </c>
      <c r="L4783" s="2" t="s">
        <v>40940</v>
      </c>
      <c r="M4783" s="5" t="s">
        <v>36266</v>
      </c>
      <c r="N4783" s="5" t="s">
        <v>38</v>
      </c>
      <c r="O4783" s="5" t="s">
        <v>39</v>
      </c>
      <c r="P4783" s="5" t="s">
        <v>40</v>
      </c>
      <c r="Q4783" s="5" t="s">
        <v>1522</v>
      </c>
      <c r="R4783" s="5" t="s">
        <v>1523</v>
      </c>
      <c r="S4783" s="5" t="s">
        <v>42</v>
      </c>
      <c r="T4783" s="2">
        <v>2.1</v>
      </c>
      <c r="U4783" s="2">
        <v>1.6439999999999999</v>
      </c>
      <c r="V4783" s="2">
        <v>0.01</v>
      </c>
      <c r="W4783" s="2">
        <v>76.900000000000006</v>
      </c>
      <c r="X4783" s="2">
        <v>7.6</v>
      </c>
      <c r="Y4783" s="2">
        <v>16.7</v>
      </c>
      <c r="Z4783" s="5"/>
      <c r="AA4783" s="5" t="s">
        <v>43</v>
      </c>
      <c r="AB4783" s="5" t="s">
        <v>44</v>
      </c>
      <c r="AC4783" s="2"/>
      <c r="AD4783" s="1"/>
    </row>
    <row r="4784" spans="1:30">
      <c r="A4784" s="5" t="s">
        <v>83578</v>
      </c>
      <c r="B4784" s="2" t="s">
        <v>97954</v>
      </c>
      <c r="C4784" s="14" t="s">
        <v>97955</v>
      </c>
      <c r="D4784" s="2" t="s">
        <v>97956</v>
      </c>
      <c r="E4784" s="2" t="s">
        <v>7543</v>
      </c>
      <c r="F4784" s="8">
        <v>258</v>
      </c>
      <c r="G4784" s="5">
        <v>6</v>
      </c>
      <c r="H4784" s="5" t="s">
        <v>1518</v>
      </c>
      <c r="I4784" s="5" t="s">
        <v>40939</v>
      </c>
      <c r="J4784" s="2" t="s">
        <v>40940</v>
      </c>
      <c r="K4784" s="5" t="s">
        <v>40939</v>
      </c>
      <c r="L4784" s="2" t="s">
        <v>40940</v>
      </c>
      <c r="M4784" s="5" t="s">
        <v>36266</v>
      </c>
      <c r="N4784" s="5" t="s">
        <v>38</v>
      </c>
      <c r="O4784" s="5" t="s">
        <v>39</v>
      </c>
      <c r="P4784" s="5" t="s">
        <v>40</v>
      </c>
      <c r="Q4784" s="5" t="s">
        <v>1522</v>
      </c>
      <c r="R4784" s="5" t="s">
        <v>1523</v>
      </c>
      <c r="S4784" s="5" t="s">
        <v>42</v>
      </c>
      <c r="T4784" s="2">
        <v>2.1579999999999999</v>
      </c>
      <c r="U4784" s="2">
        <v>1.702</v>
      </c>
      <c r="V4784" s="2">
        <v>0.01</v>
      </c>
      <c r="W4784" s="2">
        <v>76.900000000000006</v>
      </c>
      <c r="X4784" s="2">
        <v>7.6</v>
      </c>
      <c r="Y4784" s="2">
        <v>16.7</v>
      </c>
      <c r="Z4784" s="5"/>
      <c r="AA4784" s="5" t="s">
        <v>43</v>
      </c>
      <c r="AB4784" s="5" t="s">
        <v>44</v>
      </c>
      <c r="AC4784" s="2"/>
      <c r="AD4784" s="1"/>
    </row>
    <row r="4785" spans="1:30">
      <c r="A4785" s="5" t="s">
        <v>83578</v>
      </c>
      <c r="B4785" s="2" t="s">
        <v>97957</v>
      </c>
      <c r="C4785" s="14" t="s">
        <v>97958</v>
      </c>
      <c r="D4785" s="2" t="s">
        <v>97959</v>
      </c>
      <c r="E4785" s="2" t="s">
        <v>40993</v>
      </c>
      <c r="F4785" s="8">
        <v>258</v>
      </c>
      <c r="G4785" s="5">
        <v>6</v>
      </c>
      <c r="H4785" s="5" t="s">
        <v>1518</v>
      </c>
      <c r="I4785" s="5" t="s">
        <v>40939</v>
      </c>
      <c r="J4785" s="2" t="s">
        <v>40940</v>
      </c>
      <c r="K4785" s="5" t="s">
        <v>40939</v>
      </c>
      <c r="L4785" s="2" t="s">
        <v>40940</v>
      </c>
      <c r="M4785" s="5" t="s">
        <v>36266</v>
      </c>
      <c r="N4785" s="5" t="s">
        <v>38</v>
      </c>
      <c r="O4785" s="5" t="s">
        <v>39</v>
      </c>
      <c r="P4785" s="5" t="s">
        <v>40</v>
      </c>
      <c r="Q4785" s="5" t="s">
        <v>1522</v>
      </c>
      <c r="R4785" s="5" t="s">
        <v>1523</v>
      </c>
      <c r="S4785" s="5" t="s">
        <v>42</v>
      </c>
      <c r="T4785" s="2">
        <v>2.177</v>
      </c>
      <c r="U4785" s="2">
        <v>1.7210000000000001</v>
      </c>
      <c r="V4785" s="2">
        <v>0.01</v>
      </c>
      <c r="W4785" s="2">
        <v>76.900000000000006</v>
      </c>
      <c r="X4785" s="2">
        <v>7.6</v>
      </c>
      <c r="Y4785" s="2">
        <v>16.7</v>
      </c>
      <c r="Z4785" s="5"/>
      <c r="AA4785" s="5" t="s">
        <v>43</v>
      </c>
      <c r="AB4785" s="5" t="s">
        <v>44</v>
      </c>
      <c r="AC4785" s="2"/>
      <c r="AD4785" s="1"/>
    </row>
    <row r="4786" spans="1:30">
      <c r="A4786" s="5" t="s">
        <v>83578</v>
      </c>
      <c r="B4786" s="2" t="s">
        <v>97960</v>
      </c>
      <c r="C4786" s="14" t="s">
        <v>97961</v>
      </c>
      <c r="D4786" s="2" t="s">
        <v>97962</v>
      </c>
      <c r="E4786" s="2" t="s">
        <v>40997</v>
      </c>
      <c r="F4786" s="8">
        <v>258</v>
      </c>
      <c r="G4786" s="5">
        <v>6</v>
      </c>
      <c r="H4786" s="5" t="s">
        <v>1518</v>
      </c>
      <c r="I4786" s="5" t="s">
        <v>40939</v>
      </c>
      <c r="J4786" s="2" t="s">
        <v>40940</v>
      </c>
      <c r="K4786" s="5" t="s">
        <v>40939</v>
      </c>
      <c r="L4786" s="2" t="s">
        <v>40940</v>
      </c>
      <c r="M4786" s="5" t="s">
        <v>36266</v>
      </c>
      <c r="N4786" s="5" t="s">
        <v>38</v>
      </c>
      <c r="O4786" s="5" t="s">
        <v>39</v>
      </c>
      <c r="P4786" s="5" t="s">
        <v>40</v>
      </c>
      <c r="Q4786" s="5" t="s">
        <v>1522</v>
      </c>
      <c r="R4786" s="5" t="s">
        <v>1523</v>
      </c>
      <c r="S4786" s="5" t="s">
        <v>42</v>
      </c>
      <c r="T4786" s="2">
        <v>2.1040000000000001</v>
      </c>
      <c r="U4786" s="2">
        <v>1.6479999999999999</v>
      </c>
      <c r="V4786" s="2">
        <v>0.01</v>
      </c>
      <c r="W4786" s="2">
        <v>76.900000000000006</v>
      </c>
      <c r="X4786" s="2">
        <v>7.6</v>
      </c>
      <c r="Y4786" s="2">
        <v>16.7</v>
      </c>
      <c r="Z4786" s="5"/>
      <c r="AA4786" s="5" t="s">
        <v>43</v>
      </c>
      <c r="AB4786" s="5" t="s">
        <v>44</v>
      </c>
      <c r="AC4786" s="2"/>
      <c r="AD4786" s="1"/>
    </row>
    <row r="4787" spans="1:30">
      <c r="A4787" s="5" t="s">
        <v>83578</v>
      </c>
      <c r="B4787" s="2" t="s">
        <v>97963</v>
      </c>
      <c r="C4787" s="14" t="s">
        <v>97964</v>
      </c>
      <c r="D4787" s="2" t="s">
        <v>97965</v>
      </c>
      <c r="E4787" s="2" t="s">
        <v>41267</v>
      </c>
      <c r="F4787" s="8">
        <v>258</v>
      </c>
      <c r="G4787" s="5">
        <v>6</v>
      </c>
      <c r="H4787" s="5" t="s">
        <v>1518</v>
      </c>
      <c r="I4787" s="5" t="s">
        <v>40939</v>
      </c>
      <c r="J4787" s="2" t="s">
        <v>40940</v>
      </c>
      <c r="K4787" s="5" t="s">
        <v>40939</v>
      </c>
      <c r="L4787" s="2" t="s">
        <v>40940</v>
      </c>
      <c r="M4787" s="5" t="s">
        <v>36266</v>
      </c>
      <c r="N4787" s="5" t="s">
        <v>38</v>
      </c>
      <c r="O4787" s="5" t="s">
        <v>39</v>
      </c>
      <c r="P4787" s="5" t="s">
        <v>40</v>
      </c>
      <c r="Q4787" s="5" t="s">
        <v>1522</v>
      </c>
      <c r="R4787" s="5" t="s">
        <v>1523</v>
      </c>
      <c r="S4787" s="5" t="s">
        <v>42</v>
      </c>
      <c r="T4787" s="2">
        <v>2.1619999999999999</v>
      </c>
      <c r="U4787" s="2">
        <v>1.706</v>
      </c>
      <c r="V4787" s="2">
        <v>0.01</v>
      </c>
      <c r="W4787" s="2">
        <v>76.900000000000006</v>
      </c>
      <c r="X4787" s="2">
        <v>7.6</v>
      </c>
      <c r="Y4787" s="2">
        <v>16.7</v>
      </c>
      <c r="Z4787" s="5"/>
      <c r="AA4787" s="5" t="s">
        <v>43</v>
      </c>
      <c r="AB4787" s="5" t="s">
        <v>44</v>
      </c>
      <c r="AC4787" s="2"/>
      <c r="AD4787" s="1"/>
    </row>
    <row r="4788" spans="1:30">
      <c r="A4788" s="5" t="s">
        <v>83578</v>
      </c>
      <c r="B4788" s="2" t="s">
        <v>97966</v>
      </c>
      <c r="C4788" s="14" t="s">
        <v>97967</v>
      </c>
      <c r="D4788" s="2" t="s">
        <v>97968</v>
      </c>
      <c r="E4788" s="2" t="s">
        <v>41001</v>
      </c>
      <c r="F4788" s="8">
        <v>258</v>
      </c>
      <c r="G4788" s="5">
        <v>6</v>
      </c>
      <c r="H4788" s="5" t="s">
        <v>1518</v>
      </c>
      <c r="I4788" s="5" t="s">
        <v>40939</v>
      </c>
      <c r="J4788" s="2" t="s">
        <v>40940</v>
      </c>
      <c r="K4788" s="5" t="s">
        <v>40939</v>
      </c>
      <c r="L4788" s="2" t="s">
        <v>40940</v>
      </c>
      <c r="M4788" s="5" t="s">
        <v>36266</v>
      </c>
      <c r="N4788" s="5" t="s">
        <v>38</v>
      </c>
      <c r="O4788" s="5" t="s">
        <v>39</v>
      </c>
      <c r="P4788" s="5" t="s">
        <v>40</v>
      </c>
      <c r="Q4788" s="5" t="s">
        <v>1522</v>
      </c>
      <c r="R4788" s="5" t="s">
        <v>1523</v>
      </c>
      <c r="S4788" s="5" t="s">
        <v>42</v>
      </c>
      <c r="T4788" s="2">
        <v>2.1190000000000002</v>
      </c>
      <c r="U4788" s="2">
        <v>1.663</v>
      </c>
      <c r="V4788" s="2">
        <v>0.01</v>
      </c>
      <c r="W4788" s="2">
        <v>76.900000000000006</v>
      </c>
      <c r="X4788" s="2">
        <v>7.6</v>
      </c>
      <c r="Y4788" s="2">
        <v>16.7</v>
      </c>
      <c r="Z4788" s="5"/>
      <c r="AA4788" s="5" t="s">
        <v>43</v>
      </c>
      <c r="AB4788" s="5" t="s">
        <v>44</v>
      </c>
      <c r="AC4788" s="2"/>
      <c r="AD4788" s="1"/>
    </row>
    <row r="4789" spans="1:30">
      <c r="A4789" s="5" t="s">
        <v>83578</v>
      </c>
      <c r="B4789" s="2" t="s">
        <v>97969</v>
      </c>
      <c r="C4789" s="14" t="s">
        <v>97970</v>
      </c>
      <c r="D4789" s="2" t="s">
        <v>97971</v>
      </c>
      <c r="E4789" s="2" t="s">
        <v>41005</v>
      </c>
      <c r="F4789" s="8">
        <v>258</v>
      </c>
      <c r="G4789" s="5">
        <v>6</v>
      </c>
      <c r="H4789" s="5" t="s">
        <v>1518</v>
      </c>
      <c r="I4789" s="5" t="s">
        <v>40939</v>
      </c>
      <c r="J4789" s="2" t="s">
        <v>40940</v>
      </c>
      <c r="K4789" s="5" t="s">
        <v>40939</v>
      </c>
      <c r="L4789" s="2" t="s">
        <v>40940</v>
      </c>
      <c r="M4789" s="5" t="s">
        <v>36266</v>
      </c>
      <c r="N4789" s="5" t="s">
        <v>38</v>
      </c>
      <c r="O4789" s="5" t="s">
        <v>39</v>
      </c>
      <c r="P4789" s="5" t="s">
        <v>40</v>
      </c>
      <c r="Q4789" s="5" t="s">
        <v>1522</v>
      </c>
      <c r="R4789" s="5" t="s">
        <v>1523</v>
      </c>
      <c r="S4789" s="5" t="s">
        <v>42</v>
      </c>
      <c r="T4789" s="2">
        <v>2.177</v>
      </c>
      <c r="U4789" s="2">
        <v>1.7210000000000001</v>
      </c>
      <c r="V4789" s="2">
        <v>0.01</v>
      </c>
      <c r="W4789" s="2">
        <v>76.900000000000006</v>
      </c>
      <c r="X4789" s="2">
        <v>7.6</v>
      </c>
      <c r="Y4789" s="2">
        <v>16.7</v>
      </c>
      <c r="Z4789" s="5"/>
      <c r="AA4789" s="5" t="s">
        <v>43</v>
      </c>
      <c r="AB4789" s="5" t="s">
        <v>44</v>
      </c>
      <c r="AC4789" s="2"/>
      <c r="AD4789" s="1"/>
    </row>
    <row r="4790" spans="1:30">
      <c r="A4790" s="5" t="s">
        <v>83578</v>
      </c>
      <c r="B4790" s="2" t="s">
        <v>97972</v>
      </c>
      <c r="C4790" s="14" t="s">
        <v>97973</v>
      </c>
      <c r="D4790" s="2" t="s">
        <v>97974</v>
      </c>
      <c r="E4790" s="2" t="s">
        <v>41013</v>
      </c>
      <c r="F4790" s="8">
        <v>258</v>
      </c>
      <c r="G4790" s="5">
        <v>6</v>
      </c>
      <c r="H4790" s="5" t="s">
        <v>1518</v>
      </c>
      <c r="I4790" s="5" t="s">
        <v>40939</v>
      </c>
      <c r="J4790" s="2" t="s">
        <v>40940</v>
      </c>
      <c r="K4790" s="5" t="s">
        <v>40939</v>
      </c>
      <c r="L4790" s="2" t="s">
        <v>40940</v>
      </c>
      <c r="M4790" s="5" t="s">
        <v>36266</v>
      </c>
      <c r="N4790" s="5" t="s">
        <v>38</v>
      </c>
      <c r="O4790" s="5" t="s">
        <v>39</v>
      </c>
      <c r="P4790" s="5" t="s">
        <v>40</v>
      </c>
      <c r="Q4790" s="5" t="s">
        <v>1522</v>
      </c>
      <c r="R4790" s="5" t="s">
        <v>1523</v>
      </c>
      <c r="S4790" s="5" t="s">
        <v>42</v>
      </c>
      <c r="T4790" s="2">
        <v>2.1800000000000002</v>
      </c>
      <c r="U4790" s="2">
        <v>1.724</v>
      </c>
      <c r="V4790" s="2">
        <v>0.01</v>
      </c>
      <c r="W4790" s="2">
        <v>76.900000000000006</v>
      </c>
      <c r="X4790" s="2">
        <v>7.6</v>
      </c>
      <c r="Y4790" s="2">
        <v>16.7</v>
      </c>
      <c r="Z4790" s="5"/>
      <c r="AA4790" s="5" t="s">
        <v>43</v>
      </c>
      <c r="AB4790" s="5" t="s">
        <v>44</v>
      </c>
      <c r="AC4790" s="2"/>
      <c r="AD4790" s="1"/>
    </row>
    <row r="4791" spans="1:30">
      <c r="A4791" s="5" t="s">
        <v>83578</v>
      </c>
      <c r="B4791" s="2" t="s">
        <v>97975</v>
      </c>
      <c r="C4791" s="14" t="s">
        <v>97976</v>
      </c>
      <c r="D4791" s="2" t="s">
        <v>97977</v>
      </c>
      <c r="E4791" s="2" t="s">
        <v>7396</v>
      </c>
      <c r="F4791" s="8">
        <v>241</v>
      </c>
      <c r="G4791" s="5">
        <v>6</v>
      </c>
      <c r="H4791" s="5" t="s">
        <v>1518</v>
      </c>
      <c r="I4791" s="5" t="s">
        <v>40939</v>
      </c>
      <c r="J4791" s="2" t="s">
        <v>40940</v>
      </c>
      <c r="K4791" s="5" t="s">
        <v>40939</v>
      </c>
      <c r="L4791" s="2" t="s">
        <v>40940</v>
      </c>
      <c r="M4791" s="5" t="s">
        <v>36266</v>
      </c>
      <c r="N4791" s="5" t="s">
        <v>38</v>
      </c>
      <c r="O4791" s="5" t="s">
        <v>39</v>
      </c>
      <c r="P4791" s="5" t="s">
        <v>40</v>
      </c>
      <c r="Q4791" s="5" t="s">
        <v>1522</v>
      </c>
      <c r="R4791" s="5" t="s">
        <v>1523</v>
      </c>
      <c r="S4791" s="5" t="s">
        <v>42</v>
      </c>
      <c r="T4791" s="2">
        <v>2.1219999999999999</v>
      </c>
      <c r="U4791" s="2">
        <v>1.6659999999999999</v>
      </c>
      <c r="V4791" s="2">
        <v>0.01</v>
      </c>
      <c r="W4791" s="2">
        <v>76.900000000000006</v>
      </c>
      <c r="X4791" s="2">
        <v>7.6</v>
      </c>
      <c r="Y4791" s="2">
        <v>16.7</v>
      </c>
      <c r="Z4791" s="5"/>
      <c r="AA4791" s="5" t="s">
        <v>43</v>
      </c>
      <c r="AB4791" s="5" t="s">
        <v>44</v>
      </c>
      <c r="AC4791" s="2"/>
      <c r="AD4791" s="1"/>
    </row>
    <row r="4792" spans="1:30">
      <c r="A4792" s="5" t="s">
        <v>83578</v>
      </c>
      <c r="B4792" s="2" t="s">
        <v>97978</v>
      </c>
      <c r="C4792" s="14" t="s">
        <v>97979</v>
      </c>
      <c r="D4792" s="2" t="s">
        <v>97980</v>
      </c>
      <c r="E4792" s="2" t="s">
        <v>41027</v>
      </c>
      <c r="F4792" s="8">
        <v>258</v>
      </c>
      <c r="G4792" s="5">
        <v>6</v>
      </c>
      <c r="H4792" s="5" t="s">
        <v>1518</v>
      </c>
      <c r="I4792" s="5" t="s">
        <v>40939</v>
      </c>
      <c r="J4792" s="2" t="s">
        <v>40940</v>
      </c>
      <c r="K4792" s="5" t="s">
        <v>40939</v>
      </c>
      <c r="L4792" s="2" t="s">
        <v>40940</v>
      </c>
      <c r="M4792" s="5" t="s">
        <v>36266</v>
      </c>
      <c r="N4792" s="5" t="s">
        <v>38</v>
      </c>
      <c r="O4792" s="5" t="s">
        <v>39</v>
      </c>
      <c r="P4792" s="5" t="s">
        <v>40</v>
      </c>
      <c r="Q4792" s="5" t="s">
        <v>1522</v>
      </c>
      <c r="R4792" s="5" t="s">
        <v>1523</v>
      </c>
      <c r="S4792" s="5" t="s">
        <v>42</v>
      </c>
      <c r="T4792" s="2">
        <v>2.1619999999999999</v>
      </c>
      <c r="U4792" s="2">
        <v>1.706</v>
      </c>
      <c r="V4792" s="2">
        <v>0.01</v>
      </c>
      <c r="W4792" s="2">
        <v>76.900000000000006</v>
      </c>
      <c r="X4792" s="2">
        <v>7.6</v>
      </c>
      <c r="Y4792" s="2">
        <v>16.7</v>
      </c>
      <c r="Z4792" s="5"/>
      <c r="AA4792" s="5" t="s">
        <v>43</v>
      </c>
      <c r="AB4792" s="5" t="s">
        <v>44</v>
      </c>
      <c r="AC4792" s="2"/>
      <c r="AD4792" s="1"/>
    </row>
    <row r="4793" spans="1:30">
      <c r="A4793" s="5" t="s">
        <v>83578</v>
      </c>
      <c r="B4793" s="2" t="s">
        <v>97981</v>
      </c>
      <c r="C4793" s="14" t="s">
        <v>97982</v>
      </c>
      <c r="D4793" s="2" t="s">
        <v>97983</v>
      </c>
      <c r="E4793" s="2" t="s">
        <v>41031</v>
      </c>
      <c r="F4793" s="8">
        <v>258</v>
      </c>
      <c r="G4793" s="5">
        <v>6</v>
      </c>
      <c r="H4793" s="5" t="s">
        <v>1518</v>
      </c>
      <c r="I4793" s="5" t="s">
        <v>40939</v>
      </c>
      <c r="J4793" s="2" t="s">
        <v>40940</v>
      </c>
      <c r="K4793" s="5" t="s">
        <v>40939</v>
      </c>
      <c r="L4793" s="2" t="s">
        <v>40940</v>
      </c>
      <c r="M4793" s="5" t="s">
        <v>36266</v>
      </c>
      <c r="N4793" s="5" t="s">
        <v>38</v>
      </c>
      <c r="O4793" s="5" t="s">
        <v>39</v>
      </c>
      <c r="P4793" s="5" t="s">
        <v>40</v>
      </c>
      <c r="Q4793" s="5" t="s">
        <v>1522</v>
      </c>
      <c r="R4793" s="5" t="s">
        <v>1523</v>
      </c>
      <c r="S4793" s="5" t="s">
        <v>42</v>
      </c>
      <c r="T4793" s="2">
        <v>2.1040000000000001</v>
      </c>
      <c r="U4793" s="2">
        <v>1.6479999999999999</v>
      </c>
      <c r="V4793" s="2">
        <v>0.01</v>
      </c>
      <c r="W4793" s="2">
        <v>76.900000000000006</v>
      </c>
      <c r="X4793" s="2">
        <v>7.6</v>
      </c>
      <c r="Y4793" s="2">
        <v>16.7</v>
      </c>
      <c r="Z4793" s="5"/>
      <c r="AA4793" s="5" t="s">
        <v>43</v>
      </c>
      <c r="AB4793" s="5" t="s">
        <v>44</v>
      </c>
      <c r="AC4793" s="2"/>
      <c r="AD4793" s="1"/>
    </row>
    <row r="4794" spans="1:30">
      <c r="A4794" s="5" t="s">
        <v>83578</v>
      </c>
      <c r="B4794" s="2" t="s">
        <v>97984</v>
      </c>
      <c r="C4794" s="14" t="s">
        <v>97985</v>
      </c>
      <c r="D4794" s="2" t="s">
        <v>97986</v>
      </c>
      <c r="E4794" s="2" t="s">
        <v>41035</v>
      </c>
      <c r="F4794" s="8">
        <v>258</v>
      </c>
      <c r="G4794" s="5">
        <v>6</v>
      </c>
      <c r="H4794" s="5" t="s">
        <v>1518</v>
      </c>
      <c r="I4794" s="5" t="s">
        <v>40939</v>
      </c>
      <c r="J4794" s="2" t="s">
        <v>40940</v>
      </c>
      <c r="K4794" s="5" t="s">
        <v>40939</v>
      </c>
      <c r="L4794" s="2" t="s">
        <v>40940</v>
      </c>
      <c r="M4794" s="5" t="s">
        <v>36266</v>
      </c>
      <c r="N4794" s="5" t="s">
        <v>38</v>
      </c>
      <c r="O4794" s="5" t="s">
        <v>39</v>
      </c>
      <c r="P4794" s="5" t="s">
        <v>40</v>
      </c>
      <c r="Q4794" s="5" t="s">
        <v>1522</v>
      </c>
      <c r="R4794" s="5" t="s">
        <v>1523</v>
      </c>
      <c r="S4794" s="5" t="s">
        <v>42</v>
      </c>
      <c r="T4794" s="2">
        <v>2.1619999999999999</v>
      </c>
      <c r="U4794" s="2">
        <v>1.706</v>
      </c>
      <c r="V4794" s="2">
        <v>0.01</v>
      </c>
      <c r="W4794" s="2">
        <v>76.900000000000006</v>
      </c>
      <c r="X4794" s="2">
        <v>7.6</v>
      </c>
      <c r="Y4794" s="2">
        <v>16.7</v>
      </c>
      <c r="Z4794" s="5"/>
      <c r="AA4794" s="5" t="s">
        <v>43</v>
      </c>
      <c r="AB4794" s="5" t="s">
        <v>44</v>
      </c>
      <c r="AC4794" s="2"/>
      <c r="AD4794" s="1"/>
    </row>
    <row r="4795" spans="1:30">
      <c r="A4795" s="5" t="s">
        <v>83578</v>
      </c>
      <c r="B4795" s="2" t="s">
        <v>97987</v>
      </c>
      <c r="C4795" s="14" t="s">
        <v>97988</v>
      </c>
      <c r="D4795" s="2" t="s">
        <v>97989</v>
      </c>
      <c r="E4795" s="2" t="s">
        <v>7449</v>
      </c>
      <c r="F4795" s="8">
        <v>258</v>
      </c>
      <c r="G4795" s="5">
        <v>6</v>
      </c>
      <c r="H4795" s="5" t="s">
        <v>1518</v>
      </c>
      <c r="I4795" s="5" t="s">
        <v>40939</v>
      </c>
      <c r="J4795" s="2" t="s">
        <v>40940</v>
      </c>
      <c r="K4795" s="5" t="s">
        <v>40939</v>
      </c>
      <c r="L4795" s="2" t="s">
        <v>40940</v>
      </c>
      <c r="M4795" s="5" t="s">
        <v>36266</v>
      </c>
      <c r="N4795" s="5" t="s">
        <v>38</v>
      </c>
      <c r="O4795" s="5" t="s">
        <v>39</v>
      </c>
      <c r="P4795" s="5" t="s">
        <v>40</v>
      </c>
      <c r="Q4795" s="5" t="s">
        <v>1522</v>
      </c>
      <c r="R4795" s="5" t="s">
        <v>1523</v>
      </c>
      <c r="S4795" s="5" t="s">
        <v>42</v>
      </c>
      <c r="T4795" s="2">
        <v>2.1040000000000001</v>
      </c>
      <c r="U4795" s="2">
        <v>1.6479999999999999</v>
      </c>
      <c r="V4795" s="2">
        <v>0.01</v>
      </c>
      <c r="W4795" s="2">
        <v>76.900000000000006</v>
      </c>
      <c r="X4795" s="2">
        <v>7.6</v>
      </c>
      <c r="Y4795" s="2">
        <v>16.7</v>
      </c>
      <c r="Z4795" s="5"/>
      <c r="AA4795" s="5" t="s">
        <v>43</v>
      </c>
      <c r="AB4795" s="5" t="s">
        <v>44</v>
      </c>
      <c r="AC4795" s="2"/>
      <c r="AD4795" s="1"/>
    </row>
    <row r="4796" spans="1:30">
      <c r="A4796" s="5" t="s">
        <v>83578</v>
      </c>
      <c r="B4796" s="2" t="s">
        <v>97990</v>
      </c>
      <c r="C4796" s="14" t="s">
        <v>97991</v>
      </c>
      <c r="D4796" s="2" t="s">
        <v>97992</v>
      </c>
      <c r="E4796" s="2" t="s">
        <v>7581</v>
      </c>
      <c r="F4796" s="8">
        <v>258</v>
      </c>
      <c r="G4796" s="5">
        <v>6</v>
      </c>
      <c r="H4796" s="5" t="s">
        <v>1518</v>
      </c>
      <c r="I4796" s="5" t="s">
        <v>40939</v>
      </c>
      <c r="J4796" s="2" t="s">
        <v>40940</v>
      </c>
      <c r="K4796" s="5" t="s">
        <v>40939</v>
      </c>
      <c r="L4796" s="2" t="s">
        <v>40940</v>
      </c>
      <c r="M4796" s="5" t="s">
        <v>36266</v>
      </c>
      <c r="N4796" s="5" t="s">
        <v>38</v>
      </c>
      <c r="O4796" s="5" t="s">
        <v>39</v>
      </c>
      <c r="P4796" s="5" t="s">
        <v>40</v>
      </c>
      <c r="Q4796" s="5" t="s">
        <v>1522</v>
      </c>
      <c r="R4796" s="5" t="s">
        <v>1523</v>
      </c>
      <c r="S4796" s="5" t="s">
        <v>42</v>
      </c>
      <c r="T4796" s="2">
        <v>2.1619999999999999</v>
      </c>
      <c r="U4796" s="2">
        <v>1.706</v>
      </c>
      <c r="V4796" s="2">
        <v>0.01</v>
      </c>
      <c r="W4796" s="2">
        <v>76.900000000000006</v>
      </c>
      <c r="X4796" s="2">
        <v>7.6</v>
      </c>
      <c r="Y4796" s="2">
        <v>16.7</v>
      </c>
      <c r="Z4796" s="5"/>
      <c r="AA4796" s="5" t="s">
        <v>43</v>
      </c>
      <c r="AB4796" s="5" t="s">
        <v>44</v>
      </c>
      <c r="AC4796" s="2"/>
      <c r="AD4796" s="1"/>
    </row>
    <row r="4797" spans="1:30">
      <c r="A4797" s="5" t="s">
        <v>83578</v>
      </c>
      <c r="B4797" s="2" t="s">
        <v>97993</v>
      </c>
      <c r="C4797" s="14" t="s">
        <v>97994</v>
      </c>
      <c r="D4797" s="2" t="s">
        <v>97995</v>
      </c>
      <c r="E4797" s="2" t="s">
        <v>41049</v>
      </c>
      <c r="F4797" s="8">
        <v>258</v>
      </c>
      <c r="G4797" s="5">
        <v>6</v>
      </c>
      <c r="H4797" s="5" t="s">
        <v>1518</v>
      </c>
      <c r="I4797" s="5" t="s">
        <v>40939</v>
      </c>
      <c r="J4797" s="2" t="s">
        <v>40940</v>
      </c>
      <c r="K4797" s="5" t="s">
        <v>40939</v>
      </c>
      <c r="L4797" s="2" t="s">
        <v>40940</v>
      </c>
      <c r="M4797" s="5" t="s">
        <v>36266</v>
      </c>
      <c r="N4797" s="5" t="s">
        <v>38</v>
      </c>
      <c r="O4797" s="5" t="s">
        <v>39</v>
      </c>
      <c r="P4797" s="5" t="s">
        <v>40</v>
      </c>
      <c r="Q4797" s="5" t="s">
        <v>1522</v>
      </c>
      <c r="R4797" s="5" t="s">
        <v>1523</v>
      </c>
      <c r="S4797" s="5" t="s">
        <v>42</v>
      </c>
      <c r="T4797" s="2">
        <v>2.1840000000000002</v>
      </c>
      <c r="U4797" s="2">
        <v>1.728</v>
      </c>
      <c r="V4797" s="2">
        <v>0.01</v>
      </c>
      <c r="W4797" s="2">
        <v>76.900000000000006</v>
      </c>
      <c r="X4797" s="2">
        <v>7.6</v>
      </c>
      <c r="Y4797" s="2">
        <v>16.7</v>
      </c>
      <c r="Z4797" s="5"/>
      <c r="AA4797" s="5" t="s">
        <v>43</v>
      </c>
      <c r="AB4797" s="5" t="s">
        <v>44</v>
      </c>
      <c r="AC4797" s="2"/>
      <c r="AD4797" s="1"/>
    </row>
    <row r="4798" spans="1:30">
      <c r="A4798" s="5" t="s">
        <v>83578</v>
      </c>
      <c r="B4798" s="2" t="s">
        <v>97996</v>
      </c>
      <c r="C4798" s="14" t="s">
        <v>97997</v>
      </c>
      <c r="D4798" s="2" t="s">
        <v>97998</v>
      </c>
      <c r="E4798" s="2" t="s">
        <v>7204</v>
      </c>
      <c r="F4798" s="8">
        <v>254</v>
      </c>
      <c r="G4798" s="5">
        <v>6</v>
      </c>
      <c r="H4798" s="5" t="s">
        <v>1518</v>
      </c>
      <c r="I4798" s="5" t="s">
        <v>40939</v>
      </c>
      <c r="J4798" s="2" t="s">
        <v>40940</v>
      </c>
      <c r="K4798" s="5" t="s">
        <v>40939</v>
      </c>
      <c r="L4798" s="2" t="s">
        <v>40940</v>
      </c>
      <c r="M4798" s="5" t="s">
        <v>36266</v>
      </c>
      <c r="N4798" s="5" t="s">
        <v>38</v>
      </c>
      <c r="O4798" s="5" t="s">
        <v>39</v>
      </c>
      <c r="P4798" s="5" t="s">
        <v>40</v>
      </c>
      <c r="Q4798" s="5" t="s">
        <v>1522</v>
      </c>
      <c r="R4798" s="5" t="s">
        <v>1523</v>
      </c>
      <c r="S4798" s="5" t="s">
        <v>42</v>
      </c>
      <c r="T4798" s="2">
        <v>2.3620000000000001</v>
      </c>
      <c r="U4798" s="2">
        <v>1.798</v>
      </c>
      <c r="V4798" s="2">
        <v>1.2999999999999999E-2</v>
      </c>
      <c r="W4798" s="2">
        <v>99.1</v>
      </c>
      <c r="X4798" s="2">
        <v>7.6</v>
      </c>
      <c r="Y4798" s="2">
        <v>16.7</v>
      </c>
      <c r="Z4798" s="5"/>
      <c r="AA4798" s="5" t="s">
        <v>43</v>
      </c>
      <c r="AB4798" s="5" t="s">
        <v>44</v>
      </c>
      <c r="AC4798" s="2"/>
      <c r="AD4798" s="1"/>
    </row>
    <row r="4799" spans="1:30">
      <c r="A4799" s="5" t="s">
        <v>83578</v>
      </c>
      <c r="B4799" s="2" t="s">
        <v>97999</v>
      </c>
      <c r="C4799" s="14" t="s">
        <v>98000</v>
      </c>
      <c r="D4799" s="2" t="s">
        <v>98001</v>
      </c>
      <c r="E4799" s="2" t="s">
        <v>7514</v>
      </c>
      <c r="F4799" s="8">
        <v>254</v>
      </c>
      <c r="G4799" s="5">
        <v>6</v>
      </c>
      <c r="H4799" s="5" t="s">
        <v>1518</v>
      </c>
      <c r="I4799" s="5" t="s">
        <v>40939</v>
      </c>
      <c r="J4799" s="2" t="s">
        <v>40940</v>
      </c>
      <c r="K4799" s="5" t="s">
        <v>40939</v>
      </c>
      <c r="L4799" s="2" t="s">
        <v>40940</v>
      </c>
      <c r="M4799" s="5" t="s">
        <v>36266</v>
      </c>
      <c r="N4799" s="5" t="s">
        <v>38</v>
      </c>
      <c r="O4799" s="5" t="s">
        <v>39</v>
      </c>
      <c r="P4799" s="5" t="s">
        <v>40</v>
      </c>
      <c r="Q4799" s="5" t="s">
        <v>1522</v>
      </c>
      <c r="R4799" s="5" t="s">
        <v>1523</v>
      </c>
      <c r="S4799" s="5" t="s">
        <v>42</v>
      </c>
      <c r="T4799" s="2">
        <v>2.431</v>
      </c>
      <c r="U4799" s="2">
        <v>1.867</v>
      </c>
      <c r="V4799" s="2">
        <v>1.2999999999999999E-2</v>
      </c>
      <c r="W4799" s="2">
        <v>99.1</v>
      </c>
      <c r="X4799" s="2">
        <v>7.6</v>
      </c>
      <c r="Y4799" s="2">
        <v>16.7</v>
      </c>
      <c r="Z4799" s="5"/>
      <c r="AA4799" s="5" t="s">
        <v>43</v>
      </c>
      <c r="AB4799" s="5" t="s">
        <v>44</v>
      </c>
      <c r="AC4799" s="2"/>
      <c r="AD4799" s="1"/>
    </row>
    <row r="4800" spans="1:30">
      <c r="A4800" s="5" t="s">
        <v>83578</v>
      </c>
      <c r="B4800" s="2" t="s">
        <v>98002</v>
      </c>
      <c r="C4800" s="14" t="s">
        <v>98003</v>
      </c>
      <c r="D4800" s="2" t="s">
        <v>98004</v>
      </c>
      <c r="E4800" s="2" t="s">
        <v>47266</v>
      </c>
      <c r="F4800" s="8">
        <v>272</v>
      </c>
      <c r="G4800" s="5">
        <v>6</v>
      </c>
      <c r="H4800" s="5" t="s">
        <v>1518</v>
      </c>
      <c r="I4800" s="5" t="s">
        <v>40939</v>
      </c>
      <c r="J4800" s="2" t="s">
        <v>40940</v>
      </c>
      <c r="K4800" s="5" t="s">
        <v>40939</v>
      </c>
      <c r="L4800" s="2" t="s">
        <v>40940</v>
      </c>
      <c r="M4800" s="5" t="s">
        <v>36266</v>
      </c>
      <c r="N4800" s="5" t="s">
        <v>38</v>
      </c>
      <c r="O4800" s="5" t="s">
        <v>39</v>
      </c>
      <c r="P4800" s="5" t="s">
        <v>40</v>
      </c>
      <c r="Q4800" s="5" t="s">
        <v>1522</v>
      </c>
      <c r="R4800" s="5" t="s">
        <v>1523</v>
      </c>
      <c r="S4800" s="5" t="s">
        <v>42</v>
      </c>
      <c r="T4800" s="2">
        <v>2.371</v>
      </c>
      <c r="U4800" s="2">
        <v>1.8069999999999999</v>
      </c>
      <c r="V4800" s="2">
        <v>1.2999999999999999E-2</v>
      </c>
      <c r="W4800" s="2">
        <v>99.1</v>
      </c>
      <c r="X4800" s="2">
        <v>7.6</v>
      </c>
      <c r="Y4800" s="2">
        <v>16.7</v>
      </c>
      <c r="Z4800" s="5"/>
      <c r="AA4800" s="5" t="s">
        <v>43</v>
      </c>
      <c r="AB4800" s="5" t="s">
        <v>44</v>
      </c>
      <c r="AC4800" s="2"/>
      <c r="AD4800" s="1"/>
    </row>
    <row r="4801" spans="1:30">
      <c r="A4801" s="5" t="s">
        <v>83578</v>
      </c>
      <c r="B4801" s="2" t="s">
        <v>98005</v>
      </c>
      <c r="C4801" s="14" t="s">
        <v>98006</v>
      </c>
      <c r="D4801" s="2" t="s">
        <v>98007</v>
      </c>
      <c r="E4801" s="2" t="s">
        <v>47195</v>
      </c>
      <c r="F4801" s="8">
        <v>272</v>
      </c>
      <c r="G4801" s="5">
        <v>6</v>
      </c>
      <c r="H4801" s="5" t="s">
        <v>1518</v>
      </c>
      <c r="I4801" s="5" t="s">
        <v>40939</v>
      </c>
      <c r="J4801" s="2" t="s">
        <v>40940</v>
      </c>
      <c r="K4801" s="5" t="s">
        <v>40939</v>
      </c>
      <c r="L4801" s="2" t="s">
        <v>40940</v>
      </c>
      <c r="M4801" s="5" t="s">
        <v>36266</v>
      </c>
      <c r="N4801" s="5" t="s">
        <v>38</v>
      </c>
      <c r="O4801" s="5" t="s">
        <v>39</v>
      </c>
      <c r="P4801" s="5" t="s">
        <v>40</v>
      </c>
      <c r="Q4801" s="5" t="s">
        <v>1522</v>
      </c>
      <c r="R4801" s="5" t="s">
        <v>1523</v>
      </c>
      <c r="S4801" s="5" t="s">
        <v>42</v>
      </c>
      <c r="T4801" s="2">
        <v>2.44</v>
      </c>
      <c r="U4801" s="2">
        <v>1.8759999999999999</v>
      </c>
      <c r="V4801" s="2">
        <v>1.2999999999999999E-2</v>
      </c>
      <c r="W4801" s="2">
        <v>99.1</v>
      </c>
      <c r="X4801" s="2">
        <v>7.6</v>
      </c>
      <c r="Y4801" s="2">
        <v>16.7</v>
      </c>
      <c r="Z4801" s="5"/>
      <c r="AA4801" s="5" t="s">
        <v>43</v>
      </c>
      <c r="AB4801" s="5" t="s">
        <v>44</v>
      </c>
      <c r="AC4801" s="2"/>
      <c r="AD4801" s="1"/>
    </row>
    <row r="4802" spans="1:30">
      <c r="A4802" s="5" t="s">
        <v>83578</v>
      </c>
      <c r="B4802" s="2" t="s">
        <v>98008</v>
      </c>
      <c r="C4802" s="14" t="s">
        <v>98009</v>
      </c>
      <c r="D4802" s="2" t="s">
        <v>98010</v>
      </c>
      <c r="E4802" s="2" t="s">
        <v>7208</v>
      </c>
      <c r="F4802" s="8">
        <v>254</v>
      </c>
      <c r="G4802" s="5">
        <v>6</v>
      </c>
      <c r="H4802" s="5" t="s">
        <v>1518</v>
      </c>
      <c r="I4802" s="5" t="s">
        <v>40939</v>
      </c>
      <c r="J4802" s="2" t="s">
        <v>40940</v>
      </c>
      <c r="K4802" s="5" t="s">
        <v>40939</v>
      </c>
      <c r="L4802" s="2" t="s">
        <v>40940</v>
      </c>
      <c r="M4802" s="5" t="s">
        <v>36266</v>
      </c>
      <c r="N4802" s="5" t="s">
        <v>38</v>
      </c>
      <c r="O4802" s="5" t="s">
        <v>39</v>
      </c>
      <c r="P4802" s="5" t="s">
        <v>40</v>
      </c>
      <c r="Q4802" s="5" t="s">
        <v>1522</v>
      </c>
      <c r="R4802" s="5" t="s">
        <v>1523</v>
      </c>
      <c r="S4802" s="5" t="s">
        <v>42</v>
      </c>
      <c r="T4802" s="2">
        <v>2.375</v>
      </c>
      <c r="U4802" s="2">
        <v>1.8109999999999999</v>
      </c>
      <c r="V4802" s="2">
        <v>1.2999999999999999E-2</v>
      </c>
      <c r="W4802" s="2">
        <v>99.1</v>
      </c>
      <c r="X4802" s="2">
        <v>7.6</v>
      </c>
      <c r="Y4802" s="2">
        <v>16.7</v>
      </c>
      <c r="Z4802" s="5"/>
      <c r="AA4802" s="5" t="s">
        <v>43</v>
      </c>
      <c r="AB4802" s="5" t="s">
        <v>44</v>
      </c>
      <c r="AC4802" s="2"/>
      <c r="AD4802" s="1"/>
    </row>
    <row r="4803" spans="1:30">
      <c r="A4803" s="5" t="s">
        <v>83578</v>
      </c>
      <c r="B4803" s="2" t="s">
        <v>98011</v>
      </c>
      <c r="C4803" s="14" t="s">
        <v>98012</v>
      </c>
      <c r="D4803" s="2" t="s">
        <v>98013</v>
      </c>
      <c r="E4803" s="2" t="s">
        <v>7521</v>
      </c>
      <c r="F4803" s="8">
        <v>254</v>
      </c>
      <c r="G4803" s="5">
        <v>6</v>
      </c>
      <c r="H4803" s="5" t="s">
        <v>1518</v>
      </c>
      <c r="I4803" s="5" t="s">
        <v>40939</v>
      </c>
      <c r="J4803" s="2" t="s">
        <v>40940</v>
      </c>
      <c r="K4803" s="5" t="s">
        <v>40939</v>
      </c>
      <c r="L4803" s="2" t="s">
        <v>40940</v>
      </c>
      <c r="M4803" s="5" t="s">
        <v>36266</v>
      </c>
      <c r="N4803" s="5" t="s">
        <v>38</v>
      </c>
      <c r="O4803" s="5" t="s">
        <v>39</v>
      </c>
      <c r="P4803" s="5" t="s">
        <v>40</v>
      </c>
      <c r="Q4803" s="5" t="s">
        <v>1522</v>
      </c>
      <c r="R4803" s="5" t="s">
        <v>1523</v>
      </c>
      <c r="S4803" s="5" t="s">
        <v>42</v>
      </c>
      <c r="T4803" s="2">
        <v>2.444</v>
      </c>
      <c r="U4803" s="2">
        <v>1.88</v>
      </c>
      <c r="V4803" s="2">
        <v>1.2999999999999999E-2</v>
      </c>
      <c r="W4803" s="2">
        <v>99.1</v>
      </c>
      <c r="X4803" s="2">
        <v>7.6</v>
      </c>
      <c r="Y4803" s="2">
        <v>16.7</v>
      </c>
      <c r="Z4803" s="5"/>
      <c r="AA4803" s="5" t="s">
        <v>43</v>
      </c>
      <c r="AB4803" s="5" t="s">
        <v>44</v>
      </c>
      <c r="AC4803" s="2"/>
      <c r="AD4803" s="1"/>
    </row>
    <row r="4804" spans="1:30">
      <c r="A4804" s="5" t="s">
        <v>83578</v>
      </c>
      <c r="B4804" s="2" t="s">
        <v>98014</v>
      </c>
      <c r="C4804" s="14" t="s">
        <v>98015</v>
      </c>
      <c r="D4804" s="2" t="s">
        <v>98016</v>
      </c>
      <c r="E4804" s="2" t="s">
        <v>36273</v>
      </c>
      <c r="F4804" s="8">
        <v>254</v>
      </c>
      <c r="G4804" s="5">
        <v>6</v>
      </c>
      <c r="H4804" s="5" t="s">
        <v>1518</v>
      </c>
      <c r="I4804" s="5" t="s">
        <v>40939</v>
      </c>
      <c r="J4804" s="2" t="s">
        <v>40940</v>
      </c>
      <c r="K4804" s="5" t="s">
        <v>40939</v>
      </c>
      <c r="L4804" s="2" t="s">
        <v>40940</v>
      </c>
      <c r="M4804" s="5" t="s">
        <v>36266</v>
      </c>
      <c r="N4804" s="5" t="s">
        <v>38</v>
      </c>
      <c r="O4804" s="5" t="s">
        <v>39</v>
      </c>
      <c r="P4804" s="5" t="s">
        <v>40</v>
      </c>
      <c r="Q4804" s="5" t="s">
        <v>1522</v>
      </c>
      <c r="R4804" s="5" t="s">
        <v>1523</v>
      </c>
      <c r="S4804" s="5" t="s">
        <v>42</v>
      </c>
      <c r="T4804" s="2">
        <v>2.3839999999999999</v>
      </c>
      <c r="U4804" s="2">
        <v>1.82</v>
      </c>
      <c r="V4804" s="2">
        <v>1.2999999999999999E-2</v>
      </c>
      <c r="W4804" s="2">
        <v>99.1</v>
      </c>
      <c r="X4804" s="2">
        <v>7.6</v>
      </c>
      <c r="Y4804" s="2">
        <v>16.7</v>
      </c>
      <c r="Z4804" s="5"/>
      <c r="AA4804" s="5" t="s">
        <v>43</v>
      </c>
      <c r="AB4804" s="5" t="s">
        <v>44</v>
      </c>
      <c r="AC4804" s="2"/>
      <c r="AD4804" s="1"/>
    </row>
    <row r="4805" spans="1:30">
      <c r="A4805" s="5" t="s">
        <v>83578</v>
      </c>
      <c r="B4805" s="2" t="s">
        <v>98017</v>
      </c>
      <c r="C4805" s="14" t="s">
        <v>98018</v>
      </c>
      <c r="D4805" s="2" t="s">
        <v>98019</v>
      </c>
      <c r="E4805" s="2" t="s">
        <v>36277</v>
      </c>
      <c r="F4805" s="8">
        <v>254</v>
      </c>
      <c r="G4805" s="5">
        <v>6</v>
      </c>
      <c r="H4805" s="5" t="s">
        <v>1518</v>
      </c>
      <c r="I4805" s="5" t="s">
        <v>40939</v>
      </c>
      <c r="J4805" s="2" t="s">
        <v>40940</v>
      </c>
      <c r="K4805" s="5" t="s">
        <v>40939</v>
      </c>
      <c r="L4805" s="2" t="s">
        <v>40940</v>
      </c>
      <c r="M4805" s="5" t="s">
        <v>36266</v>
      </c>
      <c r="N4805" s="5" t="s">
        <v>38</v>
      </c>
      <c r="O4805" s="5" t="s">
        <v>39</v>
      </c>
      <c r="P4805" s="5" t="s">
        <v>40</v>
      </c>
      <c r="Q4805" s="5" t="s">
        <v>1522</v>
      </c>
      <c r="R4805" s="5" t="s">
        <v>1523</v>
      </c>
      <c r="S4805" s="5" t="s">
        <v>42</v>
      </c>
      <c r="T4805" s="2">
        <v>2.4529999999999998</v>
      </c>
      <c r="U4805" s="2">
        <v>1.889</v>
      </c>
      <c r="V4805" s="2">
        <v>1.2999999999999999E-2</v>
      </c>
      <c r="W4805" s="2">
        <v>99.1</v>
      </c>
      <c r="X4805" s="2">
        <v>7.6</v>
      </c>
      <c r="Y4805" s="2">
        <v>16.7</v>
      </c>
      <c r="Z4805" s="5"/>
      <c r="AA4805" s="5" t="s">
        <v>43</v>
      </c>
      <c r="AB4805" s="5" t="s">
        <v>44</v>
      </c>
      <c r="AC4805" s="2"/>
      <c r="AD4805" s="1"/>
    </row>
    <row r="4806" spans="1:30">
      <c r="A4806" s="5" t="s">
        <v>83578</v>
      </c>
      <c r="B4806" s="2" t="s">
        <v>98020</v>
      </c>
      <c r="C4806" s="14" t="s">
        <v>98021</v>
      </c>
      <c r="D4806" s="2" t="s">
        <v>98022</v>
      </c>
      <c r="E4806" s="2" t="s">
        <v>40967</v>
      </c>
      <c r="F4806" s="8">
        <v>272</v>
      </c>
      <c r="G4806" s="5">
        <v>6</v>
      </c>
      <c r="H4806" s="5" t="s">
        <v>1518</v>
      </c>
      <c r="I4806" s="5" t="s">
        <v>40939</v>
      </c>
      <c r="J4806" s="2" t="s">
        <v>40940</v>
      </c>
      <c r="K4806" s="5" t="s">
        <v>40939</v>
      </c>
      <c r="L4806" s="2" t="s">
        <v>40940</v>
      </c>
      <c r="M4806" s="5" t="s">
        <v>36266</v>
      </c>
      <c r="N4806" s="5" t="s">
        <v>38</v>
      </c>
      <c r="O4806" s="5" t="s">
        <v>39</v>
      </c>
      <c r="P4806" s="5" t="s">
        <v>40</v>
      </c>
      <c r="Q4806" s="5" t="s">
        <v>1522</v>
      </c>
      <c r="R4806" s="5" t="s">
        <v>1523</v>
      </c>
      <c r="S4806" s="5" t="s">
        <v>42</v>
      </c>
      <c r="T4806" s="2">
        <v>2.375</v>
      </c>
      <c r="U4806" s="2">
        <v>1.8109999999999999</v>
      </c>
      <c r="V4806" s="2">
        <v>1.2999999999999999E-2</v>
      </c>
      <c r="W4806" s="2">
        <v>99.1</v>
      </c>
      <c r="X4806" s="2">
        <v>7.6</v>
      </c>
      <c r="Y4806" s="2">
        <v>16.7</v>
      </c>
      <c r="Z4806" s="5"/>
      <c r="AA4806" s="5" t="s">
        <v>43</v>
      </c>
      <c r="AB4806" s="5" t="s">
        <v>44</v>
      </c>
      <c r="AC4806" s="2"/>
      <c r="AD4806" s="1"/>
    </row>
    <row r="4807" spans="1:30">
      <c r="A4807" s="5" t="s">
        <v>83578</v>
      </c>
      <c r="B4807" s="2" t="s">
        <v>98023</v>
      </c>
      <c r="C4807" s="14" t="s">
        <v>98024</v>
      </c>
      <c r="D4807" s="2" t="s">
        <v>98025</v>
      </c>
      <c r="E4807" s="2" t="s">
        <v>40971</v>
      </c>
      <c r="F4807" s="8">
        <v>272</v>
      </c>
      <c r="G4807" s="5">
        <v>6</v>
      </c>
      <c r="H4807" s="5" t="s">
        <v>1518</v>
      </c>
      <c r="I4807" s="5" t="s">
        <v>40939</v>
      </c>
      <c r="J4807" s="2" t="s">
        <v>40940</v>
      </c>
      <c r="K4807" s="5" t="s">
        <v>40939</v>
      </c>
      <c r="L4807" s="2" t="s">
        <v>40940</v>
      </c>
      <c r="M4807" s="5" t="s">
        <v>36266</v>
      </c>
      <c r="N4807" s="5" t="s">
        <v>38</v>
      </c>
      <c r="O4807" s="5" t="s">
        <v>39</v>
      </c>
      <c r="P4807" s="5" t="s">
        <v>40</v>
      </c>
      <c r="Q4807" s="5" t="s">
        <v>1522</v>
      </c>
      <c r="R4807" s="5" t="s">
        <v>1523</v>
      </c>
      <c r="S4807" s="5" t="s">
        <v>42</v>
      </c>
      <c r="T4807" s="2">
        <v>2.444</v>
      </c>
      <c r="U4807" s="2">
        <v>1.88</v>
      </c>
      <c r="V4807" s="2">
        <v>1.2999999999999999E-2</v>
      </c>
      <c r="W4807" s="2">
        <v>99.1</v>
      </c>
      <c r="X4807" s="2">
        <v>7.6</v>
      </c>
      <c r="Y4807" s="2">
        <v>16.7</v>
      </c>
      <c r="Z4807" s="5"/>
      <c r="AA4807" s="5" t="s">
        <v>43</v>
      </c>
      <c r="AB4807" s="5" t="s">
        <v>44</v>
      </c>
      <c r="AC4807" s="2"/>
      <c r="AD4807" s="1"/>
    </row>
    <row r="4808" spans="1:30">
      <c r="A4808" s="5" t="s">
        <v>83578</v>
      </c>
      <c r="B4808" s="2" t="s">
        <v>98026</v>
      </c>
      <c r="C4808" s="14" t="s">
        <v>98027</v>
      </c>
      <c r="D4808" s="2" t="s">
        <v>98028</v>
      </c>
      <c r="E4808" s="2" t="s">
        <v>47226</v>
      </c>
      <c r="F4808" s="8">
        <v>272</v>
      </c>
      <c r="G4808" s="5">
        <v>6</v>
      </c>
      <c r="H4808" s="5" t="s">
        <v>1518</v>
      </c>
      <c r="I4808" s="5" t="s">
        <v>40939</v>
      </c>
      <c r="J4808" s="2" t="s">
        <v>40940</v>
      </c>
      <c r="K4808" s="5" t="s">
        <v>40939</v>
      </c>
      <c r="L4808" s="2" t="s">
        <v>40940</v>
      </c>
      <c r="M4808" s="5" t="s">
        <v>36266</v>
      </c>
      <c r="N4808" s="5" t="s">
        <v>38</v>
      </c>
      <c r="O4808" s="5" t="s">
        <v>39</v>
      </c>
      <c r="P4808" s="5" t="s">
        <v>40</v>
      </c>
      <c r="Q4808" s="5" t="s">
        <v>1522</v>
      </c>
      <c r="R4808" s="5" t="s">
        <v>1523</v>
      </c>
      <c r="S4808" s="5" t="s">
        <v>42</v>
      </c>
      <c r="T4808" s="2">
        <v>2.375</v>
      </c>
      <c r="U4808" s="2">
        <v>1.8109999999999999</v>
      </c>
      <c r="V4808" s="2">
        <v>1.2999999999999999E-2</v>
      </c>
      <c r="W4808" s="2">
        <v>99.1</v>
      </c>
      <c r="X4808" s="2">
        <v>7.6</v>
      </c>
      <c r="Y4808" s="2">
        <v>16.7</v>
      </c>
      <c r="Z4808" s="5"/>
      <c r="AA4808" s="5" t="s">
        <v>43</v>
      </c>
      <c r="AB4808" s="5" t="s">
        <v>44</v>
      </c>
      <c r="AC4808" s="2"/>
      <c r="AD4808" s="1"/>
    </row>
    <row r="4809" spans="1:30">
      <c r="A4809" s="5" t="s">
        <v>83578</v>
      </c>
      <c r="B4809" s="2" t="s">
        <v>98029</v>
      </c>
      <c r="C4809" s="14" t="s">
        <v>98030</v>
      </c>
      <c r="D4809" s="2" t="s">
        <v>98031</v>
      </c>
      <c r="E4809" s="2" t="s">
        <v>47735</v>
      </c>
      <c r="F4809" s="8">
        <v>272</v>
      </c>
      <c r="G4809" s="5">
        <v>6</v>
      </c>
      <c r="H4809" s="5" t="s">
        <v>1518</v>
      </c>
      <c r="I4809" s="5" t="s">
        <v>40939</v>
      </c>
      <c r="J4809" s="2" t="s">
        <v>40940</v>
      </c>
      <c r="K4809" s="5" t="s">
        <v>40939</v>
      </c>
      <c r="L4809" s="2" t="s">
        <v>40940</v>
      </c>
      <c r="M4809" s="5" t="s">
        <v>36266</v>
      </c>
      <c r="N4809" s="5" t="s">
        <v>38</v>
      </c>
      <c r="O4809" s="5" t="s">
        <v>39</v>
      </c>
      <c r="P4809" s="5" t="s">
        <v>40</v>
      </c>
      <c r="Q4809" s="5" t="s">
        <v>1522</v>
      </c>
      <c r="R4809" s="5" t="s">
        <v>1523</v>
      </c>
      <c r="S4809" s="5" t="s">
        <v>42</v>
      </c>
      <c r="T4809" s="2">
        <v>2.444</v>
      </c>
      <c r="U4809" s="2">
        <v>1.88</v>
      </c>
      <c r="V4809" s="2">
        <v>1.2999999999999999E-2</v>
      </c>
      <c r="W4809" s="2">
        <v>99.1</v>
      </c>
      <c r="X4809" s="2">
        <v>7.6</v>
      </c>
      <c r="Y4809" s="2">
        <v>16.7</v>
      </c>
      <c r="Z4809" s="5"/>
      <c r="AA4809" s="5" t="s">
        <v>43</v>
      </c>
      <c r="AB4809" s="5" t="s">
        <v>44</v>
      </c>
      <c r="AC4809" s="2"/>
      <c r="AD4809" s="1"/>
    </row>
    <row r="4810" spans="1:30">
      <c r="A4810" s="5" t="s">
        <v>83578</v>
      </c>
      <c r="B4810" s="2" t="s">
        <v>98032</v>
      </c>
      <c r="C4810" s="14" t="s">
        <v>98033</v>
      </c>
      <c r="D4810" s="2" t="s">
        <v>98034</v>
      </c>
      <c r="E4810" s="2" t="s">
        <v>7539</v>
      </c>
      <c r="F4810" s="8">
        <v>272</v>
      </c>
      <c r="G4810" s="5">
        <v>6</v>
      </c>
      <c r="H4810" s="5" t="s">
        <v>1518</v>
      </c>
      <c r="I4810" s="5" t="s">
        <v>40939</v>
      </c>
      <c r="J4810" s="2" t="s">
        <v>40940</v>
      </c>
      <c r="K4810" s="5" t="s">
        <v>40939</v>
      </c>
      <c r="L4810" s="2" t="s">
        <v>40940</v>
      </c>
      <c r="M4810" s="5" t="s">
        <v>36266</v>
      </c>
      <c r="N4810" s="5" t="s">
        <v>38</v>
      </c>
      <c r="O4810" s="5" t="s">
        <v>39</v>
      </c>
      <c r="P4810" s="5" t="s">
        <v>40</v>
      </c>
      <c r="Q4810" s="5" t="s">
        <v>1522</v>
      </c>
      <c r="R4810" s="5" t="s">
        <v>1523</v>
      </c>
      <c r="S4810" s="5" t="s">
        <v>42</v>
      </c>
      <c r="T4810" s="2">
        <v>2.3530000000000002</v>
      </c>
      <c r="U4810" s="2">
        <v>1.7889999999999999</v>
      </c>
      <c r="V4810" s="2">
        <v>1.2999999999999999E-2</v>
      </c>
      <c r="W4810" s="2">
        <v>99.1</v>
      </c>
      <c r="X4810" s="2">
        <v>7.6</v>
      </c>
      <c r="Y4810" s="2">
        <v>16.7</v>
      </c>
      <c r="Z4810" s="5"/>
      <c r="AA4810" s="5" t="s">
        <v>43</v>
      </c>
      <c r="AB4810" s="5" t="s">
        <v>44</v>
      </c>
      <c r="AC4810" s="2"/>
      <c r="AD4810" s="1"/>
    </row>
    <row r="4811" spans="1:30">
      <c r="A4811" s="5" t="s">
        <v>83578</v>
      </c>
      <c r="B4811" s="2" t="s">
        <v>98035</v>
      </c>
      <c r="C4811" s="14" t="s">
        <v>98036</v>
      </c>
      <c r="D4811" s="2" t="s">
        <v>98037</v>
      </c>
      <c r="E4811" s="2" t="s">
        <v>7543</v>
      </c>
      <c r="F4811" s="8">
        <v>272</v>
      </c>
      <c r="G4811" s="5">
        <v>6</v>
      </c>
      <c r="H4811" s="5" t="s">
        <v>1518</v>
      </c>
      <c r="I4811" s="5" t="s">
        <v>40939</v>
      </c>
      <c r="J4811" s="2" t="s">
        <v>40940</v>
      </c>
      <c r="K4811" s="5" t="s">
        <v>40939</v>
      </c>
      <c r="L4811" s="2" t="s">
        <v>40940</v>
      </c>
      <c r="M4811" s="5" t="s">
        <v>36266</v>
      </c>
      <c r="N4811" s="5" t="s">
        <v>38</v>
      </c>
      <c r="O4811" s="5" t="s">
        <v>39</v>
      </c>
      <c r="P4811" s="5" t="s">
        <v>40</v>
      </c>
      <c r="Q4811" s="5" t="s">
        <v>1522</v>
      </c>
      <c r="R4811" s="5" t="s">
        <v>1523</v>
      </c>
      <c r="S4811" s="5" t="s">
        <v>42</v>
      </c>
      <c r="T4811" s="2">
        <v>2.4220000000000002</v>
      </c>
      <c r="U4811" s="2">
        <v>1.8580000000000001</v>
      </c>
      <c r="V4811" s="2">
        <v>1.2999999999999999E-2</v>
      </c>
      <c r="W4811" s="2">
        <v>99.1</v>
      </c>
      <c r="X4811" s="2">
        <v>7.6</v>
      </c>
      <c r="Y4811" s="2">
        <v>16.7</v>
      </c>
      <c r="Z4811" s="5"/>
      <c r="AA4811" s="5" t="s">
        <v>43</v>
      </c>
      <c r="AB4811" s="5" t="s">
        <v>44</v>
      </c>
      <c r="AC4811" s="2"/>
      <c r="AD4811" s="1"/>
    </row>
    <row r="4812" spans="1:30">
      <c r="A4812" s="5" t="s">
        <v>83578</v>
      </c>
      <c r="B4812" s="2" t="s">
        <v>98038</v>
      </c>
      <c r="C4812" s="14" t="s">
        <v>98039</v>
      </c>
      <c r="D4812" s="2" t="s">
        <v>98040</v>
      </c>
      <c r="E4812" s="2" t="s">
        <v>40989</v>
      </c>
      <c r="F4812" s="8">
        <v>272</v>
      </c>
      <c r="G4812" s="5">
        <v>6</v>
      </c>
      <c r="H4812" s="5" t="s">
        <v>1518</v>
      </c>
      <c r="I4812" s="5" t="s">
        <v>40939</v>
      </c>
      <c r="J4812" s="2" t="s">
        <v>40940</v>
      </c>
      <c r="K4812" s="5" t="s">
        <v>40939</v>
      </c>
      <c r="L4812" s="2" t="s">
        <v>40940</v>
      </c>
      <c r="M4812" s="5" t="s">
        <v>36266</v>
      </c>
      <c r="N4812" s="5" t="s">
        <v>38</v>
      </c>
      <c r="O4812" s="5" t="s">
        <v>39</v>
      </c>
      <c r="P4812" s="5" t="s">
        <v>40</v>
      </c>
      <c r="Q4812" s="5" t="s">
        <v>1522</v>
      </c>
      <c r="R4812" s="5" t="s">
        <v>1523</v>
      </c>
      <c r="S4812" s="5" t="s">
        <v>42</v>
      </c>
      <c r="T4812" s="2">
        <v>2.375</v>
      </c>
      <c r="U4812" s="2">
        <v>1.8109999999999999</v>
      </c>
      <c r="V4812" s="2">
        <v>1.2999999999999999E-2</v>
      </c>
      <c r="W4812" s="2">
        <v>99.1</v>
      </c>
      <c r="X4812" s="2">
        <v>7.6</v>
      </c>
      <c r="Y4812" s="2">
        <v>16.7</v>
      </c>
      <c r="Z4812" s="5"/>
      <c r="AA4812" s="5" t="s">
        <v>43</v>
      </c>
      <c r="AB4812" s="5" t="s">
        <v>44</v>
      </c>
      <c r="AC4812" s="2"/>
      <c r="AD4812" s="1"/>
    </row>
    <row r="4813" spans="1:30">
      <c r="A4813" s="5" t="s">
        <v>83578</v>
      </c>
      <c r="B4813" s="2" t="s">
        <v>98041</v>
      </c>
      <c r="C4813" s="14" t="s">
        <v>98042</v>
      </c>
      <c r="D4813" s="2" t="s">
        <v>98043</v>
      </c>
      <c r="E4813" s="2" t="s">
        <v>40993</v>
      </c>
      <c r="F4813" s="8">
        <v>272</v>
      </c>
      <c r="G4813" s="5">
        <v>6</v>
      </c>
      <c r="H4813" s="5" t="s">
        <v>1518</v>
      </c>
      <c r="I4813" s="5" t="s">
        <v>40939</v>
      </c>
      <c r="J4813" s="2" t="s">
        <v>40940</v>
      </c>
      <c r="K4813" s="5" t="s">
        <v>40939</v>
      </c>
      <c r="L4813" s="2" t="s">
        <v>40940</v>
      </c>
      <c r="M4813" s="5" t="s">
        <v>36266</v>
      </c>
      <c r="N4813" s="5" t="s">
        <v>38</v>
      </c>
      <c r="O4813" s="5" t="s">
        <v>39</v>
      </c>
      <c r="P4813" s="5" t="s">
        <v>40</v>
      </c>
      <c r="Q4813" s="5" t="s">
        <v>1522</v>
      </c>
      <c r="R4813" s="5" t="s">
        <v>1523</v>
      </c>
      <c r="S4813" s="5" t="s">
        <v>42</v>
      </c>
      <c r="T4813" s="2">
        <v>2.444</v>
      </c>
      <c r="U4813" s="2">
        <v>1.88</v>
      </c>
      <c r="V4813" s="2">
        <v>1.2999999999999999E-2</v>
      </c>
      <c r="W4813" s="2">
        <v>99.1</v>
      </c>
      <c r="X4813" s="2">
        <v>7.6</v>
      </c>
      <c r="Y4813" s="2">
        <v>16.7</v>
      </c>
      <c r="Z4813" s="5"/>
      <c r="AA4813" s="5" t="s">
        <v>43</v>
      </c>
      <c r="AB4813" s="5" t="s">
        <v>44</v>
      </c>
      <c r="AC4813" s="2"/>
      <c r="AD4813" s="1"/>
    </row>
    <row r="4814" spans="1:30">
      <c r="A4814" s="5" t="s">
        <v>83578</v>
      </c>
      <c r="B4814" s="2" t="s">
        <v>98044</v>
      </c>
      <c r="C4814" s="14" t="s">
        <v>98045</v>
      </c>
      <c r="D4814" s="2" t="s">
        <v>98046</v>
      </c>
      <c r="E4814" s="2" t="s">
        <v>40997</v>
      </c>
      <c r="F4814" s="8">
        <v>272</v>
      </c>
      <c r="G4814" s="5">
        <v>6</v>
      </c>
      <c r="H4814" s="5" t="s">
        <v>1518</v>
      </c>
      <c r="I4814" s="5" t="s">
        <v>40939</v>
      </c>
      <c r="J4814" s="2" t="s">
        <v>40940</v>
      </c>
      <c r="K4814" s="5" t="s">
        <v>40939</v>
      </c>
      <c r="L4814" s="2" t="s">
        <v>40940</v>
      </c>
      <c r="M4814" s="5" t="s">
        <v>36266</v>
      </c>
      <c r="N4814" s="5" t="s">
        <v>38</v>
      </c>
      <c r="O4814" s="5" t="s">
        <v>39</v>
      </c>
      <c r="P4814" s="5" t="s">
        <v>40</v>
      </c>
      <c r="Q4814" s="5" t="s">
        <v>1522</v>
      </c>
      <c r="R4814" s="5" t="s">
        <v>1523</v>
      </c>
      <c r="S4814" s="5" t="s">
        <v>42</v>
      </c>
      <c r="T4814" s="2">
        <v>2.3580000000000001</v>
      </c>
      <c r="U4814" s="2">
        <v>1.794</v>
      </c>
      <c r="V4814" s="2">
        <v>1.2999999999999999E-2</v>
      </c>
      <c r="W4814" s="2">
        <v>99.1</v>
      </c>
      <c r="X4814" s="2">
        <v>7.6</v>
      </c>
      <c r="Y4814" s="2">
        <v>16.7</v>
      </c>
      <c r="Z4814" s="5"/>
      <c r="AA4814" s="5" t="s">
        <v>43</v>
      </c>
      <c r="AB4814" s="5" t="s">
        <v>44</v>
      </c>
      <c r="AC4814" s="2"/>
      <c r="AD4814" s="1"/>
    </row>
    <row r="4815" spans="1:30">
      <c r="A4815" s="5" t="s">
        <v>83578</v>
      </c>
      <c r="B4815" s="2" t="s">
        <v>98047</v>
      </c>
      <c r="C4815" s="14" t="s">
        <v>98048</v>
      </c>
      <c r="D4815" s="2" t="s">
        <v>98049</v>
      </c>
      <c r="E4815" s="2" t="s">
        <v>41267</v>
      </c>
      <c r="F4815" s="8">
        <v>272</v>
      </c>
      <c r="G4815" s="5">
        <v>6</v>
      </c>
      <c r="H4815" s="5" t="s">
        <v>1518</v>
      </c>
      <c r="I4815" s="5" t="s">
        <v>40939</v>
      </c>
      <c r="J4815" s="2" t="s">
        <v>40940</v>
      </c>
      <c r="K4815" s="5" t="s">
        <v>40939</v>
      </c>
      <c r="L4815" s="2" t="s">
        <v>40940</v>
      </c>
      <c r="M4815" s="5" t="s">
        <v>36266</v>
      </c>
      <c r="N4815" s="5" t="s">
        <v>38</v>
      </c>
      <c r="O4815" s="5" t="s">
        <v>39</v>
      </c>
      <c r="P4815" s="5" t="s">
        <v>40</v>
      </c>
      <c r="Q4815" s="5" t="s">
        <v>1522</v>
      </c>
      <c r="R4815" s="5" t="s">
        <v>1523</v>
      </c>
      <c r="S4815" s="5" t="s">
        <v>42</v>
      </c>
      <c r="T4815" s="2">
        <v>2.427</v>
      </c>
      <c r="U4815" s="2">
        <v>1.863</v>
      </c>
      <c r="V4815" s="2">
        <v>1.2999999999999999E-2</v>
      </c>
      <c r="W4815" s="2">
        <v>99.1</v>
      </c>
      <c r="X4815" s="2">
        <v>7.6</v>
      </c>
      <c r="Y4815" s="2">
        <v>16.7</v>
      </c>
      <c r="Z4815" s="5"/>
      <c r="AA4815" s="5" t="s">
        <v>43</v>
      </c>
      <c r="AB4815" s="5" t="s">
        <v>44</v>
      </c>
      <c r="AC4815" s="2"/>
      <c r="AD4815" s="1"/>
    </row>
    <row r="4816" spans="1:30">
      <c r="A4816" s="5" t="s">
        <v>83578</v>
      </c>
      <c r="B4816" s="2" t="s">
        <v>98050</v>
      </c>
      <c r="C4816" s="14" t="s">
        <v>98051</v>
      </c>
      <c r="D4816" s="2" t="s">
        <v>98052</v>
      </c>
      <c r="E4816" s="2" t="s">
        <v>41001</v>
      </c>
      <c r="F4816" s="8">
        <v>272</v>
      </c>
      <c r="G4816" s="5">
        <v>6</v>
      </c>
      <c r="H4816" s="5" t="s">
        <v>1518</v>
      </c>
      <c r="I4816" s="5" t="s">
        <v>40939</v>
      </c>
      <c r="J4816" s="2" t="s">
        <v>40940</v>
      </c>
      <c r="K4816" s="5" t="s">
        <v>40939</v>
      </c>
      <c r="L4816" s="2" t="s">
        <v>40940</v>
      </c>
      <c r="M4816" s="5" t="s">
        <v>36266</v>
      </c>
      <c r="N4816" s="5" t="s">
        <v>38</v>
      </c>
      <c r="O4816" s="5" t="s">
        <v>39</v>
      </c>
      <c r="P4816" s="5" t="s">
        <v>40</v>
      </c>
      <c r="Q4816" s="5" t="s">
        <v>1522</v>
      </c>
      <c r="R4816" s="5" t="s">
        <v>1523</v>
      </c>
      <c r="S4816" s="5" t="s">
        <v>42</v>
      </c>
      <c r="T4816" s="2">
        <v>2.375</v>
      </c>
      <c r="U4816" s="2">
        <v>1.8109999999999999</v>
      </c>
      <c r="V4816" s="2">
        <v>1.2999999999999999E-2</v>
      </c>
      <c r="W4816" s="2">
        <v>99.1</v>
      </c>
      <c r="X4816" s="2">
        <v>7.6</v>
      </c>
      <c r="Y4816" s="2">
        <v>16.7</v>
      </c>
      <c r="Z4816" s="5"/>
      <c r="AA4816" s="5" t="s">
        <v>43</v>
      </c>
      <c r="AB4816" s="5" t="s">
        <v>44</v>
      </c>
      <c r="AC4816" s="2"/>
      <c r="AD4816" s="1"/>
    </row>
    <row r="4817" spans="1:30">
      <c r="A4817" s="5" t="s">
        <v>83578</v>
      </c>
      <c r="B4817" s="2" t="s">
        <v>98053</v>
      </c>
      <c r="C4817" s="14" t="s">
        <v>98054</v>
      </c>
      <c r="D4817" s="2" t="s">
        <v>98055</v>
      </c>
      <c r="E4817" s="2" t="s">
        <v>41005</v>
      </c>
      <c r="F4817" s="8">
        <v>272</v>
      </c>
      <c r="G4817" s="5">
        <v>6</v>
      </c>
      <c r="H4817" s="5" t="s">
        <v>1518</v>
      </c>
      <c r="I4817" s="5" t="s">
        <v>40939</v>
      </c>
      <c r="J4817" s="2" t="s">
        <v>40940</v>
      </c>
      <c r="K4817" s="5" t="s">
        <v>40939</v>
      </c>
      <c r="L4817" s="2" t="s">
        <v>40940</v>
      </c>
      <c r="M4817" s="5" t="s">
        <v>36266</v>
      </c>
      <c r="N4817" s="5" t="s">
        <v>38</v>
      </c>
      <c r="O4817" s="5" t="s">
        <v>39</v>
      </c>
      <c r="P4817" s="5" t="s">
        <v>40</v>
      </c>
      <c r="Q4817" s="5" t="s">
        <v>1522</v>
      </c>
      <c r="R4817" s="5" t="s">
        <v>1523</v>
      </c>
      <c r="S4817" s="5" t="s">
        <v>42</v>
      </c>
      <c r="T4817" s="2">
        <v>2.444</v>
      </c>
      <c r="U4817" s="2">
        <v>1.88</v>
      </c>
      <c r="V4817" s="2">
        <v>1.2999999999999999E-2</v>
      </c>
      <c r="W4817" s="2">
        <v>99.1</v>
      </c>
      <c r="X4817" s="2">
        <v>7.6</v>
      </c>
      <c r="Y4817" s="2">
        <v>16.7</v>
      </c>
      <c r="Z4817" s="5"/>
      <c r="AA4817" s="5" t="s">
        <v>43</v>
      </c>
      <c r="AB4817" s="5" t="s">
        <v>44</v>
      </c>
      <c r="AC4817" s="2"/>
      <c r="AD4817" s="1"/>
    </row>
    <row r="4818" spans="1:30">
      <c r="A4818" s="5" t="s">
        <v>83578</v>
      </c>
      <c r="B4818" s="2" t="s">
        <v>98056</v>
      </c>
      <c r="C4818" s="14" t="s">
        <v>98057</v>
      </c>
      <c r="D4818" s="2" t="s">
        <v>98058</v>
      </c>
      <c r="E4818" s="2" t="s">
        <v>41009</v>
      </c>
      <c r="F4818" s="8">
        <v>272</v>
      </c>
      <c r="G4818" s="5">
        <v>6</v>
      </c>
      <c r="H4818" s="5" t="s">
        <v>1518</v>
      </c>
      <c r="I4818" s="5" t="s">
        <v>40939</v>
      </c>
      <c r="J4818" s="2" t="s">
        <v>40940</v>
      </c>
      <c r="K4818" s="5" t="s">
        <v>40939</v>
      </c>
      <c r="L4818" s="2" t="s">
        <v>40940</v>
      </c>
      <c r="M4818" s="5" t="s">
        <v>36266</v>
      </c>
      <c r="N4818" s="5" t="s">
        <v>38</v>
      </c>
      <c r="O4818" s="5" t="s">
        <v>39</v>
      </c>
      <c r="P4818" s="5" t="s">
        <v>40</v>
      </c>
      <c r="Q4818" s="5" t="s">
        <v>1522</v>
      </c>
      <c r="R4818" s="5" t="s">
        <v>1523</v>
      </c>
      <c r="S4818" s="5" t="s">
        <v>42</v>
      </c>
      <c r="T4818" s="2">
        <v>2.38</v>
      </c>
      <c r="U4818" s="2">
        <v>1.8160000000000001</v>
      </c>
      <c r="V4818" s="2">
        <v>1.2999999999999999E-2</v>
      </c>
      <c r="W4818" s="2">
        <v>99.1</v>
      </c>
      <c r="X4818" s="2">
        <v>7.6</v>
      </c>
      <c r="Y4818" s="2">
        <v>16.7</v>
      </c>
      <c r="Z4818" s="5"/>
      <c r="AA4818" s="5" t="s">
        <v>43</v>
      </c>
      <c r="AB4818" s="5" t="s">
        <v>44</v>
      </c>
      <c r="AC4818" s="2"/>
      <c r="AD4818" s="1"/>
    </row>
    <row r="4819" spans="1:30">
      <c r="A4819" s="5" t="s">
        <v>83578</v>
      </c>
      <c r="B4819" s="2" t="s">
        <v>98059</v>
      </c>
      <c r="C4819" s="14" t="s">
        <v>98060</v>
      </c>
      <c r="D4819" s="2" t="s">
        <v>98061</v>
      </c>
      <c r="E4819" s="2" t="s">
        <v>41013</v>
      </c>
      <c r="F4819" s="8">
        <v>272</v>
      </c>
      <c r="G4819" s="5">
        <v>6</v>
      </c>
      <c r="H4819" s="5" t="s">
        <v>1518</v>
      </c>
      <c r="I4819" s="5" t="s">
        <v>40939</v>
      </c>
      <c r="J4819" s="2" t="s">
        <v>40940</v>
      </c>
      <c r="K4819" s="5" t="s">
        <v>40939</v>
      </c>
      <c r="L4819" s="2" t="s">
        <v>40940</v>
      </c>
      <c r="M4819" s="5" t="s">
        <v>36266</v>
      </c>
      <c r="N4819" s="5" t="s">
        <v>38</v>
      </c>
      <c r="O4819" s="5" t="s">
        <v>39</v>
      </c>
      <c r="P4819" s="5" t="s">
        <v>40</v>
      </c>
      <c r="Q4819" s="5" t="s">
        <v>1522</v>
      </c>
      <c r="R4819" s="5" t="s">
        <v>1523</v>
      </c>
      <c r="S4819" s="5" t="s">
        <v>42</v>
      </c>
      <c r="T4819" s="2">
        <v>2.4489999999999998</v>
      </c>
      <c r="U4819" s="2">
        <v>1.885</v>
      </c>
      <c r="V4819" s="2">
        <v>1.2999999999999999E-2</v>
      </c>
      <c r="W4819" s="2">
        <v>99.1</v>
      </c>
      <c r="X4819" s="2">
        <v>7.6</v>
      </c>
      <c r="Y4819" s="2">
        <v>16.7</v>
      </c>
      <c r="Z4819" s="5"/>
      <c r="AA4819" s="5" t="s">
        <v>43</v>
      </c>
      <c r="AB4819" s="5" t="s">
        <v>44</v>
      </c>
      <c r="AC4819" s="2"/>
      <c r="AD4819" s="1"/>
    </row>
    <row r="4820" spans="1:30">
      <c r="A4820" s="5" t="s">
        <v>83578</v>
      </c>
      <c r="B4820" s="2" t="s">
        <v>98062</v>
      </c>
      <c r="C4820" s="14" t="s">
        <v>98063</v>
      </c>
      <c r="D4820" s="2" t="s">
        <v>98064</v>
      </c>
      <c r="E4820" s="2" t="s">
        <v>7396</v>
      </c>
      <c r="F4820" s="8">
        <v>254</v>
      </c>
      <c r="G4820" s="5">
        <v>6</v>
      </c>
      <c r="H4820" s="5" t="s">
        <v>1518</v>
      </c>
      <c r="I4820" s="5" t="s">
        <v>40939</v>
      </c>
      <c r="J4820" s="2" t="s">
        <v>40940</v>
      </c>
      <c r="K4820" s="5" t="s">
        <v>40939</v>
      </c>
      <c r="L4820" s="2" t="s">
        <v>40940</v>
      </c>
      <c r="M4820" s="5" t="s">
        <v>36266</v>
      </c>
      <c r="N4820" s="5" t="s">
        <v>38</v>
      </c>
      <c r="O4820" s="5" t="s">
        <v>39</v>
      </c>
      <c r="P4820" s="5" t="s">
        <v>40</v>
      </c>
      <c r="Q4820" s="5" t="s">
        <v>1522</v>
      </c>
      <c r="R4820" s="5" t="s">
        <v>1523</v>
      </c>
      <c r="S4820" s="5" t="s">
        <v>42</v>
      </c>
      <c r="T4820" s="2">
        <v>2.38</v>
      </c>
      <c r="U4820" s="2">
        <v>1.8160000000000001</v>
      </c>
      <c r="V4820" s="2">
        <v>1.2999999999999999E-2</v>
      </c>
      <c r="W4820" s="2">
        <v>99.1</v>
      </c>
      <c r="X4820" s="2">
        <v>7.6</v>
      </c>
      <c r="Y4820" s="2">
        <v>16.7</v>
      </c>
      <c r="Z4820" s="5"/>
      <c r="AA4820" s="5" t="s">
        <v>43</v>
      </c>
      <c r="AB4820" s="5" t="s">
        <v>44</v>
      </c>
      <c r="AC4820" s="2"/>
      <c r="AD4820" s="1"/>
    </row>
    <row r="4821" spans="1:30">
      <c r="A4821" s="5" t="s">
        <v>83578</v>
      </c>
      <c r="B4821" s="2" t="s">
        <v>98065</v>
      </c>
      <c r="C4821" s="14" t="s">
        <v>98066</v>
      </c>
      <c r="D4821" s="2" t="s">
        <v>98067</v>
      </c>
      <c r="E4821" s="2" t="s">
        <v>7507</v>
      </c>
      <c r="F4821" s="8">
        <v>254</v>
      </c>
      <c r="G4821" s="5">
        <v>6</v>
      </c>
      <c r="H4821" s="5" t="s">
        <v>1518</v>
      </c>
      <c r="I4821" s="5" t="s">
        <v>40939</v>
      </c>
      <c r="J4821" s="2" t="s">
        <v>40940</v>
      </c>
      <c r="K4821" s="5" t="s">
        <v>40939</v>
      </c>
      <c r="L4821" s="2" t="s">
        <v>40940</v>
      </c>
      <c r="M4821" s="5" t="s">
        <v>36266</v>
      </c>
      <c r="N4821" s="5" t="s">
        <v>38</v>
      </c>
      <c r="O4821" s="5" t="s">
        <v>39</v>
      </c>
      <c r="P4821" s="5" t="s">
        <v>40</v>
      </c>
      <c r="Q4821" s="5" t="s">
        <v>1522</v>
      </c>
      <c r="R4821" s="5" t="s">
        <v>1523</v>
      </c>
      <c r="S4821" s="5" t="s">
        <v>42</v>
      </c>
      <c r="T4821" s="2">
        <v>2.4489999999999998</v>
      </c>
      <c r="U4821" s="2">
        <v>1.885</v>
      </c>
      <c r="V4821" s="2">
        <v>1.2999999999999999E-2</v>
      </c>
      <c r="W4821" s="2">
        <v>99.1</v>
      </c>
      <c r="X4821" s="2">
        <v>7.6</v>
      </c>
      <c r="Y4821" s="2">
        <v>16.7</v>
      </c>
      <c r="Z4821" s="5"/>
      <c r="AA4821" s="5" t="s">
        <v>43</v>
      </c>
      <c r="AB4821" s="5" t="s">
        <v>44</v>
      </c>
      <c r="AC4821" s="2"/>
      <c r="AD4821" s="1"/>
    </row>
    <row r="4822" spans="1:30">
      <c r="A4822" s="5" t="s">
        <v>83578</v>
      </c>
      <c r="B4822" s="2" t="s">
        <v>98068</v>
      </c>
      <c r="C4822" s="14" t="s">
        <v>98069</v>
      </c>
      <c r="D4822" s="2" t="s">
        <v>98070</v>
      </c>
      <c r="E4822" s="2" t="s">
        <v>41023</v>
      </c>
      <c r="F4822" s="8">
        <v>272</v>
      </c>
      <c r="G4822" s="5">
        <v>6</v>
      </c>
      <c r="H4822" s="5" t="s">
        <v>1518</v>
      </c>
      <c r="I4822" s="5" t="s">
        <v>40939</v>
      </c>
      <c r="J4822" s="2" t="s">
        <v>40940</v>
      </c>
      <c r="K4822" s="5" t="s">
        <v>40939</v>
      </c>
      <c r="L4822" s="2" t="s">
        <v>40940</v>
      </c>
      <c r="M4822" s="5" t="s">
        <v>36266</v>
      </c>
      <c r="N4822" s="5" t="s">
        <v>38</v>
      </c>
      <c r="O4822" s="5" t="s">
        <v>39</v>
      </c>
      <c r="P4822" s="5" t="s">
        <v>40</v>
      </c>
      <c r="Q4822" s="5" t="s">
        <v>1522</v>
      </c>
      <c r="R4822" s="5" t="s">
        <v>1523</v>
      </c>
      <c r="S4822" s="5" t="s">
        <v>42</v>
      </c>
      <c r="T4822" s="2">
        <v>2.3580000000000001</v>
      </c>
      <c r="U4822" s="2">
        <v>1.794</v>
      </c>
      <c r="V4822" s="2">
        <v>1.2999999999999999E-2</v>
      </c>
      <c r="W4822" s="2">
        <v>99.1</v>
      </c>
      <c r="X4822" s="2">
        <v>7.6</v>
      </c>
      <c r="Y4822" s="2">
        <v>16.7</v>
      </c>
      <c r="Z4822" s="5"/>
      <c r="AA4822" s="5" t="s">
        <v>43</v>
      </c>
      <c r="AB4822" s="5" t="s">
        <v>44</v>
      </c>
      <c r="AC4822" s="2"/>
      <c r="AD4822" s="1"/>
    </row>
    <row r="4823" spans="1:30">
      <c r="A4823" s="5" t="s">
        <v>83578</v>
      </c>
      <c r="B4823" s="2" t="s">
        <v>98071</v>
      </c>
      <c r="C4823" s="14" t="s">
        <v>98072</v>
      </c>
      <c r="D4823" s="2" t="s">
        <v>98073</v>
      </c>
      <c r="E4823" s="2" t="s">
        <v>41027</v>
      </c>
      <c r="F4823" s="8">
        <v>272</v>
      </c>
      <c r="G4823" s="5">
        <v>6</v>
      </c>
      <c r="H4823" s="5" t="s">
        <v>1518</v>
      </c>
      <c r="I4823" s="5" t="s">
        <v>40939</v>
      </c>
      <c r="J4823" s="2" t="s">
        <v>40940</v>
      </c>
      <c r="K4823" s="5" t="s">
        <v>40939</v>
      </c>
      <c r="L4823" s="2" t="s">
        <v>40940</v>
      </c>
      <c r="M4823" s="5" t="s">
        <v>36266</v>
      </c>
      <c r="N4823" s="5" t="s">
        <v>38</v>
      </c>
      <c r="O4823" s="5" t="s">
        <v>39</v>
      </c>
      <c r="P4823" s="5" t="s">
        <v>40</v>
      </c>
      <c r="Q4823" s="5" t="s">
        <v>1522</v>
      </c>
      <c r="R4823" s="5" t="s">
        <v>1523</v>
      </c>
      <c r="S4823" s="5" t="s">
        <v>42</v>
      </c>
      <c r="T4823" s="2">
        <v>2.427</v>
      </c>
      <c r="U4823" s="2">
        <v>1.863</v>
      </c>
      <c r="V4823" s="2">
        <v>1.2999999999999999E-2</v>
      </c>
      <c r="W4823" s="2">
        <v>99.1</v>
      </c>
      <c r="X4823" s="2">
        <v>7.6</v>
      </c>
      <c r="Y4823" s="2">
        <v>16.7</v>
      </c>
      <c r="Z4823" s="5"/>
      <c r="AA4823" s="5" t="s">
        <v>43</v>
      </c>
      <c r="AB4823" s="5" t="s">
        <v>44</v>
      </c>
      <c r="AC4823" s="2"/>
      <c r="AD4823" s="1"/>
    </row>
    <row r="4824" spans="1:30">
      <c r="A4824" s="5" t="s">
        <v>83578</v>
      </c>
      <c r="B4824" s="2" t="s">
        <v>98074</v>
      </c>
      <c r="C4824" s="14" t="s">
        <v>98075</v>
      </c>
      <c r="D4824" s="2" t="s">
        <v>98076</v>
      </c>
      <c r="E4824" s="2" t="s">
        <v>41031</v>
      </c>
      <c r="F4824" s="8">
        <v>272</v>
      </c>
      <c r="G4824" s="5">
        <v>6</v>
      </c>
      <c r="H4824" s="5" t="s">
        <v>1518</v>
      </c>
      <c r="I4824" s="5" t="s">
        <v>40939</v>
      </c>
      <c r="J4824" s="2" t="s">
        <v>40940</v>
      </c>
      <c r="K4824" s="5" t="s">
        <v>40939</v>
      </c>
      <c r="L4824" s="2" t="s">
        <v>40940</v>
      </c>
      <c r="M4824" s="5" t="s">
        <v>36266</v>
      </c>
      <c r="N4824" s="5" t="s">
        <v>38</v>
      </c>
      <c r="O4824" s="5" t="s">
        <v>39</v>
      </c>
      <c r="P4824" s="5" t="s">
        <v>40</v>
      </c>
      <c r="Q4824" s="5" t="s">
        <v>1522</v>
      </c>
      <c r="R4824" s="5" t="s">
        <v>1523</v>
      </c>
      <c r="S4824" s="5" t="s">
        <v>42</v>
      </c>
      <c r="T4824" s="2">
        <v>2.3580000000000001</v>
      </c>
      <c r="U4824" s="2">
        <v>1.794</v>
      </c>
      <c r="V4824" s="2">
        <v>1.2999999999999999E-2</v>
      </c>
      <c r="W4824" s="2">
        <v>99.1</v>
      </c>
      <c r="X4824" s="2">
        <v>7.6</v>
      </c>
      <c r="Y4824" s="2">
        <v>16.7</v>
      </c>
      <c r="Z4824" s="5"/>
      <c r="AA4824" s="5" t="s">
        <v>43</v>
      </c>
      <c r="AB4824" s="5" t="s">
        <v>44</v>
      </c>
      <c r="AC4824" s="2"/>
      <c r="AD4824" s="1"/>
    </row>
    <row r="4825" spans="1:30">
      <c r="A4825" s="5" t="s">
        <v>83578</v>
      </c>
      <c r="B4825" s="2" t="s">
        <v>98077</v>
      </c>
      <c r="C4825" s="14" t="s">
        <v>98078</v>
      </c>
      <c r="D4825" s="2" t="s">
        <v>98079</v>
      </c>
      <c r="E4825" s="2" t="s">
        <v>41035</v>
      </c>
      <c r="F4825" s="8">
        <v>272</v>
      </c>
      <c r="G4825" s="5">
        <v>6</v>
      </c>
      <c r="H4825" s="5" t="s">
        <v>1518</v>
      </c>
      <c r="I4825" s="5" t="s">
        <v>40939</v>
      </c>
      <c r="J4825" s="2" t="s">
        <v>40940</v>
      </c>
      <c r="K4825" s="5" t="s">
        <v>40939</v>
      </c>
      <c r="L4825" s="2" t="s">
        <v>40940</v>
      </c>
      <c r="M4825" s="5" t="s">
        <v>36266</v>
      </c>
      <c r="N4825" s="5" t="s">
        <v>38</v>
      </c>
      <c r="O4825" s="5" t="s">
        <v>39</v>
      </c>
      <c r="P4825" s="5" t="s">
        <v>40</v>
      </c>
      <c r="Q4825" s="5" t="s">
        <v>1522</v>
      </c>
      <c r="R4825" s="5" t="s">
        <v>1523</v>
      </c>
      <c r="S4825" s="5" t="s">
        <v>42</v>
      </c>
      <c r="T4825" s="2">
        <v>2.427</v>
      </c>
      <c r="U4825" s="2">
        <v>1.863</v>
      </c>
      <c r="V4825" s="2">
        <v>1.2999999999999999E-2</v>
      </c>
      <c r="W4825" s="2">
        <v>99.1</v>
      </c>
      <c r="X4825" s="2">
        <v>7.6</v>
      </c>
      <c r="Y4825" s="2">
        <v>16.7</v>
      </c>
      <c r="Z4825" s="5"/>
      <c r="AA4825" s="5" t="s">
        <v>43</v>
      </c>
      <c r="AB4825" s="5" t="s">
        <v>44</v>
      </c>
      <c r="AC4825" s="2"/>
      <c r="AD4825" s="1"/>
    </row>
    <row r="4826" spans="1:30">
      <c r="A4826" s="5" t="s">
        <v>83578</v>
      </c>
      <c r="B4826" s="2" t="s">
        <v>98080</v>
      </c>
      <c r="C4826" s="14" t="s">
        <v>98081</v>
      </c>
      <c r="D4826" s="2" t="s">
        <v>98082</v>
      </c>
      <c r="E4826" s="2" t="s">
        <v>7449</v>
      </c>
      <c r="F4826" s="8">
        <v>272</v>
      </c>
      <c r="G4826" s="5">
        <v>6</v>
      </c>
      <c r="H4826" s="5" t="s">
        <v>1518</v>
      </c>
      <c r="I4826" s="5" t="s">
        <v>40939</v>
      </c>
      <c r="J4826" s="2" t="s">
        <v>40940</v>
      </c>
      <c r="K4826" s="5" t="s">
        <v>40939</v>
      </c>
      <c r="L4826" s="2" t="s">
        <v>40940</v>
      </c>
      <c r="M4826" s="5" t="s">
        <v>36266</v>
      </c>
      <c r="N4826" s="5" t="s">
        <v>38</v>
      </c>
      <c r="O4826" s="5" t="s">
        <v>39</v>
      </c>
      <c r="P4826" s="5" t="s">
        <v>40</v>
      </c>
      <c r="Q4826" s="5" t="s">
        <v>1522</v>
      </c>
      <c r="R4826" s="5" t="s">
        <v>1523</v>
      </c>
      <c r="S4826" s="5" t="s">
        <v>42</v>
      </c>
      <c r="T4826" s="2">
        <v>2.3580000000000001</v>
      </c>
      <c r="U4826" s="2">
        <v>1.794</v>
      </c>
      <c r="V4826" s="2">
        <v>1.2999999999999999E-2</v>
      </c>
      <c r="W4826" s="2">
        <v>99.1</v>
      </c>
      <c r="X4826" s="2">
        <v>7.6</v>
      </c>
      <c r="Y4826" s="2">
        <v>16.7</v>
      </c>
      <c r="Z4826" s="5"/>
      <c r="AA4826" s="5" t="s">
        <v>43</v>
      </c>
      <c r="AB4826" s="5" t="s">
        <v>44</v>
      </c>
      <c r="AC4826" s="2"/>
      <c r="AD4826" s="1"/>
    </row>
    <row r="4827" spans="1:30">
      <c r="A4827" s="5" t="s">
        <v>83578</v>
      </c>
      <c r="B4827" s="2" t="s">
        <v>98083</v>
      </c>
      <c r="C4827" s="14" t="s">
        <v>98084</v>
      </c>
      <c r="D4827" s="2" t="s">
        <v>98085</v>
      </c>
      <c r="E4827" s="2" t="s">
        <v>7581</v>
      </c>
      <c r="F4827" s="8">
        <v>272</v>
      </c>
      <c r="G4827" s="5">
        <v>6</v>
      </c>
      <c r="H4827" s="5" t="s">
        <v>1518</v>
      </c>
      <c r="I4827" s="5" t="s">
        <v>40939</v>
      </c>
      <c r="J4827" s="2" t="s">
        <v>40940</v>
      </c>
      <c r="K4827" s="5" t="s">
        <v>40939</v>
      </c>
      <c r="L4827" s="2" t="s">
        <v>40940</v>
      </c>
      <c r="M4827" s="5" t="s">
        <v>36266</v>
      </c>
      <c r="N4827" s="5" t="s">
        <v>38</v>
      </c>
      <c r="O4827" s="5" t="s">
        <v>39</v>
      </c>
      <c r="P4827" s="5" t="s">
        <v>40</v>
      </c>
      <c r="Q4827" s="5" t="s">
        <v>1522</v>
      </c>
      <c r="R4827" s="5" t="s">
        <v>1523</v>
      </c>
      <c r="S4827" s="5" t="s">
        <v>42</v>
      </c>
      <c r="T4827" s="2">
        <v>2.427</v>
      </c>
      <c r="U4827" s="2">
        <v>1.863</v>
      </c>
      <c r="V4827" s="2">
        <v>1.2999999999999999E-2</v>
      </c>
      <c r="W4827" s="2">
        <v>99.1</v>
      </c>
      <c r="X4827" s="2">
        <v>7.6</v>
      </c>
      <c r="Y4827" s="2">
        <v>16.7</v>
      </c>
      <c r="Z4827" s="5"/>
      <c r="AA4827" s="5" t="s">
        <v>43</v>
      </c>
      <c r="AB4827" s="5" t="s">
        <v>44</v>
      </c>
      <c r="AC4827" s="2"/>
      <c r="AD4827" s="1"/>
    </row>
    <row r="4828" spans="1:30">
      <c r="A4828" s="5" t="s">
        <v>83578</v>
      </c>
      <c r="B4828" s="2" t="s">
        <v>98086</v>
      </c>
      <c r="C4828" s="14" t="s">
        <v>98087</v>
      </c>
      <c r="D4828" s="2" t="s">
        <v>98088</v>
      </c>
      <c r="E4828" s="2" t="s">
        <v>41045</v>
      </c>
      <c r="F4828" s="8">
        <v>272</v>
      </c>
      <c r="G4828" s="5">
        <v>6</v>
      </c>
      <c r="H4828" s="5" t="s">
        <v>1518</v>
      </c>
      <c r="I4828" s="5" t="s">
        <v>40939</v>
      </c>
      <c r="J4828" s="2" t="s">
        <v>40940</v>
      </c>
      <c r="K4828" s="5" t="s">
        <v>40939</v>
      </c>
      <c r="L4828" s="2" t="s">
        <v>40940</v>
      </c>
      <c r="M4828" s="5" t="s">
        <v>36266</v>
      </c>
      <c r="N4828" s="5" t="s">
        <v>38</v>
      </c>
      <c r="O4828" s="5" t="s">
        <v>39</v>
      </c>
      <c r="P4828" s="5" t="s">
        <v>40</v>
      </c>
      <c r="Q4828" s="5" t="s">
        <v>1522</v>
      </c>
      <c r="R4828" s="5" t="s">
        <v>1523</v>
      </c>
      <c r="S4828" s="5" t="s">
        <v>42</v>
      </c>
      <c r="T4828" s="2">
        <v>2.3839999999999999</v>
      </c>
      <c r="U4828" s="2">
        <v>1.82</v>
      </c>
      <c r="V4828" s="2">
        <v>1.2999999999999999E-2</v>
      </c>
      <c r="W4828" s="2">
        <v>99.1</v>
      </c>
      <c r="X4828" s="2">
        <v>7.6</v>
      </c>
      <c r="Y4828" s="2">
        <v>16.7</v>
      </c>
      <c r="Z4828" s="5"/>
      <c r="AA4828" s="5" t="s">
        <v>43</v>
      </c>
      <c r="AB4828" s="5" t="s">
        <v>44</v>
      </c>
      <c r="AC4828" s="2"/>
      <c r="AD4828" s="1"/>
    </row>
    <row r="4829" spans="1:30">
      <c r="A4829" s="5" t="s">
        <v>83578</v>
      </c>
      <c r="B4829" s="2" t="s">
        <v>98089</v>
      </c>
      <c r="C4829" s="14" t="s">
        <v>98090</v>
      </c>
      <c r="D4829" s="2" t="s">
        <v>98091</v>
      </c>
      <c r="E4829" s="2" t="s">
        <v>41049</v>
      </c>
      <c r="F4829" s="8">
        <v>272</v>
      </c>
      <c r="G4829" s="5">
        <v>6</v>
      </c>
      <c r="H4829" s="5" t="s">
        <v>1518</v>
      </c>
      <c r="I4829" s="5" t="s">
        <v>40939</v>
      </c>
      <c r="J4829" s="2" t="s">
        <v>40940</v>
      </c>
      <c r="K4829" s="5" t="s">
        <v>40939</v>
      </c>
      <c r="L4829" s="2" t="s">
        <v>40940</v>
      </c>
      <c r="M4829" s="5" t="s">
        <v>36266</v>
      </c>
      <c r="N4829" s="5" t="s">
        <v>38</v>
      </c>
      <c r="O4829" s="5" t="s">
        <v>39</v>
      </c>
      <c r="P4829" s="5" t="s">
        <v>40</v>
      </c>
      <c r="Q4829" s="5" t="s">
        <v>1522</v>
      </c>
      <c r="R4829" s="5" t="s">
        <v>1523</v>
      </c>
      <c r="S4829" s="5" t="s">
        <v>42</v>
      </c>
      <c r="T4829" s="2">
        <v>2.4529999999999998</v>
      </c>
      <c r="U4829" s="2">
        <v>1.889</v>
      </c>
      <c r="V4829" s="2">
        <v>1.2999999999999999E-2</v>
      </c>
      <c r="W4829" s="2">
        <v>99.1</v>
      </c>
      <c r="X4829" s="2">
        <v>7.6</v>
      </c>
      <c r="Y4829" s="2">
        <v>16.7</v>
      </c>
      <c r="Z4829" s="5"/>
      <c r="AA4829" s="5" t="s">
        <v>43</v>
      </c>
      <c r="AB4829" s="5" t="s">
        <v>44</v>
      </c>
      <c r="AC4829" s="2"/>
      <c r="AD4829" s="1"/>
    </row>
    <row r="4830" spans="1:30">
      <c r="A4830" s="5" t="s">
        <v>83578</v>
      </c>
      <c r="B4830" s="2" t="s">
        <v>98092</v>
      </c>
      <c r="C4830" s="14" t="s">
        <v>98093</v>
      </c>
      <c r="D4830" s="2" t="s">
        <v>98094</v>
      </c>
      <c r="E4830" s="2" t="s">
        <v>47266</v>
      </c>
      <c r="F4830" s="8">
        <v>242</v>
      </c>
      <c r="G4830" s="5">
        <v>6</v>
      </c>
      <c r="H4830" s="5" t="s">
        <v>1518</v>
      </c>
      <c r="I4830" s="5" t="s">
        <v>40939</v>
      </c>
      <c r="J4830" s="2" t="s">
        <v>40940</v>
      </c>
      <c r="K4830" s="5" t="s">
        <v>40939</v>
      </c>
      <c r="L4830" s="2" t="s">
        <v>40940</v>
      </c>
      <c r="M4830" s="5" t="s">
        <v>36266</v>
      </c>
      <c r="N4830" s="5" t="s">
        <v>38</v>
      </c>
      <c r="O4830" s="5" t="s">
        <v>39</v>
      </c>
      <c r="P4830" s="5" t="s">
        <v>40</v>
      </c>
      <c r="Q4830" s="5" t="s">
        <v>1522</v>
      </c>
      <c r="R4830" s="5" t="s">
        <v>1523</v>
      </c>
      <c r="S4830" s="5" t="s">
        <v>42</v>
      </c>
      <c r="T4830" s="2">
        <v>2.0150000000000001</v>
      </c>
      <c r="U4830" s="2">
        <v>1.5549999999999999</v>
      </c>
      <c r="V4830" s="2">
        <v>0.01</v>
      </c>
      <c r="W4830" s="2">
        <v>76.900000000000006</v>
      </c>
      <c r="X4830" s="2">
        <v>7.6</v>
      </c>
      <c r="Y4830" s="2">
        <v>16.7</v>
      </c>
      <c r="Z4830" s="5"/>
      <c r="AA4830" s="5" t="s">
        <v>43</v>
      </c>
      <c r="AB4830" s="5" t="s">
        <v>44</v>
      </c>
      <c r="AC4830" s="2"/>
      <c r="AD4830" s="1"/>
    </row>
    <row r="4831" spans="1:30">
      <c r="A4831" s="5" t="s">
        <v>83578</v>
      </c>
      <c r="B4831" s="2" t="s">
        <v>98095</v>
      </c>
      <c r="C4831" s="14" t="s">
        <v>98096</v>
      </c>
      <c r="D4831" s="2" t="s">
        <v>98097</v>
      </c>
      <c r="E4831" s="2" t="s">
        <v>47226</v>
      </c>
      <c r="F4831" s="8">
        <v>242</v>
      </c>
      <c r="G4831" s="5">
        <v>6</v>
      </c>
      <c r="H4831" s="5" t="s">
        <v>1518</v>
      </c>
      <c r="I4831" s="5" t="s">
        <v>40939</v>
      </c>
      <c r="J4831" s="2" t="s">
        <v>40940</v>
      </c>
      <c r="K4831" s="5" t="s">
        <v>40939</v>
      </c>
      <c r="L4831" s="2" t="s">
        <v>40940</v>
      </c>
      <c r="M4831" s="5" t="s">
        <v>36266</v>
      </c>
      <c r="N4831" s="5" t="s">
        <v>38</v>
      </c>
      <c r="O4831" s="5" t="s">
        <v>39</v>
      </c>
      <c r="P4831" s="5" t="s">
        <v>40</v>
      </c>
      <c r="Q4831" s="5" t="s">
        <v>1522</v>
      </c>
      <c r="R4831" s="5" t="s">
        <v>1523</v>
      </c>
      <c r="S4831" s="5" t="s">
        <v>42</v>
      </c>
      <c r="T4831" s="2">
        <v>2.0179999999999998</v>
      </c>
      <c r="U4831" s="2">
        <v>1.5580000000000001</v>
      </c>
      <c r="V4831" s="2">
        <v>0.01</v>
      </c>
      <c r="W4831" s="2">
        <v>76.900000000000006</v>
      </c>
      <c r="X4831" s="2">
        <v>7.6</v>
      </c>
      <c r="Y4831" s="2">
        <v>16.7</v>
      </c>
      <c r="Z4831" s="5"/>
      <c r="AA4831" s="5" t="s">
        <v>43</v>
      </c>
      <c r="AB4831" s="5" t="s">
        <v>44</v>
      </c>
      <c r="AC4831" s="2"/>
      <c r="AD4831" s="1"/>
    </row>
    <row r="4832" spans="1:30">
      <c r="A4832" s="5" t="s">
        <v>83578</v>
      </c>
      <c r="B4832" s="2" t="s">
        <v>98098</v>
      </c>
      <c r="C4832" s="14" t="s">
        <v>98099</v>
      </c>
      <c r="D4832" s="2" t="s">
        <v>98100</v>
      </c>
      <c r="E4832" s="2" t="s">
        <v>47735</v>
      </c>
      <c r="F4832" s="8">
        <v>242</v>
      </c>
      <c r="G4832" s="5">
        <v>6</v>
      </c>
      <c r="H4832" s="5" t="s">
        <v>1518</v>
      </c>
      <c r="I4832" s="5" t="s">
        <v>40939</v>
      </c>
      <c r="J4832" s="2" t="s">
        <v>40940</v>
      </c>
      <c r="K4832" s="5" t="s">
        <v>40939</v>
      </c>
      <c r="L4832" s="2" t="s">
        <v>40940</v>
      </c>
      <c r="M4832" s="5" t="s">
        <v>36266</v>
      </c>
      <c r="N4832" s="5" t="s">
        <v>38</v>
      </c>
      <c r="O4832" s="5" t="s">
        <v>39</v>
      </c>
      <c r="P4832" s="5" t="s">
        <v>40</v>
      </c>
      <c r="Q4832" s="5" t="s">
        <v>1522</v>
      </c>
      <c r="R4832" s="5" t="s">
        <v>1523</v>
      </c>
      <c r="S4832" s="5" t="s">
        <v>42</v>
      </c>
      <c r="T4832" s="2">
        <v>2.0680000000000001</v>
      </c>
      <c r="U4832" s="2">
        <v>1.6080000000000001</v>
      </c>
      <c r="V4832" s="2">
        <v>0.01</v>
      </c>
      <c r="W4832" s="2">
        <v>76.900000000000006</v>
      </c>
      <c r="X4832" s="2">
        <v>7.6</v>
      </c>
      <c r="Y4832" s="2">
        <v>16.7</v>
      </c>
      <c r="Z4832" s="5"/>
      <c r="AA4832" s="5" t="s">
        <v>43</v>
      </c>
      <c r="AB4832" s="5" t="s">
        <v>44</v>
      </c>
      <c r="AC4832" s="2"/>
      <c r="AD4832" s="1"/>
    </row>
    <row r="4833" spans="1:30">
      <c r="A4833" s="5" t="s">
        <v>83578</v>
      </c>
      <c r="B4833" s="2" t="s">
        <v>98101</v>
      </c>
      <c r="C4833" s="14" t="s">
        <v>98102</v>
      </c>
      <c r="D4833" s="2" t="s">
        <v>98103</v>
      </c>
      <c r="E4833" s="2" t="s">
        <v>7539</v>
      </c>
      <c r="F4833" s="8">
        <v>242</v>
      </c>
      <c r="G4833" s="5">
        <v>6</v>
      </c>
      <c r="H4833" s="5" t="s">
        <v>1518</v>
      </c>
      <c r="I4833" s="5" t="s">
        <v>40939</v>
      </c>
      <c r="J4833" s="2" t="s">
        <v>40940</v>
      </c>
      <c r="K4833" s="5" t="s">
        <v>40939</v>
      </c>
      <c r="L4833" s="2" t="s">
        <v>40940</v>
      </c>
      <c r="M4833" s="5" t="s">
        <v>36266</v>
      </c>
      <c r="N4833" s="5" t="s">
        <v>38</v>
      </c>
      <c r="O4833" s="5" t="s">
        <v>39</v>
      </c>
      <c r="P4833" s="5" t="s">
        <v>40</v>
      </c>
      <c r="Q4833" s="5" t="s">
        <v>1522</v>
      </c>
      <c r="R4833" s="5" t="s">
        <v>1523</v>
      </c>
      <c r="S4833" s="5" t="s">
        <v>42</v>
      </c>
      <c r="T4833" s="2">
        <v>2.0019999999999998</v>
      </c>
      <c r="U4833" s="2">
        <v>1.542</v>
      </c>
      <c r="V4833" s="2">
        <v>0.01</v>
      </c>
      <c r="W4833" s="2">
        <v>76.900000000000006</v>
      </c>
      <c r="X4833" s="2">
        <v>7.6</v>
      </c>
      <c r="Y4833" s="2">
        <v>16.7</v>
      </c>
      <c r="Z4833" s="5"/>
      <c r="AA4833" s="5" t="s">
        <v>43</v>
      </c>
      <c r="AB4833" s="5" t="s">
        <v>44</v>
      </c>
      <c r="AC4833" s="2"/>
      <c r="AD4833" s="1"/>
    </row>
    <row r="4834" spans="1:30">
      <c r="A4834" s="5" t="s">
        <v>83578</v>
      </c>
      <c r="B4834" s="2" t="s">
        <v>98104</v>
      </c>
      <c r="C4834" s="14" t="s">
        <v>98105</v>
      </c>
      <c r="D4834" s="2" t="s">
        <v>98106</v>
      </c>
      <c r="E4834" s="2" t="s">
        <v>7543</v>
      </c>
      <c r="F4834" s="8">
        <v>242</v>
      </c>
      <c r="G4834" s="5">
        <v>6</v>
      </c>
      <c r="H4834" s="5" t="s">
        <v>1518</v>
      </c>
      <c r="I4834" s="5" t="s">
        <v>40939</v>
      </c>
      <c r="J4834" s="2" t="s">
        <v>40940</v>
      </c>
      <c r="K4834" s="5" t="s">
        <v>40939</v>
      </c>
      <c r="L4834" s="2" t="s">
        <v>40940</v>
      </c>
      <c r="M4834" s="5" t="s">
        <v>36266</v>
      </c>
      <c r="N4834" s="5" t="s">
        <v>38</v>
      </c>
      <c r="O4834" s="5" t="s">
        <v>39</v>
      </c>
      <c r="P4834" s="5" t="s">
        <v>40</v>
      </c>
      <c r="Q4834" s="5" t="s">
        <v>1522</v>
      </c>
      <c r="R4834" s="5" t="s">
        <v>1523</v>
      </c>
      <c r="S4834" s="5" t="s">
        <v>42</v>
      </c>
      <c r="T4834" s="2">
        <v>2.052</v>
      </c>
      <c r="U4834" s="2">
        <v>1.5920000000000001</v>
      </c>
      <c r="V4834" s="2">
        <v>0.01</v>
      </c>
      <c r="W4834" s="2">
        <v>76.900000000000006</v>
      </c>
      <c r="X4834" s="2">
        <v>7.6</v>
      </c>
      <c r="Y4834" s="2">
        <v>16.7</v>
      </c>
      <c r="Z4834" s="5"/>
      <c r="AA4834" s="5" t="s">
        <v>43</v>
      </c>
      <c r="AB4834" s="5" t="s">
        <v>44</v>
      </c>
      <c r="AC4834" s="2"/>
      <c r="AD4834" s="1"/>
    </row>
    <row r="4835" spans="1:30">
      <c r="A4835" s="5" t="s">
        <v>83578</v>
      </c>
      <c r="B4835" s="2" t="s">
        <v>98107</v>
      </c>
      <c r="C4835" s="14" t="s">
        <v>98108</v>
      </c>
      <c r="D4835" s="2" t="s">
        <v>98109</v>
      </c>
      <c r="E4835" s="2" t="s">
        <v>40997</v>
      </c>
      <c r="F4835" s="8">
        <v>242</v>
      </c>
      <c r="G4835" s="5">
        <v>6</v>
      </c>
      <c r="H4835" s="5" t="s">
        <v>1518</v>
      </c>
      <c r="I4835" s="5" t="s">
        <v>40939</v>
      </c>
      <c r="J4835" s="2" t="s">
        <v>40940</v>
      </c>
      <c r="K4835" s="5" t="s">
        <v>40939</v>
      </c>
      <c r="L4835" s="2" t="s">
        <v>40940</v>
      </c>
      <c r="M4835" s="5" t="s">
        <v>36266</v>
      </c>
      <c r="N4835" s="5" t="s">
        <v>38</v>
      </c>
      <c r="O4835" s="5" t="s">
        <v>39</v>
      </c>
      <c r="P4835" s="5" t="s">
        <v>40</v>
      </c>
      <c r="Q4835" s="5" t="s">
        <v>1522</v>
      </c>
      <c r="R4835" s="5" t="s">
        <v>1523</v>
      </c>
      <c r="S4835" s="5" t="s">
        <v>42</v>
      </c>
      <c r="T4835" s="2">
        <v>2.0059999999999998</v>
      </c>
      <c r="U4835" s="2">
        <v>1.546</v>
      </c>
      <c r="V4835" s="2">
        <v>0.01</v>
      </c>
      <c r="W4835" s="2">
        <v>76.900000000000006</v>
      </c>
      <c r="X4835" s="2">
        <v>7.6</v>
      </c>
      <c r="Y4835" s="2">
        <v>16.7</v>
      </c>
      <c r="Z4835" s="5"/>
      <c r="AA4835" s="5" t="s">
        <v>43</v>
      </c>
      <c r="AB4835" s="5" t="s">
        <v>44</v>
      </c>
      <c r="AC4835" s="2"/>
      <c r="AD4835" s="1"/>
    </row>
    <row r="4836" spans="1:30">
      <c r="A4836" s="5" t="s">
        <v>83578</v>
      </c>
      <c r="B4836" s="2" t="s">
        <v>98110</v>
      </c>
      <c r="C4836" s="14" t="s">
        <v>98111</v>
      </c>
      <c r="D4836" s="2" t="s">
        <v>98112</v>
      </c>
      <c r="E4836" s="2" t="s">
        <v>41267</v>
      </c>
      <c r="F4836" s="8">
        <v>242</v>
      </c>
      <c r="G4836" s="5">
        <v>6</v>
      </c>
      <c r="H4836" s="5" t="s">
        <v>1518</v>
      </c>
      <c r="I4836" s="5" t="s">
        <v>40939</v>
      </c>
      <c r="J4836" s="2" t="s">
        <v>40940</v>
      </c>
      <c r="K4836" s="5" t="s">
        <v>40939</v>
      </c>
      <c r="L4836" s="2" t="s">
        <v>40940</v>
      </c>
      <c r="M4836" s="5" t="s">
        <v>36266</v>
      </c>
      <c r="N4836" s="5" t="s">
        <v>38</v>
      </c>
      <c r="O4836" s="5" t="s">
        <v>39</v>
      </c>
      <c r="P4836" s="5" t="s">
        <v>40</v>
      </c>
      <c r="Q4836" s="5" t="s">
        <v>1522</v>
      </c>
      <c r="R4836" s="5" t="s">
        <v>1523</v>
      </c>
      <c r="S4836" s="5" t="s">
        <v>42</v>
      </c>
      <c r="T4836" s="2">
        <v>2.056</v>
      </c>
      <c r="U4836" s="2">
        <v>1.5960000000000001</v>
      </c>
      <c r="V4836" s="2">
        <v>0.01</v>
      </c>
      <c r="W4836" s="2">
        <v>76.900000000000006</v>
      </c>
      <c r="X4836" s="2">
        <v>7.6</v>
      </c>
      <c r="Y4836" s="2">
        <v>16.7</v>
      </c>
      <c r="Z4836" s="5"/>
      <c r="AA4836" s="5" t="s">
        <v>43</v>
      </c>
      <c r="AB4836" s="5" t="s">
        <v>44</v>
      </c>
      <c r="AC4836" s="2"/>
      <c r="AD4836" s="1"/>
    </row>
    <row r="4837" spans="1:30">
      <c r="A4837" s="5" t="s">
        <v>83578</v>
      </c>
      <c r="B4837" s="2" t="s">
        <v>98113</v>
      </c>
      <c r="C4837" s="14" t="s">
        <v>98114</v>
      </c>
      <c r="D4837" s="2" t="s">
        <v>98115</v>
      </c>
      <c r="E4837" s="2" t="s">
        <v>41001</v>
      </c>
      <c r="F4837" s="8">
        <v>242</v>
      </c>
      <c r="G4837" s="5">
        <v>6</v>
      </c>
      <c r="H4837" s="5" t="s">
        <v>1518</v>
      </c>
      <c r="I4837" s="5" t="s">
        <v>40939</v>
      </c>
      <c r="J4837" s="2" t="s">
        <v>40940</v>
      </c>
      <c r="K4837" s="5" t="s">
        <v>40939</v>
      </c>
      <c r="L4837" s="2" t="s">
        <v>40940</v>
      </c>
      <c r="M4837" s="5" t="s">
        <v>36266</v>
      </c>
      <c r="N4837" s="5" t="s">
        <v>38</v>
      </c>
      <c r="O4837" s="5" t="s">
        <v>39</v>
      </c>
      <c r="P4837" s="5" t="s">
        <v>40</v>
      </c>
      <c r="Q4837" s="5" t="s">
        <v>1522</v>
      </c>
      <c r="R4837" s="5" t="s">
        <v>1523</v>
      </c>
      <c r="S4837" s="5" t="s">
        <v>42</v>
      </c>
      <c r="T4837" s="2">
        <v>2.0179999999999998</v>
      </c>
      <c r="U4837" s="2">
        <v>1.5580000000000001</v>
      </c>
      <c r="V4837" s="2">
        <v>0.01</v>
      </c>
      <c r="W4837" s="2">
        <v>76.900000000000006</v>
      </c>
      <c r="X4837" s="2">
        <v>7.6</v>
      </c>
      <c r="Y4837" s="2">
        <v>16.7</v>
      </c>
      <c r="Z4837" s="5"/>
      <c r="AA4837" s="5" t="s">
        <v>43</v>
      </c>
      <c r="AB4837" s="5" t="s">
        <v>44</v>
      </c>
      <c r="AC4837" s="2"/>
      <c r="AD4837" s="1"/>
    </row>
    <row r="4838" spans="1:30">
      <c r="A4838" s="5" t="s">
        <v>83578</v>
      </c>
      <c r="B4838" s="2" t="s">
        <v>98116</v>
      </c>
      <c r="C4838" s="14" t="s">
        <v>98117</v>
      </c>
      <c r="D4838" s="2" t="s">
        <v>98118</v>
      </c>
      <c r="E4838" s="2" t="s">
        <v>41009</v>
      </c>
      <c r="F4838" s="8">
        <v>242</v>
      </c>
      <c r="G4838" s="5">
        <v>6</v>
      </c>
      <c r="H4838" s="5" t="s">
        <v>1518</v>
      </c>
      <c r="I4838" s="5" t="s">
        <v>40939</v>
      </c>
      <c r="J4838" s="2" t="s">
        <v>40940</v>
      </c>
      <c r="K4838" s="5" t="s">
        <v>40939</v>
      </c>
      <c r="L4838" s="2" t="s">
        <v>40940</v>
      </c>
      <c r="M4838" s="5" t="s">
        <v>36266</v>
      </c>
      <c r="N4838" s="5" t="s">
        <v>38</v>
      </c>
      <c r="O4838" s="5" t="s">
        <v>39</v>
      </c>
      <c r="P4838" s="5" t="s">
        <v>40</v>
      </c>
      <c r="Q4838" s="5" t="s">
        <v>1522</v>
      </c>
      <c r="R4838" s="5" t="s">
        <v>1523</v>
      </c>
      <c r="S4838" s="5" t="s">
        <v>42</v>
      </c>
      <c r="T4838" s="2">
        <v>2.0209999999999999</v>
      </c>
      <c r="U4838" s="2">
        <v>1.5609999999999999</v>
      </c>
      <c r="V4838" s="2">
        <v>0.01</v>
      </c>
      <c r="W4838" s="2">
        <v>76.900000000000006</v>
      </c>
      <c r="X4838" s="2">
        <v>7.6</v>
      </c>
      <c r="Y4838" s="2">
        <v>16.7</v>
      </c>
      <c r="Z4838" s="5"/>
      <c r="AA4838" s="5" t="s">
        <v>43</v>
      </c>
      <c r="AB4838" s="5" t="s">
        <v>44</v>
      </c>
      <c r="AC4838" s="2"/>
      <c r="AD4838" s="1"/>
    </row>
    <row r="4839" spans="1:30">
      <c r="A4839" s="5" t="s">
        <v>83578</v>
      </c>
      <c r="B4839" s="2" t="s">
        <v>98119</v>
      </c>
      <c r="C4839" s="14" t="s">
        <v>98120</v>
      </c>
      <c r="D4839" s="2" t="s">
        <v>98121</v>
      </c>
      <c r="E4839" s="2" t="s">
        <v>41013</v>
      </c>
      <c r="F4839" s="8">
        <v>242</v>
      </c>
      <c r="G4839" s="5">
        <v>6</v>
      </c>
      <c r="H4839" s="5" t="s">
        <v>1518</v>
      </c>
      <c r="I4839" s="5" t="s">
        <v>40939</v>
      </c>
      <c r="J4839" s="2" t="s">
        <v>40940</v>
      </c>
      <c r="K4839" s="5" t="s">
        <v>40939</v>
      </c>
      <c r="L4839" s="2" t="s">
        <v>40940</v>
      </c>
      <c r="M4839" s="5" t="s">
        <v>36266</v>
      </c>
      <c r="N4839" s="5" t="s">
        <v>38</v>
      </c>
      <c r="O4839" s="5" t="s">
        <v>39</v>
      </c>
      <c r="P4839" s="5" t="s">
        <v>40</v>
      </c>
      <c r="Q4839" s="5" t="s">
        <v>1522</v>
      </c>
      <c r="R4839" s="5" t="s">
        <v>1523</v>
      </c>
      <c r="S4839" s="5" t="s">
        <v>42</v>
      </c>
      <c r="T4839" s="2">
        <v>2.0710000000000002</v>
      </c>
      <c r="U4839" s="2">
        <v>1.611</v>
      </c>
      <c r="V4839" s="2">
        <v>0.01</v>
      </c>
      <c r="W4839" s="2">
        <v>76.900000000000006</v>
      </c>
      <c r="X4839" s="2">
        <v>7.6</v>
      </c>
      <c r="Y4839" s="2">
        <v>16.7</v>
      </c>
      <c r="Z4839" s="5"/>
      <c r="AA4839" s="5" t="s">
        <v>43</v>
      </c>
      <c r="AB4839" s="5" t="s">
        <v>44</v>
      </c>
      <c r="AC4839" s="2"/>
      <c r="AD4839" s="1"/>
    </row>
    <row r="4840" spans="1:30">
      <c r="A4840" s="5" t="s">
        <v>83578</v>
      </c>
      <c r="B4840" s="2" t="s">
        <v>98122</v>
      </c>
      <c r="C4840" s="14" t="s">
        <v>98123</v>
      </c>
      <c r="D4840" s="2" t="s">
        <v>98124</v>
      </c>
      <c r="E4840" s="2" t="s">
        <v>7396</v>
      </c>
      <c r="F4840" s="8">
        <v>228</v>
      </c>
      <c r="G4840" s="5">
        <v>6</v>
      </c>
      <c r="H4840" s="5" t="s">
        <v>1518</v>
      </c>
      <c r="I4840" s="5" t="s">
        <v>40939</v>
      </c>
      <c r="J4840" s="2" t="s">
        <v>40940</v>
      </c>
      <c r="K4840" s="5" t="s">
        <v>40939</v>
      </c>
      <c r="L4840" s="2" t="s">
        <v>40940</v>
      </c>
      <c r="M4840" s="5" t="s">
        <v>36266</v>
      </c>
      <c r="N4840" s="5" t="s">
        <v>38</v>
      </c>
      <c r="O4840" s="5" t="s">
        <v>39</v>
      </c>
      <c r="P4840" s="5" t="s">
        <v>40</v>
      </c>
      <c r="Q4840" s="5" t="s">
        <v>1522</v>
      </c>
      <c r="R4840" s="5" t="s">
        <v>1523</v>
      </c>
      <c r="S4840" s="5" t="s">
        <v>42</v>
      </c>
      <c r="T4840" s="2">
        <v>2.0209999999999999</v>
      </c>
      <c r="U4840" s="2">
        <v>1.5609999999999999</v>
      </c>
      <c r="V4840" s="2">
        <v>0.01</v>
      </c>
      <c r="W4840" s="2">
        <v>76.900000000000006</v>
      </c>
      <c r="X4840" s="2">
        <v>7.6</v>
      </c>
      <c r="Y4840" s="2">
        <v>16.7</v>
      </c>
      <c r="Z4840" s="5"/>
      <c r="AA4840" s="5" t="s">
        <v>43</v>
      </c>
      <c r="AB4840" s="5" t="s">
        <v>44</v>
      </c>
      <c r="AC4840" s="2"/>
      <c r="AD4840" s="1"/>
    </row>
    <row r="4841" spans="1:30">
      <c r="A4841" s="5" t="s">
        <v>83578</v>
      </c>
      <c r="B4841" s="2" t="s">
        <v>98125</v>
      </c>
      <c r="C4841" s="14" t="s">
        <v>98126</v>
      </c>
      <c r="D4841" s="2" t="s">
        <v>98127</v>
      </c>
      <c r="E4841" s="2" t="s">
        <v>41027</v>
      </c>
      <c r="F4841" s="8">
        <v>242</v>
      </c>
      <c r="G4841" s="5">
        <v>6</v>
      </c>
      <c r="H4841" s="5" t="s">
        <v>1518</v>
      </c>
      <c r="I4841" s="5" t="s">
        <v>40939</v>
      </c>
      <c r="J4841" s="2" t="s">
        <v>40940</v>
      </c>
      <c r="K4841" s="5" t="s">
        <v>40939</v>
      </c>
      <c r="L4841" s="2" t="s">
        <v>40940</v>
      </c>
      <c r="M4841" s="5" t="s">
        <v>36266</v>
      </c>
      <c r="N4841" s="5" t="s">
        <v>38</v>
      </c>
      <c r="O4841" s="5" t="s">
        <v>39</v>
      </c>
      <c r="P4841" s="5" t="s">
        <v>40</v>
      </c>
      <c r="Q4841" s="5" t="s">
        <v>1522</v>
      </c>
      <c r="R4841" s="5" t="s">
        <v>1523</v>
      </c>
      <c r="S4841" s="5" t="s">
        <v>42</v>
      </c>
      <c r="T4841" s="2">
        <v>2.056</v>
      </c>
      <c r="U4841" s="2">
        <v>1.5960000000000001</v>
      </c>
      <c r="V4841" s="2">
        <v>0.01</v>
      </c>
      <c r="W4841" s="2">
        <v>76.900000000000006</v>
      </c>
      <c r="X4841" s="2">
        <v>7.6</v>
      </c>
      <c r="Y4841" s="2">
        <v>16.7</v>
      </c>
      <c r="Z4841" s="5"/>
      <c r="AA4841" s="5" t="s">
        <v>43</v>
      </c>
      <c r="AB4841" s="5" t="s">
        <v>44</v>
      </c>
      <c r="AC4841" s="2"/>
      <c r="AD4841" s="1"/>
    </row>
    <row r="4842" spans="1:30">
      <c r="A4842" s="5" t="s">
        <v>83578</v>
      </c>
      <c r="B4842" s="2" t="s">
        <v>98128</v>
      </c>
      <c r="C4842" s="14" t="s">
        <v>98129</v>
      </c>
      <c r="D4842" s="2" t="s">
        <v>98130</v>
      </c>
      <c r="E4842" s="2" t="s">
        <v>7581</v>
      </c>
      <c r="F4842" s="8">
        <v>242</v>
      </c>
      <c r="G4842" s="5">
        <v>6</v>
      </c>
      <c r="H4842" s="5" t="s">
        <v>1518</v>
      </c>
      <c r="I4842" s="5" t="s">
        <v>40939</v>
      </c>
      <c r="J4842" s="2" t="s">
        <v>40940</v>
      </c>
      <c r="K4842" s="5" t="s">
        <v>40939</v>
      </c>
      <c r="L4842" s="2" t="s">
        <v>40940</v>
      </c>
      <c r="M4842" s="5" t="s">
        <v>36266</v>
      </c>
      <c r="N4842" s="5" t="s">
        <v>38</v>
      </c>
      <c r="O4842" s="5" t="s">
        <v>39</v>
      </c>
      <c r="P4842" s="5" t="s">
        <v>40</v>
      </c>
      <c r="Q4842" s="5" t="s">
        <v>1522</v>
      </c>
      <c r="R4842" s="5" t="s">
        <v>1523</v>
      </c>
      <c r="S4842" s="5" t="s">
        <v>42</v>
      </c>
      <c r="T4842" s="2">
        <v>2.056</v>
      </c>
      <c r="U4842" s="2">
        <v>1.5960000000000001</v>
      </c>
      <c r="V4842" s="2">
        <v>0.01</v>
      </c>
      <c r="W4842" s="2">
        <v>76.900000000000006</v>
      </c>
      <c r="X4842" s="2">
        <v>7.6</v>
      </c>
      <c r="Y4842" s="2">
        <v>16.7</v>
      </c>
      <c r="Z4842" s="5"/>
      <c r="AA4842" s="5" t="s">
        <v>43</v>
      </c>
      <c r="AB4842" s="5" t="s">
        <v>44</v>
      </c>
      <c r="AC4842" s="2"/>
      <c r="AD4842" s="1"/>
    </row>
    <row r="4843" spans="1:30">
      <c r="A4843" s="5" t="s">
        <v>83578</v>
      </c>
      <c r="B4843" s="2" t="s">
        <v>98131</v>
      </c>
      <c r="C4843" s="14" t="s">
        <v>98132</v>
      </c>
      <c r="D4843" s="2" t="s">
        <v>98133</v>
      </c>
      <c r="E4843" s="2" t="s">
        <v>36273</v>
      </c>
      <c r="F4843" s="8">
        <v>241</v>
      </c>
      <c r="G4843" s="5">
        <v>6</v>
      </c>
      <c r="H4843" s="5" t="s">
        <v>1518</v>
      </c>
      <c r="I4843" s="5" t="s">
        <v>40939</v>
      </c>
      <c r="J4843" s="2" t="s">
        <v>40940</v>
      </c>
      <c r="K4843" s="5" t="s">
        <v>40939</v>
      </c>
      <c r="L4843" s="2" t="s">
        <v>40940</v>
      </c>
      <c r="M4843" s="5" t="s">
        <v>36266</v>
      </c>
      <c r="N4843" s="5" t="s">
        <v>38</v>
      </c>
      <c r="O4843" s="5" t="s">
        <v>39</v>
      </c>
      <c r="P4843" s="5" t="s">
        <v>40</v>
      </c>
      <c r="Q4843" s="5" t="s">
        <v>1522</v>
      </c>
      <c r="R4843" s="5" t="s">
        <v>1523</v>
      </c>
      <c r="S4843" s="5" t="s">
        <v>42</v>
      </c>
      <c r="T4843" s="2">
        <v>2.1859999999999999</v>
      </c>
      <c r="U4843" s="2">
        <v>1.704</v>
      </c>
      <c r="V4843" s="2">
        <v>1.0999999999999999E-2</v>
      </c>
      <c r="W4843" s="2">
        <v>82.9</v>
      </c>
      <c r="X4843" s="2">
        <v>7.6</v>
      </c>
      <c r="Y4843" s="2">
        <v>16.7</v>
      </c>
      <c r="Z4843" s="5"/>
      <c r="AA4843" s="5" t="s">
        <v>43</v>
      </c>
      <c r="AB4843" s="5" t="s">
        <v>44</v>
      </c>
      <c r="AC4843" s="2"/>
      <c r="AD4843" s="1"/>
    </row>
    <row r="4844" spans="1:30">
      <c r="A4844" s="5" t="s">
        <v>83578</v>
      </c>
      <c r="B4844" s="2" t="s">
        <v>98134</v>
      </c>
      <c r="C4844" s="14" t="s">
        <v>98135</v>
      </c>
      <c r="D4844" s="2" t="s">
        <v>98136</v>
      </c>
      <c r="E4844" s="2" t="s">
        <v>40967</v>
      </c>
      <c r="F4844" s="8">
        <v>258</v>
      </c>
      <c r="G4844" s="5">
        <v>6</v>
      </c>
      <c r="H4844" s="5" t="s">
        <v>1518</v>
      </c>
      <c r="I4844" s="5" t="s">
        <v>40939</v>
      </c>
      <c r="J4844" s="2" t="s">
        <v>40940</v>
      </c>
      <c r="K4844" s="5" t="s">
        <v>40939</v>
      </c>
      <c r="L4844" s="2" t="s">
        <v>40940</v>
      </c>
      <c r="M4844" s="5" t="s">
        <v>36266</v>
      </c>
      <c r="N4844" s="5" t="s">
        <v>38</v>
      </c>
      <c r="O4844" s="5" t="s">
        <v>39</v>
      </c>
      <c r="P4844" s="5" t="s">
        <v>40</v>
      </c>
      <c r="Q4844" s="5" t="s">
        <v>1522</v>
      </c>
      <c r="R4844" s="5" t="s">
        <v>1523</v>
      </c>
      <c r="S4844" s="5" t="s">
        <v>42</v>
      </c>
      <c r="T4844" s="2">
        <v>2.1779999999999999</v>
      </c>
      <c r="U4844" s="2">
        <v>1.696</v>
      </c>
      <c r="V4844" s="2">
        <v>1.0999999999999999E-2</v>
      </c>
      <c r="W4844" s="2">
        <v>82.9</v>
      </c>
      <c r="X4844" s="2">
        <v>7.6</v>
      </c>
      <c r="Y4844" s="2">
        <v>16.7</v>
      </c>
      <c r="Z4844" s="5"/>
      <c r="AA4844" s="5" t="s">
        <v>43</v>
      </c>
      <c r="AB4844" s="5" t="s">
        <v>44</v>
      </c>
      <c r="AC4844" s="2"/>
      <c r="AD4844" s="1"/>
    </row>
    <row r="4845" spans="1:30">
      <c r="A4845" s="5" t="s">
        <v>83578</v>
      </c>
      <c r="B4845" s="2" t="s">
        <v>98137</v>
      </c>
      <c r="C4845" s="14" t="s">
        <v>98138</v>
      </c>
      <c r="D4845" s="2" t="s">
        <v>98139</v>
      </c>
      <c r="E4845" s="2" t="s">
        <v>47226</v>
      </c>
      <c r="F4845" s="8">
        <v>258</v>
      </c>
      <c r="G4845" s="5">
        <v>6</v>
      </c>
      <c r="H4845" s="5" t="s">
        <v>1518</v>
      </c>
      <c r="I4845" s="5" t="s">
        <v>40939</v>
      </c>
      <c r="J4845" s="2" t="s">
        <v>40940</v>
      </c>
      <c r="K4845" s="5" t="s">
        <v>40939</v>
      </c>
      <c r="L4845" s="2" t="s">
        <v>40940</v>
      </c>
      <c r="M4845" s="5" t="s">
        <v>36266</v>
      </c>
      <c r="N4845" s="5" t="s">
        <v>38</v>
      </c>
      <c r="O4845" s="5" t="s">
        <v>39</v>
      </c>
      <c r="P4845" s="5" t="s">
        <v>40</v>
      </c>
      <c r="Q4845" s="5" t="s">
        <v>1522</v>
      </c>
      <c r="R4845" s="5" t="s">
        <v>1523</v>
      </c>
      <c r="S4845" s="5" t="s">
        <v>42</v>
      </c>
      <c r="T4845" s="2">
        <v>2.1779999999999999</v>
      </c>
      <c r="U4845" s="2">
        <v>1.696</v>
      </c>
      <c r="V4845" s="2">
        <v>1.0999999999999999E-2</v>
      </c>
      <c r="W4845" s="2">
        <v>82.9</v>
      </c>
      <c r="X4845" s="2">
        <v>7.6</v>
      </c>
      <c r="Y4845" s="2">
        <v>16.7</v>
      </c>
      <c r="Z4845" s="5"/>
      <c r="AA4845" s="5" t="s">
        <v>43</v>
      </c>
      <c r="AB4845" s="5" t="s">
        <v>44</v>
      </c>
      <c r="AC4845" s="2"/>
      <c r="AD4845" s="1"/>
    </row>
    <row r="4846" spans="1:30">
      <c r="A4846" s="5" t="s">
        <v>83578</v>
      </c>
      <c r="B4846" s="2" t="s">
        <v>98140</v>
      </c>
      <c r="C4846" s="14" t="s">
        <v>98141</v>
      </c>
      <c r="D4846" s="2" t="s">
        <v>98142</v>
      </c>
      <c r="E4846" s="2" t="s">
        <v>47735</v>
      </c>
      <c r="F4846" s="8">
        <v>258</v>
      </c>
      <c r="G4846" s="5">
        <v>6</v>
      </c>
      <c r="H4846" s="5" t="s">
        <v>1518</v>
      </c>
      <c r="I4846" s="5" t="s">
        <v>40939</v>
      </c>
      <c r="J4846" s="2" t="s">
        <v>40940</v>
      </c>
      <c r="K4846" s="5" t="s">
        <v>40939</v>
      </c>
      <c r="L4846" s="2" t="s">
        <v>40940</v>
      </c>
      <c r="M4846" s="5" t="s">
        <v>36266</v>
      </c>
      <c r="N4846" s="5" t="s">
        <v>38</v>
      </c>
      <c r="O4846" s="5" t="s">
        <v>39</v>
      </c>
      <c r="P4846" s="5" t="s">
        <v>40</v>
      </c>
      <c r="Q4846" s="5" t="s">
        <v>1522</v>
      </c>
      <c r="R4846" s="5" t="s">
        <v>1523</v>
      </c>
      <c r="S4846" s="5" t="s">
        <v>42</v>
      </c>
      <c r="T4846" s="2">
        <v>2.2400000000000002</v>
      </c>
      <c r="U4846" s="2">
        <v>1.758</v>
      </c>
      <c r="V4846" s="2">
        <v>1.0999999999999999E-2</v>
      </c>
      <c r="W4846" s="2">
        <v>82.9</v>
      </c>
      <c r="X4846" s="2">
        <v>7.6</v>
      </c>
      <c r="Y4846" s="2">
        <v>16.7</v>
      </c>
      <c r="Z4846" s="5"/>
      <c r="AA4846" s="5" t="s">
        <v>43</v>
      </c>
      <c r="AB4846" s="5" t="s">
        <v>44</v>
      </c>
      <c r="AC4846" s="2"/>
      <c r="AD4846" s="1"/>
    </row>
    <row r="4847" spans="1:30">
      <c r="A4847" s="5" t="s">
        <v>83578</v>
      </c>
      <c r="B4847" s="2" t="s">
        <v>98143</v>
      </c>
      <c r="C4847" s="14" t="s">
        <v>98144</v>
      </c>
      <c r="D4847" s="2" t="s">
        <v>98145</v>
      </c>
      <c r="E4847" s="2" t="s">
        <v>41267</v>
      </c>
      <c r="F4847" s="8">
        <v>258</v>
      </c>
      <c r="G4847" s="5">
        <v>6</v>
      </c>
      <c r="H4847" s="5" t="s">
        <v>1518</v>
      </c>
      <c r="I4847" s="5" t="s">
        <v>40939</v>
      </c>
      <c r="J4847" s="2" t="s">
        <v>40940</v>
      </c>
      <c r="K4847" s="5" t="s">
        <v>40939</v>
      </c>
      <c r="L4847" s="2" t="s">
        <v>40940</v>
      </c>
      <c r="M4847" s="5" t="s">
        <v>36266</v>
      </c>
      <c r="N4847" s="5" t="s">
        <v>38</v>
      </c>
      <c r="O4847" s="5" t="s">
        <v>39</v>
      </c>
      <c r="P4847" s="5" t="s">
        <v>40</v>
      </c>
      <c r="Q4847" s="5" t="s">
        <v>1522</v>
      </c>
      <c r="R4847" s="5" t="s">
        <v>1523</v>
      </c>
      <c r="S4847" s="5" t="s">
        <v>42</v>
      </c>
      <c r="T4847" s="2">
        <v>2.2240000000000002</v>
      </c>
      <c r="U4847" s="2">
        <v>1.742</v>
      </c>
      <c r="V4847" s="2">
        <v>1.0999999999999999E-2</v>
      </c>
      <c r="W4847" s="2">
        <v>82.9</v>
      </c>
      <c r="X4847" s="2">
        <v>7.6</v>
      </c>
      <c r="Y4847" s="2">
        <v>16.7</v>
      </c>
      <c r="Z4847" s="5"/>
      <c r="AA4847" s="5" t="s">
        <v>43</v>
      </c>
      <c r="AB4847" s="5" t="s">
        <v>44</v>
      </c>
      <c r="AC4847" s="2"/>
      <c r="AD4847" s="1"/>
    </row>
    <row r="4848" spans="1:30">
      <c r="A4848" s="5" t="s">
        <v>83578</v>
      </c>
      <c r="B4848" s="2" t="s">
        <v>98146</v>
      </c>
      <c r="C4848" s="14" t="s">
        <v>98147</v>
      </c>
      <c r="D4848" s="2" t="s">
        <v>98148</v>
      </c>
      <c r="E4848" s="2" t="s">
        <v>41001</v>
      </c>
      <c r="F4848" s="8">
        <v>258</v>
      </c>
      <c r="G4848" s="5">
        <v>6</v>
      </c>
      <c r="H4848" s="5" t="s">
        <v>1518</v>
      </c>
      <c r="I4848" s="5" t="s">
        <v>40939</v>
      </c>
      <c r="J4848" s="2" t="s">
        <v>40940</v>
      </c>
      <c r="K4848" s="5" t="s">
        <v>40939</v>
      </c>
      <c r="L4848" s="2" t="s">
        <v>40940</v>
      </c>
      <c r="M4848" s="5" t="s">
        <v>36266</v>
      </c>
      <c r="N4848" s="5" t="s">
        <v>38</v>
      </c>
      <c r="O4848" s="5" t="s">
        <v>39</v>
      </c>
      <c r="P4848" s="5" t="s">
        <v>40</v>
      </c>
      <c r="Q4848" s="5" t="s">
        <v>1522</v>
      </c>
      <c r="R4848" s="5" t="s">
        <v>1523</v>
      </c>
      <c r="S4848" s="5" t="s">
        <v>42</v>
      </c>
      <c r="T4848" s="2">
        <v>2.1779999999999999</v>
      </c>
      <c r="U4848" s="2">
        <v>1.696</v>
      </c>
      <c r="V4848" s="2">
        <v>1.0999999999999999E-2</v>
      </c>
      <c r="W4848" s="2">
        <v>82.9</v>
      </c>
      <c r="X4848" s="2">
        <v>7.6</v>
      </c>
      <c r="Y4848" s="2">
        <v>16.7</v>
      </c>
      <c r="Z4848" s="5"/>
      <c r="AA4848" s="5" t="s">
        <v>43</v>
      </c>
      <c r="AB4848" s="5" t="s">
        <v>44</v>
      </c>
      <c r="AC4848" s="2"/>
      <c r="AD4848" s="1"/>
    </row>
    <row r="4849" spans="1:30">
      <c r="A4849" s="5" t="s">
        <v>83578</v>
      </c>
      <c r="B4849" s="2" t="s">
        <v>98149</v>
      </c>
      <c r="C4849" s="14" t="s">
        <v>98150</v>
      </c>
      <c r="D4849" s="2" t="s">
        <v>98151</v>
      </c>
      <c r="E4849" s="2" t="s">
        <v>41031</v>
      </c>
      <c r="F4849" s="8">
        <v>258</v>
      </c>
      <c r="G4849" s="5">
        <v>6</v>
      </c>
      <c r="H4849" s="5" t="s">
        <v>1518</v>
      </c>
      <c r="I4849" s="5" t="s">
        <v>40939</v>
      </c>
      <c r="J4849" s="2" t="s">
        <v>40940</v>
      </c>
      <c r="K4849" s="5" t="s">
        <v>40939</v>
      </c>
      <c r="L4849" s="2" t="s">
        <v>40940</v>
      </c>
      <c r="M4849" s="5" t="s">
        <v>36266</v>
      </c>
      <c r="N4849" s="5" t="s">
        <v>38</v>
      </c>
      <c r="O4849" s="5" t="s">
        <v>39</v>
      </c>
      <c r="P4849" s="5" t="s">
        <v>40</v>
      </c>
      <c r="Q4849" s="5" t="s">
        <v>1522</v>
      </c>
      <c r="R4849" s="5" t="s">
        <v>1523</v>
      </c>
      <c r="S4849" s="5" t="s">
        <v>42</v>
      </c>
      <c r="T4849" s="2">
        <v>2.1619999999999999</v>
      </c>
      <c r="U4849" s="2">
        <v>1.68</v>
      </c>
      <c r="V4849" s="2">
        <v>1.0999999999999999E-2</v>
      </c>
      <c r="W4849" s="2">
        <v>82.9</v>
      </c>
      <c r="X4849" s="2">
        <v>7.6</v>
      </c>
      <c r="Y4849" s="2">
        <v>16.7</v>
      </c>
      <c r="Z4849" s="5"/>
      <c r="AA4849" s="5" t="s">
        <v>43</v>
      </c>
      <c r="AB4849" s="5" t="s">
        <v>44</v>
      </c>
      <c r="AC4849" s="2"/>
      <c r="AD4849" s="1"/>
    </row>
    <row r="4850" spans="1:30">
      <c r="A4850" s="5" t="s">
        <v>83578</v>
      </c>
      <c r="B4850" s="2" t="s">
        <v>98152</v>
      </c>
      <c r="C4850" s="14" t="s">
        <v>98153</v>
      </c>
      <c r="D4850" s="2" t="s">
        <v>98154</v>
      </c>
      <c r="E4850" s="2" t="s">
        <v>7449</v>
      </c>
      <c r="F4850" s="8">
        <v>258</v>
      </c>
      <c r="G4850" s="5">
        <v>6</v>
      </c>
      <c r="H4850" s="5" t="s">
        <v>1518</v>
      </c>
      <c r="I4850" s="5" t="s">
        <v>40939</v>
      </c>
      <c r="J4850" s="2" t="s">
        <v>40940</v>
      </c>
      <c r="K4850" s="5" t="s">
        <v>40939</v>
      </c>
      <c r="L4850" s="2" t="s">
        <v>40940</v>
      </c>
      <c r="M4850" s="5" t="s">
        <v>36266</v>
      </c>
      <c r="N4850" s="5" t="s">
        <v>38</v>
      </c>
      <c r="O4850" s="5" t="s">
        <v>39</v>
      </c>
      <c r="P4850" s="5" t="s">
        <v>40</v>
      </c>
      <c r="Q4850" s="5" t="s">
        <v>1522</v>
      </c>
      <c r="R4850" s="5" t="s">
        <v>1523</v>
      </c>
      <c r="S4850" s="5" t="s">
        <v>42</v>
      </c>
      <c r="T4850" s="2">
        <v>2.1619999999999999</v>
      </c>
      <c r="U4850" s="2">
        <v>1.68</v>
      </c>
      <c r="V4850" s="2">
        <v>1.0999999999999999E-2</v>
      </c>
      <c r="W4850" s="2">
        <v>82.9</v>
      </c>
      <c r="X4850" s="2">
        <v>7.6</v>
      </c>
      <c r="Y4850" s="2">
        <v>16.7</v>
      </c>
      <c r="Z4850" s="5"/>
      <c r="AA4850" s="5" t="s">
        <v>43</v>
      </c>
      <c r="AB4850" s="5" t="s">
        <v>44</v>
      </c>
      <c r="AC4850" s="2"/>
      <c r="AD4850" s="1"/>
    </row>
    <row r="4851" spans="1:30">
      <c r="A4851" s="5" t="s">
        <v>83578</v>
      </c>
      <c r="B4851" s="2" t="s">
        <v>98155</v>
      </c>
      <c r="C4851" s="14" t="s">
        <v>98156</v>
      </c>
      <c r="D4851" s="2" t="s">
        <v>98157</v>
      </c>
      <c r="E4851" s="2" t="s">
        <v>7581</v>
      </c>
      <c r="F4851" s="8">
        <v>258</v>
      </c>
      <c r="G4851" s="5">
        <v>6</v>
      </c>
      <c r="H4851" s="5" t="s">
        <v>1518</v>
      </c>
      <c r="I4851" s="5" t="s">
        <v>40939</v>
      </c>
      <c r="J4851" s="2" t="s">
        <v>40940</v>
      </c>
      <c r="K4851" s="5" t="s">
        <v>40939</v>
      </c>
      <c r="L4851" s="2" t="s">
        <v>40940</v>
      </c>
      <c r="M4851" s="5" t="s">
        <v>36266</v>
      </c>
      <c r="N4851" s="5" t="s">
        <v>38</v>
      </c>
      <c r="O4851" s="5" t="s">
        <v>39</v>
      </c>
      <c r="P4851" s="5" t="s">
        <v>40</v>
      </c>
      <c r="Q4851" s="5" t="s">
        <v>1522</v>
      </c>
      <c r="R4851" s="5" t="s">
        <v>1523</v>
      </c>
      <c r="S4851" s="5" t="s">
        <v>42</v>
      </c>
      <c r="T4851" s="2">
        <v>2.2240000000000002</v>
      </c>
      <c r="U4851" s="2">
        <v>1.742</v>
      </c>
      <c r="V4851" s="2">
        <v>1.0999999999999999E-2</v>
      </c>
      <c r="W4851" s="2">
        <v>82.9</v>
      </c>
      <c r="X4851" s="2">
        <v>7.6</v>
      </c>
      <c r="Y4851" s="2">
        <v>16.7</v>
      </c>
      <c r="Z4851" s="5"/>
      <c r="AA4851" s="5" t="s">
        <v>43</v>
      </c>
      <c r="AB4851" s="5" t="s">
        <v>44</v>
      </c>
      <c r="AC4851" s="2"/>
      <c r="AD4851" s="1"/>
    </row>
    <row r="4852" spans="1:30">
      <c r="A4852" s="5" t="s">
        <v>83578</v>
      </c>
      <c r="B4852" s="2" t="s">
        <v>98158</v>
      </c>
      <c r="C4852" s="14" t="s">
        <v>98159</v>
      </c>
      <c r="D4852" s="2" t="s">
        <v>98160</v>
      </c>
      <c r="E4852" s="2" t="s">
        <v>47266</v>
      </c>
      <c r="F4852" s="8">
        <v>272</v>
      </c>
      <c r="G4852" s="5">
        <v>6</v>
      </c>
      <c r="H4852" s="5" t="s">
        <v>1518</v>
      </c>
      <c r="I4852" s="5" t="s">
        <v>40939</v>
      </c>
      <c r="J4852" s="2" t="s">
        <v>40940</v>
      </c>
      <c r="K4852" s="5" t="s">
        <v>40939</v>
      </c>
      <c r="L4852" s="2" t="s">
        <v>40940</v>
      </c>
      <c r="M4852" s="5" t="s">
        <v>36266</v>
      </c>
      <c r="N4852" s="5" t="s">
        <v>38</v>
      </c>
      <c r="O4852" s="5" t="s">
        <v>39</v>
      </c>
      <c r="P4852" s="5" t="s">
        <v>40</v>
      </c>
      <c r="Q4852" s="5" t="s">
        <v>1522</v>
      </c>
      <c r="R4852" s="5" t="s">
        <v>1523</v>
      </c>
      <c r="S4852" s="5" t="s">
        <v>42</v>
      </c>
      <c r="T4852" s="2">
        <v>2.41</v>
      </c>
      <c r="U4852" s="2">
        <v>1.84</v>
      </c>
      <c r="V4852" s="2">
        <v>1.4999999999999999E-2</v>
      </c>
      <c r="W4852" s="2">
        <v>118.9</v>
      </c>
      <c r="X4852" s="2">
        <v>7.6</v>
      </c>
      <c r="Y4852" s="2">
        <v>16.7</v>
      </c>
      <c r="Z4852" s="5"/>
      <c r="AA4852" s="5" t="s">
        <v>43</v>
      </c>
      <c r="AB4852" s="5" t="s">
        <v>44</v>
      </c>
      <c r="AC4852" s="2"/>
      <c r="AD4852" s="1"/>
    </row>
    <row r="4853" spans="1:30">
      <c r="A4853" s="5" t="s">
        <v>83578</v>
      </c>
      <c r="B4853" s="2" t="s">
        <v>98161</v>
      </c>
      <c r="C4853" s="14" t="s">
        <v>98162</v>
      </c>
      <c r="D4853" s="2" t="s">
        <v>98163</v>
      </c>
      <c r="E4853" s="2" t="s">
        <v>36273</v>
      </c>
      <c r="F4853" s="8">
        <v>254</v>
      </c>
      <c r="G4853" s="5">
        <v>6</v>
      </c>
      <c r="H4853" s="5" t="s">
        <v>1518</v>
      </c>
      <c r="I4853" s="5" t="s">
        <v>40939</v>
      </c>
      <c r="J4853" s="2" t="s">
        <v>40940</v>
      </c>
      <c r="K4853" s="5" t="s">
        <v>40939</v>
      </c>
      <c r="L4853" s="2" t="s">
        <v>40940</v>
      </c>
      <c r="M4853" s="5" t="s">
        <v>36266</v>
      </c>
      <c r="N4853" s="5" t="s">
        <v>38</v>
      </c>
      <c r="O4853" s="5" t="s">
        <v>39</v>
      </c>
      <c r="P4853" s="5" t="s">
        <v>40</v>
      </c>
      <c r="Q4853" s="5" t="s">
        <v>1522</v>
      </c>
      <c r="R4853" s="5" t="s">
        <v>1523</v>
      </c>
      <c r="S4853" s="5" t="s">
        <v>42</v>
      </c>
      <c r="T4853" s="2">
        <v>2.4239999999999999</v>
      </c>
      <c r="U4853" s="2">
        <v>1.8540000000000001</v>
      </c>
      <c r="V4853" s="2">
        <v>1.4999999999999999E-2</v>
      </c>
      <c r="W4853" s="2">
        <v>118.9</v>
      </c>
      <c r="X4853" s="2">
        <v>7.6</v>
      </c>
      <c r="Y4853" s="2">
        <v>16.7</v>
      </c>
      <c r="Z4853" s="5"/>
      <c r="AA4853" s="5" t="s">
        <v>43</v>
      </c>
      <c r="AB4853" s="5" t="s">
        <v>44</v>
      </c>
      <c r="AC4853" s="2"/>
      <c r="AD4853" s="1"/>
    </row>
    <row r="4854" spans="1:30">
      <c r="A4854" s="5" t="s">
        <v>83578</v>
      </c>
      <c r="B4854" s="2" t="s">
        <v>98164</v>
      </c>
      <c r="C4854" s="14" t="s">
        <v>98165</v>
      </c>
      <c r="D4854" s="2" t="s">
        <v>98166</v>
      </c>
      <c r="E4854" s="2" t="s">
        <v>40967</v>
      </c>
      <c r="F4854" s="8">
        <v>272</v>
      </c>
      <c r="G4854" s="5">
        <v>6</v>
      </c>
      <c r="H4854" s="5" t="s">
        <v>1518</v>
      </c>
      <c r="I4854" s="5" t="s">
        <v>40939</v>
      </c>
      <c r="J4854" s="2" t="s">
        <v>40940</v>
      </c>
      <c r="K4854" s="5" t="s">
        <v>40939</v>
      </c>
      <c r="L4854" s="2" t="s">
        <v>40940</v>
      </c>
      <c r="M4854" s="5" t="s">
        <v>36266</v>
      </c>
      <c r="N4854" s="5" t="s">
        <v>38</v>
      </c>
      <c r="O4854" s="5" t="s">
        <v>39</v>
      </c>
      <c r="P4854" s="5" t="s">
        <v>40</v>
      </c>
      <c r="Q4854" s="5" t="s">
        <v>1522</v>
      </c>
      <c r="R4854" s="5" t="s">
        <v>1523</v>
      </c>
      <c r="S4854" s="5" t="s">
        <v>42</v>
      </c>
      <c r="T4854" s="2">
        <v>2.415</v>
      </c>
      <c r="U4854" s="2">
        <v>1.845</v>
      </c>
      <c r="V4854" s="2">
        <v>1.4999999999999999E-2</v>
      </c>
      <c r="W4854" s="2">
        <v>118.9</v>
      </c>
      <c r="X4854" s="2">
        <v>7.6</v>
      </c>
      <c r="Y4854" s="2">
        <v>16.7</v>
      </c>
      <c r="Z4854" s="5"/>
      <c r="AA4854" s="5" t="s">
        <v>43</v>
      </c>
      <c r="AB4854" s="5" t="s">
        <v>44</v>
      </c>
      <c r="AC4854" s="2"/>
      <c r="AD4854" s="1"/>
    </row>
    <row r="4855" spans="1:30">
      <c r="A4855" s="5" t="s">
        <v>83578</v>
      </c>
      <c r="B4855" s="2" t="s">
        <v>98167</v>
      </c>
      <c r="C4855" s="14" t="s">
        <v>98168</v>
      </c>
      <c r="D4855" s="2" t="s">
        <v>98169</v>
      </c>
      <c r="E4855" s="2" t="s">
        <v>47226</v>
      </c>
      <c r="F4855" s="8">
        <v>272</v>
      </c>
      <c r="G4855" s="5">
        <v>6</v>
      </c>
      <c r="H4855" s="5" t="s">
        <v>1518</v>
      </c>
      <c r="I4855" s="5" t="s">
        <v>40939</v>
      </c>
      <c r="J4855" s="2" t="s">
        <v>40940</v>
      </c>
      <c r="K4855" s="5" t="s">
        <v>40939</v>
      </c>
      <c r="L4855" s="2" t="s">
        <v>40940</v>
      </c>
      <c r="M4855" s="5" t="s">
        <v>36266</v>
      </c>
      <c r="N4855" s="5" t="s">
        <v>38</v>
      </c>
      <c r="O4855" s="5" t="s">
        <v>39</v>
      </c>
      <c r="P4855" s="5" t="s">
        <v>40</v>
      </c>
      <c r="Q4855" s="5" t="s">
        <v>1522</v>
      </c>
      <c r="R4855" s="5" t="s">
        <v>1523</v>
      </c>
      <c r="S4855" s="5" t="s">
        <v>42</v>
      </c>
      <c r="T4855" s="2">
        <v>2.415</v>
      </c>
      <c r="U4855" s="2">
        <v>1.845</v>
      </c>
      <c r="V4855" s="2">
        <v>1.4999999999999999E-2</v>
      </c>
      <c r="W4855" s="2">
        <v>118.9</v>
      </c>
      <c r="X4855" s="2">
        <v>7.6</v>
      </c>
      <c r="Y4855" s="2">
        <v>16.7</v>
      </c>
      <c r="Z4855" s="5"/>
      <c r="AA4855" s="5" t="s">
        <v>43</v>
      </c>
      <c r="AB4855" s="5" t="s">
        <v>44</v>
      </c>
      <c r="AC4855" s="2"/>
      <c r="AD4855" s="1"/>
    </row>
    <row r="4856" spans="1:30">
      <c r="A4856" s="5" t="s">
        <v>83578</v>
      </c>
      <c r="B4856" s="2" t="s">
        <v>98170</v>
      </c>
      <c r="C4856" s="14" t="s">
        <v>98171</v>
      </c>
      <c r="D4856" s="2" t="s">
        <v>98172</v>
      </c>
      <c r="E4856" s="2" t="s">
        <v>47735</v>
      </c>
      <c r="F4856" s="8">
        <v>272</v>
      </c>
      <c r="G4856" s="5">
        <v>6</v>
      </c>
      <c r="H4856" s="5" t="s">
        <v>1518</v>
      </c>
      <c r="I4856" s="5" t="s">
        <v>40939</v>
      </c>
      <c r="J4856" s="2" t="s">
        <v>40940</v>
      </c>
      <c r="K4856" s="5" t="s">
        <v>40939</v>
      </c>
      <c r="L4856" s="2" t="s">
        <v>40940</v>
      </c>
      <c r="M4856" s="5" t="s">
        <v>36266</v>
      </c>
      <c r="N4856" s="5" t="s">
        <v>38</v>
      </c>
      <c r="O4856" s="5" t="s">
        <v>39</v>
      </c>
      <c r="P4856" s="5" t="s">
        <v>40</v>
      </c>
      <c r="Q4856" s="5" t="s">
        <v>1522</v>
      </c>
      <c r="R4856" s="5" t="s">
        <v>1523</v>
      </c>
      <c r="S4856" s="5" t="s">
        <v>42</v>
      </c>
      <c r="T4856" s="2">
        <v>2.488</v>
      </c>
      <c r="U4856" s="2">
        <v>1.9179999999999999</v>
      </c>
      <c r="V4856" s="2">
        <v>1.4999999999999999E-2</v>
      </c>
      <c r="W4856" s="2">
        <v>118.9</v>
      </c>
      <c r="X4856" s="2">
        <v>7.6</v>
      </c>
      <c r="Y4856" s="2">
        <v>16.7</v>
      </c>
      <c r="Z4856" s="5"/>
      <c r="AA4856" s="5" t="s">
        <v>43</v>
      </c>
      <c r="AB4856" s="5" t="s">
        <v>44</v>
      </c>
      <c r="AC4856" s="2"/>
      <c r="AD4856" s="1"/>
    </row>
    <row r="4857" spans="1:30">
      <c r="A4857" s="5" t="s">
        <v>83578</v>
      </c>
      <c r="B4857" s="2" t="s">
        <v>98173</v>
      </c>
      <c r="C4857" s="14" t="s">
        <v>98174</v>
      </c>
      <c r="D4857" s="2" t="s">
        <v>98175</v>
      </c>
      <c r="E4857" s="2" t="s">
        <v>7539</v>
      </c>
      <c r="F4857" s="8">
        <v>272</v>
      </c>
      <c r="G4857" s="5">
        <v>6</v>
      </c>
      <c r="H4857" s="5" t="s">
        <v>1518</v>
      </c>
      <c r="I4857" s="5" t="s">
        <v>40939</v>
      </c>
      <c r="J4857" s="2" t="s">
        <v>40940</v>
      </c>
      <c r="K4857" s="5" t="s">
        <v>40939</v>
      </c>
      <c r="L4857" s="2" t="s">
        <v>40940</v>
      </c>
      <c r="M4857" s="5" t="s">
        <v>36266</v>
      </c>
      <c r="N4857" s="5" t="s">
        <v>38</v>
      </c>
      <c r="O4857" s="5" t="s">
        <v>39</v>
      </c>
      <c r="P4857" s="5" t="s">
        <v>40</v>
      </c>
      <c r="Q4857" s="5" t="s">
        <v>1522</v>
      </c>
      <c r="R4857" s="5" t="s">
        <v>1523</v>
      </c>
      <c r="S4857" s="5" t="s">
        <v>42</v>
      </c>
      <c r="T4857" s="2">
        <v>2.3919999999999999</v>
      </c>
      <c r="U4857" s="2">
        <v>1.8220000000000001</v>
      </c>
      <c r="V4857" s="2">
        <v>1.4999999999999999E-2</v>
      </c>
      <c r="W4857" s="2">
        <v>118.9</v>
      </c>
      <c r="X4857" s="2">
        <v>7.6</v>
      </c>
      <c r="Y4857" s="2">
        <v>16.7</v>
      </c>
      <c r="Z4857" s="5"/>
      <c r="AA4857" s="5" t="s">
        <v>43</v>
      </c>
      <c r="AB4857" s="5" t="s">
        <v>44</v>
      </c>
      <c r="AC4857" s="2"/>
      <c r="AD4857" s="1"/>
    </row>
    <row r="4858" spans="1:30">
      <c r="A4858" s="5" t="s">
        <v>83578</v>
      </c>
      <c r="B4858" s="2" t="s">
        <v>98176</v>
      </c>
      <c r="C4858" s="14" t="s">
        <v>98177</v>
      </c>
      <c r="D4858" s="2" t="s">
        <v>98178</v>
      </c>
      <c r="E4858" s="2" t="s">
        <v>7543</v>
      </c>
      <c r="F4858" s="8">
        <v>272</v>
      </c>
      <c r="G4858" s="5">
        <v>6</v>
      </c>
      <c r="H4858" s="5" t="s">
        <v>1518</v>
      </c>
      <c r="I4858" s="5" t="s">
        <v>40939</v>
      </c>
      <c r="J4858" s="2" t="s">
        <v>40940</v>
      </c>
      <c r="K4858" s="5" t="s">
        <v>40939</v>
      </c>
      <c r="L4858" s="2" t="s">
        <v>40940</v>
      </c>
      <c r="M4858" s="5" t="s">
        <v>36266</v>
      </c>
      <c r="N4858" s="5" t="s">
        <v>38</v>
      </c>
      <c r="O4858" s="5" t="s">
        <v>39</v>
      </c>
      <c r="P4858" s="5" t="s">
        <v>40</v>
      </c>
      <c r="Q4858" s="5" t="s">
        <v>1522</v>
      </c>
      <c r="R4858" s="5" t="s">
        <v>1523</v>
      </c>
      <c r="S4858" s="5" t="s">
        <v>42</v>
      </c>
      <c r="T4858" s="2">
        <v>2.4649999999999999</v>
      </c>
      <c r="U4858" s="2">
        <v>1.895</v>
      </c>
      <c r="V4858" s="2">
        <v>1.4999999999999999E-2</v>
      </c>
      <c r="W4858" s="2">
        <v>118.9</v>
      </c>
      <c r="X4858" s="2">
        <v>7.6</v>
      </c>
      <c r="Y4858" s="2">
        <v>16.7</v>
      </c>
      <c r="Z4858" s="5"/>
      <c r="AA4858" s="5" t="s">
        <v>43</v>
      </c>
      <c r="AB4858" s="5" t="s">
        <v>44</v>
      </c>
      <c r="AC4858" s="2"/>
      <c r="AD4858" s="1"/>
    </row>
    <row r="4859" spans="1:30">
      <c r="A4859" s="5" t="s">
        <v>83578</v>
      </c>
      <c r="B4859" s="2" t="s">
        <v>98179</v>
      </c>
      <c r="C4859" s="14" t="s">
        <v>98180</v>
      </c>
      <c r="D4859" s="2" t="s">
        <v>98181</v>
      </c>
      <c r="E4859" s="2" t="s">
        <v>40997</v>
      </c>
      <c r="F4859" s="8">
        <v>272</v>
      </c>
      <c r="G4859" s="5">
        <v>6</v>
      </c>
      <c r="H4859" s="5" t="s">
        <v>1518</v>
      </c>
      <c r="I4859" s="5" t="s">
        <v>40939</v>
      </c>
      <c r="J4859" s="2" t="s">
        <v>40940</v>
      </c>
      <c r="K4859" s="5" t="s">
        <v>40939</v>
      </c>
      <c r="L4859" s="2" t="s">
        <v>40940</v>
      </c>
      <c r="M4859" s="5" t="s">
        <v>36266</v>
      </c>
      <c r="N4859" s="5" t="s">
        <v>38</v>
      </c>
      <c r="O4859" s="5" t="s">
        <v>39</v>
      </c>
      <c r="P4859" s="5" t="s">
        <v>40</v>
      </c>
      <c r="Q4859" s="5" t="s">
        <v>1522</v>
      </c>
      <c r="R4859" s="5" t="s">
        <v>1523</v>
      </c>
      <c r="S4859" s="5" t="s">
        <v>42</v>
      </c>
      <c r="T4859" s="2">
        <v>2.3959999999999999</v>
      </c>
      <c r="U4859" s="2">
        <v>1.8260000000000001</v>
      </c>
      <c r="V4859" s="2">
        <v>1.4999999999999999E-2</v>
      </c>
      <c r="W4859" s="2">
        <v>118.9</v>
      </c>
      <c r="X4859" s="2">
        <v>7.6</v>
      </c>
      <c r="Y4859" s="2">
        <v>16.7</v>
      </c>
      <c r="Z4859" s="5"/>
      <c r="AA4859" s="5" t="s">
        <v>43</v>
      </c>
      <c r="AB4859" s="5" t="s">
        <v>44</v>
      </c>
      <c r="AC4859" s="2"/>
      <c r="AD4859" s="1"/>
    </row>
    <row r="4860" spans="1:30">
      <c r="A4860" s="5" t="s">
        <v>83578</v>
      </c>
      <c r="B4860" s="2" t="s">
        <v>98182</v>
      </c>
      <c r="C4860" s="14" t="s">
        <v>98183</v>
      </c>
      <c r="D4860" s="2" t="s">
        <v>98184</v>
      </c>
      <c r="E4860" s="2" t="s">
        <v>41267</v>
      </c>
      <c r="F4860" s="8">
        <v>272</v>
      </c>
      <c r="G4860" s="5">
        <v>6</v>
      </c>
      <c r="H4860" s="5" t="s">
        <v>1518</v>
      </c>
      <c r="I4860" s="5" t="s">
        <v>40939</v>
      </c>
      <c r="J4860" s="2" t="s">
        <v>40940</v>
      </c>
      <c r="K4860" s="5" t="s">
        <v>40939</v>
      </c>
      <c r="L4860" s="2" t="s">
        <v>40940</v>
      </c>
      <c r="M4860" s="5" t="s">
        <v>36266</v>
      </c>
      <c r="N4860" s="5" t="s">
        <v>38</v>
      </c>
      <c r="O4860" s="5" t="s">
        <v>39</v>
      </c>
      <c r="P4860" s="5" t="s">
        <v>40</v>
      </c>
      <c r="Q4860" s="5" t="s">
        <v>1522</v>
      </c>
      <c r="R4860" s="5" t="s">
        <v>1523</v>
      </c>
      <c r="S4860" s="5" t="s">
        <v>42</v>
      </c>
      <c r="T4860" s="2">
        <v>2.4689999999999999</v>
      </c>
      <c r="U4860" s="2">
        <v>1.899</v>
      </c>
      <c r="V4860" s="2">
        <v>1.4999999999999999E-2</v>
      </c>
      <c r="W4860" s="2">
        <v>118.9</v>
      </c>
      <c r="X4860" s="2">
        <v>7.6</v>
      </c>
      <c r="Y4860" s="2">
        <v>16.7</v>
      </c>
      <c r="Z4860" s="5"/>
      <c r="AA4860" s="5" t="s">
        <v>43</v>
      </c>
      <c r="AB4860" s="5" t="s">
        <v>44</v>
      </c>
      <c r="AC4860" s="2"/>
      <c r="AD4860" s="1"/>
    </row>
    <row r="4861" spans="1:30">
      <c r="A4861" s="5" t="s">
        <v>83578</v>
      </c>
      <c r="B4861" s="2" t="s">
        <v>98185</v>
      </c>
      <c r="C4861" s="14" t="s">
        <v>98186</v>
      </c>
      <c r="D4861" s="2" t="s">
        <v>98187</v>
      </c>
      <c r="E4861" s="2" t="s">
        <v>41001</v>
      </c>
      <c r="F4861" s="8">
        <v>272</v>
      </c>
      <c r="G4861" s="5">
        <v>6</v>
      </c>
      <c r="H4861" s="5" t="s">
        <v>1518</v>
      </c>
      <c r="I4861" s="5" t="s">
        <v>40939</v>
      </c>
      <c r="J4861" s="2" t="s">
        <v>40940</v>
      </c>
      <c r="K4861" s="5" t="s">
        <v>40939</v>
      </c>
      <c r="L4861" s="2" t="s">
        <v>40940</v>
      </c>
      <c r="M4861" s="5" t="s">
        <v>36266</v>
      </c>
      <c r="N4861" s="5" t="s">
        <v>38</v>
      </c>
      <c r="O4861" s="5" t="s">
        <v>39</v>
      </c>
      <c r="P4861" s="5" t="s">
        <v>40</v>
      </c>
      <c r="Q4861" s="5" t="s">
        <v>1522</v>
      </c>
      <c r="R4861" s="5" t="s">
        <v>1523</v>
      </c>
      <c r="S4861" s="5" t="s">
        <v>42</v>
      </c>
      <c r="T4861" s="2">
        <v>2.415</v>
      </c>
      <c r="U4861" s="2">
        <v>1.845</v>
      </c>
      <c r="V4861" s="2">
        <v>1.4999999999999999E-2</v>
      </c>
      <c r="W4861" s="2">
        <v>118.9</v>
      </c>
      <c r="X4861" s="2">
        <v>7.6</v>
      </c>
      <c r="Y4861" s="2">
        <v>16.7</v>
      </c>
      <c r="Z4861" s="5"/>
      <c r="AA4861" s="5" t="s">
        <v>43</v>
      </c>
      <c r="AB4861" s="5" t="s">
        <v>44</v>
      </c>
      <c r="AC4861" s="2"/>
      <c r="AD4861" s="1"/>
    </row>
    <row r="4862" spans="1:30">
      <c r="A4862" s="5" t="s">
        <v>83578</v>
      </c>
      <c r="B4862" s="2" t="s">
        <v>98188</v>
      </c>
      <c r="C4862" s="14" t="s">
        <v>98189</v>
      </c>
      <c r="D4862" s="2" t="s">
        <v>98190</v>
      </c>
      <c r="E4862" s="2" t="s">
        <v>41005</v>
      </c>
      <c r="F4862" s="8">
        <v>272</v>
      </c>
      <c r="G4862" s="5">
        <v>6</v>
      </c>
      <c r="H4862" s="5" t="s">
        <v>1518</v>
      </c>
      <c r="I4862" s="5" t="s">
        <v>40939</v>
      </c>
      <c r="J4862" s="2" t="s">
        <v>40940</v>
      </c>
      <c r="K4862" s="5" t="s">
        <v>40939</v>
      </c>
      <c r="L4862" s="2" t="s">
        <v>40940</v>
      </c>
      <c r="M4862" s="5" t="s">
        <v>36266</v>
      </c>
      <c r="N4862" s="5" t="s">
        <v>38</v>
      </c>
      <c r="O4862" s="5" t="s">
        <v>39</v>
      </c>
      <c r="P4862" s="5" t="s">
        <v>40</v>
      </c>
      <c r="Q4862" s="5" t="s">
        <v>1522</v>
      </c>
      <c r="R4862" s="5" t="s">
        <v>1523</v>
      </c>
      <c r="S4862" s="5" t="s">
        <v>42</v>
      </c>
      <c r="T4862" s="2">
        <v>2.488</v>
      </c>
      <c r="U4862" s="2">
        <v>1.9179999999999999</v>
      </c>
      <c r="V4862" s="2">
        <v>1.4999999999999999E-2</v>
      </c>
      <c r="W4862" s="2">
        <v>118.9</v>
      </c>
      <c r="X4862" s="2">
        <v>7.6</v>
      </c>
      <c r="Y4862" s="2">
        <v>16.7</v>
      </c>
      <c r="Z4862" s="5"/>
      <c r="AA4862" s="5" t="s">
        <v>43</v>
      </c>
      <c r="AB4862" s="5" t="s">
        <v>44</v>
      </c>
      <c r="AC4862" s="2"/>
      <c r="AD4862" s="1"/>
    </row>
    <row r="4863" spans="1:30">
      <c r="A4863" s="5" t="s">
        <v>83578</v>
      </c>
      <c r="B4863" s="2" t="s">
        <v>98191</v>
      </c>
      <c r="C4863" s="14" t="s">
        <v>98192</v>
      </c>
      <c r="D4863" s="2" t="s">
        <v>98193</v>
      </c>
      <c r="E4863" s="2" t="s">
        <v>41009</v>
      </c>
      <c r="F4863" s="8">
        <v>272</v>
      </c>
      <c r="G4863" s="5">
        <v>6</v>
      </c>
      <c r="H4863" s="5" t="s">
        <v>1518</v>
      </c>
      <c r="I4863" s="5" t="s">
        <v>40939</v>
      </c>
      <c r="J4863" s="2" t="s">
        <v>40940</v>
      </c>
      <c r="K4863" s="5" t="s">
        <v>40939</v>
      </c>
      <c r="L4863" s="2" t="s">
        <v>40940</v>
      </c>
      <c r="M4863" s="5" t="s">
        <v>36266</v>
      </c>
      <c r="N4863" s="5" t="s">
        <v>38</v>
      </c>
      <c r="O4863" s="5" t="s">
        <v>39</v>
      </c>
      <c r="P4863" s="5" t="s">
        <v>40</v>
      </c>
      <c r="Q4863" s="5" t="s">
        <v>1522</v>
      </c>
      <c r="R4863" s="5" t="s">
        <v>1523</v>
      </c>
      <c r="S4863" s="5" t="s">
        <v>42</v>
      </c>
      <c r="T4863" s="2">
        <v>2.419</v>
      </c>
      <c r="U4863" s="2">
        <v>1.849</v>
      </c>
      <c r="V4863" s="2">
        <v>1.4999999999999999E-2</v>
      </c>
      <c r="W4863" s="2">
        <v>118.9</v>
      </c>
      <c r="X4863" s="2">
        <v>7.6</v>
      </c>
      <c r="Y4863" s="2">
        <v>16.7</v>
      </c>
      <c r="Z4863" s="5"/>
      <c r="AA4863" s="5" t="s">
        <v>43</v>
      </c>
      <c r="AB4863" s="5" t="s">
        <v>44</v>
      </c>
      <c r="AC4863" s="2"/>
      <c r="AD4863" s="1"/>
    </row>
    <row r="4864" spans="1:30">
      <c r="A4864" s="5" t="s">
        <v>83578</v>
      </c>
      <c r="B4864" s="2" t="s">
        <v>98194</v>
      </c>
      <c r="C4864" s="14" t="s">
        <v>98195</v>
      </c>
      <c r="D4864" s="2" t="s">
        <v>98196</v>
      </c>
      <c r="E4864" s="2" t="s">
        <v>41013</v>
      </c>
      <c r="F4864" s="8">
        <v>272</v>
      </c>
      <c r="G4864" s="5">
        <v>6</v>
      </c>
      <c r="H4864" s="5" t="s">
        <v>1518</v>
      </c>
      <c r="I4864" s="5" t="s">
        <v>40939</v>
      </c>
      <c r="J4864" s="2" t="s">
        <v>40940</v>
      </c>
      <c r="K4864" s="5" t="s">
        <v>40939</v>
      </c>
      <c r="L4864" s="2" t="s">
        <v>40940</v>
      </c>
      <c r="M4864" s="5" t="s">
        <v>36266</v>
      </c>
      <c r="N4864" s="5" t="s">
        <v>38</v>
      </c>
      <c r="O4864" s="5" t="s">
        <v>39</v>
      </c>
      <c r="P4864" s="5" t="s">
        <v>40</v>
      </c>
      <c r="Q4864" s="5" t="s">
        <v>1522</v>
      </c>
      <c r="R4864" s="5" t="s">
        <v>1523</v>
      </c>
      <c r="S4864" s="5" t="s">
        <v>42</v>
      </c>
      <c r="T4864" s="2">
        <v>2.492</v>
      </c>
      <c r="U4864" s="2">
        <v>1.9219999999999999</v>
      </c>
      <c r="V4864" s="2">
        <v>1.4999999999999999E-2</v>
      </c>
      <c r="W4864" s="2">
        <v>118.9</v>
      </c>
      <c r="X4864" s="2">
        <v>7.6</v>
      </c>
      <c r="Y4864" s="2">
        <v>16.7</v>
      </c>
      <c r="Z4864" s="5"/>
      <c r="AA4864" s="5" t="s">
        <v>43</v>
      </c>
      <c r="AB4864" s="5" t="s">
        <v>44</v>
      </c>
      <c r="AC4864" s="2"/>
      <c r="AD4864" s="1"/>
    </row>
    <row r="4865" spans="1:30">
      <c r="A4865" s="5" t="s">
        <v>83578</v>
      </c>
      <c r="B4865" s="2" t="s">
        <v>98197</v>
      </c>
      <c r="C4865" s="14" t="s">
        <v>98198</v>
      </c>
      <c r="D4865" s="2" t="s">
        <v>98199</v>
      </c>
      <c r="E4865" s="2" t="s">
        <v>7396</v>
      </c>
      <c r="F4865" s="8">
        <v>254</v>
      </c>
      <c r="G4865" s="5">
        <v>6</v>
      </c>
      <c r="H4865" s="5" t="s">
        <v>1518</v>
      </c>
      <c r="I4865" s="5" t="s">
        <v>40939</v>
      </c>
      <c r="J4865" s="2" t="s">
        <v>40940</v>
      </c>
      <c r="K4865" s="5" t="s">
        <v>40939</v>
      </c>
      <c r="L4865" s="2" t="s">
        <v>40940</v>
      </c>
      <c r="M4865" s="5" t="s">
        <v>36266</v>
      </c>
      <c r="N4865" s="5" t="s">
        <v>38</v>
      </c>
      <c r="O4865" s="5" t="s">
        <v>39</v>
      </c>
      <c r="P4865" s="5" t="s">
        <v>40</v>
      </c>
      <c r="Q4865" s="5" t="s">
        <v>1522</v>
      </c>
      <c r="R4865" s="5" t="s">
        <v>1523</v>
      </c>
      <c r="S4865" s="5" t="s">
        <v>42</v>
      </c>
      <c r="T4865" s="2">
        <v>2.419</v>
      </c>
      <c r="U4865" s="2">
        <v>1.849</v>
      </c>
      <c r="V4865" s="2">
        <v>1.4999999999999999E-2</v>
      </c>
      <c r="W4865" s="2">
        <v>118.9</v>
      </c>
      <c r="X4865" s="2">
        <v>7.6</v>
      </c>
      <c r="Y4865" s="2">
        <v>16.7</v>
      </c>
      <c r="Z4865" s="5"/>
      <c r="AA4865" s="5" t="s">
        <v>43</v>
      </c>
      <c r="AB4865" s="5" t="s">
        <v>44</v>
      </c>
      <c r="AC4865" s="2"/>
      <c r="AD4865" s="1"/>
    </row>
    <row r="4866" spans="1:30">
      <c r="A4866" s="5" t="s">
        <v>83578</v>
      </c>
      <c r="B4866" s="2" t="s">
        <v>98200</v>
      </c>
      <c r="C4866" s="14" t="s">
        <v>98201</v>
      </c>
      <c r="D4866" s="2" t="s">
        <v>98202</v>
      </c>
      <c r="E4866" s="2" t="s">
        <v>41027</v>
      </c>
      <c r="F4866" s="8">
        <v>272</v>
      </c>
      <c r="G4866" s="5">
        <v>6</v>
      </c>
      <c r="H4866" s="5" t="s">
        <v>1518</v>
      </c>
      <c r="I4866" s="5" t="s">
        <v>40939</v>
      </c>
      <c r="J4866" s="2" t="s">
        <v>40940</v>
      </c>
      <c r="K4866" s="5" t="s">
        <v>40939</v>
      </c>
      <c r="L4866" s="2" t="s">
        <v>40940</v>
      </c>
      <c r="M4866" s="5" t="s">
        <v>36266</v>
      </c>
      <c r="N4866" s="5" t="s">
        <v>38</v>
      </c>
      <c r="O4866" s="5" t="s">
        <v>39</v>
      </c>
      <c r="P4866" s="5" t="s">
        <v>40</v>
      </c>
      <c r="Q4866" s="5" t="s">
        <v>1522</v>
      </c>
      <c r="R4866" s="5" t="s">
        <v>1523</v>
      </c>
      <c r="S4866" s="5" t="s">
        <v>42</v>
      </c>
      <c r="T4866" s="2">
        <v>2.4689999999999999</v>
      </c>
      <c r="U4866" s="2">
        <v>1.899</v>
      </c>
      <c r="V4866" s="2">
        <v>1.4999999999999999E-2</v>
      </c>
      <c r="W4866" s="2">
        <v>118.9</v>
      </c>
      <c r="X4866" s="2">
        <v>7.6</v>
      </c>
      <c r="Y4866" s="2">
        <v>16.7</v>
      </c>
      <c r="Z4866" s="5"/>
      <c r="AA4866" s="5" t="s">
        <v>43</v>
      </c>
      <c r="AB4866" s="5" t="s">
        <v>44</v>
      </c>
      <c r="AC4866" s="2"/>
      <c r="AD4866" s="1"/>
    </row>
    <row r="4867" spans="1:30">
      <c r="A4867" s="5" t="s">
        <v>83578</v>
      </c>
      <c r="B4867" s="2" t="s">
        <v>98203</v>
      </c>
      <c r="C4867" s="14" t="s">
        <v>98204</v>
      </c>
      <c r="D4867" s="2" t="s">
        <v>98205</v>
      </c>
      <c r="E4867" s="2" t="s">
        <v>41031</v>
      </c>
      <c r="F4867" s="8">
        <v>272</v>
      </c>
      <c r="G4867" s="5">
        <v>6</v>
      </c>
      <c r="H4867" s="5" t="s">
        <v>1518</v>
      </c>
      <c r="I4867" s="5" t="s">
        <v>40939</v>
      </c>
      <c r="J4867" s="2" t="s">
        <v>40940</v>
      </c>
      <c r="K4867" s="5" t="s">
        <v>40939</v>
      </c>
      <c r="L4867" s="2" t="s">
        <v>40940</v>
      </c>
      <c r="M4867" s="5" t="s">
        <v>36266</v>
      </c>
      <c r="N4867" s="5" t="s">
        <v>38</v>
      </c>
      <c r="O4867" s="5" t="s">
        <v>39</v>
      </c>
      <c r="P4867" s="5" t="s">
        <v>40</v>
      </c>
      <c r="Q4867" s="5" t="s">
        <v>1522</v>
      </c>
      <c r="R4867" s="5" t="s">
        <v>1523</v>
      </c>
      <c r="S4867" s="5" t="s">
        <v>42</v>
      </c>
      <c r="T4867" s="2">
        <v>2.3959999999999999</v>
      </c>
      <c r="U4867" s="2">
        <v>1.8260000000000001</v>
      </c>
      <c r="V4867" s="2">
        <v>1.4999999999999999E-2</v>
      </c>
      <c r="W4867" s="2">
        <v>118.9</v>
      </c>
      <c r="X4867" s="2">
        <v>7.6</v>
      </c>
      <c r="Y4867" s="2">
        <v>16.7</v>
      </c>
      <c r="Z4867" s="5"/>
      <c r="AA4867" s="5" t="s">
        <v>43</v>
      </c>
      <c r="AB4867" s="5" t="s">
        <v>44</v>
      </c>
      <c r="AC4867" s="2"/>
      <c r="AD4867" s="1"/>
    </row>
    <row r="4868" spans="1:30">
      <c r="A4868" s="5" t="s">
        <v>83578</v>
      </c>
      <c r="B4868" s="2" t="s">
        <v>98206</v>
      </c>
      <c r="C4868" s="14" t="s">
        <v>98207</v>
      </c>
      <c r="D4868" s="2" t="s">
        <v>98208</v>
      </c>
      <c r="E4868" s="2" t="s">
        <v>7449</v>
      </c>
      <c r="F4868" s="8">
        <v>272</v>
      </c>
      <c r="G4868" s="5">
        <v>6</v>
      </c>
      <c r="H4868" s="5" t="s">
        <v>1518</v>
      </c>
      <c r="I4868" s="5" t="s">
        <v>40939</v>
      </c>
      <c r="J4868" s="2" t="s">
        <v>40940</v>
      </c>
      <c r="K4868" s="5" t="s">
        <v>40939</v>
      </c>
      <c r="L4868" s="2" t="s">
        <v>40940</v>
      </c>
      <c r="M4868" s="5" t="s">
        <v>36266</v>
      </c>
      <c r="N4868" s="5" t="s">
        <v>38</v>
      </c>
      <c r="O4868" s="5" t="s">
        <v>39</v>
      </c>
      <c r="P4868" s="5" t="s">
        <v>40</v>
      </c>
      <c r="Q4868" s="5" t="s">
        <v>1522</v>
      </c>
      <c r="R4868" s="5" t="s">
        <v>1523</v>
      </c>
      <c r="S4868" s="5" t="s">
        <v>42</v>
      </c>
      <c r="T4868" s="2">
        <v>2.3959999999999999</v>
      </c>
      <c r="U4868" s="2">
        <v>1.8260000000000001</v>
      </c>
      <c r="V4868" s="2">
        <v>1.4999999999999999E-2</v>
      </c>
      <c r="W4868" s="2">
        <v>118.9</v>
      </c>
      <c r="X4868" s="2">
        <v>7.6</v>
      </c>
      <c r="Y4868" s="2">
        <v>16.7</v>
      </c>
      <c r="Z4868" s="5"/>
      <c r="AA4868" s="5" t="s">
        <v>43</v>
      </c>
      <c r="AB4868" s="5" t="s">
        <v>44</v>
      </c>
      <c r="AC4868" s="2"/>
      <c r="AD4868" s="1"/>
    </row>
    <row r="4869" spans="1:30">
      <c r="A4869" s="5" t="s">
        <v>83578</v>
      </c>
      <c r="B4869" s="2" t="s">
        <v>98209</v>
      </c>
      <c r="C4869" s="14" t="s">
        <v>98210</v>
      </c>
      <c r="D4869" s="2" t="s">
        <v>98211</v>
      </c>
      <c r="E4869" s="2" t="s">
        <v>7581</v>
      </c>
      <c r="F4869" s="8">
        <v>272</v>
      </c>
      <c r="G4869" s="5">
        <v>6</v>
      </c>
      <c r="H4869" s="5" t="s">
        <v>1518</v>
      </c>
      <c r="I4869" s="5" t="s">
        <v>40939</v>
      </c>
      <c r="J4869" s="2" t="s">
        <v>40940</v>
      </c>
      <c r="K4869" s="5" t="s">
        <v>40939</v>
      </c>
      <c r="L4869" s="2" t="s">
        <v>40940</v>
      </c>
      <c r="M4869" s="5" t="s">
        <v>36266</v>
      </c>
      <c r="N4869" s="5" t="s">
        <v>38</v>
      </c>
      <c r="O4869" s="5" t="s">
        <v>39</v>
      </c>
      <c r="P4869" s="5" t="s">
        <v>40</v>
      </c>
      <c r="Q4869" s="5" t="s">
        <v>1522</v>
      </c>
      <c r="R4869" s="5" t="s">
        <v>1523</v>
      </c>
      <c r="S4869" s="5" t="s">
        <v>42</v>
      </c>
      <c r="T4869" s="2">
        <v>2.4689999999999999</v>
      </c>
      <c r="U4869" s="2">
        <v>1.899</v>
      </c>
      <c r="V4869" s="2">
        <v>1.4999999999999999E-2</v>
      </c>
      <c r="W4869" s="2">
        <v>118.9</v>
      </c>
      <c r="X4869" s="2">
        <v>7.6</v>
      </c>
      <c r="Y4869" s="2">
        <v>16.7</v>
      </c>
      <c r="Z4869" s="5"/>
      <c r="AA4869" s="5" t="s">
        <v>43</v>
      </c>
      <c r="AB4869" s="5" t="s">
        <v>44</v>
      </c>
      <c r="AC4869" s="2"/>
      <c r="AD4869" s="1"/>
    </row>
    <row r="4870" spans="1:30">
      <c r="A4870" s="5" t="s">
        <v>83578</v>
      </c>
      <c r="B4870" s="2" t="s">
        <v>98212</v>
      </c>
      <c r="C4870" s="14" t="s">
        <v>98213</v>
      </c>
      <c r="D4870" s="2" t="s">
        <v>98214</v>
      </c>
      <c r="E4870" s="2" t="s">
        <v>41045</v>
      </c>
      <c r="F4870" s="8">
        <v>272</v>
      </c>
      <c r="G4870" s="5">
        <v>6</v>
      </c>
      <c r="H4870" s="5" t="s">
        <v>1518</v>
      </c>
      <c r="I4870" s="5" t="s">
        <v>40939</v>
      </c>
      <c r="J4870" s="2" t="s">
        <v>40940</v>
      </c>
      <c r="K4870" s="5" t="s">
        <v>40939</v>
      </c>
      <c r="L4870" s="2" t="s">
        <v>40940</v>
      </c>
      <c r="M4870" s="5" t="s">
        <v>36266</v>
      </c>
      <c r="N4870" s="5" t="s">
        <v>38</v>
      </c>
      <c r="O4870" s="5" t="s">
        <v>39</v>
      </c>
      <c r="P4870" s="5" t="s">
        <v>40</v>
      </c>
      <c r="Q4870" s="5" t="s">
        <v>1522</v>
      </c>
      <c r="R4870" s="5" t="s">
        <v>1523</v>
      </c>
      <c r="S4870" s="5" t="s">
        <v>42</v>
      </c>
      <c r="T4870" s="2">
        <v>2.4239999999999999</v>
      </c>
      <c r="U4870" s="2">
        <v>1.8540000000000001</v>
      </c>
      <c r="V4870" s="2">
        <v>1.4999999999999999E-2</v>
      </c>
      <c r="W4870" s="2">
        <v>118.9</v>
      </c>
      <c r="X4870" s="2">
        <v>7.6</v>
      </c>
      <c r="Y4870" s="2">
        <v>16.7</v>
      </c>
      <c r="Z4870" s="5"/>
      <c r="AA4870" s="5" t="s">
        <v>43</v>
      </c>
      <c r="AB4870" s="5" t="s">
        <v>44</v>
      </c>
      <c r="AC4870" s="2"/>
      <c r="AD4870" s="1"/>
    </row>
    <row r="4871" spans="1:30">
      <c r="A4871" s="5" t="s">
        <v>83578</v>
      </c>
      <c r="B4871" s="2" t="s">
        <v>98215</v>
      </c>
      <c r="C4871" s="14" t="s">
        <v>98216</v>
      </c>
      <c r="D4871" s="2" t="s">
        <v>98217</v>
      </c>
      <c r="E4871" s="2" t="s">
        <v>41049</v>
      </c>
      <c r="F4871" s="8">
        <v>272</v>
      </c>
      <c r="G4871" s="5">
        <v>6</v>
      </c>
      <c r="H4871" s="5" t="s">
        <v>1518</v>
      </c>
      <c r="I4871" s="5" t="s">
        <v>40939</v>
      </c>
      <c r="J4871" s="2" t="s">
        <v>40940</v>
      </c>
      <c r="K4871" s="5" t="s">
        <v>40939</v>
      </c>
      <c r="L4871" s="2" t="s">
        <v>40940</v>
      </c>
      <c r="M4871" s="5" t="s">
        <v>36266</v>
      </c>
      <c r="N4871" s="5" t="s">
        <v>38</v>
      </c>
      <c r="O4871" s="5" t="s">
        <v>39</v>
      </c>
      <c r="P4871" s="5" t="s">
        <v>40</v>
      </c>
      <c r="Q4871" s="5" t="s">
        <v>1522</v>
      </c>
      <c r="R4871" s="5" t="s">
        <v>1523</v>
      </c>
      <c r="S4871" s="5" t="s">
        <v>42</v>
      </c>
      <c r="T4871" s="2">
        <v>2.4969999999999999</v>
      </c>
      <c r="U4871" s="2">
        <v>1.927</v>
      </c>
      <c r="V4871" s="2">
        <v>1.4999999999999999E-2</v>
      </c>
      <c r="W4871" s="2">
        <v>118.9</v>
      </c>
      <c r="X4871" s="2">
        <v>7.6</v>
      </c>
      <c r="Y4871" s="2">
        <v>16.7</v>
      </c>
      <c r="Z4871" s="5"/>
      <c r="AA4871" s="5" t="s">
        <v>43</v>
      </c>
      <c r="AB4871" s="5" t="s">
        <v>44</v>
      </c>
      <c r="AC4871" s="2"/>
      <c r="AD4871" s="1"/>
    </row>
    <row r="4872" spans="1:30">
      <c r="A4872" s="5" t="s">
        <v>83578</v>
      </c>
      <c r="B4872" s="2" t="s">
        <v>98218</v>
      </c>
      <c r="C4872" s="14" t="s">
        <v>98219</v>
      </c>
      <c r="D4872" s="2" t="s">
        <v>98220</v>
      </c>
      <c r="E4872" s="2" t="s">
        <v>7204</v>
      </c>
      <c r="F4872" s="8">
        <v>252</v>
      </c>
      <c r="G4872" s="5">
        <v>6</v>
      </c>
      <c r="H4872" s="5" t="s">
        <v>1518</v>
      </c>
      <c r="I4872" s="5" t="s">
        <v>40939</v>
      </c>
      <c r="J4872" s="2" t="s">
        <v>40940</v>
      </c>
      <c r="K4872" s="5" t="s">
        <v>40939</v>
      </c>
      <c r="L4872" s="2" t="s">
        <v>40940</v>
      </c>
      <c r="M4872" s="5" t="s">
        <v>36266</v>
      </c>
      <c r="N4872" s="5" t="s">
        <v>38</v>
      </c>
      <c r="O4872" s="5" t="s">
        <v>39</v>
      </c>
      <c r="P4872" s="5" t="s">
        <v>40</v>
      </c>
      <c r="Q4872" s="5" t="s">
        <v>1522</v>
      </c>
      <c r="R4872" s="5" t="s">
        <v>1523</v>
      </c>
      <c r="S4872" s="5" t="s">
        <v>42</v>
      </c>
      <c r="T4872" s="2">
        <v>2.2909999999999999</v>
      </c>
      <c r="U4872" s="2">
        <v>1.819</v>
      </c>
      <c r="V4872" s="2">
        <v>1.0999999999999999E-2</v>
      </c>
      <c r="W4872" s="2">
        <v>82.9</v>
      </c>
      <c r="X4872" s="2">
        <v>7.6</v>
      </c>
      <c r="Y4872" s="2">
        <v>16.7</v>
      </c>
      <c r="Z4872" s="5"/>
      <c r="AA4872" s="5" t="s">
        <v>43</v>
      </c>
      <c r="AB4872" s="5" t="s">
        <v>44</v>
      </c>
      <c r="AC4872" s="2"/>
      <c r="AD4872" s="1"/>
    </row>
    <row r="4873" spans="1:30">
      <c r="A4873" s="5" t="s">
        <v>83578</v>
      </c>
      <c r="B4873" s="2" t="s">
        <v>98221</v>
      </c>
      <c r="C4873" s="14" t="s">
        <v>98222</v>
      </c>
      <c r="D4873" s="2" t="s">
        <v>98223</v>
      </c>
      <c r="E4873" s="2" t="s">
        <v>47266</v>
      </c>
      <c r="F4873" s="8">
        <v>270</v>
      </c>
      <c r="G4873" s="5">
        <v>6</v>
      </c>
      <c r="H4873" s="5" t="s">
        <v>1518</v>
      </c>
      <c r="I4873" s="5" t="s">
        <v>40939</v>
      </c>
      <c r="J4873" s="2" t="s">
        <v>40940</v>
      </c>
      <c r="K4873" s="5" t="s">
        <v>40939</v>
      </c>
      <c r="L4873" s="2" t="s">
        <v>40940</v>
      </c>
      <c r="M4873" s="5" t="s">
        <v>36266</v>
      </c>
      <c r="N4873" s="5" t="s">
        <v>38</v>
      </c>
      <c r="O4873" s="5" t="s">
        <v>39</v>
      </c>
      <c r="P4873" s="5" t="s">
        <v>40</v>
      </c>
      <c r="Q4873" s="5" t="s">
        <v>1522</v>
      </c>
      <c r="R4873" s="5" t="s">
        <v>1523</v>
      </c>
      <c r="S4873" s="5" t="s">
        <v>42</v>
      </c>
      <c r="T4873" s="2">
        <v>2.3010000000000002</v>
      </c>
      <c r="U4873" s="2">
        <v>1.829</v>
      </c>
      <c r="V4873" s="2">
        <v>1.0999999999999999E-2</v>
      </c>
      <c r="W4873" s="2">
        <v>82.9</v>
      </c>
      <c r="X4873" s="2">
        <v>7.6</v>
      </c>
      <c r="Y4873" s="2">
        <v>16.7</v>
      </c>
      <c r="Z4873" s="5"/>
      <c r="AA4873" s="5" t="s">
        <v>43</v>
      </c>
      <c r="AB4873" s="5" t="s">
        <v>44</v>
      </c>
      <c r="AC4873" s="2"/>
      <c r="AD4873" s="1"/>
    </row>
    <row r="4874" spans="1:30">
      <c r="A4874" s="5" t="s">
        <v>83578</v>
      </c>
      <c r="B4874" s="2" t="s">
        <v>98224</v>
      </c>
      <c r="C4874" s="14" t="s">
        <v>98225</v>
      </c>
      <c r="D4874" s="2" t="s">
        <v>98226</v>
      </c>
      <c r="E4874" s="2" t="s">
        <v>47195</v>
      </c>
      <c r="F4874" s="8">
        <v>270</v>
      </c>
      <c r="G4874" s="5">
        <v>6</v>
      </c>
      <c r="H4874" s="5" t="s">
        <v>1518</v>
      </c>
      <c r="I4874" s="5" t="s">
        <v>40939</v>
      </c>
      <c r="J4874" s="2" t="s">
        <v>40940</v>
      </c>
      <c r="K4874" s="5" t="s">
        <v>40939</v>
      </c>
      <c r="L4874" s="2" t="s">
        <v>40940</v>
      </c>
      <c r="M4874" s="5" t="s">
        <v>36266</v>
      </c>
      <c r="N4874" s="5" t="s">
        <v>38</v>
      </c>
      <c r="O4874" s="5" t="s">
        <v>39</v>
      </c>
      <c r="P4874" s="5" t="s">
        <v>40</v>
      </c>
      <c r="Q4874" s="5" t="s">
        <v>1522</v>
      </c>
      <c r="R4874" s="5" t="s">
        <v>1523</v>
      </c>
      <c r="S4874" s="5" t="s">
        <v>42</v>
      </c>
      <c r="T4874" s="2">
        <v>2.363</v>
      </c>
      <c r="U4874" s="2">
        <v>1.891</v>
      </c>
      <c r="V4874" s="2">
        <v>1.0999999999999999E-2</v>
      </c>
      <c r="W4874" s="2">
        <v>82.9</v>
      </c>
      <c r="X4874" s="2">
        <v>7.6</v>
      </c>
      <c r="Y4874" s="2">
        <v>16.7</v>
      </c>
      <c r="Z4874" s="5"/>
      <c r="AA4874" s="5" t="s">
        <v>43</v>
      </c>
      <c r="AB4874" s="5" t="s">
        <v>44</v>
      </c>
      <c r="AC4874" s="2"/>
      <c r="AD4874" s="1"/>
    </row>
    <row r="4875" spans="1:30">
      <c r="A4875" s="5" t="s">
        <v>83578</v>
      </c>
      <c r="B4875" s="2" t="s">
        <v>98227</v>
      </c>
      <c r="C4875" s="14" t="s">
        <v>98228</v>
      </c>
      <c r="D4875" s="2" t="s">
        <v>98229</v>
      </c>
      <c r="E4875" s="2" t="s">
        <v>7208</v>
      </c>
      <c r="F4875" s="8">
        <v>252</v>
      </c>
      <c r="G4875" s="5">
        <v>6</v>
      </c>
      <c r="H4875" s="5" t="s">
        <v>1518</v>
      </c>
      <c r="I4875" s="5" t="s">
        <v>40939</v>
      </c>
      <c r="J4875" s="2" t="s">
        <v>40940</v>
      </c>
      <c r="K4875" s="5" t="s">
        <v>40939</v>
      </c>
      <c r="L4875" s="2" t="s">
        <v>40940</v>
      </c>
      <c r="M4875" s="5" t="s">
        <v>36266</v>
      </c>
      <c r="N4875" s="5" t="s">
        <v>38</v>
      </c>
      <c r="O4875" s="5" t="s">
        <v>39</v>
      </c>
      <c r="P4875" s="5" t="s">
        <v>40</v>
      </c>
      <c r="Q4875" s="5" t="s">
        <v>1522</v>
      </c>
      <c r="R4875" s="5" t="s">
        <v>1523</v>
      </c>
      <c r="S4875" s="5" t="s">
        <v>42</v>
      </c>
      <c r="T4875" s="2">
        <v>2.306</v>
      </c>
      <c r="U4875" s="2">
        <v>1.8340000000000001</v>
      </c>
      <c r="V4875" s="2">
        <v>1.0999999999999999E-2</v>
      </c>
      <c r="W4875" s="2">
        <v>82.9</v>
      </c>
      <c r="X4875" s="2">
        <v>7.6</v>
      </c>
      <c r="Y4875" s="2">
        <v>16.7</v>
      </c>
      <c r="Z4875" s="5"/>
      <c r="AA4875" s="5" t="s">
        <v>43</v>
      </c>
      <c r="AB4875" s="5" t="s">
        <v>44</v>
      </c>
      <c r="AC4875" s="2"/>
      <c r="AD4875" s="1"/>
    </row>
    <row r="4876" spans="1:30">
      <c r="A4876" s="5" t="s">
        <v>83578</v>
      </c>
      <c r="B4876" s="2" t="s">
        <v>98230</v>
      </c>
      <c r="C4876" s="14" t="s">
        <v>98231</v>
      </c>
      <c r="D4876" s="2" t="s">
        <v>98232</v>
      </c>
      <c r="E4876" s="2" t="s">
        <v>7521</v>
      </c>
      <c r="F4876" s="8">
        <v>252</v>
      </c>
      <c r="G4876" s="5">
        <v>6</v>
      </c>
      <c r="H4876" s="5" t="s">
        <v>1518</v>
      </c>
      <c r="I4876" s="5" t="s">
        <v>40939</v>
      </c>
      <c r="J4876" s="2" t="s">
        <v>40940</v>
      </c>
      <c r="K4876" s="5" t="s">
        <v>40939</v>
      </c>
      <c r="L4876" s="2" t="s">
        <v>40940</v>
      </c>
      <c r="M4876" s="5" t="s">
        <v>36266</v>
      </c>
      <c r="N4876" s="5" t="s">
        <v>38</v>
      </c>
      <c r="O4876" s="5" t="s">
        <v>39</v>
      </c>
      <c r="P4876" s="5" t="s">
        <v>40</v>
      </c>
      <c r="Q4876" s="5" t="s">
        <v>1522</v>
      </c>
      <c r="R4876" s="5" t="s">
        <v>1523</v>
      </c>
      <c r="S4876" s="5" t="s">
        <v>42</v>
      </c>
      <c r="T4876" s="2">
        <v>2.3679999999999999</v>
      </c>
      <c r="U4876" s="2">
        <v>1.8959999999999999</v>
      </c>
      <c r="V4876" s="2">
        <v>1.0999999999999999E-2</v>
      </c>
      <c r="W4876" s="2">
        <v>82.9</v>
      </c>
      <c r="X4876" s="2">
        <v>7.6</v>
      </c>
      <c r="Y4876" s="2">
        <v>16.7</v>
      </c>
      <c r="Z4876" s="5"/>
      <c r="AA4876" s="5" t="s">
        <v>43</v>
      </c>
      <c r="AB4876" s="5" t="s">
        <v>44</v>
      </c>
      <c r="AC4876" s="2"/>
      <c r="AD4876" s="1"/>
    </row>
    <row r="4877" spans="1:30">
      <c r="A4877" s="5" t="s">
        <v>83578</v>
      </c>
      <c r="B4877" s="2" t="s">
        <v>98233</v>
      </c>
      <c r="C4877" s="14" t="s">
        <v>98234</v>
      </c>
      <c r="D4877" s="2" t="s">
        <v>98235</v>
      </c>
      <c r="E4877" s="2" t="s">
        <v>36273</v>
      </c>
      <c r="F4877" s="8">
        <v>252</v>
      </c>
      <c r="G4877" s="5">
        <v>6</v>
      </c>
      <c r="H4877" s="5" t="s">
        <v>1518</v>
      </c>
      <c r="I4877" s="5" t="s">
        <v>40939</v>
      </c>
      <c r="J4877" s="2" t="s">
        <v>40940</v>
      </c>
      <c r="K4877" s="5" t="s">
        <v>40939</v>
      </c>
      <c r="L4877" s="2" t="s">
        <v>40940</v>
      </c>
      <c r="M4877" s="5" t="s">
        <v>36266</v>
      </c>
      <c r="N4877" s="5" t="s">
        <v>38</v>
      </c>
      <c r="O4877" s="5" t="s">
        <v>39</v>
      </c>
      <c r="P4877" s="5" t="s">
        <v>40</v>
      </c>
      <c r="Q4877" s="5" t="s">
        <v>1522</v>
      </c>
      <c r="R4877" s="5" t="s">
        <v>1523</v>
      </c>
      <c r="S4877" s="5" t="s">
        <v>42</v>
      </c>
      <c r="T4877" s="2">
        <v>2.3159999999999998</v>
      </c>
      <c r="U4877" s="2">
        <v>1.8440000000000001</v>
      </c>
      <c r="V4877" s="2">
        <v>1.0999999999999999E-2</v>
      </c>
      <c r="W4877" s="2">
        <v>82.9</v>
      </c>
      <c r="X4877" s="2">
        <v>7.6</v>
      </c>
      <c r="Y4877" s="2">
        <v>16.7</v>
      </c>
      <c r="Z4877" s="5"/>
      <c r="AA4877" s="5" t="s">
        <v>43</v>
      </c>
      <c r="AB4877" s="5" t="s">
        <v>44</v>
      </c>
      <c r="AC4877" s="2"/>
      <c r="AD4877" s="1"/>
    </row>
    <row r="4878" spans="1:30">
      <c r="A4878" s="5" t="s">
        <v>83578</v>
      </c>
      <c r="B4878" s="2" t="s">
        <v>98236</v>
      </c>
      <c r="C4878" s="14" t="s">
        <v>98237</v>
      </c>
      <c r="D4878" s="2" t="s">
        <v>98238</v>
      </c>
      <c r="E4878" s="2" t="s">
        <v>36277</v>
      </c>
      <c r="F4878" s="8">
        <v>252</v>
      </c>
      <c r="G4878" s="5">
        <v>6</v>
      </c>
      <c r="H4878" s="5" t="s">
        <v>1518</v>
      </c>
      <c r="I4878" s="5" t="s">
        <v>40939</v>
      </c>
      <c r="J4878" s="2" t="s">
        <v>40940</v>
      </c>
      <c r="K4878" s="5" t="s">
        <v>40939</v>
      </c>
      <c r="L4878" s="2" t="s">
        <v>40940</v>
      </c>
      <c r="M4878" s="5" t="s">
        <v>36266</v>
      </c>
      <c r="N4878" s="5" t="s">
        <v>38</v>
      </c>
      <c r="O4878" s="5" t="s">
        <v>39</v>
      </c>
      <c r="P4878" s="5" t="s">
        <v>40</v>
      </c>
      <c r="Q4878" s="5" t="s">
        <v>1522</v>
      </c>
      <c r="R4878" s="5" t="s">
        <v>1523</v>
      </c>
      <c r="S4878" s="5" t="s">
        <v>42</v>
      </c>
      <c r="T4878" s="2">
        <v>2.3780000000000001</v>
      </c>
      <c r="U4878" s="2">
        <v>1.9059999999999999</v>
      </c>
      <c r="V4878" s="2">
        <v>1.0999999999999999E-2</v>
      </c>
      <c r="W4878" s="2">
        <v>82.9</v>
      </c>
      <c r="X4878" s="2">
        <v>7.6</v>
      </c>
      <c r="Y4878" s="2">
        <v>16.7</v>
      </c>
      <c r="Z4878" s="5"/>
      <c r="AA4878" s="5" t="s">
        <v>43</v>
      </c>
      <c r="AB4878" s="5" t="s">
        <v>44</v>
      </c>
      <c r="AC4878" s="2"/>
      <c r="AD4878" s="1"/>
    </row>
    <row r="4879" spans="1:30">
      <c r="A4879" s="5" t="s">
        <v>83578</v>
      </c>
      <c r="B4879" s="2" t="s">
        <v>98239</v>
      </c>
      <c r="C4879" s="14" t="s">
        <v>98240</v>
      </c>
      <c r="D4879" s="2" t="s">
        <v>98241</v>
      </c>
      <c r="E4879" s="2" t="s">
        <v>40967</v>
      </c>
      <c r="F4879" s="8">
        <v>270</v>
      </c>
      <c r="G4879" s="5">
        <v>6</v>
      </c>
      <c r="H4879" s="5" t="s">
        <v>1518</v>
      </c>
      <c r="I4879" s="5" t="s">
        <v>40939</v>
      </c>
      <c r="J4879" s="2" t="s">
        <v>40940</v>
      </c>
      <c r="K4879" s="5" t="s">
        <v>40939</v>
      </c>
      <c r="L4879" s="2" t="s">
        <v>40940</v>
      </c>
      <c r="M4879" s="5" t="s">
        <v>36266</v>
      </c>
      <c r="N4879" s="5" t="s">
        <v>38</v>
      </c>
      <c r="O4879" s="5" t="s">
        <v>39</v>
      </c>
      <c r="P4879" s="5" t="s">
        <v>40</v>
      </c>
      <c r="Q4879" s="5" t="s">
        <v>1522</v>
      </c>
      <c r="R4879" s="5" t="s">
        <v>1523</v>
      </c>
      <c r="S4879" s="5" t="s">
        <v>42</v>
      </c>
      <c r="T4879" s="2">
        <v>2.306</v>
      </c>
      <c r="U4879" s="2">
        <v>1.8340000000000001</v>
      </c>
      <c r="V4879" s="2">
        <v>1.0999999999999999E-2</v>
      </c>
      <c r="W4879" s="2">
        <v>82.9</v>
      </c>
      <c r="X4879" s="2">
        <v>7.6</v>
      </c>
      <c r="Y4879" s="2">
        <v>16.7</v>
      </c>
      <c r="Z4879" s="5"/>
      <c r="AA4879" s="5" t="s">
        <v>43</v>
      </c>
      <c r="AB4879" s="5" t="s">
        <v>44</v>
      </c>
      <c r="AC4879" s="2"/>
      <c r="AD4879" s="1"/>
    </row>
    <row r="4880" spans="1:30">
      <c r="A4880" s="5" t="s">
        <v>83578</v>
      </c>
      <c r="B4880" s="2" t="s">
        <v>98242</v>
      </c>
      <c r="C4880" s="14" t="s">
        <v>98243</v>
      </c>
      <c r="D4880" s="2" t="s">
        <v>98244</v>
      </c>
      <c r="E4880" s="2" t="s">
        <v>40971</v>
      </c>
      <c r="F4880" s="8">
        <v>270</v>
      </c>
      <c r="G4880" s="5">
        <v>6</v>
      </c>
      <c r="H4880" s="5" t="s">
        <v>1518</v>
      </c>
      <c r="I4880" s="5" t="s">
        <v>40939</v>
      </c>
      <c r="J4880" s="2" t="s">
        <v>40940</v>
      </c>
      <c r="K4880" s="5" t="s">
        <v>40939</v>
      </c>
      <c r="L4880" s="2" t="s">
        <v>40940</v>
      </c>
      <c r="M4880" s="5" t="s">
        <v>36266</v>
      </c>
      <c r="N4880" s="5" t="s">
        <v>38</v>
      </c>
      <c r="O4880" s="5" t="s">
        <v>39</v>
      </c>
      <c r="P4880" s="5" t="s">
        <v>40</v>
      </c>
      <c r="Q4880" s="5" t="s">
        <v>1522</v>
      </c>
      <c r="R4880" s="5" t="s">
        <v>1523</v>
      </c>
      <c r="S4880" s="5" t="s">
        <v>42</v>
      </c>
      <c r="T4880" s="2">
        <v>2.3679999999999999</v>
      </c>
      <c r="U4880" s="2">
        <v>1.8959999999999999</v>
      </c>
      <c r="V4880" s="2">
        <v>1.0999999999999999E-2</v>
      </c>
      <c r="W4880" s="2">
        <v>82.9</v>
      </c>
      <c r="X4880" s="2">
        <v>7.6</v>
      </c>
      <c r="Y4880" s="2">
        <v>16.7</v>
      </c>
      <c r="Z4880" s="5"/>
      <c r="AA4880" s="5" t="s">
        <v>43</v>
      </c>
      <c r="AB4880" s="5" t="s">
        <v>44</v>
      </c>
      <c r="AC4880" s="2"/>
      <c r="AD4880" s="1"/>
    </row>
    <row r="4881" spans="1:30">
      <c r="A4881" s="5" t="s">
        <v>83578</v>
      </c>
      <c r="B4881" s="2" t="s">
        <v>98245</v>
      </c>
      <c r="C4881" s="14" t="s">
        <v>98246</v>
      </c>
      <c r="D4881" s="2" t="s">
        <v>98247</v>
      </c>
      <c r="E4881" s="2" t="s">
        <v>47226</v>
      </c>
      <c r="F4881" s="8">
        <v>270</v>
      </c>
      <c r="G4881" s="5">
        <v>6</v>
      </c>
      <c r="H4881" s="5" t="s">
        <v>1518</v>
      </c>
      <c r="I4881" s="5" t="s">
        <v>40939</v>
      </c>
      <c r="J4881" s="2" t="s">
        <v>40940</v>
      </c>
      <c r="K4881" s="5" t="s">
        <v>40939</v>
      </c>
      <c r="L4881" s="2" t="s">
        <v>40940</v>
      </c>
      <c r="M4881" s="5" t="s">
        <v>36266</v>
      </c>
      <c r="N4881" s="5" t="s">
        <v>38</v>
      </c>
      <c r="O4881" s="5" t="s">
        <v>39</v>
      </c>
      <c r="P4881" s="5" t="s">
        <v>40</v>
      </c>
      <c r="Q4881" s="5" t="s">
        <v>1522</v>
      </c>
      <c r="R4881" s="5" t="s">
        <v>1523</v>
      </c>
      <c r="S4881" s="5" t="s">
        <v>42</v>
      </c>
      <c r="T4881" s="2">
        <v>2.306</v>
      </c>
      <c r="U4881" s="2">
        <v>1.8340000000000001</v>
      </c>
      <c r="V4881" s="2">
        <v>1.0999999999999999E-2</v>
      </c>
      <c r="W4881" s="2">
        <v>82.9</v>
      </c>
      <c r="X4881" s="2">
        <v>7.6</v>
      </c>
      <c r="Y4881" s="2">
        <v>16.7</v>
      </c>
      <c r="Z4881" s="5"/>
      <c r="AA4881" s="5" t="s">
        <v>43</v>
      </c>
      <c r="AB4881" s="5" t="s">
        <v>44</v>
      </c>
      <c r="AC4881" s="2"/>
      <c r="AD4881" s="1"/>
    </row>
    <row r="4882" spans="1:30">
      <c r="A4882" s="5" t="s">
        <v>83578</v>
      </c>
      <c r="B4882" s="2" t="s">
        <v>98248</v>
      </c>
      <c r="C4882" s="14" t="s">
        <v>98249</v>
      </c>
      <c r="D4882" s="2" t="s">
        <v>98250</v>
      </c>
      <c r="E4882" s="2" t="s">
        <v>47735</v>
      </c>
      <c r="F4882" s="8">
        <v>270</v>
      </c>
      <c r="G4882" s="5">
        <v>6</v>
      </c>
      <c r="H4882" s="5" t="s">
        <v>1518</v>
      </c>
      <c r="I4882" s="5" t="s">
        <v>40939</v>
      </c>
      <c r="J4882" s="2" t="s">
        <v>40940</v>
      </c>
      <c r="K4882" s="5" t="s">
        <v>40939</v>
      </c>
      <c r="L4882" s="2" t="s">
        <v>40940</v>
      </c>
      <c r="M4882" s="5" t="s">
        <v>36266</v>
      </c>
      <c r="N4882" s="5" t="s">
        <v>38</v>
      </c>
      <c r="O4882" s="5" t="s">
        <v>39</v>
      </c>
      <c r="P4882" s="5" t="s">
        <v>40</v>
      </c>
      <c r="Q4882" s="5" t="s">
        <v>1522</v>
      </c>
      <c r="R4882" s="5" t="s">
        <v>1523</v>
      </c>
      <c r="S4882" s="5" t="s">
        <v>42</v>
      </c>
      <c r="T4882" s="2">
        <v>2.3679999999999999</v>
      </c>
      <c r="U4882" s="2">
        <v>1.8959999999999999</v>
      </c>
      <c r="V4882" s="2">
        <v>1.0999999999999999E-2</v>
      </c>
      <c r="W4882" s="2">
        <v>82.9</v>
      </c>
      <c r="X4882" s="2">
        <v>7.6</v>
      </c>
      <c r="Y4882" s="2">
        <v>16.7</v>
      </c>
      <c r="Z4882" s="5"/>
      <c r="AA4882" s="5" t="s">
        <v>43</v>
      </c>
      <c r="AB4882" s="5" t="s">
        <v>44</v>
      </c>
      <c r="AC4882" s="2"/>
      <c r="AD4882" s="1"/>
    </row>
    <row r="4883" spans="1:30">
      <c r="A4883" s="5" t="s">
        <v>83578</v>
      </c>
      <c r="B4883" s="2" t="s">
        <v>98251</v>
      </c>
      <c r="C4883" s="14" t="s">
        <v>98252</v>
      </c>
      <c r="D4883" s="2" t="s">
        <v>98253</v>
      </c>
      <c r="E4883" s="2" t="s">
        <v>7539</v>
      </c>
      <c r="F4883" s="8">
        <v>270</v>
      </c>
      <c r="G4883" s="5">
        <v>6</v>
      </c>
      <c r="H4883" s="5" t="s">
        <v>1518</v>
      </c>
      <c r="I4883" s="5" t="s">
        <v>40939</v>
      </c>
      <c r="J4883" s="2" t="s">
        <v>40940</v>
      </c>
      <c r="K4883" s="5" t="s">
        <v>40939</v>
      </c>
      <c r="L4883" s="2" t="s">
        <v>40940</v>
      </c>
      <c r="M4883" s="5" t="s">
        <v>36266</v>
      </c>
      <c r="N4883" s="5" t="s">
        <v>38</v>
      </c>
      <c r="O4883" s="5" t="s">
        <v>39</v>
      </c>
      <c r="P4883" s="5" t="s">
        <v>40</v>
      </c>
      <c r="Q4883" s="5" t="s">
        <v>1522</v>
      </c>
      <c r="R4883" s="5" t="s">
        <v>1523</v>
      </c>
      <c r="S4883" s="5" t="s">
        <v>42</v>
      </c>
      <c r="T4883" s="2">
        <v>2.282</v>
      </c>
      <c r="U4883" s="2">
        <v>1.81</v>
      </c>
      <c r="V4883" s="2">
        <v>1.0999999999999999E-2</v>
      </c>
      <c r="W4883" s="2">
        <v>82.9</v>
      </c>
      <c r="X4883" s="2">
        <v>7.6</v>
      </c>
      <c r="Y4883" s="2">
        <v>16.7</v>
      </c>
      <c r="Z4883" s="5"/>
      <c r="AA4883" s="5" t="s">
        <v>43</v>
      </c>
      <c r="AB4883" s="5" t="s">
        <v>44</v>
      </c>
      <c r="AC4883" s="2"/>
      <c r="AD4883" s="1"/>
    </row>
    <row r="4884" spans="1:30">
      <c r="A4884" s="5" t="s">
        <v>83578</v>
      </c>
      <c r="B4884" s="2" t="s">
        <v>98254</v>
      </c>
      <c r="C4884" s="14" t="s">
        <v>98255</v>
      </c>
      <c r="D4884" s="2" t="s">
        <v>98256</v>
      </c>
      <c r="E4884" s="2" t="s">
        <v>7543</v>
      </c>
      <c r="F4884" s="8">
        <v>270</v>
      </c>
      <c r="G4884" s="5">
        <v>6</v>
      </c>
      <c r="H4884" s="5" t="s">
        <v>1518</v>
      </c>
      <c r="I4884" s="5" t="s">
        <v>40939</v>
      </c>
      <c r="J4884" s="2" t="s">
        <v>40940</v>
      </c>
      <c r="K4884" s="5" t="s">
        <v>40939</v>
      </c>
      <c r="L4884" s="2" t="s">
        <v>40940</v>
      </c>
      <c r="M4884" s="5" t="s">
        <v>36266</v>
      </c>
      <c r="N4884" s="5" t="s">
        <v>38</v>
      </c>
      <c r="O4884" s="5" t="s">
        <v>39</v>
      </c>
      <c r="P4884" s="5" t="s">
        <v>40</v>
      </c>
      <c r="Q4884" s="5" t="s">
        <v>1522</v>
      </c>
      <c r="R4884" s="5" t="s">
        <v>1523</v>
      </c>
      <c r="S4884" s="5" t="s">
        <v>42</v>
      </c>
      <c r="T4884" s="2">
        <v>2.3439999999999999</v>
      </c>
      <c r="U4884" s="2">
        <v>1.8720000000000001</v>
      </c>
      <c r="V4884" s="2">
        <v>1.0999999999999999E-2</v>
      </c>
      <c r="W4884" s="2">
        <v>82.9</v>
      </c>
      <c r="X4884" s="2">
        <v>7.6</v>
      </c>
      <c r="Y4884" s="2">
        <v>16.7</v>
      </c>
      <c r="Z4884" s="5"/>
      <c r="AA4884" s="5" t="s">
        <v>43</v>
      </c>
      <c r="AB4884" s="5" t="s">
        <v>44</v>
      </c>
      <c r="AC4884" s="2"/>
      <c r="AD4884" s="1"/>
    </row>
    <row r="4885" spans="1:30">
      <c r="A4885" s="5" t="s">
        <v>83578</v>
      </c>
      <c r="B4885" s="2" t="s">
        <v>98257</v>
      </c>
      <c r="C4885" s="14" t="s">
        <v>98258</v>
      </c>
      <c r="D4885" s="2" t="s">
        <v>98259</v>
      </c>
      <c r="E4885" s="2" t="s">
        <v>40989</v>
      </c>
      <c r="F4885" s="8">
        <v>270</v>
      </c>
      <c r="G4885" s="5">
        <v>6</v>
      </c>
      <c r="H4885" s="5" t="s">
        <v>1518</v>
      </c>
      <c r="I4885" s="5" t="s">
        <v>40939</v>
      </c>
      <c r="J4885" s="2" t="s">
        <v>40940</v>
      </c>
      <c r="K4885" s="5" t="s">
        <v>40939</v>
      </c>
      <c r="L4885" s="2" t="s">
        <v>40940</v>
      </c>
      <c r="M4885" s="5" t="s">
        <v>36266</v>
      </c>
      <c r="N4885" s="5" t="s">
        <v>38</v>
      </c>
      <c r="O4885" s="5" t="s">
        <v>39</v>
      </c>
      <c r="P4885" s="5" t="s">
        <v>40</v>
      </c>
      <c r="Q4885" s="5" t="s">
        <v>1522</v>
      </c>
      <c r="R4885" s="5" t="s">
        <v>1523</v>
      </c>
      <c r="S4885" s="5" t="s">
        <v>42</v>
      </c>
      <c r="T4885" s="2">
        <v>2.306</v>
      </c>
      <c r="U4885" s="2">
        <v>1.8340000000000001</v>
      </c>
      <c r="V4885" s="2">
        <v>1.0999999999999999E-2</v>
      </c>
      <c r="W4885" s="2">
        <v>82.9</v>
      </c>
      <c r="X4885" s="2">
        <v>7.6</v>
      </c>
      <c r="Y4885" s="2">
        <v>16.7</v>
      </c>
      <c r="Z4885" s="5"/>
      <c r="AA4885" s="5" t="s">
        <v>43</v>
      </c>
      <c r="AB4885" s="5" t="s">
        <v>44</v>
      </c>
      <c r="AC4885" s="2"/>
      <c r="AD4885" s="1"/>
    </row>
    <row r="4886" spans="1:30">
      <c r="A4886" s="5" t="s">
        <v>83578</v>
      </c>
      <c r="B4886" s="2" t="s">
        <v>98260</v>
      </c>
      <c r="C4886" s="14" t="s">
        <v>98261</v>
      </c>
      <c r="D4886" s="2" t="s">
        <v>98262</v>
      </c>
      <c r="E4886" s="2" t="s">
        <v>40993</v>
      </c>
      <c r="F4886" s="8">
        <v>270</v>
      </c>
      <c r="G4886" s="5">
        <v>6</v>
      </c>
      <c r="H4886" s="5" t="s">
        <v>1518</v>
      </c>
      <c r="I4886" s="5" t="s">
        <v>40939</v>
      </c>
      <c r="J4886" s="2" t="s">
        <v>40940</v>
      </c>
      <c r="K4886" s="5" t="s">
        <v>40939</v>
      </c>
      <c r="L4886" s="2" t="s">
        <v>40940</v>
      </c>
      <c r="M4886" s="5" t="s">
        <v>36266</v>
      </c>
      <c r="N4886" s="5" t="s">
        <v>38</v>
      </c>
      <c r="O4886" s="5" t="s">
        <v>39</v>
      </c>
      <c r="P4886" s="5" t="s">
        <v>40</v>
      </c>
      <c r="Q4886" s="5" t="s">
        <v>1522</v>
      </c>
      <c r="R4886" s="5" t="s">
        <v>1523</v>
      </c>
      <c r="S4886" s="5" t="s">
        <v>42</v>
      </c>
      <c r="T4886" s="2">
        <v>2.3679999999999999</v>
      </c>
      <c r="U4886" s="2">
        <v>1.8959999999999999</v>
      </c>
      <c r="V4886" s="2">
        <v>1.0999999999999999E-2</v>
      </c>
      <c r="W4886" s="2">
        <v>82.9</v>
      </c>
      <c r="X4886" s="2">
        <v>7.6</v>
      </c>
      <c r="Y4886" s="2">
        <v>16.7</v>
      </c>
      <c r="Z4886" s="5"/>
      <c r="AA4886" s="5" t="s">
        <v>43</v>
      </c>
      <c r="AB4886" s="5" t="s">
        <v>44</v>
      </c>
      <c r="AC4886" s="2"/>
      <c r="AD4886" s="1"/>
    </row>
    <row r="4887" spans="1:30">
      <c r="A4887" s="5" t="s">
        <v>83578</v>
      </c>
      <c r="B4887" s="2" t="s">
        <v>98263</v>
      </c>
      <c r="C4887" s="14" t="s">
        <v>98264</v>
      </c>
      <c r="D4887" s="2" t="s">
        <v>98265</v>
      </c>
      <c r="E4887" s="2" t="s">
        <v>40997</v>
      </c>
      <c r="F4887" s="8">
        <v>270</v>
      </c>
      <c r="G4887" s="5">
        <v>6</v>
      </c>
      <c r="H4887" s="5" t="s">
        <v>1518</v>
      </c>
      <c r="I4887" s="5" t="s">
        <v>40939</v>
      </c>
      <c r="J4887" s="2" t="s">
        <v>40940</v>
      </c>
      <c r="K4887" s="5" t="s">
        <v>40939</v>
      </c>
      <c r="L4887" s="2" t="s">
        <v>40940</v>
      </c>
      <c r="M4887" s="5" t="s">
        <v>36266</v>
      </c>
      <c r="N4887" s="5" t="s">
        <v>38</v>
      </c>
      <c r="O4887" s="5" t="s">
        <v>39</v>
      </c>
      <c r="P4887" s="5" t="s">
        <v>40</v>
      </c>
      <c r="Q4887" s="5" t="s">
        <v>1522</v>
      </c>
      <c r="R4887" s="5" t="s">
        <v>1523</v>
      </c>
      <c r="S4887" s="5" t="s">
        <v>42</v>
      </c>
      <c r="T4887" s="2">
        <v>2.286</v>
      </c>
      <c r="U4887" s="2">
        <v>1.8140000000000001</v>
      </c>
      <c r="V4887" s="2">
        <v>1.0999999999999999E-2</v>
      </c>
      <c r="W4887" s="2">
        <v>82.9</v>
      </c>
      <c r="X4887" s="2">
        <v>7.6</v>
      </c>
      <c r="Y4887" s="2">
        <v>16.7</v>
      </c>
      <c r="Z4887" s="5"/>
      <c r="AA4887" s="5" t="s">
        <v>43</v>
      </c>
      <c r="AB4887" s="5" t="s">
        <v>44</v>
      </c>
      <c r="AC4887" s="2"/>
      <c r="AD4887" s="1"/>
    </row>
    <row r="4888" spans="1:30">
      <c r="A4888" s="5" t="s">
        <v>83578</v>
      </c>
      <c r="B4888" s="2" t="s">
        <v>98266</v>
      </c>
      <c r="C4888" s="14" t="s">
        <v>98267</v>
      </c>
      <c r="D4888" s="2" t="s">
        <v>98268</v>
      </c>
      <c r="E4888" s="2" t="s">
        <v>41267</v>
      </c>
      <c r="F4888" s="8">
        <v>270</v>
      </c>
      <c r="G4888" s="5">
        <v>6</v>
      </c>
      <c r="H4888" s="5" t="s">
        <v>1518</v>
      </c>
      <c r="I4888" s="5" t="s">
        <v>40939</v>
      </c>
      <c r="J4888" s="2" t="s">
        <v>40940</v>
      </c>
      <c r="K4888" s="5" t="s">
        <v>40939</v>
      </c>
      <c r="L4888" s="2" t="s">
        <v>40940</v>
      </c>
      <c r="M4888" s="5" t="s">
        <v>36266</v>
      </c>
      <c r="N4888" s="5" t="s">
        <v>38</v>
      </c>
      <c r="O4888" s="5" t="s">
        <v>39</v>
      </c>
      <c r="P4888" s="5" t="s">
        <v>40</v>
      </c>
      <c r="Q4888" s="5" t="s">
        <v>1522</v>
      </c>
      <c r="R4888" s="5" t="s">
        <v>1523</v>
      </c>
      <c r="S4888" s="5" t="s">
        <v>42</v>
      </c>
      <c r="T4888" s="2">
        <v>2.3479999999999999</v>
      </c>
      <c r="U4888" s="2">
        <v>1.8759999999999999</v>
      </c>
      <c r="V4888" s="2">
        <v>1.0999999999999999E-2</v>
      </c>
      <c r="W4888" s="2">
        <v>82.9</v>
      </c>
      <c r="X4888" s="2">
        <v>7.6</v>
      </c>
      <c r="Y4888" s="2">
        <v>16.7</v>
      </c>
      <c r="Z4888" s="5"/>
      <c r="AA4888" s="5" t="s">
        <v>43</v>
      </c>
      <c r="AB4888" s="5" t="s">
        <v>44</v>
      </c>
      <c r="AC4888" s="2"/>
      <c r="AD4888" s="1"/>
    </row>
    <row r="4889" spans="1:30">
      <c r="A4889" s="5" t="s">
        <v>83578</v>
      </c>
      <c r="B4889" s="2" t="s">
        <v>98269</v>
      </c>
      <c r="C4889" s="14" t="s">
        <v>98270</v>
      </c>
      <c r="D4889" s="2" t="s">
        <v>98271</v>
      </c>
      <c r="E4889" s="2" t="s">
        <v>41001</v>
      </c>
      <c r="F4889" s="8">
        <v>270</v>
      </c>
      <c r="G4889" s="5">
        <v>6</v>
      </c>
      <c r="H4889" s="5" t="s">
        <v>1518</v>
      </c>
      <c r="I4889" s="5" t="s">
        <v>40939</v>
      </c>
      <c r="J4889" s="2" t="s">
        <v>40940</v>
      </c>
      <c r="K4889" s="5" t="s">
        <v>40939</v>
      </c>
      <c r="L4889" s="2" t="s">
        <v>40940</v>
      </c>
      <c r="M4889" s="5" t="s">
        <v>36266</v>
      </c>
      <c r="N4889" s="5" t="s">
        <v>38</v>
      </c>
      <c r="O4889" s="5" t="s">
        <v>39</v>
      </c>
      <c r="P4889" s="5" t="s">
        <v>40</v>
      </c>
      <c r="Q4889" s="5" t="s">
        <v>1522</v>
      </c>
      <c r="R4889" s="5" t="s">
        <v>1523</v>
      </c>
      <c r="S4889" s="5" t="s">
        <v>42</v>
      </c>
      <c r="T4889" s="2">
        <v>2.306</v>
      </c>
      <c r="U4889" s="2">
        <v>1.8340000000000001</v>
      </c>
      <c r="V4889" s="2">
        <v>1.0999999999999999E-2</v>
      </c>
      <c r="W4889" s="2">
        <v>82.9</v>
      </c>
      <c r="X4889" s="2">
        <v>7.6</v>
      </c>
      <c r="Y4889" s="2">
        <v>16.7</v>
      </c>
      <c r="Z4889" s="5"/>
      <c r="AA4889" s="5" t="s">
        <v>43</v>
      </c>
      <c r="AB4889" s="5" t="s">
        <v>44</v>
      </c>
      <c r="AC4889" s="2"/>
      <c r="AD4889" s="1"/>
    </row>
    <row r="4890" spans="1:30">
      <c r="A4890" s="5" t="s">
        <v>83578</v>
      </c>
      <c r="B4890" s="2" t="s">
        <v>98272</v>
      </c>
      <c r="C4890" s="14" t="s">
        <v>98273</v>
      </c>
      <c r="D4890" s="2" t="s">
        <v>98274</v>
      </c>
      <c r="E4890" s="2" t="s">
        <v>41005</v>
      </c>
      <c r="F4890" s="8">
        <v>270</v>
      </c>
      <c r="G4890" s="5">
        <v>6</v>
      </c>
      <c r="H4890" s="5" t="s">
        <v>1518</v>
      </c>
      <c r="I4890" s="5" t="s">
        <v>40939</v>
      </c>
      <c r="J4890" s="2" t="s">
        <v>40940</v>
      </c>
      <c r="K4890" s="5" t="s">
        <v>40939</v>
      </c>
      <c r="L4890" s="2" t="s">
        <v>40940</v>
      </c>
      <c r="M4890" s="5" t="s">
        <v>36266</v>
      </c>
      <c r="N4890" s="5" t="s">
        <v>38</v>
      </c>
      <c r="O4890" s="5" t="s">
        <v>39</v>
      </c>
      <c r="P4890" s="5" t="s">
        <v>40</v>
      </c>
      <c r="Q4890" s="5" t="s">
        <v>1522</v>
      </c>
      <c r="R4890" s="5" t="s">
        <v>1523</v>
      </c>
      <c r="S4890" s="5" t="s">
        <v>42</v>
      </c>
      <c r="T4890" s="2">
        <v>2.3679999999999999</v>
      </c>
      <c r="U4890" s="2">
        <v>1.8959999999999999</v>
      </c>
      <c r="V4890" s="2">
        <v>1.0999999999999999E-2</v>
      </c>
      <c r="W4890" s="2">
        <v>82.9</v>
      </c>
      <c r="X4890" s="2">
        <v>7.6</v>
      </c>
      <c r="Y4890" s="2">
        <v>16.7</v>
      </c>
      <c r="Z4890" s="5"/>
      <c r="AA4890" s="5" t="s">
        <v>43</v>
      </c>
      <c r="AB4890" s="5" t="s">
        <v>44</v>
      </c>
      <c r="AC4890" s="2"/>
      <c r="AD4890" s="1"/>
    </row>
    <row r="4891" spans="1:30">
      <c r="A4891" s="5" t="s">
        <v>83578</v>
      </c>
      <c r="B4891" s="2" t="s">
        <v>98275</v>
      </c>
      <c r="C4891" s="14" t="s">
        <v>98276</v>
      </c>
      <c r="D4891" s="2" t="s">
        <v>98277</v>
      </c>
      <c r="E4891" s="2" t="s">
        <v>41009</v>
      </c>
      <c r="F4891" s="8">
        <v>270</v>
      </c>
      <c r="G4891" s="5">
        <v>6</v>
      </c>
      <c r="H4891" s="5" t="s">
        <v>1518</v>
      </c>
      <c r="I4891" s="5" t="s">
        <v>40939</v>
      </c>
      <c r="J4891" s="2" t="s">
        <v>40940</v>
      </c>
      <c r="K4891" s="5" t="s">
        <v>40939</v>
      </c>
      <c r="L4891" s="2" t="s">
        <v>40940</v>
      </c>
      <c r="M4891" s="5" t="s">
        <v>36266</v>
      </c>
      <c r="N4891" s="5" t="s">
        <v>38</v>
      </c>
      <c r="O4891" s="5" t="s">
        <v>39</v>
      </c>
      <c r="P4891" s="5" t="s">
        <v>40</v>
      </c>
      <c r="Q4891" s="5" t="s">
        <v>1522</v>
      </c>
      <c r="R4891" s="5" t="s">
        <v>1523</v>
      </c>
      <c r="S4891" s="5" t="s">
        <v>42</v>
      </c>
      <c r="T4891" s="2">
        <v>2.3109999999999999</v>
      </c>
      <c r="U4891" s="2">
        <v>1.839</v>
      </c>
      <c r="V4891" s="2">
        <v>1.0999999999999999E-2</v>
      </c>
      <c r="W4891" s="2">
        <v>82.9</v>
      </c>
      <c r="X4891" s="2">
        <v>7.6</v>
      </c>
      <c r="Y4891" s="2">
        <v>16.7</v>
      </c>
      <c r="Z4891" s="5"/>
      <c r="AA4891" s="5" t="s">
        <v>43</v>
      </c>
      <c r="AB4891" s="5" t="s">
        <v>44</v>
      </c>
      <c r="AC4891" s="2"/>
      <c r="AD4891" s="1"/>
    </row>
    <row r="4892" spans="1:30">
      <c r="A4892" s="5" t="s">
        <v>83578</v>
      </c>
      <c r="B4892" s="2" t="s">
        <v>98278</v>
      </c>
      <c r="C4892" s="14" t="s">
        <v>98279</v>
      </c>
      <c r="D4892" s="2" t="s">
        <v>98280</v>
      </c>
      <c r="E4892" s="2" t="s">
        <v>41013</v>
      </c>
      <c r="F4892" s="8">
        <v>270</v>
      </c>
      <c r="G4892" s="5">
        <v>6</v>
      </c>
      <c r="H4892" s="5" t="s">
        <v>1518</v>
      </c>
      <c r="I4892" s="5" t="s">
        <v>40939</v>
      </c>
      <c r="J4892" s="2" t="s">
        <v>40940</v>
      </c>
      <c r="K4892" s="5" t="s">
        <v>40939</v>
      </c>
      <c r="L4892" s="2" t="s">
        <v>40940</v>
      </c>
      <c r="M4892" s="5" t="s">
        <v>36266</v>
      </c>
      <c r="N4892" s="5" t="s">
        <v>38</v>
      </c>
      <c r="O4892" s="5" t="s">
        <v>39</v>
      </c>
      <c r="P4892" s="5" t="s">
        <v>40</v>
      </c>
      <c r="Q4892" s="5" t="s">
        <v>1522</v>
      </c>
      <c r="R4892" s="5" t="s">
        <v>1523</v>
      </c>
      <c r="S4892" s="5" t="s">
        <v>42</v>
      </c>
      <c r="T4892" s="2">
        <v>2.3730000000000002</v>
      </c>
      <c r="U4892" s="2">
        <v>1.901</v>
      </c>
      <c r="V4892" s="2">
        <v>1.0999999999999999E-2</v>
      </c>
      <c r="W4892" s="2">
        <v>82.9</v>
      </c>
      <c r="X4892" s="2">
        <v>7.6</v>
      </c>
      <c r="Y4892" s="2">
        <v>16.7</v>
      </c>
      <c r="Z4892" s="5"/>
      <c r="AA4892" s="5" t="s">
        <v>43</v>
      </c>
      <c r="AB4892" s="5" t="s">
        <v>44</v>
      </c>
      <c r="AC4892" s="2"/>
      <c r="AD4892" s="1"/>
    </row>
    <row r="4893" spans="1:30">
      <c r="A4893" s="5" t="s">
        <v>83578</v>
      </c>
      <c r="B4893" s="2" t="s">
        <v>98281</v>
      </c>
      <c r="C4893" s="14" t="s">
        <v>98282</v>
      </c>
      <c r="D4893" s="2" t="s">
        <v>98283</v>
      </c>
      <c r="E4893" s="2" t="s">
        <v>7396</v>
      </c>
      <c r="F4893" s="8">
        <v>252</v>
      </c>
      <c r="G4893" s="5">
        <v>6</v>
      </c>
      <c r="H4893" s="5" t="s">
        <v>1518</v>
      </c>
      <c r="I4893" s="5" t="s">
        <v>40939</v>
      </c>
      <c r="J4893" s="2" t="s">
        <v>40940</v>
      </c>
      <c r="K4893" s="5" t="s">
        <v>40939</v>
      </c>
      <c r="L4893" s="2" t="s">
        <v>40940</v>
      </c>
      <c r="M4893" s="5" t="s">
        <v>36266</v>
      </c>
      <c r="N4893" s="5" t="s">
        <v>38</v>
      </c>
      <c r="O4893" s="5" t="s">
        <v>39</v>
      </c>
      <c r="P4893" s="5" t="s">
        <v>40</v>
      </c>
      <c r="Q4893" s="5" t="s">
        <v>1522</v>
      </c>
      <c r="R4893" s="5" t="s">
        <v>1523</v>
      </c>
      <c r="S4893" s="5" t="s">
        <v>42</v>
      </c>
      <c r="T4893" s="2">
        <v>2.3109999999999999</v>
      </c>
      <c r="U4893" s="2">
        <v>1.839</v>
      </c>
      <c r="V4893" s="2">
        <v>1.0999999999999999E-2</v>
      </c>
      <c r="W4893" s="2">
        <v>82.9</v>
      </c>
      <c r="X4893" s="2">
        <v>7.6</v>
      </c>
      <c r="Y4893" s="2">
        <v>16.7</v>
      </c>
      <c r="Z4893" s="5"/>
      <c r="AA4893" s="5" t="s">
        <v>43</v>
      </c>
      <c r="AB4893" s="5" t="s">
        <v>44</v>
      </c>
      <c r="AC4893" s="2"/>
      <c r="AD4893" s="1"/>
    </row>
    <row r="4894" spans="1:30">
      <c r="A4894" s="5" t="s">
        <v>83578</v>
      </c>
      <c r="B4894" s="2" t="s">
        <v>98284</v>
      </c>
      <c r="C4894" s="14" t="s">
        <v>98285</v>
      </c>
      <c r="D4894" s="2" t="s">
        <v>98286</v>
      </c>
      <c r="E4894" s="2" t="s">
        <v>7507</v>
      </c>
      <c r="F4894" s="8">
        <v>252</v>
      </c>
      <c r="G4894" s="5">
        <v>6</v>
      </c>
      <c r="H4894" s="5" t="s">
        <v>1518</v>
      </c>
      <c r="I4894" s="5" t="s">
        <v>40939</v>
      </c>
      <c r="J4894" s="2" t="s">
        <v>40940</v>
      </c>
      <c r="K4894" s="5" t="s">
        <v>40939</v>
      </c>
      <c r="L4894" s="2" t="s">
        <v>40940</v>
      </c>
      <c r="M4894" s="5" t="s">
        <v>36266</v>
      </c>
      <c r="N4894" s="5" t="s">
        <v>38</v>
      </c>
      <c r="O4894" s="5" t="s">
        <v>39</v>
      </c>
      <c r="P4894" s="5" t="s">
        <v>40</v>
      </c>
      <c r="Q4894" s="5" t="s">
        <v>1522</v>
      </c>
      <c r="R4894" s="5" t="s">
        <v>1523</v>
      </c>
      <c r="S4894" s="5" t="s">
        <v>42</v>
      </c>
      <c r="T4894" s="2">
        <v>2.3730000000000002</v>
      </c>
      <c r="U4894" s="2">
        <v>1.901</v>
      </c>
      <c r="V4894" s="2">
        <v>1.0999999999999999E-2</v>
      </c>
      <c r="W4894" s="2">
        <v>82.9</v>
      </c>
      <c r="X4894" s="2">
        <v>7.6</v>
      </c>
      <c r="Y4894" s="2">
        <v>16.7</v>
      </c>
      <c r="Z4894" s="5"/>
      <c r="AA4894" s="5" t="s">
        <v>43</v>
      </c>
      <c r="AB4894" s="5" t="s">
        <v>44</v>
      </c>
      <c r="AC4894" s="2"/>
      <c r="AD4894" s="1"/>
    </row>
    <row r="4895" spans="1:30">
      <c r="A4895" s="5" t="s">
        <v>83578</v>
      </c>
      <c r="B4895" s="2" t="s">
        <v>98287</v>
      </c>
      <c r="C4895" s="14" t="s">
        <v>98288</v>
      </c>
      <c r="D4895" s="2" t="s">
        <v>98289</v>
      </c>
      <c r="E4895" s="2" t="s">
        <v>41023</v>
      </c>
      <c r="F4895" s="8">
        <v>270</v>
      </c>
      <c r="G4895" s="5">
        <v>6</v>
      </c>
      <c r="H4895" s="5" t="s">
        <v>1518</v>
      </c>
      <c r="I4895" s="5" t="s">
        <v>40939</v>
      </c>
      <c r="J4895" s="2" t="s">
        <v>40940</v>
      </c>
      <c r="K4895" s="5" t="s">
        <v>40939</v>
      </c>
      <c r="L4895" s="2" t="s">
        <v>40940</v>
      </c>
      <c r="M4895" s="5" t="s">
        <v>36266</v>
      </c>
      <c r="N4895" s="5" t="s">
        <v>38</v>
      </c>
      <c r="O4895" s="5" t="s">
        <v>39</v>
      </c>
      <c r="P4895" s="5" t="s">
        <v>40</v>
      </c>
      <c r="Q4895" s="5" t="s">
        <v>1522</v>
      </c>
      <c r="R4895" s="5" t="s">
        <v>1523</v>
      </c>
      <c r="S4895" s="5" t="s">
        <v>42</v>
      </c>
      <c r="T4895" s="2">
        <v>2.286</v>
      </c>
      <c r="U4895" s="2">
        <v>1.8140000000000001</v>
      </c>
      <c r="V4895" s="2">
        <v>1.0999999999999999E-2</v>
      </c>
      <c r="W4895" s="2">
        <v>82.9</v>
      </c>
      <c r="X4895" s="2">
        <v>7.6</v>
      </c>
      <c r="Y4895" s="2">
        <v>16.7</v>
      </c>
      <c r="Z4895" s="5"/>
      <c r="AA4895" s="5" t="s">
        <v>43</v>
      </c>
      <c r="AB4895" s="5" t="s">
        <v>44</v>
      </c>
      <c r="AC4895" s="2"/>
      <c r="AD4895" s="1"/>
    </row>
    <row r="4896" spans="1:30">
      <c r="A4896" s="5" t="s">
        <v>83578</v>
      </c>
      <c r="B4896" s="2" t="s">
        <v>98290</v>
      </c>
      <c r="C4896" s="14" t="s">
        <v>98291</v>
      </c>
      <c r="D4896" s="2" t="s">
        <v>98292</v>
      </c>
      <c r="E4896" s="2" t="s">
        <v>41027</v>
      </c>
      <c r="F4896" s="8">
        <v>270</v>
      </c>
      <c r="G4896" s="5">
        <v>6</v>
      </c>
      <c r="H4896" s="5" t="s">
        <v>1518</v>
      </c>
      <c r="I4896" s="5" t="s">
        <v>40939</v>
      </c>
      <c r="J4896" s="2" t="s">
        <v>40940</v>
      </c>
      <c r="K4896" s="5" t="s">
        <v>40939</v>
      </c>
      <c r="L4896" s="2" t="s">
        <v>40940</v>
      </c>
      <c r="M4896" s="5" t="s">
        <v>36266</v>
      </c>
      <c r="N4896" s="5" t="s">
        <v>38</v>
      </c>
      <c r="O4896" s="5" t="s">
        <v>39</v>
      </c>
      <c r="P4896" s="5" t="s">
        <v>40</v>
      </c>
      <c r="Q4896" s="5" t="s">
        <v>1522</v>
      </c>
      <c r="R4896" s="5" t="s">
        <v>1523</v>
      </c>
      <c r="S4896" s="5" t="s">
        <v>42</v>
      </c>
      <c r="T4896" s="2">
        <v>2.3479999999999999</v>
      </c>
      <c r="U4896" s="2">
        <v>1.8759999999999999</v>
      </c>
      <c r="V4896" s="2">
        <v>1.0999999999999999E-2</v>
      </c>
      <c r="W4896" s="2">
        <v>82.9</v>
      </c>
      <c r="X4896" s="2">
        <v>7.6</v>
      </c>
      <c r="Y4896" s="2">
        <v>16.7</v>
      </c>
      <c r="Z4896" s="5"/>
      <c r="AA4896" s="5" t="s">
        <v>43</v>
      </c>
      <c r="AB4896" s="5" t="s">
        <v>44</v>
      </c>
      <c r="AC4896" s="2"/>
      <c r="AD4896" s="1"/>
    </row>
    <row r="4897" spans="1:30">
      <c r="A4897" s="5" t="s">
        <v>83578</v>
      </c>
      <c r="B4897" s="2" t="s">
        <v>98293</v>
      </c>
      <c r="C4897" s="14" t="s">
        <v>98294</v>
      </c>
      <c r="D4897" s="2" t="s">
        <v>98295</v>
      </c>
      <c r="E4897" s="2" t="s">
        <v>41031</v>
      </c>
      <c r="F4897" s="8">
        <v>270</v>
      </c>
      <c r="G4897" s="5">
        <v>6</v>
      </c>
      <c r="H4897" s="5" t="s">
        <v>1518</v>
      </c>
      <c r="I4897" s="5" t="s">
        <v>40939</v>
      </c>
      <c r="J4897" s="2" t="s">
        <v>40940</v>
      </c>
      <c r="K4897" s="5" t="s">
        <v>40939</v>
      </c>
      <c r="L4897" s="2" t="s">
        <v>40940</v>
      </c>
      <c r="M4897" s="5" t="s">
        <v>36266</v>
      </c>
      <c r="N4897" s="5" t="s">
        <v>38</v>
      </c>
      <c r="O4897" s="5" t="s">
        <v>39</v>
      </c>
      <c r="P4897" s="5" t="s">
        <v>40</v>
      </c>
      <c r="Q4897" s="5" t="s">
        <v>1522</v>
      </c>
      <c r="R4897" s="5" t="s">
        <v>1523</v>
      </c>
      <c r="S4897" s="5" t="s">
        <v>42</v>
      </c>
      <c r="T4897" s="2">
        <v>2.286</v>
      </c>
      <c r="U4897" s="2">
        <v>1.8140000000000001</v>
      </c>
      <c r="V4897" s="2">
        <v>1.0999999999999999E-2</v>
      </c>
      <c r="W4897" s="2">
        <v>82.9</v>
      </c>
      <c r="X4897" s="2">
        <v>7.6</v>
      </c>
      <c r="Y4897" s="2">
        <v>16.7</v>
      </c>
      <c r="Z4897" s="5"/>
      <c r="AA4897" s="5" t="s">
        <v>43</v>
      </c>
      <c r="AB4897" s="5" t="s">
        <v>44</v>
      </c>
      <c r="AC4897" s="2"/>
      <c r="AD4897" s="1"/>
    </row>
    <row r="4898" spans="1:30">
      <c r="A4898" s="5" t="s">
        <v>83578</v>
      </c>
      <c r="B4898" s="2" t="s">
        <v>98296</v>
      </c>
      <c r="C4898" s="14" t="s">
        <v>98297</v>
      </c>
      <c r="D4898" s="2" t="s">
        <v>98298</v>
      </c>
      <c r="E4898" s="2" t="s">
        <v>41035</v>
      </c>
      <c r="F4898" s="8">
        <v>270</v>
      </c>
      <c r="G4898" s="5">
        <v>6</v>
      </c>
      <c r="H4898" s="5" t="s">
        <v>1518</v>
      </c>
      <c r="I4898" s="5" t="s">
        <v>40939</v>
      </c>
      <c r="J4898" s="2" t="s">
        <v>40940</v>
      </c>
      <c r="K4898" s="5" t="s">
        <v>40939</v>
      </c>
      <c r="L4898" s="2" t="s">
        <v>40940</v>
      </c>
      <c r="M4898" s="5" t="s">
        <v>36266</v>
      </c>
      <c r="N4898" s="5" t="s">
        <v>38</v>
      </c>
      <c r="O4898" s="5" t="s">
        <v>39</v>
      </c>
      <c r="P4898" s="5" t="s">
        <v>40</v>
      </c>
      <c r="Q4898" s="5" t="s">
        <v>1522</v>
      </c>
      <c r="R4898" s="5" t="s">
        <v>1523</v>
      </c>
      <c r="S4898" s="5" t="s">
        <v>42</v>
      </c>
      <c r="T4898" s="2">
        <v>2.3479999999999999</v>
      </c>
      <c r="U4898" s="2">
        <v>1.8759999999999999</v>
      </c>
      <c r="V4898" s="2">
        <v>1.0999999999999999E-2</v>
      </c>
      <c r="W4898" s="2">
        <v>82.9</v>
      </c>
      <c r="X4898" s="2">
        <v>7.6</v>
      </c>
      <c r="Y4898" s="2">
        <v>16.7</v>
      </c>
      <c r="Z4898" s="5"/>
      <c r="AA4898" s="5" t="s">
        <v>43</v>
      </c>
      <c r="AB4898" s="5" t="s">
        <v>44</v>
      </c>
      <c r="AC4898" s="2"/>
      <c r="AD4898" s="1"/>
    </row>
    <row r="4899" spans="1:30">
      <c r="A4899" s="5" t="s">
        <v>83578</v>
      </c>
      <c r="B4899" s="2" t="s">
        <v>98299</v>
      </c>
      <c r="C4899" s="14" t="s">
        <v>98300</v>
      </c>
      <c r="D4899" s="2" t="s">
        <v>98301</v>
      </c>
      <c r="E4899" s="2" t="s">
        <v>7449</v>
      </c>
      <c r="F4899" s="8">
        <v>270</v>
      </c>
      <c r="G4899" s="5">
        <v>6</v>
      </c>
      <c r="H4899" s="5" t="s">
        <v>1518</v>
      </c>
      <c r="I4899" s="5" t="s">
        <v>40939</v>
      </c>
      <c r="J4899" s="2" t="s">
        <v>40940</v>
      </c>
      <c r="K4899" s="5" t="s">
        <v>40939</v>
      </c>
      <c r="L4899" s="2" t="s">
        <v>40940</v>
      </c>
      <c r="M4899" s="5" t="s">
        <v>36266</v>
      </c>
      <c r="N4899" s="5" t="s">
        <v>38</v>
      </c>
      <c r="O4899" s="5" t="s">
        <v>39</v>
      </c>
      <c r="P4899" s="5" t="s">
        <v>40</v>
      </c>
      <c r="Q4899" s="5" t="s">
        <v>1522</v>
      </c>
      <c r="R4899" s="5" t="s">
        <v>1523</v>
      </c>
      <c r="S4899" s="5" t="s">
        <v>42</v>
      </c>
      <c r="T4899" s="2">
        <v>2.286</v>
      </c>
      <c r="U4899" s="2">
        <v>1.8140000000000001</v>
      </c>
      <c r="V4899" s="2">
        <v>1.0999999999999999E-2</v>
      </c>
      <c r="W4899" s="2">
        <v>82.9</v>
      </c>
      <c r="X4899" s="2">
        <v>7.6</v>
      </c>
      <c r="Y4899" s="2">
        <v>16.7</v>
      </c>
      <c r="Z4899" s="5"/>
      <c r="AA4899" s="5" t="s">
        <v>43</v>
      </c>
      <c r="AB4899" s="5" t="s">
        <v>44</v>
      </c>
      <c r="AC4899" s="2"/>
      <c r="AD4899" s="1"/>
    </row>
    <row r="4900" spans="1:30">
      <c r="A4900" s="5" t="s">
        <v>83578</v>
      </c>
      <c r="B4900" s="2" t="s">
        <v>98302</v>
      </c>
      <c r="C4900" s="14" t="s">
        <v>98303</v>
      </c>
      <c r="D4900" s="2" t="s">
        <v>98304</v>
      </c>
      <c r="E4900" s="2" t="s">
        <v>7581</v>
      </c>
      <c r="F4900" s="8">
        <v>270</v>
      </c>
      <c r="G4900" s="5">
        <v>6</v>
      </c>
      <c r="H4900" s="5" t="s">
        <v>1518</v>
      </c>
      <c r="I4900" s="5" t="s">
        <v>40939</v>
      </c>
      <c r="J4900" s="2" t="s">
        <v>40940</v>
      </c>
      <c r="K4900" s="5" t="s">
        <v>40939</v>
      </c>
      <c r="L4900" s="2" t="s">
        <v>40940</v>
      </c>
      <c r="M4900" s="5" t="s">
        <v>36266</v>
      </c>
      <c r="N4900" s="5" t="s">
        <v>38</v>
      </c>
      <c r="O4900" s="5" t="s">
        <v>39</v>
      </c>
      <c r="P4900" s="5" t="s">
        <v>40</v>
      </c>
      <c r="Q4900" s="5" t="s">
        <v>1522</v>
      </c>
      <c r="R4900" s="5" t="s">
        <v>1523</v>
      </c>
      <c r="S4900" s="5" t="s">
        <v>42</v>
      </c>
      <c r="T4900" s="2">
        <v>2.3479999999999999</v>
      </c>
      <c r="U4900" s="2">
        <v>1.8759999999999999</v>
      </c>
      <c r="V4900" s="2">
        <v>1.0999999999999999E-2</v>
      </c>
      <c r="W4900" s="2">
        <v>82.9</v>
      </c>
      <c r="X4900" s="2">
        <v>7.6</v>
      </c>
      <c r="Y4900" s="2">
        <v>16.7</v>
      </c>
      <c r="Z4900" s="5"/>
      <c r="AA4900" s="5" t="s">
        <v>43</v>
      </c>
      <c r="AB4900" s="5" t="s">
        <v>44</v>
      </c>
      <c r="AC4900" s="2"/>
      <c r="AD4900" s="1"/>
    </row>
    <row r="4901" spans="1:30">
      <c r="A4901" s="5" t="s">
        <v>83578</v>
      </c>
      <c r="B4901" s="2" t="s">
        <v>98305</v>
      </c>
      <c r="C4901" s="14" t="s">
        <v>98306</v>
      </c>
      <c r="D4901" s="2" t="s">
        <v>98307</v>
      </c>
      <c r="E4901" s="2" t="s">
        <v>41045</v>
      </c>
      <c r="F4901" s="8">
        <v>270</v>
      </c>
      <c r="G4901" s="5">
        <v>6</v>
      </c>
      <c r="H4901" s="5" t="s">
        <v>1518</v>
      </c>
      <c r="I4901" s="5" t="s">
        <v>40939</v>
      </c>
      <c r="J4901" s="2" t="s">
        <v>40940</v>
      </c>
      <c r="K4901" s="5" t="s">
        <v>40939</v>
      </c>
      <c r="L4901" s="2" t="s">
        <v>40940</v>
      </c>
      <c r="M4901" s="5" t="s">
        <v>36266</v>
      </c>
      <c r="N4901" s="5" t="s">
        <v>38</v>
      </c>
      <c r="O4901" s="5" t="s">
        <v>39</v>
      </c>
      <c r="P4901" s="5" t="s">
        <v>40</v>
      </c>
      <c r="Q4901" s="5" t="s">
        <v>1522</v>
      </c>
      <c r="R4901" s="5" t="s">
        <v>1523</v>
      </c>
      <c r="S4901" s="5" t="s">
        <v>42</v>
      </c>
      <c r="T4901" s="2">
        <v>2.3159999999999998</v>
      </c>
      <c r="U4901" s="2">
        <v>1.8440000000000001</v>
      </c>
      <c r="V4901" s="2">
        <v>1.0999999999999999E-2</v>
      </c>
      <c r="W4901" s="2">
        <v>82.9</v>
      </c>
      <c r="X4901" s="2">
        <v>7.6</v>
      </c>
      <c r="Y4901" s="2">
        <v>16.7</v>
      </c>
      <c r="Z4901" s="5"/>
      <c r="AA4901" s="5" t="s">
        <v>43</v>
      </c>
      <c r="AB4901" s="5" t="s">
        <v>44</v>
      </c>
      <c r="AC4901" s="2"/>
      <c r="AD4901" s="1"/>
    </row>
    <row r="4902" spans="1:30">
      <c r="A4902" s="5" t="s">
        <v>83578</v>
      </c>
      <c r="B4902" s="2" t="s">
        <v>98308</v>
      </c>
      <c r="C4902" s="14" t="s">
        <v>98309</v>
      </c>
      <c r="D4902" s="2" t="s">
        <v>98310</v>
      </c>
      <c r="E4902" s="2" t="s">
        <v>41049</v>
      </c>
      <c r="F4902" s="8">
        <v>270</v>
      </c>
      <c r="G4902" s="5">
        <v>6</v>
      </c>
      <c r="H4902" s="5" t="s">
        <v>1518</v>
      </c>
      <c r="I4902" s="5" t="s">
        <v>40939</v>
      </c>
      <c r="J4902" s="2" t="s">
        <v>40940</v>
      </c>
      <c r="K4902" s="5" t="s">
        <v>40939</v>
      </c>
      <c r="L4902" s="2" t="s">
        <v>40940</v>
      </c>
      <c r="M4902" s="5" t="s">
        <v>36266</v>
      </c>
      <c r="N4902" s="5" t="s">
        <v>38</v>
      </c>
      <c r="O4902" s="5" t="s">
        <v>39</v>
      </c>
      <c r="P4902" s="5" t="s">
        <v>40</v>
      </c>
      <c r="Q4902" s="5" t="s">
        <v>1522</v>
      </c>
      <c r="R4902" s="5" t="s">
        <v>1523</v>
      </c>
      <c r="S4902" s="5" t="s">
        <v>42</v>
      </c>
      <c r="T4902" s="2">
        <v>2.3780000000000001</v>
      </c>
      <c r="U4902" s="2">
        <v>1.9059999999999999</v>
      </c>
      <c r="V4902" s="2">
        <v>1.0999999999999999E-2</v>
      </c>
      <c r="W4902" s="2">
        <v>82.9</v>
      </c>
      <c r="X4902" s="2">
        <v>7.6</v>
      </c>
      <c r="Y4902" s="2">
        <v>16.7</v>
      </c>
      <c r="Z4902" s="5"/>
      <c r="AA4902" s="5" t="s">
        <v>43</v>
      </c>
      <c r="AB4902" s="5" t="s">
        <v>44</v>
      </c>
      <c r="AC4902" s="2"/>
      <c r="AD4902" s="1"/>
    </row>
    <row r="4903" spans="1:30">
      <c r="A4903" s="5" t="s">
        <v>83578</v>
      </c>
      <c r="B4903" s="2" t="s">
        <v>98311</v>
      </c>
      <c r="C4903" s="14" t="s">
        <v>98312</v>
      </c>
      <c r="D4903" s="2" t="s">
        <v>98313</v>
      </c>
      <c r="E4903" s="2" t="s">
        <v>7521</v>
      </c>
      <c r="F4903" s="8">
        <v>265</v>
      </c>
      <c r="G4903" s="5">
        <v>6</v>
      </c>
      <c r="H4903" s="5" t="s">
        <v>1518</v>
      </c>
      <c r="I4903" s="5" t="s">
        <v>40939</v>
      </c>
      <c r="J4903" s="2" t="s">
        <v>40940</v>
      </c>
      <c r="K4903" s="5" t="s">
        <v>40939</v>
      </c>
      <c r="L4903" s="2" t="s">
        <v>40940</v>
      </c>
      <c r="M4903" s="5" t="s">
        <v>36266</v>
      </c>
      <c r="N4903" s="5" t="s">
        <v>38</v>
      </c>
      <c r="O4903" s="5" t="s">
        <v>39</v>
      </c>
      <c r="P4903" s="5" t="s">
        <v>40</v>
      </c>
      <c r="Q4903" s="5" t="s">
        <v>1522</v>
      </c>
      <c r="R4903" s="5" t="s">
        <v>1523</v>
      </c>
      <c r="S4903" s="5" t="s">
        <v>42</v>
      </c>
      <c r="T4903" s="2">
        <v>2.6110000000000002</v>
      </c>
      <c r="U4903" s="2">
        <v>2.06</v>
      </c>
      <c r="V4903" s="2">
        <v>1.2999999999999999E-2</v>
      </c>
      <c r="W4903" s="2">
        <v>99.1</v>
      </c>
      <c r="X4903" s="2">
        <v>7.6</v>
      </c>
      <c r="Y4903" s="2">
        <v>16.7</v>
      </c>
      <c r="Z4903" s="5"/>
      <c r="AA4903" s="5" t="s">
        <v>43</v>
      </c>
      <c r="AB4903" s="5" t="s">
        <v>44</v>
      </c>
      <c r="AC4903" s="2"/>
      <c r="AD4903" s="1"/>
    </row>
    <row r="4904" spans="1:30">
      <c r="A4904" s="5" t="s">
        <v>83578</v>
      </c>
      <c r="B4904" s="2" t="s">
        <v>98314</v>
      </c>
      <c r="C4904" s="14" t="s">
        <v>98315</v>
      </c>
      <c r="D4904" s="2" t="s">
        <v>98316</v>
      </c>
      <c r="E4904" s="2" t="s">
        <v>36273</v>
      </c>
      <c r="F4904" s="8">
        <v>265</v>
      </c>
      <c r="G4904" s="5">
        <v>6</v>
      </c>
      <c r="H4904" s="5" t="s">
        <v>1518</v>
      </c>
      <c r="I4904" s="5" t="s">
        <v>40939</v>
      </c>
      <c r="J4904" s="2" t="s">
        <v>40940</v>
      </c>
      <c r="K4904" s="5" t="s">
        <v>40939</v>
      </c>
      <c r="L4904" s="2" t="s">
        <v>40940</v>
      </c>
      <c r="M4904" s="5" t="s">
        <v>36266</v>
      </c>
      <c r="N4904" s="5" t="s">
        <v>38</v>
      </c>
      <c r="O4904" s="5" t="s">
        <v>39</v>
      </c>
      <c r="P4904" s="5" t="s">
        <v>40</v>
      </c>
      <c r="Q4904" s="5" t="s">
        <v>1522</v>
      </c>
      <c r="R4904" s="5" t="s">
        <v>1523</v>
      </c>
      <c r="S4904" s="5" t="s">
        <v>42</v>
      </c>
      <c r="T4904" s="2">
        <v>2.5489999999999999</v>
      </c>
      <c r="U4904" s="2">
        <v>1.998</v>
      </c>
      <c r="V4904" s="2">
        <v>1.2999999999999999E-2</v>
      </c>
      <c r="W4904" s="2">
        <v>99.1</v>
      </c>
      <c r="X4904" s="2">
        <v>7.6</v>
      </c>
      <c r="Y4904" s="2">
        <v>16.7</v>
      </c>
      <c r="Z4904" s="5"/>
      <c r="AA4904" s="5" t="s">
        <v>43</v>
      </c>
      <c r="AB4904" s="5" t="s">
        <v>44</v>
      </c>
      <c r="AC4904" s="2"/>
      <c r="AD4904" s="1"/>
    </row>
    <row r="4905" spans="1:30">
      <c r="A4905" s="5" t="s">
        <v>83578</v>
      </c>
      <c r="B4905" s="2" t="s">
        <v>98317</v>
      </c>
      <c r="C4905" s="14" t="s">
        <v>98318</v>
      </c>
      <c r="D4905" s="2" t="s">
        <v>98319</v>
      </c>
      <c r="E4905" s="2" t="s">
        <v>36277</v>
      </c>
      <c r="F4905" s="8">
        <v>265</v>
      </c>
      <c r="G4905" s="5">
        <v>6</v>
      </c>
      <c r="H4905" s="5" t="s">
        <v>1518</v>
      </c>
      <c r="I4905" s="5" t="s">
        <v>40939</v>
      </c>
      <c r="J4905" s="2" t="s">
        <v>40940</v>
      </c>
      <c r="K4905" s="5" t="s">
        <v>40939</v>
      </c>
      <c r="L4905" s="2" t="s">
        <v>40940</v>
      </c>
      <c r="M4905" s="5" t="s">
        <v>36266</v>
      </c>
      <c r="N4905" s="5" t="s">
        <v>38</v>
      </c>
      <c r="O4905" s="5" t="s">
        <v>39</v>
      </c>
      <c r="P4905" s="5" t="s">
        <v>40</v>
      </c>
      <c r="Q4905" s="5" t="s">
        <v>1522</v>
      </c>
      <c r="R4905" s="5" t="s">
        <v>1523</v>
      </c>
      <c r="S4905" s="5" t="s">
        <v>42</v>
      </c>
      <c r="T4905" s="2">
        <v>2.6219999999999999</v>
      </c>
      <c r="U4905" s="2">
        <v>2.0710000000000002</v>
      </c>
      <c r="V4905" s="2">
        <v>1.2999999999999999E-2</v>
      </c>
      <c r="W4905" s="2">
        <v>99.1</v>
      </c>
      <c r="X4905" s="2">
        <v>7.6</v>
      </c>
      <c r="Y4905" s="2">
        <v>16.7</v>
      </c>
      <c r="Z4905" s="5"/>
      <c r="AA4905" s="5" t="s">
        <v>43</v>
      </c>
      <c r="AB4905" s="5" t="s">
        <v>44</v>
      </c>
      <c r="AC4905" s="2"/>
      <c r="AD4905" s="1"/>
    </row>
    <row r="4906" spans="1:30">
      <c r="A4906" s="5" t="s">
        <v>83578</v>
      </c>
      <c r="B4906" s="2" t="s">
        <v>98320</v>
      </c>
      <c r="C4906" s="14" t="s">
        <v>98321</v>
      </c>
      <c r="D4906" s="2" t="s">
        <v>98322</v>
      </c>
      <c r="E4906" s="2" t="s">
        <v>47226</v>
      </c>
      <c r="F4906" s="8">
        <v>285</v>
      </c>
      <c r="G4906" s="5">
        <v>6</v>
      </c>
      <c r="H4906" s="5" t="s">
        <v>1518</v>
      </c>
      <c r="I4906" s="5" t="s">
        <v>40939</v>
      </c>
      <c r="J4906" s="2" t="s">
        <v>40940</v>
      </c>
      <c r="K4906" s="5" t="s">
        <v>40939</v>
      </c>
      <c r="L4906" s="2" t="s">
        <v>40940</v>
      </c>
      <c r="M4906" s="5" t="s">
        <v>36266</v>
      </c>
      <c r="N4906" s="5" t="s">
        <v>38</v>
      </c>
      <c r="O4906" s="5" t="s">
        <v>39</v>
      </c>
      <c r="P4906" s="5" t="s">
        <v>40</v>
      </c>
      <c r="Q4906" s="5" t="s">
        <v>1522</v>
      </c>
      <c r="R4906" s="5" t="s">
        <v>1523</v>
      </c>
      <c r="S4906" s="5" t="s">
        <v>42</v>
      </c>
      <c r="T4906" s="2">
        <v>2.5379999999999998</v>
      </c>
      <c r="U4906" s="2">
        <v>1.9870000000000001</v>
      </c>
      <c r="V4906" s="2">
        <v>1.2999999999999999E-2</v>
      </c>
      <c r="W4906" s="2">
        <v>99.1</v>
      </c>
      <c r="X4906" s="2">
        <v>7.6</v>
      </c>
      <c r="Y4906" s="2">
        <v>16.7</v>
      </c>
      <c r="Z4906" s="5"/>
      <c r="AA4906" s="5" t="s">
        <v>43</v>
      </c>
      <c r="AB4906" s="5" t="s">
        <v>44</v>
      </c>
      <c r="AC4906" s="2"/>
      <c r="AD4906" s="1"/>
    </row>
    <row r="4907" spans="1:30">
      <c r="A4907" s="5" t="s">
        <v>83578</v>
      </c>
      <c r="B4907" s="2" t="s">
        <v>98323</v>
      </c>
      <c r="C4907" s="14" t="s">
        <v>98324</v>
      </c>
      <c r="D4907" s="2" t="s">
        <v>98325</v>
      </c>
      <c r="E4907" s="2" t="s">
        <v>47735</v>
      </c>
      <c r="F4907" s="8">
        <v>285</v>
      </c>
      <c r="G4907" s="5">
        <v>6</v>
      </c>
      <c r="H4907" s="5" t="s">
        <v>1518</v>
      </c>
      <c r="I4907" s="5" t="s">
        <v>40939</v>
      </c>
      <c r="J4907" s="2" t="s">
        <v>40940</v>
      </c>
      <c r="K4907" s="5" t="s">
        <v>40939</v>
      </c>
      <c r="L4907" s="2" t="s">
        <v>40940</v>
      </c>
      <c r="M4907" s="5" t="s">
        <v>36266</v>
      </c>
      <c r="N4907" s="5" t="s">
        <v>38</v>
      </c>
      <c r="O4907" s="5" t="s">
        <v>39</v>
      </c>
      <c r="P4907" s="5" t="s">
        <v>40</v>
      </c>
      <c r="Q4907" s="5" t="s">
        <v>1522</v>
      </c>
      <c r="R4907" s="5" t="s">
        <v>1523</v>
      </c>
      <c r="S4907" s="5" t="s">
        <v>42</v>
      </c>
      <c r="T4907" s="2">
        <v>2.6110000000000002</v>
      </c>
      <c r="U4907" s="2">
        <v>2.06</v>
      </c>
      <c r="V4907" s="2">
        <v>1.2999999999999999E-2</v>
      </c>
      <c r="W4907" s="2">
        <v>99.1</v>
      </c>
      <c r="X4907" s="2">
        <v>7.6</v>
      </c>
      <c r="Y4907" s="2">
        <v>16.7</v>
      </c>
      <c r="Z4907" s="5"/>
      <c r="AA4907" s="5" t="s">
        <v>43</v>
      </c>
      <c r="AB4907" s="5" t="s">
        <v>44</v>
      </c>
      <c r="AC4907" s="2"/>
      <c r="AD4907" s="1"/>
    </row>
    <row r="4908" spans="1:30">
      <c r="A4908" s="5" t="s">
        <v>83578</v>
      </c>
      <c r="B4908" s="2" t="s">
        <v>98326</v>
      </c>
      <c r="C4908" s="14" t="s">
        <v>98327</v>
      </c>
      <c r="D4908" s="2" t="s">
        <v>98328</v>
      </c>
      <c r="E4908" s="2" t="s">
        <v>7539</v>
      </c>
      <c r="F4908" s="8">
        <v>285</v>
      </c>
      <c r="G4908" s="5">
        <v>6</v>
      </c>
      <c r="H4908" s="5" t="s">
        <v>1518</v>
      </c>
      <c r="I4908" s="5" t="s">
        <v>40939</v>
      </c>
      <c r="J4908" s="2" t="s">
        <v>40940</v>
      </c>
      <c r="K4908" s="5" t="s">
        <v>40939</v>
      </c>
      <c r="L4908" s="2" t="s">
        <v>40940</v>
      </c>
      <c r="M4908" s="5" t="s">
        <v>36266</v>
      </c>
      <c r="N4908" s="5" t="s">
        <v>38</v>
      </c>
      <c r="O4908" s="5" t="s">
        <v>39</v>
      </c>
      <c r="P4908" s="5" t="s">
        <v>40</v>
      </c>
      <c r="Q4908" s="5" t="s">
        <v>1522</v>
      </c>
      <c r="R4908" s="5" t="s">
        <v>1523</v>
      </c>
      <c r="S4908" s="5" t="s">
        <v>42</v>
      </c>
      <c r="T4908" s="2">
        <v>2.5089999999999999</v>
      </c>
      <c r="U4908" s="2">
        <v>1.958</v>
      </c>
      <c r="V4908" s="2">
        <v>1.2999999999999999E-2</v>
      </c>
      <c r="W4908" s="2">
        <v>99.1</v>
      </c>
      <c r="X4908" s="2">
        <v>7.6</v>
      </c>
      <c r="Y4908" s="2">
        <v>16.7</v>
      </c>
      <c r="Z4908" s="5"/>
      <c r="AA4908" s="5" t="s">
        <v>43</v>
      </c>
      <c r="AB4908" s="5" t="s">
        <v>44</v>
      </c>
      <c r="AC4908" s="2"/>
      <c r="AD4908" s="1"/>
    </row>
    <row r="4909" spans="1:30">
      <c r="A4909" s="5" t="s">
        <v>83578</v>
      </c>
      <c r="B4909" s="2" t="s">
        <v>98329</v>
      </c>
      <c r="C4909" s="14" t="s">
        <v>98330</v>
      </c>
      <c r="D4909" s="2" t="s">
        <v>98331</v>
      </c>
      <c r="E4909" s="2" t="s">
        <v>7543</v>
      </c>
      <c r="F4909" s="8">
        <v>285</v>
      </c>
      <c r="G4909" s="5">
        <v>6</v>
      </c>
      <c r="H4909" s="5" t="s">
        <v>1518</v>
      </c>
      <c r="I4909" s="5" t="s">
        <v>40939</v>
      </c>
      <c r="J4909" s="2" t="s">
        <v>40940</v>
      </c>
      <c r="K4909" s="5" t="s">
        <v>40939</v>
      </c>
      <c r="L4909" s="2" t="s">
        <v>40940</v>
      </c>
      <c r="M4909" s="5" t="s">
        <v>36266</v>
      </c>
      <c r="N4909" s="5" t="s">
        <v>38</v>
      </c>
      <c r="O4909" s="5" t="s">
        <v>39</v>
      </c>
      <c r="P4909" s="5" t="s">
        <v>40</v>
      </c>
      <c r="Q4909" s="5" t="s">
        <v>1522</v>
      </c>
      <c r="R4909" s="5" t="s">
        <v>1523</v>
      </c>
      <c r="S4909" s="5" t="s">
        <v>42</v>
      </c>
      <c r="T4909" s="2">
        <v>2.5819999999999999</v>
      </c>
      <c r="U4909" s="2">
        <v>2.0310000000000001</v>
      </c>
      <c r="V4909" s="2">
        <v>1.2999999999999999E-2</v>
      </c>
      <c r="W4909" s="2">
        <v>99.1</v>
      </c>
      <c r="X4909" s="2">
        <v>7.6</v>
      </c>
      <c r="Y4909" s="2">
        <v>16.7</v>
      </c>
      <c r="Z4909" s="5"/>
      <c r="AA4909" s="5" t="s">
        <v>43</v>
      </c>
      <c r="AB4909" s="5" t="s">
        <v>44</v>
      </c>
      <c r="AC4909" s="2"/>
      <c r="AD4909" s="1"/>
    </row>
    <row r="4910" spans="1:30">
      <c r="A4910" s="5" t="s">
        <v>83578</v>
      </c>
      <c r="B4910" s="2" t="s">
        <v>98332</v>
      </c>
      <c r="C4910" s="14" t="s">
        <v>98333</v>
      </c>
      <c r="D4910" s="2" t="s">
        <v>98334</v>
      </c>
      <c r="E4910" s="2" t="s">
        <v>40997</v>
      </c>
      <c r="F4910" s="8">
        <v>285</v>
      </c>
      <c r="G4910" s="5">
        <v>6</v>
      </c>
      <c r="H4910" s="5" t="s">
        <v>1518</v>
      </c>
      <c r="I4910" s="5" t="s">
        <v>40939</v>
      </c>
      <c r="J4910" s="2" t="s">
        <v>40940</v>
      </c>
      <c r="K4910" s="5" t="s">
        <v>40939</v>
      </c>
      <c r="L4910" s="2" t="s">
        <v>40940</v>
      </c>
      <c r="M4910" s="5" t="s">
        <v>36266</v>
      </c>
      <c r="N4910" s="5" t="s">
        <v>38</v>
      </c>
      <c r="O4910" s="5" t="s">
        <v>39</v>
      </c>
      <c r="P4910" s="5" t="s">
        <v>40</v>
      </c>
      <c r="Q4910" s="5" t="s">
        <v>1522</v>
      </c>
      <c r="R4910" s="5" t="s">
        <v>1523</v>
      </c>
      <c r="S4910" s="5" t="s">
        <v>42</v>
      </c>
      <c r="T4910" s="2">
        <v>2.5150000000000001</v>
      </c>
      <c r="U4910" s="2">
        <v>1.964</v>
      </c>
      <c r="V4910" s="2">
        <v>1.2999999999999999E-2</v>
      </c>
      <c r="W4910" s="2">
        <v>99.1</v>
      </c>
      <c r="X4910" s="2">
        <v>7.6</v>
      </c>
      <c r="Y4910" s="2">
        <v>16.7</v>
      </c>
      <c r="Z4910" s="5"/>
      <c r="AA4910" s="5" t="s">
        <v>43</v>
      </c>
      <c r="AB4910" s="5" t="s">
        <v>44</v>
      </c>
      <c r="AC4910" s="2"/>
      <c r="AD4910" s="1"/>
    </row>
    <row r="4911" spans="1:30">
      <c r="A4911" s="5" t="s">
        <v>83578</v>
      </c>
      <c r="B4911" s="2" t="s">
        <v>98335</v>
      </c>
      <c r="C4911" s="14" t="s">
        <v>98336</v>
      </c>
      <c r="D4911" s="2" t="s">
        <v>98337</v>
      </c>
      <c r="E4911" s="2" t="s">
        <v>41267</v>
      </c>
      <c r="F4911" s="8">
        <v>285</v>
      </c>
      <c r="G4911" s="5">
        <v>6</v>
      </c>
      <c r="H4911" s="5" t="s">
        <v>1518</v>
      </c>
      <c r="I4911" s="5" t="s">
        <v>40939</v>
      </c>
      <c r="J4911" s="2" t="s">
        <v>40940</v>
      </c>
      <c r="K4911" s="5" t="s">
        <v>40939</v>
      </c>
      <c r="L4911" s="2" t="s">
        <v>40940</v>
      </c>
      <c r="M4911" s="5" t="s">
        <v>36266</v>
      </c>
      <c r="N4911" s="5" t="s">
        <v>38</v>
      </c>
      <c r="O4911" s="5" t="s">
        <v>39</v>
      </c>
      <c r="P4911" s="5" t="s">
        <v>40</v>
      </c>
      <c r="Q4911" s="5" t="s">
        <v>1522</v>
      </c>
      <c r="R4911" s="5" t="s">
        <v>1523</v>
      </c>
      <c r="S4911" s="5" t="s">
        <v>42</v>
      </c>
      <c r="T4911" s="2">
        <v>2.5880000000000001</v>
      </c>
      <c r="U4911" s="2">
        <v>2.0369999999999999</v>
      </c>
      <c r="V4911" s="2">
        <v>1.2999999999999999E-2</v>
      </c>
      <c r="W4911" s="2">
        <v>99.1</v>
      </c>
      <c r="X4911" s="2">
        <v>7.6</v>
      </c>
      <c r="Y4911" s="2">
        <v>16.7</v>
      </c>
      <c r="Z4911" s="5"/>
      <c r="AA4911" s="5" t="s">
        <v>43</v>
      </c>
      <c r="AB4911" s="5" t="s">
        <v>44</v>
      </c>
      <c r="AC4911" s="2"/>
      <c r="AD4911" s="1"/>
    </row>
    <row r="4912" spans="1:30">
      <c r="A4912" s="5" t="s">
        <v>83578</v>
      </c>
      <c r="B4912" s="2" t="s">
        <v>98338</v>
      </c>
      <c r="C4912" s="14" t="s">
        <v>98339</v>
      </c>
      <c r="D4912" s="2" t="s">
        <v>98340</v>
      </c>
      <c r="E4912" s="2" t="s">
        <v>41005</v>
      </c>
      <c r="F4912" s="8">
        <v>285</v>
      </c>
      <c r="G4912" s="5">
        <v>6</v>
      </c>
      <c r="H4912" s="5" t="s">
        <v>1518</v>
      </c>
      <c r="I4912" s="5" t="s">
        <v>40939</v>
      </c>
      <c r="J4912" s="2" t="s">
        <v>40940</v>
      </c>
      <c r="K4912" s="5" t="s">
        <v>40939</v>
      </c>
      <c r="L4912" s="2" t="s">
        <v>40940</v>
      </c>
      <c r="M4912" s="5" t="s">
        <v>36266</v>
      </c>
      <c r="N4912" s="5" t="s">
        <v>38</v>
      </c>
      <c r="O4912" s="5" t="s">
        <v>39</v>
      </c>
      <c r="P4912" s="5" t="s">
        <v>40</v>
      </c>
      <c r="Q4912" s="5" t="s">
        <v>1522</v>
      </c>
      <c r="R4912" s="5" t="s">
        <v>1523</v>
      </c>
      <c r="S4912" s="5" t="s">
        <v>42</v>
      </c>
      <c r="T4912" s="2">
        <v>2.6110000000000002</v>
      </c>
      <c r="U4912" s="2">
        <v>2.06</v>
      </c>
      <c r="V4912" s="2">
        <v>1.2999999999999999E-2</v>
      </c>
      <c r="W4912" s="2">
        <v>99.1</v>
      </c>
      <c r="X4912" s="2">
        <v>7.6</v>
      </c>
      <c r="Y4912" s="2">
        <v>16.7</v>
      </c>
      <c r="Z4912" s="5"/>
      <c r="AA4912" s="5" t="s">
        <v>43</v>
      </c>
      <c r="AB4912" s="5" t="s">
        <v>44</v>
      </c>
      <c r="AC4912" s="2"/>
      <c r="AD4912" s="1"/>
    </row>
    <row r="4913" spans="1:30">
      <c r="A4913" s="5" t="s">
        <v>83578</v>
      </c>
      <c r="B4913" s="2" t="s">
        <v>98341</v>
      </c>
      <c r="C4913" s="14" t="s">
        <v>98342</v>
      </c>
      <c r="D4913" s="2" t="s">
        <v>98343</v>
      </c>
      <c r="E4913" s="2" t="s">
        <v>41013</v>
      </c>
      <c r="F4913" s="8">
        <v>285</v>
      </c>
      <c r="G4913" s="5">
        <v>6</v>
      </c>
      <c r="H4913" s="5" t="s">
        <v>1518</v>
      </c>
      <c r="I4913" s="5" t="s">
        <v>40939</v>
      </c>
      <c r="J4913" s="2" t="s">
        <v>40940</v>
      </c>
      <c r="K4913" s="5" t="s">
        <v>40939</v>
      </c>
      <c r="L4913" s="2" t="s">
        <v>40940</v>
      </c>
      <c r="M4913" s="5" t="s">
        <v>36266</v>
      </c>
      <c r="N4913" s="5" t="s">
        <v>38</v>
      </c>
      <c r="O4913" s="5" t="s">
        <v>39</v>
      </c>
      <c r="P4913" s="5" t="s">
        <v>40</v>
      </c>
      <c r="Q4913" s="5" t="s">
        <v>1522</v>
      </c>
      <c r="R4913" s="5" t="s">
        <v>1523</v>
      </c>
      <c r="S4913" s="5" t="s">
        <v>42</v>
      </c>
      <c r="T4913" s="2">
        <v>2.617</v>
      </c>
      <c r="U4913" s="2">
        <v>2.0659999999999998</v>
      </c>
      <c r="V4913" s="2">
        <v>1.2999999999999999E-2</v>
      </c>
      <c r="W4913" s="2">
        <v>99.1</v>
      </c>
      <c r="X4913" s="2">
        <v>7.6</v>
      </c>
      <c r="Y4913" s="2">
        <v>16.7</v>
      </c>
      <c r="Z4913" s="5"/>
      <c r="AA4913" s="5" t="s">
        <v>43</v>
      </c>
      <c r="AB4913" s="5" t="s">
        <v>44</v>
      </c>
      <c r="AC4913" s="2"/>
      <c r="AD4913" s="1"/>
    </row>
    <row r="4914" spans="1:30">
      <c r="A4914" s="5" t="s">
        <v>83578</v>
      </c>
      <c r="B4914" s="2" t="s">
        <v>98344</v>
      </c>
      <c r="C4914" s="14" t="s">
        <v>98345</v>
      </c>
      <c r="D4914" s="2" t="s">
        <v>98346</v>
      </c>
      <c r="E4914" s="2" t="s">
        <v>7507</v>
      </c>
      <c r="F4914" s="8">
        <v>265</v>
      </c>
      <c r="G4914" s="5">
        <v>6</v>
      </c>
      <c r="H4914" s="5" t="s">
        <v>1518</v>
      </c>
      <c r="I4914" s="5" t="s">
        <v>40939</v>
      </c>
      <c r="J4914" s="2" t="s">
        <v>40940</v>
      </c>
      <c r="K4914" s="5" t="s">
        <v>40939</v>
      </c>
      <c r="L4914" s="2" t="s">
        <v>40940</v>
      </c>
      <c r="M4914" s="5" t="s">
        <v>36266</v>
      </c>
      <c r="N4914" s="5" t="s">
        <v>38</v>
      </c>
      <c r="O4914" s="5" t="s">
        <v>39</v>
      </c>
      <c r="P4914" s="5" t="s">
        <v>40</v>
      </c>
      <c r="Q4914" s="5" t="s">
        <v>1522</v>
      </c>
      <c r="R4914" s="5" t="s">
        <v>1523</v>
      </c>
      <c r="S4914" s="5" t="s">
        <v>42</v>
      </c>
      <c r="T4914" s="2">
        <v>2.617</v>
      </c>
      <c r="U4914" s="2">
        <v>2.0659999999999998</v>
      </c>
      <c r="V4914" s="2">
        <v>1.2999999999999999E-2</v>
      </c>
      <c r="W4914" s="2">
        <v>99.1</v>
      </c>
      <c r="X4914" s="2">
        <v>7.6</v>
      </c>
      <c r="Y4914" s="2">
        <v>16.7</v>
      </c>
      <c r="Z4914" s="5"/>
      <c r="AA4914" s="5" t="s">
        <v>43</v>
      </c>
      <c r="AB4914" s="5" t="s">
        <v>44</v>
      </c>
      <c r="AC4914" s="2"/>
      <c r="AD4914" s="1"/>
    </row>
    <row r="4915" spans="1:30">
      <c r="A4915" s="5" t="s">
        <v>83578</v>
      </c>
      <c r="B4915" s="2" t="s">
        <v>98347</v>
      </c>
      <c r="C4915" s="14" t="s">
        <v>98348</v>
      </c>
      <c r="D4915" s="2" t="s">
        <v>98349</v>
      </c>
      <c r="E4915" s="2" t="s">
        <v>41023</v>
      </c>
      <c r="F4915" s="8">
        <v>285</v>
      </c>
      <c r="G4915" s="5">
        <v>6</v>
      </c>
      <c r="H4915" s="5" t="s">
        <v>1518</v>
      </c>
      <c r="I4915" s="5" t="s">
        <v>40939</v>
      </c>
      <c r="J4915" s="2" t="s">
        <v>40940</v>
      </c>
      <c r="K4915" s="5" t="s">
        <v>40939</v>
      </c>
      <c r="L4915" s="2" t="s">
        <v>40940</v>
      </c>
      <c r="M4915" s="5" t="s">
        <v>36266</v>
      </c>
      <c r="N4915" s="5" t="s">
        <v>38</v>
      </c>
      <c r="O4915" s="5" t="s">
        <v>39</v>
      </c>
      <c r="P4915" s="5" t="s">
        <v>40</v>
      </c>
      <c r="Q4915" s="5" t="s">
        <v>1522</v>
      </c>
      <c r="R4915" s="5" t="s">
        <v>1523</v>
      </c>
      <c r="S4915" s="5" t="s">
        <v>42</v>
      </c>
      <c r="T4915" s="2">
        <v>2.5150000000000001</v>
      </c>
      <c r="U4915" s="2">
        <v>1.964</v>
      </c>
      <c r="V4915" s="2">
        <v>1.2999999999999999E-2</v>
      </c>
      <c r="W4915" s="2">
        <v>99.1</v>
      </c>
      <c r="X4915" s="2">
        <v>7.6</v>
      </c>
      <c r="Y4915" s="2">
        <v>16.7</v>
      </c>
      <c r="Z4915" s="5"/>
      <c r="AA4915" s="5" t="s">
        <v>43</v>
      </c>
      <c r="AB4915" s="5" t="s">
        <v>44</v>
      </c>
      <c r="AC4915" s="2"/>
      <c r="AD4915" s="1"/>
    </row>
    <row r="4916" spans="1:30">
      <c r="A4916" s="5" t="s">
        <v>83578</v>
      </c>
      <c r="B4916" s="2" t="s">
        <v>98350</v>
      </c>
      <c r="C4916" s="14" t="s">
        <v>98351</v>
      </c>
      <c r="D4916" s="2" t="s">
        <v>98352</v>
      </c>
      <c r="E4916" s="2" t="s">
        <v>41027</v>
      </c>
      <c r="F4916" s="8">
        <v>285</v>
      </c>
      <c r="G4916" s="5">
        <v>6</v>
      </c>
      <c r="H4916" s="5" t="s">
        <v>1518</v>
      </c>
      <c r="I4916" s="5" t="s">
        <v>40939</v>
      </c>
      <c r="J4916" s="2" t="s">
        <v>40940</v>
      </c>
      <c r="K4916" s="5" t="s">
        <v>40939</v>
      </c>
      <c r="L4916" s="2" t="s">
        <v>40940</v>
      </c>
      <c r="M4916" s="5" t="s">
        <v>36266</v>
      </c>
      <c r="N4916" s="5" t="s">
        <v>38</v>
      </c>
      <c r="O4916" s="5" t="s">
        <v>39</v>
      </c>
      <c r="P4916" s="5" t="s">
        <v>40</v>
      </c>
      <c r="Q4916" s="5" t="s">
        <v>1522</v>
      </c>
      <c r="R4916" s="5" t="s">
        <v>1523</v>
      </c>
      <c r="S4916" s="5" t="s">
        <v>42</v>
      </c>
      <c r="T4916" s="2">
        <v>2.5880000000000001</v>
      </c>
      <c r="U4916" s="2">
        <v>2.0369999999999999</v>
      </c>
      <c r="V4916" s="2">
        <v>1.2999999999999999E-2</v>
      </c>
      <c r="W4916" s="2">
        <v>99.1</v>
      </c>
      <c r="X4916" s="2">
        <v>7.6</v>
      </c>
      <c r="Y4916" s="2">
        <v>16.7</v>
      </c>
      <c r="Z4916" s="5"/>
      <c r="AA4916" s="5" t="s">
        <v>43</v>
      </c>
      <c r="AB4916" s="5" t="s">
        <v>44</v>
      </c>
      <c r="AC4916" s="2"/>
      <c r="AD4916" s="1"/>
    </row>
    <row r="4917" spans="1:30">
      <c r="A4917" s="5" t="s">
        <v>83578</v>
      </c>
      <c r="B4917" s="2" t="s">
        <v>98353</v>
      </c>
      <c r="C4917" s="14" t="s">
        <v>98354</v>
      </c>
      <c r="D4917" s="2" t="s">
        <v>98355</v>
      </c>
      <c r="E4917" s="2" t="s">
        <v>41031</v>
      </c>
      <c r="F4917" s="8">
        <v>285</v>
      </c>
      <c r="G4917" s="5">
        <v>6</v>
      </c>
      <c r="H4917" s="5" t="s">
        <v>1518</v>
      </c>
      <c r="I4917" s="5" t="s">
        <v>40939</v>
      </c>
      <c r="J4917" s="2" t="s">
        <v>40940</v>
      </c>
      <c r="K4917" s="5" t="s">
        <v>40939</v>
      </c>
      <c r="L4917" s="2" t="s">
        <v>40940</v>
      </c>
      <c r="M4917" s="5" t="s">
        <v>36266</v>
      </c>
      <c r="N4917" s="5" t="s">
        <v>38</v>
      </c>
      <c r="O4917" s="5" t="s">
        <v>39</v>
      </c>
      <c r="P4917" s="5" t="s">
        <v>40</v>
      </c>
      <c r="Q4917" s="5" t="s">
        <v>1522</v>
      </c>
      <c r="R4917" s="5" t="s">
        <v>1523</v>
      </c>
      <c r="S4917" s="5" t="s">
        <v>42</v>
      </c>
      <c r="T4917" s="2">
        <v>2.5150000000000001</v>
      </c>
      <c r="U4917" s="2">
        <v>1.964</v>
      </c>
      <c r="V4917" s="2">
        <v>1.2999999999999999E-2</v>
      </c>
      <c r="W4917" s="2">
        <v>99.1</v>
      </c>
      <c r="X4917" s="2">
        <v>7.6</v>
      </c>
      <c r="Y4917" s="2">
        <v>16.7</v>
      </c>
      <c r="Z4917" s="5"/>
      <c r="AA4917" s="5" t="s">
        <v>43</v>
      </c>
      <c r="AB4917" s="5" t="s">
        <v>44</v>
      </c>
      <c r="AC4917" s="2"/>
      <c r="AD4917" s="1"/>
    </row>
    <row r="4918" spans="1:30">
      <c r="A4918" s="5" t="s">
        <v>83578</v>
      </c>
      <c r="B4918" s="2" t="s">
        <v>98356</v>
      </c>
      <c r="C4918" s="14" t="s">
        <v>98357</v>
      </c>
      <c r="D4918" s="2" t="s">
        <v>98358</v>
      </c>
      <c r="E4918" s="2" t="s">
        <v>7449</v>
      </c>
      <c r="F4918" s="8">
        <v>285</v>
      </c>
      <c r="G4918" s="5">
        <v>6</v>
      </c>
      <c r="H4918" s="5" t="s">
        <v>1518</v>
      </c>
      <c r="I4918" s="5" t="s">
        <v>40939</v>
      </c>
      <c r="J4918" s="2" t="s">
        <v>40940</v>
      </c>
      <c r="K4918" s="5" t="s">
        <v>40939</v>
      </c>
      <c r="L4918" s="2" t="s">
        <v>40940</v>
      </c>
      <c r="M4918" s="5" t="s">
        <v>36266</v>
      </c>
      <c r="N4918" s="5" t="s">
        <v>38</v>
      </c>
      <c r="O4918" s="5" t="s">
        <v>39</v>
      </c>
      <c r="P4918" s="5" t="s">
        <v>40</v>
      </c>
      <c r="Q4918" s="5" t="s">
        <v>1522</v>
      </c>
      <c r="R4918" s="5" t="s">
        <v>1523</v>
      </c>
      <c r="S4918" s="5" t="s">
        <v>42</v>
      </c>
      <c r="T4918" s="2">
        <v>2.5150000000000001</v>
      </c>
      <c r="U4918" s="2">
        <v>1.964</v>
      </c>
      <c r="V4918" s="2">
        <v>1.2999999999999999E-2</v>
      </c>
      <c r="W4918" s="2">
        <v>99.1</v>
      </c>
      <c r="X4918" s="2">
        <v>7.6</v>
      </c>
      <c r="Y4918" s="2">
        <v>16.7</v>
      </c>
      <c r="Z4918" s="5"/>
      <c r="AA4918" s="5" t="s">
        <v>43</v>
      </c>
      <c r="AB4918" s="5" t="s">
        <v>44</v>
      </c>
      <c r="AC4918" s="2"/>
      <c r="AD4918" s="1"/>
    </row>
    <row r="4919" spans="1:30">
      <c r="A4919" s="5" t="s">
        <v>83578</v>
      </c>
      <c r="B4919" s="2" t="s">
        <v>98359</v>
      </c>
      <c r="C4919" s="14" t="s">
        <v>98360</v>
      </c>
      <c r="D4919" s="2" t="s">
        <v>98361</v>
      </c>
      <c r="E4919" s="2" t="s">
        <v>7581</v>
      </c>
      <c r="F4919" s="8">
        <v>285</v>
      </c>
      <c r="G4919" s="5">
        <v>6</v>
      </c>
      <c r="H4919" s="5" t="s">
        <v>1518</v>
      </c>
      <c r="I4919" s="5" t="s">
        <v>40939</v>
      </c>
      <c r="J4919" s="2" t="s">
        <v>40940</v>
      </c>
      <c r="K4919" s="5" t="s">
        <v>40939</v>
      </c>
      <c r="L4919" s="2" t="s">
        <v>40940</v>
      </c>
      <c r="M4919" s="5" t="s">
        <v>36266</v>
      </c>
      <c r="N4919" s="5" t="s">
        <v>38</v>
      </c>
      <c r="O4919" s="5" t="s">
        <v>39</v>
      </c>
      <c r="P4919" s="5" t="s">
        <v>40</v>
      </c>
      <c r="Q4919" s="5" t="s">
        <v>1522</v>
      </c>
      <c r="R4919" s="5" t="s">
        <v>1523</v>
      </c>
      <c r="S4919" s="5" t="s">
        <v>42</v>
      </c>
      <c r="T4919" s="2">
        <v>2.5880000000000001</v>
      </c>
      <c r="U4919" s="2">
        <v>2.0369999999999999</v>
      </c>
      <c r="V4919" s="2">
        <v>1.2999999999999999E-2</v>
      </c>
      <c r="W4919" s="2">
        <v>99.1</v>
      </c>
      <c r="X4919" s="2">
        <v>7.6</v>
      </c>
      <c r="Y4919" s="2">
        <v>16.7</v>
      </c>
      <c r="Z4919" s="5"/>
      <c r="AA4919" s="5" t="s">
        <v>43</v>
      </c>
      <c r="AB4919" s="5" t="s">
        <v>44</v>
      </c>
      <c r="AC4919" s="2"/>
      <c r="AD4919" s="1"/>
    </row>
    <row r="4920" spans="1:30">
      <c r="A4920" s="5" t="s">
        <v>83578</v>
      </c>
      <c r="B4920" s="2" t="s">
        <v>98362</v>
      </c>
      <c r="C4920" s="14" t="s">
        <v>98363</v>
      </c>
      <c r="D4920" s="2" t="s">
        <v>98364</v>
      </c>
      <c r="E4920" s="2" t="s">
        <v>47266</v>
      </c>
      <c r="F4920" s="8">
        <v>289</v>
      </c>
      <c r="G4920" s="5">
        <v>6</v>
      </c>
      <c r="H4920" s="5" t="s">
        <v>1518</v>
      </c>
      <c r="I4920" s="5" t="s">
        <v>40939</v>
      </c>
      <c r="J4920" s="2" t="s">
        <v>40940</v>
      </c>
      <c r="K4920" s="5" t="s">
        <v>40939</v>
      </c>
      <c r="L4920" s="2" t="s">
        <v>40940</v>
      </c>
      <c r="M4920" s="5" t="s">
        <v>36266</v>
      </c>
      <c r="N4920" s="5" t="s">
        <v>38</v>
      </c>
      <c r="O4920" s="5" t="s">
        <v>39</v>
      </c>
      <c r="P4920" s="5" t="s">
        <v>40</v>
      </c>
      <c r="Q4920" s="5" t="s">
        <v>1522</v>
      </c>
      <c r="R4920" s="5" t="s">
        <v>1523</v>
      </c>
      <c r="S4920" s="5" t="s">
        <v>42</v>
      </c>
      <c r="T4920" s="2">
        <v>2.6850000000000001</v>
      </c>
      <c r="U4920" s="2">
        <v>2.1339999999999999</v>
      </c>
      <c r="V4920" s="2">
        <v>1.4999999999999999E-2</v>
      </c>
      <c r="W4920" s="2">
        <v>118.9</v>
      </c>
      <c r="X4920" s="2">
        <v>7.6</v>
      </c>
      <c r="Y4920" s="2">
        <v>16.7</v>
      </c>
      <c r="Z4920" s="5"/>
      <c r="AA4920" s="5" t="s">
        <v>43</v>
      </c>
      <c r="AB4920" s="5" t="s">
        <v>44</v>
      </c>
      <c r="AC4920" s="2"/>
      <c r="AD4920" s="1"/>
    </row>
    <row r="4921" spans="1:30">
      <c r="A4921" s="5" t="s">
        <v>83578</v>
      </c>
      <c r="B4921" s="2" t="s">
        <v>98365</v>
      </c>
      <c r="C4921" s="14" t="s">
        <v>98366</v>
      </c>
      <c r="D4921" s="2" t="s">
        <v>98367</v>
      </c>
      <c r="E4921" s="2" t="s">
        <v>47195</v>
      </c>
      <c r="F4921" s="8">
        <v>289</v>
      </c>
      <c r="G4921" s="5">
        <v>6</v>
      </c>
      <c r="H4921" s="5" t="s">
        <v>1518</v>
      </c>
      <c r="I4921" s="5" t="s">
        <v>40939</v>
      </c>
      <c r="J4921" s="2" t="s">
        <v>40940</v>
      </c>
      <c r="K4921" s="5" t="s">
        <v>40939</v>
      </c>
      <c r="L4921" s="2" t="s">
        <v>40940</v>
      </c>
      <c r="M4921" s="5" t="s">
        <v>36266</v>
      </c>
      <c r="N4921" s="5" t="s">
        <v>38</v>
      </c>
      <c r="O4921" s="5" t="s">
        <v>39</v>
      </c>
      <c r="P4921" s="5" t="s">
        <v>40</v>
      </c>
      <c r="Q4921" s="5" t="s">
        <v>1522</v>
      </c>
      <c r="R4921" s="5" t="s">
        <v>1523</v>
      </c>
      <c r="S4921" s="5" t="s">
        <v>42</v>
      </c>
      <c r="T4921" s="2">
        <v>2.7719999999999998</v>
      </c>
      <c r="U4921" s="2">
        <v>2.2210000000000001</v>
      </c>
      <c r="V4921" s="2">
        <v>1.4999999999999999E-2</v>
      </c>
      <c r="W4921" s="2">
        <v>118.9</v>
      </c>
      <c r="X4921" s="2">
        <v>7.6</v>
      </c>
      <c r="Y4921" s="2">
        <v>16.7</v>
      </c>
      <c r="Z4921" s="5"/>
      <c r="AA4921" s="5" t="s">
        <v>43</v>
      </c>
      <c r="AB4921" s="5" t="s">
        <v>44</v>
      </c>
      <c r="AC4921" s="2"/>
      <c r="AD4921" s="1"/>
    </row>
    <row r="4922" spans="1:30">
      <c r="A4922" s="5" t="s">
        <v>83578</v>
      </c>
      <c r="B4922" s="2" t="s">
        <v>98368</v>
      </c>
      <c r="C4922" s="14" t="s">
        <v>98369</v>
      </c>
      <c r="D4922" s="2" t="s">
        <v>98370</v>
      </c>
      <c r="E4922" s="2" t="s">
        <v>7521</v>
      </c>
      <c r="F4922" s="8">
        <v>269</v>
      </c>
      <c r="G4922" s="5">
        <v>6</v>
      </c>
      <c r="H4922" s="5" t="s">
        <v>1518</v>
      </c>
      <c r="I4922" s="5" t="s">
        <v>40939</v>
      </c>
      <c r="J4922" s="2" t="s">
        <v>40940</v>
      </c>
      <c r="K4922" s="5" t="s">
        <v>40939</v>
      </c>
      <c r="L4922" s="2" t="s">
        <v>40940</v>
      </c>
      <c r="M4922" s="5" t="s">
        <v>36266</v>
      </c>
      <c r="N4922" s="5" t="s">
        <v>38</v>
      </c>
      <c r="O4922" s="5" t="s">
        <v>39</v>
      </c>
      <c r="P4922" s="5" t="s">
        <v>40</v>
      </c>
      <c r="Q4922" s="5" t="s">
        <v>1522</v>
      </c>
      <c r="R4922" s="5" t="s">
        <v>1523</v>
      </c>
      <c r="S4922" s="5" t="s">
        <v>42</v>
      </c>
      <c r="T4922" s="2">
        <v>2.7789999999999999</v>
      </c>
      <c r="U4922" s="2">
        <v>2.2280000000000002</v>
      </c>
      <c r="V4922" s="2">
        <v>1.4999999999999999E-2</v>
      </c>
      <c r="W4922" s="2">
        <v>118.9</v>
      </c>
      <c r="X4922" s="2">
        <v>7.6</v>
      </c>
      <c r="Y4922" s="2">
        <v>16.7</v>
      </c>
      <c r="Z4922" s="5"/>
      <c r="AA4922" s="5" t="s">
        <v>43</v>
      </c>
      <c r="AB4922" s="5" t="s">
        <v>44</v>
      </c>
      <c r="AC4922" s="2"/>
      <c r="AD4922" s="1"/>
    </row>
    <row r="4923" spans="1:30">
      <c r="A4923" s="5" t="s">
        <v>83578</v>
      </c>
      <c r="B4923" s="2" t="s">
        <v>98371</v>
      </c>
      <c r="C4923" s="14" t="s">
        <v>98372</v>
      </c>
      <c r="D4923" s="2" t="s">
        <v>98373</v>
      </c>
      <c r="E4923" s="2" t="s">
        <v>36273</v>
      </c>
      <c r="F4923" s="8">
        <v>269</v>
      </c>
      <c r="G4923" s="5">
        <v>6</v>
      </c>
      <c r="H4923" s="5" t="s">
        <v>1518</v>
      </c>
      <c r="I4923" s="5" t="s">
        <v>40939</v>
      </c>
      <c r="J4923" s="2" t="s">
        <v>40940</v>
      </c>
      <c r="K4923" s="5" t="s">
        <v>40939</v>
      </c>
      <c r="L4923" s="2" t="s">
        <v>40940</v>
      </c>
      <c r="M4923" s="5" t="s">
        <v>36266</v>
      </c>
      <c r="N4923" s="5" t="s">
        <v>38</v>
      </c>
      <c r="O4923" s="5" t="s">
        <v>39</v>
      </c>
      <c r="P4923" s="5" t="s">
        <v>40</v>
      </c>
      <c r="Q4923" s="5" t="s">
        <v>1522</v>
      </c>
      <c r="R4923" s="5" t="s">
        <v>1523</v>
      </c>
      <c r="S4923" s="5" t="s">
        <v>42</v>
      </c>
      <c r="T4923" s="2">
        <v>2.7050000000000001</v>
      </c>
      <c r="U4923" s="2">
        <v>2.1539999999999999</v>
      </c>
      <c r="V4923" s="2">
        <v>1.4999999999999999E-2</v>
      </c>
      <c r="W4923" s="2">
        <v>118.9</v>
      </c>
      <c r="X4923" s="2">
        <v>7.6</v>
      </c>
      <c r="Y4923" s="2">
        <v>16.7</v>
      </c>
      <c r="Z4923" s="5"/>
      <c r="AA4923" s="5" t="s">
        <v>43</v>
      </c>
      <c r="AB4923" s="5" t="s">
        <v>44</v>
      </c>
      <c r="AC4923" s="2"/>
      <c r="AD4923" s="1"/>
    </row>
    <row r="4924" spans="1:30">
      <c r="A4924" s="5" t="s">
        <v>83578</v>
      </c>
      <c r="B4924" s="2" t="s">
        <v>98374</v>
      </c>
      <c r="C4924" s="14" t="s">
        <v>98375</v>
      </c>
      <c r="D4924" s="2" t="s">
        <v>98376</v>
      </c>
      <c r="E4924" s="2" t="s">
        <v>36277</v>
      </c>
      <c r="F4924" s="8">
        <v>269</v>
      </c>
      <c r="G4924" s="5">
        <v>6</v>
      </c>
      <c r="H4924" s="5" t="s">
        <v>1518</v>
      </c>
      <c r="I4924" s="5" t="s">
        <v>40939</v>
      </c>
      <c r="J4924" s="2" t="s">
        <v>40940</v>
      </c>
      <c r="K4924" s="5" t="s">
        <v>40939</v>
      </c>
      <c r="L4924" s="2" t="s">
        <v>40940</v>
      </c>
      <c r="M4924" s="5" t="s">
        <v>36266</v>
      </c>
      <c r="N4924" s="5" t="s">
        <v>38</v>
      </c>
      <c r="O4924" s="5" t="s">
        <v>39</v>
      </c>
      <c r="P4924" s="5" t="s">
        <v>40</v>
      </c>
      <c r="Q4924" s="5" t="s">
        <v>1522</v>
      </c>
      <c r="R4924" s="5" t="s">
        <v>1523</v>
      </c>
      <c r="S4924" s="5" t="s">
        <v>42</v>
      </c>
      <c r="T4924" s="2">
        <v>2.7919999999999998</v>
      </c>
      <c r="U4924" s="2">
        <v>2.2410000000000001</v>
      </c>
      <c r="V4924" s="2">
        <v>1.4999999999999999E-2</v>
      </c>
      <c r="W4924" s="2">
        <v>118.9</v>
      </c>
      <c r="X4924" s="2">
        <v>7.6</v>
      </c>
      <c r="Y4924" s="2">
        <v>16.7</v>
      </c>
      <c r="Z4924" s="5"/>
      <c r="AA4924" s="5" t="s">
        <v>43</v>
      </c>
      <c r="AB4924" s="5" t="s">
        <v>44</v>
      </c>
      <c r="AC4924" s="2"/>
      <c r="AD4924" s="1"/>
    </row>
    <row r="4925" spans="1:30">
      <c r="A4925" s="5" t="s">
        <v>83578</v>
      </c>
      <c r="B4925" s="2" t="s">
        <v>98377</v>
      </c>
      <c r="C4925" s="14" t="s">
        <v>98378</v>
      </c>
      <c r="D4925" s="2" t="s">
        <v>98379</v>
      </c>
      <c r="E4925" s="2" t="s">
        <v>40967</v>
      </c>
      <c r="F4925" s="8">
        <v>289</v>
      </c>
      <c r="G4925" s="5">
        <v>6</v>
      </c>
      <c r="H4925" s="5" t="s">
        <v>1518</v>
      </c>
      <c r="I4925" s="5" t="s">
        <v>40939</v>
      </c>
      <c r="J4925" s="2" t="s">
        <v>40940</v>
      </c>
      <c r="K4925" s="5" t="s">
        <v>40939</v>
      </c>
      <c r="L4925" s="2" t="s">
        <v>40940</v>
      </c>
      <c r="M4925" s="5" t="s">
        <v>36266</v>
      </c>
      <c r="N4925" s="5" t="s">
        <v>38</v>
      </c>
      <c r="O4925" s="5" t="s">
        <v>39</v>
      </c>
      <c r="P4925" s="5" t="s">
        <v>40</v>
      </c>
      <c r="Q4925" s="5" t="s">
        <v>1522</v>
      </c>
      <c r="R4925" s="5" t="s">
        <v>1523</v>
      </c>
      <c r="S4925" s="5" t="s">
        <v>42</v>
      </c>
      <c r="T4925" s="2">
        <v>2.6920000000000002</v>
      </c>
      <c r="U4925" s="2">
        <v>2.141</v>
      </c>
      <c r="V4925" s="2">
        <v>1.4999999999999999E-2</v>
      </c>
      <c r="W4925" s="2">
        <v>118.9</v>
      </c>
      <c r="X4925" s="2">
        <v>7.6</v>
      </c>
      <c r="Y4925" s="2">
        <v>16.7</v>
      </c>
      <c r="Z4925" s="5"/>
      <c r="AA4925" s="5" t="s">
        <v>43</v>
      </c>
      <c r="AB4925" s="5" t="s">
        <v>44</v>
      </c>
      <c r="AC4925" s="2"/>
      <c r="AD4925" s="1"/>
    </row>
    <row r="4926" spans="1:30">
      <c r="A4926" s="5" t="s">
        <v>83578</v>
      </c>
      <c r="B4926" s="2" t="s">
        <v>98380</v>
      </c>
      <c r="C4926" s="14" t="s">
        <v>98381</v>
      </c>
      <c r="D4926" s="2" t="s">
        <v>98382</v>
      </c>
      <c r="E4926" s="2" t="s">
        <v>40971</v>
      </c>
      <c r="F4926" s="8">
        <v>289</v>
      </c>
      <c r="G4926" s="5">
        <v>6</v>
      </c>
      <c r="H4926" s="5" t="s">
        <v>1518</v>
      </c>
      <c r="I4926" s="5" t="s">
        <v>40939</v>
      </c>
      <c r="J4926" s="2" t="s">
        <v>40940</v>
      </c>
      <c r="K4926" s="5" t="s">
        <v>40939</v>
      </c>
      <c r="L4926" s="2" t="s">
        <v>40940</v>
      </c>
      <c r="M4926" s="5" t="s">
        <v>36266</v>
      </c>
      <c r="N4926" s="5" t="s">
        <v>38</v>
      </c>
      <c r="O4926" s="5" t="s">
        <v>39</v>
      </c>
      <c r="P4926" s="5" t="s">
        <v>40</v>
      </c>
      <c r="Q4926" s="5" t="s">
        <v>1522</v>
      </c>
      <c r="R4926" s="5" t="s">
        <v>1523</v>
      </c>
      <c r="S4926" s="5" t="s">
        <v>42</v>
      </c>
      <c r="T4926" s="2">
        <v>2.7789999999999999</v>
      </c>
      <c r="U4926" s="2">
        <v>2.2280000000000002</v>
      </c>
      <c r="V4926" s="2">
        <v>1.4999999999999999E-2</v>
      </c>
      <c r="W4926" s="2">
        <v>118.9</v>
      </c>
      <c r="X4926" s="2">
        <v>7.6</v>
      </c>
      <c r="Y4926" s="2">
        <v>16.7</v>
      </c>
      <c r="Z4926" s="5"/>
      <c r="AA4926" s="5" t="s">
        <v>43</v>
      </c>
      <c r="AB4926" s="5" t="s">
        <v>44</v>
      </c>
      <c r="AC4926" s="2"/>
      <c r="AD4926" s="1"/>
    </row>
    <row r="4927" spans="1:30">
      <c r="A4927" s="5" t="s">
        <v>83578</v>
      </c>
      <c r="B4927" s="2" t="s">
        <v>98383</v>
      </c>
      <c r="C4927" s="14" t="s">
        <v>98384</v>
      </c>
      <c r="D4927" s="2" t="s">
        <v>98385</v>
      </c>
      <c r="E4927" s="2" t="s">
        <v>47226</v>
      </c>
      <c r="F4927" s="8">
        <v>289</v>
      </c>
      <c r="G4927" s="5">
        <v>6</v>
      </c>
      <c r="H4927" s="5" t="s">
        <v>1518</v>
      </c>
      <c r="I4927" s="5" t="s">
        <v>40939</v>
      </c>
      <c r="J4927" s="2" t="s">
        <v>40940</v>
      </c>
      <c r="K4927" s="5" t="s">
        <v>40939</v>
      </c>
      <c r="L4927" s="2" t="s">
        <v>40940</v>
      </c>
      <c r="M4927" s="5" t="s">
        <v>36266</v>
      </c>
      <c r="N4927" s="5" t="s">
        <v>38</v>
      </c>
      <c r="O4927" s="5" t="s">
        <v>39</v>
      </c>
      <c r="P4927" s="5" t="s">
        <v>40</v>
      </c>
      <c r="Q4927" s="5" t="s">
        <v>1522</v>
      </c>
      <c r="R4927" s="5" t="s">
        <v>1523</v>
      </c>
      <c r="S4927" s="5" t="s">
        <v>42</v>
      </c>
      <c r="T4927" s="2">
        <v>2.6920000000000002</v>
      </c>
      <c r="U4927" s="2">
        <v>2.141</v>
      </c>
      <c r="V4927" s="2">
        <v>1.4999999999999999E-2</v>
      </c>
      <c r="W4927" s="2">
        <v>118.9</v>
      </c>
      <c r="X4927" s="2">
        <v>7.6</v>
      </c>
      <c r="Y4927" s="2">
        <v>16.7</v>
      </c>
      <c r="Z4927" s="5"/>
      <c r="AA4927" s="5" t="s">
        <v>43</v>
      </c>
      <c r="AB4927" s="5" t="s">
        <v>44</v>
      </c>
      <c r="AC4927" s="2"/>
      <c r="AD4927" s="1"/>
    </row>
    <row r="4928" spans="1:30">
      <c r="A4928" s="5" t="s">
        <v>83578</v>
      </c>
      <c r="B4928" s="2" t="s">
        <v>98386</v>
      </c>
      <c r="C4928" s="14" t="s">
        <v>98387</v>
      </c>
      <c r="D4928" s="2" t="s">
        <v>98388</v>
      </c>
      <c r="E4928" s="2" t="s">
        <v>47735</v>
      </c>
      <c r="F4928" s="8">
        <v>289</v>
      </c>
      <c r="G4928" s="5">
        <v>6</v>
      </c>
      <c r="H4928" s="5" t="s">
        <v>1518</v>
      </c>
      <c r="I4928" s="5" t="s">
        <v>40939</v>
      </c>
      <c r="J4928" s="2" t="s">
        <v>40940</v>
      </c>
      <c r="K4928" s="5" t="s">
        <v>40939</v>
      </c>
      <c r="L4928" s="2" t="s">
        <v>40940</v>
      </c>
      <c r="M4928" s="5" t="s">
        <v>36266</v>
      </c>
      <c r="N4928" s="5" t="s">
        <v>38</v>
      </c>
      <c r="O4928" s="5" t="s">
        <v>39</v>
      </c>
      <c r="P4928" s="5" t="s">
        <v>40</v>
      </c>
      <c r="Q4928" s="5" t="s">
        <v>1522</v>
      </c>
      <c r="R4928" s="5" t="s">
        <v>1523</v>
      </c>
      <c r="S4928" s="5" t="s">
        <v>42</v>
      </c>
      <c r="T4928" s="2">
        <v>2.7789999999999999</v>
      </c>
      <c r="U4928" s="2">
        <v>2.2280000000000002</v>
      </c>
      <c r="V4928" s="2">
        <v>1.4999999999999999E-2</v>
      </c>
      <c r="W4928" s="2">
        <v>118.9</v>
      </c>
      <c r="X4928" s="2">
        <v>7.6</v>
      </c>
      <c r="Y4928" s="2">
        <v>16.7</v>
      </c>
      <c r="Z4928" s="5"/>
      <c r="AA4928" s="5" t="s">
        <v>43</v>
      </c>
      <c r="AB4928" s="5" t="s">
        <v>44</v>
      </c>
      <c r="AC4928" s="2"/>
      <c r="AD4928" s="1"/>
    </row>
    <row r="4929" spans="1:30">
      <c r="A4929" s="5" t="s">
        <v>83578</v>
      </c>
      <c r="B4929" s="2" t="s">
        <v>98389</v>
      </c>
      <c r="C4929" s="14" t="s">
        <v>98390</v>
      </c>
      <c r="D4929" s="2" t="s">
        <v>98391</v>
      </c>
      <c r="E4929" s="2" t="s">
        <v>7539</v>
      </c>
      <c r="F4929" s="8">
        <v>289</v>
      </c>
      <c r="G4929" s="5">
        <v>6</v>
      </c>
      <c r="H4929" s="5" t="s">
        <v>1518</v>
      </c>
      <c r="I4929" s="5" t="s">
        <v>40939</v>
      </c>
      <c r="J4929" s="2" t="s">
        <v>40940</v>
      </c>
      <c r="K4929" s="5" t="s">
        <v>40939</v>
      </c>
      <c r="L4929" s="2" t="s">
        <v>40940</v>
      </c>
      <c r="M4929" s="5" t="s">
        <v>36266</v>
      </c>
      <c r="N4929" s="5" t="s">
        <v>38</v>
      </c>
      <c r="O4929" s="5" t="s">
        <v>39</v>
      </c>
      <c r="P4929" s="5" t="s">
        <v>40</v>
      </c>
      <c r="Q4929" s="5" t="s">
        <v>1522</v>
      </c>
      <c r="R4929" s="5" t="s">
        <v>1523</v>
      </c>
      <c r="S4929" s="5" t="s">
        <v>42</v>
      </c>
      <c r="T4929" s="2">
        <v>2.657</v>
      </c>
      <c r="U4929" s="2">
        <v>2.1059999999999999</v>
      </c>
      <c r="V4929" s="2">
        <v>1.4999999999999999E-2</v>
      </c>
      <c r="W4929" s="2">
        <v>118.9</v>
      </c>
      <c r="X4929" s="2">
        <v>7.6</v>
      </c>
      <c r="Y4929" s="2">
        <v>16.7</v>
      </c>
      <c r="Z4929" s="5"/>
      <c r="AA4929" s="5" t="s">
        <v>43</v>
      </c>
      <c r="AB4929" s="5" t="s">
        <v>44</v>
      </c>
      <c r="AC4929" s="2"/>
      <c r="AD4929" s="1"/>
    </row>
    <row r="4930" spans="1:30">
      <c r="A4930" s="5" t="s">
        <v>83578</v>
      </c>
      <c r="B4930" s="2" t="s">
        <v>98392</v>
      </c>
      <c r="C4930" s="14" t="s">
        <v>98393</v>
      </c>
      <c r="D4930" s="2" t="s">
        <v>98394</v>
      </c>
      <c r="E4930" s="2" t="s">
        <v>7543</v>
      </c>
      <c r="F4930" s="8">
        <v>289</v>
      </c>
      <c r="G4930" s="5">
        <v>6</v>
      </c>
      <c r="H4930" s="5" t="s">
        <v>1518</v>
      </c>
      <c r="I4930" s="5" t="s">
        <v>40939</v>
      </c>
      <c r="J4930" s="2" t="s">
        <v>40940</v>
      </c>
      <c r="K4930" s="5" t="s">
        <v>40939</v>
      </c>
      <c r="L4930" s="2" t="s">
        <v>40940</v>
      </c>
      <c r="M4930" s="5" t="s">
        <v>36266</v>
      </c>
      <c r="N4930" s="5" t="s">
        <v>38</v>
      </c>
      <c r="O4930" s="5" t="s">
        <v>39</v>
      </c>
      <c r="P4930" s="5" t="s">
        <v>40</v>
      </c>
      <c r="Q4930" s="5" t="s">
        <v>1522</v>
      </c>
      <c r="R4930" s="5" t="s">
        <v>1523</v>
      </c>
      <c r="S4930" s="5" t="s">
        <v>42</v>
      </c>
      <c r="T4930" s="2">
        <v>2.7440000000000002</v>
      </c>
      <c r="U4930" s="2">
        <v>2.1930000000000001</v>
      </c>
      <c r="V4930" s="2">
        <v>1.4999999999999999E-2</v>
      </c>
      <c r="W4930" s="2">
        <v>118.9</v>
      </c>
      <c r="X4930" s="2">
        <v>7.6</v>
      </c>
      <c r="Y4930" s="2">
        <v>16.7</v>
      </c>
      <c r="Z4930" s="5"/>
      <c r="AA4930" s="5" t="s">
        <v>43</v>
      </c>
      <c r="AB4930" s="5" t="s">
        <v>44</v>
      </c>
      <c r="AC4930" s="2"/>
      <c r="AD4930" s="1"/>
    </row>
    <row r="4931" spans="1:30">
      <c r="A4931" s="5" t="s">
        <v>83578</v>
      </c>
      <c r="B4931" s="2" t="s">
        <v>98395</v>
      </c>
      <c r="C4931" s="14" t="s">
        <v>98396</v>
      </c>
      <c r="D4931" s="2" t="s">
        <v>98397</v>
      </c>
      <c r="E4931" s="2" t="s">
        <v>40989</v>
      </c>
      <c r="F4931" s="8">
        <v>289</v>
      </c>
      <c r="G4931" s="5">
        <v>6</v>
      </c>
      <c r="H4931" s="5" t="s">
        <v>1518</v>
      </c>
      <c r="I4931" s="5" t="s">
        <v>40939</v>
      </c>
      <c r="J4931" s="2" t="s">
        <v>40940</v>
      </c>
      <c r="K4931" s="5" t="s">
        <v>40939</v>
      </c>
      <c r="L4931" s="2" t="s">
        <v>40940</v>
      </c>
      <c r="M4931" s="5" t="s">
        <v>36266</v>
      </c>
      <c r="N4931" s="5" t="s">
        <v>38</v>
      </c>
      <c r="O4931" s="5" t="s">
        <v>39</v>
      </c>
      <c r="P4931" s="5" t="s">
        <v>40</v>
      </c>
      <c r="Q4931" s="5" t="s">
        <v>1522</v>
      </c>
      <c r="R4931" s="5" t="s">
        <v>1523</v>
      </c>
      <c r="S4931" s="5" t="s">
        <v>42</v>
      </c>
      <c r="T4931" s="2">
        <v>2.6920000000000002</v>
      </c>
      <c r="U4931" s="2">
        <v>2.141</v>
      </c>
      <c r="V4931" s="2">
        <v>1.4999999999999999E-2</v>
      </c>
      <c r="W4931" s="2">
        <v>118.9</v>
      </c>
      <c r="X4931" s="2">
        <v>7.6</v>
      </c>
      <c r="Y4931" s="2">
        <v>16.7</v>
      </c>
      <c r="Z4931" s="5"/>
      <c r="AA4931" s="5" t="s">
        <v>43</v>
      </c>
      <c r="AB4931" s="5" t="s">
        <v>44</v>
      </c>
      <c r="AC4931" s="2"/>
      <c r="AD4931" s="1"/>
    </row>
    <row r="4932" spans="1:30">
      <c r="A4932" s="5" t="s">
        <v>83578</v>
      </c>
      <c r="B4932" s="2" t="s">
        <v>98398</v>
      </c>
      <c r="C4932" s="14" t="s">
        <v>98399</v>
      </c>
      <c r="D4932" s="2" t="s">
        <v>98400</v>
      </c>
      <c r="E4932" s="2" t="s">
        <v>40993</v>
      </c>
      <c r="F4932" s="8">
        <v>289</v>
      </c>
      <c r="G4932" s="5">
        <v>6</v>
      </c>
      <c r="H4932" s="5" t="s">
        <v>1518</v>
      </c>
      <c r="I4932" s="5" t="s">
        <v>40939</v>
      </c>
      <c r="J4932" s="2" t="s">
        <v>40940</v>
      </c>
      <c r="K4932" s="5" t="s">
        <v>40939</v>
      </c>
      <c r="L4932" s="2" t="s">
        <v>40940</v>
      </c>
      <c r="M4932" s="5" t="s">
        <v>36266</v>
      </c>
      <c r="N4932" s="5" t="s">
        <v>38</v>
      </c>
      <c r="O4932" s="5" t="s">
        <v>39</v>
      </c>
      <c r="P4932" s="5" t="s">
        <v>40</v>
      </c>
      <c r="Q4932" s="5" t="s">
        <v>1522</v>
      </c>
      <c r="R4932" s="5" t="s">
        <v>1523</v>
      </c>
      <c r="S4932" s="5" t="s">
        <v>42</v>
      </c>
      <c r="T4932" s="2">
        <v>2.7789999999999999</v>
      </c>
      <c r="U4932" s="2">
        <v>2.2280000000000002</v>
      </c>
      <c r="V4932" s="2">
        <v>1.4999999999999999E-2</v>
      </c>
      <c r="W4932" s="2">
        <v>118.9</v>
      </c>
      <c r="X4932" s="2">
        <v>7.6</v>
      </c>
      <c r="Y4932" s="2">
        <v>16.7</v>
      </c>
      <c r="Z4932" s="5"/>
      <c r="AA4932" s="5" t="s">
        <v>43</v>
      </c>
      <c r="AB4932" s="5" t="s">
        <v>44</v>
      </c>
      <c r="AC4932" s="2"/>
      <c r="AD4932" s="1"/>
    </row>
    <row r="4933" spans="1:30">
      <c r="A4933" s="5" t="s">
        <v>83578</v>
      </c>
      <c r="B4933" s="2" t="s">
        <v>98401</v>
      </c>
      <c r="C4933" s="14" t="s">
        <v>98402</v>
      </c>
      <c r="D4933" s="2" t="s">
        <v>98403</v>
      </c>
      <c r="E4933" s="2" t="s">
        <v>40997</v>
      </c>
      <c r="F4933" s="8">
        <v>289</v>
      </c>
      <c r="G4933" s="5">
        <v>6</v>
      </c>
      <c r="H4933" s="5" t="s">
        <v>1518</v>
      </c>
      <c r="I4933" s="5" t="s">
        <v>40939</v>
      </c>
      <c r="J4933" s="2" t="s">
        <v>40940</v>
      </c>
      <c r="K4933" s="5" t="s">
        <v>40939</v>
      </c>
      <c r="L4933" s="2" t="s">
        <v>40940</v>
      </c>
      <c r="M4933" s="5" t="s">
        <v>36266</v>
      </c>
      <c r="N4933" s="5" t="s">
        <v>38</v>
      </c>
      <c r="O4933" s="5" t="s">
        <v>39</v>
      </c>
      <c r="P4933" s="5" t="s">
        <v>40</v>
      </c>
      <c r="Q4933" s="5" t="s">
        <v>1522</v>
      </c>
      <c r="R4933" s="5" t="s">
        <v>1523</v>
      </c>
      <c r="S4933" s="5" t="s">
        <v>42</v>
      </c>
      <c r="T4933" s="2">
        <v>2.6640000000000001</v>
      </c>
      <c r="U4933" s="2">
        <v>2.113</v>
      </c>
      <c r="V4933" s="2">
        <v>1.4999999999999999E-2</v>
      </c>
      <c r="W4933" s="2">
        <v>118.9</v>
      </c>
      <c r="X4933" s="2">
        <v>7.6</v>
      </c>
      <c r="Y4933" s="2">
        <v>16.7</v>
      </c>
      <c r="Z4933" s="5"/>
      <c r="AA4933" s="5" t="s">
        <v>43</v>
      </c>
      <c r="AB4933" s="5" t="s">
        <v>44</v>
      </c>
      <c r="AC4933" s="2"/>
      <c r="AD4933" s="1"/>
    </row>
    <row r="4934" spans="1:30">
      <c r="A4934" s="5" t="s">
        <v>83578</v>
      </c>
      <c r="B4934" s="2" t="s">
        <v>98404</v>
      </c>
      <c r="C4934" s="14" t="s">
        <v>98405</v>
      </c>
      <c r="D4934" s="2" t="s">
        <v>98406</v>
      </c>
      <c r="E4934" s="2" t="s">
        <v>41267</v>
      </c>
      <c r="F4934" s="8">
        <v>289</v>
      </c>
      <c r="G4934" s="5">
        <v>6</v>
      </c>
      <c r="H4934" s="5" t="s">
        <v>1518</v>
      </c>
      <c r="I4934" s="5" t="s">
        <v>40939</v>
      </c>
      <c r="J4934" s="2" t="s">
        <v>40940</v>
      </c>
      <c r="K4934" s="5" t="s">
        <v>40939</v>
      </c>
      <c r="L4934" s="2" t="s">
        <v>40940</v>
      </c>
      <c r="M4934" s="5" t="s">
        <v>36266</v>
      </c>
      <c r="N4934" s="5" t="s">
        <v>38</v>
      </c>
      <c r="O4934" s="5" t="s">
        <v>39</v>
      </c>
      <c r="P4934" s="5" t="s">
        <v>40</v>
      </c>
      <c r="Q4934" s="5" t="s">
        <v>1522</v>
      </c>
      <c r="R4934" s="5" t="s">
        <v>1523</v>
      </c>
      <c r="S4934" s="5" t="s">
        <v>42</v>
      </c>
      <c r="T4934" s="2">
        <v>2.7509999999999999</v>
      </c>
      <c r="U4934" s="2">
        <v>2.2000000000000002</v>
      </c>
      <c r="V4934" s="2">
        <v>1.4999999999999999E-2</v>
      </c>
      <c r="W4934" s="2">
        <v>118.9</v>
      </c>
      <c r="X4934" s="2">
        <v>7.6</v>
      </c>
      <c r="Y4934" s="2">
        <v>16.7</v>
      </c>
      <c r="Z4934" s="5"/>
      <c r="AA4934" s="5" t="s">
        <v>43</v>
      </c>
      <c r="AB4934" s="5" t="s">
        <v>44</v>
      </c>
      <c r="AC4934" s="2"/>
      <c r="AD4934" s="1"/>
    </row>
    <row r="4935" spans="1:30">
      <c r="A4935" s="5" t="s">
        <v>83578</v>
      </c>
      <c r="B4935" s="2" t="s">
        <v>98407</v>
      </c>
      <c r="C4935" s="14" t="s">
        <v>98408</v>
      </c>
      <c r="D4935" s="2" t="s">
        <v>98409</v>
      </c>
      <c r="E4935" s="2" t="s">
        <v>41001</v>
      </c>
      <c r="F4935" s="8">
        <v>289</v>
      </c>
      <c r="G4935" s="5">
        <v>6</v>
      </c>
      <c r="H4935" s="5" t="s">
        <v>1518</v>
      </c>
      <c r="I4935" s="5" t="s">
        <v>40939</v>
      </c>
      <c r="J4935" s="2" t="s">
        <v>40940</v>
      </c>
      <c r="K4935" s="5" t="s">
        <v>40939</v>
      </c>
      <c r="L4935" s="2" t="s">
        <v>40940</v>
      </c>
      <c r="M4935" s="5" t="s">
        <v>36266</v>
      </c>
      <c r="N4935" s="5" t="s">
        <v>38</v>
      </c>
      <c r="O4935" s="5" t="s">
        <v>39</v>
      </c>
      <c r="P4935" s="5" t="s">
        <v>40</v>
      </c>
      <c r="Q4935" s="5" t="s">
        <v>1522</v>
      </c>
      <c r="R4935" s="5" t="s">
        <v>1523</v>
      </c>
      <c r="S4935" s="5" t="s">
        <v>42</v>
      </c>
      <c r="T4935" s="2">
        <v>2.6920000000000002</v>
      </c>
      <c r="U4935" s="2">
        <v>2.141</v>
      </c>
      <c r="V4935" s="2">
        <v>1.4999999999999999E-2</v>
      </c>
      <c r="W4935" s="2">
        <v>118.9</v>
      </c>
      <c r="X4935" s="2">
        <v>7.6</v>
      </c>
      <c r="Y4935" s="2">
        <v>16.7</v>
      </c>
      <c r="Z4935" s="5"/>
      <c r="AA4935" s="5" t="s">
        <v>43</v>
      </c>
      <c r="AB4935" s="5" t="s">
        <v>44</v>
      </c>
      <c r="AC4935" s="2"/>
      <c r="AD4935" s="1"/>
    </row>
    <row r="4936" spans="1:30">
      <c r="A4936" s="5" t="s">
        <v>83578</v>
      </c>
      <c r="B4936" s="2" t="s">
        <v>98410</v>
      </c>
      <c r="C4936" s="14" t="s">
        <v>98411</v>
      </c>
      <c r="D4936" s="2" t="s">
        <v>98412</v>
      </c>
      <c r="E4936" s="2" t="s">
        <v>41005</v>
      </c>
      <c r="F4936" s="8">
        <v>289</v>
      </c>
      <c r="G4936" s="5">
        <v>6</v>
      </c>
      <c r="H4936" s="5" t="s">
        <v>1518</v>
      </c>
      <c r="I4936" s="5" t="s">
        <v>40939</v>
      </c>
      <c r="J4936" s="2" t="s">
        <v>40940</v>
      </c>
      <c r="K4936" s="5" t="s">
        <v>40939</v>
      </c>
      <c r="L4936" s="2" t="s">
        <v>40940</v>
      </c>
      <c r="M4936" s="5" t="s">
        <v>36266</v>
      </c>
      <c r="N4936" s="5" t="s">
        <v>38</v>
      </c>
      <c r="O4936" s="5" t="s">
        <v>39</v>
      </c>
      <c r="P4936" s="5" t="s">
        <v>40</v>
      </c>
      <c r="Q4936" s="5" t="s">
        <v>1522</v>
      </c>
      <c r="R4936" s="5" t="s">
        <v>1523</v>
      </c>
      <c r="S4936" s="5" t="s">
        <v>42</v>
      </c>
      <c r="T4936" s="2">
        <v>2.7789999999999999</v>
      </c>
      <c r="U4936" s="2">
        <v>2.2280000000000002</v>
      </c>
      <c r="V4936" s="2">
        <v>1.4999999999999999E-2</v>
      </c>
      <c r="W4936" s="2">
        <v>118.9</v>
      </c>
      <c r="X4936" s="2">
        <v>7.6</v>
      </c>
      <c r="Y4936" s="2">
        <v>16.7</v>
      </c>
      <c r="Z4936" s="5"/>
      <c r="AA4936" s="5" t="s">
        <v>43</v>
      </c>
      <c r="AB4936" s="5" t="s">
        <v>44</v>
      </c>
      <c r="AC4936" s="2"/>
      <c r="AD4936" s="1"/>
    </row>
    <row r="4937" spans="1:30">
      <c r="A4937" s="5" t="s">
        <v>83578</v>
      </c>
      <c r="B4937" s="2" t="s">
        <v>98413</v>
      </c>
      <c r="C4937" s="14" t="s">
        <v>98414</v>
      </c>
      <c r="D4937" s="2" t="s">
        <v>98415</v>
      </c>
      <c r="E4937" s="2" t="s">
        <v>41009</v>
      </c>
      <c r="F4937" s="8">
        <v>289</v>
      </c>
      <c r="G4937" s="5">
        <v>6</v>
      </c>
      <c r="H4937" s="5" t="s">
        <v>1518</v>
      </c>
      <c r="I4937" s="5" t="s">
        <v>40939</v>
      </c>
      <c r="J4937" s="2" t="s">
        <v>40940</v>
      </c>
      <c r="K4937" s="5" t="s">
        <v>40939</v>
      </c>
      <c r="L4937" s="2" t="s">
        <v>40940</v>
      </c>
      <c r="M4937" s="5" t="s">
        <v>36266</v>
      </c>
      <c r="N4937" s="5" t="s">
        <v>38</v>
      </c>
      <c r="O4937" s="5" t="s">
        <v>39</v>
      </c>
      <c r="P4937" s="5" t="s">
        <v>40</v>
      </c>
      <c r="Q4937" s="5" t="s">
        <v>1522</v>
      </c>
      <c r="R4937" s="5" t="s">
        <v>1523</v>
      </c>
      <c r="S4937" s="5" t="s">
        <v>42</v>
      </c>
      <c r="T4937" s="2">
        <v>2.6989999999999998</v>
      </c>
      <c r="U4937" s="2">
        <v>2.1480000000000001</v>
      </c>
      <c r="V4937" s="2">
        <v>1.4999999999999999E-2</v>
      </c>
      <c r="W4937" s="2">
        <v>118.9</v>
      </c>
      <c r="X4937" s="2">
        <v>7.6</v>
      </c>
      <c r="Y4937" s="2">
        <v>16.7</v>
      </c>
      <c r="Z4937" s="5"/>
      <c r="AA4937" s="5" t="s">
        <v>43</v>
      </c>
      <c r="AB4937" s="5" t="s">
        <v>44</v>
      </c>
      <c r="AC4937" s="2"/>
      <c r="AD4937" s="1"/>
    </row>
    <row r="4938" spans="1:30">
      <c r="A4938" s="5" t="s">
        <v>83578</v>
      </c>
      <c r="B4938" s="2" t="s">
        <v>98416</v>
      </c>
      <c r="C4938" s="14" t="s">
        <v>98417</v>
      </c>
      <c r="D4938" s="2" t="s">
        <v>98418</v>
      </c>
      <c r="E4938" s="2" t="s">
        <v>41013</v>
      </c>
      <c r="F4938" s="8">
        <v>289</v>
      </c>
      <c r="G4938" s="5">
        <v>6</v>
      </c>
      <c r="H4938" s="5" t="s">
        <v>1518</v>
      </c>
      <c r="I4938" s="5" t="s">
        <v>40939</v>
      </c>
      <c r="J4938" s="2" t="s">
        <v>40940</v>
      </c>
      <c r="K4938" s="5" t="s">
        <v>40939</v>
      </c>
      <c r="L4938" s="2" t="s">
        <v>40940</v>
      </c>
      <c r="M4938" s="5" t="s">
        <v>36266</v>
      </c>
      <c r="N4938" s="5" t="s">
        <v>38</v>
      </c>
      <c r="O4938" s="5" t="s">
        <v>39</v>
      </c>
      <c r="P4938" s="5" t="s">
        <v>40</v>
      </c>
      <c r="Q4938" s="5" t="s">
        <v>1522</v>
      </c>
      <c r="R4938" s="5" t="s">
        <v>1523</v>
      </c>
      <c r="S4938" s="5" t="s">
        <v>42</v>
      </c>
      <c r="T4938" s="2">
        <v>2.786</v>
      </c>
      <c r="U4938" s="2">
        <v>2.2349999999999999</v>
      </c>
      <c r="V4938" s="2">
        <v>1.4999999999999999E-2</v>
      </c>
      <c r="W4938" s="2">
        <v>118.9</v>
      </c>
      <c r="X4938" s="2">
        <v>7.6</v>
      </c>
      <c r="Y4938" s="2">
        <v>16.7</v>
      </c>
      <c r="Z4938" s="5"/>
      <c r="AA4938" s="5" t="s">
        <v>43</v>
      </c>
      <c r="AB4938" s="5" t="s">
        <v>44</v>
      </c>
      <c r="AC4938" s="2"/>
      <c r="AD4938" s="1"/>
    </row>
    <row r="4939" spans="1:30">
      <c r="A4939" s="5" t="s">
        <v>83578</v>
      </c>
      <c r="B4939" s="2" t="s">
        <v>98419</v>
      </c>
      <c r="C4939" s="14" t="s">
        <v>98420</v>
      </c>
      <c r="D4939" s="2" t="s">
        <v>98421</v>
      </c>
      <c r="E4939" s="2" t="s">
        <v>7396</v>
      </c>
      <c r="F4939" s="8">
        <v>269</v>
      </c>
      <c r="G4939" s="5">
        <v>6</v>
      </c>
      <c r="H4939" s="5" t="s">
        <v>1518</v>
      </c>
      <c r="I4939" s="5" t="s">
        <v>40939</v>
      </c>
      <c r="J4939" s="2" t="s">
        <v>40940</v>
      </c>
      <c r="K4939" s="5" t="s">
        <v>40939</v>
      </c>
      <c r="L4939" s="2" t="s">
        <v>40940</v>
      </c>
      <c r="M4939" s="5" t="s">
        <v>36266</v>
      </c>
      <c r="N4939" s="5" t="s">
        <v>38</v>
      </c>
      <c r="O4939" s="5" t="s">
        <v>39</v>
      </c>
      <c r="P4939" s="5" t="s">
        <v>40</v>
      </c>
      <c r="Q4939" s="5" t="s">
        <v>1522</v>
      </c>
      <c r="R4939" s="5" t="s">
        <v>1523</v>
      </c>
      <c r="S4939" s="5" t="s">
        <v>42</v>
      </c>
      <c r="T4939" s="2">
        <v>2.6989999999999998</v>
      </c>
      <c r="U4939" s="2">
        <v>2.1480000000000001</v>
      </c>
      <c r="V4939" s="2">
        <v>1.4999999999999999E-2</v>
      </c>
      <c r="W4939" s="2">
        <v>118.9</v>
      </c>
      <c r="X4939" s="2">
        <v>7.6</v>
      </c>
      <c r="Y4939" s="2">
        <v>16.7</v>
      </c>
      <c r="Z4939" s="5"/>
      <c r="AA4939" s="5" t="s">
        <v>43</v>
      </c>
      <c r="AB4939" s="5" t="s">
        <v>44</v>
      </c>
      <c r="AC4939" s="2"/>
      <c r="AD4939" s="1"/>
    </row>
    <row r="4940" spans="1:30">
      <c r="A4940" s="5" t="s">
        <v>83578</v>
      </c>
      <c r="B4940" s="2" t="s">
        <v>98422</v>
      </c>
      <c r="C4940" s="14" t="s">
        <v>98423</v>
      </c>
      <c r="D4940" s="2" t="s">
        <v>98424</v>
      </c>
      <c r="E4940" s="2" t="s">
        <v>7507</v>
      </c>
      <c r="F4940" s="8">
        <v>269</v>
      </c>
      <c r="G4940" s="5">
        <v>6</v>
      </c>
      <c r="H4940" s="5" t="s">
        <v>1518</v>
      </c>
      <c r="I4940" s="5" t="s">
        <v>40939</v>
      </c>
      <c r="J4940" s="2" t="s">
        <v>40940</v>
      </c>
      <c r="K4940" s="5" t="s">
        <v>40939</v>
      </c>
      <c r="L4940" s="2" t="s">
        <v>40940</v>
      </c>
      <c r="M4940" s="5" t="s">
        <v>36266</v>
      </c>
      <c r="N4940" s="5" t="s">
        <v>38</v>
      </c>
      <c r="O4940" s="5" t="s">
        <v>39</v>
      </c>
      <c r="P4940" s="5" t="s">
        <v>40</v>
      </c>
      <c r="Q4940" s="5" t="s">
        <v>1522</v>
      </c>
      <c r="R4940" s="5" t="s">
        <v>1523</v>
      </c>
      <c r="S4940" s="5" t="s">
        <v>42</v>
      </c>
      <c r="T4940" s="2">
        <v>2.786</v>
      </c>
      <c r="U4940" s="2">
        <v>2.2349999999999999</v>
      </c>
      <c r="V4940" s="2">
        <v>1.4999999999999999E-2</v>
      </c>
      <c r="W4940" s="2">
        <v>118.9</v>
      </c>
      <c r="X4940" s="2">
        <v>7.6</v>
      </c>
      <c r="Y4940" s="2">
        <v>16.7</v>
      </c>
      <c r="Z4940" s="5"/>
      <c r="AA4940" s="5" t="s">
        <v>43</v>
      </c>
      <c r="AB4940" s="5" t="s">
        <v>44</v>
      </c>
      <c r="AC4940" s="2"/>
      <c r="AD4940" s="1"/>
    </row>
    <row r="4941" spans="1:30">
      <c r="A4941" s="5" t="s">
        <v>83578</v>
      </c>
      <c r="B4941" s="2" t="s">
        <v>98425</v>
      </c>
      <c r="C4941" s="14" t="s">
        <v>98426</v>
      </c>
      <c r="D4941" s="2" t="s">
        <v>98427</v>
      </c>
      <c r="E4941" s="2" t="s">
        <v>41023</v>
      </c>
      <c r="F4941" s="8">
        <v>289</v>
      </c>
      <c r="G4941" s="5">
        <v>6</v>
      </c>
      <c r="H4941" s="5" t="s">
        <v>1518</v>
      </c>
      <c r="I4941" s="5" t="s">
        <v>40939</v>
      </c>
      <c r="J4941" s="2" t="s">
        <v>40940</v>
      </c>
      <c r="K4941" s="5" t="s">
        <v>40939</v>
      </c>
      <c r="L4941" s="2" t="s">
        <v>40940</v>
      </c>
      <c r="M4941" s="5" t="s">
        <v>36266</v>
      </c>
      <c r="N4941" s="5" t="s">
        <v>38</v>
      </c>
      <c r="O4941" s="5" t="s">
        <v>39</v>
      </c>
      <c r="P4941" s="5" t="s">
        <v>40</v>
      </c>
      <c r="Q4941" s="5" t="s">
        <v>1522</v>
      </c>
      <c r="R4941" s="5" t="s">
        <v>1523</v>
      </c>
      <c r="S4941" s="5" t="s">
        <v>42</v>
      </c>
      <c r="T4941" s="2">
        <v>2.6640000000000001</v>
      </c>
      <c r="U4941" s="2">
        <v>2.113</v>
      </c>
      <c r="V4941" s="2">
        <v>1.4999999999999999E-2</v>
      </c>
      <c r="W4941" s="2">
        <v>118.9</v>
      </c>
      <c r="X4941" s="2">
        <v>7.6</v>
      </c>
      <c r="Y4941" s="2">
        <v>16.7</v>
      </c>
      <c r="Z4941" s="5"/>
      <c r="AA4941" s="5" t="s">
        <v>43</v>
      </c>
      <c r="AB4941" s="5" t="s">
        <v>44</v>
      </c>
      <c r="AC4941" s="2"/>
      <c r="AD4941" s="1"/>
    </row>
    <row r="4942" spans="1:30">
      <c r="A4942" s="5" t="s">
        <v>83578</v>
      </c>
      <c r="B4942" s="2" t="s">
        <v>98428</v>
      </c>
      <c r="C4942" s="14" t="s">
        <v>98429</v>
      </c>
      <c r="D4942" s="2" t="s">
        <v>98430</v>
      </c>
      <c r="E4942" s="2" t="s">
        <v>41027</v>
      </c>
      <c r="F4942" s="8">
        <v>289</v>
      </c>
      <c r="G4942" s="5">
        <v>6</v>
      </c>
      <c r="H4942" s="5" t="s">
        <v>1518</v>
      </c>
      <c r="I4942" s="5" t="s">
        <v>40939</v>
      </c>
      <c r="J4942" s="2" t="s">
        <v>40940</v>
      </c>
      <c r="K4942" s="5" t="s">
        <v>40939</v>
      </c>
      <c r="L4942" s="2" t="s">
        <v>40940</v>
      </c>
      <c r="M4942" s="5" t="s">
        <v>36266</v>
      </c>
      <c r="N4942" s="5" t="s">
        <v>38</v>
      </c>
      <c r="O4942" s="5" t="s">
        <v>39</v>
      </c>
      <c r="P4942" s="5" t="s">
        <v>40</v>
      </c>
      <c r="Q4942" s="5" t="s">
        <v>1522</v>
      </c>
      <c r="R4942" s="5" t="s">
        <v>1523</v>
      </c>
      <c r="S4942" s="5" t="s">
        <v>42</v>
      </c>
      <c r="T4942" s="2">
        <v>2.7509999999999999</v>
      </c>
      <c r="U4942" s="2">
        <v>2.2000000000000002</v>
      </c>
      <c r="V4942" s="2">
        <v>1.4999999999999999E-2</v>
      </c>
      <c r="W4942" s="2">
        <v>118.9</v>
      </c>
      <c r="X4942" s="2">
        <v>7.6</v>
      </c>
      <c r="Y4942" s="2">
        <v>16.7</v>
      </c>
      <c r="Z4942" s="5"/>
      <c r="AA4942" s="5" t="s">
        <v>43</v>
      </c>
      <c r="AB4942" s="5" t="s">
        <v>44</v>
      </c>
      <c r="AC4942" s="2"/>
      <c r="AD4942" s="1"/>
    </row>
    <row r="4943" spans="1:30">
      <c r="A4943" s="5" t="s">
        <v>83578</v>
      </c>
      <c r="B4943" s="2" t="s">
        <v>98431</v>
      </c>
      <c r="C4943" s="14" t="s">
        <v>98432</v>
      </c>
      <c r="D4943" s="2" t="s">
        <v>98433</v>
      </c>
      <c r="E4943" s="2" t="s">
        <v>41031</v>
      </c>
      <c r="F4943" s="8">
        <v>289</v>
      </c>
      <c r="G4943" s="5">
        <v>6</v>
      </c>
      <c r="H4943" s="5" t="s">
        <v>1518</v>
      </c>
      <c r="I4943" s="5" t="s">
        <v>40939</v>
      </c>
      <c r="J4943" s="2" t="s">
        <v>40940</v>
      </c>
      <c r="K4943" s="5" t="s">
        <v>40939</v>
      </c>
      <c r="L4943" s="2" t="s">
        <v>40940</v>
      </c>
      <c r="M4943" s="5" t="s">
        <v>36266</v>
      </c>
      <c r="N4943" s="5" t="s">
        <v>38</v>
      </c>
      <c r="O4943" s="5" t="s">
        <v>39</v>
      </c>
      <c r="P4943" s="5" t="s">
        <v>40</v>
      </c>
      <c r="Q4943" s="5" t="s">
        <v>1522</v>
      </c>
      <c r="R4943" s="5" t="s">
        <v>1523</v>
      </c>
      <c r="S4943" s="5" t="s">
        <v>42</v>
      </c>
      <c r="T4943" s="2">
        <v>2.6640000000000001</v>
      </c>
      <c r="U4943" s="2">
        <v>2.113</v>
      </c>
      <c r="V4943" s="2">
        <v>1.4999999999999999E-2</v>
      </c>
      <c r="W4943" s="2">
        <v>118.9</v>
      </c>
      <c r="X4943" s="2">
        <v>7.6</v>
      </c>
      <c r="Y4943" s="2">
        <v>16.7</v>
      </c>
      <c r="Z4943" s="5"/>
      <c r="AA4943" s="5" t="s">
        <v>43</v>
      </c>
      <c r="AB4943" s="5" t="s">
        <v>44</v>
      </c>
      <c r="AC4943" s="2"/>
      <c r="AD4943" s="1"/>
    </row>
    <row r="4944" spans="1:30">
      <c r="A4944" s="5" t="s">
        <v>83578</v>
      </c>
      <c r="B4944" s="2" t="s">
        <v>98434</v>
      </c>
      <c r="C4944" s="14" t="s">
        <v>98435</v>
      </c>
      <c r="D4944" s="2" t="s">
        <v>98436</v>
      </c>
      <c r="E4944" s="2" t="s">
        <v>41035</v>
      </c>
      <c r="F4944" s="8">
        <v>289</v>
      </c>
      <c r="G4944" s="5">
        <v>6</v>
      </c>
      <c r="H4944" s="5" t="s">
        <v>1518</v>
      </c>
      <c r="I4944" s="5" t="s">
        <v>40939</v>
      </c>
      <c r="J4944" s="2" t="s">
        <v>40940</v>
      </c>
      <c r="K4944" s="5" t="s">
        <v>40939</v>
      </c>
      <c r="L4944" s="2" t="s">
        <v>40940</v>
      </c>
      <c r="M4944" s="5" t="s">
        <v>36266</v>
      </c>
      <c r="N4944" s="5" t="s">
        <v>38</v>
      </c>
      <c r="O4944" s="5" t="s">
        <v>39</v>
      </c>
      <c r="P4944" s="5" t="s">
        <v>40</v>
      </c>
      <c r="Q4944" s="5" t="s">
        <v>1522</v>
      </c>
      <c r="R4944" s="5" t="s">
        <v>1523</v>
      </c>
      <c r="S4944" s="5" t="s">
        <v>42</v>
      </c>
      <c r="T4944" s="2">
        <v>2.7509999999999999</v>
      </c>
      <c r="U4944" s="2">
        <v>2.2000000000000002</v>
      </c>
      <c r="V4944" s="2">
        <v>1.4999999999999999E-2</v>
      </c>
      <c r="W4944" s="2">
        <v>118.9</v>
      </c>
      <c r="X4944" s="2">
        <v>7.6</v>
      </c>
      <c r="Y4944" s="2">
        <v>16.7</v>
      </c>
      <c r="Z4944" s="5"/>
      <c r="AA4944" s="5" t="s">
        <v>43</v>
      </c>
      <c r="AB4944" s="5" t="s">
        <v>44</v>
      </c>
      <c r="AC4944" s="2"/>
      <c r="AD4944" s="1"/>
    </row>
    <row r="4945" spans="1:30">
      <c r="A4945" s="5" t="s">
        <v>83578</v>
      </c>
      <c r="B4945" s="2" t="s">
        <v>98437</v>
      </c>
      <c r="C4945" s="14" t="s">
        <v>98438</v>
      </c>
      <c r="D4945" s="2" t="s">
        <v>98439</v>
      </c>
      <c r="E4945" s="2" t="s">
        <v>7449</v>
      </c>
      <c r="F4945" s="8">
        <v>289</v>
      </c>
      <c r="G4945" s="5">
        <v>6</v>
      </c>
      <c r="H4945" s="5" t="s">
        <v>1518</v>
      </c>
      <c r="I4945" s="5" t="s">
        <v>40939</v>
      </c>
      <c r="J4945" s="2" t="s">
        <v>40940</v>
      </c>
      <c r="K4945" s="5" t="s">
        <v>40939</v>
      </c>
      <c r="L4945" s="2" t="s">
        <v>40940</v>
      </c>
      <c r="M4945" s="5" t="s">
        <v>36266</v>
      </c>
      <c r="N4945" s="5" t="s">
        <v>38</v>
      </c>
      <c r="O4945" s="5" t="s">
        <v>39</v>
      </c>
      <c r="P4945" s="5" t="s">
        <v>40</v>
      </c>
      <c r="Q4945" s="5" t="s">
        <v>1522</v>
      </c>
      <c r="R4945" s="5" t="s">
        <v>1523</v>
      </c>
      <c r="S4945" s="5" t="s">
        <v>42</v>
      </c>
      <c r="T4945" s="2">
        <v>2.6640000000000001</v>
      </c>
      <c r="U4945" s="2">
        <v>2.113</v>
      </c>
      <c r="V4945" s="2">
        <v>1.4999999999999999E-2</v>
      </c>
      <c r="W4945" s="2">
        <v>118.9</v>
      </c>
      <c r="X4945" s="2">
        <v>7.6</v>
      </c>
      <c r="Y4945" s="2">
        <v>16.7</v>
      </c>
      <c r="Z4945" s="5"/>
      <c r="AA4945" s="5" t="s">
        <v>43</v>
      </c>
      <c r="AB4945" s="5" t="s">
        <v>44</v>
      </c>
      <c r="AC4945" s="2"/>
      <c r="AD4945" s="1"/>
    </row>
    <row r="4946" spans="1:30">
      <c r="A4946" s="5" t="s">
        <v>83578</v>
      </c>
      <c r="B4946" s="2" t="s">
        <v>98440</v>
      </c>
      <c r="C4946" s="14" t="s">
        <v>98441</v>
      </c>
      <c r="D4946" s="2" t="s">
        <v>98442</v>
      </c>
      <c r="E4946" s="2" t="s">
        <v>7581</v>
      </c>
      <c r="F4946" s="8">
        <v>289</v>
      </c>
      <c r="G4946" s="5">
        <v>6</v>
      </c>
      <c r="H4946" s="5" t="s">
        <v>1518</v>
      </c>
      <c r="I4946" s="5" t="s">
        <v>40939</v>
      </c>
      <c r="J4946" s="2" t="s">
        <v>40940</v>
      </c>
      <c r="K4946" s="5" t="s">
        <v>40939</v>
      </c>
      <c r="L4946" s="2" t="s">
        <v>40940</v>
      </c>
      <c r="M4946" s="5" t="s">
        <v>36266</v>
      </c>
      <c r="N4946" s="5" t="s">
        <v>38</v>
      </c>
      <c r="O4946" s="5" t="s">
        <v>39</v>
      </c>
      <c r="P4946" s="5" t="s">
        <v>40</v>
      </c>
      <c r="Q4946" s="5" t="s">
        <v>1522</v>
      </c>
      <c r="R4946" s="5" t="s">
        <v>1523</v>
      </c>
      <c r="S4946" s="5" t="s">
        <v>42</v>
      </c>
      <c r="T4946" s="2">
        <v>2.7509999999999999</v>
      </c>
      <c r="U4946" s="2">
        <v>2.2000000000000002</v>
      </c>
      <c r="V4946" s="2">
        <v>1.4999999999999999E-2</v>
      </c>
      <c r="W4946" s="2">
        <v>118.9</v>
      </c>
      <c r="X4946" s="2">
        <v>7.6</v>
      </c>
      <c r="Y4946" s="2">
        <v>16.7</v>
      </c>
      <c r="Z4946" s="5"/>
      <c r="AA4946" s="5" t="s">
        <v>43</v>
      </c>
      <c r="AB4946" s="5" t="s">
        <v>44</v>
      </c>
      <c r="AC4946" s="2"/>
      <c r="AD4946" s="1"/>
    </row>
    <row r="4947" spans="1:30">
      <c r="A4947" s="5" t="s">
        <v>83578</v>
      </c>
      <c r="B4947" s="2" t="s">
        <v>98443</v>
      </c>
      <c r="C4947" s="14" t="s">
        <v>98444</v>
      </c>
      <c r="D4947" s="2" t="s">
        <v>98445</v>
      </c>
      <c r="E4947" s="2" t="s">
        <v>41045</v>
      </c>
      <c r="F4947" s="8">
        <v>289</v>
      </c>
      <c r="G4947" s="5">
        <v>6</v>
      </c>
      <c r="H4947" s="5" t="s">
        <v>1518</v>
      </c>
      <c r="I4947" s="5" t="s">
        <v>40939</v>
      </c>
      <c r="J4947" s="2" t="s">
        <v>40940</v>
      </c>
      <c r="K4947" s="5" t="s">
        <v>40939</v>
      </c>
      <c r="L4947" s="2" t="s">
        <v>40940</v>
      </c>
      <c r="M4947" s="5" t="s">
        <v>36266</v>
      </c>
      <c r="N4947" s="5" t="s">
        <v>38</v>
      </c>
      <c r="O4947" s="5" t="s">
        <v>39</v>
      </c>
      <c r="P4947" s="5" t="s">
        <v>40</v>
      </c>
      <c r="Q4947" s="5" t="s">
        <v>1522</v>
      </c>
      <c r="R4947" s="5" t="s">
        <v>1523</v>
      </c>
      <c r="S4947" s="5" t="s">
        <v>42</v>
      </c>
      <c r="T4947" s="2">
        <v>2.7050000000000001</v>
      </c>
      <c r="U4947" s="2">
        <v>2.1539999999999999</v>
      </c>
      <c r="V4947" s="2">
        <v>1.4999999999999999E-2</v>
      </c>
      <c r="W4947" s="2">
        <v>118.9</v>
      </c>
      <c r="X4947" s="2">
        <v>7.6</v>
      </c>
      <c r="Y4947" s="2">
        <v>16.7</v>
      </c>
      <c r="Z4947" s="5"/>
      <c r="AA4947" s="5" t="s">
        <v>43</v>
      </c>
      <c r="AB4947" s="5" t="s">
        <v>44</v>
      </c>
      <c r="AC4947" s="2"/>
      <c r="AD4947" s="1"/>
    </row>
    <row r="4948" spans="1:30">
      <c r="A4948" s="5" t="s">
        <v>83578</v>
      </c>
      <c r="B4948" s="2" t="s">
        <v>98446</v>
      </c>
      <c r="C4948" s="14" t="s">
        <v>98447</v>
      </c>
      <c r="D4948" s="2" t="s">
        <v>98448</v>
      </c>
      <c r="E4948" s="2" t="s">
        <v>41049</v>
      </c>
      <c r="F4948" s="8">
        <v>289</v>
      </c>
      <c r="G4948" s="5">
        <v>6</v>
      </c>
      <c r="H4948" s="5" t="s">
        <v>1518</v>
      </c>
      <c r="I4948" s="5" t="s">
        <v>40939</v>
      </c>
      <c r="J4948" s="2" t="s">
        <v>40940</v>
      </c>
      <c r="K4948" s="5" t="s">
        <v>40939</v>
      </c>
      <c r="L4948" s="2" t="s">
        <v>40940</v>
      </c>
      <c r="M4948" s="5" t="s">
        <v>36266</v>
      </c>
      <c r="N4948" s="5" t="s">
        <v>38</v>
      </c>
      <c r="O4948" s="5" t="s">
        <v>39</v>
      </c>
      <c r="P4948" s="5" t="s">
        <v>40</v>
      </c>
      <c r="Q4948" s="5" t="s">
        <v>1522</v>
      </c>
      <c r="R4948" s="5" t="s">
        <v>1523</v>
      </c>
      <c r="S4948" s="5" t="s">
        <v>42</v>
      </c>
      <c r="T4948" s="2">
        <v>2.7919999999999998</v>
      </c>
      <c r="U4948" s="2">
        <v>2.2410000000000001</v>
      </c>
      <c r="V4948" s="2">
        <v>1.4999999999999999E-2</v>
      </c>
      <c r="W4948" s="2">
        <v>118.9</v>
      </c>
      <c r="X4948" s="2">
        <v>7.6</v>
      </c>
      <c r="Y4948" s="2">
        <v>16.7</v>
      </c>
      <c r="Z4948" s="5"/>
      <c r="AA4948" s="5" t="s">
        <v>43</v>
      </c>
      <c r="AB4948" s="5" t="s">
        <v>44</v>
      </c>
      <c r="AC4948" s="2"/>
      <c r="AD4948" s="1"/>
    </row>
    <row r="4949" spans="1:30">
      <c r="A4949" s="5" t="s">
        <v>83578</v>
      </c>
      <c r="B4949" s="2" t="s">
        <v>98449</v>
      </c>
      <c r="C4949" s="14" t="s">
        <v>98450</v>
      </c>
      <c r="D4949" s="2" t="s">
        <v>98451</v>
      </c>
      <c r="E4949" s="2" t="s">
        <v>47266</v>
      </c>
      <c r="F4949" s="8">
        <v>270</v>
      </c>
      <c r="G4949" s="5">
        <v>6</v>
      </c>
      <c r="H4949" s="5" t="s">
        <v>1518</v>
      </c>
      <c r="I4949" s="5" t="s">
        <v>40939</v>
      </c>
      <c r="J4949" s="2" t="s">
        <v>40940</v>
      </c>
      <c r="K4949" s="5" t="s">
        <v>40939</v>
      </c>
      <c r="L4949" s="2" t="s">
        <v>40940</v>
      </c>
      <c r="M4949" s="5" t="s">
        <v>36266</v>
      </c>
      <c r="N4949" s="5" t="s">
        <v>38</v>
      </c>
      <c r="O4949" s="5" t="s">
        <v>39</v>
      </c>
      <c r="P4949" s="5" t="s">
        <v>40</v>
      </c>
      <c r="Q4949" s="5" t="s">
        <v>1522</v>
      </c>
      <c r="R4949" s="5" t="s">
        <v>1523</v>
      </c>
      <c r="S4949" s="5" t="s">
        <v>42</v>
      </c>
      <c r="T4949" s="2">
        <v>2.3330000000000002</v>
      </c>
      <c r="U4949" s="2">
        <v>1.863</v>
      </c>
      <c r="V4949" s="2">
        <v>1.0999999999999999E-2</v>
      </c>
      <c r="W4949" s="2">
        <v>82.9</v>
      </c>
      <c r="X4949" s="2">
        <v>7.6</v>
      </c>
      <c r="Y4949" s="2">
        <v>16.7</v>
      </c>
      <c r="Z4949" s="5"/>
      <c r="AA4949" s="5" t="s">
        <v>43</v>
      </c>
      <c r="AB4949" s="5" t="s">
        <v>44</v>
      </c>
      <c r="AC4949" s="2"/>
      <c r="AD4949" s="1"/>
    </row>
    <row r="4950" spans="1:30">
      <c r="A4950" s="5" t="s">
        <v>83578</v>
      </c>
      <c r="B4950" s="2" t="s">
        <v>98452</v>
      </c>
      <c r="C4950" s="14" t="s">
        <v>98453</v>
      </c>
      <c r="D4950" s="2" t="s">
        <v>98454</v>
      </c>
      <c r="E4950" s="2" t="s">
        <v>36277</v>
      </c>
      <c r="F4950" s="8">
        <v>252</v>
      </c>
      <c r="G4950" s="5">
        <v>6</v>
      </c>
      <c r="H4950" s="5" t="s">
        <v>1518</v>
      </c>
      <c r="I4950" s="5" t="s">
        <v>40939</v>
      </c>
      <c r="J4950" s="2" t="s">
        <v>40940</v>
      </c>
      <c r="K4950" s="5" t="s">
        <v>40939</v>
      </c>
      <c r="L4950" s="2" t="s">
        <v>40940</v>
      </c>
      <c r="M4950" s="5" t="s">
        <v>36266</v>
      </c>
      <c r="N4950" s="5" t="s">
        <v>38</v>
      </c>
      <c r="O4950" s="5" t="s">
        <v>39</v>
      </c>
      <c r="P4950" s="5" t="s">
        <v>40</v>
      </c>
      <c r="Q4950" s="5" t="s">
        <v>1522</v>
      </c>
      <c r="R4950" s="5" t="s">
        <v>1523</v>
      </c>
      <c r="S4950" s="5" t="s">
        <v>42</v>
      </c>
      <c r="T4950" s="2">
        <v>2.4140000000000001</v>
      </c>
      <c r="U4950" s="2">
        <v>1.944</v>
      </c>
      <c r="V4950" s="2">
        <v>1.0999999999999999E-2</v>
      </c>
      <c r="W4950" s="2">
        <v>82.9</v>
      </c>
      <c r="X4950" s="2">
        <v>7.6</v>
      </c>
      <c r="Y4950" s="2">
        <v>16.7</v>
      </c>
      <c r="Z4950" s="5"/>
      <c r="AA4950" s="5" t="s">
        <v>43</v>
      </c>
      <c r="AB4950" s="5" t="s">
        <v>44</v>
      </c>
      <c r="AC4950" s="2"/>
      <c r="AD4950" s="1"/>
    </row>
    <row r="4951" spans="1:30">
      <c r="A4951" s="5" t="s">
        <v>83578</v>
      </c>
      <c r="B4951" s="2" t="s">
        <v>98455</v>
      </c>
      <c r="C4951" s="14" t="s">
        <v>98456</v>
      </c>
      <c r="D4951" s="2" t="s">
        <v>98457</v>
      </c>
      <c r="E4951" s="2" t="s">
        <v>40967</v>
      </c>
      <c r="F4951" s="8">
        <v>270</v>
      </c>
      <c r="G4951" s="5">
        <v>6</v>
      </c>
      <c r="H4951" s="5" t="s">
        <v>1518</v>
      </c>
      <c r="I4951" s="5" t="s">
        <v>40939</v>
      </c>
      <c r="J4951" s="2" t="s">
        <v>40940</v>
      </c>
      <c r="K4951" s="5" t="s">
        <v>40939</v>
      </c>
      <c r="L4951" s="2" t="s">
        <v>40940</v>
      </c>
      <c r="M4951" s="5" t="s">
        <v>36266</v>
      </c>
      <c r="N4951" s="5" t="s">
        <v>38</v>
      </c>
      <c r="O4951" s="5" t="s">
        <v>39</v>
      </c>
      <c r="P4951" s="5" t="s">
        <v>40</v>
      </c>
      <c r="Q4951" s="5" t="s">
        <v>1522</v>
      </c>
      <c r="R4951" s="5" t="s">
        <v>1523</v>
      </c>
      <c r="S4951" s="5" t="s">
        <v>42</v>
      </c>
      <c r="T4951" s="2">
        <v>2.3380000000000001</v>
      </c>
      <c r="U4951" s="2">
        <v>1.8680000000000001</v>
      </c>
      <c r="V4951" s="2">
        <v>1.0999999999999999E-2</v>
      </c>
      <c r="W4951" s="2">
        <v>82.9</v>
      </c>
      <c r="X4951" s="2">
        <v>7.6</v>
      </c>
      <c r="Y4951" s="2">
        <v>16.7</v>
      </c>
      <c r="Z4951" s="5"/>
      <c r="AA4951" s="5" t="s">
        <v>43</v>
      </c>
      <c r="AB4951" s="5" t="s">
        <v>44</v>
      </c>
      <c r="AC4951" s="2"/>
      <c r="AD4951" s="1"/>
    </row>
    <row r="4952" spans="1:30">
      <c r="A4952" s="5" t="s">
        <v>83578</v>
      </c>
      <c r="B4952" s="2" t="s">
        <v>98458</v>
      </c>
      <c r="C4952" s="14" t="s">
        <v>98459</v>
      </c>
      <c r="D4952" s="2" t="s">
        <v>98460</v>
      </c>
      <c r="E4952" s="2" t="s">
        <v>47226</v>
      </c>
      <c r="F4952" s="8">
        <v>270</v>
      </c>
      <c r="G4952" s="5">
        <v>6</v>
      </c>
      <c r="H4952" s="5" t="s">
        <v>1518</v>
      </c>
      <c r="I4952" s="5" t="s">
        <v>40939</v>
      </c>
      <c r="J4952" s="2" t="s">
        <v>40940</v>
      </c>
      <c r="K4952" s="5" t="s">
        <v>40939</v>
      </c>
      <c r="L4952" s="2" t="s">
        <v>40940</v>
      </c>
      <c r="M4952" s="5" t="s">
        <v>36266</v>
      </c>
      <c r="N4952" s="5" t="s">
        <v>38</v>
      </c>
      <c r="O4952" s="5" t="s">
        <v>39</v>
      </c>
      <c r="P4952" s="5" t="s">
        <v>40</v>
      </c>
      <c r="Q4952" s="5" t="s">
        <v>1522</v>
      </c>
      <c r="R4952" s="5" t="s">
        <v>1523</v>
      </c>
      <c r="S4952" s="5" t="s">
        <v>42</v>
      </c>
      <c r="T4952" s="2">
        <v>2.3380000000000001</v>
      </c>
      <c r="U4952" s="2">
        <v>1.8680000000000001</v>
      </c>
      <c r="V4952" s="2">
        <v>1.0999999999999999E-2</v>
      </c>
      <c r="W4952" s="2">
        <v>82.9</v>
      </c>
      <c r="X4952" s="2">
        <v>7.6</v>
      </c>
      <c r="Y4952" s="2">
        <v>16.7</v>
      </c>
      <c r="Z4952" s="5"/>
      <c r="AA4952" s="5" t="s">
        <v>43</v>
      </c>
      <c r="AB4952" s="5" t="s">
        <v>44</v>
      </c>
      <c r="AC4952" s="2"/>
      <c r="AD4952" s="1"/>
    </row>
    <row r="4953" spans="1:30">
      <c r="A4953" s="5" t="s">
        <v>83578</v>
      </c>
      <c r="B4953" s="2" t="s">
        <v>98461</v>
      </c>
      <c r="C4953" s="14" t="s">
        <v>98462</v>
      </c>
      <c r="D4953" s="2" t="s">
        <v>98463</v>
      </c>
      <c r="E4953" s="2" t="s">
        <v>47735</v>
      </c>
      <c r="F4953" s="8">
        <v>270</v>
      </c>
      <c r="G4953" s="5">
        <v>6</v>
      </c>
      <c r="H4953" s="5" t="s">
        <v>1518</v>
      </c>
      <c r="I4953" s="5" t="s">
        <v>40939</v>
      </c>
      <c r="J4953" s="2" t="s">
        <v>40940</v>
      </c>
      <c r="K4953" s="5" t="s">
        <v>40939</v>
      </c>
      <c r="L4953" s="2" t="s">
        <v>40940</v>
      </c>
      <c r="M4953" s="5" t="s">
        <v>36266</v>
      </c>
      <c r="N4953" s="5" t="s">
        <v>38</v>
      </c>
      <c r="O4953" s="5" t="s">
        <v>39</v>
      </c>
      <c r="P4953" s="5" t="s">
        <v>40</v>
      </c>
      <c r="Q4953" s="5" t="s">
        <v>1522</v>
      </c>
      <c r="R4953" s="5" t="s">
        <v>1523</v>
      </c>
      <c r="S4953" s="5" t="s">
        <v>42</v>
      </c>
      <c r="T4953" s="2">
        <v>2.4039999999999999</v>
      </c>
      <c r="U4953" s="2">
        <v>1.9339999999999999</v>
      </c>
      <c r="V4953" s="2">
        <v>1.0999999999999999E-2</v>
      </c>
      <c r="W4953" s="2">
        <v>82.9</v>
      </c>
      <c r="X4953" s="2">
        <v>7.6</v>
      </c>
      <c r="Y4953" s="2">
        <v>16.7</v>
      </c>
      <c r="Z4953" s="5"/>
      <c r="AA4953" s="5" t="s">
        <v>43</v>
      </c>
      <c r="AB4953" s="5" t="s">
        <v>44</v>
      </c>
      <c r="AC4953" s="2"/>
      <c r="AD4953" s="1"/>
    </row>
    <row r="4954" spans="1:30">
      <c r="A4954" s="5" t="s">
        <v>83578</v>
      </c>
      <c r="B4954" s="2" t="s">
        <v>98464</v>
      </c>
      <c r="C4954" s="14" t="s">
        <v>98465</v>
      </c>
      <c r="D4954" s="2" t="s">
        <v>98466</v>
      </c>
      <c r="E4954" s="2" t="s">
        <v>7539</v>
      </c>
      <c r="F4954" s="8">
        <v>270</v>
      </c>
      <c r="G4954" s="5">
        <v>6</v>
      </c>
      <c r="H4954" s="5" t="s">
        <v>1518</v>
      </c>
      <c r="I4954" s="5" t="s">
        <v>40939</v>
      </c>
      <c r="J4954" s="2" t="s">
        <v>40940</v>
      </c>
      <c r="K4954" s="5" t="s">
        <v>40939</v>
      </c>
      <c r="L4954" s="2" t="s">
        <v>40940</v>
      </c>
      <c r="M4954" s="5" t="s">
        <v>36266</v>
      </c>
      <c r="N4954" s="5" t="s">
        <v>38</v>
      </c>
      <c r="O4954" s="5" t="s">
        <v>39</v>
      </c>
      <c r="P4954" s="5" t="s">
        <v>40</v>
      </c>
      <c r="Q4954" s="5" t="s">
        <v>1522</v>
      </c>
      <c r="R4954" s="5" t="s">
        <v>1523</v>
      </c>
      <c r="S4954" s="5" t="s">
        <v>42</v>
      </c>
      <c r="T4954" s="2">
        <v>2.3119999999999998</v>
      </c>
      <c r="U4954" s="2">
        <v>1.8420000000000001</v>
      </c>
      <c r="V4954" s="2">
        <v>1.0999999999999999E-2</v>
      </c>
      <c r="W4954" s="2">
        <v>82.9</v>
      </c>
      <c r="X4954" s="2">
        <v>7.6</v>
      </c>
      <c r="Y4954" s="2">
        <v>16.7</v>
      </c>
      <c r="Z4954" s="5"/>
      <c r="AA4954" s="5" t="s">
        <v>43</v>
      </c>
      <c r="AB4954" s="5" t="s">
        <v>44</v>
      </c>
      <c r="AC4954" s="2"/>
      <c r="AD4954" s="1"/>
    </row>
    <row r="4955" spans="1:30">
      <c r="A4955" s="5" t="s">
        <v>83578</v>
      </c>
      <c r="B4955" s="2" t="s">
        <v>98467</v>
      </c>
      <c r="C4955" s="14" t="s">
        <v>98468</v>
      </c>
      <c r="D4955" s="2" t="s">
        <v>98469</v>
      </c>
      <c r="E4955" s="2" t="s">
        <v>7543</v>
      </c>
      <c r="F4955" s="8">
        <v>270</v>
      </c>
      <c r="G4955" s="5">
        <v>6</v>
      </c>
      <c r="H4955" s="5" t="s">
        <v>1518</v>
      </c>
      <c r="I4955" s="5" t="s">
        <v>40939</v>
      </c>
      <c r="J4955" s="2" t="s">
        <v>40940</v>
      </c>
      <c r="K4955" s="5" t="s">
        <v>40939</v>
      </c>
      <c r="L4955" s="2" t="s">
        <v>40940</v>
      </c>
      <c r="M4955" s="5" t="s">
        <v>36266</v>
      </c>
      <c r="N4955" s="5" t="s">
        <v>38</v>
      </c>
      <c r="O4955" s="5" t="s">
        <v>39</v>
      </c>
      <c r="P4955" s="5" t="s">
        <v>40</v>
      </c>
      <c r="Q4955" s="5" t="s">
        <v>1522</v>
      </c>
      <c r="R4955" s="5" t="s">
        <v>1523</v>
      </c>
      <c r="S4955" s="5" t="s">
        <v>42</v>
      </c>
      <c r="T4955" s="2">
        <v>2.3780000000000001</v>
      </c>
      <c r="U4955" s="2">
        <v>1.9079999999999999</v>
      </c>
      <c r="V4955" s="2">
        <v>1.0999999999999999E-2</v>
      </c>
      <c r="W4955" s="2">
        <v>82.9</v>
      </c>
      <c r="X4955" s="2">
        <v>7.6</v>
      </c>
      <c r="Y4955" s="2">
        <v>16.7</v>
      </c>
      <c r="Z4955" s="5"/>
      <c r="AA4955" s="5" t="s">
        <v>43</v>
      </c>
      <c r="AB4955" s="5" t="s">
        <v>44</v>
      </c>
      <c r="AC4955" s="2"/>
      <c r="AD4955" s="1"/>
    </row>
    <row r="4956" spans="1:30">
      <c r="A4956" s="5" t="s">
        <v>83578</v>
      </c>
      <c r="B4956" s="2" t="s">
        <v>98470</v>
      </c>
      <c r="C4956" s="14" t="s">
        <v>98471</v>
      </c>
      <c r="D4956" s="2" t="s">
        <v>98472</v>
      </c>
      <c r="E4956" s="2" t="s">
        <v>40989</v>
      </c>
      <c r="F4956" s="8">
        <v>270</v>
      </c>
      <c r="G4956" s="5">
        <v>6</v>
      </c>
      <c r="H4956" s="5" t="s">
        <v>1518</v>
      </c>
      <c r="I4956" s="5" t="s">
        <v>40939</v>
      </c>
      <c r="J4956" s="2" t="s">
        <v>40940</v>
      </c>
      <c r="K4956" s="5" t="s">
        <v>40939</v>
      </c>
      <c r="L4956" s="2" t="s">
        <v>40940</v>
      </c>
      <c r="M4956" s="5" t="s">
        <v>36266</v>
      </c>
      <c r="N4956" s="5" t="s">
        <v>38</v>
      </c>
      <c r="O4956" s="5" t="s">
        <v>39</v>
      </c>
      <c r="P4956" s="5" t="s">
        <v>40</v>
      </c>
      <c r="Q4956" s="5" t="s">
        <v>1522</v>
      </c>
      <c r="R4956" s="5" t="s">
        <v>1523</v>
      </c>
      <c r="S4956" s="5" t="s">
        <v>42</v>
      </c>
      <c r="T4956" s="2">
        <v>2.3380000000000001</v>
      </c>
      <c r="U4956" s="2">
        <v>1.8680000000000001</v>
      </c>
      <c r="V4956" s="2">
        <v>1.0999999999999999E-2</v>
      </c>
      <c r="W4956" s="2">
        <v>82.9</v>
      </c>
      <c r="X4956" s="2">
        <v>7.6</v>
      </c>
      <c r="Y4956" s="2">
        <v>16.7</v>
      </c>
      <c r="Z4956" s="5"/>
      <c r="AA4956" s="5" t="s">
        <v>43</v>
      </c>
      <c r="AB4956" s="5" t="s">
        <v>44</v>
      </c>
      <c r="AC4956" s="2"/>
      <c r="AD4956" s="1"/>
    </row>
    <row r="4957" spans="1:30">
      <c r="A4957" s="5" t="s">
        <v>83578</v>
      </c>
      <c r="B4957" s="2" t="s">
        <v>98473</v>
      </c>
      <c r="C4957" s="14" t="s">
        <v>98474</v>
      </c>
      <c r="D4957" s="2" t="s">
        <v>98475</v>
      </c>
      <c r="E4957" s="2" t="s">
        <v>40997</v>
      </c>
      <c r="F4957" s="8">
        <v>270</v>
      </c>
      <c r="G4957" s="5">
        <v>6</v>
      </c>
      <c r="H4957" s="5" t="s">
        <v>1518</v>
      </c>
      <c r="I4957" s="5" t="s">
        <v>40939</v>
      </c>
      <c r="J4957" s="2" t="s">
        <v>40940</v>
      </c>
      <c r="K4957" s="5" t="s">
        <v>40939</v>
      </c>
      <c r="L4957" s="2" t="s">
        <v>40940</v>
      </c>
      <c r="M4957" s="5" t="s">
        <v>36266</v>
      </c>
      <c r="N4957" s="5" t="s">
        <v>38</v>
      </c>
      <c r="O4957" s="5" t="s">
        <v>39</v>
      </c>
      <c r="P4957" s="5" t="s">
        <v>40</v>
      </c>
      <c r="Q4957" s="5" t="s">
        <v>1522</v>
      </c>
      <c r="R4957" s="5" t="s">
        <v>1523</v>
      </c>
      <c r="S4957" s="5" t="s">
        <v>42</v>
      </c>
      <c r="T4957" s="2">
        <v>2.3170000000000002</v>
      </c>
      <c r="U4957" s="2">
        <v>1.847</v>
      </c>
      <c r="V4957" s="2">
        <v>1.0999999999999999E-2</v>
      </c>
      <c r="W4957" s="2">
        <v>82.9</v>
      </c>
      <c r="X4957" s="2">
        <v>7.6</v>
      </c>
      <c r="Y4957" s="2">
        <v>16.7</v>
      </c>
      <c r="Z4957" s="5"/>
      <c r="AA4957" s="5" t="s">
        <v>43</v>
      </c>
      <c r="AB4957" s="5" t="s">
        <v>44</v>
      </c>
      <c r="AC4957" s="2"/>
      <c r="AD4957" s="1"/>
    </row>
    <row r="4958" spans="1:30">
      <c r="A4958" s="5" t="s">
        <v>83578</v>
      </c>
      <c r="B4958" s="2" t="s">
        <v>98476</v>
      </c>
      <c r="C4958" s="14" t="s">
        <v>98477</v>
      </c>
      <c r="D4958" s="2" t="s">
        <v>98478</v>
      </c>
      <c r="E4958" s="2" t="s">
        <v>41267</v>
      </c>
      <c r="F4958" s="8">
        <v>270</v>
      </c>
      <c r="G4958" s="5">
        <v>6</v>
      </c>
      <c r="H4958" s="5" t="s">
        <v>1518</v>
      </c>
      <c r="I4958" s="5" t="s">
        <v>40939</v>
      </c>
      <c r="J4958" s="2" t="s">
        <v>40940</v>
      </c>
      <c r="K4958" s="5" t="s">
        <v>40939</v>
      </c>
      <c r="L4958" s="2" t="s">
        <v>40940</v>
      </c>
      <c r="M4958" s="5" t="s">
        <v>36266</v>
      </c>
      <c r="N4958" s="5" t="s">
        <v>38</v>
      </c>
      <c r="O4958" s="5" t="s">
        <v>39</v>
      </c>
      <c r="P4958" s="5" t="s">
        <v>40</v>
      </c>
      <c r="Q4958" s="5" t="s">
        <v>1522</v>
      </c>
      <c r="R4958" s="5" t="s">
        <v>1523</v>
      </c>
      <c r="S4958" s="5" t="s">
        <v>42</v>
      </c>
      <c r="T4958" s="2">
        <v>2.383</v>
      </c>
      <c r="U4958" s="2">
        <v>1.913</v>
      </c>
      <c r="V4958" s="2">
        <v>1.0999999999999999E-2</v>
      </c>
      <c r="W4958" s="2">
        <v>82.9</v>
      </c>
      <c r="X4958" s="2">
        <v>7.6</v>
      </c>
      <c r="Y4958" s="2">
        <v>16.7</v>
      </c>
      <c r="Z4958" s="5"/>
      <c r="AA4958" s="5" t="s">
        <v>43</v>
      </c>
      <c r="AB4958" s="5" t="s">
        <v>44</v>
      </c>
      <c r="AC4958" s="2"/>
      <c r="AD4958" s="1"/>
    </row>
    <row r="4959" spans="1:30">
      <c r="A4959" s="5" t="s">
        <v>83578</v>
      </c>
      <c r="B4959" s="2" t="s">
        <v>98479</v>
      </c>
      <c r="C4959" s="14" t="s">
        <v>98480</v>
      </c>
      <c r="D4959" s="2" t="s">
        <v>98481</v>
      </c>
      <c r="E4959" s="2" t="s">
        <v>41001</v>
      </c>
      <c r="F4959" s="8">
        <v>270</v>
      </c>
      <c r="G4959" s="5">
        <v>6</v>
      </c>
      <c r="H4959" s="5" t="s">
        <v>1518</v>
      </c>
      <c r="I4959" s="5" t="s">
        <v>40939</v>
      </c>
      <c r="J4959" s="2" t="s">
        <v>40940</v>
      </c>
      <c r="K4959" s="5" t="s">
        <v>40939</v>
      </c>
      <c r="L4959" s="2" t="s">
        <v>40940</v>
      </c>
      <c r="M4959" s="5" t="s">
        <v>36266</v>
      </c>
      <c r="N4959" s="5" t="s">
        <v>38</v>
      </c>
      <c r="O4959" s="5" t="s">
        <v>39</v>
      </c>
      <c r="P4959" s="5" t="s">
        <v>40</v>
      </c>
      <c r="Q4959" s="5" t="s">
        <v>1522</v>
      </c>
      <c r="R4959" s="5" t="s">
        <v>1523</v>
      </c>
      <c r="S4959" s="5" t="s">
        <v>42</v>
      </c>
      <c r="T4959" s="2">
        <v>2.3380000000000001</v>
      </c>
      <c r="U4959" s="2">
        <v>1.8680000000000001</v>
      </c>
      <c r="V4959" s="2">
        <v>1.0999999999999999E-2</v>
      </c>
      <c r="W4959" s="2">
        <v>82.9</v>
      </c>
      <c r="X4959" s="2">
        <v>7.6</v>
      </c>
      <c r="Y4959" s="2">
        <v>16.7</v>
      </c>
      <c r="Z4959" s="5"/>
      <c r="AA4959" s="5" t="s">
        <v>43</v>
      </c>
      <c r="AB4959" s="5" t="s">
        <v>44</v>
      </c>
      <c r="AC4959" s="2"/>
      <c r="AD4959" s="1"/>
    </row>
    <row r="4960" spans="1:30">
      <c r="A4960" s="5" t="s">
        <v>83578</v>
      </c>
      <c r="B4960" s="2" t="s">
        <v>98482</v>
      </c>
      <c r="C4960" s="14" t="s">
        <v>98483</v>
      </c>
      <c r="D4960" s="2" t="s">
        <v>98484</v>
      </c>
      <c r="E4960" s="2" t="s">
        <v>41005</v>
      </c>
      <c r="F4960" s="8">
        <v>270</v>
      </c>
      <c r="G4960" s="5">
        <v>6</v>
      </c>
      <c r="H4960" s="5" t="s">
        <v>1518</v>
      </c>
      <c r="I4960" s="5" t="s">
        <v>40939</v>
      </c>
      <c r="J4960" s="2" t="s">
        <v>40940</v>
      </c>
      <c r="K4960" s="5" t="s">
        <v>40939</v>
      </c>
      <c r="L4960" s="2" t="s">
        <v>40940</v>
      </c>
      <c r="M4960" s="5" t="s">
        <v>36266</v>
      </c>
      <c r="N4960" s="5" t="s">
        <v>38</v>
      </c>
      <c r="O4960" s="5" t="s">
        <v>39</v>
      </c>
      <c r="P4960" s="5" t="s">
        <v>40</v>
      </c>
      <c r="Q4960" s="5" t="s">
        <v>1522</v>
      </c>
      <c r="R4960" s="5" t="s">
        <v>1523</v>
      </c>
      <c r="S4960" s="5" t="s">
        <v>42</v>
      </c>
      <c r="T4960" s="2">
        <v>2.4039999999999999</v>
      </c>
      <c r="U4960" s="2">
        <v>1.9339999999999999</v>
      </c>
      <c r="V4960" s="2">
        <v>1.0999999999999999E-2</v>
      </c>
      <c r="W4960" s="2">
        <v>82.9</v>
      </c>
      <c r="X4960" s="2">
        <v>7.6</v>
      </c>
      <c r="Y4960" s="2">
        <v>16.7</v>
      </c>
      <c r="Z4960" s="5"/>
      <c r="AA4960" s="5" t="s">
        <v>43</v>
      </c>
      <c r="AB4960" s="5" t="s">
        <v>44</v>
      </c>
      <c r="AC4960" s="2"/>
      <c r="AD4960" s="1"/>
    </row>
    <row r="4961" spans="1:30">
      <c r="A4961" s="5" t="s">
        <v>83578</v>
      </c>
      <c r="B4961" s="2" t="s">
        <v>98485</v>
      </c>
      <c r="C4961" s="14" t="s">
        <v>98486</v>
      </c>
      <c r="D4961" s="2" t="s">
        <v>98487</v>
      </c>
      <c r="E4961" s="2" t="s">
        <v>41009</v>
      </c>
      <c r="F4961" s="8">
        <v>270</v>
      </c>
      <c r="G4961" s="5">
        <v>6</v>
      </c>
      <c r="H4961" s="5" t="s">
        <v>1518</v>
      </c>
      <c r="I4961" s="5" t="s">
        <v>40939</v>
      </c>
      <c r="J4961" s="2" t="s">
        <v>40940</v>
      </c>
      <c r="K4961" s="5" t="s">
        <v>40939</v>
      </c>
      <c r="L4961" s="2" t="s">
        <v>40940</v>
      </c>
      <c r="M4961" s="5" t="s">
        <v>36266</v>
      </c>
      <c r="N4961" s="5" t="s">
        <v>38</v>
      </c>
      <c r="O4961" s="5" t="s">
        <v>39</v>
      </c>
      <c r="P4961" s="5" t="s">
        <v>40</v>
      </c>
      <c r="Q4961" s="5" t="s">
        <v>1522</v>
      </c>
      <c r="R4961" s="5" t="s">
        <v>1523</v>
      </c>
      <c r="S4961" s="5" t="s">
        <v>42</v>
      </c>
      <c r="T4961" s="2">
        <v>2.343</v>
      </c>
      <c r="U4961" s="2">
        <v>1.873</v>
      </c>
      <c r="V4961" s="2">
        <v>1.0999999999999999E-2</v>
      </c>
      <c r="W4961" s="2">
        <v>82.9</v>
      </c>
      <c r="X4961" s="2">
        <v>7.6</v>
      </c>
      <c r="Y4961" s="2">
        <v>16.7</v>
      </c>
      <c r="Z4961" s="5"/>
      <c r="AA4961" s="5" t="s">
        <v>43</v>
      </c>
      <c r="AB4961" s="5" t="s">
        <v>44</v>
      </c>
      <c r="AC4961" s="2"/>
      <c r="AD4961" s="1"/>
    </row>
    <row r="4962" spans="1:30">
      <c r="A4962" s="5" t="s">
        <v>83578</v>
      </c>
      <c r="B4962" s="2" t="s">
        <v>98488</v>
      </c>
      <c r="C4962" s="14" t="s">
        <v>98489</v>
      </c>
      <c r="D4962" s="2" t="s">
        <v>98490</v>
      </c>
      <c r="E4962" s="2" t="s">
        <v>41013</v>
      </c>
      <c r="F4962" s="8">
        <v>270</v>
      </c>
      <c r="G4962" s="5">
        <v>6</v>
      </c>
      <c r="H4962" s="5" t="s">
        <v>1518</v>
      </c>
      <c r="I4962" s="5" t="s">
        <v>40939</v>
      </c>
      <c r="J4962" s="2" t="s">
        <v>40940</v>
      </c>
      <c r="K4962" s="5" t="s">
        <v>40939</v>
      </c>
      <c r="L4962" s="2" t="s">
        <v>40940</v>
      </c>
      <c r="M4962" s="5" t="s">
        <v>36266</v>
      </c>
      <c r="N4962" s="5" t="s">
        <v>38</v>
      </c>
      <c r="O4962" s="5" t="s">
        <v>39</v>
      </c>
      <c r="P4962" s="5" t="s">
        <v>40</v>
      </c>
      <c r="Q4962" s="5" t="s">
        <v>1522</v>
      </c>
      <c r="R4962" s="5" t="s">
        <v>1523</v>
      </c>
      <c r="S4962" s="5" t="s">
        <v>42</v>
      </c>
      <c r="T4962" s="2">
        <v>2.4089999999999998</v>
      </c>
      <c r="U4962" s="2">
        <v>1.9390000000000001</v>
      </c>
      <c r="V4962" s="2">
        <v>1.0999999999999999E-2</v>
      </c>
      <c r="W4962" s="2">
        <v>82.9</v>
      </c>
      <c r="X4962" s="2">
        <v>7.6</v>
      </c>
      <c r="Y4962" s="2">
        <v>16.7</v>
      </c>
      <c r="Z4962" s="5"/>
      <c r="AA4962" s="5" t="s">
        <v>43</v>
      </c>
      <c r="AB4962" s="5" t="s">
        <v>44</v>
      </c>
      <c r="AC4962" s="2"/>
      <c r="AD4962" s="1"/>
    </row>
    <row r="4963" spans="1:30">
      <c r="A4963" s="5" t="s">
        <v>83578</v>
      </c>
      <c r="B4963" s="2" t="s">
        <v>98491</v>
      </c>
      <c r="C4963" s="14" t="s">
        <v>98492</v>
      </c>
      <c r="D4963" s="2" t="s">
        <v>98493</v>
      </c>
      <c r="E4963" s="2" t="s">
        <v>7396</v>
      </c>
      <c r="F4963" s="8">
        <v>252</v>
      </c>
      <c r="G4963" s="5">
        <v>6</v>
      </c>
      <c r="H4963" s="5" t="s">
        <v>1518</v>
      </c>
      <c r="I4963" s="5" t="s">
        <v>40939</v>
      </c>
      <c r="J4963" s="2" t="s">
        <v>40940</v>
      </c>
      <c r="K4963" s="5" t="s">
        <v>40939</v>
      </c>
      <c r="L4963" s="2" t="s">
        <v>40940</v>
      </c>
      <c r="M4963" s="5" t="s">
        <v>36266</v>
      </c>
      <c r="N4963" s="5" t="s">
        <v>38</v>
      </c>
      <c r="O4963" s="5" t="s">
        <v>39</v>
      </c>
      <c r="P4963" s="5" t="s">
        <v>40</v>
      </c>
      <c r="Q4963" s="5" t="s">
        <v>1522</v>
      </c>
      <c r="R4963" s="5" t="s">
        <v>1523</v>
      </c>
      <c r="S4963" s="5" t="s">
        <v>42</v>
      </c>
      <c r="T4963" s="2">
        <v>2.343</v>
      </c>
      <c r="U4963" s="2">
        <v>1.873</v>
      </c>
      <c r="V4963" s="2">
        <v>1.0999999999999999E-2</v>
      </c>
      <c r="W4963" s="2">
        <v>82.9</v>
      </c>
      <c r="X4963" s="2">
        <v>7.6</v>
      </c>
      <c r="Y4963" s="2">
        <v>16.7</v>
      </c>
      <c r="Z4963" s="5"/>
      <c r="AA4963" s="5" t="s">
        <v>43</v>
      </c>
      <c r="AB4963" s="5" t="s">
        <v>44</v>
      </c>
      <c r="AC4963" s="2"/>
      <c r="AD4963" s="1"/>
    </row>
    <row r="4964" spans="1:30">
      <c r="A4964" s="5" t="s">
        <v>83578</v>
      </c>
      <c r="B4964" s="2" t="s">
        <v>98494</v>
      </c>
      <c r="C4964" s="14" t="s">
        <v>98495</v>
      </c>
      <c r="D4964" s="2" t="s">
        <v>98496</v>
      </c>
      <c r="E4964" s="2" t="s">
        <v>41023</v>
      </c>
      <c r="F4964" s="8">
        <v>270</v>
      </c>
      <c r="G4964" s="5">
        <v>6</v>
      </c>
      <c r="H4964" s="5" t="s">
        <v>1518</v>
      </c>
      <c r="I4964" s="5" t="s">
        <v>40939</v>
      </c>
      <c r="J4964" s="2" t="s">
        <v>40940</v>
      </c>
      <c r="K4964" s="5" t="s">
        <v>40939</v>
      </c>
      <c r="L4964" s="2" t="s">
        <v>40940</v>
      </c>
      <c r="M4964" s="5" t="s">
        <v>36266</v>
      </c>
      <c r="N4964" s="5" t="s">
        <v>38</v>
      </c>
      <c r="O4964" s="5" t="s">
        <v>39</v>
      </c>
      <c r="P4964" s="5" t="s">
        <v>40</v>
      </c>
      <c r="Q4964" s="5" t="s">
        <v>1522</v>
      </c>
      <c r="R4964" s="5" t="s">
        <v>1523</v>
      </c>
      <c r="S4964" s="5" t="s">
        <v>42</v>
      </c>
      <c r="T4964" s="2">
        <v>2.3170000000000002</v>
      </c>
      <c r="U4964" s="2">
        <v>1.847</v>
      </c>
      <c r="V4964" s="2">
        <v>1.0999999999999999E-2</v>
      </c>
      <c r="W4964" s="2">
        <v>82.9</v>
      </c>
      <c r="X4964" s="2">
        <v>7.6</v>
      </c>
      <c r="Y4964" s="2">
        <v>16.7</v>
      </c>
      <c r="Z4964" s="5"/>
      <c r="AA4964" s="5" t="s">
        <v>43</v>
      </c>
      <c r="AB4964" s="5" t="s">
        <v>44</v>
      </c>
      <c r="AC4964" s="2"/>
      <c r="AD4964" s="1"/>
    </row>
    <row r="4965" spans="1:30">
      <c r="A4965" s="5" t="s">
        <v>83578</v>
      </c>
      <c r="B4965" s="2" t="s">
        <v>98497</v>
      </c>
      <c r="C4965" s="14" t="s">
        <v>98498</v>
      </c>
      <c r="D4965" s="2" t="s">
        <v>98499</v>
      </c>
      <c r="E4965" s="2" t="s">
        <v>41027</v>
      </c>
      <c r="F4965" s="8">
        <v>270</v>
      </c>
      <c r="G4965" s="5">
        <v>6</v>
      </c>
      <c r="H4965" s="5" t="s">
        <v>1518</v>
      </c>
      <c r="I4965" s="5" t="s">
        <v>40939</v>
      </c>
      <c r="J4965" s="2" t="s">
        <v>40940</v>
      </c>
      <c r="K4965" s="5" t="s">
        <v>40939</v>
      </c>
      <c r="L4965" s="2" t="s">
        <v>40940</v>
      </c>
      <c r="M4965" s="5" t="s">
        <v>36266</v>
      </c>
      <c r="N4965" s="5" t="s">
        <v>38</v>
      </c>
      <c r="O4965" s="5" t="s">
        <v>39</v>
      </c>
      <c r="P4965" s="5" t="s">
        <v>40</v>
      </c>
      <c r="Q4965" s="5" t="s">
        <v>1522</v>
      </c>
      <c r="R4965" s="5" t="s">
        <v>1523</v>
      </c>
      <c r="S4965" s="5" t="s">
        <v>42</v>
      </c>
      <c r="T4965" s="2">
        <v>2.383</v>
      </c>
      <c r="U4965" s="2">
        <v>1.913</v>
      </c>
      <c r="V4965" s="2">
        <v>1.0999999999999999E-2</v>
      </c>
      <c r="W4965" s="2">
        <v>82.9</v>
      </c>
      <c r="X4965" s="2">
        <v>7.6</v>
      </c>
      <c r="Y4965" s="2">
        <v>16.7</v>
      </c>
      <c r="Z4965" s="5"/>
      <c r="AA4965" s="5" t="s">
        <v>43</v>
      </c>
      <c r="AB4965" s="5" t="s">
        <v>44</v>
      </c>
      <c r="AC4965" s="2"/>
      <c r="AD4965" s="1"/>
    </row>
    <row r="4966" spans="1:30">
      <c r="A4966" s="5" t="s">
        <v>83578</v>
      </c>
      <c r="B4966" s="2" t="s">
        <v>98500</v>
      </c>
      <c r="C4966" s="14" t="s">
        <v>98501</v>
      </c>
      <c r="D4966" s="2" t="s">
        <v>98502</v>
      </c>
      <c r="E4966" s="2" t="s">
        <v>41031</v>
      </c>
      <c r="F4966" s="8">
        <v>270</v>
      </c>
      <c r="G4966" s="5">
        <v>6</v>
      </c>
      <c r="H4966" s="5" t="s">
        <v>1518</v>
      </c>
      <c r="I4966" s="5" t="s">
        <v>40939</v>
      </c>
      <c r="J4966" s="2" t="s">
        <v>40940</v>
      </c>
      <c r="K4966" s="5" t="s">
        <v>40939</v>
      </c>
      <c r="L4966" s="2" t="s">
        <v>40940</v>
      </c>
      <c r="M4966" s="5" t="s">
        <v>36266</v>
      </c>
      <c r="N4966" s="5" t="s">
        <v>38</v>
      </c>
      <c r="O4966" s="5" t="s">
        <v>39</v>
      </c>
      <c r="P4966" s="5" t="s">
        <v>40</v>
      </c>
      <c r="Q4966" s="5" t="s">
        <v>1522</v>
      </c>
      <c r="R4966" s="5" t="s">
        <v>1523</v>
      </c>
      <c r="S4966" s="5" t="s">
        <v>42</v>
      </c>
      <c r="T4966" s="2">
        <v>2.3170000000000002</v>
      </c>
      <c r="U4966" s="2">
        <v>1.847</v>
      </c>
      <c r="V4966" s="2">
        <v>1.0999999999999999E-2</v>
      </c>
      <c r="W4966" s="2">
        <v>82.9</v>
      </c>
      <c r="X4966" s="2">
        <v>7.6</v>
      </c>
      <c r="Y4966" s="2">
        <v>16.7</v>
      </c>
      <c r="Z4966" s="5"/>
      <c r="AA4966" s="5" t="s">
        <v>43</v>
      </c>
      <c r="AB4966" s="5" t="s">
        <v>44</v>
      </c>
      <c r="AC4966" s="2"/>
      <c r="AD4966" s="1"/>
    </row>
    <row r="4967" spans="1:30">
      <c r="A4967" s="5" t="s">
        <v>83578</v>
      </c>
      <c r="B4967" s="2" t="s">
        <v>98503</v>
      </c>
      <c r="C4967" s="14" t="s">
        <v>98504</v>
      </c>
      <c r="D4967" s="2" t="s">
        <v>98505</v>
      </c>
      <c r="E4967" s="2" t="s">
        <v>41035</v>
      </c>
      <c r="F4967" s="8">
        <v>270</v>
      </c>
      <c r="G4967" s="5">
        <v>6</v>
      </c>
      <c r="H4967" s="5" t="s">
        <v>1518</v>
      </c>
      <c r="I4967" s="5" t="s">
        <v>40939</v>
      </c>
      <c r="J4967" s="2" t="s">
        <v>40940</v>
      </c>
      <c r="K4967" s="5" t="s">
        <v>40939</v>
      </c>
      <c r="L4967" s="2" t="s">
        <v>40940</v>
      </c>
      <c r="M4967" s="5" t="s">
        <v>36266</v>
      </c>
      <c r="N4967" s="5" t="s">
        <v>38</v>
      </c>
      <c r="O4967" s="5" t="s">
        <v>39</v>
      </c>
      <c r="P4967" s="5" t="s">
        <v>40</v>
      </c>
      <c r="Q4967" s="5" t="s">
        <v>1522</v>
      </c>
      <c r="R4967" s="5" t="s">
        <v>1523</v>
      </c>
      <c r="S4967" s="5" t="s">
        <v>42</v>
      </c>
      <c r="T4967" s="2">
        <v>2.383</v>
      </c>
      <c r="U4967" s="2">
        <v>1.913</v>
      </c>
      <c r="V4967" s="2">
        <v>1.0999999999999999E-2</v>
      </c>
      <c r="W4967" s="2">
        <v>82.9</v>
      </c>
      <c r="X4967" s="2">
        <v>7.6</v>
      </c>
      <c r="Y4967" s="2">
        <v>16.7</v>
      </c>
      <c r="Z4967" s="5"/>
      <c r="AA4967" s="5" t="s">
        <v>43</v>
      </c>
      <c r="AB4967" s="5" t="s">
        <v>44</v>
      </c>
      <c r="AC4967" s="2"/>
      <c r="AD4967" s="1"/>
    </row>
    <row r="4968" spans="1:30">
      <c r="A4968" s="5" t="s">
        <v>83578</v>
      </c>
      <c r="B4968" s="2" t="s">
        <v>98506</v>
      </c>
      <c r="C4968" s="14" t="s">
        <v>98507</v>
      </c>
      <c r="D4968" s="2" t="s">
        <v>98508</v>
      </c>
      <c r="E4968" s="2" t="s">
        <v>7449</v>
      </c>
      <c r="F4968" s="8">
        <v>270</v>
      </c>
      <c r="G4968" s="5">
        <v>6</v>
      </c>
      <c r="H4968" s="5" t="s">
        <v>1518</v>
      </c>
      <c r="I4968" s="5" t="s">
        <v>40939</v>
      </c>
      <c r="J4968" s="2" t="s">
        <v>40940</v>
      </c>
      <c r="K4968" s="5" t="s">
        <v>40939</v>
      </c>
      <c r="L4968" s="2" t="s">
        <v>40940</v>
      </c>
      <c r="M4968" s="5" t="s">
        <v>36266</v>
      </c>
      <c r="N4968" s="5" t="s">
        <v>38</v>
      </c>
      <c r="O4968" s="5" t="s">
        <v>39</v>
      </c>
      <c r="P4968" s="5" t="s">
        <v>40</v>
      </c>
      <c r="Q4968" s="5" t="s">
        <v>1522</v>
      </c>
      <c r="R4968" s="5" t="s">
        <v>1523</v>
      </c>
      <c r="S4968" s="5" t="s">
        <v>42</v>
      </c>
      <c r="T4968" s="2">
        <v>2.3170000000000002</v>
      </c>
      <c r="U4968" s="2">
        <v>1.847</v>
      </c>
      <c r="V4968" s="2">
        <v>1.0999999999999999E-2</v>
      </c>
      <c r="W4968" s="2">
        <v>82.9</v>
      </c>
      <c r="X4968" s="2">
        <v>7.6</v>
      </c>
      <c r="Y4968" s="2">
        <v>16.7</v>
      </c>
      <c r="Z4968" s="5"/>
      <c r="AA4968" s="5" t="s">
        <v>43</v>
      </c>
      <c r="AB4968" s="5" t="s">
        <v>44</v>
      </c>
      <c r="AC4968" s="2"/>
      <c r="AD4968" s="1"/>
    </row>
    <row r="4969" spans="1:30">
      <c r="A4969" s="5" t="s">
        <v>83578</v>
      </c>
      <c r="B4969" s="2" t="s">
        <v>98509</v>
      </c>
      <c r="C4969" s="14" t="s">
        <v>98510</v>
      </c>
      <c r="D4969" s="2" t="s">
        <v>98511</v>
      </c>
      <c r="E4969" s="2" t="s">
        <v>7581</v>
      </c>
      <c r="F4969" s="8">
        <v>270</v>
      </c>
      <c r="G4969" s="5">
        <v>6</v>
      </c>
      <c r="H4969" s="5" t="s">
        <v>1518</v>
      </c>
      <c r="I4969" s="5" t="s">
        <v>40939</v>
      </c>
      <c r="J4969" s="2" t="s">
        <v>40940</v>
      </c>
      <c r="K4969" s="5" t="s">
        <v>40939</v>
      </c>
      <c r="L4969" s="2" t="s">
        <v>40940</v>
      </c>
      <c r="M4969" s="5" t="s">
        <v>36266</v>
      </c>
      <c r="N4969" s="5" t="s">
        <v>38</v>
      </c>
      <c r="O4969" s="5" t="s">
        <v>39</v>
      </c>
      <c r="P4969" s="5" t="s">
        <v>40</v>
      </c>
      <c r="Q4969" s="5" t="s">
        <v>1522</v>
      </c>
      <c r="R4969" s="5" t="s">
        <v>1523</v>
      </c>
      <c r="S4969" s="5" t="s">
        <v>42</v>
      </c>
      <c r="T4969" s="2">
        <v>2.383</v>
      </c>
      <c r="U4969" s="2">
        <v>1.913</v>
      </c>
      <c r="V4969" s="2">
        <v>1.0999999999999999E-2</v>
      </c>
      <c r="W4969" s="2">
        <v>82.9</v>
      </c>
      <c r="X4969" s="2">
        <v>7.6</v>
      </c>
      <c r="Y4969" s="2">
        <v>16.7</v>
      </c>
      <c r="Z4969" s="5"/>
      <c r="AA4969" s="5" t="s">
        <v>43</v>
      </c>
      <c r="AB4969" s="5" t="s">
        <v>44</v>
      </c>
      <c r="AC4969" s="2"/>
      <c r="AD4969" s="1"/>
    </row>
    <row r="4970" spans="1:30">
      <c r="A4970" s="5" t="s">
        <v>83578</v>
      </c>
      <c r="B4970" s="2" t="s">
        <v>98512</v>
      </c>
      <c r="C4970" s="14" t="s">
        <v>98513</v>
      </c>
      <c r="D4970" s="2" t="s">
        <v>98514</v>
      </c>
      <c r="E4970" s="2" t="s">
        <v>41045</v>
      </c>
      <c r="F4970" s="8">
        <v>270</v>
      </c>
      <c r="G4970" s="5">
        <v>6</v>
      </c>
      <c r="H4970" s="5" t="s">
        <v>1518</v>
      </c>
      <c r="I4970" s="5" t="s">
        <v>40939</v>
      </c>
      <c r="J4970" s="2" t="s">
        <v>40940</v>
      </c>
      <c r="K4970" s="5" t="s">
        <v>40939</v>
      </c>
      <c r="L4970" s="2" t="s">
        <v>40940</v>
      </c>
      <c r="M4970" s="5" t="s">
        <v>36266</v>
      </c>
      <c r="N4970" s="5" t="s">
        <v>38</v>
      </c>
      <c r="O4970" s="5" t="s">
        <v>39</v>
      </c>
      <c r="P4970" s="5" t="s">
        <v>40</v>
      </c>
      <c r="Q4970" s="5" t="s">
        <v>1522</v>
      </c>
      <c r="R4970" s="5" t="s">
        <v>1523</v>
      </c>
      <c r="S4970" s="5" t="s">
        <v>42</v>
      </c>
      <c r="T4970" s="2">
        <v>2.3479999999999999</v>
      </c>
      <c r="U4970" s="2">
        <v>1.8779999999999999</v>
      </c>
      <c r="V4970" s="2">
        <v>1.0999999999999999E-2</v>
      </c>
      <c r="W4970" s="2">
        <v>82.9</v>
      </c>
      <c r="X4970" s="2">
        <v>7.6</v>
      </c>
      <c r="Y4970" s="2">
        <v>16.7</v>
      </c>
      <c r="Z4970" s="5"/>
      <c r="AA4970" s="5" t="s">
        <v>43</v>
      </c>
      <c r="AB4970" s="5" t="s">
        <v>44</v>
      </c>
      <c r="AC4970" s="2"/>
      <c r="AD4970" s="1"/>
    </row>
    <row r="4971" spans="1:30">
      <c r="A4971" s="5" t="s">
        <v>83578</v>
      </c>
      <c r="B4971" s="2" t="s">
        <v>98515</v>
      </c>
      <c r="C4971" s="14" t="s">
        <v>98516</v>
      </c>
      <c r="D4971" s="2" t="s">
        <v>98517</v>
      </c>
      <c r="E4971" s="2" t="s">
        <v>41049</v>
      </c>
      <c r="F4971" s="8">
        <v>270</v>
      </c>
      <c r="G4971" s="5">
        <v>6</v>
      </c>
      <c r="H4971" s="5" t="s">
        <v>1518</v>
      </c>
      <c r="I4971" s="5" t="s">
        <v>40939</v>
      </c>
      <c r="J4971" s="2" t="s">
        <v>40940</v>
      </c>
      <c r="K4971" s="5" t="s">
        <v>40939</v>
      </c>
      <c r="L4971" s="2" t="s">
        <v>40940</v>
      </c>
      <c r="M4971" s="5" t="s">
        <v>36266</v>
      </c>
      <c r="N4971" s="5" t="s">
        <v>38</v>
      </c>
      <c r="O4971" s="5" t="s">
        <v>39</v>
      </c>
      <c r="P4971" s="5" t="s">
        <v>40</v>
      </c>
      <c r="Q4971" s="5" t="s">
        <v>1522</v>
      </c>
      <c r="R4971" s="5" t="s">
        <v>1523</v>
      </c>
      <c r="S4971" s="5" t="s">
        <v>42</v>
      </c>
      <c r="T4971" s="2">
        <v>2.4140000000000001</v>
      </c>
      <c r="U4971" s="2">
        <v>1.944</v>
      </c>
      <c r="V4971" s="2">
        <v>1.0999999999999999E-2</v>
      </c>
      <c r="W4971" s="2">
        <v>82.9</v>
      </c>
      <c r="X4971" s="2">
        <v>7.6</v>
      </c>
      <c r="Y4971" s="2">
        <v>16.7</v>
      </c>
      <c r="Z4971" s="5"/>
      <c r="AA4971" s="5" t="s">
        <v>43</v>
      </c>
      <c r="AB4971" s="5" t="s">
        <v>44</v>
      </c>
      <c r="AC4971" s="2"/>
      <c r="AD4971" s="1"/>
    </row>
    <row r="4972" spans="1:30">
      <c r="A4972" s="5" t="s">
        <v>83578</v>
      </c>
      <c r="B4972" s="2" t="s">
        <v>98518</v>
      </c>
      <c r="C4972" s="14" t="s">
        <v>98519</v>
      </c>
      <c r="D4972" s="2" t="s">
        <v>98520</v>
      </c>
      <c r="E4972" s="2" t="s">
        <v>36273</v>
      </c>
      <c r="F4972" s="8">
        <v>265</v>
      </c>
      <c r="G4972" s="5">
        <v>6</v>
      </c>
      <c r="H4972" s="5" t="s">
        <v>1518</v>
      </c>
      <c r="I4972" s="5" t="s">
        <v>40939</v>
      </c>
      <c r="J4972" s="2" t="s">
        <v>40940</v>
      </c>
      <c r="K4972" s="5" t="s">
        <v>40939</v>
      </c>
      <c r="L4972" s="2" t="s">
        <v>40940</v>
      </c>
      <c r="M4972" s="5" t="s">
        <v>36266</v>
      </c>
      <c r="N4972" s="5" t="s">
        <v>38</v>
      </c>
      <c r="O4972" s="5" t="s">
        <v>39</v>
      </c>
      <c r="P4972" s="5" t="s">
        <v>40</v>
      </c>
      <c r="Q4972" s="5" t="s">
        <v>1522</v>
      </c>
      <c r="R4972" s="5" t="s">
        <v>1523</v>
      </c>
      <c r="S4972" s="5" t="s">
        <v>42</v>
      </c>
      <c r="T4972" s="2">
        <v>2.59</v>
      </c>
      <c r="U4972" s="2">
        <v>2.0329999999999999</v>
      </c>
      <c r="V4972" s="2">
        <v>1.4999999999999999E-2</v>
      </c>
      <c r="W4972" s="2">
        <v>118.9</v>
      </c>
      <c r="X4972" s="2">
        <v>7.6</v>
      </c>
      <c r="Y4972" s="2">
        <v>16.7</v>
      </c>
      <c r="Z4972" s="5"/>
      <c r="AA4972" s="5" t="s">
        <v>43</v>
      </c>
      <c r="AB4972" s="5" t="s">
        <v>44</v>
      </c>
      <c r="AC4972" s="2"/>
      <c r="AD4972" s="1"/>
    </row>
    <row r="4973" spans="1:30">
      <c r="A4973" s="5" t="s">
        <v>83578</v>
      </c>
      <c r="B4973" s="2" t="s">
        <v>98521</v>
      </c>
      <c r="C4973" s="14" t="s">
        <v>98522</v>
      </c>
      <c r="D4973" s="2" t="s">
        <v>98523</v>
      </c>
      <c r="E4973" s="2" t="s">
        <v>47226</v>
      </c>
      <c r="F4973" s="8">
        <v>285</v>
      </c>
      <c r="G4973" s="5">
        <v>6</v>
      </c>
      <c r="H4973" s="5" t="s">
        <v>1518</v>
      </c>
      <c r="I4973" s="5" t="s">
        <v>40939</v>
      </c>
      <c r="J4973" s="2" t="s">
        <v>40940</v>
      </c>
      <c r="K4973" s="5" t="s">
        <v>40939</v>
      </c>
      <c r="L4973" s="2" t="s">
        <v>40940</v>
      </c>
      <c r="M4973" s="5" t="s">
        <v>36266</v>
      </c>
      <c r="N4973" s="5" t="s">
        <v>38</v>
      </c>
      <c r="O4973" s="5" t="s">
        <v>39</v>
      </c>
      <c r="P4973" s="5" t="s">
        <v>40</v>
      </c>
      <c r="Q4973" s="5" t="s">
        <v>1522</v>
      </c>
      <c r="R4973" s="5" t="s">
        <v>1523</v>
      </c>
      <c r="S4973" s="5" t="s">
        <v>42</v>
      </c>
      <c r="T4973" s="2">
        <v>2.5779999999999998</v>
      </c>
      <c r="U4973" s="2">
        <v>2.0209999999999999</v>
      </c>
      <c r="V4973" s="2">
        <v>1.4999999999999999E-2</v>
      </c>
      <c r="W4973" s="2">
        <v>118.9</v>
      </c>
      <c r="X4973" s="2">
        <v>7.6</v>
      </c>
      <c r="Y4973" s="2">
        <v>16.7</v>
      </c>
      <c r="Z4973" s="5"/>
      <c r="AA4973" s="5" t="s">
        <v>43</v>
      </c>
      <c r="AB4973" s="5" t="s">
        <v>44</v>
      </c>
      <c r="AC4973" s="2"/>
      <c r="AD4973" s="1"/>
    </row>
    <row r="4974" spans="1:30">
      <c r="A4974" s="5" t="s">
        <v>83578</v>
      </c>
      <c r="B4974" s="2" t="s">
        <v>98524</v>
      </c>
      <c r="C4974" s="14" t="s">
        <v>98525</v>
      </c>
      <c r="D4974" s="2" t="s">
        <v>98526</v>
      </c>
      <c r="E4974" s="2" t="s">
        <v>41001</v>
      </c>
      <c r="F4974" s="8">
        <v>285</v>
      </c>
      <c r="G4974" s="5">
        <v>6</v>
      </c>
      <c r="H4974" s="5" t="s">
        <v>1518</v>
      </c>
      <c r="I4974" s="5" t="s">
        <v>40939</v>
      </c>
      <c r="J4974" s="2" t="s">
        <v>40940</v>
      </c>
      <c r="K4974" s="5" t="s">
        <v>40939</v>
      </c>
      <c r="L4974" s="2" t="s">
        <v>40940</v>
      </c>
      <c r="M4974" s="5" t="s">
        <v>36266</v>
      </c>
      <c r="N4974" s="5" t="s">
        <v>38</v>
      </c>
      <c r="O4974" s="5" t="s">
        <v>39</v>
      </c>
      <c r="P4974" s="5" t="s">
        <v>40</v>
      </c>
      <c r="Q4974" s="5" t="s">
        <v>1522</v>
      </c>
      <c r="R4974" s="5" t="s">
        <v>1523</v>
      </c>
      <c r="S4974" s="5" t="s">
        <v>42</v>
      </c>
      <c r="T4974" s="2">
        <v>2.5779999999999998</v>
      </c>
      <c r="U4974" s="2">
        <v>2.0209999999999999</v>
      </c>
      <c r="V4974" s="2">
        <v>1.4999999999999999E-2</v>
      </c>
      <c r="W4974" s="2">
        <v>118.9</v>
      </c>
      <c r="X4974" s="2">
        <v>7.6</v>
      </c>
      <c r="Y4974" s="2">
        <v>16.7</v>
      </c>
      <c r="Z4974" s="5"/>
      <c r="AA4974" s="5" t="s">
        <v>43</v>
      </c>
      <c r="AB4974" s="5" t="s">
        <v>44</v>
      </c>
      <c r="AC4974" s="2"/>
      <c r="AD4974" s="1"/>
    </row>
    <row r="4975" spans="1:30">
      <c r="A4975" s="5" t="s">
        <v>83578</v>
      </c>
      <c r="B4975" s="2" t="s">
        <v>98527</v>
      </c>
      <c r="C4975" s="14" t="s">
        <v>98528</v>
      </c>
      <c r="D4975" s="2" t="s">
        <v>98529</v>
      </c>
      <c r="E4975" s="2" t="s">
        <v>41009</v>
      </c>
      <c r="F4975" s="8">
        <v>285</v>
      </c>
      <c r="G4975" s="5">
        <v>6</v>
      </c>
      <c r="H4975" s="5" t="s">
        <v>1518</v>
      </c>
      <c r="I4975" s="5" t="s">
        <v>40939</v>
      </c>
      <c r="J4975" s="2" t="s">
        <v>40940</v>
      </c>
      <c r="K4975" s="5" t="s">
        <v>40939</v>
      </c>
      <c r="L4975" s="2" t="s">
        <v>40940</v>
      </c>
      <c r="M4975" s="5" t="s">
        <v>36266</v>
      </c>
      <c r="N4975" s="5" t="s">
        <v>38</v>
      </c>
      <c r="O4975" s="5" t="s">
        <v>39</v>
      </c>
      <c r="P4975" s="5" t="s">
        <v>40</v>
      </c>
      <c r="Q4975" s="5" t="s">
        <v>1522</v>
      </c>
      <c r="R4975" s="5" t="s">
        <v>1523</v>
      </c>
      <c r="S4975" s="5" t="s">
        <v>42</v>
      </c>
      <c r="T4975" s="2">
        <v>2.5840000000000001</v>
      </c>
      <c r="U4975" s="2">
        <v>2.0270000000000001</v>
      </c>
      <c r="V4975" s="2">
        <v>1.4999999999999999E-2</v>
      </c>
      <c r="W4975" s="2">
        <v>118.9</v>
      </c>
      <c r="X4975" s="2">
        <v>7.6</v>
      </c>
      <c r="Y4975" s="2">
        <v>16.7</v>
      </c>
      <c r="Z4975" s="5"/>
      <c r="AA4975" s="5" t="s">
        <v>43</v>
      </c>
      <c r="AB4975" s="5" t="s">
        <v>44</v>
      </c>
      <c r="AC4975" s="2"/>
      <c r="AD4975" s="1"/>
    </row>
    <row r="4976" spans="1:30">
      <c r="A4976" s="5" t="s">
        <v>83578</v>
      </c>
      <c r="B4976" s="2" t="s">
        <v>98530</v>
      </c>
      <c r="C4976" s="14" t="s">
        <v>98531</v>
      </c>
      <c r="D4976" s="2" t="s">
        <v>98532</v>
      </c>
      <c r="E4976" s="2" t="s">
        <v>41023</v>
      </c>
      <c r="F4976" s="8">
        <v>285</v>
      </c>
      <c r="G4976" s="5">
        <v>6</v>
      </c>
      <c r="H4976" s="5" t="s">
        <v>1518</v>
      </c>
      <c r="I4976" s="5" t="s">
        <v>40939</v>
      </c>
      <c r="J4976" s="2" t="s">
        <v>40940</v>
      </c>
      <c r="K4976" s="5" t="s">
        <v>40939</v>
      </c>
      <c r="L4976" s="2" t="s">
        <v>40940</v>
      </c>
      <c r="M4976" s="5" t="s">
        <v>36266</v>
      </c>
      <c r="N4976" s="5" t="s">
        <v>38</v>
      </c>
      <c r="O4976" s="5" t="s">
        <v>39</v>
      </c>
      <c r="P4976" s="5" t="s">
        <v>40</v>
      </c>
      <c r="Q4976" s="5" t="s">
        <v>1522</v>
      </c>
      <c r="R4976" s="5" t="s">
        <v>1523</v>
      </c>
      <c r="S4976" s="5" t="s">
        <v>42</v>
      </c>
      <c r="T4976" s="2">
        <v>2.5539999999999998</v>
      </c>
      <c r="U4976" s="2">
        <v>1.9970000000000001</v>
      </c>
      <c r="V4976" s="2">
        <v>1.4999999999999999E-2</v>
      </c>
      <c r="W4976" s="2">
        <v>118.9</v>
      </c>
      <c r="X4976" s="2">
        <v>7.6</v>
      </c>
      <c r="Y4976" s="2">
        <v>16.7</v>
      </c>
      <c r="Z4976" s="5"/>
      <c r="AA4976" s="5" t="s">
        <v>43</v>
      </c>
      <c r="AB4976" s="5" t="s">
        <v>44</v>
      </c>
      <c r="AC4976" s="2"/>
      <c r="AD4976" s="1"/>
    </row>
    <row r="4977" spans="1:30">
      <c r="A4977" s="5" t="s">
        <v>83578</v>
      </c>
      <c r="B4977" s="2" t="s">
        <v>98533</v>
      </c>
      <c r="C4977" s="14" t="s">
        <v>98534</v>
      </c>
      <c r="D4977" s="2" t="s">
        <v>98535</v>
      </c>
      <c r="E4977" s="2" t="s">
        <v>41027</v>
      </c>
      <c r="F4977" s="8">
        <v>285</v>
      </c>
      <c r="G4977" s="5">
        <v>6</v>
      </c>
      <c r="H4977" s="5" t="s">
        <v>1518</v>
      </c>
      <c r="I4977" s="5" t="s">
        <v>40939</v>
      </c>
      <c r="J4977" s="2" t="s">
        <v>40940</v>
      </c>
      <c r="K4977" s="5" t="s">
        <v>40939</v>
      </c>
      <c r="L4977" s="2" t="s">
        <v>40940</v>
      </c>
      <c r="M4977" s="5" t="s">
        <v>36266</v>
      </c>
      <c r="N4977" s="5" t="s">
        <v>38</v>
      </c>
      <c r="O4977" s="5" t="s">
        <v>39</v>
      </c>
      <c r="P4977" s="5" t="s">
        <v>40</v>
      </c>
      <c r="Q4977" s="5" t="s">
        <v>1522</v>
      </c>
      <c r="R4977" s="5" t="s">
        <v>1523</v>
      </c>
      <c r="S4977" s="5" t="s">
        <v>42</v>
      </c>
      <c r="T4977" s="2">
        <v>2.6309999999999998</v>
      </c>
      <c r="U4977" s="2">
        <v>2.0739999999999998</v>
      </c>
      <c r="V4977" s="2">
        <v>1.4999999999999999E-2</v>
      </c>
      <c r="W4977" s="2">
        <v>118.9</v>
      </c>
      <c r="X4977" s="2">
        <v>7.6</v>
      </c>
      <c r="Y4977" s="2">
        <v>16.7</v>
      </c>
      <c r="Z4977" s="5"/>
      <c r="AA4977" s="5" t="s">
        <v>43</v>
      </c>
      <c r="AB4977" s="5" t="s">
        <v>44</v>
      </c>
      <c r="AC4977" s="2"/>
      <c r="AD4977" s="1"/>
    </row>
    <row r="4978" spans="1:30">
      <c r="A4978" s="5" t="s">
        <v>83578</v>
      </c>
      <c r="B4978" s="2" t="s">
        <v>98536</v>
      </c>
      <c r="C4978" s="14" t="s">
        <v>98537</v>
      </c>
      <c r="D4978" s="2" t="s">
        <v>98538</v>
      </c>
      <c r="E4978" s="2" t="s">
        <v>41031</v>
      </c>
      <c r="F4978" s="8">
        <v>285</v>
      </c>
      <c r="G4978" s="5">
        <v>6</v>
      </c>
      <c r="H4978" s="5" t="s">
        <v>1518</v>
      </c>
      <c r="I4978" s="5" t="s">
        <v>40939</v>
      </c>
      <c r="J4978" s="2" t="s">
        <v>40940</v>
      </c>
      <c r="K4978" s="5" t="s">
        <v>40939</v>
      </c>
      <c r="L4978" s="2" t="s">
        <v>40940</v>
      </c>
      <c r="M4978" s="5" t="s">
        <v>36266</v>
      </c>
      <c r="N4978" s="5" t="s">
        <v>38</v>
      </c>
      <c r="O4978" s="5" t="s">
        <v>39</v>
      </c>
      <c r="P4978" s="5" t="s">
        <v>40</v>
      </c>
      <c r="Q4978" s="5" t="s">
        <v>1522</v>
      </c>
      <c r="R4978" s="5" t="s">
        <v>1523</v>
      </c>
      <c r="S4978" s="5" t="s">
        <v>42</v>
      </c>
      <c r="T4978" s="2">
        <v>2.5539999999999998</v>
      </c>
      <c r="U4978" s="2">
        <v>1.9970000000000001</v>
      </c>
      <c r="V4978" s="2">
        <v>1.4999999999999999E-2</v>
      </c>
      <c r="W4978" s="2">
        <v>118.9</v>
      </c>
      <c r="X4978" s="2">
        <v>7.6</v>
      </c>
      <c r="Y4978" s="2">
        <v>16.7</v>
      </c>
      <c r="Z4978" s="5"/>
      <c r="AA4978" s="5" t="s">
        <v>43</v>
      </c>
      <c r="AB4978" s="5" t="s">
        <v>44</v>
      </c>
      <c r="AC4978" s="2"/>
      <c r="AD4978" s="1"/>
    </row>
    <row r="4979" spans="1:30">
      <c r="A4979" s="5" t="s">
        <v>83578</v>
      </c>
      <c r="B4979" s="2" t="s">
        <v>98539</v>
      </c>
      <c r="C4979" s="14" t="s">
        <v>98540</v>
      </c>
      <c r="D4979" s="2" t="s">
        <v>98541</v>
      </c>
      <c r="E4979" s="2" t="s">
        <v>7449</v>
      </c>
      <c r="F4979" s="8">
        <v>285</v>
      </c>
      <c r="G4979" s="5">
        <v>6</v>
      </c>
      <c r="H4979" s="5" t="s">
        <v>1518</v>
      </c>
      <c r="I4979" s="5" t="s">
        <v>40939</v>
      </c>
      <c r="J4979" s="2" t="s">
        <v>40940</v>
      </c>
      <c r="K4979" s="5" t="s">
        <v>40939</v>
      </c>
      <c r="L4979" s="2" t="s">
        <v>40940</v>
      </c>
      <c r="M4979" s="5" t="s">
        <v>36266</v>
      </c>
      <c r="N4979" s="5" t="s">
        <v>38</v>
      </c>
      <c r="O4979" s="5" t="s">
        <v>39</v>
      </c>
      <c r="P4979" s="5" t="s">
        <v>40</v>
      </c>
      <c r="Q4979" s="5" t="s">
        <v>1522</v>
      </c>
      <c r="R4979" s="5" t="s">
        <v>1523</v>
      </c>
      <c r="S4979" s="5" t="s">
        <v>42</v>
      </c>
      <c r="T4979" s="2">
        <v>2.5539999999999998</v>
      </c>
      <c r="U4979" s="2">
        <v>1.9970000000000001</v>
      </c>
      <c r="V4979" s="2">
        <v>1.4999999999999999E-2</v>
      </c>
      <c r="W4979" s="2">
        <v>118.9</v>
      </c>
      <c r="X4979" s="2">
        <v>7.6</v>
      </c>
      <c r="Y4979" s="2">
        <v>16.7</v>
      </c>
      <c r="Z4979" s="5"/>
      <c r="AA4979" s="5" t="s">
        <v>43</v>
      </c>
      <c r="AB4979" s="5" t="s">
        <v>44</v>
      </c>
      <c r="AC4979" s="2"/>
      <c r="AD4979" s="1"/>
    </row>
    <row r="4980" spans="1:30">
      <c r="A4980" s="5" t="s">
        <v>83578</v>
      </c>
      <c r="B4980" s="2" t="s">
        <v>98542</v>
      </c>
      <c r="C4980" s="14" t="s">
        <v>98543</v>
      </c>
      <c r="D4980" s="2" t="s">
        <v>98544</v>
      </c>
      <c r="E4980" s="2" t="s">
        <v>47266</v>
      </c>
      <c r="F4980" s="8">
        <v>289</v>
      </c>
      <c r="G4980" s="5">
        <v>6</v>
      </c>
      <c r="H4980" s="5" t="s">
        <v>1518</v>
      </c>
      <c r="I4980" s="5" t="s">
        <v>40939</v>
      </c>
      <c r="J4980" s="2" t="s">
        <v>40940</v>
      </c>
      <c r="K4980" s="5" t="s">
        <v>40939</v>
      </c>
      <c r="L4980" s="2" t="s">
        <v>40940</v>
      </c>
      <c r="M4980" s="5" t="s">
        <v>36266</v>
      </c>
      <c r="N4980" s="5" t="s">
        <v>38</v>
      </c>
      <c r="O4980" s="5" t="s">
        <v>39</v>
      </c>
      <c r="P4980" s="5" t="s">
        <v>40</v>
      </c>
      <c r="Q4980" s="5" t="s">
        <v>1522</v>
      </c>
      <c r="R4980" s="5" t="s">
        <v>1523</v>
      </c>
      <c r="S4980" s="5" t="s">
        <v>42</v>
      </c>
      <c r="T4980" s="2">
        <v>2.8109999999999999</v>
      </c>
      <c r="U4980" s="2">
        <v>2.1800000000000002</v>
      </c>
      <c r="V4980" s="2">
        <v>1.7999999999999999E-2</v>
      </c>
      <c r="W4980" s="2">
        <v>139.1</v>
      </c>
      <c r="X4980" s="2">
        <v>7.6</v>
      </c>
      <c r="Y4980" s="2">
        <v>16.7</v>
      </c>
      <c r="Z4980" s="5"/>
      <c r="AA4980" s="5" t="s">
        <v>43</v>
      </c>
      <c r="AB4980" s="5" t="s">
        <v>44</v>
      </c>
      <c r="AC4980" s="2"/>
      <c r="AD4980" s="1"/>
    </row>
    <row r="4981" spans="1:30">
      <c r="A4981" s="5" t="s">
        <v>83578</v>
      </c>
      <c r="B4981" s="2" t="s">
        <v>98545</v>
      </c>
      <c r="C4981" s="14" t="s">
        <v>98546</v>
      </c>
      <c r="D4981" s="2" t="s">
        <v>98547</v>
      </c>
      <c r="E4981" s="2" t="s">
        <v>36273</v>
      </c>
      <c r="F4981" s="8">
        <v>269</v>
      </c>
      <c r="G4981" s="5">
        <v>6</v>
      </c>
      <c r="H4981" s="5" t="s">
        <v>1518</v>
      </c>
      <c r="I4981" s="5" t="s">
        <v>40939</v>
      </c>
      <c r="J4981" s="2" t="s">
        <v>40940</v>
      </c>
      <c r="K4981" s="5" t="s">
        <v>40939</v>
      </c>
      <c r="L4981" s="2" t="s">
        <v>40940</v>
      </c>
      <c r="M4981" s="5" t="s">
        <v>36266</v>
      </c>
      <c r="N4981" s="5" t="s">
        <v>38</v>
      </c>
      <c r="O4981" s="5" t="s">
        <v>39</v>
      </c>
      <c r="P4981" s="5" t="s">
        <v>40</v>
      </c>
      <c r="Q4981" s="5" t="s">
        <v>1522</v>
      </c>
      <c r="R4981" s="5" t="s">
        <v>1523</v>
      </c>
      <c r="S4981" s="5" t="s">
        <v>42</v>
      </c>
      <c r="T4981" s="2">
        <v>2.8330000000000002</v>
      </c>
      <c r="U4981" s="2">
        <v>2.202</v>
      </c>
      <c r="V4981" s="2">
        <v>1.7999999999999999E-2</v>
      </c>
      <c r="W4981" s="2">
        <v>139.1</v>
      </c>
      <c r="X4981" s="2">
        <v>7.6</v>
      </c>
      <c r="Y4981" s="2">
        <v>16.7</v>
      </c>
      <c r="Z4981" s="5"/>
      <c r="AA4981" s="5" t="s">
        <v>43</v>
      </c>
      <c r="AB4981" s="5" t="s">
        <v>44</v>
      </c>
      <c r="AC4981" s="2"/>
      <c r="AD4981" s="1"/>
    </row>
    <row r="4982" spans="1:30">
      <c r="A4982" s="5" t="s">
        <v>83578</v>
      </c>
      <c r="B4982" s="2" t="s">
        <v>98548</v>
      </c>
      <c r="C4982" s="14" t="s">
        <v>98549</v>
      </c>
      <c r="D4982" s="2" t="s">
        <v>98550</v>
      </c>
      <c r="E4982" s="2" t="s">
        <v>40967</v>
      </c>
      <c r="F4982" s="8">
        <v>289</v>
      </c>
      <c r="G4982" s="5">
        <v>6</v>
      </c>
      <c r="H4982" s="5" t="s">
        <v>1518</v>
      </c>
      <c r="I4982" s="5" t="s">
        <v>40939</v>
      </c>
      <c r="J4982" s="2" t="s">
        <v>40940</v>
      </c>
      <c r="K4982" s="5" t="s">
        <v>40939</v>
      </c>
      <c r="L4982" s="2" t="s">
        <v>40940</v>
      </c>
      <c r="M4982" s="5" t="s">
        <v>36266</v>
      </c>
      <c r="N4982" s="5" t="s">
        <v>38</v>
      </c>
      <c r="O4982" s="5" t="s">
        <v>39</v>
      </c>
      <c r="P4982" s="5" t="s">
        <v>40</v>
      </c>
      <c r="Q4982" s="5" t="s">
        <v>1522</v>
      </c>
      <c r="R4982" s="5" t="s">
        <v>1523</v>
      </c>
      <c r="S4982" s="5" t="s">
        <v>42</v>
      </c>
      <c r="T4982" s="2">
        <v>2.819</v>
      </c>
      <c r="U4982" s="2">
        <v>2.1880000000000002</v>
      </c>
      <c r="V4982" s="2">
        <v>1.7999999999999999E-2</v>
      </c>
      <c r="W4982" s="2">
        <v>139.1</v>
      </c>
      <c r="X4982" s="2">
        <v>7.6</v>
      </c>
      <c r="Y4982" s="2">
        <v>16.7</v>
      </c>
      <c r="Z4982" s="5"/>
      <c r="AA4982" s="5" t="s">
        <v>43</v>
      </c>
      <c r="AB4982" s="5" t="s">
        <v>44</v>
      </c>
      <c r="AC4982" s="2"/>
      <c r="AD4982" s="1"/>
    </row>
    <row r="4983" spans="1:30">
      <c r="A4983" s="5" t="s">
        <v>83578</v>
      </c>
      <c r="B4983" s="2" t="s">
        <v>98551</v>
      </c>
      <c r="C4983" s="14" t="s">
        <v>98552</v>
      </c>
      <c r="D4983" s="2" t="s">
        <v>98553</v>
      </c>
      <c r="E4983" s="2" t="s">
        <v>47226</v>
      </c>
      <c r="F4983" s="8">
        <v>289</v>
      </c>
      <c r="G4983" s="5">
        <v>6</v>
      </c>
      <c r="H4983" s="5" t="s">
        <v>1518</v>
      </c>
      <c r="I4983" s="5" t="s">
        <v>40939</v>
      </c>
      <c r="J4983" s="2" t="s">
        <v>40940</v>
      </c>
      <c r="K4983" s="5" t="s">
        <v>40939</v>
      </c>
      <c r="L4983" s="2" t="s">
        <v>40940</v>
      </c>
      <c r="M4983" s="5" t="s">
        <v>36266</v>
      </c>
      <c r="N4983" s="5" t="s">
        <v>38</v>
      </c>
      <c r="O4983" s="5" t="s">
        <v>39</v>
      </c>
      <c r="P4983" s="5" t="s">
        <v>40</v>
      </c>
      <c r="Q4983" s="5" t="s">
        <v>1522</v>
      </c>
      <c r="R4983" s="5" t="s">
        <v>1523</v>
      </c>
      <c r="S4983" s="5" t="s">
        <v>42</v>
      </c>
      <c r="T4983" s="2">
        <v>2.819</v>
      </c>
      <c r="U4983" s="2">
        <v>2.1880000000000002</v>
      </c>
      <c r="V4983" s="2">
        <v>1.7999999999999999E-2</v>
      </c>
      <c r="W4983" s="2">
        <v>139.1</v>
      </c>
      <c r="X4983" s="2">
        <v>7.6</v>
      </c>
      <c r="Y4983" s="2">
        <v>16.7</v>
      </c>
      <c r="Z4983" s="5"/>
      <c r="AA4983" s="5" t="s">
        <v>43</v>
      </c>
      <c r="AB4983" s="5" t="s">
        <v>44</v>
      </c>
      <c r="AC4983" s="2"/>
      <c r="AD4983" s="1"/>
    </row>
    <row r="4984" spans="1:30">
      <c r="A4984" s="5" t="s">
        <v>83578</v>
      </c>
      <c r="B4984" s="2" t="s">
        <v>98554</v>
      </c>
      <c r="C4984" s="14" t="s">
        <v>98555</v>
      </c>
      <c r="D4984" s="2" t="s">
        <v>98556</v>
      </c>
      <c r="E4984" s="2" t="s">
        <v>7539</v>
      </c>
      <c r="F4984" s="8">
        <v>289</v>
      </c>
      <c r="G4984" s="5">
        <v>6</v>
      </c>
      <c r="H4984" s="5" t="s">
        <v>1518</v>
      </c>
      <c r="I4984" s="5" t="s">
        <v>40939</v>
      </c>
      <c r="J4984" s="2" t="s">
        <v>40940</v>
      </c>
      <c r="K4984" s="5" t="s">
        <v>40939</v>
      </c>
      <c r="L4984" s="2" t="s">
        <v>40940</v>
      </c>
      <c r="M4984" s="5" t="s">
        <v>36266</v>
      </c>
      <c r="N4984" s="5" t="s">
        <v>38</v>
      </c>
      <c r="O4984" s="5" t="s">
        <v>39</v>
      </c>
      <c r="P4984" s="5" t="s">
        <v>40</v>
      </c>
      <c r="Q4984" s="5" t="s">
        <v>1522</v>
      </c>
      <c r="R4984" s="5" t="s">
        <v>1523</v>
      </c>
      <c r="S4984" s="5" t="s">
        <v>42</v>
      </c>
      <c r="T4984" s="2">
        <v>2.7829999999999999</v>
      </c>
      <c r="U4984" s="2">
        <v>2.1520000000000001</v>
      </c>
      <c r="V4984" s="2">
        <v>1.7999999999999999E-2</v>
      </c>
      <c r="W4984" s="2">
        <v>139.1</v>
      </c>
      <c r="X4984" s="2">
        <v>7.6</v>
      </c>
      <c r="Y4984" s="2">
        <v>16.7</v>
      </c>
      <c r="Z4984" s="5"/>
      <c r="AA4984" s="5" t="s">
        <v>43</v>
      </c>
      <c r="AB4984" s="5" t="s">
        <v>44</v>
      </c>
      <c r="AC4984" s="2"/>
      <c r="AD4984" s="1"/>
    </row>
    <row r="4985" spans="1:30">
      <c r="A4985" s="5" t="s">
        <v>83578</v>
      </c>
      <c r="B4985" s="2" t="s">
        <v>98557</v>
      </c>
      <c r="C4985" s="14" t="s">
        <v>98558</v>
      </c>
      <c r="D4985" s="2" t="s">
        <v>98559</v>
      </c>
      <c r="E4985" s="2" t="s">
        <v>40993</v>
      </c>
      <c r="F4985" s="8">
        <v>289</v>
      </c>
      <c r="G4985" s="5">
        <v>6</v>
      </c>
      <c r="H4985" s="5" t="s">
        <v>1518</v>
      </c>
      <c r="I4985" s="5" t="s">
        <v>40939</v>
      </c>
      <c r="J4985" s="2" t="s">
        <v>40940</v>
      </c>
      <c r="K4985" s="5" t="s">
        <v>40939</v>
      </c>
      <c r="L4985" s="2" t="s">
        <v>40940</v>
      </c>
      <c r="M4985" s="5" t="s">
        <v>36266</v>
      </c>
      <c r="N4985" s="5" t="s">
        <v>38</v>
      </c>
      <c r="O4985" s="5" t="s">
        <v>39</v>
      </c>
      <c r="P4985" s="5" t="s">
        <v>40</v>
      </c>
      <c r="Q4985" s="5" t="s">
        <v>1522</v>
      </c>
      <c r="R4985" s="5" t="s">
        <v>1523</v>
      </c>
      <c r="S4985" s="5" t="s">
        <v>42</v>
      </c>
      <c r="T4985" s="2">
        <v>2.9079999999999999</v>
      </c>
      <c r="U4985" s="2">
        <v>2.2770000000000001</v>
      </c>
      <c r="V4985" s="2">
        <v>1.7999999999999999E-2</v>
      </c>
      <c r="W4985" s="2">
        <v>139.1</v>
      </c>
      <c r="X4985" s="2">
        <v>7.6</v>
      </c>
      <c r="Y4985" s="2">
        <v>16.7</v>
      </c>
      <c r="Z4985" s="5"/>
      <c r="AA4985" s="5" t="s">
        <v>43</v>
      </c>
      <c r="AB4985" s="5" t="s">
        <v>44</v>
      </c>
      <c r="AC4985" s="2"/>
      <c r="AD4985" s="1"/>
    </row>
    <row r="4986" spans="1:30">
      <c r="A4986" s="5" t="s">
        <v>83578</v>
      </c>
      <c r="B4986" s="2" t="s">
        <v>98560</v>
      </c>
      <c r="C4986" s="14" t="s">
        <v>98561</v>
      </c>
      <c r="D4986" s="2" t="s">
        <v>98562</v>
      </c>
      <c r="E4986" s="2" t="s">
        <v>40997</v>
      </c>
      <c r="F4986" s="8">
        <v>289</v>
      </c>
      <c r="G4986" s="5">
        <v>6</v>
      </c>
      <c r="H4986" s="5" t="s">
        <v>1518</v>
      </c>
      <c r="I4986" s="5" t="s">
        <v>40939</v>
      </c>
      <c r="J4986" s="2" t="s">
        <v>40940</v>
      </c>
      <c r="K4986" s="5" t="s">
        <v>40939</v>
      </c>
      <c r="L4986" s="2" t="s">
        <v>40940</v>
      </c>
      <c r="M4986" s="5" t="s">
        <v>36266</v>
      </c>
      <c r="N4986" s="5" t="s">
        <v>38</v>
      </c>
      <c r="O4986" s="5" t="s">
        <v>39</v>
      </c>
      <c r="P4986" s="5" t="s">
        <v>40</v>
      </c>
      <c r="Q4986" s="5" t="s">
        <v>1522</v>
      </c>
      <c r="R4986" s="5" t="s">
        <v>1523</v>
      </c>
      <c r="S4986" s="5" t="s">
        <v>42</v>
      </c>
      <c r="T4986" s="2">
        <v>2.79</v>
      </c>
      <c r="U4986" s="2">
        <v>2.1589999999999998</v>
      </c>
      <c r="V4986" s="2">
        <v>1.7999999999999999E-2</v>
      </c>
      <c r="W4986" s="2">
        <v>139.1</v>
      </c>
      <c r="X4986" s="2">
        <v>7.6</v>
      </c>
      <c r="Y4986" s="2">
        <v>16.7</v>
      </c>
      <c r="Z4986" s="5"/>
      <c r="AA4986" s="5" t="s">
        <v>43</v>
      </c>
      <c r="AB4986" s="5" t="s">
        <v>44</v>
      </c>
      <c r="AC4986" s="2"/>
      <c r="AD4986" s="1"/>
    </row>
    <row r="4987" spans="1:30">
      <c r="A4987" s="5" t="s">
        <v>83578</v>
      </c>
      <c r="B4987" s="2" t="s">
        <v>98563</v>
      </c>
      <c r="C4987" s="14" t="s">
        <v>98564</v>
      </c>
      <c r="D4987" s="2" t="s">
        <v>98565</v>
      </c>
      <c r="E4987" s="2" t="s">
        <v>41001</v>
      </c>
      <c r="F4987" s="8">
        <v>289</v>
      </c>
      <c r="G4987" s="5">
        <v>6</v>
      </c>
      <c r="H4987" s="5" t="s">
        <v>1518</v>
      </c>
      <c r="I4987" s="5" t="s">
        <v>40939</v>
      </c>
      <c r="J4987" s="2" t="s">
        <v>40940</v>
      </c>
      <c r="K4987" s="5" t="s">
        <v>40939</v>
      </c>
      <c r="L4987" s="2" t="s">
        <v>40940</v>
      </c>
      <c r="M4987" s="5" t="s">
        <v>36266</v>
      </c>
      <c r="N4987" s="5" t="s">
        <v>38</v>
      </c>
      <c r="O4987" s="5" t="s">
        <v>39</v>
      </c>
      <c r="P4987" s="5" t="s">
        <v>40</v>
      </c>
      <c r="Q4987" s="5" t="s">
        <v>1522</v>
      </c>
      <c r="R4987" s="5" t="s">
        <v>1523</v>
      </c>
      <c r="S4987" s="5" t="s">
        <v>42</v>
      </c>
      <c r="T4987" s="2">
        <v>2.819</v>
      </c>
      <c r="U4987" s="2">
        <v>2.1880000000000002</v>
      </c>
      <c r="V4987" s="2">
        <v>1.7999999999999999E-2</v>
      </c>
      <c r="W4987" s="2">
        <v>139.1</v>
      </c>
      <c r="X4987" s="2">
        <v>7.6</v>
      </c>
      <c r="Y4987" s="2">
        <v>16.7</v>
      </c>
      <c r="Z4987" s="5"/>
      <c r="AA4987" s="5" t="s">
        <v>43</v>
      </c>
      <c r="AB4987" s="5" t="s">
        <v>44</v>
      </c>
      <c r="AC4987" s="2"/>
      <c r="AD4987" s="1"/>
    </row>
    <row r="4988" spans="1:30">
      <c r="A4988" s="5" t="s">
        <v>83578</v>
      </c>
      <c r="B4988" s="2" t="s">
        <v>98566</v>
      </c>
      <c r="C4988" s="14" t="s">
        <v>98567</v>
      </c>
      <c r="D4988" s="2" t="s">
        <v>98568</v>
      </c>
      <c r="E4988" s="2" t="s">
        <v>41005</v>
      </c>
      <c r="F4988" s="8">
        <v>289</v>
      </c>
      <c r="G4988" s="5">
        <v>6</v>
      </c>
      <c r="H4988" s="5" t="s">
        <v>1518</v>
      </c>
      <c r="I4988" s="5" t="s">
        <v>40939</v>
      </c>
      <c r="J4988" s="2" t="s">
        <v>40940</v>
      </c>
      <c r="K4988" s="5" t="s">
        <v>40939</v>
      </c>
      <c r="L4988" s="2" t="s">
        <v>40940</v>
      </c>
      <c r="M4988" s="5" t="s">
        <v>36266</v>
      </c>
      <c r="N4988" s="5" t="s">
        <v>38</v>
      </c>
      <c r="O4988" s="5" t="s">
        <v>39</v>
      </c>
      <c r="P4988" s="5" t="s">
        <v>40</v>
      </c>
      <c r="Q4988" s="5" t="s">
        <v>1522</v>
      </c>
      <c r="R4988" s="5" t="s">
        <v>1523</v>
      </c>
      <c r="S4988" s="5" t="s">
        <v>42</v>
      </c>
      <c r="T4988" s="2">
        <v>2.9079999999999999</v>
      </c>
      <c r="U4988" s="2">
        <v>2.2770000000000001</v>
      </c>
      <c r="V4988" s="2">
        <v>1.7999999999999999E-2</v>
      </c>
      <c r="W4988" s="2">
        <v>139.1</v>
      </c>
      <c r="X4988" s="2">
        <v>7.6</v>
      </c>
      <c r="Y4988" s="2">
        <v>16.7</v>
      </c>
      <c r="Z4988" s="5"/>
      <c r="AA4988" s="5" t="s">
        <v>43</v>
      </c>
      <c r="AB4988" s="5" t="s">
        <v>44</v>
      </c>
      <c r="AC4988" s="2"/>
      <c r="AD4988" s="1"/>
    </row>
    <row r="4989" spans="1:30">
      <c r="A4989" s="5" t="s">
        <v>83578</v>
      </c>
      <c r="B4989" s="2" t="s">
        <v>98569</v>
      </c>
      <c r="C4989" s="14" t="s">
        <v>98570</v>
      </c>
      <c r="D4989" s="2" t="s">
        <v>98571</v>
      </c>
      <c r="E4989" s="2" t="s">
        <v>7396</v>
      </c>
      <c r="F4989" s="8">
        <v>269</v>
      </c>
      <c r="G4989" s="5">
        <v>6</v>
      </c>
      <c r="H4989" s="5" t="s">
        <v>1518</v>
      </c>
      <c r="I4989" s="5" t="s">
        <v>40939</v>
      </c>
      <c r="J4989" s="2" t="s">
        <v>40940</v>
      </c>
      <c r="K4989" s="5" t="s">
        <v>40939</v>
      </c>
      <c r="L4989" s="2" t="s">
        <v>40940</v>
      </c>
      <c r="M4989" s="5" t="s">
        <v>36266</v>
      </c>
      <c r="N4989" s="5" t="s">
        <v>38</v>
      </c>
      <c r="O4989" s="5" t="s">
        <v>39</v>
      </c>
      <c r="P4989" s="5" t="s">
        <v>40</v>
      </c>
      <c r="Q4989" s="5" t="s">
        <v>1522</v>
      </c>
      <c r="R4989" s="5" t="s">
        <v>1523</v>
      </c>
      <c r="S4989" s="5" t="s">
        <v>42</v>
      </c>
      <c r="T4989" s="2">
        <v>2.8260000000000001</v>
      </c>
      <c r="U4989" s="2">
        <v>2.1949999999999998</v>
      </c>
      <c r="V4989" s="2">
        <v>1.7999999999999999E-2</v>
      </c>
      <c r="W4989" s="2">
        <v>139.1</v>
      </c>
      <c r="X4989" s="2">
        <v>7.6</v>
      </c>
      <c r="Y4989" s="2">
        <v>16.7</v>
      </c>
      <c r="Z4989" s="5"/>
      <c r="AA4989" s="5" t="s">
        <v>43</v>
      </c>
      <c r="AB4989" s="5" t="s">
        <v>44</v>
      </c>
      <c r="AC4989" s="2"/>
      <c r="AD4989" s="1"/>
    </row>
    <row r="4990" spans="1:30">
      <c r="A4990" s="5" t="s">
        <v>83578</v>
      </c>
      <c r="B4990" s="2" t="s">
        <v>98572</v>
      </c>
      <c r="C4990" s="14" t="s">
        <v>98573</v>
      </c>
      <c r="D4990" s="2" t="s">
        <v>98574</v>
      </c>
      <c r="E4990" s="2" t="s">
        <v>7507</v>
      </c>
      <c r="F4990" s="8">
        <v>269</v>
      </c>
      <c r="G4990" s="5">
        <v>6</v>
      </c>
      <c r="H4990" s="5" t="s">
        <v>1518</v>
      </c>
      <c r="I4990" s="5" t="s">
        <v>40939</v>
      </c>
      <c r="J4990" s="2" t="s">
        <v>40940</v>
      </c>
      <c r="K4990" s="5" t="s">
        <v>40939</v>
      </c>
      <c r="L4990" s="2" t="s">
        <v>40940</v>
      </c>
      <c r="M4990" s="5" t="s">
        <v>36266</v>
      </c>
      <c r="N4990" s="5" t="s">
        <v>38</v>
      </c>
      <c r="O4990" s="5" t="s">
        <v>39</v>
      </c>
      <c r="P4990" s="5" t="s">
        <v>40</v>
      </c>
      <c r="Q4990" s="5" t="s">
        <v>1522</v>
      </c>
      <c r="R4990" s="5" t="s">
        <v>1523</v>
      </c>
      <c r="S4990" s="5" t="s">
        <v>42</v>
      </c>
      <c r="T4990" s="2">
        <v>2.915</v>
      </c>
      <c r="U4990" s="2">
        <v>2.2839999999999998</v>
      </c>
      <c r="V4990" s="2">
        <v>1.7999999999999999E-2</v>
      </c>
      <c r="W4990" s="2">
        <v>139.1</v>
      </c>
      <c r="X4990" s="2">
        <v>7.6</v>
      </c>
      <c r="Y4990" s="2">
        <v>16.7</v>
      </c>
      <c r="Z4990" s="5"/>
      <c r="AA4990" s="5" t="s">
        <v>43</v>
      </c>
      <c r="AB4990" s="5" t="s">
        <v>44</v>
      </c>
      <c r="AC4990" s="2"/>
      <c r="AD4990" s="1"/>
    </row>
    <row r="4991" spans="1:30">
      <c r="A4991" s="5" t="s">
        <v>83578</v>
      </c>
      <c r="B4991" s="2" t="s">
        <v>98575</v>
      </c>
      <c r="C4991" s="14" t="s">
        <v>98576</v>
      </c>
      <c r="D4991" s="2" t="s">
        <v>98577</v>
      </c>
      <c r="E4991" s="2" t="s">
        <v>41023</v>
      </c>
      <c r="F4991" s="8">
        <v>289</v>
      </c>
      <c r="G4991" s="5">
        <v>6</v>
      </c>
      <c r="H4991" s="5" t="s">
        <v>1518</v>
      </c>
      <c r="I4991" s="5" t="s">
        <v>40939</v>
      </c>
      <c r="J4991" s="2" t="s">
        <v>40940</v>
      </c>
      <c r="K4991" s="5" t="s">
        <v>40939</v>
      </c>
      <c r="L4991" s="2" t="s">
        <v>40940</v>
      </c>
      <c r="M4991" s="5" t="s">
        <v>36266</v>
      </c>
      <c r="N4991" s="5" t="s">
        <v>38</v>
      </c>
      <c r="O4991" s="5" t="s">
        <v>39</v>
      </c>
      <c r="P4991" s="5" t="s">
        <v>40</v>
      </c>
      <c r="Q4991" s="5" t="s">
        <v>1522</v>
      </c>
      <c r="R4991" s="5" t="s">
        <v>1523</v>
      </c>
      <c r="S4991" s="5" t="s">
        <v>42</v>
      </c>
      <c r="T4991" s="2">
        <v>2.79</v>
      </c>
      <c r="U4991" s="2">
        <v>2.1589999999999998</v>
      </c>
      <c r="V4991" s="2">
        <v>1.7999999999999999E-2</v>
      </c>
      <c r="W4991" s="2">
        <v>139.1</v>
      </c>
      <c r="X4991" s="2">
        <v>7.6</v>
      </c>
      <c r="Y4991" s="2">
        <v>16.7</v>
      </c>
      <c r="Z4991" s="5"/>
      <c r="AA4991" s="5" t="s">
        <v>43</v>
      </c>
      <c r="AB4991" s="5" t="s">
        <v>44</v>
      </c>
      <c r="AC4991" s="2"/>
      <c r="AD4991" s="1"/>
    </row>
    <row r="4992" spans="1:30">
      <c r="A4992" s="5" t="s">
        <v>83578</v>
      </c>
      <c r="B4992" s="2" t="s">
        <v>98578</v>
      </c>
      <c r="C4992" s="14" t="s">
        <v>98579</v>
      </c>
      <c r="D4992" s="2" t="s">
        <v>98580</v>
      </c>
      <c r="E4992" s="2" t="s">
        <v>41035</v>
      </c>
      <c r="F4992" s="8">
        <v>289</v>
      </c>
      <c r="G4992" s="5">
        <v>6</v>
      </c>
      <c r="H4992" s="5" t="s">
        <v>1518</v>
      </c>
      <c r="I4992" s="5" t="s">
        <v>40939</v>
      </c>
      <c r="J4992" s="2" t="s">
        <v>40940</v>
      </c>
      <c r="K4992" s="5" t="s">
        <v>40939</v>
      </c>
      <c r="L4992" s="2" t="s">
        <v>40940</v>
      </c>
      <c r="M4992" s="5" t="s">
        <v>36266</v>
      </c>
      <c r="N4992" s="5" t="s">
        <v>38</v>
      </c>
      <c r="O4992" s="5" t="s">
        <v>39</v>
      </c>
      <c r="P4992" s="5" t="s">
        <v>40</v>
      </c>
      <c r="Q4992" s="5" t="s">
        <v>1522</v>
      </c>
      <c r="R4992" s="5" t="s">
        <v>1523</v>
      </c>
      <c r="S4992" s="5" t="s">
        <v>42</v>
      </c>
      <c r="T4992" s="2">
        <v>2.879</v>
      </c>
      <c r="U4992" s="2">
        <v>2.2480000000000002</v>
      </c>
      <c r="V4992" s="2">
        <v>1.7999999999999999E-2</v>
      </c>
      <c r="W4992" s="2">
        <v>139.1</v>
      </c>
      <c r="X4992" s="2">
        <v>7.6</v>
      </c>
      <c r="Y4992" s="2">
        <v>16.7</v>
      </c>
      <c r="Z4992" s="5"/>
      <c r="AA4992" s="5" t="s">
        <v>43</v>
      </c>
      <c r="AB4992" s="5" t="s">
        <v>44</v>
      </c>
      <c r="AC4992" s="2"/>
      <c r="AD4992" s="1"/>
    </row>
    <row r="4993" spans="1:30">
      <c r="A4993" s="5" t="s">
        <v>83578</v>
      </c>
      <c r="B4993" s="2" t="s">
        <v>98581</v>
      </c>
      <c r="C4993" s="14" t="s">
        <v>98582</v>
      </c>
      <c r="D4993" s="2" t="s">
        <v>98583</v>
      </c>
      <c r="E4993" s="2" t="s">
        <v>7449</v>
      </c>
      <c r="F4993" s="8">
        <v>289</v>
      </c>
      <c r="G4993" s="5">
        <v>6</v>
      </c>
      <c r="H4993" s="5" t="s">
        <v>1518</v>
      </c>
      <c r="I4993" s="5" t="s">
        <v>40939</v>
      </c>
      <c r="J4993" s="2" t="s">
        <v>40940</v>
      </c>
      <c r="K4993" s="5" t="s">
        <v>40939</v>
      </c>
      <c r="L4993" s="2" t="s">
        <v>40940</v>
      </c>
      <c r="M4993" s="5" t="s">
        <v>36266</v>
      </c>
      <c r="N4993" s="5" t="s">
        <v>38</v>
      </c>
      <c r="O4993" s="5" t="s">
        <v>39</v>
      </c>
      <c r="P4993" s="5" t="s">
        <v>40</v>
      </c>
      <c r="Q4993" s="5" t="s">
        <v>1522</v>
      </c>
      <c r="R4993" s="5" t="s">
        <v>1523</v>
      </c>
      <c r="S4993" s="5" t="s">
        <v>42</v>
      </c>
      <c r="T4993" s="2">
        <v>2.79</v>
      </c>
      <c r="U4993" s="2">
        <v>2.1589999999999998</v>
      </c>
      <c r="V4993" s="2">
        <v>1.7999999999999999E-2</v>
      </c>
      <c r="W4993" s="2">
        <v>139.1</v>
      </c>
      <c r="X4993" s="2">
        <v>7.6</v>
      </c>
      <c r="Y4993" s="2">
        <v>16.7</v>
      </c>
      <c r="Z4993" s="5"/>
      <c r="AA4993" s="5" t="s">
        <v>43</v>
      </c>
      <c r="AB4993" s="5" t="s">
        <v>44</v>
      </c>
      <c r="AC4993" s="2"/>
      <c r="AD4993" s="1"/>
    </row>
    <row r="4994" spans="1:30">
      <c r="A4994" s="5" t="s">
        <v>83578</v>
      </c>
      <c r="B4994" s="2" t="s">
        <v>98584</v>
      </c>
      <c r="C4994" s="14" t="s">
        <v>98585</v>
      </c>
      <c r="D4994" s="2" t="s">
        <v>98586</v>
      </c>
      <c r="E4994" s="2" t="s">
        <v>41045</v>
      </c>
      <c r="F4994" s="8">
        <v>289</v>
      </c>
      <c r="G4994" s="5">
        <v>6</v>
      </c>
      <c r="H4994" s="5" t="s">
        <v>1518</v>
      </c>
      <c r="I4994" s="5" t="s">
        <v>40939</v>
      </c>
      <c r="J4994" s="2" t="s">
        <v>40940</v>
      </c>
      <c r="K4994" s="5" t="s">
        <v>40939</v>
      </c>
      <c r="L4994" s="2" t="s">
        <v>40940</v>
      </c>
      <c r="M4994" s="5" t="s">
        <v>36266</v>
      </c>
      <c r="N4994" s="5" t="s">
        <v>38</v>
      </c>
      <c r="O4994" s="5" t="s">
        <v>39</v>
      </c>
      <c r="P4994" s="5" t="s">
        <v>40</v>
      </c>
      <c r="Q4994" s="5" t="s">
        <v>1522</v>
      </c>
      <c r="R4994" s="5" t="s">
        <v>1523</v>
      </c>
      <c r="S4994" s="5" t="s">
        <v>42</v>
      </c>
      <c r="T4994" s="2">
        <v>2.8330000000000002</v>
      </c>
      <c r="U4994" s="2">
        <v>2.202</v>
      </c>
      <c r="V4994" s="2">
        <v>1.7999999999999999E-2</v>
      </c>
      <c r="W4994" s="2">
        <v>139.1</v>
      </c>
      <c r="X4994" s="2">
        <v>7.6</v>
      </c>
      <c r="Y4994" s="2">
        <v>16.7</v>
      </c>
      <c r="Z4994" s="5"/>
      <c r="AA4994" s="5" t="s">
        <v>43</v>
      </c>
      <c r="AB4994" s="5" t="s">
        <v>44</v>
      </c>
      <c r="AC4994" s="2"/>
      <c r="AD4994" s="1"/>
    </row>
    <row r="4995" spans="1:30">
      <c r="A4995" s="5" t="s">
        <v>83578</v>
      </c>
      <c r="B4995" s="2" t="s">
        <v>98587</v>
      </c>
      <c r="C4995" s="14" t="s">
        <v>98588</v>
      </c>
      <c r="D4995" s="2" t="s">
        <v>98589</v>
      </c>
      <c r="E4995" s="2" t="s">
        <v>47226</v>
      </c>
      <c r="F4995" s="8">
        <v>277</v>
      </c>
      <c r="G4995" s="5">
        <v>6</v>
      </c>
      <c r="H4995" s="5" t="s">
        <v>1518</v>
      </c>
      <c r="I4995" s="5" t="s">
        <v>40939</v>
      </c>
      <c r="J4995" s="2" t="s">
        <v>40940</v>
      </c>
      <c r="K4995" s="5" t="s">
        <v>40939</v>
      </c>
      <c r="L4995" s="2" t="s">
        <v>40940</v>
      </c>
      <c r="M4995" s="5" t="s">
        <v>36266</v>
      </c>
      <c r="N4995" s="5" t="s">
        <v>38</v>
      </c>
      <c r="O4995" s="5" t="s">
        <v>39</v>
      </c>
      <c r="P4995" s="5" t="s">
        <v>40</v>
      </c>
      <c r="Q4995" s="5" t="s">
        <v>1522</v>
      </c>
      <c r="R4995" s="5" t="s">
        <v>1523</v>
      </c>
      <c r="S4995" s="5" t="s">
        <v>42</v>
      </c>
      <c r="T4995" s="2">
        <v>2.5630000000000002</v>
      </c>
      <c r="U4995" s="2">
        <v>2.0169999999999999</v>
      </c>
      <c r="V4995" s="2">
        <v>1.2999999999999999E-2</v>
      </c>
      <c r="W4995" s="2">
        <v>99.1</v>
      </c>
      <c r="X4995" s="2">
        <v>7.6</v>
      </c>
      <c r="Y4995" s="2">
        <v>16.7</v>
      </c>
      <c r="Z4995" s="5"/>
      <c r="AA4995" s="5" t="s">
        <v>43</v>
      </c>
      <c r="AB4995" s="5" t="s">
        <v>44</v>
      </c>
      <c r="AC4995" s="2"/>
      <c r="AD4995" s="1"/>
    </row>
    <row r="4996" spans="1:30">
      <c r="A4996" s="5" t="s">
        <v>83578</v>
      </c>
      <c r="B4996" s="2" t="s">
        <v>98590</v>
      </c>
      <c r="C4996" s="14" t="s">
        <v>98591</v>
      </c>
      <c r="D4996" s="2" t="s">
        <v>98592</v>
      </c>
      <c r="E4996" s="2" t="s">
        <v>47735</v>
      </c>
      <c r="F4996" s="8">
        <v>277</v>
      </c>
      <c r="G4996" s="5">
        <v>6</v>
      </c>
      <c r="H4996" s="5" t="s">
        <v>1518</v>
      </c>
      <c r="I4996" s="5" t="s">
        <v>40939</v>
      </c>
      <c r="J4996" s="2" t="s">
        <v>40940</v>
      </c>
      <c r="K4996" s="5" t="s">
        <v>40939</v>
      </c>
      <c r="L4996" s="2" t="s">
        <v>40940</v>
      </c>
      <c r="M4996" s="5" t="s">
        <v>36266</v>
      </c>
      <c r="N4996" s="5" t="s">
        <v>38</v>
      </c>
      <c r="O4996" s="5" t="s">
        <v>39</v>
      </c>
      <c r="P4996" s="5" t="s">
        <v>40</v>
      </c>
      <c r="Q4996" s="5" t="s">
        <v>1522</v>
      </c>
      <c r="R4996" s="5" t="s">
        <v>1523</v>
      </c>
      <c r="S4996" s="5" t="s">
        <v>42</v>
      </c>
      <c r="T4996" s="2">
        <v>2.63</v>
      </c>
      <c r="U4996" s="2">
        <v>2.0840000000000001</v>
      </c>
      <c r="V4996" s="2">
        <v>1.2999999999999999E-2</v>
      </c>
      <c r="W4996" s="2">
        <v>99.1</v>
      </c>
      <c r="X4996" s="2">
        <v>7.6</v>
      </c>
      <c r="Y4996" s="2">
        <v>16.7</v>
      </c>
      <c r="Z4996" s="5"/>
      <c r="AA4996" s="5" t="s">
        <v>43</v>
      </c>
      <c r="AB4996" s="5" t="s">
        <v>44</v>
      </c>
      <c r="AC4996" s="2"/>
      <c r="AD4996" s="1"/>
    </row>
    <row r="4997" spans="1:30">
      <c r="A4997" s="5" t="s">
        <v>83578</v>
      </c>
      <c r="B4997" s="2" t="s">
        <v>98593</v>
      </c>
      <c r="C4997" s="14" t="s">
        <v>98594</v>
      </c>
      <c r="D4997" s="2" t="s">
        <v>98595</v>
      </c>
      <c r="E4997" s="2" t="s">
        <v>7543</v>
      </c>
      <c r="F4997" s="8">
        <v>277</v>
      </c>
      <c r="G4997" s="5">
        <v>6</v>
      </c>
      <c r="H4997" s="5" t="s">
        <v>1518</v>
      </c>
      <c r="I4997" s="5" t="s">
        <v>40939</v>
      </c>
      <c r="J4997" s="2" t="s">
        <v>40940</v>
      </c>
      <c r="K4997" s="5" t="s">
        <v>40939</v>
      </c>
      <c r="L4997" s="2" t="s">
        <v>40940</v>
      </c>
      <c r="M4997" s="5" t="s">
        <v>36266</v>
      </c>
      <c r="N4997" s="5" t="s">
        <v>38</v>
      </c>
      <c r="O4997" s="5" t="s">
        <v>39</v>
      </c>
      <c r="P4997" s="5" t="s">
        <v>40</v>
      </c>
      <c r="Q4997" s="5" t="s">
        <v>1522</v>
      </c>
      <c r="R4997" s="5" t="s">
        <v>1523</v>
      </c>
      <c r="S4997" s="5" t="s">
        <v>42</v>
      </c>
      <c r="T4997" s="2">
        <v>2.5990000000000002</v>
      </c>
      <c r="U4997" s="2">
        <v>2.0529999999999999</v>
      </c>
      <c r="V4997" s="2">
        <v>1.2999999999999999E-2</v>
      </c>
      <c r="W4997" s="2">
        <v>99.1</v>
      </c>
      <c r="X4997" s="2">
        <v>7.6</v>
      </c>
      <c r="Y4997" s="2">
        <v>16.7</v>
      </c>
      <c r="Z4997" s="5"/>
      <c r="AA4997" s="5" t="s">
        <v>43</v>
      </c>
      <c r="AB4997" s="5" t="s">
        <v>44</v>
      </c>
      <c r="AC4997" s="2"/>
      <c r="AD4997" s="1"/>
    </row>
    <row r="4998" spans="1:30">
      <c r="A4998" s="5" t="s">
        <v>83578</v>
      </c>
      <c r="B4998" s="2" t="s">
        <v>98596</v>
      </c>
      <c r="C4998" s="14" t="s">
        <v>98597</v>
      </c>
      <c r="D4998" s="2" t="s">
        <v>98598</v>
      </c>
      <c r="E4998" s="2" t="s">
        <v>41005</v>
      </c>
      <c r="F4998" s="8">
        <v>277</v>
      </c>
      <c r="G4998" s="5">
        <v>6</v>
      </c>
      <c r="H4998" s="5" t="s">
        <v>1518</v>
      </c>
      <c r="I4998" s="5" t="s">
        <v>40939</v>
      </c>
      <c r="J4998" s="2" t="s">
        <v>40940</v>
      </c>
      <c r="K4998" s="5" t="s">
        <v>40939</v>
      </c>
      <c r="L4998" s="2" t="s">
        <v>40940</v>
      </c>
      <c r="M4998" s="5" t="s">
        <v>36266</v>
      </c>
      <c r="N4998" s="5" t="s">
        <v>38</v>
      </c>
      <c r="O4998" s="5" t="s">
        <v>39</v>
      </c>
      <c r="P4998" s="5" t="s">
        <v>40</v>
      </c>
      <c r="Q4998" s="5" t="s">
        <v>1522</v>
      </c>
      <c r="R4998" s="5" t="s">
        <v>1523</v>
      </c>
      <c r="S4998" s="5" t="s">
        <v>42</v>
      </c>
      <c r="T4998" s="2">
        <v>2.63</v>
      </c>
      <c r="U4998" s="2">
        <v>2.0840000000000001</v>
      </c>
      <c r="V4998" s="2">
        <v>1.2999999999999999E-2</v>
      </c>
      <c r="W4998" s="2">
        <v>99.1</v>
      </c>
      <c r="X4998" s="2">
        <v>7.6</v>
      </c>
      <c r="Y4998" s="2">
        <v>16.7</v>
      </c>
      <c r="Z4998" s="5"/>
      <c r="AA4998" s="5" t="s">
        <v>43</v>
      </c>
      <c r="AB4998" s="5" t="s">
        <v>44</v>
      </c>
      <c r="AC4998" s="2"/>
      <c r="AD4998" s="1"/>
    </row>
    <row r="4999" spans="1:30">
      <c r="A4999" s="5" t="s">
        <v>83578</v>
      </c>
      <c r="B4999" s="2" t="s">
        <v>98599</v>
      </c>
      <c r="C4999" s="14" t="s">
        <v>98600</v>
      </c>
      <c r="D4999" s="2" t="s">
        <v>98601</v>
      </c>
      <c r="E4999" s="2" t="s">
        <v>41009</v>
      </c>
      <c r="F4999" s="8">
        <v>277</v>
      </c>
      <c r="G4999" s="5">
        <v>6</v>
      </c>
      <c r="H4999" s="5" t="s">
        <v>1518</v>
      </c>
      <c r="I4999" s="5" t="s">
        <v>40939</v>
      </c>
      <c r="J4999" s="2" t="s">
        <v>40940</v>
      </c>
      <c r="K4999" s="5" t="s">
        <v>40939</v>
      </c>
      <c r="L4999" s="2" t="s">
        <v>40940</v>
      </c>
      <c r="M4999" s="5" t="s">
        <v>36266</v>
      </c>
      <c r="N4999" s="5" t="s">
        <v>38</v>
      </c>
      <c r="O4999" s="5" t="s">
        <v>39</v>
      </c>
      <c r="P4999" s="5" t="s">
        <v>40</v>
      </c>
      <c r="Q4999" s="5" t="s">
        <v>1522</v>
      </c>
      <c r="R4999" s="5" t="s">
        <v>1523</v>
      </c>
      <c r="S4999" s="5" t="s">
        <v>42</v>
      </c>
      <c r="T4999" s="2">
        <v>2.569</v>
      </c>
      <c r="U4999" s="2">
        <v>2.0230000000000001</v>
      </c>
      <c r="V4999" s="2">
        <v>1.2999999999999999E-2</v>
      </c>
      <c r="W4999" s="2">
        <v>99.1</v>
      </c>
      <c r="X4999" s="2">
        <v>7.6</v>
      </c>
      <c r="Y4999" s="2">
        <v>16.7</v>
      </c>
      <c r="Z4999" s="5"/>
      <c r="AA4999" s="5" t="s">
        <v>43</v>
      </c>
      <c r="AB4999" s="5" t="s">
        <v>44</v>
      </c>
      <c r="AC4999" s="2"/>
      <c r="AD4999" s="1"/>
    </row>
    <row r="5000" spans="1:30">
      <c r="A5000" s="5" t="s">
        <v>83578</v>
      </c>
      <c r="B5000" s="2" t="s">
        <v>98602</v>
      </c>
      <c r="C5000" s="14" t="s">
        <v>98603</v>
      </c>
      <c r="D5000" s="2" t="s">
        <v>98604</v>
      </c>
      <c r="E5000" s="2" t="s">
        <v>41035</v>
      </c>
      <c r="F5000" s="8">
        <v>277</v>
      </c>
      <c r="G5000" s="5">
        <v>6</v>
      </c>
      <c r="H5000" s="5" t="s">
        <v>1518</v>
      </c>
      <c r="I5000" s="5" t="s">
        <v>40939</v>
      </c>
      <c r="J5000" s="2" t="s">
        <v>40940</v>
      </c>
      <c r="K5000" s="5" t="s">
        <v>40939</v>
      </c>
      <c r="L5000" s="2" t="s">
        <v>40940</v>
      </c>
      <c r="M5000" s="5" t="s">
        <v>36266</v>
      </c>
      <c r="N5000" s="5" t="s">
        <v>38</v>
      </c>
      <c r="O5000" s="5" t="s">
        <v>39</v>
      </c>
      <c r="P5000" s="5" t="s">
        <v>40</v>
      </c>
      <c r="Q5000" s="5" t="s">
        <v>1522</v>
      </c>
      <c r="R5000" s="5" t="s">
        <v>1523</v>
      </c>
      <c r="S5000" s="5" t="s">
        <v>42</v>
      </c>
      <c r="T5000" s="2">
        <v>2.605</v>
      </c>
      <c r="U5000" s="2">
        <v>2.0590000000000002</v>
      </c>
      <c r="V5000" s="2">
        <v>1.2999999999999999E-2</v>
      </c>
      <c r="W5000" s="2">
        <v>99.1</v>
      </c>
      <c r="X5000" s="2">
        <v>7.6</v>
      </c>
      <c r="Y5000" s="2">
        <v>16.7</v>
      </c>
      <c r="Z5000" s="5"/>
      <c r="AA5000" s="5" t="s">
        <v>43</v>
      </c>
      <c r="AB5000" s="5" t="s">
        <v>44</v>
      </c>
      <c r="AC5000" s="2"/>
      <c r="AD5000" s="1"/>
    </row>
    <row r="5001" spans="1:30">
      <c r="A5001" s="5" t="s">
        <v>83578</v>
      </c>
      <c r="B5001" s="2" t="s">
        <v>98605</v>
      </c>
      <c r="C5001" s="14" t="s">
        <v>98606</v>
      </c>
      <c r="D5001" s="2" t="s">
        <v>98607</v>
      </c>
      <c r="E5001" s="2" t="s">
        <v>36273</v>
      </c>
      <c r="F5001" s="8">
        <v>269</v>
      </c>
      <c r="G5001" s="5">
        <v>6</v>
      </c>
      <c r="H5001" s="5" t="s">
        <v>1518</v>
      </c>
      <c r="I5001" s="5" t="s">
        <v>40939</v>
      </c>
      <c r="J5001" s="2" t="s">
        <v>40940</v>
      </c>
      <c r="K5001" s="5" t="s">
        <v>40939</v>
      </c>
      <c r="L5001" s="2" t="s">
        <v>40940</v>
      </c>
      <c r="M5001" s="5" t="s">
        <v>36266</v>
      </c>
      <c r="N5001" s="5" t="s">
        <v>38</v>
      </c>
      <c r="O5001" s="5" t="s">
        <v>39</v>
      </c>
      <c r="P5001" s="5" t="s">
        <v>40</v>
      </c>
      <c r="Q5001" s="5" t="s">
        <v>1522</v>
      </c>
      <c r="R5001" s="5" t="s">
        <v>1523</v>
      </c>
      <c r="S5001" s="5" t="s">
        <v>42</v>
      </c>
      <c r="T5001" s="2">
        <v>2.7229999999999999</v>
      </c>
      <c r="U5001" s="2">
        <v>2.1859999999999999</v>
      </c>
      <c r="V5001" s="2">
        <v>1.2999999999999999E-2</v>
      </c>
      <c r="W5001" s="2">
        <v>99.1</v>
      </c>
      <c r="X5001" s="2">
        <v>7.6</v>
      </c>
      <c r="Y5001" s="2">
        <v>16.7</v>
      </c>
      <c r="Z5001" s="5"/>
      <c r="AA5001" s="5" t="s">
        <v>43</v>
      </c>
      <c r="AB5001" s="5" t="s">
        <v>44</v>
      </c>
      <c r="AC5001" s="2"/>
      <c r="AD5001" s="1"/>
    </row>
    <row r="5002" spans="1:30">
      <c r="A5002" s="5" t="s">
        <v>83578</v>
      </c>
      <c r="B5002" s="2" t="s">
        <v>98608</v>
      </c>
      <c r="C5002" s="14" t="s">
        <v>98609</v>
      </c>
      <c r="D5002" s="2" t="s">
        <v>98610</v>
      </c>
      <c r="E5002" s="2" t="s">
        <v>36277</v>
      </c>
      <c r="F5002" s="8">
        <v>269</v>
      </c>
      <c r="G5002" s="5">
        <v>6</v>
      </c>
      <c r="H5002" s="5" t="s">
        <v>1518</v>
      </c>
      <c r="I5002" s="5" t="s">
        <v>40939</v>
      </c>
      <c r="J5002" s="2" t="s">
        <v>40940</v>
      </c>
      <c r="K5002" s="5" t="s">
        <v>40939</v>
      </c>
      <c r="L5002" s="2" t="s">
        <v>40940</v>
      </c>
      <c r="M5002" s="5" t="s">
        <v>36266</v>
      </c>
      <c r="N5002" s="5" t="s">
        <v>38</v>
      </c>
      <c r="O5002" s="5" t="s">
        <v>39</v>
      </c>
      <c r="P5002" s="5" t="s">
        <v>40</v>
      </c>
      <c r="Q5002" s="5" t="s">
        <v>1522</v>
      </c>
      <c r="R5002" s="5" t="s">
        <v>1523</v>
      </c>
      <c r="S5002" s="5" t="s">
        <v>42</v>
      </c>
      <c r="T5002" s="2">
        <v>2.8010000000000002</v>
      </c>
      <c r="U5002" s="2">
        <v>2.2639999999999998</v>
      </c>
      <c r="V5002" s="2">
        <v>1.2999999999999999E-2</v>
      </c>
      <c r="W5002" s="2">
        <v>99.1</v>
      </c>
      <c r="X5002" s="2">
        <v>7.6</v>
      </c>
      <c r="Y5002" s="2">
        <v>16.7</v>
      </c>
      <c r="Z5002" s="5"/>
      <c r="AA5002" s="5" t="s">
        <v>43</v>
      </c>
      <c r="AB5002" s="5" t="s">
        <v>44</v>
      </c>
      <c r="AC5002" s="2"/>
      <c r="AD5002" s="1"/>
    </row>
    <row r="5003" spans="1:30">
      <c r="A5003" s="5" t="s">
        <v>83578</v>
      </c>
      <c r="B5003" s="2" t="s">
        <v>98611</v>
      </c>
      <c r="C5003" s="14" t="s">
        <v>98612</v>
      </c>
      <c r="D5003" s="2" t="s">
        <v>98613</v>
      </c>
      <c r="E5003" s="2" t="s">
        <v>47735</v>
      </c>
      <c r="F5003" s="8">
        <v>289</v>
      </c>
      <c r="G5003" s="5">
        <v>6</v>
      </c>
      <c r="H5003" s="5" t="s">
        <v>1518</v>
      </c>
      <c r="I5003" s="5" t="s">
        <v>40939</v>
      </c>
      <c r="J5003" s="2" t="s">
        <v>40940</v>
      </c>
      <c r="K5003" s="5" t="s">
        <v>40939</v>
      </c>
      <c r="L5003" s="2" t="s">
        <v>40940</v>
      </c>
      <c r="M5003" s="5" t="s">
        <v>36266</v>
      </c>
      <c r="N5003" s="5" t="s">
        <v>38</v>
      </c>
      <c r="O5003" s="5" t="s">
        <v>39</v>
      </c>
      <c r="P5003" s="5" t="s">
        <v>40</v>
      </c>
      <c r="Q5003" s="5" t="s">
        <v>1522</v>
      </c>
      <c r="R5003" s="5" t="s">
        <v>1523</v>
      </c>
      <c r="S5003" s="5" t="s">
        <v>42</v>
      </c>
      <c r="T5003" s="2">
        <v>2.786</v>
      </c>
      <c r="U5003" s="2">
        <v>2.2490000000000001</v>
      </c>
      <c r="V5003" s="2">
        <v>1.2999999999999999E-2</v>
      </c>
      <c r="W5003" s="2">
        <v>99.1</v>
      </c>
      <c r="X5003" s="2">
        <v>7.6</v>
      </c>
      <c r="Y5003" s="2">
        <v>16.7</v>
      </c>
      <c r="Z5003" s="5"/>
      <c r="AA5003" s="5" t="s">
        <v>43</v>
      </c>
      <c r="AB5003" s="5" t="s">
        <v>44</v>
      </c>
      <c r="AC5003" s="2"/>
      <c r="AD5003" s="1"/>
    </row>
    <row r="5004" spans="1:30">
      <c r="A5004" s="5" t="s">
        <v>83578</v>
      </c>
      <c r="B5004" s="2" t="s">
        <v>98614</v>
      </c>
      <c r="C5004" s="14" t="s">
        <v>98615</v>
      </c>
      <c r="D5004" s="2" t="s">
        <v>98616</v>
      </c>
      <c r="E5004" s="2" t="s">
        <v>7539</v>
      </c>
      <c r="F5004" s="8">
        <v>289</v>
      </c>
      <c r="G5004" s="5">
        <v>6</v>
      </c>
      <c r="H5004" s="5" t="s">
        <v>1518</v>
      </c>
      <c r="I5004" s="5" t="s">
        <v>40939</v>
      </c>
      <c r="J5004" s="2" t="s">
        <v>40940</v>
      </c>
      <c r="K5004" s="5" t="s">
        <v>40939</v>
      </c>
      <c r="L5004" s="2" t="s">
        <v>40940</v>
      </c>
      <c r="M5004" s="5" t="s">
        <v>36266</v>
      </c>
      <c r="N5004" s="5" t="s">
        <v>38</v>
      </c>
      <c r="O5004" s="5" t="s">
        <v>39</v>
      </c>
      <c r="P5004" s="5" t="s">
        <v>40</v>
      </c>
      <c r="Q5004" s="5" t="s">
        <v>1522</v>
      </c>
      <c r="R5004" s="5" t="s">
        <v>1523</v>
      </c>
      <c r="S5004" s="5" t="s">
        <v>42</v>
      </c>
      <c r="T5004" s="2">
        <v>2.6720000000000002</v>
      </c>
      <c r="U5004" s="2">
        <v>2.1349999999999998</v>
      </c>
      <c r="V5004" s="2">
        <v>1.2999999999999999E-2</v>
      </c>
      <c r="W5004" s="2">
        <v>99.1</v>
      </c>
      <c r="X5004" s="2">
        <v>7.6</v>
      </c>
      <c r="Y5004" s="2">
        <v>16.7</v>
      </c>
      <c r="Z5004" s="5"/>
      <c r="AA5004" s="5" t="s">
        <v>43</v>
      </c>
      <c r="AB5004" s="5" t="s">
        <v>44</v>
      </c>
      <c r="AC5004" s="2"/>
      <c r="AD5004" s="1"/>
    </row>
    <row r="5005" spans="1:30">
      <c r="A5005" s="5" t="s">
        <v>83578</v>
      </c>
      <c r="B5005" s="2" t="s">
        <v>98617</v>
      </c>
      <c r="C5005" s="14" t="s">
        <v>98618</v>
      </c>
      <c r="D5005" s="2" t="s">
        <v>98619</v>
      </c>
      <c r="E5005" s="2" t="s">
        <v>7543</v>
      </c>
      <c r="F5005" s="8">
        <v>289</v>
      </c>
      <c r="G5005" s="5">
        <v>6</v>
      </c>
      <c r="H5005" s="5" t="s">
        <v>1518</v>
      </c>
      <c r="I5005" s="5" t="s">
        <v>40939</v>
      </c>
      <c r="J5005" s="2" t="s">
        <v>40940</v>
      </c>
      <c r="K5005" s="5" t="s">
        <v>40939</v>
      </c>
      <c r="L5005" s="2" t="s">
        <v>40940</v>
      </c>
      <c r="M5005" s="5" t="s">
        <v>36266</v>
      </c>
      <c r="N5005" s="5" t="s">
        <v>38</v>
      </c>
      <c r="O5005" s="5" t="s">
        <v>39</v>
      </c>
      <c r="P5005" s="5" t="s">
        <v>40</v>
      </c>
      <c r="Q5005" s="5" t="s">
        <v>1522</v>
      </c>
      <c r="R5005" s="5" t="s">
        <v>1523</v>
      </c>
      <c r="S5005" s="5" t="s">
        <v>42</v>
      </c>
      <c r="T5005" s="2">
        <v>2.75</v>
      </c>
      <c r="U5005" s="2">
        <v>2.2130000000000001</v>
      </c>
      <c r="V5005" s="2">
        <v>1.2999999999999999E-2</v>
      </c>
      <c r="W5005" s="2">
        <v>99.1</v>
      </c>
      <c r="X5005" s="2">
        <v>7.6</v>
      </c>
      <c r="Y5005" s="2">
        <v>16.7</v>
      </c>
      <c r="Z5005" s="5"/>
      <c r="AA5005" s="5" t="s">
        <v>43</v>
      </c>
      <c r="AB5005" s="5" t="s">
        <v>44</v>
      </c>
      <c r="AC5005" s="2"/>
      <c r="AD5005" s="1"/>
    </row>
    <row r="5006" spans="1:30">
      <c r="A5006" s="5" t="s">
        <v>83578</v>
      </c>
      <c r="B5006" s="2" t="s">
        <v>98620</v>
      </c>
      <c r="C5006" s="14" t="s">
        <v>98621</v>
      </c>
      <c r="D5006" s="2" t="s">
        <v>98622</v>
      </c>
      <c r="E5006" s="2" t="s">
        <v>40997</v>
      </c>
      <c r="F5006" s="8">
        <v>289</v>
      </c>
      <c r="G5006" s="5">
        <v>6</v>
      </c>
      <c r="H5006" s="5" t="s">
        <v>1518</v>
      </c>
      <c r="I5006" s="5" t="s">
        <v>40939</v>
      </c>
      <c r="J5006" s="2" t="s">
        <v>40940</v>
      </c>
      <c r="K5006" s="5" t="s">
        <v>40939</v>
      </c>
      <c r="L5006" s="2" t="s">
        <v>40940</v>
      </c>
      <c r="M5006" s="5" t="s">
        <v>36266</v>
      </c>
      <c r="N5006" s="5" t="s">
        <v>38</v>
      </c>
      <c r="O5006" s="5" t="s">
        <v>39</v>
      </c>
      <c r="P5006" s="5" t="s">
        <v>40</v>
      </c>
      <c r="Q5006" s="5" t="s">
        <v>1522</v>
      </c>
      <c r="R5006" s="5" t="s">
        <v>1523</v>
      </c>
      <c r="S5006" s="5" t="s">
        <v>42</v>
      </c>
      <c r="T5006" s="2">
        <v>2.6789999999999998</v>
      </c>
      <c r="U5006" s="2">
        <v>2.1419999999999999</v>
      </c>
      <c r="V5006" s="2">
        <v>1.2999999999999999E-2</v>
      </c>
      <c r="W5006" s="2">
        <v>99.1</v>
      </c>
      <c r="X5006" s="2">
        <v>7.6</v>
      </c>
      <c r="Y5006" s="2">
        <v>16.7</v>
      </c>
      <c r="Z5006" s="5"/>
      <c r="AA5006" s="5" t="s">
        <v>43</v>
      </c>
      <c r="AB5006" s="5" t="s">
        <v>44</v>
      </c>
      <c r="AC5006" s="2"/>
      <c r="AD5006" s="1"/>
    </row>
    <row r="5007" spans="1:30">
      <c r="A5007" s="5" t="s">
        <v>83578</v>
      </c>
      <c r="B5007" s="2" t="s">
        <v>98623</v>
      </c>
      <c r="C5007" s="14" t="s">
        <v>98624</v>
      </c>
      <c r="D5007" s="2" t="s">
        <v>98625</v>
      </c>
      <c r="E5007" s="2" t="s">
        <v>41267</v>
      </c>
      <c r="F5007" s="8">
        <v>289</v>
      </c>
      <c r="G5007" s="5">
        <v>6</v>
      </c>
      <c r="H5007" s="5" t="s">
        <v>1518</v>
      </c>
      <c r="I5007" s="5" t="s">
        <v>40939</v>
      </c>
      <c r="J5007" s="2" t="s">
        <v>40940</v>
      </c>
      <c r="K5007" s="5" t="s">
        <v>40939</v>
      </c>
      <c r="L5007" s="2" t="s">
        <v>40940</v>
      </c>
      <c r="M5007" s="5" t="s">
        <v>36266</v>
      </c>
      <c r="N5007" s="5" t="s">
        <v>38</v>
      </c>
      <c r="O5007" s="5" t="s">
        <v>39</v>
      </c>
      <c r="P5007" s="5" t="s">
        <v>40</v>
      </c>
      <c r="Q5007" s="5" t="s">
        <v>1522</v>
      </c>
      <c r="R5007" s="5" t="s">
        <v>1523</v>
      </c>
      <c r="S5007" s="5" t="s">
        <v>42</v>
      </c>
      <c r="T5007" s="2">
        <v>2.7570000000000001</v>
      </c>
      <c r="U5007" s="2">
        <v>2.2200000000000002</v>
      </c>
      <c r="V5007" s="2">
        <v>1.2999999999999999E-2</v>
      </c>
      <c r="W5007" s="2">
        <v>99.1</v>
      </c>
      <c r="X5007" s="2">
        <v>7.6</v>
      </c>
      <c r="Y5007" s="2">
        <v>16.7</v>
      </c>
      <c r="Z5007" s="5"/>
      <c r="AA5007" s="5" t="s">
        <v>43</v>
      </c>
      <c r="AB5007" s="5" t="s">
        <v>44</v>
      </c>
      <c r="AC5007" s="2"/>
      <c r="AD5007" s="1"/>
    </row>
    <row r="5008" spans="1:30">
      <c r="A5008" s="5" t="s">
        <v>83578</v>
      </c>
      <c r="B5008" s="2" t="s">
        <v>98626</v>
      </c>
      <c r="C5008" s="14" t="s">
        <v>98627</v>
      </c>
      <c r="D5008" s="2" t="s">
        <v>98628</v>
      </c>
      <c r="E5008" s="2" t="s">
        <v>41005</v>
      </c>
      <c r="F5008" s="8">
        <v>289</v>
      </c>
      <c r="G5008" s="5">
        <v>6</v>
      </c>
      <c r="H5008" s="5" t="s">
        <v>1518</v>
      </c>
      <c r="I5008" s="5" t="s">
        <v>40939</v>
      </c>
      <c r="J5008" s="2" t="s">
        <v>40940</v>
      </c>
      <c r="K5008" s="5" t="s">
        <v>40939</v>
      </c>
      <c r="L5008" s="2" t="s">
        <v>40940</v>
      </c>
      <c r="M5008" s="5" t="s">
        <v>36266</v>
      </c>
      <c r="N5008" s="5" t="s">
        <v>38</v>
      </c>
      <c r="O5008" s="5" t="s">
        <v>39</v>
      </c>
      <c r="P5008" s="5" t="s">
        <v>40</v>
      </c>
      <c r="Q5008" s="5" t="s">
        <v>1522</v>
      </c>
      <c r="R5008" s="5" t="s">
        <v>1523</v>
      </c>
      <c r="S5008" s="5" t="s">
        <v>42</v>
      </c>
      <c r="T5008" s="2">
        <v>2.786</v>
      </c>
      <c r="U5008" s="2">
        <v>2.2490000000000001</v>
      </c>
      <c r="V5008" s="2">
        <v>1.2999999999999999E-2</v>
      </c>
      <c r="W5008" s="2">
        <v>99.1</v>
      </c>
      <c r="X5008" s="2">
        <v>7.6</v>
      </c>
      <c r="Y5008" s="2">
        <v>16.7</v>
      </c>
      <c r="Z5008" s="5"/>
      <c r="AA5008" s="5" t="s">
        <v>43</v>
      </c>
      <c r="AB5008" s="5" t="s">
        <v>44</v>
      </c>
      <c r="AC5008" s="2"/>
      <c r="AD5008" s="1"/>
    </row>
    <row r="5009" spans="1:30">
      <c r="A5009" s="5" t="s">
        <v>83578</v>
      </c>
      <c r="B5009" s="2" t="s">
        <v>98629</v>
      </c>
      <c r="C5009" s="14" t="s">
        <v>98630</v>
      </c>
      <c r="D5009" s="2" t="s">
        <v>98631</v>
      </c>
      <c r="E5009" s="2" t="s">
        <v>41009</v>
      </c>
      <c r="F5009" s="8">
        <v>289</v>
      </c>
      <c r="G5009" s="5">
        <v>6</v>
      </c>
      <c r="H5009" s="5" t="s">
        <v>1518</v>
      </c>
      <c r="I5009" s="5" t="s">
        <v>40939</v>
      </c>
      <c r="J5009" s="2" t="s">
        <v>40940</v>
      </c>
      <c r="K5009" s="5" t="s">
        <v>40939</v>
      </c>
      <c r="L5009" s="2" t="s">
        <v>40940</v>
      </c>
      <c r="M5009" s="5" t="s">
        <v>36266</v>
      </c>
      <c r="N5009" s="5" t="s">
        <v>38</v>
      </c>
      <c r="O5009" s="5" t="s">
        <v>39</v>
      </c>
      <c r="P5009" s="5" t="s">
        <v>40</v>
      </c>
      <c r="Q5009" s="5" t="s">
        <v>1522</v>
      </c>
      <c r="R5009" s="5" t="s">
        <v>1523</v>
      </c>
      <c r="S5009" s="5" t="s">
        <v>42</v>
      </c>
      <c r="T5009" s="2">
        <v>2.7149999999999999</v>
      </c>
      <c r="U5009" s="2">
        <v>2.1779999999999999</v>
      </c>
      <c r="V5009" s="2">
        <v>1.2999999999999999E-2</v>
      </c>
      <c r="W5009" s="2">
        <v>99.1</v>
      </c>
      <c r="X5009" s="2">
        <v>7.6</v>
      </c>
      <c r="Y5009" s="2">
        <v>16.7</v>
      </c>
      <c r="Z5009" s="5"/>
      <c r="AA5009" s="5" t="s">
        <v>43</v>
      </c>
      <c r="AB5009" s="5" t="s">
        <v>44</v>
      </c>
      <c r="AC5009" s="2"/>
      <c r="AD5009" s="1"/>
    </row>
    <row r="5010" spans="1:30">
      <c r="A5010" s="5" t="s">
        <v>83578</v>
      </c>
      <c r="B5010" s="2" t="s">
        <v>98632</v>
      </c>
      <c r="C5010" s="14" t="s">
        <v>98633</v>
      </c>
      <c r="D5010" s="2" t="s">
        <v>98634</v>
      </c>
      <c r="E5010" s="2" t="s">
        <v>41013</v>
      </c>
      <c r="F5010" s="8">
        <v>289</v>
      </c>
      <c r="G5010" s="5">
        <v>6</v>
      </c>
      <c r="H5010" s="5" t="s">
        <v>1518</v>
      </c>
      <c r="I5010" s="5" t="s">
        <v>40939</v>
      </c>
      <c r="J5010" s="2" t="s">
        <v>40940</v>
      </c>
      <c r="K5010" s="5" t="s">
        <v>40939</v>
      </c>
      <c r="L5010" s="2" t="s">
        <v>40940</v>
      </c>
      <c r="M5010" s="5" t="s">
        <v>36266</v>
      </c>
      <c r="N5010" s="5" t="s">
        <v>38</v>
      </c>
      <c r="O5010" s="5" t="s">
        <v>39</v>
      </c>
      <c r="P5010" s="5" t="s">
        <v>40</v>
      </c>
      <c r="Q5010" s="5" t="s">
        <v>1522</v>
      </c>
      <c r="R5010" s="5" t="s">
        <v>1523</v>
      </c>
      <c r="S5010" s="5" t="s">
        <v>42</v>
      </c>
      <c r="T5010" s="2">
        <v>2.7930000000000001</v>
      </c>
      <c r="U5010" s="2">
        <v>2.2559999999999998</v>
      </c>
      <c r="V5010" s="2">
        <v>1.2999999999999999E-2</v>
      </c>
      <c r="W5010" s="2">
        <v>99.1</v>
      </c>
      <c r="X5010" s="2">
        <v>7.6</v>
      </c>
      <c r="Y5010" s="2">
        <v>16.7</v>
      </c>
      <c r="Z5010" s="5"/>
      <c r="AA5010" s="5" t="s">
        <v>43</v>
      </c>
      <c r="AB5010" s="5" t="s">
        <v>44</v>
      </c>
      <c r="AC5010" s="2"/>
      <c r="AD5010" s="1"/>
    </row>
    <row r="5011" spans="1:30">
      <c r="A5011" s="5" t="s">
        <v>83578</v>
      </c>
      <c r="B5011" s="2" t="s">
        <v>98635</v>
      </c>
      <c r="C5011" s="14" t="s">
        <v>98636</v>
      </c>
      <c r="D5011" s="2" t="s">
        <v>98637</v>
      </c>
      <c r="E5011" s="2" t="s">
        <v>41027</v>
      </c>
      <c r="F5011" s="8">
        <v>289</v>
      </c>
      <c r="G5011" s="5">
        <v>6</v>
      </c>
      <c r="H5011" s="5" t="s">
        <v>1518</v>
      </c>
      <c r="I5011" s="5" t="s">
        <v>40939</v>
      </c>
      <c r="J5011" s="2" t="s">
        <v>40940</v>
      </c>
      <c r="K5011" s="5" t="s">
        <v>40939</v>
      </c>
      <c r="L5011" s="2" t="s">
        <v>40940</v>
      </c>
      <c r="M5011" s="5" t="s">
        <v>36266</v>
      </c>
      <c r="N5011" s="5" t="s">
        <v>38</v>
      </c>
      <c r="O5011" s="5" t="s">
        <v>39</v>
      </c>
      <c r="P5011" s="5" t="s">
        <v>40</v>
      </c>
      <c r="Q5011" s="5" t="s">
        <v>1522</v>
      </c>
      <c r="R5011" s="5" t="s">
        <v>1523</v>
      </c>
      <c r="S5011" s="5" t="s">
        <v>42</v>
      </c>
      <c r="T5011" s="2">
        <v>2.7570000000000001</v>
      </c>
      <c r="U5011" s="2">
        <v>2.2200000000000002</v>
      </c>
      <c r="V5011" s="2">
        <v>1.2999999999999999E-2</v>
      </c>
      <c r="W5011" s="2">
        <v>99.1</v>
      </c>
      <c r="X5011" s="2">
        <v>7.6</v>
      </c>
      <c r="Y5011" s="2">
        <v>16.7</v>
      </c>
      <c r="Z5011" s="5"/>
      <c r="AA5011" s="5" t="s">
        <v>43</v>
      </c>
      <c r="AB5011" s="5" t="s">
        <v>44</v>
      </c>
      <c r="AC5011" s="2"/>
      <c r="AD5011" s="1"/>
    </row>
    <row r="5012" spans="1:30">
      <c r="A5012" s="5" t="s">
        <v>83578</v>
      </c>
      <c r="B5012" s="2" t="s">
        <v>98638</v>
      </c>
      <c r="C5012" s="14" t="s">
        <v>98639</v>
      </c>
      <c r="D5012" s="2" t="s">
        <v>98640</v>
      </c>
      <c r="E5012" s="2" t="s">
        <v>7449</v>
      </c>
      <c r="F5012" s="8">
        <v>289</v>
      </c>
      <c r="G5012" s="5">
        <v>6</v>
      </c>
      <c r="H5012" s="5" t="s">
        <v>1518</v>
      </c>
      <c r="I5012" s="5" t="s">
        <v>40939</v>
      </c>
      <c r="J5012" s="2" t="s">
        <v>40940</v>
      </c>
      <c r="K5012" s="5" t="s">
        <v>40939</v>
      </c>
      <c r="L5012" s="2" t="s">
        <v>40940</v>
      </c>
      <c r="M5012" s="5" t="s">
        <v>36266</v>
      </c>
      <c r="N5012" s="5" t="s">
        <v>38</v>
      </c>
      <c r="O5012" s="5" t="s">
        <v>39</v>
      </c>
      <c r="P5012" s="5" t="s">
        <v>40</v>
      </c>
      <c r="Q5012" s="5" t="s">
        <v>1522</v>
      </c>
      <c r="R5012" s="5" t="s">
        <v>1523</v>
      </c>
      <c r="S5012" s="5" t="s">
        <v>42</v>
      </c>
      <c r="T5012" s="2">
        <v>2.6789999999999998</v>
      </c>
      <c r="U5012" s="2">
        <v>2.1419999999999999</v>
      </c>
      <c r="V5012" s="2">
        <v>1.2999999999999999E-2</v>
      </c>
      <c r="W5012" s="2">
        <v>99.1</v>
      </c>
      <c r="X5012" s="2">
        <v>7.6</v>
      </c>
      <c r="Y5012" s="2">
        <v>16.7</v>
      </c>
      <c r="Z5012" s="5"/>
      <c r="AA5012" s="5" t="s">
        <v>43</v>
      </c>
      <c r="AB5012" s="5" t="s">
        <v>44</v>
      </c>
      <c r="AC5012" s="2"/>
      <c r="AD5012" s="1"/>
    </row>
    <row r="5013" spans="1:30">
      <c r="A5013" s="5" t="s">
        <v>83578</v>
      </c>
      <c r="B5013" s="2" t="s">
        <v>98641</v>
      </c>
      <c r="C5013" s="14" t="s">
        <v>98642</v>
      </c>
      <c r="D5013" s="2" t="s">
        <v>98643</v>
      </c>
      <c r="E5013" s="2" t="s">
        <v>7581</v>
      </c>
      <c r="F5013" s="8">
        <v>289</v>
      </c>
      <c r="G5013" s="5">
        <v>6</v>
      </c>
      <c r="H5013" s="5" t="s">
        <v>1518</v>
      </c>
      <c r="I5013" s="5" t="s">
        <v>40939</v>
      </c>
      <c r="J5013" s="2" t="s">
        <v>40940</v>
      </c>
      <c r="K5013" s="5" t="s">
        <v>40939</v>
      </c>
      <c r="L5013" s="2" t="s">
        <v>40940</v>
      </c>
      <c r="M5013" s="5" t="s">
        <v>36266</v>
      </c>
      <c r="N5013" s="5" t="s">
        <v>38</v>
      </c>
      <c r="O5013" s="5" t="s">
        <v>39</v>
      </c>
      <c r="P5013" s="5" t="s">
        <v>40</v>
      </c>
      <c r="Q5013" s="5" t="s">
        <v>1522</v>
      </c>
      <c r="R5013" s="5" t="s">
        <v>1523</v>
      </c>
      <c r="S5013" s="5" t="s">
        <v>42</v>
      </c>
      <c r="T5013" s="2">
        <v>2.7570000000000001</v>
      </c>
      <c r="U5013" s="2">
        <v>2.2200000000000002</v>
      </c>
      <c r="V5013" s="2">
        <v>1.2999999999999999E-2</v>
      </c>
      <c r="W5013" s="2">
        <v>99.1</v>
      </c>
      <c r="X5013" s="2">
        <v>7.6</v>
      </c>
      <c r="Y5013" s="2">
        <v>16.7</v>
      </c>
      <c r="Z5013" s="5"/>
      <c r="AA5013" s="5" t="s">
        <v>43</v>
      </c>
      <c r="AB5013" s="5" t="s">
        <v>44</v>
      </c>
      <c r="AC5013" s="2"/>
      <c r="AD5013" s="1"/>
    </row>
    <row r="5014" spans="1:30">
      <c r="A5014" s="5" t="s">
        <v>83578</v>
      </c>
      <c r="B5014" s="2" t="s">
        <v>98644</v>
      </c>
      <c r="C5014" s="14" t="s">
        <v>98645</v>
      </c>
      <c r="D5014" s="2" t="s">
        <v>98646</v>
      </c>
      <c r="E5014" s="2" t="s">
        <v>41049</v>
      </c>
      <c r="F5014" s="8">
        <v>289</v>
      </c>
      <c r="G5014" s="5">
        <v>6</v>
      </c>
      <c r="H5014" s="5" t="s">
        <v>1518</v>
      </c>
      <c r="I5014" s="5" t="s">
        <v>40939</v>
      </c>
      <c r="J5014" s="2" t="s">
        <v>40940</v>
      </c>
      <c r="K5014" s="5" t="s">
        <v>40939</v>
      </c>
      <c r="L5014" s="2" t="s">
        <v>40940</v>
      </c>
      <c r="M5014" s="5" t="s">
        <v>36266</v>
      </c>
      <c r="N5014" s="5" t="s">
        <v>38</v>
      </c>
      <c r="O5014" s="5" t="s">
        <v>39</v>
      </c>
      <c r="P5014" s="5" t="s">
        <v>40</v>
      </c>
      <c r="Q5014" s="5" t="s">
        <v>1522</v>
      </c>
      <c r="R5014" s="5" t="s">
        <v>1523</v>
      </c>
      <c r="S5014" s="5" t="s">
        <v>42</v>
      </c>
      <c r="T5014" s="2">
        <v>2.8010000000000002</v>
      </c>
      <c r="U5014" s="2">
        <v>2.2639999999999998</v>
      </c>
      <c r="V5014" s="2">
        <v>1.2999999999999999E-2</v>
      </c>
      <c r="W5014" s="2">
        <v>99.1</v>
      </c>
      <c r="X5014" s="2">
        <v>7.6</v>
      </c>
      <c r="Y5014" s="2">
        <v>16.7</v>
      </c>
      <c r="Z5014" s="5"/>
      <c r="AA5014" s="5" t="s">
        <v>43</v>
      </c>
      <c r="AB5014" s="5" t="s">
        <v>44</v>
      </c>
      <c r="AC5014" s="2"/>
      <c r="AD5014" s="1"/>
    </row>
    <row r="5015" spans="1:30">
      <c r="A5015" s="5" t="s">
        <v>83578</v>
      </c>
      <c r="B5015" s="2" t="s">
        <v>98647</v>
      </c>
      <c r="C5015" s="14" t="s">
        <v>98648</v>
      </c>
      <c r="D5015" s="2" t="s">
        <v>98649</v>
      </c>
      <c r="E5015" s="2" t="s">
        <v>47226</v>
      </c>
      <c r="F5015" s="8">
        <v>294</v>
      </c>
      <c r="G5015" s="5">
        <v>6</v>
      </c>
      <c r="H5015" s="5" t="s">
        <v>1518</v>
      </c>
      <c r="I5015" s="5" t="s">
        <v>40939</v>
      </c>
      <c r="J5015" s="2" t="s">
        <v>40940</v>
      </c>
      <c r="K5015" s="5" t="s">
        <v>40939</v>
      </c>
      <c r="L5015" s="2" t="s">
        <v>40940</v>
      </c>
      <c r="M5015" s="5" t="s">
        <v>36266</v>
      </c>
      <c r="N5015" s="5" t="s">
        <v>38</v>
      </c>
      <c r="O5015" s="5" t="s">
        <v>39</v>
      </c>
      <c r="P5015" s="5" t="s">
        <v>40</v>
      </c>
      <c r="Q5015" s="5" t="s">
        <v>1522</v>
      </c>
      <c r="R5015" s="5" t="s">
        <v>1523</v>
      </c>
      <c r="S5015" s="5" t="s">
        <v>42</v>
      </c>
      <c r="T5015" s="2">
        <v>2.8660000000000001</v>
      </c>
      <c r="U5015" s="2">
        <v>2.3290000000000002</v>
      </c>
      <c r="V5015" s="2">
        <v>1.4999999999999999E-2</v>
      </c>
      <c r="W5015" s="2">
        <v>118.9</v>
      </c>
      <c r="X5015" s="2">
        <v>7.6</v>
      </c>
      <c r="Y5015" s="2">
        <v>16.7</v>
      </c>
      <c r="Z5015" s="5"/>
      <c r="AA5015" s="5" t="s">
        <v>43</v>
      </c>
      <c r="AB5015" s="5" t="s">
        <v>44</v>
      </c>
      <c r="AC5015" s="2"/>
      <c r="AD5015" s="1"/>
    </row>
    <row r="5016" spans="1:30">
      <c r="A5016" s="5" t="s">
        <v>83578</v>
      </c>
      <c r="B5016" s="2" t="s">
        <v>98650</v>
      </c>
      <c r="C5016" s="14" t="s">
        <v>98651</v>
      </c>
      <c r="D5016" s="2" t="s">
        <v>98652</v>
      </c>
      <c r="E5016" s="2" t="s">
        <v>40997</v>
      </c>
      <c r="F5016" s="8">
        <v>294</v>
      </c>
      <c r="G5016" s="5">
        <v>6</v>
      </c>
      <c r="H5016" s="5" t="s">
        <v>1518</v>
      </c>
      <c r="I5016" s="5" t="s">
        <v>40939</v>
      </c>
      <c r="J5016" s="2" t="s">
        <v>40940</v>
      </c>
      <c r="K5016" s="5" t="s">
        <v>40939</v>
      </c>
      <c r="L5016" s="2" t="s">
        <v>40940</v>
      </c>
      <c r="M5016" s="5" t="s">
        <v>36266</v>
      </c>
      <c r="N5016" s="5" t="s">
        <v>38</v>
      </c>
      <c r="O5016" s="5" t="s">
        <v>39</v>
      </c>
      <c r="P5016" s="5" t="s">
        <v>40</v>
      </c>
      <c r="Q5016" s="5" t="s">
        <v>1522</v>
      </c>
      <c r="R5016" s="5" t="s">
        <v>1523</v>
      </c>
      <c r="S5016" s="5" t="s">
        <v>42</v>
      </c>
      <c r="T5016" s="2">
        <v>2.8319999999999999</v>
      </c>
      <c r="U5016" s="2">
        <v>2.2949999999999999</v>
      </c>
      <c r="V5016" s="2">
        <v>1.4999999999999999E-2</v>
      </c>
      <c r="W5016" s="2">
        <v>118.9</v>
      </c>
      <c r="X5016" s="2">
        <v>7.6</v>
      </c>
      <c r="Y5016" s="2">
        <v>16.7</v>
      </c>
      <c r="Z5016" s="5"/>
      <c r="AA5016" s="5" t="s">
        <v>43</v>
      </c>
      <c r="AB5016" s="5" t="s">
        <v>44</v>
      </c>
      <c r="AC5016" s="2"/>
      <c r="AD5016" s="1"/>
    </row>
    <row r="5017" spans="1:30">
      <c r="A5017" s="5" t="s">
        <v>83578</v>
      </c>
      <c r="B5017" s="2" t="s">
        <v>98653</v>
      </c>
      <c r="C5017" s="14" t="s">
        <v>98654</v>
      </c>
      <c r="D5017" s="2" t="s">
        <v>98655</v>
      </c>
      <c r="E5017" s="2" t="s">
        <v>41267</v>
      </c>
      <c r="F5017" s="8">
        <v>294</v>
      </c>
      <c r="G5017" s="5">
        <v>6</v>
      </c>
      <c r="H5017" s="5" t="s">
        <v>1518</v>
      </c>
      <c r="I5017" s="5" t="s">
        <v>40939</v>
      </c>
      <c r="J5017" s="2" t="s">
        <v>40940</v>
      </c>
      <c r="K5017" s="5" t="s">
        <v>40939</v>
      </c>
      <c r="L5017" s="2" t="s">
        <v>40940</v>
      </c>
      <c r="M5017" s="5" t="s">
        <v>36266</v>
      </c>
      <c r="N5017" s="5" t="s">
        <v>38</v>
      </c>
      <c r="O5017" s="5" t="s">
        <v>39</v>
      </c>
      <c r="P5017" s="5" t="s">
        <v>40</v>
      </c>
      <c r="Q5017" s="5" t="s">
        <v>1522</v>
      </c>
      <c r="R5017" s="5" t="s">
        <v>1523</v>
      </c>
      <c r="S5017" s="5" t="s">
        <v>42</v>
      </c>
      <c r="T5017" s="2">
        <v>2.9239999999999999</v>
      </c>
      <c r="U5017" s="2">
        <v>2.387</v>
      </c>
      <c r="V5017" s="2">
        <v>1.4999999999999999E-2</v>
      </c>
      <c r="W5017" s="2">
        <v>118.9</v>
      </c>
      <c r="X5017" s="2">
        <v>7.6</v>
      </c>
      <c r="Y5017" s="2">
        <v>16.7</v>
      </c>
      <c r="Z5017" s="5"/>
      <c r="AA5017" s="5" t="s">
        <v>43</v>
      </c>
      <c r="AB5017" s="5" t="s">
        <v>44</v>
      </c>
      <c r="AC5017" s="2"/>
      <c r="AD5017" s="1"/>
    </row>
    <row r="5018" spans="1:30">
      <c r="A5018" s="5" t="s">
        <v>83578</v>
      </c>
      <c r="B5018" s="2" t="s">
        <v>98656</v>
      </c>
      <c r="C5018" s="14" t="s">
        <v>98657</v>
      </c>
      <c r="D5018" s="2" t="s">
        <v>98658</v>
      </c>
      <c r="E5018" s="2" t="s">
        <v>41005</v>
      </c>
      <c r="F5018" s="8">
        <v>294</v>
      </c>
      <c r="G5018" s="5">
        <v>6</v>
      </c>
      <c r="H5018" s="5" t="s">
        <v>1518</v>
      </c>
      <c r="I5018" s="5" t="s">
        <v>40939</v>
      </c>
      <c r="J5018" s="2" t="s">
        <v>40940</v>
      </c>
      <c r="K5018" s="5" t="s">
        <v>40939</v>
      </c>
      <c r="L5018" s="2" t="s">
        <v>40940</v>
      </c>
      <c r="M5018" s="5" t="s">
        <v>36266</v>
      </c>
      <c r="N5018" s="5" t="s">
        <v>38</v>
      </c>
      <c r="O5018" s="5" t="s">
        <v>39</v>
      </c>
      <c r="P5018" s="5" t="s">
        <v>40</v>
      </c>
      <c r="Q5018" s="5" t="s">
        <v>1522</v>
      </c>
      <c r="R5018" s="5" t="s">
        <v>1523</v>
      </c>
      <c r="S5018" s="5" t="s">
        <v>42</v>
      </c>
      <c r="T5018" s="2">
        <v>2.9580000000000002</v>
      </c>
      <c r="U5018" s="2">
        <v>2.4209999999999998</v>
      </c>
      <c r="V5018" s="2">
        <v>1.4999999999999999E-2</v>
      </c>
      <c r="W5018" s="2">
        <v>118.9</v>
      </c>
      <c r="X5018" s="2">
        <v>7.6</v>
      </c>
      <c r="Y5018" s="2">
        <v>16.7</v>
      </c>
      <c r="Z5018" s="5"/>
      <c r="AA5018" s="5" t="s">
        <v>43</v>
      </c>
      <c r="AB5018" s="5" t="s">
        <v>44</v>
      </c>
      <c r="AC5018" s="2"/>
      <c r="AD5018" s="1"/>
    </row>
    <row r="5019" spans="1:30">
      <c r="A5019" s="5" t="s">
        <v>83578</v>
      </c>
      <c r="B5019" s="2" t="s">
        <v>98659</v>
      </c>
      <c r="C5019" s="14" t="s">
        <v>98660</v>
      </c>
      <c r="D5019" s="2" t="s">
        <v>98661</v>
      </c>
      <c r="E5019" s="2" t="s">
        <v>41027</v>
      </c>
      <c r="F5019" s="8">
        <v>294</v>
      </c>
      <c r="G5019" s="5">
        <v>6</v>
      </c>
      <c r="H5019" s="5" t="s">
        <v>1518</v>
      </c>
      <c r="I5019" s="5" t="s">
        <v>40939</v>
      </c>
      <c r="J5019" s="2" t="s">
        <v>40940</v>
      </c>
      <c r="K5019" s="5" t="s">
        <v>40939</v>
      </c>
      <c r="L5019" s="2" t="s">
        <v>40940</v>
      </c>
      <c r="M5019" s="5" t="s">
        <v>36266</v>
      </c>
      <c r="N5019" s="5" t="s">
        <v>38</v>
      </c>
      <c r="O5019" s="5" t="s">
        <v>39</v>
      </c>
      <c r="P5019" s="5" t="s">
        <v>40</v>
      </c>
      <c r="Q5019" s="5" t="s">
        <v>1522</v>
      </c>
      <c r="R5019" s="5" t="s">
        <v>1523</v>
      </c>
      <c r="S5019" s="5" t="s">
        <v>42</v>
      </c>
      <c r="T5019" s="2">
        <v>2.9239999999999999</v>
      </c>
      <c r="U5019" s="2">
        <v>2.387</v>
      </c>
      <c r="V5019" s="2">
        <v>1.4999999999999999E-2</v>
      </c>
      <c r="W5019" s="2">
        <v>118.9</v>
      </c>
      <c r="X5019" s="2">
        <v>7.6</v>
      </c>
      <c r="Y5019" s="2">
        <v>16.7</v>
      </c>
      <c r="Z5019" s="5"/>
      <c r="AA5019" s="5" t="s">
        <v>43</v>
      </c>
      <c r="AB5019" s="5" t="s">
        <v>44</v>
      </c>
      <c r="AC5019" s="2"/>
      <c r="AD5019" s="1"/>
    </row>
    <row r="5020" spans="1:30">
      <c r="A5020" s="5" t="s">
        <v>83578</v>
      </c>
      <c r="B5020" s="2" t="s">
        <v>98662</v>
      </c>
      <c r="C5020" s="14" t="s">
        <v>98663</v>
      </c>
      <c r="D5020" s="2" t="s">
        <v>98664</v>
      </c>
      <c r="E5020" s="2" t="s">
        <v>7514</v>
      </c>
      <c r="F5020" s="8">
        <v>281</v>
      </c>
      <c r="G5020" s="5">
        <v>6</v>
      </c>
      <c r="H5020" s="5" t="s">
        <v>1518</v>
      </c>
      <c r="I5020" s="5" t="s">
        <v>40939</v>
      </c>
      <c r="J5020" s="2" t="s">
        <v>40940</v>
      </c>
      <c r="K5020" s="5" t="s">
        <v>40939</v>
      </c>
      <c r="L5020" s="2" t="s">
        <v>40940</v>
      </c>
      <c r="M5020" s="5" t="s">
        <v>36266</v>
      </c>
      <c r="N5020" s="5" t="s">
        <v>38</v>
      </c>
      <c r="O5020" s="5" t="s">
        <v>39</v>
      </c>
      <c r="P5020" s="5" t="s">
        <v>40</v>
      </c>
      <c r="Q5020" s="5" t="s">
        <v>1522</v>
      </c>
      <c r="R5020" s="5" t="s">
        <v>1523</v>
      </c>
      <c r="S5020" s="5" t="s">
        <v>42</v>
      </c>
      <c r="T5020" s="2">
        <v>3.173</v>
      </c>
      <c r="U5020" s="2">
        <v>2.56</v>
      </c>
      <c r="V5020" s="2">
        <v>1.7999999999999999E-2</v>
      </c>
      <c r="W5020" s="2">
        <v>139.1</v>
      </c>
      <c r="X5020" s="2">
        <v>7.6</v>
      </c>
      <c r="Y5020" s="2">
        <v>16.7</v>
      </c>
      <c r="Z5020" s="5"/>
      <c r="AA5020" s="5" t="s">
        <v>43</v>
      </c>
      <c r="AB5020" s="5" t="s">
        <v>44</v>
      </c>
      <c r="AC5020" s="2"/>
      <c r="AD5020" s="1"/>
    </row>
    <row r="5021" spans="1:30">
      <c r="A5021" s="5" t="s">
        <v>83578</v>
      </c>
      <c r="B5021" s="2" t="s">
        <v>98665</v>
      </c>
      <c r="C5021" s="14" t="s">
        <v>98666</v>
      </c>
      <c r="D5021" s="2" t="s">
        <v>98667</v>
      </c>
      <c r="E5021" s="2" t="s">
        <v>47266</v>
      </c>
      <c r="F5021" s="8">
        <v>303</v>
      </c>
      <c r="G5021" s="5">
        <v>6</v>
      </c>
      <c r="H5021" s="5" t="s">
        <v>1518</v>
      </c>
      <c r="I5021" s="5" t="s">
        <v>40939</v>
      </c>
      <c r="J5021" s="2" t="s">
        <v>40940</v>
      </c>
      <c r="K5021" s="5" t="s">
        <v>40939</v>
      </c>
      <c r="L5021" s="2" t="s">
        <v>40940</v>
      </c>
      <c r="M5021" s="5" t="s">
        <v>36266</v>
      </c>
      <c r="N5021" s="5" t="s">
        <v>38</v>
      </c>
      <c r="O5021" s="5" t="s">
        <v>39</v>
      </c>
      <c r="P5021" s="5" t="s">
        <v>40</v>
      </c>
      <c r="Q5021" s="5" t="s">
        <v>1522</v>
      </c>
      <c r="R5021" s="5" t="s">
        <v>1523</v>
      </c>
      <c r="S5021" s="5" t="s">
        <v>42</v>
      </c>
      <c r="T5021" s="2">
        <v>3.0910000000000002</v>
      </c>
      <c r="U5021" s="2">
        <v>2.4780000000000002</v>
      </c>
      <c r="V5021" s="2">
        <v>1.7999999999999999E-2</v>
      </c>
      <c r="W5021" s="2">
        <v>139.1</v>
      </c>
      <c r="X5021" s="2">
        <v>7.6</v>
      </c>
      <c r="Y5021" s="2">
        <v>16.7</v>
      </c>
      <c r="Z5021" s="5"/>
      <c r="AA5021" s="5" t="s">
        <v>43</v>
      </c>
      <c r="AB5021" s="5" t="s">
        <v>44</v>
      </c>
      <c r="AC5021" s="2"/>
      <c r="AD5021" s="1"/>
    </row>
    <row r="5022" spans="1:30">
      <c r="A5022" s="5" t="s">
        <v>83578</v>
      </c>
      <c r="B5022" s="2" t="s">
        <v>98668</v>
      </c>
      <c r="C5022" s="14" t="s">
        <v>98669</v>
      </c>
      <c r="D5022" s="2" t="s">
        <v>98670</v>
      </c>
      <c r="E5022" s="2" t="s">
        <v>7208</v>
      </c>
      <c r="F5022" s="8">
        <v>281</v>
      </c>
      <c r="G5022" s="5">
        <v>6</v>
      </c>
      <c r="H5022" s="5" t="s">
        <v>1518</v>
      </c>
      <c r="I5022" s="5" t="s">
        <v>40939</v>
      </c>
      <c r="J5022" s="2" t="s">
        <v>40940</v>
      </c>
      <c r="K5022" s="5" t="s">
        <v>40939</v>
      </c>
      <c r="L5022" s="2" t="s">
        <v>40940</v>
      </c>
      <c r="M5022" s="5" t="s">
        <v>36266</v>
      </c>
      <c r="N5022" s="5" t="s">
        <v>38</v>
      </c>
      <c r="O5022" s="5" t="s">
        <v>39</v>
      </c>
      <c r="P5022" s="5" t="s">
        <v>40</v>
      </c>
      <c r="Q5022" s="5" t="s">
        <v>1522</v>
      </c>
      <c r="R5022" s="5" t="s">
        <v>1523</v>
      </c>
      <c r="S5022" s="5" t="s">
        <v>42</v>
      </c>
      <c r="T5022" s="2">
        <v>3.101</v>
      </c>
      <c r="U5022" s="2">
        <v>2.488</v>
      </c>
      <c r="V5022" s="2">
        <v>1.7999999999999999E-2</v>
      </c>
      <c r="W5022" s="2">
        <v>139.1</v>
      </c>
      <c r="X5022" s="2">
        <v>7.6</v>
      </c>
      <c r="Y5022" s="2">
        <v>16.7</v>
      </c>
      <c r="Z5022" s="5"/>
      <c r="AA5022" s="5" t="s">
        <v>43</v>
      </c>
      <c r="AB5022" s="5" t="s">
        <v>44</v>
      </c>
      <c r="AC5022" s="2"/>
      <c r="AD5022" s="1"/>
    </row>
    <row r="5023" spans="1:30">
      <c r="A5023" s="5" t="s">
        <v>83578</v>
      </c>
      <c r="B5023" s="2" t="s">
        <v>98671</v>
      </c>
      <c r="C5023" s="14" t="s">
        <v>98672</v>
      </c>
      <c r="D5023" s="2" t="s">
        <v>98673</v>
      </c>
      <c r="E5023" s="2" t="s">
        <v>36277</v>
      </c>
      <c r="F5023" s="8">
        <v>281</v>
      </c>
      <c r="G5023" s="5">
        <v>6</v>
      </c>
      <c r="H5023" s="5" t="s">
        <v>1518</v>
      </c>
      <c r="I5023" s="5" t="s">
        <v>40939</v>
      </c>
      <c r="J5023" s="2" t="s">
        <v>40940</v>
      </c>
      <c r="K5023" s="5" t="s">
        <v>40939</v>
      </c>
      <c r="L5023" s="2" t="s">
        <v>40940</v>
      </c>
      <c r="M5023" s="5" t="s">
        <v>36266</v>
      </c>
      <c r="N5023" s="5" t="s">
        <v>38</v>
      </c>
      <c r="O5023" s="5" t="s">
        <v>39</v>
      </c>
      <c r="P5023" s="5" t="s">
        <v>40</v>
      </c>
      <c r="Q5023" s="5" t="s">
        <v>1522</v>
      </c>
      <c r="R5023" s="5" t="s">
        <v>1523</v>
      </c>
      <c r="S5023" s="5" t="s">
        <v>42</v>
      </c>
      <c r="T5023" s="2">
        <v>3.2229999999999999</v>
      </c>
      <c r="U5023" s="2">
        <v>2.61</v>
      </c>
      <c r="V5023" s="2">
        <v>1.7999999999999999E-2</v>
      </c>
      <c r="W5023" s="2">
        <v>139.1</v>
      </c>
      <c r="X5023" s="2">
        <v>7.6</v>
      </c>
      <c r="Y5023" s="2">
        <v>16.7</v>
      </c>
      <c r="Z5023" s="5"/>
      <c r="AA5023" s="5" t="s">
        <v>43</v>
      </c>
      <c r="AB5023" s="5" t="s">
        <v>44</v>
      </c>
      <c r="AC5023" s="2"/>
      <c r="AD5023" s="1"/>
    </row>
    <row r="5024" spans="1:30">
      <c r="A5024" s="5" t="s">
        <v>83578</v>
      </c>
      <c r="B5024" s="2" t="s">
        <v>98674</v>
      </c>
      <c r="C5024" s="14" t="s">
        <v>98675</v>
      </c>
      <c r="D5024" s="2" t="s">
        <v>98676</v>
      </c>
      <c r="E5024" s="2" t="s">
        <v>40967</v>
      </c>
      <c r="F5024" s="8">
        <v>303</v>
      </c>
      <c r="G5024" s="5">
        <v>6</v>
      </c>
      <c r="H5024" s="5" t="s">
        <v>1518</v>
      </c>
      <c r="I5024" s="5" t="s">
        <v>40939</v>
      </c>
      <c r="J5024" s="2" t="s">
        <v>40940</v>
      </c>
      <c r="K5024" s="5" t="s">
        <v>40939</v>
      </c>
      <c r="L5024" s="2" t="s">
        <v>40940</v>
      </c>
      <c r="M5024" s="5" t="s">
        <v>36266</v>
      </c>
      <c r="N5024" s="5" t="s">
        <v>38</v>
      </c>
      <c r="O5024" s="5" t="s">
        <v>39</v>
      </c>
      <c r="P5024" s="5" t="s">
        <v>40</v>
      </c>
      <c r="Q5024" s="5" t="s">
        <v>1522</v>
      </c>
      <c r="R5024" s="5" t="s">
        <v>1523</v>
      </c>
      <c r="S5024" s="5" t="s">
        <v>42</v>
      </c>
      <c r="T5024" s="2">
        <v>3.101</v>
      </c>
      <c r="U5024" s="2">
        <v>2.488</v>
      </c>
      <c r="V5024" s="2">
        <v>1.7999999999999999E-2</v>
      </c>
      <c r="W5024" s="2">
        <v>139.1</v>
      </c>
      <c r="X5024" s="2">
        <v>7.6</v>
      </c>
      <c r="Y5024" s="2">
        <v>16.7</v>
      </c>
      <c r="Z5024" s="5"/>
      <c r="AA5024" s="5" t="s">
        <v>43</v>
      </c>
      <c r="AB5024" s="5" t="s">
        <v>44</v>
      </c>
      <c r="AC5024" s="2"/>
      <c r="AD5024" s="1"/>
    </row>
    <row r="5025" spans="1:30">
      <c r="A5025" s="5" t="s">
        <v>83578</v>
      </c>
      <c r="B5025" s="2" t="s">
        <v>98677</v>
      </c>
      <c r="C5025" s="14" t="s">
        <v>98678</v>
      </c>
      <c r="D5025" s="2" t="s">
        <v>98679</v>
      </c>
      <c r="E5025" s="2" t="s">
        <v>40971</v>
      </c>
      <c r="F5025" s="8">
        <v>303</v>
      </c>
      <c r="G5025" s="5">
        <v>6</v>
      </c>
      <c r="H5025" s="5" t="s">
        <v>1518</v>
      </c>
      <c r="I5025" s="5" t="s">
        <v>40939</v>
      </c>
      <c r="J5025" s="2" t="s">
        <v>40940</v>
      </c>
      <c r="K5025" s="5" t="s">
        <v>40939</v>
      </c>
      <c r="L5025" s="2" t="s">
        <v>40940</v>
      </c>
      <c r="M5025" s="5" t="s">
        <v>36266</v>
      </c>
      <c r="N5025" s="5" t="s">
        <v>38</v>
      </c>
      <c r="O5025" s="5" t="s">
        <v>39</v>
      </c>
      <c r="P5025" s="5" t="s">
        <v>40</v>
      </c>
      <c r="Q5025" s="5" t="s">
        <v>1522</v>
      </c>
      <c r="R5025" s="5" t="s">
        <v>1523</v>
      </c>
      <c r="S5025" s="5" t="s">
        <v>42</v>
      </c>
      <c r="T5025" s="2">
        <v>3.2029999999999998</v>
      </c>
      <c r="U5025" s="2">
        <v>2.59</v>
      </c>
      <c r="V5025" s="2">
        <v>1.7999999999999999E-2</v>
      </c>
      <c r="W5025" s="2">
        <v>139.1</v>
      </c>
      <c r="X5025" s="2">
        <v>7.6</v>
      </c>
      <c r="Y5025" s="2">
        <v>16.7</v>
      </c>
      <c r="Z5025" s="5"/>
      <c r="AA5025" s="5" t="s">
        <v>43</v>
      </c>
      <c r="AB5025" s="5" t="s">
        <v>44</v>
      </c>
      <c r="AC5025" s="2"/>
      <c r="AD5025" s="1"/>
    </row>
    <row r="5026" spans="1:30">
      <c r="A5026" s="5" t="s">
        <v>83578</v>
      </c>
      <c r="B5026" s="2" t="s">
        <v>98680</v>
      </c>
      <c r="C5026" s="14" t="s">
        <v>98681</v>
      </c>
      <c r="D5026" s="2" t="s">
        <v>98682</v>
      </c>
      <c r="E5026" s="2" t="s">
        <v>47226</v>
      </c>
      <c r="F5026" s="8">
        <v>303</v>
      </c>
      <c r="G5026" s="5">
        <v>6</v>
      </c>
      <c r="H5026" s="5" t="s">
        <v>1518</v>
      </c>
      <c r="I5026" s="5" t="s">
        <v>40939</v>
      </c>
      <c r="J5026" s="2" t="s">
        <v>40940</v>
      </c>
      <c r="K5026" s="5" t="s">
        <v>40939</v>
      </c>
      <c r="L5026" s="2" t="s">
        <v>40940</v>
      </c>
      <c r="M5026" s="5" t="s">
        <v>36266</v>
      </c>
      <c r="N5026" s="5" t="s">
        <v>38</v>
      </c>
      <c r="O5026" s="5" t="s">
        <v>39</v>
      </c>
      <c r="P5026" s="5" t="s">
        <v>40</v>
      </c>
      <c r="Q5026" s="5" t="s">
        <v>1522</v>
      </c>
      <c r="R5026" s="5" t="s">
        <v>1523</v>
      </c>
      <c r="S5026" s="5" t="s">
        <v>42</v>
      </c>
      <c r="T5026" s="2">
        <v>3.101</v>
      </c>
      <c r="U5026" s="2">
        <v>2.488</v>
      </c>
      <c r="V5026" s="2">
        <v>1.7999999999999999E-2</v>
      </c>
      <c r="W5026" s="2">
        <v>139.1</v>
      </c>
      <c r="X5026" s="2">
        <v>7.6</v>
      </c>
      <c r="Y5026" s="2">
        <v>16.7</v>
      </c>
      <c r="Z5026" s="5"/>
      <c r="AA5026" s="5" t="s">
        <v>43</v>
      </c>
      <c r="AB5026" s="5" t="s">
        <v>44</v>
      </c>
      <c r="AC5026" s="2"/>
      <c r="AD5026" s="1"/>
    </row>
    <row r="5027" spans="1:30">
      <c r="A5027" s="5" t="s">
        <v>83578</v>
      </c>
      <c r="B5027" s="2" t="s">
        <v>98683</v>
      </c>
      <c r="C5027" s="14" t="s">
        <v>98684</v>
      </c>
      <c r="D5027" s="2" t="s">
        <v>98685</v>
      </c>
      <c r="E5027" s="2" t="s">
        <v>47735</v>
      </c>
      <c r="F5027" s="8">
        <v>303</v>
      </c>
      <c r="G5027" s="5">
        <v>6</v>
      </c>
      <c r="H5027" s="5" t="s">
        <v>1518</v>
      </c>
      <c r="I5027" s="5" t="s">
        <v>40939</v>
      </c>
      <c r="J5027" s="2" t="s">
        <v>40940</v>
      </c>
      <c r="K5027" s="5" t="s">
        <v>40939</v>
      </c>
      <c r="L5027" s="2" t="s">
        <v>40940</v>
      </c>
      <c r="M5027" s="5" t="s">
        <v>36266</v>
      </c>
      <c r="N5027" s="5" t="s">
        <v>38</v>
      </c>
      <c r="O5027" s="5" t="s">
        <v>39</v>
      </c>
      <c r="P5027" s="5" t="s">
        <v>40</v>
      </c>
      <c r="Q5027" s="5" t="s">
        <v>1522</v>
      </c>
      <c r="R5027" s="5" t="s">
        <v>1523</v>
      </c>
      <c r="S5027" s="5" t="s">
        <v>42</v>
      </c>
      <c r="T5027" s="2">
        <v>3.2029999999999998</v>
      </c>
      <c r="U5027" s="2">
        <v>2.59</v>
      </c>
      <c r="V5027" s="2">
        <v>1.7999999999999999E-2</v>
      </c>
      <c r="W5027" s="2">
        <v>139.1</v>
      </c>
      <c r="X5027" s="2">
        <v>7.6</v>
      </c>
      <c r="Y5027" s="2">
        <v>16.7</v>
      </c>
      <c r="Z5027" s="5"/>
      <c r="AA5027" s="5" t="s">
        <v>43</v>
      </c>
      <c r="AB5027" s="5" t="s">
        <v>44</v>
      </c>
      <c r="AC5027" s="2"/>
      <c r="AD5027" s="1"/>
    </row>
    <row r="5028" spans="1:30">
      <c r="A5028" s="5" t="s">
        <v>83578</v>
      </c>
      <c r="B5028" s="2" t="s">
        <v>98686</v>
      </c>
      <c r="C5028" s="14" t="s">
        <v>98687</v>
      </c>
      <c r="D5028" s="2" t="s">
        <v>98688</v>
      </c>
      <c r="E5028" s="2" t="s">
        <v>7539</v>
      </c>
      <c r="F5028" s="8">
        <v>303</v>
      </c>
      <c r="G5028" s="5">
        <v>6</v>
      </c>
      <c r="H5028" s="5" t="s">
        <v>1518</v>
      </c>
      <c r="I5028" s="5" t="s">
        <v>40939</v>
      </c>
      <c r="J5028" s="2" t="s">
        <v>40940</v>
      </c>
      <c r="K5028" s="5" t="s">
        <v>40939</v>
      </c>
      <c r="L5028" s="2" t="s">
        <v>40940</v>
      </c>
      <c r="M5028" s="5" t="s">
        <v>36266</v>
      </c>
      <c r="N5028" s="5" t="s">
        <v>38</v>
      </c>
      <c r="O5028" s="5" t="s">
        <v>39</v>
      </c>
      <c r="P5028" s="5" t="s">
        <v>40</v>
      </c>
      <c r="Q5028" s="5" t="s">
        <v>1522</v>
      </c>
      <c r="R5028" s="5" t="s">
        <v>1523</v>
      </c>
      <c r="S5028" s="5" t="s">
        <v>42</v>
      </c>
      <c r="T5028" s="2">
        <v>3.052</v>
      </c>
      <c r="U5028" s="2">
        <v>2.4390000000000001</v>
      </c>
      <c r="V5028" s="2">
        <v>1.7999999999999999E-2</v>
      </c>
      <c r="W5028" s="2">
        <v>139.1</v>
      </c>
      <c r="X5028" s="2">
        <v>7.6</v>
      </c>
      <c r="Y5028" s="2">
        <v>16.7</v>
      </c>
      <c r="Z5028" s="5"/>
      <c r="AA5028" s="5" t="s">
        <v>43</v>
      </c>
      <c r="AB5028" s="5" t="s">
        <v>44</v>
      </c>
      <c r="AC5028" s="2"/>
      <c r="AD5028" s="1"/>
    </row>
    <row r="5029" spans="1:30">
      <c r="A5029" s="5" t="s">
        <v>83578</v>
      </c>
      <c r="B5029" s="2" t="s">
        <v>98689</v>
      </c>
      <c r="C5029" s="14" t="s">
        <v>98690</v>
      </c>
      <c r="D5029" s="2" t="s">
        <v>98691</v>
      </c>
      <c r="E5029" s="2" t="s">
        <v>7543</v>
      </c>
      <c r="F5029" s="8">
        <v>303</v>
      </c>
      <c r="G5029" s="5">
        <v>6</v>
      </c>
      <c r="H5029" s="5" t="s">
        <v>1518</v>
      </c>
      <c r="I5029" s="5" t="s">
        <v>40939</v>
      </c>
      <c r="J5029" s="2" t="s">
        <v>40940</v>
      </c>
      <c r="K5029" s="5" t="s">
        <v>40939</v>
      </c>
      <c r="L5029" s="2" t="s">
        <v>40940</v>
      </c>
      <c r="M5029" s="5" t="s">
        <v>36266</v>
      </c>
      <c r="N5029" s="5" t="s">
        <v>38</v>
      </c>
      <c r="O5029" s="5" t="s">
        <v>39</v>
      </c>
      <c r="P5029" s="5" t="s">
        <v>40</v>
      </c>
      <c r="Q5029" s="5" t="s">
        <v>1522</v>
      </c>
      <c r="R5029" s="5" t="s">
        <v>1523</v>
      </c>
      <c r="S5029" s="5" t="s">
        <v>42</v>
      </c>
      <c r="T5029" s="2">
        <v>3.1539999999999999</v>
      </c>
      <c r="U5029" s="2">
        <v>2.5409999999999999</v>
      </c>
      <c r="V5029" s="2">
        <v>1.7999999999999999E-2</v>
      </c>
      <c r="W5029" s="2">
        <v>139.1</v>
      </c>
      <c r="X5029" s="2">
        <v>7.6</v>
      </c>
      <c r="Y5029" s="2">
        <v>16.7</v>
      </c>
      <c r="Z5029" s="5"/>
      <c r="AA5029" s="5" t="s">
        <v>43</v>
      </c>
      <c r="AB5029" s="5" t="s">
        <v>44</v>
      </c>
      <c r="AC5029" s="2"/>
      <c r="AD5029" s="1"/>
    </row>
    <row r="5030" spans="1:30">
      <c r="A5030" s="5" t="s">
        <v>83578</v>
      </c>
      <c r="B5030" s="2" t="s">
        <v>98692</v>
      </c>
      <c r="C5030" s="14" t="s">
        <v>98693</v>
      </c>
      <c r="D5030" s="2" t="s">
        <v>98694</v>
      </c>
      <c r="E5030" s="2" t="s">
        <v>40989</v>
      </c>
      <c r="F5030" s="8">
        <v>303</v>
      </c>
      <c r="G5030" s="5">
        <v>6</v>
      </c>
      <c r="H5030" s="5" t="s">
        <v>1518</v>
      </c>
      <c r="I5030" s="5" t="s">
        <v>40939</v>
      </c>
      <c r="J5030" s="2" t="s">
        <v>40940</v>
      </c>
      <c r="K5030" s="5" t="s">
        <v>40939</v>
      </c>
      <c r="L5030" s="2" t="s">
        <v>40940</v>
      </c>
      <c r="M5030" s="5" t="s">
        <v>36266</v>
      </c>
      <c r="N5030" s="5" t="s">
        <v>38</v>
      </c>
      <c r="O5030" s="5" t="s">
        <v>39</v>
      </c>
      <c r="P5030" s="5" t="s">
        <v>40</v>
      </c>
      <c r="Q5030" s="5" t="s">
        <v>1522</v>
      </c>
      <c r="R5030" s="5" t="s">
        <v>1523</v>
      </c>
      <c r="S5030" s="5" t="s">
        <v>42</v>
      </c>
      <c r="T5030" s="2">
        <v>3.101</v>
      </c>
      <c r="U5030" s="2">
        <v>2.488</v>
      </c>
      <c r="V5030" s="2">
        <v>1.7999999999999999E-2</v>
      </c>
      <c r="W5030" s="2">
        <v>139.1</v>
      </c>
      <c r="X5030" s="2">
        <v>7.6</v>
      </c>
      <c r="Y5030" s="2">
        <v>16.7</v>
      </c>
      <c r="Z5030" s="5"/>
      <c r="AA5030" s="5" t="s">
        <v>43</v>
      </c>
      <c r="AB5030" s="5" t="s">
        <v>44</v>
      </c>
      <c r="AC5030" s="2"/>
      <c r="AD5030" s="1"/>
    </row>
    <row r="5031" spans="1:30">
      <c r="A5031" s="5" t="s">
        <v>83578</v>
      </c>
      <c r="B5031" s="2" t="s">
        <v>98695</v>
      </c>
      <c r="C5031" s="14" t="s">
        <v>98696</v>
      </c>
      <c r="D5031" s="2" t="s">
        <v>98697</v>
      </c>
      <c r="E5031" s="2" t="s">
        <v>40993</v>
      </c>
      <c r="F5031" s="8">
        <v>303</v>
      </c>
      <c r="G5031" s="5">
        <v>6</v>
      </c>
      <c r="H5031" s="5" t="s">
        <v>1518</v>
      </c>
      <c r="I5031" s="5" t="s">
        <v>40939</v>
      </c>
      <c r="J5031" s="2" t="s">
        <v>40940</v>
      </c>
      <c r="K5031" s="5" t="s">
        <v>40939</v>
      </c>
      <c r="L5031" s="2" t="s">
        <v>40940</v>
      </c>
      <c r="M5031" s="5" t="s">
        <v>36266</v>
      </c>
      <c r="N5031" s="5" t="s">
        <v>38</v>
      </c>
      <c r="O5031" s="5" t="s">
        <v>39</v>
      </c>
      <c r="P5031" s="5" t="s">
        <v>40</v>
      </c>
      <c r="Q5031" s="5" t="s">
        <v>1522</v>
      </c>
      <c r="R5031" s="5" t="s">
        <v>1523</v>
      </c>
      <c r="S5031" s="5" t="s">
        <v>42</v>
      </c>
      <c r="T5031" s="2">
        <v>3.2029999999999998</v>
      </c>
      <c r="U5031" s="2">
        <v>2.59</v>
      </c>
      <c r="V5031" s="2">
        <v>1.7999999999999999E-2</v>
      </c>
      <c r="W5031" s="2">
        <v>139.1</v>
      </c>
      <c r="X5031" s="2">
        <v>7.6</v>
      </c>
      <c r="Y5031" s="2">
        <v>16.7</v>
      </c>
      <c r="Z5031" s="5"/>
      <c r="AA5031" s="5" t="s">
        <v>43</v>
      </c>
      <c r="AB5031" s="5" t="s">
        <v>44</v>
      </c>
      <c r="AC5031" s="2"/>
      <c r="AD5031" s="1"/>
    </row>
    <row r="5032" spans="1:30">
      <c r="A5032" s="5" t="s">
        <v>83578</v>
      </c>
      <c r="B5032" s="2" t="s">
        <v>98698</v>
      </c>
      <c r="C5032" s="14" t="s">
        <v>98699</v>
      </c>
      <c r="D5032" s="2" t="s">
        <v>98700</v>
      </c>
      <c r="E5032" s="2" t="s">
        <v>40997</v>
      </c>
      <c r="F5032" s="8">
        <v>303</v>
      </c>
      <c r="G5032" s="5">
        <v>6</v>
      </c>
      <c r="H5032" s="5" t="s">
        <v>1518</v>
      </c>
      <c r="I5032" s="5" t="s">
        <v>40939</v>
      </c>
      <c r="J5032" s="2" t="s">
        <v>40940</v>
      </c>
      <c r="K5032" s="5" t="s">
        <v>40939</v>
      </c>
      <c r="L5032" s="2" t="s">
        <v>40940</v>
      </c>
      <c r="M5032" s="5" t="s">
        <v>36266</v>
      </c>
      <c r="N5032" s="5" t="s">
        <v>38</v>
      </c>
      <c r="O5032" s="5" t="s">
        <v>39</v>
      </c>
      <c r="P5032" s="5" t="s">
        <v>40</v>
      </c>
      <c r="Q5032" s="5" t="s">
        <v>1522</v>
      </c>
      <c r="R5032" s="5" t="s">
        <v>1523</v>
      </c>
      <c r="S5032" s="5" t="s">
        <v>42</v>
      </c>
      <c r="T5032" s="2">
        <v>3.0609999999999999</v>
      </c>
      <c r="U5032" s="2">
        <v>2.448</v>
      </c>
      <c r="V5032" s="2">
        <v>1.7999999999999999E-2</v>
      </c>
      <c r="W5032" s="2">
        <v>139.1</v>
      </c>
      <c r="X5032" s="2">
        <v>7.6</v>
      </c>
      <c r="Y5032" s="2">
        <v>16.7</v>
      </c>
      <c r="Z5032" s="5"/>
      <c r="AA5032" s="5" t="s">
        <v>43</v>
      </c>
      <c r="AB5032" s="5" t="s">
        <v>44</v>
      </c>
      <c r="AC5032" s="2"/>
      <c r="AD5032" s="1"/>
    </row>
    <row r="5033" spans="1:30">
      <c r="A5033" s="5" t="s">
        <v>83578</v>
      </c>
      <c r="B5033" s="2" t="s">
        <v>98701</v>
      </c>
      <c r="C5033" s="14" t="s">
        <v>98702</v>
      </c>
      <c r="D5033" s="2" t="s">
        <v>98703</v>
      </c>
      <c r="E5033" s="2" t="s">
        <v>41267</v>
      </c>
      <c r="F5033" s="8">
        <v>303</v>
      </c>
      <c r="G5033" s="5">
        <v>6</v>
      </c>
      <c r="H5033" s="5" t="s">
        <v>1518</v>
      </c>
      <c r="I5033" s="5" t="s">
        <v>40939</v>
      </c>
      <c r="J5033" s="2" t="s">
        <v>40940</v>
      </c>
      <c r="K5033" s="5" t="s">
        <v>40939</v>
      </c>
      <c r="L5033" s="2" t="s">
        <v>40940</v>
      </c>
      <c r="M5033" s="5" t="s">
        <v>36266</v>
      </c>
      <c r="N5033" s="5" t="s">
        <v>38</v>
      </c>
      <c r="O5033" s="5" t="s">
        <v>39</v>
      </c>
      <c r="P5033" s="5" t="s">
        <v>40</v>
      </c>
      <c r="Q5033" s="5" t="s">
        <v>1522</v>
      </c>
      <c r="R5033" s="5" t="s">
        <v>1523</v>
      </c>
      <c r="S5033" s="5" t="s">
        <v>42</v>
      </c>
      <c r="T5033" s="2">
        <v>3.1629999999999998</v>
      </c>
      <c r="U5033" s="2">
        <v>2.5499999999999998</v>
      </c>
      <c r="V5033" s="2">
        <v>1.7999999999999999E-2</v>
      </c>
      <c r="W5033" s="2">
        <v>139.1</v>
      </c>
      <c r="X5033" s="2">
        <v>7.6</v>
      </c>
      <c r="Y5033" s="2">
        <v>16.7</v>
      </c>
      <c r="Z5033" s="5"/>
      <c r="AA5033" s="5" t="s">
        <v>43</v>
      </c>
      <c r="AB5033" s="5" t="s">
        <v>44</v>
      </c>
      <c r="AC5033" s="2"/>
      <c r="AD5033" s="1"/>
    </row>
    <row r="5034" spans="1:30">
      <c r="A5034" s="5" t="s">
        <v>83578</v>
      </c>
      <c r="B5034" s="2" t="s">
        <v>98704</v>
      </c>
      <c r="C5034" s="14" t="s">
        <v>98705</v>
      </c>
      <c r="D5034" s="2" t="s">
        <v>98706</v>
      </c>
      <c r="E5034" s="2" t="s">
        <v>41001</v>
      </c>
      <c r="F5034" s="8">
        <v>303</v>
      </c>
      <c r="G5034" s="5">
        <v>6</v>
      </c>
      <c r="H5034" s="5" t="s">
        <v>1518</v>
      </c>
      <c r="I5034" s="5" t="s">
        <v>40939</v>
      </c>
      <c r="J5034" s="2" t="s">
        <v>40940</v>
      </c>
      <c r="K5034" s="5" t="s">
        <v>40939</v>
      </c>
      <c r="L5034" s="2" t="s">
        <v>40940</v>
      </c>
      <c r="M5034" s="5" t="s">
        <v>36266</v>
      </c>
      <c r="N5034" s="5" t="s">
        <v>38</v>
      </c>
      <c r="O5034" s="5" t="s">
        <v>39</v>
      </c>
      <c r="P5034" s="5" t="s">
        <v>40</v>
      </c>
      <c r="Q5034" s="5" t="s">
        <v>1522</v>
      </c>
      <c r="R5034" s="5" t="s">
        <v>1523</v>
      </c>
      <c r="S5034" s="5" t="s">
        <v>42</v>
      </c>
      <c r="T5034" s="2">
        <v>3.101</v>
      </c>
      <c r="U5034" s="2">
        <v>2.488</v>
      </c>
      <c r="V5034" s="2">
        <v>1.7999999999999999E-2</v>
      </c>
      <c r="W5034" s="2">
        <v>139.1</v>
      </c>
      <c r="X5034" s="2">
        <v>7.6</v>
      </c>
      <c r="Y5034" s="2">
        <v>16.7</v>
      </c>
      <c r="Z5034" s="5"/>
      <c r="AA5034" s="5" t="s">
        <v>43</v>
      </c>
      <c r="AB5034" s="5" t="s">
        <v>44</v>
      </c>
      <c r="AC5034" s="2"/>
      <c r="AD5034" s="1"/>
    </row>
    <row r="5035" spans="1:30">
      <c r="A5035" s="5" t="s">
        <v>83578</v>
      </c>
      <c r="B5035" s="2" t="s">
        <v>98707</v>
      </c>
      <c r="C5035" s="14" t="s">
        <v>98708</v>
      </c>
      <c r="D5035" s="2" t="s">
        <v>98709</v>
      </c>
      <c r="E5035" s="2" t="s">
        <v>41005</v>
      </c>
      <c r="F5035" s="8">
        <v>303</v>
      </c>
      <c r="G5035" s="5">
        <v>6</v>
      </c>
      <c r="H5035" s="5" t="s">
        <v>1518</v>
      </c>
      <c r="I5035" s="5" t="s">
        <v>40939</v>
      </c>
      <c r="J5035" s="2" t="s">
        <v>40940</v>
      </c>
      <c r="K5035" s="5" t="s">
        <v>40939</v>
      </c>
      <c r="L5035" s="2" t="s">
        <v>40940</v>
      </c>
      <c r="M5035" s="5" t="s">
        <v>36266</v>
      </c>
      <c r="N5035" s="5" t="s">
        <v>38</v>
      </c>
      <c r="O5035" s="5" t="s">
        <v>39</v>
      </c>
      <c r="P5035" s="5" t="s">
        <v>40</v>
      </c>
      <c r="Q5035" s="5" t="s">
        <v>1522</v>
      </c>
      <c r="R5035" s="5" t="s">
        <v>1523</v>
      </c>
      <c r="S5035" s="5" t="s">
        <v>42</v>
      </c>
      <c r="T5035" s="2">
        <v>3.2029999999999998</v>
      </c>
      <c r="U5035" s="2">
        <v>2.59</v>
      </c>
      <c r="V5035" s="2">
        <v>1.7999999999999999E-2</v>
      </c>
      <c r="W5035" s="2">
        <v>139.1</v>
      </c>
      <c r="X5035" s="2">
        <v>7.6</v>
      </c>
      <c r="Y5035" s="2">
        <v>16.7</v>
      </c>
      <c r="Z5035" s="5"/>
      <c r="AA5035" s="5" t="s">
        <v>43</v>
      </c>
      <c r="AB5035" s="5" t="s">
        <v>44</v>
      </c>
      <c r="AC5035" s="2"/>
      <c r="AD5035" s="1"/>
    </row>
    <row r="5036" spans="1:30">
      <c r="A5036" s="5" t="s">
        <v>83578</v>
      </c>
      <c r="B5036" s="2" t="s">
        <v>98710</v>
      </c>
      <c r="C5036" s="14" t="s">
        <v>98711</v>
      </c>
      <c r="D5036" s="2" t="s">
        <v>98712</v>
      </c>
      <c r="E5036" s="2" t="s">
        <v>41009</v>
      </c>
      <c r="F5036" s="8">
        <v>303</v>
      </c>
      <c r="G5036" s="5">
        <v>6</v>
      </c>
      <c r="H5036" s="5" t="s">
        <v>1518</v>
      </c>
      <c r="I5036" s="5" t="s">
        <v>40939</v>
      </c>
      <c r="J5036" s="2" t="s">
        <v>40940</v>
      </c>
      <c r="K5036" s="5" t="s">
        <v>40939</v>
      </c>
      <c r="L5036" s="2" t="s">
        <v>40940</v>
      </c>
      <c r="M5036" s="5" t="s">
        <v>36266</v>
      </c>
      <c r="N5036" s="5" t="s">
        <v>38</v>
      </c>
      <c r="O5036" s="5" t="s">
        <v>39</v>
      </c>
      <c r="P5036" s="5" t="s">
        <v>40</v>
      </c>
      <c r="Q5036" s="5" t="s">
        <v>1522</v>
      </c>
      <c r="R5036" s="5" t="s">
        <v>1523</v>
      </c>
      <c r="S5036" s="5" t="s">
        <v>42</v>
      </c>
      <c r="T5036" s="2">
        <v>3.1110000000000002</v>
      </c>
      <c r="U5036" s="2">
        <v>2.4980000000000002</v>
      </c>
      <c r="V5036" s="2">
        <v>1.7999999999999999E-2</v>
      </c>
      <c r="W5036" s="2">
        <v>139.1</v>
      </c>
      <c r="X5036" s="2">
        <v>7.6</v>
      </c>
      <c r="Y5036" s="2">
        <v>16.7</v>
      </c>
      <c r="Z5036" s="5"/>
      <c r="AA5036" s="5" t="s">
        <v>43</v>
      </c>
      <c r="AB5036" s="5" t="s">
        <v>44</v>
      </c>
      <c r="AC5036" s="2"/>
      <c r="AD5036" s="1"/>
    </row>
    <row r="5037" spans="1:30">
      <c r="A5037" s="5" t="s">
        <v>83578</v>
      </c>
      <c r="B5037" s="2" t="s">
        <v>98713</v>
      </c>
      <c r="C5037" s="14" t="s">
        <v>98714</v>
      </c>
      <c r="D5037" s="2" t="s">
        <v>98715</v>
      </c>
      <c r="E5037" s="2" t="s">
        <v>41013</v>
      </c>
      <c r="F5037" s="8">
        <v>303</v>
      </c>
      <c r="G5037" s="5">
        <v>6</v>
      </c>
      <c r="H5037" s="5" t="s">
        <v>1518</v>
      </c>
      <c r="I5037" s="5" t="s">
        <v>40939</v>
      </c>
      <c r="J5037" s="2" t="s">
        <v>40940</v>
      </c>
      <c r="K5037" s="5" t="s">
        <v>40939</v>
      </c>
      <c r="L5037" s="2" t="s">
        <v>40940</v>
      </c>
      <c r="M5037" s="5" t="s">
        <v>36266</v>
      </c>
      <c r="N5037" s="5" t="s">
        <v>38</v>
      </c>
      <c r="O5037" s="5" t="s">
        <v>39</v>
      </c>
      <c r="P5037" s="5" t="s">
        <v>40</v>
      </c>
      <c r="Q5037" s="5" t="s">
        <v>1522</v>
      </c>
      <c r="R5037" s="5" t="s">
        <v>1523</v>
      </c>
      <c r="S5037" s="5" t="s">
        <v>42</v>
      </c>
      <c r="T5037" s="2">
        <v>3.2130000000000001</v>
      </c>
      <c r="U5037" s="2">
        <v>2.6</v>
      </c>
      <c r="V5037" s="2">
        <v>1.7999999999999999E-2</v>
      </c>
      <c r="W5037" s="2">
        <v>139.1</v>
      </c>
      <c r="X5037" s="2">
        <v>7.6</v>
      </c>
      <c r="Y5037" s="2">
        <v>16.7</v>
      </c>
      <c r="Z5037" s="5"/>
      <c r="AA5037" s="5" t="s">
        <v>43</v>
      </c>
      <c r="AB5037" s="5" t="s">
        <v>44</v>
      </c>
      <c r="AC5037" s="2"/>
      <c r="AD5037" s="1"/>
    </row>
    <row r="5038" spans="1:30">
      <c r="A5038" s="5" t="s">
        <v>83578</v>
      </c>
      <c r="B5038" s="2" t="s">
        <v>98716</v>
      </c>
      <c r="C5038" s="14" t="s">
        <v>98717</v>
      </c>
      <c r="D5038" s="2" t="s">
        <v>98718</v>
      </c>
      <c r="E5038" s="2" t="s">
        <v>7396</v>
      </c>
      <c r="F5038" s="8">
        <v>281</v>
      </c>
      <c r="G5038" s="5">
        <v>6</v>
      </c>
      <c r="H5038" s="5" t="s">
        <v>1518</v>
      </c>
      <c r="I5038" s="5" t="s">
        <v>40939</v>
      </c>
      <c r="J5038" s="2" t="s">
        <v>40940</v>
      </c>
      <c r="K5038" s="5" t="s">
        <v>40939</v>
      </c>
      <c r="L5038" s="2" t="s">
        <v>40940</v>
      </c>
      <c r="M5038" s="5" t="s">
        <v>36266</v>
      </c>
      <c r="N5038" s="5" t="s">
        <v>38</v>
      </c>
      <c r="O5038" s="5" t="s">
        <v>39</v>
      </c>
      <c r="P5038" s="5" t="s">
        <v>40</v>
      </c>
      <c r="Q5038" s="5" t="s">
        <v>1522</v>
      </c>
      <c r="R5038" s="5" t="s">
        <v>1523</v>
      </c>
      <c r="S5038" s="5" t="s">
        <v>42</v>
      </c>
      <c r="T5038" s="2">
        <v>3.1110000000000002</v>
      </c>
      <c r="U5038" s="2">
        <v>2.4980000000000002</v>
      </c>
      <c r="V5038" s="2">
        <v>1.7999999999999999E-2</v>
      </c>
      <c r="W5038" s="2">
        <v>139.1</v>
      </c>
      <c r="X5038" s="2">
        <v>7.6</v>
      </c>
      <c r="Y5038" s="2">
        <v>16.7</v>
      </c>
      <c r="Z5038" s="5"/>
      <c r="AA5038" s="5" t="s">
        <v>43</v>
      </c>
      <c r="AB5038" s="5" t="s">
        <v>44</v>
      </c>
      <c r="AC5038" s="2"/>
      <c r="AD5038" s="1"/>
    </row>
    <row r="5039" spans="1:30">
      <c r="A5039" s="5" t="s">
        <v>83578</v>
      </c>
      <c r="B5039" s="2" t="s">
        <v>98719</v>
      </c>
      <c r="C5039" s="14" t="s">
        <v>98720</v>
      </c>
      <c r="D5039" s="2" t="s">
        <v>98721</v>
      </c>
      <c r="E5039" s="2" t="s">
        <v>7507</v>
      </c>
      <c r="F5039" s="8">
        <v>281</v>
      </c>
      <c r="G5039" s="5">
        <v>6</v>
      </c>
      <c r="H5039" s="5" t="s">
        <v>1518</v>
      </c>
      <c r="I5039" s="5" t="s">
        <v>40939</v>
      </c>
      <c r="J5039" s="2" t="s">
        <v>40940</v>
      </c>
      <c r="K5039" s="5" t="s">
        <v>40939</v>
      </c>
      <c r="L5039" s="2" t="s">
        <v>40940</v>
      </c>
      <c r="M5039" s="5" t="s">
        <v>36266</v>
      </c>
      <c r="N5039" s="5" t="s">
        <v>38</v>
      </c>
      <c r="O5039" s="5" t="s">
        <v>39</v>
      </c>
      <c r="P5039" s="5" t="s">
        <v>40</v>
      </c>
      <c r="Q5039" s="5" t="s">
        <v>1522</v>
      </c>
      <c r="R5039" s="5" t="s">
        <v>1523</v>
      </c>
      <c r="S5039" s="5" t="s">
        <v>42</v>
      </c>
      <c r="T5039" s="2">
        <v>3.2130000000000001</v>
      </c>
      <c r="U5039" s="2">
        <v>2.6</v>
      </c>
      <c r="V5039" s="2">
        <v>1.7999999999999999E-2</v>
      </c>
      <c r="W5039" s="2">
        <v>139.1</v>
      </c>
      <c r="X5039" s="2">
        <v>7.6</v>
      </c>
      <c r="Y5039" s="2">
        <v>16.7</v>
      </c>
      <c r="Z5039" s="5"/>
      <c r="AA5039" s="5" t="s">
        <v>43</v>
      </c>
      <c r="AB5039" s="5" t="s">
        <v>44</v>
      </c>
      <c r="AC5039" s="2"/>
      <c r="AD5039" s="1"/>
    </row>
    <row r="5040" spans="1:30">
      <c r="A5040" s="5" t="s">
        <v>83578</v>
      </c>
      <c r="B5040" s="2" t="s">
        <v>98722</v>
      </c>
      <c r="C5040" s="14" t="s">
        <v>98723</v>
      </c>
      <c r="D5040" s="2" t="s">
        <v>98724</v>
      </c>
      <c r="E5040" s="2" t="s">
        <v>41027</v>
      </c>
      <c r="F5040" s="8">
        <v>303</v>
      </c>
      <c r="G5040" s="5">
        <v>6</v>
      </c>
      <c r="H5040" s="5" t="s">
        <v>1518</v>
      </c>
      <c r="I5040" s="5" t="s">
        <v>40939</v>
      </c>
      <c r="J5040" s="2" t="s">
        <v>40940</v>
      </c>
      <c r="K5040" s="5" t="s">
        <v>40939</v>
      </c>
      <c r="L5040" s="2" t="s">
        <v>40940</v>
      </c>
      <c r="M5040" s="5" t="s">
        <v>36266</v>
      </c>
      <c r="N5040" s="5" t="s">
        <v>38</v>
      </c>
      <c r="O5040" s="5" t="s">
        <v>39</v>
      </c>
      <c r="P5040" s="5" t="s">
        <v>40</v>
      </c>
      <c r="Q5040" s="5" t="s">
        <v>1522</v>
      </c>
      <c r="R5040" s="5" t="s">
        <v>1523</v>
      </c>
      <c r="S5040" s="5" t="s">
        <v>42</v>
      </c>
      <c r="T5040" s="2">
        <v>3.1629999999999998</v>
      </c>
      <c r="U5040" s="2">
        <v>2.5499999999999998</v>
      </c>
      <c r="V5040" s="2">
        <v>1.7999999999999999E-2</v>
      </c>
      <c r="W5040" s="2">
        <v>139.1</v>
      </c>
      <c r="X5040" s="2">
        <v>7.6</v>
      </c>
      <c r="Y5040" s="2">
        <v>16.7</v>
      </c>
      <c r="Z5040" s="5"/>
      <c r="AA5040" s="5" t="s">
        <v>43</v>
      </c>
      <c r="AB5040" s="5" t="s">
        <v>44</v>
      </c>
      <c r="AC5040" s="2"/>
      <c r="AD5040" s="1"/>
    </row>
    <row r="5041" spans="1:30">
      <c r="A5041" s="5" t="s">
        <v>83578</v>
      </c>
      <c r="B5041" s="2" t="s">
        <v>98725</v>
      </c>
      <c r="C5041" s="14" t="s">
        <v>98726</v>
      </c>
      <c r="D5041" s="2" t="s">
        <v>98727</v>
      </c>
      <c r="E5041" s="2" t="s">
        <v>41031</v>
      </c>
      <c r="F5041" s="8">
        <v>303</v>
      </c>
      <c r="G5041" s="5">
        <v>6</v>
      </c>
      <c r="H5041" s="5" t="s">
        <v>1518</v>
      </c>
      <c r="I5041" s="5" t="s">
        <v>40939</v>
      </c>
      <c r="J5041" s="2" t="s">
        <v>40940</v>
      </c>
      <c r="K5041" s="5" t="s">
        <v>40939</v>
      </c>
      <c r="L5041" s="2" t="s">
        <v>40940</v>
      </c>
      <c r="M5041" s="5" t="s">
        <v>36266</v>
      </c>
      <c r="N5041" s="5" t="s">
        <v>38</v>
      </c>
      <c r="O5041" s="5" t="s">
        <v>39</v>
      </c>
      <c r="P5041" s="5" t="s">
        <v>40</v>
      </c>
      <c r="Q5041" s="5" t="s">
        <v>1522</v>
      </c>
      <c r="R5041" s="5" t="s">
        <v>1523</v>
      </c>
      <c r="S5041" s="5" t="s">
        <v>42</v>
      </c>
      <c r="T5041" s="2">
        <v>3.0609999999999999</v>
      </c>
      <c r="U5041" s="2">
        <v>2.448</v>
      </c>
      <c r="V5041" s="2">
        <v>1.7999999999999999E-2</v>
      </c>
      <c r="W5041" s="2">
        <v>139.1</v>
      </c>
      <c r="X5041" s="2">
        <v>7.6</v>
      </c>
      <c r="Y5041" s="2">
        <v>16.7</v>
      </c>
      <c r="Z5041" s="5"/>
      <c r="AA5041" s="5" t="s">
        <v>43</v>
      </c>
      <c r="AB5041" s="5" t="s">
        <v>44</v>
      </c>
      <c r="AC5041" s="2"/>
      <c r="AD5041" s="1"/>
    </row>
    <row r="5042" spans="1:30">
      <c r="A5042" s="5" t="s">
        <v>83578</v>
      </c>
      <c r="B5042" s="2" t="s">
        <v>98728</v>
      </c>
      <c r="C5042" s="14" t="s">
        <v>98729</v>
      </c>
      <c r="D5042" s="2" t="s">
        <v>98730</v>
      </c>
      <c r="E5042" s="2" t="s">
        <v>41035</v>
      </c>
      <c r="F5042" s="8">
        <v>303</v>
      </c>
      <c r="G5042" s="5">
        <v>6</v>
      </c>
      <c r="H5042" s="5" t="s">
        <v>1518</v>
      </c>
      <c r="I5042" s="5" t="s">
        <v>40939</v>
      </c>
      <c r="J5042" s="2" t="s">
        <v>40940</v>
      </c>
      <c r="K5042" s="5" t="s">
        <v>40939</v>
      </c>
      <c r="L5042" s="2" t="s">
        <v>40940</v>
      </c>
      <c r="M5042" s="5" t="s">
        <v>36266</v>
      </c>
      <c r="N5042" s="5" t="s">
        <v>38</v>
      </c>
      <c r="O5042" s="5" t="s">
        <v>39</v>
      </c>
      <c r="P5042" s="5" t="s">
        <v>40</v>
      </c>
      <c r="Q5042" s="5" t="s">
        <v>1522</v>
      </c>
      <c r="R5042" s="5" t="s">
        <v>1523</v>
      </c>
      <c r="S5042" s="5" t="s">
        <v>42</v>
      </c>
      <c r="T5042" s="2">
        <v>3.1629999999999998</v>
      </c>
      <c r="U5042" s="2">
        <v>2.5499999999999998</v>
      </c>
      <c r="V5042" s="2">
        <v>1.7999999999999999E-2</v>
      </c>
      <c r="W5042" s="2">
        <v>139.1</v>
      </c>
      <c r="X5042" s="2">
        <v>7.6</v>
      </c>
      <c r="Y5042" s="2">
        <v>16.7</v>
      </c>
      <c r="Z5042" s="5"/>
      <c r="AA5042" s="5" t="s">
        <v>43</v>
      </c>
      <c r="AB5042" s="5" t="s">
        <v>44</v>
      </c>
      <c r="AC5042" s="2"/>
      <c r="AD5042" s="1"/>
    </row>
    <row r="5043" spans="1:30">
      <c r="A5043" s="5" t="s">
        <v>83578</v>
      </c>
      <c r="B5043" s="2" t="s">
        <v>98731</v>
      </c>
      <c r="C5043" s="14" t="s">
        <v>98732</v>
      </c>
      <c r="D5043" s="2" t="s">
        <v>98733</v>
      </c>
      <c r="E5043" s="2" t="s">
        <v>7581</v>
      </c>
      <c r="F5043" s="8">
        <v>303</v>
      </c>
      <c r="G5043" s="5">
        <v>6</v>
      </c>
      <c r="H5043" s="5" t="s">
        <v>1518</v>
      </c>
      <c r="I5043" s="5" t="s">
        <v>40939</v>
      </c>
      <c r="J5043" s="2" t="s">
        <v>40940</v>
      </c>
      <c r="K5043" s="5" t="s">
        <v>40939</v>
      </c>
      <c r="L5043" s="2" t="s">
        <v>40940</v>
      </c>
      <c r="M5043" s="5" t="s">
        <v>36266</v>
      </c>
      <c r="N5043" s="5" t="s">
        <v>38</v>
      </c>
      <c r="O5043" s="5" t="s">
        <v>39</v>
      </c>
      <c r="P5043" s="5" t="s">
        <v>40</v>
      </c>
      <c r="Q5043" s="5" t="s">
        <v>1522</v>
      </c>
      <c r="R5043" s="5" t="s">
        <v>1523</v>
      </c>
      <c r="S5043" s="5" t="s">
        <v>42</v>
      </c>
      <c r="T5043" s="2">
        <v>3.1629999999999998</v>
      </c>
      <c r="U5043" s="2">
        <v>2.5499999999999998</v>
      </c>
      <c r="V5043" s="2">
        <v>1.7999999999999999E-2</v>
      </c>
      <c r="W5043" s="2">
        <v>139.1</v>
      </c>
      <c r="X5043" s="2">
        <v>7.6</v>
      </c>
      <c r="Y5043" s="2">
        <v>16.7</v>
      </c>
      <c r="Z5043" s="5"/>
      <c r="AA5043" s="5" t="s">
        <v>43</v>
      </c>
      <c r="AB5043" s="5" t="s">
        <v>44</v>
      </c>
      <c r="AC5043" s="2"/>
      <c r="AD5043" s="1"/>
    </row>
    <row r="5044" spans="1:30">
      <c r="A5044" s="5" t="s">
        <v>83578</v>
      </c>
      <c r="B5044" s="2" t="s">
        <v>98734</v>
      </c>
      <c r="C5044" s="14" t="s">
        <v>98735</v>
      </c>
      <c r="D5044" s="2" t="s">
        <v>98736</v>
      </c>
      <c r="E5044" s="2" t="s">
        <v>41045</v>
      </c>
      <c r="F5044" s="8">
        <v>303</v>
      </c>
      <c r="G5044" s="5">
        <v>6</v>
      </c>
      <c r="H5044" s="5" t="s">
        <v>1518</v>
      </c>
      <c r="I5044" s="5" t="s">
        <v>40939</v>
      </c>
      <c r="J5044" s="2" t="s">
        <v>40940</v>
      </c>
      <c r="K5044" s="5" t="s">
        <v>40939</v>
      </c>
      <c r="L5044" s="2" t="s">
        <v>40940</v>
      </c>
      <c r="M5044" s="5" t="s">
        <v>36266</v>
      </c>
      <c r="N5044" s="5" t="s">
        <v>38</v>
      </c>
      <c r="O5044" s="5" t="s">
        <v>39</v>
      </c>
      <c r="P5044" s="5" t="s">
        <v>40</v>
      </c>
      <c r="Q5044" s="5" t="s">
        <v>1522</v>
      </c>
      <c r="R5044" s="5" t="s">
        <v>1523</v>
      </c>
      <c r="S5044" s="5" t="s">
        <v>42</v>
      </c>
      <c r="T5044" s="2">
        <v>3.121</v>
      </c>
      <c r="U5044" s="2">
        <v>2.508</v>
      </c>
      <c r="V5044" s="2">
        <v>1.7999999999999999E-2</v>
      </c>
      <c r="W5044" s="2">
        <v>139.1</v>
      </c>
      <c r="X5044" s="2">
        <v>7.6</v>
      </c>
      <c r="Y5044" s="2">
        <v>16.7</v>
      </c>
      <c r="Z5044" s="5"/>
      <c r="AA5044" s="5" t="s">
        <v>43</v>
      </c>
      <c r="AB5044" s="5" t="s">
        <v>44</v>
      </c>
      <c r="AC5044" s="2"/>
      <c r="AD5044" s="1"/>
    </row>
    <row r="5045" spans="1:30">
      <c r="A5045" s="5" t="s">
        <v>83578</v>
      </c>
      <c r="B5045" s="2" t="s">
        <v>98737</v>
      </c>
      <c r="C5045" s="14" t="s">
        <v>98738</v>
      </c>
      <c r="D5045" s="2" t="s">
        <v>98739</v>
      </c>
      <c r="E5045" s="2" t="s">
        <v>41049</v>
      </c>
      <c r="F5045" s="8">
        <v>303</v>
      </c>
      <c r="G5045" s="5">
        <v>6</v>
      </c>
      <c r="H5045" s="5" t="s">
        <v>1518</v>
      </c>
      <c r="I5045" s="5" t="s">
        <v>40939</v>
      </c>
      <c r="J5045" s="2" t="s">
        <v>40940</v>
      </c>
      <c r="K5045" s="5" t="s">
        <v>40939</v>
      </c>
      <c r="L5045" s="2" t="s">
        <v>40940</v>
      </c>
      <c r="M5045" s="5" t="s">
        <v>36266</v>
      </c>
      <c r="N5045" s="5" t="s">
        <v>38</v>
      </c>
      <c r="O5045" s="5" t="s">
        <v>39</v>
      </c>
      <c r="P5045" s="5" t="s">
        <v>40</v>
      </c>
      <c r="Q5045" s="5" t="s">
        <v>1522</v>
      </c>
      <c r="R5045" s="5" t="s">
        <v>1523</v>
      </c>
      <c r="S5045" s="5" t="s">
        <v>42</v>
      </c>
      <c r="T5045" s="2">
        <v>3.2229999999999999</v>
      </c>
      <c r="U5045" s="2">
        <v>2.61</v>
      </c>
      <c r="V5045" s="2">
        <v>1.7999999999999999E-2</v>
      </c>
      <c r="W5045" s="2">
        <v>139.1</v>
      </c>
      <c r="X5045" s="2">
        <v>7.6</v>
      </c>
      <c r="Y5045" s="2">
        <v>16.7</v>
      </c>
      <c r="Z5045" s="5"/>
      <c r="AA5045" s="5" t="s">
        <v>43</v>
      </c>
      <c r="AB5045" s="5" t="s">
        <v>44</v>
      </c>
      <c r="AC5045" s="2"/>
      <c r="AD5045" s="1"/>
    </row>
    <row r="5046" spans="1:30">
      <c r="A5046" s="5" t="s">
        <v>83578</v>
      </c>
      <c r="B5046" s="2" t="s">
        <v>98740</v>
      </c>
      <c r="C5046" s="14" t="s">
        <v>98741</v>
      </c>
      <c r="D5046" s="2" t="s">
        <v>98742</v>
      </c>
      <c r="E5046" s="2" t="s">
        <v>7204</v>
      </c>
      <c r="F5046" s="8">
        <v>258</v>
      </c>
      <c r="G5046" s="5">
        <v>6</v>
      </c>
      <c r="H5046" s="5" t="s">
        <v>1518</v>
      </c>
      <c r="I5046" s="5" t="s">
        <v>40939</v>
      </c>
      <c r="J5046" s="2" t="s">
        <v>40940</v>
      </c>
      <c r="K5046" s="5" t="s">
        <v>40939</v>
      </c>
      <c r="L5046" s="2" t="s">
        <v>40940</v>
      </c>
      <c r="M5046" s="5" t="s">
        <v>36266</v>
      </c>
      <c r="N5046" s="5" t="s">
        <v>38</v>
      </c>
      <c r="O5046" s="5" t="s">
        <v>39</v>
      </c>
      <c r="P5046" s="5" t="s">
        <v>40</v>
      </c>
      <c r="Q5046" s="5" t="s">
        <v>1522</v>
      </c>
      <c r="R5046" s="5" t="s">
        <v>1523</v>
      </c>
      <c r="S5046" s="5" t="s">
        <v>42</v>
      </c>
      <c r="T5046" s="2">
        <v>2.2909999999999999</v>
      </c>
      <c r="U5046" s="2">
        <v>1.7310000000000001</v>
      </c>
      <c r="V5046" s="2">
        <v>1.2999999999999999E-2</v>
      </c>
      <c r="W5046" s="2">
        <v>99.1</v>
      </c>
      <c r="X5046" s="2">
        <v>7.6</v>
      </c>
      <c r="Y5046" s="2">
        <v>16.7</v>
      </c>
      <c r="Z5046" s="5"/>
      <c r="AA5046" s="5" t="s">
        <v>43</v>
      </c>
      <c r="AB5046" s="5" t="s">
        <v>44</v>
      </c>
      <c r="AC5046" s="2"/>
      <c r="AD5046" s="1"/>
    </row>
    <row r="5047" spans="1:30">
      <c r="A5047" s="5" t="s">
        <v>83578</v>
      </c>
      <c r="B5047" s="2" t="s">
        <v>98743</v>
      </c>
      <c r="C5047" s="14" t="s">
        <v>98744</v>
      </c>
      <c r="D5047" s="2" t="s">
        <v>98745</v>
      </c>
      <c r="E5047" s="2" t="s">
        <v>47195</v>
      </c>
      <c r="F5047" s="8">
        <v>277</v>
      </c>
      <c r="G5047" s="5">
        <v>6</v>
      </c>
      <c r="H5047" s="5" t="s">
        <v>1518</v>
      </c>
      <c r="I5047" s="5" t="s">
        <v>40939</v>
      </c>
      <c r="J5047" s="2" t="s">
        <v>40940</v>
      </c>
      <c r="K5047" s="5" t="s">
        <v>40939</v>
      </c>
      <c r="L5047" s="2" t="s">
        <v>40940</v>
      </c>
      <c r="M5047" s="5" t="s">
        <v>36266</v>
      </c>
      <c r="N5047" s="5" t="s">
        <v>38</v>
      </c>
      <c r="O5047" s="5" t="s">
        <v>39</v>
      </c>
      <c r="P5047" s="5" t="s">
        <v>40</v>
      </c>
      <c r="Q5047" s="5" t="s">
        <v>1522</v>
      </c>
      <c r="R5047" s="5" t="s">
        <v>1523</v>
      </c>
      <c r="S5047" s="5" t="s">
        <v>42</v>
      </c>
      <c r="T5047" s="2">
        <v>2.347</v>
      </c>
      <c r="U5047" s="2">
        <v>1.7869999999999999</v>
      </c>
      <c r="V5047" s="2">
        <v>1.2999999999999999E-2</v>
      </c>
      <c r="W5047" s="2">
        <v>99.1</v>
      </c>
      <c r="X5047" s="2">
        <v>7.6</v>
      </c>
      <c r="Y5047" s="2">
        <v>16.7</v>
      </c>
      <c r="Z5047" s="5"/>
      <c r="AA5047" s="5" t="s">
        <v>43</v>
      </c>
      <c r="AB5047" s="5" t="s">
        <v>44</v>
      </c>
      <c r="AC5047" s="2"/>
      <c r="AD5047" s="1"/>
    </row>
    <row r="5048" spans="1:30">
      <c r="A5048" s="5" t="s">
        <v>83578</v>
      </c>
      <c r="B5048" s="2" t="s">
        <v>98746</v>
      </c>
      <c r="C5048" s="14" t="s">
        <v>98747</v>
      </c>
      <c r="D5048" s="2" t="s">
        <v>98748</v>
      </c>
      <c r="E5048" s="2" t="s">
        <v>7208</v>
      </c>
      <c r="F5048" s="8">
        <v>258</v>
      </c>
      <c r="G5048" s="5">
        <v>6</v>
      </c>
      <c r="H5048" s="5" t="s">
        <v>1518</v>
      </c>
      <c r="I5048" s="5" t="s">
        <v>40939</v>
      </c>
      <c r="J5048" s="2" t="s">
        <v>40940</v>
      </c>
      <c r="K5048" s="5" t="s">
        <v>40939</v>
      </c>
      <c r="L5048" s="2" t="s">
        <v>40940</v>
      </c>
      <c r="M5048" s="5" t="s">
        <v>36266</v>
      </c>
      <c r="N5048" s="5" t="s">
        <v>38</v>
      </c>
      <c r="O5048" s="5" t="s">
        <v>39</v>
      </c>
      <c r="P5048" s="5" t="s">
        <v>40</v>
      </c>
      <c r="Q5048" s="5" t="s">
        <v>1522</v>
      </c>
      <c r="R5048" s="5" t="s">
        <v>1523</v>
      </c>
      <c r="S5048" s="5" t="s">
        <v>42</v>
      </c>
      <c r="T5048" s="2">
        <v>2.302</v>
      </c>
      <c r="U5048" s="2">
        <v>1.742</v>
      </c>
      <c r="V5048" s="2">
        <v>1.2999999999999999E-2</v>
      </c>
      <c r="W5048" s="2">
        <v>99.1</v>
      </c>
      <c r="X5048" s="2">
        <v>7.6</v>
      </c>
      <c r="Y5048" s="2">
        <v>16.7</v>
      </c>
      <c r="Z5048" s="5"/>
      <c r="AA5048" s="5" t="s">
        <v>43</v>
      </c>
      <c r="AB5048" s="5" t="s">
        <v>44</v>
      </c>
      <c r="AC5048" s="2"/>
      <c r="AD5048" s="1"/>
    </row>
    <row r="5049" spans="1:30">
      <c r="A5049" s="5" t="s">
        <v>83578</v>
      </c>
      <c r="B5049" s="2" t="s">
        <v>98749</v>
      </c>
      <c r="C5049" s="14" t="s">
        <v>98750</v>
      </c>
      <c r="D5049" s="2" t="s">
        <v>98751</v>
      </c>
      <c r="E5049" s="2" t="s">
        <v>36273</v>
      </c>
      <c r="F5049" s="8">
        <v>258</v>
      </c>
      <c r="G5049" s="5">
        <v>6</v>
      </c>
      <c r="H5049" s="5" t="s">
        <v>1518</v>
      </c>
      <c r="I5049" s="5" t="s">
        <v>40939</v>
      </c>
      <c r="J5049" s="2" t="s">
        <v>40940</v>
      </c>
      <c r="K5049" s="5" t="s">
        <v>40939</v>
      </c>
      <c r="L5049" s="2" t="s">
        <v>40940</v>
      </c>
      <c r="M5049" s="5" t="s">
        <v>36266</v>
      </c>
      <c r="N5049" s="5" t="s">
        <v>38</v>
      </c>
      <c r="O5049" s="5" t="s">
        <v>39</v>
      </c>
      <c r="P5049" s="5" t="s">
        <v>40</v>
      </c>
      <c r="Q5049" s="5" t="s">
        <v>1522</v>
      </c>
      <c r="R5049" s="5" t="s">
        <v>1523</v>
      </c>
      <c r="S5049" s="5" t="s">
        <v>42</v>
      </c>
      <c r="T5049" s="2">
        <v>2.31</v>
      </c>
      <c r="U5049" s="2">
        <v>1.75</v>
      </c>
      <c r="V5049" s="2">
        <v>1.2999999999999999E-2</v>
      </c>
      <c r="W5049" s="2">
        <v>99.1</v>
      </c>
      <c r="X5049" s="2">
        <v>7.6</v>
      </c>
      <c r="Y5049" s="2">
        <v>16.7</v>
      </c>
      <c r="Z5049" s="5"/>
      <c r="AA5049" s="5" t="s">
        <v>43</v>
      </c>
      <c r="AB5049" s="5" t="s">
        <v>44</v>
      </c>
      <c r="AC5049" s="2"/>
      <c r="AD5049" s="1"/>
    </row>
    <row r="5050" spans="1:30">
      <c r="A5050" s="5" t="s">
        <v>83578</v>
      </c>
      <c r="B5050" s="2" t="s">
        <v>98752</v>
      </c>
      <c r="C5050" s="14" t="s">
        <v>98753</v>
      </c>
      <c r="D5050" s="2" t="s">
        <v>98754</v>
      </c>
      <c r="E5050" s="2" t="s">
        <v>36277</v>
      </c>
      <c r="F5050" s="8">
        <v>258</v>
      </c>
      <c r="G5050" s="5">
        <v>6</v>
      </c>
      <c r="H5050" s="5" t="s">
        <v>1518</v>
      </c>
      <c r="I5050" s="5" t="s">
        <v>40939</v>
      </c>
      <c r="J5050" s="2" t="s">
        <v>40940</v>
      </c>
      <c r="K5050" s="5" t="s">
        <v>40939</v>
      </c>
      <c r="L5050" s="2" t="s">
        <v>40940</v>
      </c>
      <c r="M5050" s="5" t="s">
        <v>36266</v>
      </c>
      <c r="N5050" s="5" t="s">
        <v>38</v>
      </c>
      <c r="O5050" s="5" t="s">
        <v>39</v>
      </c>
      <c r="P5050" s="5" t="s">
        <v>40</v>
      </c>
      <c r="Q5050" s="5" t="s">
        <v>1522</v>
      </c>
      <c r="R5050" s="5" t="s">
        <v>1523</v>
      </c>
      <c r="S5050" s="5" t="s">
        <v>42</v>
      </c>
      <c r="T5050" s="2">
        <v>2.3580000000000001</v>
      </c>
      <c r="U5050" s="2">
        <v>1.798</v>
      </c>
      <c r="V5050" s="2">
        <v>1.2999999999999999E-2</v>
      </c>
      <c r="W5050" s="2">
        <v>99.1</v>
      </c>
      <c r="X5050" s="2">
        <v>7.6</v>
      </c>
      <c r="Y5050" s="2">
        <v>16.7</v>
      </c>
      <c r="Z5050" s="5"/>
      <c r="AA5050" s="5" t="s">
        <v>43</v>
      </c>
      <c r="AB5050" s="5" t="s">
        <v>44</v>
      </c>
      <c r="AC5050" s="2"/>
      <c r="AD5050" s="1"/>
    </row>
    <row r="5051" spans="1:30">
      <c r="A5051" s="5" t="s">
        <v>83578</v>
      </c>
      <c r="B5051" s="2" t="s">
        <v>98755</v>
      </c>
      <c r="C5051" s="14" t="s">
        <v>98756</v>
      </c>
      <c r="D5051" s="2" t="s">
        <v>98757</v>
      </c>
      <c r="E5051" s="2" t="s">
        <v>40967</v>
      </c>
      <c r="F5051" s="8">
        <v>277</v>
      </c>
      <c r="G5051" s="5">
        <v>6</v>
      </c>
      <c r="H5051" s="5" t="s">
        <v>1518</v>
      </c>
      <c r="I5051" s="5" t="s">
        <v>40939</v>
      </c>
      <c r="J5051" s="2" t="s">
        <v>40940</v>
      </c>
      <c r="K5051" s="5" t="s">
        <v>40939</v>
      </c>
      <c r="L5051" s="2" t="s">
        <v>40940</v>
      </c>
      <c r="M5051" s="5" t="s">
        <v>36266</v>
      </c>
      <c r="N5051" s="5" t="s">
        <v>38</v>
      </c>
      <c r="O5051" s="5" t="s">
        <v>39</v>
      </c>
      <c r="P5051" s="5" t="s">
        <v>40</v>
      </c>
      <c r="Q5051" s="5" t="s">
        <v>1522</v>
      </c>
      <c r="R5051" s="5" t="s">
        <v>1523</v>
      </c>
      <c r="S5051" s="5" t="s">
        <v>42</v>
      </c>
      <c r="T5051" s="2">
        <v>2.302</v>
      </c>
      <c r="U5051" s="2">
        <v>1.742</v>
      </c>
      <c r="V5051" s="2">
        <v>1.2999999999999999E-2</v>
      </c>
      <c r="W5051" s="2">
        <v>99.1</v>
      </c>
      <c r="X5051" s="2">
        <v>7.6</v>
      </c>
      <c r="Y5051" s="2">
        <v>16.7</v>
      </c>
      <c r="Z5051" s="5"/>
      <c r="AA5051" s="5" t="s">
        <v>43</v>
      </c>
      <c r="AB5051" s="5" t="s">
        <v>44</v>
      </c>
      <c r="AC5051" s="2"/>
      <c r="AD5051" s="1"/>
    </row>
    <row r="5052" spans="1:30">
      <c r="A5052" s="5" t="s">
        <v>83578</v>
      </c>
      <c r="B5052" s="2" t="s">
        <v>98758</v>
      </c>
      <c r="C5052" s="14" t="s">
        <v>98759</v>
      </c>
      <c r="D5052" s="2" t="s">
        <v>98760</v>
      </c>
      <c r="E5052" s="2" t="s">
        <v>40971</v>
      </c>
      <c r="F5052" s="8">
        <v>277</v>
      </c>
      <c r="G5052" s="5">
        <v>6</v>
      </c>
      <c r="H5052" s="5" t="s">
        <v>1518</v>
      </c>
      <c r="I5052" s="5" t="s">
        <v>40939</v>
      </c>
      <c r="J5052" s="2" t="s">
        <v>40940</v>
      </c>
      <c r="K5052" s="5" t="s">
        <v>40939</v>
      </c>
      <c r="L5052" s="2" t="s">
        <v>40940</v>
      </c>
      <c r="M5052" s="5" t="s">
        <v>36266</v>
      </c>
      <c r="N5052" s="5" t="s">
        <v>38</v>
      </c>
      <c r="O5052" s="5" t="s">
        <v>39</v>
      </c>
      <c r="P5052" s="5" t="s">
        <v>40</v>
      </c>
      <c r="Q5052" s="5" t="s">
        <v>1522</v>
      </c>
      <c r="R5052" s="5" t="s">
        <v>1523</v>
      </c>
      <c r="S5052" s="5" t="s">
        <v>42</v>
      </c>
      <c r="T5052" s="2">
        <v>2.35</v>
      </c>
      <c r="U5052" s="2">
        <v>1.79</v>
      </c>
      <c r="V5052" s="2">
        <v>1.2999999999999999E-2</v>
      </c>
      <c r="W5052" s="2">
        <v>99.1</v>
      </c>
      <c r="X5052" s="2">
        <v>7.6</v>
      </c>
      <c r="Y5052" s="2">
        <v>16.7</v>
      </c>
      <c r="Z5052" s="5"/>
      <c r="AA5052" s="5" t="s">
        <v>43</v>
      </c>
      <c r="AB5052" s="5" t="s">
        <v>44</v>
      </c>
      <c r="AC5052" s="2"/>
      <c r="AD5052" s="1"/>
    </row>
    <row r="5053" spans="1:30">
      <c r="A5053" s="5" t="s">
        <v>83578</v>
      </c>
      <c r="B5053" s="2" t="s">
        <v>98761</v>
      </c>
      <c r="C5053" s="14" t="s">
        <v>98762</v>
      </c>
      <c r="D5053" s="2" t="s">
        <v>98763</v>
      </c>
      <c r="E5053" s="2" t="s">
        <v>47226</v>
      </c>
      <c r="F5053" s="8">
        <v>277</v>
      </c>
      <c r="G5053" s="5">
        <v>6</v>
      </c>
      <c r="H5053" s="5" t="s">
        <v>1518</v>
      </c>
      <c r="I5053" s="5" t="s">
        <v>40939</v>
      </c>
      <c r="J5053" s="2" t="s">
        <v>40940</v>
      </c>
      <c r="K5053" s="5" t="s">
        <v>40939</v>
      </c>
      <c r="L5053" s="2" t="s">
        <v>40940</v>
      </c>
      <c r="M5053" s="5" t="s">
        <v>36266</v>
      </c>
      <c r="N5053" s="5" t="s">
        <v>38</v>
      </c>
      <c r="O5053" s="5" t="s">
        <v>39</v>
      </c>
      <c r="P5053" s="5" t="s">
        <v>40</v>
      </c>
      <c r="Q5053" s="5" t="s">
        <v>1522</v>
      </c>
      <c r="R5053" s="5" t="s">
        <v>1523</v>
      </c>
      <c r="S5053" s="5" t="s">
        <v>42</v>
      </c>
      <c r="T5053" s="2">
        <v>2.302</v>
      </c>
      <c r="U5053" s="2">
        <v>1.742</v>
      </c>
      <c r="V5053" s="2">
        <v>1.2999999999999999E-2</v>
      </c>
      <c r="W5053" s="2">
        <v>99.1</v>
      </c>
      <c r="X5053" s="2">
        <v>7.6</v>
      </c>
      <c r="Y5053" s="2">
        <v>16.7</v>
      </c>
      <c r="Z5053" s="5"/>
      <c r="AA5053" s="5" t="s">
        <v>43</v>
      </c>
      <c r="AB5053" s="5" t="s">
        <v>44</v>
      </c>
      <c r="AC5053" s="2"/>
      <c r="AD5053" s="1"/>
    </row>
    <row r="5054" spans="1:30">
      <c r="A5054" s="5" t="s">
        <v>83578</v>
      </c>
      <c r="B5054" s="2" t="s">
        <v>98764</v>
      </c>
      <c r="C5054" s="14" t="s">
        <v>98765</v>
      </c>
      <c r="D5054" s="2" t="s">
        <v>98766</v>
      </c>
      <c r="E5054" s="2" t="s">
        <v>47735</v>
      </c>
      <c r="F5054" s="8">
        <v>277</v>
      </c>
      <c r="G5054" s="5">
        <v>6</v>
      </c>
      <c r="H5054" s="5" t="s">
        <v>1518</v>
      </c>
      <c r="I5054" s="5" t="s">
        <v>40939</v>
      </c>
      <c r="J5054" s="2" t="s">
        <v>40940</v>
      </c>
      <c r="K5054" s="5" t="s">
        <v>40939</v>
      </c>
      <c r="L5054" s="2" t="s">
        <v>40940</v>
      </c>
      <c r="M5054" s="5" t="s">
        <v>36266</v>
      </c>
      <c r="N5054" s="5" t="s">
        <v>38</v>
      </c>
      <c r="O5054" s="5" t="s">
        <v>39</v>
      </c>
      <c r="P5054" s="5" t="s">
        <v>40</v>
      </c>
      <c r="Q5054" s="5" t="s">
        <v>1522</v>
      </c>
      <c r="R5054" s="5" t="s">
        <v>1523</v>
      </c>
      <c r="S5054" s="5" t="s">
        <v>42</v>
      </c>
      <c r="T5054" s="2">
        <v>2.35</v>
      </c>
      <c r="U5054" s="2">
        <v>1.79</v>
      </c>
      <c r="V5054" s="2">
        <v>1.2999999999999999E-2</v>
      </c>
      <c r="W5054" s="2">
        <v>99.1</v>
      </c>
      <c r="X5054" s="2">
        <v>7.6</v>
      </c>
      <c r="Y5054" s="2">
        <v>16.7</v>
      </c>
      <c r="Z5054" s="5"/>
      <c r="AA5054" s="5" t="s">
        <v>43</v>
      </c>
      <c r="AB5054" s="5" t="s">
        <v>44</v>
      </c>
      <c r="AC5054" s="2"/>
      <c r="AD5054" s="1"/>
    </row>
    <row r="5055" spans="1:30">
      <c r="A5055" s="5" t="s">
        <v>83578</v>
      </c>
      <c r="B5055" s="2" t="s">
        <v>98767</v>
      </c>
      <c r="C5055" s="14" t="s">
        <v>98768</v>
      </c>
      <c r="D5055" s="2" t="s">
        <v>98769</v>
      </c>
      <c r="E5055" s="2" t="s">
        <v>7539</v>
      </c>
      <c r="F5055" s="8">
        <v>277</v>
      </c>
      <c r="G5055" s="5">
        <v>6</v>
      </c>
      <c r="H5055" s="5" t="s">
        <v>1518</v>
      </c>
      <c r="I5055" s="5" t="s">
        <v>40939</v>
      </c>
      <c r="J5055" s="2" t="s">
        <v>40940</v>
      </c>
      <c r="K5055" s="5" t="s">
        <v>40939</v>
      </c>
      <c r="L5055" s="2" t="s">
        <v>40940</v>
      </c>
      <c r="M5055" s="5" t="s">
        <v>36266</v>
      </c>
      <c r="N5055" s="5" t="s">
        <v>38</v>
      </c>
      <c r="O5055" s="5" t="s">
        <v>39</v>
      </c>
      <c r="P5055" s="5" t="s">
        <v>40</v>
      </c>
      <c r="Q5055" s="5" t="s">
        <v>1522</v>
      </c>
      <c r="R5055" s="5" t="s">
        <v>1523</v>
      </c>
      <c r="S5055" s="5" t="s">
        <v>42</v>
      </c>
      <c r="T5055" s="2">
        <v>2.2839999999999998</v>
      </c>
      <c r="U5055" s="2">
        <v>1.724</v>
      </c>
      <c r="V5055" s="2">
        <v>1.2999999999999999E-2</v>
      </c>
      <c r="W5055" s="2">
        <v>99.1</v>
      </c>
      <c r="X5055" s="2">
        <v>7.6</v>
      </c>
      <c r="Y5055" s="2">
        <v>16.7</v>
      </c>
      <c r="Z5055" s="5"/>
      <c r="AA5055" s="5" t="s">
        <v>43</v>
      </c>
      <c r="AB5055" s="5" t="s">
        <v>44</v>
      </c>
      <c r="AC5055" s="2"/>
      <c r="AD5055" s="1"/>
    </row>
    <row r="5056" spans="1:30">
      <c r="A5056" s="5" t="s">
        <v>83578</v>
      </c>
      <c r="B5056" s="2" t="s">
        <v>98770</v>
      </c>
      <c r="C5056" s="14" t="s">
        <v>98771</v>
      </c>
      <c r="D5056" s="2" t="s">
        <v>98772</v>
      </c>
      <c r="E5056" s="2" t="s">
        <v>7543</v>
      </c>
      <c r="F5056" s="8">
        <v>277</v>
      </c>
      <c r="G5056" s="5">
        <v>6</v>
      </c>
      <c r="H5056" s="5" t="s">
        <v>1518</v>
      </c>
      <c r="I5056" s="5" t="s">
        <v>40939</v>
      </c>
      <c r="J5056" s="2" t="s">
        <v>40940</v>
      </c>
      <c r="K5056" s="5" t="s">
        <v>40939</v>
      </c>
      <c r="L5056" s="2" t="s">
        <v>40940</v>
      </c>
      <c r="M5056" s="5" t="s">
        <v>36266</v>
      </c>
      <c r="N5056" s="5" t="s">
        <v>38</v>
      </c>
      <c r="O5056" s="5" t="s">
        <v>39</v>
      </c>
      <c r="P5056" s="5" t="s">
        <v>40</v>
      </c>
      <c r="Q5056" s="5" t="s">
        <v>1522</v>
      </c>
      <c r="R5056" s="5" t="s">
        <v>1523</v>
      </c>
      <c r="S5056" s="5" t="s">
        <v>42</v>
      </c>
      <c r="T5056" s="2">
        <v>2.3319999999999999</v>
      </c>
      <c r="U5056" s="2">
        <v>1.772</v>
      </c>
      <c r="V5056" s="2">
        <v>1.2999999999999999E-2</v>
      </c>
      <c r="W5056" s="2">
        <v>99.1</v>
      </c>
      <c r="X5056" s="2">
        <v>7.6</v>
      </c>
      <c r="Y5056" s="2">
        <v>16.7</v>
      </c>
      <c r="Z5056" s="5"/>
      <c r="AA5056" s="5" t="s">
        <v>43</v>
      </c>
      <c r="AB5056" s="5" t="s">
        <v>44</v>
      </c>
      <c r="AC5056" s="2"/>
      <c r="AD5056" s="1"/>
    </row>
    <row r="5057" spans="1:30">
      <c r="A5057" s="5" t="s">
        <v>83578</v>
      </c>
      <c r="B5057" s="2" t="s">
        <v>98773</v>
      </c>
      <c r="C5057" s="14" t="s">
        <v>98774</v>
      </c>
      <c r="D5057" s="2" t="s">
        <v>98775</v>
      </c>
      <c r="E5057" s="2" t="s">
        <v>40989</v>
      </c>
      <c r="F5057" s="8">
        <v>277</v>
      </c>
      <c r="G5057" s="5">
        <v>6</v>
      </c>
      <c r="H5057" s="5" t="s">
        <v>1518</v>
      </c>
      <c r="I5057" s="5" t="s">
        <v>40939</v>
      </c>
      <c r="J5057" s="2" t="s">
        <v>40940</v>
      </c>
      <c r="K5057" s="5" t="s">
        <v>40939</v>
      </c>
      <c r="L5057" s="2" t="s">
        <v>40940</v>
      </c>
      <c r="M5057" s="5" t="s">
        <v>36266</v>
      </c>
      <c r="N5057" s="5" t="s">
        <v>38</v>
      </c>
      <c r="O5057" s="5" t="s">
        <v>39</v>
      </c>
      <c r="P5057" s="5" t="s">
        <v>40</v>
      </c>
      <c r="Q5057" s="5" t="s">
        <v>1522</v>
      </c>
      <c r="R5057" s="5" t="s">
        <v>1523</v>
      </c>
      <c r="S5057" s="5" t="s">
        <v>42</v>
      </c>
      <c r="T5057" s="2">
        <v>2.302</v>
      </c>
      <c r="U5057" s="2">
        <v>1.742</v>
      </c>
      <c r="V5057" s="2">
        <v>1.2999999999999999E-2</v>
      </c>
      <c r="W5057" s="2">
        <v>99.1</v>
      </c>
      <c r="X5057" s="2">
        <v>7.6</v>
      </c>
      <c r="Y5057" s="2">
        <v>16.7</v>
      </c>
      <c r="Z5057" s="5"/>
      <c r="AA5057" s="5" t="s">
        <v>43</v>
      </c>
      <c r="AB5057" s="5" t="s">
        <v>44</v>
      </c>
      <c r="AC5057" s="2"/>
      <c r="AD5057" s="1"/>
    </row>
    <row r="5058" spans="1:30">
      <c r="A5058" s="5" t="s">
        <v>83578</v>
      </c>
      <c r="B5058" s="2" t="s">
        <v>98776</v>
      </c>
      <c r="C5058" s="14" t="s">
        <v>98777</v>
      </c>
      <c r="D5058" s="2" t="s">
        <v>98778</v>
      </c>
      <c r="E5058" s="2" t="s">
        <v>40993</v>
      </c>
      <c r="F5058" s="8">
        <v>277</v>
      </c>
      <c r="G5058" s="5">
        <v>6</v>
      </c>
      <c r="H5058" s="5" t="s">
        <v>1518</v>
      </c>
      <c r="I5058" s="5" t="s">
        <v>40939</v>
      </c>
      <c r="J5058" s="2" t="s">
        <v>40940</v>
      </c>
      <c r="K5058" s="5" t="s">
        <v>40939</v>
      </c>
      <c r="L5058" s="2" t="s">
        <v>40940</v>
      </c>
      <c r="M5058" s="5" t="s">
        <v>36266</v>
      </c>
      <c r="N5058" s="5" t="s">
        <v>38</v>
      </c>
      <c r="O5058" s="5" t="s">
        <v>39</v>
      </c>
      <c r="P5058" s="5" t="s">
        <v>40</v>
      </c>
      <c r="Q5058" s="5" t="s">
        <v>1522</v>
      </c>
      <c r="R5058" s="5" t="s">
        <v>1523</v>
      </c>
      <c r="S5058" s="5" t="s">
        <v>42</v>
      </c>
      <c r="T5058" s="2">
        <v>2.35</v>
      </c>
      <c r="U5058" s="2">
        <v>1.79</v>
      </c>
      <c r="V5058" s="2">
        <v>1.2999999999999999E-2</v>
      </c>
      <c r="W5058" s="2">
        <v>99.1</v>
      </c>
      <c r="X5058" s="2">
        <v>7.6</v>
      </c>
      <c r="Y5058" s="2">
        <v>16.7</v>
      </c>
      <c r="Z5058" s="5"/>
      <c r="AA5058" s="5" t="s">
        <v>43</v>
      </c>
      <c r="AB5058" s="5" t="s">
        <v>44</v>
      </c>
      <c r="AC5058" s="2"/>
      <c r="AD5058" s="1"/>
    </row>
    <row r="5059" spans="1:30">
      <c r="A5059" s="5" t="s">
        <v>83578</v>
      </c>
      <c r="B5059" s="2" t="s">
        <v>98779</v>
      </c>
      <c r="C5059" s="14" t="s">
        <v>98780</v>
      </c>
      <c r="D5059" s="2" t="s">
        <v>98781</v>
      </c>
      <c r="E5059" s="2" t="s">
        <v>40997</v>
      </c>
      <c r="F5059" s="8">
        <v>277</v>
      </c>
      <c r="G5059" s="5">
        <v>6</v>
      </c>
      <c r="H5059" s="5" t="s">
        <v>1518</v>
      </c>
      <c r="I5059" s="5" t="s">
        <v>40939</v>
      </c>
      <c r="J5059" s="2" t="s">
        <v>40940</v>
      </c>
      <c r="K5059" s="5" t="s">
        <v>40939</v>
      </c>
      <c r="L5059" s="2" t="s">
        <v>40940</v>
      </c>
      <c r="M5059" s="5" t="s">
        <v>36266</v>
      </c>
      <c r="N5059" s="5" t="s">
        <v>38</v>
      </c>
      <c r="O5059" s="5" t="s">
        <v>39</v>
      </c>
      <c r="P5059" s="5" t="s">
        <v>40</v>
      </c>
      <c r="Q5059" s="5" t="s">
        <v>1522</v>
      </c>
      <c r="R5059" s="5" t="s">
        <v>1523</v>
      </c>
      <c r="S5059" s="5" t="s">
        <v>42</v>
      </c>
      <c r="T5059" s="2">
        <v>2.2869999999999999</v>
      </c>
      <c r="U5059" s="2">
        <v>1.7270000000000001</v>
      </c>
      <c r="V5059" s="2">
        <v>1.2999999999999999E-2</v>
      </c>
      <c r="W5059" s="2">
        <v>99.1</v>
      </c>
      <c r="X5059" s="2">
        <v>7.6</v>
      </c>
      <c r="Y5059" s="2">
        <v>16.7</v>
      </c>
      <c r="Z5059" s="5"/>
      <c r="AA5059" s="5" t="s">
        <v>43</v>
      </c>
      <c r="AB5059" s="5" t="s">
        <v>44</v>
      </c>
      <c r="AC5059" s="2"/>
      <c r="AD5059" s="1"/>
    </row>
    <row r="5060" spans="1:30">
      <c r="A5060" s="5" t="s">
        <v>83578</v>
      </c>
      <c r="B5060" s="2" t="s">
        <v>98782</v>
      </c>
      <c r="C5060" s="14" t="s">
        <v>98783</v>
      </c>
      <c r="D5060" s="2" t="s">
        <v>98784</v>
      </c>
      <c r="E5060" s="2" t="s">
        <v>41267</v>
      </c>
      <c r="F5060" s="8">
        <v>277</v>
      </c>
      <c r="G5060" s="5">
        <v>6</v>
      </c>
      <c r="H5060" s="5" t="s">
        <v>1518</v>
      </c>
      <c r="I5060" s="5" t="s">
        <v>40939</v>
      </c>
      <c r="J5060" s="2" t="s">
        <v>40940</v>
      </c>
      <c r="K5060" s="5" t="s">
        <v>40939</v>
      </c>
      <c r="L5060" s="2" t="s">
        <v>40940</v>
      </c>
      <c r="M5060" s="5" t="s">
        <v>36266</v>
      </c>
      <c r="N5060" s="5" t="s">
        <v>38</v>
      </c>
      <c r="O5060" s="5" t="s">
        <v>39</v>
      </c>
      <c r="P5060" s="5" t="s">
        <v>40</v>
      </c>
      <c r="Q5060" s="5" t="s">
        <v>1522</v>
      </c>
      <c r="R5060" s="5" t="s">
        <v>1523</v>
      </c>
      <c r="S5060" s="5" t="s">
        <v>42</v>
      </c>
      <c r="T5060" s="2">
        <v>2.335</v>
      </c>
      <c r="U5060" s="2">
        <v>1.7749999999999999</v>
      </c>
      <c r="V5060" s="2">
        <v>1.2999999999999999E-2</v>
      </c>
      <c r="W5060" s="2">
        <v>99.1</v>
      </c>
      <c r="X5060" s="2">
        <v>7.6</v>
      </c>
      <c r="Y5060" s="2">
        <v>16.7</v>
      </c>
      <c r="Z5060" s="5"/>
      <c r="AA5060" s="5" t="s">
        <v>43</v>
      </c>
      <c r="AB5060" s="5" t="s">
        <v>44</v>
      </c>
      <c r="AC5060" s="2"/>
      <c r="AD5060" s="1"/>
    </row>
    <row r="5061" spans="1:30">
      <c r="A5061" s="5" t="s">
        <v>83578</v>
      </c>
      <c r="B5061" s="2" t="s">
        <v>98785</v>
      </c>
      <c r="C5061" s="14" t="s">
        <v>98786</v>
      </c>
      <c r="D5061" s="2" t="s">
        <v>98787</v>
      </c>
      <c r="E5061" s="2" t="s">
        <v>41001</v>
      </c>
      <c r="F5061" s="8">
        <v>277</v>
      </c>
      <c r="G5061" s="5">
        <v>6</v>
      </c>
      <c r="H5061" s="5" t="s">
        <v>1518</v>
      </c>
      <c r="I5061" s="5" t="s">
        <v>40939</v>
      </c>
      <c r="J5061" s="2" t="s">
        <v>40940</v>
      </c>
      <c r="K5061" s="5" t="s">
        <v>40939</v>
      </c>
      <c r="L5061" s="2" t="s">
        <v>40940</v>
      </c>
      <c r="M5061" s="5" t="s">
        <v>36266</v>
      </c>
      <c r="N5061" s="5" t="s">
        <v>38</v>
      </c>
      <c r="O5061" s="5" t="s">
        <v>39</v>
      </c>
      <c r="P5061" s="5" t="s">
        <v>40</v>
      </c>
      <c r="Q5061" s="5" t="s">
        <v>1522</v>
      </c>
      <c r="R5061" s="5" t="s">
        <v>1523</v>
      </c>
      <c r="S5061" s="5" t="s">
        <v>42</v>
      </c>
      <c r="T5061" s="2">
        <v>2.302</v>
      </c>
      <c r="U5061" s="2">
        <v>1.742</v>
      </c>
      <c r="V5061" s="2">
        <v>1.2999999999999999E-2</v>
      </c>
      <c r="W5061" s="2">
        <v>99.1</v>
      </c>
      <c r="X5061" s="2">
        <v>7.6</v>
      </c>
      <c r="Y5061" s="2">
        <v>16.7</v>
      </c>
      <c r="Z5061" s="5"/>
      <c r="AA5061" s="5" t="s">
        <v>43</v>
      </c>
      <c r="AB5061" s="5" t="s">
        <v>44</v>
      </c>
      <c r="AC5061" s="2"/>
      <c r="AD5061" s="1"/>
    </row>
    <row r="5062" spans="1:30">
      <c r="A5062" s="5" t="s">
        <v>83578</v>
      </c>
      <c r="B5062" s="2" t="s">
        <v>98788</v>
      </c>
      <c r="C5062" s="14" t="s">
        <v>98789</v>
      </c>
      <c r="D5062" s="2" t="s">
        <v>98790</v>
      </c>
      <c r="E5062" s="2" t="s">
        <v>41005</v>
      </c>
      <c r="F5062" s="8">
        <v>277</v>
      </c>
      <c r="G5062" s="5">
        <v>6</v>
      </c>
      <c r="H5062" s="5" t="s">
        <v>1518</v>
      </c>
      <c r="I5062" s="5" t="s">
        <v>40939</v>
      </c>
      <c r="J5062" s="2" t="s">
        <v>40940</v>
      </c>
      <c r="K5062" s="5" t="s">
        <v>40939</v>
      </c>
      <c r="L5062" s="2" t="s">
        <v>40940</v>
      </c>
      <c r="M5062" s="5" t="s">
        <v>36266</v>
      </c>
      <c r="N5062" s="5" t="s">
        <v>38</v>
      </c>
      <c r="O5062" s="5" t="s">
        <v>39</v>
      </c>
      <c r="P5062" s="5" t="s">
        <v>40</v>
      </c>
      <c r="Q5062" s="5" t="s">
        <v>1522</v>
      </c>
      <c r="R5062" s="5" t="s">
        <v>1523</v>
      </c>
      <c r="S5062" s="5" t="s">
        <v>42</v>
      </c>
      <c r="T5062" s="2">
        <v>2.35</v>
      </c>
      <c r="U5062" s="2">
        <v>1.79</v>
      </c>
      <c r="V5062" s="2">
        <v>1.2999999999999999E-2</v>
      </c>
      <c r="W5062" s="2">
        <v>99.1</v>
      </c>
      <c r="X5062" s="2">
        <v>7.6</v>
      </c>
      <c r="Y5062" s="2">
        <v>16.7</v>
      </c>
      <c r="Z5062" s="5"/>
      <c r="AA5062" s="5" t="s">
        <v>43</v>
      </c>
      <c r="AB5062" s="5" t="s">
        <v>44</v>
      </c>
      <c r="AC5062" s="2"/>
      <c r="AD5062" s="1"/>
    </row>
    <row r="5063" spans="1:30">
      <c r="A5063" s="5" t="s">
        <v>83578</v>
      </c>
      <c r="B5063" s="2" t="s">
        <v>98791</v>
      </c>
      <c r="C5063" s="14" t="s">
        <v>98792</v>
      </c>
      <c r="D5063" s="2" t="s">
        <v>98793</v>
      </c>
      <c r="E5063" s="2" t="s">
        <v>41009</v>
      </c>
      <c r="F5063" s="8">
        <v>277</v>
      </c>
      <c r="G5063" s="5">
        <v>6</v>
      </c>
      <c r="H5063" s="5" t="s">
        <v>1518</v>
      </c>
      <c r="I5063" s="5" t="s">
        <v>40939</v>
      </c>
      <c r="J5063" s="2" t="s">
        <v>40940</v>
      </c>
      <c r="K5063" s="5" t="s">
        <v>40939</v>
      </c>
      <c r="L5063" s="2" t="s">
        <v>40940</v>
      </c>
      <c r="M5063" s="5" t="s">
        <v>36266</v>
      </c>
      <c r="N5063" s="5" t="s">
        <v>38</v>
      </c>
      <c r="O5063" s="5" t="s">
        <v>39</v>
      </c>
      <c r="P5063" s="5" t="s">
        <v>40</v>
      </c>
      <c r="Q5063" s="5" t="s">
        <v>1522</v>
      </c>
      <c r="R5063" s="5" t="s">
        <v>1523</v>
      </c>
      <c r="S5063" s="5" t="s">
        <v>42</v>
      </c>
      <c r="T5063" s="2">
        <v>2.306</v>
      </c>
      <c r="U5063" s="2">
        <v>1.746</v>
      </c>
      <c r="V5063" s="2">
        <v>1.2999999999999999E-2</v>
      </c>
      <c r="W5063" s="2">
        <v>99.1</v>
      </c>
      <c r="X5063" s="2">
        <v>7.6</v>
      </c>
      <c r="Y5063" s="2">
        <v>16.7</v>
      </c>
      <c r="Z5063" s="5"/>
      <c r="AA5063" s="5" t="s">
        <v>43</v>
      </c>
      <c r="AB5063" s="5" t="s">
        <v>44</v>
      </c>
      <c r="AC5063" s="2"/>
      <c r="AD5063" s="1"/>
    </row>
    <row r="5064" spans="1:30">
      <c r="A5064" s="5" t="s">
        <v>83578</v>
      </c>
      <c r="B5064" s="2" t="s">
        <v>98794</v>
      </c>
      <c r="C5064" s="14" t="s">
        <v>98795</v>
      </c>
      <c r="D5064" s="2" t="s">
        <v>98796</v>
      </c>
      <c r="E5064" s="2" t="s">
        <v>41013</v>
      </c>
      <c r="F5064" s="8">
        <v>277</v>
      </c>
      <c r="G5064" s="5">
        <v>6</v>
      </c>
      <c r="H5064" s="5" t="s">
        <v>1518</v>
      </c>
      <c r="I5064" s="5" t="s">
        <v>40939</v>
      </c>
      <c r="J5064" s="2" t="s">
        <v>40940</v>
      </c>
      <c r="K5064" s="5" t="s">
        <v>40939</v>
      </c>
      <c r="L5064" s="2" t="s">
        <v>40940</v>
      </c>
      <c r="M5064" s="5" t="s">
        <v>36266</v>
      </c>
      <c r="N5064" s="5" t="s">
        <v>38</v>
      </c>
      <c r="O5064" s="5" t="s">
        <v>39</v>
      </c>
      <c r="P5064" s="5" t="s">
        <v>40</v>
      </c>
      <c r="Q5064" s="5" t="s">
        <v>1522</v>
      </c>
      <c r="R5064" s="5" t="s">
        <v>1523</v>
      </c>
      <c r="S5064" s="5" t="s">
        <v>42</v>
      </c>
      <c r="T5064" s="2">
        <v>2.3540000000000001</v>
      </c>
      <c r="U5064" s="2">
        <v>1.794</v>
      </c>
      <c r="V5064" s="2">
        <v>1.2999999999999999E-2</v>
      </c>
      <c r="W5064" s="2">
        <v>99.1</v>
      </c>
      <c r="X5064" s="2">
        <v>7.6</v>
      </c>
      <c r="Y5064" s="2">
        <v>16.7</v>
      </c>
      <c r="Z5064" s="5"/>
      <c r="AA5064" s="5" t="s">
        <v>43</v>
      </c>
      <c r="AB5064" s="5" t="s">
        <v>44</v>
      </c>
      <c r="AC5064" s="2"/>
      <c r="AD5064" s="1"/>
    </row>
    <row r="5065" spans="1:30">
      <c r="A5065" s="5" t="s">
        <v>83578</v>
      </c>
      <c r="B5065" s="2" t="s">
        <v>98797</v>
      </c>
      <c r="C5065" s="14" t="s">
        <v>98798</v>
      </c>
      <c r="D5065" s="2" t="s">
        <v>98799</v>
      </c>
      <c r="E5065" s="2" t="s">
        <v>7396</v>
      </c>
      <c r="F5065" s="8">
        <v>258</v>
      </c>
      <c r="G5065" s="5">
        <v>6</v>
      </c>
      <c r="H5065" s="5" t="s">
        <v>1518</v>
      </c>
      <c r="I5065" s="5" t="s">
        <v>40939</v>
      </c>
      <c r="J5065" s="2" t="s">
        <v>40940</v>
      </c>
      <c r="K5065" s="5" t="s">
        <v>40939</v>
      </c>
      <c r="L5065" s="2" t="s">
        <v>40940</v>
      </c>
      <c r="M5065" s="5" t="s">
        <v>36266</v>
      </c>
      <c r="N5065" s="5" t="s">
        <v>38</v>
      </c>
      <c r="O5065" s="5" t="s">
        <v>39</v>
      </c>
      <c r="P5065" s="5" t="s">
        <v>40</v>
      </c>
      <c r="Q5065" s="5" t="s">
        <v>1522</v>
      </c>
      <c r="R5065" s="5" t="s">
        <v>1523</v>
      </c>
      <c r="S5065" s="5" t="s">
        <v>42</v>
      </c>
      <c r="T5065" s="2">
        <v>2.306</v>
      </c>
      <c r="U5065" s="2">
        <v>1.746</v>
      </c>
      <c r="V5065" s="2">
        <v>1.2999999999999999E-2</v>
      </c>
      <c r="W5065" s="2">
        <v>99.1</v>
      </c>
      <c r="X5065" s="2">
        <v>7.6</v>
      </c>
      <c r="Y5065" s="2">
        <v>16.7</v>
      </c>
      <c r="Z5065" s="5"/>
      <c r="AA5065" s="5" t="s">
        <v>43</v>
      </c>
      <c r="AB5065" s="5" t="s">
        <v>44</v>
      </c>
      <c r="AC5065" s="2"/>
      <c r="AD5065" s="1"/>
    </row>
    <row r="5066" spans="1:30">
      <c r="A5066" s="5" t="s">
        <v>83578</v>
      </c>
      <c r="B5066" s="2" t="s">
        <v>98800</v>
      </c>
      <c r="C5066" s="14" t="s">
        <v>98801</v>
      </c>
      <c r="D5066" s="2" t="s">
        <v>98802</v>
      </c>
      <c r="E5066" s="2" t="s">
        <v>7507</v>
      </c>
      <c r="F5066" s="8">
        <v>258</v>
      </c>
      <c r="G5066" s="5">
        <v>6</v>
      </c>
      <c r="H5066" s="5" t="s">
        <v>1518</v>
      </c>
      <c r="I5066" s="5" t="s">
        <v>40939</v>
      </c>
      <c r="J5066" s="2" t="s">
        <v>40940</v>
      </c>
      <c r="K5066" s="5" t="s">
        <v>40939</v>
      </c>
      <c r="L5066" s="2" t="s">
        <v>40940</v>
      </c>
      <c r="M5066" s="5" t="s">
        <v>36266</v>
      </c>
      <c r="N5066" s="5" t="s">
        <v>38</v>
      </c>
      <c r="O5066" s="5" t="s">
        <v>39</v>
      </c>
      <c r="P5066" s="5" t="s">
        <v>40</v>
      </c>
      <c r="Q5066" s="5" t="s">
        <v>1522</v>
      </c>
      <c r="R5066" s="5" t="s">
        <v>1523</v>
      </c>
      <c r="S5066" s="5" t="s">
        <v>42</v>
      </c>
      <c r="T5066" s="2">
        <v>2.3540000000000001</v>
      </c>
      <c r="U5066" s="2">
        <v>1.794</v>
      </c>
      <c r="V5066" s="2">
        <v>1.2999999999999999E-2</v>
      </c>
      <c r="W5066" s="2">
        <v>99.1</v>
      </c>
      <c r="X5066" s="2">
        <v>7.6</v>
      </c>
      <c r="Y5066" s="2">
        <v>16.7</v>
      </c>
      <c r="Z5066" s="5"/>
      <c r="AA5066" s="5" t="s">
        <v>43</v>
      </c>
      <c r="AB5066" s="5" t="s">
        <v>44</v>
      </c>
      <c r="AC5066" s="2"/>
      <c r="AD5066" s="1"/>
    </row>
    <row r="5067" spans="1:30">
      <c r="A5067" s="5" t="s">
        <v>83578</v>
      </c>
      <c r="B5067" s="2" t="s">
        <v>98803</v>
      </c>
      <c r="C5067" s="14" t="s">
        <v>98804</v>
      </c>
      <c r="D5067" s="2" t="s">
        <v>98805</v>
      </c>
      <c r="E5067" s="2" t="s">
        <v>41023</v>
      </c>
      <c r="F5067" s="8">
        <v>277</v>
      </c>
      <c r="G5067" s="5">
        <v>6</v>
      </c>
      <c r="H5067" s="5" t="s">
        <v>1518</v>
      </c>
      <c r="I5067" s="5" t="s">
        <v>40939</v>
      </c>
      <c r="J5067" s="2" t="s">
        <v>40940</v>
      </c>
      <c r="K5067" s="5" t="s">
        <v>40939</v>
      </c>
      <c r="L5067" s="2" t="s">
        <v>40940</v>
      </c>
      <c r="M5067" s="5" t="s">
        <v>36266</v>
      </c>
      <c r="N5067" s="5" t="s">
        <v>38</v>
      </c>
      <c r="O5067" s="5" t="s">
        <v>39</v>
      </c>
      <c r="P5067" s="5" t="s">
        <v>40</v>
      </c>
      <c r="Q5067" s="5" t="s">
        <v>1522</v>
      </c>
      <c r="R5067" s="5" t="s">
        <v>1523</v>
      </c>
      <c r="S5067" s="5" t="s">
        <v>42</v>
      </c>
      <c r="T5067" s="2">
        <v>2.2869999999999999</v>
      </c>
      <c r="U5067" s="2">
        <v>1.7270000000000001</v>
      </c>
      <c r="V5067" s="2">
        <v>1.2999999999999999E-2</v>
      </c>
      <c r="W5067" s="2">
        <v>99.1</v>
      </c>
      <c r="X5067" s="2">
        <v>7.6</v>
      </c>
      <c r="Y5067" s="2">
        <v>16.7</v>
      </c>
      <c r="Z5067" s="5"/>
      <c r="AA5067" s="5" t="s">
        <v>43</v>
      </c>
      <c r="AB5067" s="5" t="s">
        <v>44</v>
      </c>
      <c r="AC5067" s="2"/>
      <c r="AD5067" s="1"/>
    </row>
    <row r="5068" spans="1:30">
      <c r="A5068" s="5" t="s">
        <v>83578</v>
      </c>
      <c r="B5068" s="2" t="s">
        <v>98806</v>
      </c>
      <c r="C5068" s="14" t="s">
        <v>98807</v>
      </c>
      <c r="D5068" s="2" t="s">
        <v>98808</v>
      </c>
      <c r="E5068" s="2" t="s">
        <v>41027</v>
      </c>
      <c r="F5068" s="8">
        <v>277</v>
      </c>
      <c r="G5068" s="5">
        <v>6</v>
      </c>
      <c r="H5068" s="5" t="s">
        <v>1518</v>
      </c>
      <c r="I5068" s="5" t="s">
        <v>40939</v>
      </c>
      <c r="J5068" s="2" t="s">
        <v>40940</v>
      </c>
      <c r="K5068" s="5" t="s">
        <v>40939</v>
      </c>
      <c r="L5068" s="2" t="s">
        <v>40940</v>
      </c>
      <c r="M5068" s="5" t="s">
        <v>36266</v>
      </c>
      <c r="N5068" s="5" t="s">
        <v>38</v>
      </c>
      <c r="O5068" s="5" t="s">
        <v>39</v>
      </c>
      <c r="P5068" s="5" t="s">
        <v>40</v>
      </c>
      <c r="Q5068" s="5" t="s">
        <v>1522</v>
      </c>
      <c r="R5068" s="5" t="s">
        <v>1523</v>
      </c>
      <c r="S5068" s="5" t="s">
        <v>42</v>
      </c>
      <c r="T5068" s="2">
        <v>2.335</v>
      </c>
      <c r="U5068" s="2">
        <v>1.7749999999999999</v>
      </c>
      <c r="V5068" s="2">
        <v>1.2999999999999999E-2</v>
      </c>
      <c r="W5068" s="2">
        <v>99.1</v>
      </c>
      <c r="X5068" s="2">
        <v>7.6</v>
      </c>
      <c r="Y5068" s="2">
        <v>16.7</v>
      </c>
      <c r="Z5068" s="5"/>
      <c r="AA5068" s="5" t="s">
        <v>43</v>
      </c>
      <c r="AB5068" s="5" t="s">
        <v>44</v>
      </c>
      <c r="AC5068" s="2"/>
      <c r="AD5068" s="1"/>
    </row>
    <row r="5069" spans="1:30">
      <c r="A5069" s="5" t="s">
        <v>83578</v>
      </c>
      <c r="B5069" s="2" t="s">
        <v>98809</v>
      </c>
      <c r="C5069" s="14" t="s">
        <v>98810</v>
      </c>
      <c r="D5069" s="2" t="s">
        <v>98811</v>
      </c>
      <c r="E5069" s="2" t="s">
        <v>41031</v>
      </c>
      <c r="F5069" s="8">
        <v>277</v>
      </c>
      <c r="G5069" s="5">
        <v>6</v>
      </c>
      <c r="H5069" s="5" t="s">
        <v>1518</v>
      </c>
      <c r="I5069" s="5" t="s">
        <v>40939</v>
      </c>
      <c r="J5069" s="2" t="s">
        <v>40940</v>
      </c>
      <c r="K5069" s="5" t="s">
        <v>40939</v>
      </c>
      <c r="L5069" s="2" t="s">
        <v>40940</v>
      </c>
      <c r="M5069" s="5" t="s">
        <v>36266</v>
      </c>
      <c r="N5069" s="5" t="s">
        <v>38</v>
      </c>
      <c r="O5069" s="5" t="s">
        <v>39</v>
      </c>
      <c r="P5069" s="5" t="s">
        <v>40</v>
      </c>
      <c r="Q5069" s="5" t="s">
        <v>1522</v>
      </c>
      <c r="R5069" s="5" t="s">
        <v>1523</v>
      </c>
      <c r="S5069" s="5" t="s">
        <v>42</v>
      </c>
      <c r="T5069" s="2">
        <v>2.2869999999999999</v>
      </c>
      <c r="U5069" s="2">
        <v>1.7270000000000001</v>
      </c>
      <c r="V5069" s="2">
        <v>1.2999999999999999E-2</v>
      </c>
      <c r="W5069" s="2">
        <v>99.1</v>
      </c>
      <c r="X5069" s="2">
        <v>7.6</v>
      </c>
      <c r="Y5069" s="2">
        <v>16.7</v>
      </c>
      <c r="Z5069" s="5"/>
      <c r="AA5069" s="5" t="s">
        <v>43</v>
      </c>
      <c r="AB5069" s="5" t="s">
        <v>44</v>
      </c>
      <c r="AC5069" s="2"/>
      <c r="AD5069" s="1"/>
    </row>
    <row r="5070" spans="1:30">
      <c r="A5070" s="5" t="s">
        <v>83578</v>
      </c>
      <c r="B5070" s="2" t="s">
        <v>98812</v>
      </c>
      <c r="C5070" s="14" t="s">
        <v>98813</v>
      </c>
      <c r="D5070" s="2" t="s">
        <v>98814</v>
      </c>
      <c r="E5070" s="2" t="s">
        <v>41035</v>
      </c>
      <c r="F5070" s="8">
        <v>277</v>
      </c>
      <c r="G5070" s="5">
        <v>6</v>
      </c>
      <c r="H5070" s="5" t="s">
        <v>1518</v>
      </c>
      <c r="I5070" s="5" t="s">
        <v>40939</v>
      </c>
      <c r="J5070" s="2" t="s">
        <v>40940</v>
      </c>
      <c r="K5070" s="5" t="s">
        <v>40939</v>
      </c>
      <c r="L5070" s="2" t="s">
        <v>40940</v>
      </c>
      <c r="M5070" s="5" t="s">
        <v>36266</v>
      </c>
      <c r="N5070" s="5" t="s">
        <v>38</v>
      </c>
      <c r="O5070" s="5" t="s">
        <v>39</v>
      </c>
      <c r="P5070" s="5" t="s">
        <v>40</v>
      </c>
      <c r="Q5070" s="5" t="s">
        <v>1522</v>
      </c>
      <c r="R5070" s="5" t="s">
        <v>1523</v>
      </c>
      <c r="S5070" s="5" t="s">
        <v>42</v>
      </c>
      <c r="T5070" s="2">
        <v>2.335</v>
      </c>
      <c r="U5070" s="2">
        <v>1.7749999999999999</v>
      </c>
      <c r="V5070" s="2">
        <v>1.2999999999999999E-2</v>
      </c>
      <c r="W5070" s="2">
        <v>99.1</v>
      </c>
      <c r="X5070" s="2">
        <v>7.6</v>
      </c>
      <c r="Y5070" s="2">
        <v>16.7</v>
      </c>
      <c r="Z5070" s="5"/>
      <c r="AA5070" s="5" t="s">
        <v>43</v>
      </c>
      <c r="AB5070" s="5" t="s">
        <v>44</v>
      </c>
      <c r="AC5070" s="2"/>
      <c r="AD5070" s="1"/>
    </row>
    <row r="5071" spans="1:30">
      <c r="A5071" s="5" t="s">
        <v>83578</v>
      </c>
      <c r="B5071" s="2" t="s">
        <v>98815</v>
      </c>
      <c r="C5071" s="14" t="s">
        <v>98816</v>
      </c>
      <c r="D5071" s="2" t="s">
        <v>98817</v>
      </c>
      <c r="E5071" s="2" t="s">
        <v>7449</v>
      </c>
      <c r="F5071" s="8">
        <v>277</v>
      </c>
      <c r="G5071" s="5">
        <v>6</v>
      </c>
      <c r="H5071" s="5" t="s">
        <v>1518</v>
      </c>
      <c r="I5071" s="5" t="s">
        <v>40939</v>
      </c>
      <c r="J5071" s="2" t="s">
        <v>40940</v>
      </c>
      <c r="K5071" s="5" t="s">
        <v>40939</v>
      </c>
      <c r="L5071" s="2" t="s">
        <v>40940</v>
      </c>
      <c r="M5071" s="5" t="s">
        <v>36266</v>
      </c>
      <c r="N5071" s="5" t="s">
        <v>38</v>
      </c>
      <c r="O5071" s="5" t="s">
        <v>39</v>
      </c>
      <c r="P5071" s="5" t="s">
        <v>40</v>
      </c>
      <c r="Q5071" s="5" t="s">
        <v>1522</v>
      </c>
      <c r="R5071" s="5" t="s">
        <v>1523</v>
      </c>
      <c r="S5071" s="5" t="s">
        <v>42</v>
      </c>
      <c r="T5071" s="2">
        <v>2.2869999999999999</v>
      </c>
      <c r="U5071" s="2">
        <v>1.7270000000000001</v>
      </c>
      <c r="V5071" s="2">
        <v>1.2999999999999999E-2</v>
      </c>
      <c r="W5071" s="2">
        <v>99.1</v>
      </c>
      <c r="X5071" s="2">
        <v>7.6</v>
      </c>
      <c r="Y5071" s="2">
        <v>16.7</v>
      </c>
      <c r="Z5071" s="5"/>
      <c r="AA5071" s="5" t="s">
        <v>43</v>
      </c>
      <c r="AB5071" s="5" t="s">
        <v>44</v>
      </c>
      <c r="AC5071" s="2"/>
      <c r="AD5071" s="1"/>
    </row>
    <row r="5072" spans="1:30">
      <c r="A5072" s="5" t="s">
        <v>83578</v>
      </c>
      <c r="B5072" s="2" t="s">
        <v>98818</v>
      </c>
      <c r="C5072" s="14" t="s">
        <v>98819</v>
      </c>
      <c r="D5072" s="2" t="s">
        <v>98820</v>
      </c>
      <c r="E5072" s="2" t="s">
        <v>7581</v>
      </c>
      <c r="F5072" s="8">
        <v>277</v>
      </c>
      <c r="G5072" s="5">
        <v>6</v>
      </c>
      <c r="H5072" s="5" t="s">
        <v>1518</v>
      </c>
      <c r="I5072" s="5" t="s">
        <v>40939</v>
      </c>
      <c r="J5072" s="2" t="s">
        <v>40940</v>
      </c>
      <c r="K5072" s="5" t="s">
        <v>40939</v>
      </c>
      <c r="L5072" s="2" t="s">
        <v>40940</v>
      </c>
      <c r="M5072" s="5" t="s">
        <v>36266</v>
      </c>
      <c r="N5072" s="5" t="s">
        <v>38</v>
      </c>
      <c r="O5072" s="5" t="s">
        <v>39</v>
      </c>
      <c r="P5072" s="5" t="s">
        <v>40</v>
      </c>
      <c r="Q5072" s="5" t="s">
        <v>1522</v>
      </c>
      <c r="R5072" s="5" t="s">
        <v>1523</v>
      </c>
      <c r="S5072" s="5" t="s">
        <v>42</v>
      </c>
      <c r="T5072" s="2">
        <v>2.335</v>
      </c>
      <c r="U5072" s="2">
        <v>1.7749999999999999</v>
      </c>
      <c r="V5072" s="2">
        <v>1.2999999999999999E-2</v>
      </c>
      <c r="W5072" s="2">
        <v>99.1</v>
      </c>
      <c r="X5072" s="2">
        <v>7.6</v>
      </c>
      <c r="Y5072" s="2">
        <v>16.7</v>
      </c>
      <c r="Z5072" s="5"/>
      <c r="AA5072" s="5" t="s">
        <v>43</v>
      </c>
      <c r="AB5072" s="5" t="s">
        <v>44</v>
      </c>
      <c r="AC5072" s="2"/>
      <c r="AD5072" s="1"/>
    </row>
    <row r="5073" spans="1:30">
      <c r="A5073" s="5" t="s">
        <v>83578</v>
      </c>
      <c r="B5073" s="2" t="s">
        <v>98821</v>
      </c>
      <c r="C5073" s="14" t="s">
        <v>98822</v>
      </c>
      <c r="D5073" s="2" t="s">
        <v>98823</v>
      </c>
      <c r="E5073" s="2" t="s">
        <v>41045</v>
      </c>
      <c r="F5073" s="8">
        <v>277</v>
      </c>
      <c r="G5073" s="5">
        <v>6</v>
      </c>
      <c r="H5073" s="5" t="s">
        <v>1518</v>
      </c>
      <c r="I5073" s="5" t="s">
        <v>40939</v>
      </c>
      <c r="J5073" s="2" t="s">
        <v>40940</v>
      </c>
      <c r="K5073" s="5" t="s">
        <v>40939</v>
      </c>
      <c r="L5073" s="2" t="s">
        <v>40940</v>
      </c>
      <c r="M5073" s="5" t="s">
        <v>36266</v>
      </c>
      <c r="N5073" s="5" t="s">
        <v>38</v>
      </c>
      <c r="O5073" s="5" t="s">
        <v>39</v>
      </c>
      <c r="P5073" s="5" t="s">
        <v>40</v>
      </c>
      <c r="Q5073" s="5" t="s">
        <v>1522</v>
      </c>
      <c r="R5073" s="5" t="s">
        <v>1523</v>
      </c>
      <c r="S5073" s="5" t="s">
        <v>42</v>
      </c>
      <c r="T5073" s="2">
        <v>2.31</v>
      </c>
      <c r="U5073" s="2">
        <v>1.75</v>
      </c>
      <c r="V5073" s="2">
        <v>1.2999999999999999E-2</v>
      </c>
      <c r="W5073" s="2">
        <v>99.1</v>
      </c>
      <c r="X5073" s="2">
        <v>7.6</v>
      </c>
      <c r="Y5073" s="2">
        <v>16.7</v>
      </c>
      <c r="Z5073" s="5"/>
      <c r="AA5073" s="5" t="s">
        <v>43</v>
      </c>
      <c r="AB5073" s="5" t="s">
        <v>44</v>
      </c>
      <c r="AC5073" s="2"/>
      <c r="AD5073" s="1"/>
    </row>
    <row r="5074" spans="1:30">
      <c r="A5074" s="5" t="s">
        <v>83578</v>
      </c>
      <c r="B5074" s="2" t="s">
        <v>98824</v>
      </c>
      <c r="C5074" s="14" t="s">
        <v>98825</v>
      </c>
      <c r="D5074" s="2" t="s">
        <v>98826</v>
      </c>
      <c r="E5074" s="2" t="s">
        <v>41049</v>
      </c>
      <c r="F5074" s="8">
        <v>277</v>
      </c>
      <c r="G5074" s="5">
        <v>6</v>
      </c>
      <c r="H5074" s="5" t="s">
        <v>1518</v>
      </c>
      <c r="I5074" s="5" t="s">
        <v>40939</v>
      </c>
      <c r="J5074" s="2" t="s">
        <v>40940</v>
      </c>
      <c r="K5074" s="5" t="s">
        <v>40939</v>
      </c>
      <c r="L5074" s="2" t="s">
        <v>40940</v>
      </c>
      <c r="M5074" s="5" t="s">
        <v>36266</v>
      </c>
      <c r="N5074" s="5" t="s">
        <v>38</v>
      </c>
      <c r="O5074" s="5" t="s">
        <v>39</v>
      </c>
      <c r="P5074" s="5" t="s">
        <v>40</v>
      </c>
      <c r="Q5074" s="5" t="s">
        <v>1522</v>
      </c>
      <c r="R5074" s="5" t="s">
        <v>1523</v>
      </c>
      <c r="S5074" s="5" t="s">
        <v>42</v>
      </c>
      <c r="T5074" s="2">
        <v>2.3580000000000001</v>
      </c>
      <c r="U5074" s="2">
        <v>1.798</v>
      </c>
      <c r="V5074" s="2">
        <v>1.2999999999999999E-2</v>
      </c>
      <c r="W5074" s="2">
        <v>99.1</v>
      </c>
      <c r="X5074" s="2">
        <v>7.6</v>
      </c>
      <c r="Y5074" s="2">
        <v>16.7</v>
      </c>
      <c r="Z5074" s="5"/>
      <c r="AA5074" s="5" t="s">
        <v>43</v>
      </c>
      <c r="AB5074" s="5" t="s">
        <v>44</v>
      </c>
      <c r="AC5074" s="2"/>
      <c r="AD5074" s="1"/>
    </row>
    <row r="5075" spans="1:30">
      <c r="A5075" s="5" t="s">
        <v>83578</v>
      </c>
      <c r="B5075" s="2" t="s">
        <v>98827</v>
      </c>
      <c r="C5075" s="14" t="s">
        <v>98828</v>
      </c>
      <c r="D5075" s="2" t="s">
        <v>98829</v>
      </c>
      <c r="E5075" s="2" t="s">
        <v>47226</v>
      </c>
      <c r="F5075" s="8">
        <v>277</v>
      </c>
      <c r="G5075" s="5">
        <v>6</v>
      </c>
      <c r="H5075" s="5" t="s">
        <v>1518</v>
      </c>
      <c r="I5075" s="5" t="s">
        <v>40939</v>
      </c>
      <c r="J5075" s="2" t="s">
        <v>40940</v>
      </c>
      <c r="K5075" s="5" t="s">
        <v>40939</v>
      </c>
      <c r="L5075" s="2" t="s">
        <v>40940</v>
      </c>
      <c r="M5075" s="5" t="s">
        <v>36266</v>
      </c>
      <c r="N5075" s="5" t="s">
        <v>38</v>
      </c>
      <c r="O5075" s="5" t="s">
        <v>39</v>
      </c>
      <c r="P5075" s="5" t="s">
        <v>40</v>
      </c>
      <c r="Q5075" s="5" t="s">
        <v>1522</v>
      </c>
      <c r="R5075" s="5" t="s">
        <v>1523</v>
      </c>
      <c r="S5075" s="5" t="s">
        <v>42</v>
      </c>
      <c r="T5075" s="2">
        <v>2.5939999999999999</v>
      </c>
      <c r="U5075" s="2">
        <v>2.0510000000000002</v>
      </c>
      <c r="V5075" s="2">
        <v>1.2999999999999999E-2</v>
      </c>
      <c r="W5075" s="2">
        <v>99.1</v>
      </c>
      <c r="X5075" s="2">
        <v>7.6</v>
      </c>
      <c r="Y5075" s="2">
        <v>16.7</v>
      </c>
      <c r="Z5075" s="5"/>
      <c r="AA5075" s="5" t="s">
        <v>43</v>
      </c>
      <c r="AB5075" s="5" t="s">
        <v>44</v>
      </c>
      <c r="AC5075" s="2"/>
      <c r="AD5075" s="1"/>
    </row>
    <row r="5076" spans="1:30">
      <c r="A5076" s="5" t="s">
        <v>83578</v>
      </c>
      <c r="B5076" s="2" t="s">
        <v>98830</v>
      </c>
      <c r="C5076" s="14" t="s">
        <v>98831</v>
      </c>
      <c r="D5076" s="2" t="s">
        <v>98832</v>
      </c>
      <c r="E5076" s="2" t="s">
        <v>47735</v>
      </c>
      <c r="F5076" s="8">
        <v>277</v>
      </c>
      <c r="G5076" s="5">
        <v>6</v>
      </c>
      <c r="H5076" s="5" t="s">
        <v>1518</v>
      </c>
      <c r="I5076" s="5" t="s">
        <v>40939</v>
      </c>
      <c r="J5076" s="2" t="s">
        <v>40940</v>
      </c>
      <c r="K5076" s="5" t="s">
        <v>40939</v>
      </c>
      <c r="L5076" s="2" t="s">
        <v>40940</v>
      </c>
      <c r="M5076" s="5" t="s">
        <v>36266</v>
      </c>
      <c r="N5076" s="5" t="s">
        <v>38</v>
      </c>
      <c r="O5076" s="5" t="s">
        <v>39</v>
      </c>
      <c r="P5076" s="5" t="s">
        <v>40</v>
      </c>
      <c r="Q5076" s="5" t="s">
        <v>1522</v>
      </c>
      <c r="R5076" s="5" t="s">
        <v>1523</v>
      </c>
      <c r="S5076" s="5" t="s">
        <v>42</v>
      </c>
      <c r="T5076" s="2">
        <v>2.665</v>
      </c>
      <c r="U5076" s="2">
        <v>2.1219999999999999</v>
      </c>
      <c r="V5076" s="2">
        <v>1.2999999999999999E-2</v>
      </c>
      <c r="W5076" s="2">
        <v>99.1</v>
      </c>
      <c r="X5076" s="2">
        <v>7.6</v>
      </c>
      <c r="Y5076" s="2">
        <v>16.7</v>
      </c>
      <c r="Z5076" s="5"/>
      <c r="AA5076" s="5" t="s">
        <v>43</v>
      </c>
      <c r="AB5076" s="5" t="s">
        <v>44</v>
      </c>
      <c r="AC5076" s="2"/>
      <c r="AD5076" s="1"/>
    </row>
    <row r="5077" spans="1:30">
      <c r="A5077" s="5" t="s">
        <v>83578</v>
      </c>
      <c r="B5077" s="2" t="s">
        <v>98833</v>
      </c>
      <c r="C5077" s="14" t="s">
        <v>98834</v>
      </c>
      <c r="D5077" s="2" t="s">
        <v>98835</v>
      </c>
      <c r="E5077" s="2" t="s">
        <v>7543</v>
      </c>
      <c r="F5077" s="8">
        <v>277</v>
      </c>
      <c r="G5077" s="5">
        <v>6</v>
      </c>
      <c r="H5077" s="5" t="s">
        <v>1518</v>
      </c>
      <c r="I5077" s="5" t="s">
        <v>40939</v>
      </c>
      <c r="J5077" s="2" t="s">
        <v>40940</v>
      </c>
      <c r="K5077" s="5" t="s">
        <v>40939</v>
      </c>
      <c r="L5077" s="2" t="s">
        <v>40940</v>
      </c>
      <c r="M5077" s="5" t="s">
        <v>36266</v>
      </c>
      <c r="N5077" s="5" t="s">
        <v>38</v>
      </c>
      <c r="O5077" s="5" t="s">
        <v>39</v>
      </c>
      <c r="P5077" s="5" t="s">
        <v>40</v>
      </c>
      <c r="Q5077" s="5" t="s">
        <v>1522</v>
      </c>
      <c r="R5077" s="5" t="s">
        <v>1523</v>
      </c>
      <c r="S5077" s="5" t="s">
        <v>42</v>
      </c>
      <c r="T5077" s="2">
        <v>2.633</v>
      </c>
      <c r="U5077" s="2">
        <v>2.09</v>
      </c>
      <c r="V5077" s="2">
        <v>1.2999999999999999E-2</v>
      </c>
      <c r="W5077" s="2">
        <v>99.1</v>
      </c>
      <c r="X5077" s="2">
        <v>7.6</v>
      </c>
      <c r="Y5077" s="2">
        <v>16.7</v>
      </c>
      <c r="Z5077" s="5"/>
      <c r="AA5077" s="5" t="s">
        <v>43</v>
      </c>
      <c r="AB5077" s="5" t="s">
        <v>44</v>
      </c>
      <c r="AC5077" s="2"/>
      <c r="AD5077" s="1"/>
    </row>
    <row r="5078" spans="1:30">
      <c r="A5078" s="5" t="s">
        <v>83578</v>
      </c>
      <c r="B5078" s="2" t="s">
        <v>98836</v>
      </c>
      <c r="C5078" s="14" t="s">
        <v>98837</v>
      </c>
      <c r="D5078" s="2" t="s">
        <v>98838</v>
      </c>
      <c r="E5078" s="2" t="s">
        <v>41009</v>
      </c>
      <c r="F5078" s="8">
        <v>277</v>
      </c>
      <c r="G5078" s="5">
        <v>6</v>
      </c>
      <c r="H5078" s="5" t="s">
        <v>1518</v>
      </c>
      <c r="I5078" s="5" t="s">
        <v>40939</v>
      </c>
      <c r="J5078" s="2" t="s">
        <v>40940</v>
      </c>
      <c r="K5078" s="5" t="s">
        <v>40939</v>
      </c>
      <c r="L5078" s="2" t="s">
        <v>40940</v>
      </c>
      <c r="M5078" s="5" t="s">
        <v>36266</v>
      </c>
      <c r="N5078" s="5" t="s">
        <v>38</v>
      </c>
      <c r="O5078" s="5" t="s">
        <v>39</v>
      </c>
      <c r="P5078" s="5" t="s">
        <v>40</v>
      </c>
      <c r="Q5078" s="5" t="s">
        <v>1522</v>
      </c>
      <c r="R5078" s="5" t="s">
        <v>1523</v>
      </c>
      <c r="S5078" s="5" t="s">
        <v>42</v>
      </c>
      <c r="T5078" s="2">
        <v>2.6</v>
      </c>
      <c r="U5078" s="2">
        <v>2.0569999999999999</v>
      </c>
      <c r="V5078" s="2">
        <v>1.2999999999999999E-2</v>
      </c>
      <c r="W5078" s="2">
        <v>99.1</v>
      </c>
      <c r="X5078" s="2">
        <v>7.6</v>
      </c>
      <c r="Y5078" s="2">
        <v>16.7</v>
      </c>
      <c r="Z5078" s="5"/>
      <c r="AA5078" s="5" t="s">
        <v>43</v>
      </c>
      <c r="AB5078" s="5" t="s">
        <v>44</v>
      </c>
      <c r="AC5078" s="2"/>
      <c r="AD5078" s="1"/>
    </row>
    <row r="5079" spans="1:30">
      <c r="A5079" s="5" t="s">
        <v>83578</v>
      </c>
      <c r="B5079" s="2" t="s">
        <v>98839</v>
      </c>
      <c r="C5079" s="14" t="s">
        <v>98840</v>
      </c>
      <c r="D5079" s="2" t="s">
        <v>98841</v>
      </c>
      <c r="E5079" s="2" t="s">
        <v>47266</v>
      </c>
      <c r="F5079" s="8">
        <v>289</v>
      </c>
      <c r="G5079" s="5">
        <v>6</v>
      </c>
      <c r="H5079" s="5" t="s">
        <v>1518</v>
      </c>
      <c r="I5079" s="5" t="s">
        <v>40939</v>
      </c>
      <c r="J5079" s="2" t="s">
        <v>40940</v>
      </c>
      <c r="K5079" s="5" t="s">
        <v>40939</v>
      </c>
      <c r="L5079" s="2" t="s">
        <v>40940</v>
      </c>
      <c r="M5079" s="5" t="s">
        <v>36266</v>
      </c>
      <c r="N5079" s="5" t="s">
        <v>38</v>
      </c>
      <c r="O5079" s="5" t="s">
        <v>39</v>
      </c>
      <c r="P5079" s="5" t="s">
        <v>40</v>
      </c>
      <c r="Q5079" s="5" t="s">
        <v>1522</v>
      </c>
      <c r="R5079" s="5" t="s">
        <v>1523</v>
      </c>
      <c r="S5079" s="5" t="s">
        <v>42</v>
      </c>
      <c r="T5079" s="2">
        <v>2.7410000000000001</v>
      </c>
      <c r="U5079" s="2">
        <v>2.198</v>
      </c>
      <c r="V5079" s="2">
        <v>1.4999999999999999E-2</v>
      </c>
      <c r="W5079" s="2">
        <v>118.9</v>
      </c>
      <c r="X5079" s="2">
        <v>7.6</v>
      </c>
      <c r="Y5079" s="2">
        <v>16.7</v>
      </c>
      <c r="Z5079" s="5"/>
      <c r="AA5079" s="5" t="s">
        <v>43</v>
      </c>
      <c r="AB5079" s="5" t="s">
        <v>44</v>
      </c>
      <c r="AC5079" s="2"/>
      <c r="AD5079" s="1"/>
    </row>
    <row r="5080" spans="1:30">
      <c r="A5080" s="5" t="s">
        <v>83578</v>
      </c>
      <c r="B5080" s="2" t="s">
        <v>98842</v>
      </c>
      <c r="C5080" s="14" t="s">
        <v>98843</v>
      </c>
      <c r="D5080" s="2" t="s">
        <v>98844</v>
      </c>
      <c r="E5080" s="2" t="s">
        <v>47226</v>
      </c>
      <c r="F5080" s="8">
        <v>289</v>
      </c>
      <c r="G5080" s="5">
        <v>6</v>
      </c>
      <c r="H5080" s="5" t="s">
        <v>1518</v>
      </c>
      <c r="I5080" s="5" t="s">
        <v>40939</v>
      </c>
      <c r="J5080" s="2" t="s">
        <v>40940</v>
      </c>
      <c r="K5080" s="5" t="s">
        <v>40939</v>
      </c>
      <c r="L5080" s="2" t="s">
        <v>40940</v>
      </c>
      <c r="M5080" s="5" t="s">
        <v>36266</v>
      </c>
      <c r="N5080" s="5" t="s">
        <v>38</v>
      </c>
      <c r="O5080" s="5" t="s">
        <v>39</v>
      </c>
      <c r="P5080" s="5" t="s">
        <v>40</v>
      </c>
      <c r="Q5080" s="5" t="s">
        <v>1522</v>
      </c>
      <c r="R5080" s="5" t="s">
        <v>1523</v>
      </c>
      <c r="S5080" s="5" t="s">
        <v>42</v>
      </c>
      <c r="T5080" s="2">
        <v>2.7490000000000001</v>
      </c>
      <c r="U5080" s="2">
        <v>2.206</v>
      </c>
      <c r="V5080" s="2">
        <v>1.4999999999999999E-2</v>
      </c>
      <c r="W5080" s="2">
        <v>118.9</v>
      </c>
      <c r="X5080" s="2">
        <v>7.6</v>
      </c>
      <c r="Y5080" s="2">
        <v>16.7</v>
      </c>
      <c r="Z5080" s="5"/>
      <c r="AA5080" s="5" t="s">
        <v>43</v>
      </c>
      <c r="AB5080" s="5" t="s">
        <v>44</v>
      </c>
      <c r="AC5080" s="2"/>
      <c r="AD5080" s="1"/>
    </row>
    <row r="5081" spans="1:30">
      <c r="A5081" s="5" t="s">
        <v>83578</v>
      </c>
      <c r="B5081" s="2" t="s">
        <v>98845</v>
      </c>
      <c r="C5081" s="14" t="s">
        <v>98846</v>
      </c>
      <c r="D5081" s="2" t="s">
        <v>98847</v>
      </c>
      <c r="E5081" s="2" t="s">
        <v>47735</v>
      </c>
      <c r="F5081" s="8">
        <v>289</v>
      </c>
      <c r="G5081" s="5">
        <v>6</v>
      </c>
      <c r="H5081" s="5" t="s">
        <v>1518</v>
      </c>
      <c r="I5081" s="5" t="s">
        <v>40939</v>
      </c>
      <c r="J5081" s="2" t="s">
        <v>40940</v>
      </c>
      <c r="K5081" s="5" t="s">
        <v>40939</v>
      </c>
      <c r="L5081" s="2" t="s">
        <v>40940</v>
      </c>
      <c r="M5081" s="5" t="s">
        <v>36266</v>
      </c>
      <c r="N5081" s="5" t="s">
        <v>38</v>
      </c>
      <c r="O5081" s="5" t="s">
        <v>39</v>
      </c>
      <c r="P5081" s="5" t="s">
        <v>40</v>
      </c>
      <c r="Q5081" s="5" t="s">
        <v>1522</v>
      </c>
      <c r="R5081" s="5" t="s">
        <v>1523</v>
      </c>
      <c r="S5081" s="5" t="s">
        <v>42</v>
      </c>
      <c r="T5081" s="2">
        <v>2.831</v>
      </c>
      <c r="U5081" s="2">
        <v>2.2879999999999998</v>
      </c>
      <c r="V5081" s="2">
        <v>1.4999999999999999E-2</v>
      </c>
      <c r="W5081" s="2">
        <v>118.9</v>
      </c>
      <c r="X5081" s="2">
        <v>7.6</v>
      </c>
      <c r="Y5081" s="2">
        <v>16.7</v>
      </c>
      <c r="Z5081" s="5"/>
      <c r="AA5081" s="5" t="s">
        <v>43</v>
      </c>
      <c r="AB5081" s="5" t="s">
        <v>44</v>
      </c>
      <c r="AC5081" s="2"/>
      <c r="AD5081" s="1"/>
    </row>
    <row r="5082" spans="1:30">
      <c r="A5082" s="5" t="s">
        <v>83578</v>
      </c>
      <c r="B5082" s="2" t="s">
        <v>98848</v>
      </c>
      <c r="C5082" s="14" t="s">
        <v>98849</v>
      </c>
      <c r="D5082" s="2" t="s">
        <v>98850</v>
      </c>
      <c r="E5082" s="2" t="s">
        <v>41001</v>
      </c>
      <c r="F5082" s="8">
        <v>289</v>
      </c>
      <c r="G5082" s="5">
        <v>6</v>
      </c>
      <c r="H5082" s="5" t="s">
        <v>1518</v>
      </c>
      <c r="I5082" s="5" t="s">
        <v>40939</v>
      </c>
      <c r="J5082" s="2" t="s">
        <v>40940</v>
      </c>
      <c r="K5082" s="5" t="s">
        <v>40939</v>
      </c>
      <c r="L5082" s="2" t="s">
        <v>40940</v>
      </c>
      <c r="M5082" s="5" t="s">
        <v>36266</v>
      </c>
      <c r="N5082" s="5" t="s">
        <v>38</v>
      </c>
      <c r="O5082" s="5" t="s">
        <v>39</v>
      </c>
      <c r="P5082" s="5" t="s">
        <v>40</v>
      </c>
      <c r="Q5082" s="5" t="s">
        <v>1522</v>
      </c>
      <c r="R5082" s="5" t="s">
        <v>1523</v>
      </c>
      <c r="S5082" s="5" t="s">
        <v>42</v>
      </c>
      <c r="T5082" s="2">
        <v>2.7490000000000001</v>
      </c>
      <c r="U5082" s="2">
        <v>2.206</v>
      </c>
      <c r="V5082" s="2">
        <v>1.4999999999999999E-2</v>
      </c>
      <c r="W5082" s="2">
        <v>118.9</v>
      </c>
      <c r="X5082" s="2">
        <v>7.6</v>
      </c>
      <c r="Y5082" s="2">
        <v>16.7</v>
      </c>
      <c r="Z5082" s="5"/>
      <c r="AA5082" s="5" t="s">
        <v>43</v>
      </c>
      <c r="AB5082" s="5" t="s">
        <v>44</v>
      </c>
      <c r="AC5082" s="2"/>
      <c r="AD5082" s="1"/>
    </row>
    <row r="5083" spans="1:30">
      <c r="A5083" s="5" t="s">
        <v>83578</v>
      </c>
      <c r="B5083" s="2" t="s">
        <v>98851</v>
      </c>
      <c r="C5083" s="14" t="s">
        <v>98852</v>
      </c>
      <c r="D5083" s="2" t="s">
        <v>98853</v>
      </c>
      <c r="E5083" s="2" t="s">
        <v>41009</v>
      </c>
      <c r="F5083" s="8">
        <v>289</v>
      </c>
      <c r="G5083" s="5">
        <v>6</v>
      </c>
      <c r="H5083" s="5" t="s">
        <v>1518</v>
      </c>
      <c r="I5083" s="5" t="s">
        <v>40939</v>
      </c>
      <c r="J5083" s="2" t="s">
        <v>40940</v>
      </c>
      <c r="K5083" s="5" t="s">
        <v>40939</v>
      </c>
      <c r="L5083" s="2" t="s">
        <v>40940</v>
      </c>
      <c r="M5083" s="5" t="s">
        <v>36266</v>
      </c>
      <c r="N5083" s="5" t="s">
        <v>38</v>
      </c>
      <c r="O5083" s="5" t="s">
        <v>39</v>
      </c>
      <c r="P5083" s="5" t="s">
        <v>40</v>
      </c>
      <c r="Q5083" s="5" t="s">
        <v>1522</v>
      </c>
      <c r="R5083" s="5" t="s">
        <v>1523</v>
      </c>
      <c r="S5083" s="5" t="s">
        <v>42</v>
      </c>
      <c r="T5083" s="2">
        <v>2.7559999999999998</v>
      </c>
      <c r="U5083" s="2">
        <v>2.2130000000000001</v>
      </c>
      <c r="V5083" s="2">
        <v>1.4999999999999999E-2</v>
      </c>
      <c r="W5083" s="2">
        <v>118.9</v>
      </c>
      <c r="X5083" s="2">
        <v>7.6</v>
      </c>
      <c r="Y5083" s="2">
        <v>16.7</v>
      </c>
      <c r="Z5083" s="5"/>
      <c r="AA5083" s="5" t="s">
        <v>43</v>
      </c>
      <c r="AB5083" s="5" t="s">
        <v>44</v>
      </c>
      <c r="AC5083" s="2"/>
      <c r="AD5083" s="1"/>
    </row>
    <row r="5084" spans="1:30">
      <c r="A5084" s="5" t="s">
        <v>83578</v>
      </c>
      <c r="B5084" s="2" t="s">
        <v>98854</v>
      </c>
      <c r="C5084" s="14" t="s">
        <v>98855</v>
      </c>
      <c r="D5084" s="2" t="s">
        <v>98856</v>
      </c>
      <c r="E5084" s="2" t="s">
        <v>47226</v>
      </c>
      <c r="F5084" s="8">
        <v>294</v>
      </c>
      <c r="G5084" s="5">
        <v>6</v>
      </c>
      <c r="H5084" s="5" t="s">
        <v>1518</v>
      </c>
      <c r="I5084" s="5" t="s">
        <v>40939</v>
      </c>
      <c r="J5084" s="2" t="s">
        <v>40940</v>
      </c>
      <c r="K5084" s="5" t="s">
        <v>40939</v>
      </c>
      <c r="L5084" s="2" t="s">
        <v>40940</v>
      </c>
      <c r="M5084" s="5" t="s">
        <v>36266</v>
      </c>
      <c r="N5084" s="5" t="s">
        <v>38</v>
      </c>
      <c r="O5084" s="5" t="s">
        <v>39</v>
      </c>
      <c r="P5084" s="5" t="s">
        <v>40</v>
      </c>
      <c r="Q5084" s="5" t="s">
        <v>1522</v>
      </c>
      <c r="R5084" s="5" t="s">
        <v>1523</v>
      </c>
      <c r="S5084" s="5" t="s">
        <v>42</v>
      </c>
      <c r="T5084" s="2">
        <v>2.9950000000000001</v>
      </c>
      <c r="U5084" s="2">
        <v>2.3780000000000001</v>
      </c>
      <c r="V5084" s="2">
        <v>1.7999999999999999E-2</v>
      </c>
      <c r="W5084" s="2">
        <v>139.1</v>
      </c>
      <c r="X5084" s="2">
        <v>7.6</v>
      </c>
      <c r="Y5084" s="2">
        <v>16.7</v>
      </c>
      <c r="Z5084" s="5"/>
      <c r="AA5084" s="5" t="s">
        <v>43</v>
      </c>
      <c r="AB5084" s="5" t="s">
        <v>44</v>
      </c>
      <c r="AC5084" s="2"/>
      <c r="AD5084" s="1"/>
    </row>
    <row r="5085" spans="1:30">
      <c r="A5085" s="5" t="s">
        <v>83578</v>
      </c>
      <c r="B5085" s="2" t="s">
        <v>98857</v>
      </c>
      <c r="C5085" s="14" t="s">
        <v>98858</v>
      </c>
      <c r="D5085" s="2" t="s">
        <v>98859</v>
      </c>
      <c r="E5085" s="2" t="s">
        <v>47735</v>
      </c>
      <c r="F5085" s="8">
        <v>294</v>
      </c>
      <c r="G5085" s="5">
        <v>6</v>
      </c>
      <c r="H5085" s="5" t="s">
        <v>1518</v>
      </c>
      <c r="I5085" s="5" t="s">
        <v>40939</v>
      </c>
      <c r="J5085" s="2" t="s">
        <v>40940</v>
      </c>
      <c r="K5085" s="5" t="s">
        <v>40939</v>
      </c>
      <c r="L5085" s="2" t="s">
        <v>40940</v>
      </c>
      <c r="M5085" s="5" t="s">
        <v>36266</v>
      </c>
      <c r="N5085" s="5" t="s">
        <v>38</v>
      </c>
      <c r="O5085" s="5" t="s">
        <v>39</v>
      </c>
      <c r="P5085" s="5" t="s">
        <v>40</v>
      </c>
      <c r="Q5085" s="5" t="s">
        <v>1522</v>
      </c>
      <c r="R5085" s="5" t="s">
        <v>1523</v>
      </c>
      <c r="S5085" s="5" t="s">
        <v>42</v>
      </c>
      <c r="T5085" s="2">
        <v>3.089</v>
      </c>
      <c r="U5085" s="2">
        <v>2.472</v>
      </c>
      <c r="V5085" s="2">
        <v>1.7999999999999999E-2</v>
      </c>
      <c r="W5085" s="2">
        <v>139.1</v>
      </c>
      <c r="X5085" s="2">
        <v>7.6</v>
      </c>
      <c r="Y5085" s="2">
        <v>16.7</v>
      </c>
      <c r="Z5085" s="5"/>
      <c r="AA5085" s="5" t="s">
        <v>43</v>
      </c>
      <c r="AB5085" s="5" t="s">
        <v>44</v>
      </c>
      <c r="AC5085" s="2"/>
      <c r="AD5085" s="1"/>
    </row>
    <row r="5086" spans="1:30">
      <c r="A5086" s="5" t="s">
        <v>83578</v>
      </c>
      <c r="B5086" s="2" t="s">
        <v>98860</v>
      </c>
      <c r="C5086" s="14" t="s">
        <v>98861</v>
      </c>
      <c r="D5086" s="2" t="s">
        <v>98862</v>
      </c>
      <c r="E5086" s="2" t="s">
        <v>7539</v>
      </c>
      <c r="F5086" s="8">
        <v>294</v>
      </c>
      <c r="G5086" s="5">
        <v>6</v>
      </c>
      <c r="H5086" s="5" t="s">
        <v>1518</v>
      </c>
      <c r="I5086" s="5" t="s">
        <v>40939</v>
      </c>
      <c r="J5086" s="2" t="s">
        <v>40940</v>
      </c>
      <c r="K5086" s="5" t="s">
        <v>40939</v>
      </c>
      <c r="L5086" s="2" t="s">
        <v>40940</v>
      </c>
      <c r="M5086" s="5" t="s">
        <v>36266</v>
      </c>
      <c r="N5086" s="5" t="s">
        <v>38</v>
      </c>
      <c r="O5086" s="5" t="s">
        <v>39</v>
      </c>
      <c r="P5086" s="5" t="s">
        <v>40</v>
      </c>
      <c r="Q5086" s="5" t="s">
        <v>1522</v>
      </c>
      <c r="R5086" s="5" t="s">
        <v>1523</v>
      </c>
      <c r="S5086" s="5" t="s">
        <v>42</v>
      </c>
      <c r="T5086" s="2">
        <v>2.95</v>
      </c>
      <c r="U5086" s="2">
        <v>2.3330000000000002</v>
      </c>
      <c r="V5086" s="2">
        <v>1.7999999999999999E-2</v>
      </c>
      <c r="W5086" s="2">
        <v>139.1</v>
      </c>
      <c r="X5086" s="2">
        <v>7.6</v>
      </c>
      <c r="Y5086" s="2">
        <v>16.7</v>
      </c>
      <c r="Z5086" s="5"/>
      <c r="AA5086" s="5" t="s">
        <v>43</v>
      </c>
      <c r="AB5086" s="5" t="s">
        <v>44</v>
      </c>
      <c r="AC5086" s="2"/>
      <c r="AD5086" s="1"/>
    </row>
    <row r="5087" spans="1:30">
      <c r="A5087" s="5" t="s">
        <v>83578</v>
      </c>
      <c r="B5087" s="2" t="s">
        <v>98863</v>
      </c>
      <c r="C5087" s="14" t="s">
        <v>98864</v>
      </c>
      <c r="D5087" s="2" t="s">
        <v>98865</v>
      </c>
      <c r="E5087" s="2" t="s">
        <v>41267</v>
      </c>
      <c r="F5087" s="8">
        <v>294</v>
      </c>
      <c r="G5087" s="5">
        <v>6</v>
      </c>
      <c r="H5087" s="5" t="s">
        <v>1518</v>
      </c>
      <c r="I5087" s="5" t="s">
        <v>40939</v>
      </c>
      <c r="J5087" s="2" t="s">
        <v>40940</v>
      </c>
      <c r="K5087" s="5" t="s">
        <v>40939</v>
      </c>
      <c r="L5087" s="2" t="s">
        <v>40940</v>
      </c>
      <c r="M5087" s="5" t="s">
        <v>36266</v>
      </c>
      <c r="N5087" s="5" t="s">
        <v>38</v>
      </c>
      <c r="O5087" s="5" t="s">
        <v>39</v>
      </c>
      <c r="P5087" s="5" t="s">
        <v>40</v>
      </c>
      <c r="Q5087" s="5" t="s">
        <v>1522</v>
      </c>
      <c r="R5087" s="5" t="s">
        <v>1523</v>
      </c>
      <c r="S5087" s="5" t="s">
        <v>42</v>
      </c>
      <c r="T5087" s="2">
        <v>3.0529999999999999</v>
      </c>
      <c r="U5087" s="2">
        <v>2.4359999999999999</v>
      </c>
      <c r="V5087" s="2">
        <v>1.7999999999999999E-2</v>
      </c>
      <c r="W5087" s="2">
        <v>139.1</v>
      </c>
      <c r="X5087" s="2">
        <v>7.6</v>
      </c>
      <c r="Y5087" s="2">
        <v>16.7</v>
      </c>
      <c r="Z5087" s="5"/>
      <c r="AA5087" s="5" t="s">
        <v>43</v>
      </c>
      <c r="AB5087" s="5" t="s">
        <v>44</v>
      </c>
      <c r="AC5087" s="2"/>
      <c r="AD5087" s="1"/>
    </row>
    <row r="5088" spans="1:30">
      <c r="A5088" s="5" t="s">
        <v>83578</v>
      </c>
      <c r="B5088" s="2" t="s">
        <v>98866</v>
      </c>
      <c r="C5088" s="14" t="s">
        <v>98867</v>
      </c>
      <c r="D5088" s="2" t="s">
        <v>98868</v>
      </c>
      <c r="E5088" s="2" t="s">
        <v>41001</v>
      </c>
      <c r="F5088" s="8">
        <v>294</v>
      </c>
      <c r="G5088" s="5">
        <v>6</v>
      </c>
      <c r="H5088" s="5" t="s">
        <v>1518</v>
      </c>
      <c r="I5088" s="5" t="s">
        <v>40939</v>
      </c>
      <c r="J5088" s="2" t="s">
        <v>40940</v>
      </c>
      <c r="K5088" s="5" t="s">
        <v>40939</v>
      </c>
      <c r="L5088" s="2" t="s">
        <v>40940</v>
      </c>
      <c r="M5088" s="5" t="s">
        <v>36266</v>
      </c>
      <c r="N5088" s="5" t="s">
        <v>38</v>
      </c>
      <c r="O5088" s="5" t="s">
        <v>39</v>
      </c>
      <c r="P5088" s="5" t="s">
        <v>40</v>
      </c>
      <c r="Q5088" s="5" t="s">
        <v>1522</v>
      </c>
      <c r="R5088" s="5" t="s">
        <v>1523</v>
      </c>
      <c r="S5088" s="5" t="s">
        <v>42</v>
      </c>
      <c r="T5088" s="2">
        <v>2.9950000000000001</v>
      </c>
      <c r="U5088" s="2">
        <v>2.3780000000000001</v>
      </c>
      <c r="V5088" s="2">
        <v>1.7999999999999999E-2</v>
      </c>
      <c r="W5088" s="2">
        <v>139.1</v>
      </c>
      <c r="X5088" s="2">
        <v>7.6</v>
      </c>
      <c r="Y5088" s="2">
        <v>16.7</v>
      </c>
      <c r="Z5088" s="5"/>
      <c r="AA5088" s="5" t="s">
        <v>43</v>
      </c>
      <c r="AB5088" s="5" t="s">
        <v>44</v>
      </c>
      <c r="AC5088" s="2"/>
      <c r="AD5088" s="1"/>
    </row>
    <row r="5089" spans="1:30">
      <c r="A5089" s="5" t="s">
        <v>83578</v>
      </c>
      <c r="B5089" s="2" t="s">
        <v>98869</v>
      </c>
      <c r="C5089" s="14" t="s">
        <v>98870</v>
      </c>
      <c r="D5089" s="2" t="s">
        <v>98871</v>
      </c>
      <c r="E5089" s="2" t="s">
        <v>47266</v>
      </c>
      <c r="F5089" s="8">
        <v>303</v>
      </c>
      <c r="G5089" s="5">
        <v>6</v>
      </c>
      <c r="H5089" s="5" t="s">
        <v>1518</v>
      </c>
      <c r="I5089" s="5" t="s">
        <v>40939</v>
      </c>
      <c r="J5089" s="2" t="s">
        <v>40940</v>
      </c>
      <c r="K5089" s="5" t="s">
        <v>40939</v>
      </c>
      <c r="L5089" s="2" t="s">
        <v>40940</v>
      </c>
      <c r="M5089" s="5" t="s">
        <v>36266</v>
      </c>
      <c r="N5089" s="5" t="s">
        <v>38</v>
      </c>
      <c r="O5089" s="5" t="s">
        <v>39</v>
      </c>
      <c r="P5089" s="5" t="s">
        <v>40</v>
      </c>
      <c r="Q5089" s="5" t="s">
        <v>1522</v>
      </c>
      <c r="R5089" s="5" t="s">
        <v>1523</v>
      </c>
      <c r="S5089" s="5" t="s">
        <v>42</v>
      </c>
      <c r="T5089" s="2">
        <v>3.2269999999999999</v>
      </c>
      <c r="U5089" s="2">
        <v>2.5270000000000001</v>
      </c>
      <c r="V5089" s="2">
        <v>0.02</v>
      </c>
      <c r="W5089" s="2">
        <v>159.1</v>
      </c>
      <c r="X5089" s="2">
        <v>7.6</v>
      </c>
      <c r="Y5089" s="2">
        <v>16.7</v>
      </c>
      <c r="Z5089" s="5"/>
      <c r="AA5089" s="5" t="s">
        <v>43</v>
      </c>
      <c r="AB5089" s="5" t="s">
        <v>44</v>
      </c>
      <c r="AC5089" s="2"/>
      <c r="AD5089" s="1"/>
    </row>
    <row r="5090" spans="1:30">
      <c r="A5090" s="5" t="s">
        <v>83578</v>
      </c>
      <c r="B5090" s="2" t="s">
        <v>98872</v>
      </c>
      <c r="C5090" s="14" t="s">
        <v>98873</v>
      </c>
      <c r="D5090" s="2" t="s">
        <v>98874</v>
      </c>
      <c r="E5090" s="2" t="s">
        <v>36273</v>
      </c>
      <c r="F5090" s="8">
        <v>281</v>
      </c>
      <c r="G5090" s="5">
        <v>6</v>
      </c>
      <c r="H5090" s="5" t="s">
        <v>1518</v>
      </c>
      <c r="I5090" s="5" t="s">
        <v>40939</v>
      </c>
      <c r="J5090" s="2" t="s">
        <v>40940</v>
      </c>
      <c r="K5090" s="5" t="s">
        <v>40939</v>
      </c>
      <c r="L5090" s="2" t="s">
        <v>40940</v>
      </c>
      <c r="M5090" s="5" t="s">
        <v>36266</v>
      </c>
      <c r="N5090" s="5" t="s">
        <v>38</v>
      </c>
      <c r="O5090" s="5" t="s">
        <v>39</v>
      </c>
      <c r="P5090" s="5" t="s">
        <v>40</v>
      </c>
      <c r="Q5090" s="5" t="s">
        <v>1522</v>
      </c>
      <c r="R5090" s="5" t="s">
        <v>1523</v>
      </c>
      <c r="S5090" s="5" t="s">
        <v>42</v>
      </c>
      <c r="T5090" s="2">
        <v>3.258</v>
      </c>
      <c r="U5090" s="2">
        <v>2.5579999999999998</v>
      </c>
      <c r="V5090" s="2">
        <v>0.02</v>
      </c>
      <c r="W5090" s="2">
        <v>159.1</v>
      </c>
      <c r="X5090" s="2">
        <v>7.6</v>
      </c>
      <c r="Y5090" s="2">
        <v>16.7</v>
      </c>
      <c r="Z5090" s="5"/>
      <c r="AA5090" s="5" t="s">
        <v>43</v>
      </c>
      <c r="AB5090" s="5" t="s">
        <v>44</v>
      </c>
      <c r="AC5090" s="2"/>
      <c r="AD5090" s="1"/>
    </row>
    <row r="5091" spans="1:30">
      <c r="A5091" s="5" t="s">
        <v>83578</v>
      </c>
      <c r="B5091" s="2" t="s">
        <v>98875</v>
      </c>
      <c r="C5091" s="14" t="s">
        <v>98876</v>
      </c>
      <c r="D5091" s="2" t="s">
        <v>98877</v>
      </c>
      <c r="E5091" s="2" t="s">
        <v>47735</v>
      </c>
      <c r="F5091" s="8">
        <v>303</v>
      </c>
      <c r="G5091" s="5">
        <v>6</v>
      </c>
      <c r="H5091" s="5" t="s">
        <v>1518</v>
      </c>
      <c r="I5091" s="5" t="s">
        <v>40939</v>
      </c>
      <c r="J5091" s="2" t="s">
        <v>40940</v>
      </c>
      <c r="K5091" s="5" t="s">
        <v>40939</v>
      </c>
      <c r="L5091" s="2" t="s">
        <v>40940</v>
      </c>
      <c r="M5091" s="5" t="s">
        <v>36266</v>
      </c>
      <c r="N5091" s="5" t="s">
        <v>38</v>
      </c>
      <c r="O5091" s="5" t="s">
        <v>39</v>
      </c>
      <c r="P5091" s="5" t="s">
        <v>40</v>
      </c>
      <c r="Q5091" s="5" t="s">
        <v>1522</v>
      </c>
      <c r="R5091" s="5" t="s">
        <v>1523</v>
      </c>
      <c r="S5091" s="5" t="s">
        <v>42</v>
      </c>
      <c r="T5091" s="2">
        <v>3.343</v>
      </c>
      <c r="U5091" s="2">
        <v>2.6429999999999998</v>
      </c>
      <c r="V5091" s="2">
        <v>0.02</v>
      </c>
      <c r="W5091" s="2">
        <v>159.1</v>
      </c>
      <c r="X5091" s="2">
        <v>7.6</v>
      </c>
      <c r="Y5091" s="2">
        <v>16.7</v>
      </c>
      <c r="Z5091" s="5"/>
      <c r="AA5091" s="5" t="s">
        <v>43</v>
      </c>
      <c r="AB5091" s="5" t="s">
        <v>44</v>
      </c>
      <c r="AC5091" s="2"/>
      <c r="AD5091" s="1"/>
    </row>
    <row r="5092" spans="1:30">
      <c r="A5092" s="5" t="s">
        <v>83578</v>
      </c>
      <c r="B5092" s="2" t="s">
        <v>98878</v>
      </c>
      <c r="C5092" s="14" t="s">
        <v>98879</v>
      </c>
      <c r="D5092" s="2" t="s">
        <v>98880</v>
      </c>
      <c r="E5092" s="2" t="s">
        <v>7539</v>
      </c>
      <c r="F5092" s="8">
        <v>303</v>
      </c>
      <c r="G5092" s="5">
        <v>6</v>
      </c>
      <c r="H5092" s="5" t="s">
        <v>1518</v>
      </c>
      <c r="I5092" s="5" t="s">
        <v>40939</v>
      </c>
      <c r="J5092" s="2" t="s">
        <v>40940</v>
      </c>
      <c r="K5092" s="5" t="s">
        <v>40939</v>
      </c>
      <c r="L5092" s="2" t="s">
        <v>40940</v>
      </c>
      <c r="M5092" s="5" t="s">
        <v>36266</v>
      </c>
      <c r="N5092" s="5" t="s">
        <v>38</v>
      </c>
      <c r="O5092" s="5" t="s">
        <v>39</v>
      </c>
      <c r="P5092" s="5" t="s">
        <v>40</v>
      </c>
      <c r="Q5092" s="5" t="s">
        <v>1522</v>
      </c>
      <c r="R5092" s="5" t="s">
        <v>1523</v>
      </c>
      <c r="S5092" s="5" t="s">
        <v>42</v>
      </c>
      <c r="T5092" s="2">
        <v>3.1850000000000001</v>
      </c>
      <c r="U5092" s="2">
        <v>2.4849999999999999</v>
      </c>
      <c r="V5092" s="2">
        <v>0.02</v>
      </c>
      <c r="W5092" s="2">
        <v>159.1</v>
      </c>
      <c r="X5092" s="2">
        <v>7.6</v>
      </c>
      <c r="Y5092" s="2">
        <v>16.7</v>
      </c>
      <c r="Z5092" s="5"/>
      <c r="AA5092" s="5" t="s">
        <v>43</v>
      </c>
      <c r="AB5092" s="5" t="s">
        <v>44</v>
      </c>
      <c r="AC5092" s="2"/>
      <c r="AD5092" s="1"/>
    </row>
    <row r="5093" spans="1:30">
      <c r="A5093" s="5" t="s">
        <v>83578</v>
      </c>
      <c r="B5093" s="2" t="s">
        <v>98881</v>
      </c>
      <c r="C5093" s="14" t="s">
        <v>98882</v>
      </c>
      <c r="D5093" s="2" t="s">
        <v>98883</v>
      </c>
      <c r="E5093" s="2" t="s">
        <v>7543</v>
      </c>
      <c r="F5093" s="8">
        <v>303</v>
      </c>
      <c r="G5093" s="5">
        <v>6</v>
      </c>
      <c r="H5093" s="5" t="s">
        <v>1518</v>
      </c>
      <c r="I5093" s="5" t="s">
        <v>40939</v>
      </c>
      <c r="J5093" s="2" t="s">
        <v>40940</v>
      </c>
      <c r="K5093" s="5" t="s">
        <v>40939</v>
      </c>
      <c r="L5093" s="2" t="s">
        <v>40940</v>
      </c>
      <c r="M5093" s="5" t="s">
        <v>36266</v>
      </c>
      <c r="N5093" s="5" t="s">
        <v>38</v>
      </c>
      <c r="O5093" s="5" t="s">
        <v>39</v>
      </c>
      <c r="P5093" s="5" t="s">
        <v>40</v>
      </c>
      <c r="Q5093" s="5" t="s">
        <v>1522</v>
      </c>
      <c r="R5093" s="5" t="s">
        <v>1523</v>
      </c>
      <c r="S5093" s="5" t="s">
        <v>42</v>
      </c>
      <c r="T5093" s="2">
        <v>3.2909999999999999</v>
      </c>
      <c r="U5093" s="2">
        <v>2.5910000000000002</v>
      </c>
      <c r="V5093" s="2">
        <v>0.02</v>
      </c>
      <c r="W5093" s="2">
        <v>159.1</v>
      </c>
      <c r="X5093" s="2">
        <v>7.6</v>
      </c>
      <c r="Y5093" s="2">
        <v>16.7</v>
      </c>
      <c r="Z5093" s="5"/>
      <c r="AA5093" s="5" t="s">
        <v>43</v>
      </c>
      <c r="AB5093" s="5" t="s">
        <v>44</v>
      </c>
      <c r="AC5093" s="2"/>
      <c r="AD5093" s="1"/>
    </row>
    <row r="5094" spans="1:30">
      <c r="A5094" s="5" t="s">
        <v>83578</v>
      </c>
      <c r="B5094" s="2" t="s">
        <v>98884</v>
      </c>
      <c r="C5094" s="14" t="s">
        <v>98885</v>
      </c>
      <c r="D5094" s="2" t="s">
        <v>98886</v>
      </c>
      <c r="E5094" s="2" t="s">
        <v>40989</v>
      </c>
      <c r="F5094" s="8">
        <v>303</v>
      </c>
      <c r="G5094" s="5">
        <v>6</v>
      </c>
      <c r="H5094" s="5" t="s">
        <v>1518</v>
      </c>
      <c r="I5094" s="5" t="s">
        <v>40939</v>
      </c>
      <c r="J5094" s="2" t="s">
        <v>40940</v>
      </c>
      <c r="K5094" s="5" t="s">
        <v>40939</v>
      </c>
      <c r="L5094" s="2" t="s">
        <v>40940</v>
      </c>
      <c r="M5094" s="5" t="s">
        <v>36266</v>
      </c>
      <c r="N5094" s="5" t="s">
        <v>38</v>
      </c>
      <c r="O5094" s="5" t="s">
        <v>39</v>
      </c>
      <c r="P5094" s="5" t="s">
        <v>40</v>
      </c>
      <c r="Q5094" s="5" t="s">
        <v>1522</v>
      </c>
      <c r="R5094" s="5" t="s">
        <v>1523</v>
      </c>
      <c r="S5094" s="5" t="s">
        <v>42</v>
      </c>
      <c r="T5094" s="2">
        <v>3.2370000000000001</v>
      </c>
      <c r="U5094" s="2">
        <v>2.5369999999999999</v>
      </c>
      <c r="V5094" s="2">
        <v>0.02</v>
      </c>
      <c r="W5094" s="2">
        <v>159.1</v>
      </c>
      <c r="X5094" s="2">
        <v>7.6</v>
      </c>
      <c r="Y5094" s="2">
        <v>16.7</v>
      </c>
      <c r="Z5094" s="5"/>
      <c r="AA5094" s="5" t="s">
        <v>43</v>
      </c>
      <c r="AB5094" s="5" t="s">
        <v>44</v>
      </c>
      <c r="AC5094" s="2"/>
      <c r="AD5094" s="1"/>
    </row>
    <row r="5095" spans="1:30">
      <c r="A5095" s="5" t="s">
        <v>83578</v>
      </c>
      <c r="B5095" s="2" t="s">
        <v>98887</v>
      </c>
      <c r="C5095" s="14" t="s">
        <v>98888</v>
      </c>
      <c r="D5095" s="2" t="s">
        <v>98889</v>
      </c>
      <c r="E5095" s="2" t="s">
        <v>40997</v>
      </c>
      <c r="F5095" s="8">
        <v>303</v>
      </c>
      <c r="G5095" s="5">
        <v>6</v>
      </c>
      <c r="H5095" s="5" t="s">
        <v>1518</v>
      </c>
      <c r="I5095" s="5" t="s">
        <v>40939</v>
      </c>
      <c r="J5095" s="2" t="s">
        <v>40940</v>
      </c>
      <c r="K5095" s="5" t="s">
        <v>40939</v>
      </c>
      <c r="L5095" s="2" t="s">
        <v>40940</v>
      </c>
      <c r="M5095" s="5" t="s">
        <v>36266</v>
      </c>
      <c r="N5095" s="5" t="s">
        <v>38</v>
      </c>
      <c r="O5095" s="5" t="s">
        <v>39</v>
      </c>
      <c r="P5095" s="5" t="s">
        <v>40</v>
      </c>
      <c r="Q5095" s="5" t="s">
        <v>1522</v>
      </c>
      <c r="R5095" s="5" t="s">
        <v>1523</v>
      </c>
      <c r="S5095" s="5" t="s">
        <v>42</v>
      </c>
      <c r="T5095" s="2">
        <v>3.1960000000000002</v>
      </c>
      <c r="U5095" s="2">
        <v>2.496</v>
      </c>
      <c r="V5095" s="2">
        <v>0.02</v>
      </c>
      <c r="W5095" s="2">
        <v>159.1</v>
      </c>
      <c r="X5095" s="2">
        <v>7.6</v>
      </c>
      <c r="Y5095" s="2">
        <v>16.7</v>
      </c>
      <c r="Z5095" s="5"/>
      <c r="AA5095" s="5" t="s">
        <v>43</v>
      </c>
      <c r="AB5095" s="5" t="s">
        <v>44</v>
      </c>
      <c r="AC5095" s="2"/>
      <c r="AD5095" s="1"/>
    </row>
    <row r="5096" spans="1:30">
      <c r="A5096" s="5" t="s">
        <v>83578</v>
      </c>
      <c r="B5096" s="2" t="s">
        <v>98890</v>
      </c>
      <c r="C5096" s="14" t="s">
        <v>98891</v>
      </c>
      <c r="D5096" s="2" t="s">
        <v>98892</v>
      </c>
      <c r="E5096" s="2" t="s">
        <v>41001</v>
      </c>
      <c r="F5096" s="8">
        <v>303</v>
      </c>
      <c r="G5096" s="5">
        <v>6</v>
      </c>
      <c r="H5096" s="5" t="s">
        <v>1518</v>
      </c>
      <c r="I5096" s="5" t="s">
        <v>40939</v>
      </c>
      <c r="J5096" s="2" t="s">
        <v>40940</v>
      </c>
      <c r="K5096" s="5" t="s">
        <v>40939</v>
      </c>
      <c r="L5096" s="2" t="s">
        <v>40940</v>
      </c>
      <c r="M5096" s="5" t="s">
        <v>36266</v>
      </c>
      <c r="N5096" s="5" t="s">
        <v>38</v>
      </c>
      <c r="O5096" s="5" t="s">
        <v>39</v>
      </c>
      <c r="P5096" s="5" t="s">
        <v>40</v>
      </c>
      <c r="Q5096" s="5" t="s">
        <v>1522</v>
      </c>
      <c r="R5096" s="5" t="s">
        <v>1523</v>
      </c>
      <c r="S5096" s="5" t="s">
        <v>42</v>
      </c>
      <c r="T5096" s="2">
        <v>3.2370000000000001</v>
      </c>
      <c r="U5096" s="2">
        <v>2.5369999999999999</v>
      </c>
      <c r="V5096" s="2">
        <v>0.02</v>
      </c>
      <c r="W5096" s="2">
        <v>159.1</v>
      </c>
      <c r="X5096" s="2">
        <v>7.6</v>
      </c>
      <c r="Y5096" s="2">
        <v>16.7</v>
      </c>
      <c r="Z5096" s="5"/>
      <c r="AA5096" s="5" t="s">
        <v>43</v>
      </c>
      <c r="AB5096" s="5" t="s">
        <v>44</v>
      </c>
      <c r="AC5096" s="2"/>
      <c r="AD5096" s="1"/>
    </row>
    <row r="5097" spans="1:30">
      <c r="A5097" s="5" t="s">
        <v>83578</v>
      </c>
      <c r="B5097" s="2" t="s">
        <v>98893</v>
      </c>
      <c r="C5097" s="14" t="s">
        <v>98894</v>
      </c>
      <c r="D5097" s="2" t="s">
        <v>98895</v>
      </c>
      <c r="E5097" s="2" t="s">
        <v>41009</v>
      </c>
      <c r="F5097" s="8">
        <v>303</v>
      </c>
      <c r="G5097" s="5">
        <v>6</v>
      </c>
      <c r="H5097" s="5" t="s">
        <v>1518</v>
      </c>
      <c r="I5097" s="5" t="s">
        <v>40939</v>
      </c>
      <c r="J5097" s="2" t="s">
        <v>40940</v>
      </c>
      <c r="K5097" s="5" t="s">
        <v>40939</v>
      </c>
      <c r="L5097" s="2" t="s">
        <v>40940</v>
      </c>
      <c r="M5097" s="5" t="s">
        <v>36266</v>
      </c>
      <c r="N5097" s="5" t="s">
        <v>38</v>
      </c>
      <c r="O5097" s="5" t="s">
        <v>39</v>
      </c>
      <c r="P5097" s="5" t="s">
        <v>40</v>
      </c>
      <c r="Q5097" s="5" t="s">
        <v>1522</v>
      </c>
      <c r="R5097" s="5" t="s">
        <v>1523</v>
      </c>
      <c r="S5097" s="5" t="s">
        <v>42</v>
      </c>
      <c r="T5097" s="2">
        <v>3.2469999999999999</v>
      </c>
      <c r="U5097" s="2">
        <v>2.5470000000000002</v>
      </c>
      <c r="V5097" s="2">
        <v>0.02</v>
      </c>
      <c r="W5097" s="2">
        <v>159.1</v>
      </c>
      <c r="X5097" s="2">
        <v>7.6</v>
      </c>
      <c r="Y5097" s="2">
        <v>16.7</v>
      </c>
      <c r="Z5097" s="5"/>
      <c r="AA5097" s="5" t="s">
        <v>43</v>
      </c>
      <c r="AB5097" s="5" t="s">
        <v>44</v>
      </c>
      <c r="AC5097" s="2"/>
      <c r="AD5097" s="1"/>
    </row>
    <row r="5098" spans="1:30">
      <c r="A5098" s="5" t="s">
        <v>83578</v>
      </c>
      <c r="B5098" s="2" t="s">
        <v>98896</v>
      </c>
      <c r="C5098" s="14" t="s">
        <v>98897</v>
      </c>
      <c r="D5098" s="2" t="s">
        <v>98898</v>
      </c>
      <c r="E5098" s="2" t="s">
        <v>41023</v>
      </c>
      <c r="F5098" s="8">
        <v>303</v>
      </c>
      <c r="G5098" s="5">
        <v>6</v>
      </c>
      <c r="H5098" s="5" t="s">
        <v>1518</v>
      </c>
      <c r="I5098" s="5" t="s">
        <v>40939</v>
      </c>
      <c r="J5098" s="2" t="s">
        <v>40940</v>
      </c>
      <c r="K5098" s="5" t="s">
        <v>40939</v>
      </c>
      <c r="L5098" s="2" t="s">
        <v>40940</v>
      </c>
      <c r="M5098" s="5" t="s">
        <v>36266</v>
      </c>
      <c r="N5098" s="5" t="s">
        <v>38</v>
      </c>
      <c r="O5098" s="5" t="s">
        <v>39</v>
      </c>
      <c r="P5098" s="5" t="s">
        <v>40</v>
      </c>
      <c r="Q5098" s="5" t="s">
        <v>1522</v>
      </c>
      <c r="R5098" s="5" t="s">
        <v>1523</v>
      </c>
      <c r="S5098" s="5" t="s">
        <v>42</v>
      </c>
      <c r="T5098" s="2">
        <v>3.1960000000000002</v>
      </c>
      <c r="U5098" s="2">
        <v>2.496</v>
      </c>
      <c r="V5098" s="2">
        <v>0.02</v>
      </c>
      <c r="W5098" s="2">
        <v>159.1</v>
      </c>
      <c r="X5098" s="2">
        <v>7.6</v>
      </c>
      <c r="Y5098" s="2">
        <v>16.7</v>
      </c>
      <c r="Z5098" s="5"/>
      <c r="AA5098" s="5" t="s">
        <v>43</v>
      </c>
      <c r="AB5098" s="5" t="s">
        <v>44</v>
      </c>
      <c r="AC5098" s="2"/>
      <c r="AD5098" s="1"/>
    </row>
    <row r="5099" spans="1:30">
      <c r="A5099" s="5" t="s">
        <v>83578</v>
      </c>
      <c r="B5099" s="2" t="s">
        <v>98899</v>
      </c>
      <c r="C5099" s="14" t="s">
        <v>98900</v>
      </c>
      <c r="D5099" s="2" t="s">
        <v>98901</v>
      </c>
      <c r="E5099" s="2" t="s">
        <v>41027</v>
      </c>
      <c r="F5099" s="8">
        <v>303</v>
      </c>
      <c r="G5099" s="5">
        <v>6</v>
      </c>
      <c r="H5099" s="5" t="s">
        <v>1518</v>
      </c>
      <c r="I5099" s="5" t="s">
        <v>40939</v>
      </c>
      <c r="J5099" s="2" t="s">
        <v>40940</v>
      </c>
      <c r="K5099" s="5" t="s">
        <v>40939</v>
      </c>
      <c r="L5099" s="2" t="s">
        <v>40940</v>
      </c>
      <c r="M5099" s="5" t="s">
        <v>36266</v>
      </c>
      <c r="N5099" s="5" t="s">
        <v>38</v>
      </c>
      <c r="O5099" s="5" t="s">
        <v>39</v>
      </c>
      <c r="P5099" s="5" t="s">
        <v>40</v>
      </c>
      <c r="Q5099" s="5" t="s">
        <v>1522</v>
      </c>
      <c r="R5099" s="5" t="s">
        <v>1523</v>
      </c>
      <c r="S5099" s="5" t="s">
        <v>42</v>
      </c>
      <c r="T5099" s="2">
        <v>3.302</v>
      </c>
      <c r="U5099" s="2">
        <v>2.6019999999999999</v>
      </c>
      <c r="V5099" s="2">
        <v>0.02</v>
      </c>
      <c r="W5099" s="2">
        <v>159.1</v>
      </c>
      <c r="X5099" s="2">
        <v>7.6</v>
      </c>
      <c r="Y5099" s="2">
        <v>16.7</v>
      </c>
      <c r="Z5099" s="5"/>
      <c r="AA5099" s="5" t="s">
        <v>43</v>
      </c>
      <c r="AB5099" s="5" t="s">
        <v>44</v>
      </c>
      <c r="AC5099" s="2"/>
      <c r="AD5099" s="1"/>
    </row>
    <row r="5100" spans="1:30">
      <c r="A5100" s="5" t="s">
        <v>83578</v>
      </c>
      <c r="B5100" s="2" t="s">
        <v>98902</v>
      </c>
      <c r="C5100" s="14" t="s">
        <v>98903</v>
      </c>
      <c r="D5100" s="2" t="s">
        <v>98904</v>
      </c>
      <c r="E5100" s="2" t="s">
        <v>7449</v>
      </c>
      <c r="F5100" s="8">
        <v>303</v>
      </c>
      <c r="G5100" s="5">
        <v>6</v>
      </c>
      <c r="H5100" s="5" t="s">
        <v>1518</v>
      </c>
      <c r="I5100" s="5" t="s">
        <v>40939</v>
      </c>
      <c r="J5100" s="2" t="s">
        <v>40940</v>
      </c>
      <c r="K5100" s="5" t="s">
        <v>40939</v>
      </c>
      <c r="L5100" s="2" t="s">
        <v>40940</v>
      </c>
      <c r="M5100" s="5" t="s">
        <v>36266</v>
      </c>
      <c r="N5100" s="5" t="s">
        <v>38</v>
      </c>
      <c r="O5100" s="5" t="s">
        <v>39</v>
      </c>
      <c r="P5100" s="5" t="s">
        <v>40</v>
      </c>
      <c r="Q5100" s="5" t="s">
        <v>1522</v>
      </c>
      <c r="R5100" s="5" t="s">
        <v>1523</v>
      </c>
      <c r="S5100" s="5" t="s">
        <v>42</v>
      </c>
      <c r="T5100" s="2">
        <v>3.1960000000000002</v>
      </c>
      <c r="U5100" s="2">
        <v>2.496</v>
      </c>
      <c r="V5100" s="2">
        <v>0.02</v>
      </c>
      <c r="W5100" s="2">
        <v>159.1</v>
      </c>
      <c r="X5100" s="2">
        <v>7.6</v>
      </c>
      <c r="Y5100" s="2">
        <v>16.7</v>
      </c>
      <c r="Z5100" s="5"/>
      <c r="AA5100" s="5" t="s">
        <v>43</v>
      </c>
      <c r="AB5100" s="5" t="s">
        <v>44</v>
      </c>
      <c r="AC5100" s="2"/>
      <c r="AD5100" s="1"/>
    </row>
    <row r="5101" spans="1:30">
      <c r="A5101" s="5" t="s">
        <v>83578</v>
      </c>
      <c r="B5101" s="2" t="s">
        <v>98905</v>
      </c>
      <c r="C5101" s="14" t="s">
        <v>98906</v>
      </c>
      <c r="D5101" s="2" t="s">
        <v>98907</v>
      </c>
      <c r="E5101" s="2" t="s">
        <v>41045</v>
      </c>
      <c r="F5101" s="8">
        <v>303</v>
      </c>
      <c r="G5101" s="5">
        <v>6</v>
      </c>
      <c r="H5101" s="5" t="s">
        <v>1518</v>
      </c>
      <c r="I5101" s="5" t="s">
        <v>40939</v>
      </c>
      <c r="J5101" s="2" t="s">
        <v>40940</v>
      </c>
      <c r="K5101" s="5" t="s">
        <v>40939</v>
      </c>
      <c r="L5101" s="2" t="s">
        <v>40940</v>
      </c>
      <c r="M5101" s="5" t="s">
        <v>36266</v>
      </c>
      <c r="N5101" s="5" t="s">
        <v>38</v>
      </c>
      <c r="O5101" s="5" t="s">
        <v>39</v>
      </c>
      <c r="P5101" s="5" t="s">
        <v>40</v>
      </c>
      <c r="Q5101" s="5" t="s">
        <v>1522</v>
      </c>
      <c r="R5101" s="5" t="s">
        <v>1523</v>
      </c>
      <c r="S5101" s="5" t="s">
        <v>42</v>
      </c>
      <c r="T5101" s="2">
        <v>3.258</v>
      </c>
      <c r="U5101" s="2">
        <v>2.5579999999999998</v>
      </c>
      <c r="V5101" s="2">
        <v>0.02</v>
      </c>
      <c r="W5101" s="2">
        <v>159.1</v>
      </c>
      <c r="X5101" s="2">
        <v>7.6</v>
      </c>
      <c r="Y5101" s="2">
        <v>16.7</v>
      </c>
      <c r="Z5101" s="5"/>
      <c r="AA5101" s="5" t="s">
        <v>43</v>
      </c>
      <c r="AB5101" s="5" t="s">
        <v>44</v>
      </c>
      <c r="AC5101" s="2"/>
      <c r="AD5101" s="1"/>
    </row>
    <row r="5102" spans="1:30">
      <c r="A5102" s="5" t="s">
        <v>83578</v>
      </c>
      <c r="B5102" s="2" t="s">
        <v>98908</v>
      </c>
      <c r="C5102" s="14" t="s">
        <v>98909</v>
      </c>
      <c r="D5102" s="2" t="s">
        <v>98910</v>
      </c>
      <c r="E5102" s="2" t="s">
        <v>47266</v>
      </c>
      <c r="F5102" s="8">
        <v>318</v>
      </c>
      <c r="G5102" s="5">
        <v>6</v>
      </c>
      <c r="H5102" s="5" t="s">
        <v>1518</v>
      </c>
      <c r="I5102" s="5" t="s">
        <v>40939</v>
      </c>
      <c r="J5102" s="2" t="s">
        <v>40940</v>
      </c>
      <c r="K5102" s="5" t="s">
        <v>40939</v>
      </c>
      <c r="L5102" s="2" t="s">
        <v>40940</v>
      </c>
      <c r="M5102" s="5" t="s">
        <v>36266</v>
      </c>
      <c r="N5102" s="5" t="s">
        <v>38</v>
      </c>
      <c r="O5102" s="5" t="s">
        <v>39</v>
      </c>
      <c r="P5102" s="5" t="s">
        <v>40</v>
      </c>
      <c r="Q5102" s="5" t="s">
        <v>1522</v>
      </c>
      <c r="R5102" s="5" t="s">
        <v>1523</v>
      </c>
      <c r="S5102" s="5" t="s">
        <v>42</v>
      </c>
      <c r="T5102" s="2">
        <v>3.4380000000000002</v>
      </c>
      <c r="U5102" s="2">
        <v>2.67</v>
      </c>
      <c r="V5102" s="2">
        <v>2.1000000000000001E-2</v>
      </c>
      <c r="W5102" s="2">
        <v>165.1</v>
      </c>
      <c r="X5102" s="2">
        <v>7.6</v>
      </c>
      <c r="Y5102" s="2">
        <v>16.7</v>
      </c>
      <c r="Z5102" s="5"/>
      <c r="AA5102" s="5" t="s">
        <v>43</v>
      </c>
      <c r="AB5102" s="5" t="s">
        <v>44</v>
      </c>
      <c r="AC5102" s="2"/>
      <c r="AD5102" s="1"/>
    </row>
    <row r="5103" spans="1:30">
      <c r="A5103" s="5" t="s">
        <v>83578</v>
      </c>
      <c r="B5103" s="2" t="s">
        <v>98911</v>
      </c>
      <c r="C5103" s="14" t="s">
        <v>98912</v>
      </c>
      <c r="D5103" s="2" t="s">
        <v>98913</v>
      </c>
      <c r="E5103" s="2" t="s">
        <v>47195</v>
      </c>
      <c r="F5103" s="8">
        <v>318</v>
      </c>
      <c r="G5103" s="5">
        <v>6</v>
      </c>
      <c r="H5103" s="5" t="s">
        <v>1518</v>
      </c>
      <c r="I5103" s="5" t="s">
        <v>40939</v>
      </c>
      <c r="J5103" s="2" t="s">
        <v>40940</v>
      </c>
      <c r="K5103" s="5" t="s">
        <v>40939</v>
      </c>
      <c r="L5103" s="2" t="s">
        <v>40940</v>
      </c>
      <c r="M5103" s="5" t="s">
        <v>36266</v>
      </c>
      <c r="N5103" s="5" t="s">
        <v>38</v>
      </c>
      <c r="O5103" s="5" t="s">
        <v>39</v>
      </c>
      <c r="P5103" s="5" t="s">
        <v>40</v>
      </c>
      <c r="Q5103" s="5" t="s">
        <v>1522</v>
      </c>
      <c r="R5103" s="5" t="s">
        <v>1523</v>
      </c>
      <c r="S5103" s="5" t="s">
        <v>42</v>
      </c>
      <c r="T5103" s="2">
        <v>3.5550000000000002</v>
      </c>
      <c r="U5103" s="2">
        <v>2.7869999999999999</v>
      </c>
      <c r="V5103" s="2">
        <v>2.1000000000000001E-2</v>
      </c>
      <c r="W5103" s="2">
        <v>165.1</v>
      </c>
      <c r="X5103" s="2">
        <v>7.6</v>
      </c>
      <c r="Y5103" s="2">
        <v>16.7</v>
      </c>
      <c r="Z5103" s="5"/>
      <c r="AA5103" s="5" t="s">
        <v>43</v>
      </c>
      <c r="AB5103" s="5" t="s">
        <v>44</v>
      </c>
      <c r="AC5103" s="2"/>
      <c r="AD5103" s="1"/>
    </row>
    <row r="5104" spans="1:30">
      <c r="A5104" s="5" t="s">
        <v>83578</v>
      </c>
      <c r="B5104" s="2" t="s">
        <v>98914</v>
      </c>
      <c r="C5104" s="14" t="s">
        <v>98915</v>
      </c>
      <c r="D5104" s="2" t="s">
        <v>98916</v>
      </c>
      <c r="E5104" s="2" t="s">
        <v>36273</v>
      </c>
      <c r="F5104" s="8">
        <v>293</v>
      </c>
      <c r="G5104" s="5">
        <v>6</v>
      </c>
      <c r="H5104" s="5" t="s">
        <v>1518</v>
      </c>
      <c r="I5104" s="5" t="s">
        <v>40939</v>
      </c>
      <c r="J5104" s="2" t="s">
        <v>40940</v>
      </c>
      <c r="K5104" s="5" t="s">
        <v>40939</v>
      </c>
      <c r="L5104" s="2" t="s">
        <v>40940</v>
      </c>
      <c r="M5104" s="5" t="s">
        <v>36266</v>
      </c>
      <c r="N5104" s="5" t="s">
        <v>38</v>
      </c>
      <c r="O5104" s="5" t="s">
        <v>39</v>
      </c>
      <c r="P5104" s="5" t="s">
        <v>40</v>
      </c>
      <c r="Q5104" s="5" t="s">
        <v>1522</v>
      </c>
      <c r="R5104" s="5" t="s">
        <v>1523</v>
      </c>
      <c r="S5104" s="5" t="s">
        <v>42</v>
      </c>
      <c r="T5104" s="2">
        <v>3.4729999999999999</v>
      </c>
      <c r="U5104" s="2">
        <v>2.7050000000000001</v>
      </c>
      <c r="V5104" s="2">
        <v>2.1000000000000001E-2</v>
      </c>
      <c r="W5104" s="2">
        <v>165.1</v>
      </c>
      <c r="X5104" s="2">
        <v>7.6</v>
      </c>
      <c r="Y5104" s="2">
        <v>16.7</v>
      </c>
      <c r="Z5104" s="5"/>
      <c r="AA5104" s="5" t="s">
        <v>43</v>
      </c>
      <c r="AB5104" s="5" t="s">
        <v>44</v>
      </c>
      <c r="AC5104" s="2"/>
      <c r="AD5104" s="1"/>
    </row>
    <row r="5105" spans="1:30">
      <c r="A5105" s="5" t="s">
        <v>83578</v>
      </c>
      <c r="B5105" s="2" t="s">
        <v>98917</v>
      </c>
      <c r="C5105" s="14" t="s">
        <v>98918</v>
      </c>
      <c r="D5105" s="2" t="s">
        <v>98919</v>
      </c>
      <c r="E5105" s="2" t="s">
        <v>36277</v>
      </c>
      <c r="F5105" s="8">
        <v>293</v>
      </c>
      <c r="G5105" s="5">
        <v>6</v>
      </c>
      <c r="H5105" s="5" t="s">
        <v>1518</v>
      </c>
      <c r="I5105" s="5" t="s">
        <v>40939</v>
      </c>
      <c r="J5105" s="2" t="s">
        <v>40940</v>
      </c>
      <c r="K5105" s="5" t="s">
        <v>40939</v>
      </c>
      <c r="L5105" s="2" t="s">
        <v>40940</v>
      </c>
      <c r="M5105" s="5" t="s">
        <v>36266</v>
      </c>
      <c r="N5105" s="5" t="s">
        <v>38</v>
      </c>
      <c r="O5105" s="5" t="s">
        <v>39</v>
      </c>
      <c r="P5105" s="5" t="s">
        <v>40</v>
      </c>
      <c r="Q5105" s="5" t="s">
        <v>1522</v>
      </c>
      <c r="R5105" s="5" t="s">
        <v>1523</v>
      </c>
      <c r="S5105" s="5" t="s">
        <v>42</v>
      </c>
      <c r="T5105" s="2">
        <v>3.59</v>
      </c>
      <c r="U5105" s="2">
        <v>2.8220000000000001</v>
      </c>
      <c r="V5105" s="2">
        <v>2.1000000000000001E-2</v>
      </c>
      <c r="W5105" s="2">
        <v>165.1</v>
      </c>
      <c r="X5105" s="2">
        <v>7.6</v>
      </c>
      <c r="Y5105" s="2">
        <v>16.7</v>
      </c>
      <c r="Z5105" s="5"/>
      <c r="AA5105" s="5" t="s">
        <v>43</v>
      </c>
      <c r="AB5105" s="5" t="s">
        <v>44</v>
      </c>
      <c r="AC5105" s="2"/>
      <c r="AD5105" s="1"/>
    </row>
    <row r="5106" spans="1:30">
      <c r="A5106" s="5" t="s">
        <v>83578</v>
      </c>
      <c r="B5106" s="2" t="s">
        <v>98920</v>
      </c>
      <c r="C5106" s="14" t="s">
        <v>98921</v>
      </c>
      <c r="D5106" s="2" t="s">
        <v>98922</v>
      </c>
      <c r="E5106" s="2" t="s">
        <v>47226</v>
      </c>
      <c r="F5106" s="8">
        <v>318</v>
      </c>
      <c r="G5106" s="5">
        <v>6</v>
      </c>
      <c r="H5106" s="5" t="s">
        <v>1518</v>
      </c>
      <c r="I5106" s="5" t="s">
        <v>40939</v>
      </c>
      <c r="J5106" s="2" t="s">
        <v>40940</v>
      </c>
      <c r="K5106" s="5" t="s">
        <v>40939</v>
      </c>
      <c r="L5106" s="2" t="s">
        <v>40940</v>
      </c>
      <c r="M5106" s="5" t="s">
        <v>36266</v>
      </c>
      <c r="N5106" s="5" t="s">
        <v>38</v>
      </c>
      <c r="O5106" s="5" t="s">
        <v>39</v>
      </c>
      <c r="P5106" s="5" t="s">
        <v>40</v>
      </c>
      <c r="Q5106" s="5" t="s">
        <v>1522</v>
      </c>
      <c r="R5106" s="5" t="s">
        <v>1523</v>
      </c>
      <c r="S5106" s="5" t="s">
        <v>42</v>
      </c>
      <c r="T5106" s="2">
        <v>3.45</v>
      </c>
      <c r="U5106" s="2">
        <v>2.6819999999999999</v>
      </c>
      <c r="V5106" s="2">
        <v>2.1000000000000001E-2</v>
      </c>
      <c r="W5106" s="2">
        <v>165.1</v>
      </c>
      <c r="X5106" s="2">
        <v>7.6</v>
      </c>
      <c r="Y5106" s="2">
        <v>16.7</v>
      </c>
      <c r="Z5106" s="5"/>
      <c r="AA5106" s="5" t="s">
        <v>43</v>
      </c>
      <c r="AB5106" s="5" t="s">
        <v>44</v>
      </c>
      <c r="AC5106" s="2"/>
      <c r="AD5106" s="1"/>
    </row>
    <row r="5107" spans="1:30">
      <c r="A5107" s="5" t="s">
        <v>83578</v>
      </c>
      <c r="B5107" s="2" t="s">
        <v>98923</v>
      </c>
      <c r="C5107" s="14" t="s">
        <v>98924</v>
      </c>
      <c r="D5107" s="2" t="s">
        <v>98925</v>
      </c>
      <c r="E5107" s="2" t="s">
        <v>47735</v>
      </c>
      <c r="F5107" s="8">
        <v>318</v>
      </c>
      <c r="G5107" s="5">
        <v>6</v>
      </c>
      <c r="H5107" s="5" t="s">
        <v>1518</v>
      </c>
      <c r="I5107" s="5" t="s">
        <v>40939</v>
      </c>
      <c r="J5107" s="2" t="s">
        <v>40940</v>
      </c>
      <c r="K5107" s="5" t="s">
        <v>40939</v>
      </c>
      <c r="L5107" s="2" t="s">
        <v>40940</v>
      </c>
      <c r="M5107" s="5" t="s">
        <v>36266</v>
      </c>
      <c r="N5107" s="5" t="s">
        <v>38</v>
      </c>
      <c r="O5107" s="5" t="s">
        <v>39</v>
      </c>
      <c r="P5107" s="5" t="s">
        <v>40</v>
      </c>
      <c r="Q5107" s="5" t="s">
        <v>1522</v>
      </c>
      <c r="R5107" s="5" t="s">
        <v>1523</v>
      </c>
      <c r="S5107" s="5" t="s">
        <v>42</v>
      </c>
      <c r="T5107" s="2">
        <v>3.5670000000000002</v>
      </c>
      <c r="U5107" s="2">
        <v>2.7989999999999999</v>
      </c>
      <c r="V5107" s="2">
        <v>2.1000000000000001E-2</v>
      </c>
      <c r="W5107" s="2">
        <v>165.1</v>
      </c>
      <c r="X5107" s="2">
        <v>7.6</v>
      </c>
      <c r="Y5107" s="2">
        <v>16.7</v>
      </c>
      <c r="Z5107" s="5"/>
      <c r="AA5107" s="5" t="s">
        <v>43</v>
      </c>
      <c r="AB5107" s="5" t="s">
        <v>44</v>
      </c>
      <c r="AC5107" s="2"/>
      <c r="AD5107" s="1"/>
    </row>
    <row r="5108" spans="1:30">
      <c r="A5108" s="5" t="s">
        <v>83578</v>
      </c>
      <c r="B5108" s="2" t="s">
        <v>98926</v>
      </c>
      <c r="C5108" s="14" t="s">
        <v>98927</v>
      </c>
      <c r="D5108" s="2" t="s">
        <v>98928</v>
      </c>
      <c r="E5108" s="2" t="s">
        <v>7539</v>
      </c>
      <c r="F5108" s="8">
        <v>318</v>
      </c>
      <c r="G5108" s="5">
        <v>6</v>
      </c>
      <c r="H5108" s="5" t="s">
        <v>1518</v>
      </c>
      <c r="I5108" s="5" t="s">
        <v>40939</v>
      </c>
      <c r="J5108" s="2" t="s">
        <v>40940</v>
      </c>
      <c r="K5108" s="5" t="s">
        <v>40939</v>
      </c>
      <c r="L5108" s="2" t="s">
        <v>40940</v>
      </c>
      <c r="M5108" s="5" t="s">
        <v>36266</v>
      </c>
      <c r="N5108" s="5" t="s">
        <v>38</v>
      </c>
      <c r="O5108" s="5" t="s">
        <v>39</v>
      </c>
      <c r="P5108" s="5" t="s">
        <v>40</v>
      </c>
      <c r="Q5108" s="5" t="s">
        <v>1522</v>
      </c>
      <c r="R5108" s="5" t="s">
        <v>1523</v>
      </c>
      <c r="S5108" s="5" t="s">
        <v>42</v>
      </c>
      <c r="T5108" s="2">
        <v>3.3919999999999999</v>
      </c>
      <c r="U5108" s="2">
        <v>2.6240000000000001</v>
      </c>
      <c r="V5108" s="2">
        <v>2.1000000000000001E-2</v>
      </c>
      <c r="W5108" s="2">
        <v>165.1</v>
      </c>
      <c r="X5108" s="2">
        <v>7.6</v>
      </c>
      <c r="Y5108" s="2">
        <v>16.7</v>
      </c>
      <c r="Z5108" s="5"/>
      <c r="AA5108" s="5" t="s">
        <v>43</v>
      </c>
      <c r="AB5108" s="5" t="s">
        <v>44</v>
      </c>
      <c r="AC5108" s="2"/>
      <c r="AD5108" s="1"/>
    </row>
    <row r="5109" spans="1:30">
      <c r="A5109" s="5" t="s">
        <v>83578</v>
      </c>
      <c r="B5109" s="2" t="s">
        <v>98929</v>
      </c>
      <c r="C5109" s="14" t="s">
        <v>98930</v>
      </c>
      <c r="D5109" s="2" t="s">
        <v>98931</v>
      </c>
      <c r="E5109" s="2" t="s">
        <v>7543</v>
      </c>
      <c r="F5109" s="8">
        <v>318</v>
      </c>
      <c r="G5109" s="5">
        <v>6</v>
      </c>
      <c r="H5109" s="5" t="s">
        <v>1518</v>
      </c>
      <c r="I5109" s="5" t="s">
        <v>40939</v>
      </c>
      <c r="J5109" s="2" t="s">
        <v>40940</v>
      </c>
      <c r="K5109" s="5" t="s">
        <v>40939</v>
      </c>
      <c r="L5109" s="2" t="s">
        <v>40940</v>
      </c>
      <c r="M5109" s="5" t="s">
        <v>36266</v>
      </c>
      <c r="N5109" s="5" t="s">
        <v>38</v>
      </c>
      <c r="O5109" s="5" t="s">
        <v>39</v>
      </c>
      <c r="P5109" s="5" t="s">
        <v>40</v>
      </c>
      <c r="Q5109" s="5" t="s">
        <v>1522</v>
      </c>
      <c r="R5109" s="5" t="s">
        <v>1523</v>
      </c>
      <c r="S5109" s="5" t="s">
        <v>42</v>
      </c>
      <c r="T5109" s="2">
        <v>3.5089999999999999</v>
      </c>
      <c r="U5109" s="2">
        <v>2.7410000000000001</v>
      </c>
      <c r="V5109" s="2">
        <v>2.1000000000000001E-2</v>
      </c>
      <c r="W5109" s="2">
        <v>165.1</v>
      </c>
      <c r="X5109" s="2">
        <v>7.6</v>
      </c>
      <c r="Y5109" s="2">
        <v>16.7</v>
      </c>
      <c r="Z5109" s="5"/>
      <c r="AA5109" s="5" t="s">
        <v>43</v>
      </c>
      <c r="AB5109" s="5" t="s">
        <v>44</v>
      </c>
      <c r="AC5109" s="2"/>
      <c r="AD5109" s="1"/>
    </row>
    <row r="5110" spans="1:30">
      <c r="A5110" s="5" t="s">
        <v>83578</v>
      </c>
      <c r="B5110" s="2" t="s">
        <v>98932</v>
      </c>
      <c r="C5110" s="14" t="s">
        <v>98933</v>
      </c>
      <c r="D5110" s="2" t="s">
        <v>98934</v>
      </c>
      <c r="E5110" s="2" t="s">
        <v>40989</v>
      </c>
      <c r="F5110" s="8">
        <v>318</v>
      </c>
      <c r="G5110" s="5">
        <v>6</v>
      </c>
      <c r="H5110" s="5" t="s">
        <v>1518</v>
      </c>
      <c r="I5110" s="5" t="s">
        <v>40939</v>
      </c>
      <c r="J5110" s="2" t="s">
        <v>40940</v>
      </c>
      <c r="K5110" s="5" t="s">
        <v>40939</v>
      </c>
      <c r="L5110" s="2" t="s">
        <v>40940</v>
      </c>
      <c r="M5110" s="5" t="s">
        <v>36266</v>
      </c>
      <c r="N5110" s="5" t="s">
        <v>38</v>
      </c>
      <c r="O5110" s="5" t="s">
        <v>39</v>
      </c>
      <c r="P5110" s="5" t="s">
        <v>40</v>
      </c>
      <c r="Q5110" s="5" t="s">
        <v>1522</v>
      </c>
      <c r="R5110" s="5" t="s">
        <v>1523</v>
      </c>
      <c r="S5110" s="5" t="s">
        <v>42</v>
      </c>
      <c r="T5110" s="2">
        <v>3.45</v>
      </c>
      <c r="U5110" s="2">
        <v>2.6819999999999999</v>
      </c>
      <c r="V5110" s="2">
        <v>2.1000000000000001E-2</v>
      </c>
      <c r="W5110" s="2">
        <v>165.1</v>
      </c>
      <c r="X5110" s="2">
        <v>7.6</v>
      </c>
      <c r="Y5110" s="2">
        <v>16.7</v>
      </c>
      <c r="Z5110" s="5"/>
      <c r="AA5110" s="5" t="s">
        <v>43</v>
      </c>
      <c r="AB5110" s="5" t="s">
        <v>44</v>
      </c>
      <c r="AC5110" s="2"/>
      <c r="AD5110" s="1"/>
    </row>
    <row r="5111" spans="1:30">
      <c r="A5111" s="5" t="s">
        <v>83578</v>
      </c>
      <c r="B5111" s="2" t="s">
        <v>98935</v>
      </c>
      <c r="C5111" s="14" t="s">
        <v>98936</v>
      </c>
      <c r="D5111" s="2" t="s">
        <v>98937</v>
      </c>
      <c r="E5111" s="2" t="s">
        <v>40993</v>
      </c>
      <c r="F5111" s="8">
        <v>318</v>
      </c>
      <c r="G5111" s="5">
        <v>6</v>
      </c>
      <c r="H5111" s="5" t="s">
        <v>1518</v>
      </c>
      <c r="I5111" s="5" t="s">
        <v>40939</v>
      </c>
      <c r="J5111" s="2" t="s">
        <v>40940</v>
      </c>
      <c r="K5111" s="5" t="s">
        <v>40939</v>
      </c>
      <c r="L5111" s="2" t="s">
        <v>40940</v>
      </c>
      <c r="M5111" s="5" t="s">
        <v>36266</v>
      </c>
      <c r="N5111" s="5" t="s">
        <v>38</v>
      </c>
      <c r="O5111" s="5" t="s">
        <v>39</v>
      </c>
      <c r="P5111" s="5" t="s">
        <v>40</v>
      </c>
      <c r="Q5111" s="5" t="s">
        <v>1522</v>
      </c>
      <c r="R5111" s="5" t="s">
        <v>1523</v>
      </c>
      <c r="S5111" s="5" t="s">
        <v>42</v>
      </c>
      <c r="T5111" s="2">
        <v>3.5670000000000002</v>
      </c>
      <c r="U5111" s="2">
        <v>2.7989999999999999</v>
      </c>
      <c r="V5111" s="2">
        <v>2.1000000000000001E-2</v>
      </c>
      <c r="W5111" s="2">
        <v>165.1</v>
      </c>
      <c r="X5111" s="2">
        <v>7.6</v>
      </c>
      <c r="Y5111" s="2">
        <v>16.7</v>
      </c>
      <c r="Z5111" s="5"/>
      <c r="AA5111" s="5" t="s">
        <v>43</v>
      </c>
      <c r="AB5111" s="5" t="s">
        <v>44</v>
      </c>
      <c r="AC5111" s="2"/>
      <c r="AD5111" s="1"/>
    </row>
    <row r="5112" spans="1:30">
      <c r="A5112" s="5" t="s">
        <v>83578</v>
      </c>
      <c r="B5112" s="2" t="s">
        <v>98938</v>
      </c>
      <c r="C5112" s="14" t="s">
        <v>98939</v>
      </c>
      <c r="D5112" s="2" t="s">
        <v>98940</v>
      </c>
      <c r="E5112" s="2" t="s">
        <v>40997</v>
      </c>
      <c r="F5112" s="8">
        <v>318</v>
      </c>
      <c r="G5112" s="5">
        <v>6</v>
      </c>
      <c r="H5112" s="5" t="s">
        <v>1518</v>
      </c>
      <c r="I5112" s="5" t="s">
        <v>40939</v>
      </c>
      <c r="J5112" s="2" t="s">
        <v>40940</v>
      </c>
      <c r="K5112" s="5" t="s">
        <v>40939</v>
      </c>
      <c r="L5112" s="2" t="s">
        <v>40940</v>
      </c>
      <c r="M5112" s="5" t="s">
        <v>36266</v>
      </c>
      <c r="N5112" s="5" t="s">
        <v>38</v>
      </c>
      <c r="O5112" s="5" t="s">
        <v>39</v>
      </c>
      <c r="P5112" s="5" t="s">
        <v>40</v>
      </c>
      <c r="Q5112" s="5" t="s">
        <v>1522</v>
      </c>
      <c r="R5112" s="5" t="s">
        <v>1523</v>
      </c>
      <c r="S5112" s="5" t="s">
        <v>42</v>
      </c>
      <c r="T5112" s="2">
        <v>3.4039999999999999</v>
      </c>
      <c r="U5112" s="2">
        <v>2.6360000000000001</v>
      </c>
      <c r="V5112" s="2">
        <v>2.1000000000000001E-2</v>
      </c>
      <c r="W5112" s="2">
        <v>165.1</v>
      </c>
      <c r="X5112" s="2">
        <v>7.6</v>
      </c>
      <c r="Y5112" s="2">
        <v>16.7</v>
      </c>
      <c r="Z5112" s="5"/>
      <c r="AA5112" s="5" t="s">
        <v>43</v>
      </c>
      <c r="AB5112" s="5" t="s">
        <v>44</v>
      </c>
      <c r="AC5112" s="2"/>
      <c r="AD5112" s="1"/>
    </row>
    <row r="5113" spans="1:30">
      <c r="A5113" s="5" t="s">
        <v>83578</v>
      </c>
      <c r="B5113" s="2" t="s">
        <v>98941</v>
      </c>
      <c r="C5113" s="14" t="s">
        <v>98942</v>
      </c>
      <c r="D5113" s="2" t="s">
        <v>98943</v>
      </c>
      <c r="E5113" s="2" t="s">
        <v>41267</v>
      </c>
      <c r="F5113" s="8">
        <v>318</v>
      </c>
      <c r="G5113" s="5">
        <v>6</v>
      </c>
      <c r="H5113" s="5" t="s">
        <v>1518</v>
      </c>
      <c r="I5113" s="5" t="s">
        <v>40939</v>
      </c>
      <c r="J5113" s="2" t="s">
        <v>40940</v>
      </c>
      <c r="K5113" s="5" t="s">
        <v>40939</v>
      </c>
      <c r="L5113" s="2" t="s">
        <v>40940</v>
      </c>
      <c r="M5113" s="5" t="s">
        <v>36266</v>
      </c>
      <c r="N5113" s="5" t="s">
        <v>38</v>
      </c>
      <c r="O5113" s="5" t="s">
        <v>39</v>
      </c>
      <c r="P5113" s="5" t="s">
        <v>40</v>
      </c>
      <c r="Q5113" s="5" t="s">
        <v>1522</v>
      </c>
      <c r="R5113" s="5" t="s">
        <v>1523</v>
      </c>
      <c r="S5113" s="5" t="s">
        <v>42</v>
      </c>
      <c r="T5113" s="2">
        <v>3.5209999999999999</v>
      </c>
      <c r="U5113" s="2">
        <v>2.7530000000000001</v>
      </c>
      <c r="V5113" s="2">
        <v>2.1000000000000001E-2</v>
      </c>
      <c r="W5113" s="2">
        <v>165.1</v>
      </c>
      <c r="X5113" s="2">
        <v>7.6</v>
      </c>
      <c r="Y5113" s="2">
        <v>16.7</v>
      </c>
      <c r="Z5113" s="5"/>
      <c r="AA5113" s="5" t="s">
        <v>43</v>
      </c>
      <c r="AB5113" s="5" t="s">
        <v>44</v>
      </c>
      <c r="AC5113" s="2"/>
      <c r="AD5113" s="1"/>
    </row>
    <row r="5114" spans="1:30">
      <c r="A5114" s="5" t="s">
        <v>83578</v>
      </c>
      <c r="B5114" s="2" t="s">
        <v>98944</v>
      </c>
      <c r="C5114" s="14" t="s">
        <v>98945</v>
      </c>
      <c r="D5114" s="2" t="s">
        <v>98946</v>
      </c>
      <c r="E5114" s="2" t="s">
        <v>41001</v>
      </c>
      <c r="F5114" s="8">
        <v>318</v>
      </c>
      <c r="G5114" s="5">
        <v>6</v>
      </c>
      <c r="H5114" s="5" t="s">
        <v>1518</v>
      </c>
      <c r="I5114" s="5" t="s">
        <v>40939</v>
      </c>
      <c r="J5114" s="2" t="s">
        <v>40940</v>
      </c>
      <c r="K5114" s="5" t="s">
        <v>40939</v>
      </c>
      <c r="L5114" s="2" t="s">
        <v>40940</v>
      </c>
      <c r="M5114" s="5" t="s">
        <v>36266</v>
      </c>
      <c r="N5114" s="5" t="s">
        <v>38</v>
      </c>
      <c r="O5114" s="5" t="s">
        <v>39</v>
      </c>
      <c r="P5114" s="5" t="s">
        <v>40</v>
      </c>
      <c r="Q5114" s="5" t="s">
        <v>1522</v>
      </c>
      <c r="R5114" s="5" t="s">
        <v>1523</v>
      </c>
      <c r="S5114" s="5" t="s">
        <v>42</v>
      </c>
      <c r="T5114" s="2">
        <v>3.45</v>
      </c>
      <c r="U5114" s="2">
        <v>2.6819999999999999</v>
      </c>
      <c r="V5114" s="2">
        <v>2.1000000000000001E-2</v>
      </c>
      <c r="W5114" s="2">
        <v>165.1</v>
      </c>
      <c r="X5114" s="2">
        <v>7.6</v>
      </c>
      <c r="Y5114" s="2">
        <v>16.7</v>
      </c>
      <c r="Z5114" s="5"/>
      <c r="AA5114" s="5" t="s">
        <v>43</v>
      </c>
      <c r="AB5114" s="5" t="s">
        <v>44</v>
      </c>
      <c r="AC5114" s="2"/>
      <c r="AD5114" s="1"/>
    </row>
    <row r="5115" spans="1:30">
      <c r="A5115" s="5" t="s">
        <v>83578</v>
      </c>
      <c r="B5115" s="2" t="s">
        <v>98947</v>
      </c>
      <c r="C5115" s="14" t="s">
        <v>98948</v>
      </c>
      <c r="D5115" s="2" t="s">
        <v>98949</v>
      </c>
      <c r="E5115" s="2" t="s">
        <v>41005</v>
      </c>
      <c r="F5115" s="8">
        <v>318</v>
      </c>
      <c r="G5115" s="5">
        <v>6</v>
      </c>
      <c r="H5115" s="5" t="s">
        <v>1518</v>
      </c>
      <c r="I5115" s="5" t="s">
        <v>40939</v>
      </c>
      <c r="J5115" s="2" t="s">
        <v>40940</v>
      </c>
      <c r="K5115" s="5" t="s">
        <v>40939</v>
      </c>
      <c r="L5115" s="2" t="s">
        <v>40940</v>
      </c>
      <c r="M5115" s="5" t="s">
        <v>36266</v>
      </c>
      <c r="N5115" s="5" t="s">
        <v>38</v>
      </c>
      <c r="O5115" s="5" t="s">
        <v>39</v>
      </c>
      <c r="P5115" s="5" t="s">
        <v>40</v>
      </c>
      <c r="Q5115" s="5" t="s">
        <v>1522</v>
      </c>
      <c r="R5115" s="5" t="s">
        <v>1523</v>
      </c>
      <c r="S5115" s="5" t="s">
        <v>42</v>
      </c>
      <c r="T5115" s="2">
        <v>3.5670000000000002</v>
      </c>
      <c r="U5115" s="2">
        <v>2.7989999999999999</v>
      </c>
      <c r="V5115" s="2">
        <v>2.1000000000000001E-2</v>
      </c>
      <c r="W5115" s="2">
        <v>165.1</v>
      </c>
      <c r="X5115" s="2">
        <v>7.6</v>
      </c>
      <c r="Y5115" s="2">
        <v>16.7</v>
      </c>
      <c r="Z5115" s="5"/>
      <c r="AA5115" s="5" t="s">
        <v>43</v>
      </c>
      <c r="AB5115" s="5" t="s">
        <v>44</v>
      </c>
      <c r="AC5115" s="2"/>
      <c r="AD5115" s="1"/>
    </row>
    <row r="5116" spans="1:30">
      <c r="A5116" s="5" t="s">
        <v>83578</v>
      </c>
      <c r="B5116" s="2" t="s">
        <v>98950</v>
      </c>
      <c r="C5116" s="14" t="s">
        <v>98951</v>
      </c>
      <c r="D5116" s="2" t="s">
        <v>98952</v>
      </c>
      <c r="E5116" s="2" t="s">
        <v>41009</v>
      </c>
      <c r="F5116" s="8">
        <v>318</v>
      </c>
      <c r="G5116" s="5">
        <v>6</v>
      </c>
      <c r="H5116" s="5" t="s">
        <v>1518</v>
      </c>
      <c r="I5116" s="5" t="s">
        <v>40939</v>
      </c>
      <c r="J5116" s="2" t="s">
        <v>40940</v>
      </c>
      <c r="K5116" s="5" t="s">
        <v>40939</v>
      </c>
      <c r="L5116" s="2" t="s">
        <v>40940</v>
      </c>
      <c r="M5116" s="5" t="s">
        <v>36266</v>
      </c>
      <c r="N5116" s="5" t="s">
        <v>38</v>
      </c>
      <c r="O5116" s="5" t="s">
        <v>39</v>
      </c>
      <c r="P5116" s="5" t="s">
        <v>40</v>
      </c>
      <c r="Q5116" s="5" t="s">
        <v>1522</v>
      </c>
      <c r="R5116" s="5" t="s">
        <v>1523</v>
      </c>
      <c r="S5116" s="5" t="s">
        <v>42</v>
      </c>
      <c r="T5116" s="2">
        <v>3.4609999999999999</v>
      </c>
      <c r="U5116" s="2">
        <v>2.6930000000000001</v>
      </c>
      <c r="V5116" s="2">
        <v>2.1000000000000001E-2</v>
      </c>
      <c r="W5116" s="2">
        <v>165.1</v>
      </c>
      <c r="X5116" s="2">
        <v>7.6</v>
      </c>
      <c r="Y5116" s="2">
        <v>16.7</v>
      </c>
      <c r="Z5116" s="5"/>
      <c r="AA5116" s="5" t="s">
        <v>43</v>
      </c>
      <c r="AB5116" s="5" t="s">
        <v>44</v>
      </c>
      <c r="AC5116" s="2"/>
      <c r="AD5116" s="1"/>
    </row>
    <row r="5117" spans="1:30">
      <c r="A5117" s="5" t="s">
        <v>83578</v>
      </c>
      <c r="B5117" s="2" t="s">
        <v>98953</v>
      </c>
      <c r="C5117" s="14" t="s">
        <v>98954</v>
      </c>
      <c r="D5117" s="2" t="s">
        <v>98955</v>
      </c>
      <c r="E5117" s="2" t="s">
        <v>41013</v>
      </c>
      <c r="F5117" s="8">
        <v>318</v>
      </c>
      <c r="G5117" s="5">
        <v>6</v>
      </c>
      <c r="H5117" s="5" t="s">
        <v>1518</v>
      </c>
      <c r="I5117" s="5" t="s">
        <v>40939</v>
      </c>
      <c r="J5117" s="2" t="s">
        <v>40940</v>
      </c>
      <c r="K5117" s="5" t="s">
        <v>40939</v>
      </c>
      <c r="L5117" s="2" t="s">
        <v>40940</v>
      </c>
      <c r="M5117" s="5" t="s">
        <v>36266</v>
      </c>
      <c r="N5117" s="5" t="s">
        <v>38</v>
      </c>
      <c r="O5117" s="5" t="s">
        <v>39</v>
      </c>
      <c r="P5117" s="5" t="s">
        <v>40</v>
      </c>
      <c r="Q5117" s="5" t="s">
        <v>1522</v>
      </c>
      <c r="R5117" s="5" t="s">
        <v>1523</v>
      </c>
      <c r="S5117" s="5" t="s">
        <v>42</v>
      </c>
      <c r="T5117" s="2">
        <v>3.5779999999999998</v>
      </c>
      <c r="U5117" s="2">
        <v>2.81</v>
      </c>
      <c r="V5117" s="2">
        <v>2.1000000000000001E-2</v>
      </c>
      <c r="W5117" s="2">
        <v>165.1</v>
      </c>
      <c r="X5117" s="2">
        <v>7.6</v>
      </c>
      <c r="Y5117" s="2">
        <v>16.7</v>
      </c>
      <c r="Z5117" s="5"/>
      <c r="AA5117" s="5" t="s">
        <v>43</v>
      </c>
      <c r="AB5117" s="5" t="s">
        <v>44</v>
      </c>
      <c r="AC5117" s="2"/>
      <c r="AD5117" s="1"/>
    </row>
    <row r="5118" spans="1:30">
      <c r="A5118" s="5" t="s">
        <v>83578</v>
      </c>
      <c r="B5118" s="2" t="s">
        <v>98956</v>
      </c>
      <c r="C5118" s="14" t="s">
        <v>98957</v>
      </c>
      <c r="D5118" s="2" t="s">
        <v>98958</v>
      </c>
      <c r="E5118" s="2" t="s">
        <v>7396</v>
      </c>
      <c r="F5118" s="8">
        <v>293</v>
      </c>
      <c r="G5118" s="5">
        <v>6</v>
      </c>
      <c r="H5118" s="5" t="s">
        <v>1518</v>
      </c>
      <c r="I5118" s="5" t="s">
        <v>40939</v>
      </c>
      <c r="J5118" s="2" t="s">
        <v>40940</v>
      </c>
      <c r="K5118" s="5" t="s">
        <v>40939</v>
      </c>
      <c r="L5118" s="2" t="s">
        <v>40940</v>
      </c>
      <c r="M5118" s="5" t="s">
        <v>36266</v>
      </c>
      <c r="N5118" s="5" t="s">
        <v>38</v>
      </c>
      <c r="O5118" s="5" t="s">
        <v>39</v>
      </c>
      <c r="P5118" s="5" t="s">
        <v>40</v>
      </c>
      <c r="Q5118" s="5" t="s">
        <v>1522</v>
      </c>
      <c r="R5118" s="5" t="s">
        <v>1523</v>
      </c>
      <c r="S5118" s="5" t="s">
        <v>42</v>
      </c>
      <c r="T5118" s="2">
        <v>3.4609999999999999</v>
      </c>
      <c r="U5118" s="2">
        <v>2.6930000000000001</v>
      </c>
      <c r="V5118" s="2">
        <v>2.1000000000000001E-2</v>
      </c>
      <c r="W5118" s="2">
        <v>165.1</v>
      </c>
      <c r="X5118" s="2">
        <v>7.6</v>
      </c>
      <c r="Y5118" s="2">
        <v>16.7</v>
      </c>
      <c r="Z5118" s="5"/>
      <c r="AA5118" s="5" t="s">
        <v>43</v>
      </c>
      <c r="AB5118" s="5" t="s">
        <v>44</v>
      </c>
      <c r="AC5118" s="2"/>
      <c r="AD5118" s="1"/>
    </row>
    <row r="5119" spans="1:30">
      <c r="A5119" s="5" t="s">
        <v>83578</v>
      </c>
      <c r="B5119" s="2" t="s">
        <v>98959</v>
      </c>
      <c r="C5119" s="14" t="s">
        <v>98960</v>
      </c>
      <c r="D5119" s="2" t="s">
        <v>98961</v>
      </c>
      <c r="E5119" s="2" t="s">
        <v>7507</v>
      </c>
      <c r="F5119" s="8">
        <v>293</v>
      </c>
      <c r="G5119" s="5">
        <v>6</v>
      </c>
      <c r="H5119" s="5" t="s">
        <v>1518</v>
      </c>
      <c r="I5119" s="5" t="s">
        <v>40939</v>
      </c>
      <c r="J5119" s="2" t="s">
        <v>40940</v>
      </c>
      <c r="K5119" s="5" t="s">
        <v>40939</v>
      </c>
      <c r="L5119" s="2" t="s">
        <v>40940</v>
      </c>
      <c r="M5119" s="5" t="s">
        <v>36266</v>
      </c>
      <c r="N5119" s="5" t="s">
        <v>38</v>
      </c>
      <c r="O5119" s="5" t="s">
        <v>39</v>
      </c>
      <c r="P5119" s="5" t="s">
        <v>40</v>
      </c>
      <c r="Q5119" s="5" t="s">
        <v>1522</v>
      </c>
      <c r="R5119" s="5" t="s">
        <v>1523</v>
      </c>
      <c r="S5119" s="5" t="s">
        <v>42</v>
      </c>
      <c r="T5119" s="2">
        <v>3.5779999999999998</v>
      </c>
      <c r="U5119" s="2">
        <v>2.81</v>
      </c>
      <c r="V5119" s="2">
        <v>2.1000000000000001E-2</v>
      </c>
      <c r="W5119" s="2">
        <v>165.1</v>
      </c>
      <c r="X5119" s="2">
        <v>7.6</v>
      </c>
      <c r="Y5119" s="2">
        <v>16.7</v>
      </c>
      <c r="Z5119" s="5"/>
      <c r="AA5119" s="5" t="s">
        <v>43</v>
      </c>
      <c r="AB5119" s="5" t="s">
        <v>44</v>
      </c>
      <c r="AC5119" s="2"/>
      <c r="AD5119" s="1"/>
    </row>
    <row r="5120" spans="1:30">
      <c r="A5120" s="5" t="s">
        <v>83578</v>
      </c>
      <c r="B5120" s="2" t="s">
        <v>98962</v>
      </c>
      <c r="C5120" s="14" t="s">
        <v>98963</v>
      </c>
      <c r="D5120" s="2" t="s">
        <v>98964</v>
      </c>
      <c r="E5120" s="2" t="s">
        <v>41023</v>
      </c>
      <c r="F5120" s="8">
        <v>318</v>
      </c>
      <c r="G5120" s="5">
        <v>6</v>
      </c>
      <c r="H5120" s="5" t="s">
        <v>1518</v>
      </c>
      <c r="I5120" s="5" t="s">
        <v>40939</v>
      </c>
      <c r="J5120" s="2" t="s">
        <v>40940</v>
      </c>
      <c r="K5120" s="5" t="s">
        <v>40939</v>
      </c>
      <c r="L5120" s="2" t="s">
        <v>40940</v>
      </c>
      <c r="M5120" s="5" t="s">
        <v>36266</v>
      </c>
      <c r="N5120" s="5" t="s">
        <v>38</v>
      </c>
      <c r="O5120" s="5" t="s">
        <v>39</v>
      </c>
      <c r="P5120" s="5" t="s">
        <v>40</v>
      </c>
      <c r="Q5120" s="5" t="s">
        <v>1522</v>
      </c>
      <c r="R5120" s="5" t="s">
        <v>1523</v>
      </c>
      <c r="S5120" s="5" t="s">
        <v>42</v>
      </c>
      <c r="T5120" s="2">
        <v>3.4039999999999999</v>
      </c>
      <c r="U5120" s="2">
        <v>2.6360000000000001</v>
      </c>
      <c r="V5120" s="2">
        <v>2.1000000000000001E-2</v>
      </c>
      <c r="W5120" s="2">
        <v>165.1</v>
      </c>
      <c r="X5120" s="2">
        <v>7.6</v>
      </c>
      <c r="Y5120" s="2">
        <v>16.7</v>
      </c>
      <c r="Z5120" s="5"/>
      <c r="AA5120" s="5" t="s">
        <v>43</v>
      </c>
      <c r="AB5120" s="5" t="s">
        <v>44</v>
      </c>
      <c r="AC5120" s="2"/>
      <c r="AD5120" s="1"/>
    </row>
    <row r="5121" spans="1:30">
      <c r="A5121" s="5" t="s">
        <v>83578</v>
      </c>
      <c r="B5121" s="2" t="s">
        <v>98965</v>
      </c>
      <c r="C5121" s="14" t="s">
        <v>98966</v>
      </c>
      <c r="D5121" s="2" t="s">
        <v>98967</v>
      </c>
      <c r="E5121" s="2" t="s">
        <v>41031</v>
      </c>
      <c r="F5121" s="8">
        <v>318</v>
      </c>
      <c r="G5121" s="5">
        <v>6</v>
      </c>
      <c r="H5121" s="5" t="s">
        <v>1518</v>
      </c>
      <c r="I5121" s="5" t="s">
        <v>40939</v>
      </c>
      <c r="J5121" s="2" t="s">
        <v>40940</v>
      </c>
      <c r="K5121" s="5" t="s">
        <v>40939</v>
      </c>
      <c r="L5121" s="2" t="s">
        <v>40940</v>
      </c>
      <c r="M5121" s="5" t="s">
        <v>36266</v>
      </c>
      <c r="N5121" s="5" t="s">
        <v>38</v>
      </c>
      <c r="O5121" s="5" t="s">
        <v>39</v>
      </c>
      <c r="P5121" s="5" t="s">
        <v>40</v>
      </c>
      <c r="Q5121" s="5" t="s">
        <v>1522</v>
      </c>
      <c r="R5121" s="5" t="s">
        <v>1523</v>
      </c>
      <c r="S5121" s="5" t="s">
        <v>42</v>
      </c>
      <c r="T5121" s="2">
        <v>3.4039999999999999</v>
      </c>
      <c r="U5121" s="2">
        <v>2.6360000000000001</v>
      </c>
      <c r="V5121" s="2">
        <v>2.1000000000000001E-2</v>
      </c>
      <c r="W5121" s="2">
        <v>165.1</v>
      </c>
      <c r="X5121" s="2">
        <v>7.6</v>
      </c>
      <c r="Y5121" s="2">
        <v>16.7</v>
      </c>
      <c r="Z5121" s="5"/>
      <c r="AA5121" s="5" t="s">
        <v>43</v>
      </c>
      <c r="AB5121" s="5" t="s">
        <v>44</v>
      </c>
      <c r="AC5121" s="2"/>
      <c r="AD5121" s="1"/>
    </row>
    <row r="5122" spans="1:30">
      <c r="A5122" s="5" t="s">
        <v>83578</v>
      </c>
      <c r="B5122" s="2" t="s">
        <v>98968</v>
      </c>
      <c r="C5122" s="14" t="s">
        <v>98969</v>
      </c>
      <c r="D5122" s="2" t="s">
        <v>98970</v>
      </c>
      <c r="E5122" s="2" t="s">
        <v>41035</v>
      </c>
      <c r="F5122" s="8">
        <v>318</v>
      </c>
      <c r="G5122" s="5">
        <v>6</v>
      </c>
      <c r="H5122" s="5" t="s">
        <v>1518</v>
      </c>
      <c r="I5122" s="5" t="s">
        <v>40939</v>
      </c>
      <c r="J5122" s="2" t="s">
        <v>40940</v>
      </c>
      <c r="K5122" s="5" t="s">
        <v>40939</v>
      </c>
      <c r="L5122" s="2" t="s">
        <v>40940</v>
      </c>
      <c r="M5122" s="5" t="s">
        <v>36266</v>
      </c>
      <c r="N5122" s="5" t="s">
        <v>38</v>
      </c>
      <c r="O5122" s="5" t="s">
        <v>39</v>
      </c>
      <c r="P5122" s="5" t="s">
        <v>40</v>
      </c>
      <c r="Q5122" s="5" t="s">
        <v>1522</v>
      </c>
      <c r="R5122" s="5" t="s">
        <v>1523</v>
      </c>
      <c r="S5122" s="5" t="s">
        <v>42</v>
      </c>
      <c r="T5122" s="2">
        <v>3.5209999999999999</v>
      </c>
      <c r="U5122" s="2">
        <v>2.7530000000000001</v>
      </c>
      <c r="V5122" s="2">
        <v>2.1000000000000001E-2</v>
      </c>
      <c r="W5122" s="2">
        <v>165.1</v>
      </c>
      <c r="X5122" s="2">
        <v>7.6</v>
      </c>
      <c r="Y5122" s="2">
        <v>16.7</v>
      </c>
      <c r="Z5122" s="5"/>
      <c r="AA5122" s="5" t="s">
        <v>43</v>
      </c>
      <c r="AB5122" s="5" t="s">
        <v>44</v>
      </c>
      <c r="AC5122" s="2"/>
      <c r="AD5122" s="1"/>
    </row>
    <row r="5123" spans="1:30">
      <c r="A5123" s="5" t="s">
        <v>83578</v>
      </c>
      <c r="B5123" s="2" t="s">
        <v>98971</v>
      </c>
      <c r="C5123" s="14" t="s">
        <v>98972</v>
      </c>
      <c r="D5123" s="2" t="s">
        <v>98973</v>
      </c>
      <c r="E5123" s="2" t="s">
        <v>7449</v>
      </c>
      <c r="F5123" s="8">
        <v>318</v>
      </c>
      <c r="G5123" s="5">
        <v>6</v>
      </c>
      <c r="H5123" s="5" t="s">
        <v>1518</v>
      </c>
      <c r="I5123" s="5" t="s">
        <v>40939</v>
      </c>
      <c r="J5123" s="2" t="s">
        <v>40940</v>
      </c>
      <c r="K5123" s="5" t="s">
        <v>40939</v>
      </c>
      <c r="L5123" s="2" t="s">
        <v>40940</v>
      </c>
      <c r="M5123" s="5" t="s">
        <v>36266</v>
      </c>
      <c r="N5123" s="5" t="s">
        <v>38</v>
      </c>
      <c r="O5123" s="5" t="s">
        <v>39</v>
      </c>
      <c r="P5123" s="5" t="s">
        <v>40</v>
      </c>
      <c r="Q5123" s="5" t="s">
        <v>1522</v>
      </c>
      <c r="R5123" s="5" t="s">
        <v>1523</v>
      </c>
      <c r="S5123" s="5" t="s">
        <v>42</v>
      </c>
      <c r="T5123" s="2">
        <v>3.4039999999999999</v>
      </c>
      <c r="U5123" s="2">
        <v>2.6360000000000001</v>
      </c>
      <c r="V5123" s="2">
        <v>2.1000000000000001E-2</v>
      </c>
      <c r="W5123" s="2">
        <v>165.1</v>
      </c>
      <c r="X5123" s="2">
        <v>7.6</v>
      </c>
      <c r="Y5123" s="2">
        <v>16.7</v>
      </c>
      <c r="Z5123" s="5"/>
      <c r="AA5123" s="5" t="s">
        <v>43</v>
      </c>
      <c r="AB5123" s="5" t="s">
        <v>44</v>
      </c>
      <c r="AC5123" s="2"/>
      <c r="AD5123" s="1"/>
    </row>
    <row r="5124" spans="1:30">
      <c r="A5124" s="5" t="s">
        <v>83578</v>
      </c>
      <c r="B5124" s="2" t="s">
        <v>98974</v>
      </c>
      <c r="C5124" s="14" t="s">
        <v>98975</v>
      </c>
      <c r="D5124" s="2" t="s">
        <v>98976</v>
      </c>
      <c r="E5124" s="2" t="s">
        <v>7581</v>
      </c>
      <c r="F5124" s="8">
        <v>318</v>
      </c>
      <c r="G5124" s="5">
        <v>6</v>
      </c>
      <c r="H5124" s="5" t="s">
        <v>1518</v>
      </c>
      <c r="I5124" s="5" t="s">
        <v>40939</v>
      </c>
      <c r="J5124" s="2" t="s">
        <v>40940</v>
      </c>
      <c r="K5124" s="5" t="s">
        <v>40939</v>
      </c>
      <c r="L5124" s="2" t="s">
        <v>40940</v>
      </c>
      <c r="M5124" s="5" t="s">
        <v>36266</v>
      </c>
      <c r="N5124" s="5" t="s">
        <v>38</v>
      </c>
      <c r="O5124" s="5" t="s">
        <v>39</v>
      </c>
      <c r="P5124" s="5" t="s">
        <v>40</v>
      </c>
      <c r="Q5124" s="5" t="s">
        <v>1522</v>
      </c>
      <c r="R5124" s="5" t="s">
        <v>1523</v>
      </c>
      <c r="S5124" s="5" t="s">
        <v>42</v>
      </c>
      <c r="T5124" s="2">
        <v>3.5209999999999999</v>
      </c>
      <c r="U5124" s="2">
        <v>2.7530000000000001</v>
      </c>
      <c r="V5124" s="2">
        <v>2.1000000000000001E-2</v>
      </c>
      <c r="W5124" s="2">
        <v>165.1</v>
      </c>
      <c r="X5124" s="2">
        <v>7.6</v>
      </c>
      <c r="Y5124" s="2">
        <v>16.7</v>
      </c>
      <c r="Z5124" s="5"/>
      <c r="AA5124" s="5" t="s">
        <v>43</v>
      </c>
      <c r="AB5124" s="5" t="s">
        <v>44</v>
      </c>
      <c r="AC5124" s="2"/>
      <c r="AD5124" s="1"/>
    </row>
    <row r="5125" spans="1:30">
      <c r="A5125" s="5" t="s">
        <v>83578</v>
      </c>
      <c r="B5125" s="2" t="s">
        <v>98977</v>
      </c>
      <c r="C5125" s="14" t="s">
        <v>98978</v>
      </c>
      <c r="D5125" s="2" t="s">
        <v>98979</v>
      </c>
      <c r="E5125" s="2" t="s">
        <v>41045</v>
      </c>
      <c r="F5125" s="8">
        <v>318</v>
      </c>
      <c r="G5125" s="5">
        <v>6</v>
      </c>
      <c r="H5125" s="5" t="s">
        <v>1518</v>
      </c>
      <c r="I5125" s="5" t="s">
        <v>40939</v>
      </c>
      <c r="J5125" s="2" t="s">
        <v>40940</v>
      </c>
      <c r="K5125" s="5" t="s">
        <v>40939</v>
      </c>
      <c r="L5125" s="2" t="s">
        <v>40940</v>
      </c>
      <c r="M5125" s="5" t="s">
        <v>36266</v>
      </c>
      <c r="N5125" s="5" t="s">
        <v>38</v>
      </c>
      <c r="O5125" s="5" t="s">
        <v>39</v>
      </c>
      <c r="P5125" s="5" t="s">
        <v>40</v>
      </c>
      <c r="Q5125" s="5" t="s">
        <v>1522</v>
      </c>
      <c r="R5125" s="5" t="s">
        <v>1523</v>
      </c>
      <c r="S5125" s="5" t="s">
        <v>42</v>
      </c>
      <c r="T5125" s="2">
        <v>3.4729999999999999</v>
      </c>
      <c r="U5125" s="2">
        <v>2.7050000000000001</v>
      </c>
      <c r="V5125" s="2">
        <v>2.1000000000000001E-2</v>
      </c>
      <c r="W5125" s="2">
        <v>165.1</v>
      </c>
      <c r="X5125" s="2">
        <v>7.6</v>
      </c>
      <c r="Y5125" s="2">
        <v>16.7</v>
      </c>
      <c r="Z5125" s="5"/>
      <c r="AA5125" s="5" t="s">
        <v>43</v>
      </c>
      <c r="AB5125" s="5" t="s">
        <v>44</v>
      </c>
      <c r="AC5125" s="2"/>
      <c r="AD5125" s="1"/>
    </row>
    <row r="5126" spans="1:30">
      <c r="A5126" s="5" t="s">
        <v>83578</v>
      </c>
      <c r="B5126" s="2" t="s">
        <v>98980</v>
      </c>
      <c r="C5126" s="14" t="s">
        <v>98981</v>
      </c>
      <c r="D5126" s="2" t="s">
        <v>98982</v>
      </c>
      <c r="E5126" s="2" t="s">
        <v>41049</v>
      </c>
      <c r="F5126" s="8">
        <v>318</v>
      </c>
      <c r="G5126" s="5">
        <v>6</v>
      </c>
      <c r="H5126" s="5" t="s">
        <v>1518</v>
      </c>
      <c r="I5126" s="5" t="s">
        <v>40939</v>
      </c>
      <c r="J5126" s="2" t="s">
        <v>40940</v>
      </c>
      <c r="K5126" s="5" t="s">
        <v>40939</v>
      </c>
      <c r="L5126" s="2" t="s">
        <v>40940</v>
      </c>
      <c r="M5126" s="5" t="s">
        <v>36266</v>
      </c>
      <c r="N5126" s="5" t="s">
        <v>38</v>
      </c>
      <c r="O5126" s="5" t="s">
        <v>39</v>
      </c>
      <c r="P5126" s="5" t="s">
        <v>40</v>
      </c>
      <c r="Q5126" s="5" t="s">
        <v>1522</v>
      </c>
      <c r="R5126" s="5" t="s">
        <v>1523</v>
      </c>
      <c r="S5126" s="5" t="s">
        <v>42</v>
      </c>
      <c r="T5126" s="2">
        <v>3.59</v>
      </c>
      <c r="U5126" s="2">
        <v>2.8220000000000001</v>
      </c>
      <c r="V5126" s="2">
        <v>2.1000000000000001E-2</v>
      </c>
      <c r="W5126" s="2">
        <v>165.1</v>
      </c>
      <c r="X5126" s="2">
        <v>7.6</v>
      </c>
      <c r="Y5126" s="2">
        <v>16.7</v>
      </c>
      <c r="Z5126" s="5"/>
      <c r="AA5126" s="5" t="s">
        <v>43</v>
      </c>
      <c r="AB5126" s="5" t="s">
        <v>44</v>
      </c>
      <c r="AC5126" s="2"/>
      <c r="AD5126" s="1"/>
    </row>
    <row r="5127" spans="1:30">
      <c r="A5127" s="5" t="s">
        <v>83578</v>
      </c>
      <c r="B5127" s="2" t="s">
        <v>98983</v>
      </c>
      <c r="C5127" s="14" t="s">
        <v>98984</v>
      </c>
      <c r="D5127" s="2" t="s">
        <v>98985</v>
      </c>
      <c r="E5127" s="2" t="s">
        <v>47266</v>
      </c>
      <c r="F5127" s="8">
        <v>300</v>
      </c>
      <c r="G5127" s="5">
        <v>6</v>
      </c>
      <c r="H5127" s="5" t="s">
        <v>1518</v>
      </c>
      <c r="I5127" s="5" t="s">
        <v>40939</v>
      </c>
      <c r="J5127" s="2" t="s">
        <v>40940</v>
      </c>
      <c r="K5127" s="5" t="s">
        <v>40939</v>
      </c>
      <c r="L5127" s="2" t="s">
        <v>40940</v>
      </c>
      <c r="M5127" s="5" t="s">
        <v>36266</v>
      </c>
      <c r="N5127" s="5" t="s">
        <v>38</v>
      </c>
      <c r="O5127" s="5" t="s">
        <v>39</v>
      </c>
      <c r="P5127" s="5" t="s">
        <v>40</v>
      </c>
      <c r="Q5127" s="5" t="s">
        <v>1522</v>
      </c>
      <c r="R5127" s="5" t="s">
        <v>1523</v>
      </c>
      <c r="S5127" s="5" t="s">
        <v>42</v>
      </c>
      <c r="T5127" s="2">
        <v>2.7890000000000001</v>
      </c>
      <c r="U5127" s="2">
        <v>2.254</v>
      </c>
      <c r="V5127" s="2">
        <v>1.4999999999999999E-2</v>
      </c>
      <c r="W5127" s="2">
        <v>118.9</v>
      </c>
      <c r="X5127" s="2">
        <v>7.6</v>
      </c>
      <c r="Y5127" s="2">
        <v>16.7</v>
      </c>
      <c r="Z5127" s="5"/>
      <c r="AA5127" s="5" t="s">
        <v>43</v>
      </c>
      <c r="AB5127" s="5" t="s">
        <v>44</v>
      </c>
      <c r="AC5127" s="2"/>
      <c r="AD5127" s="1"/>
    </row>
    <row r="5128" spans="1:30">
      <c r="A5128" s="5" t="s">
        <v>83578</v>
      </c>
      <c r="B5128" s="2" t="s">
        <v>98986</v>
      </c>
      <c r="C5128" s="14" t="s">
        <v>98987</v>
      </c>
      <c r="D5128" s="2" t="s">
        <v>98988</v>
      </c>
      <c r="E5128" s="2" t="s">
        <v>47195</v>
      </c>
      <c r="F5128" s="8">
        <v>300</v>
      </c>
      <c r="G5128" s="5">
        <v>6</v>
      </c>
      <c r="H5128" s="5" t="s">
        <v>1518</v>
      </c>
      <c r="I5128" s="5" t="s">
        <v>40939</v>
      </c>
      <c r="J5128" s="2" t="s">
        <v>40940</v>
      </c>
      <c r="K5128" s="5" t="s">
        <v>40939</v>
      </c>
      <c r="L5128" s="2" t="s">
        <v>40940</v>
      </c>
      <c r="M5128" s="5" t="s">
        <v>36266</v>
      </c>
      <c r="N5128" s="5" t="s">
        <v>38</v>
      </c>
      <c r="O5128" s="5" t="s">
        <v>39</v>
      </c>
      <c r="P5128" s="5" t="s">
        <v>40</v>
      </c>
      <c r="Q5128" s="5" t="s">
        <v>1522</v>
      </c>
      <c r="R5128" s="5" t="s">
        <v>1523</v>
      </c>
      <c r="S5128" s="5" t="s">
        <v>42</v>
      </c>
      <c r="T5128" s="2">
        <v>2.8639999999999999</v>
      </c>
      <c r="U5128" s="2">
        <v>2.3290000000000002</v>
      </c>
      <c r="V5128" s="2">
        <v>1.4999999999999999E-2</v>
      </c>
      <c r="W5128" s="2">
        <v>118.9</v>
      </c>
      <c r="X5128" s="2">
        <v>7.6</v>
      </c>
      <c r="Y5128" s="2">
        <v>16.7</v>
      </c>
      <c r="Z5128" s="5"/>
      <c r="AA5128" s="5" t="s">
        <v>43</v>
      </c>
      <c r="AB5128" s="5" t="s">
        <v>44</v>
      </c>
      <c r="AC5128" s="2"/>
      <c r="AD5128" s="1"/>
    </row>
    <row r="5129" spans="1:30">
      <c r="A5129" s="5" t="s">
        <v>83578</v>
      </c>
      <c r="B5129" s="2" t="s">
        <v>98989</v>
      </c>
      <c r="C5129" s="14" t="s">
        <v>98990</v>
      </c>
      <c r="D5129" s="2" t="s">
        <v>98991</v>
      </c>
      <c r="E5129" s="2" t="s">
        <v>47226</v>
      </c>
      <c r="F5129" s="8">
        <v>300</v>
      </c>
      <c r="G5129" s="5">
        <v>6</v>
      </c>
      <c r="H5129" s="5" t="s">
        <v>1518</v>
      </c>
      <c r="I5129" s="5" t="s">
        <v>40939</v>
      </c>
      <c r="J5129" s="2" t="s">
        <v>40940</v>
      </c>
      <c r="K5129" s="5" t="s">
        <v>40939</v>
      </c>
      <c r="L5129" s="2" t="s">
        <v>40940</v>
      </c>
      <c r="M5129" s="5" t="s">
        <v>36266</v>
      </c>
      <c r="N5129" s="5" t="s">
        <v>38</v>
      </c>
      <c r="O5129" s="5" t="s">
        <v>39</v>
      </c>
      <c r="P5129" s="5" t="s">
        <v>40</v>
      </c>
      <c r="Q5129" s="5" t="s">
        <v>1522</v>
      </c>
      <c r="R5129" s="5" t="s">
        <v>1523</v>
      </c>
      <c r="S5129" s="5" t="s">
        <v>42</v>
      </c>
      <c r="T5129" s="2">
        <v>2.7970000000000002</v>
      </c>
      <c r="U5129" s="2">
        <v>2.262</v>
      </c>
      <c r="V5129" s="2">
        <v>1.4999999999999999E-2</v>
      </c>
      <c r="W5129" s="2">
        <v>118.9</v>
      </c>
      <c r="X5129" s="2">
        <v>7.6</v>
      </c>
      <c r="Y5129" s="2">
        <v>16.7</v>
      </c>
      <c r="Z5129" s="5"/>
      <c r="AA5129" s="5" t="s">
        <v>43</v>
      </c>
      <c r="AB5129" s="5" t="s">
        <v>44</v>
      </c>
      <c r="AC5129" s="2"/>
      <c r="AD5129" s="1"/>
    </row>
    <row r="5130" spans="1:30">
      <c r="A5130" s="5" t="s">
        <v>83578</v>
      </c>
      <c r="B5130" s="2" t="s">
        <v>98992</v>
      </c>
      <c r="C5130" s="14" t="s">
        <v>98993</v>
      </c>
      <c r="D5130" s="2" t="s">
        <v>98994</v>
      </c>
      <c r="E5130" s="2" t="s">
        <v>47735</v>
      </c>
      <c r="F5130" s="8">
        <v>300</v>
      </c>
      <c r="G5130" s="5">
        <v>6</v>
      </c>
      <c r="H5130" s="5" t="s">
        <v>1518</v>
      </c>
      <c r="I5130" s="5" t="s">
        <v>40939</v>
      </c>
      <c r="J5130" s="2" t="s">
        <v>40940</v>
      </c>
      <c r="K5130" s="5" t="s">
        <v>40939</v>
      </c>
      <c r="L5130" s="2" t="s">
        <v>40940</v>
      </c>
      <c r="M5130" s="5" t="s">
        <v>36266</v>
      </c>
      <c r="N5130" s="5" t="s">
        <v>38</v>
      </c>
      <c r="O5130" s="5" t="s">
        <v>39</v>
      </c>
      <c r="P5130" s="5" t="s">
        <v>40</v>
      </c>
      <c r="Q5130" s="5" t="s">
        <v>1522</v>
      </c>
      <c r="R5130" s="5" t="s">
        <v>1523</v>
      </c>
      <c r="S5130" s="5" t="s">
        <v>42</v>
      </c>
      <c r="T5130" s="2">
        <v>2.8719999999999999</v>
      </c>
      <c r="U5130" s="2">
        <v>2.3370000000000002</v>
      </c>
      <c r="V5130" s="2">
        <v>1.4999999999999999E-2</v>
      </c>
      <c r="W5130" s="2">
        <v>118.9</v>
      </c>
      <c r="X5130" s="2">
        <v>7.6</v>
      </c>
      <c r="Y5130" s="2">
        <v>16.7</v>
      </c>
      <c r="Z5130" s="5"/>
      <c r="AA5130" s="5" t="s">
        <v>43</v>
      </c>
      <c r="AB5130" s="5" t="s">
        <v>44</v>
      </c>
      <c r="AC5130" s="2"/>
      <c r="AD5130" s="1"/>
    </row>
    <row r="5131" spans="1:30">
      <c r="A5131" s="5" t="s">
        <v>83578</v>
      </c>
      <c r="B5131" s="2" t="s">
        <v>98995</v>
      </c>
      <c r="C5131" s="14" t="s">
        <v>98996</v>
      </c>
      <c r="D5131" s="2" t="s">
        <v>98997</v>
      </c>
      <c r="E5131" s="2" t="s">
        <v>7539</v>
      </c>
      <c r="F5131" s="8">
        <v>300</v>
      </c>
      <c r="G5131" s="5">
        <v>6</v>
      </c>
      <c r="H5131" s="5" t="s">
        <v>1518</v>
      </c>
      <c r="I5131" s="5" t="s">
        <v>40939</v>
      </c>
      <c r="J5131" s="2" t="s">
        <v>40940</v>
      </c>
      <c r="K5131" s="5" t="s">
        <v>40939</v>
      </c>
      <c r="L5131" s="2" t="s">
        <v>40940</v>
      </c>
      <c r="M5131" s="5" t="s">
        <v>36266</v>
      </c>
      <c r="N5131" s="5" t="s">
        <v>38</v>
      </c>
      <c r="O5131" s="5" t="s">
        <v>39</v>
      </c>
      <c r="P5131" s="5" t="s">
        <v>40</v>
      </c>
      <c r="Q5131" s="5" t="s">
        <v>1522</v>
      </c>
      <c r="R5131" s="5" t="s">
        <v>1523</v>
      </c>
      <c r="S5131" s="5" t="s">
        <v>42</v>
      </c>
      <c r="T5131" s="2">
        <v>2.758</v>
      </c>
      <c r="U5131" s="2">
        <v>2.2229999999999999</v>
      </c>
      <c r="V5131" s="2">
        <v>1.4999999999999999E-2</v>
      </c>
      <c r="W5131" s="2">
        <v>118.9</v>
      </c>
      <c r="X5131" s="2">
        <v>7.6</v>
      </c>
      <c r="Y5131" s="2">
        <v>16.7</v>
      </c>
      <c r="Z5131" s="5"/>
      <c r="AA5131" s="5" t="s">
        <v>43</v>
      </c>
      <c r="AB5131" s="5" t="s">
        <v>44</v>
      </c>
      <c r="AC5131" s="2"/>
      <c r="AD5131" s="1"/>
    </row>
    <row r="5132" spans="1:30">
      <c r="A5132" s="5" t="s">
        <v>83578</v>
      </c>
      <c r="B5132" s="2" t="s">
        <v>98998</v>
      </c>
      <c r="C5132" s="14" t="s">
        <v>98999</v>
      </c>
      <c r="D5132" s="2" t="s">
        <v>99000</v>
      </c>
      <c r="E5132" s="2" t="s">
        <v>7543</v>
      </c>
      <c r="F5132" s="8">
        <v>300</v>
      </c>
      <c r="G5132" s="5">
        <v>6</v>
      </c>
      <c r="H5132" s="5" t="s">
        <v>1518</v>
      </c>
      <c r="I5132" s="5" t="s">
        <v>40939</v>
      </c>
      <c r="J5132" s="2" t="s">
        <v>40940</v>
      </c>
      <c r="K5132" s="5" t="s">
        <v>40939</v>
      </c>
      <c r="L5132" s="2" t="s">
        <v>40940</v>
      </c>
      <c r="M5132" s="5" t="s">
        <v>36266</v>
      </c>
      <c r="N5132" s="5" t="s">
        <v>38</v>
      </c>
      <c r="O5132" s="5" t="s">
        <v>39</v>
      </c>
      <c r="P5132" s="5" t="s">
        <v>40</v>
      </c>
      <c r="Q5132" s="5" t="s">
        <v>1522</v>
      </c>
      <c r="R5132" s="5" t="s">
        <v>1523</v>
      </c>
      <c r="S5132" s="5" t="s">
        <v>42</v>
      </c>
      <c r="T5132" s="2">
        <v>2.8330000000000002</v>
      </c>
      <c r="U5132" s="2">
        <v>2.298</v>
      </c>
      <c r="V5132" s="2">
        <v>1.4999999999999999E-2</v>
      </c>
      <c r="W5132" s="2">
        <v>118.9</v>
      </c>
      <c r="X5132" s="2">
        <v>7.6</v>
      </c>
      <c r="Y5132" s="2">
        <v>16.7</v>
      </c>
      <c r="Z5132" s="5"/>
      <c r="AA5132" s="5" t="s">
        <v>43</v>
      </c>
      <c r="AB5132" s="5" t="s">
        <v>44</v>
      </c>
      <c r="AC5132" s="2"/>
      <c r="AD5132" s="1"/>
    </row>
    <row r="5133" spans="1:30">
      <c r="A5133" s="5" t="s">
        <v>83578</v>
      </c>
      <c r="B5133" s="2" t="s">
        <v>99001</v>
      </c>
      <c r="C5133" s="14" t="s">
        <v>99002</v>
      </c>
      <c r="D5133" s="2" t="s">
        <v>99003</v>
      </c>
      <c r="E5133" s="2" t="s">
        <v>40997</v>
      </c>
      <c r="F5133" s="8">
        <v>300</v>
      </c>
      <c r="G5133" s="5">
        <v>6</v>
      </c>
      <c r="H5133" s="5" t="s">
        <v>1518</v>
      </c>
      <c r="I5133" s="5" t="s">
        <v>40939</v>
      </c>
      <c r="J5133" s="2" t="s">
        <v>40940</v>
      </c>
      <c r="K5133" s="5" t="s">
        <v>40939</v>
      </c>
      <c r="L5133" s="2" t="s">
        <v>40940</v>
      </c>
      <c r="M5133" s="5" t="s">
        <v>36266</v>
      </c>
      <c r="N5133" s="5" t="s">
        <v>38</v>
      </c>
      <c r="O5133" s="5" t="s">
        <v>39</v>
      </c>
      <c r="P5133" s="5" t="s">
        <v>40</v>
      </c>
      <c r="Q5133" s="5" t="s">
        <v>1522</v>
      </c>
      <c r="R5133" s="5" t="s">
        <v>1523</v>
      </c>
      <c r="S5133" s="5" t="s">
        <v>42</v>
      </c>
      <c r="T5133" s="2">
        <v>2.766</v>
      </c>
      <c r="U5133" s="2">
        <v>2.2309999999999999</v>
      </c>
      <c r="V5133" s="2">
        <v>1.4999999999999999E-2</v>
      </c>
      <c r="W5133" s="2">
        <v>118.9</v>
      </c>
      <c r="X5133" s="2">
        <v>7.6</v>
      </c>
      <c r="Y5133" s="2">
        <v>16.7</v>
      </c>
      <c r="Z5133" s="5"/>
      <c r="AA5133" s="5" t="s">
        <v>43</v>
      </c>
      <c r="AB5133" s="5" t="s">
        <v>44</v>
      </c>
      <c r="AC5133" s="2"/>
      <c r="AD5133" s="1"/>
    </row>
    <row r="5134" spans="1:30">
      <c r="A5134" s="5" t="s">
        <v>83578</v>
      </c>
      <c r="B5134" s="2" t="s">
        <v>99004</v>
      </c>
      <c r="C5134" s="14" t="s">
        <v>99005</v>
      </c>
      <c r="D5134" s="2" t="s">
        <v>99006</v>
      </c>
      <c r="E5134" s="2" t="s">
        <v>41267</v>
      </c>
      <c r="F5134" s="8">
        <v>300</v>
      </c>
      <c r="G5134" s="5">
        <v>6</v>
      </c>
      <c r="H5134" s="5" t="s">
        <v>1518</v>
      </c>
      <c r="I5134" s="5" t="s">
        <v>40939</v>
      </c>
      <c r="J5134" s="2" t="s">
        <v>40940</v>
      </c>
      <c r="K5134" s="5" t="s">
        <v>40939</v>
      </c>
      <c r="L5134" s="2" t="s">
        <v>40940</v>
      </c>
      <c r="M5134" s="5" t="s">
        <v>36266</v>
      </c>
      <c r="N5134" s="5" t="s">
        <v>38</v>
      </c>
      <c r="O5134" s="5" t="s">
        <v>39</v>
      </c>
      <c r="P5134" s="5" t="s">
        <v>40</v>
      </c>
      <c r="Q5134" s="5" t="s">
        <v>1522</v>
      </c>
      <c r="R5134" s="5" t="s">
        <v>1523</v>
      </c>
      <c r="S5134" s="5" t="s">
        <v>42</v>
      </c>
      <c r="T5134" s="2">
        <v>2.8410000000000002</v>
      </c>
      <c r="U5134" s="2">
        <v>2.306</v>
      </c>
      <c r="V5134" s="2">
        <v>1.4999999999999999E-2</v>
      </c>
      <c r="W5134" s="2">
        <v>118.9</v>
      </c>
      <c r="X5134" s="2">
        <v>7.6</v>
      </c>
      <c r="Y5134" s="2">
        <v>16.7</v>
      </c>
      <c r="Z5134" s="5"/>
      <c r="AA5134" s="5" t="s">
        <v>43</v>
      </c>
      <c r="AB5134" s="5" t="s">
        <v>44</v>
      </c>
      <c r="AC5134" s="2"/>
      <c r="AD5134" s="1"/>
    </row>
    <row r="5135" spans="1:30">
      <c r="A5135" s="5" t="s">
        <v>83578</v>
      </c>
      <c r="B5135" s="2" t="s">
        <v>99007</v>
      </c>
      <c r="C5135" s="14" t="s">
        <v>99008</v>
      </c>
      <c r="D5135" s="2" t="s">
        <v>99009</v>
      </c>
      <c r="E5135" s="2" t="s">
        <v>41001</v>
      </c>
      <c r="F5135" s="8">
        <v>300</v>
      </c>
      <c r="G5135" s="5">
        <v>6</v>
      </c>
      <c r="H5135" s="5" t="s">
        <v>1518</v>
      </c>
      <c r="I5135" s="5" t="s">
        <v>40939</v>
      </c>
      <c r="J5135" s="2" t="s">
        <v>40940</v>
      </c>
      <c r="K5135" s="5" t="s">
        <v>40939</v>
      </c>
      <c r="L5135" s="2" t="s">
        <v>40940</v>
      </c>
      <c r="M5135" s="5" t="s">
        <v>36266</v>
      </c>
      <c r="N5135" s="5" t="s">
        <v>38</v>
      </c>
      <c r="O5135" s="5" t="s">
        <v>39</v>
      </c>
      <c r="P5135" s="5" t="s">
        <v>40</v>
      </c>
      <c r="Q5135" s="5" t="s">
        <v>1522</v>
      </c>
      <c r="R5135" s="5" t="s">
        <v>1523</v>
      </c>
      <c r="S5135" s="5" t="s">
        <v>42</v>
      </c>
      <c r="T5135" s="2">
        <v>2.7970000000000002</v>
      </c>
      <c r="U5135" s="2">
        <v>2.262</v>
      </c>
      <c r="V5135" s="2">
        <v>1.4999999999999999E-2</v>
      </c>
      <c r="W5135" s="2">
        <v>118.9</v>
      </c>
      <c r="X5135" s="2">
        <v>7.6</v>
      </c>
      <c r="Y5135" s="2">
        <v>16.7</v>
      </c>
      <c r="Z5135" s="5"/>
      <c r="AA5135" s="5" t="s">
        <v>43</v>
      </c>
      <c r="AB5135" s="5" t="s">
        <v>44</v>
      </c>
      <c r="AC5135" s="2"/>
      <c r="AD5135" s="1"/>
    </row>
    <row r="5136" spans="1:30">
      <c r="A5136" s="5" t="s">
        <v>83578</v>
      </c>
      <c r="B5136" s="2" t="s">
        <v>99010</v>
      </c>
      <c r="C5136" s="14" t="s">
        <v>99011</v>
      </c>
      <c r="D5136" s="2" t="s">
        <v>99012</v>
      </c>
      <c r="E5136" s="2" t="s">
        <v>41005</v>
      </c>
      <c r="F5136" s="8">
        <v>300</v>
      </c>
      <c r="G5136" s="5">
        <v>6</v>
      </c>
      <c r="H5136" s="5" t="s">
        <v>1518</v>
      </c>
      <c r="I5136" s="5" t="s">
        <v>40939</v>
      </c>
      <c r="J5136" s="2" t="s">
        <v>40940</v>
      </c>
      <c r="K5136" s="5" t="s">
        <v>40939</v>
      </c>
      <c r="L5136" s="2" t="s">
        <v>40940</v>
      </c>
      <c r="M5136" s="5" t="s">
        <v>36266</v>
      </c>
      <c r="N5136" s="5" t="s">
        <v>38</v>
      </c>
      <c r="O5136" s="5" t="s">
        <v>39</v>
      </c>
      <c r="P5136" s="5" t="s">
        <v>40</v>
      </c>
      <c r="Q5136" s="5" t="s">
        <v>1522</v>
      </c>
      <c r="R5136" s="5" t="s">
        <v>1523</v>
      </c>
      <c r="S5136" s="5" t="s">
        <v>42</v>
      </c>
      <c r="T5136" s="2">
        <v>2.8719999999999999</v>
      </c>
      <c r="U5136" s="2">
        <v>2.3370000000000002</v>
      </c>
      <c r="V5136" s="2">
        <v>1.4999999999999999E-2</v>
      </c>
      <c r="W5136" s="2">
        <v>118.9</v>
      </c>
      <c r="X5136" s="2">
        <v>7.6</v>
      </c>
      <c r="Y5136" s="2">
        <v>16.7</v>
      </c>
      <c r="Z5136" s="5"/>
      <c r="AA5136" s="5" t="s">
        <v>43</v>
      </c>
      <c r="AB5136" s="5" t="s">
        <v>44</v>
      </c>
      <c r="AC5136" s="2"/>
      <c r="AD5136" s="1"/>
    </row>
    <row r="5137" spans="1:30">
      <c r="A5137" s="5" t="s">
        <v>83578</v>
      </c>
      <c r="B5137" s="2" t="s">
        <v>99013</v>
      </c>
      <c r="C5137" s="14" t="s">
        <v>99014</v>
      </c>
      <c r="D5137" s="2" t="s">
        <v>99015</v>
      </c>
      <c r="E5137" s="2" t="s">
        <v>41009</v>
      </c>
      <c r="F5137" s="8">
        <v>300</v>
      </c>
      <c r="G5137" s="5">
        <v>6</v>
      </c>
      <c r="H5137" s="5" t="s">
        <v>1518</v>
      </c>
      <c r="I5137" s="5" t="s">
        <v>40939</v>
      </c>
      <c r="J5137" s="2" t="s">
        <v>40940</v>
      </c>
      <c r="K5137" s="5" t="s">
        <v>40939</v>
      </c>
      <c r="L5137" s="2" t="s">
        <v>40940</v>
      </c>
      <c r="M5137" s="5" t="s">
        <v>36266</v>
      </c>
      <c r="N5137" s="5" t="s">
        <v>38</v>
      </c>
      <c r="O5137" s="5" t="s">
        <v>39</v>
      </c>
      <c r="P5137" s="5" t="s">
        <v>40</v>
      </c>
      <c r="Q5137" s="5" t="s">
        <v>1522</v>
      </c>
      <c r="R5137" s="5" t="s">
        <v>1523</v>
      </c>
      <c r="S5137" s="5" t="s">
        <v>42</v>
      </c>
      <c r="T5137" s="2">
        <v>2.8050000000000002</v>
      </c>
      <c r="U5137" s="2">
        <v>2.27</v>
      </c>
      <c r="V5137" s="2">
        <v>1.4999999999999999E-2</v>
      </c>
      <c r="W5137" s="2">
        <v>118.9</v>
      </c>
      <c r="X5137" s="2">
        <v>7.6</v>
      </c>
      <c r="Y5137" s="2">
        <v>16.7</v>
      </c>
      <c r="Z5137" s="5"/>
      <c r="AA5137" s="5" t="s">
        <v>43</v>
      </c>
      <c r="AB5137" s="5" t="s">
        <v>44</v>
      </c>
      <c r="AC5137" s="2"/>
      <c r="AD5137" s="1"/>
    </row>
    <row r="5138" spans="1:30">
      <c r="A5138" s="5" t="s">
        <v>83578</v>
      </c>
      <c r="B5138" s="2" t="s">
        <v>99016</v>
      </c>
      <c r="C5138" s="14" t="s">
        <v>99017</v>
      </c>
      <c r="D5138" s="2" t="s">
        <v>99018</v>
      </c>
      <c r="E5138" s="2" t="s">
        <v>41013</v>
      </c>
      <c r="F5138" s="8">
        <v>300</v>
      </c>
      <c r="G5138" s="5">
        <v>6</v>
      </c>
      <c r="H5138" s="5" t="s">
        <v>1518</v>
      </c>
      <c r="I5138" s="5" t="s">
        <v>40939</v>
      </c>
      <c r="J5138" s="2" t="s">
        <v>40940</v>
      </c>
      <c r="K5138" s="5" t="s">
        <v>40939</v>
      </c>
      <c r="L5138" s="2" t="s">
        <v>40940</v>
      </c>
      <c r="M5138" s="5" t="s">
        <v>36266</v>
      </c>
      <c r="N5138" s="5" t="s">
        <v>38</v>
      </c>
      <c r="O5138" s="5" t="s">
        <v>39</v>
      </c>
      <c r="P5138" s="5" t="s">
        <v>40</v>
      </c>
      <c r="Q5138" s="5" t="s">
        <v>1522</v>
      </c>
      <c r="R5138" s="5" t="s">
        <v>1523</v>
      </c>
      <c r="S5138" s="5" t="s">
        <v>42</v>
      </c>
      <c r="T5138" s="2">
        <v>2.88</v>
      </c>
      <c r="U5138" s="2">
        <v>2.3450000000000002</v>
      </c>
      <c r="V5138" s="2">
        <v>1.4999999999999999E-2</v>
      </c>
      <c r="W5138" s="2">
        <v>118.9</v>
      </c>
      <c r="X5138" s="2">
        <v>7.6</v>
      </c>
      <c r="Y5138" s="2">
        <v>16.7</v>
      </c>
      <c r="Z5138" s="5"/>
      <c r="AA5138" s="5" t="s">
        <v>43</v>
      </c>
      <c r="AB5138" s="5" t="s">
        <v>44</v>
      </c>
      <c r="AC5138" s="2"/>
      <c r="AD5138" s="1"/>
    </row>
    <row r="5139" spans="1:30">
      <c r="A5139" s="5" t="s">
        <v>83578</v>
      </c>
      <c r="B5139" s="2" t="s">
        <v>99019</v>
      </c>
      <c r="C5139" s="14" t="s">
        <v>99020</v>
      </c>
      <c r="D5139" s="2" t="s">
        <v>99021</v>
      </c>
      <c r="E5139" s="2" t="s">
        <v>41027</v>
      </c>
      <c r="F5139" s="8">
        <v>300</v>
      </c>
      <c r="G5139" s="5">
        <v>6</v>
      </c>
      <c r="H5139" s="5" t="s">
        <v>1518</v>
      </c>
      <c r="I5139" s="5" t="s">
        <v>40939</v>
      </c>
      <c r="J5139" s="2" t="s">
        <v>40940</v>
      </c>
      <c r="K5139" s="5" t="s">
        <v>40939</v>
      </c>
      <c r="L5139" s="2" t="s">
        <v>40940</v>
      </c>
      <c r="M5139" s="5" t="s">
        <v>36266</v>
      </c>
      <c r="N5139" s="5" t="s">
        <v>38</v>
      </c>
      <c r="O5139" s="5" t="s">
        <v>39</v>
      </c>
      <c r="P5139" s="5" t="s">
        <v>40</v>
      </c>
      <c r="Q5139" s="5" t="s">
        <v>1522</v>
      </c>
      <c r="R5139" s="5" t="s">
        <v>1523</v>
      </c>
      <c r="S5139" s="5" t="s">
        <v>42</v>
      </c>
      <c r="T5139" s="2">
        <v>2.8410000000000002</v>
      </c>
      <c r="U5139" s="2">
        <v>2.306</v>
      </c>
      <c r="V5139" s="2">
        <v>1.4999999999999999E-2</v>
      </c>
      <c r="W5139" s="2">
        <v>118.9</v>
      </c>
      <c r="X5139" s="2">
        <v>7.6</v>
      </c>
      <c r="Y5139" s="2">
        <v>16.7</v>
      </c>
      <c r="Z5139" s="5"/>
      <c r="AA5139" s="5" t="s">
        <v>43</v>
      </c>
      <c r="AB5139" s="5" t="s">
        <v>44</v>
      </c>
      <c r="AC5139" s="2"/>
      <c r="AD5139" s="1"/>
    </row>
    <row r="5140" spans="1:30">
      <c r="A5140" s="5" t="s">
        <v>83578</v>
      </c>
      <c r="B5140" s="2" t="s">
        <v>99022</v>
      </c>
      <c r="C5140" s="14" t="s">
        <v>99023</v>
      </c>
      <c r="D5140" s="2" t="s">
        <v>99024</v>
      </c>
      <c r="E5140" s="2" t="s">
        <v>41035</v>
      </c>
      <c r="F5140" s="8">
        <v>300</v>
      </c>
      <c r="G5140" s="5">
        <v>6</v>
      </c>
      <c r="H5140" s="5" t="s">
        <v>1518</v>
      </c>
      <c r="I5140" s="5" t="s">
        <v>40939</v>
      </c>
      <c r="J5140" s="2" t="s">
        <v>40940</v>
      </c>
      <c r="K5140" s="5" t="s">
        <v>40939</v>
      </c>
      <c r="L5140" s="2" t="s">
        <v>40940</v>
      </c>
      <c r="M5140" s="5" t="s">
        <v>36266</v>
      </c>
      <c r="N5140" s="5" t="s">
        <v>38</v>
      </c>
      <c r="O5140" s="5" t="s">
        <v>39</v>
      </c>
      <c r="P5140" s="5" t="s">
        <v>40</v>
      </c>
      <c r="Q5140" s="5" t="s">
        <v>1522</v>
      </c>
      <c r="R5140" s="5" t="s">
        <v>1523</v>
      </c>
      <c r="S5140" s="5" t="s">
        <v>42</v>
      </c>
      <c r="T5140" s="2">
        <v>2.8410000000000002</v>
      </c>
      <c r="U5140" s="2">
        <v>2.306</v>
      </c>
      <c r="V5140" s="2">
        <v>1.4999999999999999E-2</v>
      </c>
      <c r="W5140" s="2">
        <v>118.9</v>
      </c>
      <c r="X5140" s="2">
        <v>7.6</v>
      </c>
      <c r="Y5140" s="2">
        <v>16.7</v>
      </c>
      <c r="Z5140" s="5"/>
      <c r="AA5140" s="5" t="s">
        <v>43</v>
      </c>
      <c r="AB5140" s="5" t="s">
        <v>44</v>
      </c>
      <c r="AC5140" s="2"/>
      <c r="AD5140" s="1"/>
    </row>
    <row r="5141" spans="1:30">
      <c r="A5141" s="5" t="s">
        <v>83578</v>
      </c>
      <c r="B5141" s="2" t="s">
        <v>99025</v>
      </c>
      <c r="C5141" s="14" t="s">
        <v>99026</v>
      </c>
      <c r="D5141" s="2" t="s">
        <v>99027</v>
      </c>
      <c r="E5141" s="2" t="s">
        <v>7449</v>
      </c>
      <c r="F5141" s="8">
        <v>300</v>
      </c>
      <c r="G5141" s="5">
        <v>6</v>
      </c>
      <c r="H5141" s="5" t="s">
        <v>1518</v>
      </c>
      <c r="I5141" s="5" t="s">
        <v>40939</v>
      </c>
      <c r="J5141" s="2" t="s">
        <v>40940</v>
      </c>
      <c r="K5141" s="5" t="s">
        <v>40939</v>
      </c>
      <c r="L5141" s="2" t="s">
        <v>40940</v>
      </c>
      <c r="M5141" s="5" t="s">
        <v>36266</v>
      </c>
      <c r="N5141" s="5" t="s">
        <v>38</v>
      </c>
      <c r="O5141" s="5" t="s">
        <v>39</v>
      </c>
      <c r="P5141" s="5" t="s">
        <v>40</v>
      </c>
      <c r="Q5141" s="5" t="s">
        <v>1522</v>
      </c>
      <c r="R5141" s="5" t="s">
        <v>1523</v>
      </c>
      <c r="S5141" s="5" t="s">
        <v>42</v>
      </c>
      <c r="T5141" s="2">
        <v>2.766</v>
      </c>
      <c r="U5141" s="2">
        <v>2.2309999999999999</v>
      </c>
      <c r="V5141" s="2">
        <v>1.4999999999999999E-2</v>
      </c>
      <c r="W5141" s="2">
        <v>118.9</v>
      </c>
      <c r="X5141" s="2">
        <v>7.6</v>
      </c>
      <c r="Y5141" s="2">
        <v>16.7</v>
      </c>
      <c r="Z5141" s="5"/>
      <c r="AA5141" s="5" t="s">
        <v>43</v>
      </c>
      <c r="AB5141" s="5" t="s">
        <v>44</v>
      </c>
      <c r="AC5141" s="2"/>
      <c r="AD5141" s="1"/>
    </row>
    <row r="5142" spans="1:30">
      <c r="A5142" s="5" t="s">
        <v>83578</v>
      </c>
      <c r="B5142" s="2" t="s">
        <v>99028</v>
      </c>
      <c r="C5142" s="14" t="s">
        <v>99029</v>
      </c>
      <c r="D5142" s="2" t="s">
        <v>99030</v>
      </c>
      <c r="E5142" s="2" t="s">
        <v>7581</v>
      </c>
      <c r="F5142" s="8">
        <v>300</v>
      </c>
      <c r="G5142" s="5">
        <v>6</v>
      </c>
      <c r="H5142" s="5" t="s">
        <v>1518</v>
      </c>
      <c r="I5142" s="5" t="s">
        <v>40939</v>
      </c>
      <c r="J5142" s="2" t="s">
        <v>40940</v>
      </c>
      <c r="K5142" s="5" t="s">
        <v>40939</v>
      </c>
      <c r="L5142" s="2" t="s">
        <v>40940</v>
      </c>
      <c r="M5142" s="5" t="s">
        <v>36266</v>
      </c>
      <c r="N5142" s="5" t="s">
        <v>38</v>
      </c>
      <c r="O5142" s="5" t="s">
        <v>39</v>
      </c>
      <c r="P5142" s="5" t="s">
        <v>40</v>
      </c>
      <c r="Q5142" s="5" t="s">
        <v>1522</v>
      </c>
      <c r="R5142" s="5" t="s">
        <v>1523</v>
      </c>
      <c r="S5142" s="5" t="s">
        <v>42</v>
      </c>
      <c r="T5142" s="2">
        <v>2.8410000000000002</v>
      </c>
      <c r="U5142" s="2">
        <v>2.306</v>
      </c>
      <c r="V5142" s="2">
        <v>1.4999999999999999E-2</v>
      </c>
      <c r="W5142" s="2">
        <v>118.9</v>
      </c>
      <c r="X5142" s="2">
        <v>7.6</v>
      </c>
      <c r="Y5142" s="2">
        <v>16.7</v>
      </c>
      <c r="Z5142" s="5"/>
      <c r="AA5142" s="5" t="s">
        <v>43</v>
      </c>
      <c r="AB5142" s="5" t="s">
        <v>44</v>
      </c>
      <c r="AC5142" s="2"/>
      <c r="AD5142" s="1"/>
    </row>
    <row r="5143" spans="1:30">
      <c r="A5143" s="5" t="s">
        <v>83578</v>
      </c>
      <c r="B5143" s="2" t="s">
        <v>99031</v>
      </c>
      <c r="C5143" s="14" t="s">
        <v>99032</v>
      </c>
      <c r="D5143" s="2" t="s">
        <v>99033</v>
      </c>
      <c r="E5143" s="2" t="s">
        <v>47195</v>
      </c>
      <c r="F5143" s="8">
        <v>300</v>
      </c>
      <c r="G5143" s="5">
        <v>6</v>
      </c>
      <c r="H5143" s="5" t="s">
        <v>1518</v>
      </c>
      <c r="I5143" s="5" t="s">
        <v>40939</v>
      </c>
      <c r="J5143" s="2" t="s">
        <v>40940</v>
      </c>
      <c r="K5143" s="5" t="s">
        <v>40939</v>
      </c>
      <c r="L5143" s="2" t="s">
        <v>40940</v>
      </c>
      <c r="M5143" s="5" t="s">
        <v>36266</v>
      </c>
      <c r="N5143" s="5" t="s">
        <v>38</v>
      </c>
      <c r="O5143" s="5" t="s">
        <v>39</v>
      </c>
      <c r="P5143" s="5" t="s">
        <v>40</v>
      </c>
      <c r="Q5143" s="5" t="s">
        <v>1522</v>
      </c>
      <c r="R5143" s="5" t="s">
        <v>1523</v>
      </c>
      <c r="S5143" s="5" t="s">
        <v>42</v>
      </c>
      <c r="T5143" s="2">
        <v>3.0249999999999999</v>
      </c>
      <c r="U5143" s="2">
        <v>2.4980000000000002</v>
      </c>
      <c r="V5143" s="2">
        <v>1.4999999999999999E-2</v>
      </c>
      <c r="W5143" s="2">
        <v>118.9</v>
      </c>
      <c r="X5143" s="2">
        <v>7.6</v>
      </c>
      <c r="Y5143" s="2">
        <v>16.7</v>
      </c>
      <c r="Z5143" s="5"/>
      <c r="AA5143" s="5" t="s">
        <v>43</v>
      </c>
      <c r="AB5143" s="5" t="s">
        <v>44</v>
      </c>
      <c r="AC5143" s="2"/>
      <c r="AD5143" s="1"/>
    </row>
    <row r="5144" spans="1:30">
      <c r="A5144" s="5" t="s">
        <v>83578</v>
      </c>
      <c r="B5144" s="2" t="s">
        <v>99034</v>
      </c>
      <c r="C5144" s="14" t="s">
        <v>99035</v>
      </c>
      <c r="D5144" s="2" t="s">
        <v>99036</v>
      </c>
      <c r="E5144" s="2" t="s">
        <v>7521</v>
      </c>
      <c r="F5144" s="8">
        <v>278</v>
      </c>
      <c r="G5144" s="5">
        <v>6</v>
      </c>
      <c r="H5144" s="5" t="s">
        <v>1518</v>
      </c>
      <c r="I5144" s="5" t="s">
        <v>40939</v>
      </c>
      <c r="J5144" s="2" t="s">
        <v>40940</v>
      </c>
      <c r="K5144" s="5" t="s">
        <v>40939</v>
      </c>
      <c r="L5144" s="2" t="s">
        <v>40940</v>
      </c>
      <c r="M5144" s="5" t="s">
        <v>36266</v>
      </c>
      <c r="N5144" s="5" t="s">
        <v>38</v>
      </c>
      <c r="O5144" s="5" t="s">
        <v>39</v>
      </c>
      <c r="P5144" s="5" t="s">
        <v>40</v>
      </c>
      <c r="Q5144" s="5" t="s">
        <v>1522</v>
      </c>
      <c r="R5144" s="5" t="s">
        <v>1523</v>
      </c>
      <c r="S5144" s="5" t="s">
        <v>42</v>
      </c>
      <c r="T5144" s="2">
        <v>3.0339999999999998</v>
      </c>
      <c r="U5144" s="2">
        <v>2.5070000000000001</v>
      </c>
      <c r="V5144" s="2">
        <v>1.4999999999999999E-2</v>
      </c>
      <c r="W5144" s="2">
        <v>118.9</v>
      </c>
      <c r="X5144" s="2">
        <v>7.6</v>
      </c>
      <c r="Y5144" s="2">
        <v>16.7</v>
      </c>
      <c r="Z5144" s="5"/>
      <c r="AA5144" s="5" t="s">
        <v>43</v>
      </c>
      <c r="AB5144" s="5" t="s">
        <v>44</v>
      </c>
      <c r="AC5144" s="2"/>
      <c r="AD5144" s="1"/>
    </row>
    <row r="5145" spans="1:30">
      <c r="A5145" s="5" t="s">
        <v>83578</v>
      </c>
      <c r="B5145" s="2" t="s">
        <v>99037</v>
      </c>
      <c r="C5145" s="14" t="s">
        <v>99038</v>
      </c>
      <c r="D5145" s="2" t="s">
        <v>99039</v>
      </c>
      <c r="E5145" s="2" t="s">
        <v>40967</v>
      </c>
      <c r="F5145" s="8">
        <v>300</v>
      </c>
      <c r="G5145" s="5">
        <v>6</v>
      </c>
      <c r="H5145" s="5" t="s">
        <v>1518</v>
      </c>
      <c r="I5145" s="5" t="s">
        <v>40939</v>
      </c>
      <c r="J5145" s="2" t="s">
        <v>40940</v>
      </c>
      <c r="K5145" s="5" t="s">
        <v>40939</v>
      </c>
      <c r="L5145" s="2" t="s">
        <v>40940</v>
      </c>
      <c r="M5145" s="5" t="s">
        <v>36266</v>
      </c>
      <c r="N5145" s="5" t="s">
        <v>38</v>
      </c>
      <c r="O5145" s="5" t="s">
        <v>39</v>
      </c>
      <c r="P5145" s="5" t="s">
        <v>40</v>
      </c>
      <c r="Q5145" s="5" t="s">
        <v>1522</v>
      </c>
      <c r="R5145" s="5" t="s">
        <v>1523</v>
      </c>
      <c r="S5145" s="5" t="s">
        <v>42</v>
      </c>
      <c r="T5145" s="2">
        <v>2.948</v>
      </c>
      <c r="U5145" s="2">
        <v>2.4209999999999998</v>
      </c>
      <c r="V5145" s="2">
        <v>1.4999999999999999E-2</v>
      </c>
      <c r="W5145" s="2">
        <v>118.9</v>
      </c>
      <c r="X5145" s="2">
        <v>7.6</v>
      </c>
      <c r="Y5145" s="2">
        <v>16.7</v>
      </c>
      <c r="Z5145" s="5"/>
      <c r="AA5145" s="5" t="s">
        <v>43</v>
      </c>
      <c r="AB5145" s="5" t="s">
        <v>44</v>
      </c>
      <c r="AC5145" s="2"/>
      <c r="AD5145" s="1"/>
    </row>
    <row r="5146" spans="1:30">
      <c r="A5146" s="5" t="s">
        <v>83578</v>
      </c>
      <c r="B5146" s="2" t="s">
        <v>99040</v>
      </c>
      <c r="C5146" s="14" t="s">
        <v>99041</v>
      </c>
      <c r="D5146" s="2" t="s">
        <v>99042</v>
      </c>
      <c r="E5146" s="2" t="s">
        <v>40971</v>
      </c>
      <c r="F5146" s="8">
        <v>300</v>
      </c>
      <c r="G5146" s="5">
        <v>6</v>
      </c>
      <c r="H5146" s="5" t="s">
        <v>1518</v>
      </c>
      <c r="I5146" s="5" t="s">
        <v>40939</v>
      </c>
      <c r="J5146" s="2" t="s">
        <v>40940</v>
      </c>
      <c r="K5146" s="5" t="s">
        <v>40939</v>
      </c>
      <c r="L5146" s="2" t="s">
        <v>40940</v>
      </c>
      <c r="M5146" s="5" t="s">
        <v>36266</v>
      </c>
      <c r="N5146" s="5" t="s">
        <v>38</v>
      </c>
      <c r="O5146" s="5" t="s">
        <v>39</v>
      </c>
      <c r="P5146" s="5" t="s">
        <v>40</v>
      </c>
      <c r="Q5146" s="5" t="s">
        <v>1522</v>
      </c>
      <c r="R5146" s="5" t="s">
        <v>1523</v>
      </c>
      <c r="S5146" s="5" t="s">
        <v>42</v>
      </c>
      <c r="T5146" s="2">
        <v>3.0339999999999998</v>
      </c>
      <c r="U5146" s="2">
        <v>2.5070000000000001</v>
      </c>
      <c r="V5146" s="2">
        <v>1.4999999999999999E-2</v>
      </c>
      <c r="W5146" s="2">
        <v>118.9</v>
      </c>
      <c r="X5146" s="2">
        <v>7.6</v>
      </c>
      <c r="Y5146" s="2">
        <v>16.7</v>
      </c>
      <c r="Z5146" s="5"/>
      <c r="AA5146" s="5" t="s">
        <v>43</v>
      </c>
      <c r="AB5146" s="5" t="s">
        <v>44</v>
      </c>
      <c r="AC5146" s="2"/>
      <c r="AD5146" s="1"/>
    </row>
    <row r="5147" spans="1:30">
      <c r="A5147" s="5" t="s">
        <v>83578</v>
      </c>
      <c r="B5147" s="2" t="s">
        <v>99043</v>
      </c>
      <c r="C5147" s="14" t="s">
        <v>99044</v>
      </c>
      <c r="D5147" s="2" t="s">
        <v>99045</v>
      </c>
      <c r="E5147" s="2" t="s">
        <v>47226</v>
      </c>
      <c r="F5147" s="8">
        <v>300</v>
      </c>
      <c r="G5147" s="5">
        <v>6</v>
      </c>
      <c r="H5147" s="5" t="s">
        <v>1518</v>
      </c>
      <c r="I5147" s="5" t="s">
        <v>40939</v>
      </c>
      <c r="J5147" s="2" t="s">
        <v>40940</v>
      </c>
      <c r="K5147" s="5" t="s">
        <v>40939</v>
      </c>
      <c r="L5147" s="2" t="s">
        <v>40940</v>
      </c>
      <c r="M5147" s="5" t="s">
        <v>36266</v>
      </c>
      <c r="N5147" s="5" t="s">
        <v>38</v>
      </c>
      <c r="O5147" s="5" t="s">
        <v>39</v>
      </c>
      <c r="P5147" s="5" t="s">
        <v>40</v>
      </c>
      <c r="Q5147" s="5" t="s">
        <v>1522</v>
      </c>
      <c r="R5147" s="5" t="s">
        <v>1523</v>
      </c>
      <c r="S5147" s="5" t="s">
        <v>42</v>
      </c>
      <c r="T5147" s="2">
        <v>2.948</v>
      </c>
      <c r="U5147" s="2">
        <v>2.4209999999999998</v>
      </c>
      <c r="V5147" s="2">
        <v>1.4999999999999999E-2</v>
      </c>
      <c r="W5147" s="2">
        <v>118.9</v>
      </c>
      <c r="X5147" s="2">
        <v>7.6</v>
      </c>
      <c r="Y5147" s="2">
        <v>16.7</v>
      </c>
      <c r="Z5147" s="5"/>
      <c r="AA5147" s="5" t="s">
        <v>43</v>
      </c>
      <c r="AB5147" s="5" t="s">
        <v>44</v>
      </c>
      <c r="AC5147" s="2"/>
      <c r="AD5147" s="1"/>
    </row>
    <row r="5148" spans="1:30">
      <c r="A5148" s="5" t="s">
        <v>83578</v>
      </c>
      <c r="B5148" s="2" t="s">
        <v>99046</v>
      </c>
      <c r="C5148" s="14" t="s">
        <v>99047</v>
      </c>
      <c r="D5148" s="2" t="s">
        <v>99048</v>
      </c>
      <c r="E5148" s="2" t="s">
        <v>47735</v>
      </c>
      <c r="F5148" s="8">
        <v>300</v>
      </c>
      <c r="G5148" s="5">
        <v>6</v>
      </c>
      <c r="H5148" s="5" t="s">
        <v>1518</v>
      </c>
      <c r="I5148" s="5" t="s">
        <v>40939</v>
      </c>
      <c r="J5148" s="2" t="s">
        <v>40940</v>
      </c>
      <c r="K5148" s="5" t="s">
        <v>40939</v>
      </c>
      <c r="L5148" s="2" t="s">
        <v>40940</v>
      </c>
      <c r="M5148" s="5" t="s">
        <v>36266</v>
      </c>
      <c r="N5148" s="5" t="s">
        <v>38</v>
      </c>
      <c r="O5148" s="5" t="s">
        <v>39</v>
      </c>
      <c r="P5148" s="5" t="s">
        <v>40</v>
      </c>
      <c r="Q5148" s="5" t="s">
        <v>1522</v>
      </c>
      <c r="R5148" s="5" t="s">
        <v>1523</v>
      </c>
      <c r="S5148" s="5" t="s">
        <v>42</v>
      </c>
      <c r="T5148" s="2">
        <v>3.0339999999999998</v>
      </c>
      <c r="U5148" s="2">
        <v>2.5070000000000001</v>
      </c>
      <c r="V5148" s="2">
        <v>1.4999999999999999E-2</v>
      </c>
      <c r="W5148" s="2">
        <v>118.9</v>
      </c>
      <c r="X5148" s="2">
        <v>7.6</v>
      </c>
      <c r="Y5148" s="2">
        <v>16.7</v>
      </c>
      <c r="Z5148" s="5"/>
      <c r="AA5148" s="5" t="s">
        <v>43</v>
      </c>
      <c r="AB5148" s="5" t="s">
        <v>44</v>
      </c>
      <c r="AC5148" s="2"/>
      <c r="AD5148" s="1"/>
    </row>
    <row r="5149" spans="1:30">
      <c r="A5149" s="5" t="s">
        <v>83578</v>
      </c>
      <c r="B5149" s="2" t="s">
        <v>99049</v>
      </c>
      <c r="C5149" s="14" t="s">
        <v>99050</v>
      </c>
      <c r="D5149" s="2" t="s">
        <v>99051</v>
      </c>
      <c r="E5149" s="2" t="s">
        <v>7539</v>
      </c>
      <c r="F5149" s="8">
        <v>300</v>
      </c>
      <c r="G5149" s="5">
        <v>6</v>
      </c>
      <c r="H5149" s="5" t="s">
        <v>1518</v>
      </c>
      <c r="I5149" s="5" t="s">
        <v>40939</v>
      </c>
      <c r="J5149" s="2" t="s">
        <v>40940</v>
      </c>
      <c r="K5149" s="5" t="s">
        <v>40939</v>
      </c>
      <c r="L5149" s="2" t="s">
        <v>40940</v>
      </c>
      <c r="M5149" s="5" t="s">
        <v>36266</v>
      </c>
      <c r="N5149" s="5" t="s">
        <v>38</v>
      </c>
      <c r="O5149" s="5" t="s">
        <v>39</v>
      </c>
      <c r="P5149" s="5" t="s">
        <v>40</v>
      </c>
      <c r="Q5149" s="5" t="s">
        <v>1522</v>
      </c>
      <c r="R5149" s="5" t="s">
        <v>1523</v>
      </c>
      <c r="S5149" s="5" t="s">
        <v>42</v>
      </c>
      <c r="T5149" s="2">
        <v>2.9020000000000001</v>
      </c>
      <c r="U5149" s="2">
        <v>2.375</v>
      </c>
      <c r="V5149" s="2">
        <v>1.4999999999999999E-2</v>
      </c>
      <c r="W5149" s="2">
        <v>118.9</v>
      </c>
      <c r="X5149" s="2">
        <v>7.6</v>
      </c>
      <c r="Y5149" s="2">
        <v>16.7</v>
      </c>
      <c r="Z5149" s="5"/>
      <c r="AA5149" s="5" t="s">
        <v>43</v>
      </c>
      <c r="AB5149" s="5" t="s">
        <v>44</v>
      </c>
      <c r="AC5149" s="2"/>
      <c r="AD5149" s="1"/>
    </row>
    <row r="5150" spans="1:30">
      <c r="A5150" s="5" t="s">
        <v>83578</v>
      </c>
      <c r="B5150" s="2" t="s">
        <v>99052</v>
      </c>
      <c r="C5150" s="14" t="s">
        <v>99053</v>
      </c>
      <c r="D5150" s="2" t="s">
        <v>99054</v>
      </c>
      <c r="E5150" s="2" t="s">
        <v>40993</v>
      </c>
      <c r="F5150" s="8">
        <v>300</v>
      </c>
      <c r="G5150" s="5">
        <v>6</v>
      </c>
      <c r="H5150" s="5" t="s">
        <v>1518</v>
      </c>
      <c r="I5150" s="5" t="s">
        <v>40939</v>
      </c>
      <c r="J5150" s="2" t="s">
        <v>40940</v>
      </c>
      <c r="K5150" s="5" t="s">
        <v>40939</v>
      </c>
      <c r="L5150" s="2" t="s">
        <v>40940</v>
      </c>
      <c r="M5150" s="5" t="s">
        <v>36266</v>
      </c>
      <c r="N5150" s="5" t="s">
        <v>38</v>
      </c>
      <c r="O5150" s="5" t="s">
        <v>39</v>
      </c>
      <c r="P5150" s="5" t="s">
        <v>40</v>
      </c>
      <c r="Q5150" s="5" t="s">
        <v>1522</v>
      </c>
      <c r="R5150" s="5" t="s">
        <v>1523</v>
      </c>
      <c r="S5150" s="5" t="s">
        <v>42</v>
      </c>
      <c r="T5150" s="2">
        <v>3.0339999999999998</v>
      </c>
      <c r="U5150" s="2">
        <v>2.5070000000000001</v>
      </c>
      <c r="V5150" s="2">
        <v>1.4999999999999999E-2</v>
      </c>
      <c r="W5150" s="2">
        <v>118.9</v>
      </c>
      <c r="X5150" s="2">
        <v>7.6</v>
      </c>
      <c r="Y5150" s="2">
        <v>16.7</v>
      </c>
      <c r="Z5150" s="5"/>
      <c r="AA5150" s="5" t="s">
        <v>43</v>
      </c>
      <c r="AB5150" s="5" t="s">
        <v>44</v>
      </c>
      <c r="AC5150" s="2"/>
      <c r="AD5150" s="1"/>
    </row>
    <row r="5151" spans="1:30">
      <c r="A5151" s="5" t="s">
        <v>83578</v>
      </c>
      <c r="B5151" s="2" t="s">
        <v>99055</v>
      </c>
      <c r="C5151" s="14" t="s">
        <v>99056</v>
      </c>
      <c r="D5151" s="2" t="s">
        <v>99057</v>
      </c>
      <c r="E5151" s="2" t="s">
        <v>40997</v>
      </c>
      <c r="F5151" s="8">
        <v>300</v>
      </c>
      <c r="G5151" s="5">
        <v>6</v>
      </c>
      <c r="H5151" s="5" t="s">
        <v>1518</v>
      </c>
      <c r="I5151" s="5" t="s">
        <v>40939</v>
      </c>
      <c r="J5151" s="2" t="s">
        <v>40940</v>
      </c>
      <c r="K5151" s="5" t="s">
        <v>40939</v>
      </c>
      <c r="L5151" s="2" t="s">
        <v>40940</v>
      </c>
      <c r="M5151" s="5" t="s">
        <v>36266</v>
      </c>
      <c r="N5151" s="5" t="s">
        <v>38</v>
      </c>
      <c r="O5151" s="5" t="s">
        <v>39</v>
      </c>
      <c r="P5151" s="5" t="s">
        <v>40</v>
      </c>
      <c r="Q5151" s="5" t="s">
        <v>1522</v>
      </c>
      <c r="R5151" s="5" t="s">
        <v>1523</v>
      </c>
      <c r="S5151" s="5" t="s">
        <v>42</v>
      </c>
      <c r="T5151" s="2">
        <v>2.911</v>
      </c>
      <c r="U5151" s="2">
        <v>2.3839999999999999</v>
      </c>
      <c r="V5151" s="2">
        <v>1.4999999999999999E-2</v>
      </c>
      <c r="W5151" s="2">
        <v>118.9</v>
      </c>
      <c r="X5151" s="2">
        <v>7.6</v>
      </c>
      <c r="Y5151" s="2">
        <v>16.7</v>
      </c>
      <c r="Z5151" s="5"/>
      <c r="AA5151" s="5" t="s">
        <v>43</v>
      </c>
      <c r="AB5151" s="5" t="s">
        <v>44</v>
      </c>
      <c r="AC5151" s="2"/>
      <c r="AD5151" s="1"/>
    </row>
    <row r="5152" spans="1:30">
      <c r="A5152" s="5" t="s">
        <v>83578</v>
      </c>
      <c r="B5152" s="2" t="s">
        <v>99058</v>
      </c>
      <c r="C5152" s="14" t="s">
        <v>99059</v>
      </c>
      <c r="D5152" s="2" t="s">
        <v>99060</v>
      </c>
      <c r="E5152" s="2" t="s">
        <v>41267</v>
      </c>
      <c r="F5152" s="8">
        <v>300</v>
      </c>
      <c r="G5152" s="5">
        <v>6</v>
      </c>
      <c r="H5152" s="5" t="s">
        <v>1518</v>
      </c>
      <c r="I5152" s="5" t="s">
        <v>40939</v>
      </c>
      <c r="J5152" s="2" t="s">
        <v>40940</v>
      </c>
      <c r="K5152" s="5" t="s">
        <v>40939</v>
      </c>
      <c r="L5152" s="2" t="s">
        <v>40940</v>
      </c>
      <c r="M5152" s="5" t="s">
        <v>36266</v>
      </c>
      <c r="N5152" s="5" t="s">
        <v>38</v>
      </c>
      <c r="O5152" s="5" t="s">
        <v>39</v>
      </c>
      <c r="P5152" s="5" t="s">
        <v>40</v>
      </c>
      <c r="Q5152" s="5" t="s">
        <v>1522</v>
      </c>
      <c r="R5152" s="5" t="s">
        <v>1523</v>
      </c>
      <c r="S5152" s="5" t="s">
        <v>42</v>
      </c>
      <c r="T5152" s="2">
        <v>2.9969999999999999</v>
      </c>
      <c r="U5152" s="2">
        <v>2.4700000000000002</v>
      </c>
      <c r="V5152" s="2">
        <v>1.4999999999999999E-2</v>
      </c>
      <c r="W5152" s="2">
        <v>118.9</v>
      </c>
      <c r="X5152" s="2">
        <v>7.6</v>
      </c>
      <c r="Y5152" s="2">
        <v>16.7</v>
      </c>
      <c r="Z5152" s="5"/>
      <c r="AA5152" s="5" t="s">
        <v>43</v>
      </c>
      <c r="AB5152" s="5" t="s">
        <v>44</v>
      </c>
      <c r="AC5152" s="2"/>
      <c r="AD5152" s="1"/>
    </row>
    <row r="5153" spans="1:30">
      <c r="A5153" s="5" t="s">
        <v>83578</v>
      </c>
      <c r="B5153" s="2" t="s">
        <v>99061</v>
      </c>
      <c r="C5153" s="14" t="s">
        <v>99062</v>
      </c>
      <c r="D5153" s="2" t="s">
        <v>99063</v>
      </c>
      <c r="E5153" s="2" t="s">
        <v>41001</v>
      </c>
      <c r="F5153" s="8">
        <v>300</v>
      </c>
      <c r="G5153" s="5">
        <v>6</v>
      </c>
      <c r="H5153" s="5" t="s">
        <v>1518</v>
      </c>
      <c r="I5153" s="5" t="s">
        <v>40939</v>
      </c>
      <c r="J5153" s="2" t="s">
        <v>40940</v>
      </c>
      <c r="K5153" s="5" t="s">
        <v>40939</v>
      </c>
      <c r="L5153" s="2" t="s">
        <v>40940</v>
      </c>
      <c r="M5153" s="5" t="s">
        <v>36266</v>
      </c>
      <c r="N5153" s="5" t="s">
        <v>38</v>
      </c>
      <c r="O5153" s="5" t="s">
        <v>39</v>
      </c>
      <c r="P5153" s="5" t="s">
        <v>40</v>
      </c>
      <c r="Q5153" s="5" t="s">
        <v>1522</v>
      </c>
      <c r="R5153" s="5" t="s">
        <v>1523</v>
      </c>
      <c r="S5153" s="5" t="s">
        <v>42</v>
      </c>
      <c r="T5153" s="2">
        <v>2.948</v>
      </c>
      <c r="U5153" s="2">
        <v>2.4209999999999998</v>
      </c>
      <c r="V5153" s="2">
        <v>1.4999999999999999E-2</v>
      </c>
      <c r="W5153" s="2">
        <v>118.9</v>
      </c>
      <c r="X5153" s="2">
        <v>7.6</v>
      </c>
      <c r="Y5153" s="2">
        <v>16.7</v>
      </c>
      <c r="Z5153" s="5"/>
      <c r="AA5153" s="5" t="s">
        <v>43</v>
      </c>
      <c r="AB5153" s="5" t="s">
        <v>44</v>
      </c>
      <c r="AC5153" s="2"/>
      <c r="AD5153" s="1"/>
    </row>
    <row r="5154" spans="1:30">
      <c r="A5154" s="5" t="s">
        <v>83578</v>
      </c>
      <c r="B5154" s="2" t="s">
        <v>99064</v>
      </c>
      <c r="C5154" s="14" t="s">
        <v>99065</v>
      </c>
      <c r="D5154" s="2" t="s">
        <v>99066</v>
      </c>
      <c r="E5154" s="2" t="s">
        <v>41005</v>
      </c>
      <c r="F5154" s="8">
        <v>300</v>
      </c>
      <c r="G5154" s="5">
        <v>6</v>
      </c>
      <c r="H5154" s="5" t="s">
        <v>1518</v>
      </c>
      <c r="I5154" s="5" t="s">
        <v>40939</v>
      </c>
      <c r="J5154" s="2" t="s">
        <v>40940</v>
      </c>
      <c r="K5154" s="5" t="s">
        <v>40939</v>
      </c>
      <c r="L5154" s="2" t="s">
        <v>40940</v>
      </c>
      <c r="M5154" s="5" t="s">
        <v>36266</v>
      </c>
      <c r="N5154" s="5" t="s">
        <v>38</v>
      </c>
      <c r="O5154" s="5" t="s">
        <v>39</v>
      </c>
      <c r="P5154" s="5" t="s">
        <v>40</v>
      </c>
      <c r="Q5154" s="5" t="s">
        <v>1522</v>
      </c>
      <c r="R5154" s="5" t="s">
        <v>1523</v>
      </c>
      <c r="S5154" s="5" t="s">
        <v>42</v>
      </c>
      <c r="T5154" s="2">
        <v>3.0339999999999998</v>
      </c>
      <c r="U5154" s="2">
        <v>2.5070000000000001</v>
      </c>
      <c r="V5154" s="2">
        <v>1.4999999999999999E-2</v>
      </c>
      <c r="W5154" s="2">
        <v>118.9</v>
      </c>
      <c r="X5154" s="2">
        <v>7.6</v>
      </c>
      <c r="Y5154" s="2">
        <v>16.7</v>
      </c>
      <c r="Z5154" s="5"/>
      <c r="AA5154" s="5" t="s">
        <v>43</v>
      </c>
      <c r="AB5154" s="5" t="s">
        <v>44</v>
      </c>
      <c r="AC5154" s="2"/>
      <c r="AD5154" s="1"/>
    </row>
    <row r="5155" spans="1:30">
      <c r="A5155" s="5" t="s">
        <v>83578</v>
      </c>
      <c r="B5155" s="2" t="s">
        <v>99067</v>
      </c>
      <c r="C5155" s="14" t="s">
        <v>99068</v>
      </c>
      <c r="D5155" s="2" t="s">
        <v>99069</v>
      </c>
      <c r="E5155" s="2" t="s">
        <v>41009</v>
      </c>
      <c r="F5155" s="8">
        <v>300</v>
      </c>
      <c r="G5155" s="5">
        <v>6</v>
      </c>
      <c r="H5155" s="5" t="s">
        <v>1518</v>
      </c>
      <c r="I5155" s="5" t="s">
        <v>40939</v>
      </c>
      <c r="J5155" s="2" t="s">
        <v>40940</v>
      </c>
      <c r="K5155" s="5" t="s">
        <v>40939</v>
      </c>
      <c r="L5155" s="2" t="s">
        <v>40940</v>
      </c>
      <c r="M5155" s="5" t="s">
        <v>36266</v>
      </c>
      <c r="N5155" s="5" t="s">
        <v>38</v>
      </c>
      <c r="O5155" s="5" t="s">
        <v>39</v>
      </c>
      <c r="P5155" s="5" t="s">
        <v>40</v>
      </c>
      <c r="Q5155" s="5" t="s">
        <v>1522</v>
      </c>
      <c r="R5155" s="5" t="s">
        <v>1523</v>
      </c>
      <c r="S5155" s="5" t="s">
        <v>42</v>
      </c>
      <c r="T5155" s="2">
        <v>2.9580000000000002</v>
      </c>
      <c r="U5155" s="2">
        <v>2.431</v>
      </c>
      <c r="V5155" s="2">
        <v>1.4999999999999999E-2</v>
      </c>
      <c r="W5155" s="2">
        <v>118.9</v>
      </c>
      <c r="X5155" s="2">
        <v>7.6</v>
      </c>
      <c r="Y5155" s="2">
        <v>16.7</v>
      </c>
      <c r="Z5155" s="5"/>
      <c r="AA5155" s="5" t="s">
        <v>43</v>
      </c>
      <c r="AB5155" s="5" t="s">
        <v>44</v>
      </c>
      <c r="AC5155" s="2"/>
      <c r="AD5155" s="1"/>
    </row>
    <row r="5156" spans="1:30">
      <c r="A5156" s="5" t="s">
        <v>83578</v>
      </c>
      <c r="B5156" s="2" t="s">
        <v>99070</v>
      </c>
      <c r="C5156" s="14" t="s">
        <v>99071</v>
      </c>
      <c r="D5156" s="2" t="s">
        <v>99072</v>
      </c>
      <c r="E5156" s="2" t="s">
        <v>41013</v>
      </c>
      <c r="F5156" s="8">
        <v>300</v>
      </c>
      <c r="G5156" s="5">
        <v>6</v>
      </c>
      <c r="H5156" s="5" t="s">
        <v>1518</v>
      </c>
      <c r="I5156" s="5" t="s">
        <v>40939</v>
      </c>
      <c r="J5156" s="2" t="s">
        <v>40940</v>
      </c>
      <c r="K5156" s="5" t="s">
        <v>40939</v>
      </c>
      <c r="L5156" s="2" t="s">
        <v>40940</v>
      </c>
      <c r="M5156" s="5" t="s">
        <v>36266</v>
      </c>
      <c r="N5156" s="5" t="s">
        <v>38</v>
      </c>
      <c r="O5156" s="5" t="s">
        <v>39</v>
      </c>
      <c r="P5156" s="5" t="s">
        <v>40</v>
      </c>
      <c r="Q5156" s="5" t="s">
        <v>1522</v>
      </c>
      <c r="R5156" s="5" t="s">
        <v>1523</v>
      </c>
      <c r="S5156" s="5" t="s">
        <v>42</v>
      </c>
      <c r="T5156" s="2">
        <v>3.044</v>
      </c>
      <c r="U5156" s="2">
        <v>2.5169999999999999</v>
      </c>
      <c r="V5156" s="2">
        <v>1.4999999999999999E-2</v>
      </c>
      <c r="W5156" s="2">
        <v>118.9</v>
      </c>
      <c r="X5156" s="2">
        <v>7.6</v>
      </c>
      <c r="Y5156" s="2">
        <v>16.7</v>
      </c>
      <c r="Z5156" s="5"/>
      <c r="AA5156" s="5" t="s">
        <v>43</v>
      </c>
      <c r="AB5156" s="5" t="s">
        <v>44</v>
      </c>
      <c r="AC5156" s="2"/>
      <c r="AD5156" s="1"/>
    </row>
    <row r="5157" spans="1:30">
      <c r="A5157" s="5" t="s">
        <v>83578</v>
      </c>
      <c r="B5157" s="2" t="s">
        <v>99073</v>
      </c>
      <c r="C5157" s="14" t="s">
        <v>99074</v>
      </c>
      <c r="D5157" s="2" t="s">
        <v>99075</v>
      </c>
      <c r="E5157" s="2" t="s">
        <v>41023</v>
      </c>
      <c r="F5157" s="8">
        <v>300</v>
      </c>
      <c r="G5157" s="5">
        <v>6</v>
      </c>
      <c r="H5157" s="5" t="s">
        <v>1518</v>
      </c>
      <c r="I5157" s="5" t="s">
        <v>40939</v>
      </c>
      <c r="J5157" s="2" t="s">
        <v>40940</v>
      </c>
      <c r="K5157" s="5" t="s">
        <v>40939</v>
      </c>
      <c r="L5157" s="2" t="s">
        <v>40940</v>
      </c>
      <c r="M5157" s="5" t="s">
        <v>36266</v>
      </c>
      <c r="N5157" s="5" t="s">
        <v>38</v>
      </c>
      <c r="O5157" s="5" t="s">
        <v>39</v>
      </c>
      <c r="P5157" s="5" t="s">
        <v>40</v>
      </c>
      <c r="Q5157" s="5" t="s">
        <v>1522</v>
      </c>
      <c r="R5157" s="5" t="s">
        <v>1523</v>
      </c>
      <c r="S5157" s="5" t="s">
        <v>42</v>
      </c>
      <c r="T5157" s="2">
        <v>2.911</v>
      </c>
      <c r="U5157" s="2">
        <v>2.3839999999999999</v>
      </c>
      <c r="V5157" s="2">
        <v>1.4999999999999999E-2</v>
      </c>
      <c r="W5157" s="2">
        <v>118.9</v>
      </c>
      <c r="X5157" s="2">
        <v>7.6</v>
      </c>
      <c r="Y5157" s="2">
        <v>16.7</v>
      </c>
      <c r="Z5157" s="5"/>
      <c r="AA5157" s="5" t="s">
        <v>43</v>
      </c>
      <c r="AB5157" s="5" t="s">
        <v>44</v>
      </c>
      <c r="AC5157" s="2"/>
      <c r="AD5157" s="1"/>
    </row>
    <row r="5158" spans="1:30">
      <c r="A5158" s="5" t="s">
        <v>83578</v>
      </c>
      <c r="B5158" s="2" t="s">
        <v>99076</v>
      </c>
      <c r="C5158" s="14" t="s">
        <v>99077</v>
      </c>
      <c r="D5158" s="2" t="s">
        <v>99078</v>
      </c>
      <c r="E5158" s="2" t="s">
        <v>41027</v>
      </c>
      <c r="F5158" s="8">
        <v>300</v>
      </c>
      <c r="G5158" s="5">
        <v>6</v>
      </c>
      <c r="H5158" s="5" t="s">
        <v>1518</v>
      </c>
      <c r="I5158" s="5" t="s">
        <v>40939</v>
      </c>
      <c r="J5158" s="2" t="s">
        <v>40940</v>
      </c>
      <c r="K5158" s="5" t="s">
        <v>40939</v>
      </c>
      <c r="L5158" s="2" t="s">
        <v>40940</v>
      </c>
      <c r="M5158" s="5" t="s">
        <v>36266</v>
      </c>
      <c r="N5158" s="5" t="s">
        <v>38</v>
      </c>
      <c r="O5158" s="5" t="s">
        <v>39</v>
      </c>
      <c r="P5158" s="5" t="s">
        <v>40</v>
      </c>
      <c r="Q5158" s="5" t="s">
        <v>1522</v>
      </c>
      <c r="R5158" s="5" t="s">
        <v>1523</v>
      </c>
      <c r="S5158" s="5" t="s">
        <v>42</v>
      </c>
      <c r="T5158" s="2">
        <v>2.9969999999999999</v>
      </c>
      <c r="U5158" s="2">
        <v>2.4700000000000002</v>
      </c>
      <c r="V5158" s="2">
        <v>1.4999999999999999E-2</v>
      </c>
      <c r="W5158" s="2">
        <v>118.9</v>
      </c>
      <c r="X5158" s="2">
        <v>7.6</v>
      </c>
      <c r="Y5158" s="2">
        <v>16.7</v>
      </c>
      <c r="Z5158" s="5"/>
      <c r="AA5158" s="5" t="s">
        <v>43</v>
      </c>
      <c r="AB5158" s="5" t="s">
        <v>44</v>
      </c>
      <c r="AC5158" s="2"/>
      <c r="AD5158" s="1"/>
    </row>
    <row r="5159" spans="1:30">
      <c r="A5159" s="5" t="s">
        <v>83578</v>
      </c>
      <c r="B5159" s="2" t="s">
        <v>99079</v>
      </c>
      <c r="C5159" s="14" t="s">
        <v>99080</v>
      </c>
      <c r="D5159" s="2" t="s">
        <v>99081</v>
      </c>
      <c r="E5159" s="2" t="s">
        <v>7449</v>
      </c>
      <c r="F5159" s="8">
        <v>300</v>
      </c>
      <c r="G5159" s="5">
        <v>6</v>
      </c>
      <c r="H5159" s="5" t="s">
        <v>1518</v>
      </c>
      <c r="I5159" s="5" t="s">
        <v>40939</v>
      </c>
      <c r="J5159" s="2" t="s">
        <v>40940</v>
      </c>
      <c r="K5159" s="5" t="s">
        <v>40939</v>
      </c>
      <c r="L5159" s="2" t="s">
        <v>40940</v>
      </c>
      <c r="M5159" s="5" t="s">
        <v>36266</v>
      </c>
      <c r="N5159" s="5" t="s">
        <v>38</v>
      </c>
      <c r="O5159" s="5" t="s">
        <v>39</v>
      </c>
      <c r="P5159" s="5" t="s">
        <v>40</v>
      </c>
      <c r="Q5159" s="5" t="s">
        <v>1522</v>
      </c>
      <c r="R5159" s="5" t="s">
        <v>1523</v>
      </c>
      <c r="S5159" s="5" t="s">
        <v>42</v>
      </c>
      <c r="T5159" s="2">
        <v>2.911</v>
      </c>
      <c r="U5159" s="2">
        <v>2.3839999999999999</v>
      </c>
      <c r="V5159" s="2">
        <v>1.4999999999999999E-2</v>
      </c>
      <c r="W5159" s="2">
        <v>118.9</v>
      </c>
      <c r="X5159" s="2">
        <v>7.6</v>
      </c>
      <c r="Y5159" s="2">
        <v>16.7</v>
      </c>
      <c r="Z5159" s="5"/>
      <c r="AA5159" s="5" t="s">
        <v>43</v>
      </c>
      <c r="AB5159" s="5" t="s">
        <v>44</v>
      </c>
      <c r="AC5159" s="2"/>
      <c r="AD5159" s="1"/>
    </row>
    <row r="5160" spans="1:30">
      <c r="A5160" s="5" t="s">
        <v>83578</v>
      </c>
      <c r="B5160" s="2" t="s">
        <v>99082</v>
      </c>
      <c r="C5160" s="14" t="s">
        <v>99083</v>
      </c>
      <c r="D5160" s="2" t="s">
        <v>99084</v>
      </c>
      <c r="E5160" s="2" t="s">
        <v>7581</v>
      </c>
      <c r="F5160" s="8">
        <v>300</v>
      </c>
      <c r="G5160" s="5">
        <v>6</v>
      </c>
      <c r="H5160" s="5" t="s">
        <v>1518</v>
      </c>
      <c r="I5160" s="5" t="s">
        <v>40939</v>
      </c>
      <c r="J5160" s="2" t="s">
        <v>40940</v>
      </c>
      <c r="K5160" s="5" t="s">
        <v>40939</v>
      </c>
      <c r="L5160" s="2" t="s">
        <v>40940</v>
      </c>
      <c r="M5160" s="5" t="s">
        <v>36266</v>
      </c>
      <c r="N5160" s="5" t="s">
        <v>38</v>
      </c>
      <c r="O5160" s="5" t="s">
        <v>39</v>
      </c>
      <c r="P5160" s="5" t="s">
        <v>40</v>
      </c>
      <c r="Q5160" s="5" t="s">
        <v>1522</v>
      </c>
      <c r="R5160" s="5" t="s">
        <v>1523</v>
      </c>
      <c r="S5160" s="5" t="s">
        <v>42</v>
      </c>
      <c r="T5160" s="2">
        <v>2.9969999999999999</v>
      </c>
      <c r="U5160" s="2">
        <v>2.4700000000000002</v>
      </c>
      <c r="V5160" s="2">
        <v>1.4999999999999999E-2</v>
      </c>
      <c r="W5160" s="2">
        <v>118.9</v>
      </c>
      <c r="X5160" s="2">
        <v>7.6</v>
      </c>
      <c r="Y5160" s="2">
        <v>16.7</v>
      </c>
      <c r="Z5160" s="5"/>
      <c r="AA5160" s="5" t="s">
        <v>43</v>
      </c>
      <c r="AB5160" s="5" t="s">
        <v>44</v>
      </c>
      <c r="AC5160" s="2"/>
      <c r="AD5160" s="1"/>
    </row>
    <row r="5161" spans="1:30">
      <c r="A5161" s="5" t="s">
        <v>83578</v>
      </c>
      <c r="B5161" s="2" t="s">
        <v>99085</v>
      </c>
      <c r="C5161" s="14" t="s">
        <v>99086</v>
      </c>
      <c r="D5161" s="2" t="s">
        <v>99087</v>
      </c>
      <c r="E5161" s="2" t="s">
        <v>41045</v>
      </c>
      <c r="F5161" s="8">
        <v>300</v>
      </c>
      <c r="G5161" s="5">
        <v>6</v>
      </c>
      <c r="H5161" s="5" t="s">
        <v>1518</v>
      </c>
      <c r="I5161" s="5" t="s">
        <v>40939</v>
      </c>
      <c r="J5161" s="2" t="s">
        <v>40940</v>
      </c>
      <c r="K5161" s="5" t="s">
        <v>40939</v>
      </c>
      <c r="L5161" s="2" t="s">
        <v>40940</v>
      </c>
      <c r="M5161" s="5" t="s">
        <v>36266</v>
      </c>
      <c r="N5161" s="5" t="s">
        <v>38</v>
      </c>
      <c r="O5161" s="5" t="s">
        <v>39</v>
      </c>
      <c r="P5161" s="5" t="s">
        <v>40</v>
      </c>
      <c r="Q5161" s="5" t="s">
        <v>1522</v>
      </c>
      <c r="R5161" s="5" t="s">
        <v>1523</v>
      </c>
      <c r="S5161" s="5" t="s">
        <v>42</v>
      </c>
      <c r="T5161" s="2">
        <v>2.9670000000000001</v>
      </c>
      <c r="U5161" s="2">
        <v>2.44</v>
      </c>
      <c r="V5161" s="2">
        <v>1.4999999999999999E-2</v>
      </c>
      <c r="W5161" s="2">
        <v>118.9</v>
      </c>
      <c r="X5161" s="2">
        <v>7.6</v>
      </c>
      <c r="Y5161" s="2">
        <v>16.7</v>
      </c>
      <c r="Z5161" s="5"/>
      <c r="AA5161" s="5" t="s">
        <v>43</v>
      </c>
      <c r="AB5161" s="5" t="s">
        <v>44</v>
      </c>
      <c r="AC5161" s="2"/>
      <c r="AD5161" s="1"/>
    </row>
    <row r="5162" spans="1:30">
      <c r="A5162" s="5" t="s">
        <v>83578</v>
      </c>
      <c r="B5162" s="2" t="s">
        <v>99088</v>
      </c>
      <c r="C5162" s="14" t="s">
        <v>99089</v>
      </c>
      <c r="D5162" s="2" t="s">
        <v>99090</v>
      </c>
      <c r="E5162" s="2" t="s">
        <v>41049</v>
      </c>
      <c r="F5162" s="8">
        <v>300</v>
      </c>
      <c r="G5162" s="5">
        <v>6</v>
      </c>
      <c r="H5162" s="5" t="s">
        <v>1518</v>
      </c>
      <c r="I5162" s="5" t="s">
        <v>40939</v>
      </c>
      <c r="J5162" s="2" t="s">
        <v>40940</v>
      </c>
      <c r="K5162" s="5" t="s">
        <v>40939</v>
      </c>
      <c r="L5162" s="2" t="s">
        <v>40940</v>
      </c>
      <c r="M5162" s="5" t="s">
        <v>36266</v>
      </c>
      <c r="N5162" s="5" t="s">
        <v>38</v>
      </c>
      <c r="O5162" s="5" t="s">
        <v>39</v>
      </c>
      <c r="P5162" s="5" t="s">
        <v>40</v>
      </c>
      <c r="Q5162" s="5" t="s">
        <v>1522</v>
      </c>
      <c r="R5162" s="5" t="s">
        <v>1523</v>
      </c>
      <c r="S5162" s="5" t="s">
        <v>42</v>
      </c>
      <c r="T5162" s="2">
        <v>3.0529999999999999</v>
      </c>
      <c r="U5162" s="2">
        <v>2.5259999999999998</v>
      </c>
      <c r="V5162" s="2">
        <v>1.4999999999999999E-2</v>
      </c>
      <c r="W5162" s="2">
        <v>118.9</v>
      </c>
      <c r="X5162" s="2">
        <v>7.6</v>
      </c>
      <c r="Y5162" s="2">
        <v>16.7</v>
      </c>
      <c r="Z5162" s="5"/>
      <c r="AA5162" s="5" t="s">
        <v>43</v>
      </c>
      <c r="AB5162" s="5" t="s">
        <v>44</v>
      </c>
      <c r="AC5162" s="2"/>
      <c r="AD5162" s="1"/>
    </row>
    <row r="5163" spans="1:30">
      <c r="A5163" s="5" t="s">
        <v>83578</v>
      </c>
      <c r="B5163" s="2" t="s">
        <v>99091</v>
      </c>
      <c r="C5163" s="14" t="s">
        <v>99092</v>
      </c>
      <c r="D5163" s="2" t="s">
        <v>99093</v>
      </c>
      <c r="E5163" s="2" t="s">
        <v>47266</v>
      </c>
      <c r="F5163" s="8">
        <v>313</v>
      </c>
      <c r="G5163" s="5">
        <v>6</v>
      </c>
      <c r="H5163" s="5" t="s">
        <v>1518</v>
      </c>
      <c r="I5163" s="5" t="s">
        <v>40939</v>
      </c>
      <c r="J5163" s="2" t="s">
        <v>40940</v>
      </c>
      <c r="K5163" s="5" t="s">
        <v>40939</v>
      </c>
      <c r="L5163" s="2" t="s">
        <v>40940</v>
      </c>
      <c r="M5163" s="5" t="s">
        <v>36266</v>
      </c>
      <c r="N5163" s="5" t="s">
        <v>38</v>
      </c>
      <c r="O5163" s="5" t="s">
        <v>39</v>
      </c>
      <c r="P5163" s="5" t="s">
        <v>40</v>
      </c>
      <c r="Q5163" s="5" t="s">
        <v>1522</v>
      </c>
      <c r="R5163" s="5" t="s">
        <v>1523</v>
      </c>
      <c r="S5163" s="5" t="s">
        <v>42</v>
      </c>
      <c r="T5163" s="2">
        <v>3.093</v>
      </c>
      <c r="U5163" s="2">
        <v>2.5750000000000002</v>
      </c>
      <c r="V5163" s="2">
        <v>1.4999999999999999E-2</v>
      </c>
      <c r="W5163" s="2">
        <v>118.9</v>
      </c>
      <c r="X5163" s="2">
        <v>7.6</v>
      </c>
      <c r="Y5163" s="2">
        <v>16.7</v>
      </c>
      <c r="Z5163" s="5"/>
      <c r="AA5163" s="5" t="s">
        <v>43</v>
      </c>
      <c r="AB5163" s="5" t="s">
        <v>44</v>
      </c>
      <c r="AC5163" s="2"/>
      <c r="AD5163" s="1"/>
    </row>
    <row r="5164" spans="1:30">
      <c r="A5164" s="5" t="s">
        <v>83578</v>
      </c>
      <c r="B5164" s="2" t="s">
        <v>99094</v>
      </c>
      <c r="C5164" s="14" t="s">
        <v>99095</v>
      </c>
      <c r="D5164" s="2" t="s">
        <v>99096</v>
      </c>
      <c r="E5164" s="2" t="s">
        <v>36277</v>
      </c>
      <c r="F5164" s="8">
        <v>289</v>
      </c>
      <c r="G5164" s="5">
        <v>6</v>
      </c>
      <c r="H5164" s="5" t="s">
        <v>1518</v>
      </c>
      <c r="I5164" s="5" t="s">
        <v>40939</v>
      </c>
      <c r="J5164" s="2" t="s">
        <v>40940</v>
      </c>
      <c r="K5164" s="5" t="s">
        <v>40939</v>
      </c>
      <c r="L5164" s="2" t="s">
        <v>40940</v>
      </c>
      <c r="M5164" s="5" t="s">
        <v>36266</v>
      </c>
      <c r="N5164" s="5" t="s">
        <v>38</v>
      </c>
      <c r="O5164" s="5" t="s">
        <v>39</v>
      </c>
      <c r="P5164" s="5" t="s">
        <v>40</v>
      </c>
      <c r="Q5164" s="5" t="s">
        <v>1522</v>
      </c>
      <c r="R5164" s="5" t="s">
        <v>1523</v>
      </c>
      <c r="S5164" s="5" t="s">
        <v>42</v>
      </c>
      <c r="T5164" s="2">
        <v>3.2269999999999999</v>
      </c>
      <c r="U5164" s="2">
        <v>2.7090000000000001</v>
      </c>
      <c r="V5164" s="2">
        <v>1.4999999999999999E-2</v>
      </c>
      <c r="W5164" s="2">
        <v>118.9</v>
      </c>
      <c r="X5164" s="2">
        <v>7.6</v>
      </c>
      <c r="Y5164" s="2">
        <v>16.7</v>
      </c>
      <c r="Z5164" s="5"/>
      <c r="AA5164" s="5" t="s">
        <v>43</v>
      </c>
      <c r="AB5164" s="5" t="s">
        <v>44</v>
      </c>
      <c r="AC5164" s="2"/>
      <c r="AD5164" s="1"/>
    </row>
    <row r="5165" spans="1:30">
      <c r="A5165" s="5" t="s">
        <v>83578</v>
      </c>
      <c r="B5165" s="2" t="s">
        <v>99097</v>
      </c>
      <c r="C5165" s="14" t="s">
        <v>99098</v>
      </c>
      <c r="D5165" s="2" t="s">
        <v>99099</v>
      </c>
      <c r="E5165" s="2" t="s">
        <v>47226</v>
      </c>
      <c r="F5165" s="8">
        <v>313</v>
      </c>
      <c r="G5165" s="5">
        <v>6</v>
      </c>
      <c r="H5165" s="5" t="s">
        <v>1518</v>
      </c>
      <c r="I5165" s="5" t="s">
        <v>40939</v>
      </c>
      <c r="J5165" s="2" t="s">
        <v>40940</v>
      </c>
      <c r="K5165" s="5" t="s">
        <v>40939</v>
      </c>
      <c r="L5165" s="2" t="s">
        <v>40940</v>
      </c>
      <c r="M5165" s="5" t="s">
        <v>36266</v>
      </c>
      <c r="N5165" s="5" t="s">
        <v>38</v>
      </c>
      <c r="O5165" s="5" t="s">
        <v>39</v>
      </c>
      <c r="P5165" s="5" t="s">
        <v>40</v>
      </c>
      <c r="Q5165" s="5" t="s">
        <v>1522</v>
      </c>
      <c r="R5165" s="5" t="s">
        <v>1523</v>
      </c>
      <c r="S5165" s="5" t="s">
        <v>42</v>
      </c>
      <c r="T5165" s="2">
        <v>3.1040000000000001</v>
      </c>
      <c r="U5165" s="2">
        <v>2.5859999999999999</v>
      </c>
      <c r="V5165" s="2">
        <v>1.4999999999999999E-2</v>
      </c>
      <c r="W5165" s="2">
        <v>118.9</v>
      </c>
      <c r="X5165" s="2">
        <v>7.6</v>
      </c>
      <c r="Y5165" s="2">
        <v>16.7</v>
      </c>
      <c r="Z5165" s="5"/>
      <c r="AA5165" s="5" t="s">
        <v>43</v>
      </c>
      <c r="AB5165" s="5" t="s">
        <v>44</v>
      </c>
      <c r="AC5165" s="2"/>
      <c r="AD5165" s="1"/>
    </row>
    <row r="5166" spans="1:30">
      <c r="A5166" s="5" t="s">
        <v>83578</v>
      </c>
      <c r="B5166" s="2" t="s">
        <v>99100</v>
      </c>
      <c r="C5166" s="14" t="s">
        <v>99101</v>
      </c>
      <c r="D5166" s="2" t="s">
        <v>99102</v>
      </c>
      <c r="E5166" s="2" t="s">
        <v>7539</v>
      </c>
      <c r="F5166" s="8">
        <v>313</v>
      </c>
      <c r="G5166" s="5">
        <v>6</v>
      </c>
      <c r="H5166" s="5" t="s">
        <v>1518</v>
      </c>
      <c r="I5166" s="5" t="s">
        <v>40939</v>
      </c>
      <c r="J5166" s="2" t="s">
        <v>40940</v>
      </c>
      <c r="K5166" s="5" t="s">
        <v>40939</v>
      </c>
      <c r="L5166" s="2" t="s">
        <v>40940</v>
      </c>
      <c r="M5166" s="5" t="s">
        <v>36266</v>
      </c>
      <c r="N5166" s="5" t="s">
        <v>38</v>
      </c>
      <c r="O5166" s="5" t="s">
        <v>39</v>
      </c>
      <c r="P5166" s="5" t="s">
        <v>40</v>
      </c>
      <c r="Q5166" s="5" t="s">
        <v>1522</v>
      </c>
      <c r="R5166" s="5" t="s">
        <v>1523</v>
      </c>
      <c r="S5166" s="5" t="s">
        <v>42</v>
      </c>
      <c r="T5166" s="2">
        <v>3.0489999999999999</v>
      </c>
      <c r="U5166" s="2">
        <v>2.5310000000000001</v>
      </c>
      <c r="V5166" s="2">
        <v>1.4999999999999999E-2</v>
      </c>
      <c r="W5166" s="2">
        <v>118.9</v>
      </c>
      <c r="X5166" s="2">
        <v>7.6</v>
      </c>
      <c r="Y5166" s="2">
        <v>16.7</v>
      </c>
      <c r="Z5166" s="5"/>
      <c r="AA5166" s="5" t="s">
        <v>43</v>
      </c>
      <c r="AB5166" s="5" t="s">
        <v>44</v>
      </c>
      <c r="AC5166" s="2"/>
      <c r="AD5166" s="1"/>
    </row>
    <row r="5167" spans="1:30">
      <c r="A5167" s="5" t="s">
        <v>83578</v>
      </c>
      <c r="B5167" s="2" t="s">
        <v>99103</v>
      </c>
      <c r="C5167" s="14" t="s">
        <v>99104</v>
      </c>
      <c r="D5167" s="2" t="s">
        <v>99105</v>
      </c>
      <c r="E5167" s="2" t="s">
        <v>40993</v>
      </c>
      <c r="F5167" s="8">
        <v>313</v>
      </c>
      <c r="G5167" s="5">
        <v>6</v>
      </c>
      <c r="H5167" s="5" t="s">
        <v>1518</v>
      </c>
      <c r="I5167" s="5" t="s">
        <v>40939</v>
      </c>
      <c r="J5167" s="2" t="s">
        <v>40940</v>
      </c>
      <c r="K5167" s="5" t="s">
        <v>40939</v>
      </c>
      <c r="L5167" s="2" t="s">
        <v>40940</v>
      </c>
      <c r="M5167" s="5" t="s">
        <v>36266</v>
      </c>
      <c r="N5167" s="5" t="s">
        <v>38</v>
      </c>
      <c r="O5167" s="5" t="s">
        <v>39</v>
      </c>
      <c r="P5167" s="5" t="s">
        <v>40</v>
      </c>
      <c r="Q5167" s="5" t="s">
        <v>1522</v>
      </c>
      <c r="R5167" s="5" t="s">
        <v>1523</v>
      </c>
      <c r="S5167" s="5" t="s">
        <v>42</v>
      </c>
      <c r="T5167" s="2">
        <v>3.2040000000000002</v>
      </c>
      <c r="U5167" s="2">
        <v>2.6859999999999999</v>
      </c>
      <c r="V5167" s="2">
        <v>1.4999999999999999E-2</v>
      </c>
      <c r="W5167" s="2">
        <v>118.9</v>
      </c>
      <c r="X5167" s="2">
        <v>7.6</v>
      </c>
      <c r="Y5167" s="2">
        <v>16.7</v>
      </c>
      <c r="Z5167" s="5"/>
      <c r="AA5167" s="5" t="s">
        <v>43</v>
      </c>
      <c r="AB5167" s="5" t="s">
        <v>44</v>
      </c>
      <c r="AC5167" s="2"/>
      <c r="AD5167" s="1"/>
    </row>
    <row r="5168" spans="1:30">
      <c r="A5168" s="5" t="s">
        <v>83578</v>
      </c>
      <c r="B5168" s="2" t="s">
        <v>99106</v>
      </c>
      <c r="C5168" s="14" t="s">
        <v>99107</v>
      </c>
      <c r="D5168" s="2" t="s">
        <v>99108</v>
      </c>
      <c r="E5168" s="2" t="s">
        <v>40997</v>
      </c>
      <c r="F5168" s="8">
        <v>313</v>
      </c>
      <c r="G5168" s="5">
        <v>6</v>
      </c>
      <c r="H5168" s="5" t="s">
        <v>1518</v>
      </c>
      <c r="I5168" s="5" t="s">
        <v>40939</v>
      </c>
      <c r="J5168" s="2" t="s">
        <v>40940</v>
      </c>
      <c r="K5168" s="5" t="s">
        <v>40939</v>
      </c>
      <c r="L5168" s="2" t="s">
        <v>40940</v>
      </c>
      <c r="M5168" s="5" t="s">
        <v>36266</v>
      </c>
      <c r="N5168" s="5" t="s">
        <v>38</v>
      </c>
      <c r="O5168" s="5" t="s">
        <v>39</v>
      </c>
      <c r="P5168" s="5" t="s">
        <v>40</v>
      </c>
      <c r="Q5168" s="5" t="s">
        <v>1522</v>
      </c>
      <c r="R5168" s="5" t="s">
        <v>1523</v>
      </c>
      <c r="S5168" s="5" t="s">
        <v>42</v>
      </c>
      <c r="T5168" s="2">
        <v>3.06</v>
      </c>
      <c r="U5168" s="2">
        <v>2.5419999999999998</v>
      </c>
      <c r="V5168" s="2">
        <v>1.4999999999999999E-2</v>
      </c>
      <c r="W5168" s="2">
        <v>118.9</v>
      </c>
      <c r="X5168" s="2">
        <v>7.6</v>
      </c>
      <c r="Y5168" s="2">
        <v>16.7</v>
      </c>
      <c r="Z5168" s="5"/>
      <c r="AA5168" s="5" t="s">
        <v>43</v>
      </c>
      <c r="AB5168" s="5" t="s">
        <v>44</v>
      </c>
      <c r="AC5168" s="2"/>
      <c r="AD5168" s="1"/>
    </row>
    <row r="5169" spans="1:30">
      <c r="A5169" s="5" t="s">
        <v>83578</v>
      </c>
      <c r="B5169" s="2" t="s">
        <v>99109</v>
      </c>
      <c r="C5169" s="14" t="s">
        <v>99110</v>
      </c>
      <c r="D5169" s="2" t="s">
        <v>99111</v>
      </c>
      <c r="E5169" s="2" t="s">
        <v>41267</v>
      </c>
      <c r="F5169" s="8">
        <v>313</v>
      </c>
      <c r="G5169" s="5">
        <v>6</v>
      </c>
      <c r="H5169" s="5" t="s">
        <v>1518</v>
      </c>
      <c r="I5169" s="5" t="s">
        <v>40939</v>
      </c>
      <c r="J5169" s="2" t="s">
        <v>40940</v>
      </c>
      <c r="K5169" s="5" t="s">
        <v>40939</v>
      </c>
      <c r="L5169" s="2" t="s">
        <v>40940</v>
      </c>
      <c r="M5169" s="5" t="s">
        <v>36266</v>
      </c>
      <c r="N5169" s="5" t="s">
        <v>38</v>
      </c>
      <c r="O5169" s="5" t="s">
        <v>39</v>
      </c>
      <c r="P5169" s="5" t="s">
        <v>40</v>
      </c>
      <c r="Q5169" s="5" t="s">
        <v>1522</v>
      </c>
      <c r="R5169" s="5" t="s">
        <v>1523</v>
      </c>
      <c r="S5169" s="5" t="s">
        <v>42</v>
      </c>
      <c r="T5169" s="2">
        <v>3.16</v>
      </c>
      <c r="U5169" s="2">
        <v>2.6419999999999999</v>
      </c>
      <c r="V5169" s="2">
        <v>1.4999999999999999E-2</v>
      </c>
      <c r="W5169" s="2">
        <v>118.9</v>
      </c>
      <c r="X5169" s="2">
        <v>7.6</v>
      </c>
      <c r="Y5169" s="2">
        <v>16.7</v>
      </c>
      <c r="Z5169" s="5"/>
      <c r="AA5169" s="5" t="s">
        <v>43</v>
      </c>
      <c r="AB5169" s="5" t="s">
        <v>44</v>
      </c>
      <c r="AC5169" s="2"/>
      <c r="AD5169" s="1"/>
    </row>
    <row r="5170" spans="1:30">
      <c r="A5170" s="5" t="s">
        <v>83578</v>
      </c>
      <c r="B5170" s="2" t="s">
        <v>99112</v>
      </c>
      <c r="C5170" s="14" t="s">
        <v>99113</v>
      </c>
      <c r="D5170" s="2" t="s">
        <v>99114</v>
      </c>
      <c r="E5170" s="2" t="s">
        <v>41001</v>
      </c>
      <c r="F5170" s="8">
        <v>313</v>
      </c>
      <c r="G5170" s="5">
        <v>6</v>
      </c>
      <c r="H5170" s="5" t="s">
        <v>1518</v>
      </c>
      <c r="I5170" s="5" t="s">
        <v>40939</v>
      </c>
      <c r="J5170" s="2" t="s">
        <v>40940</v>
      </c>
      <c r="K5170" s="5" t="s">
        <v>40939</v>
      </c>
      <c r="L5170" s="2" t="s">
        <v>40940</v>
      </c>
      <c r="M5170" s="5" t="s">
        <v>36266</v>
      </c>
      <c r="N5170" s="5" t="s">
        <v>38</v>
      </c>
      <c r="O5170" s="5" t="s">
        <v>39</v>
      </c>
      <c r="P5170" s="5" t="s">
        <v>40</v>
      </c>
      <c r="Q5170" s="5" t="s">
        <v>1522</v>
      </c>
      <c r="R5170" s="5" t="s">
        <v>1523</v>
      </c>
      <c r="S5170" s="5" t="s">
        <v>42</v>
      </c>
      <c r="T5170" s="2">
        <v>3.1040000000000001</v>
      </c>
      <c r="U5170" s="2">
        <v>2.5859999999999999</v>
      </c>
      <c r="V5170" s="2">
        <v>1.4999999999999999E-2</v>
      </c>
      <c r="W5170" s="2">
        <v>118.9</v>
      </c>
      <c r="X5170" s="2">
        <v>7.6</v>
      </c>
      <c r="Y5170" s="2">
        <v>16.7</v>
      </c>
      <c r="Z5170" s="5"/>
      <c r="AA5170" s="5" t="s">
        <v>43</v>
      </c>
      <c r="AB5170" s="5" t="s">
        <v>44</v>
      </c>
      <c r="AC5170" s="2"/>
      <c r="AD5170" s="1"/>
    </row>
    <row r="5171" spans="1:30">
      <c r="A5171" s="5" t="s">
        <v>83578</v>
      </c>
      <c r="B5171" s="2" t="s">
        <v>99115</v>
      </c>
      <c r="C5171" s="14" t="s">
        <v>99116</v>
      </c>
      <c r="D5171" s="2" t="s">
        <v>99117</v>
      </c>
      <c r="E5171" s="2" t="s">
        <v>41005</v>
      </c>
      <c r="F5171" s="8">
        <v>313</v>
      </c>
      <c r="G5171" s="5">
        <v>6</v>
      </c>
      <c r="H5171" s="5" t="s">
        <v>1518</v>
      </c>
      <c r="I5171" s="5" t="s">
        <v>40939</v>
      </c>
      <c r="J5171" s="2" t="s">
        <v>40940</v>
      </c>
      <c r="K5171" s="5" t="s">
        <v>40939</v>
      </c>
      <c r="L5171" s="2" t="s">
        <v>40940</v>
      </c>
      <c r="M5171" s="5" t="s">
        <v>36266</v>
      </c>
      <c r="N5171" s="5" t="s">
        <v>38</v>
      </c>
      <c r="O5171" s="5" t="s">
        <v>39</v>
      </c>
      <c r="P5171" s="5" t="s">
        <v>40</v>
      </c>
      <c r="Q5171" s="5" t="s">
        <v>1522</v>
      </c>
      <c r="R5171" s="5" t="s">
        <v>1523</v>
      </c>
      <c r="S5171" s="5" t="s">
        <v>42</v>
      </c>
      <c r="T5171" s="2">
        <v>3.2040000000000002</v>
      </c>
      <c r="U5171" s="2">
        <v>2.6859999999999999</v>
      </c>
      <c r="V5171" s="2">
        <v>1.4999999999999999E-2</v>
      </c>
      <c r="W5171" s="2">
        <v>118.9</v>
      </c>
      <c r="X5171" s="2">
        <v>7.6</v>
      </c>
      <c r="Y5171" s="2">
        <v>16.7</v>
      </c>
      <c r="Z5171" s="5"/>
      <c r="AA5171" s="5" t="s">
        <v>43</v>
      </c>
      <c r="AB5171" s="5" t="s">
        <v>44</v>
      </c>
      <c r="AC5171" s="2"/>
      <c r="AD5171" s="1"/>
    </row>
    <row r="5172" spans="1:30">
      <c r="A5172" s="5" t="s">
        <v>83578</v>
      </c>
      <c r="B5172" s="2" t="s">
        <v>99118</v>
      </c>
      <c r="C5172" s="14" t="s">
        <v>99119</v>
      </c>
      <c r="D5172" s="2" t="s">
        <v>99120</v>
      </c>
      <c r="E5172" s="2" t="s">
        <v>41009</v>
      </c>
      <c r="F5172" s="8">
        <v>313</v>
      </c>
      <c r="G5172" s="5">
        <v>6</v>
      </c>
      <c r="H5172" s="5" t="s">
        <v>1518</v>
      </c>
      <c r="I5172" s="5" t="s">
        <v>40939</v>
      </c>
      <c r="J5172" s="2" t="s">
        <v>40940</v>
      </c>
      <c r="K5172" s="5" t="s">
        <v>40939</v>
      </c>
      <c r="L5172" s="2" t="s">
        <v>40940</v>
      </c>
      <c r="M5172" s="5" t="s">
        <v>36266</v>
      </c>
      <c r="N5172" s="5" t="s">
        <v>38</v>
      </c>
      <c r="O5172" s="5" t="s">
        <v>39</v>
      </c>
      <c r="P5172" s="5" t="s">
        <v>40</v>
      </c>
      <c r="Q5172" s="5" t="s">
        <v>1522</v>
      </c>
      <c r="R5172" s="5" t="s">
        <v>1523</v>
      </c>
      <c r="S5172" s="5" t="s">
        <v>42</v>
      </c>
      <c r="T5172" s="2">
        <v>3.1150000000000002</v>
      </c>
      <c r="U5172" s="2">
        <v>2.597</v>
      </c>
      <c r="V5172" s="2">
        <v>1.4999999999999999E-2</v>
      </c>
      <c r="W5172" s="2">
        <v>118.9</v>
      </c>
      <c r="X5172" s="2">
        <v>7.6</v>
      </c>
      <c r="Y5172" s="2">
        <v>16.7</v>
      </c>
      <c r="Z5172" s="5"/>
      <c r="AA5172" s="5" t="s">
        <v>43</v>
      </c>
      <c r="AB5172" s="5" t="s">
        <v>44</v>
      </c>
      <c r="AC5172" s="2"/>
      <c r="AD5172" s="1"/>
    </row>
    <row r="5173" spans="1:30">
      <c r="A5173" s="5" t="s">
        <v>83578</v>
      </c>
      <c r="B5173" s="2" t="s">
        <v>99121</v>
      </c>
      <c r="C5173" s="14" t="s">
        <v>99122</v>
      </c>
      <c r="D5173" s="2" t="s">
        <v>99123</v>
      </c>
      <c r="E5173" s="2" t="s">
        <v>41013</v>
      </c>
      <c r="F5173" s="8">
        <v>313</v>
      </c>
      <c r="G5173" s="5">
        <v>6</v>
      </c>
      <c r="H5173" s="5" t="s">
        <v>1518</v>
      </c>
      <c r="I5173" s="5" t="s">
        <v>40939</v>
      </c>
      <c r="J5173" s="2" t="s">
        <v>40940</v>
      </c>
      <c r="K5173" s="5" t="s">
        <v>40939</v>
      </c>
      <c r="L5173" s="2" t="s">
        <v>40940</v>
      </c>
      <c r="M5173" s="5" t="s">
        <v>36266</v>
      </c>
      <c r="N5173" s="5" t="s">
        <v>38</v>
      </c>
      <c r="O5173" s="5" t="s">
        <v>39</v>
      </c>
      <c r="P5173" s="5" t="s">
        <v>40</v>
      </c>
      <c r="Q5173" s="5" t="s">
        <v>1522</v>
      </c>
      <c r="R5173" s="5" t="s">
        <v>1523</v>
      </c>
      <c r="S5173" s="5" t="s">
        <v>42</v>
      </c>
      <c r="T5173" s="2">
        <v>3.2149999999999999</v>
      </c>
      <c r="U5173" s="2">
        <v>2.6970000000000001</v>
      </c>
      <c r="V5173" s="2">
        <v>1.4999999999999999E-2</v>
      </c>
      <c r="W5173" s="2">
        <v>118.9</v>
      </c>
      <c r="X5173" s="2">
        <v>7.6</v>
      </c>
      <c r="Y5173" s="2">
        <v>16.7</v>
      </c>
      <c r="Z5173" s="5"/>
      <c r="AA5173" s="5" t="s">
        <v>43</v>
      </c>
      <c r="AB5173" s="5" t="s">
        <v>44</v>
      </c>
      <c r="AC5173" s="2"/>
      <c r="AD5173" s="1"/>
    </row>
    <row r="5174" spans="1:30">
      <c r="A5174" s="5" t="s">
        <v>83578</v>
      </c>
      <c r="B5174" s="2" t="s">
        <v>99124</v>
      </c>
      <c r="C5174" s="14" t="s">
        <v>99125</v>
      </c>
      <c r="D5174" s="2" t="s">
        <v>99126</v>
      </c>
      <c r="E5174" s="2" t="s">
        <v>41023</v>
      </c>
      <c r="F5174" s="8">
        <v>313</v>
      </c>
      <c r="G5174" s="5">
        <v>6</v>
      </c>
      <c r="H5174" s="5" t="s">
        <v>1518</v>
      </c>
      <c r="I5174" s="5" t="s">
        <v>40939</v>
      </c>
      <c r="J5174" s="2" t="s">
        <v>40940</v>
      </c>
      <c r="K5174" s="5" t="s">
        <v>40939</v>
      </c>
      <c r="L5174" s="2" t="s">
        <v>40940</v>
      </c>
      <c r="M5174" s="5" t="s">
        <v>36266</v>
      </c>
      <c r="N5174" s="5" t="s">
        <v>38</v>
      </c>
      <c r="O5174" s="5" t="s">
        <v>39</v>
      </c>
      <c r="P5174" s="5" t="s">
        <v>40</v>
      </c>
      <c r="Q5174" s="5" t="s">
        <v>1522</v>
      </c>
      <c r="R5174" s="5" t="s">
        <v>1523</v>
      </c>
      <c r="S5174" s="5" t="s">
        <v>42</v>
      </c>
      <c r="T5174" s="2">
        <v>3.06</v>
      </c>
      <c r="U5174" s="2">
        <v>2.5419999999999998</v>
      </c>
      <c r="V5174" s="2">
        <v>1.4999999999999999E-2</v>
      </c>
      <c r="W5174" s="2">
        <v>118.9</v>
      </c>
      <c r="X5174" s="2">
        <v>7.6</v>
      </c>
      <c r="Y5174" s="2">
        <v>16.7</v>
      </c>
      <c r="Z5174" s="5"/>
      <c r="AA5174" s="5" t="s">
        <v>43</v>
      </c>
      <c r="AB5174" s="5" t="s">
        <v>44</v>
      </c>
      <c r="AC5174" s="2"/>
      <c r="AD5174" s="1"/>
    </row>
    <row r="5175" spans="1:30">
      <c r="A5175" s="5" t="s">
        <v>83578</v>
      </c>
      <c r="B5175" s="2" t="s">
        <v>99127</v>
      </c>
      <c r="C5175" s="14" t="s">
        <v>99128</v>
      </c>
      <c r="D5175" s="2" t="s">
        <v>99129</v>
      </c>
      <c r="E5175" s="2" t="s">
        <v>41027</v>
      </c>
      <c r="F5175" s="8">
        <v>313</v>
      </c>
      <c r="G5175" s="5">
        <v>6</v>
      </c>
      <c r="H5175" s="5" t="s">
        <v>1518</v>
      </c>
      <c r="I5175" s="5" t="s">
        <v>40939</v>
      </c>
      <c r="J5175" s="2" t="s">
        <v>40940</v>
      </c>
      <c r="K5175" s="5" t="s">
        <v>40939</v>
      </c>
      <c r="L5175" s="2" t="s">
        <v>40940</v>
      </c>
      <c r="M5175" s="5" t="s">
        <v>36266</v>
      </c>
      <c r="N5175" s="5" t="s">
        <v>38</v>
      </c>
      <c r="O5175" s="5" t="s">
        <v>39</v>
      </c>
      <c r="P5175" s="5" t="s">
        <v>40</v>
      </c>
      <c r="Q5175" s="5" t="s">
        <v>1522</v>
      </c>
      <c r="R5175" s="5" t="s">
        <v>1523</v>
      </c>
      <c r="S5175" s="5" t="s">
        <v>42</v>
      </c>
      <c r="T5175" s="2">
        <v>3.16</v>
      </c>
      <c r="U5175" s="2">
        <v>2.6419999999999999</v>
      </c>
      <c r="V5175" s="2">
        <v>1.4999999999999999E-2</v>
      </c>
      <c r="W5175" s="2">
        <v>118.9</v>
      </c>
      <c r="X5175" s="2">
        <v>7.6</v>
      </c>
      <c r="Y5175" s="2">
        <v>16.7</v>
      </c>
      <c r="Z5175" s="5"/>
      <c r="AA5175" s="5" t="s">
        <v>43</v>
      </c>
      <c r="AB5175" s="5" t="s">
        <v>44</v>
      </c>
      <c r="AC5175" s="2"/>
      <c r="AD5175" s="1"/>
    </row>
    <row r="5176" spans="1:30">
      <c r="A5176" s="5" t="s">
        <v>83578</v>
      </c>
      <c r="B5176" s="2" t="s">
        <v>99130</v>
      </c>
      <c r="C5176" s="14" t="s">
        <v>99131</v>
      </c>
      <c r="D5176" s="2" t="s">
        <v>99132</v>
      </c>
      <c r="E5176" s="2" t="s">
        <v>41031</v>
      </c>
      <c r="F5176" s="8">
        <v>313</v>
      </c>
      <c r="G5176" s="5">
        <v>6</v>
      </c>
      <c r="H5176" s="5" t="s">
        <v>1518</v>
      </c>
      <c r="I5176" s="5" t="s">
        <v>40939</v>
      </c>
      <c r="J5176" s="2" t="s">
        <v>40940</v>
      </c>
      <c r="K5176" s="5" t="s">
        <v>40939</v>
      </c>
      <c r="L5176" s="2" t="s">
        <v>40940</v>
      </c>
      <c r="M5176" s="5" t="s">
        <v>36266</v>
      </c>
      <c r="N5176" s="5" t="s">
        <v>38</v>
      </c>
      <c r="O5176" s="5" t="s">
        <v>39</v>
      </c>
      <c r="P5176" s="5" t="s">
        <v>40</v>
      </c>
      <c r="Q5176" s="5" t="s">
        <v>1522</v>
      </c>
      <c r="R5176" s="5" t="s">
        <v>1523</v>
      </c>
      <c r="S5176" s="5" t="s">
        <v>42</v>
      </c>
      <c r="T5176" s="2">
        <v>3.06</v>
      </c>
      <c r="U5176" s="2">
        <v>2.5419999999999998</v>
      </c>
      <c r="V5176" s="2">
        <v>1.4999999999999999E-2</v>
      </c>
      <c r="W5176" s="2">
        <v>118.9</v>
      </c>
      <c r="X5176" s="2">
        <v>7.6</v>
      </c>
      <c r="Y5176" s="2">
        <v>16.7</v>
      </c>
      <c r="Z5176" s="5"/>
      <c r="AA5176" s="5" t="s">
        <v>43</v>
      </c>
      <c r="AB5176" s="5" t="s">
        <v>44</v>
      </c>
      <c r="AC5176" s="2"/>
      <c r="AD5176" s="1"/>
    </row>
    <row r="5177" spans="1:30">
      <c r="A5177" s="5" t="s">
        <v>83578</v>
      </c>
      <c r="B5177" s="2" t="s">
        <v>99133</v>
      </c>
      <c r="C5177" s="14" t="s">
        <v>99134</v>
      </c>
      <c r="D5177" s="2" t="s">
        <v>99135</v>
      </c>
      <c r="E5177" s="2" t="s">
        <v>41035</v>
      </c>
      <c r="F5177" s="8">
        <v>313</v>
      </c>
      <c r="G5177" s="5">
        <v>6</v>
      </c>
      <c r="H5177" s="5" t="s">
        <v>1518</v>
      </c>
      <c r="I5177" s="5" t="s">
        <v>40939</v>
      </c>
      <c r="J5177" s="2" t="s">
        <v>40940</v>
      </c>
      <c r="K5177" s="5" t="s">
        <v>40939</v>
      </c>
      <c r="L5177" s="2" t="s">
        <v>40940</v>
      </c>
      <c r="M5177" s="5" t="s">
        <v>36266</v>
      </c>
      <c r="N5177" s="5" t="s">
        <v>38</v>
      </c>
      <c r="O5177" s="5" t="s">
        <v>39</v>
      </c>
      <c r="P5177" s="5" t="s">
        <v>40</v>
      </c>
      <c r="Q5177" s="5" t="s">
        <v>1522</v>
      </c>
      <c r="R5177" s="5" t="s">
        <v>1523</v>
      </c>
      <c r="S5177" s="5" t="s">
        <v>42</v>
      </c>
      <c r="T5177" s="2">
        <v>3.16</v>
      </c>
      <c r="U5177" s="2">
        <v>2.6419999999999999</v>
      </c>
      <c r="V5177" s="2">
        <v>1.4999999999999999E-2</v>
      </c>
      <c r="W5177" s="2">
        <v>118.9</v>
      </c>
      <c r="X5177" s="2">
        <v>7.6</v>
      </c>
      <c r="Y5177" s="2">
        <v>16.7</v>
      </c>
      <c r="Z5177" s="5"/>
      <c r="AA5177" s="5" t="s">
        <v>43</v>
      </c>
      <c r="AB5177" s="5" t="s">
        <v>44</v>
      </c>
      <c r="AC5177" s="2"/>
      <c r="AD5177" s="1"/>
    </row>
    <row r="5178" spans="1:30">
      <c r="A5178" s="5" t="s">
        <v>83578</v>
      </c>
      <c r="B5178" s="2" t="s">
        <v>99136</v>
      </c>
      <c r="C5178" s="14" t="s">
        <v>99137</v>
      </c>
      <c r="D5178" s="2" t="s">
        <v>99138</v>
      </c>
      <c r="E5178" s="2" t="s">
        <v>7449</v>
      </c>
      <c r="F5178" s="8">
        <v>313</v>
      </c>
      <c r="G5178" s="5">
        <v>6</v>
      </c>
      <c r="H5178" s="5" t="s">
        <v>1518</v>
      </c>
      <c r="I5178" s="5" t="s">
        <v>40939</v>
      </c>
      <c r="J5178" s="2" t="s">
        <v>40940</v>
      </c>
      <c r="K5178" s="5" t="s">
        <v>40939</v>
      </c>
      <c r="L5178" s="2" t="s">
        <v>40940</v>
      </c>
      <c r="M5178" s="5" t="s">
        <v>36266</v>
      </c>
      <c r="N5178" s="5" t="s">
        <v>38</v>
      </c>
      <c r="O5178" s="5" t="s">
        <v>39</v>
      </c>
      <c r="P5178" s="5" t="s">
        <v>40</v>
      </c>
      <c r="Q5178" s="5" t="s">
        <v>1522</v>
      </c>
      <c r="R5178" s="5" t="s">
        <v>1523</v>
      </c>
      <c r="S5178" s="5" t="s">
        <v>42</v>
      </c>
      <c r="T5178" s="2">
        <v>3.06</v>
      </c>
      <c r="U5178" s="2">
        <v>2.5419999999999998</v>
      </c>
      <c r="V5178" s="2">
        <v>1.4999999999999999E-2</v>
      </c>
      <c r="W5178" s="2">
        <v>118.9</v>
      </c>
      <c r="X5178" s="2">
        <v>7.6</v>
      </c>
      <c r="Y5178" s="2">
        <v>16.7</v>
      </c>
      <c r="Z5178" s="5"/>
      <c r="AA5178" s="5" t="s">
        <v>43</v>
      </c>
      <c r="AB5178" s="5" t="s">
        <v>44</v>
      </c>
      <c r="AC5178" s="2"/>
      <c r="AD5178" s="1"/>
    </row>
    <row r="5179" spans="1:30">
      <c r="A5179" s="5" t="s">
        <v>83578</v>
      </c>
      <c r="B5179" s="2" t="s">
        <v>99139</v>
      </c>
      <c r="C5179" s="14" t="s">
        <v>99140</v>
      </c>
      <c r="D5179" s="2" t="s">
        <v>99141</v>
      </c>
      <c r="E5179" s="2" t="s">
        <v>7581</v>
      </c>
      <c r="F5179" s="8">
        <v>313</v>
      </c>
      <c r="G5179" s="5">
        <v>6</v>
      </c>
      <c r="H5179" s="5" t="s">
        <v>1518</v>
      </c>
      <c r="I5179" s="5" t="s">
        <v>40939</v>
      </c>
      <c r="J5179" s="2" t="s">
        <v>40940</v>
      </c>
      <c r="K5179" s="5" t="s">
        <v>40939</v>
      </c>
      <c r="L5179" s="2" t="s">
        <v>40940</v>
      </c>
      <c r="M5179" s="5" t="s">
        <v>36266</v>
      </c>
      <c r="N5179" s="5" t="s">
        <v>38</v>
      </c>
      <c r="O5179" s="5" t="s">
        <v>39</v>
      </c>
      <c r="P5179" s="5" t="s">
        <v>40</v>
      </c>
      <c r="Q5179" s="5" t="s">
        <v>1522</v>
      </c>
      <c r="R5179" s="5" t="s">
        <v>1523</v>
      </c>
      <c r="S5179" s="5" t="s">
        <v>42</v>
      </c>
      <c r="T5179" s="2">
        <v>3.16</v>
      </c>
      <c r="U5179" s="2">
        <v>2.6419999999999999</v>
      </c>
      <c r="V5179" s="2">
        <v>1.4999999999999999E-2</v>
      </c>
      <c r="W5179" s="2">
        <v>118.9</v>
      </c>
      <c r="X5179" s="2">
        <v>7.6</v>
      </c>
      <c r="Y5179" s="2">
        <v>16.7</v>
      </c>
      <c r="Z5179" s="5"/>
      <c r="AA5179" s="5" t="s">
        <v>43</v>
      </c>
      <c r="AB5179" s="5" t="s">
        <v>44</v>
      </c>
      <c r="AC5179" s="2"/>
      <c r="AD5179" s="1"/>
    </row>
    <row r="5180" spans="1:30">
      <c r="A5180" s="5" t="s">
        <v>83578</v>
      </c>
      <c r="B5180" s="2" t="s">
        <v>99142</v>
      </c>
      <c r="C5180" s="14" t="s">
        <v>99143</v>
      </c>
      <c r="D5180" s="2" t="s">
        <v>99144</v>
      </c>
      <c r="E5180" s="2" t="s">
        <v>41045</v>
      </c>
      <c r="F5180" s="8">
        <v>313</v>
      </c>
      <c r="G5180" s="5">
        <v>6</v>
      </c>
      <c r="H5180" s="5" t="s">
        <v>1518</v>
      </c>
      <c r="I5180" s="5" t="s">
        <v>40939</v>
      </c>
      <c r="J5180" s="2" t="s">
        <v>40940</v>
      </c>
      <c r="K5180" s="5" t="s">
        <v>40939</v>
      </c>
      <c r="L5180" s="2" t="s">
        <v>40940</v>
      </c>
      <c r="M5180" s="5" t="s">
        <v>36266</v>
      </c>
      <c r="N5180" s="5" t="s">
        <v>38</v>
      </c>
      <c r="O5180" s="5" t="s">
        <v>39</v>
      </c>
      <c r="P5180" s="5" t="s">
        <v>40</v>
      </c>
      <c r="Q5180" s="5" t="s">
        <v>1522</v>
      </c>
      <c r="R5180" s="5" t="s">
        <v>1523</v>
      </c>
      <c r="S5180" s="5" t="s">
        <v>42</v>
      </c>
      <c r="T5180" s="2">
        <v>3.1269999999999998</v>
      </c>
      <c r="U5180" s="2">
        <v>2.609</v>
      </c>
      <c r="V5180" s="2">
        <v>1.4999999999999999E-2</v>
      </c>
      <c r="W5180" s="2">
        <v>118.9</v>
      </c>
      <c r="X5180" s="2">
        <v>7.6</v>
      </c>
      <c r="Y5180" s="2">
        <v>16.7</v>
      </c>
      <c r="Z5180" s="5"/>
      <c r="AA5180" s="5" t="s">
        <v>43</v>
      </c>
      <c r="AB5180" s="5" t="s">
        <v>44</v>
      </c>
      <c r="AC5180" s="2"/>
      <c r="AD5180" s="1"/>
    </row>
    <row r="5181" spans="1:30">
      <c r="A5181" s="5" t="s">
        <v>83578</v>
      </c>
      <c r="B5181" s="2" t="s">
        <v>99145</v>
      </c>
      <c r="C5181" s="14" t="s">
        <v>99146</v>
      </c>
      <c r="D5181" s="2" t="s">
        <v>99147</v>
      </c>
      <c r="E5181" s="2" t="s">
        <v>41049</v>
      </c>
      <c r="F5181" s="8">
        <v>313</v>
      </c>
      <c r="G5181" s="5">
        <v>6</v>
      </c>
      <c r="H5181" s="5" t="s">
        <v>1518</v>
      </c>
      <c r="I5181" s="5" t="s">
        <v>40939</v>
      </c>
      <c r="J5181" s="2" t="s">
        <v>40940</v>
      </c>
      <c r="K5181" s="5" t="s">
        <v>40939</v>
      </c>
      <c r="L5181" s="2" t="s">
        <v>40940</v>
      </c>
      <c r="M5181" s="5" t="s">
        <v>36266</v>
      </c>
      <c r="N5181" s="5" t="s">
        <v>38</v>
      </c>
      <c r="O5181" s="5" t="s">
        <v>39</v>
      </c>
      <c r="P5181" s="5" t="s">
        <v>40</v>
      </c>
      <c r="Q5181" s="5" t="s">
        <v>1522</v>
      </c>
      <c r="R5181" s="5" t="s">
        <v>1523</v>
      </c>
      <c r="S5181" s="5" t="s">
        <v>42</v>
      </c>
      <c r="T5181" s="2">
        <v>3.2269999999999999</v>
      </c>
      <c r="U5181" s="2">
        <v>2.7090000000000001</v>
      </c>
      <c r="V5181" s="2">
        <v>1.4999999999999999E-2</v>
      </c>
      <c r="W5181" s="2">
        <v>118.9</v>
      </c>
      <c r="X5181" s="2">
        <v>7.6</v>
      </c>
      <c r="Y5181" s="2">
        <v>16.7</v>
      </c>
      <c r="Z5181" s="5"/>
      <c r="AA5181" s="5" t="s">
        <v>43</v>
      </c>
      <c r="AB5181" s="5" t="s">
        <v>44</v>
      </c>
      <c r="AC5181" s="2"/>
      <c r="AD5181" s="1"/>
    </row>
    <row r="5182" spans="1:30">
      <c r="A5182" s="5" t="s">
        <v>83578</v>
      </c>
      <c r="B5182" s="2" t="s">
        <v>99148</v>
      </c>
      <c r="C5182" s="14" t="s">
        <v>99149</v>
      </c>
      <c r="D5182" s="2" t="s">
        <v>99150</v>
      </c>
      <c r="E5182" s="2" t="s">
        <v>47266</v>
      </c>
      <c r="F5182" s="8">
        <v>329</v>
      </c>
      <c r="G5182" s="5">
        <v>6</v>
      </c>
      <c r="H5182" s="5" t="s">
        <v>1518</v>
      </c>
      <c r="I5182" s="5" t="s">
        <v>40939</v>
      </c>
      <c r="J5182" s="2" t="s">
        <v>40940</v>
      </c>
      <c r="K5182" s="5" t="s">
        <v>40939</v>
      </c>
      <c r="L5182" s="2" t="s">
        <v>40940</v>
      </c>
      <c r="M5182" s="5" t="s">
        <v>36266</v>
      </c>
      <c r="N5182" s="5" t="s">
        <v>38</v>
      </c>
      <c r="O5182" s="5" t="s">
        <v>39</v>
      </c>
      <c r="P5182" s="5" t="s">
        <v>40</v>
      </c>
      <c r="Q5182" s="5" t="s">
        <v>1522</v>
      </c>
      <c r="R5182" s="5" t="s">
        <v>1523</v>
      </c>
      <c r="S5182" s="5" t="s">
        <v>42</v>
      </c>
      <c r="T5182" s="2">
        <v>3.331</v>
      </c>
      <c r="U5182" s="2">
        <v>2.7360000000000002</v>
      </c>
      <c r="V5182" s="2">
        <v>1.7999999999999999E-2</v>
      </c>
      <c r="W5182" s="2">
        <v>139.1</v>
      </c>
      <c r="X5182" s="2">
        <v>7.6</v>
      </c>
      <c r="Y5182" s="2">
        <v>16.7</v>
      </c>
      <c r="Z5182" s="5"/>
      <c r="AA5182" s="5" t="s">
        <v>43</v>
      </c>
      <c r="AB5182" s="5" t="s">
        <v>44</v>
      </c>
      <c r="AC5182" s="2"/>
      <c r="AD5182" s="1"/>
    </row>
    <row r="5183" spans="1:30">
      <c r="A5183" s="5" t="s">
        <v>83578</v>
      </c>
      <c r="B5183" s="2" t="s">
        <v>99151</v>
      </c>
      <c r="C5183" s="14" t="s">
        <v>99152</v>
      </c>
      <c r="D5183" s="2" t="s">
        <v>99153</v>
      </c>
      <c r="E5183" s="2" t="s">
        <v>47735</v>
      </c>
      <c r="F5183" s="8">
        <v>329</v>
      </c>
      <c r="G5183" s="5">
        <v>6</v>
      </c>
      <c r="H5183" s="5" t="s">
        <v>1518</v>
      </c>
      <c r="I5183" s="5" t="s">
        <v>40939</v>
      </c>
      <c r="J5183" s="2" t="s">
        <v>40940</v>
      </c>
      <c r="K5183" s="5" t="s">
        <v>40939</v>
      </c>
      <c r="L5183" s="2" t="s">
        <v>40940</v>
      </c>
      <c r="M5183" s="5" t="s">
        <v>36266</v>
      </c>
      <c r="N5183" s="5" t="s">
        <v>38</v>
      </c>
      <c r="O5183" s="5" t="s">
        <v>39</v>
      </c>
      <c r="P5183" s="5" t="s">
        <v>40</v>
      </c>
      <c r="Q5183" s="5" t="s">
        <v>1522</v>
      </c>
      <c r="R5183" s="5" t="s">
        <v>1523</v>
      </c>
      <c r="S5183" s="5" t="s">
        <v>42</v>
      </c>
      <c r="T5183" s="2">
        <v>3.4540000000000002</v>
      </c>
      <c r="U5183" s="2">
        <v>2.859</v>
      </c>
      <c r="V5183" s="2">
        <v>1.7999999999999999E-2</v>
      </c>
      <c r="W5183" s="2">
        <v>139.1</v>
      </c>
      <c r="X5183" s="2">
        <v>7.6</v>
      </c>
      <c r="Y5183" s="2">
        <v>16.7</v>
      </c>
      <c r="Z5183" s="5"/>
      <c r="AA5183" s="5" t="s">
        <v>43</v>
      </c>
      <c r="AB5183" s="5" t="s">
        <v>44</v>
      </c>
      <c r="AC5183" s="2"/>
      <c r="AD5183" s="1"/>
    </row>
    <row r="5184" spans="1:30">
      <c r="A5184" s="5" t="s">
        <v>83578</v>
      </c>
      <c r="B5184" s="2" t="s">
        <v>99154</v>
      </c>
      <c r="C5184" s="14" t="s">
        <v>99155</v>
      </c>
      <c r="D5184" s="2" t="s">
        <v>99156</v>
      </c>
      <c r="E5184" s="2" t="s">
        <v>40993</v>
      </c>
      <c r="F5184" s="8">
        <v>329</v>
      </c>
      <c r="G5184" s="5">
        <v>6</v>
      </c>
      <c r="H5184" s="5" t="s">
        <v>1518</v>
      </c>
      <c r="I5184" s="5" t="s">
        <v>40939</v>
      </c>
      <c r="J5184" s="2" t="s">
        <v>40940</v>
      </c>
      <c r="K5184" s="5" t="s">
        <v>40939</v>
      </c>
      <c r="L5184" s="2" t="s">
        <v>40940</v>
      </c>
      <c r="M5184" s="5" t="s">
        <v>36266</v>
      </c>
      <c r="N5184" s="5" t="s">
        <v>38</v>
      </c>
      <c r="O5184" s="5" t="s">
        <v>39</v>
      </c>
      <c r="P5184" s="5" t="s">
        <v>40</v>
      </c>
      <c r="Q5184" s="5" t="s">
        <v>1522</v>
      </c>
      <c r="R5184" s="5" t="s">
        <v>1523</v>
      </c>
      <c r="S5184" s="5" t="s">
        <v>42</v>
      </c>
      <c r="T5184" s="2">
        <v>3.4540000000000002</v>
      </c>
      <c r="U5184" s="2">
        <v>2.859</v>
      </c>
      <c r="V5184" s="2">
        <v>1.7999999999999999E-2</v>
      </c>
      <c r="W5184" s="2">
        <v>139.1</v>
      </c>
      <c r="X5184" s="2">
        <v>7.6</v>
      </c>
      <c r="Y5184" s="2">
        <v>16.7</v>
      </c>
      <c r="Z5184" s="5"/>
      <c r="AA5184" s="5" t="s">
        <v>43</v>
      </c>
      <c r="AB5184" s="5" t="s">
        <v>44</v>
      </c>
      <c r="AC5184" s="2"/>
      <c r="AD5184" s="1"/>
    </row>
    <row r="5185" spans="1:30">
      <c r="A5185" s="5" t="s">
        <v>83578</v>
      </c>
      <c r="B5185" s="2" t="s">
        <v>99157</v>
      </c>
      <c r="C5185" s="14" t="s">
        <v>99158</v>
      </c>
      <c r="D5185" s="2" t="s">
        <v>99159</v>
      </c>
      <c r="E5185" s="2" t="s">
        <v>40997</v>
      </c>
      <c r="F5185" s="8">
        <v>329</v>
      </c>
      <c r="G5185" s="5">
        <v>6</v>
      </c>
      <c r="H5185" s="5" t="s">
        <v>1518</v>
      </c>
      <c r="I5185" s="5" t="s">
        <v>40939</v>
      </c>
      <c r="J5185" s="2" t="s">
        <v>40940</v>
      </c>
      <c r="K5185" s="5" t="s">
        <v>40939</v>
      </c>
      <c r="L5185" s="2" t="s">
        <v>40940</v>
      </c>
      <c r="M5185" s="5" t="s">
        <v>36266</v>
      </c>
      <c r="N5185" s="5" t="s">
        <v>38</v>
      </c>
      <c r="O5185" s="5" t="s">
        <v>39</v>
      </c>
      <c r="P5185" s="5" t="s">
        <v>40</v>
      </c>
      <c r="Q5185" s="5" t="s">
        <v>1522</v>
      </c>
      <c r="R5185" s="5" t="s">
        <v>1523</v>
      </c>
      <c r="S5185" s="5" t="s">
        <v>42</v>
      </c>
      <c r="T5185" s="2">
        <v>3.2930000000000001</v>
      </c>
      <c r="U5185" s="2">
        <v>2.698</v>
      </c>
      <c r="V5185" s="2">
        <v>1.7999999999999999E-2</v>
      </c>
      <c r="W5185" s="2">
        <v>139.1</v>
      </c>
      <c r="X5185" s="2">
        <v>7.6</v>
      </c>
      <c r="Y5185" s="2">
        <v>16.7</v>
      </c>
      <c r="Z5185" s="5"/>
      <c r="AA5185" s="5" t="s">
        <v>43</v>
      </c>
      <c r="AB5185" s="5" t="s">
        <v>44</v>
      </c>
      <c r="AC5185" s="2"/>
      <c r="AD5185" s="1"/>
    </row>
    <row r="5186" spans="1:30">
      <c r="A5186" s="5" t="s">
        <v>83578</v>
      </c>
      <c r="B5186" s="2" t="s">
        <v>99160</v>
      </c>
      <c r="C5186" s="14" t="s">
        <v>99161</v>
      </c>
      <c r="D5186" s="2" t="s">
        <v>99162</v>
      </c>
      <c r="E5186" s="2" t="s">
        <v>41267</v>
      </c>
      <c r="F5186" s="8">
        <v>329</v>
      </c>
      <c r="G5186" s="5">
        <v>6</v>
      </c>
      <c r="H5186" s="5" t="s">
        <v>1518</v>
      </c>
      <c r="I5186" s="5" t="s">
        <v>40939</v>
      </c>
      <c r="J5186" s="2" t="s">
        <v>40940</v>
      </c>
      <c r="K5186" s="5" t="s">
        <v>40939</v>
      </c>
      <c r="L5186" s="2" t="s">
        <v>40940</v>
      </c>
      <c r="M5186" s="5" t="s">
        <v>36266</v>
      </c>
      <c r="N5186" s="5" t="s">
        <v>38</v>
      </c>
      <c r="O5186" s="5" t="s">
        <v>39</v>
      </c>
      <c r="P5186" s="5" t="s">
        <v>40</v>
      </c>
      <c r="Q5186" s="5" t="s">
        <v>1522</v>
      </c>
      <c r="R5186" s="5" t="s">
        <v>1523</v>
      </c>
      <c r="S5186" s="5" t="s">
        <v>42</v>
      </c>
      <c r="T5186" s="2">
        <v>3.403</v>
      </c>
      <c r="U5186" s="2">
        <v>2.8079999999999998</v>
      </c>
      <c r="V5186" s="2">
        <v>1.7999999999999999E-2</v>
      </c>
      <c r="W5186" s="2">
        <v>139.1</v>
      </c>
      <c r="X5186" s="2">
        <v>7.6</v>
      </c>
      <c r="Y5186" s="2">
        <v>16.7</v>
      </c>
      <c r="Z5186" s="5"/>
      <c r="AA5186" s="5" t="s">
        <v>43</v>
      </c>
      <c r="AB5186" s="5" t="s">
        <v>44</v>
      </c>
      <c r="AC5186" s="2"/>
      <c r="AD5186" s="1"/>
    </row>
    <row r="5187" spans="1:30">
      <c r="A5187" s="5" t="s">
        <v>83578</v>
      </c>
      <c r="B5187" s="2" t="s">
        <v>99163</v>
      </c>
      <c r="C5187" s="14" t="s">
        <v>99164</v>
      </c>
      <c r="D5187" s="2" t="s">
        <v>99165</v>
      </c>
      <c r="E5187" s="2" t="s">
        <v>41001</v>
      </c>
      <c r="F5187" s="8">
        <v>329</v>
      </c>
      <c r="G5187" s="5">
        <v>6</v>
      </c>
      <c r="H5187" s="5" t="s">
        <v>1518</v>
      </c>
      <c r="I5187" s="5" t="s">
        <v>40939</v>
      </c>
      <c r="J5187" s="2" t="s">
        <v>40940</v>
      </c>
      <c r="K5187" s="5" t="s">
        <v>40939</v>
      </c>
      <c r="L5187" s="2" t="s">
        <v>40940</v>
      </c>
      <c r="M5187" s="5" t="s">
        <v>36266</v>
      </c>
      <c r="N5187" s="5" t="s">
        <v>38</v>
      </c>
      <c r="O5187" s="5" t="s">
        <v>39</v>
      </c>
      <c r="P5187" s="5" t="s">
        <v>40</v>
      </c>
      <c r="Q5187" s="5" t="s">
        <v>1522</v>
      </c>
      <c r="R5187" s="5" t="s">
        <v>1523</v>
      </c>
      <c r="S5187" s="5" t="s">
        <v>42</v>
      </c>
      <c r="T5187" s="2">
        <v>3.3439999999999999</v>
      </c>
      <c r="U5187" s="2">
        <v>2.7490000000000001</v>
      </c>
      <c r="V5187" s="2">
        <v>1.7999999999999999E-2</v>
      </c>
      <c r="W5187" s="2">
        <v>139.1</v>
      </c>
      <c r="X5187" s="2">
        <v>7.6</v>
      </c>
      <c r="Y5187" s="2">
        <v>16.7</v>
      </c>
      <c r="Z5187" s="5"/>
      <c r="AA5187" s="5" t="s">
        <v>43</v>
      </c>
      <c r="AB5187" s="5" t="s">
        <v>44</v>
      </c>
      <c r="AC5187" s="2"/>
      <c r="AD5187" s="1"/>
    </row>
    <row r="5188" spans="1:30">
      <c r="A5188" s="5" t="s">
        <v>83578</v>
      </c>
      <c r="B5188" s="2" t="s">
        <v>99166</v>
      </c>
      <c r="C5188" s="14" t="s">
        <v>99167</v>
      </c>
      <c r="D5188" s="2" t="s">
        <v>99168</v>
      </c>
      <c r="E5188" s="2" t="s">
        <v>41005</v>
      </c>
      <c r="F5188" s="8">
        <v>329</v>
      </c>
      <c r="G5188" s="5">
        <v>6</v>
      </c>
      <c r="H5188" s="5" t="s">
        <v>1518</v>
      </c>
      <c r="I5188" s="5" t="s">
        <v>40939</v>
      </c>
      <c r="J5188" s="2" t="s">
        <v>40940</v>
      </c>
      <c r="K5188" s="5" t="s">
        <v>40939</v>
      </c>
      <c r="L5188" s="2" t="s">
        <v>40940</v>
      </c>
      <c r="M5188" s="5" t="s">
        <v>36266</v>
      </c>
      <c r="N5188" s="5" t="s">
        <v>38</v>
      </c>
      <c r="O5188" s="5" t="s">
        <v>39</v>
      </c>
      <c r="P5188" s="5" t="s">
        <v>40</v>
      </c>
      <c r="Q5188" s="5" t="s">
        <v>1522</v>
      </c>
      <c r="R5188" s="5" t="s">
        <v>1523</v>
      </c>
      <c r="S5188" s="5" t="s">
        <v>42</v>
      </c>
      <c r="T5188" s="2">
        <v>3.4540000000000002</v>
      </c>
      <c r="U5188" s="2">
        <v>2.859</v>
      </c>
      <c r="V5188" s="2">
        <v>1.7999999999999999E-2</v>
      </c>
      <c r="W5188" s="2">
        <v>139.1</v>
      </c>
      <c r="X5188" s="2">
        <v>7.6</v>
      </c>
      <c r="Y5188" s="2">
        <v>16.7</v>
      </c>
      <c r="Z5188" s="5"/>
      <c r="AA5188" s="5" t="s">
        <v>43</v>
      </c>
      <c r="AB5188" s="5" t="s">
        <v>44</v>
      </c>
      <c r="AC5188" s="2"/>
      <c r="AD5188" s="1"/>
    </row>
    <row r="5189" spans="1:30">
      <c r="A5189" s="5" t="s">
        <v>83578</v>
      </c>
      <c r="B5189" s="2" t="s">
        <v>99169</v>
      </c>
      <c r="C5189" s="14" t="s">
        <v>99170</v>
      </c>
      <c r="D5189" s="2" t="s">
        <v>99171</v>
      </c>
      <c r="E5189" s="2" t="s">
        <v>41009</v>
      </c>
      <c r="F5189" s="8">
        <v>329</v>
      </c>
      <c r="G5189" s="5">
        <v>6</v>
      </c>
      <c r="H5189" s="5" t="s">
        <v>1518</v>
      </c>
      <c r="I5189" s="5" t="s">
        <v>40939</v>
      </c>
      <c r="J5189" s="2" t="s">
        <v>40940</v>
      </c>
      <c r="K5189" s="5" t="s">
        <v>40939</v>
      </c>
      <c r="L5189" s="2" t="s">
        <v>40940</v>
      </c>
      <c r="M5189" s="5" t="s">
        <v>36266</v>
      </c>
      <c r="N5189" s="5" t="s">
        <v>38</v>
      </c>
      <c r="O5189" s="5" t="s">
        <v>39</v>
      </c>
      <c r="P5189" s="5" t="s">
        <v>40</v>
      </c>
      <c r="Q5189" s="5" t="s">
        <v>1522</v>
      </c>
      <c r="R5189" s="5" t="s">
        <v>1523</v>
      </c>
      <c r="S5189" s="5" t="s">
        <v>42</v>
      </c>
      <c r="T5189" s="2">
        <v>3.3559999999999999</v>
      </c>
      <c r="U5189" s="2">
        <v>2.7610000000000001</v>
      </c>
      <c r="V5189" s="2">
        <v>1.7999999999999999E-2</v>
      </c>
      <c r="W5189" s="2">
        <v>139.1</v>
      </c>
      <c r="X5189" s="2">
        <v>7.6</v>
      </c>
      <c r="Y5189" s="2">
        <v>16.7</v>
      </c>
      <c r="Z5189" s="5"/>
      <c r="AA5189" s="5" t="s">
        <v>43</v>
      </c>
      <c r="AB5189" s="5" t="s">
        <v>44</v>
      </c>
      <c r="AC5189" s="2"/>
      <c r="AD5189" s="1"/>
    </row>
    <row r="5190" spans="1:30">
      <c r="A5190" s="5" t="s">
        <v>83578</v>
      </c>
      <c r="B5190" s="2" t="s">
        <v>99172</v>
      </c>
      <c r="C5190" s="14" t="s">
        <v>99173</v>
      </c>
      <c r="D5190" s="2" t="s">
        <v>99174</v>
      </c>
      <c r="E5190" s="2" t="s">
        <v>41013</v>
      </c>
      <c r="F5190" s="8">
        <v>329</v>
      </c>
      <c r="G5190" s="5">
        <v>6</v>
      </c>
      <c r="H5190" s="5" t="s">
        <v>1518</v>
      </c>
      <c r="I5190" s="5" t="s">
        <v>40939</v>
      </c>
      <c r="J5190" s="2" t="s">
        <v>40940</v>
      </c>
      <c r="K5190" s="5" t="s">
        <v>40939</v>
      </c>
      <c r="L5190" s="2" t="s">
        <v>40940</v>
      </c>
      <c r="M5190" s="5" t="s">
        <v>36266</v>
      </c>
      <c r="N5190" s="5" t="s">
        <v>38</v>
      </c>
      <c r="O5190" s="5" t="s">
        <v>39</v>
      </c>
      <c r="P5190" s="5" t="s">
        <v>40</v>
      </c>
      <c r="Q5190" s="5" t="s">
        <v>1522</v>
      </c>
      <c r="R5190" s="5" t="s">
        <v>1523</v>
      </c>
      <c r="S5190" s="5" t="s">
        <v>42</v>
      </c>
      <c r="T5190" s="2">
        <v>3.4660000000000002</v>
      </c>
      <c r="U5190" s="2">
        <v>2.871</v>
      </c>
      <c r="V5190" s="2">
        <v>1.7999999999999999E-2</v>
      </c>
      <c r="W5190" s="2">
        <v>139.1</v>
      </c>
      <c r="X5190" s="2">
        <v>7.6</v>
      </c>
      <c r="Y5190" s="2">
        <v>16.7</v>
      </c>
      <c r="Z5190" s="5"/>
      <c r="AA5190" s="5" t="s">
        <v>43</v>
      </c>
      <c r="AB5190" s="5" t="s">
        <v>44</v>
      </c>
      <c r="AC5190" s="2"/>
      <c r="AD5190" s="1"/>
    </row>
    <row r="5191" spans="1:30">
      <c r="A5191" s="5" t="s">
        <v>83578</v>
      </c>
      <c r="B5191" s="2" t="s">
        <v>99175</v>
      </c>
      <c r="C5191" s="14" t="s">
        <v>99176</v>
      </c>
      <c r="D5191" s="2" t="s">
        <v>99177</v>
      </c>
      <c r="E5191" s="2" t="s">
        <v>41035</v>
      </c>
      <c r="F5191" s="8">
        <v>329</v>
      </c>
      <c r="G5191" s="5">
        <v>6</v>
      </c>
      <c r="H5191" s="5" t="s">
        <v>1518</v>
      </c>
      <c r="I5191" s="5" t="s">
        <v>40939</v>
      </c>
      <c r="J5191" s="2" t="s">
        <v>40940</v>
      </c>
      <c r="K5191" s="5" t="s">
        <v>40939</v>
      </c>
      <c r="L5191" s="2" t="s">
        <v>40940</v>
      </c>
      <c r="M5191" s="5" t="s">
        <v>36266</v>
      </c>
      <c r="N5191" s="5" t="s">
        <v>38</v>
      </c>
      <c r="O5191" s="5" t="s">
        <v>39</v>
      </c>
      <c r="P5191" s="5" t="s">
        <v>40</v>
      </c>
      <c r="Q5191" s="5" t="s">
        <v>1522</v>
      </c>
      <c r="R5191" s="5" t="s">
        <v>1523</v>
      </c>
      <c r="S5191" s="5" t="s">
        <v>42</v>
      </c>
      <c r="T5191" s="2">
        <v>3.403</v>
      </c>
      <c r="U5191" s="2">
        <v>2.8079999999999998</v>
      </c>
      <c r="V5191" s="2">
        <v>1.7999999999999999E-2</v>
      </c>
      <c r="W5191" s="2">
        <v>139.1</v>
      </c>
      <c r="X5191" s="2">
        <v>7.6</v>
      </c>
      <c r="Y5191" s="2">
        <v>16.7</v>
      </c>
      <c r="Z5191" s="5"/>
      <c r="AA5191" s="5" t="s">
        <v>43</v>
      </c>
      <c r="AB5191" s="5" t="s">
        <v>44</v>
      </c>
      <c r="AC5191" s="2"/>
      <c r="AD5191" s="1"/>
    </row>
    <row r="5192" spans="1:30">
      <c r="A5192" s="5" t="s">
        <v>83578</v>
      </c>
      <c r="B5192" s="2" t="s">
        <v>99178</v>
      </c>
      <c r="C5192" s="14" t="s">
        <v>99179</v>
      </c>
      <c r="D5192" s="2" t="s">
        <v>99180</v>
      </c>
      <c r="E5192" s="2" t="s">
        <v>7449</v>
      </c>
      <c r="F5192" s="8">
        <v>329</v>
      </c>
      <c r="G5192" s="5">
        <v>6</v>
      </c>
      <c r="H5192" s="5" t="s">
        <v>1518</v>
      </c>
      <c r="I5192" s="5" t="s">
        <v>40939</v>
      </c>
      <c r="J5192" s="2" t="s">
        <v>40940</v>
      </c>
      <c r="K5192" s="5" t="s">
        <v>40939</v>
      </c>
      <c r="L5192" s="2" t="s">
        <v>40940</v>
      </c>
      <c r="M5192" s="5" t="s">
        <v>36266</v>
      </c>
      <c r="N5192" s="5" t="s">
        <v>38</v>
      </c>
      <c r="O5192" s="5" t="s">
        <v>39</v>
      </c>
      <c r="P5192" s="5" t="s">
        <v>40</v>
      </c>
      <c r="Q5192" s="5" t="s">
        <v>1522</v>
      </c>
      <c r="R5192" s="5" t="s">
        <v>1523</v>
      </c>
      <c r="S5192" s="5" t="s">
        <v>42</v>
      </c>
      <c r="T5192" s="2">
        <v>3.2930000000000001</v>
      </c>
      <c r="U5192" s="2">
        <v>2.698</v>
      </c>
      <c r="V5192" s="2">
        <v>1.7999999999999999E-2</v>
      </c>
      <c r="W5192" s="2">
        <v>139.1</v>
      </c>
      <c r="X5192" s="2">
        <v>7.6</v>
      </c>
      <c r="Y5192" s="2">
        <v>16.7</v>
      </c>
      <c r="Z5192" s="5"/>
      <c r="AA5192" s="5" t="s">
        <v>43</v>
      </c>
      <c r="AB5192" s="5" t="s">
        <v>44</v>
      </c>
      <c r="AC5192" s="2"/>
      <c r="AD5192" s="1"/>
    </row>
    <row r="5193" spans="1:30">
      <c r="A5193" s="5" t="s">
        <v>83578</v>
      </c>
      <c r="B5193" s="2" t="s">
        <v>99181</v>
      </c>
      <c r="C5193" s="14" t="s">
        <v>99182</v>
      </c>
      <c r="D5193" s="2" t="s">
        <v>99183</v>
      </c>
      <c r="E5193" s="2" t="s">
        <v>7581</v>
      </c>
      <c r="F5193" s="8">
        <v>329</v>
      </c>
      <c r="G5193" s="5">
        <v>6</v>
      </c>
      <c r="H5193" s="5" t="s">
        <v>1518</v>
      </c>
      <c r="I5193" s="5" t="s">
        <v>40939</v>
      </c>
      <c r="J5193" s="2" t="s">
        <v>40940</v>
      </c>
      <c r="K5193" s="5" t="s">
        <v>40939</v>
      </c>
      <c r="L5193" s="2" t="s">
        <v>40940</v>
      </c>
      <c r="M5193" s="5" t="s">
        <v>36266</v>
      </c>
      <c r="N5193" s="5" t="s">
        <v>38</v>
      </c>
      <c r="O5193" s="5" t="s">
        <v>39</v>
      </c>
      <c r="P5193" s="5" t="s">
        <v>40</v>
      </c>
      <c r="Q5193" s="5" t="s">
        <v>1522</v>
      </c>
      <c r="R5193" s="5" t="s">
        <v>1523</v>
      </c>
      <c r="S5193" s="5" t="s">
        <v>42</v>
      </c>
      <c r="T5193" s="2">
        <v>3.403</v>
      </c>
      <c r="U5193" s="2">
        <v>2.8079999999999998</v>
      </c>
      <c r="V5193" s="2">
        <v>1.7999999999999999E-2</v>
      </c>
      <c r="W5193" s="2">
        <v>139.1</v>
      </c>
      <c r="X5193" s="2">
        <v>7.6</v>
      </c>
      <c r="Y5193" s="2">
        <v>16.7</v>
      </c>
      <c r="Z5193" s="5"/>
      <c r="AA5193" s="5" t="s">
        <v>43</v>
      </c>
      <c r="AB5193" s="5" t="s">
        <v>44</v>
      </c>
      <c r="AC5193" s="2"/>
      <c r="AD5193" s="1"/>
    </row>
    <row r="5194" spans="1:30">
      <c r="A5194" s="5" t="s">
        <v>83578</v>
      </c>
      <c r="B5194" s="2" t="s">
        <v>99184</v>
      </c>
      <c r="C5194" s="14" t="s">
        <v>99185</v>
      </c>
      <c r="D5194" s="2" t="s">
        <v>99186</v>
      </c>
      <c r="E5194" s="2" t="s">
        <v>41049</v>
      </c>
      <c r="F5194" s="8">
        <v>329</v>
      </c>
      <c r="G5194" s="5">
        <v>6</v>
      </c>
      <c r="H5194" s="5" t="s">
        <v>1518</v>
      </c>
      <c r="I5194" s="5" t="s">
        <v>40939</v>
      </c>
      <c r="J5194" s="2" t="s">
        <v>40940</v>
      </c>
      <c r="K5194" s="5" t="s">
        <v>40939</v>
      </c>
      <c r="L5194" s="2" t="s">
        <v>40940</v>
      </c>
      <c r="M5194" s="5" t="s">
        <v>36266</v>
      </c>
      <c r="N5194" s="5" t="s">
        <v>38</v>
      </c>
      <c r="O5194" s="5" t="s">
        <v>39</v>
      </c>
      <c r="P5194" s="5" t="s">
        <v>40</v>
      </c>
      <c r="Q5194" s="5" t="s">
        <v>1522</v>
      </c>
      <c r="R5194" s="5" t="s">
        <v>1523</v>
      </c>
      <c r="S5194" s="5" t="s">
        <v>42</v>
      </c>
      <c r="T5194" s="2">
        <v>3.4790000000000001</v>
      </c>
      <c r="U5194" s="2">
        <v>2.8839999999999999</v>
      </c>
      <c r="V5194" s="2">
        <v>1.7999999999999999E-2</v>
      </c>
      <c r="W5194" s="2">
        <v>139.1</v>
      </c>
      <c r="X5194" s="2">
        <v>7.6</v>
      </c>
      <c r="Y5194" s="2">
        <v>16.7</v>
      </c>
      <c r="Z5194" s="5"/>
      <c r="AA5194" s="5" t="s">
        <v>43</v>
      </c>
      <c r="AB5194" s="5" t="s">
        <v>44</v>
      </c>
      <c r="AC5194" s="2"/>
      <c r="AD5194" s="1"/>
    </row>
    <row r="5195" spans="1:30">
      <c r="A5195" s="5" t="s">
        <v>83578</v>
      </c>
      <c r="B5195" s="2" t="s">
        <v>99187</v>
      </c>
      <c r="C5195" s="14" t="s">
        <v>99188</v>
      </c>
      <c r="D5195" s="2" t="s">
        <v>99189</v>
      </c>
      <c r="E5195" s="2" t="s">
        <v>7204</v>
      </c>
      <c r="F5195" s="8">
        <v>278</v>
      </c>
      <c r="G5195" s="5">
        <v>6</v>
      </c>
      <c r="H5195" s="5" t="s">
        <v>1518</v>
      </c>
      <c r="I5195" s="5" t="s">
        <v>40939</v>
      </c>
      <c r="J5195" s="2" t="s">
        <v>40940</v>
      </c>
      <c r="K5195" s="5" t="s">
        <v>40939</v>
      </c>
      <c r="L5195" s="2" t="s">
        <v>40940</v>
      </c>
      <c r="M5195" s="5" t="s">
        <v>36266</v>
      </c>
      <c r="N5195" s="5" t="s">
        <v>38</v>
      </c>
      <c r="O5195" s="5" t="s">
        <v>39</v>
      </c>
      <c r="P5195" s="5" t="s">
        <v>40</v>
      </c>
      <c r="Q5195" s="5" t="s">
        <v>1522</v>
      </c>
      <c r="R5195" s="5" t="s">
        <v>1523</v>
      </c>
      <c r="S5195" s="5" t="s">
        <v>42</v>
      </c>
      <c r="T5195" s="2">
        <v>2.5129999999999999</v>
      </c>
      <c r="U5195" s="2">
        <v>1.9630000000000001</v>
      </c>
      <c r="V5195" s="2">
        <v>1.4999999999999999E-2</v>
      </c>
      <c r="W5195" s="2">
        <v>118.9</v>
      </c>
      <c r="X5195" s="2">
        <v>7.6</v>
      </c>
      <c r="Y5195" s="2">
        <v>16.7</v>
      </c>
      <c r="Z5195" s="5"/>
      <c r="AA5195" s="5" t="s">
        <v>43</v>
      </c>
      <c r="AB5195" s="5" t="s">
        <v>44</v>
      </c>
      <c r="AC5195" s="2"/>
      <c r="AD5195" s="1"/>
    </row>
    <row r="5196" spans="1:30">
      <c r="A5196" s="5" t="s">
        <v>83578</v>
      </c>
      <c r="B5196" s="2" t="s">
        <v>99190</v>
      </c>
      <c r="C5196" s="14" t="s">
        <v>99191</v>
      </c>
      <c r="D5196" s="2" t="s">
        <v>99192</v>
      </c>
      <c r="E5196" s="2" t="s">
        <v>7514</v>
      </c>
      <c r="F5196" s="8">
        <v>278</v>
      </c>
      <c r="G5196" s="5">
        <v>6</v>
      </c>
      <c r="H5196" s="5" t="s">
        <v>1518</v>
      </c>
      <c r="I5196" s="5" t="s">
        <v>40939</v>
      </c>
      <c r="J5196" s="2" t="s">
        <v>40940</v>
      </c>
      <c r="K5196" s="5" t="s">
        <v>40939</v>
      </c>
      <c r="L5196" s="2" t="s">
        <v>40940</v>
      </c>
      <c r="M5196" s="5" t="s">
        <v>36266</v>
      </c>
      <c r="N5196" s="5" t="s">
        <v>38</v>
      </c>
      <c r="O5196" s="5" t="s">
        <v>39</v>
      </c>
      <c r="P5196" s="5" t="s">
        <v>40</v>
      </c>
      <c r="Q5196" s="5" t="s">
        <v>1522</v>
      </c>
      <c r="R5196" s="5" t="s">
        <v>1523</v>
      </c>
      <c r="S5196" s="5" t="s">
        <v>42</v>
      </c>
      <c r="T5196" s="2">
        <v>2.569</v>
      </c>
      <c r="U5196" s="2">
        <v>2.0190000000000001</v>
      </c>
      <c r="V5196" s="2">
        <v>1.4999999999999999E-2</v>
      </c>
      <c r="W5196" s="2">
        <v>118.9</v>
      </c>
      <c r="X5196" s="2">
        <v>7.6</v>
      </c>
      <c r="Y5196" s="2">
        <v>16.7</v>
      </c>
      <c r="Z5196" s="5"/>
      <c r="AA5196" s="5" t="s">
        <v>43</v>
      </c>
      <c r="AB5196" s="5" t="s">
        <v>44</v>
      </c>
      <c r="AC5196" s="2"/>
      <c r="AD5196" s="1"/>
    </row>
    <row r="5197" spans="1:30">
      <c r="A5197" s="5" t="s">
        <v>83578</v>
      </c>
      <c r="B5197" s="2" t="s">
        <v>99193</v>
      </c>
      <c r="C5197" s="14" t="s">
        <v>99194</v>
      </c>
      <c r="D5197" s="2" t="s">
        <v>99195</v>
      </c>
      <c r="E5197" s="2" t="s">
        <v>47266</v>
      </c>
      <c r="F5197" s="8">
        <v>300</v>
      </c>
      <c r="G5197" s="5">
        <v>6</v>
      </c>
      <c r="H5197" s="5" t="s">
        <v>1518</v>
      </c>
      <c r="I5197" s="5" t="s">
        <v>40939</v>
      </c>
      <c r="J5197" s="2" t="s">
        <v>40940</v>
      </c>
      <c r="K5197" s="5" t="s">
        <v>40939</v>
      </c>
      <c r="L5197" s="2" t="s">
        <v>40940</v>
      </c>
      <c r="M5197" s="5" t="s">
        <v>36266</v>
      </c>
      <c r="N5197" s="5" t="s">
        <v>38</v>
      </c>
      <c r="O5197" s="5" t="s">
        <v>39</v>
      </c>
      <c r="P5197" s="5" t="s">
        <v>40</v>
      </c>
      <c r="Q5197" s="5" t="s">
        <v>1522</v>
      </c>
      <c r="R5197" s="5" t="s">
        <v>1523</v>
      </c>
      <c r="S5197" s="5" t="s">
        <v>42</v>
      </c>
      <c r="T5197" s="2">
        <v>2.5230000000000001</v>
      </c>
      <c r="U5197" s="2">
        <v>1.9730000000000001</v>
      </c>
      <c r="V5197" s="2">
        <v>1.4999999999999999E-2</v>
      </c>
      <c r="W5197" s="2">
        <v>118.9</v>
      </c>
      <c r="X5197" s="2">
        <v>7.6</v>
      </c>
      <c r="Y5197" s="2">
        <v>16.7</v>
      </c>
      <c r="Z5197" s="5"/>
      <c r="AA5197" s="5" t="s">
        <v>43</v>
      </c>
      <c r="AB5197" s="5" t="s">
        <v>44</v>
      </c>
      <c r="AC5197" s="2"/>
      <c r="AD5197" s="1"/>
    </row>
    <row r="5198" spans="1:30">
      <c r="A5198" s="5" t="s">
        <v>83578</v>
      </c>
      <c r="B5198" s="2" t="s">
        <v>99196</v>
      </c>
      <c r="C5198" s="14" t="s">
        <v>99197</v>
      </c>
      <c r="D5198" s="2" t="s">
        <v>99198</v>
      </c>
      <c r="E5198" s="2" t="s">
        <v>47195</v>
      </c>
      <c r="F5198" s="8">
        <v>300</v>
      </c>
      <c r="G5198" s="5">
        <v>6</v>
      </c>
      <c r="H5198" s="5" t="s">
        <v>1518</v>
      </c>
      <c r="I5198" s="5" t="s">
        <v>40939</v>
      </c>
      <c r="J5198" s="2" t="s">
        <v>40940</v>
      </c>
      <c r="K5198" s="5" t="s">
        <v>40939</v>
      </c>
      <c r="L5198" s="2" t="s">
        <v>40940</v>
      </c>
      <c r="M5198" s="5" t="s">
        <v>36266</v>
      </c>
      <c r="N5198" s="5" t="s">
        <v>38</v>
      </c>
      <c r="O5198" s="5" t="s">
        <v>39</v>
      </c>
      <c r="P5198" s="5" t="s">
        <v>40</v>
      </c>
      <c r="Q5198" s="5" t="s">
        <v>1522</v>
      </c>
      <c r="R5198" s="5" t="s">
        <v>1523</v>
      </c>
      <c r="S5198" s="5" t="s">
        <v>42</v>
      </c>
      <c r="T5198" s="2">
        <v>2.5790000000000002</v>
      </c>
      <c r="U5198" s="2">
        <v>2.0289999999999999</v>
      </c>
      <c r="V5198" s="2">
        <v>1.4999999999999999E-2</v>
      </c>
      <c r="W5198" s="2">
        <v>118.9</v>
      </c>
      <c r="X5198" s="2">
        <v>7.6</v>
      </c>
      <c r="Y5198" s="2">
        <v>16.7</v>
      </c>
      <c r="Z5198" s="5"/>
      <c r="AA5198" s="5" t="s">
        <v>43</v>
      </c>
      <c r="AB5198" s="5" t="s">
        <v>44</v>
      </c>
      <c r="AC5198" s="2"/>
      <c r="AD5198" s="1"/>
    </row>
    <row r="5199" spans="1:30">
      <c r="A5199" s="5" t="s">
        <v>83578</v>
      </c>
      <c r="B5199" s="2" t="s">
        <v>99199</v>
      </c>
      <c r="C5199" s="14" t="s">
        <v>99200</v>
      </c>
      <c r="D5199" s="2" t="s">
        <v>99201</v>
      </c>
      <c r="E5199" s="2" t="s">
        <v>7208</v>
      </c>
      <c r="F5199" s="8">
        <v>278</v>
      </c>
      <c r="G5199" s="5">
        <v>6</v>
      </c>
      <c r="H5199" s="5" t="s">
        <v>1518</v>
      </c>
      <c r="I5199" s="5" t="s">
        <v>40939</v>
      </c>
      <c r="J5199" s="2" t="s">
        <v>40940</v>
      </c>
      <c r="K5199" s="5" t="s">
        <v>40939</v>
      </c>
      <c r="L5199" s="2" t="s">
        <v>40940</v>
      </c>
      <c r="M5199" s="5" t="s">
        <v>36266</v>
      </c>
      <c r="N5199" s="5" t="s">
        <v>38</v>
      </c>
      <c r="O5199" s="5" t="s">
        <v>39</v>
      </c>
      <c r="P5199" s="5" t="s">
        <v>40</v>
      </c>
      <c r="Q5199" s="5" t="s">
        <v>1522</v>
      </c>
      <c r="R5199" s="5" t="s">
        <v>1523</v>
      </c>
      <c r="S5199" s="5" t="s">
        <v>42</v>
      </c>
      <c r="T5199" s="2">
        <v>2.528</v>
      </c>
      <c r="U5199" s="2">
        <v>1.978</v>
      </c>
      <c r="V5199" s="2">
        <v>1.4999999999999999E-2</v>
      </c>
      <c r="W5199" s="2">
        <v>118.9</v>
      </c>
      <c r="X5199" s="2">
        <v>7.6</v>
      </c>
      <c r="Y5199" s="2">
        <v>16.7</v>
      </c>
      <c r="Z5199" s="5"/>
      <c r="AA5199" s="5" t="s">
        <v>43</v>
      </c>
      <c r="AB5199" s="5" t="s">
        <v>44</v>
      </c>
      <c r="AC5199" s="2"/>
      <c r="AD5199" s="1"/>
    </row>
    <row r="5200" spans="1:30">
      <c r="A5200" s="5" t="s">
        <v>83578</v>
      </c>
      <c r="B5200" s="2" t="s">
        <v>99202</v>
      </c>
      <c r="C5200" s="14" t="s">
        <v>99203</v>
      </c>
      <c r="D5200" s="2" t="s">
        <v>99204</v>
      </c>
      <c r="E5200" s="2" t="s">
        <v>7521</v>
      </c>
      <c r="F5200" s="8">
        <v>278</v>
      </c>
      <c r="G5200" s="5">
        <v>6</v>
      </c>
      <c r="H5200" s="5" t="s">
        <v>1518</v>
      </c>
      <c r="I5200" s="5" t="s">
        <v>40939</v>
      </c>
      <c r="J5200" s="2" t="s">
        <v>40940</v>
      </c>
      <c r="K5200" s="5" t="s">
        <v>40939</v>
      </c>
      <c r="L5200" s="2" t="s">
        <v>40940</v>
      </c>
      <c r="M5200" s="5" t="s">
        <v>36266</v>
      </c>
      <c r="N5200" s="5" t="s">
        <v>38</v>
      </c>
      <c r="O5200" s="5" t="s">
        <v>39</v>
      </c>
      <c r="P5200" s="5" t="s">
        <v>40</v>
      </c>
      <c r="Q5200" s="5" t="s">
        <v>1522</v>
      </c>
      <c r="R5200" s="5" t="s">
        <v>1523</v>
      </c>
      <c r="S5200" s="5" t="s">
        <v>42</v>
      </c>
      <c r="T5200" s="2">
        <v>2.5840000000000001</v>
      </c>
      <c r="U5200" s="2">
        <v>2.0339999999999998</v>
      </c>
      <c r="V5200" s="2">
        <v>1.4999999999999999E-2</v>
      </c>
      <c r="W5200" s="2">
        <v>118.9</v>
      </c>
      <c r="X5200" s="2">
        <v>7.6</v>
      </c>
      <c r="Y5200" s="2">
        <v>16.7</v>
      </c>
      <c r="Z5200" s="5"/>
      <c r="AA5200" s="5" t="s">
        <v>43</v>
      </c>
      <c r="AB5200" s="5" t="s">
        <v>44</v>
      </c>
      <c r="AC5200" s="2"/>
      <c r="AD5200" s="1"/>
    </row>
    <row r="5201" spans="1:30">
      <c r="A5201" s="5" t="s">
        <v>83578</v>
      </c>
      <c r="B5201" s="2" t="s">
        <v>99205</v>
      </c>
      <c r="C5201" s="14" t="s">
        <v>99206</v>
      </c>
      <c r="D5201" s="2" t="s">
        <v>99207</v>
      </c>
      <c r="E5201" s="2" t="s">
        <v>36273</v>
      </c>
      <c r="F5201" s="8">
        <v>278</v>
      </c>
      <c r="G5201" s="5">
        <v>6</v>
      </c>
      <c r="H5201" s="5" t="s">
        <v>1518</v>
      </c>
      <c r="I5201" s="5" t="s">
        <v>40939</v>
      </c>
      <c r="J5201" s="2" t="s">
        <v>40940</v>
      </c>
      <c r="K5201" s="5" t="s">
        <v>40939</v>
      </c>
      <c r="L5201" s="2" t="s">
        <v>40940</v>
      </c>
      <c r="M5201" s="5" t="s">
        <v>36266</v>
      </c>
      <c r="N5201" s="5" t="s">
        <v>38</v>
      </c>
      <c r="O5201" s="5" t="s">
        <v>39</v>
      </c>
      <c r="P5201" s="5" t="s">
        <v>40</v>
      </c>
      <c r="Q5201" s="5" t="s">
        <v>1522</v>
      </c>
      <c r="R5201" s="5" t="s">
        <v>1523</v>
      </c>
      <c r="S5201" s="5" t="s">
        <v>42</v>
      </c>
      <c r="T5201" s="2">
        <v>2.5369999999999999</v>
      </c>
      <c r="U5201" s="2">
        <v>1.9870000000000001</v>
      </c>
      <c r="V5201" s="2">
        <v>1.4999999999999999E-2</v>
      </c>
      <c r="W5201" s="2">
        <v>118.9</v>
      </c>
      <c r="X5201" s="2">
        <v>7.6</v>
      </c>
      <c r="Y5201" s="2">
        <v>16.7</v>
      </c>
      <c r="Z5201" s="5"/>
      <c r="AA5201" s="5" t="s">
        <v>43</v>
      </c>
      <c r="AB5201" s="5" t="s">
        <v>44</v>
      </c>
      <c r="AC5201" s="2"/>
      <c r="AD5201" s="1"/>
    </row>
    <row r="5202" spans="1:30">
      <c r="A5202" s="5" t="s">
        <v>83578</v>
      </c>
      <c r="B5202" s="2" t="s">
        <v>99208</v>
      </c>
      <c r="C5202" s="14" t="s">
        <v>99209</v>
      </c>
      <c r="D5202" s="2" t="s">
        <v>99210</v>
      </c>
      <c r="E5202" s="2" t="s">
        <v>36277</v>
      </c>
      <c r="F5202" s="8">
        <v>278</v>
      </c>
      <c r="G5202" s="5">
        <v>6</v>
      </c>
      <c r="H5202" s="5" t="s">
        <v>1518</v>
      </c>
      <c r="I5202" s="5" t="s">
        <v>40939</v>
      </c>
      <c r="J5202" s="2" t="s">
        <v>40940</v>
      </c>
      <c r="K5202" s="5" t="s">
        <v>40939</v>
      </c>
      <c r="L5202" s="2" t="s">
        <v>40940</v>
      </c>
      <c r="M5202" s="5" t="s">
        <v>36266</v>
      </c>
      <c r="N5202" s="5" t="s">
        <v>38</v>
      </c>
      <c r="O5202" s="5" t="s">
        <v>39</v>
      </c>
      <c r="P5202" s="5" t="s">
        <v>40</v>
      </c>
      <c r="Q5202" s="5" t="s">
        <v>1522</v>
      </c>
      <c r="R5202" s="5" t="s">
        <v>1523</v>
      </c>
      <c r="S5202" s="5" t="s">
        <v>42</v>
      </c>
      <c r="T5202" s="2">
        <v>2.593</v>
      </c>
      <c r="U5202" s="2">
        <v>2.0430000000000001</v>
      </c>
      <c r="V5202" s="2">
        <v>1.4999999999999999E-2</v>
      </c>
      <c r="W5202" s="2">
        <v>118.9</v>
      </c>
      <c r="X5202" s="2">
        <v>7.6</v>
      </c>
      <c r="Y5202" s="2">
        <v>16.7</v>
      </c>
      <c r="Z5202" s="5"/>
      <c r="AA5202" s="5" t="s">
        <v>43</v>
      </c>
      <c r="AB5202" s="5" t="s">
        <v>44</v>
      </c>
      <c r="AC5202" s="2"/>
      <c r="AD5202" s="1"/>
    </row>
    <row r="5203" spans="1:30">
      <c r="A5203" s="5" t="s">
        <v>83578</v>
      </c>
      <c r="B5203" s="2" t="s">
        <v>99211</v>
      </c>
      <c r="C5203" s="14" t="s">
        <v>99212</v>
      </c>
      <c r="D5203" s="2" t="s">
        <v>99213</v>
      </c>
      <c r="E5203" s="2" t="s">
        <v>40967</v>
      </c>
      <c r="F5203" s="8">
        <v>300</v>
      </c>
      <c r="G5203" s="5">
        <v>6</v>
      </c>
      <c r="H5203" s="5" t="s">
        <v>1518</v>
      </c>
      <c r="I5203" s="5" t="s">
        <v>40939</v>
      </c>
      <c r="J5203" s="2" t="s">
        <v>40940</v>
      </c>
      <c r="K5203" s="5" t="s">
        <v>40939</v>
      </c>
      <c r="L5203" s="2" t="s">
        <v>40940</v>
      </c>
      <c r="M5203" s="5" t="s">
        <v>36266</v>
      </c>
      <c r="N5203" s="5" t="s">
        <v>38</v>
      </c>
      <c r="O5203" s="5" t="s">
        <v>39</v>
      </c>
      <c r="P5203" s="5" t="s">
        <v>40</v>
      </c>
      <c r="Q5203" s="5" t="s">
        <v>1522</v>
      </c>
      <c r="R5203" s="5" t="s">
        <v>1523</v>
      </c>
      <c r="S5203" s="5" t="s">
        <v>42</v>
      </c>
      <c r="T5203" s="2">
        <v>2.528</v>
      </c>
      <c r="U5203" s="2">
        <v>1.978</v>
      </c>
      <c r="V5203" s="2">
        <v>1.4999999999999999E-2</v>
      </c>
      <c r="W5203" s="2">
        <v>118.9</v>
      </c>
      <c r="X5203" s="2">
        <v>7.6</v>
      </c>
      <c r="Y5203" s="2">
        <v>16.7</v>
      </c>
      <c r="Z5203" s="5"/>
      <c r="AA5203" s="5" t="s">
        <v>43</v>
      </c>
      <c r="AB5203" s="5" t="s">
        <v>44</v>
      </c>
      <c r="AC5203" s="2"/>
      <c r="AD5203" s="1"/>
    </row>
    <row r="5204" spans="1:30">
      <c r="A5204" s="5" t="s">
        <v>83578</v>
      </c>
      <c r="B5204" s="2" t="s">
        <v>99214</v>
      </c>
      <c r="C5204" s="14" t="s">
        <v>99215</v>
      </c>
      <c r="D5204" s="2" t="s">
        <v>99216</v>
      </c>
      <c r="E5204" s="2" t="s">
        <v>40971</v>
      </c>
      <c r="F5204" s="8">
        <v>300</v>
      </c>
      <c r="G5204" s="5">
        <v>6</v>
      </c>
      <c r="H5204" s="5" t="s">
        <v>1518</v>
      </c>
      <c r="I5204" s="5" t="s">
        <v>40939</v>
      </c>
      <c r="J5204" s="2" t="s">
        <v>40940</v>
      </c>
      <c r="K5204" s="5" t="s">
        <v>40939</v>
      </c>
      <c r="L5204" s="2" t="s">
        <v>40940</v>
      </c>
      <c r="M5204" s="5" t="s">
        <v>36266</v>
      </c>
      <c r="N5204" s="5" t="s">
        <v>38</v>
      </c>
      <c r="O5204" s="5" t="s">
        <v>39</v>
      </c>
      <c r="P5204" s="5" t="s">
        <v>40</v>
      </c>
      <c r="Q5204" s="5" t="s">
        <v>1522</v>
      </c>
      <c r="R5204" s="5" t="s">
        <v>1523</v>
      </c>
      <c r="S5204" s="5" t="s">
        <v>42</v>
      </c>
      <c r="T5204" s="2">
        <v>2.5840000000000001</v>
      </c>
      <c r="U5204" s="2">
        <v>2.0339999999999998</v>
      </c>
      <c r="V5204" s="2">
        <v>1.4999999999999999E-2</v>
      </c>
      <c r="W5204" s="2">
        <v>118.9</v>
      </c>
      <c r="X5204" s="2">
        <v>7.6</v>
      </c>
      <c r="Y5204" s="2">
        <v>16.7</v>
      </c>
      <c r="Z5204" s="5"/>
      <c r="AA5204" s="5" t="s">
        <v>43</v>
      </c>
      <c r="AB5204" s="5" t="s">
        <v>44</v>
      </c>
      <c r="AC5204" s="2"/>
      <c r="AD5204" s="1"/>
    </row>
    <row r="5205" spans="1:30">
      <c r="A5205" s="5" t="s">
        <v>83578</v>
      </c>
      <c r="B5205" s="2" t="s">
        <v>99217</v>
      </c>
      <c r="C5205" s="14" t="s">
        <v>99218</v>
      </c>
      <c r="D5205" s="2" t="s">
        <v>99219</v>
      </c>
      <c r="E5205" s="2" t="s">
        <v>47226</v>
      </c>
      <c r="F5205" s="8">
        <v>300</v>
      </c>
      <c r="G5205" s="5">
        <v>6</v>
      </c>
      <c r="H5205" s="5" t="s">
        <v>1518</v>
      </c>
      <c r="I5205" s="5" t="s">
        <v>40939</v>
      </c>
      <c r="J5205" s="2" t="s">
        <v>40940</v>
      </c>
      <c r="K5205" s="5" t="s">
        <v>40939</v>
      </c>
      <c r="L5205" s="2" t="s">
        <v>40940</v>
      </c>
      <c r="M5205" s="5" t="s">
        <v>36266</v>
      </c>
      <c r="N5205" s="5" t="s">
        <v>38</v>
      </c>
      <c r="O5205" s="5" t="s">
        <v>39</v>
      </c>
      <c r="P5205" s="5" t="s">
        <v>40</v>
      </c>
      <c r="Q5205" s="5" t="s">
        <v>1522</v>
      </c>
      <c r="R5205" s="5" t="s">
        <v>1523</v>
      </c>
      <c r="S5205" s="5" t="s">
        <v>42</v>
      </c>
      <c r="T5205" s="2">
        <v>2.528</v>
      </c>
      <c r="U5205" s="2">
        <v>1.978</v>
      </c>
      <c r="V5205" s="2">
        <v>1.4999999999999999E-2</v>
      </c>
      <c r="W5205" s="2">
        <v>118.9</v>
      </c>
      <c r="X5205" s="2">
        <v>7.6</v>
      </c>
      <c r="Y5205" s="2">
        <v>16.7</v>
      </c>
      <c r="Z5205" s="5"/>
      <c r="AA5205" s="5" t="s">
        <v>43</v>
      </c>
      <c r="AB5205" s="5" t="s">
        <v>44</v>
      </c>
      <c r="AC5205" s="2"/>
      <c r="AD5205" s="1"/>
    </row>
    <row r="5206" spans="1:30">
      <c r="A5206" s="5" t="s">
        <v>83578</v>
      </c>
      <c r="B5206" s="2" t="s">
        <v>99220</v>
      </c>
      <c r="C5206" s="14" t="s">
        <v>99221</v>
      </c>
      <c r="D5206" s="2" t="s">
        <v>99222</v>
      </c>
      <c r="E5206" s="2" t="s">
        <v>47735</v>
      </c>
      <c r="F5206" s="8">
        <v>300</v>
      </c>
      <c r="G5206" s="5">
        <v>6</v>
      </c>
      <c r="H5206" s="5" t="s">
        <v>1518</v>
      </c>
      <c r="I5206" s="5" t="s">
        <v>40939</v>
      </c>
      <c r="J5206" s="2" t="s">
        <v>40940</v>
      </c>
      <c r="K5206" s="5" t="s">
        <v>40939</v>
      </c>
      <c r="L5206" s="2" t="s">
        <v>40940</v>
      </c>
      <c r="M5206" s="5" t="s">
        <v>36266</v>
      </c>
      <c r="N5206" s="5" t="s">
        <v>38</v>
      </c>
      <c r="O5206" s="5" t="s">
        <v>39</v>
      </c>
      <c r="P5206" s="5" t="s">
        <v>40</v>
      </c>
      <c r="Q5206" s="5" t="s">
        <v>1522</v>
      </c>
      <c r="R5206" s="5" t="s">
        <v>1523</v>
      </c>
      <c r="S5206" s="5" t="s">
        <v>42</v>
      </c>
      <c r="T5206" s="2">
        <v>2.5840000000000001</v>
      </c>
      <c r="U5206" s="2">
        <v>2.0339999999999998</v>
      </c>
      <c r="V5206" s="2">
        <v>1.4999999999999999E-2</v>
      </c>
      <c r="W5206" s="2">
        <v>118.9</v>
      </c>
      <c r="X5206" s="2">
        <v>7.6</v>
      </c>
      <c r="Y5206" s="2">
        <v>16.7</v>
      </c>
      <c r="Z5206" s="5"/>
      <c r="AA5206" s="5" t="s">
        <v>43</v>
      </c>
      <c r="AB5206" s="5" t="s">
        <v>44</v>
      </c>
      <c r="AC5206" s="2"/>
      <c r="AD5206" s="1"/>
    </row>
    <row r="5207" spans="1:30">
      <c r="A5207" s="5" t="s">
        <v>83578</v>
      </c>
      <c r="B5207" s="2" t="s">
        <v>99223</v>
      </c>
      <c r="C5207" s="14" t="s">
        <v>99224</v>
      </c>
      <c r="D5207" s="2" t="s">
        <v>99225</v>
      </c>
      <c r="E5207" s="2" t="s">
        <v>7539</v>
      </c>
      <c r="F5207" s="8">
        <v>300</v>
      </c>
      <c r="G5207" s="5">
        <v>6</v>
      </c>
      <c r="H5207" s="5" t="s">
        <v>1518</v>
      </c>
      <c r="I5207" s="5" t="s">
        <v>40939</v>
      </c>
      <c r="J5207" s="2" t="s">
        <v>40940</v>
      </c>
      <c r="K5207" s="5" t="s">
        <v>40939</v>
      </c>
      <c r="L5207" s="2" t="s">
        <v>40940</v>
      </c>
      <c r="M5207" s="5" t="s">
        <v>36266</v>
      </c>
      <c r="N5207" s="5" t="s">
        <v>38</v>
      </c>
      <c r="O5207" s="5" t="s">
        <v>39</v>
      </c>
      <c r="P5207" s="5" t="s">
        <v>40</v>
      </c>
      <c r="Q5207" s="5" t="s">
        <v>1522</v>
      </c>
      <c r="R5207" s="5" t="s">
        <v>1523</v>
      </c>
      <c r="S5207" s="5" t="s">
        <v>42</v>
      </c>
      <c r="T5207" s="2">
        <v>2.504</v>
      </c>
      <c r="U5207" s="2">
        <v>1.954</v>
      </c>
      <c r="V5207" s="2">
        <v>1.4999999999999999E-2</v>
      </c>
      <c r="W5207" s="2">
        <v>118.9</v>
      </c>
      <c r="X5207" s="2">
        <v>7.6</v>
      </c>
      <c r="Y5207" s="2">
        <v>16.7</v>
      </c>
      <c r="Z5207" s="5"/>
      <c r="AA5207" s="5" t="s">
        <v>43</v>
      </c>
      <c r="AB5207" s="5" t="s">
        <v>44</v>
      </c>
      <c r="AC5207" s="2"/>
      <c r="AD5207" s="1"/>
    </row>
    <row r="5208" spans="1:30">
      <c r="A5208" s="5" t="s">
        <v>83578</v>
      </c>
      <c r="B5208" s="2" t="s">
        <v>99226</v>
      </c>
      <c r="C5208" s="14" t="s">
        <v>99227</v>
      </c>
      <c r="D5208" s="2" t="s">
        <v>99228</v>
      </c>
      <c r="E5208" s="2" t="s">
        <v>7543</v>
      </c>
      <c r="F5208" s="8">
        <v>300</v>
      </c>
      <c r="G5208" s="5">
        <v>6</v>
      </c>
      <c r="H5208" s="5" t="s">
        <v>1518</v>
      </c>
      <c r="I5208" s="5" t="s">
        <v>40939</v>
      </c>
      <c r="J5208" s="2" t="s">
        <v>40940</v>
      </c>
      <c r="K5208" s="5" t="s">
        <v>40939</v>
      </c>
      <c r="L5208" s="2" t="s">
        <v>40940</v>
      </c>
      <c r="M5208" s="5" t="s">
        <v>36266</v>
      </c>
      <c r="N5208" s="5" t="s">
        <v>38</v>
      </c>
      <c r="O5208" s="5" t="s">
        <v>39</v>
      </c>
      <c r="P5208" s="5" t="s">
        <v>40</v>
      </c>
      <c r="Q5208" s="5" t="s">
        <v>1522</v>
      </c>
      <c r="R5208" s="5" t="s">
        <v>1523</v>
      </c>
      <c r="S5208" s="5" t="s">
        <v>42</v>
      </c>
      <c r="T5208" s="2">
        <v>2.56</v>
      </c>
      <c r="U5208" s="2">
        <v>2.0099999999999998</v>
      </c>
      <c r="V5208" s="2">
        <v>1.4999999999999999E-2</v>
      </c>
      <c r="W5208" s="2">
        <v>118.9</v>
      </c>
      <c r="X5208" s="2">
        <v>7.6</v>
      </c>
      <c r="Y5208" s="2">
        <v>16.7</v>
      </c>
      <c r="Z5208" s="5"/>
      <c r="AA5208" s="5" t="s">
        <v>43</v>
      </c>
      <c r="AB5208" s="5" t="s">
        <v>44</v>
      </c>
      <c r="AC5208" s="2"/>
      <c r="AD5208" s="1"/>
    </row>
    <row r="5209" spans="1:30">
      <c r="A5209" s="5" t="s">
        <v>83578</v>
      </c>
      <c r="B5209" s="2" t="s">
        <v>99229</v>
      </c>
      <c r="C5209" s="14" t="s">
        <v>99230</v>
      </c>
      <c r="D5209" s="2" t="s">
        <v>99231</v>
      </c>
      <c r="E5209" s="2" t="s">
        <v>40989</v>
      </c>
      <c r="F5209" s="8">
        <v>300</v>
      </c>
      <c r="G5209" s="5">
        <v>6</v>
      </c>
      <c r="H5209" s="5" t="s">
        <v>1518</v>
      </c>
      <c r="I5209" s="5" t="s">
        <v>40939</v>
      </c>
      <c r="J5209" s="2" t="s">
        <v>40940</v>
      </c>
      <c r="K5209" s="5" t="s">
        <v>40939</v>
      </c>
      <c r="L5209" s="2" t="s">
        <v>40940</v>
      </c>
      <c r="M5209" s="5" t="s">
        <v>36266</v>
      </c>
      <c r="N5209" s="5" t="s">
        <v>38</v>
      </c>
      <c r="O5209" s="5" t="s">
        <v>39</v>
      </c>
      <c r="P5209" s="5" t="s">
        <v>40</v>
      </c>
      <c r="Q5209" s="5" t="s">
        <v>1522</v>
      </c>
      <c r="R5209" s="5" t="s">
        <v>1523</v>
      </c>
      <c r="S5209" s="5" t="s">
        <v>42</v>
      </c>
      <c r="T5209" s="2">
        <v>2.528</v>
      </c>
      <c r="U5209" s="2">
        <v>1.978</v>
      </c>
      <c r="V5209" s="2">
        <v>1.4999999999999999E-2</v>
      </c>
      <c r="W5209" s="2">
        <v>118.9</v>
      </c>
      <c r="X5209" s="2">
        <v>7.6</v>
      </c>
      <c r="Y5209" s="2">
        <v>16.7</v>
      </c>
      <c r="Z5209" s="5"/>
      <c r="AA5209" s="5" t="s">
        <v>43</v>
      </c>
      <c r="AB5209" s="5" t="s">
        <v>44</v>
      </c>
      <c r="AC5209" s="2"/>
      <c r="AD5209" s="1"/>
    </row>
    <row r="5210" spans="1:30">
      <c r="A5210" s="5" t="s">
        <v>83578</v>
      </c>
      <c r="B5210" s="2" t="s">
        <v>99232</v>
      </c>
      <c r="C5210" s="14" t="s">
        <v>99233</v>
      </c>
      <c r="D5210" s="2" t="s">
        <v>99234</v>
      </c>
      <c r="E5210" s="2" t="s">
        <v>40993</v>
      </c>
      <c r="F5210" s="8">
        <v>300</v>
      </c>
      <c r="G5210" s="5">
        <v>6</v>
      </c>
      <c r="H5210" s="5" t="s">
        <v>1518</v>
      </c>
      <c r="I5210" s="5" t="s">
        <v>40939</v>
      </c>
      <c r="J5210" s="2" t="s">
        <v>40940</v>
      </c>
      <c r="K5210" s="5" t="s">
        <v>40939</v>
      </c>
      <c r="L5210" s="2" t="s">
        <v>40940</v>
      </c>
      <c r="M5210" s="5" t="s">
        <v>36266</v>
      </c>
      <c r="N5210" s="5" t="s">
        <v>38</v>
      </c>
      <c r="O5210" s="5" t="s">
        <v>39</v>
      </c>
      <c r="P5210" s="5" t="s">
        <v>40</v>
      </c>
      <c r="Q5210" s="5" t="s">
        <v>1522</v>
      </c>
      <c r="R5210" s="5" t="s">
        <v>1523</v>
      </c>
      <c r="S5210" s="5" t="s">
        <v>42</v>
      </c>
      <c r="T5210" s="2">
        <v>2.5840000000000001</v>
      </c>
      <c r="U5210" s="2">
        <v>2.0339999999999998</v>
      </c>
      <c r="V5210" s="2">
        <v>1.4999999999999999E-2</v>
      </c>
      <c r="W5210" s="2">
        <v>118.9</v>
      </c>
      <c r="X5210" s="2">
        <v>7.6</v>
      </c>
      <c r="Y5210" s="2">
        <v>16.7</v>
      </c>
      <c r="Z5210" s="5"/>
      <c r="AA5210" s="5" t="s">
        <v>43</v>
      </c>
      <c r="AB5210" s="5" t="s">
        <v>44</v>
      </c>
      <c r="AC5210" s="2"/>
      <c r="AD5210" s="1"/>
    </row>
    <row r="5211" spans="1:30">
      <c r="A5211" s="5" t="s">
        <v>83578</v>
      </c>
      <c r="B5211" s="2" t="s">
        <v>99235</v>
      </c>
      <c r="C5211" s="14" t="s">
        <v>99236</v>
      </c>
      <c r="D5211" s="2" t="s">
        <v>99237</v>
      </c>
      <c r="E5211" s="2" t="s">
        <v>40997</v>
      </c>
      <c r="F5211" s="8">
        <v>300</v>
      </c>
      <c r="G5211" s="5">
        <v>6</v>
      </c>
      <c r="H5211" s="5" t="s">
        <v>1518</v>
      </c>
      <c r="I5211" s="5" t="s">
        <v>40939</v>
      </c>
      <c r="J5211" s="2" t="s">
        <v>40940</v>
      </c>
      <c r="K5211" s="5" t="s">
        <v>40939</v>
      </c>
      <c r="L5211" s="2" t="s">
        <v>40940</v>
      </c>
      <c r="M5211" s="5" t="s">
        <v>36266</v>
      </c>
      <c r="N5211" s="5" t="s">
        <v>38</v>
      </c>
      <c r="O5211" s="5" t="s">
        <v>39</v>
      </c>
      <c r="P5211" s="5" t="s">
        <v>40</v>
      </c>
      <c r="Q5211" s="5" t="s">
        <v>1522</v>
      </c>
      <c r="R5211" s="5" t="s">
        <v>1523</v>
      </c>
      <c r="S5211" s="5" t="s">
        <v>42</v>
      </c>
      <c r="T5211" s="2">
        <v>2.5089999999999999</v>
      </c>
      <c r="U5211" s="2">
        <v>1.9590000000000001</v>
      </c>
      <c r="V5211" s="2">
        <v>1.4999999999999999E-2</v>
      </c>
      <c r="W5211" s="2">
        <v>118.9</v>
      </c>
      <c r="X5211" s="2">
        <v>7.6</v>
      </c>
      <c r="Y5211" s="2">
        <v>16.7</v>
      </c>
      <c r="Z5211" s="5"/>
      <c r="AA5211" s="5" t="s">
        <v>43</v>
      </c>
      <c r="AB5211" s="5" t="s">
        <v>44</v>
      </c>
      <c r="AC5211" s="2"/>
      <c r="AD5211" s="1"/>
    </row>
    <row r="5212" spans="1:30">
      <c r="A5212" s="5" t="s">
        <v>83578</v>
      </c>
      <c r="B5212" s="2" t="s">
        <v>99238</v>
      </c>
      <c r="C5212" s="14" t="s">
        <v>99239</v>
      </c>
      <c r="D5212" s="2" t="s">
        <v>99240</v>
      </c>
      <c r="E5212" s="2" t="s">
        <v>41267</v>
      </c>
      <c r="F5212" s="8">
        <v>300</v>
      </c>
      <c r="G5212" s="5">
        <v>6</v>
      </c>
      <c r="H5212" s="5" t="s">
        <v>1518</v>
      </c>
      <c r="I5212" s="5" t="s">
        <v>40939</v>
      </c>
      <c r="J5212" s="2" t="s">
        <v>40940</v>
      </c>
      <c r="K5212" s="5" t="s">
        <v>40939</v>
      </c>
      <c r="L5212" s="2" t="s">
        <v>40940</v>
      </c>
      <c r="M5212" s="5" t="s">
        <v>36266</v>
      </c>
      <c r="N5212" s="5" t="s">
        <v>38</v>
      </c>
      <c r="O5212" s="5" t="s">
        <v>39</v>
      </c>
      <c r="P5212" s="5" t="s">
        <v>40</v>
      </c>
      <c r="Q5212" s="5" t="s">
        <v>1522</v>
      </c>
      <c r="R5212" s="5" t="s">
        <v>1523</v>
      </c>
      <c r="S5212" s="5" t="s">
        <v>42</v>
      </c>
      <c r="T5212" s="2">
        <v>2.5649999999999999</v>
      </c>
      <c r="U5212" s="2">
        <v>2.0150000000000001</v>
      </c>
      <c r="V5212" s="2">
        <v>1.4999999999999999E-2</v>
      </c>
      <c r="W5212" s="2">
        <v>118.9</v>
      </c>
      <c r="X5212" s="2">
        <v>7.6</v>
      </c>
      <c r="Y5212" s="2">
        <v>16.7</v>
      </c>
      <c r="Z5212" s="5"/>
      <c r="AA5212" s="5" t="s">
        <v>43</v>
      </c>
      <c r="AB5212" s="5" t="s">
        <v>44</v>
      </c>
      <c r="AC5212" s="2"/>
      <c r="AD5212" s="1"/>
    </row>
    <row r="5213" spans="1:30">
      <c r="A5213" s="5" t="s">
        <v>83578</v>
      </c>
      <c r="B5213" s="2" t="s">
        <v>99241</v>
      </c>
      <c r="C5213" s="14" t="s">
        <v>99242</v>
      </c>
      <c r="D5213" s="2" t="s">
        <v>99243</v>
      </c>
      <c r="E5213" s="2" t="s">
        <v>41001</v>
      </c>
      <c r="F5213" s="8">
        <v>300</v>
      </c>
      <c r="G5213" s="5">
        <v>6</v>
      </c>
      <c r="H5213" s="5" t="s">
        <v>1518</v>
      </c>
      <c r="I5213" s="5" t="s">
        <v>40939</v>
      </c>
      <c r="J5213" s="2" t="s">
        <v>40940</v>
      </c>
      <c r="K5213" s="5" t="s">
        <v>40939</v>
      </c>
      <c r="L5213" s="2" t="s">
        <v>40940</v>
      </c>
      <c r="M5213" s="5" t="s">
        <v>36266</v>
      </c>
      <c r="N5213" s="5" t="s">
        <v>38</v>
      </c>
      <c r="O5213" s="5" t="s">
        <v>39</v>
      </c>
      <c r="P5213" s="5" t="s">
        <v>40</v>
      </c>
      <c r="Q5213" s="5" t="s">
        <v>1522</v>
      </c>
      <c r="R5213" s="5" t="s">
        <v>1523</v>
      </c>
      <c r="S5213" s="5" t="s">
        <v>42</v>
      </c>
      <c r="T5213" s="2">
        <v>2.528</v>
      </c>
      <c r="U5213" s="2">
        <v>1.978</v>
      </c>
      <c r="V5213" s="2">
        <v>1.4999999999999999E-2</v>
      </c>
      <c r="W5213" s="2">
        <v>118.9</v>
      </c>
      <c r="X5213" s="2">
        <v>7.6</v>
      </c>
      <c r="Y5213" s="2">
        <v>16.7</v>
      </c>
      <c r="Z5213" s="5"/>
      <c r="AA5213" s="5" t="s">
        <v>43</v>
      </c>
      <c r="AB5213" s="5" t="s">
        <v>44</v>
      </c>
      <c r="AC5213" s="2"/>
      <c r="AD5213" s="1"/>
    </row>
    <row r="5214" spans="1:30">
      <c r="A5214" s="5" t="s">
        <v>83578</v>
      </c>
      <c r="B5214" s="2" t="s">
        <v>99244</v>
      </c>
      <c r="C5214" s="14" t="s">
        <v>99245</v>
      </c>
      <c r="D5214" s="2" t="s">
        <v>99246</v>
      </c>
      <c r="E5214" s="2" t="s">
        <v>41005</v>
      </c>
      <c r="F5214" s="8">
        <v>300</v>
      </c>
      <c r="G5214" s="5">
        <v>6</v>
      </c>
      <c r="H5214" s="5" t="s">
        <v>1518</v>
      </c>
      <c r="I5214" s="5" t="s">
        <v>40939</v>
      </c>
      <c r="J5214" s="2" t="s">
        <v>40940</v>
      </c>
      <c r="K5214" s="5" t="s">
        <v>40939</v>
      </c>
      <c r="L5214" s="2" t="s">
        <v>40940</v>
      </c>
      <c r="M5214" s="5" t="s">
        <v>36266</v>
      </c>
      <c r="N5214" s="5" t="s">
        <v>38</v>
      </c>
      <c r="O5214" s="5" t="s">
        <v>39</v>
      </c>
      <c r="P5214" s="5" t="s">
        <v>40</v>
      </c>
      <c r="Q5214" s="5" t="s">
        <v>1522</v>
      </c>
      <c r="R5214" s="5" t="s">
        <v>1523</v>
      </c>
      <c r="S5214" s="5" t="s">
        <v>42</v>
      </c>
      <c r="T5214" s="2">
        <v>2.5840000000000001</v>
      </c>
      <c r="U5214" s="2">
        <v>2.0339999999999998</v>
      </c>
      <c r="V5214" s="2">
        <v>1.4999999999999999E-2</v>
      </c>
      <c r="W5214" s="2">
        <v>118.9</v>
      </c>
      <c r="X5214" s="2">
        <v>7.6</v>
      </c>
      <c r="Y5214" s="2">
        <v>16.7</v>
      </c>
      <c r="Z5214" s="5"/>
      <c r="AA5214" s="5" t="s">
        <v>43</v>
      </c>
      <c r="AB5214" s="5" t="s">
        <v>44</v>
      </c>
      <c r="AC5214" s="2"/>
      <c r="AD5214" s="1"/>
    </row>
    <row r="5215" spans="1:30">
      <c r="A5215" s="5" t="s">
        <v>83578</v>
      </c>
      <c r="B5215" s="2" t="s">
        <v>99247</v>
      </c>
      <c r="C5215" s="14" t="s">
        <v>99248</v>
      </c>
      <c r="D5215" s="2" t="s">
        <v>99249</v>
      </c>
      <c r="E5215" s="2" t="s">
        <v>41009</v>
      </c>
      <c r="F5215" s="8">
        <v>300</v>
      </c>
      <c r="G5215" s="5">
        <v>6</v>
      </c>
      <c r="H5215" s="5" t="s">
        <v>1518</v>
      </c>
      <c r="I5215" s="5" t="s">
        <v>40939</v>
      </c>
      <c r="J5215" s="2" t="s">
        <v>40940</v>
      </c>
      <c r="K5215" s="5" t="s">
        <v>40939</v>
      </c>
      <c r="L5215" s="2" t="s">
        <v>40940</v>
      </c>
      <c r="M5215" s="5" t="s">
        <v>36266</v>
      </c>
      <c r="N5215" s="5" t="s">
        <v>38</v>
      </c>
      <c r="O5215" s="5" t="s">
        <v>39</v>
      </c>
      <c r="P5215" s="5" t="s">
        <v>40</v>
      </c>
      <c r="Q5215" s="5" t="s">
        <v>1522</v>
      </c>
      <c r="R5215" s="5" t="s">
        <v>1523</v>
      </c>
      <c r="S5215" s="5" t="s">
        <v>42</v>
      </c>
      <c r="T5215" s="2">
        <v>2.5329999999999999</v>
      </c>
      <c r="U5215" s="2">
        <v>1.9830000000000001</v>
      </c>
      <c r="V5215" s="2">
        <v>1.4999999999999999E-2</v>
      </c>
      <c r="W5215" s="2">
        <v>118.9</v>
      </c>
      <c r="X5215" s="2">
        <v>7.6</v>
      </c>
      <c r="Y5215" s="2">
        <v>16.7</v>
      </c>
      <c r="Z5215" s="5"/>
      <c r="AA5215" s="5" t="s">
        <v>43</v>
      </c>
      <c r="AB5215" s="5" t="s">
        <v>44</v>
      </c>
      <c r="AC5215" s="2"/>
      <c r="AD5215" s="1"/>
    </row>
    <row r="5216" spans="1:30">
      <c r="A5216" s="5" t="s">
        <v>83578</v>
      </c>
      <c r="B5216" s="2" t="s">
        <v>99250</v>
      </c>
      <c r="C5216" s="14" t="s">
        <v>99251</v>
      </c>
      <c r="D5216" s="2" t="s">
        <v>99252</v>
      </c>
      <c r="E5216" s="2" t="s">
        <v>41013</v>
      </c>
      <c r="F5216" s="8">
        <v>300</v>
      </c>
      <c r="G5216" s="5">
        <v>6</v>
      </c>
      <c r="H5216" s="5" t="s">
        <v>1518</v>
      </c>
      <c r="I5216" s="5" t="s">
        <v>40939</v>
      </c>
      <c r="J5216" s="2" t="s">
        <v>40940</v>
      </c>
      <c r="K5216" s="5" t="s">
        <v>40939</v>
      </c>
      <c r="L5216" s="2" t="s">
        <v>40940</v>
      </c>
      <c r="M5216" s="5" t="s">
        <v>36266</v>
      </c>
      <c r="N5216" s="5" t="s">
        <v>38</v>
      </c>
      <c r="O5216" s="5" t="s">
        <v>39</v>
      </c>
      <c r="P5216" s="5" t="s">
        <v>40</v>
      </c>
      <c r="Q5216" s="5" t="s">
        <v>1522</v>
      </c>
      <c r="R5216" s="5" t="s">
        <v>1523</v>
      </c>
      <c r="S5216" s="5" t="s">
        <v>42</v>
      </c>
      <c r="T5216" s="2">
        <v>2.589</v>
      </c>
      <c r="U5216" s="2">
        <v>2.0390000000000001</v>
      </c>
      <c r="V5216" s="2">
        <v>1.4999999999999999E-2</v>
      </c>
      <c r="W5216" s="2">
        <v>118.9</v>
      </c>
      <c r="X5216" s="2">
        <v>7.6</v>
      </c>
      <c r="Y5216" s="2">
        <v>16.7</v>
      </c>
      <c r="Z5216" s="5"/>
      <c r="AA5216" s="5" t="s">
        <v>43</v>
      </c>
      <c r="AB5216" s="5" t="s">
        <v>44</v>
      </c>
      <c r="AC5216" s="2"/>
      <c r="AD5216" s="1"/>
    </row>
    <row r="5217" spans="1:30">
      <c r="A5217" s="5" t="s">
        <v>83578</v>
      </c>
      <c r="B5217" s="2" t="s">
        <v>99253</v>
      </c>
      <c r="C5217" s="14" t="s">
        <v>99254</v>
      </c>
      <c r="D5217" s="2" t="s">
        <v>99255</v>
      </c>
      <c r="E5217" s="2" t="s">
        <v>7396</v>
      </c>
      <c r="F5217" s="8">
        <v>278</v>
      </c>
      <c r="G5217" s="5">
        <v>6</v>
      </c>
      <c r="H5217" s="5" t="s">
        <v>1518</v>
      </c>
      <c r="I5217" s="5" t="s">
        <v>40939</v>
      </c>
      <c r="J5217" s="2" t="s">
        <v>40940</v>
      </c>
      <c r="K5217" s="5" t="s">
        <v>40939</v>
      </c>
      <c r="L5217" s="2" t="s">
        <v>40940</v>
      </c>
      <c r="M5217" s="5" t="s">
        <v>36266</v>
      </c>
      <c r="N5217" s="5" t="s">
        <v>38</v>
      </c>
      <c r="O5217" s="5" t="s">
        <v>39</v>
      </c>
      <c r="P5217" s="5" t="s">
        <v>40</v>
      </c>
      <c r="Q5217" s="5" t="s">
        <v>1522</v>
      </c>
      <c r="R5217" s="5" t="s">
        <v>1523</v>
      </c>
      <c r="S5217" s="5" t="s">
        <v>42</v>
      </c>
      <c r="T5217" s="2">
        <v>2.5329999999999999</v>
      </c>
      <c r="U5217" s="2">
        <v>1.9830000000000001</v>
      </c>
      <c r="V5217" s="2">
        <v>1.4999999999999999E-2</v>
      </c>
      <c r="W5217" s="2">
        <v>118.9</v>
      </c>
      <c r="X5217" s="2">
        <v>7.6</v>
      </c>
      <c r="Y5217" s="2">
        <v>16.7</v>
      </c>
      <c r="Z5217" s="5"/>
      <c r="AA5217" s="5" t="s">
        <v>43</v>
      </c>
      <c r="AB5217" s="5" t="s">
        <v>44</v>
      </c>
      <c r="AC5217" s="2"/>
      <c r="AD5217" s="1"/>
    </row>
    <row r="5218" spans="1:30">
      <c r="A5218" s="5" t="s">
        <v>83578</v>
      </c>
      <c r="B5218" s="2" t="s">
        <v>99256</v>
      </c>
      <c r="C5218" s="14" t="s">
        <v>99257</v>
      </c>
      <c r="D5218" s="2" t="s">
        <v>99258</v>
      </c>
      <c r="E5218" s="2" t="s">
        <v>41023</v>
      </c>
      <c r="F5218" s="8">
        <v>300</v>
      </c>
      <c r="G5218" s="5">
        <v>6</v>
      </c>
      <c r="H5218" s="5" t="s">
        <v>1518</v>
      </c>
      <c r="I5218" s="5" t="s">
        <v>40939</v>
      </c>
      <c r="J5218" s="2" t="s">
        <v>40940</v>
      </c>
      <c r="K5218" s="5" t="s">
        <v>40939</v>
      </c>
      <c r="L5218" s="2" t="s">
        <v>40940</v>
      </c>
      <c r="M5218" s="5" t="s">
        <v>36266</v>
      </c>
      <c r="N5218" s="5" t="s">
        <v>38</v>
      </c>
      <c r="O5218" s="5" t="s">
        <v>39</v>
      </c>
      <c r="P5218" s="5" t="s">
        <v>40</v>
      </c>
      <c r="Q5218" s="5" t="s">
        <v>1522</v>
      </c>
      <c r="R5218" s="5" t="s">
        <v>1523</v>
      </c>
      <c r="S5218" s="5" t="s">
        <v>42</v>
      </c>
      <c r="T5218" s="2">
        <v>2.5089999999999999</v>
      </c>
      <c r="U5218" s="2">
        <v>1.9590000000000001</v>
      </c>
      <c r="V5218" s="2">
        <v>1.4999999999999999E-2</v>
      </c>
      <c r="W5218" s="2">
        <v>118.9</v>
      </c>
      <c r="X5218" s="2">
        <v>7.6</v>
      </c>
      <c r="Y5218" s="2">
        <v>16.7</v>
      </c>
      <c r="Z5218" s="5"/>
      <c r="AA5218" s="5" t="s">
        <v>43</v>
      </c>
      <c r="AB5218" s="5" t="s">
        <v>44</v>
      </c>
      <c r="AC5218" s="2"/>
      <c r="AD5218" s="1"/>
    </row>
    <row r="5219" spans="1:30">
      <c r="A5219" s="5" t="s">
        <v>83578</v>
      </c>
      <c r="B5219" s="2" t="s">
        <v>99259</v>
      </c>
      <c r="C5219" s="14" t="s">
        <v>99260</v>
      </c>
      <c r="D5219" s="2" t="s">
        <v>99261</v>
      </c>
      <c r="E5219" s="2" t="s">
        <v>41027</v>
      </c>
      <c r="F5219" s="8">
        <v>300</v>
      </c>
      <c r="G5219" s="5">
        <v>6</v>
      </c>
      <c r="H5219" s="5" t="s">
        <v>1518</v>
      </c>
      <c r="I5219" s="5" t="s">
        <v>40939</v>
      </c>
      <c r="J5219" s="2" t="s">
        <v>40940</v>
      </c>
      <c r="K5219" s="5" t="s">
        <v>40939</v>
      </c>
      <c r="L5219" s="2" t="s">
        <v>40940</v>
      </c>
      <c r="M5219" s="5" t="s">
        <v>36266</v>
      </c>
      <c r="N5219" s="5" t="s">
        <v>38</v>
      </c>
      <c r="O5219" s="5" t="s">
        <v>39</v>
      </c>
      <c r="P5219" s="5" t="s">
        <v>40</v>
      </c>
      <c r="Q5219" s="5" t="s">
        <v>1522</v>
      </c>
      <c r="R5219" s="5" t="s">
        <v>1523</v>
      </c>
      <c r="S5219" s="5" t="s">
        <v>42</v>
      </c>
      <c r="T5219" s="2">
        <v>2.5649999999999999</v>
      </c>
      <c r="U5219" s="2">
        <v>2.0150000000000001</v>
      </c>
      <c r="V5219" s="2">
        <v>1.4999999999999999E-2</v>
      </c>
      <c r="W5219" s="2">
        <v>118.9</v>
      </c>
      <c r="X5219" s="2">
        <v>7.6</v>
      </c>
      <c r="Y5219" s="2">
        <v>16.7</v>
      </c>
      <c r="Z5219" s="5"/>
      <c r="AA5219" s="5" t="s">
        <v>43</v>
      </c>
      <c r="AB5219" s="5" t="s">
        <v>44</v>
      </c>
      <c r="AC5219" s="2"/>
      <c r="AD5219" s="1"/>
    </row>
    <row r="5220" spans="1:30">
      <c r="A5220" s="5" t="s">
        <v>83578</v>
      </c>
      <c r="B5220" s="2" t="s">
        <v>99262</v>
      </c>
      <c r="C5220" s="14" t="s">
        <v>99263</v>
      </c>
      <c r="D5220" s="2" t="s">
        <v>99264</v>
      </c>
      <c r="E5220" s="2" t="s">
        <v>41031</v>
      </c>
      <c r="F5220" s="8">
        <v>300</v>
      </c>
      <c r="G5220" s="5">
        <v>6</v>
      </c>
      <c r="H5220" s="5" t="s">
        <v>1518</v>
      </c>
      <c r="I5220" s="5" t="s">
        <v>40939</v>
      </c>
      <c r="J5220" s="2" t="s">
        <v>40940</v>
      </c>
      <c r="K5220" s="5" t="s">
        <v>40939</v>
      </c>
      <c r="L5220" s="2" t="s">
        <v>40940</v>
      </c>
      <c r="M5220" s="5" t="s">
        <v>36266</v>
      </c>
      <c r="N5220" s="5" t="s">
        <v>38</v>
      </c>
      <c r="O5220" s="5" t="s">
        <v>39</v>
      </c>
      <c r="P5220" s="5" t="s">
        <v>40</v>
      </c>
      <c r="Q5220" s="5" t="s">
        <v>1522</v>
      </c>
      <c r="R5220" s="5" t="s">
        <v>1523</v>
      </c>
      <c r="S5220" s="5" t="s">
        <v>42</v>
      </c>
      <c r="T5220" s="2">
        <v>2.5089999999999999</v>
      </c>
      <c r="U5220" s="2">
        <v>1.9590000000000001</v>
      </c>
      <c r="V5220" s="2">
        <v>1.4999999999999999E-2</v>
      </c>
      <c r="W5220" s="2">
        <v>118.9</v>
      </c>
      <c r="X5220" s="2">
        <v>7.6</v>
      </c>
      <c r="Y5220" s="2">
        <v>16.7</v>
      </c>
      <c r="Z5220" s="5"/>
      <c r="AA5220" s="5" t="s">
        <v>43</v>
      </c>
      <c r="AB5220" s="5" t="s">
        <v>44</v>
      </c>
      <c r="AC5220" s="2"/>
      <c r="AD5220" s="1"/>
    </row>
    <row r="5221" spans="1:30">
      <c r="A5221" s="5" t="s">
        <v>83578</v>
      </c>
      <c r="B5221" s="2" t="s">
        <v>99265</v>
      </c>
      <c r="C5221" s="14" t="s">
        <v>99266</v>
      </c>
      <c r="D5221" s="2" t="s">
        <v>99267</v>
      </c>
      <c r="E5221" s="2" t="s">
        <v>41035</v>
      </c>
      <c r="F5221" s="8">
        <v>300</v>
      </c>
      <c r="G5221" s="5">
        <v>6</v>
      </c>
      <c r="H5221" s="5" t="s">
        <v>1518</v>
      </c>
      <c r="I5221" s="5" t="s">
        <v>40939</v>
      </c>
      <c r="J5221" s="2" t="s">
        <v>40940</v>
      </c>
      <c r="K5221" s="5" t="s">
        <v>40939</v>
      </c>
      <c r="L5221" s="2" t="s">
        <v>40940</v>
      </c>
      <c r="M5221" s="5" t="s">
        <v>36266</v>
      </c>
      <c r="N5221" s="5" t="s">
        <v>38</v>
      </c>
      <c r="O5221" s="5" t="s">
        <v>39</v>
      </c>
      <c r="P5221" s="5" t="s">
        <v>40</v>
      </c>
      <c r="Q5221" s="5" t="s">
        <v>1522</v>
      </c>
      <c r="R5221" s="5" t="s">
        <v>1523</v>
      </c>
      <c r="S5221" s="5" t="s">
        <v>42</v>
      </c>
      <c r="T5221" s="2">
        <v>2.5649999999999999</v>
      </c>
      <c r="U5221" s="2">
        <v>2.0150000000000001</v>
      </c>
      <c r="V5221" s="2">
        <v>1.4999999999999999E-2</v>
      </c>
      <c r="W5221" s="2">
        <v>118.9</v>
      </c>
      <c r="X5221" s="2">
        <v>7.6</v>
      </c>
      <c r="Y5221" s="2">
        <v>16.7</v>
      </c>
      <c r="Z5221" s="5"/>
      <c r="AA5221" s="5" t="s">
        <v>43</v>
      </c>
      <c r="AB5221" s="5" t="s">
        <v>44</v>
      </c>
      <c r="AC5221" s="2"/>
      <c r="AD5221" s="1"/>
    </row>
    <row r="5222" spans="1:30">
      <c r="A5222" s="5" t="s">
        <v>83578</v>
      </c>
      <c r="B5222" s="2" t="s">
        <v>99268</v>
      </c>
      <c r="C5222" s="14" t="s">
        <v>99269</v>
      </c>
      <c r="D5222" s="2" t="s">
        <v>99270</v>
      </c>
      <c r="E5222" s="2" t="s">
        <v>7449</v>
      </c>
      <c r="F5222" s="8">
        <v>300</v>
      </c>
      <c r="G5222" s="5">
        <v>6</v>
      </c>
      <c r="H5222" s="5" t="s">
        <v>1518</v>
      </c>
      <c r="I5222" s="5" t="s">
        <v>40939</v>
      </c>
      <c r="J5222" s="2" t="s">
        <v>40940</v>
      </c>
      <c r="K5222" s="5" t="s">
        <v>40939</v>
      </c>
      <c r="L5222" s="2" t="s">
        <v>40940</v>
      </c>
      <c r="M5222" s="5" t="s">
        <v>36266</v>
      </c>
      <c r="N5222" s="5" t="s">
        <v>38</v>
      </c>
      <c r="O5222" s="5" t="s">
        <v>39</v>
      </c>
      <c r="P5222" s="5" t="s">
        <v>40</v>
      </c>
      <c r="Q5222" s="5" t="s">
        <v>1522</v>
      </c>
      <c r="R5222" s="5" t="s">
        <v>1523</v>
      </c>
      <c r="S5222" s="5" t="s">
        <v>42</v>
      </c>
      <c r="T5222" s="2">
        <v>2.5089999999999999</v>
      </c>
      <c r="U5222" s="2">
        <v>1.9590000000000001</v>
      </c>
      <c r="V5222" s="2">
        <v>1.4999999999999999E-2</v>
      </c>
      <c r="W5222" s="2">
        <v>118.9</v>
      </c>
      <c r="X5222" s="2">
        <v>7.6</v>
      </c>
      <c r="Y5222" s="2">
        <v>16.7</v>
      </c>
      <c r="Z5222" s="5"/>
      <c r="AA5222" s="5" t="s">
        <v>43</v>
      </c>
      <c r="AB5222" s="5" t="s">
        <v>44</v>
      </c>
      <c r="AC5222" s="2"/>
      <c r="AD5222" s="1"/>
    </row>
    <row r="5223" spans="1:30">
      <c r="A5223" s="5" t="s">
        <v>83578</v>
      </c>
      <c r="B5223" s="2" t="s">
        <v>99271</v>
      </c>
      <c r="C5223" s="14" t="s">
        <v>99272</v>
      </c>
      <c r="D5223" s="2" t="s">
        <v>99273</v>
      </c>
      <c r="E5223" s="2" t="s">
        <v>7581</v>
      </c>
      <c r="F5223" s="8">
        <v>300</v>
      </c>
      <c r="G5223" s="5">
        <v>6</v>
      </c>
      <c r="H5223" s="5" t="s">
        <v>1518</v>
      </c>
      <c r="I5223" s="5" t="s">
        <v>40939</v>
      </c>
      <c r="J5223" s="2" t="s">
        <v>40940</v>
      </c>
      <c r="K5223" s="5" t="s">
        <v>40939</v>
      </c>
      <c r="L5223" s="2" t="s">
        <v>40940</v>
      </c>
      <c r="M5223" s="5" t="s">
        <v>36266</v>
      </c>
      <c r="N5223" s="5" t="s">
        <v>38</v>
      </c>
      <c r="O5223" s="5" t="s">
        <v>39</v>
      </c>
      <c r="P5223" s="5" t="s">
        <v>40</v>
      </c>
      <c r="Q5223" s="5" t="s">
        <v>1522</v>
      </c>
      <c r="R5223" s="5" t="s">
        <v>1523</v>
      </c>
      <c r="S5223" s="5" t="s">
        <v>42</v>
      </c>
      <c r="T5223" s="2">
        <v>2.5649999999999999</v>
      </c>
      <c r="U5223" s="2">
        <v>2.0150000000000001</v>
      </c>
      <c r="V5223" s="2">
        <v>1.4999999999999999E-2</v>
      </c>
      <c r="W5223" s="2">
        <v>118.9</v>
      </c>
      <c r="X5223" s="2">
        <v>7.6</v>
      </c>
      <c r="Y5223" s="2">
        <v>16.7</v>
      </c>
      <c r="Z5223" s="5"/>
      <c r="AA5223" s="5" t="s">
        <v>43</v>
      </c>
      <c r="AB5223" s="5" t="s">
        <v>44</v>
      </c>
      <c r="AC5223" s="2"/>
      <c r="AD5223" s="1"/>
    </row>
    <row r="5224" spans="1:30">
      <c r="A5224" s="5" t="s">
        <v>83578</v>
      </c>
      <c r="B5224" s="2" t="s">
        <v>99274</v>
      </c>
      <c r="C5224" s="14" t="s">
        <v>99275</v>
      </c>
      <c r="D5224" s="2" t="s">
        <v>99276</v>
      </c>
      <c r="E5224" s="2" t="s">
        <v>41045</v>
      </c>
      <c r="F5224" s="8">
        <v>300</v>
      </c>
      <c r="G5224" s="5">
        <v>6</v>
      </c>
      <c r="H5224" s="5" t="s">
        <v>1518</v>
      </c>
      <c r="I5224" s="5" t="s">
        <v>40939</v>
      </c>
      <c r="J5224" s="2" t="s">
        <v>40940</v>
      </c>
      <c r="K5224" s="5" t="s">
        <v>40939</v>
      </c>
      <c r="L5224" s="2" t="s">
        <v>40940</v>
      </c>
      <c r="M5224" s="5" t="s">
        <v>36266</v>
      </c>
      <c r="N5224" s="5" t="s">
        <v>38</v>
      </c>
      <c r="O5224" s="5" t="s">
        <v>39</v>
      </c>
      <c r="P5224" s="5" t="s">
        <v>40</v>
      </c>
      <c r="Q5224" s="5" t="s">
        <v>1522</v>
      </c>
      <c r="R5224" s="5" t="s">
        <v>1523</v>
      </c>
      <c r="S5224" s="5" t="s">
        <v>42</v>
      </c>
      <c r="T5224" s="2">
        <v>2.5369999999999999</v>
      </c>
      <c r="U5224" s="2">
        <v>1.9870000000000001</v>
      </c>
      <c r="V5224" s="2">
        <v>1.4999999999999999E-2</v>
      </c>
      <c r="W5224" s="2">
        <v>118.9</v>
      </c>
      <c r="X5224" s="2">
        <v>7.6</v>
      </c>
      <c r="Y5224" s="2">
        <v>16.7</v>
      </c>
      <c r="Z5224" s="5"/>
      <c r="AA5224" s="5" t="s">
        <v>43</v>
      </c>
      <c r="AB5224" s="5" t="s">
        <v>44</v>
      </c>
      <c r="AC5224" s="2"/>
      <c r="AD5224" s="1"/>
    </row>
    <row r="5225" spans="1:30">
      <c r="A5225" s="5" t="s">
        <v>83578</v>
      </c>
      <c r="B5225" s="2" t="s">
        <v>99277</v>
      </c>
      <c r="C5225" s="14" t="s">
        <v>99278</v>
      </c>
      <c r="D5225" s="2" t="s">
        <v>99279</v>
      </c>
      <c r="E5225" s="2" t="s">
        <v>41049</v>
      </c>
      <c r="F5225" s="8">
        <v>300</v>
      </c>
      <c r="G5225" s="5">
        <v>6</v>
      </c>
      <c r="H5225" s="5" t="s">
        <v>1518</v>
      </c>
      <c r="I5225" s="5" t="s">
        <v>40939</v>
      </c>
      <c r="J5225" s="2" t="s">
        <v>40940</v>
      </c>
      <c r="K5225" s="5" t="s">
        <v>40939</v>
      </c>
      <c r="L5225" s="2" t="s">
        <v>40940</v>
      </c>
      <c r="M5225" s="5" t="s">
        <v>36266</v>
      </c>
      <c r="N5225" s="5" t="s">
        <v>38</v>
      </c>
      <c r="O5225" s="5" t="s">
        <v>39</v>
      </c>
      <c r="P5225" s="5" t="s">
        <v>40</v>
      </c>
      <c r="Q5225" s="5" t="s">
        <v>1522</v>
      </c>
      <c r="R5225" s="5" t="s">
        <v>1523</v>
      </c>
      <c r="S5225" s="5" t="s">
        <v>42</v>
      </c>
      <c r="T5225" s="2">
        <v>2.593</v>
      </c>
      <c r="U5225" s="2">
        <v>2.0430000000000001</v>
      </c>
      <c r="V5225" s="2">
        <v>1.4999999999999999E-2</v>
      </c>
      <c r="W5225" s="2">
        <v>118.9</v>
      </c>
      <c r="X5225" s="2">
        <v>7.6</v>
      </c>
      <c r="Y5225" s="2">
        <v>16.7</v>
      </c>
      <c r="Z5225" s="5"/>
      <c r="AA5225" s="5" t="s">
        <v>43</v>
      </c>
      <c r="AB5225" s="5" t="s">
        <v>44</v>
      </c>
      <c r="AC5225" s="2"/>
      <c r="AD5225" s="1"/>
    </row>
    <row r="5226" spans="1:30">
      <c r="A5226" s="5" t="s">
        <v>83578</v>
      </c>
      <c r="B5226" s="2" t="s">
        <v>99280</v>
      </c>
      <c r="C5226" s="14" t="s">
        <v>99281</v>
      </c>
      <c r="D5226" s="2" t="s">
        <v>99282</v>
      </c>
      <c r="E5226" s="2" t="s">
        <v>47266</v>
      </c>
      <c r="F5226" s="8">
        <v>300</v>
      </c>
      <c r="G5226" s="5">
        <v>6</v>
      </c>
      <c r="H5226" s="5" t="s">
        <v>1518</v>
      </c>
      <c r="I5226" s="5" t="s">
        <v>40939</v>
      </c>
      <c r="J5226" s="2" t="s">
        <v>40940</v>
      </c>
      <c r="K5226" s="5" t="s">
        <v>40939</v>
      </c>
      <c r="L5226" s="2" t="s">
        <v>40940</v>
      </c>
      <c r="M5226" s="5" t="s">
        <v>36266</v>
      </c>
      <c r="N5226" s="5" t="s">
        <v>38</v>
      </c>
      <c r="O5226" s="5" t="s">
        <v>39</v>
      </c>
      <c r="P5226" s="5" t="s">
        <v>40</v>
      </c>
      <c r="Q5226" s="5" t="s">
        <v>1522</v>
      </c>
      <c r="R5226" s="5" t="s">
        <v>1523</v>
      </c>
      <c r="S5226" s="5" t="s">
        <v>42</v>
      </c>
      <c r="T5226" s="2">
        <v>2.9710000000000001</v>
      </c>
      <c r="U5226" s="2">
        <v>2.4470000000000001</v>
      </c>
      <c r="V5226" s="2">
        <v>1.4999999999999999E-2</v>
      </c>
      <c r="W5226" s="2">
        <v>118.9</v>
      </c>
      <c r="X5226" s="2">
        <v>7.6</v>
      </c>
      <c r="Y5226" s="2">
        <v>16.7</v>
      </c>
      <c r="Z5226" s="5"/>
      <c r="AA5226" s="5" t="s">
        <v>43</v>
      </c>
      <c r="AB5226" s="5" t="s">
        <v>44</v>
      </c>
      <c r="AC5226" s="2"/>
      <c r="AD5226" s="1"/>
    </row>
    <row r="5227" spans="1:30">
      <c r="A5227" s="5" t="s">
        <v>83578</v>
      </c>
      <c r="B5227" s="2" t="s">
        <v>99283</v>
      </c>
      <c r="C5227" s="14" t="s">
        <v>99284</v>
      </c>
      <c r="D5227" s="2" t="s">
        <v>99285</v>
      </c>
      <c r="E5227" s="2" t="s">
        <v>36273</v>
      </c>
      <c r="F5227" s="8">
        <v>278</v>
      </c>
      <c r="G5227" s="5">
        <v>6</v>
      </c>
      <c r="H5227" s="5" t="s">
        <v>1518</v>
      </c>
      <c r="I5227" s="5" t="s">
        <v>40939</v>
      </c>
      <c r="J5227" s="2" t="s">
        <v>40940</v>
      </c>
      <c r="K5227" s="5" t="s">
        <v>40939</v>
      </c>
      <c r="L5227" s="2" t="s">
        <v>40940</v>
      </c>
      <c r="M5227" s="5" t="s">
        <v>36266</v>
      </c>
      <c r="N5227" s="5" t="s">
        <v>38</v>
      </c>
      <c r="O5227" s="5" t="s">
        <v>39</v>
      </c>
      <c r="P5227" s="5" t="s">
        <v>40</v>
      </c>
      <c r="Q5227" s="5" t="s">
        <v>1522</v>
      </c>
      <c r="R5227" s="5" t="s">
        <v>1523</v>
      </c>
      <c r="S5227" s="5" t="s">
        <v>42</v>
      </c>
      <c r="T5227" s="2">
        <v>3</v>
      </c>
      <c r="U5227" s="2">
        <v>2.476</v>
      </c>
      <c r="V5227" s="2">
        <v>1.4999999999999999E-2</v>
      </c>
      <c r="W5227" s="2">
        <v>118.9</v>
      </c>
      <c r="X5227" s="2">
        <v>7.6</v>
      </c>
      <c r="Y5227" s="2">
        <v>16.7</v>
      </c>
      <c r="Z5227" s="5"/>
      <c r="AA5227" s="5" t="s">
        <v>43</v>
      </c>
      <c r="AB5227" s="5" t="s">
        <v>44</v>
      </c>
      <c r="AC5227" s="2"/>
      <c r="AD5227" s="1"/>
    </row>
    <row r="5228" spans="1:30">
      <c r="A5228" s="5" t="s">
        <v>83578</v>
      </c>
      <c r="B5228" s="2" t="s">
        <v>99286</v>
      </c>
      <c r="C5228" s="14" t="s">
        <v>99287</v>
      </c>
      <c r="D5228" s="2" t="s">
        <v>99288</v>
      </c>
      <c r="E5228" s="2" t="s">
        <v>47226</v>
      </c>
      <c r="F5228" s="8">
        <v>300</v>
      </c>
      <c r="G5228" s="5">
        <v>6</v>
      </c>
      <c r="H5228" s="5" t="s">
        <v>1518</v>
      </c>
      <c r="I5228" s="5" t="s">
        <v>40939</v>
      </c>
      <c r="J5228" s="2" t="s">
        <v>40940</v>
      </c>
      <c r="K5228" s="5" t="s">
        <v>40939</v>
      </c>
      <c r="L5228" s="2" t="s">
        <v>40940</v>
      </c>
      <c r="M5228" s="5" t="s">
        <v>36266</v>
      </c>
      <c r="N5228" s="5" t="s">
        <v>38</v>
      </c>
      <c r="O5228" s="5" t="s">
        <v>39</v>
      </c>
      <c r="P5228" s="5" t="s">
        <v>40</v>
      </c>
      <c r="Q5228" s="5" t="s">
        <v>1522</v>
      </c>
      <c r="R5228" s="5" t="s">
        <v>1523</v>
      </c>
      <c r="S5228" s="5" t="s">
        <v>42</v>
      </c>
      <c r="T5228" s="2">
        <v>2.9809999999999999</v>
      </c>
      <c r="U5228" s="2">
        <v>2.4569999999999999</v>
      </c>
      <c r="V5228" s="2">
        <v>1.4999999999999999E-2</v>
      </c>
      <c r="W5228" s="2">
        <v>118.9</v>
      </c>
      <c r="X5228" s="2">
        <v>7.6</v>
      </c>
      <c r="Y5228" s="2">
        <v>16.7</v>
      </c>
      <c r="Z5228" s="5"/>
      <c r="AA5228" s="5" t="s">
        <v>43</v>
      </c>
      <c r="AB5228" s="5" t="s">
        <v>44</v>
      </c>
      <c r="AC5228" s="2"/>
      <c r="AD5228" s="1"/>
    </row>
    <row r="5229" spans="1:30">
      <c r="A5229" s="5" t="s">
        <v>83578</v>
      </c>
      <c r="B5229" s="2" t="s">
        <v>99289</v>
      </c>
      <c r="C5229" s="14" t="s">
        <v>99290</v>
      </c>
      <c r="D5229" s="2" t="s">
        <v>99291</v>
      </c>
      <c r="E5229" s="2" t="s">
        <v>47735</v>
      </c>
      <c r="F5229" s="8">
        <v>300</v>
      </c>
      <c r="G5229" s="5">
        <v>6</v>
      </c>
      <c r="H5229" s="5" t="s">
        <v>1518</v>
      </c>
      <c r="I5229" s="5" t="s">
        <v>40939</v>
      </c>
      <c r="J5229" s="2" t="s">
        <v>40940</v>
      </c>
      <c r="K5229" s="5" t="s">
        <v>40939</v>
      </c>
      <c r="L5229" s="2" t="s">
        <v>40940</v>
      </c>
      <c r="M5229" s="5" t="s">
        <v>36266</v>
      </c>
      <c r="N5229" s="5" t="s">
        <v>38</v>
      </c>
      <c r="O5229" s="5" t="s">
        <v>39</v>
      </c>
      <c r="P5229" s="5" t="s">
        <v>40</v>
      </c>
      <c r="Q5229" s="5" t="s">
        <v>1522</v>
      </c>
      <c r="R5229" s="5" t="s">
        <v>1523</v>
      </c>
      <c r="S5229" s="5" t="s">
        <v>42</v>
      </c>
      <c r="T5229" s="2">
        <v>3.0710000000000002</v>
      </c>
      <c r="U5229" s="2">
        <v>2.5470000000000002</v>
      </c>
      <c r="V5229" s="2">
        <v>1.4999999999999999E-2</v>
      </c>
      <c r="W5229" s="2">
        <v>118.9</v>
      </c>
      <c r="X5229" s="2">
        <v>7.6</v>
      </c>
      <c r="Y5229" s="2">
        <v>16.7</v>
      </c>
      <c r="Z5229" s="5"/>
      <c r="AA5229" s="5" t="s">
        <v>43</v>
      </c>
      <c r="AB5229" s="5" t="s">
        <v>44</v>
      </c>
      <c r="AC5229" s="2"/>
      <c r="AD5229" s="1"/>
    </row>
    <row r="5230" spans="1:30">
      <c r="A5230" s="5" t="s">
        <v>83578</v>
      </c>
      <c r="B5230" s="2" t="s">
        <v>99292</v>
      </c>
      <c r="C5230" s="14" t="s">
        <v>99293</v>
      </c>
      <c r="D5230" s="2" t="s">
        <v>99294</v>
      </c>
      <c r="E5230" s="2" t="s">
        <v>7539</v>
      </c>
      <c r="F5230" s="8">
        <v>300</v>
      </c>
      <c r="G5230" s="5">
        <v>6</v>
      </c>
      <c r="H5230" s="5" t="s">
        <v>1518</v>
      </c>
      <c r="I5230" s="5" t="s">
        <v>40939</v>
      </c>
      <c r="J5230" s="2" t="s">
        <v>40940</v>
      </c>
      <c r="K5230" s="5" t="s">
        <v>40939</v>
      </c>
      <c r="L5230" s="2" t="s">
        <v>40940</v>
      </c>
      <c r="M5230" s="5" t="s">
        <v>36266</v>
      </c>
      <c r="N5230" s="5" t="s">
        <v>38</v>
      </c>
      <c r="O5230" s="5" t="s">
        <v>39</v>
      </c>
      <c r="P5230" s="5" t="s">
        <v>40</v>
      </c>
      <c r="Q5230" s="5" t="s">
        <v>1522</v>
      </c>
      <c r="R5230" s="5" t="s">
        <v>1523</v>
      </c>
      <c r="S5230" s="5" t="s">
        <v>42</v>
      </c>
      <c r="T5230" s="2">
        <v>2.9329999999999998</v>
      </c>
      <c r="U5230" s="2">
        <v>2.4089999999999998</v>
      </c>
      <c r="V5230" s="2">
        <v>1.4999999999999999E-2</v>
      </c>
      <c r="W5230" s="2">
        <v>118.9</v>
      </c>
      <c r="X5230" s="2">
        <v>7.6</v>
      </c>
      <c r="Y5230" s="2">
        <v>16.7</v>
      </c>
      <c r="Z5230" s="5"/>
      <c r="AA5230" s="5" t="s">
        <v>43</v>
      </c>
      <c r="AB5230" s="5" t="s">
        <v>44</v>
      </c>
      <c r="AC5230" s="2"/>
      <c r="AD5230" s="1"/>
    </row>
    <row r="5231" spans="1:30">
      <c r="A5231" s="5" t="s">
        <v>83578</v>
      </c>
      <c r="B5231" s="2" t="s">
        <v>99295</v>
      </c>
      <c r="C5231" s="14" t="s">
        <v>99296</v>
      </c>
      <c r="D5231" s="2" t="s">
        <v>99297</v>
      </c>
      <c r="E5231" s="2" t="s">
        <v>40989</v>
      </c>
      <c r="F5231" s="8">
        <v>300</v>
      </c>
      <c r="G5231" s="5">
        <v>6</v>
      </c>
      <c r="H5231" s="5" t="s">
        <v>1518</v>
      </c>
      <c r="I5231" s="5" t="s">
        <v>40939</v>
      </c>
      <c r="J5231" s="2" t="s">
        <v>40940</v>
      </c>
      <c r="K5231" s="5" t="s">
        <v>40939</v>
      </c>
      <c r="L5231" s="2" t="s">
        <v>40940</v>
      </c>
      <c r="M5231" s="5" t="s">
        <v>36266</v>
      </c>
      <c r="N5231" s="5" t="s">
        <v>38</v>
      </c>
      <c r="O5231" s="5" t="s">
        <v>39</v>
      </c>
      <c r="P5231" s="5" t="s">
        <v>40</v>
      </c>
      <c r="Q5231" s="5" t="s">
        <v>1522</v>
      </c>
      <c r="R5231" s="5" t="s">
        <v>1523</v>
      </c>
      <c r="S5231" s="5" t="s">
        <v>42</v>
      </c>
      <c r="T5231" s="2">
        <v>2.9809999999999999</v>
      </c>
      <c r="U5231" s="2">
        <v>2.4569999999999999</v>
      </c>
      <c r="V5231" s="2">
        <v>1.4999999999999999E-2</v>
      </c>
      <c r="W5231" s="2">
        <v>118.9</v>
      </c>
      <c r="X5231" s="2">
        <v>7.6</v>
      </c>
      <c r="Y5231" s="2">
        <v>16.7</v>
      </c>
      <c r="Z5231" s="5"/>
      <c r="AA5231" s="5" t="s">
        <v>43</v>
      </c>
      <c r="AB5231" s="5" t="s">
        <v>44</v>
      </c>
      <c r="AC5231" s="2"/>
      <c r="AD5231" s="1"/>
    </row>
    <row r="5232" spans="1:30">
      <c r="A5232" s="5" t="s">
        <v>83578</v>
      </c>
      <c r="B5232" s="2" t="s">
        <v>99298</v>
      </c>
      <c r="C5232" s="14" t="s">
        <v>99299</v>
      </c>
      <c r="D5232" s="2" t="s">
        <v>99300</v>
      </c>
      <c r="E5232" s="2" t="s">
        <v>40993</v>
      </c>
      <c r="F5232" s="8">
        <v>300</v>
      </c>
      <c r="G5232" s="5">
        <v>6</v>
      </c>
      <c r="H5232" s="5" t="s">
        <v>1518</v>
      </c>
      <c r="I5232" s="5" t="s">
        <v>40939</v>
      </c>
      <c r="J5232" s="2" t="s">
        <v>40940</v>
      </c>
      <c r="K5232" s="5" t="s">
        <v>40939</v>
      </c>
      <c r="L5232" s="2" t="s">
        <v>40940</v>
      </c>
      <c r="M5232" s="5" t="s">
        <v>36266</v>
      </c>
      <c r="N5232" s="5" t="s">
        <v>38</v>
      </c>
      <c r="O5232" s="5" t="s">
        <v>39</v>
      </c>
      <c r="P5232" s="5" t="s">
        <v>40</v>
      </c>
      <c r="Q5232" s="5" t="s">
        <v>1522</v>
      </c>
      <c r="R5232" s="5" t="s">
        <v>1523</v>
      </c>
      <c r="S5232" s="5" t="s">
        <v>42</v>
      </c>
      <c r="T5232" s="2">
        <v>3.0710000000000002</v>
      </c>
      <c r="U5232" s="2">
        <v>2.5470000000000002</v>
      </c>
      <c r="V5232" s="2">
        <v>1.4999999999999999E-2</v>
      </c>
      <c r="W5232" s="2">
        <v>118.9</v>
      </c>
      <c r="X5232" s="2">
        <v>7.6</v>
      </c>
      <c r="Y5232" s="2">
        <v>16.7</v>
      </c>
      <c r="Z5232" s="5"/>
      <c r="AA5232" s="5" t="s">
        <v>43</v>
      </c>
      <c r="AB5232" s="5" t="s">
        <v>44</v>
      </c>
      <c r="AC5232" s="2"/>
      <c r="AD5232" s="1"/>
    </row>
    <row r="5233" spans="1:30">
      <c r="A5233" s="5" t="s">
        <v>83578</v>
      </c>
      <c r="B5233" s="2" t="s">
        <v>99301</v>
      </c>
      <c r="C5233" s="14" t="s">
        <v>99302</v>
      </c>
      <c r="D5233" s="2" t="s">
        <v>99303</v>
      </c>
      <c r="E5233" s="2" t="s">
        <v>40997</v>
      </c>
      <c r="F5233" s="8">
        <v>300</v>
      </c>
      <c r="G5233" s="5">
        <v>6</v>
      </c>
      <c r="H5233" s="5" t="s">
        <v>1518</v>
      </c>
      <c r="I5233" s="5" t="s">
        <v>40939</v>
      </c>
      <c r="J5233" s="2" t="s">
        <v>40940</v>
      </c>
      <c r="K5233" s="5" t="s">
        <v>40939</v>
      </c>
      <c r="L5233" s="2" t="s">
        <v>40940</v>
      </c>
      <c r="M5233" s="5" t="s">
        <v>36266</v>
      </c>
      <c r="N5233" s="5" t="s">
        <v>38</v>
      </c>
      <c r="O5233" s="5" t="s">
        <v>39</v>
      </c>
      <c r="P5233" s="5" t="s">
        <v>40</v>
      </c>
      <c r="Q5233" s="5" t="s">
        <v>1522</v>
      </c>
      <c r="R5233" s="5" t="s">
        <v>1523</v>
      </c>
      <c r="S5233" s="5" t="s">
        <v>42</v>
      </c>
      <c r="T5233" s="2">
        <v>2.9420000000000002</v>
      </c>
      <c r="U5233" s="2">
        <v>2.4180000000000001</v>
      </c>
      <c r="V5233" s="2">
        <v>1.4999999999999999E-2</v>
      </c>
      <c r="W5233" s="2">
        <v>118.9</v>
      </c>
      <c r="X5233" s="2">
        <v>7.6</v>
      </c>
      <c r="Y5233" s="2">
        <v>16.7</v>
      </c>
      <c r="Z5233" s="5"/>
      <c r="AA5233" s="5" t="s">
        <v>43</v>
      </c>
      <c r="AB5233" s="5" t="s">
        <v>44</v>
      </c>
      <c r="AC5233" s="2"/>
      <c r="AD5233" s="1"/>
    </row>
    <row r="5234" spans="1:30">
      <c r="A5234" s="5" t="s">
        <v>83578</v>
      </c>
      <c r="B5234" s="2" t="s">
        <v>99304</v>
      </c>
      <c r="C5234" s="14" t="s">
        <v>99305</v>
      </c>
      <c r="D5234" s="2" t="s">
        <v>99306</v>
      </c>
      <c r="E5234" s="2" t="s">
        <v>41267</v>
      </c>
      <c r="F5234" s="8">
        <v>300</v>
      </c>
      <c r="G5234" s="5">
        <v>6</v>
      </c>
      <c r="H5234" s="5" t="s">
        <v>1518</v>
      </c>
      <c r="I5234" s="5" t="s">
        <v>40939</v>
      </c>
      <c r="J5234" s="2" t="s">
        <v>40940</v>
      </c>
      <c r="K5234" s="5" t="s">
        <v>40939</v>
      </c>
      <c r="L5234" s="2" t="s">
        <v>40940</v>
      </c>
      <c r="M5234" s="5" t="s">
        <v>36266</v>
      </c>
      <c r="N5234" s="5" t="s">
        <v>38</v>
      </c>
      <c r="O5234" s="5" t="s">
        <v>39</v>
      </c>
      <c r="P5234" s="5" t="s">
        <v>40</v>
      </c>
      <c r="Q5234" s="5" t="s">
        <v>1522</v>
      </c>
      <c r="R5234" s="5" t="s">
        <v>1523</v>
      </c>
      <c r="S5234" s="5" t="s">
        <v>42</v>
      </c>
      <c r="T5234" s="2">
        <v>3.032</v>
      </c>
      <c r="U5234" s="2">
        <v>2.508</v>
      </c>
      <c r="V5234" s="2">
        <v>1.4999999999999999E-2</v>
      </c>
      <c r="W5234" s="2">
        <v>118.9</v>
      </c>
      <c r="X5234" s="2">
        <v>7.6</v>
      </c>
      <c r="Y5234" s="2">
        <v>16.7</v>
      </c>
      <c r="Z5234" s="5"/>
      <c r="AA5234" s="5" t="s">
        <v>43</v>
      </c>
      <c r="AB5234" s="5" t="s">
        <v>44</v>
      </c>
      <c r="AC5234" s="2"/>
      <c r="AD5234" s="1"/>
    </row>
    <row r="5235" spans="1:30">
      <c r="A5235" s="5" t="s">
        <v>83578</v>
      </c>
      <c r="B5235" s="2" t="s">
        <v>99307</v>
      </c>
      <c r="C5235" s="14" t="s">
        <v>99308</v>
      </c>
      <c r="D5235" s="2" t="s">
        <v>99309</v>
      </c>
      <c r="E5235" s="2" t="s">
        <v>41005</v>
      </c>
      <c r="F5235" s="8">
        <v>300</v>
      </c>
      <c r="G5235" s="5">
        <v>6</v>
      </c>
      <c r="H5235" s="5" t="s">
        <v>1518</v>
      </c>
      <c r="I5235" s="5" t="s">
        <v>40939</v>
      </c>
      <c r="J5235" s="2" t="s">
        <v>40940</v>
      </c>
      <c r="K5235" s="5" t="s">
        <v>40939</v>
      </c>
      <c r="L5235" s="2" t="s">
        <v>40940</v>
      </c>
      <c r="M5235" s="5" t="s">
        <v>36266</v>
      </c>
      <c r="N5235" s="5" t="s">
        <v>38</v>
      </c>
      <c r="O5235" s="5" t="s">
        <v>39</v>
      </c>
      <c r="P5235" s="5" t="s">
        <v>40</v>
      </c>
      <c r="Q5235" s="5" t="s">
        <v>1522</v>
      </c>
      <c r="R5235" s="5" t="s">
        <v>1523</v>
      </c>
      <c r="S5235" s="5" t="s">
        <v>42</v>
      </c>
      <c r="T5235" s="2">
        <v>3.0710000000000002</v>
      </c>
      <c r="U5235" s="2">
        <v>2.5470000000000002</v>
      </c>
      <c r="V5235" s="2">
        <v>1.4999999999999999E-2</v>
      </c>
      <c r="W5235" s="2">
        <v>118.9</v>
      </c>
      <c r="X5235" s="2">
        <v>7.6</v>
      </c>
      <c r="Y5235" s="2">
        <v>16.7</v>
      </c>
      <c r="Z5235" s="5"/>
      <c r="AA5235" s="5" t="s">
        <v>43</v>
      </c>
      <c r="AB5235" s="5" t="s">
        <v>44</v>
      </c>
      <c r="AC5235" s="2"/>
      <c r="AD5235" s="1"/>
    </row>
    <row r="5236" spans="1:30">
      <c r="A5236" s="5" t="s">
        <v>83578</v>
      </c>
      <c r="B5236" s="2" t="s">
        <v>99310</v>
      </c>
      <c r="C5236" s="14" t="s">
        <v>99311</v>
      </c>
      <c r="D5236" s="2" t="s">
        <v>99312</v>
      </c>
      <c r="E5236" s="2" t="s">
        <v>41009</v>
      </c>
      <c r="F5236" s="8">
        <v>300</v>
      </c>
      <c r="G5236" s="5">
        <v>6</v>
      </c>
      <c r="H5236" s="5" t="s">
        <v>1518</v>
      </c>
      <c r="I5236" s="5" t="s">
        <v>40939</v>
      </c>
      <c r="J5236" s="2" t="s">
        <v>40940</v>
      </c>
      <c r="K5236" s="5" t="s">
        <v>40939</v>
      </c>
      <c r="L5236" s="2" t="s">
        <v>40940</v>
      </c>
      <c r="M5236" s="5" t="s">
        <v>36266</v>
      </c>
      <c r="N5236" s="5" t="s">
        <v>38</v>
      </c>
      <c r="O5236" s="5" t="s">
        <v>39</v>
      </c>
      <c r="P5236" s="5" t="s">
        <v>40</v>
      </c>
      <c r="Q5236" s="5" t="s">
        <v>1522</v>
      </c>
      <c r="R5236" s="5" t="s">
        <v>1523</v>
      </c>
      <c r="S5236" s="5" t="s">
        <v>42</v>
      </c>
      <c r="T5236" s="2">
        <v>2.99</v>
      </c>
      <c r="U5236" s="2">
        <v>2.4660000000000002</v>
      </c>
      <c r="V5236" s="2">
        <v>1.4999999999999999E-2</v>
      </c>
      <c r="W5236" s="2">
        <v>118.9</v>
      </c>
      <c r="X5236" s="2">
        <v>7.6</v>
      </c>
      <c r="Y5236" s="2">
        <v>16.7</v>
      </c>
      <c r="Z5236" s="5"/>
      <c r="AA5236" s="5" t="s">
        <v>43</v>
      </c>
      <c r="AB5236" s="5" t="s">
        <v>44</v>
      </c>
      <c r="AC5236" s="2"/>
      <c r="AD5236" s="1"/>
    </row>
    <row r="5237" spans="1:30">
      <c r="A5237" s="5" t="s">
        <v>83578</v>
      </c>
      <c r="B5237" s="2" t="s">
        <v>99313</v>
      </c>
      <c r="C5237" s="14" t="s">
        <v>99314</v>
      </c>
      <c r="D5237" s="2" t="s">
        <v>99315</v>
      </c>
      <c r="E5237" s="2" t="s">
        <v>7449</v>
      </c>
      <c r="F5237" s="8">
        <v>300</v>
      </c>
      <c r="G5237" s="5">
        <v>6</v>
      </c>
      <c r="H5237" s="5" t="s">
        <v>1518</v>
      </c>
      <c r="I5237" s="5" t="s">
        <v>40939</v>
      </c>
      <c r="J5237" s="2" t="s">
        <v>40940</v>
      </c>
      <c r="K5237" s="5" t="s">
        <v>40939</v>
      </c>
      <c r="L5237" s="2" t="s">
        <v>40940</v>
      </c>
      <c r="M5237" s="5" t="s">
        <v>36266</v>
      </c>
      <c r="N5237" s="5" t="s">
        <v>38</v>
      </c>
      <c r="O5237" s="5" t="s">
        <v>39</v>
      </c>
      <c r="P5237" s="5" t="s">
        <v>40</v>
      </c>
      <c r="Q5237" s="5" t="s">
        <v>1522</v>
      </c>
      <c r="R5237" s="5" t="s">
        <v>1523</v>
      </c>
      <c r="S5237" s="5" t="s">
        <v>42</v>
      </c>
      <c r="T5237" s="2">
        <v>2.9420000000000002</v>
      </c>
      <c r="U5237" s="2">
        <v>2.4180000000000001</v>
      </c>
      <c r="V5237" s="2">
        <v>1.4999999999999999E-2</v>
      </c>
      <c r="W5237" s="2">
        <v>118.9</v>
      </c>
      <c r="X5237" s="2">
        <v>7.6</v>
      </c>
      <c r="Y5237" s="2">
        <v>16.7</v>
      </c>
      <c r="Z5237" s="5"/>
      <c r="AA5237" s="5" t="s">
        <v>43</v>
      </c>
      <c r="AB5237" s="5" t="s">
        <v>44</v>
      </c>
      <c r="AC5237" s="2"/>
      <c r="AD5237" s="1"/>
    </row>
    <row r="5238" spans="1:30">
      <c r="A5238" s="5" t="s">
        <v>83578</v>
      </c>
      <c r="B5238" s="2" t="s">
        <v>99316</v>
      </c>
      <c r="C5238" s="14" t="s">
        <v>99317</v>
      </c>
      <c r="D5238" s="2" t="s">
        <v>99318</v>
      </c>
      <c r="E5238" s="2" t="s">
        <v>41045</v>
      </c>
      <c r="F5238" s="8">
        <v>300</v>
      </c>
      <c r="G5238" s="5">
        <v>6</v>
      </c>
      <c r="H5238" s="5" t="s">
        <v>1518</v>
      </c>
      <c r="I5238" s="5" t="s">
        <v>40939</v>
      </c>
      <c r="J5238" s="2" t="s">
        <v>40940</v>
      </c>
      <c r="K5238" s="5" t="s">
        <v>40939</v>
      </c>
      <c r="L5238" s="2" t="s">
        <v>40940</v>
      </c>
      <c r="M5238" s="5" t="s">
        <v>36266</v>
      </c>
      <c r="N5238" s="5" t="s">
        <v>38</v>
      </c>
      <c r="O5238" s="5" t="s">
        <v>39</v>
      </c>
      <c r="P5238" s="5" t="s">
        <v>40</v>
      </c>
      <c r="Q5238" s="5" t="s">
        <v>1522</v>
      </c>
      <c r="R5238" s="5" t="s">
        <v>1523</v>
      </c>
      <c r="S5238" s="5" t="s">
        <v>42</v>
      </c>
      <c r="T5238" s="2">
        <v>3</v>
      </c>
      <c r="U5238" s="2">
        <v>2.476</v>
      </c>
      <c r="V5238" s="2">
        <v>1.4999999999999999E-2</v>
      </c>
      <c r="W5238" s="2">
        <v>118.9</v>
      </c>
      <c r="X5238" s="2">
        <v>7.6</v>
      </c>
      <c r="Y5238" s="2">
        <v>16.7</v>
      </c>
      <c r="Z5238" s="5"/>
      <c r="AA5238" s="5" t="s">
        <v>43</v>
      </c>
      <c r="AB5238" s="5" t="s">
        <v>44</v>
      </c>
      <c r="AC5238" s="2"/>
      <c r="AD5238" s="1"/>
    </row>
    <row r="5239" spans="1:30">
      <c r="A5239" s="5" t="s">
        <v>83578</v>
      </c>
      <c r="B5239" s="2" t="s">
        <v>99319</v>
      </c>
      <c r="C5239" s="14" t="s">
        <v>99320</v>
      </c>
      <c r="D5239" s="2" t="s">
        <v>99321</v>
      </c>
      <c r="E5239" s="2" t="s">
        <v>40967</v>
      </c>
      <c r="F5239" s="8">
        <v>313</v>
      </c>
      <c r="G5239" s="5">
        <v>6</v>
      </c>
      <c r="H5239" s="5" t="s">
        <v>1518</v>
      </c>
      <c r="I5239" s="5" t="s">
        <v>40939</v>
      </c>
      <c r="J5239" s="2" t="s">
        <v>40940</v>
      </c>
      <c r="K5239" s="5" t="s">
        <v>40939</v>
      </c>
      <c r="L5239" s="2" t="s">
        <v>40940</v>
      </c>
      <c r="M5239" s="5" t="s">
        <v>36266</v>
      </c>
      <c r="N5239" s="5" t="s">
        <v>38</v>
      </c>
      <c r="O5239" s="5" t="s">
        <v>39</v>
      </c>
      <c r="P5239" s="5" t="s">
        <v>40</v>
      </c>
      <c r="Q5239" s="5" t="s">
        <v>1522</v>
      </c>
      <c r="R5239" s="5" t="s">
        <v>1523</v>
      </c>
      <c r="S5239" s="5" t="s">
        <v>42</v>
      </c>
      <c r="T5239" s="2">
        <v>3.234</v>
      </c>
      <c r="U5239" s="2">
        <v>2.6349999999999998</v>
      </c>
      <c r="V5239" s="2">
        <v>1.7999999999999999E-2</v>
      </c>
      <c r="W5239" s="2">
        <v>139.1</v>
      </c>
      <c r="X5239" s="2">
        <v>7.6</v>
      </c>
      <c r="Y5239" s="2">
        <v>16.7</v>
      </c>
      <c r="Z5239" s="5"/>
      <c r="AA5239" s="5" t="s">
        <v>43</v>
      </c>
      <c r="AB5239" s="5" t="s">
        <v>44</v>
      </c>
      <c r="AC5239" s="2"/>
      <c r="AD5239" s="1"/>
    </row>
    <row r="5240" spans="1:30">
      <c r="A5240" s="5" t="s">
        <v>83578</v>
      </c>
      <c r="B5240" s="2" t="s">
        <v>99322</v>
      </c>
      <c r="C5240" s="14" t="s">
        <v>99323</v>
      </c>
      <c r="D5240" s="2" t="s">
        <v>99324</v>
      </c>
      <c r="E5240" s="2" t="s">
        <v>47226</v>
      </c>
      <c r="F5240" s="8">
        <v>313</v>
      </c>
      <c r="G5240" s="5">
        <v>6</v>
      </c>
      <c r="H5240" s="5" t="s">
        <v>1518</v>
      </c>
      <c r="I5240" s="5" t="s">
        <v>40939</v>
      </c>
      <c r="J5240" s="2" t="s">
        <v>40940</v>
      </c>
      <c r="K5240" s="5" t="s">
        <v>40939</v>
      </c>
      <c r="L5240" s="2" t="s">
        <v>40940</v>
      </c>
      <c r="M5240" s="5" t="s">
        <v>36266</v>
      </c>
      <c r="N5240" s="5" t="s">
        <v>38</v>
      </c>
      <c r="O5240" s="5" t="s">
        <v>39</v>
      </c>
      <c r="P5240" s="5" t="s">
        <v>40</v>
      </c>
      <c r="Q5240" s="5" t="s">
        <v>1522</v>
      </c>
      <c r="R5240" s="5" t="s">
        <v>1523</v>
      </c>
      <c r="S5240" s="5" t="s">
        <v>42</v>
      </c>
      <c r="T5240" s="2">
        <v>3.234</v>
      </c>
      <c r="U5240" s="2">
        <v>2.6349999999999998</v>
      </c>
      <c r="V5240" s="2">
        <v>1.7999999999999999E-2</v>
      </c>
      <c r="W5240" s="2">
        <v>139.1</v>
      </c>
      <c r="X5240" s="2">
        <v>7.6</v>
      </c>
      <c r="Y5240" s="2">
        <v>16.7</v>
      </c>
      <c r="Z5240" s="5"/>
      <c r="AA5240" s="5" t="s">
        <v>43</v>
      </c>
      <c r="AB5240" s="5" t="s">
        <v>44</v>
      </c>
      <c r="AC5240" s="2"/>
      <c r="AD5240" s="1"/>
    </row>
    <row r="5241" spans="1:30">
      <c r="A5241" s="5" t="s">
        <v>83578</v>
      </c>
      <c r="B5241" s="2" t="s">
        <v>99325</v>
      </c>
      <c r="C5241" s="14" t="s">
        <v>99326</v>
      </c>
      <c r="D5241" s="2" t="s">
        <v>99327</v>
      </c>
      <c r="E5241" s="2" t="s">
        <v>47735</v>
      </c>
      <c r="F5241" s="8">
        <v>313</v>
      </c>
      <c r="G5241" s="5">
        <v>6</v>
      </c>
      <c r="H5241" s="5" t="s">
        <v>1518</v>
      </c>
      <c r="I5241" s="5" t="s">
        <v>40939</v>
      </c>
      <c r="J5241" s="2" t="s">
        <v>40940</v>
      </c>
      <c r="K5241" s="5" t="s">
        <v>40939</v>
      </c>
      <c r="L5241" s="2" t="s">
        <v>40940</v>
      </c>
      <c r="M5241" s="5" t="s">
        <v>36266</v>
      </c>
      <c r="N5241" s="5" t="s">
        <v>38</v>
      </c>
      <c r="O5241" s="5" t="s">
        <v>39</v>
      </c>
      <c r="P5241" s="5" t="s">
        <v>40</v>
      </c>
      <c r="Q5241" s="5" t="s">
        <v>1522</v>
      </c>
      <c r="R5241" s="5" t="s">
        <v>1523</v>
      </c>
      <c r="S5241" s="5" t="s">
        <v>42</v>
      </c>
      <c r="T5241" s="2">
        <v>3.3359999999999999</v>
      </c>
      <c r="U5241" s="2">
        <v>2.7370000000000001</v>
      </c>
      <c r="V5241" s="2">
        <v>1.7999999999999999E-2</v>
      </c>
      <c r="W5241" s="2">
        <v>139.1</v>
      </c>
      <c r="X5241" s="2">
        <v>7.6</v>
      </c>
      <c r="Y5241" s="2">
        <v>16.7</v>
      </c>
      <c r="Z5241" s="5"/>
      <c r="AA5241" s="5" t="s">
        <v>43</v>
      </c>
      <c r="AB5241" s="5" t="s">
        <v>44</v>
      </c>
      <c r="AC5241" s="2"/>
      <c r="AD5241" s="1"/>
    </row>
    <row r="5242" spans="1:30">
      <c r="A5242" s="5" t="s">
        <v>83578</v>
      </c>
      <c r="B5242" s="2" t="s">
        <v>99328</v>
      </c>
      <c r="C5242" s="14" t="s">
        <v>99329</v>
      </c>
      <c r="D5242" s="2" t="s">
        <v>99330</v>
      </c>
      <c r="E5242" s="2" t="s">
        <v>40997</v>
      </c>
      <c r="F5242" s="8">
        <v>313</v>
      </c>
      <c r="G5242" s="5">
        <v>6</v>
      </c>
      <c r="H5242" s="5" t="s">
        <v>1518</v>
      </c>
      <c r="I5242" s="5" t="s">
        <v>40939</v>
      </c>
      <c r="J5242" s="2" t="s">
        <v>40940</v>
      </c>
      <c r="K5242" s="5" t="s">
        <v>40939</v>
      </c>
      <c r="L5242" s="2" t="s">
        <v>40940</v>
      </c>
      <c r="M5242" s="5" t="s">
        <v>36266</v>
      </c>
      <c r="N5242" s="5" t="s">
        <v>38</v>
      </c>
      <c r="O5242" s="5" t="s">
        <v>39</v>
      </c>
      <c r="P5242" s="5" t="s">
        <v>40</v>
      </c>
      <c r="Q5242" s="5" t="s">
        <v>1522</v>
      </c>
      <c r="R5242" s="5" t="s">
        <v>1523</v>
      </c>
      <c r="S5242" s="5" t="s">
        <v>42</v>
      </c>
      <c r="T5242" s="2">
        <v>3.1880000000000002</v>
      </c>
      <c r="U5242" s="2">
        <v>2.589</v>
      </c>
      <c r="V5242" s="2">
        <v>1.7999999999999999E-2</v>
      </c>
      <c r="W5242" s="2">
        <v>139.1</v>
      </c>
      <c r="X5242" s="2">
        <v>7.6</v>
      </c>
      <c r="Y5242" s="2">
        <v>16.7</v>
      </c>
      <c r="Z5242" s="5"/>
      <c r="AA5242" s="5" t="s">
        <v>43</v>
      </c>
      <c r="AB5242" s="5" t="s">
        <v>44</v>
      </c>
      <c r="AC5242" s="2"/>
      <c r="AD5242" s="1"/>
    </row>
    <row r="5243" spans="1:30">
      <c r="A5243" s="5" t="s">
        <v>83578</v>
      </c>
      <c r="B5243" s="2" t="s">
        <v>99331</v>
      </c>
      <c r="C5243" s="14" t="s">
        <v>99332</v>
      </c>
      <c r="D5243" s="2" t="s">
        <v>99333</v>
      </c>
      <c r="E5243" s="2" t="s">
        <v>41001</v>
      </c>
      <c r="F5243" s="8">
        <v>313</v>
      </c>
      <c r="G5243" s="5">
        <v>6</v>
      </c>
      <c r="H5243" s="5" t="s">
        <v>1518</v>
      </c>
      <c r="I5243" s="5" t="s">
        <v>40939</v>
      </c>
      <c r="J5243" s="2" t="s">
        <v>40940</v>
      </c>
      <c r="K5243" s="5" t="s">
        <v>40939</v>
      </c>
      <c r="L5243" s="2" t="s">
        <v>40940</v>
      </c>
      <c r="M5243" s="5" t="s">
        <v>36266</v>
      </c>
      <c r="N5243" s="5" t="s">
        <v>38</v>
      </c>
      <c r="O5243" s="5" t="s">
        <v>39</v>
      </c>
      <c r="P5243" s="5" t="s">
        <v>40</v>
      </c>
      <c r="Q5243" s="5" t="s">
        <v>1522</v>
      </c>
      <c r="R5243" s="5" t="s">
        <v>1523</v>
      </c>
      <c r="S5243" s="5" t="s">
        <v>42</v>
      </c>
      <c r="T5243" s="2">
        <v>3.234</v>
      </c>
      <c r="U5243" s="2">
        <v>2.6349999999999998</v>
      </c>
      <c r="V5243" s="2">
        <v>1.7999999999999999E-2</v>
      </c>
      <c r="W5243" s="2">
        <v>139.1</v>
      </c>
      <c r="X5243" s="2">
        <v>7.6</v>
      </c>
      <c r="Y5243" s="2">
        <v>16.7</v>
      </c>
      <c r="Z5243" s="5"/>
      <c r="AA5243" s="5" t="s">
        <v>43</v>
      </c>
      <c r="AB5243" s="5" t="s">
        <v>44</v>
      </c>
      <c r="AC5243" s="2"/>
      <c r="AD5243" s="1"/>
    </row>
    <row r="5244" spans="1:30">
      <c r="A5244" s="5" t="s">
        <v>83578</v>
      </c>
      <c r="B5244" s="2" t="s">
        <v>99334</v>
      </c>
      <c r="C5244" s="14" t="s">
        <v>99335</v>
      </c>
      <c r="D5244" s="2" t="s">
        <v>99336</v>
      </c>
      <c r="E5244" s="2" t="s">
        <v>41005</v>
      </c>
      <c r="F5244" s="8">
        <v>313</v>
      </c>
      <c r="G5244" s="5">
        <v>6</v>
      </c>
      <c r="H5244" s="5" t="s">
        <v>1518</v>
      </c>
      <c r="I5244" s="5" t="s">
        <v>40939</v>
      </c>
      <c r="J5244" s="2" t="s">
        <v>40940</v>
      </c>
      <c r="K5244" s="5" t="s">
        <v>40939</v>
      </c>
      <c r="L5244" s="2" t="s">
        <v>40940</v>
      </c>
      <c r="M5244" s="5" t="s">
        <v>36266</v>
      </c>
      <c r="N5244" s="5" t="s">
        <v>38</v>
      </c>
      <c r="O5244" s="5" t="s">
        <v>39</v>
      </c>
      <c r="P5244" s="5" t="s">
        <v>40</v>
      </c>
      <c r="Q5244" s="5" t="s">
        <v>1522</v>
      </c>
      <c r="R5244" s="5" t="s">
        <v>1523</v>
      </c>
      <c r="S5244" s="5" t="s">
        <v>42</v>
      </c>
      <c r="T5244" s="2">
        <v>3.3359999999999999</v>
      </c>
      <c r="U5244" s="2">
        <v>2.7370000000000001</v>
      </c>
      <c r="V5244" s="2">
        <v>1.7999999999999999E-2</v>
      </c>
      <c r="W5244" s="2">
        <v>139.1</v>
      </c>
      <c r="X5244" s="2">
        <v>7.6</v>
      </c>
      <c r="Y5244" s="2">
        <v>16.7</v>
      </c>
      <c r="Z5244" s="5"/>
      <c r="AA5244" s="5" t="s">
        <v>43</v>
      </c>
      <c r="AB5244" s="5" t="s">
        <v>44</v>
      </c>
      <c r="AC5244" s="2"/>
      <c r="AD5244" s="1"/>
    </row>
    <row r="5245" spans="1:30">
      <c r="A5245" s="5" t="s">
        <v>83578</v>
      </c>
      <c r="B5245" s="2" t="s">
        <v>99337</v>
      </c>
      <c r="C5245" s="14" t="s">
        <v>99338</v>
      </c>
      <c r="D5245" s="2" t="s">
        <v>99339</v>
      </c>
      <c r="E5245" s="2" t="s">
        <v>41009</v>
      </c>
      <c r="F5245" s="8">
        <v>313</v>
      </c>
      <c r="G5245" s="5">
        <v>6</v>
      </c>
      <c r="H5245" s="5" t="s">
        <v>1518</v>
      </c>
      <c r="I5245" s="5" t="s">
        <v>40939</v>
      </c>
      <c r="J5245" s="2" t="s">
        <v>40940</v>
      </c>
      <c r="K5245" s="5" t="s">
        <v>40939</v>
      </c>
      <c r="L5245" s="2" t="s">
        <v>40940</v>
      </c>
      <c r="M5245" s="5" t="s">
        <v>36266</v>
      </c>
      <c r="N5245" s="5" t="s">
        <v>38</v>
      </c>
      <c r="O5245" s="5" t="s">
        <v>39</v>
      </c>
      <c r="P5245" s="5" t="s">
        <v>40</v>
      </c>
      <c r="Q5245" s="5" t="s">
        <v>1522</v>
      </c>
      <c r="R5245" s="5" t="s">
        <v>1523</v>
      </c>
      <c r="S5245" s="5" t="s">
        <v>42</v>
      </c>
      <c r="T5245" s="2">
        <v>3.2450000000000001</v>
      </c>
      <c r="U5245" s="2">
        <v>2.6459999999999999</v>
      </c>
      <c r="V5245" s="2">
        <v>1.7999999999999999E-2</v>
      </c>
      <c r="W5245" s="2">
        <v>139.1</v>
      </c>
      <c r="X5245" s="2">
        <v>7.6</v>
      </c>
      <c r="Y5245" s="2">
        <v>16.7</v>
      </c>
      <c r="Z5245" s="5"/>
      <c r="AA5245" s="5" t="s">
        <v>43</v>
      </c>
      <c r="AB5245" s="5" t="s">
        <v>44</v>
      </c>
      <c r="AC5245" s="2"/>
      <c r="AD5245" s="1"/>
    </row>
    <row r="5246" spans="1:30">
      <c r="A5246" s="5" t="s">
        <v>83578</v>
      </c>
      <c r="B5246" s="2" t="s">
        <v>99340</v>
      </c>
      <c r="C5246" s="14" t="s">
        <v>99341</v>
      </c>
      <c r="D5246" s="2" t="s">
        <v>99342</v>
      </c>
      <c r="E5246" s="2" t="s">
        <v>41013</v>
      </c>
      <c r="F5246" s="8">
        <v>313</v>
      </c>
      <c r="G5246" s="5">
        <v>6</v>
      </c>
      <c r="H5246" s="5" t="s">
        <v>1518</v>
      </c>
      <c r="I5246" s="5" t="s">
        <v>40939</v>
      </c>
      <c r="J5246" s="2" t="s">
        <v>40940</v>
      </c>
      <c r="K5246" s="5" t="s">
        <v>40939</v>
      </c>
      <c r="L5246" s="2" t="s">
        <v>40940</v>
      </c>
      <c r="M5246" s="5" t="s">
        <v>36266</v>
      </c>
      <c r="N5246" s="5" t="s">
        <v>38</v>
      </c>
      <c r="O5246" s="5" t="s">
        <v>39</v>
      </c>
      <c r="P5246" s="5" t="s">
        <v>40</v>
      </c>
      <c r="Q5246" s="5" t="s">
        <v>1522</v>
      </c>
      <c r="R5246" s="5" t="s">
        <v>1523</v>
      </c>
      <c r="S5246" s="5" t="s">
        <v>42</v>
      </c>
      <c r="T5246" s="2">
        <v>3.347</v>
      </c>
      <c r="U5246" s="2">
        <v>2.7480000000000002</v>
      </c>
      <c r="V5246" s="2">
        <v>1.7999999999999999E-2</v>
      </c>
      <c r="W5246" s="2">
        <v>139.1</v>
      </c>
      <c r="X5246" s="2">
        <v>7.6</v>
      </c>
      <c r="Y5246" s="2">
        <v>16.7</v>
      </c>
      <c r="Z5246" s="5"/>
      <c r="AA5246" s="5" t="s">
        <v>43</v>
      </c>
      <c r="AB5246" s="5" t="s">
        <v>44</v>
      </c>
      <c r="AC5246" s="2"/>
      <c r="AD5246" s="1"/>
    </row>
    <row r="5247" spans="1:30">
      <c r="A5247" s="5" t="s">
        <v>83578</v>
      </c>
      <c r="B5247" s="2" t="s">
        <v>99343</v>
      </c>
      <c r="C5247" s="14" t="s">
        <v>99344</v>
      </c>
      <c r="D5247" s="2" t="s">
        <v>99345</v>
      </c>
      <c r="E5247" s="2" t="s">
        <v>36273</v>
      </c>
      <c r="F5247" s="8">
        <v>303</v>
      </c>
      <c r="G5247" s="5">
        <v>6</v>
      </c>
      <c r="H5247" s="5" t="s">
        <v>1518</v>
      </c>
      <c r="I5247" s="5" t="s">
        <v>40939</v>
      </c>
      <c r="J5247" s="2" t="s">
        <v>40940</v>
      </c>
      <c r="K5247" s="5" t="s">
        <v>40939</v>
      </c>
      <c r="L5247" s="2" t="s">
        <v>40940</v>
      </c>
      <c r="M5247" s="5" t="s">
        <v>36266</v>
      </c>
      <c r="N5247" s="5" t="s">
        <v>38</v>
      </c>
      <c r="O5247" s="5" t="s">
        <v>39</v>
      </c>
      <c r="P5247" s="5" t="s">
        <v>40</v>
      </c>
      <c r="Q5247" s="5" t="s">
        <v>1522</v>
      </c>
      <c r="R5247" s="5" t="s">
        <v>1523</v>
      </c>
      <c r="S5247" s="5" t="s">
        <v>42</v>
      </c>
      <c r="T5247" s="2">
        <v>3.508</v>
      </c>
      <c r="U5247" s="2">
        <v>2.8260000000000001</v>
      </c>
      <c r="V5247" s="2">
        <v>0.02</v>
      </c>
      <c r="W5247" s="2">
        <v>159.1</v>
      </c>
      <c r="X5247" s="2">
        <v>7.6</v>
      </c>
      <c r="Y5247" s="2">
        <v>16.7</v>
      </c>
      <c r="Z5247" s="5"/>
      <c r="AA5247" s="5" t="s">
        <v>43</v>
      </c>
      <c r="AB5247" s="5" t="s">
        <v>44</v>
      </c>
      <c r="AC5247" s="2"/>
      <c r="AD5247" s="1"/>
    </row>
    <row r="5248" spans="1:30">
      <c r="A5248" s="5" t="s">
        <v>83578</v>
      </c>
      <c r="B5248" s="2" t="s">
        <v>99346</v>
      </c>
      <c r="C5248" s="14" t="s">
        <v>99347</v>
      </c>
      <c r="D5248" s="2" t="s">
        <v>99348</v>
      </c>
      <c r="E5248" s="2" t="s">
        <v>47226</v>
      </c>
      <c r="F5248" s="8">
        <v>329</v>
      </c>
      <c r="G5248" s="5">
        <v>6</v>
      </c>
      <c r="H5248" s="5" t="s">
        <v>1518</v>
      </c>
      <c r="I5248" s="5" t="s">
        <v>40939</v>
      </c>
      <c r="J5248" s="2" t="s">
        <v>40940</v>
      </c>
      <c r="K5248" s="5" t="s">
        <v>40939</v>
      </c>
      <c r="L5248" s="2" t="s">
        <v>40940</v>
      </c>
      <c r="M5248" s="5" t="s">
        <v>36266</v>
      </c>
      <c r="N5248" s="5" t="s">
        <v>38</v>
      </c>
      <c r="O5248" s="5" t="s">
        <v>39</v>
      </c>
      <c r="P5248" s="5" t="s">
        <v>40</v>
      </c>
      <c r="Q5248" s="5" t="s">
        <v>1522</v>
      </c>
      <c r="R5248" s="5" t="s">
        <v>1523</v>
      </c>
      <c r="S5248" s="5" t="s">
        <v>42</v>
      </c>
      <c r="T5248" s="2">
        <v>3.4820000000000002</v>
      </c>
      <c r="U5248" s="2">
        <v>2.8</v>
      </c>
      <c r="V5248" s="2">
        <v>0.02</v>
      </c>
      <c r="W5248" s="2">
        <v>159.1</v>
      </c>
      <c r="X5248" s="2">
        <v>7.6</v>
      </c>
      <c r="Y5248" s="2">
        <v>16.7</v>
      </c>
      <c r="Z5248" s="5"/>
      <c r="AA5248" s="5" t="s">
        <v>43</v>
      </c>
      <c r="AB5248" s="5" t="s">
        <v>44</v>
      </c>
      <c r="AC5248" s="2"/>
      <c r="AD5248" s="1"/>
    </row>
    <row r="5249" spans="1:30">
      <c r="A5249" s="5" t="s">
        <v>83578</v>
      </c>
      <c r="B5249" s="2" t="s">
        <v>99349</v>
      </c>
      <c r="C5249" s="14" t="s">
        <v>99350</v>
      </c>
      <c r="D5249" s="2" t="s">
        <v>99351</v>
      </c>
      <c r="E5249" s="2" t="s">
        <v>47735</v>
      </c>
      <c r="F5249" s="8">
        <v>329</v>
      </c>
      <c r="G5249" s="5">
        <v>6</v>
      </c>
      <c r="H5249" s="5" t="s">
        <v>1518</v>
      </c>
      <c r="I5249" s="5" t="s">
        <v>40939</v>
      </c>
      <c r="J5249" s="2" t="s">
        <v>40940</v>
      </c>
      <c r="K5249" s="5" t="s">
        <v>40939</v>
      </c>
      <c r="L5249" s="2" t="s">
        <v>40940</v>
      </c>
      <c r="M5249" s="5" t="s">
        <v>36266</v>
      </c>
      <c r="N5249" s="5" t="s">
        <v>38</v>
      </c>
      <c r="O5249" s="5" t="s">
        <v>39</v>
      </c>
      <c r="P5249" s="5" t="s">
        <v>40</v>
      </c>
      <c r="Q5249" s="5" t="s">
        <v>1522</v>
      </c>
      <c r="R5249" s="5" t="s">
        <v>1523</v>
      </c>
      <c r="S5249" s="5" t="s">
        <v>42</v>
      </c>
      <c r="T5249" s="2">
        <v>3.5960000000000001</v>
      </c>
      <c r="U5249" s="2">
        <v>2.9140000000000001</v>
      </c>
      <c r="V5249" s="2">
        <v>0.02</v>
      </c>
      <c r="W5249" s="2">
        <v>159.1</v>
      </c>
      <c r="X5249" s="2">
        <v>7.6</v>
      </c>
      <c r="Y5249" s="2">
        <v>16.7</v>
      </c>
      <c r="Z5249" s="5"/>
      <c r="AA5249" s="5" t="s">
        <v>43</v>
      </c>
      <c r="AB5249" s="5" t="s">
        <v>44</v>
      </c>
      <c r="AC5249" s="2"/>
      <c r="AD5249" s="1"/>
    </row>
    <row r="5250" spans="1:30">
      <c r="A5250" s="5" t="s">
        <v>83578</v>
      </c>
      <c r="B5250" s="2" t="s">
        <v>99352</v>
      </c>
      <c r="C5250" s="14" t="s">
        <v>99353</v>
      </c>
      <c r="D5250" s="2" t="s">
        <v>99354</v>
      </c>
      <c r="E5250" s="2" t="s">
        <v>40997</v>
      </c>
      <c r="F5250" s="8">
        <v>329</v>
      </c>
      <c r="G5250" s="5">
        <v>6</v>
      </c>
      <c r="H5250" s="5" t="s">
        <v>1518</v>
      </c>
      <c r="I5250" s="5" t="s">
        <v>40939</v>
      </c>
      <c r="J5250" s="2" t="s">
        <v>40940</v>
      </c>
      <c r="K5250" s="5" t="s">
        <v>40939</v>
      </c>
      <c r="L5250" s="2" t="s">
        <v>40940</v>
      </c>
      <c r="M5250" s="5" t="s">
        <v>36266</v>
      </c>
      <c r="N5250" s="5" t="s">
        <v>38</v>
      </c>
      <c r="O5250" s="5" t="s">
        <v>39</v>
      </c>
      <c r="P5250" s="5" t="s">
        <v>40</v>
      </c>
      <c r="Q5250" s="5" t="s">
        <v>1522</v>
      </c>
      <c r="R5250" s="5" t="s">
        <v>1523</v>
      </c>
      <c r="S5250" s="5" t="s">
        <v>42</v>
      </c>
      <c r="T5250" s="2">
        <v>3.4289999999999998</v>
      </c>
      <c r="U5250" s="2">
        <v>2.7469999999999999</v>
      </c>
      <c r="V5250" s="2">
        <v>0.02</v>
      </c>
      <c r="W5250" s="2">
        <v>159.1</v>
      </c>
      <c r="X5250" s="2">
        <v>7.6</v>
      </c>
      <c r="Y5250" s="2">
        <v>16.7</v>
      </c>
      <c r="Z5250" s="5"/>
      <c r="AA5250" s="5" t="s">
        <v>43</v>
      </c>
      <c r="AB5250" s="5" t="s">
        <v>44</v>
      </c>
      <c r="AC5250" s="2"/>
      <c r="AD5250" s="1"/>
    </row>
    <row r="5251" spans="1:30">
      <c r="A5251" s="5" t="s">
        <v>83578</v>
      </c>
      <c r="B5251" s="2" t="s">
        <v>99355</v>
      </c>
      <c r="C5251" s="14" t="s">
        <v>99356</v>
      </c>
      <c r="D5251" s="2" t="s">
        <v>99357</v>
      </c>
      <c r="E5251" s="2" t="s">
        <v>41267</v>
      </c>
      <c r="F5251" s="8">
        <v>329</v>
      </c>
      <c r="G5251" s="5">
        <v>6</v>
      </c>
      <c r="H5251" s="5" t="s">
        <v>1518</v>
      </c>
      <c r="I5251" s="5" t="s">
        <v>40939</v>
      </c>
      <c r="J5251" s="2" t="s">
        <v>40940</v>
      </c>
      <c r="K5251" s="5" t="s">
        <v>40939</v>
      </c>
      <c r="L5251" s="2" t="s">
        <v>40940</v>
      </c>
      <c r="M5251" s="5" t="s">
        <v>36266</v>
      </c>
      <c r="N5251" s="5" t="s">
        <v>38</v>
      </c>
      <c r="O5251" s="5" t="s">
        <v>39</v>
      </c>
      <c r="P5251" s="5" t="s">
        <v>40</v>
      </c>
      <c r="Q5251" s="5" t="s">
        <v>1522</v>
      </c>
      <c r="R5251" s="5" t="s">
        <v>1523</v>
      </c>
      <c r="S5251" s="5" t="s">
        <v>42</v>
      </c>
      <c r="T5251" s="2">
        <v>3.5430000000000001</v>
      </c>
      <c r="U5251" s="2">
        <v>2.8610000000000002</v>
      </c>
      <c r="V5251" s="2">
        <v>0.02</v>
      </c>
      <c r="W5251" s="2">
        <v>159.1</v>
      </c>
      <c r="X5251" s="2">
        <v>7.6</v>
      </c>
      <c r="Y5251" s="2">
        <v>16.7</v>
      </c>
      <c r="Z5251" s="5"/>
      <c r="AA5251" s="5" t="s">
        <v>43</v>
      </c>
      <c r="AB5251" s="5" t="s">
        <v>44</v>
      </c>
      <c r="AC5251" s="2"/>
      <c r="AD5251" s="1"/>
    </row>
    <row r="5252" spans="1:30">
      <c r="A5252" s="5" t="s">
        <v>83578</v>
      </c>
      <c r="B5252" s="2" t="s">
        <v>99358</v>
      </c>
      <c r="C5252" s="14" t="s">
        <v>99359</v>
      </c>
      <c r="D5252" s="2" t="s">
        <v>99360</v>
      </c>
      <c r="E5252" s="2" t="s">
        <v>41009</v>
      </c>
      <c r="F5252" s="8">
        <v>329</v>
      </c>
      <c r="G5252" s="5">
        <v>6</v>
      </c>
      <c r="H5252" s="5" t="s">
        <v>1518</v>
      </c>
      <c r="I5252" s="5" t="s">
        <v>40939</v>
      </c>
      <c r="J5252" s="2" t="s">
        <v>40940</v>
      </c>
      <c r="K5252" s="5" t="s">
        <v>40939</v>
      </c>
      <c r="L5252" s="2" t="s">
        <v>40940</v>
      </c>
      <c r="M5252" s="5" t="s">
        <v>36266</v>
      </c>
      <c r="N5252" s="5" t="s">
        <v>38</v>
      </c>
      <c r="O5252" s="5" t="s">
        <v>39</v>
      </c>
      <c r="P5252" s="5" t="s">
        <v>40</v>
      </c>
      <c r="Q5252" s="5" t="s">
        <v>1522</v>
      </c>
      <c r="R5252" s="5" t="s">
        <v>1523</v>
      </c>
      <c r="S5252" s="5" t="s">
        <v>42</v>
      </c>
      <c r="T5252" s="2">
        <v>3.4950000000000001</v>
      </c>
      <c r="U5252" s="2">
        <v>2.8130000000000002</v>
      </c>
      <c r="V5252" s="2">
        <v>0.02</v>
      </c>
      <c r="W5252" s="2">
        <v>159.1</v>
      </c>
      <c r="X5252" s="2">
        <v>7.6</v>
      </c>
      <c r="Y5252" s="2">
        <v>16.7</v>
      </c>
      <c r="Z5252" s="5"/>
      <c r="AA5252" s="5" t="s">
        <v>43</v>
      </c>
      <c r="AB5252" s="5" t="s">
        <v>44</v>
      </c>
      <c r="AC5252" s="2"/>
      <c r="AD5252" s="1"/>
    </row>
    <row r="5253" spans="1:30">
      <c r="A5253" s="5" t="s">
        <v>83578</v>
      </c>
      <c r="B5253" s="2" t="s">
        <v>99361</v>
      </c>
      <c r="C5253" s="14" t="s">
        <v>99362</v>
      </c>
      <c r="D5253" s="2" t="s">
        <v>99363</v>
      </c>
      <c r="E5253" s="2" t="s">
        <v>41013</v>
      </c>
      <c r="F5253" s="8">
        <v>329</v>
      </c>
      <c r="G5253" s="5">
        <v>6</v>
      </c>
      <c r="H5253" s="5" t="s">
        <v>1518</v>
      </c>
      <c r="I5253" s="5" t="s">
        <v>40939</v>
      </c>
      <c r="J5253" s="2" t="s">
        <v>40940</v>
      </c>
      <c r="K5253" s="5" t="s">
        <v>40939</v>
      </c>
      <c r="L5253" s="2" t="s">
        <v>40940</v>
      </c>
      <c r="M5253" s="5" t="s">
        <v>36266</v>
      </c>
      <c r="N5253" s="5" t="s">
        <v>38</v>
      </c>
      <c r="O5253" s="5" t="s">
        <v>39</v>
      </c>
      <c r="P5253" s="5" t="s">
        <v>40</v>
      </c>
      <c r="Q5253" s="5" t="s">
        <v>1522</v>
      </c>
      <c r="R5253" s="5" t="s">
        <v>1523</v>
      </c>
      <c r="S5253" s="5" t="s">
        <v>42</v>
      </c>
      <c r="T5253" s="2">
        <v>3.609</v>
      </c>
      <c r="U5253" s="2">
        <v>2.927</v>
      </c>
      <c r="V5253" s="2">
        <v>0.02</v>
      </c>
      <c r="W5253" s="2">
        <v>159.1</v>
      </c>
      <c r="X5253" s="2">
        <v>7.6</v>
      </c>
      <c r="Y5253" s="2">
        <v>16.7</v>
      </c>
      <c r="Z5253" s="5"/>
      <c r="AA5253" s="5" t="s">
        <v>43</v>
      </c>
      <c r="AB5253" s="5" t="s">
        <v>44</v>
      </c>
      <c r="AC5253" s="2"/>
      <c r="AD5253" s="1"/>
    </row>
    <row r="5254" spans="1:30">
      <c r="A5254" s="5" t="s">
        <v>83578</v>
      </c>
      <c r="B5254" s="2" t="s">
        <v>99364</v>
      </c>
      <c r="C5254" s="14" t="s">
        <v>99365</v>
      </c>
      <c r="D5254" s="2" t="s">
        <v>99366</v>
      </c>
      <c r="E5254" s="2" t="s">
        <v>41031</v>
      </c>
      <c r="F5254" s="8">
        <v>329</v>
      </c>
      <c r="G5254" s="5">
        <v>6</v>
      </c>
      <c r="H5254" s="5" t="s">
        <v>1518</v>
      </c>
      <c r="I5254" s="5" t="s">
        <v>40939</v>
      </c>
      <c r="J5254" s="2" t="s">
        <v>40940</v>
      </c>
      <c r="K5254" s="5" t="s">
        <v>40939</v>
      </c>
      <c r="L5254" s="2" t="s">
        <v>40940</v>
      </c>
      <c r="M5254" s="5" t="s">
        <v>36266</v>
      </c>
      <c r="N5254" s="5" t="s">
        <v>38</v>
      </c>
      <c r="O5254" s="5" t="s">
        <v>39</v>
      </c>
      <c r="P5254" s="5" t="s">
        <v>40</v>
      </c>
      <c r="Q5254" s="5" t="s">
        <v>1522</v>
      </c>
      <c r="R5254" s="5" t="s">
        <v>1523</v>
      </c>
      <c r="S5254" s="5" t="s">
        <v>42</v>
      </c>
      <c r="T5254" s="2">
        <v>3.4289999999999998</v>
      </c>
      <c r="U5254" s="2">
        <v>2.7469999999999999</v>
      </c>
      <c r="V5254" s="2">
        <v>0.02</v>
      </c>
      <c r="W5254" s="2">
        <v>159.1</v>
      </c>
      <c r="X5254" s="2">
        <v>7.6</v>
      </c>
      <c r="Y5254" s="2">
        <v>16.7</v>
      </c>
      <c r="Z5254" s="5"/>
      <c r="AA5254" s="5" t="s">
        <v>43</v>
      </c>
      <c r="AB5254" s="5" t="s">
        <v>44</v>
      </c>
      <c r="AC5254" s="2"/>
      <c r="AD5254" s="1"/>
    </row>
    <row r="5255" spans="1:30">
      <c r="A5255" s="5" t="s">
        <v>83578</v>
      </c>
      <c r="B5255" s="2" t="s">
        <v>99367</v>
      </c>
      <c r="C5255" s="14" t="s">
        <v>99368</v>
      </c>
      <c r="D5255" s="2" t="s">
        <v>99369</v>
      </c>
      <c r="E5255" s="2" t="s">
        <v>47266</v>
      </c>
      <c r="F5255" s="8">
        <v>322</v>
      </c>
      <c r="G5255" s="5">
        <v>6</v>
      </c>
      <c r="H5255" s="5" t="s">
        <v>1518</v>
      </c>
      <c r="I5255" s="5" t="s">
        <v>40939</v>
      </c>
      <c r="J5255" s="2" t="s">
        <v>40940</v>
      </c>
      <c r="K5255" s="5" t="s">
        <v>40939</v>
      </c>
      <c r="L5255" s="2" t="s">
        <v>40940</v>
      </c>
      <c r="M5255" s="5" t="s">
        <v>36266</v>
      </c>
      <c r="N5255" s="5" t="s">
        <v>38</v>
      </c>
      <c r="O5255" s="5" t="s">
        <v>39</v>
      </c>
      <c r="P5255" s="5" t="s">
        <v>40</v>
      </c>
      <c r="Q5255" s="5" t="s">
        <v>1522</v>
      </c>
      <c r="R5255" s="5" t="s">
        <v>1523</v>
      </c>
      <c r="S5255" s="5" t="s">
        <v>42</v>
      </c>
      <c r="T5255" s="2">
        <v>3.1459999999999999</v>
      </c>
      <c r="U5255" s="2">
        <v>2.548</v>
      </c>
      <c r="V5255" s="2">
        <v>1.7999999999999999E-2</v>
      </c>
      <c r="W5255" s="2">
        <v>139.1</v>
      </c>
      <c r="X5255" s="2">
        <v>7.6</v>
      </c>
      <c r="Y5255" s="2">
        <v>16.7</v>
      </c>
      <c r="Z5255" s="5"/>
      <c r="AA5255" s="5" t="s">
        <v>43</v>
      </c>
      <c r="AB5255" s="5" t="s">
        <v>44</v>
      </c>
      <c r="AC5255" s="2"/>
      <c r="AD5255" s="1"/>
    </row>
    <row r="5256" spans="1:30">
      <c r="A5256" s="5" t="s">
        <v>83578</v>
      </c>
      <c r="B5256" s="2" t="s">
        <v>99370</v>
      </c>
      <c r="C5256" s="14" t="s">
        <v>99371</v>
      </c>
      <c r="D5256" s="2" t="s">
        <v>99372</v>
      </c>
      <c r="E5256" s="2" t="s">
        <v>40967</v>
      </c>
      <c r="F5256" s="8">
        <v>322</v>
      </c>
      <c r="G5256" s="5">
        <v>6</v>
      </c>
      <c r="H5256" s="5" t="s">
        <v>1518</v>
      </c>
      <c r="I5256" s="5" t="s">
        <v>40939</v>
      </c>
      <c r="J5256" s="2" t="s">
        <v>40940</v>
      </c>
      <c r="K5256" s="5" t="s">
        <v>40939</v>
      </c>
      <c r="L5256" s="2" t="s">
        <v>40940</v>
      </c>
      <c r="M5256" s="5" t="s">
        <v>36266</v>
      </c>
      <c r="N5256" s="5" t="s">
        <v>38</v>
      </c>
      <c r="O5256" s="5" t="s">
        <v>39</v>
      </c>
      <c r="P5256" s="5" t="s">
        <v>40</v>
      </c>
      <c r="Q5256" s="5" t="s">
        <v>1522</v>
      </c>
      <c r="R5256" s="5" t="s">
        <v>1523</v>
      </c>
      <c r="S5256" s="5" t="s">
        <v>42</v>
      </c>
      <c r="T5256" s="2">
        <v>3.1560000000000001</v>
      </c>
      <c r="U5256" s="2">
        <v>2.5579999999999998</v>
      </c>
      <c r="V5256" s="2">
        <v>1.7999999999999999E-2</v>
      </c>
      <c r="W5256" s="2">
        <v>139.1</v>
      </c>
      <c r="X5256" s="2">
        <v>7.6</v>
      </c>
      <c r="Y5256" s="2">
        <v>16.7</v>
      </c>
      <c r="Z5256" s="5"/>
      <c r="AA5256" s="5" t="s">
        <v>43</v>
      </c>
      <c r="AB5256" s="5" t="s">
        <v>44</v>
      </c>
      <c r="AC5256" s="2"/>
      <c r="AD5256" s="1"/>
    </row>
    <row r="5257" spans="1:30">
      <c r="A5257" s="5" t="s">
        <v>83578</v>
      </c>
      <c r="B5257" s="2" t="s">
        <v>99373</v>
      </c>
      <c r="C5257" s="14" t="s">
        <v>99374</v>
      </c>
      <c r="D5257" s="2" t="s">
        <v>99375</v>
      </c>
      <c r="E5257" s="2" t="s">
        <v>47226</v>
      </c>
      <c r="F5257" s="8">
        <v>322</v>
      </c>
      <c r="G5257" s="5">
        <v>6</v>
      </c>
      <c r="H5257" s="5" t="s">
        <v>1518</v>
      </c>
      <c r="I5257" s="5" t="s">
        <v>40939</v>
      </c>
      <c r="J5257" s="2" t="s">
        <v>40940</v>
      </c>
      <c r="K5257" s="5" t="s">
        <v>40939</v>
      </c>
      <c r="L5257" s="2" t="s">
        <v>40940</v>
      </c>
      <c r="M5257" s="5" t="s">
        <v>36266</v>
      </c>
      <c r="N5257" s="5" t="s">
        <v>38</v>
      </c>
      <c r="O5257" s="5" t="s">
        <v>39</v>
      </c>
      <c r="P5257" s="5" t="s">
        <v>40</v>
      </c>
      <c r="Q5257" s="5" t="s">
        <v>1522</v>
      </c>
      <c r="R5257" s="5" t="s">
        <v>1523</v>
      </c>
      <c r="S5257" s="5" t="s">
        <v>42</v>
      </c>
      <c r="T5257" s="2">
        <v>3.1560000000000001</v>
      </c>
      <c r="U5257" s="2">
        <v>2.5579999999999998</v>
      </c>
      <c r="V5257" s="2">
        <v>1.7999999999999999E-2</v>
      </c>
      <c r="W5257" s="2">
        <v>139.1</v>
      </c>
      <c r="X5257" s="2">
        <v>7.6</v>
      </c>
      <c r="Y5257" s="2">
        <v>16.7</v>
      </c>
      <c r="Z5257" s="5"/>
      <c r="AA5257" s="5" t="s">
        <v>43</v>
      </c>
      <c r="AB5257" s="5" t="s">
        <v>44</v>
      </c>
      <c r="AC5257" s="2"/>
      <c r="AD5257" s="1"/>
    </row>
    <row r="5258" spans="1:30">
      <c r="A5258" s="5" t="s">
        <v>83578</v>
      </c>
      <c r="B5258" s="2" t="s">
        <v>99376</v>
      </c>
      <c r="C5258" s="14" t="s">
        <v>99377</v>
      </c>
      <c r="D5258" s="2" t="s">
        <v>99378</v>
      </c>
      <c r="E5258" s="2" t="s">
        <v>47735</v>
      </c>
      <c r="F5258" s="8">
        <v>322</v>
      </c>
      <c r="G5258" s="5">
        <v>6</v>
      </c>
      <c r="H5258" s="5" t="s">
        <v>1518</v>
      </c>
      <c r="I5258" s="5" t="s">
        <v>40939</v>
      </c>
      <c r="J5258" s="2" t="s">
        <v>40940</v>
      </c>
      <c r="K5258" s="5" t="s">
        <v>40939</v>
      </c>
      <c r="L5258" s="2" t="s">
        <v>40940</v>
      </c>
      <c r="M5258" s="5" t="s">
        <v>36266</v>
      </c>
      <c r="N5258" s="5" t="s">
        <v>38</v>
      </c>
      <c r="O5258" s="5" t="s">
        <v>39</v>
      </c>
      <c r="P5258" s="5" t="s">
        <v>40</v>
      </c>
      <c r="Q5258" s="5" t="s">
        <v>1522</v>
      </c>
      <c r="R5258" s="5" t="s">
        <v>1523</v>
      </c>
      <c r="S5258" s="5" t="s">
        <v>42</v>
      </c>
      <c r="T5258" s="2">
        <v>3.2410000000000001</v>
      </c>
      <c r="U5258" s="2">
        <v>2.6429999999999998</v>
      </c>
      <c r="V5258" s="2">
        <v>1.7999999999999999E-2</v>
      </c>
      <c r="W5258" s="2">
        <v>139.1</v>
      </c>
      <c r="X5258" s="2">
        <v>7.6</v>
      </c>
      <c r="Y5258" s="2">
        <v>16.7</v>
      </c>
      <c r="Z5258" s="5"/>
      <c r="AA5258" s="5" t="s">
        <v>43</v>
      </c>
      <c r="AB5258" s="5" t="s">
        <v>44</v>
      </c>
      <c r="AC5258" s="2"/>
      <c r="AD5258" s="1"/>
    </row>
    <row r="5259" spans="1:30">
      <c r="A5259" s="5" t="s">
        <v>83578</v>
      </c>
      <c r="B5259" s="2" t="s">
        <v>99379</v>
      </c>
      <c r="C5259" s="14" t="s">
        <v>99380</v>
      </c>
      <c r="D5259" s="2" t="s">
        <v>99381</v>
      </c>
      <c r="E5259" s="2" t="s">
        <v>7539</v>
      </c>
      <c r="F5259" s="8">
        <v>322</v>
      </c>
      <c r="G5259" s="5">
        <v>6</v>
      </c>
      <c r="H5259" s="5" t="s">
        <v>1518</v>
      </c>
      <c r="I5259" s="5" t="s">
        <v>40939</v>
      </c>
      <c r="J5259" s="2" t="s">
        <v>40940</v>
      </c>
      <c r="K5259" s="5" t="s">
        <v>40939</v>
      </c>
      <c r="L5259" s="2" t="s">
        <v>40940</v>
      </c>
      <c r="M5259" s="5" t="s">
        <v>36266</v>
      </c>
      <c r="N5259" s="5" t="s">
        <v>38</v>
      </c>
      <c r="O5259" s="5" t="s">
        <v>39</v>
      </c>
      <c r="P5259" s="5" t="s">
        <v>40</v>
      </c>
      <c r="Q5259" s="5" t="s">
        <v>1522</v>
      </c>
      <c r="R5259" s="5" t="s">
        <v>1523</v>
      </c>
      <c r="S5259" s="5" t="s">
        <v>42</v>
      </c>
      <c r="T5259" s="2">
        <v>3.1070000000000002</v>
      </c>
      <c r="U5259" s="2">
        <v>2.5089999999999999</v>
      </c>
      <c r="V5259" s="2">
        <v>1.7999999999999999E-2</v>
      </c>
      <c r="W5259" s="2">
        <v>139.1</v>
      </c>
      <c r="X5259" s="2">
        <v>7.6</v>
      </c>
      <c r="Y5259" s="2">
        <v>16.7</v>
      </c>
      <c r="Z5259" s="5"/>
      <c r="AA5259" s="5" t="s">
        <v>43</v>
      </c>
      <c r="AB5259" s="5" t="s">
        <v>44</v>
      </c>
      <c r="AC5259" s="2"/>
      <c r="AD5259" s="1"/>
    </row>
    <row r="5260" spans="1:30">
      <c r="A5260" s="5" t="s">
        <v>83578</v>
      </c>
      <c r="B5260" s="2" t="s">
        <v>99382</v>
      </c>
      <c r="C5260" s="14" t="s">
        <v>99383</v>
      </c>
      <c r="D5260" s="2" t="s">
        <v>99384</v>
      </c>
      <c r="E5260" s="2" t="s">
        <v>7543</v>
      </c>
      <c r="F5260" s="8">
        <v>322</v>
      </c>
      <c r="G5260" s="5">
        <v>6</v>
      </c>
      <c r="H5260" s="5" t="s">
        <v>1518</v>
      </c>
      <c r="I5260" s="5" t="s">
        <v>40939</v>
      </c>
      <c r="J5260" s="2" t="s">
        <v>40940</v>
      </c>
      <c r="K5260" s="5" t="s">
        <v>40939</v>
      </c>
      <c r="L5260" s="2" t="s">
        <v>40940</v>
      </c>
      <c r="M5260" s="5" t="s">
        <v>36266</v>
      </c>
      <c r="N5260" s="5" t="s">
        <v>38</v>
      </c>
      <c r="O5260" s="5" t="s">
        <v>39</v>
      </c>
      <c r="P5260" s="5" t="s">
        <v>40</v>
      </c>
      <c r="Q5260" s="5" t="s">
        <v>1522</v>
      </c>
      <c r="R5260" s="5" t="s">
        <v>1523</v>
      </c>
      <c r="S5260" s="5" t="s">
        <v>42</v>
      </c>
      <c r="T5260" s="2">
        <v>3.1920000000000002</v>
      </c>
      <c r="U5260" s="2">
        <v>2.5939999999999999</v>
      </c>
      <c r="V5260" s="2">
        <v>1.7999999999999999E-2</v>
      </c>
      <c r="W5260" s="2">
        <v>139.1</v>
      </c>
      <c r="X5260" s="2">
        <v>7.6</v>
      </c>
      <c r="Y5260" s="2">
        <v>16.7</v>
      </c>
      <c r="Z5260" s="5"/>
      <c r="AA5260" s="5" t="s">
        <v>43</v>
      </c>
      <c r="AB5260" s="5" t="s">
        <v>44</v>
      </c>
      <c r="AC5260" s="2"/>
      <c r="AD5260" s="1"/>
    </row>
    <row r="5261" spans="1:30">
      <c r="A5261" s="5" t="s">
        <v>83578</v>
      </c>
      <c r="B5261" s="2" t="s">
        <v>99385</v>
      </c>
      <c r="C5261" s="14" t="s">
        <v>99386</v>
      </c>
      <c r="D5261" s="2" t="s">
        <v>99387</v>
      </c>
      <c r="E5261" s="2" t="s">
        <v>40993</v>
      </c>
      <c r="F5261" s="8">
        <v>322</v>
      </c>
      <c r="G5261" s="5">
        <v>6</v>
      </c>
      <c r="H5261" s="5" t="s">
        <v>1518</v>
      </c>
      <c r="I5261" s="5" t="s">
        <v>40939</v>
      </c>
      <c r="J5261" s="2" t="s">
        <v>40940</v>
      </c>
      <c r="K5261" s="5" t="s">
        <v>40939</v>
      </c>
      <c r="L5261" s="2" t="s">
        <v>40940</v>
      </c>
      <c r="M5261" s="5" t="s">
        <v>36266</v>
      </c>
      <c r="N5261" s="5" t="s">
        <v>38</v>
      </c>
      <c r="O5261" s="5" t="s">
        <v>39</v>
      </c>
      <c r="P5261" s="5" t="s">
        <v>40</v>
      </c>
      <c r="Q5261" s="5" t="s">
        <v>1522</v>
      </c>
      <c r="R5261" s="5" t="s">
        <v>1523</v>
      </c>
      <c r="S5261" s="5" t="s">
        <v>42</v>
      </c>
      <c r="T5261" s="2">
        <v>3.2410000000000001</v>
      </c>
      <c r="U5261" s="2">
        <v>2.6429999999999998</v>
      </c>
      <c r="V5261" s="2">
        <v>1.7999999999999999E-2</v>
      </c>
      <c r="W5261" s="2">
        <v>139.1</v>
      </c>
      <c r="X5261" s="2">
        <v>7.6</v>
      </c>
      <c r="Y5261" s="2">
        <v>16.7</v>
      </c>
      <c r="Z5261" s="5"/>
      <c r="AA5261" s="5" t="s">
        <v>43</v>
      </c>
      <c r="AB5261" s="5" t="s">
        <v>44</v>
      </c>
      <c r="AC5261" s="2"/>
      <c r="AD5261" s="1"/>
    </row>
    <row r="5262" spans="1:30">
      <c r="A5262" s="5" t="s">
        <v>83578</v>
      </c>
      <c r="B5262" s="2" t="s">
        <v>99388</v>
      </c>
      <c r="C5262" s="14" t="s">
        <v>99389</v>
      </c>
      <c r="D5262" s="2" t="s">
        <v>99390</v>
      </c>
      <c r="E5262" s="2" t="s">
        <v>40997</v>
      </c>
      <c r="F5262" s="8">
        <v>322</v>
      </c>
      <c r="G5262" s="5">
        <v>6</v>
      </c>
      <c r="H5262" s="5" t="s">
        <v>1518</v>
      </c>
      <c r="I5262" s="5" t="s">
        <v>40939</v>
      </c>
      <c r="J5262" s="2" t="s">
        <v>40940</v>
      </c>
      <c r="K5262" s="5" t="s">
        <v>40939</v>
      </c>
      <c r="L5262" s="2" t="s">
        <v>40940</v>
      </c>
      <c r="M5262" s="5" t="s">
        <v>36266</v>
      </c>
      <c r="N5262" s="5" t="s">
        <v>38</v>
      </c>
      <c r="O5262" s="5" t="s">
        <v>39</v>
      </c>
      <c r="P5262" s="5" t="s">
        <v>40</v>
      </c>
      <c r="Q5262" s="5" t="s">
        <v>1522</v>
      </c>
      <c r="R5262" s="5" t="s">
        <v>1523</v>
      </c>
      <c r="S5262" s="5" t="s">
        <v>42</v>
      </c>
      <c r="T5262" s="2">
        <v>3.1160000000000001</v>
      </c>
      <c r="U5262" s="2">
        <v>2.5179999999999998</v>
      </c>
      <c r="V5262" s="2">
        <v>1.7999999999999999E-2</v>
      </c>
      <c r="W5262" s="2">
        <v>139.1</v>
      </c>
      <c r="X5262" s="2">
        <v>7.6</v>
      </c>
      <c r="Y5262" s="2">
        <v>16.7</v>
      </c>
      <c r="Z5262" s="5"/>
      <c r="AA5262" s="5" t="s">
        <v>43</v>
      </c>
      <c r="AB5262" s="5" t="s">
        <v>44</v>
      </c>
      <c r="AC5262" s="2"/>
      <c r="AD5262" s="1"/>
    </row>
    <row r="5263" spans="1:30">
      <c r="A5263" s="5" t="s">
        <v>83578</v>
      </c>
      <c r="B5263" s="2" t="s">
        <v>99391</v>
      </c>
      <c r="C5263" s="14" t="s">
        <v>99392</v>
      </c>
      <c r="D5263" s="2" t="s">
        <v>99393</v>
      </c>
      <c r="E5263" s="2" t="s">
        <v>41267</v>
      </c>
      <c r="F5263" s="8">
        <v>322</v>
      </c>
      <c r="G5263" s="5">
        <v>6</v>
      </c>
      <c r="H5263" s="5" t="s">
        <v>1518</v>
      </c>
      <c r="I5263" s="5" t="s">
        <v>40939</v>
      </c>
      <c r="J5263" s="2" t="s">
        <v>40940</v>
      </c>
      <c r="K5263" s="5" t="s">
        <v>40939</v>
      </c>
      <c r="L5263" s="2" t="s">
        <v>40940</v>
      </c>
      <c r="M5263" s="5" t="s">
        <v>36266</v>
      </c>
      <c r="N5263" s="5" t="s">
        <v>38</v>
      </c>
      <c r="O5263" s="5" t="s">
        <v>39</v>
      </c>
      <c r="P5263" s="5" t="s">
        <v>40</v>
      </c>
      <c r="Q5263" s="5" t="s">
        <v>1522</v>
      </c>
      <c r="R5263" s="5" t="s">
        <v>1523</v>
      </c>
      <c r="S5263" s="5" t="s">
        <v>42</v>
      </c>
      <c r="T5263" s="2">
        <v>3.2010000000000001</v>
      </c>
      <c r="U5263" s="2">
        <v>2.6030000000000002</v>
      </c>
      <c r="V5263" s="2">
        <v>1.7999999999999999E-2</v>
      </c>
      <c r="W5263" s="2">
        <v>139.1</v>
      </c>
      <c r="X5263" s="2">
        <v>7.6</v>
      </c>
      <c r="Y5263" s="2">
        <v>16.7</v>
      </c>
      <c r="Z5263" s="5"/>
      <c r="AA5263" s="5" t="s">
        <v>43</v>
      </c>
      <c r="AB5263" s="5" t="s">
        <v>44</v>
      </c>
      <c r="AC5263" s="2"/>
      <c r="AD5263" s="1"/>
    </row>
    <row r="5264" spans="1:30">
      <c r="A5264" s="5" t="s">
        <v>83578</v>
      </c>
      <c r="B5264" s="2" t="s">
        <v>99394</v>
      </c>
      <c r="C5264" s="14" t="s">
        <v>99395</v>
      </c>
      <c r="D5264" s="2" t="s">
        <v>99396</v>
      </c>
      <c r="E5264" s="2" t="s">
        <v>41001</v>
      </c>
      <c r="F5264" s="8">
        <v>322</v>
      </c>
      <c r="G5264" s="5">
        <v>6</v>
      </c>
      <c r="H5264" s="5" t="s">
        <v>1518</v>
      </c>
      <c r="I5264" s="5" t="s">
        <v>40939</v>
      </c>
      <c r="J5264" s="2" t="s">
        <v>40940</v>
      </c>
      <c r="K5264" s="5" t="s">
        <v>40939</v>
      </c>
      <c r="L5264" s="2" t="s">
        <v>40940</v>
      </c>
      <c r="M5264" s="5" t="s">
        <v>36266</v>
      </c>
      <c r="N5264" s="5" t="s">
        <v>38</v>
      </c>
      <c r="O5264" s="5" t="s">
        <v>39</v>
      </c>
      <c r="P5264" s="5" t="s">
        <v>40</v>
      </c>
      <c r="Q5264" s="5" t="s">
        <v>1522</v>
      </c>
      <c r="R5264" s="5" t="s">
        <v>1523</v>
      </c>
      <c r="S5264" s="5" t="s">
        <v>42</v>
      </c>
      <c r="T5264" s="2">
        <v>3.1560000000000001</v>
      </c>
      <c r="U5264" s="2">
        <v>2.5579999999999998</v>
      </c>
      <c r="V5264" s="2">
        <v>1.7999999999999999E-2</v>
      </c>
      <c r="W5264" s="2">
        <v>139.1</v>
      </c>
      <c r="X5264" s="2">
        <v>7.6</v>
      </c>
      <c r="Y5264" s="2">
        <v>16.7</v>
      </c>
      <c r="Z5264" s="5"/>
      <c r="AA5264" s="5" t="s">
        <v>43</v>
      </c>
      <c r="AB5264" s="5" t="s">
        <v>44</v>
      </c>
      <c r="AC5264" s="2"/>
      <c r="AD5264" s="1"/>
    </row>
    <row r="5265" spans="1:30">
      <c r="A5265" s="5" t="s">
        <v>83578</v>
      </c>
      <c r="B5265" s="2" t="s">
        <v>99397</v>
      </c>
      <c r="C5265" s="14" t="s">
        <v>99398</v>
      </c>
      <c r="D5265" s="2" t="s">
        <v>99399</v>
      </c>
      <c r="E5265" s="2" t="s">
        <v>41005</v>
      </c>
      <c r="F5265" s="8">
        <v>322</v>
      </c>
      <c r="G5265" s="5">
        <v>6</v>
      </c>
      <c r="H5265" s="5" t="s">
        <v>1518</v>
      </c>
      <c r="I5265" s="5" t="s">
        <v>40939</v>
      </c>
      <c r="J5265" s="2" t="s">
        <v>40940</v>
      </c>
      <c r="K5265" s="5" t="s">
        <v>40939</v>
      </c>
      <c r="L5265" s="2" t="s">
        <v>40940</v>
      </c>
      <c r="M5265" s="5" t="s">
        <v>36266</v>
      </c>
      <c r="N5265" s="5" t="s">
        <v>38</v>
      </c>
      <c r="O5265" s="5" t="s">
        <v>39</v>
      </c>
      <c r="P5265" s="5" t="s">
        <v>40</v>
      </c>
      <c r="Q5265" s="5" t="s">
        <v>1522</v>
      </c>
      <c r="R5265" s="5" t="s">
        <v>1523</v>
      </c>
      <c r="S5265" s="5" t="s">
        <v>42</v>
      </c>
      <c r="T5265" s="2">
        <v>3.2410000000000001</v>
      </c>
      <c r="U5265" s="2">
        <v>2.6429999999999998</v>
      </c>
      <c r="V5265" s="2">
        <v>1.7999999999999999E-2</v>
      </c>
      <c r="W5265" s="2">
        <v>139.1</v>
      </c>
      <c r="X5265" s="2">
        <v>7.6</v>
      </c>
      <c r="Y5265" s="2">
        <v>16.7</v>
      </c>
      <c r="Z5265" s="5"/>
      <c r="AA5265" s="5" t="s">
        <v>43</v>
      </c>
      <c r="AB5265" s="5" t="s">
        <v>44</v>
      </c>
      <c r="AC5265" s="2"/>
      <c r="AD5265" s="1"/>
    </row>
    <row r="5266" spans="1:30">
      <c r="A5266" s="5" t="s">
        <v>83578</v>
      </c>
      <c r="B5266" s="2" t="s">
        <v>99400</v>
      </c>
      <c r="C5266" s="14" t="s">
        <v>99401</v>
      </c>
      <c r="D5266" s="2" t="s">
        <v>99402</v>
      </c>
      <c r="E5266" s="2" t="s">
        <v>41009</v>
      </c>
      <c r="F5266" s="8">
        <v>322</v>
      </c>
      <c r="G5266" s="5">
        <v>6</v>
      </c>
      <c r="H5266" s="5" t="s">
        <v>1518</v>
      </c>
      <c r="I5266" s="5" t="s">
        <v>40939</v>
      </c>
      <c r="J5266" s="2" t="s">
        <v>40940</v>
      </c>
      <c r="K5266" s="5" t="s">
        <v>40939</v>
      </c>
      <c r="L5266" s="2" t="s">
        <v>40940</v>
      </c>
      <c r="M5266" s="5" t="s">
        <v>36266</v>
      </c>
      <c r="N5266" s="5" t="s">
        <v>38</v>
      </c>
      <c r="O5266" s="5" t="s">
        <v>39</v>
      </c>
      <c r="P5266" s="5" t="s">
        <v>40</v>
      </c>
      <c r="Q5266" s="5" t="s">
        <v>1522</v>
      </c>
      <c r="R5266" s="5" t="s">
        <v>1523</v>
      </c>
      <c r="S5266" s="5" t="s">
        <v>42</v>
      </c>
      <c r="T5266" s="2">
        <v>3.1659999999999999</v>
      </c>
      <c r="U5266" s="2">
        <v>2.5680000000000001</v>
      </c>
      <c r="V5266" s="2">
        <v>1.7999999999999999E-2</v>
      </c>
      <c r="W5266" s="2">
        <v>139.1</v>
      </c>
      <c r="X5266" s="2">
        <v>7.6</v>
      </c>
      <c r="Y5266" s="2">
        <v>16.7</v>
      </c>
      <c r="Z5266" s="5"/>
      <c r="AA5266" s="5" t="s">
        <v>43</v>
      </c>
      <c r="AB5266" s="5" t="s">
        <v>44</v>
      </c>
      <c r="AC5266" s="2"/>
      <c r="AD5266" s="1"/>
    </row>
    <row r="5267" spans="1:30">
      <c r="A5267" s="5" t="s">
        <v>83578</v>
      </c>
      <c r="B5267" s="2" t="s">
        <v>99403</v>
      </c>
      <c r="C5267" s="14" t="s">
        <v>99404</v>
      </c>
      <c r="D5267" s="2" t="s">
        <v>99405</v>
      </c>
      <c r="E5267" s="2" t="s">
        <v>7396</v>
      </c>
      <c r="F5267" s="8">
        <v>298</v>
      </c>
      <c r="G5267" s="5">
        <v>6</v>
      </c>
      <c r="H5267" s="5" t="s">
        <v>1518</v>
      </c>
      <c r="I5267" s="5" t="s">
        <v>40939</v>
      </c>
      <c r="J5267" s="2" t="s">
        <v>40940</v>
      </c>
      <c r="K5267" s="5" t="s">
        <v>40939</v>
      </c>
      <c r="L5267" s="2" t="s">
        <v>40940</v>
      </c>
      <c r="M5267" s="5" t="s">
        <v>36266</v>
      </c>
      <c r="N5267" s="5" t="s">
        <v>38</v>
      </c>
      <c r="O5267" s="5" t="s">
        <v>39</v>
      </c>
      <c r="P5267" s="5" t="s">
        <v>40</v>
      </c>
      <c r="Q5267" s="5" t="s">
        <v>1522</v>
      </c>
      <c r="R5267" s="5" t="s">
        <v>1523</v>
      </c>
      <c r="S5267" s="5" t="s">
        <v>42</v>
      </c>
      <c r="T5267" s="2">
        <v>3.1659999999999999</v>
      </c>
      <c r="U5267" s="2">
        <v>2.5680000000000001</v>
      </c>
      <c r="V5267" s="2">
        <v>1.7999999999999999E-2</v>
      </c>
      <c r="W5267" s="2">
        <v>139.1</v>
      </c>
      <c r="X5267" s="2">
        <v>7.6</v>
      </c>
      <c r="Y5267" s="2">
        <v>16.7</v>
      </c>
      <c r="Z5267" s="5"/>
      <c r="AA5267" s="5" t="s">
        <v>43</v>
      </c>
      <c r="AB5267" s="5" t="s">
        <v>44</v>
      </c>
      <c r="AC5267" s="2"/>
      <c r="AD5267" s="1"/>
    </row>
    <row r="5268" spans="1:30">
      <c r="A5268" s="5" t="s">
        <v>83578</v>
      </c>
      <c r="B5268" s="2" t="s">
        <v>99406</v>
      </c>
      <c r="C5268" s="14" t="s">
        <v>99407</v>
      </c>
      <c r="D5268" s="2" t="s">
        <v>99408</v>
      </c>
      <c r="E5268" s="2" t="s">
        <v>41023</v>
      </c>
      <c r="F5268" s="8">
        <v>322</v>
      </c>
      <c r="G5268" s="5">
        <v>6</v>
      </c>
      <c r="H5268" s="5" t="s">
        <v>1518</v>
      </c>
      <c r="I5268" s="5" t="s">
        <v>40939</v>
      </c>
      <c r="J5268" s="2" t="s">
        <v>40940</v>
      </c>
      <c r="K5268" s="5" t="s">
        <v>40939</v>
      </c>
      <c r="L5268" s="2" t="s">
        <v>40940</v>
      </c>
      <c r="M5268" s="5" t="s">
        <v>36266</v>
      </c>
      <c r="N5268" s="5" t="s">
        <v>38</v>
      </c>
      <c r="O5268" s="5" t="s">
        <v>39</v>
      </c>
      <c r="P5268" s="5" t="s">
        <v>40</v>
      </c>
      <c r="Q5268" s="5" t="s">
        <v>1522</v>
      </c>
      <c r="R5268" s="5" t="s">
        <v>1523</v>
      </c>
      <c r="S5268" s="5" t="s">
        <v>42</v>
      </c>
      <c r="T5268" s="2">
        <v>3.1160000000000001</v>
      </c>
      <c r="U5268" s="2">
        <v>2.5179999999999998</v>
      </c>
      <c r="V5268" s="2">
        <v>1.7999999999999999E-2</v>
      </c>
      <c r="W5268" s="2">
        <v>139.1</v>
      </c>
      <c r="X5268" s="2">
        <v>7.6</v>
      </c>
      <c r="Y5268" s="2">
        <v>16.7</v>
      </c>
      <c r="Z5268" s="5"/>
      <c r="AA5268" s="5" t="s">
        <v>43</v>
      </c>
      <c r="AB5268" s="5" t="s">
        <v>44</v>
      </c>
      <c r="AC5268" s="2"/>
      <c r="AD5268" s="1"/>
    </row>
    <row r="5269" spans="1:30">
      <c r="A5269" s="5" t="s">
        <v>83578</v>
      </c>
      <c r="B5269" s="2" t="s">
        <v>99409</v>
      </c>
      <c r="C5269" s="14" t="s">
        <v>99410</v>
      </c>
      <c r="D5269" s="2" t="s">
        <v>99411</v>
      </c>
      <c r="E5269" s="2" t="s">
        <v>41031</v>
      </c>
      <c r="F5269" s="8">
        <v>322</v>
      </c>
      <c r="G5269" s="5">
        <v>6</v>
      </c>
      <c r="H5269" s="5" t="s">
        <v>1518</v>
      </c>
      <c r="I5269" s="5" t="s">
        <v>40939</v>
      </c>
      <c r="J5269" s="2" t="s">
        <v>40940</v>
      </c>
      <c r="K5269" s="5" t="s">
        <v>40939</v>
      </c>
      <c r="L5269" s="2" t="s">
        <v>40940</v>
      </c>
      <c r="M5269" s="5" t="s">
        <v>36266</v>
      </c>
      <c r="N5269" s="5" t="s">
        <v>38</v>
      </c>
      <c r="O5269" s="5" t="s">
        <v>39</v>
      </c>
      <c r="P5269" s="5" t="s">
        <v>40</v>
      </c>
      <c r="Q5269" s="5" t="s">
        <v>1522</v>
      </c>
      <c r="R5269" s="5" t="s">
        <v>1523</v>
      </c>
      <c r="S5269" s="5" t="s">
        <v>42</v>
      </c>
      <c r="T5269" s="2">
        <v>3.1160000000000001</v>
      </c>
      <c r="U5269" s="2">
        <v>2.5179999999999998</v>
      </c>
      <c r="V5269" s="2">
        <v>1.7999999999999999E-2</v>
      </c>
      <c r="W5269" s="2">
        <v>139.1</v>
      </c>
      <c r="X5269" s="2">
        <v>7.6</v>
      </c>
      <c r="Y5269" s="2">
        <v>16.7</v>
      </c>
      <c r="Z5269" s="5"/>
      <c r="AA5269" s="5" t="s">
        <v>43</v>
      </c>
      <c r="AB5269" s="5" t="s">
        <v>44</v>
      </c>
      <c r="AC5269" s="2"/>
      <c r="AD5269" s="1"/>
    </row>
    <row r="5270" spans="1:30">
      <c r="A5270" s="5" t="s">
        <v>83578</v>
      </c>
      <c r="B5270" s="2" t="s">
        <v>99412</v>
      </c>
      <c r="C5270" s="14" t="s">
        <v>99413</v>
      </c>
      <c r="D5270" s="2" t="s">
        <v>99414</v>
      </c>
      <c r="E5270" s="2" t="s">
        <v>7449</v>
      </c>
      <c r="F5270" s="8">
        <v>322</v>
      </c>
      <c r="G5270" s="5">
        <v>6</v>
      </c>
      <c r="H5270" s="5" t="s">
        <v>1518</v>
      </c>
      <c r="I5270" s="5" t="s">
        <v>40939</v>
      </c>
      <c r="J5270" s="2" t="s">
        <v>40940</v>
      </c>
      <c r="K5270" s="5" t="s">
        <v>40939</v>
      </c>
      <c r="L5270" s="2" t="s">
        <v>40940</v>
      </c>
      <c r="M5270" s="5" t="s">
        <v>36266</v>
      </c>
      <c r="N5270" s="5" t="s">
        <v>38</v>
      </c>
      <c r="O5270" s="5" t="s">
        <v>39</v>
      </c>
      <c r="P5270" s="5" t="s">
        <v>40</v>
      </c>
      <c r="Q5270" s="5" t="s">
        <v>1522</v>
      </c>
      <c r="R5270" s="5" t="s">
        <v>1523</v>
      </c>
      <c r="S5270" s="5" t="s">
        <v>42</v>
      </c>
      <c r="T5270" s="2">
        <v>3.1160000000000001</v>
      </c>
      <c r="U5270" s="2">
        <v>2.5179999999999998</v>
      </c>
      <c r="V5270" s="2">
        <v>1.7999999999999999E-2</v>
      </c>
      <c r="W5270" s="2">
        <v>139.1</v>
      </c>
      <c r="X5270" s="2">
        <v>7.6</v>
      </c>
      <c r="Y5270" s="2">
        <v>16.7</v>
      </c>
      <c r="Z5270" s="5"/>
      <c r="AA5270" s="5" t="s">
        <v>43</v>
      </c>
      <c r="AB5270" s="5" t="s">
        <v>44</v>
      </c>
      <c r="AC5270" s="2"/>
      <c r="AD5270" s="1"/>
    </row>
    <row r="5271" spans="1:30">
      <c r="A5271" s="5" t="s">
        <v>83578</v>
      </c>
      <c r="B5271" s="2" t="s">
        <v>99415</v>
      </c>
      <c r="C5271" s="14" t="s">
        <v>99416</v>
      </c>
      <c r="D5271" s="2" t="s">
        <v>99417</v>
      </c>
      <c r="E5271" s="2" t="s">
        <v>7581</v>
      </c>
      <c r="F5271" s="8">
        <v>322</v>
      </c>
      <c r="G5271" s="5">
        <v>6</v>
      </c>
      <c r="H5271" s="5" t="s">
        <v>1518</v>
      </c>
      <c r="I5271" s="5" t="s">
        <v>40939</v>
      </c>
      <c r="J5271" s="2" t="s">
        <v>40940</v>
      </c>
      <c r="K5271" s="5" t="s">
        <v>40939</v>
      </c>
      <c r="L5271" s="2" t="s">
        <v>40940</v>
      </c>
      <c r="M5271" s="5" t="s">
        <v>36266</v>
      </c>
      <c r="N5271" s="5" t="s">
        <v>38</v>
      </c>
      <c r="O5271" s="5" t="s">
        <v>39</v>
      </c>
      <c r="P5271" s="5" t="s">
        <v>40</v>
      </c>
      <c r="Q5271" s="5" t="s">
        <v>1522</v>
      </c>
      <c r="R5271" s="5" t="s">
        <v>1523</v>
      </c>
      <c r="S5271" s="5" t="s">
        <v>42</v>
      </c>
      <c r="T5271" s="2">
        <v>3.2010000000000001</v>
      </c>
      <c r="U5271" s="2">
        <v>2.6030000000000002</v>
      </c>
      <c r="V5271" s="2">
        <v>1.7999999999999999E-2</v>
      </c>
      <c r="W5271" s="2">
        <v>139.1</v>
      </c>
      <c r="X5271" s="2">
        <v>7.6</v>
      </c>
      <c r="Y5271" s="2">
        <v>16.7</v>
      </c>
      <c r="Z5271" s="5"/>
      <c r="AA5271" s="5" t="s">
        <v>43</v>
      </c>
      <c r="AB5271" s="5" t="s">
        <v>44</v>
      </c>
      <c r="AC5271" s="2"/>
      <c r="AD5271" s="1"/>
    </row>
    <row r="5272" spans="1:30">
      <c r="A5272" s="5" t="s">
        <v>83578</v>
      </c>
      <c r="B5272" s="2" t="s">
        <v>99418</v>
      </c>
      <c r="C5272" s="14" t="s">
        <v>99419</v>
      </c>
      <c r="D5272" s="2" t="s">
        <v>99420</v>
      </c>
      <c r="E5272" s="2" t="s">
        <v>41045</v>
      </c>
      <c r="F5272" s="8">
        <v>322</v>
      </c>
      <c r="G5272" s="5">
        <v>6</v>
      </c>
      <c r="H5272" s="5" t="s">
        <v>1518</v>
      </c>
      <c r="I5272" s="5" t="s">
        <v>40939</v>
      </c>
      <c r="J5272" s="2" t="s">
        <v>40940</v>
      </c>
      <c r="K5272" s="5" t="s">
        <v>40939</v>
      </c>
      <c r="L5272" s="2" t="s">
        <v>40940</v>
      </c>
      <c r="M5272" s="5" t="s">
        <v>36266</v>
      </c>
      <c r="N5272" s="5" t="s">
        <v>38</v>
      </c>
      <c r="O5272" s="5" t="s">
        <v>39</v>
      </c>
      <c r="P5272" s="5" t="s">
        <v>40</v>
      </c>
      <c r="Q5272" s="5" t="s">
        <v>1522</v>
      </c>
      <c r="R5272" s="5" t="s">
        <v>1523</v>
      </c>
      <c r="S5272" s="5" t="s">
        <v>42</v>
      </c>
      <c r="T5272" s="2">
        <v>3.1749999999999998</v>
      </c>
      <c r="U5272" s="2">
        <v>2.577</v>
      </c>
      <c r="V5272" s="2">
        <v>1.7999999999999999E-2</v>
      </c>
      <c r="W5272" s="2">
        <v>139.1</v>
      </c>
      <c r="X5272" s="2">
        <v>7.6</v>
      </c>
      <c r="Y5272" s="2">
        <v>16.7</v>
      </c>
      <c r="Z5272" s="5"/>
      <c r="AA5272" s="5" t="s">
        <v>43</v>
      </c>
      <c r="AB5272" s="5" t="s">
        <v>44</v>
      </c>
      <c r="AC5272" s="2"/>
      <c r="AD5272" s="1"/>
    </row>
    <row r="5273" spans="1:30">
      <c r="A5273" s="5" t="s">
        <v>83578</v>
      </c>
      <c r="B5273" s="2" t="s">
        <v>99421</v>
      </c>
      <c r="C5273" s="14" t="s">
        <v>99422</v>
      </c>
      <c r="D5273" s="2" t="s">
        <v>99423</v>
      </c>
      <c r="E5273" s="2" t="s">
        <v>41049</v>
      </c>
      <c r="F5273" s="8">
        <v>322</v>
      </c>
      <c r="G5273" s="5">
        <v>6</v>
      </c>
      <c r="H5273" s="5" t="s">
        <v>1518</v>
      </c>
      <c r="I5273" s="5" t="s">
        <v>40939</v>
      </c>
      <c r="J5273" s="2" t="s">
        <v>40940</v>
      </c>
      <c r="K5273" s="5" t="s">
        <v>40939</v>
      </c>
      <c r="L5273" s="2" t="s">
        <v>40940</v>
      </c>
      <c r="M5273" s="5" t="s">
        <v>36266</v>
      </c>
      <c r="N5273" s="5" t="s">
        <v>38</v>
      </c>
      <c r="O5273" s="5" t="s">
        <v>39</v>
      </c>
      <c r="P5273" s="5" t="s">
        <v>40</v>
      </c>
      <c r="Q5273" s="5" t="s">
        <v>1522</v>
      </c>
      <c r="R5273" s="5" t="s">
        <v>1523</v>
      </c>
      <c r="S5273" s="5" t="s">
        <v>42</v>
      </c>
      <c r="T5273" s="2">
        <v>3.26</v>
      </c>
      <c r="U5273" s="2">
        <v>2.6619999999999999</v>
      </c>
      <c r="V5273" s="2">
        <v>1.7999999999999999E-2</v>
      </c>
      <c r="W5273" s="2">
        <v>139.1</v>
      </c>
      <c r="X5273" s="2">
        <v>7.6</v>
      </c>
      <c r="Y5273" s="2">
        <v>16.7</v>
      </c>
      <c r="Z5273" s="5"/>
      <c r="AA5273" s="5" t="s">
        <v>43</v>
      </c>
      <c r="AB5273" s="5" t="s">
        <v>44</v>
      </c>
      <c r="AC5273" s="2"/>
      <c r="AD5273" s="1"/>
    </row>
    <row r="5274" spans="1:30">
      <c r="A5274" s="5" t="s">
        <v>83578</v>
      </c>
      <c r="B5274" s="2" t="s">
        <v>99424</v>
      </c>
      <c r="C5274" s="14" t="s">
        <v>99425</v>
      </c>
      <c r="D5274" s="2" t="s">
        <v>99426</v>
      </c>
      <c r="E5274" s="2" t="s">
        <v>47226</v>
      </c>
      <c r="F5274" s="8">
        <v>322</v>
      </c>
      <c r="G5274" s="5">
        <v>6</v>
      </c>
      <c r="H5274" s="5" t="s">
        <v>1518</v>
      </c>
      <c r="I5274" s="5" t="s">
        <v>40939</v>
      </c>
      <c r="J5274" s="2" t="s">
        <v>40940</v>
      </c>
      <c r="K5274" s="5" t="s">
        <v>40939</v>
      </c>
      <c r="L5274" s="2" t="s">
        <v>40940</v>
      </c>
      <c r="M5274" s="5" t="s">
        <v>36266</v>
      </c>
      <c r="N5274" s="5" t="s">
        <v>38</v>
      </c>
      <c r="O5274" s="5" t="s">
        <v>39</v>
      </c>
      <c r="P5274" s="5" t="s">
        <v>40</v>
      </c>
      <c r="Q5274" s="5" t="s">
        <v>1522</v>
      </c>
      <c r="R5274" s="5" t="s">
        <v>1523</v>
      </c>
      <c r="S5274" s="5" t="s">
        <v>42</v>
      </c>
      <c r="T5274" s="2">
        <v>3.3130000000000002</v>
      </c>
      <c r="U5274" s="2">
        <v>2.7240000000000002</v>
      </c>
      <c r="V5274" s="2">
        <v>1.7999999999999999E-2</v>
      </c>
      <c r="W5274" s="2">
        <v>139.1</v>
      </c>
      <c r="X5274" s="2">
        <v>7.6</v>
      </c>
      <c r="Y5274" s="2">
        <v>16.7</v>
      </c>
      <c r="Z5274" s="5"/>
      <c r="AA5274" s="5" t="s">
        <v>43</v>
      </c>
      <c r="AB5274" s="5" t="s">
        <v>44</v>
      </c>
      <c r="AC5274" s="2"/>
      <c r="AD5274" s="1"/>
    </row>
    <row r="5275" spans="1:30">
      <c r="A5275" s="5" t="s">
        <v>83578</v>
      </c>
      <c r="B5275" s="2" t="s">
        <v>99427</v>
      </c>
      <c r="C5275" s="14" t="s">
        <v>99428</v>
      </c>
      <c r="D5275" s="2" t="s">
        <v>99429</v>
      </c>
      <c r="E5275" s="2" t="s">
        <v>47735</v>
      </c>
      <c r="F5275" s="8">
        <v>322</v>
      </c>
      <c r="G5275" s="5">
        <v>6</v>
      </c>
      <c r="H5275" s="5" t="s">
        <v>1518</v>
      </c>
      <c r="I5275" s="5" t="s">
        <v>40939</v>
      </c>
      <c r="J5275" s="2" t="s">
        <v>40940</v>
      </c>
      <c r="K5275" s="5" t="s">
        <v>40939</v>
      </c>
      <c r="L5275" s="2" t="s">
        <v>40940</v>
      </c>
      <c r="M5275" s="5" t="s">
        <v>36266</v>
      </c>
      <c r="N5275" s="5" t="s">
        <v>38</v>
      </c>
      <c r="O5275" s="5" t="s">
        <v>39</v>
      </c>
      <c r="P5275" s="5" t="s">
        <v>40</v>
      </c>
      <c r="Q5275" s="5" t="s">
        <v>1522</v>
      </c>
      <c r="R5275" s="5" t="s">
        <v>1523</v>
      </c>
      <c r="S5275" s="5" t="s">
        <v>42</v>
      </c>
      <c r="T5275" s="2">
        <v>3.4089999999999998</v>
      </c>
      <c r="U5275" s="2">
        <v>2.82</v>
      </c>
      <c r="V5275" s="2">
        <v>1.7999999999999999E-2</v>
      </c>
      <c r="W5275" s="2">
        <v>139.1</v>
      </c>
      <c r="X5275" s="2">
        <v>7.6</v>
      </c>
      <c r="Y5275" s="2">
        <v>16.7</v>
      </c>
      <c r="Z5275" s="5"/>
      <c r="AA5275" s="5" t="s">
        <v>43</v>
      </c>
      <c r="AB5275" s="5" t="s">
        <v>44</v>
      </c>
      <c r="AC5275" s="2"/>
      <c r="AD5275" s="1"/>
    </row>
    <row r="5276" spans="1:30">
      <c r="A5276" s="5" t="s">
        <v>83578</v>
      </c>
      <c r="B5276" s="2" t="s">
        <v>99430</v>
      </c>
      <c r="C5276" s="14" t="s">
        <v>99431</v>
      </c>
      <c r="D5276" s="2" t="s">
        <v>99432</v>
      </c>
      <c r="E5276" s="2" t="s">
        <v>7543</v>
      </c>
      <c r="F5276" s="8">
        <v>322</v>
      </c>
      <c r="G5276" s="5">
        <v>6</v>
      </c>
      <c r="H5276" s="5" t="s">
        <v>1518</v>
      </c>
      <c r="I5276" s="5" t="s">
        <v>40939</v>
      </c>
      <c r="J5276" s="2" t="s">
        <v>40940</v>
      </c>
      <c r="K5276" s="5" t="s">
        <v>40939</v>
      </c>
      <c r="L5276" s="2" t="s">
        <v>40940</v>
      </c>
      <c r="M5276" s="5" t="s">
        <v>36266</v>
      </c>
      <c r="N5276" s="5" t="s">
        <v>38</v>
      </c>
      <c r="O5276" s="5" t="s">
        <v>39</v>
      </c>
      <c r="P5276" s="5" t="s">
        <v>40</v>
      </c>
      <c r="Q5276" s="5" t="s">
        <v>1522</v>
      </c>
      <c r="R5276" s="5" t="s">
        <v>1523</v>
      </c>
      <c r="S5276" s="5" t="s">
        <v>42</v>
      </c>
      <c r="T5276" s="2">
        <v>3.35</v>
      </c>
      <c r="U5276" s="2">
        <v>2.7610000000000001</v>
      </c>
      <c r="V5276" s="2">
        <v>1.7999999999999999E-2</v>
      </c>
      <c r="W5276" s="2">
        <v>139.1</v>
      </c>
      <c r="X5276" s="2">
        <v>7.6</v>
      </c>
      <c r="Y5276" s="2">
        <v>16.7</v>
      </c>
      <c r="Z5276" s="5"/>
      <c r="AA5276" s="5" t="s">
        <v>43</v>
      </c>
      <c r="AB5276" s="5" t="s">
        <v>44</v>
      </c>
      <c r="AC5276" s="2"/>
      <c r="AD5276" s="1"/>
    </row>
    <row r="5277" spans="1:30">
      <c r="A5277" s="5" t="s">
        <v>83578</v>
      </c>
      <c r="B5277" s="2" t="s">
        <v>99433</v>
      </c>
      <c r="C5277" s="14" t="s">
        <v>99434</v>
      </c>
      <c r="D5277" s="2" t="s">
        <v>99435</v>
      </c>
      <c r="E5277" s="2" t="s">
        <v>41267</v>
      </c>
      <c r="F5277" s="8">
        <v>322</v>
      </c>
      <c r="G5277" s="5">
        <v>6</v>
      </c>
      <c r="H5277" s="5" t="s">
        <v>1518</v>
      </c>
      <c r="I5277" s="5" t="s">
        <v>40939</v>
      </c>
      <c r="J5277" s="2" t="s">
        <v>40940</v>
      </c>
      <c r="K5277" s="5" t="s">
        <v>40939</v>
      </c>
      <c r="L5277" s="2" t="s">
        <v>40940</v>
      </c>
      <c r="M5277" s="5" t="s">
        <v>36266</v>
      </c>
      <c r="N5277" s="5" t="s">
        <v>38</v>
      </c>
      <c r="O5277" s="5" t="s">
        <v>39</v>
      </c>
      <c r="P5277" s="5" t="s">
        <v>40</v>
      </c>
      <c r="Q5277" s="5" t="s">
        <v>1522</v>
      </c>
      <c r="R5277" s="5" t="s">
        <v>1523</v>
      </c>
      <c r="S5277" s="5" t="s">
        <v>42</v>
      </c>
      <c r="T5277" s="2">
        <v>3.3620000000000001</v>
      </c>
      <c r="U5277" s="2">
        <v>2.7730000000000001</v>
      </c>
      <c r="V5277" s="2">
        <v>1.7999999999999999E-2</v>
      </c>
      <c r="W5277" s="2">
        <v>139.1</v>
      </c>
      <c r="X5277" s="2">
        <v>7.6</v>
      </c>
      <c r="Y5277" s="2">
        <v>16.7</v>
      </c>
      <c r="Z5277" s="5"/>
      <c r="AA5277" s="5" t="s">
        <v>43</v>
      </c>
      <c r="AB5277" s="5" t="s">
        <v>44</v>
      </c>
      <c r="AC5277" s="2"/>
      <c r="AD5277" s="1"/>
    </row>
    <row r="5278" spans="1:30">
      <c r="A5278" s="5" t="s">
        <v>83578</v>
      </c>
      <c r="B5278" s="2" t="s">
        <v>99436</v>
      </c>
      <c r="C5278" s="14" t="s">
        <v>99437</v>
      </c>
      <c r="D5278" s="2" t="s">
        <v>99438</v>
      </c>
      <c r="E5278" s="2" t="s">
        <v>41005</v>
      </c>
      <c r="F5278" s="8">
        <v>322</v>
      </c>
      <c r="G5278" s="5">
        <v>6</v>
      </c>
      <c r="H5278" s="5" t="s">
        <v>1518</v>
      </c>
      <c r="I5278" s="5" t="s">
        <v>40939</v>
      </c>
      <c r="J5278" s="2" t="s">
        <v>40940</v>
      </c>
      <c r="K5278" s="5" t="s">
        <v>40939</v>
      </c>
      <c r="L5278" s="2" t="s">
        <v>40940</v>
      </c>
      <c r="M5278" s="5" t="s">
        <v>36266</v>
      </c>
      <c r="N5278" s="5" t="s">
        <v>38</v>
      </c>
      <c r="O5278" s="5" t="s">
        <v>39</v>
      </c>
      <c r="P5278" s="5" t="s">
        <v>40</v>
      </c>
      <c r="Q5278" s="5" t="s">
        <v>1522</v>
      </c>
      <c r="R5278" s="5" t="s">
        <v>1523</v>
      </c>
      <c r="S5278" s="5" t="s">
        <v>42</v>
      </c>
      <c r="T5278" s="2">
        <v>3.4089999999999998</v>
      </c>
      <c r="U5278" s="2">
        <v>2.82</v>
      </c>
      <c r="V5278" s="2">
        <v>1.7999999999999999E-2</v>
      </c>
      <c r="W5278" s="2">
        <v>139.1</v>
      </c>
      <c r="X5278" s="2">
        <v>7.6</v>
      </c>
      <c r="Y5278" s="2">
        <v>16.7</v>
      </c>
      <c r="Z5278" s="5"/>
      <c r="AA5278" s="5" t="s">
        <v>43</v>
      </c>
      <c r="AB5278" s="5" t="s">
        <v>44</v>
      </c>
      <c r="AC5278" s="2"/>
      <c r="AD5278" s="1"/>
    </row>
    <row r="5279" spans="1:30">
      <c r="A5279" s="5" t="s">
        <v>83578</v>
      </c>
      <c r="B5279" s="2" t="s">
        <v>99439</v>
      </c>
      <c r="C5279" s="14" t="s">
        <v>99440</v>
      </c>
      <c r="D5279" s="2" t="s">
        <v>99441</v>
      </c>
      <c r="E5279" s="2" t="s">
        <v>41009</v>
      </c>
      <c r="F5279" s="8">
        <v>322</v>
      </c>
      <c r="G5279" s="5">
        <v>6</v>
      </c>
      <c r="H5279" s="5" t="s">
        <v>1518</v>
      </c>
      <c r="I5279" s="5" t="s">
        <v>40939</v>
      </c>
      <c r="J5279" s="2" t="s">
        <v>40940</v>
      </c>
      <c r="K5279" s="5" t="s">
        <v>40939</v>
      </c>
      <c r="L5279" s="2" t="s">
        <v>40940</v>
      </c>
      <c r="M5279" s="5" t="s">
        <v>36266</v>
      </c>
      <c r="N5279" s="5" t="s">
        <v>38</v>
      </c>
      <c r="O5279" s="5" t="s">
        <v>39</v>
      </c>
      <c r="P5279" s="5" t="s">
        <v>40</v>
      </c>
      <c r="Q5279" s="5" t="s">
        <v>1522</v>
      </c>
      <c r="R5279" s="5" t="s">
        <v>1523</v>
      </c>
      <c r="S5279" s="5" t="s">
        <v>42</v>
      </c>
      <c r="T5279" s="2">
        <v>3.3250000000000002</v>
      </c>
      <c r="U5279" s="2">
        <v>2.7360000000000002</v>
      </c>
      <c r="V5279" s="2">
        <v>1.7999999999999999E-2</v>
      </c>
      <c r="W5279" s="2">
        <v>139.1</v>
      </c>
      <c r="X5279" s="2">
        <v>7.6</v>
      </c>
      <c r="Y5279" s="2">
        <v>16.7</v>
      </c>
      <c r="Z5279" s="5"/>
      <c r="AA5279" s="5" t="s">
        <v>43</v>
      </c>
      <c r="AB5279" s="5" t="s">
        <v>44</v>
      </c>
      <c r="AC5279" s="2"/>
      <c r="AD5279" s="1"/>
    </row>
    <row r="5280" spans="1:30">
      <c r="A5280" s="5" t="s">
        <v>83578</v>
      </c>
      <c r="B5280" s="2" t="s">
        <v>99442</v>
      </c>
      <c r="C5280" s="14" t="s">
        <v>99443</v>
      </c>
      <c r="D5280" s="2" t="s">
        <v>99444</v>
      </c>
      <c r="E5280" s="2" t="s">
        <v>47266</v>
      </c>
      <c r="F5280" s="8">
        <v>333</v>
      </c>
      <c r="G5280" s="5">
        <v>6</v>
      </c>
      <c r="H5280" s="5" t="s">
        <v>1518</v>
      </c>
      <c r="I5280" s="5" t="s">
        <v>40939</v>
      </c>
      <c r="J5280" s="2" t="s">
        <v>40940</v>
      </c>
      <c r="K5280" s="5" t="s">
        <v>40939</v>
      </c>
      <c r="L5280" s="2" t="s">
        <v>40940</v>
      </c>
      <c r="M5280" s="5" t="s">
        <v>36266</v>
      </c>
      <c r="N5280" s="5" t="s">
        <v>38</v>
      </c>
      <c r="O5280" s="5" t="s">
        <v>39</v>
      </c>
      <c r="P5280" s="5" t="s">
        <v>40</v>
      </c>
      <c r="Q5280" s="5" t="s">
        <v>1522</v>
      </c>
      <c r="R5280" s="5" t="s">
        <v>1523</v>
      </c>
      <c r="S5280" s="5" t="s">
        <v>42</v>
      </c>
      <c r="T5280" s="2">
        <v>3.4590000000000001</v>
      </c>
      <c r="U5280" s="2">
        <v>2.8809999999999998</v>
      </c>
      <c r="V5280" s="2">
        <v>1.7999999999999999E-2</v>
      </c>
      <c r="W5280" s="2">
        <v>139.1</v>
      </c>
      <c r="X5280" s="2">
        <v>7.6</v>
      </c>
      <c r="Y5280" s="2">
        <v>16.7</v>
      </c>
      <c r="Z5280" s="5"/>
      <c r="AA5280" s="5" t="s">
        <v>43</v>
      </c>
      <c r="AB5280" s="5" t="s">
        <v>44</v>
      </c>
      <c r="AC5280" s="2"/>
      <c r="AD5280" s="1"/>
    </row>
    <row r="5281" spans="1:30">
      <c r="A5281" s="5" t="s">
        <v>83578</v>
      </c>
      <c r="B5281" s="2" t="s">
        <v>99445</v>
      </c>
      <c r="C5281" s="14" t="s">
        <v>99446</v>
      </c>
      <c r="D5281" s="2" t="s">
        <v>99447</v>
      </c>
      <c r="E5281" s="2" t="s">
        <v>7521</v>
      </c>
      <c r="F5281" s="8">
        <v>307</v>
      </c>
      <c r="G5281" s="5">
        <v>6</v>
      </c>
      <c r="H5281" s="5" t="s">
        <v>1518</v>
      </c>
      <c r="I5281" s="5" t="s">
        <v>40939</v>
      </c>
      <c r="J5281" s="2" t="s">
        <v>40940</v>
      </c>
      <c r="K5281" s="5" t="s">
        <v>40939</v>
      </c>
      <c r="L5281" s="2" t="s">
        <v>40940</v>
      </c>
      <c r="M5281" s="5" t="s">
        <v>36266</v>
      </c>
      <c r="N5281" s="5" t="s">
        <v>38</v>
      </c>
      <c r="O5281" s="5" t="s">
        <v>39</v>
      </c>
      <c r="P5281" s="5" t="s">
        <v>40</v>
      </c>
      <c r="Q5281" s="5" t="s">
        <v>1522</v>
      </c>
      <c r="R5281" s="5" t="s">
        <v>1523</v>
      </c>
      <c r="S5281" s="5" t="s">
        <v>42</v>
      </c>
      <c r="T5281" s="2">
        <v>3.5830000000000002</v>
      </c>
      <c r="U5281" s="2">
        <v>3.0049999999999999</v>
      </c>
      <c r="V5281" s="2">
        <v>1.7999999999999999E-2</v>
      </c>
      <c r="W5281" s="2">
        <v>139.1</v>
      </c>
      <c r="X5281" s="2">
        <v>7.6</v>
      </c>
      <c r="Y5281" s="2">
        <v>16.7</v>
      </c>
      <c r="Z5281" s="5"/>
      <c r="AA5281" s="5" t="s">
        <v>43</v>
      </c>
      <c r="AB5281" s="5" t="s">
        <v>44</v>
      </c>
      <c r="AC5281" s="2"/>
      <c r="AD5281" s="1"/>
    </row>
    <row r="5282" spans="1:30">
      <c r="A5282" s="5" t="s">
        <v>83578</v>
      </c>
      <c r="B5282" s="2" t="s">
        <v>99448</v>
      </c>
      <c r="C5282" s="14" t="s">
        <v>99449</v>
      </c>
      <c r="D5282" s="2" t="s">
        <v>99450</v>
      </c>
      <c r="E5282" s="2" t="s">
        <v>36273</v>
      </c>
      <c r="F5282" s="8">
        <v>307</v>
      </c>
      <c r="G5282" s="5">
        <v>6</v>
      </c>
      <c r="H5282" s="5" t="s">
        <v>1518</v>
      </c>
      <c r="I5282" s="5" t="s">
        <v>40939</v>
      </c>
      <c r="J5282" s="2" t="s">
        <v>40940</v>
      </c>
      <c r="K5282" s="5" t="s">
        <v>40939</v>
      </c>
      <c r="L5282" s="2" t="s">
        <v>40940</v>
      </c>
      <c r="M5282" s="5" t="s">
        <v>36266</v>
      </c>
      <c r="N5282" s="5" t="s">
        <v>38</v>
      </c>
      <c r="O5282" s="5" t="s">
        <v>39</v>
      </c>
      <c r="P5282" s="5" t="s">
        <v>40</v>
      </c>
      <c r="Q5282" s="5" t="s">
        <v>1522</v>
      </c>
      <c r="R5282" s="5" t="s">
        <v>1523</v>
      </c>
      <c r="S5282" s="5" t="s">
        <v>42</v>
      </c>
      <c r="T5282" s="2">
        <v>3.5009999999999999</v>
      </c>
      <c r="U5282" s="2">
        <v>2.923</v>
      </c>
      <c r="V5282" s="2">
        <v>1.7999999999999999E-2</v>
      </c>
      <c r="W5282" s="2">
        <v>139.1</v>
      </c>
      <c r="X5282" s="2">
        <v>7.6</v>
      </c>
      <c r="Y5282" s="2">
        <v>16.7</v>
      </c>
      <c r="Z5282" s="5"/>
      <c r="AA5282" s="5" t="s">
        <v>43</v>
      </c>
      <c r="AB5282" s="5" t="s">
        <v>44</v>
      </c>
      <c r="AC5282" s="2"/>
      <c r="AD5282" s="1"/>
    </row>
    <row r="5283" spans="1:30">
      <c r="A5283" s="5" t="s">
        <v>83578</v>
      </c>
      <c r="B5283" s="2" t="s">
        <v>99451</v>
      </c>
      <c r="C5283" s="14" t="s">
        <v>99452</v>
      </c>
      <c r="D5283" s="2" t="s">
        <v>99453</v>
      </c>
      <c r="E5283" s="2" t="s">
        <v>40967</v>
      </c>
      <c r="F5283" s="8">
        <v>333</v>
      </c>
      <c r="G5283" s="5">
        <v>6</v>
      </c>
      <c r="H5283" s="5" t="s">
        <v>1518</v>
      </c>
      <c r="I5283" s="5" t="s">
        <v>40939</v>
      </c>
      <c r="J5283" s="2" t="s">
        <v>40940</v>
      </c>
      <c r="K5283" s="5" t="s">
        <v>40939</v>
      </c>
      <c r="L5283" s="2" t="s">
        <v>40940</v>
      </c>
      <c r="M5283" s="5" t="s">
        <v>36266</v>
      </c>
      <c r="N5283" s="5" t="s">
        <v>38</v>
      </c>
      <c r="O5283" s="5" t="s">
        <v>39</v>
      </c>
      <c r="P5283" s="5" t="s">
        <v>40</v>
      </c>
      <c r="Q5283" s="5" t="s">
        <v>1522</v>
      </c>
      <c r="R5283" s="5" t="s">
        <v>1523</v>
      </c>
      <c r="S5283" s="5" t="s">
        <v>42</v>
      </c>
      <c r="T5283" s="2">
        <v>3.4729999999999999</v>
      </c>
      <c r="U5283" s="2">
        <v>2.895</v>
      </c>
      <c r="V5283" s="2">
        <v>1.7999999999999999E-2</v>
      </c>
      <c r="W5283" s="2">
        <v>139.1</v>
      </c>
      <c r="X5283" s="2">
        <v>7.6</v>
      </c>
      <c r="Y5283" s="2">
        <v>16.7</v>
      </c>
      <c r="Z5283" s="5"/>
      <c r="AA5283" s="5" t="s">
        <v>43</v>
      </c>
      <c r="AB5283" s="5" t="s">
        <v>44</v>
      </c>
      <c r="AC5283" s="2"/>
      <c r="AD5283" s="1"/>
    </row>
    <row r="5284" spans="1:30">
      <c r="A5284" s="5" t="s">
        <v>83578</v>
      </c>
      <c r="B5284" s="2" t="s">
        <v>99454</v>
      </c>
      <c r="C5284" s="14" t="s">
        <v>99455</v>
      </c>
      <c r="D5284" s="2" t="s">
        <v>99456</v>
      </c>
      <c r="E5284" s="2" t="s">
        <v>40971</v>
      </c>
      <c r="F5284" s="8">
        <v>333</v>
      </c>
      <c r="G5284" s="5">
        <v>6</v>
      </c>
      <c r="H5284" s="5" t="s">
        <v>1518</v>
      </c>
      <c r="I5284" s="5" t="s">
        <v>40939</v>
      </c>
      <c r="J5284" s="2" t="s">
        <v>40940</v>
      </c>
      <c r="K5284" s="5" t="s">
        <v>40939</v>
      </c>
      <c r="L5284" s="2" t="s">
        <v>40940</v>
      </c>
      <c r="M5284" s="5" t="s">
        <v>36266</v>
      </c>
      <c r="N5284" s="5" t="s">
        <v>38</v>
      </c>
      <c r="O5284" s="5" t="s">
        <v>39</v>
      </c>
      <c r="P5284" s="5" t="s">
        <v>40</v>
      </c>
      <c r="Q5284" s="5" t="s">
        <v>1522</v>
      </c>
      <c r="R5284" s="5" t="s">
        <v>1523</v>
      </c>
      <c r="S5284" s="5" t="s">
        <v>42</v>
      </c>
      <c r="T5284" s="2">
        <v>3.5830000000000002</v>
      </c>
      <c r="U5284" s="2">
        <v>3.0049999999999999</v>
      </c>
      <c r="V5284" s="2">
        <v>1.7999999999999999E-2</v>
      </c>
      <c r="W5284" s="2">
        <v>139.1</v>
      </c>
      <c r="X5284" s="2">
        <v>7.6</v>
      </c>
      <c r="Y5284" s="2">
        <v>16.7</v>
      </c>
      <c r="Z5284" s="5"/>
      <c r="AA5284" s="5" t="s">
        <v>43</v>
      </c>
      <c r="AB5284" s="5" t="s">
        <v>44</v>
      </c>
      <c r="AC5284" s="2"/>
      <c r="AD5284" s="1"/>
    </row>
    <row r="5285" spans="1:30">
      <c r="A5285" s="5" t="s">
        <v>83578</v>
      </c>
      <c r="B5285" s="2" t="s">
        <v>99457</v>
      </c>
      <c r="C5285" s="14" t="s">
        <v>99458</v>
      </c>
      <c r="D5285" s="2" t="s">
        <v>99459</v>
      </c>
      <c r="E5285" s="2" t="s">
        <v>47226</v>
      </c>
      <c r="F5285" s="8">
        <v>333</v>
      </c>
      <c r="G5285" s="5">
        <v>6</v>
      </c>
      <c r="H5285" s="5" t="s">
        <v>1518</v>
      </c>
      <c r="I5285" s="5" t="s">
        <v>40939</v>
      </c>
      <c r="J5285" s="2" t="s">
        <v>40940</v>
      </c>
      <c r="K5285" s="5" t="s">
        <v>40939</v>
      </c>
      <c r="L5285" s="2" t="s">
        <v>40940</v>
      </c>
      <c r="M5285" s="5" t="s">
        <v>36266</v>
      </c>
      <c r="N5285" s="5" t="s">
        <v>38</v>
      </c>
      <c r="O5285" s="5" t="s">
        <v>39</v>
      </c>
      <c r="P5285" s="5" t="s">
        <v>40</v>
      </c>
      <c r="Q5285" s="5" t="s">
        <v>1522</v>
      </c>
      <c r="R5285" s="5" t="s">
        <v>1523</v>
      </c>
      <c r="S5285" s="5" t="s">
        <v>42</v>
      </c>
      <c r="T5285" s="2">
        <v>3.4729999999999999</v>
      </c>
      <c r="U5285" s="2">
        <v>2.895</v>
      </c>
      <c r="V5285" s="2">
        <v>1.7999999999999999E-2</v>
      </c>
      <c r="W5285" s="2">
        <v>139.1</v>
      </c>
      <c r="X5285" s="2">
        <v>7.6</v>
      </c>
      <c r="Y5285" s="2">
        <v>16.7</v>
      </c>
      <c r="Z5285" s="5"/>
      <c r="AA5285" s="5" t="s">
        <v>43</v>
      </c>
      <c r="AB5285" s="5" t="s">
        <v>44</v>
      </c>
      <c r="AC5285" s="2"/>
      <c r="AD5285" s="1"/>
    </row>
    <row r="5286" spans="1:30">
      <c r="A5286" s="5" t="s">
        <v>83578</v>
      </c>
      <c r="B5286" s="2" t="s">
        <v>99460</v>
      </c>
      <c r="C5286" s="14" t="s">
        <v>99461</v>
      </c>
      <c r="D5286" s="2" t="s">
        <v>99462</v>
      </c>
      <c r="E5286" s="2" t="s">
        <v>7539</v>
      </c>
      <c r="F5286" s="8">
        <v>333</v>
      </c>
      <c r="G5286" s="5">
        <v>6</v>
      </c>
      <c r="H5286" s="5" t="s">
        <v>1518</v>
      </c>
      <c r="I5286" s="5" t="s">
        <v>40939</v>
      </c>
      <c r="J5286" s="2" t="s">
        <v>40940</v>
      </c>
      <c r="K5286" s="5" t="s">
        <v>40939</v>
      </c>
      <c r="L5286" s="2" t="s">
        <v>40940</v>
      </c>
      <c r="M5286" s="5" t="s">
        <v>36266</v>
      </c>
      <c r="N5286" s="5" t="s">
        <v>38</v>
      </c>
      <c r="O5286" s="5" t="s">
        <v>39</v>
      </c>
      <c r="P5286" s="5" t="s">
        <v>40</v>
      </c>
      <c r="Q5286" s="5" t="s">
        <v>1522</v>
      </c>
      <c r="R5286" s="5" t="s">
        <v>1523</v>
      </c>
      <c r="S5286" s="5" t="s">
        <v>42</v>
      </c>
      <c r="T5286" s="2">
        <v>3.403</v>
      </c>
      <c r="U5286" s="2">
        <v>2.8250000000000002</v>
      </c>
      <c r="V5286" s="2">
        <v>1.7999999999999999E-2</v>
      </c>
      <c r="W5286" s="2">
        <v>139.1</v>
      </c>
      <c r="X5286" s="2">
        <v>7.6</v>
      </c>
      <c r="Y5286" s="2">
        <v>16.7</v>
      </c>
      <c r="Z5286" s="5"/>
      <c r="AA5286" s="5" t="s">
        <v>43</v>
      </c>
      <c r="AB5286" s="5" t="s">
        <v>44</v>
      </c>
      <c r="AC5286" s="2"/>
      <c r="AD5286" s="1"/>
    </row>
    <row r="5287" spans="1:30">
      <c r="A5287" s="5" t="s">
        <v>83578</v>
      </c>
      <c r="B5287" s="2" t="s">
        <v>99463</v>
      </c>
      <c r="C5287" s="14" t="s">
        <v>99464</v>
      </c>
      <c r="D5287" s="2" t="s">
        <v>99465</v>
      </c>
      <c r="E5287" s="2" t="s">
        <v>7543</v>
      </c>
      <c r="F5287" s="8">
        <v>333</v>
      </c>
      <c r="G5287" s="5">
        <v>6</v>
      </c>
      <c r="H5287" s="5" t="s">
        <v>1518</v>
      </c>
      <c r="I5287" s="5" t="s">
        <v>40939</v>
      </c>
      <c r="J5287" s="2" t="s">
        <v>40940</v>
      </c>
      <c r="K5287" s="5" t="s">
        <v>40939</v>
      </c>
      <c r="L5287" s="2" t="s">
        <v>40940</v>
      </c>
      <c r="M5287" s="5" t="s">
        <v>36266</v>
      </c>
      <c r="N5287" s="5" t="s">
        <v>38</v>
      </c>
      <c r="O5287" s="5" t="s">
        <v>39</v>
      </c>
      <c r="P5287" s="5" t="s">
        <v>40</v>
      </c>
      <c r="Q5287" s="5" t="s">
        <v>1522</v>
      </c>
      <c r="R5287" s="5" t="s">
        <v>1523</v>
      </c>
      <c r="S5287" s="5" t="s">
        <v>42</v>
      </c>
      <c r="T5287" s="2">
        <v>3.5129999999999999</v>
      </c>
      <c r="U5287" s="2">
        <v>2.9350000000000001</v>
      </c>
      <c r="V5287" s="2">
        <v>1.7999999999999999E-2</v>
      </c>
      <c r="W5287" s="2">
        <v>139.1</v>
      </c>
      <c r="X5287" s="2">
        <v>7.6</v>
      </c>
      <c r="Y5287" s="2">
        <v>16.7</v>
      </c>
      <c r="Z5287" s="5"/>
      <c r="AA5287" s="5" t="s">
        <v>43</v>
      </c>
      <c r="AB5287" s="5" t="s">
        <v>44</v>
      </c>
      <c r="AC5287" s="2"/>
      <c r="AD5287" s="1"/>
    </row>
    <row r="5288" spans="1:30">
      <c r="A5288" s="5" t="s">
        <v>83578</v>
      </c>
      <c r="B5288" s="2" t="s">
        <v>99466</v>
      </c>
      <c r="C5288" s="14" t="s">
        <v>99467</v>
      </c>
      <c r="D5288" s="2" t="s">
        <v>99468</v>
      </c>
      <c r="E5288" s="2" t="s">
        <v>40993</v>
      </c>
      <c r="F5288" s="8">
        <v>333</v>
      </c>
      <c r="G5288" s="5">
        <v>6</v>
      </c>
      <c r="H5288" s="5" t="s">
        <v>1518</v>
      </c>
      <c r="I5288" s="5" t="s">
        <v>40939</v>
      </c>
      <c r="J5288" s="2" t="s">
        <v>40940</v>
      </c>
      <c r="K5288" s="5" t="s">
        <v>40939</v>
      </c>
      <c r="L5288" s="2" t="s">
        <v>40940</v>
      </c>
      <c r="M5288" s="5" t="s">
        <v>36266</v>
      </c>
      <c r="N5288" s="5" t="s">
        <v>38</v>
      </c>
      <c r="O5288" s="5" t="s">
        <v>39</v>
      </c>
      <c r="P5288" s="5" t="s">
        <v>40</v>
      </c>
      <c r="Q5288" s="5" t="s">
        <v>1522</v>
      </c>
      <c r="R5288" s="5" t="s">
        <v>1523</v>
      </c>
      <c r="S5288" s="5" t="s">
        <v>42</v>
      </c>
      <c r="T5288" s="2">
        <v>3.5830000000000002</v>
      </c>
      <c r="U5288" s="2">
        <v>3.0049999999999999</v>
      </c>
      <c r="V5288" s="2">
        <v>1.7999999999999999E-2</v>
      </c>
      <c r="W5288" s="2">
        <v>139.1</v>
      </c>
      <c r="X5288" s="2">
        <v>7.6</v>
      </c>
      <c r="Y5288" s="2">
        <v>16.7</v>
      </c>
      <c r="Z5288" s="5"/>
      <c r="AA5288" s="5" t="s">
        <v>43</v>
      </c>
      <c r="AB5288" s="5" t="s">
        <v>44</v>
      </c>
      <c r="AC5288" s="2"/>
      <c r="AD5288" s="1"/>
    </row>
    <row r="5289" spans="1:30">
      <c r="A5289" s="5" t="s">
        <v>83578</v>
      </c>
      <c r="B5289" s="2" t="s">
        <v>99469</v>
      </c>
      <c r="C5289" s="14" t="s">
        <v>99470</v>
      </c>
      <c r="D5289" s="2" t="s">
        <v>99471</v>
      </c>
      <c r="E5289" s="2" t="s">
        <v>40997</v>
      </c>
      <c r="F5289" s="8">
        <v>333</v>
      </c>
      <c r="G5289" s="5">
        <v>6</v>
      </c>
      <c r="H5289" s="5" t="s">
        <v>1518</v>
      </c>
      <c r="I5289" s="5" t="s">
        <v>40939</v>
      </c>
      <c r="J5289" s="2" t="s">
        <v>40940</v>
      </c>
      <c r="K5289" s="5" t="s">
        <v>40939</v>
      </c>
      <c r="L5289" s="2" t="s">
        <v>40940</v>
      </c>
      <c r="M5289" s="5" t="s">
        <v>36266</v>
      </c>
      <c r="N5289" s="5" t="s">
        <v>38</v>
      </c>
      <c r="O5289" s="5" t="s">
        <v>39</v>
      </c>
      <c r="P5289" s="5" t="s">
        <v>40</v>
      </c>
      <c r="Q5289" s="5" t="s">
        <v>1522</v>
      </c>
      <c r="R5289" s="5" t="s">
        <v>1523</v>
      </c>
      <c r="S5289" s="5" t="s">
        <v>42</v>
      </c>
      <c r="T5289" s="2">
        <v>3.4169999999999998</v>
      </c>
      <c r="U5289" s="2">
        <v>2.839</v>
      </c>
      <c r="V5289" s="2">
        <v>1.7999999999999999E-2</v>
      </c>
      <c r="W5289" s="2">
        <v>139.1</v>
      </c>
      <c r="X5289" s="2">
        <v>7.6</v>
      </c>
      <c r="Y5289" s="2">
        <v>16.7</v>
      </c>
      <c r="Z5289" s="5"/>
      <c r="AA5289" s="5" t="s">
        <v>43</v>
      </c>
      <c r="AB5289" s="5" t="s">
        <v>44</v>
      </c>
      <c r="AC5289" s="2"/>
      <c r="AD5289" s="1"/>
    </row>
    <row r="5290" spans="1:30">
      <c r="A5290" s="5" t="s">
        <v>83578</v>
      </c>
      <c r="B5290" s="2" t="s">
        <v>99472</v>
      </c>
      <c r="C5290" s="14" t="s">
        <v>99473</v>
      </c>
      <c r="D5290" s="2" t="s">
        <v>99474</v>
      </c>
      <c r="E5290" s="2" t="s">
        <v>41267</v>
      </c>
      <c r="F5290" s="8">
        <v>333</v>
      </c>
      <c r="G5290" s="5">
        <v>6</v>
      </c>
      <c r="H5290" s="5" t="s">
        <v>1518</v>
      </c>
      <c r="I5290" s="5" t="s">
        <v>40939</v>
      </c>
      <c r="J5290" s="2" t="s">
        <v>40940</v>
      </c>
      <c r="K5290" s="5" t="s">
        <v>40939</v>
      </c>
      <c r="L5290" s="2" t="s">
        <v>40940</v>
      </c>
      <c r="M5290" s="5" t="s">
        <v>36266</v>
      </c>
      <c r="N5290" s="5" t="s">
        <v>38</v>
      </c>
      <c r="O5290" s="5" t="s">
        <v>39</v>
      </c>
      <c r="P5290" s="5" t="s">
        <v>40</v>
      </c>
      <c r="Q5290" s="5" t="s">
        <v>1522</v>
      </c>
      <c r="R5290" s="5" t="s">
        <v>1523</v>
      </c>
      <c r="S5290" s="5" t="s">
        <v>42</v>
      </c>
      <c r="T5290" s="2">
        <v>3.5270000000000001</v>
      </c>
      <c r="U5290" s="2">
        <v>2.9489999999999998</v>
      </c>
      <c r="V5290" s="2">
        <v>1.7999999999999999E-2</v>
      </c>
      <c r="W5290" s="2">
        <v>139.1</v>
      </c>
      <c r="X5290" s="2">
        <v>7.6</v>
      </c>
      <c r="Y5290" s="2">
        <v>16.7</v>
      </c>
      <c r="Z5290" s="5"/>
      <c r="AA5290" s="5" t="s">
        <v>43</v>
      </c>
      <c r="AB5290" s="5" t="s">
        <v>44</v>
      </c>
      <c r="AC5290" s="2"/>
      <c r="AD5290" s="1"/>
    </row>
    <row r="5291" spans="1:30">
      <c r="A5291" s="5" t="s">
        <v>83578</v>
      </c>
      <c r="B5291" s="2" t="s">
        <v>99475</v>
      </c>
      <c r="C5291" s="14" t="s">
        <v>99476</v>
      </c>
      <c r="D5291" s="2" t="s">
        <v>99477</v>
      </c>
      <c r="E5291" s="2" t="s">
        <v>41001</v>
      </c>
      <c r="F5291" s="8">
        <v>333</v>
      </c>
      <c r="G5291" s="5">
        <v>6</v>
      </c>
      <c r="H5291" s="5" t="s">
        <v>1518</v>
      </c>
      <c r="I5291" s="5" t="s">
        <v>40939</v>
      </c>
      <c r="J5291" s="2" t="s">
        <v>40940</v>
      </c>
      <c r="K5291" s="5" t="s">
        <v>40939</v>
      </c>
      <c r="L5291" s="2" t="s">
        <v>40940</v>
      </c>
      <c r="M5291" s="5" t="s">
        <v>36266</v>
      </c>
      <c r="N5291" s="5" t="s">
        <v>38</v>
      </c>
      <c r="O5291" s="5" t="s">
        <v>39</v>
      </c>
      <c r="P5291" s="5" t="s">
        <v>40</v>
      </c>
      <c r="Q5291" s="5" t="s">
        <v>1522</v>
      </c>
      <c r="R5291" s="5" t="s">
        <v>1523</v>
      </c>
      <c r="S5291" s="5" t="s">
        <v>42</v>
      </c>
      <c r="T5291" s="2">
        <v>3.4729999999999999</v>
      </c>
      <c r="U5291" s="2">
        <v>2.895</v>
      </c>
      <c r="V5291" s="2">
        <v>1.7999999999999999E-2</v>
      </c>
      <c r="W5291" s="2">
        <v>139.1</v>
      </c>
      <c r="X5291" s="2">
        <v>7.6</v>
      </c>
      <c r="Y5291" s="2">
        <v>16.7</v>
      </c>
      <c r="Z5291" s="5"/>
      <c r="AA5291" s="5" t="s">
        <v>43</v>
      </c>
      <c r="AB5291" s="5" t="s">
        <v>44</v>
      </c>
      <c r="AC5291" s="2"/>
      <c r="AD5291" s="1"/>
    </row>
    <row r="5292" spans="1:30">
      <c r="A5292" s="5" t="s">
        <v>83578</v>
      </c>
      <c r="B5292" s="2" t="s">
        <v>99478</v>
      </c>
      <c r="C5292" s="14" t="s">
        <v>99479</v>
      </c>
      <c r="D5292" s="2" t="s">
        <v>99480</v>
      </c>
      <c r="E5292" s="2" t="s">
        <v>41005</v>
      </c>
      <c r="F5292" s="8">
        <v>333</v>
      </c>
      <c r="G5292" s="5">
        <v>6</v>
      </c>
      <c r="H5292" s="5" t="s">
        <v>1518</v>
      </c>
      <c r="I5292" s="5" t="s">
        <v>40939</v>
      </c>
      <c r="J5292" s="2" t="s">
        <v>40940</v>
      </c>
      <c r="K5292" s="5" t="s">
        <v>40939</v>
      </c>
      <c r="L5292" s="2" t="s">
        <v>40940</v>
      </c>
      <c r="M5292" s="5" t="s">
        <v>36266</v>
      </c>
      <c r="N5292" s="5" t="s">
        <v>38</v>
      </c>
      <c r="O5292" s="5" t="s">
        <v>39</v>
      </c>
      <c r="P5292" s="5" t="s">
        <v>40</v>
      </c>
      <c r="Q5292" s="5" t="s">
        <v>1522</v>
      </c>
      <c r="R5292" s="5" t="s">
        <v>1523</v>
      </c>
      <c r="S5292" s="5" t="s">
        <v>42</v>
      </c>
      <c r="T5292" s="2">
        <v>3.5830000000000002</v>
      </c>
      <c r="U5292" s="2">
        <v>3.0049999999999999</v>
      </c>
      <c r="V5292" s="2">
        <v>1.7999999999999999E-2</v>
      </c>
      <c r="W5292" s="2">
        <v>139.1</v>
      </c>
      <c r="X5292" s="2">
        <v>7.6</v>
      </c>
      <c r="Y5292" s="2">
        <v>16.7</v>
      </c>
      <c r="Z5292" s="5"/>
      <c r="AA5292" s="5" t="s">
        <v>43</v>
      </c>
      <c r="AB5292" s="5" t="s">
        <v>44</v>
      </c>
      <c r="AC5292" s="2"/>
      <c r="AD5292" s="1"/>
    </row>
    <row r="5293" spans="1:30">
      <c r="A5293" s="5" t="s">
        <v>83578</v>
      </c>
      <c r="B5293" s="2" t="s">
        <v>99481</v>
      </c>
      <c r="C5293" s="14" t="s">
        <v>99482</v>
      </c>
      <c r="D5293" s="2" t="s">
        <v>99483</v>
      </c>
      <c r="E5293" s="2" t="s">
        <v>41009</v>
      </c>
      <c r="F5293" s="8">
        <v>333</v>
      </c>
      <c r="G5293" s="5">
        <v>6</v>
      </c>
      <c r="H5293" s="5" t="s">
        <v>1518</v>
      </c>
      <c r="I5293" s="5" t="s">
        <v>40939</v>
      </c>
      <c r="J5293" s="2" t="s">
        <v>40940</v>
      </c>
      <c r="K5293" s="5" t="s">
        <v>40939</v>
      </c>
      <c r="L5293" s="2" t="s">
        <v>40940</v>
      </c>
      <c r="M5293" s="5" t="s">
        <v>36266</v>
      </c>
      <c r="N5293" s="5" t="s">
        <v>38</v>
      </c>
      <c r="O5293" s="5" t="s">
        <v>39</v>
      </c>
      <c r="P5293" s="5" t="s">
        <v>40</v>
      </c>
      <c r="Q5293" s="5" t="s">
        <v>1522</v>
      </c>
      <c r="R5293" s="5" t="s">
        <v>1523</v>
      </c>
      <c r="S5293" s="5" t="s">
        <v>42</v>
      </c>
      <c r="T5293" s="2">
        <v>3.4870000000000001</v>
      </c>
      <c r="U5293" s="2">
        <v>2.9089999999999998</v>
      </c>
      <c r="V5293" s="2">
        <v>1.7999999999999999E-2</v>
      </c>
      <c r="W5293" s="2">
        <v>139.1</v>
      </c>
      <c r="X5293" s="2">
        <v>7.6</v>
      </c>
      <c r="Y5293" s="2">
        <v>16.7</v>
      </c>
      <c r="Z5293" s="5"/>
      <c r="AA5293" s="5" t="s">
        <v>43</v>
      </c>
      <c r="AB5293" s="5" t="s">
        <v>44</v>
      </c>
      <c r="AC5293" s="2"/>
      <c r="AD5293" s="1"/>
    </row>
    <row r="5294" spans="1:30">
      <c r="A5294" s="5" t="s">
        <v>83578</v>
      </c>
      <c r="B5294" s="2" t="s">
        <v>99484</v>
      </c>
      <c r="C5294" s="14" t="s">
        <v>99485</v>
      </c>
      <c r="D5294" s="2" t="s">
        <v>99486</v>
      </c>
      <c r="E5294" s="2" t="s">
        <v>7396</v>
      </c>
      <c r="F5294" s="8">
        <v>307</v>
      </c>
      <c r="G5294" s="5">
        <v>6</v>
      </c>
      <c r="H5294" s="5" t="s">
        <v>1518</v>
      </c>
      <c r="I5294" s="5" t="s">
        <v>40939</v>
      </c>
      <c r="J5294" s="2" t="s">
        <v>40940</v>
      </c>
      <c r="K5294" s="5" t="s">
        <v>40939</v>
      </c>
      <c r="L5294" s="2" t="s">
        <v>40940</v>
      </c>
      <c r="M5294" s="5" t="s">
        <v>36266</v>
      </c>
      <c r="N5294" s="5" t="s">
        <v>38</v>
      </c>
      <c r="O5294" s="5" t="s">
        <v>39</v>
      </c>
      <c r="P5294" s="5" t="s">
        <v>40</v>
      </c>
      <c r="Q5294" s="5" t="s">
        <v>1522</v>
      </c>
      <c r="R5294" s="5" t="s">
        <v>1523</v>
      </c>
      <c r="S5294" s="5" t="s">
        <v>42</v>
      </c>
      <c r="T5294" s="2">
        <v>3.4870000000000001</v>
      </c>
      <c r="U5294" s="2">
        <v>2.9089999999999998</v>
      </c>
      <c r="V5294" s="2">
        <v>1.7999999999999999E-2</v>
      </c>
      <c r="W5294" s="2">
        <v>139.1</v>
      </c>
      <c r="X5294" s="2">
        <v>7.6</v>
      </c>
      <c r="Y5294" s="2">
        <v>16.7</v>
      </c>
      <c r="Z5294" s="5"/>
      <c r="AA5294" s="5" t="s">
        <v>43</v>
      </c>
      <c r="AB5294" s="5" t="s">
        <v>44</v>
      </c>
      <c r="AC5294" s="2"/>
      <c r="AD5294" s="1"/>
    </row>
    <row r="5295" spans="1:30">
      <c r="A5295" s="5" t="s">
        <v>83578</v>
      </c>
      <c r="B5295" s="2" t="s">
        <v>99487</v>
      </c>
      <c r="C5295" s="14" t="s">
        <v>99488</v>
      </c>
      <c r="D5295" s="2" t="s">
        <v>99489</v>
      </c>
      <c r="E5295" s="2" t="s">
        <v>41023</v>
      </c>
      <c r="F5295" s="8">
        <v>333</v>
      </c>
      <c r="G5295" s="5">
        <v>6</v>
      </c>
      <c r="H5295" s="5" t="s">
        <v>1518</v>
      </c>
      <c r="I5295" s="5" t="s">
        <v>40939</v>
      </c>
      <c r="J5295" s="2" t="s">
        <v>40940</v>
      </c>
      <c r="K5295" s="5" t="s">
        <v>40939</v>
      </c>
      <c r="L5295" s="2" t="s">
        <v>40940</v>
      </c>
      <c r="M5295" s="5" t="s">
        <v>36266</v>
      </c>
      <c r="N5295" s="5" t="s">
        <v>38</v>
      </c>
      <c r="O5295" s="5" t="s">
        <v>39</v>
      </c>
      <c r="P5295" s="5" t="s">
        <v>40</v>
      </c>
      <c r="Q5295" s="5" t="s">
        <v>1522</v>
      </c>
      <c r="R5295" s="5" t="s">
        <v>1523</v>
      </c>
      <c r="S5295" s="5" t="s">
        <v>42</v>
      </c>
      <c r="T5295" s="2">
        <v>3.4169999999999998</v>
      </c>
      <c r="U5295" s="2">
        <v>2.839</v>
      </c>
      <c r="V5295" s="2">
        <v>1.7999999999999999E-2</v>
      </c>
      <c r="W5295" s="2">
        <v>139.1</v>
      </c>
      <c r="X5295" s="2">
        <v>7.6</v>
      </c>
      <c r="Y5295" s="2">
        <v>16.7</v>
      </c>
      <c r="Z5295" s="5"/>
      <c r="AA5295" s="5" t="s">
        <v>43</v>
      </c>
      <c r="AB5295" s="5" t="s">
        <v>44</v>
      </c>
      <c r="AC5295" s="2"/>
      <c r="AD5295" s="1"/>
    </row>
    <row r="5296" spans="1:30">
      <c r="A5296" s="5" t="s">
        <v>83578</v>
      </c>
      <c r="B5296" s="2" t="s">
        <v>99490</v>
      </c>
      <c r="C5296" s="14" t="s">
        <v>99491</v>
      </c>
      <c r="D5296" s="2" t="s">
        <v>99492</v>
      </c>
      <c r="E5296" s="2" t="s">
        <v>41027</v>
      </c>
      <c r="F5296" s="8">
        <v>333</v>
      </c>
      <c r="G5296" s="5">
        <v>6</v>
      </c>
      <c r="H5296" s="5" t="s">
        <v>1518</v>
      </c>
      <c r="I5296" s="5" t="s">
        <v>40939</v>
      </c>
      <c r="J5296" s="2" t="s">
        <v>40940</v>
      </c>
      <c r="K5296" s="5" t="s">
        <v>40939</v>
      </c>
      <c r="L5296" s="2" t="s">
        <v>40940</v>
      </c>
      <c r="M5296" s="5" t="s">
        <v>36266</v>
      </c>
      <c r="N5296" s="5" t="s">
        <v>38</v>
      </c>
      <c r="O5296" s="5" t="s">
        <v>39</v>
      </c>
      <c r="P5296" s="5" t="s">
        <v>40</v>
      </c>
      <c r="Q5296" s="5" t="s">
        <v>1522</v>
      </c>
      <c r="R5296" s="5" t="s">
        <v>1523</v>
      </c>
      <c r="S5296" s="5" t="s">
        <v>42</v>
      </c>
      <c r="T5296" s="2">
        <v>3.5270000000000001</v>
      </c>
      <c r="U5296" s="2">
        <v>2.9489999999999998</v>
      </c>
      <c r="V5296" s="2">
        <v>1.7999999999999999E-2</v>
      </c>
      <c r="W5296" s="2">
        <v>139.1</v>
      </c>
      <c r="X5296" s="2">
        <v>7.6</v>
      </c>
      <c r="Y5296" s="2">
        <v>16.7</v>
      </c>
      <c r="Z5296" s="5"/>
      <c r="AA5296" s="5" t="s">
        <v>43</v>
      </c>
      <c r="AB5296" s="5" t="s">
        <v>44</v>
      </c>
      <c r="AC5296" s="2"/>
      <c r="AD5296" s="1"/>
    </row>
    <row r="5297" spans="1:30">
      <c r="A5297" s="5" t="s">
        <v>83578</v>
      </c>
      <c r="B5297" s="2" t="s">
        <v>99493</v>
      </c>
      <c r="C5297" s="14" t="s">
        <v>99494</v>
      </c>
      <c r="D5297" s="2" t="s">
        <v>99495</v>
      </c>
      <c r="E5297" s="2" t="s">
        <v>41031</v>
      </c>
      <c r="F5297" s="8">
        <v>333</v>
      </c>
      <c r="G5297" s="5">
        <v>6</v>
      </c>
      <c r="H5297" s="5" t="s">
        <v>1518</v>
      </c>
      <c r="I5297" s="5" t="s">
        <v>40939</v>
      </c>
      <c r="J5297" s="2" t="s">
        <v>40940</v>
      </c>
      <c r="K5297" s="5" t="s">
        <v>40939</v>
      </c>
      <c r="L5297" s="2" t="s">
        <v>40940</v>
      </c>
      <c r="M5297" s="5" t="s">
        <v>36266</v>
      </c>
      <c r="N5297" s="5" t="s">
        <v>38</v>
      </c>
      <c r="O5297" s="5" t="s">
        <v>39</v>
      </c>
      <c r="P5297" s="5" t="s">
        <v>40</v>
      </c>
      <c r="Q5297" s="5" t="s">
        <v>1522</v>
      </c>
      <c r="R5297" s="5" t="s">
        <v>1523</v>
      </c>
      <c r="S5297" s="5" t="s">
        <v>42</v>
      </c>
      <c r="T5297" s="2">
        <v>3.4169999999999998</v>
      </c>
      <c r="U5297" s="2">
        <v>2.839</v>
      </c>
      <c r="V5297" s="2">
        <v>1.7999999999999999E-2</v>
      </c>
      <c r="W5297" s="2">
        <v>139.1</v>
      </c>
      <c r="X5297" s="2">
        <v>7.6</v>
      </c>
      <c r="Y5297" s="2">
        <v>16.7</v>
      </c>
      <c r="Z5297" s="5"/>
      <c r="AA5297" s="5" t="s">
        <v>43</v>
      </c>
      <c r="AB5297" s="5" t="s">
        <v>44</v>
      </c>
      <c r="AC5297" s="2"/>
      <c r="AD5297" s="1"/>
    </row>
    <row r="5298" spans="1:30">
      <c r="A5298" s="5" t="s">
        <v>83578</v>
      </c>
      <c r="B5298" s="2" t="s">
        <v>99496</v>
      </c>
      <c r="C5298" s="14" t="s">
        <v>99497</v>
      </c>
      <c r="D5298" s="2" t="s">
        <v>99498</v>
      </c>
      <c r="E5298" s="2" t="s">
        <v>41035</v>
      </c>
      <c r="F5298" s="8">
        <v>333</v>
      </c>
      <c r="G5298" s="5">
        <v>6</v>
      </c>
      <c r="H5298" s="5" t="s">
        <v>1518</v>
      </c>
      <c r="I5298" s="5" t="s">
        <v>40939</v>
      </c>
      <c r="J5298" s="2" t="s">
        <v>40940</v>
      </c>
      <c r="K5298" s="5" t="s">
        <v>40939</v>
      </c>
      <c r="L5298" s="2" t="s">
        <v>40940</v>
      </c>
      <c r="M5298" s="5" t="s">
        <v>36266</v>
      </c>
      <c r="N5298" s="5" t="s">
        <v>38</v>
      </c>
      <c r="O5298" s="5" t="s">
        <v>39</v>
      </c>
      <c r="P5298" s="5" t="s">
        <v>40</v>
      </c>
      <c r="Q5298" s="5" t="s">
        <v>1522</v>
      </c>
      <c r="R5298" s="5" t="s">
        <v>1523</v>
      </c>
      <c r="S5298" s="5" t="s">
        <v>42</v>
      </c>
      <c r="T5298" s="2">
        <v>3.5270000000000001</v>
      </c>
      <c r="U5298" s="2">
        <v>2.9489999999999998</v>
      </c>
      <c r="V5298" s="2">
        <v>1.7999999999999999E-2</v>
      </c>
      <c r="W5298" s="2">
        <v>139.1</v>
      </c>
      <c r="X5298" s="2">
        <v>7.6</v>
      </c>
      <c r="Y5298" s="2">
        <v>16.7</v>
      </c>
      <c r="Z5298" s="5"/>
      <c r="AA5298" s="5" t="s">
        <v>43</v>
      </c>
      <c r="AB5298" s="5" t="s">
        <v>44</v>
      </c>
      <c r="AC5298" s="2"/>
      <c r="AD5298" s="1"/>
    </row>
    <row r="5299" spans="1:30">
      <c r="A5299" s="5" t="s">
        <v>83578</v>
      </c>
      <c r="B5299" s="2" t="s">
        <v>99499</v>
      </c>
      <c r="C5299" s="14" t="s">
        <v>99500</v>
      </c>
      <c r="D5299" s="2" t="s">
        <v>99501</v>
      </c>
      <c r="E5299" s="2" t="s">
        <v>7449</v>
      </c>
      <c r="F5299" s="8">
        <v>333</v>
      </c>
      <c r="G5299" s="5">
        <v>6</v>
      </c>
      <c r="H5299" s="5" t="s">
        <v>1518</v>
      </c>
      <c r="I5299" s="5" t="s">
        <v>40939</v>
      </c>
      <c r="J5299" s="2" t="s">
        <v>40940</v>
      </c>
      <c r="K5299" s="5" t="s">
        <v>40939</v>
      </c>
      <c r="L5299" s="2" t="s">
        <v>40940</v>
      </c>
      <c r="M5299" s="5" t="s">
        <v>36266</v>
      </c>
      <c r="N5299" s="5" t="s">
        <v>38</v>
      </c>
      <c r="O5299" s="5" t="s">
        <v>39</v>
      </c>
      <c r="P5299" s="5" t="s">
        <v>40</v>
      </c>
      <c r="Q5299" s="5" t="s">
        <v>1522</v>
      </c>
      <c r="R5299" s="5" t="s">
        <v>1523</v>
      </c>
      <c r="S5299" s="5" t="s">
        <v>42</v>
      </c>
      <c r="T5299" s="2">
        <v>3.4169999999999998</v>
      </c>
      <c r="U5299" s="2">
        <v>2.839</v>
      </c>
      <c r="V5299" s="2">
        <v>1.7999999999999999E-2</v>
      </c>
      <c r="W5299" s="2">
        <v>139.1</v>
      </c>
      <c r="X5299" s="2">
        <v>7.6</v>
      </c>
      <c r="Y5299" s="2">
        <v>16.7</v>
      </c>
      <c r="Z5299" s="5"/>
      <c r="AA5299" s="5" t="s">
        <v>43</v>
      </c>
      <c r="AB5299" s="5" t="s">
        <v>44</v>
      </c>
      <c r="AC5299" s="2"/>
      <c r="AD5299" s="1"/>
    </row>
    <row r="5300" spans="1:30">
      <c r="A5300" s="5" t="s">
        <v>83578</v>
      </c>
      <c r="B5300" s="2" t="s">
        <v>99502</v>
      </c>
      <c r="C5300" s="14" t="s">
        <v>99503</v>
      </c>
      <c r="D5300" s="2" t="s">
        <v>99504</v>
      </c>
      <c r="E5300" s="2" t="s">
        <v>7581</v>
      </c>
      <c r="F5300" s="8">
        <v>333</v>
      </c>
      <c r="G5300" s="5">
        <v>6</v>
      </c>
      <c r="H5300" s="5" t="s">
        <v>1518</v>
      </c>
      <c r="I5300" s="5" t="s">
        <v>40939</v>
      </c>
      <c r="J5300" s="2" t="s">
        <v>40940</v>
      </c>
      <c r="K5300" s="5" t="s">
        <v>40939</v>
      </c>
      <c r="L5300" s="2" t="s">
        <v>40940</v>
      </c>
      <c r="M5300" s="5" t="s">
        <v>36266</v>
      </c>
      <c r="N5300" s="5" t="s">
        <v>38</v>
      </c>
      <c r="O5300" s="5" t="s">
        <v>39</v>
      </c>
      <c r="P5300" s="5" t="s">
        <v>40</v>
      </c>
      <c r="Q5300" s="5" t="s">
        <v>1522</v>
      </c>
      <c r="R5300" s="5" t="s">
        <v>1523</v>
      </c>
      <c r="S5300" s="5" t="s">
        <v>42</v>
      </c>
      <c r="T5300" s="2">
        <v>3.5270000000000001</v>
      </c>
      <c r="U5300" s="2">
        <v>2.9489999999999998</v>
      </c>
      <c r="V5300" s="2">
        <v>1.7999999999999999E-2</v>
      </c>
      <c r="W5300" s="2">
        <v>139.1</v>
      </c>
      <c r="X5300" s="2">
        <v>7.6</v>
      </c>
      <c r="Y5300" s="2">
        <v>16.7</v>
      </c>
      <c r="Z5300" s="5"/>
      <c r="AA5300" s="5" t="s">
        <v>43</v>
      </c>
      <c r="AB5300" s="5" t="s">
        <v>44</v>
      </c>
      <c r="AC5300" s="2"/>
      <c r="AD5300" s="1"/>
    </row>
    <row r="5301" spans="1:30">
      <c r="A5301" s="5" t="s">
        <v>83578</v>
      </c>
      <c r="B5301" s="2" t="s">
        <v>99505</v>
      </c>
      <c r="C5301" s="14" t="s">
        <v>99506</v>
      </c>
      <c r="D5301" s="2" t="s">
        <v>99507</v>
      </c>
      <c r="E5301" s="2" t="s">
        <v>41045</v>
      </c>
      <c r="F5301" s="8">
        <v>333</v>
      </c>
      <c r="G5301" s="5">
        <v>6</v>
      </c>
      <c r="H5301" s="5" t="s">
        <v>1518</v>
      </c>
      <c r="I5301" s="5" t="s">
        <v>40939</v>
      </c>
      <c r="J5301" s="2" t="s">
        <v>40940</v>
      </c>
      <c r="K5301" s="5" t="s">
        <v>40939</v>
      </c>
      <c r="L5301" s="2" t="s">
        <v>40940</v>
      </c>
      <c r="M5301" s="5" t="s">
        <v>36266</v>
      </c>
      <c r="N5301" s="5" t="s">
        <v>38</v>
      </c>
      <c r="O5301" s="5" t="s">
        <v>39</v>
      </c>
      <c r="P5301" s="5" t="s">
        <v>40</v>
      </c>
      <c r="Q5301" s="5" t="s">
        <v>1522</v>
      </c>
      <c r="R5301" s="5" t="s">
        <v>1523</v>
      </c>
      <c r="S5301" s="5" t="s">
        <v>42</v>
      </c>
      <c r="T5301" s="2">
        <v>3.5009999999999999</v>
      </c>
      <c r="U5301" s="2">
        <v>2.923</v>
      </c>
      <c r="V5301" s="2">
        <v>1.7999999999999999E-2</v>
      </c>
      <c r="W5301" s="2">
        <v>139.1</v>
      </c>
      <c r="X5301" s="2">
        <v>7.6</v>
      </c>
      <c r="Y5301" s="2">
        <v>16.7</v>
      </c>
      <c r="Z5301" s="5"/>
      <c r="AA5301" s="5" t="s">
        <v>43</v>
      </c>
      <c r="AB5301" s="5" t="s">
        <v>44</v>
      </c>
      <c r="AC5301" s="2"/>
      <c r="AD5301" s="1"/>
    </row>
    <row r="5302" spans="1:30">
      <c r="A5302" s="5" t="s">
        <v>83578</v>
      </c>
      <c r="B5302" s="2" t="s">
        <v>99508</v>
      </c>
      <c r="C5302" s="14" t="s">
        <v>99509</v>
      </c>
      <c r="D5302" s="2" t="s">
        <v>99510</v>
      </c>
      <c r="E5302" s="2" t="s">
        <v>41049</v>
      </c>
      <c r="F5302" s="8">
        <v>333</v>
      </c>
      <c r="G5302" s="5">
        <v>6</v>
      </c>
      <c r="H5302" s="5" t="s">
        <v>1518</v>
      </c>
      <c r="I5302" s="5" t="s">
        <v>40939</v>
      </c>
      <c r="J5302" s="2" t="s">
        <v>40940</v>
      </c>
      <c r="K5302" s="5" t="s">
        <v>40939</v>
      </c>
      <c r="L5302" s="2" t="s">
        <v>40940</v>
      </c>
      <c r="M5302" s="5" t="s">
        <v>36266</v>
      </c>
      <c r="N5302" s="5" t="s">
        <v>38</v>
      </c>
      <c r="O5302" s="5" t="s">
        <v>39</v>
      </c>
      <c r="P5302" s="5" t="s">
        <v>40</v>
      </c>
      <c r="Q5302" s="5" t="s">
        <v>1522</v>
      </c>
      <c r="R5302" s="5" t="s">
        <v>1523</v>
      </c>
      <c r="S5302" s="5" t="s">
        <v>42</v>
      </c>
      <c r="T5302" s="2">
        <v>3.6110000000000002</v>
      </c>
      <c r="U5302" s="2">
        <v>3.0329999999999999</v>
      </c>
      <c r="V5302" s="2">
        <v>1.7999999999999999E-2</v>
      </c>
      <c r="W5302" s="2">
        <v>139.1</v>
      </c>
      <c r="X5302" s="2">
        <v>7.6</v>
      </c>
      <c r="Y5302" s="2">
        <v>16.7</v>
      </c>
      <c r="Z5302" s="5"/>
      <c r="AA5302" s="5" t="s">
        <v>43</v>
      </c>
      <c r="AB5302" s="5" t="s">
        <v>44</v>
      </c>
      <c r="AC5302" s="2"/>
      <c r="AD5302" s="1"/>
    </row>
    <row r="5303" spans="1:30">
      <c r="A5303" s="5" t="s">
        <v>83578</v>
      </c>
      <c r="B5303" s="2" t="s">
        <v>99511</v>
      </c>
      <c r="C5303" s="14" t="s">
        <v>99512</v>
      </c>
      <c r="D5303" s="2" t="s">
        <v>99513</v>
      </c>
      <c r="E5303" s="2" t="s">
        <v>47266</v>
      </c>
      <c r="F5303" s="8">
        <v>359</v>
      </c>
      <c r="G5303" s="5">
        <v>6</v>
      </c>
      <c r="H5303" s="5" t="s">
        <v>1518</v>
      </c>
      <c r="I5303" s="5" t="s">
        <v>40939</v>
      </c>
      <c r="J5303" s="2" t="s">
        <v>40940</v>
      </c>
      <c r="K5303" s="5" t="s">
        <v>40939</v>
      </c>
      <c r="L5303" s="2" t="s">
        <v>40940</v>
      </c>
      <c r="M5303" s="5" t="s">
        <v>36266</v>
      </c>
      <c r="N5303" s="5" t="s">
        <v>38</v>
      </c>
      <c r="O5303" s="5" t="s">
        <v>39</v>
      </c>
      <c r="P5303" s="5" t="s">
        <v>40</v>
      </c>
      <c r="Q5303" s="5" t="s">
        <v>1522</v>
      </c>
      <c r="R5303" s="5" t="s">
        <v>1523</v>
      </c>
      <c r="S5303" s="5" t="s">
        <v>42</v>
      </c>
      <c r="T5303" s="2">
        <v>3.621</v>
      </c>
      <c r="U5303" s="2">
        <v>3.0489999999999999</v>
      </c>
      <c r="V5303" s="2">
        <v>1.7999999999999999E-2</v>
      </c>
      <c r="W5303" s="2">
        <v>139.1</v>
      </c>
      <c r="X5303" s="2">
        <v>7.6</v>
      </c>
      <c r="Y5303" s="2">
        <v>16.7</v>
      </c>
      <c r="Z5303" s="5"/>
      <c r="AA5303" s="5" t="s">
        <v>43</v>
      </c>
      <c r="AB5303" s="5" t="s">
        <v>44</v>
      </c>
      <c r="AC5303" s="2"/>
      <c r="AD5303" s="1"/>
    </row>
    <row r="5304" spans="1:30">
      <c r="A5304" s="5" t="s">
        <v>83578</v>
      </c>
      <c r="B5304" s="2" t="s">
        <v>99514</v>
      </c>
      <c r="C5304" s="14" t="s">
        <v>99515</v>
      </c>
      <c r="D5304" s="2" t="s">
        <v>99516</v>
      </c>
      <c r="E5304" s="2" t="s">
        <v>47195</v>
      </c>
      <c r="F5304" s="8">
        <v>359</v>
      </c>
      <c r="G5304" s="5">
        <v>6</v>
      </c>
      <c r="H5304" s="5" t="s">
        <v>1518</v>
      </c>
      <c r="I5304" s="5" t="s">
        <v>40939</v>
      </c>
      <c r="J5304" s="2" t="s">
        <v>40940</v>
      </c>
      <c r="K5304" s="5" t="s">
        <v>40939</v>
      </c>
      <c r="L5304" s="2" t="s">
        <v>40940</v>
      </c>
      <c r="M5304" s="5" t="s">
        <v>36266</v>
      </c>
      <c r="N5304" s="5" t="s">
        <v>38</v>
      </c>
      <c r="O5304" s="5" t="s">
        <v>39</v>
      </c>
      <c r="P5304" s="5" t="s">
        <v>40</v>
      </c>
      <c r="Q5304" s="5" t="s">
        <v>1522</v>
      </c>
      <c r="R5304" s="5" t="s">
        <v>1523</v>
      </c>
      <c r="S5304" s="5" t="s">
        <v>42</v>
      </c>
      <c r="T5304" s="2">
        <v>3.7410000000000001</v>
      </c>
      <c r="U5304" s="2">
        <v>3.169</v>
      </c>
      <c r="V5304" s="2">
        <v>1.7999999999999999E-2</v>
      </c>
      <c r="W5304" s="2">
        <v>139.1</v>
      </c>
      <c r="X5304" s="2">
        <v>7.6</v>
      </c>
      <c r="Y5304" s="2">
        <v>16.7</v>
      </c>
      <c r="Z5304" s="5"/>
      <c r="AA5304" s="5" t="s">
        <v>43</v>
      </c>
      <c r="AB5304" s="5" t="s">
        <v>44</v>
      </c>
      <c r="AC5304" s="2"/>
      <c r="AD5304" s="1"/>
    </row>
    <row r="5305" spans="1:30">
      <c r="A5305" s="5" t="s">
        <v>83578</v>
      </c>
      <c r="B5305" s="2" t="s">
        <v>99517</v>
      </c>
      <c r="C5305" s="14" t="s">
        <v>99518</v>
      </c>
      <c r="D5305" s="2" t="s">
        <v>99519</v>
      </c>
      <c r="E5305" s="2" t="s">
        <v>7208</v>
      </c>
      <c r="F5305" s="8">
        <v>329</v>
      </c>
      <c r="G5305" s="5">
        <v>6</v>
      </c>
      <c r="H5305" s="5" t="s">
        <v>1518</v>
      </c>
      <c r="I5305" s="5" t="s">
        <v>40939</v>
      </c>
      <c r="J5305" s="2" t="s">
        <v>40940</v>
      </c>
      <c r="K5305" s="5" t="s">
        <v>40939</v>
      </c>
      <c r="L5305" s="2" t="s">
        <v>40940</v>
      </c>
      <c r="M5305" s="5" t="s">
        <v>36266</v>
      </c>
      <c r="N5305" s="5" t="s">
        <v>38</v>
      </c>
      <c r="O5305" s="5" t="s">
        <v>39</v>
      </c>
      <c r="P5305" s="5" t="s">
        <v>40</v>
      </c>
      <c r="Q5305" s="5" t="s">
        <v>1522</v>
      </c>
      <c r="R5305" s="5" t="s">
        <v>1523</v>
      </c>
      <c r="S5305" s="5" t="s">
        <v>42</v>
      </c>
      <c r="T5305" s="2">
        <v>3.637</v>
      </c>
      <c r="U5305" s="2">
        <v>3.0649999999999999</v>
      </c>
      <c r="V5305" s="2">
        <v>1.7999999999999999E-2</v>
      </c>
      <c r="W5305" s="2">
        <v>139.1</v>
      </c>
      <c r="X5305" s="2">
        <v>7.6</v>
      </c>
      <c r="Y5305" s="2">
        <v>16.7</v>
      </c>
      <c r="Z5305" s="5"/>
      <c r="AA5305" s="5" t="s">
        <v>43</v>
      </c>
      <c r="AB5305" s="5" t="s">
        <v>44</v>
      </c>
      <c r="AC5305" s="2"/>
      <c r="AD5305" s="1"/>
    </row>
    <row r="5306" spans="1:30">
      <c r="A5306" s="5" t="s">
        <v>83578</v>
      </c>
      <c r="B5306" s="2" t="s">
        <v>99520</v>
      </c>
      <c r="C5306" s="14" t="s">
        <v>99521</v>
      </c>
      <c r="D5306" s="2" t="s">
        <v>99522</v>
      </c>
      <c r="E5306" s="2" t="s">
        <v>7521</v>
      </c>
      <c r="F5306" s="8">
        <v>329</v>
      </c>
      <c r="G5306" s="5">
        <v>6</v>
      </c>
      <c r="H5306" s="5" t="s">
        <v>1518</v>
      </c>
      <c r="I5306" s="5" t="s">
        <v>40939</v>
      </c>
      <c r="J5306" s="2" t="s">
        <v>40940</v>
      </c>
      <c r="K5306" s="5" t="s">
        <v>40939</v>
      </c>
      <c r="L5306" s="2" t="s">
        <v>40940</v>
      </c>
      <c r="M5306" s="5" t="s">
        <v>36266</v>
      </c>
      <c r="N5306" s="5" t="s">
        <v>38</v>
      </c>
      <c r="O5306" s="5" t="s">
        <v>39</v>
      </c>
      <c r="P5306" s="5" t="s">
        <v>40</v>
      </c>
      <c r="Q5306" s="5" t="s">
        <v>1522</v>
      </c>
      <c r="R5306" s="5" t="s">
        <v>1523</v>
      </c>
      <c r="S5306" s="5" t="s">
        <v>42</v>
      </c>
      <c r="T5306" s="2">
        <v>3.7570000000000001</v>
      </c>
      <c r="U5306" s="2">
        <v>3.1850000000000001</v>
      </c>
      <c r="V5306" s="2">
        <v>1.7999999999999999E-2</v>
      </c>
      <c r="W5306" s="2">
        <v>139.1</v>
      </c>
      <c r="X5306" s="2">
        <v>7.6</v>
      </c>
      <c r="Y5306" s="2">
        <v>16.7</v>
      </c>
      <c r="Z5306" s="5"/>
      <c r="AA5306" s="5" t="s">
        <v>43</v>
      </c>
      <c r="AB5306" s="5" t="s">
        <v>44</v>
      </c>
      <c r="AC5306" s="2"/>
      <c r="AD5306" s="1"/>
    </row>
    <row r="5307" spans="1:30">
      <c r="A5307" s="5" t="s">
        <v>83578</v>
      </c>
      <c r="B5307" s="2" t="s">
        <v>99523</v>
      </c>
      <c r="C5307" s="14" t="s">
        <v>99524</v>
      </c>
      <c r="D5307" s="2" t="s">
        <v>99525</v>
      </c>
      <c r="E5307" s="2" t="s">
        <v>36273</v>
      </c>
      <c r="F5307" s="8">
        <v>329</v>
      </c>
      <c r="G5307" s="5">
        <v>6</v>
      </c>
      <c r="H5307" s="5" t="s">
        <v>1518</v>
      </c>
      <c r="I5307" s="5" t="s">
        <v>40939</v>
      </c>
      <c r="J5307" s="2" t="s">
        <v>40940</v>
      </c>
      <c r="K5307" s="5" t="s">
        <v>40939</v>
      </c>
      <c r="L5307" s="2" t="s">
        <v>40940</v>
      </c>
      <c r="M5307" s="5" t="s">
        <v>36266</v>
      </c>
      <c r="N5307" s="5" t="s">
        <v>38</v>
      </c>
      <c r="O5307" s="5" t="s">
        <v>39</v>
      </c>
      <c r="P5307" s="5" t="s">
        <v>40</v>
      </c>
      <c r="Q5307" s="5" t="s">
        <v>1522</v>
      </c>
      <c r="R5307" s="5" t="s">
        <v>1523</v>
      </c>
      <c r="S5307" s="5" t="s">
        <v>42</v>
      </c>
      <c r="T5307" s="2">
        <v>3.6680000000000001</v>
      </c>
      <c r="U5307" s="2">
        <v>3.0960000000000001</v>
      </c>
      <c r="V5307" s="2">
        <v>1.7999999999999999E-2</v>
      </c>
      <c r="W5307" s="2">
        <v>139.1</v>
      </c>
      <c r="X5307" s="2">
        <v>7.6</v>
      </c>
      <c r="Y5307" s="2">
        <v>16.7</v>
      </c>
      <c r="Z5307" s="5"/>
      <c r="AA5307" s="5" t="s">
        <v>43</v>
      </c>
      <c r="AB5307" s="5" t="s">
        <v>44</v>
      </c>
      <c r="AC5307" s="2"/>
      <c r="AD5307" s="1"/>
    </row>
    <row r="5308" spans="1:30">
      <c r="A5308" s="5" t="s">
        <v>83578</v>
      </c>
      <c r="B5308" s="2" t="s">
        <v>99526</v>
      </c>
      <c r="C5308" s="14" t="s">
        <v>99527</v>
      </c>
      <c r="D5308" s="2" t="s">
        <v>99528</v>
      </c>
      <c r="E5308" s="2" t="s">
        <v>36277</v>
      </c>
      <c r="F5308" s="8">
        <v>329</v>
      </c>
      <c r="G5308" s="5">
        <v>6</v>
      </c>
      <c r="H5308" s="5" t="s">
        <v>1518</v>
      </c>
      <c r="I5308" s="5" t="s">
        <v>40939</v>
      </c>
      <c r="J5308" s="2" t="s">
        <v>40940</v>
      </c>
      <c r="K5308" s="5" t="s">
        <v>40939</v>
      </c>
      <c r="L5308" s="2" t="s">
        <v>40940</v>
      </c>
      <c r="M5308" s="5" t="s">
        <v>36266</v>
      </c>
      <c r="N5308" s="5" t="s">
        <v>38</v>
      </c>
      <c r="O5308" s="5" t="s">
        <v>39</v>
      </c>
      <c r="P5308" s="5" t="s">
        <v>40</v>
      </c>
      <c r="Q5308" s="5" t="s">
        <v>1522</v>
      </c>
      <c r="R5308" s="5" t="s">
        <v>1523</v>
      </c>
      <c r="S5308" s="5" t="s">
        <v>42</v>
      </c>
      <c r="T5308" s="2">
        <v>3.7879999999999998</v>
      </c>
      <c r="U5308" s="2">
        <v>3.2160000000000002</v>
      </c>
      <c r="V5308" s="2">
        <v>1.7999999999999999E-2</v>
      </c>
      <c r="W5308" s="2">
        <v>139.1</v>
      </c>
      <c r="X5308" s="2">
        <v>7.6</v>
      </c>
      <c r="Y5308" s="2">
        <v>16.7</v>
      </c>
      <c r="Z5308" s="5"/>
      <c r="AA5308" s="5" t="s">
        <v>43</v>
      </c>
      <c r="AB5308" s="5" t="s">
        <v>44</v>
      </c>
      <c r="AC5308" s="2"/>
      <c r="AD5308" s="1"/>
    </row>
    <row r="5309" spans="1:30">
      <c r="A5309" s="5" t="s">
        <v>83578</v>
      </c>
      <c r="B5309" s="2" t="s">
        <v>99529</v>
      </c>
      <c r="C5309" s="14" t="s">
        <v>99530</v>
      </c>
      <c r="D5309" s="2" t="s">
        <v>99531</v>
      </c>
      <c r="E5309" s="2" t="s">
        <v>40967</v>
      </c>
      <c r="F5309" s="8">
        <v>359</v>
      </c>
      <c r="G5309" s="5">
        <v>6</v>
      </c>
      <c r="H5309" s="5" t="s">
        <v>1518</v>
      </c>
      <c r="I5309" s="5" t="s">
        <v>40939</v>
      </c>
      <c r="J5309" s="2" t="s">
        <v>40940</v>
      </c>
      <c r="K5309" s="5" t="s">
        <v>40939</v>
      </c>
      <c r="L5309" s="2" t="s">
        <v>40940</v>
      </c>
      <c r="M5309" s="5" t="s">
        <v>36266</v>
      </c>
      <c r="N5309" s="5" t="s">
        <v>38</v>
      </c>
      <c r="O5309" s="5" t="s">
        <v>39</v>
      </c>
      <c r="P5309" s="5" t="s">
        <v>40</v>
      </c>
      <c r="Q5309" s="5" t="s">
        <v>1522</v>
      </c>
      <c r="R5309" s="5" t="s">
        <v>1523</v>
      </c>
      <c r="S5309" s="5" t="s">
        <v>42</v>
      </c>
      <c r="T5309" s="2">
        <v>3.637</v>
      </c>
      <c r="U5309" s="2">
        <v>3.0649999999999999</v>
      </c>
      <c r="V5309" s="2">
        <v>1.7999999999999999E-2</v>
      </c>
      <c r="W5309" s="2">
        <v>139.1</v>
      </c>
      <c r="X5309" s="2">
        <v>7.6</v>
      </c>
      <c r="Y5309" s="2">
        <v>16.7</v>
      </c>
      <c r="Z5309" s="5"/>
      <c r="AA5309" s="5" t="s">
        <v>43</v>
      </c>
      <c r="AB5309" s="5" t="s">
        <v>44</v>
      </c>
      <c r="AC5309" s="2"/>
      <c r="AD5309" s="1"/>
    </row>
    <row r="5310" spans="1:30">
      <c r="A5310" s="5" t="s">
        <v>83578</v>
      </c>
      <c r="B5310" s="2" t="s">
        <v>99532</v>
      </c>
      <c r="C5310" s="14" t="s">
        <v>99533</v>
      </c>
      <c r="D5310" s="2" t="s">
        <v>99534</v>
      </c>
      <c r="E5310" s="2" t="s">
        <v>40971</v>
      </c>
      <c r="F5310" s="8">
        <v>359</v>
      </c>
      <c r="G5310" s="5">
        <v>6</v>
      </c>
      <c r="H5310" s="5" t="s">
        <v>1518</v>
      </c>
      <c r="I5310" s="5" t="s">
        <v>40939</v>
      </c>
      <c r="J5310" s="2" t="s">
        <v>40940</v>
      </c>
      <c r="K5310" s="5" t="s">
        <v>40939</v>
      </c>
      <c r="L5310" s="2" t="s">
        <v>40940</v>
      </c>
      <c r="M5310" s="5" t="s">
        <v>36266</v>
      </c>
      <c r="N5310" s="5" t="s">
        <v>38</v>
      </c>
      <c r="O5310" s="5" t="s">
        <v>39</v>
      </c>
      <c r="P5310" s="5" t="s">
        <v>40</v>
      </c>
      <c r="Q5310" s="5" t="s">
        <v>1522</v>
      </c>
      <c r="R5310" s="5" t="s">
        <v>1523</v>
      </c>
      <c r="S5310" s="5" t="s">
        <v>42</v>
      </c>
      <c r="T5310" s="2">
        <v>3.7570000000000001</v>
      </c>
      <c r="U5310" s="2">
        <v>3.1850000000000001</v>
      </c>
      <c r="V5310" s="2">
        <v>1.7999999999999999E-2</v>
      </c>
      <c r="W5310" s="2">
        <v>139.1</v>
      </c>
      <c r="X5310" s="2">
        <v>7.6</v>
      </c>
      <c r="Y5310" s="2">
        <v>16.7</v>
      </c>
      <c r="Z5310" s="5"/>
      <c r="AA5310" s="5" t="s">
        <v>43</v>
      </c>
      <c r="AB5310" s="5" t="s">
        <v>44</v>
      </c>
      <c r="AC5310" s="2"/>
      <c r="AD5310" s="1"/>
    </row>
    <row r="5311" spans="1:30">
      <c r="A5311" s="5" t="s">
        <v>83578</v>
      </c>
      <c r="B5311" s="2" t="s">
        <v>99535</v>
      </c>
      <c r="C5311" s="14" t="s">
        <v>99536</v>
      </c>
      <c r="D5311" s="2" t="s">
        <v>99537</v>
      </c>
      <c r="E5311" s="2" t="s">
        <v>47226</v>
      </c>
      <c r="F5311" s="8">
        <v>359</v>
      </c>
      <c r="G5311" s="5">
        <v>6</v>
      </c>
      <c r="H5311" s="5" t="s">
        <v>1518</v>
      </c>
      <c r="I5311" s="5" t="s">
        <v>40939</v>
      </c>
      <c r="J5311" s="2" t="s">
        <v>40940</v>
      </c>
      <c r="K5311" s="5" t="s">
        <v>40939</v>
      </c>
      <c r="L5311" s="2" t="s">
        <v>40940</v>
      </c>
      <c r="M5311" s="5" t="s">
        <v>36266</v>
      </c>
      <c r="N5311" s="5" t="s">
        <v>38</v>
      </c>
      <c r="O5311" s="5" t="s">
        <v>39</v>
      </c>
      <c r="P5311" s="5" t="s">
        <v>40</v>
      </c>
      <c r="Q5311" s="5" t="s">
        <v>1522</v>
      </c>
      <c r="R5311" s="5" t="s">
        <v>1523</v>
      </c>
      <c r="S5311" s="5" t="s">
        <v>42</v>
      </c>
      <c r="T5311" s="2">
        <v>3.637</v>
      </c>
      <c r="U5311" s="2">
        <v>3.0649999999999999</v>
      </c>
      <c r="V5311" s="2">
        <v>1.7999999999999999E-2</v>
      </c>
      <c r="W5311" s="2">
        <v>139.1</v>
      </c>
      <c r="X5311" s="2">
        <v>7.6</v>
      </c>
      <c r="Y5311" s="2">
        <v>16.7</v>
      </c>
      <c r="Z5311" s="5"/>
      <c r="AA5311" s="5" t="s">
        <v>43</v>
      </c>
      <c r="AB5311" s="5" t="s">
        <v>44</v>
      </c>
      <c r="AC5311" s="2"/>
      <c r="AD5311" s="1"/>
    </row>
    <row r="5312" spans="1:30">
      <c r="A5312" s="5" t="s">
        <v>83578</v>
      </c>
      <c r="B5312" s="2" t="s">
        <v>99538</v>
      </c>
      <c r="C5312" s="14" t="s">
        <v>99539</v>
      </c>
      <c r="D5312" s="2" t="s">
        <v>99540</v>
      </c>
      <c r="E5312" s="2" t="s">
        <v>47735</v>
      </c>
      <c r="F5312" s="8">
        <v>359</v>
      </c>
      <c r="G5312" s="5">
        <v>6</v>
      </c>
      <c r="H5312" s="5" t="s">
        <v>1518</v>
      </c>
      <c r="I5312" s="5" t="s">
        <v>40939</v>
      </c>
      <c r="J5312" s="2" t="s">
        <v>40940</v>
      </c>
      <c r="K5312" s="5" t="s">
        <v>40939</v>
      </c>
      <c r="L5312" s="2" t="s">
        <v>40940</v>
      </c>
      <c r="M5312" s="5" t="s">
        <v>36266</v>
      </c>
      <c r="N5312" s="5" t="s">
        <v>38</v>
      </c>
      <c r="O5312" s="5" t="s">
        <v>39</v>
      </c>
      <c r="P5312" s="5" t="s">
        <v>40</v>
      </c>
      <c r="Q5312" s="5" t="s">
        <v>1522</v>
      </c>
      <c r="R5312" s="5" t="s">
        <v>1523</v>
      </c>
      <c r="S5312" s="5" t="s">
        <v>42</v>
      </c>
      <c r="T5312" s="2">
        <v>3.7570000000000001</v>
      </c>
      <c r="U5312" s="2">
        <v>3.1850000000000001</v>
      </c>
      <c r="V5312" s="2">
        <v>1.7999999999999999E-2</v>
      </c>
      <c r="W5312" s="2">
        <v>139.1</v>
      </c>
      <c r="X5312" s="2">
        <v>7.6</v>
      </c>
      <c r="Y5312" s="2">
        <v>16.7</v>
      </c>
      <c r="Z5312" s="5"/>
      <c r="AA5312" s="5" t="s">
        <v>43</v>
      </c>
      <c r="AB5312" s="5" t="s">
        <v>44</v>
      </c>
      <c r="AC5312" s="2"/>
      <c r="AD5312" s="1"/>
    </row>
    <row r="5313" spans="1:30">
      <c r="A5313" s="5" t="s">
        <v>83578</v>
      </c>
      <c r="B5313" s="2" t="s">
        <v>99541</v>
      </c>
      <c r="C5313" s="14" t="s">
        <v>99542</v>
      </c>
      <c r="D5313" s="2" t="s">
        <v>99543</v>
      </c>
      <c r="E5313" s="2" t="s">
        <v>7539</v>
      </c>
      <c r="F5313" s="8">
        <v>359</v>
      </c>
      <c r="G5313" s="5">
        <v>6</v>
      </c>
      <c r="H5313" s="5" t="s">
        <v>1518</v>
      </c>
      <c r="I5313" s="5" t="s">
        <v>40939</v>
      </c>
      <c r="J5313" s="2" t="s">
        <v>40940</v>
      </c>
      <c r="K5313" s="5" t="s">
        <v>40939</v>
      </c>
      <c r="L5313" s="2" t="s">
        <v>40940</v>
      </c>
      <c r="M5313" s="5" t="s">
        <v>36266</v>
      </c>
      <c r="N5313" s="5" t="s">
        <v>38</v>
      </c>
      <c r="O5313" s="5" t="s">
        <v>39</v>
      </c>
      <c r="P5313" s="5" t="s">
        <v>40</v>
      </c>
      <c r="Q5313" s="5" t="s">
        <v>1522</v>
      </c>
      <c r="R5313" s="5" t="s">
        <v>1523</v>
      </c>
      <c r="S5313" s="5" t="s">
        <v>42</v>
      </c>
      <c r="T5313" s="2">
        <v>3.5569999999999999</v>
      </c>
      <c r="U5313" s="2">
        <v>2.9849999999999999</v>
      </c>
      <c r="V5313" s="2">
        <v>1.7999999999999999E-2</v>
      </c>
      <c r="W5313" s="2">
        <v>139.1</v>
      </c>
      <c r="X5313" s="2">
        <v>7.6</v>
      </c>
      <c r="Y5313" s="2">
        <v>16.7</v>
      </c>
      <c r="Z5313" s="5"/>
      <c r="AA5313" s="5" t="s">
        <v>43</v>
      </c>
      <c r="AB5313" s="5" t="s">
        <v>44</v>
      </c>
      <c r="AC5313" s="2"/>
      <c r="AD5313" s="1"/>
    </row>
    <row r="5314" spans="1:30">
      <c r="A5314" s="5" t="s">
        <v>83578</v>
      </c>
      <c r="B5314" s="2" t="s">
        <v>99544</v>
      </c>
      <c r="C5314" s="14" t="s">
        <v>99545</v>
      </c>
      <c r="D5314" s="2" t="s">
        <v>99546</v>
      </c>
      <c r="E5314" s="2" t="s">
        <v>7543</v>
      </c>
      <c r="F5314" s="8">
        <v>359</v>
      </c>
      <c r="G5314" s="5">
        <v>6</v>
      </c>
      <c r="H5314" s="5" t="s">
        <v>1518</v>
      </c>
      <c r="I5314" s="5" t="s">
        <v>40939</v>
      </c>
      <c r="J5314" s="2" t="s">
        <v>40940</v>
      </c>
      <c r="K5314" s="5" t="s">
        <v>40939</v>
      </c>
      <c r="L5314" s="2" t="s">
        <v>40940</v>
      </c>
      <c r="M5314" s="5" t="s">
        <v>36266</v>
      </c>
      <c r="N5314" s="5" t="s">
        <v>38</v>
      </c>
      <c r="O5314" s="5" t="s">
        <v>39</v>
      </c>
      <c r="P5314" s="5" t="s">
        <v>40</v>
      </c>
      <c r="Q5314" s="5" t="s">
        <v>1522</v>
      </c>
      <c r="R5314" s="5" t="s">
        <v>1523</v>
      </c>
      <c r="S5314" s="5" t="s">
        <v>42</v>
      </c>
      <c r="T5314" s="2">
        <v>3.677</v>
      </c>
      <c r="U5314" s="2">
        <v>3.105</v>
      </c>
      <c r="V5314" s="2">
        <v>1.7999999999999999E-2</v>
      </c>
      <c r="W5314" s="2">
        <v>139.1</v>
      </c>
      <c r="X5314" s="2">
        <v>7.6</v>
      </c>
      <c r="Y5314" s="2">
        <v>16.7</v>
      </c>
      <c r="Z5314" s="5"/>
      <c r="AA5314" s="5" t="s">
        <v>43</v>
      </c>
      <c r="AB5314" s="5" t="s">
        <v>44</v>
      </c>
      <c r="AC5314" s="2"/>
      <c r="AD5314" s="1"/>
    </row>
    <row r="5315" spans="1:30">
      <c r="A5315" s="5" t="s">
        <v>83578</v>
      </c>
      <c r="B5315" s="2" t="s">
        <v>99547</v>
      </c>
      <c r="C5315" s="14" t="s">
        <v>99548</v>
      </c>
      <c r="D5315" s="2" t="s">
        <v>99549</v>
      </c>
      <c r="E5315" s="2" t="s">
        <v>40993</v>
      </c>
      <c r="F5315" s="8">
        <v>359</v>
      </c>
      <c r="G5315" s="5">
        <v>6</v>
      </c>
      <c r="H5315" s="5" t="s">
        <v>1518</v>
      </c>
      <c r="I5315" s="5" t="s">
        <v>40939</v>
      </c>
      <c r="J5315" s="2" t="s">
        <v>40940</v>
      </c>
      <c r="K5315" s="5" t="s">
        <v>40939</v>
      </c>
      <c r="L5315" s="2" t="s">
        <v>40940</v>
      </c>
      <c r="M5315" s="5" t="s">
        <v>36266</v>
      </c>
      <c r="N5315" s="5" t="s">
        <v>38</v>
      </c>
      <c r="O5315" s="5" t="s">
        <v>39</v>
      </c>
      <c r="P5315" s="5" t="s">
        <v>40</v>
      </c>
      <c r="Q5315" s="5" t="s">
        <v>1522</v>
      </c>
      <c r="R5315" s="5" t="s">
        <v>1523</v>
      </c>
      <c r="S5315" s="5" t="s">
        <v>42</v>
      </c>
      <c r="T5315" s="2">
        <v>3.7570000000000001</v>
      </c>
      <c r="U5315" s="2">
        <v>3.1850000000000001</v>
      </c>
      <c r="V5315" s="2">
        <v>1.7999999999999999E-2</v>
      </c>
      <c r="W5315" s="2">
        <v>139.1</v>
      </c>
      <c r="X5315" s="2">
        <v>7.6</v>
      </c>
      <c r="Y5315" s="2">
        <v>16.7</v>
      </c>
      <c r="Z5315" s="5"/>
      <c r="AA5315" s="5" t="s">
        <v>43</v>
      </c>
      <c r="AB5315" s="5" t="s">
        <v>44</v>
      </c>
      <c r="AC5315" s="2"/>
      <c r="AD5315" s="1"/>
    </row>
    <row r="5316" spans="1:30">
      <c r="A5316" s="5" t="s">
        <v>83578</v>
      </c>
      <c r="B5316" s="2" t="s">
        <v>99550</v>
      </c>
      <c r="C5316" s="14" t="s">
        <v>99551</v>
      </c>
      <c r="D5316" s="2" t="s">
        <v>99552</v>
      </c>
      <c r="E5316" s="2" t="s">
        <v>40997</v>
      </c>
      <c r="F5316" s="8">
        <v>359</v>
      </c>
      <c r="G5316" s="5">
        <v>6</v>
      </c>
      <c r="H5316" s="5" t="s">
        <v>1518</v>
      </c>
      <c r="I5316" s="5" t="s">
        <v>40939</v>
      </c>
      <c r="J5316" s="2" t="s">
        <v>40940</v>
      </c>
      <c r="K5316" s="5" t="s">
        <v>40939</v>
      </c>
      <c r="L5316" s="2" t="s">
        <v>40940</v>
      </c>
      <c r="M5316" s="5" t="s">
        <v>36266</v>
      </c>
      <c r="N5316" s="5" t="s">
        <v>38</v>
      </c>
      <c r="O5316" s="5" t="s">
        <v>39</v>
      </c>
      <c r="P5316" s="5" t="s">
        <v>40</v>
      </c>
      <c r="Q5316" s="5" t="s">
        <v>1522</v>
      </c>
      <c r="R5316" s="5" t="s">
        <v>1523</v>
      </c>
      <c r="S5316" s="5" t="s">
        <v>42</v>
      </c>
      <c r="T5316" s="2">
        <v>3.573</v>
      </c>
      <c r="U5316" s="2">
        <v>3.0009999999999999</v>
      </c>
      <c r="V5316" s="2">
        <v>1.7999999999999999E-2</v>
      </c>
      <c r="W5316" s="2">
        <v>139.1</v>
      </c>
      <c r="X5316" s="2">
        <v>7.6</v>
      </c>
      <c r="Y5316" s="2">
        <v>16.7</v>
      </c>
      <c r="Z5316" s="5"/>
      <c r="AA5316" s="5" t="s">
        <v>43</v>
      </c>
      <c r="AB5316" s="5" t="s">
        <v>44</v>
      </c>
      <c r="AC5316" s="2"/>
      <c r="AD5316" s="1"/>
    </row>
    <row r="5317" spans="1:30">
      <c r="A5317" s="5" t="s">
        <v>83578</v>
      </c>
      <c r="B5317" s="2" t="s">
        <v>99553</v>
      </c>
      <c r="C5317" s="14" t="s">
        <v>99554</v>
      </c>
      <c r="D5317" s="2" t="s">
        <v>99555</v>
      </c>
      <c r="E5317" s="2" t="s">
        <v>41267</v>
      </c>
      <c r="F5317" s="8">
        <v>359</v>
      </c>
      <c r="G5317" s="5">
        <v>6</v>
      </c>
      <c r="H5317" s="5" t="s">
        <v>1518</v>
      </c>
      <c r="I5317" s="5" t="s">
        <v>40939</v>
      </c>
      <c r="J5317" s="2" t="s">
        <v>40940</v>
      </c>
      <c r="K5317" s="5" t="s">
        <v>40939</v>
      </c>
      <c r="L5317" s="2" t="s">
        <v>40940</v>
      </c>
      <c r="M5317" s="5" t="s">
        <v>36266</v>
      </c>
      <c r="N5317" s="5" t="s">
        <v>38</v>
      </c>
      <c r="O5317" s="5" t="s">
        <v>39</v>
      </c>
      <c r="P5317" s="5" t="s">
        <v>40</v>
      </c>
      <c r="Q5317" s="5" t="s">
        <v>1522</v>
      </c>
      <c r="R5317" s="5" t="s">
        <v>1523</v>
      </c>
      <c r="S5317" s="5" t="s">
        <v>42</v>
      </c>
      <c r="T5317" s="2">
        <v>3.6930000000000001</v>
      </c>
      <c r="U5317" s="2">
        <v>3.121</v>
      </c>
      <c r="V5317" s="2">
        <v>1.7999999999999999E-2</v>
      </c>
      <c r="W5317" s="2">
        <v>139.1</v>
      </c>
      <c r="X5317" s="2">
        <v>7.6</v>
      </c>
      <c r="Y5317" s="2">
        <v>16.7</v>
      </c>
      <c r="Z5317" s="5"/>
      <c r="AA5317" s="5" t="s">
        <v>43</v>
      </c>
      <c r="AB5317" s="5" t="s">
        <v>44</v>
      </c>
      <c r="AC5317" s="2"/>
      <c r="AD5317" s="1"/>
    </row>
    <row r="5318" spans="1:30">
      <c r="A5318" s="5" t="s">
        <v>83578</v>
      </c>
      <c r="B5318" s="2" t="s">
        <v>99556</v>
      </c>
      <c r="C5318" s="14" t="s">
        <v>99557</v>
      </c>
      <c r="D5318" s="2" t="s">
        <v>99558</v>
      </c>
      <c r="E5318" s="2" t="s">
        <v>41001</v>
      </c>
      <c r="F5318" s="8">
        <v>359</v>
      </c>
      <c r="G5318" s="5">
        <v>6</v>
      </c>
      <c r="H5318" s="5" t="s">
        <v>1518</v>
      </c>
      <c r="I5318" s="5" t="s">
        <v>40939</v>
      </c>
      <c r="J5318" s="2" t="s">
        <v>40940</v>
      </c>
      <c r="K5318" s="5" t="s">
        <v>40939</v>
      </c>
      <c r="L5318" s="2" t="s">
        <v>40940</v>
      </c>
      <c r="M5318" s="5" t="s">
        <v>36266</v>
      </c>
      <c r="N5318" s="5" t="s">
        <v>38</v>
      </c>
      <c r="O5318" s="5" t="s">
        <v>39</v>
      </c>
      <c r="P5318" s="5" t="s">
        <v>40</v>
      </c>
      <c r="Q5318" s="5" t="s">
        <v>1522</v>
      </c>
      <c r="R5318" s="5" t="s">
        <v>1523</v>
      </c>
      <c r="S5318" s="5" t="s">
        <v>42</v>
      </c>
      <c r="T5318" s="2">
        <v>3.637</v>
      </c>
      <c r="U5318" s="2">
        <v>3.0649999999999999</v>
      </c>
      <c r="V5318" s="2">
        <v>1.7999999999999999E-2</v>
      </c>
      <c r="W5318" s="2">
        <v>139.1</v>
      </c>
      <c r="X5318" s="2">
        <v>7.6</v>
      </c>
      <c r="Y5318" s="2">
        <v>16.7</v>
      </c>
      <c r="Z5318" s="5"/>
      <c r="AA5318" s="5" t="s">
        <v>43</v>
      </c>
      <c r="AB5318" s="5" t="s">
        <v>44</v>
      </c>
      <c r="AC5318" s="2"/>
      <c r="AD5318" s="1"/>
    </row>
    <row r="5319" spans="1:30">
      <c r="A5319" s="5" t="s">
        <v>83578</v>
      </c>
      <c r="B5319" s="2" t="s">
        <v>99559</v>
      </c>
      <c r="C5319" s="14" t="s">
        <v>99560</v>
      </c>
      <c r="D5319" s="2" t="s">
        <v>99561</v>
      </c>
      <c r="E5319" s="2" t="s">
        <v>41005</v>
      </c>
      <c r="F5319" s="8">
        <v>359</v>
      </c>
      <c r="G5319" s="5">
        <v>6</v>
      </c>
      <c r="H5319" s="5" t="s">
        <v>1518</v>
      </c>
      <c r="I5319" s="5" t="s">
        <v>40939</v>
      </c>
      <c r="J5319" s="2" t="s">
        <v>40940</v>
      </c>
      <c r="K5319" s="5" t="s">
        <v>40939</v>
      </c>
      <c r="L5319" s="2" t="s">
        <v>40940</v>
      </c>
      <c r="M5319" s="5" t="s">
        <v>36266</v>
      </c>
      <c r="N5319" s="5" t="s">
        <v>38</v>
      </c>
      <c r="O5319" s="5" t="s">
        <v>39</v>
      </c>
      <c r="P5319" s="5" t="s">
        <v>40</v>
      </c>
      <c r="Q5319" s="5" t="s">
        <v>1522</v>
      </c>
      <c r="R5319" s="5" t="s">
        <v>1523</v>
      </c>
      <c r="S5319" s="5" t="s">
        <v>42</v>
      </c>
      <c r="T5319" s="2">
        <v>3.7570000000000001</v>
      </c>
      <c r="U5319" s="2">
        <v>3.1850000000000001</v>
      </c>
      <c r="V5319" s="2">
        <v>1.7999999999999999E-2</v>
      </c>
      <c r="W5319" s="2">
        <v>139.1</v>
      </c>
      <c r="X5319" s="2">
        <v>7.6</v>
      </c>
      <c r="Y5319" s="2">
        <v>16.7</v>
      </c>
      <c r="Z5319" s="5"/>
      <c r="AA5319" s="5" t="s">
        <v>43</v>
      </c>
      <c r="AB5319" s="5" t="s">
        <v>44</v>
      </c>
      <c r="AC5319" s="2"/>
      <c r="AD5319" s="1"/>
    </row>
    <row r="5320" spans="1:30">
      <c r="A5320" s="5" t="s">
        <v>83578</v>
      </c>
      <c r="B5320" s="2" t="s">
        <v>99562</v>
      </c>
      <c r="C5320" s="14" t="s">
        <v>99563</v>
      </c>
      <c r="D5320" s="2" t="s">
        <v>99564</v>
      </c>
      <c r="E5320" s="2" t="s">
        <v>41009</v>
      </c>
      <c r="F5320" s="8">
        <v>359</v>
      </c>
      <c r="G5320" s="5">
        <v>6</v>
      </c>
      <c r="H5320" s="5" t="s">
        <v>1518</v>
      </c>
      <c r="I5320" s="5" t="s">
        <v>40939</v>
      </c>
      <c r="J5320" s="2" t="s">
        <v>40940</v>
      </c>
      <c r="K5320" s="5" t="s">
        <v>40939</v>
      </c>
      <c r="L5320" s="2" t="s">
        <v>40940</v>
      </c>
      <c r="M5320" s="5" t="s">
        <v>36266</v>
      </c>
      <c r="N5320" s="5" t="s">
        <v>38</v>
      </c>
      <c r="O5320" s="5" t="s">
        <v>39</v>
      </c>
      <c r="P5320" s="5" t="s">
        <v>40</v>
      </c>
      <c r="Q5320" s="5" t="s">
        <v>1522</v>
      </c>
      <c r="R5320" s="5" t="s">
        <v>1523</v>
      </c>
      <c r="S5320" s="5" t="s">
        <v>42</v>
      </c>
      <c r="T5320" s="2">
        <v>3.653</v>
      </c>
      <c r="U5320" s="2">
        <v>3.081</v>
      </c>
      <c r="V5320" s="2">
        <v>1.7999999999999999E-2</v>
      </c>
      <c r="W5320" s="2">
        <v>139.1</v>
      </c>
      <c r="X5320" s="2">
        <v>7.6</v>
      </c>
      <c r="Y5320" s="2">
        <v>16.7</v>
      </c>
      <c r="Z5320" s="5"/>
      <c r="AA5320" s="5" t="s">
        <v>43</v>
      </c>
      <c r="AB5320" s="5" t="s">
        <v>44</v>
      </c>
      <c r="AC5320" s="2"/>
      <c r="AD5320" s="1"/>
    </row>
    <row r="5321" spans="1:30">
      <c r="A5321" s="5" t="s">
        <v>83578</v>
      </c>
      <c r="B5321" s="2" t="s">
        <v>99565</v>
      </c>
      <c r="C5321" s="14" t="s">
        <v>99566</v>
      </c>
      <c r="D5321" s="2" t="s">
        <v>99567</v>
      </c>
      <c r="E5321" s="2" t="s">
        <v>41013</v>
      </c>
      <c r="F5321" s="8">
        <v>359</v>
      </c>
      <c r="G5321" s="5">
        <v>6</v>
      </c>
      <c r="H5321" s="5" t="s">
        <v>1518</v>
      </c>
      <c r="I5321" s="5" t="s">
        <v>40939</v>
      </c>
      <c r="J5321" s="2" t="s">
        <v>40940</v>
      </c>
      <c r="K5321" s="5" t="s">
        <v>40939</v>
      </c>
      <c r="L5321" s="2" t="s">
        <v>40940</v>
      </c>
      <c r="M5321" s="5" t="s">
        <v>36266</v>
      </c>
      <c r="N5321" s="5" t="s">
        <v>38</v>
      </c>
      <c r="O5321" s="5" t="s">
        <v>39</v>
      </c>
      <c r="P5321" s="5" t="s">
        <v>40</v>
      </c>
      <c r="Q5321" s="5" t="s">
        <v>1522</v>
      </c>
      <c r="R5321" s="5" t="s">
        <v>1523</v>
      </c>
      <c r="S5321" s="5" t="s">
        <v>42</v>
      </c>
      <c r="T5321" s="2">
        <v>3.7730000000000001</v>
      </c>
      <c r="U5321" s="2">
        <v>3.2010000000000001</v>
      </c>
      <c r="V5321" s="2">
        <v>1.7999999999999999E-2</v>
      </c>
      <c r="W5321" s="2">
        <v>139.1</v>
      </c>
      <c r="X5321" s="2">
        <v>7.6</v>
      </c>
      <c r="Y5321" s="2">
        <v>16.7</v>
      </c>
      <c r="Z5321" s="5"/>
      <c r="AA5321" s="5" t="s">
        <v>43</v>
      </c>
      <c r="AB5321" s="5" t="s">
        <v>44</v>
      </c>
      <c r="AC5321" s="2"/>
      <c r="AD5321" s="1"/>
    </row>
    <row r="5322" spans="1:30">
      <c r="A5322" s="5" t="s">
        <v>83578</v>
      </c>
      <c r="B5322" s="2" t="s">
        <v>99568</v>
      </c>
      <c r="C5322" s="14" t="s">
        <v>99569</v>
      </c>
      <c r="D5322" s="2" t="s">
        <v>99570</v>
      </c>
      <c r="E5322" s="2" t="s">
        <v>7396</v>
      </c>
      <c r="F5322" s="8">
        <v>329</v>
      </c>
      <c r="G5322" s="5">
        <v>6</v>
      </c>
      <c r="H5322" s="5" t="s">
        <v>1518</v>
      </c>
      <c r="I5322" s="5" t="s">
        <v>40939</v>
      </c>
      <c r="J5322" s="2" t="s">
        <v>40940</v>
      </c>
      <c r="K5322" s="5" t="s">
        <v>40939</v>
      </c>
      <c r="L5322" s="2" t="s">
        <v>40940</v>
      </c>
      <c r="M5322" s="5" t="s">
        <v>36266</v>
      </c>
      <c r="N5322" s="5" t="s">
        <v>38</v>
      </c>
      <c r="O5322" s="5" t="s">
        <v>39</v>
      </c>
      <c r="P5322" s="5" t="s">
        <v>40</v>
      </c>
      <c r="Q5322" s="5" t="s">
        <v>1522</v>
      </c>
      <c r="R5322" s="5" t="s">
        <v>1523</v>
      </c>
      <c r="S5322" s="5" t="s">
        <v>42</v>
      </c>
      <c r="T5322" s="2">
        <v>3.653</v>
      </c>
      <c r="U5322" s="2">
        <v>3.081</v>
      </c>
      <c r="V5322" s="2">
        <v>1.7999999999999999E-2</v>
      </c>
      <c r="W5322" s="2">
        <v>139.1</v>
      </c>
      <c r="X5322" s="2">
        <v>7.6</v>
      </c>
      <c r="Y5322" s="2">
        <v>16.7</v>
      </c>
      <c r="Z5322" s="5"/>
      <c r="AA5322" s="5" t="s">
        <v>43</v>
      </c>
      <c r="AB5322" s="5" t="s">
        <v>44</v>
      </c>
      <c r="AC5322" s="2"/>
      <c r="AD5322" s="1"/>
    </row>
    <row r="5323" spans="1:30">
      <c r="A5323" s="5" t="s">
        <v>83578</v>
      </c>
      <c r="B5323" s="2" t="s">
        <v>99571</v>
      </c>
      <c r="C5323" s="14" t="s">
        <v>99572</v>
      </c>
      <c r="D5323" s="2" t="s">
        <v>99573</v>
      </c>
      <c r="E5323" s="2" t="s">
        <v>41023</v>
      </c>
      <c r="F5323" s="8">
        <v>359</v>
      </c>
      <c r="G5323" s="5">
        <v>6</v>
      </c>
      <c r="H5323" s="5" t="s">
        <v>1518</v>
      </c>
      <c r="I5323" s="5" t="s">
        <v>40939</v>
      </c>
      <c r="J5323" s="2" t="s">
        <v>40940</v>
      </c>
      <c r="K5323" s="5" t="s">
        <v>40939</v>
      </c>
      <c r="L5323" s="2" t="s">
        <v>40940</v>
      </c>
      <c r="M5323" s="5" t="s">
        <v>36266</v>
      </c>
      <c r="N5323" s="5" t="s">
        <v>38</v>
      </c>
      <c r="O5323" s="5" t="s">
        <v>39</v>
      </c>
      <c r="P5323" s="5" t="s">
        <v>40</v>
      </c>
      <c r="Q5323" s="5" t="s">
        <v>1522</v>
      </c>
      <c r="R5323" s="5" t="s">
        <v>1523</v>
      </c>
      <c r="S5323" s="5" t="s">
        <v>42</v>
      </c>
      <c r="T5323" s="2">
        <v>3.573</v>
      </c>
      <c r="U5323" s="2">
        <v>3.0009999999999999</v>
      </c>
      <c r="V5323" s="2">
        <v>1.7999999999999999E-2</v>
      </c>
      <c r="W5323" s="2">
        <v>139.1</v>
      </c>
      <c r="X5323" s="2">
        <v>7.6</v>
      </c>
      <c r="Y5323" s="2">
        <v>16.7</v>
      </c>
      <c r="Z5323" s="5"/>
      <c r="AA5323" s="5" t="s">
        <v>43</v>
      </c>
      <c r="AB5323" s="5" t="s">
        <v>44</v>
      </c>
      <c r="AC5323" s="2"/>
      <c r="AD5323" s="1"/>
    </row>
    <row r="5324" spans="1:30">
      <c r="A5324" s="5" t="s">
        <v>83578</v>
      </c>
      <c r="B5324" s="2" t="s">
        <v>99574</v>
      </c>
      <c r="C5324" s="14" t="s">
        <v>99575</v>
      </c>
      <c r="D5324" s="2" t="s">
        <v>99576</v>
      </c>
      <c r="E5324" s="2" t="s">
        <v>41027</v>
      </c>
      <c r="F5324" s="8">
        <v>359</v>
      </c>
      <c r="G5324" s="5">
        <v>6</v>
      </c>
      <c r="H5324" s="5" t="s">
        <v>1518</v>
      </c>
      <c r="I5324" s="5" t="s">
        <v>40939</v>
      </c>
      <c r="J5324" s="2" t="s">
        <v>40940</v>
      </c>
      <c r="K5324" s="5" t="s">
        <v>40939</v>
      </c>
      <c r="L5324" s="2" t="s">
        <v>40940</v>
      </c>
      <c r="M5324" s="5" t="s">
        <v>36266</v>
      </c>
      <c r="N5324" s="5" t="s">
        <v>38</v>
      </c>
      <c r="O5324" s="5" t="s">
        <v>39</v>
      </c>
      <c r="P5324" s="5" t="s">
        <v>40</v>
      </c>
      <c r="Q5324" s="5" t="s">
        <v>1522</v>
      </c>
      <c r="R5324" s="5" t="s">
        <v>1523</v>
      </c>
      <c r="S5324" s="5" t="s">
        <v>42</v>
      </c>
      <c r="T5324" s="2">
        <v>3.6930000000000001</v>
      </c>
      <c r="U5324" s="2">
        <v>3.121</v>
      </c>
      <c r="V5324" s="2">
        <v>1.7999999999999999E-2</v>
      </c>
      <c r="W5324" s="2">
        <v>139.1</v>
      </c>
      <c r="X5324" s="2">
        <v>7.6</v>
      </c>
      <c r="Y5324" s="2">
        <v>16.7</v>
      </c>
      <c r="Z5324" s="5"/>
      <c r="AA5324" s="5" t="s">
        <v>43</v>
      </c>
      <c r="AB5324" s="5" t="s">
        <v>44</v>
      </c>
      <c r="AC5324" s="2"/>
      <c r="AD5324" s="1"/>
    </row>
    <row r="5325" spans="1:30">
      <c r="A5325" s="5" t="s">
        <v>83578</v>
      </c>
      <c r="B5325" s="2" t="s">
        <v>99577</v>
      </c>
      <c r="C5325" s="14" t="s">
        <v>99578</v>
      </c>
      <c r="D5325" s="2" t="s">
        <v>99579</v>
      </c>
      <c r="E5325" s="2" t="s">
        <v>41031</v>
      </c>
      <c r="F5325" s="8">
        <v>359</v>
      </c>
      <c r="G5325" s="5">
        <v>6</v>
      </c>
      <c r="H5325" s="5" t="s">
        <v>1518</v>
      </c>
      <c r="I5325" s="5" t="s">
        <v>40939</v>
      </c>
      <c r="J5325" s="2" t="s">
        <v>40940</v>
      </c>
      <c r="K5325" s="5" t="s">
        <v>40939</v>
      </c>
      <c r="L5325" s="2" t="s">
        <v>40940</v>
      </c>
      <c r="M5325" s="5" t="s">
        <v>36266</v>
      </c>
      <c r="N5325" s="5" t="s">
        <v>38</v>
      </c>
      <c r="O5325" s="5" t="s">
        <v>39</v>
      </c>
      <c r="P5325" s="5" t="s">
        <v>40</v>
      </c>
      <c r="Q5325" s="5" t="s">
        <v>1522</v>
      </c>
      <c r="R5325" s="5" t="s">
        <v>1523</v>
      </c>
      <c r="S5325" s="5" t="s">
        <v>42</v>
      </c>
      <c r="T5325" s="2">
        <v>3.573</v>
      </c>
      <c r="U5325" s="2">
        <v>3.0009999999999999</v>
      </c>
      <c r="V5325" s="2">
        <v>1.7999999999999999E-2</v>
      </c>
      <c r="W5325" s="2">
        <v>139.1</v>
      </c>
      <c r="X5325" s="2">
        <v>7.6</v>
      </c>
      <c r="Y5325" s="2">
        <v>16.7</v>
      </c>
      <c r="Z5325" s="5"/>
      <c r="AA5325" s="5" t="s">
        <v>43</v>
      </c>
      <c r="AB5325" s="5" t="s">
        <v>44</v>
      </c>
      <c r="AC5325" s="2"/>
      <c r="AD5325" s="1"/>
    </row>
    <row r="5326" spans="1:30">
      <c r="A5326" s="5" t="s">
        <v>83578</v>
      </c>
      <c r="B5326" s="2" t="s">
        <v>99580</v>
      </c>
      <c r="C5326" s="14" t="s">
        <v>99581</v>
      </c>
      <c r="D5326" s="2" t="s">
        <v>99582</v>
      </c>
      <c r="E5326" s="2" t="s">
        <v>7449</v>
      </c>
      <c r="F5326" s="8">
        <v>359</v>
      </c>
      <c r="G5326" s="5">
        <v>6</v>
      </c>
      <c r="H5326" s="5" t="s">
        <v>1518</v>
      </c>
      <c r="I5326" s="5" t="s">
        <v>40939</v>
      </c>
      <c r="J5326" s="2" t="s">
        <v>40940</v>
      </c>
      <c r="K5326" s="5" t="s">
        <v>40939</v>
      </c>
      <c r="L5326" s="2" t="s">
        <v>40940</v>
      </c>
      <c r="M5326" s="5" t="s">
        <v>36266</v>
      </c>
      <c r="N5326" s="5" t="s">
        <v>38</v>
      </c>
      <c r="O5326" s="5" t="s">
        <v>39</v>
      </c>
      <c r="P5326" s="5" t="s">
        <v>40</v>
      </c>
      <c r="Q5326" s="5" t="s">
        <v>1522</v>
      </c>
      <c r="R5326" s="5" t="s">
        <v>1523</v>
      </c>
      <c r="S5326" s="5" t="s">
        <v>42</v>
      </c>
      <c r="T5326" s="2">
        <v>3.573</v>
      </c>
      <c r="U5326" s="2">
        <v>3.0009999999999999</v>
      </c>
      <c r="V5326" s="2">
        <v>1.7999999999999999E-2</v>
      </c>
      <c r="W5326" s="2">
        <v>139.1</v>
      </c>
      <c r="X5326" s="2">
        <v>7.6</v>
      </c>
      <c r="Y5326" s="2">
        <v>16.7</v>
      </c>
      <c r="Z5326" s="5"/>
      <c r="AA5326" s="5" t="s">
        <v>43</v>
      </c>
      <c r="AB5326" s="5" t="s">
        <v>44</v>
      </c>
      <c r="AC5326" s="2"/>
      <c r="AD5326" s="1"/>
    </row>
    <row r="5327" spans="1:30">
      <c r="A5327" s="5" t="s">
        <v>83578</v>
      </c>
      <c r="B5327" s="2" t="s">
        <v>99583</v>
      </c>
      <c r="C5327" s="14" t="s">
        <v>99584</v>
      </c>
      <c r="D5327" s="2" t="s">
        <v>99585</v>
      </c>
      <c r="E5327" s="2" t="s">
        <v>7581</v>
      </c>
      <c r="F5327" s="8">
        <v>359</v>
      </c>
      <c r="G5327" s="5">
        <v>6</v>
      </c>
      <c r="H5327" s="5" t="s">
        <v>1518</v>
      </c>
      <c r="I5327" s="5" t="s">
        <v>40939</v>
      </c>
      <c r="J5327" s="2" t="s">
        <v>40940</v>
      </c>
      <c r="K5327" s="5" t="s">
        <v>40939</v>
      </c>
      <c r="L5327" s="2" t="s">
        <v>40940</v>
      </c>
      <c r="M5327" s="5" t="s">
        <v>36266</v>
      </c>
      <c r="N5327" s="5" t="s">
        <v>38</v>
      </c>
      <c r="O5327" s="5" t="s">
        <v>39</v>
      </c>
      <c r="P5327" s="5" t="s">
        <v>40</v>
      </c>
      <c r="Q5327" s="5" t="s">
        <v>1522</v>
      </c>
      <c r="R5327" s="5" t="s">
        <v>1523</v>
      </c>
      <c r="S5327" s="5" t="s">
        <v>42</v>
      </c>
      <c r="T5327" s="2">
        <v>3.6930000000000001</v>
      </c>
      <c r="U5327" s="2">
        <v>3.121</v>
      </c>
      <c r="V5327" s="2">
        <v>1.7999999999999999E-2</v>
      </c>
      <c r="W5327" s="2">
        <v>139.1</v>
      </c>
      <c r="X5327" s="2">
        <v>7.6</v>
      </c>
      <c r="Y5327" s="2">
        <v>16.7</v>
      </c>
      <c r="Z5327" s="5"/>
      <c r="AA5327" s="5" t="s">
        <v>43</v>
      </c>
      <c r="AB5327" s="5" t="s">
        <v>44</v>
      </c>
      <c r="AC5327" s="2"/>
      <c r="AD5327" s="1"/>
    </row>
    <row r="5328" spans="1:30">
      <c r="A5328" s="5" t="s">
        <v>83578</v>
      </c>
      <c r="B5328" s="2" t="s">
        <v>99586</v>
      </c>
      <c r="C5328" s="14" t="s">
        <v>99587</v>
      </c>
      <c r="D5328" s="2" t="s">
        <v>99588</v>
      </c>
      <c r="E5328" s="2" t="s">
        <v>41045</v>
      </c>
      <c r="F5328" s="8">
        <v>359</v>
      </c>
      <c r="G5328" s="5">
        <v>6</v>
      </c>
      <c r="H5328" s="5" t="s">
        <v>1518</v>
      </c>
      <c r="I5328" s="5" t="s">
        <v>40939</v>
      </c>
      <c r="J5328" s="2" t="s">
        <v>40940</v>
      </c>
      <c r="K5328" s="5" t="s">
        <v>40939</v>
      </c>
      <c r="L5328" s="2" t="s">
        <v>40940</v>
      </c>
      <c r="M5328" s="5" t="s">
        <v>36266</v>
      </c>
      <c r="N5328" s="5" t="s">
        <v>38</v>
      </c>
      <c r="O5328" s="5" t="s">
        <v>39</v>
      </c>
      <c r="P5328" s="5" t="s">
        <v>40</v>
      </c>
      <c r="Q5328" s="5" t="s">
        <v>1522</v>
      </c>
      <c r="R5328" s="5" t="s">
        <v>1523</v>
      </c>
      <c r="S5328" s="5" t="s">
        <v>42</v>
      </c>
      <c r="T5328" s="2">
        <v>3.6680000000000001</v>
      </c>
      <c r="U5328" s="2">
        <v>3.0960000000000001</v>
      </c>
      <c r="V5328" s="2">
        <v>1.7999999999999999E-2</v>
      </c>
      <c r="W5328" s="2">
        <v>139.1</v>
      </c>
      <c r="X5328" s="2">
        <v>7.6</v>
      </c>
      <c r="Y5328" s="2">
        <v>16.7</v>
      </c>
      <c r="Z5328" s="5"/>
      <c r="AA5328" s="5" t="s">
        <v>43</v>
      </c>
      <c r="AB5328" s="5" t="s">
        <v>44</v>
      </c>
      <c r="AC5328" s="2"/>
      <c r="AD5328" s="1"/>
    </row>
    <row r="5329" spans="1:30">
      <c r="A5329" s="5" t="s">
        <v>83578</v>
      </c>
      <c r="B5329" s="2" t="s">
        <v>99589</v>
      </c>
      <c r="C5329" s="14" t="s">
        <v>99590</v>
      </c>
      <c r="D5329" s="2" t="s">
        <v>99591</v>
      </c>
      <c r="E5329" s="2" t="s">
        <v>41049</v>
      </c>
      <c r="F5329" s="8">
        <v>359</v>
      </c>
      <c r="G5329" s="5">
        <v>6</v>
      </c>
      <c r="H5329" s="5" t="s">
        <v>1518</v>
      </c>
      <c r="I5329" s="5" t="s">
        <v>40939</v>
      </c>
      <c r="J5329" s="2" t="s">
        <v>40940</v>
      </c>
      <c r="K5329" s="5" t="s">
        <v>40939</v>
      </c>
      <c r="L5329" s="2" t="s">
        <v>40940</v>
      </c>
      <c r="M5329" s="5" t="s">
        <v>36266</v>
      </c>
      <c r="N5329" s="5" t="s">
        <v>38</v>
      </c>
      <c r="O5329" s="5" t="s">
        <v>39</v>
      </c>
      <c r="P5329" s="5" t="s">
        <v>40</v>
      </c>
      <c r="Q5329" s="5" t="s">
        <v>1522</v>
      </c>
      <c r="R5329" s="5" t="s">
        <v>1523</v>
      </c>
      <c r="S5329" s="5" t="s">
        <v>42</v>
      </c>
      <c r="T5329" s="2">
        <v>3.7879999999999998</v>
      </c>
      <c r="U5329" s="2">
        <v>3.2160000000000002</v>
      </c>
      <c r="V5329" s="2">
        <v>1.7999999999999999E-2</v>
      </c>
      <c r="W5329" s="2">
        <v>139.1</v>
      </c>
      <c r="X5329" s="2">
        <v>7.6</v>
      </c>
      <c r="Y5329" s="2">
        <v>16.7</v>
      </c>
      <c r="Z5329" s="5"/>
      <c r="AA5329" s="5" t="s">
        <v>43</v>
      </c>
      <c r="AB5329" s="5" t="s">
        <v>44</v>
      </c>
      <c r="AC5329" s="2"/>
      <c r="AD5329" s="1"/>
    </row>
    <row r="5330" spans="1:30">
      <c r="A5330" s="5" t="s">
        <v>83578</v>
      </c>
      <c r="B5330" s="2" t="s">
        <v>99592</v>
      </c>
      <c r="C5330" s="14" t="s">
        <v>99593</v>
      </c>
      <c r="D5330" s="2" t="s">
        <v>99594</v>
      </c>
      <c r="E5330" s="2" t="s">
        <v>7204</v>
      </c>
      <c r="F5330" s="8">
        <v>298</v>
      </c>
      <c r="G5330" s="5">
        <v>6</v>
      </c>
      <c r="H5330" s="5" t="s">
        <v>1518</v>
      </c>
      <c r="I5330" s="5" t="s">
        <v>40939</v>
      </c>
      <c r="J5330" s="2" t="s">
        <v>40940</v>
      </c>
      <c r="K5330" s="5" t="s">
        <v>40939</v>
      </c>
      <c r="L5330" s="2" t="s">
        <v>40940</v>
      </c>
      <c r="M5330" s="5" t="s">
        <v>36266</v>
      </c>
      <c r="N5330" s="5" t="s">
        <v>38</v>
      </c>
      <c r="O5330" s="5" t="s">
        <v>39</v>
      </c>
      <c r="P5330" s="5" t="s">
        <v>40</v>
      </c>
      <c r="Q5330" s="5" t="s">
        <v>1522</v>
      </c>
      <c r="R5330" s="5" t="s">
        <v>1523</v>
      </c>
      <c r="S5330" s="5" t="s">
        <v>42</v>
      </c>
      <c r="T5330" s="2">
        <v>2.8570000000000002</v>
      </c>
      <c r="U5330" s="2">
        <v>2.2450000000000001</v>
      </c>
      <c r="V5330" s="2">
        <v>1.7999999999999999E-2</v>
      </c>
      <c r="W5330" s="2">
        <v>139.1</v>
      </c>
      <c r="X5330" s="2">
        <v>7.6</v>
      </c>
      <c r="Y5330" s="2">
        <v>16.7</v>
      </c>
      <c r="Z5330" s="5"/>
      <c r="AA5330" s="5" t="s">
        <v>43</v>
      </c>
      <c r="AB5330" s="5" t="s">
        <v>44</v>
      </c>
      <c r="AC5330" s="2"/>
      <c r="AD5330" s="1"/>
    </row>
    <row r="5331" spans="1:30">
      <c r="A5331" s="5" t="s">
        <v>83578</v>
      </c>
      <c r="B5331" s="2" t="s">
        <v>99595</v>
      </c>
      <c r="C5331" s="14" t="s">
        <v>99596</v>
      </c>
      <c r="D5331" s="2" t="s">
        <v>99597</v>
      </c>
      <c r="E5331" s="2" t="s">
        <v>7514</v>
      </c>
      <c r="F5331" s="8">
        <v>298</v>
      </c>
      <c r="G5331" s="5">
        <v>6</v>
      </c>
      <c r="H5331" s="5" t="s">
        <v>1518</v>
      </c>
      <c r="I5331" s="5" t="s">
        <v>40939</v>
      </c>
      <c r="J5331" s="2" t="s">
        <v>40940</v>
      </c>
      <c r="K5331" s="5" t="s">
        <v>40939</v>
      </c>
      <c r="L5331" s="2" t="s">
        <v>40940</v>
      </c>
      <c r="M5331" s="5" t="s">
        <v>36266</v>
      </c>
      <c r="N5331" s="5" t="s">
        <v>38</v>
      </c>
      <c r="O5331" s="5" t="s">
        <v>39</v>
      </c>
      <c r="P5331" s="5" t="s">
        <v>40</v>
      </c>
      <c r="Q5331" s="5" t="s">
        <v>1522</v>
      </c>
      <c r="R5331" s="5" t="s">
        <v>1523</v>
      </c>
      <c r="S5331" s="5" t="s">
        <v>42</v>
      </c>
      <c r="T5331" s="2">
        <v>2.923</v>
      </c>
      <c r="U5331" s="2">
        <v>2.3109999999999999</v>
      </c>
      <c r="V5331" s="2">
        <v>1.7999999999999999E-2</v>
      </c>
      <c r="W5331" s="2">
        <v>139.1</v>
      </c>
      <c r="X5331" s="2">
        <v>7.6</v>
      </c>
      <c r="Y5331" s="2">
        <v>16.7</v>
      </c>
      <c r="Z5331" s="5"/>
      <c r="AA5331" s="5" t="s">
        <v>43</v>
      </c>
      <c r="AB5331" s="5" t="s">
        <v>44</v>
      </c>
      <c r="AC5331" s="2"/>
      <c r="AD5331" s="1"/>
    </row>
    <row r="5332" spans="1:30">
      <c r="A5332" s="5" t="s">
        <v>83578</v>
      </c>
      <c r="B5332" s="2" t="s">
        <v>99598</v>
      </c>
      <c r="C5332" s="14" t="s">
        <v>99599</v>
      </c>
      <c r="D5332" s="2" t="s">
        <v>99600</v>
      </c>
      <c r="E5332" s="2" t="s">
        <v>47266</v>
      </c>
      <c r="F5332" s="8">
        <v>322</v>
      </c>
      <c r="G5332" s="5">
        <v>6</v>
      </c>
      <c r="H5332" s="5" t="s">
        <v>1518</v>
      </c>
      <c r="I5332" s="5" t="s">
        <v>40939</v>
      </c>
      <c r="J5332" s="2" t="s">
        <v>40940</v>
      </c>
      <c r="K5332" s="5" t="s">
        <v>40939</v>
      </c>
      <c r="L5332" s="2" t="s">
        <v>40940</v>
      </c>
      <c r="M5332" s="5" t="s">
        <v>36266</v>
      </c>
      <c r="N5332" s="5" t="s">
        <v>38</v>
      </c>
      <c r="O5332" s="5" t="s">
        <v>39</v>
      </c>
      <c r="P5332" s="5" t="s">
        <v>40</v>
      </c>
      <c r="Q5332" s="5" t="s">
        <v>1522</v>
      </c>
      <c r="R5332" s="5" t="s">
        <v>1523</v>
      </c>
      <c r="S5332" s="5" t="s">
        <v>42</v>
      </c>
      <c r="T5332" s="2">
        <v>2.8690000000000002</v>
      </c>
      <c r="U5332" s="2">
        <v>2.2570000000000001</v>
      </c>
      <c r="V5332" s="2">
        <v>1.7999999999999999E-2</v>
      </c>
      <c r="W5332" s="2">
        <v>139.1</v>
      </c>
      <c r="X5332" s="2">
        <v>7.6</v>
      </c>
      <c r="Y5332" s="2">
        <v>16.7</v>
      </c>
      <c r="Z5332" s="5"/>
      <c r="AA5332" s="5" t="s">
        <v>43</v>
      </c>
      <c r="AB5332" s="5" t="s">
        <v>44</v>
      </c>
      <c r="AC5332" s="2"/>
      <c r="AD5332" s="1"/>
    </row>
    <row r="5333" spans="1:30">
      <c r="A5333" s="5" t="s">
        <v>83578</v>
      </c>
      <c r="B5333" s="2" t="s">
        <v>99601</v>
      </c>
      <c r="C5333" s="14" t="s">
        <v>99602</v>
      </c>
      <c r="D5333" s="2" t="s">
        <v>99603</v>
      </c>
      <c r="E5333" s="2" t="s">
        <v>47195</v>
      </c>
      <c r="F5333" s="8">
        <v>322</v>
      </c>
      <c r="G5333" s="5">
        <v>6</v>
      </c>
      <c r="H5333" s="5" t="s">
        <v>1518</v>
      </c>
      <c r="I5333" s="5" t="s">
        <v>40939</v>
      </c>
      <c r="J5333" s="2" t="s">
        <v>40940</v>
      </c>
      <c r="K5333" s="5" t="s">
        <v>40939</v>
      </c>
      <c r="L5333" s="2" t="s">
        <v>40940</v>
      </c>
      <c r="M5333" s="5" t="s">
        <v>36266</v>
      </c>
      <c r="N5333" s="5" t="s">
        <v>38</v>
      </c>
      <c r="O5333" s="5" t="s">
        <v>39</v>
      </c>
      <c r="P5333" s="5" t="s">
        <v>40</v>
      </c>
      <c r="Q5333" s="5" t="s">
        <v>1522</v>
      </c>
      <c r="R5333" s="5" t="s">
        <v>1523</v>
      </c>
      <c r="S5333" s="5" t="s">
        <v>42</v>
      </c>
      <c r="T5333" s="2">
        <v>2.9350000000000001</v>
      </c>
      <c r="U5333" s="2">
        <v>2.323</v>
      </c>
      <c r="V5333" s="2">
        <v>1.7999999999999999E-2</v>
      </c>
      <c r="W5333" s="2">
        <v>139.1</v>
      </c>
      <c r="X5333" s="2">
        <v>7.6</v>
      </c>
      <c r="Y5333" s="2">
        <v>16.7</v>
      </c>
      <c r="Z5333" s="5"/>
      <c r="AA5333" s="5" t="s">
        <v>43</v>
      </c>
      <c r="AB5333" s="5" t="s">
        <v>44</v>
      </c>
      <c r="AC5333" s="2"/>
      <c r="AD5333" s="1"/>
    </row>
    <row r="5334" spans="1:30">
      <c r="A5334" s="5" t="s">
        <v>83578</v>
      </c>
      <c r="B5334" s="2" t="s">
        <v>99604</v>
      </c>
      <c r="C5334" s="14" t="s">
        <v>99605</v>
      </c>
      <c r="D5334" s="2" t="s">
        <v>99606</v>
      </c>
      <c r="E5334" s="2" t="s">
        <v>7208</v>
      </c>
      <c r="F5334" s="8">
        <v>298</v>
      </c>
      <c r="G5334" s="5">
        <v>6</v>
      </c>
      <c r="H5334" s="5" t="s">
        <v>1518</v>
      </c>
      <c r="I5334" s="5" t="s">
        <v>40939</v>
      </c>
      <c r="J5334" s="2" t="s">
        <v>40940</v>
      </c>
      <c r="K5334" s="5" t="s">
        <v>40939</v>
      </c>
      <c r="L5334" s="2" t="s">
        <v>40940</v>
      </c>
      <c r="M5334" s="5" t="s">
        <v>36266</v>
      </c>
      <c r="N5334" s="5" t="s">
        <v>38</v>
      </c>
      <c r="O5334" s="5" t="s">
        <v>39</v>
      </c>
      <c r="P5334" s="5" t="s">
        <v>40</v>
      </c>
      <c r="Q5334" s="5" t="s">
        <v>1522</v>
      </c>
      <c r="R5334" s="5" t="s">
        <v>1523</v>
      </c>
      <c r="S5334" s="5" t="s">
        <v>42</v>
      </c>
      <c r="T5334" s="2">
        <v>2.875</v>
      </c>
      <c r="U5334" s="2">
        <v>2.2629999999999999</v>
      </c>
      <c r="V5334" s="2">
        <v>1.7999999999999999E-2</v>
      </c>
      <c r="W5334" s="2">
        <v>139.1</v>
      </c>
      <c r="X5334" s="2">
        <v>7.6</v>
      </c>
      <c r="Y5334" s="2">
        <v>16.7</v>
      </c>
      <c r="Z5334" s="5"/>
      <c r="AA5334" s="5" t="s">
        <v>43</v>
      </c>
      <c r="AB5334" s="5" t="s">
        <v>44</v>
      </c>
      <c r="AC5334" s="2"/>
      <c r="AD5334" s="1"/>
    </row>
    <row r="5335" spans="1:30">
      <c r="A5335" s="5" t="s">
        <v>83578</v>
      </c>
      <c r="B5335" s="2" t="s">
        <v>99607</v>
      </c>
      <c r="C5335" s="14" t="s">
        <v>99608</v>
      </c>
      <c r="D5335" s="2" t="s">
        <v>99609</v>
      </c>
      <c r="E5335" s="2" t="s">
        <v>7521</v>
      </c>
      <c r="F5335" s="8">
        <v>298</v>
      </c>
      <c r="G5335" s="5">
        <v>6</v>
      </c>
      <c r="H5335" s="5" t="s">
        <v>1518</v>
      </c>
      <c r="I5335" s="5" t="s">
        <v>40939</v>
      </c>
      <c r="J5335" s="2" t="s">
        <v>40940</v>
      </c>
      <c r="K5335" s="5" t="s">
        <v>40939</v>
      </c>
      <c r="L5335" s="2" t="s">
        <v>40940</v>
      </c>
      <c r="M5335" s="5" t="s">
        <v>36266</v>
      </c>
      <c r="N5335" s="5" t="s">
        <v>38</v>
      </c>
      <c r="O5335" s="5" t="s">
        <v>39</v>
      </c>
      <c r="P5335" s="5" t="s">
        <v>40</v>
      </c>
      <c r="Q5335" s="5" t="s">
        <v>1522</v>
      </c>
      <c r="R5335" s="5" t="s">
        <v>1523</v>
      </c>
      <c r="S5335" s="5" t="s">
        <v>42</v>
      </c>
      <c r="T5335" s="2">
        <v>2.9409999999999998</v>
      </c>
      <c r="U5335" s="2">
        <v>2.3290000000000002</v>
      </c>
      <c r="V5335" s="2">
        <v>1.7999999999999999E-2</v>
      </c>
      <c r="W5335" s="2">
        <v>139.1</v>
      </c>
      <c r="X5335" s="2">
        <v>7.6</v>
      </c>
      <c r="Y5335" s="2">
        <v>16.7</v>
      </c>
      <c r="Z5335" s="5"/>
      <c r="AA5335" s="5" t="s">
        <v>43</v>
      </c>
      <c r="AB5335" s="5" t="s">
        <v>44</v>
      </c>
      <c r="AC5335" s="2"/>
      <c r="AD5335" s="1"/>
    </row>
    <row r="5336" spans="1:30">
      <c r="A5336" s="5" t="s">
        <v>83578</v>
      </c>
      <c r="B5336" s="2" t="s">
        <v>99610</v>
      </c>
      <c r="C5336" s="14" t="s">
        <v>99611</v>
      </c>
      <c r="D5336" s="2" t="s">
        <v>99612</v>
      </c>
      <c r="E5336" s="2" t="s">
        <v>36273</v>
      </c>
      <c r="F5336" s="8">
        <v>298</v>
      </c>
      <c r="G5336" s="5">
        <v>6</v>
      </c>
      <c r="H5336" s="5" t="s">
        <v>1518</v>
      </c>
      <c r="I5336" s="5" t="s">
        <v>40939</v>
      </c>
      <c r="J5336" s="2" t="s">
        <v>40940</v>
      </c>
      <c r="K5336" s="5" t="s">
        <v>40939</v>
      </c>
      <c r="L5336" s="2" t="s">
        <v>40940</v>
      </c>
      <c r="M5336" s="5" t="s">
        <v>36266</v>
      </c>
      <c r="N5336" s="5" t="s">
        <v>38</v>
      </c>
      <c r="O5336" s="5" t="s">
        <v>39</v>
      </c>
      <c r="P5336" s="5" t="s">
        <v>40</v>
      </c>
      <c r="Q5336" s="5" t="s">
        <v>1522</v>
      </c>
      <c r="R5336" s="5" t="s">
        <v>1523</v>
      </c>
      <c r="S5336" s="5" t="s">
        <v>42</v>
      </c>
      <c r="T5336" s="2">
        <v>2.887</v>
      </c>
      <c r="U5336" s="2">
        <v>2.2749999999999999</v>
      </c>
      <c r="V5336" s="2">
        <v>1.7999999999999999E-2</v>
      </c>
      <c r="W5336" s="2">
        <v>139.1</v>
      </c>
      <c r="X5336" s="2">
        <v>7.6</v>
      </c>
      <c r="Y5336" s="2">
        <v>16.7</v>
      </c>
      <c r="Z5336" s="5"/>
      <c r="AA5336" s="5" t="s">
        <v>43</v>
      </c>
      <c r="AB5336" s="5" t="s">
        <v>44</v>
      </c>
      <c r="AC5336" s="2"/>
      <c r="AD5336" s="1"/>
    </row>
    <row r="5337" spans="1:30">
      <c r="A5337" s="5" t="s">
        <v>83578</v>
      </c>
      <c r="B5337" s="2" t="s">
        <v>99613</v>
      </c>
      <c r="C5337" s="14" t="s">
        <v>99614</v>
      </c>
      <c r="D5337" s="2" t="s">
        <v>99615</v>
      </c>
      <c r="E5337" s="2" t="s">
        <v>36277</v>
      </c>
      <c r="F5337" s="8">
        <v>298</v>
      </c>
      <c r="G5337" s="5">
        <v>6</v>
      </c>
      <c r="H5337" s="5" t="s">
        <v>1518</v>
      </c>
      <c r="I5337" s="5" t="s">
        <v>40939</v>
      </c>
      <c r="J5337" s="2" t="s">
        <v>40940</v>
      </c>
      <c r="K5337" s="5" t="s">
        <v>40939</v>
      </c>
      <c r="L5337" s="2" t="s">
        <v>40940</v>
      </c>
      <c r="M5337" s="5" t="s">
        <v>36266</v>
      </c>
      <c r="N5337" s="5" t="s">
        <v>38</v>
      </c>
      <c r="O5337" s="5" t="s">
        <v>39</v>
      </c>
      <c r="P5337" s="5" t="s">
        <v>40</v>
      </c>
      <c r="Q5337" s="5" t="s">
        <v>1522</v>
      </c>
      <c r="R5337" s="5" t="s">
        <v>1523</v>
      </c>
      <c r="S5337" s="5" t="s">
        <v>42</v>
      </c>
      <c r="T5337" s="2">
        <v>2.9529999999999998</v>
      </c>
      <c r="U5337" s="2">
        <v>2.3410000000000002</v>
      </c>
      <c r="V5337" s="2">
        <v>1.7999999999999999E-2</v>
      </c>
      <c r="W5337" s="2">
        <v>139.1</v>
      </c>
      <c r="X5337" s="2">
        <v>7.6</v>
      </c>
      <c r="Y5337" s="2">
        <v>16.7</v>
      </c>
      <c r="Z5337" s="5"/>
      <c r="AA5337" s="5" t="s">
        <v>43</v>
      </c>
      <c r="AB5337" s="5" t="s">
        <v>44</v>
      </c>
      <c r="AC5337" s="2"/>
      <c r="AD5337" s="1"/>
    </row>
    <row r="5338" spans="1:30">
      <c r="A5338" s="5" t="s">
        <v>83578</v>
      </c>
      <c r="B5338" s="2" t="s">
        <v>99616</v>
      </c>
      <c r="C5338" s="14" t="s">
        <v>99617</v>
      </c>
      <c r="D5338" s="2" t="s">
        <v>99618</v>
      </c>
      <c r="E5338" s="2" t="s">
        <v>40967</v>
      </c>
      <c r="F5338" s="8">
        <v>322</v>
      </c>
      <c r="G5338" s="5">
        <v>6</v>
      </c>
      <c r="H5338" s="5" t="s">
        <v>1518</v>
      </c>
      <c r="I5338" s="5" t="s">
        <v>40939</v>
      </c>
      <c r="J5338" s="2" t="s">
        <v>40940</v>
      </c>
      <c r="K5338" s="5" t="s">
        <v>40939</v>
      </c>
      <c r="L5338" s="2" t="s">
        <v>40940</v>
      </c>
      <c r="M5338" s="5" t="s">
        <v>36266</v>
      </c>
      <c r="N5338" s="5" t="s">
        <v>38</v>
      </c>
      <c r="O5338" s="5" t="s">
        <v>39</v>
      </c>
      <c r="P5338" s="5" t="s">
        <v>40</v>
      </c>
      <c r="Q5338" s="5" t="s">
        <v>1522</v>
      </c>
      <c r="R5338" s="5" t="s">
        <v>1523</v>
      </c>
      <c r="S5338" s="5" t="s">
        <v>42</v>
      </c>
      <c r="T5338" s="2">
        <v>2.875</v>
      </c>
      <c r="U5338" s="2">
        <v>2.2629999999999999</v>
      </c>
      <c r="V5338" s="2">
        <v>1.7999999999999999E-2</v>
      </c>
      <c r="W5338" s="2">
        <v>139.1</v>
      </c>
      <c r="X5338" s="2">
        <v>7.6</v>
      </c>
      <c r="Y5338" s="2">
        <v>16.7</v>
      </c>
      <c r="Z5338" s="5"/>
      <c r="AA5338" s="5" t="s">
        <v>43</v>
      </c>
      <c r="AB5338" s="5" t="s">
        <v>44</v>
      </c>
      <c r="AC5338" s="2"/>
      <c r="AD5338" s="1"/>
    </row>
    <row r="5339" spans="1:30">
      <c r="A5339" s="5" t="s">
        <v>83578</v>
      </c>
      <c r="B5339" s="2" t="s">
        <v>99619</v>
      </c>
      <c r="C5339" s="14" t="s">
        <v>99620</v>
      </c>
      <c r="D5339" s="2" t="s">
        <v>99621</v>
      </c>
      <c r="E5339" s="2" t="s">
        <v>47226</v>
      </c>
      <c r="F5339" s="8">
        <v>322</v>
      </c>
      <c r="G5339" s="5">
        <v>6</v>
      </c>
      <c r="H5339" s="5" t="s">
        <v>1518</v>
      </c>
      <c r="I5339" s="5" t="s">
        <v>40939</v>
      </c>
      <c r="J5339" s="2" t="s">
        <v>40940</v>
      </c>
      <c r="K5339" s="5" t="s">
        <v>40939</v>
      </c>
      <c r="L5339" s="2" t="s">
        <v>40940</v>
      </c>
      <c r="M5339" s="5" t="s">
        <v>36266</v>
      </c>
      <c r="N5339" s="5" t="s">
        <v>38</v>
      </c>
      <c r="O5339" s="5" t="s">
        <v>39</v>
      </c>
      <c r="P5339" s="5" t="s">
        <v>40</v>
      </c>
      <c r="Q5339" s="5" t="s">
        <v>1522</v>
      </c>
      <c r="R5339" s="5" t="s">
        <v>1523</v>
      </c>
      <c r="S5339" s="5" t="s">
        <v>42</v>
      </c>
      <c r="T5339" s="2">
        <v>2.875</v>
      </c>
      <c r="U5339" s="2">
        <v>2.2629999999999999</v>
      </c>
      <c r="V5339" s="2">
        <v>1.7999999999999999E-2</v>
      </c>
      <c r="W5339" s="2">
        <v>139.1</v>
      </c>
      <c r="X5339" s="2">
        <v>7.6</v>
      </c>
      <c r="Y5339" s="2">
        <v>16.7</v>
      </c>
      <c r="Z5339" s="5"/>
      <c r="AA5339" s="5" t="s">
        <v>43</v>
      </c>
      <c r="AB5339" s="5" t="s">
        <v>44</v>
      </c>
      <c r="AC5339" s="2"/>
      <c r="AD5339" s="1"/>
    </row>
    <row r="5340" spans="1:30">
      <c r="A5340" s="5" t="s">
        <v>83578</v>
      </c>
      <c r="B5340" s="2" t="s">
        <v>99622</v>
      </c>
      <c r="C5340" s="14" t="s">
        <v>99623</v>
      </c>
      <c r="D5340" s="2" t="s">
        <v>99624</v>
      </c>
      <c r="E5340" s="2" t="s">
        <v>47735</v>
      </c>
      <c r="F5340" s="8">
        <v>322</v>
      </c>
      <c r="G5340" s="5">
        <v>6</v>
      </c>
      <c r="H5340" s="5" t="s">
        <v>1518</v>
      </c>
      <c r="I5340" s="5" t="s">
        <v>40939</v>
      </c>
      <c r="J5340" s="2" t="s">
        <v>40940</v>
      </c>
      <c r="K5340" s="5" t="s">
        <v>40939</v>
      </c>
      <c r="L5340" s="2" t="s">
        <v>40940</v>
      </c>
      <c r="M5340" s="5" t="s">
        <v>36266</v>
      </c>
      <c r="N5340" s="5" t="s">
        <v>38</v>
      </c>
      <c r="O5340" s="5" t="s">
        <v>39</v>
      </c>
      <c r="P5340" s="5" t="s">
        <v>40</v>
      </c>
      <c r="Q5340" s="5" t="s">
        <v>1522</v>
      </c>
      <c r="R5340" s="5" t="s">
        <v>1523</v>
      </c>
      <c r="S5340" s="5" t="s">
        <v>42</v>
      </c>
      <c r="T5340" s="2">
        <v>2.9409999999999998</v>
      </c>
      <c r="U5340" s="2">
        <v>2.3290000000000002</v>
      </c>
      <c r="V5340" s="2">
        <v>1.7999999999999999E-2</v>
      </c>
      <c r="W5340" s="2">
        <v>139.1</v>
      </c>
      <c r="X5340" s="2">
        <v>7.6</v>
      </c>
      <c r="Y5340" s="2">
        <v>16.7</v>
      </c>
      <c r="Z5340" s="5"/>
      <c r="AA5340" s="5" t="s">
        <v>43</v>
      </c>
      <c r="AB5340" s="5" t="s">
        <v>44</v>
      </c>
      <c r="AC5340" s="2"/>
      <c r="AD5340" s="1"/>
    </row>
    <row r="5341" spans="1:30">
      <c r="A5341" s="5" t="s">
        <v>83578</v>
      </c>
      <c r="B5341" s="2" t="s">
        <v>99625</v>
      </c>
      <c r="C5341" s="14" t="s">
        <v>99626</v>
      </c>
      <c r="D5341" s="2" t="s">
        <v>99627</v>
      </c>
      <c r="E5341" s="2" t="s">
        <v>7539</v>
      </c>
      <c r="F5341" s="8">
        <v>322</v>
      </c>
      <c r="G5341" s="5">
        <v>6</v>
      </c>
      <c r="H5341" s="5" t="s">
        <v>1518</v>
      </c>
      <c r="I5341" s="5" t="s">
        <v>40939</v>
      </c>
      <c r="J5341" s="2" t="s">
        <v>40940</v>
      </c>
      <c r="K5341" s="5" t="s">
        <v>40939</v>
      </c>
      <c r="L5341" s="2" t="s">
        <v>40940</v>
      </c>
      <c r="M5341" s="5" t="s">
        <v>36266</v>
      </c>
      <c r="N5341" s="5" t="s">
        <v>38</v>
      </c>
      <c r="O5341" s="5" t="s">
        <v>39</v>
      </c>
      <c r="P5341" s="5" t="s">
        <v>40</v>
      </c>
      <c r="Q5341" s="5" t="s">
        <v>1522</v>
      </c>
      <c r="R5341" s="5" t="s">
        <v>1523</v>
      </c>
      <c r="S5341" s="5" t="s">
        <v>42</v>
      </c>
      <c r="T5341" s="2">
        <v>2.8450000000000002</v>
      </c>
      <c r="U5341" s="2">
        <v>2.2330000000000001</v>
      </c>
      <c r="V5341" s="2">
        <v>1.7999999999999999E-2</v>
      </c>
      <c r="W5341" s="2">
        <v>139.1</v>
      </c>
      <c r="X5341" s="2">
        <v>7.6</v>
      </c>
      <c r="Y5341" s="2">
        <v>16.7</v>
      </c>
      <c r="Z5341" s="5"/>
      <c r="AA5341" s="5" t="s">
        <v>43</v>
      </c>
      <c r="AB5341" s="5" t="s">
        <v>44</v>
      </c>
      <c r="AC5341" s="2"/>
      <c r="AD5341" s="1"/>
    </row>
    <row r="5342" spans="1:30">
      <c r="A5342" s="5" t="s">
        <v>83578</v>
      </c>
      <c r="B5342" s="2" t="s">
        <v>99628</v>
      </c>
      <c r="C5342" s="14" t="s">
        <v>99629</v>
      </c>
      <c r="D5342" s="2" t="s">
        <v>99630</v>
      </c>
      <c r="E5342" s="2" t="s">
        <v>7543</v>
      </c>
      <c r="F5342" s="8">
        <v>322</v>
      </c>
      <c r="G5342" s="5">
        <v>6</v>
      </c>
      <c r="H5342" s="5" t="s">
        <v>1518</v>
      </c>
      <c r="I5342" s="5" t="s">
        <v>40939</v>
      </c>
      <c r="J5342" s="2" t="s">
        <v>40940</v>
      </c>
      <c r="K5342" s="5" t="s">
        <v>40939</v>
      </c>
      <c r="L5342" s="2" t="s">
        <v>40940</v>
      </c>
      <c r="M5342" s="5" t="s">
        <v>36266</v>
      </c>
      <c r="N5342" s="5" t="s">
        <v>38</v>
      </c>
      <c r="O5342" s="5" t="s">
        <v>39</v>
      </c>
      <c r="P5342" s="5" t="s">
        <v>40</v>
      </c>
      <c r="Q5342" s="5" t="s">
        <v>1522</v>
      </c>
      <c r="R5342" s="5" t="s">
        <v>1523</v>
      </c>
      <c r="S5342" s="5" t="s">
        <v>42</v>
      </c>
      <c r="T5342" s="2">
        <v>2.911</v>
      </c>
      <c r="U5342" s="2">
        <v>2.2989999999999999</v>
      </c>
      <c r="V5342" s="2">
        <v>1.7999999999999999E-2</v>
      </c>
      <c r="W5342" s="2">
        <v>139.1</v>
      </c>
      <c r="X5342" s="2">
        <v>7.6</v>
      </c>
      <c r="Y5342" s="2">
        <v>16.7</v>
      </c>
      <c r="Z5342" s="5"/>
      <c r="AA5342" s="5" t="s">
        <v>43</v>
      </c>
      <c r="AB5342" s="5" t="s">
        <v>44</v>
      </c>
      <c r="AC5342" s="2"/>
      <c r="AD5342" s="1"/>
    </row>
    <row r="5343" spans="1:30">
      <c r="A5343" s="5" t="s">
        <v>83578</v>
      </c>
      <c r="B5343" s="2" t="s">
        <v>99631</v>
      </c>
      <c r="C5343" s="14" t="s">
        <v>99632</v>
      </c>
      <c r="D5343" s="2" t="s">
        <v>99633</v>
      </c>
      <c r="E5343" s="2" t="s">
        <v>40989</v>
      </c>
      <c r="F5343" s="8">
        <v>322</v>
      </c>
      <c r="G5343" s="5">
        <v>6</v>
      </c>
      <c r="H5343" s="5" t="s">
        <v>1518</v>
      </c>
      <c r="I5343" s="5" t="s">
        <v>40939</v>
      </c>
      <c r="J5343" s="2" t="s">
        <v>40940</v>
      </c>
      <c r="K5343" s="5" t="s">
        <v>40939</v>
      </c>
      <c r="L5343" s="2" t="s">
        <v>40940</v>
      </c>
      <c r="M5343" s="5" t="s">
        <v>36266</v>
      </c>
      <c r="N5343" s="5" t="s">
        <v>38</v>
      </c>
      <c r="O5343" s="5" t="s">
        <v>39</v>
      </c>
      <c r="P5343" s="5" t="s">
        <v>40</v>
      </c>
      <c r="Q5343" s="5" t="s">
        <v>1522</v>
      </c>
      <c r="R5343" s="5" t="s">
        <v>1523</v>
      </c>
      <c r="S5343" s="5" t="s">
        <v>42</v>
      </c>
      <c r="T5343" s="2">
        <v>2.875</v>
      </c>
      <c r="U5343" s="2">
        <v>2.2629999999999999</v>
      </c>
      <c r="V5343" s="2">
        <v>1.7999999999999999E-2</v>
      </c>
      <c r="W5343" s="2">
        <v>139.1</v>
      </c>
      <c r="X5343" s="2">
        <v>7.6</v>
      </c>
      <c r="Y5343" s="2">
        <v>16.7</v>
      </c>
      <c r="Z5343" s="5"/>
      <c r="AA5343" s="5" t="s">
        <v>43</v>
      </c>
      <c r="AB5343" s="5" t="s">
        <v>44</v>
      </c>
      <c r="AC5343" s="2"/>
      <c r="AD5343" s="1"/>
    </row>
    <row r="5344" spans="1:30">
      <c r="A5344" s="5" t="s">
        <v>83578</v>
      </c>
      <c r="B5344" s="2" t="s">
        <v>99634</v>
      </c>
      <c r="C5344" s="14" t="s">
        <v>99635</v>
      </c>
      <c r="D5344" s="2" t="s">
        <v>99636</v>
      </c>
      <c r="E5344" s="2" t="s">
        <v>40993</v>
      </c>
      <c r="F5344" s="8">
        <v>322</v>
      </c>
      <c r="G5344" s="5">
        <v>6</v>
      </c>
      <c r="H5344" s="5" t="s">
        <v>1518</v>
      </c>
      <c r="I5344" s="5" t="s">
        <v>40939</v>
      </c>
      <c r="J5344" s="2" t="s">
        <v>40940</v>
      </c>
      <c r="K5344" s="5" t="s">
        <v>40939</v>
      </c>
      <c r="L5344" s="2" t="s">
        <v>40940</v>
      </c>
      <c r="M5344" s="5" t="s">
        <v>36266</v>
      </c>
      <c r="N5344" s="5" t="s">
        <v>38</v>
      </c>
      <c r="O5344" s="5" t="s">
        <v>39</v>
      </c>
      <c r="P5344" s="5" t="s">
        <v>40</v>
      </c>
      <c r="Q5344" s="5" t="s">
        <v>1522</v>
      </c>
      <c r="R5344" s="5" t="s">
        <v>1523</v>
      </c>
      <c r="S5344" s="5" t="s">
        <v>42</v>
      </c>
      <c r="T5344" s="2">
        <v>2.9409999999999998</v>
      </c>
      <c r="U5344" s="2">
        <v>2.3290000000000002</v>
      </c>
      <c r="V5344" s="2">
        <v>1.7999999999999999E-2</v>
      </c>
      <c r="W5344" s="2">
        <v>139.1</v>
      </c>
      <c r="X5344" s="2">
        <v>7.6</v>
      </c>
      <c r="Y5344" s="2">
        <v>16.7</v>
      </c>
      <c r="Z5344" s="5"/>
      <c r="AA5344" s="5" t="s">
        <v>43</v>
      </c>
      <c r="AB5344" s="5" t="s">
        <v>44</v>
      </c>
      <c r="AC5344" s="2"/>
      <c r="AD5344" s="1"/>
    </row>
    <row r="5345" spans="1:30">
      <c r="A5345" s="5" t="s">
        <v>83578</v>
      </c>
      <c r="B5345" s="2" t="s">
        <v>99637</v>
      </c>
      <c r="C5345" s="14" t="s">
        <v>99638</v>
      </c>
      <c r="D5345" s="2" t="s">
        <v>99639</v>
      </c>
      <c r="E5345" s="2" t="s">
        <v>40997</v>
      </c>
      <c r="F5345" s="8">
        <v>322</v>
      </c>
      <c r="G5345" s="5">
        <v>6</v>
      </c>
      <c r="H5345" s="5" t="s">
        <v>1518</v>
      </c>
      <c r="I5345" s="5" t="s">
        <v>40939</v>
      </c>
      <c r="J5345" s="2" t="s">
        <v>40940</v>
      </c>
      <c r="K5345" s="5" t="s">
        <v>40939</v>
      </c>
      <c r="L5345" s="2" t="s">
        <v>40940</v>
      </c>
      <c r="M5345" s="5" t="s">
        <v>36266</v>
      </c>
      <c r="N5345" s="5" t="s">
        <v>38</v>
      </c>
      <c r="O5345" s="5" t="s">
        <v>39</v>
      </c>
      <c r="P5345" s="5" t="s">
        <v>40</v>
      </c>
      <c r="Q5345" s="5" t="s">
        <v>1522</v>
      </c>
      <c r="R5345" s="5" t="s">
        <v>1523</v>
      </c>
      <c r="S5345" s="5" t="s">
        <v>42</v>
      </c>
      <c r="T5345" s="2">
        <v>2.851</v>
      </c>
      <c r="U5345" s="2">
        <v>2.2389999999999999</v>
      </c>
      <c r="V5345" s="2">
        <v>1.7999999999999999E-2</v>
      </c>
      <c r="W5345" s="2">
        <v>139.1</v>
      </c>
      <c r="X5345" s="2">
        <v>7.6</v>
      </c>
      <c r="Y5345" s="2">
        <v>16.7</v>
      </c>
      <c r="Z5345" s="5"/>
      <c r="AA5345" s="5" t="s">
        <v>43</v>
      </c>
      <c r="AB5345" s="5" t="s">
        <v>44</v>
      </c>
      <c r="AC5345" s="2"/>
      <c r="AD5345" s="1"/>
    </row>
    <row r="5346" spans="1:30">
      <c r="A5346" s="5" t="s">
        <v>83578</v>
      </c>
      <c r="B5346" s="2" t="s">
        <v>99640</v>
      </c>
      <c r="C5346" s="14" t="s">
        <v>99641</v>
      </c>
      <c r="D5346" s="2" t="s">
        <v>99642</v>
      </c>
      <c r="E5346" s="2" t="s">
        <v>41267</v>
      </c>
      <c r="F5346" s="8">
        <v>322</v>
      </c>
      <c r="G5346" s="5">
        <v>6</v>
      </c>
      <c r="H5346" s="5" t="s">
        <v>1518</v>
      </c>
      <c r="I5346" s="5" t="s">
        <v>40939</v>
      </c>
      <c r="J5346" s="2" t="s">
        <v>40940</v>
      </c>
      <c r="K5346" s="5" t="s">
        <v>40939</v>
      </c>
      <c r="L5346" s="2" t="s">
        <v>40940</v>
      </c>
      <c r="M5346" s="5" t="s">
        <v>36266</v>
      </c>
      <c r="N5346" s="5" t="s">
        <v>38</v>
      </c>
      <c r="O5346" s="5" t="s">
        <v>39</v>
      </c>
      <c r="P5346" s="5" t="s">
        <v>40</v>
      </c>
      <c r="Q5346" s="5" t="s">
        <v>1522</v>
      </c>
      <c r="R5346" s="5" t="s">
        <v>1523</v>
      </c>
      <c r="S5346" s="5" t="s">
        <v>42</v>
      </c>
      <c r="T5346" s="2">
        <v>2.9169999999999998</v>
      </c>
      <c r="U5346" s="2">
        <v>2.3050000000000002</v>
      </c>
      <c r="V5346" s="2">
        <v>1.7999999999999999E-2</v>
      </c>
      <c r="W5346" s="2">
        <v>139.1</v>
      </c>
      <c r="X5346" s="2">
        <v>7.6</v>
      </c>
      <c r="Y5346" s="2">
        <v>16.7</v>
      </c>
      <c r="Z5346" s="5"/>
      <c r="AA5346" s="5" t="s">
        <v>43</v>
      </c>
      <c r="AB5346" s="5" t="s">
        <v>44</v>
      </c>
      <c r="AC5346" s="2"/>
      <c r="AD5346" s="1"/>
    </row>
    <row r="5347" spans="1:30">
      <c r="A5347" s="5" t="s">
        <v>83578</v>
      </c>
      <c r="B5347" s="2" t="s">
        <v>99643</v>
      </c>
      <c r="C5347" s="14" t="s">
        <v>99644</v>
      </c>
      <c r="D5347" s="2" t="s">
        <v>99645</v>
      </c>
      <c r="E5347" s="2" t="s">
        <v>41001</v>
      </c>
      <c r="F5347" s="8">
        <v>322</v>
      </c>
      <c r="G5347" s="5">
        <v>6</v>
      </c>
      <c r="H5347" s="5" t="s">
        <v>1518</v>
      </c>
      <c r="I5347" s="5" t="s">
        <v>40939</v>
      </c>
      <c r="J5347" s="2" t="s">
        <v>40940</v>
      </c>
      <c r="K5347" s="5" t="s">
        <v>40939</v>
      </c>
      <c r="L5347" s="2" t="s">
        <v>40940</v>
      </c>
      <c r="M5347" s="5" t="s">
        <v>36266</v>
      </c>
      <c r="N5347" s="5" t="s">
        <v>38</v>
      </c>
      <c r="O5347" s="5" t="s">
        <v>39</v>
      </c>
      <c r="P5347" s="5" t="s">
        <v>40</v>
      </c>
      <c r="Q5347" s="5" t="s">
        <v>1522</v>
      </c>
      <c r="R5347" s="5" t="s">
        <v>1523</v>
      </c>
      <c r="S5347" s="5" t="s">
        <v>42</v>
      </c>
      <c r="T5347" s="2">
        <v>2.875</v>
      </c>
      <c r="U5347" s="2">
        <v>2.2629999999999999</v>
      </c>
      <c r="V5347" s="2">
        <v>1.7999999999999999E-2</v>
      </c>
      <c r="W5347" s="2">
        <v>139.1</v>
      </c>
      <c r="X5347" s="2">
        <v>7.6</v>
      </c>
      <c r="Y5347" s="2">
        <v>16.7</v>
      </c>
      <c r="Z5347" s="5"/>
      <c r="AA5347" s="5" t="s">
        <v>43</v>
      </c>
      <c r="AB5347" s="5" t="s">
        <v>44</v>
      </c>
      <c r="AC5347" s="2"/>
      <c r="AD5347" s="1"/>
    </row>
    <row r="5348" spans="1:30">
      <c r="A5348" s="5" t="s">
        <v>83578</v>
      </c>
      <c r="B5348" s="2" t="s">
        <v>99646</v>
      </c>
      <c r="C5348" s="14" t="s">
        <v>99647</v>
      </c>
      <c r="D5348" s="2" t="s">
        <v>99648</v>
      </c>
      <c r="E5348" s="2" t="s">
        <v>41005</v>
      </c>
      <c r="F5348" s="8">
        <v>322</v>
      </c>
      <c r="G5348" s="5">
        <v>6</v>
      </c>
      <c r="H5348" s="5" t="s">
        <v>1518</v>
      </c>
      <c r="I5348" s="5" t="s">
        <v>40939</v>
      </c>
      <c r="J5348" s="2" t="s">
        <v>40940</v>
      </c>
      <c r="K5348" s="5" t="s">
        <v>40939</v>
      </c>
      <c r="L5348" s="2" t="s">
        <v>40940</v>
      </c>
      <c r="M5348" s="5" t="s">
        <v>36266</v>
      </c>
      <c r="N5348" s="5" t="s">
        <v>38</v>
      </c>
      <c r="O5348" s="5" t="s">
        <v>39</v>
      </c>
      <c r="P5348" s="5" t="s">
        <v>40</v>
      </c>
      <c r="Q5348" s="5" t="s">
        <v>1522</v>
      </c>
      <c r="R5348" s="5" t="s">
        <v>1523</v>
      </c>
      <c r="S5348" s="5" t="s">
        <v>42</v>
      </c>
      <c r="T5348" s="2">
        <v>2.9409999999999998</v>
      </c>
      <c r="U5348" s="2">
        <v>2.3290000000000002</v>
      </c>
      <c r="V5348" s="2">
        <v>1.7999999999999999E-2</v>
      </c>
      <c r="W5348" s="2">
        <v>139.1</v>
      </c>
      <c r="X5348" s="2">
        <v>7.6</v>
      </c>
      <c r="Y5348" s="2">
        <v>16.7</v>
      </c>
      <c r="Z5348" s="5"/>
      <c r="AA5348" s="5" t="s">
        <v>43</v>
      </c>
      <c r="AB5348" s="5" t="s">
        <v>44</v>
      </c>
      <c r="AC5348" s="2"/>
      <c r="AD5348" s="1"/>
    </row>
    <row r="5349" spans="1:30">
      <c r="A5349" s="5" t="s">
        <v>83578</v>
      </c>
      <c r="B5349" s="2" t="s">
        <v>99649</v>
      </c>
      <c r="C5349" s="14" t="s">
        <v>99650</v>
      </c>
      <c r="D5349" s="2" t="s">
        <v>99651</v>
      </c>
      <c r="E5349" s="2" t="s">
        <v>41009</v>
      </c>
      <c r="F5349" s="8">
        <v>322</v>
      </c>
      <c r="G5349" s="5">
        <v>6</v>
      </c>
      <c r="H5349" s="5" t="s">
        <v>1518</v>
      </c>
      <c r="I5349" s="5" t="s">
        <v>40939</v>
      </c>
      <c r="J5349" s="2" t="s">
        <v>40940</v>
      </c>
      <c r="K5349" s="5" t="s">
        <v>40939</v>
      </c>
      <c r="L5349" s="2" t="s">
        <v>40940</v>
      </c>
      <c r="M5349" s="5" t="s">
        <v>36266</v>
      </c>
      <c r="N5349" s="5" t="s">
        <v>38</v>
      </c>
      <c r="O5349" s="5" t="s">
        <v>39</v>
      </c>
      <c r="P5349" s="5" t="s">
        <v>40</v>
      </c>
      <c r="Q5349" s="5" t="s">
        <v>1522</v>
      </c>
      <c r="R5349" s="5" t="s">
        <v>1523</v>
      </c>
      <c r="S5349" s="5" t="s">
        <v>42</v>
      </c>
      <c r="T5349" s="2">
        <v>2.8809999999999998</v>
      </c>
      <c r="U5349" s="2">
        <v>2.2690000000000001</v>
      </c>
      <c r="V5349" s="2">
        <v>1.7999999999999999E-2</v>
      </c>
      <c r="W5349" s="2">
        <v>139.1</v>
      </c>
      <c r="X5349" s="2">
        <v>7.6</v>
      </c>
      <c r="Y5349" s="2">
        <v>16.7</v>
      </c>
      <c r="Z5349" s="5"/>
      <c r="AA5349" s="5" t="s">
        <v>43</v>
      </c>
      <c r="AB5349" s="5" t="s">
        <v>44</v>
      </c>
      <c r="AC5349" s="2"/>
      <c r="AD5349" s="1"/>
    </row>
    <row r="5350" spans="1:30">
      <c r="A5350" s="5" t="s">
        <v>83578</v>
      </c>
      <c r="B5350" s="2" t="s">
        <v>99652</v>
      </c>
      <c r="C5350" s="14" t="s">
        <v>99653</v>
      </c>
      <c r="D5350" s="2" t="s">
        <v>99654</v>
      </c>
      <c r="E5350" s="2" t="s">
        <v>41013</v>
      </c>
      <c r="F5350" s="8">
        <v>322</v>
      </c>
      <c r="G5350" s="5">
        <v>6</v>
      </c>
      <c r="H5350" s="5" t="s">
        <v>1518</v>
      </c>
      <c r="I5350" s="5" t="s">
        <v>40939</v>
      </c>
      <c r="J5350" s="2" t="s">
        <v>40940</v>
      </c>
      <c r="K5350" s="5" t="s">
        <v>40939</v>
      </c>
      <c r="L5350" s="2" t="s">
        <v>40940</v>
      </c>
      <c r="M5350" s="5" t="s">
        <v>36266</v>
      </c>
      <c r="N5350" s="5" t="s">
        <v>38</v>
      </c>
      <c r="O5350" s="5" t="s">
        <v>39</v>
      </c>
      <c r="P5350" s="5" t="s">
        <v>40</v>
      </c>
      <c r="Q5350" s="5" t="s">
        <v>1522</v>
      </c>
      <c r="R5350" s="5" t="s">
        <v>1523</v>
      </c>
      <c r="S5350" s="5" t="s">
        <v>42</v>
      </c>
      <c r="T5350" s="2">
        <v>2.9470000000000001</v>
      </c>
      <c r="U5350" s="2">
        <v>2.335</v>
      </c>
      <c r="V5350" s="2">
        <v>1.7999999999999999E-2</v>
      </c>
      <c r="W5350" s="2">
        <v>139.1</v>
      </c>
      <c r="X5350" s="2">
        <v>7.6</v>
      </c>
      <c r="Y5350" s="2">
        <v>16.7</v>
      </c>
      <c r="Z5350" s="5"/>
      <c r="AA5350" s="5" t="s">
        <v>43</v>
      </c>
      <c r="AB5350" s="5" t="s">
        <v>44</v>
      </c>
      <c r="AC5350" s="2"/>
      <c r="AD5350" s="1"/>
    </row>
    <row r="5351" spans="1:30">
      <c r="A5351" s="5" t="s">
        <v>83578</v>
      </c>
      <c r="B5351" s="2" t="s">
        <v>99655</v>
      </c>
      <c r="C5351" s="14" t="s">
        <v>99656</v>
      </c>
      <c r="D5351" s="2" t="s">
        <v>99657</v>
      </c>
      <c r="E5351" s="2" t="s">
        <v>7396</v>
      </c>
      <c r="F5351" s="8">
        <v>298</v>
      </c>
      <c r="G5351" s="5">
        <v>6</v>
      </c>
      <c r="H5351" s="5" t="s">
        <v>1518</v>
      </c>
      <c r="I5351" s="5" t="s">
        <v>40939</v>
      </c>
      <c r="J5351" s="2" t="s">
        <v>40940</v>
      </c>
      <c r="K5351" s="5" t="s">
        <v>40939</v>
      </c>
      <c r="L5351" s="2" t="s">
        <v>40940</v>
      </c>
      <c r="M5351" s="5" t="s">
        <v>36266</v>
      </c>
      <c r="N5351" s="5" t="s">
        <v>38</v>
      </c>
      <c r="O5351" s="5" t="s">
        <v>39</v>
      </c>
      <c r="P5351" s="5" t="s">
        <v>40</v>
      </c>
      <c r="Q5351" s="5" t="s">
        <v>1522</v>
      </c>
      <c r="R5351" s="5" t="s">
        <v>1523</v>
      </c>
      <c r="S5351" s="5" t="s">
        <v>42</v>
      </c>
      <c r="T5351" s="2">
        <v>2.8809999999999998</v>
      </c>
      <c r="U5351" s="2">
        <v>2.2690000000000001</v>
      </c>
      <c r="V5351" s="2">
        <v>1.7999999999999999E-2</v>
      </c>
      <c r="W5351" s="2">
        <v>139.1</v>
      </c>
      <c r="X5351" s="2">
        <v>7.6</v>
      </c>
      <c r="Y5351" s="2">
        <v>16.7</v>
      </c>
      <c r="Z5351" s="5"/>
      <c r="AA5351" s="5" t="s">
        <v>43</v>
      </c>
      <c r="AB5351" s="5" t="s">
        <v>44</v>
      </c>
      <c r="AC5351" s="2"/>
      <c r="AD5351" s="1"/>
    </row>
    <row r="5352" spans="1:30">
      <c r="A5352" s="5" t="s">
        <v>83578</v>
      </c>
      <c r="B5352" s="2" t="s">
        <v>99658</v>
      </c>
      <c r="C5352" s="14" t="s">
        <v>99659</v>
      </c>
      <c r="D5352" s="2" t="s">
        <v>99660</v>
      </c>
      <c r="E5352" s="2" t="s">
        <v>7507</v>
      </c>
      <c r="F5352" s="8">
        <v>298</v>
      </c>
      <c r="G5352" s="5">
        <v>6</v>
      </c>
      <c r="H5352" s="5" t="s">
        <v>1518</v>
      </c>
      <c r="I5352" s="5" t="s">
        <v>40939</v>
      </c>
      <c r="J5352" s="2" t="s">
        <v>40940</v>
      </c>
      <c r="K5352" s="5" t="s">
        <v>40939</v>
      </c>
      <c r="L5352" s="2" t="s">
        <v>40940</v>
      </c>
      <c r="M5352" s="5" t="s">
        <v>36266</v>
      </c>
      <c r="N5352" s="5" t="s">
        <v>38</v>
      </c>
      <c r="O5352" s="5" t="s">
        <v>39</v>
      </c>
      <c r="P5352" s="5" t="s">
        <v>40</v>
      </c>
      <c r="Q5352" s="5" t="s">
        <v>1522</v>
      </c>
      <c r="R5352" s="5" t="s">
        <v>1523</v>
      </c>
      <c r="S5352" s="5" t="s">
        <v>42</v>
      </c>
      <c r="T5352" s="2">
        <v>2.9470000000000001</v>
      </c>
      <c r="U5352" s="2">
        <v>2.335</v>
      </c>
      <c r="V5352" s="2">
        <v>1.7999999999999999E-2</v>
      </c>
      <c r="W5352" s="2">
        <v>139.1</v>
      </c>
      <c r="X5352" s="2">
        <v>7.6</v>
      </c>
      <c r="Y5352" s="2">
        <v>16.7</v>
      </c>
      <c r="Z5352" s="5"/>
      <c r="AA5352" s="5" t="s">
        <v>43</v>
      </c>
      <c r="AB5352" s="5" t="s">
        <v>44</v>
      </c>
      <c r="AC5352" s="2"/>
      <c r="AD5352" s="1"/>
    </row>
    <row r="5353" spans="1:30">
      <c r="A5353" s="5" t="s">
        <v>83578</v>
      </c>
      <c r="B5353" s="2" t="s">
        <v>99661</v>
      </c>
      <c r="C5353" s="14" t="s">
        <v>99662</v>
      </c>
      <c r="D5353" s="2" t="s">
        <v>99663</v>
      </c>
      <c r="E5353" s="2" t="s">
        <v>41023</v>
      </c>
      <c r="F5353" s="8">
        <v>322</v>
      </c>
      <c r="G5353" s="5">
        <v>6</v>
      </c>
      <c r="H5353" s="5" t="s">
        <v>1518</v>
      </c>
      <c r="I5353" s="5" t="s">
        <v>40939</v>
      </c>
      <c r="J5353" s="2" t="s">
        <v>40940</v>
      </c>
      <c r="K5353" s="5" t="s">
        <v>40939</v>
      </c>
      <c r="L5353" s="2" t="s">
        <v>40940</v>
      </c>
      <c r="M5353" s="5" t="s">
        <v>36266</v>
      </c>
      <c r="N5353" s="5" t="s">
        <v>38</v>
      </c>
      <c r="O5353" s="5" t="s">
        <v>39</v>
      </c>
      <c r="P5353" s="5" t="s">
        <v>40</v>
      </c>
      <c r="Q5353" s="5" t="s">
        <v>1522</v>
      </c>
      <c r="R5353" s="5" t="s">
        <v>1523</v>
      </c>
      <c r="S5353" s="5" t="s">
        <v>42</v>
      </c>
      <c r="T5353" s="2">
        <v>2.851</v>
      </c>
      <c r="U5353" s="2">
        <v>2.2389999999999999</v>
      </c>
      <c r="V5353" s="2">
        <v>1.7999999999999999E-2</v>
      </c>
      <c r="W5353" s="2">
        <v>139.1</v>
      </c>
      <c r="X5353" s="2">
        <v>7.6</v>
      </c>
      <c r="Y5353" s="2">
        <v>16.7</v>
      </c>
      <c r="Z5353" s="5"/>
      <c r="AA5353" s="5" t="s">
        <v>43</v>
      </c>
      <c r="AB5353" s="5" t="s">
        <v>44</v>
      </c>
      <c r="AC5353" s="2"/>
      <c r="AD5353" s="1"/>
    </row>
    <row r="5354" spans="1:30">
      <c r="A5354" s="5" t="s">
        <v>83578</v>
      </c>
      <c r="B5354" s="2" t="s">
        <v>99664</v>
      </c>
      <c r="C5354" s="14" t="s">
        <v>99665</v>
      </c>
      <c r="D5354" s="2" t="s">
        <v>99666</v>
      </c>
      <c r="E5354" s="2" t="s">
        <v>41027</v>
      </c>
      <c r="F5354" s="8">
        <v>322</v>
      </c>
      <c r="G5354" s="5">
        <v>6</v>
      </c>
      <c r="H5354" s="5" t="s">
        <v>1518</v>
      </c>
      <c r="I5354" s="5" t="s">
        <v>40939</v>
      </c>
      <c r="J5354" s="2" t="s">
        <v>40940</v>
      </c>
      <c r="K5354" s="5" t="s">
        <v>40939</v>
      </c>
      <c r="L5354" s="2" t="s">
        <v>40940</v>
      </c>
      <c r="M5354" s="5" t="s">
        <v>36266</v>
      </c>
      <c r="N5354" s="5" t="s">
        <v>38</v>
      </c>
      <c r="O5354" s="5" t="s">
        <v>39</v>
      </c>
      <c r="P5354" s="5" t="s">
        <v>40</v>
      </c>
      <c r="Q5354" s="5" t="s">
        <v>1522</v>
      </c>
      <c r="R5354" s="5" t="s">
        <v>1523</v>
      </c>
      <c r="S5354" s="5" t="s">
        <v>42</v>
      </c>
      <c r="T5354" s="2">
        <v>2.9169999999999998</v>
      </c>
      <c r="U5354" s="2">
        <v>2.3050000000000002</v>
      </c>
      <c r="V5354" s="2">
        <v>1.7999999999999999E-2</v>
      </c>
      <c r="W5354" s="2">
        <v>139.1</v>
      </c>
      <c r="X5354" s="2">
        <v>7.6</v>
      </c>
      <c r="Y5354" s="2">
        <v>16.7</v>
      </c>
      <c r="Z5354" s="5"/>
      <c r="AA5354" s="5" t="s">
        <v>43</v>
      </c>
      <c r="AB5354" s="5" t="s">
        <v>44</v>
      </c>
      <c r="AC5354" s="2"/>
      <c r="AD5354" s="1"/>
    </row>
    <row r="5355" spans="1:30">
      <c r="A5355" s="5" t="s">
        <v>83578</v>
      </c>
      <c r="B5355" s="2" t="s">
        <v>99667</v>
      </c>
      <c r="C5355" s="14" t="s">
        <v>99668</v>
      </c>
      <c r="D5355" s="2" t="s">
        <v>99669</v>
      </c>
      <c r="E5355" s="2" t="s">
        <v>41031</v>
      </c>
      <c r="F5355" s="8">
        <v>322</v>
      </c>
      <c r="G5355" s="5">
        <v>6</v>
      </c>
      <c r="H5355" s="5" t="s">
        <v>1518</v>
      </c>
      <c r="I5355" s="5" t="s">
        <v>40939</v>
      </c>
      <c r="J5355" s="2" t="s">
        <v>40940</v>
      </c>
      <c r="K5355" s="5" t="s">
        <v>40939</v>
      </c>
      <c r="L5355" s="2" t="s">
        <v>40940</v>
      </c>
      <c r="M5355" s="5" t="s">
        <v>36266</v>
      </c>
      <c r="N5355" s="5" t="s">
        <v>38</v>
      </c>
      <c r="O5355" s="5" t="s">
        <v>39</v>
      </c>
      <c r="P5355" s="5" t="s">
        <v>40</v>
      </c>
      <c r="Q5355" s="5" t="s">
        <v>1522</v>
      </c>
      <c r="R5355" s="5" t="s">
        <v>1523</v>
      </c>
      <c r="S5355" s="5" t="s">
        <v>42</v>
      </c>
      <c r="T5355" s="2">
        <v>2.851</v>
      </c>
      <c r="U5355" s="2">
        <v>2.2389999999999999</v>
      </c>
      <c r="V5355" s="2">
        <v>1.7999999999999999E-2</v>
      </c>
      <c r="W5355" s="2">
        <v>139.1</v>
      </c>
      <c r="X5355" s="2">
        <v>7.6</v>
      </c>
      <c r="Y5355" s="2">
        <v>16.7</v>
      </c>
      <c r="Z5355" s="5"/>
      <c r="AA5355" s="5" t="s">
        <v>43</v>
      </c>
      <c r="AB5355" s="5" t="s">
        <v>44</v>
      </c>
      <c r="AC5355" s="2"/>
      <c r="AD5355" s="1"/>
    </row>
    <row r="5356" spans="1:30">
      <c r="A5356" s="5" t="s">
        <v>83578</v>
      </c>
      <c r="B5356" s="2" t="s">
        <v>99670</v>
      </c>
      <c r="C5356" s="14" t="s">
        <v>99671</v>
      </c>
      <c r="D5356" s="2" t="s">
        <v>99672</v>
      </c>
      <c r="E5356" s="2" t="s">
        <v>41035</v>
      </c>
      <c r="F5356" s="8">
        <v>322</v>
      </c>
      <c r="G5356" s="5">
        <v>6</v>
      </c>
      <c r="H5356" s="5" t="s">
        <v>1518</v>
      </c>
      <c r="I5356" s="5" t="s">
        <v>40939</v>
      </c>
      <c r="J5356" s="2" t="s">
        <v>40940</v>
      </c>
      <c r="K5356" s="5" t="s">
        <v>40939</v>
      </c>
      <c r="L5356" s="2" t="s">
        <v>40940</v>
      </c>
      <c r="M5356" s="5" t="s">
        <v>36266</v>
      </c>
      <c r="N5356" s="5" t="s">
        <v>38</v>
      </c>
      <c r="O5356" s="5" t="s">
        <v>39</v>
      </c>
      <c r="P5356" s="5" t="s">
        <v>40</v>
      </c>
      <c r="Q5356" s="5" t="s">
        <v>1522</v>
      </c>
      <c r="R5356" s="5" t="s">
        <v>1523</v>
      </c>
      <c r="S5356" s="5" t="s">
        <v>42</v>
      </c>
      <c r="T5356" s="2">
        <v>2.9169999999999998</v>
      </c>
      <c r="U5356" s="2">
        <v>2.3050000000000002</v>
      </c>
      <c r="V5356" s="2">
        <v>1.7999999999999999E-2</v>
      </c>
      <c r="W5356" s="2">
        <v>139.1</v>
      </c>
      <c r="X5356" s="2">
        <v>7.6</v>
      </c>
      <c r="Y5356" s="2">
        <v>16.7</v>
      </c>
      <c r="Z5356" s="5"/>
      <c r="AA5356" s="5" t="s">
        <v>43</v>
      </c>
      <c r="AB5356" s="5" t="s">
        <v>44</v>
      </c>
      <c r="AC5356" s="2"/>
      <c r="AD5356" s="1"/>
    </row>
    <row r="5357" spans="1:30">
      <c r="A5357" s="5" t="s">
        <v>83578</v>
      </c>
      <c r="B5357" s="2" t="s">
        <v>99673</v>
      </c>
      <c r="C5357" s="14" t="s">
        <v>99674</v>
      </c>
      <c r="D5357" s="2" t="s">
        <v>99675</v>
      </c>
      <c r="E5357" s="2" t="s">
        <v>7449</v>
      </c>
      <c r="F5357" s="8">
        <v>322</v>
      </c>
      <c r="G5357" s="5">
        <v>6</v>
      </c>
      <c r="H5357" s="5" t="s">
        <v>1518</v>
      </c>
      <c r="I5357" s="5" t="s">
        <v>40939</v>
      </c>
      <c r="J5357" s="2" t="s">
        <v>40940</v>
      </c>
      <c r="K5357" s="5" t="s">
        <v>40939</v>
      </c>
      <c r="L5357" s="2" t="s">
        <v>40940</v>
      </c>
      <c r="M5357" s="5" t="s">
        <v>36266</v>
      </c>
      <c r="N5357" s="5" t="s">
        <v>38</v>
      </c>
      <c r="O5357" s="5" t="s">
        <v>39</v>
      </c>
      <c r="P5357" s="5" t="s">
        <v>40</v>
      </c>
      <c r="Q5357" s="5" t="s">
        <v>1522</v>
      </c>
      <c r="R5357" s="5" t="s">
        <v>1523</v>
      </c>
      <c r="S5357" s="5" t="s">
        <v>42</v>
      </c>
      <c r="T5357" s="2">
        <v>2.851</v>
      </c>
      <c r="U5357" s="2">
        <v>2.2389999999999999</v>
      </c>
      <c r="V5357" s="2">
        <v>1.7999999999999999E-2</v>
      </c>
      <c r="W5357" s="2">
        <v>139.1</v>
      </c>
      <c r="X5357" s="2">
        <v>7.6</v>
      </c>
      <c r="Y5357" s="2">
        <v>16.7</v>
      </c>
      <c r="Z5357" s="5"/>
      <c r="AA5357" s="5" t="s">
        <v>43</v>
      </c>
      <c r="AB5357" s="5" t="s">
        <v>44</v>
      </c>
      <c r="AC5357" s="2"/>
      <c r="AD5357" s="1"/>
    </row>
    <row r="5358" spans="1:30">
      <c r="A5358" s="5" t="s">
        <v>83578</v>
      </c>
      <c r="B5358" s="2" t="s">
        <v>99676</v>
      </c>
      <c r="C5358" s="14" t="s">
        <v>99677</v>
      </c>
      <c r="D5358" s="2" t="s">
        <v>99678</v>
      </c>
      <c r="E5358" s="2" t="s">
        <v>7581</v>
      </c>
      <c r="F5358" s="8">
        <v>322</v>
      </c>
      <c r="G5358" s="5">
        <v>6</v>
      </c>
      <c r="H5358" s="5" t="s">
        <v>1518</v>
      </c>
      <c r="I5358" s="5" t="s">
        <v>40939</v>
      </c>
      <c r="J5358" s="2" t="s">
        <v>40940</v>
      </c>
      <c r="K5358" s="5" t="s">
        <v>40939</v>
      </c>
      <c r="L5358" s="2" t="s">
        <v>40940</v>
      </c>
      <c r="M5358" s="5" t="s">
        <v>36266</v>
      </c>
      <c r="N5358" s="5" t="s">
        <v>38</v>
      </c>
      <c r="O5358" s="5" t="s">
        <v>39</v>
      </c>
      <c r="P5358" s="5" t="s">
        <v>40</v>
      </c>
      <c r="Q5358" s="5" t="s">
        <v>1522</v>
      </c>
      <c r="R5358" s="5" t="s">
        <v>1523</v>
      </c>
      <c r="S5358" s="5" t="s">
        <v>42</v>
      </c>
      <c r="T5358" s="2">
        <v>2.9169999999999998</v>
      </c>
      <c r="U5358" s="2">
        <v>2.3050000000000002</v>
      </c>
      <c r="V5358" s="2">
        <v>1.7999999999999999E-2</v>
      </c>
      <c r="W5358" s="2">
        <v>139.1</v>
      </c>
      <c r="X5358" s="2">
        <v>7.6</v>
      </c>
      <c r="Y5358" s="2">
        <v>16.7</v>
      </c>
      <c r="Z5358" s="5"/>
      <c r="AA5358" s="5" t="s">
        <v>43</v>
      </c>
      <c r="AB5358" s="5" t="s">
        <v>44</v>
      </c>
      <c r="AC5358" s="2"/>
      <c r="AD5358" s="1"/>
    </row>
    <row r="5359" spans="1:30">
      <c r="A5359" s="5" t="s">
        <v>83578</v>
      </c>
      <c r="B5359" s="2" t="s">
        <v>99679</v>
      </c>
      <c r="C5359" s="14" t="s">
        <v>99680</v>
      </c>
      <c r="D5359" s="2" t="s">
        <v>99681</v>
      </c>
      <c r="E5359" s="2" t="s">
        <v>41045</v>
      </c>
      <c r="F5359" s="8">
        <v>322</v>
      </c>
      <c r="G5359" s="5">
        <v>6</v>
      </c>
      <c r="H5359" s="5" t="s">
        <v>1518</v>
      </c>
      <c r="I5359" s="5" t="s">
        <v>40939</v>
      </c>
      <c r="J5359" s="2" t="s">
        <v>40940</v>
      </c>
      <c r="K5359" s="5" t="s">
        <v>40939</v>
      </c>
      <c r="L5359" s="2" t="s">
        <v>40940</v>
      </c>
      <c r="M5359" s="5" t="s">
        <v>36266</v>
      </c>
      <c r="N5359" s="5" t="s">
        <v>38</v>
      </c>
      <c r="O5359" s="5" t="s">
        <v>39</v>
      </c>
      <c r="P5359" s="5" t="s">
        <v>40</v>
      </c>
      <c r="Q5359" s="5" t="s">
        <v>1522</v>
      </c>
      <c r="R5359" s="5" t="s">
        <v>1523</v>
      </c>
      <c r="S5359" s="5" t="s">
        <v>42</v>
      </c>
      <c r="T5359" s="2">
        <v>2.887</v>
      </c>
      <c r="U5359" s="2">
        <v>2.2749999999999999</v>
      </c>
      <c r="V5359" s="2">
        <v>1.7999999999999999E-2</v>
      </c>
      <c r="W5359" s="2">
        <v>139.1</v>
      </c>
      <c r="X5359" s="2">
        <v>7.6</v>
      </c>
      <c r="Y5359" s="2">
        <v>16.7</v>
      </c>
      <c r="Z5359" s="5"/>
      <c r="AA5359" s="5" t="s">
        <v>43</v>
      </c>
      <c r="AB5359" s="5" t="s">
        <v>44</v>
      </c>
      <c r="AC5359" s="2"/>
      <c r="AD5359" s="1"/>
    </row>
    <row r="5360" spans="1:30">
      <c r="A5360" s="5" t="s">
        <v>83578</v>
      </c>
      <c r="B5360" s="2" t="s">
        <v>99682</v>
      </c>
      <c r="C5360" s="14" t="s">
        <v>99683</v>
      </c>
      <c r="D5360" s="2" t="s">
        <v>99684</v>
      </c>
      <c r="E5360" s="2" t="s">
        <v>41049</v>
      </c>
      <c r="F5360" s="8">
        <v>322</v>
      </c>
      <c r="G5360" s="5">
        <v>6</v>
      </c>
      <c r="H5360" s="5" t="s">
        <v>1518</v>
      </c>
      <c r="I5360" s="5" t="s">
        <v>40939</v>
      </c>
      <c r="J5360" s="2" t="s">
        <v>40940</v>
      </c>
      <c r="K5360" s="5" t="s">
        <v>40939</v>
      </c>
      <c r="L5360" s="2" t="s">
        <v>40940</v>
      </c>
      <c r="M5360" s="5" t="s">
        <v>36266</v>
      </c>
      <c r="N5360" s="5" t="s">
        <v>38</v>
      </c>
      <c r="O5360" s="5" t="s">
        <v>39</v>
      </c>
      <c r="P5360" s="5" t="s">
        <v>40</v>
      </c>
      <c r="Q5360" s="5" t="s">
        <v>1522</v>
      </c>
      <c r="R5360" s="5" t="s">
        <v>1523</v>
      </c>
      <c r="S5360" s="5" t="s">
        <v>42</v>
      </c>
      <c r="T5360" s="2">
        <v>2.9529999999999998</v>
      </c>
      <c r="U5360" s="2">
        <v>2.3410000000000002</v>
      </c>
      <c r="V5360" s="2">
        <v>1.7999999999999999E-2</v>
      </c>
      <c r="W5360" s="2">
        <v>139.1</v>
      </c>
      <c r="X5360" s="2">
        <v>7.6</v>
      </c>
      <c r="Y5360" s="2">
        <v>16.7</v>
      </c>
      <c r="Z5360" s="5"/>
      <c r="AA5360" s="5" t="s">
        <v>43</v>
      </c>
      <c r="AB5360" s="5" t="s">
        <v>44</v>
      </c>
      <c r="AC5360" s="2"/>
      <c r="AD5360" s="1"/>
    </row>
    <row r="5361" spans="1:30">
      <c r="A5361" s="5" t="s">
        <v>83578</v>
      </c>
      <c r="B5361" s="2" t="s">
        <v>99685</v>
      </c>
      <c r="C5361" s="14" t="s">
        <v>99686</v>
      </c>
      <c r="D5361" s="2" t="s">
        <v>99687</v>
      </c>
      <c r="E5361" s="2" t="s">
        <v>47266</v>
      </c>
      <c r="F5361" s="8">
        <v>333</v>
      </c>
      <c r="G5361" s="5">
        <v>6</v>
      </c>
      <c r="H5361" s="5" t="s">
        <v>1518</v>
      </c>
      <c r="I5361" s="5" t="s">
        <v>40939</v>
      </c>
      <c r="J5361" s="2" t="s">
        <v>40940</v>
      </c>
      <c r="K5361" s="5" t="s">
        <v>40939</v>
      </c>
      <c r="L5361" s="2" t="s">
        <v>40940</v>
      </c>
      <c r="M5361" s="5" t="s">
        <v>36266</v>
      </c>
      <c r="N5361" s="5" t="s">
        <v>38</v>
      </c>
      <c r="O5361" s="5" t="s">
        <v>39</v>
      </c>
      <c r="P5361" s="5" t="s">
        <v>40</v>
      </c>
      <c r="Q5361" s="5" t="s">
        <v>1522</v>
      </c>
      <c r="R5361" s="5" t="s">
        <v>1523</v>
      </c>
      <c r="S5361" s="5" t="s">
        <v>42</v>
      </c>
      <c r="T5361" s="2">
        <v>3.5059999999999998</v>
      </c>
      <c r="U5361" s="2">
        <v>2.93</v>
      </c>
      <c r="V5361" s="2">
        <v>1.7999999999999999E-2</v>
      </c>
      <c r="W5361" s="2">
        <v>139.1</v>
      </c>
      <c r="X5361" s="2">
        <v>7.6</v>
      </c>
      <c r="Y5361" s="2">
        <v>16.7</v>
      </c>
      <c r="Z5361" s="5"/>
      <c r="AA5361" s="5" t="s">
        <v>43</v>
      </c>
      <c r="AB5361" s="5" t="s">
        <v>44</v>
      </c>
      <c r="AC5361" s="2"/>
      <c r="AD5361" s="1"/>
    </row>
    <row r="5362" spans="1:30">
      <c r="A5362" s="5" t="s">
        <v>83578</v>
      </c>
      <c r="B5362" s="2" t="s">
        <v>99688</v>
      </c>
      <c r="C5362" s="14" t="s">
        <v>99689</v>
      </c>
      <c r="D5362" s="2" t="s">
        <v>99690</v>
      </c>
      <c r="E5362" s="2" t="s">
        <v>47226</v>
      </c>
      <c r="F5362" s="8">
        <v>333</v>
      </c>
      <c r="G5362" s="5">
        <v>6</v>
      </c>
      <c r="H5362" s="5" t="s">
        <v>1518</v>
      </c>
      <c r="I5362" s="5" t="s">
        <v>40939</v>
      </c>
      <c r="J5362" s="2" t="s">
        <v>40940</v>
      </c>
      <c r="K5362" s="5" t="s">
        <v>40939</v>
      </c>
      <c r="L5362" s="2" t="s">
        <v>40940</v>
      </c>
      <c r="M5362" s="5" t="s">
        <v>36266</v>
      </c>
      <c r="N5362" s="5" t="s">
        <v>38</v>
      </c>
      <c r="O5362" s="5" t="s">
        <v>39</v>
      </c>
      <c r="P5362" s="5" t="s">
        <v>40</v>
      </c>
      <c r="Q5362" s="5" t="s">
        <v>1522</v>
      </c>
      <c r="R5362" s="5" t="s">
        <v>1523</v>
      </c>
      <c r="S5362" s="5" t="s">
        <v>42</v>
      </c>
      <c r="T5362" s="2">
        <v>3.5209999999999999</v>
      </c>
      <c r="U5362" s="2">
        <v>2.9449999999999998</v>
      </c>
      <c r="V5362" s="2">
        <v>1.7999999999999999E-2</v>
      </c>
      <c r="W5362" s="2">
        <v>139.1</v>
      </c>
      <c r="X5362" s="2">
        <v>7.6</v>
      </c>
      <c r="Y5362" s="2">
        <v>16.7</v>
      </c>
      <c r="Z5362" s="5"/>
      <c r="AA5362" s="5" t="s">
        <v>43</v>
      </c>
      <c r="AB5362" s="5" t="s">
        <v>44</v>
      </c>
      <c r="AC5362" s="2"/>
      <c r="AD5362" s="1"/>
    </row>
    <row r="5363" spans="1:30">
      <c r="A5363" s="5" t="s">
        <v>83578</v>
      </c>
      <c r="B5363" s="2" t="s">
        <v>99691</v>
      </c>
      <c r="C5363" s="14" t="s">
        <v>99692</v>
      </c>
      <c r="D5363" s="2" t="s">
        <v>99693</v>
      </c>
      <c r="E5363" s="2" t="s">
        <v>40997</v>
      </c>
      <c r="F5363" s="8">
        <v>333</v>
      </c>
      <c r="G5363" s="5">
        <v>6</v>
      </c>
      <c r="H5363" s="5" t="s">
        <v>1518</v>
      </c>
      <c r="I5363" s="5" t="s">
        <v>40939</v>
      </c>
      <c r="J5363" s="2" t="s">
        <v>40940</v>
      </c>
      <c r="K5363" s="5" t="s">
        <v>40939</v>
      </c>
      <c r="L5363" s="2" t="s">
        <v>40940</v>
      </c>
      <c r="M5363" s="5" t="s">
        <v>36266</v>
      </c>
      <c r="N5363" s="5" t="s">
        <v>38</v>
      </c>
      <c r="O5363" s="5" t="s">
        <v>39</v>
      </c>
      <c r="P5363" s="5" t="s">
        <v>40</v>
      </c>
      <c r="Q5363" s="5" t="s">
        <v>1522</v>
      </c>
      <c r="R5363" s="5" t="s">
        <v>1523</v>
      </c>
      <c r="S5363" s="5" t="s">
        <v>42</v>
      </c>
      <c r="T5363" s="2">
        <v>3.4630000000000001</v>
      </c>
      <c r="U5363" s="2">
        <v>2.887</v>
      </c>
      <c r="V5363" s="2">
        <v>1.7999999999999999E-2</v>
      </c>
      <c r="W5363" s="2">
        <v>139.1</v>
      </c>
      <c r="X5363" s="2">
        <v>7.6</v>
      </c>
      <c r="Y5363" s="2">
        <v>16.7</v>
      </c>
      <c r="Z5363" s="5"/>
      <c r="AA5363" s="5" t="s">
        <v>43</v>
      </c>
      <c r="AB5363" s="5" t="s">
        <v>44</v>
      </c>
      <c r="AC5363" s="2"/>
      <c r="AD5363" s="1"/>
    </row>
    <row r="5364" spans="1:30">
      <c r="A5364" s="5" t="s">
        <v>83578</v>
      </c>
      <c r="B5364" s="2" t="s">
        <v>99694</v>
      </c>
      <c r="C5364" s="14" t="s">
        <v>99695</v>
      </c>
      <c r="D5364" s="2" t="s">
        <v>99696</v>
      </c>
      <c r="E5364" s="2" t="s">
        <v>41031</v>
      </c>
      <c r="F5364" s="8">
        <v>333</v>
      </c>
      <c r="G5364" s="5">
        <v>6</v>
      </c>
      <c r="H5364" s="5" t="s">
        <v>1518</v>
      </c>
      <c r="I5364" s="5" t="s">
        <v>40939</v>
      </c>
      <c r="J5364" s="2" t="s">
        <v>40940</v>
      </c>
      <c r="K5364" s="5" t="s">
        <v>40939</v>
      </c>
      <c r="L5364" s="2" t="s">
        <v>40940</v>
      </c>
      <c r="M5364" s="5" t="s">
        <v>36266</v>
      </c>
      <c r="N5364" s="5" t="s">
        <v>38</v>
      </c>
      <c r="O5364" s="5" t="s">
        <v>39</v>
      </c>
      <c r="P5364" s="5" t="s">
        <v>40</v>
      </c>
      <c r="Q5364" s="5" t="s">
        <v>1522</v>
      </c>
      <c r="R5364" s="5" t="s">
        <v>1523</v>
      </c>
      <c r="S5364" s="5" t="s">
        <v>42</v>
      </c>
      <c r="T5364" s="2">
        <v>3.4630000000000001</v>
      </c>
      <c r="U5364" s="2">
        <v>2.887</v>
      </c>
      <c r="V5364" s="2">
        <v>1.7999999999999999E-2</v>
      </c>
      <c r="W5364" s="2">
        <v>139.1</v>
      </c>
      <c r="X5364" s="2">
        <v>7.6</v>
      </c>
      <c r="Y5364" s="2">
        <v>16.7</v>
      </c>
      <c r="Z5364" s="5"/>
      <c r="AA5364" s="5" t="s">
        <v>43</v>
      </c>
      <c r="AB5364" s="5" t="s">
        <v>44</v>
      </c>
      <c r="AC5364" s="2"/>
      <c r="AD5364" s="1"/>
    </row>
    <row r="5365" spans="1:30">
      <c r="A5365" s="5" t="s">
        <v>83578</v>
      </c>
      <c r="B5365" s="2" t="s">
        <v>99697</v>
      </c>
      <c r="C5365" s="14" t="s">
        <v>99698</v>
      </c>
      <c r="D5365" s="2" t="s">
        <v>99699</v>
      </c>
      <c r="E5365" s="2" t="s">
        <v>47226</v>
      </c>
      <c r="F5365" s="8">
        <v>359</v>
      </c>
      <c r="G5365" s="5">
        <v>6</v>
      </c>
      <c r="H5365" s="5" t="s">
        <v>1518</v>
      </c>
      <c r="I5365" s="5" t="s">
        <v>40939</v>
      </c>
      <c r="J5365" s="2" t="s">
        <v>40940</v>
      </c>
      <c r="K5365" s="5" t="s">
        <v>40939</v>
      </c>
      <c r="L5365" s="2" t="s">
        <v>40940</v>
      </c>
      <c r="M5365" s="5" t="s">
        <v>36266</v>
      </c>
      <c r="N5365" s="5" t="s">
        <v>38</v>
      </c>
      <c r="O5365" s="5" t="s">
        <v>39</v>
      </c>
      <c r="P5365" s="5" t="s">
        <v>40</v>
      </c>
      <c r="Q5365" s="5" t="s">
        <v>1522</v>
      </c>
      <c r="R5365" s="5" t="s">
        <v>1523</v>
      </c>
      <c r="S5365" s="5" t="s">
        <v>42</v>
      </c>
      <c r="T5365" s="2">
        <v>3.7770000000000001</v>
      </c>
      <c r="U5365" s="2">
        <v>3.1179999999999999</v>
      </c>
      <c r="V5365" s="2">
        <v>0.02</v>
      </c>
      <c r="W5365" s="2">
        <v>159.1</v>
      </c>
      <c r="X5365" s="2">
        <v>7.6</v>
      </c>
      <c r="Y5365" s="2">
        <v>16.7</v>
      </c>
      <c r="Z5365" s="5"/>
      <c r="AA5365" s="5" t="s">
        <v>43</v>
      </c>
      <c r="AB5365" s="5" t="s">
        <v>44</v>
      </c>
      <c r="AC5365" s="2"/>
      <c r="AD5365" s="1"/>
    </row>
    <row r="5366" spans="1:30">
      <c r="A5366" s="5" t="s">
        <v>83578</v>
      </c>
      <c r="B5366" s="2" t="s">
        <v>99700</v>
      </c>
      <c r="C5366" s="14" t="s">
        <v>99701</v>
      </c>
      <c r="D5366" s="2" t="s">
        <v>99702</v>
      </c>
      <c r="E5366" s="2" t="s">
        <v>47735</v>
      </c>
      <c r="F5366" s="8">
        <v>359</v>
      </c>
      <c r="G5366" s="5">
        <v>6</v>
      </c>
      <c r="H5366" s="5" t="s">
        <v>1518</v>
      </c>
      <c r="I5366" s="5" t="s">
        <v>40939</v>
      </c>
      <c r="J5366" s="2" t="s">
        <v>40940</v>
      </c>
      <c r="K5366" s="5" t="s">
        <v>40939</v>
      </c>
      <c r="L5366" s="2" t="s">
        <v>40940</v>
      </c>
      <c r="M5366" s="5" t="s">
        <v>36266</v>
      </c>
      <c r="N5366" s="5" t="s">
        <v>38</v>
      </c>
      <c r="O5366" s="5" t="s">
        <v>39</v>
      </c>
      <c r="P5366" s="5" t="s">
        <v>40</v>
      </c>
      <c r="Q5366" s="5" t="s">
        <v>1522</v>
      </c>
      <c r="R5366" s="5" t="s">
        <v>1523</v>
      </c>
      <c r="S5366" s="5" t="s">
        <v>42</v>
      </c>
      <c r="T5366" s="2">
        <v>3.9009999999999998</v>
      </c>
      <c r="U5366" s="2">
        <v>3.242</v>
      </c>
      <c r="V5366" s="2">
        <v>0.02</v>
      </c>
      <c r="W5366" s="2">
        <v>159.1</v>
      </c>
      <c r="X5366" s="2">
        <v>7.6</v>
      </c>
      <c r="Y5366" s="2">
        <v>16.7</v>
      </c>
      <c r="Z5366" s="5"/>
      <c r="AA5366" s="5" t="s">
        <v>43</v>
      </c>
      <c r="AB5366" s="5" t="s">
        <v>44</v>
      </c>
      <c r="AC5366" s="2"/>
      <c r="AD5366" s="1"/>
    </row>
    <row r="5367" spans="1:30">
      <c r="A5367" s="5" t="s">
        <v>83578</v>
      </c>
      <c r="B5367" s="2" t="s">
        <v>99703</v>
      </c>
      <c r="C5367" s="14" t="s">
        <v>99704</v>
      </c>
      <c r="D5367" s="2" t="s">
        <v>99705</v>
      </c>
      <c r="E5367" s="2" t="s">
        <v>7539</v>
      </c>
      <c r="F5367" s="8">
        <v>359</v>
      </c>
      <c r="G5367" s="5">
        <v>6</v>
      </c>
      <c r="H5367" s="5" t="s">
        <v>1518</v>
      </c>
      <c r="I5367" s="5" t="s">
        <v>40939</v>
      </c>
      <c r="J5367" s="2" t="s">
        <v>40940</v>
      </c>
      <c r="K5367" s="5" t="s">
        <v>40939</v>
      </c>
      <c r="L5367" s="2" t="s">
        <v>40940</v>
      </c>
      <c r="M5367" s="5" t="s">
        <v>36266</v>
      </c>
      <c r="N5367" s="5" t="s">
        <v>38</v>
      </c>
      <c r="O5367" s="5" t="s">
        <v>39</v>
      </c>
      <c r="P5367" s="5" t="s">
        <v>40</v>
      </c>
      <c r="Q5367" s="5" t="s">
        <v>1522</v>
      </c>
      <c r="R5367" s="5" t="s">
        <v>1523</v>
      </c>
      <c r="S5367" s="5" t="s">
        <v>42</v>
      </c>
      <c r="T5367" s="2">
        <v>3.694</v>
      </c>
      <c r="U5367" s="2">
        <v>3.0350000000000001</v>
      </c>
      <c r="V5367" s="2">
        <v>0.02</v>
      </c>
      <c r="W5367" s="2">
        <v>159.1</v>
      </c>
      <c r="X5367" s="2">
        <v>7.6</v>
      </c>
      <c r="Y5367" s="2">
        <v>16.7</v>
      </c>
      <c r="Z5367" s="5"/>
      <c r="AA5367" s="5" t="s">
        <v>43</v>
      </c>
      <c r="AB5367" s="5" t="s">
        <v>44</v>
      </c>
      <c r="AC5367" s="2"/>
      <c r="AD5367" s="1"/>
    </row>
    <row r="5368" spans="1:30">
      <c r="A5368" s="5" t="s">
        <v>83578</v>
      </c>
      <c r="B5368" s="2" t="s">
        <v>99706</v>
      </c>
      <c r="C5368" s="14" t="s">
        <v>99707</v>
      </c>
      <c r="D5368" s="2" t="s">
        <v>99708</v>
      </c>
      <c r="E5368" s="2" t="s">
        <v>40989</v>
      </c>
      <c r="F5368" s="8">
        <v>359</v>
      </c>
      <c r="G5368" s="5">
        <v>6</v>
      </c>
      <c r="H5368" s="5" t="s">
        <v>1518</v>
      </c>
      <c r="I5368" s="5" t="s">
        <v>40939</v>
      </c>
      <c r="J5368" s="2" t="s">
        <v>40940</v>
      </c>
      <c r="K5368" s="5" t="s">
        <v>40939</v>
      </c>
      <c r="L5368" s="2" t="s">
        <v>40940</v>
      </c>
      <c r="M5368" s="5" t="s">
        <v>36266</v>
      </c>
      <c r="N5368" s="5" t="s">
        <v>38</v>
      </c>
      <c r="O5368" s="5" t="s">
        <v>39</v>
      </c>
      <c r="P5368" s="5" t="s">
        <v>40</v>
      </c>
      <c r="Q5368" s="5" t="s">
        <v>1522</v>
      </c>
      <c r="R5368" s="5" t="s">
        <v>1523</v>
      </c>
      <c r="S5368" s="5" t="s">
        <v>42</v>
      </c>
      <c r="T5368" s="2">
        <v>3.7770000000000001</v>
      </c>
      <c r="U5368" s="2">
        <v>3.1179999999999999</v>
      </c>
      <c r="V5368" s="2">
        <v>0.02</v>
      </c>
      <c r="W5368" s="2">
        <v>159.1</v>
      </c>
      <c r="X5368" s="2">
        <v>7.6</v>
      </c>
      <c r="Y5368" s="2">
        <v>16.7</v>
      </c>
      <c r="Z5368" s="5"/>
      <c r="AA5368" s="5" t="s">
        <v>43</v>
      </c>
      <c r="AB5368" s="5" t="s">
        <v>44</v>
      </c>
      <c r="AC5368" s="2"/>
      <c r="AD5368" s="1"/>
    </row>
    <row r="5369" spans="1:30">
      <c r="A5369" s="5" t="s">
        <v>83578</v>
      </c>
      <c r="B5369" s="2" t="s">
        <v>99709</v>
      </c>
      <c r="C5369" s="14" t="s">
        <v>99710</v>
      </c>
      <c r="D5369" s="2" t="s">
        <v>99711</v>
      </c>
      <c r="E5369" s="2" t="s">
        <v>41267</v>
      </c>
      <c r="F5369" s="8">
        <v>359</v>
      </c>
      <c r="G5369" s="5">
        <v>6</v>
      </c>
      <c r="H5369" s="5" t="s">
        <v>1518</v>
      </c>
      <c r="I5369" s="5" t="s">
        <v>40939</v>
      </c>
      <c r="J5369" s="2" t="s">
        <v>40940</v>
      </c>
      <c r="K5369" s="5" t="s">
        <v>40939</v>
      </c>
      <c r="L5369" s="2" t="s">
        <v>40940</v>
      </c>
      <c r="M5369" s="5" t="s">
        <v>36266</v>
      </c>
      <c r="N5369" s="5" t="s">
        <v>38</v>
      </c>
      <c r="O5369" s="5" t="s">
        <v>39</v>
      </c>
      <c r="P5369" s="5" t="s">
        <v>40</v>
      </c>
      <c r="Q5369" s="5" t="s">
        <v>1522</v>
      </c>
      <c r="R5369" s="5" t="s">
        <v>1523</v>
      </c>
      <c r="S5369" s="5" t="s">
        <v>42</v>
      </c>
      <c r="T5369" s="2">
        <v>3.8340000000000001</v>
      </c>
      <c r="U5369" s="2">
        <v>3.1749999999999998</v>
      </c>
      <c r="V5369" s="2">
        <v>0.02</v>
      </c>
      <c r="W5369" s="2">
        <v>159.1</v>
      </c>
      <c r="X5369" s="2">
        <v>7.6</v>
      </c>
      <c r="Y5369" s="2">
        <v>16.7</v>
      </c>
      <c r="Z5369" s="5"/>
      <c r="AA5369" s="5" t="s">
        <v>43</v>
      </c>
      <c r="AB5369" s="5" t="s">
        <v>44</v>
      </c>
      <c r="AC5369" s="2"/>
      <c r="AD5369" s="1"/>
    </row>
    <row r="5370" spans="1:30">
      <c r="A5370" s="5" t="s">
        <v>83578</v>
      </c>
      <c r="B5370" s="2" t="s">
        <v>99712</v>
      </c>
      <c r="C5370" s="14" t="s">
        <v>99713</v>
      </c>
      <c r="D5370" s="2" t="s">
        <v>99714</v>
      </c>
      <c r="E5370" s="2" t="s">
        <v>41001</v>
      </c>
      <c r="F5370" s="8">
        <v>359</v>
      </c>
      <c r="G5370" s="5">
        <v>6</v>
      </c>
      <c r="H5370" s="5" t="s">
        <v>1518</v>
      </c>
      <c r="I5370" s="5" t="s">
        <v>40939</v>
      </c>
      <c r="J5370" s="2" t="s">
        <v>40940</v>
      </c>
      <c r="K5370" s="5" t="s">
        <v>40939</v>
      </c>
      <c r="L5370" s="2" t="s">
        <v>40940</v>
      </c>
      <c r="M5370" s="5" t="s">
        <v>36266</v>
      </c>
      <c r="N5370" s="5" t="s">
        <v>38</v>
      </c>
      <c r="O5370" s="5" t="s">
        <v>39</v>
      </c>
      <c r="P5370" s="5" t="s">
        <v>40</v>
      </c>
      <c r="Q5370" s="5" t="s">
        <v>1522</v>
      </c>
      <c r="R5370" s="5" t="s">
        <v>1523</v>
      </c>
      <c r="S5370" s="5" t="s">
        <v>42</v>
      </c>
      <c r="T5370" s="2">
        <v>3.7770000000000001</v>
      </c>
      <c r="U5370" s="2">
        <v>3.1179999999999999</v>
      </c>
      <c r="V5370" s="2">
        <v>0.02</v>
      </c>
      <c r="W5370" s="2">
        <v>159.1</v>
      </c>
      <c r="X5370" s="2">
        <v>7.6</v>
      </c>
      <c r="Y5370" s="2">
        <v>16.7</v>
      </c>
      <c r="Z5370" s="5"/>
      <c r="AA5370" s="5" t="s">
        <v>43</v>
      </c>
      <c r="AB5370" s="5" t="s">
        <v>44</v>
      </c>
      <c r="AC5370" s="2"/>
      <c r="AD5370" s="1"/>
    </row>
    <row r="5371" spans="1:30">
      <c r="A5371" s="5" t="s">
        <v>83578</v>
      </c>
      <c r="B5371" s="2" t="s">
        <v>99715</v>
      </c>
      <c r="C5371" s="14" t="s">
        <v>99716</v>
      </c>
      <c r="D5371" s="2" t="s">
        <v>99717</v>
      </c>
      <c r="E5371" s="2" t="s">
        <v>41005</v>
      </c>
      <c r="F5371" s="8">
        <v>359</v>
      </c>
      <c r="G5371" s="5">
        <v>6</v>
      </c>
      <c r="H5371" s="5" t="s">
        <v>1518</v>
      </c>
      <c r="I5371" s="5" t="s">
        <v>40939</v>
      </c>
      <c r="J5371" s="2" t="s">
        <v>40940</v>
      </c>
      <c r="K5371" s="5" t="s">
        <v>40939</v>
      </c>
      <c r="L5371" s="2" t="s">
        <v>40940</v>
      </c>
      <c r="M5371" s="5" t="s">
        <v>36266</v>
      </c>
      <c r="N5371" s="5" t="s">
        <v>38</v>
      </c>
      <c r="O5371" s="5" t="s">
        <v>39</v>
      </c>
      <c r="P5371" s="5" t="s">
        <v>40</v>
      </c>
      <c r="Q5371" s="5" t="s">
        <v>1522</v>
      </c>
      <c r="R5371" s="5" t="s">
        <v>1523</v>
      </c>
      <c r="S5371" s="5" t="s">
        <v>42</v>
      </c>
      <c r="T5371" s="2">
        <v>3.9009999999999998</v>
      </c>
      <c r="U5371" s="2">
        <v>3.242</v>
      </c>
      <c r="V5371" s="2">
        <v>0.02</v>
      </c>
      <c r="W5371" s="2">
        <v>159.1</v>
      </c>
      <c r="X5371" s="2">
        <v>7.6</v>
      </c>
      <c r="Y5371" s="2">
        <v>16.7</v>
      </c>
      <c r="Z5371" s="5"/>
      <c r="AA5371" s="5" t="s">
        <v>43</v>
      </c>
      <c r="AB5371" s="5" t="s">
        <v>44</v>
      </c>
      <c r="AC5371" s="2"/>
      <c r="AD5371" s="1"/>
    </row>
    <row r="5372" spans="1:30">
      <c r="A5372" s="5" t="s">
        <v>83578</v>
      </c>
      <c r="B5372" s="2" t="s">
        <v>99718</v>
      </c>
      <c r="C5372" s="14" t="s">
        <v>99719</v>
      </c>
      <c r="D5372" s="2" t="s">
        <v>99720</v>
      </c>
      <c r="E5372" s="2" t="s">
        <v>41009</v>
      </c>
      <c r="F5372" s="8">
        <v>359</v>
      </c>
      <c r="G5372" s="5">
        <v>6</v>
      </c>
      <c r="H5372" s="5" t="s">
        <v>1518</v>
      </c>
      <c r="I5372" s="5" t="s">
        <v>40939</v>
      </c>
      <c r="J5372" s="2" t="s">
        <v>40940</v>
      </c>
      <c r="K5372" s="5" t="s">
        <v>40939</v>
      </c>
      <c r="L5372" s="2" t="s">
        <v>40940</v>
      </c>
      <c r="M5372" s="5" t="s">
        <v>36266</v>
      </c>
      <c r="N5372" s="5" t="s">
        <v>38</v>
      </c>
      <c r="O5372" s="5" t="s">
        <v>39</v>
      </c>
      <c r="P5372" s="5" t="s">
        <v>40</v>
      </c>
      <c r="Q5372" s="5" t="s">
        <v>1522</v>
      </c>
      <c r="R5372" s="5" t="s">
        <v>1523</v>
      </c>
      <c r="S5372" s="5" t="s">
        <v>42</v>
      </c>
      <c r="T5372" s="2">
        <v>3.794</v>
      </c>
      <c r="U5372" s="2">
        <v>3.1349999999999998</v>
      </c>
      <c r="V5372" s="2">
        <v>0.02</v>
      </c>
      <c r="W5372" s="2">
        <v>159.1</v>
      </c>
      <c r="X5372" s="2">
        <v>7.6</v>
      </c>
      <c r="Y5372" s="2">
        <v>16.7</v>
      </c>
      <c r="Z5372" s="5"/>
      <c r="AA5372" s="5" t="s">
        <v>43</v>
      </c>
      <c r="AB5372" s="5" t="s">
        <v>44</v>
      </c>
      <c r="AC5372" s="2"/>
      <c r="AD5372" s="1"/>
    </row>
    <row r="5373" spans="1:30">
      <c r="A5373" s="5" t="s">
        <v>83578</v>
      </c>
      <c r="B5373" s="2" t="s">
        <v>99721</v>
      </c>
      <c r="C5373" s="14" t="s">
        <v>99722</v>
      </c>
      <c r="D5373" s="2" t="s">
        <v>99723</v>
      </c>
      <c r="E5373" s="2" t="s">
        <v>7449</v>
      </c>
      <c r="F5373" s="8">
        <v>359</v>
      </c>
      <c r="G5373" s="5">
        <v>6</v>
      </c>
      <c r="H5373" s="5" t="s">
        <v>1518</v>
      </c>
      <c r="I5373" s="5" t="s">
        <v>40939</v>
      </c>
      <c r="J5373" s="2" t="s">
        <v>40940</v>
      </c>
      <c r="K5373" s="5" t="s">
        <v>40939</v>
      </c>
      <c r="L5373" s="2" t="s">
        <v>40940</v>
      </c>
      <c r="M5373" s="5" t="s">
        <v>36266</v>
      </c>
      <c r="N5373" s="5" t="s">
        <v>38</v>
      </c>
      <c r="O5373" s="5" t="s">
        <v>39</v>
      </c>
      <c r="P5373" s="5" t="s">
        <v>40</v>
      </c>
      <c r="Q5373" s="5" t="s">
        <v>1522</v>
      </c>
      <c r="R5373" s="5" t="s">
        <v>1523</v>
      </c>
      <c r="S5373" s="5" t="s">
        <v>42</v>
      </c>
      <c r="T5373" s="2">
        <v>3.71</v>
      </c>
      <c r="U5373" s="2">
        <v>3.0510000000000002</v>
      </c>
      <c r="V5373" s="2">
        <v>0.02</v>
      </c>
      <c r="W5373" s="2">
        <v>159.1</v>
      </c>
      <c r="X5373" s="2">
        <v>7.6</v>
      </c>
      <c r="Y5373" s="2">
        <v>16.7</v>
      </c>
      <c r="Z5373" s="5"/>
      <c r="AA5373" s="5" t="s">
        <v>43</v>
      </c>
      <c r="AB5373" s="5" t="s">
        <v>44</v>
      </c>
      <c r="AC5373" s="2"/>
      <c r="AD5373" s="1"/>
    </row>
    <row r="5374" spans="1:30">
      <c r="A5374" s="5" t="s">
        <v>83578</v>
      </c>
      <c r="B5374" s="2" t="s">
        <v>99724</v>
      </c>
      <c r="C5374" s="14" t="s">
        <v>99725</v>
      </c>
      <c r="D5374" s="2" t="s">
        <v>99726</v>
      </c>
      <c r="E5374" s="2" t="s">
        <v>7581</v>
      </c>
      <c r="F5374" s="8">
        <v>359</v>
      </c>
      <c r="G5374" s="5">
        <v>6</v>
      </c>
      <c r="H5374" s="5" t="s">
        <v>1518</v>
      </c>
      <c r="I5374" s="5" t="s">
        <v>40939</v>
      </c>
      <c r="J5374" s="2" t="s">
        <v>40940</v>
      </c>
      <c r="K5374" s="5" t="s">
        <v>40939</v>
      </c>
      <c r="L5374" s="2" t="s">
        <v>40940</v>
      </c>
      <c r="M5374" s="5" t="s">
        <v>36266</v>
      </c>
      <c r="N5374" s="5" t="s">
        <v>38</v>
      </c>
      <c r="O5374" s="5" t="s">
        <v>39</v>
      </c>
      <c r="P5374" s="5" t="s">
        <v>40</v>
      </c>
      <c r="Q5374" s="5" t="s">
        <v>1522</v>
      </c>
      <c r="R5374" s="5" t="s">
        <v>1523</v>
      </c>
      <c r="S5374" s="5" t="s">
        <v>42</v>
      </c>
      <c r="T5374" s="2">
        <v>3.8340000000000001</v>
      </c>
      <c r="U5374" s="2">
        <v>3.1749999999999998</v>
      </c>
      <c r="V5374" s="2">
        <v>0.02</v>
      </c>
      <c r="W5374" s="2">
        <v>159.1</v>
      </c>
      <c r="X5374" s="2">
        <v>7.6</v>
      </c>
      <c r="Y5374" s="2">
        <v>16.7</v>
      </c>
      <c r="Z5374" s="5"/>
      <c r="AA5374" s="5" t="s">
        <v>43</v>
      </c>
      <c r="AB5374" s="5" t="s">
        <v>44</v>
      </c>
      <c r="AC5374" s="2"/>
      <c r="AD5374" s="1"/>
    </row>
    <row r="5375" spans="1:30">
      <c r="A5375" s="5" t="s">
        <v>83578</v>
      </c>
      <c r="B5375" s="2" t="s">
        <v>99727</v>
      </c>
      <c r="C5375" s="14" t="s">
        <v>99728</v>
      </c>
      <c r="D5375" s="2" t="s">
        <v>99729</v>
      </c>
      <c r="E5375" s="2" t="s">
        <v>41045</v>
      </c>
      <c r="F5375" s="8">
        <v>359</v>
      </c>
      <c r="G5375" s="5">
        <v>6</v>
      </c>
      <c r="H5375" s="5" t="s">
        <v>1518</v>
      </c>
      <c r="I5375" s="5" t="s">
        <v>40939</v>
      </c>
      <c r="J5375" s="2" t="s">
        <v>40940</v>
      </c>
      <c r="K5375" s="5" t="s">
        <v>40939</v>
      </c>
      <c r="L5375" s="2" t="s">
        <v>40940</v>
      </c>
      <c r="M5375" s="5" t="s">
        <v>36266</v>
      </c>
      <c r="N5375" s="5" t="s">
        <v>38</v>
      </c>
      <c r="O5375" s="5" t="s">
        <v>39</v>
      </c>
      <c r="P5375" s="5" t="s">
        <v>40</v>
      </c>
      <c r="Q5375" s="5" t="s">
        <v>1522</v>
      </c>
      <c r="R5375" s="5" t="s">
        <v>1523</v>
      </c>
      <c r="S5375" s="5" t="s">
        <v>42</v>
      </c>
      <c r="T5375" s="2">
        <v>3.81</v>
      </c>
      <c r="U5375" s="2">
        <v>3.1509999999999998</v>
      </c>
      <c r="V5375" s="2">
        <v>0.02</v>
      </c>
      <c r="W5375" s="2">
        <v>159.1</v>
      </c>
      <c r="X5375" s="2">
        <v>7.6</v>
      </c>
      <c r="Y5375" s="2">
        <v>16.7</v>
      </c>
      <c r="Z5375" s="5"/>
      <c r="AA5375" s="5" t="s">
        <v>43</v>
      </c>
      <c r="AB5375" s="5" t="s">
        <v>44</v>
      </c>
      <c r="AC5375" s="2"/>
      <c r="AD5375" s="1"/>
    </row>
    <row r="5376" spans="1:30">
      <c r="A5376" s="5" t="s">
        <v>83578</v>
      </c>
      <c r="B5376" s="2" t="s">
        <v>99730</v>
      </c>
      <c r="C5376" s="14" t="s">
        <v>99731</v>
      </c>
      <c r="D5376" s="2" t="s">
        <v>99732</v>
      </c>
      <c r="E5376" s="2" t="s">
        <v>41049</v>
      </c>
      <c r="F5376" s="8">
        <v>359</v>
      </c>
      <c r="G5376" s="5">
        <v>6</v>
      </c>
      <c r="H5376" s="5" t="s">
        <v>1518</v>
      </c>
      <c r="I5376" s="5" t="s">
        <v>40939</v>
      </c>
      <c r="J5376" s="2" t="s">
        <v>40940</v>
      </c>
      <c r="K5376" s="5" t="s">
        <v>40939</v>
      </c>
      <c r="L5376" s="2" t="s">
        <v>40940</v>
      </c>
      <c r="M5376" s="5" t="s">
        <v>36266</v>
      </c>
      <c r="N5376" s="5" t="s">
        <v>38</v>
      </c>
      <c r="O5376" s="5" t="s">
        <v>39</v>
      </c>
      <c r="P5376" s="5" t="s">
        <v>40</v>
      </c>
      <c r="Q5376" s="5" t="s">
        <v>1522</v>
      </c>
      <c r="R5376" s="5" t="s">
        <v>1523</v>
      </c>
      <c r="S5376" s="5" t="s">
        <v>42</v>
      </c>
      <c r="T5376" s="2">
        <v>3.9340000000000002</v>
      </c>
      <c r="U5376" s="2">
        <v>3.2749999999999999</v>
      </c>
      <c r="V5376" s="2">
        <v>0.02</v>
      </c>
      <c r="W5376" s="2">
        <v>159.1</v>
      </c>
      <c r="X5376" s="2">
        <v>7.6</v>
      </c>
      <c r="Y5376" s="2">
        <v>16.7</v>
      </c>
      <c r="Z5376" s="5"/>
      <c r="AA5376" s="5" t="s">
        <v>43</v>
      </c>
      <c r="AB5376" s="5" t="s">
        <v>44</v>
      </c>
      <c r="AC5376" s="2"/>
      <c r="AD5376" s="1"/>
    </row>
    <row r="5377" spans="1:30">
      <c r="A5377" s="5" t="s">
        <v>83578</v>
      </c>
      <c r="B5377" s="2" t="s">
        <v>99733</v>
      </c>
      <c r="C5377" s="14" t="s">
        <v>99734</v>
      </c>
      <c r="D5377" s="2" t="s">
        <v>99735</v>
      </c>
      <c r="E5377" s="2" t="s">
        <v>47195</v>
      </c>
      <c r="F5377" s="8">
        <v>333</v>
      </c>
      <c r="G5377" s="5">
        <v>6</v>
      </c>
      <c r="H5377" s="5" t="s">
        <v>1518</v>
      </c>
      <c r="I5377" s="5" t="s">
        <v>40939</v>
      </c>
      <c r="J5377" s="2" t="s">
        <v>40940</v>
      </c>
      <c r="K5377" s="5" t="s">
        <v>40939</v>
      </c>
      <c r="L5377" s="2" t="s">
        <v>40940</v>
      </c>
      <c r="M5377" s="5" t="s">
        <v>36266</v>
      </c>
      <c r="N5377" s="5" t="s">
        <v>38</v>
      </c>
      <c r="O5377" s="5" t="s">
        <v>39</v>
      </c>
      <c r="P5377" s="5" t="s">
        <v>40</v>
      </c>
      <c r="Q5377" s="5" t="s">
        <v>1522</v>
      </c>
      <c r="R5377" s="5" t="s">
        <v>1523</v>
      </c>
      <c r="S5377" s="5" t="s">
        <v>42</v>
      </c>
      <c r="T5377" s="2">
        <v>3.609</v>
      </c>
      <c r="U5377" s="2">
        <v>2.9430000000000001</v>
      </c>
      <c r="V5377" s="2">
        <v>0.02</v>
      </c>
      <c r="W5377" s="2">
        <v>159.1</v>
      </c>
      <c r="X5377" s="2">
        <v>7.6</v>
      </c>
      <c r="Y5377" s="2">
        <v>16.7</v>
      </c>
      <c r="Z5377" s="5"/>
      <c r="AA5377" s="5" t="s">
        <v>43</v>
      </c>
      <c r="AB5377" s="5" t="s">
        <v>44</v>
      </c>
      <c r="AC5377" s="2"/>
      <c r="AD5377" s="1"/>
    </row>
    <row r="5378" spans="1:30">
      <c r="A5378" s="5" t="s">
        <v>83578</v>
      </c>
      <c r="B5378" s="2" t="s">
        <v>99736</v>
      </c>
      <c r="C5378" s="14" t="s">
        <v>99737</v>
      </c>
      <c r="D5378" s="2" t="s">
        <v>99738</v>
      </c>
      <c r="E5378" s="2" t="s">
        <v>47226</v>
      </c>
      <c r="F5378" s="8">
        <v>333</v>
      </c>
      <c r="G5378" s="5">
        <v>6</v>
      </c>
      <c r="H5378" s="5" t="s">
        <v>1518</v>
      </c>
      <c r="I5378" s="5" t="s">
        <v>40939</v>
      </c>
      <c r="J5378" s="2" t="s">
        <v>40940</v>
      </c>
      <c r="K5378" s="5" t="s">
        <v>40939</v>
      </c>
      <c r="L5378" s="2" t="s">
        <v>40940</v>
      </c>
      <c r="M5378" s="5" t="s">
        <v>36266</v>
      </c>
      <c r="N5378" s="5" t="s">
        <v>38</v>
      </c>
      <c r="O5378" s="5" t="s">
        <v>39</v>
      </c>
      <c r="P5378" s="5" t="s">
        <v>40</v>
      </c>
      <c r="Q5378" s="5" t="s">
        <v>1522</v>
      </c>
      <c r="R5378" s="5" t="s">
        <v>1523</v>
      </c>
      <c r="S5378" s="5" t="s">
        <v>42</v>
      </c>
      <c r="T5378" s="2">
        <v>3.5259999999999998</v>
      </c>
      <c r="U5378" s="2">
        <v>2.86</v>
      </c>
      <c r="V5378" s="2">
        <v>0.02</v>
      </c>
      <c r="W5378" s="2">
        <v>159.1</v>
      </c>
      <c r="X5378" s="2">
        <v>7.6</v>
      </c>
      <c r="Y5378" s="2">
        <v>16.7</v>
      </c>
      <c r="Z5378" s="5"/>
      <c r="AA5378" s="5" t="s">
        <v>43</v>
      </c>
      <c r="AB5378" s="5" t="s">
        <v>44</v>
      </c>
      <c r="AC5378" s="2"/>
      <c r="AD5378" s="1"/>
    </row>
    <row r="5379" spans="1:30">
      <c r="A5379" s="5" t="s">
        <v>83578</v>
      </c>
      <c r="B5379" s="2" t="s">
        <v>99739</v>
      </c>
      <c r="C5379" s="14" t="s">
        <v>99740</v>
      </c>
      <c r="D5379" s="2" t="s">
        <v>99741</v>
      </c>
      <c r="E5379" s="2" t="s">
        <v>47735</v>
      </c>
      <c r="F5379" s="8">
        <v>333</v>
      </c>
      <c r="G5379" s="5">
        <v>6</v>
      </c>
      <c r="H5379" s="5" t="s">
        <v>1518</v>
      </c>
      <c r="I5379" s="5" t="s">
        <v>40939</v>
      </c>
      <c r="J5379" s="2" t="s">
        <v>40940</v>
      </c>
      <c r="K5379" s="5" t="s">
        <v>40939</v>
      </c>
      <c r="L5379" s="2" t="s">
        <v>40940</v>
      </c>
      <c r="M5379" s="5" t="s">
        <v>36266</v>
      </c>
      <c r="N5379" s="5" t="s">
        <v>38</v>
      </c>
      <c r="O5379" s="5" t="s">
        <v>39</v>
      </c>
      <c r="P5379" s="5" t="s">
        <v>40</v>
      </c>
      <c r="Q5379" s="5" t="s">
        <v>1522</v>
      </c>
      <c r="R5379" s="5" t="s">
        <v>1523</v>
      </c>
      <c r="S5379" s="5" t="s">
        <v>42</v>
      </c>
      <c r="T5379" s="2">
        <v>3.621</v>
      </c>
      <c r="U5379" s="2">
        <v>2.9550000000000001</v>
      </c>
      <c r="V5379" s="2">
        <v>0.02</v>
      </c>
      <c r="W5379" s="2">
        <v>159.1</v>
      </c>
      <c r="X5379" s="2">
        <v>7.6</v>
      </c>
      <c r="Y5379" s="2">
        <v>16.7</v>
      </c>
      <c r="Z5379" s="5"/>
      <c r="AA5379" s="5" t="s">
        <v>43</v>
      </c>
      <c r="AB5379" s="5" t="s">
        <v>44</v>
      </c>
      <c r="AC5379" s="2"/>
      <c r="AD5379" s="1"/>
    </row>
    <row r="5380" spans="1:30">
      <c r="A5380" s="5" t="s">
        <v>83578</v>
      </c>
      <c r="B5380" s="2" t="s">
        <v>99742</v>
      </c>
      <c r="C5380" s="14" t="s">
        <v>99743</v>
      </c>
      <c r="D5380" s="2" t="s">
        <v>99744</v>
      </c>
      <c r="E5380" s="2" t="s">
        <v>40989</v>
      </c>
      <c r="F5380" s="8">
        <v>333</v>
      </c>
      <c r="G5380" s="5">
        <v>6</v>
      </c>
      <c r="H5380" s="5" t="s">
        <v>1518</v>
      </c>
      <c r="I5380" s="5" t="s">
        <v>40939</v>
      </c>
      <c r="J5380" s="2" t="s">
        <v>40940</v>
      </c>
      <c r="K5380" s="5" t="s">
        <v>40939</v>
      </c>
      <c r="L5380" s="2" t="s">
        <v>40940</v>
      </c>
      <c r="M5380" s="5" t="s">
        <v>36266</v>
      </c>
      <c r="N5380" s="5" t="s">
        <v>38</v>
      </c>
      <c r="O5380" s="5" t="s">
        <v>39</v>
      </c>
      <c r="P5380" s="5" t="s">
        <v>40</v>
      </c>
      <c r="Q5380" s="5" t="s">
        <v>1522</v>
      </c>
      <c r="R5380" s="5" t="s">
        <v>1523</v>
      </c>
      <c r="S5380" s="5" t="s">
        <v>42</v>
      </c>
      <c r="T5380" s="2">
        <v>3.5259999999999998</v>
      </c>
      <c r="U5380" s="2">
        <v>2.86</v>
      </c>
      <c r="V5380" s="2">
        <v>0.02</v>
      </c>
      <c r="W5380" s="2">
        <v>159.1</v>
      </c>
      <c r="X5380" s="2">
        <v>7.6</v>
      </c>
      <c r="Y5380" s="2">
        <v>16.7</v>
      </c>
      <c r="Z5380" s="5"/>
      <c r="AA5380" s="5" t="s">
        <v>43</v>
      </c>
      <c r="AB5380" s="5" t="s">
        <v>44</v>
      </c>
      <c r="AC5380" s="2"/>
      <c r="AD5380" s="1"/>
    </row>
    <row r="5381" spans="1:30">
      <c r="A5381" s="5" t="s">
        <v>83578</v>
      </c>
      <c r="B5381" s="2" t="s">
        <v>99745</v>
      </c>
      <c r="C5381" s="14" t="s">
        <v>99746</v>
      </c>
      <c r="D5381" s="2" t="s">
        <v>99747</v>
      </c>
      <c r="E5381" s="2" t="s">
        <v>40993</v>
      </c>
      <c r="F5381" s="8">
        <v>333</v>
      </c>
      <c r="G5381" s="5">
        <v>6</v>
      </c>
      <c r="H5381" s="5" t="s">
        <v>1518</v>
      </c>
      <c r="I5381" s="5" t="s">
        <v>40939</v>
      </c>
      <c r="J5381" s="2" t="s">
        <v>40940</v>
      </c>
      <c r="K5381" s="5" t="s">
        <v>40939</v>
      </c>
      <c r="L5381" s="2" t="s">
        <v>40940</v>
      </c>
      <c r="M5381" s="5" t="s">
        <v>36266</v>
      </c>
      <c r="N5381" s="5" t="s">
        <v>38</v>
      </c>
      <c r="O5381" s="5" t="s">
        <v>39</v>
      </c>
      <c r="P5381" s="5" t="s">
        <v>40</v>
      </c>
      <c r="Q5381" s="5" t="s">
        <v>1522</v>
      </c>
      <c r="R5381" s="5" t="s">
        <v>1523</v>
      </c>
      <c r="S5381" s="5" t="s">
        <v>42</v>
      </c>
      <c r="T5381" s="2">
        <v>3.621</v>
      </c>
      <c r="U5381" s="2">
        <v>2.9550000000000001</v>
      </c>
      <c r="V5381" s="2">
        <v>0.02</v>
      </c>
      <c r="W5381" s="2">
        <v>159.1</v>
      </c>
      <c r="X5381" s="2">
        <v>7.6</v>
      </c>
      <c r="Y5381" s="2">
        <v>16.7</v>
      </c>
      <c r="Z5381" s="5"/>
      <c r="AA5381" s="5" t="s">
        <v>43</v>
      </c>
      <c r="AB5381" s="5" t="s">
        <v>44</v>
      </c>
      <c r="AC5381" s="2"/>
      <c r="AD5381" s="1"/>
    </row>
    <row r="5382" spans="1:30">
      <c r="A5382" s="5" t="s">
        <v>83578</v>
      </c>
      <c r="B5382" s="2" t="s">
        <v>99748</v>
      </c>
      <c r="C5382" s="14" t="s">
        <v>99749</v>
      </c>
      <c r="D5382" s="2" t="s">
        <v>99750</v>
      </c>
      <c r="E5382" s="2" t="s">
        <v>40997</v>
      </c>
      <c r="F5382" s="8">
        <v>333</v>
      </c>
      <c r="G5382" s="5">
        <v>6</v>
      </c>
      <c r="H5382" s="5" t="s">
        <v>1518</v>
      </c>
      <c r="I5382" s="5" t="s">
        <v>40939</v>
      </c>
      <c r="J5382" s="2" t="s">
        <v>40940</v>
      </c>
      <c r="K5382" s="5" t="s">
        <v>40939</v>
      </c>
      <c r="L5382" s="2" t="s">
        <v>40940</v>
      </c>
      <c r="M5382" s="5" t="s">
        <v>36266</v>
      </c>
      <c r="N5382" s="5" t="s">
        <v>38</v>
      </c>
      <c r="O5382" s="5" t="s">
        <v>39</v>
      </c>
      <c r="P5382" s="5" t="s">
        <v>40</v>
      </c>
      <c r="Q5382" s="5" t="s">
        <v>1522</v>
      </c>
      <c r="R5382" s="5" t="s">
        <v>1523</v>
      </c>
      <c r="S5382" s="5" t="s">
        <v>42</v>
      </c>
      <c r="T5382" s="2">
        <v>3.4780000000000002</v>
      </c>
      <c r="U5382" s="2">
        <v>2.8119999999999998</v>
      </c>
      <c r="V5382" s="2">
        <v>0.02</v>
      </c>
      <c r="W5382" s="2">
        <v>159.1</v>
      </c>
      <c r="X5382" s="2">
        <v>7.6</v>
      </c>
      <c r="Y5382" s="2">
        <v>16.7</v>
      </c>
      <c r="Z5382" s="5"/>
      <c r="AA5382" s="5" t="s">
        <v>43</v>
      </c>
      <c r="AB5382" s="5" t="s">
        <v>44</v>
      </c>
      <c r="AC5382" s="2"/>
      <c r="AD5382" s="1"/>
    </row>
    <row r="5383" spans="1:30">
      <c r="A5383" s="5" t="s">
        <v>83578</v>
      </c>
      <c r="B5383" s="2" t="s">
        <v>99751</v>
      </c>
      <c r="C5383" s="14" t="s">
        <v>99752</v>
      </c>
      <c r="D5383" s="2" t="s">
        <v>99753</v>
      </c>
      <c r="E5383" s="2" t="s">
        <v>41267</v>
      </c>
      <c r="F5383" s="8">
        <v>333</v>
      </c>
      <c r="G5383" s="5">
        <v>6</v>
      </c>
      <c r="H5383" s="5" t="s">
        <v>1518</v>
      </c>
      <c r="I5383" s="5" t="s">
        <v>40939</v>
      </c>
      <c r="J5383" s="2" t="s">
        <v>40940</v>
      </c>
      <c r="K5383" s="5" t="s">
        <v>40939</v>
      </c>
      <c r="L5383" s="2" t="s">
        <v>40940</v>
      </c>
      <c r="M5383" s="5" t="s">
        <v>36266</v>
      </c>
      <c r="N5383" s="5" t="s">
        <v>38</v>
      </c>
      <c r="O5383" s="5" t="s">
        <v>39</v>
      </c>
      <c r="P5383" s="5" t="s">
        <v>40</v>
      </c>
      <c r="Q5383" s="5" t="s">
        <v>1522</v>
      </c>
      <c r="R5383" s="5" t="s">
        <v>1523</v>
      </c>
      <c r="S5383" s="5" t="s">
        <v>42</v>
      </c>
      <c r="T5383" s="2">
        <v>3.573</v>
      </c>
      <c r="U5383" s="2">
        <v>2.907</v>
      </c>
      <c r="V5383" s="2">
        <v>0.02</v>
      </c>
      <c r="W5383" s="2">
        <v>159.1</v>
      </c>
      <c r="X5383" s="2">
        <v>7.6</v>
      </c>
      <c r="Y5383" s="2">
        <v>16.7</v>
      </c>
      <c r="Z5383" s="5"/>
      <c r="AA5383" s="5" t="s">
        <v>43</v>
      </c>
      <c r="AB5383" s="5" t="s">
        <v>44</v>
      </c>
      <c r="AC5383" s="2"/>
      <c r="AD5383" s="1"/>
    </row>
    <row r="5384" spans="1:30">
      <c r="A5384" s="5" t="s">
        <v>83578</v>
      </c>
      <c r="B5384" s="2" t="s">
        <v>99754</v>
      </c>
      <c r="C5384" s="14" t="s">
        <v>99755</v>
      </c>
      <c r="D5384" s="2" t="s">
        <v>99756</v>
      </c>
      <c r="E5384" s="2" t="s">
        <v>41005</v>
      </c>
      <c r="F5384" s="8">
        <v>333</v>
      </c>
      <c r="G5384" s="5">
        <v>6</v>
      </c>
      <c r="H5384" s="5" t="s">
        <v>1518</v>
      </c>
      <c r="I5384" s="5" t="s">
        <v>40939</v>
      </c>
      <c r="J5384" s="2" t="s">
        <v>40940</v>
      </c>
      <c r="K5384" s="5" t="s">
        <v>40939</v>
      </c>
      <c r="L5384" s="2" t="s">
        <v>40940</v>
      </c>
      <c r="M5384" s="5" t="s">
        <v>36266</v>
      </c>
      <c r="N5384" s="5" t="s">
        <v>38</v>
      </c>
      <c r="O5384" s="5" t="s">
        <v>39</v>
      </c>
      <c r="P5384" s="5" t="s">
        <v>40</v>
      </c>
      <c r="Q5384" s="5" t="s">
        <v>1522</v>
      </c>
      <c r="R5384" s="5" t="s">
        <v>1523</v>
      </c>
      <c r="S5384" s="5" t="s">
        <v>42</v>
      </c>
      <c r="T5384" s="2">
        <v>3.621</v>
      </c>
      <c r="U5384" s="2">
        <v>2.9550000000000001</v>
      </c>
      <c r="V5384" s="2">
        <v>0.02</v>
      </c>
      <c r="W5384" s="2">
        <v>159.1</v>
      </c>
      <c r="X5384" s="2">
        <v>7.6</v>
      </c>
      <c r="Y5384" s="2">
        <v>16.7</v>
      </c>
      <c r="Z5384" s="5"/>
      <c r="AA5384" s="5" t="s">
        <v>43</v>
      </c>
      <c r="AB5384" s="5" t="s">
        <v>44</v>
      </c>
      <c r="AC5384" s="2"/>
      <c r="AD5384" s="1"/>
    </row>
    <row r="5385" spans="1:30">
      <c r="A5385" s="5" t="s">
        <v>83578</v>
      </c>
      <c r="B5385" s="2" t="s">
        <v>99757</v>
      </c>
      <c r="C5385" s="14" t="s">
        <v>99758</v>
      </c>
      <c r="D5385" s="2" t="s">
        <v>99759</v>
      </c>
      <c r="E5385" s="2" t="s">
        <v>41009</v>
      </c>
      <c r="F5385" s="8">
        <v>333</v>
      </c>
      <c r="G5385" s="5">
        <v>6</v>
      </c>
      <c r="H5385" s="5" t="s">
        <v>1518</v>
      </c>
      <c r="I5385" s="5" t="s">
        <v>40939</v>
      </c>
      <c r="J5385" s="2" t="s">
        <v>40940</v>
      </c>
      <c r="K5385" s="5" t="s">
        <v>40939</v>
      </c>
      <c r="L5385" s="2" t="s">
        <v>40940</v>
      </c>
      <c r="M5385" s="5" t="s">
        <v>36266</v>
      </c>
      <c r="N5385" s="5" t="s">
        <v>38</v>
      </c>
      <c r="O5385" s="5" t="s">
        <v>39</v>
      </c>
      <c r="P5385" s="5" t="s">
        <v>40</v>
      </c>
      <c r="Q5385" s="5" t="s">
        <v>1522</v>
      </c>
      <c r="R5385" s="5" t="s">
        <v>1523</v>
      </c>
      <c r="S5385" s="5" t="s">
        <v>42</v>
      </c>
      <c r="T5385" s="2">
        <v>3.5379999999999998</v>
      </c>
      <c r="U5385" s="2">
        <v>2.8719999999999999</v>
      </c>
      <c r="V5385" s="2">
        <v>0.02</v>
      </c>
      <c r="W5385" s="2">
        <v>159.1</v>
      </c>
      <c r="X5385" s="2">
        <v>7.6</v>
      </c>
      <c r="Y5385" s="2">
        <v>16.7</v>
      </c>
      <c r="Z5385" s="5"/>
      <c r="AA5385" s="5" t="s">
        <v>43</v>
      </c>
      <c r="AB5385" s="5" t="s">
        <v>44</v>
      </c>
      <c r="AC5385" s="2"/>
      <c r="AD5385" s="1"/>
    </row>
    <row r="5386" spans="1:30">
      <c r="A5386" s="5" t="s">
        <v>83578</v>
      </c>
      <c r="B5386" s="2" t="s">
        <v>99760</v>
      </c>
      <c r="C5386" s="14" t="s">
        <v>99761</v>
      </c>
      <c r="D5386" s="2" t="s">
        <v>99762</v>
      </c>
      <c r="E5386" s="2" t="s">
        <v>41013</v>
      </c>
      <c r="F5386" s="8">
        <v>333</v>
      </c>
      <c r="G5386" s="5">
        <v>6</v>
      </c>
      <c r="H5386" s="5" t="s">
        <v>1518</v>
      </c>
      <c r="I5386" s="5" t="s">
        <v>40939</v>
      </c>
      <c r="J5386" s="2" t="s">
        <v>40940</v>
      </c>
      <c r="K5386" s="5" t="s">
        <v>40939</v>
      </c>
      <c r="L5386" s="2" t="s">
        <v>40940</v>
      </c>
      <c r="M5386" s="5" t="s">
        <v>36266</v>
      </c>
      <c r="N5386" s="5" t="s">
        <v>38</v>
      </c>
      <c r="O5386" s="5" t="s">
        <v>39</v>
      </c>
      <c r="P5386" s="5" t="s">
        <v>40</v>
      </c>
      <c r="Q5386" s="5" t="s">
        <v>1522</v>
      </c>
      <c r="R5386" s="5" t="s">
        <v>1523</v>
      </c>
      <c r="S5386" s="5" t="s">
        <v>42</v>
      </c>
      <c r="T5386" s="2">
        <v>3.633</v>
      </c>
      <c r="U5386" s="2">
        <v>2.9670000000000001</v>
      </c>
      <c r="V5386" s="2">
        <v>0.02</v>
      </c>
      <c r="W5386" s="2">
        <v>159.1</v>
      </c>
      <c r="X5386" s="2">
        <v>7.6</v>
      </c>
      <c r="Y5386" s="2">
        <v>16.7</v>
      </c>
      <c r="Z5386" s="5"/>
      <c r="AA5386" s="5" t="s">
        <v>43</v>
      </c>
      <c r="AB5386" s="5" t="s">
        <v>44</v>
      </c>
      <c r="AC5386" s="2"/>
      <c r="AD5386" s="1"/>
    </row>
    <row r="5387" spans="1:30">
      <c r="A5387" s="5" t="s">
        <v>83578</v>
      </c>
      <c r="B5387" s="2" t="s">
        <v>99763</v>
      </c>
      <c r="C5387" s="14" t="s">
        <v>99764</v>
      </c>
      <c r="D5387" s="2" t="s">
        <v>99765</v>
      </c>
      <c r="E5387" s="2" t="s">
        <v>7507</v>
      </c>
      <c r="F5387" s="8">
        <v>307</v>
      </c>
      <c r="G5387" s="5">
        <v>6</v>
      </c>
      <c r="H5387" s="5" t="s">
        <v>1518</v>
      </c>
      <c r="I5387" s="5" t="s">
        <v>40939</v>
      </c>
      <c r="J5387" s="2" t="s">
        <v>40940</v>
      </c>
      <c r="K5387" s="5" t="s">
        <v>40939</v>
      </c>
      <c r="L5387" s="2" t="s">
        <v>40940</v>
      </c>
      <c r="M5387" s="5" t="s">
        <v>36266</v>
      </c>
      <c r="N5387" s="5" t="s">
        <v>38</v>
      </c>
      <c r="O5387" s="5" t="s">
        <v>39</v>
      </c>
      <c r="P5387" s="5" t="s">
        <v>40</v>
      </c>
      <c r="Q5387" s="5" t="s">
        <v>1522</v>
      </c>
      <c r="R5387" s="5" t="s">
        <v>1523</v>
      </c>
      <c r="S5387" s="5" t="s">
        <v>42</v>
      </c>
      <c r="T5387" s="2">
        <v>3.633</v>
      </c>
      <c r="U5387" s="2">
        <v>2.9670000000000001</v>
      </c>
      <c r="V5387" s="2">
        <v>0.02</v>
      </c>
      <c r="W5387" s="2">
        <v>159.1</v>
      </c>
      <c r="X5387" s="2">
        <v>7.6</v>
      </c>
      <c r="Y5387" s="2">
        <v>16.7</v>
      </c>
      <c r="Z5387" s="5"/>
      <c r="AA5387" s="5" t="s">
        <v>43</v>
      </c>
      <c r="AB5387" s="5" t="s">
        <v>44</v>
      </c>
      <c r="AC5387" s="2"/>
      <c r="AD5387" s="1"/>
    </row>
    <row r="5388" spans="1:30">
      <c r="A5388" s="5" t="s">
        <v>83578</v>
      </c>
      <c r="B5388" s="2" t="s">
        <v>99766</v>
      </c>
      <c r="C5388" s="14" t="s">
        <v>99767</v>
      </c>
      <c r="D5388" s="2" t="s">
        <v>99768</v>
      </c>
      <c r="E5388" s="2" t="s">
        <v>41023</v>
      </c>
      <c r="F5388" s="8">
        <v>333</v>
      </c>
      <c r="G5388" s="5">
        <v>6</v>
      </c>
      <c r="H5388" s="5" t="s">
        <v>1518</v>
      </c>
      <c r="I5388" s="5" t="s">
        <v>40939</v>
      </c>
      <c r="J5388" s="2" t="s">
        <v>40940</v>
      </c>
      <c r="K5388" s="5" t="s">
        <v>40939</v>
      </c>
      <c r="L5388" s="2" t="s">
        <v>40940</v>
      </c>
      <c r="M5388" s="5" t="s">
        <v>36266</v>
      </c>
      <c r="N5388" s="5" t="s">
        <v>38</v>
      </c>
      <c r="O5388" s="5" t="s">
        <v>39</v>
      </c>
      <c r="P5388" s="5" t="s">
        <v>40</v>
      </c>
      <c r="Q5388" s="5" t="s">
        <v>1522</v>
      </c>
      <c r="R5388" s="5" t="s">
        <v>1523</v>
      </c>
      <c r="S5388" s="5" t="s">
        <v>42</v>
      </c>
      <c r="T5388" s="2">
        <v>3.4780000000000002</v>
      </c>
      <c r="U5388" s="2">
        <v>2.8119999999999998</v>
      </c>
      <c r="V5388" s="2">
        <v>0.02</v>
      </c>
      <c r="W5388" s="2">
        <v>159.1</v>
      </c>
      <c r="X5388" s="2">
        <v>7.6</v>
      </c>
      <c r="Y5388" s="2">
        <v>16.7</v>
      </c>
      <c r="Z5388" s="5"/>
      <c r="AA5388" s="5" t="s">
        <v>43</v>
      </c>
      <c r="AB5388" s="5" t="s">
        <v>44</v>
      </c>
      <c r="AC5388" s="2"/>
      <c r="AD5388" s="1"/>
    </row>
    <row r="5389" spans="1:30">
      <c r="A5389" s="5" t="s">
        <v>83578</v>
      </c>
      <c r="B5389" s="2" t="s">
        <v>99769</v>
      </c>
      <c r="C5389" s="14" t="s">
        <v>99770</v>
      </c>
      <c r="D5389" s="2" t="s">
        <v>99771</v>
      </c>
      <c r="E5389" s="2" t="s">
        <v>41027</v>
      </c>
      <c r="F5389" s="8">
        <v>333</v>
      </c>
      <c r="G5389" s="5">
        <v>6</v>
      </c>
      <c r="H5389" s="5" t="s">
        <v>1518</v>
      </c>
      <c r="I5389" s="5" t="s">
        <v>40939</v>
      </c>
      <c r="J5389" s="2" t="s">
        <v>40940</v>
      </c>
      <c r="K5389" s="5" t="s">
        <v>40939</v>
      </c>
      <c r="L5389" s="2" t="s">
        <v>40940</v>
      </c>
      <c r="M5389" s="5" t="s">
        <v>36266</v>
      </c>
      <c r="N5389" s="5" t="s">
        <v>38</v>
      </c>
      <c r="O5389" s="5" t="s">
        <v>39</v>
      </c>
      <c r="P5389" s="5" t="s">
        <v>40</v>
      </c>
      <c r="Q5389" s="5" t="s">
        <v>1522</v>
      </c>
      <c r="R5389" s="5" t="s">
        <v>1523</v>
      </c>
      <c r="S5389" s="5" t="s">
        <v>42</v>
      </c>
      <c r="T5389" s="2">
        <v>3.573</v>
      </c>
      <c r="U5389" s="2">
        <v>2.907</v>
      </c>
      <c r="V5389" s="2">
        <v>0.02</v>
      </c>
      <c r="W5389" s="2">
        <v>159.1</v>
      </c>
      <c r="X5389" s="2">
        <v>7.6</v>
      </c>
      <c r="Y5389" s="2">
        <v>16.7</v>
      </c>
      <c r="Z5389" s="5"/>
      <c r="AA5389" s="5" t="s">
        <v>43</v>
      </c>
      <c r="AB5389" s="5" t="s">
        <v>44</v>
      </c>
      <c r="AC5389" s="2"/>
      <c r="AD5389" s="1"/>
    </row>
    <row r="5390" spans="1:30">
      <c r="A5390" s="5" t="s">
        <v>83578</v>
      </c>
      <c r="B5390" s="2" t="s">
        <v>99772</v>
      </c>
      <c r="C5390" s="14" t="s">
        <v>99773</v>
      </c>
      <c r="D5390" s="2" t="s">
        <v>99774</v>
      </c>
      <c r="E5390" s="2" t="s">
        <v>7449</v>
      </c>
      <c r="F5390" s="8">
        <v>333</v>
      </c>
      <c r="G5390" s="5">
        <v>6</v>
      </c>
      <c r="H5390" s="5" t="s">
        <v>1518</v>
      </c>
      <c r="I5390" s="5" t="s">
        <v>40939</v>
      </c>
      <c r="J5390" s="2" t="s">
        <v>40940</v>
      </c>
      <c r="K5390" s="5" t="s">
        <v>40939</v>
      </c>
      <c r="L5390" s="2" t="s">
        <v>40940</v>
      </c>
      <c r="M5390" s="5" t="s">
        <v>36266</v>
      </c>
      <c r="N5390" s="5" t="s">
        <v>38</v>
      </c>
      <c r="O5390" s="5" t="s">
        <v>39</v>
      </c>
      <c r="P5390" s="5" t="s">
        <v>40</v>
      </c>
      <c r="Q5390" s="5" t="s">
        <v>1522</v>
      </c>
      <c r="R5390" s="5" t="s">
        <v>1523</v>
      </c>
      <c r="S5390" s="5" t="s">
        <v>42</v>
      </c>
      <c r="T5390" s="2">
        <v>3.4780000000000002</v>
      </c>
      <c r="U5390" s="2">
        <v>2.8119999999999998</v>
      </c>
      <c r="V5390" s="2">
        <v>0.02</v>
      </c>
      <c r="W5390" s="2">
        <v>159.1</v>
      </c>
      <c r="X5390" s="2">
        <v>7.6</v>
      </c>
      <c r="Y5390" s="2">
        <v>16.7</v>
      </c>
      <c r="Z5390" s="5"/>
      <c r="AA5390" s="5" t="s">
        <v>43</v>
      </c>
      <c r="AB5390" s="5" t="s">
        <v>44</v>
      </c>
      <c r="AC5390" s="2"/>
      <c r="AD5390" s="1"/>
    </row>
    <row r="5391" spans="1:30">
      <c r="A5391" s="5" t="s">
        <v>83578</v>
      </c>
      <c r="B5391" s="2" t="s">
        <v>99775</v>
      </c>
      <c r="C5391" s="14" t="s">
        <v>99776</v>
      </c>
      <c r="D5391" s="2" t="s">
        <v>99777</v>
      </c>
      <c r="E5391" s="2" t="s">
        <v>7581</v>
      </c>
      <c r="F5391" s="8">
        <v>333</v>
      </c>
      <c r="G5391" s="5">
        <v>6</v>
      </c>
      <c r="H5391" s="5" t="s">
        <v>1518</v>
      </c>
      <c r="I5391" s="5" t="s">
        <v>40939</v>
      </c>
      <c r="J5391" s="2" t="s">
        <v>40940</v>
      </c>
      <c r="K5391" s="5" t="s">
        <v>40939</v>
      </c>
      <c r="L5391" s="2" t="s">
        <v>40940</v>
      </c>
      <c r="M5391" s="5" t="s">
        <v>36266</v>
      </c>
      <c r="N5391" s="5" t="s">
        <v>38</v>
      </c>
      <c r="O5391" s="5" t="s">
        <v>39</v>
      </c>
      <c r="P5391" s="5" t="s">
        <v>40</v>
      </c>
      <c r="Q5391" s="5" t="s">
        <v>1522</v>
      </c>
      <c r="R5391" s="5" t="s">
        <v>1523</v>
      </c>
      <c r="S5391" s="5" t="s">
        <v>42</v>
      </c>
      <c r="T5391" s="2">
        <v>3.573</v>
      </c>
      <c r="U5391" s="2">
        <v>2.907</v>
      </c>
      <c r="V5391" s="2">
        <v>0.02</v>
      </c>
      <c r="W5391" s="2">
        <v>159.1</v>
      </c>
      <c r="X5391" s="2">
        <v>7.6</v>
      </c>
      <c r="Y5391" s="2">
        <v>16.7</v>
      </c>
      <c r="Z5391" s="5"/>
      <c r="AA5391" s="5" t="s">
        <v>43</v>
      </c>
      <c r="AB5391" s="5" t="s">
        <v>44</v>
      </c>
      <c r="AC5391" s="2"/>
      <c r="AD5391" s="1"/>
    </row>
    <row r="5392" spans="1:30">
      <c r="A5392" s="5" t="s">
        <v>83578</v>
      </c>
      <c r="B5392" s="2" t="s">
        <v>99778</v>
      </c>
      <c r="C5392" s="14" t="s">
        <v>99779</v>
      </c>
      <c r="D5392" s="2" t="s">
        <v>99780</v>
      </c>
      <c r="E5392" s="2" t="s">
        <v>36277</v>
      </c>
      <c r="F5392" s="8">
        <v>322</v>
      </c>
      <c r="G5392" s="5">
        <v>6</v>
      </c>
      <c r="H5392" s="5" t="s">
        <v>1518</v>
      </c>
      <c r="I5392" s="5" t="s">
        <v>40939</v>
      </c>
      <c r="J5392" s="2" t="s">
        <v>40940</v>
      </c>
      <c r="K5392" s="5" t="s">
        <v>40939</v>
      </c>
      <c r="L5392" s="2" t="s">
        <v>40940</v>
      </c>
      <c r="M5392" s="5" t="s">
        <v>36266</v>
      </c>
      <c r="N5392" s="5" t="s">
        <v>38</v>
      </c>
      <c r="O5392" s="5" t="s">
        <v>39</v>
      </c>
      <c r="P5392" s="5" t="s">
        <v>40</v>
      </c>
      <c r="Q5392" s="5" t="s">
        <v>1522</v>
      </c>
      <c r="R5392" s="5" t="s">
        <v>1523</v>
      </c>
      <c r="S5392" s="5" t="s">
        <v>42</v>
      </c>
      <c r="T5392" s="2">
        <v>4.0119999999999996</v>
      </c>
      <c r="U5392" s="2">
        <v>3.3650000000000002</v>
      </c>
      <c r="V5392" s="2">
        <v>0.02</v>
      </c>
      <c r="W5392" s="2">
        <v>159.1</v>
      </c>
      <c r="X5392" s="2">
        <v>7.6</v>
      </c>
      <c r="Y5392" s="2">
        <v>16.7</v>
      </c>
      <c r="Z5392" s="5"/>
      <c r="AA5392" s="5" t="s">
        <v>43</v>
      </c>
      <c r="AB5392" s="5" t="s">
        <v>44</v>
      </c>
      <c r="AC5392" s="2"/>
      <c r="AD5392" s="1"/>
    </row>
    <row r="5393" spans="1:30">
      <c r="A5393" s="5" t="s">
        <v>83578</v>
      </c>
      <c r="B5393" s="2" t="s">
        <v>99781</v>
      </c>
      <c r="C5393" s="14" t="s">
        <v>99782</v>
      </c>
      <c r="D5393" s="2" t="s">
        <v>99783</v>
      </c>
      <c r="E5393" s="2" t="s">
        <v>47226</v>
      </c>
      <c r="F5393" s="8">
        <v>351</v>
      </c>
      <c r="G5393" s="5">
        <v>6</v>
      </c>
      <c r="H5393" s="5" t="s">
        <v>1518</v>
      </c>
      <c r="I5393" s="5" t="s">
        <v>40939</v>
      </c>
      <c r="J5393" s="2" t="s">
        <v>40940</v>
      </c>
      <c r="K5393" s="5" t="s">
        <v>40939</v>
      </c>
      <c r="L5393" s="2" t="s">
        <v>40940</v>
      </c>
      <c r="M5393" s="5" t="s">
        <v>36266</v>
      </c>
      <c r="N5393" s="5" t="s">
        <v>38</v>
      </c>
      <c r="O5393" s="5" t="s">
        <v>39</v>
      </c>
      <c r="P5393" s="5" t="s">
        <v>40</v>
      </c>
      <c r="Q5393" s="5" t="s">
        <v>1522</v>
      </c>
      <c r="R5393" s="5" t="s">
        <v>1523</v>
      </c>
      <c r="S5393" s="5" t="s">
        <v>42</v>
      </c>
      <c r="T5393" s="2">
        <v>3.8580000000000001</v>
      </c>
      <c r="U5393" s="2">
        <v>3.2109999999999999</v>
      </c>
      <c r="V5393" s="2">
        <v>0.02</v>
      </c>
      <c r="W5393" s="2">
        <v>159.1</v>
      </c>
      <c r="X5393" s="2">
        <v>7.6</v>
      </c>
      <c r="Y5393" s="2">
        <v>16.7</v>
      </c>
      <c r="Z5393" s="5"/>
      <c r="AA5393" s="5" t="s">
        <v>43</v>
      </c>
      <c r="AB5393" s="5" t="s">
        <v>44</v>
      </c>
      <c r="AC5393" s="2"/>
      <c r="AD5393" s="1"/>
    </row>
    <row r="5394" spans="1:30">
      <c r="A5394" s="5" t="s">
        <v>83578</v>
      </c>
      <c r="B5394" s="2" t="s">
        <v>99784</v>
      </c>
      <c r="C5394" s="14" t="s">
        <v>99785</v>
      </c>
      <c r="D5394" s="2" t="s">
        <v>99786</v>
      </c>
      <c r="E5394" s="2" t="s">
        <v>47735</v>
      </c>
      <c r="F5394" s="8">
        <v>351</v>
      </c>
      <c r="G5394" s="5">
        <v>6</v>
      </c>
      <c r="H5394" s="5" t="s">
        <v>1518</v>
      </c>
      <c r="I5394" s="5" t="s">
        <v>40939</v>
      </c>
      <c r="J5394" s="2" t="s">
        <v>40940</v>
      </c>
      <c r="K5394" s="5" t="s">
        <v>40939</v>
      </c>
      <c r="L5394" s="2" t="s">
        <v>40940</v>
      </c>
      <c r="M5394" s="5" t="s">
        <v>36266</v>
      </c>
      <c r="N5394" s="5" t="s">
        <v>38</v>
      </c>
      <c r="O5394" s="5" t="s">
        <v>39</v>
      </c>
      <c r="P5394" s="5" t="s">
        <v>40</v>
      </c>
      <c r="Q5394" s="5" t="s">
        <v>1522</v>
      </c>
      <c r="R5394" s="5" t="s">
        <v>1523</v>
      </c>
      <c r="S5394" s="5" t="s">
        <v>42</v>
      </c>
      <c r="T5394" s="2">
        <v>3.9780000000000002</v>
      </c>
      <c r="U5394" s="2">
        <v>3.331</v>
      </c>
      <c r="V5394" s="2">
        <v>0.02</v>
      </c>
      <c r="W5394" s="2">
        <v>159.1</v>
      </c>
      <c r="X5394" s="2">
        <v>7.6</v>
      </c>
      <c r="Y5394" s="2">
        <v>16.7</v>
      </c>
      <c r="Z5394" s="5"/>
      <c r="AA5394" s="5" t="s">
        <v>43</v>
      </c>
      <c r="AB5394" s="5" t="s">
        <v>44</v>
      </c>
      <c r="AC5394" s="2"/>
      <c r="AD5394" s="1"/>
    </row>
    <row r="5395" spans="1:30">
      <c r="A5395" s="5" t="s">
        <v>83578</v>
      </c>
      <c r="B5395" s="2" t="s">
        <v>99787</v>
      </c>
      <c r="C5395" s="14" t="s">
        <v>99788</v>
      </c>
      <c r="D5395" s="2" t="s">
        <v>99789</v>
      </c>
      <c r="E5395" s="2" t="s">
        <v>7543</v>
      </c>
      <c r="F5395" s="8">
        <v>351</v>
      </c>
      <c r="G5395" s="5">
        <v>6</v>
      </c>
      <c r="H5395" s="5" t="s">
        <v>1518</v>
      </c>
      <c r="I5395" s="5" t="s">
        <v>40939</v>
      </c>
      <c r="J5395" s="2" t="s">
        <v>40940</v>
      </c>
      <c r="K5395" s="5" t="s">
        <v>40939</v>
      </c>
      <c r="L5395" s="2" t="s">
        <v>40940</v>
      </c>
      <c r="M5395" s="5" t="s">
        <v>36266</v>
      </c>
      <c r="N5395" s="5" t="s">
        <v>38</v>
      </c>
      <c r="O5395" s="5" t="s">
        <v>39</v>
      </c>
      <c r="P5395" s="5" t="s">
        <v>40</v>
      </c>
      <c r="Q5395" s="5" t="s">
        <v>1522</v>
      </c>
      <c r="R5395" s="5" t="s">
        <v>1523</v>
      </c>
      <c r="S5395" s="5" t="s">
        <v>42</v>
      </c>
      <c r="T5395" s="2">
        <v>3.8929999999999998</v>
      </c>
      <c r="U5395" s="2">
        <v>3.246</v>
      </c>
      <c r="V5395" s="2">
        <v>0.02</v>
      </c>
      <c r="W5395" s="2">
        <v>159.1</v>
      </c>
      <c r="X5395" s="2">
        <v>7.6</v>
      </c>
      <c r="Y5395" s="2">
        <v>16.7</v>
      </c>
      <c r="Z5395" s="5"/>
      <c r="AA5395" s="5" t="s">
        <v>43</v>
      </c>
      <c r="AB5395" s="5" t="s">
        <v>44</v>
      </c>
      <c r="AC5395" s="2"/>
      <c r="AD5395" s="1"/>
    </row>
    <row r="5396" spans="1:30">
      <c r="A5396" s="5" t="s">
        <v>83578</v>
      </c>
      <c r="B5396" s="2" t="s">
        <v>99790</v>
      </c>
      <c r="C5396" s="14" t="s">
        <v>99791</v>
      </c>
      <c r="D5396" s="2" t="s">
        <v>99792</v>
      </c>
      <c r="E5396" s="2" t="s">
        <v>40997</v>
      </c>
      <c r="F5396" s="8">
        <v>351</v>
      </c>
      <c r="G5396" s="5">
        <v>6</v>
      </c>
      <c r="H5396" s="5" t="s">
        <v>1518</v>
      </c>
      <c r="I5396" s="5" t="s">
        <v>40939</v>
      </c>
      <c r="J5396" s="2" t="s">
        <v>40940</v>
      </c>
      <c r="K5396" s="5" t="s">
        <v>40939</v>
      </c>
      <c r="L5396" s="2" t="s">
        <v>40940</v>
      </c>
      <c r="M5396" s="5" t="s">
        <v>36266</v>
      </c>
      <c r="N5396" s="5" t="s">
        <v>38</v>
      </c>
      <c r="O5396" s="5" t="s">
        <v>39</v>
      </c>
      <c r="P5396" s="5" t="s">
        <v>40</v>
      </c>
      <c r="Q5396" s="5" t="s">
        <v>1522</v>
      </c>
      <c r="R5396" s="5" t="s">
        <v>1523</v>
      </c>
      <c r="S5396" s="5" t="s">
        <v>42</v>
      </c>
      <c r="T5396" s="2">
        <v>3.79</v>
      </c>
      <c r="U5396" s="2">
        <v>3.1429999999999998</v>
      </c>
      <c r="V5396" s="2">
        <v>0.02</v>
      </c>
      <c r="W5396" s="2">
        <v>159.1</v>
      </c>
      <c r="X5396" s="2">
        <v>7.6</v>
      </c>
      <c r="Y5396" s="2">
        <v>16.7</v>
      </c>
      <c r="Z5396" s="5"/>
      <c r="AA5396" s="5" t="s">
        <v>43</v>
      </c>
      <c r="AB5396" s="5" t="s">
        <v>44</v>
      </c>
      <c r="AC5396" s="2"/>
      <c r="AD5396" s="1"/>
    </row>
    <row r="5397" spans="1:30">
      <c r="A5397" s="5" t="s">
        <v>83578</v>
      </c>
      <c r="B5397" s="2" t="s">
        <v>99793</v>
      </c>
      <c r="C5397" s="14" t="s">
        <v>99794</v>
      </c>
      <c r="D5397" s="2" t="s">
        <v>99795</v>
      </c>
      <c r="E5397" s="2" t="s">
        <v>41267</v>
      </c>
      <c r="F5397" s="8">
        <v>351</v>
      </c>
      <c r="G5397" s="5">
        <v>6</v>
      </c>
      <c r="H5397" s="5" t="s">
        <v>1518</v>
      </c>
      <c r="I5397" s="5" t="s">
        <v>40939</v>
      </c>
      <c r="J5397" s="2" t="s">
        <v>40940</v>
      </c>
      <c r="K5397" s="5" t="s">
        <v>40939</v>
      </c>
      <c r="L5397" s="2" t="s">
        <v>40940</v>
      </c>
      <c r="M5397" s="5" t="s">
        <v>36266</v>
      </c>
      <c r="N5397" s="5" t="s">
        <v>38</v>
      </c>
      <c r="O5397" s="5" t="s">
        <v>39</v>
      </c>
      <c r="P5397" s="5" t="s">
        <v>40</v>
      </c>
      <c r="Q5397" s="5" t="s">
        <v>1522</v>
      </c>
      <c r="R5397" s="5" t="s">
        <v>1523</v>
      </c>
      <c r="S5397" s="5" t="s">
        <v>42</v>
      </c>
      <c r="T5397" s="2">
        <v>3.91</v>
      </c>
      <c r="U5397" s="2">
        <v>3.2629999999999999</v>
      </c>
      <c r="V5397" s="2">
        <v>0.02</v>
      </c>
      <c r="W5397" s="2">
        <v>159.1</v>
      </c>
      <c r="X5397" s="2">
        <v>7.6</v>
      </c>
      <c r="Y5397" s="2">
        <v>16.7</v>
      </c>
      <c r="Z5397" s="5"/>
      <c r="AA5397" s="5" t="s">
        <v>43</v>
      </c>
      <c r="AB5397" s="5" t="s">
        <v>44</v>
      </c>
      <c r="AC5397" s="2"/>
      <c r="AD5397" s="1"/>
    </row>
    <row r="5398" spans="1:30">
      <c r="A5398" s="5" t="s">
        <v>83578</v>
      </c>
      <c r="B5398" s="2" t="s">
        <v>99796</v>
      </c>
      <c r="C5398" s="14" t="s">
        <v>99797</v>
      </c>
      <c r="D5398" s="2" t="s">
        <v>99798</v>
      </c>
      <c r="E5398" s="2" t="s">
        <v>41001</v>
      </c>
      <c r="F5398" s="8">
        <v>351</v>
      </c>
      <c r="G5398" s="5">
        <v>6</v>
      </c>
      <c r="H5398" s="5" t="s">
        <v>1518</v>
      </c>
      <c r="I5398" s="5" t="s">
        <v>40939</v>
      </c>
      <c r="J5398" s="2" t="s">
        <v>40940</v>
      </c>
      <c r="K5398" s="5" t="s">
        <v>40939</v>
      </c>
      <c r="L5398" s="2" t="s">
        <v>40940</v>
      </c>
      <c r="M5398" s="5" t="s">
        <v>36266</v>
      </c>
      <c r="N5398" s="5" t="s">
        <v>38</v>
      </c>
      <c r="O5398" s="5" t="s">
        <v>39</v>
      </c>
      <c r="P5398" s="5" t="s">
        <v>40</v>
      </c>
      <c r="Q5398" s="5" t="s">
        <v>1522</v>
      </c>
      <c r="R5398" s="5" t="s">
        <v>1523</v>
      </c>
      <c r="S5398" s="5" t="s">
        <v>42</v>
      </c>
      <c r="T5398" s="2">
        <v>3.8580000000000001</v>
      </c>
      <c r="U5398" s="2">
        <v>3.2109999999999999</v>
      </c>
      <c r="V5398" s="2">
        <v>0.02</v>
      </c>
      <c r="W5398" s="2">
        <v>159.1</v>
      </c>
      <c r="X5398" s="2">
        <v>7.6</v>
      </c>
      <c r="Y5398" s="2">
        <v>16.7</v>
      </c>
      <c r="Z5398" s="5"/>
      <c r="AA5398" s="5" t="s">
        <v>43</v>
      </c>
      <c r="AB5398" s="5" t="s">
        <v>44</v>
      </c>
      <c r="AC5398" s="2"/>
      <c r="AD5398" s="1"/>
    </row>
    <row r="5399" spans="1:30">
      <c r="A5399" s="5" t="s">
        <v>83578</v>
      </c>
      <c r="B5399" s="2" t="s">
        <v>99799</v>
      </c>
      <c r="C5399" s="14" t="s">
        <v>99800</v>
      </c>
      <c r="D5399" s="2" t="s">
        <v>99801</v>
      </c>
      <c r="E5399" s="2" t="s">
        <v>41005</v>
      </c>
      <c r="F5399" s="8">
        <v>351</v>
      </c>
      <c r="G5399" s="5">
        <v>6</v>
      </c>
      <c r="H5399" s="5" t="s">
        <v>1518</v>
      </c>
      <c r="I5399" s="5" t="s">
        <v>40939</v>
      </c>
      <c r="J5399" s="2" t="s">
        <v>40940</v>
      </c>
      <c r="K5399" s="5" t="s">
        <v>40939</v>
      </c>
      <c r="L5399" s="2" t="s">
        <v>40940</v>
      </c>
      <c r="M5399" s="5" t="s">
        <v>36266</v>
      </c>
      <c r="N5399" s="5" t="s">
        <v>38</v>
      </c>
      <c r="O5399" s="5" t="s">
        <v>39</v>
      </c>
      <c r="P5399" s="5" t="s">
        <v>40</v>
      </c>
      <c r="Q5399" s="5" t="s">
        <v>1522</v>
      </c>
      <c r="R5399" s="5" t="s">
        <v>1523</v>
      </c>
      <c r="S5399" s="5" t="s">
        <v>42</v>
      </c>
      <c r="T5399" s="2">
        <v>3.9780000000000002</v>
      </c>
      <c r="U5399" s="2">
        <v>3.331</v>
      </c>
      <c r="V5399" s="2">
        <v>0.02</v>
      </c>
      <c r="W5399" s="2">
        <v>159.1</v>
      </c>
      <c r="X5399" s="2">
        <v>7.6</v>
      </c>
      <c r="Y5399" s="2">
        <v>16.7</v>
      </c>
      <c r="Z5399" s="5"/>
      <c r="AA5399" s="5" t="s">
        <v>43</v>
      </c>
      <c r="AB5399" s="5" t="s">
        <v>44</v>
      </c>
      <c r="AC5399" s="2"/>
      <c r="AD5399" s="1"/>
    </row>
    <row r="5400" spans="1:30">
      <c r="A5400" s="5" t="s">
        <v>83578</v>
      </c>
      <c r="B5400" s="2" t="s">
        <v>99802</v>
      </c>
      <c r="C5400" s="14" t="s">
        <v>99803</v>
      </c>
      <c r="D5400" s="2" t="s">
        <v>99804</v>
      </c>
      <c r="E5400" s="2" t="s">
        <v>41027</v>
      </c>
      <c r="F5400" s="8">
        <v>351</v>
      </c>
      <c r="G5400" s="5">
        <v>6</v>
      </c>
      <c r="H5400" s="5" t="s">
        <v>1518</v>
      </c>
      <c r="I5400" s="5" t="s">
        <v>40939</v>
      </c>
      <c r="J5400" s="2" t="s">
        <v>40940</v>
      </c>
      <c r="K5400" s="5" t="s">
        <v>40939</v>
      </c>
      <c r="L5400" s="2" t="s">
        <v>40940</v>
      </c>
      <c r="M5400" s="5" t="s">
        <v>36266</v>
      </c>
      <c r="N5400" s="5" t="s">
        <v>38</v>
      </c>
      <c r="O5400" s="5" t="s">
        <v>39</v>
      </c>
      <c r="P5400" s="5" t="s">
        <v>40</v>
      </c>
      <c r="Q5400" s="5" t="s">
        <v>1522</v>
      </c>
      <c r="R5400" s="5" t="s">
        <v>1523</v>
      </c>
      <c r="S5400" s="5" t="s">
        <v>42</v>
      </c>
      <c r="T5400" s="2">
        <v>3.91</v>
      </c>
      <c r="U5400" s="2">
        <v>3.2629999999999999</v>
      </c>
      <c r="V5400" s="2">
        <v>0.02</v>
      </c>
      <c r="W5400" s="2">
        <v>159.1</v>
      </c>
      <c r="X5400" s="2">
        <v>7.6</v>
      </c>
      <c r="Y5400" s="2">
        <v>16.7</v>
      </c>
      <c r="Z5400" s="5"/>
      <c r="AA5400" s="5" t="s">
        <v>43</v>
      </c>
      <c r="AB5400" s="5" t="s">
        <v>44</v>
      </c>
      <c r="AC5400" s="2"/>
      <c r="AD5400" s="1"/>
    </row>
    <row r="5401" spans="1:30">
      <c r="A5401" s="5" t="s">
        <v>83578</v>
      </c>
      <c r="B5401" s="2" t="s">
        <v>99805</v>
      </c>
      <c r="C5401" s="14" t="s">
        <v>99806</v>
      </c>
      <c r="D5401" s="2" t="s">
        <v>99807</v>
      </c>
      <c r="E5401" s="2" t="s">
        <v>41031</v>
      </c>
      <c r="F5401" s="8">
        <v>351</v>
      </c>
      <c r="G5401" s="5">
        <v>6</v>
      </c>
      <c r="H5401" s="5" t="s">
        <v>1518</v>
      </c>
      <c r="I5401" s="5" t="s">
        <v>40939</v>
      </c>
      <c r="J5401" s="2" t="s">
        <v>40940</v>
      </c>
      <c r="K5401" s="5" t="s">
        <v>40939</v>
      </c>
      <c r="L5401" s="2" t="s">
        <v>40940</v>
      </c>
      <c r="M5401" s="5" t="s">
        <v>36266</v>
      </c>
      <c r="N5401" s="5" t="s">
        <v>38</v>
      </c>
      <c r="O5401" s="5" t="s">
        <v>39</v>
      </c>
      <c r="P5401" s="5" t="s">
        <v>40</v>
      </c>
      <c r="Q5401" s="5" t="s">
        <v>1522</v>
      </c>
      <c r="R5401" s="5" t="s">
        <v>1523</v>
      </c>
      <c r="S5401" s="5" t="s">
        <v>42</v>
      </c>
      <c r="T5401" s="2">
        <v>3.79</v>
      </c>
      <c r="U5401" s="2">
        <v>3.1429999999999998</v>
      </c>
      <c r="V5401" s="2">
        <v>0.02</v>
      </c>
      <c r="W5401" s="2">
        <v>159.1</v>
      </c>
      <c r="X5401" s="2">
        <v>7.6</v>
      </c>
      <c r="Y5401" s="2">
        <v>16.7</v>
      </c>
      <c r="Z5401" s="5"/>
      <c r="AA5401" s="5" t="s">
        <v>43</v>
      </c>
      <c r="AB5401" s="5" t="s">
        <v>44</v>
      </c>
      <c r="AC5401" s="2"/>
      <c r="AD5401" s="1"/>
    </row>
    <row r="5402" spans="1:30">
      <c r="A5402" s="5" t="s">
        <v>83578</v>
      </c>
      <c r="B5402" s="2" t="s">
        <v>99808</v>
      </c>
      <c r="C5402" s="14" t="s">
        <v>99809</v>
      </c>
      <c r="D5402" s="2" t="s">
        <v>99810</v>
      </c>
      <c r="E5402" s="2" t="s">
        <v>7449</v>
      </c>
      <c r="F5402" s="8">
        <v>351</v>
      </c>
      <c r="G5402" s="5">
        <v>6</v>
      </c>
      <c r="H5402" s="5" t="s">
        <v>1518</v>
      </c>
      <c r="I5402" s="5" t="s">
        <v>40939</v>
      </c>
      <c r="J5402" s="2" t="s">
        <v>40940</v>
      </c>
      <c r="K5402" s="5" t="s">
        <v>40939</v>
      </c>
      <c r="L5402" s="2" t="s">
        <v>40940</v>
      </c>
      <c r="M5402" s="5" t="s">
        <v>36266</v>
      </c>
      <c r="N5402" s="5" t="s">
        <v>38</v>
      </c>
      <c r="O5402" s="5" t="s">
        <v>39</v>
      </c>
      <c r="P5402" s="5" t="s">
        <v>40</v>
      </c>
      <c r="Q5402" s="5" t="s">
        <v>1522</v>
      </c>
      <c r="R5402" s="5" t="s">
        <v>1523</v>
      </c>
      <c r="S5402" s="5" t="s">
        <v>42</v>
      </c>
      <c r="T5402" s="2">
        <v>3.79</v>
      </c>
      <c r="U5402" s="2">
        <v>3.1429999999999998</v>
      </c>
      <c r="V5402" s="2">
        <v>0.02</v>
      </c>
      <c r="W5402" s="2">
        <v>159.1</v>
      </c>
      <c r="X5402" s="2">
        <v>7.6</v>
      </c>
      <c r="Y5402" s="2">
        <v>16.7</v>
      </c>
      <c r="Z5402" s="5"/>
      <c r="AA5402" s="5" t="s">
        <v>43</v>
      </c>
      <c r="AB5402" s="5" t="s">
        <v>44</v>
      </c>
      <c r="AC5402" s="2"/>
      <c r="AD5402" s="1"/>
    </row>
    <row r="5403" spans="1:30">
      <c r="A5403" s="5" t="s">
        <v>83578</v>
      </c>
      <c r="B5403" s="2" t="s">
        <v>99811</v>
      </c>
      <c r="C5403" s="14" t="s">
        <v>99812</v>
      </c>
      <c r="D5403" s="2" t="s">
        <v>99813</v>
      </c>
      <c r="E5403" s="2" t="s">
        <v>7581</v>
      </c>
      <c r="F5403" s="8">
        <v>351</v>
      </c>
      <c r="G5403" s="5">
        <v>6</v>
      </c>
      <c r="H5403" s="5" t="s">
        <v>1518</v>
      </c>
      <c r="I5403" s="5" t="s">
        <v>40939</v>
      </c>
      <c r="J5403" s="2" t="s">
        <v>40940</v>
      </c>
      <c r="K5403" s="5" t="s">
        <v>40939</v>
      </c>
      <c r="L5403" s="2" t="s">
        <v>40940</v>
      </c>
      <c r="M5403" s="5" t="s">
        <v>36266</v>
      </c>
      <c r="N5403" s="5" t="s">
        <v>38</v>
      </c>
      <c r="O5403" s="5" t="s">
        <v>39</v>
      </c>
      <c r="P5403" s="5" t="s">
        <v>40</v>
      </c>
      <c r="Q5403" s="5" t="s">
        <v>1522</v>
      </c>
      <c r="R5403" s="5" t="s">
        <v>1523</v>
      </c>
      <c r="S5403" s="5" t="s">
        <v>42</v>
      </c>
      <c r="T5403" s="2">
        <v>3.91</v>
      </c>
      <c r="U5403" s="2">
        <v>3.2629999999999999</v>
      </c>
      <c r="V5403" s="2">
        <v>0.02</v>
      </c>
      <c r="W5403" s="2">
        <v>159.1</v>
      </c>
      <c r="X5403" s="2">
        <v>7.6</v>
      </c>
      <c r="Y5403" s="2">
        <v>16.7</v>
      </c>
      <c r="Z5403" s="5"/>
      <c r="AA5403" s="5" t="s">
        <v>43</v>
      </c>
      <c r="AB5403" s="5" t="s">
        <v>44</v>
      </c>
      <c r="AC5403" s="2"/>
      <c r="AD5403" s="1"/>
    </row>
    <row r="5404" spans="1:30">
      <c r="A5404" s="5" t="s">
        <v>83578</v>
      </c>
      <c r="B5404" s="2" t="s">
        <v>99814</v>
      </c>
      <c r="C5404" s="14" t="s">
        <v>99815</v>
      </c>
      <c r="D5404" s="2" t="s">
        <v>99816</v>
      </c>
      <c r="E5404" s="2" t="s">
        <v>47195</v>
      </c>
      <c r="F5404" s="8">
        <v>374</v>
      </c>
      <c r="G5404" s="5">
        <v>6</v>
      </c>
      <c r="H5404" s="5" t="s">
        <v>1518</v>
      </c>
      <c r="I5404" s="5" t="s">
        <v>40939</v>
      </c>
      <c r="J5404" s="2" t="s">
        <v>40940</v>
      </c>
      <c r="K5404" s="5" t="s">
        <v>40939</v>
      </c>
      <c r="L5404" s="2" t="s">
        <v>40940</v>
      </c>
      <c r="M5404" s="5" t="s">
        <v>36266</v>
      </c>
      <c r="N5404" s="5" t="s">
        <v>38</v>
      </c>
      <c r="O5404" s="5" t="s">
        <v>39</v>
      </c>
      <c r="P5404" s="5" t="s">
        <v>40</v>
      </c>
      <c r="Q5404" s="5" t="s">
        <v>1522</v>
      </c>
      <c r="R5404" s="5" t="s">
        <v>1523</v>
      </c>
      <c r="S5404" s="5" t="s">
        <v>42</v>
      </c>
      <c r="T5404" s="2">
        <v>4.1340000000000003</v>
      </c>
      <c r="U5404" s="2">
        <v>3.496</v>
      </c>
      <c r="V5404" s="2">
        <v>0.02</v>
      </c>
      <c r="W5404" s="2">
        <v>159.1</v>
      </c>
      <c r="X5404" s="2">
        <v>7.6</v>
      </c>
      <c r="Y5404" s="2">
        <v>16.7</v>
      </c>
      <c r="Z5404" s="5"/>
      <c r="AA5404" s="5" t="s">
        <v>43</v>
      </c>
      <c r="AB5404" s="5" t="s">
        <v>44</v>
      </c>
      <c r="AC5404" s="2"/>
      <c r="AD5404" s="1"/>
    </row>
    <row r="5405" spans="1:30">
      <c r="A5405" s="5" t="s">
        <v>83578</v>
      </c>
      <c r="B5405" s="2" t="s">
        <v>99817</v>
      </c>
      <c r="C5405" s="14" t="s">
        <v>99818</v>
      </c>
      <c r="D5405" s="2" t="s">
        <v>99819</v>
      </c>
      <c r="E5405" s="2" t="s">
        <v>7521</v>
      </c>
      <c r="F5405" s="8">
        <v>343</v>
      </c>
      <c r="G5405" s="5">
        <v>6</v>
      </c>
      <c r="H5405" s="5" t="s">
        <v>1518</v>
      </c>
      <c r="I5405" s="5" t="s">
        <v>40939</v>
      </c>
      <c r="J5405" s="2" t="s">
        <v>40940</v>
      </c>
      <c r="K5405" s="5" t="s">
        <v>40939</v>
      </c>
      <c r="L5405" s="2" t="s">
        <v>40940</v>
      </c>
      <c r="M5405" s="5" t="s">
        <v>36266</v>
      </c>
      <c r="N5405" s="5" t="s">
        <v>38</v>
      </c>
      <c r="O5405" s="5" t="s">
        <v>39</v>
      </c>
      <c r="P5405" s="5" t="s">
        <v>40</v>
      </c>
      <c r="Q5405" s="5" t="s">
        <v>1522</v>
      </c>
      <c r="R5405" s="5" t="s">
        <v>1523</v>
      </c>
      <c r="S5405" s="5" t="s">
        <v>42</v>
      </c>
      <c r="T5405" s="2">
        <v>4.1529999999999996</v>
      </c>
      <c r="U5405" s="2">
        <v>3.5150000000000001</v>
      </c>
      <c r="V5405" s="2">
        <v>0.02</v>
      </c>
      <c r="W5405" s="2">
        <v>159.1</v>
      </c>
      <c r="X5405" s="2">
        <v>7.6</v>
      </c>
      <c r="Y5405" s="2">
        <v>16.7</v>
      </c>
      <c r="Z5405" s="5"/>
      <c r="AA5405" s="5" t="s">
        <v>43</v>
      </c>
      <c r="AB5405" s="5" t="s">
        <v>44</v>
      </c>
      <c r="AC5405" s="2"/>
      <c r="AD5405" s="1"/>
    </row>
    <row r="5406" spans="1:30">
      <c r="A5406" s="5" t="s">
        <v>83578</v>
      </c>
      <c r="B5406" s="2" t="s">
        <v>99820</v>
      </c>
      <c r="C5406" s="14" t="s">
        <v>99821</v>
      </c>
      <c r="D5406" s="2" t="s">
        <v>99822</v>
      </c>
      <c r="E5406" s="2" t="s">
        <v>36273</v>
      </c>
      <c r="F5406" s="8">
        <v>343</v>
      </c>
      <c r="G5406" s="5">
        <v>6</v>
      </c>
      <c r="H5406" s="5" t="s">
        <v>1518</v>
      </c>
      <c r="I5406" s="5" t="s">
        <v>40939</v>
      </c>
      <c r="J5406" s="2" t="s">
        <v>40940</v>
      </c>
      <c r="K5406" s="5" t="s">
        <v>40939</v>
      </c>
      <c r="L5406" s="2" t="s">
        <v>40940</v>
      </c>
      <c r="M5406" s="5" t="s">
        <v>36266</v>
      </c>
      <c r="N5406" s="5" t="s">
        <v>38</v>
      </c>
      <c r="O5406" s="5" t="s">
        <v>39</v>
      </c>
      <c r="P5406" s="5" t="s">
        <v>40</v>
      </c>
      <c r="Q5406" s="5" t="s">
        <v>1522</v>
      </c>
      <c r="R5406" s="5" t="s">
        <v>1523</v>
      </c>
      <c r="S5406" s="5" t="s">
        <v>42</v>
      </c>
      <c r="T5406" s="2">
        <v>4.0620000000000003</v>
      </c>
      <c r="U5406" s="2">
        <v>3.4239999999999999</v>
      </c>
      <c r="V5406" s="2">
        <v>0.02</v>
      </c>
      <c r="W5406" s="2">
        <v>159.1</v>
      </c>
      <c r="X5406" s="2">
        <v>7.6</v>
      </c>
      <c r="Y5406" s="2">
        <v>16.7</v>
      </c>
      <c r="Z5406" s="5"/>
      <c r="AA5406" s="5" t="s">
        <v>43</v>
      </c>
      <c r="AB5406" s="5" t="s">
        <v>44</v>
      </c>
      <c r="AC5406" s="2"/>
      <c r="AD5406" s="1"/>
    </row>
    <row r="5407" spans="1:30">
      <c r="A5407" s="5" t="s">
        <v>83578</v>
      </c>
      <c r="B5407" s="2" t="s">
        <v>99823</v>
      </c>
      <c r="C5407" s="14" t="s">
        <v>99824</v>
      </c>
      <c r="D5407" s="2" t="s">
        <v>99825</v>
      </c>
      <c r="E5407" s="2" t="s">
        <v>40967</v>
      </c>
      <c r="F5407" s="8">
        <v>374</v>
      </c>
      <c r="G5407" s="5">
        <v>6</v>
      </c>
      <c r="H5407" s="5" t="s">
        <v>1518</v>
      </c>
      <c r="I5407" s="5" t="s">
        <v>40939</v>
      </c>
      <c r="J5407" s="2" t="s">
        <v>40940</v>
      </c>
      <c r="K5407" s="5" t="s">
        <v>40939</v>
      </c>
      <c r="L5407" s="2" t="s">
        <v>40940</v>
      </c>
      <c r="M5407" s="5" t="s">
        <v>36266</v>
      </c>
      <c r="N5407" s="5" t="s">
        <v>38</v>
      </c>
      <c r="O5407" s="5" t="s">
        <v>39</v>
      </c>
      <c r="P5407" s="5" t="s">
        <v>40</v>
      </c>
      <c r="Q5407" s="5" t="s">
        <v>1522</v>
      </c>
      <c r="R5407" s="5" t="s">
        <v>1523</v>
      </c>
      <c r="S5407" s="5" t="s">
        <v>42</v>
      </c>
      <c r="T5407" s="2">
        <v>4.0229999999999997</v>
      </c>
      <c r="U5407" s="2">
        <v>3.3849999999999998</v>
      </c>
      <c r="V5407" s="2">
        <v>0.02</v>
      </c>
      <c r="W5407" s="2">
        <v>159.1</v>
      </c>
      <c r="X5407" s="2">
        <v>7.6</v>
      </c>
      <c r="Y5407" s="2">
        <v>16.7</v>
      </c>
      <c r="Z5407" s="5"/>
      <c r="AA5407" s="5" t="s">
        <v>43</v>
      </c>
      <c r="AB5407" s="5" t="s">
        <v>44</v>
      </c>
      <c r="AC5407" s="2"/>
      <c r="AD5407" s="1"/>
    </row>
    <row r="5408" spans="1:30">
      <c r="A5408" s="5" t="s">
        <v>83578</v>
      </c>
      <c r="B5408" s="2" t="s">
        <v>99826</v>
      </c>
      <c r="C5408" s="14" t="s">
        <v>99827</v>
      </c>
      <c r="D5408" s="2" t="s">
        <v>99828</v>
      </c>
      <c r="E5408" s="2" t="s">
        <v>40971</v>
      </c>
      <c r="F5408" s="8">
        <v>374</v>
      </c>
      <c r="G5408" s="5">
        <v>6</v>
      </c>
      <c r="H5408" s="5" t="s">
        <v>1518</v>
      </c>
      <c r="I5408" s="5" t="s">
        <v>40939</v>
      </c>
      <c r="J5408" s="2" t="s">
        <v>40940</v>
      </c>
      <c r="K5408" s="5" t="s">
        <v>40939</v>
      </c>
      <c r="L5408" s="2" t="s">
        <v>40940</v>
      </c>
      <c r="M5408" s="5" t="s">
        <v>36266</v>
      </c>
      <c r="N5408" s="5" t="s">
        <v>38</v>
      </c>
      <c r="O5408" s="5" t="s">
        <v>39</v>
      </c>
      <c r="P5408" s="5" t="s">
        <v>40</v>
      </c>
      <c r="Q5408" s="5" t="s">
        <v>1522</v>
      </c>
      <c r="R5408" s="5" t="s">
        <v>1523</v>
      </c>
      <c r="S5408" s="5" t="s">
        <v>42</v>
      </c>
      <c r="T5408" s="2">
        <v>4.1529999999999996</v>
      </c>
      <c r="U5408" s="2">
        <v>3.5150000000000001</v>
      </c>
      <c r="V5408" s="2">
        <v>0.02</v>
      </c>
      <c r="W5408" s="2">
        <v>159.1</v>
      </c>
      <c r="X5408" s="2">
        <v>7.6</v>
      </c>
      <c r="Y5408" s="2">
        <v>16.7</v>
      </c>
      <c r="Z5408" s="5"/>
      <c r="AA5408" s="5" t="s">
        <v>43</v>
      </c>
      <c r="AB5408" s="5" t="s">
        <v>44</v>
      </c>
      <c r="AC5408" s="2"/>
      <c r="AD5408" s="1"/>
    </row>
    <row r="5409" spans="1:30">
      <c r="A5409" s="5" t="s">
        <v>83578</v>
      </c>
      <c r="B5409" s="2" t="s">
        <v>99829</v>
      </c>
      <c r="C5409" s="14" t="s">
        <v>99830</v>
      </c>
      <c r="D5409" s="2" t="s">
        <v>99831</v>
      </c>
      <c r="E5409" s="2" t="s">
        <v>47226</v>
      </c>
      <c r="F5409" s="8">
        <v>374</v>
      </c>
      <c r="G5409" s="5">
        <v>6</v>
      </c>
      <c r="H5409" s="5" t="s">
        <v>1518</v>
      </c>
      <c r="I5409" s="5" t="s">
        <v>40939</v>
      </c>
      <c r="J5409" s="2" t="s">
        <v>40940</v>
      </c>
      <c r="K5409" s="5" t="s">
        <v>40939</v>
      </c>
      <c r="L5409" s="2" t="s">
        <v>40940</v>
      </c>
      <c r="M5409" s="5" t="s">
        <v>36266</v>
      </c>
      <c r="N5409" s="5" t="s">
        <v>38</v>
      </c>
      <c r="O5409" s="5" t="s">
        <v>39</v>
      </c>
      <c r="P5409" s="5" t="s">
        <v>40</v>
      </c>
      <c r="Q5409" s="5" t="s">
        <v>1522</v>
      </c>
      <c r="R5409" s="5" t="s">
        <v>1523</v>
      </c>
      <c r="S5409" s="5" t="s">
        <v>42</v>
      </c>
      <c r="T5409" s="2">
        <v>4.0229999999999997</v>
      </c>
      <c r="U5409" s="2">
        <v>3.3849999999999998</v>
      </c>
      <c r="V5409" s="2">
        <v>0.02</v>
      </c>
      <c r="W5409" s="2">
        <v>159.1</v>
      </c>
      <c r="X5409" s="2">
        <v>7.6</v>
      </c>
      <c r="Y5409" s="2">
        <v>16.7</v>
      </c>
      <c r="Z5409" s="5"/>
      <c r="AA5409" s="5" t="s">
        <v>43</v>
      </c>
      <c r="AB5409" s="5" t="s">
        <v>44</v>
      </c>
      <c r="AC5409" s="2"/>
      <c r="AD5409" s="1"/>
    </row>
    <row r="5410" spans="1:30">
      <c r="A5410" s="5" t="s">
        <v>83578</v>
      </c>
      <c r="B5410" s="2" t="s">
        <v>99832</v>
      </c>
      <c r="C5410" s="14" t="s">
        <v>99833</v>
      </c>
      <c r="D5410" s="2" t="s">
        <v>99834</v>
      </c>
      <c r="E5410" s="2" t="s">
        <v>47735</v>
      </c>
      <c r="F5410" s="8">
        <v>374</v>
      </c>
      <c r="G5410" s="5">
        <v>6</v>
      </c>
      <c r="H5410" s="5" t="s">
        <v>1518</v>
      </c>
      <c r="I5410" s="5" t="s">
        <v>40939</v>
      </c>
      <c r="J5410" s="2" t="s">
        <v>40940</v>
      </c>
      <c r="K5410" s="5" t="s">
        <v>40939</v>
      </c>
      <c r="L5410" s="2" t="s">
        <v>40940</v>
      </c>
      <c r="M5410" s="5" t="s">
        <v>36266</v>
      </c>
      <c r="N5410" s="5" t="s">
        <v>38</v>
      </c>
      <c r="O5410" s="5" t="s">
        <v>39</v>
      </c>
      <c r="P5410" s="5" t="s">
        <v>40</v>
      </c>
      <c r="Q5410" s="5" t="s">
        <v>1522</v>
      </c>
      <c r="R5410" s="5" t="s">
        <v>1523</v>
      </c>
      <c r="S5410" s="5" t="s">
        <v>42</v>
      </c>
      <c r="T5410" s="2">
        <v>4.1529999999999996</v>
      </c>
      <c r="U5410" s="2">
        <v>3.5150000000000001</v>
      </c>
      <c r="V5410" s="2">
        <v>0.02</v>
      </c>
      <c r="W5410" s="2">
        <v>159.1</v>
      </c>
      <c r="X5410" s="2">
        <v>7.6</v>
      </c>
      <c r="Y5410" s="2">
        <v>16.7</v>
      </c>
      <c r="Z5410" s="5"/>
      <c r="AA5410" s="5" t="s">
        <v>43</v>
      </c>
      <c r="AB5410" s="5" t="s">
        <v>44</v>
      </c>
      <c r="AC5410" s="2"/>
      <c r="AD5410" s="1"/>
    </row>
    <row r="5411" spans="1:30">
      <c r="A5411" s="5" t="s">
        <v>83578</v>
      </c>
      <c r="B5411" s="2" t="s">
        <v>99835</v>
      </c>
      <c r="C5411" s="14" t="s">
        <v>99836</v>
      </c>
      <c r="D5411" s="2" t="s">
        <v>99837</v>
      </c>
      <c r="E5411" s="2" t="s">
        <v>7539</v>
      </c>
      <c r="F5411" s="8">
        <v>374</v>
      </c>
      <c r="G5411" s="5">
        <v>6</v>
      </c>
      <c r="H5411" s="5" t="s">
        <v>1518</v>
      </c>
      <c r="I5411" s="5" t="s">
        <v>40939</v>
      </c>
      <c r="J5411" s="2" t="s">
        <v>40940</v>
      </c>
      <c r="K5411" s="5" t="s">
        <v>40939</v>
      </c>
      <c r="L5411" s="2" t="s">
        <v>40940</v>
      </c>
      <c r="M5411" s="5" t="s">
        <v>36266</v>
      </c>
      <c r="N5411" s="5" t="s">
        <v>38</v>
      </c>
      <c r="O5411" s="5" t="s">
        <v>39</v>
      </c>
      <c r="P5411" s="5" t="s">
        <v>40</v>
      </c>
      <c r="Q5411" s="5" t="s">
        <v>1522</v>
      </c>
      <c r="R5411" s="5" t="s">
        <v>1523</v>
      </c>
      <c r="S5411" s="5" t="s">
        <v>42</v>
      </c>
      <c r="T5411" s="2">
        <v>3.927</v>
      </c>
      <c r="U5411" s="2">
        <v>3.2890000000000001</v>
      </c>
      <c r="V5411" s="2">
        <v>0.02</v>
      </c>
      <c r="W5411" s="2">
        <v>159.1</v>
      </c>
      <c r="X5411" s="2">
        <v>7.6</v>
      </c>
      <c r="Y5411" s="2">
        <v>16.7</v>
      </c>
      <c r="Z5411" s="5"/>
      <c r="AA5411" s="5" t="s">
        <v>43</v>
      </c>
      <c r="AB5411" s="5" t="s">
        <v>44</v>
      </c>
      <c r="AC5411" s="2"/>
      <c r="AD5411" s="1"/>
    </row>
    <row r="5412" spans="1:30">
      <c r="A5412" s="5" t="s">
        <v>83578</v>
      </c>
      <c r="B5412" s="2" t="s">
        <v>99838</v>
      </c>
      <c r="C5412" s="14" t="s">
        <v>99839</v>
      </c>
      <c r="D5412" s="2" t="s">
        <v>99840</v>
      </c>
      <c r="E5412" s="2" t="s">
        <v>7543</v>
      </c>
      <c r="F5412" s="8">
        <v>374</v>
      </c>
      <c r="G5412" s="5">
        <v>6</v>
      </c>
      <c r="H5412" s="5" t="s">
        <v>1518</v>
      </c>
      <c r="I5412" s="5" t="s">
        <v>40939</v>
      </c>
      <c r="J5412" s="2" t="s">
        <v>40940</v>
      </c>
      <c r="K5412" s="5" t="s">
        <v>40939</v>
      </c>
      <c r="L5412" s="2" t="s">
        <v>40940</v>
      </c>
      <c r="M5412" s="5" t="s">
        <v>36266</v>
      </c>
      <c r="N5412" s="5" t="s">
        <v>38</v>
      </c>
      <c r="O5412" s="5" t="s">
        <v>39</v>
      </c>
      <c r="P5412" s="5" t="s">
        <v>40</v>
      </c>
      <c r="Q5412" s="5" t="s">
        <v>1522</v>
      </c>
      <c r="R5412" s="5" t="s">
        <v>1523</v>
      </c>
      <c r="S5412" s="5" t="s">
        <v>42</v>
      </c>
      <c r="T5412" s="2">
        <v>4.0570000000000004</v>
      </c>
      <c r="U5412" s="2">
        <v>3.419</v>
      </c>
      <c r="V5412" s="2">
        <v>0.02</v>
      </c>
      <c r="W5412" s="2">
        <v>159.1</v>
      </c>
      <c r="X5412" s="2">
        <v>7.6</v>
      </c>
      <c r="Y5412" s="2">
        <v>16.7</v>
      </c>
      <c r="Z5412" s="5"/>
      <c r="AA5412" s="5" t="s">
        <v>43</v>
      </c>
      <c r="AB5412" s="5" t="s">
        <v>44</v>
      </c>
      <c r="AC5412" s="2"/>
      <c r="AD5412" s="1"/>
    </row>
    <row r="5413" spans="1:30">
      <c r="A5413" s="5" t="s">
        <v>83578</v>
      </c>
      <c r="B5413" s="2" t="s">
        <v>99841</v>
      </c>
      <c r="C5413" s="14" t="s">
        <v>99842</v>
      </c>
      <c r="D5413" s="2" t="s">
        <v>99843</v>
      </c>
      <c r="E5413" s="2" t="s">
        <v>40993</v>
      </c>
      <c r="F5413" s="8">
        <v>374</v>
      </c>
      <c r="G5413" s="5">
        <v>6</v>
      </c>
      <c r="H5413" s="5" t="s">
        <v>1518</v>
      </c>
      <c r="I5413" s="5" t="s">
        <v>40939</v>
      </c>
      <c r="J5413" s="2" t="s">
        <v>40940</v>
      </c>
      <c r="K5413" s="5" t="s">
        <v>40939</v>
      </c>
      <c r="L5413" s="2" t="s">
        <v>40940</v>
      </c>
      <c r="M5413" s="5" t="s">
        <v>36266</v>
      </c>
      <c r="N5413" s="5" t="s">
        <v>38</v>
      </c>
      <c r="O5413" s="5" t="s">
        <v>39</v>
      </c>
      <c r="P5413" s="5" t="s">
        <v>40</v>
      </c>
      <c r="Q5413" s="5" t="s">
        <v>1522</v>
      </c>
      <c r="R5413" s="5" t="s">
        <v>1523</v>
      </c>
      <c r="S5413" s="5" t="s">
        <v>42</v>
      </c>
      <c r="T5413" s="2">
        <v>4.1529999999999996</v>
      </c>
      <c r="U5413" s="2">
        <v>3.5150000000000001</v>
      </c>
      <c r="V5413" s="2">
        <v>0.02</v>
      </c>
      <c r="W5413" s="2">
        <v>159.1</v>
      </c>
      <c r="X5413" s="2">
        <v>7.6</v>
      </c>
      <c r="Y5413" s="2">
        <v>16.7</v>
      </c>
      <c r="Z5413" s="5"/>
      <c r="AA5413" s="5" t="s">
        <v>43</v>
      </c>
      <c r="AB5413" s="5" t="s">
        <v>44</v>
      </c>
      <c r="AC5413" s="2"/>
      <c r="AD5413" s="1"/>
    </row>
    <row r="5414" spans="1:30">
      <c r="A5414" s="5" t="s">
        <v>83578</v>
      </c>
      <c r="B5414" s="2" t="s">
        <v>99844</v>
      </c>
      <c r="C5414" s="14" t="s">
        <v>99845</v>
      </c>
      <c r="D5414" s="2" t="s">
        <v>99846</v>
      </c>
      <c r="E5414" s="2" t="s">
        <v>40997</v>
      </c>
      <c r="F5414" s="8">
        <v>374</v>
      </c>
      <c r="G5414" s="5">
        <v>6</v>
      </c>
      <c r="H5414" s="5" t="s">
        <v>1518</v>
      </c>
      <c r="I5414" s="5" t="s">
        <v>40939</v>
      </c>
      <c r="J5414" s="2" t="s">
        <v>40940</v>
      </c>
      <c r="K5414" s="5" t="s">
        <v>40939</v>
      </c>
      <c r="L5414" s="2" t="s">
        <v>40940</v>
      </c>
      <c r="M5414" s="5" t="s">
        <v>36266</v>
      </c>
      <c r="N5414" s="5" t="s">
        <v>38</v>
      </c>
      <c r="O5414" s="5" t="s">
        <v>39</v>
      </c>
      <c r="P5414" s="5" t="s">
        <v>40</v>
      </c>
      <c r="Q5414" s="5" t="s">
        <v>1522</v>
      </c>
      <c r="R5414" s="5" t="s">
        <v>1523</v>
      </c>
      <c r="S5414" s="5" t="s">
        <v>42</v>
      </c>
      <c r="T5414" s="2">
        <v>3.9460000000000002</v>
      </c>
      <c r="U5414" s="2">
        <v>3.3079999999999998</v>
      </c>
      <c r="V5414" s="2">
        <v>0.02</v>
      </c>
      <c r="W5414" s="2">
        <v>159.1</v>
      </c>
      <c r="X5414" s="2">
        <v>7.6</v>
      </c>
      <c r="Y5414" s="2">
        <v>16.7</v>
      </c>
      <c r="Z5414" s="5"/>
      <c r="AA5414" s="5" t="s">
        <v>43</v>
      </c>
      <c r="AB5414" s="5" t="s">
        <v>44</v>
      </c>
      <c r="AC5414" s="2"/>
      <c r="AD5414" s="1"/>
    </row>
    <row r="5415" spans="1:30">
      <c r="A5415" s="5" t="s">
        <v>83578</v>
      </c>
      <c r="B5415" s="2" t="s">
        <v>99847</v>
      </c>
      <c r="C5415" s="14" t="s">
        <v>99848</v>
      </c>
      <c r="D5415" s="2" t="s">
        <v>99849</v>
      </c>
      <c r="E5415" s="2" t="s">
        <v>41267</v>
      </c>
      <c r="F5415" s="8">
        <v>374</v>
      </c>
      <c r="G5415" s="5">
        <v>6</v>
      </c>
      <c r="H5415" s="5" t="s">
        <v>1518</v>
      </c>
      <c r="I5415" s="5" t="s">
        <v>40939</v>
      </c>
      <c r="J5415" s="2" t="s">
        <v>40940</v>
      </c>
      <c r="K5415" s="5" t="s">
        <v>40939</v>
      </c>
      <c r="L5415" s="2" t="s">
        <v>40940</v>
      </c>
      <c r="M5415" s="5" t="s">
        <v>36266</v>
      </c>
      <c r="N5415" s="5" t="s">
        <v>38</v>
      </c>
      <c r="O5415" s="5" t="s">
        <v>39</v>
      </c>
      <c r="P5415" s="5" t="s">
        <v>40</v>
      </c>
      <c r="Q5415" s="5" t="s">
        <v>1522</v>
      </c>
      <c r="R5415" s="5" t="s">
        <v>1523</v>
      </c>
      <c r="S5415" s="5" t="s">
        <v>42</v>
      </c>
      <c r="T5415" s="2">
        <v>4.0759999999999996</v>
      </c>
      <c r="U5415" s="2">
        <v>3.4380000000000002</v>
      </c>
      <c r="V5415" s="2">
        <v>0.02</v>
      </c>
      <c r="W5415" s="2">
        <v>159.1</v>
      </c>
      <c r="X5415" s="2">
        <v>7.6</v>
      </c>
      <c r="Y5415" s="2">
        <v>16.7</v>
      </c>
      <c r="Z5415" s="5"/>
      <c r="AA5415" s="5" t="s">
        <v>43</v>
      </c>
      <c r="AB5415" s="5" t="s">
        <v>44</v>
      </c>
      <c r="AC5415" s="2"/>
      <c r="AD5415" s="1"/>
    </row>
    <row r="5416" spans="1:30">
      <c r="A5416" s="5" t="s">
        <v>83578</v>
      </c>
      <c r="B5416" s="2" t="s">
        <v>99850</v>
      </c>
      <c r="C5416" s="14" t="s">
        <v>99851</v>
      </c>
      <c r="D5416" s="2" t="s">
        <v>99852</v>
      </c>
      <c r="E5416" s="2" t="s">
        <v>41001</v>
      </c>
      <c r="F5416" s="8">
        <v>374</v>
      </c>
      <c r="G5416" s="5">
        <v>6</v>
      </c>
      <c r="H5416" s="5" t="s">
        <v>1518</v>
      </c>
      <c r="I5416" s="5" t="s">
        <v>40939</v>
      </c>
      <c r="J5416" s="2" t="s">
        <v>40940</v>
      </c>
      <c r="K5416" s="5" t="s">
        <v>40939</v>
      </c>
      <c r="L5416" s="2" t="s">
        <v>40940</v>
      </c>
      <c r="M5416" s="5" t="s">
        <v>36266</v>
      </c>
      <c r="N5416" s="5" t="s">
        <v>38</v>
      </c>
      <c r="O5416" s="5" t="s">
        <v>39</v>
      </c>
      <c r="P5416" s="5" t="s">
        <v>40</v>
      </c>
      <c r="Q5416" s="5" t="s">
        <v>1522</v>
      </c>
      <c r="R5416" s="5" t="s">
        <v>1523</v>
      </c>
      <c r="S5416" s="5" t="s">
        <v>42</v>
      </c>
      <c r="T5416" s="2">
        <v>4.0229999999999997</v>
      </c>
      <c r="U5416" s="2">
        <v>3.3849999999999998</v>
      </c>
      <c r="V5416" s="2">
        <v>0.02</v>
      </c>
      <c r="W5416" s="2">
        <v>159.1</v>
      </c>
      <c r="X5416" s="2">
        <v>7.6</v>
      </c>
      <c r="Y5416" s="2">
        <v>16.7</v>
      </c>
      <c r="Z5416" s="5"/>
      <c r="AA5416" s="5" t="s">
        <v>43</v>
      </c>
      <c r="AB5416" s="5" t="s">
        <v>44</v>
      </c>
      <c r="AC5416" s="2"/>
      <c r="AD5416" s="1"/>
    </row>
    <row r="5417" spans="1:30">
      <c r="A5417" s="5" t="s">
        <v>83578</v>
      </c>
      <c r="B5417" s="2" t="s">
        <v>99853</v>
      </c>
      <c r="C5417" s="14" t="s">
        <v>99854</v>
      </c>
      <c r="D5417" s="2" t="s">
        <v>99855</v>
      </c>
      <c r="E5417" s="2" t="s">
        <v>41005</v>
      </c>
      <c r="F5417" s="8">
        <v>374</v>
      </c>
      <c r="G5417" s="5">
        <v>6</v>
      </c>
      <c r="H5417" s="5" t="s">
        <v>1518</v>
      </c>
      <c r="I5417" s="5" t="s">
        <v>40939</v>
      </c>
      <c r="J5417" s="2" t="s">
        <v>40940</v>
      </c>
      <c r="K5417" s="5" t="s">
        <v>40939</v>
      </c>
      <c r="L5417" s="2" t="s">
        <v>40940</v>
      </c>
      <c r="M5417" s="5" t="s">
        <v>36266</v>
      </c>
      <c r="N5417" s="5" t="s">
        <v>38</v>
      </c>
      <c r="O5417" s="5" t="s">
        <v>39</v>
      </c>
      <c r="P5417" s="5" t="s">
        <v>40</v>
      </c>
      <c r="Q5417" s="5" t="s">
        <v>1522</v>
      </c>
      <c r="R5417" s="5" t="s">
        <v>1523</v>
      </c>
      <c r="S5417" s="5" t="s">
        <v>42</v>
      </c>
      <c r="T5417" s="2">
        <v>4.1529999999999996</v>
      </c>
      <c r="U5417" s="2">
        <v>3.5150000000000001</v>
      </c>
      <c r="V5417" s="2">
        <v>0.02</v>
      </c>
      <c r="W5417" s="2">
        <v>159.1</v>
      </c>
      <c r="X5417" s="2">
        <v>7.6</v>
      </c>
      <c r="Y5417" s="2">
        <v>16.7</v>
      </c>
      <c r="Z5417" s="5"/>
      <c r="AA5417" s="5" t="s">
        <v>43</v>
      </c>
      <c r="AB5417" s="5" t="s">
        <v>44</v>
      </c>
      <c r="AC5417" s="2"/>
      <c r="AD5417" s="1"/>
    </row>
    <row r="5418" spans="1:30">
      <c r="A5418" s="5" t="s">
        <v>83578</v>
      </c>
      <c r="B5418" s="2" t="s">
        <v>99856</v>
      </c>
      <c r="C5418" s="14" t="s">
        <v>99857</v>
      </c>
      <c r="D5418" s="2" t="s">
        <v>99858</v>
      </c>
      <c r="E5418" s="2" t="s">
        <v>41013</v>
      </c>
      <c r="F5418" s="8">
        <v>374</v>
      </c>
      <c r="G5418" s="5">
        <v>6</v>
      </c>
      <c r="H5418" s="5" t="s">
        <v>1518</v>
      </c>
      <c r="I5418" s="5" t="s">
        <v>40939</v>
      </c>
      <c r="J5418" s="2" t="s">
        <v>40940</v>
      </c>
      <c r="K5418" s="5" t="s">
        <v>40939</v>
      </c>
      <c r="L5418" s="2" t="s">
        <v>40940</v>
      </c>
      <c r="M5418" s="5" t="s">
        <v>36266</v>
      </c>
      <c r="N5418" s="5" t="s">
        <v>38</v>
      </c>
      <c r="O5418" s="5" t="s">
        <v>39</v>
      </c>
      <c r="P5418" s="5" t="s">
        <v>40</v>
      </c>
      <c r="Q5418" s="5" t="s">
        <v>1522</v>
      </c>
      <c r="R5418" s="5" t="s">
        <v>1523</v>
      </c>
      <c r="S5418" s="5" t="s">
        <v>42</v>
      </c>
      <c r="T5418" s="2">
        <v>4.1719999999999997</v>
      </c>
      <c r="U5418" s="2">
        <v>3.5339999999999998</v>
      </c>
      <c r="V5418" s="2">
        <v>0.02</v>
      </c>
      <c r="W5418" s="2">
        <v>159.1</v>
      </c>
      <c r="X5418" s="2">
        <v>7.6</v>
      </c>
      <c r="Y5418" s="2">
        <v>16.7</v>
      </c>
      <c r="Z5418" s="5"/>
      <c r="AA5418" s="5" t="s">
        <v>43</v>
      </c>
      <c r="AB5418" s="5" t="s">
        <v>44</v>
      </c>
      <c r="AC5418" s="2"/>
      <c r="AD5418" s="1"/>
    </row>
    <row r="5419" spans="1:30">
      <c r="A5419" s="5" t="s">
        <v>83578</v>
      </c>
      <c r="B5419" s="2" t="s">
        <v>99859</v>
      </c>
      <c r="C5419" s="14" t="s">
        <v>99860</v>
      </c>
      <c r="D5419" s="2" t="s">
        <v>99861</v>
      </c>
      <c r="E5419" s="2" t="s">
        <v>7507</v>
      </c>
      <c r="F5419" s="8">
        <v>343</v>
      </c>
      <c r="G5419" s="5">
        <v>6</v>
      </c>
      <c r="H5419" s="5" t="s">
        <v>1518</v>
      </c>
      <c r="I5419" s="5" t="s">
        <v>40939</v>
      </c>
      <c r="J5419" s="2" t="s">
        <v>40940</v>
      </c>
      <c r="K5419" s="5" t="s">
        <v>40939</v>
      </c>
      <c r="L5419" s="2" t="s">
        <v>40940</v>
      </c>
      <c r="M5419" s="5" t="s">
        <v>36266</v>
      </c>
      <c r="N5419" s="5" t="s">
        <v>38</v>
      </c>
      <c r="O5419" s="5" t="s">
        <v>39</v>
      </c>
      <c r="P5419" s="5" t="s">
        <v>40</v>
      </c>
      <c r="Q5419" s="5" t="s">
        <v>1522</v>
      </c>
      <c r="R5419" s="5" t="s">
        <v>1523</v>
      </c>
      <c r="S5419" s="5" t="s">
        <v>42</v>
      </c>
      <c r="T5419" s="2">
        <v>4.1719999999999997</v>
      </c>
      <c r="U5419" s="2">
        <v>3.5339999999999998</v>
      </c>
      <c r="V5419" s="2">
        <v>0.02</v>
      </c>
      <c r="W5419" s="2">
        <v>159.1</v>
      </c>
      <c r="X5419" s="2">
        <v>7.6</v>
      </c>
      <c r="Y5419" s="2">
        <v>16.7</v>
      </c>
      <c r="Z5419" s="5"/>
      <c r="AA5419" s="5" t="s">
        <v>43</v>
      </c>
      <c r="AB5419" s="5" t="s">
        <v>44</v>
      </c>
      <c r="AC5419" s="2"/>
      <c r="AD5419" s="1"/>
    </row>
    <row r="5420" spans="1:30">
      <c r="A5420" s="5" t="s">
        <v>83578</v>
      </c>
      <c r="B5420" s="2" t="s">
        <v>99862</v>
      </c>
      <c r="C5420" s="14" t="s">
        <v>99863</v>
      </c>
      <c r="D5420" s="2" t="s">
        <v>99864</v>
      </c>
      <c r="E5420" s="2" t="s">
        <v>41023</v>
      </c>
      <c r="F5420" s="8">
        <v>374</v>
      </c>
      <c r="G5420" s="5">
        <v>6</v>
      </c>
      <c r="H5420" s="5" t="s">
        <v>1518</v>
      </c>
      <c r="I5420" s="5" t="s">
        <v>40939</v>
      </c>
      <c r="J5420" s="2" t="s">
        <v>40940</v>
      </c>
      <c r="K5420" s="5" t="s">
        <v>40939</v>
      </c>
      <c r="L5420" s="2" t="s">
        <v>40940</v>
      </c>
      <c r="M5420" s="5" t="s">
        <v>36266</v>
      </c>
      <c r="N5420" s="5" t="s">
        <v>38</v>
      </c>
      <c r="O5420" s="5" t="s">
        <v>39</v>
      </c>
      <c r="P5420" s="5" t="s">
        <v>40</v>
      </c>
      <c r="Q5420" s="5" t="s">
        <v>1522</v>
      </c>
      <c r="R5420" s="5" t="s">
        <v>1523</v>
      </c>
      <c r="S5420" s="5" t="s">
        <v>42</v>
      </c>
      <c r="T5420" s="2">
        <v>3.9460000000000002</v>
      </c>
      <c r="U5420" s="2">
        <v>3.3079999999999998</v>
      </c>
      <c r="V5420" s="2">
        <v>0.02</v>
      </c>
      <c r="W5420" s="2">
        <v>159.1</v>
      </c>
      <c r="X5420" s="2">
        <v>7.6</v>
      </c>
      <c r="Y5420" s="2">
        <v>16.7</v>
      </c>
      <c r="Z5420" s="5"/>
      <c r="AA5420" s="5" t="s">
        <v>43</v>
      </c>
      <c r="AB5420" s="5" t="s">
        <v>44</v>
      </c>
      <c r="AC5420" s="2"/>
      <c r="AD5420" s="1"/>
    </row>
    <row r="5421" spans="1:30">
      <c r="A5421" s="5" t="s">
        <v>83578</v>
      </c>
      <c r="B5421" s="2" t="s">
        <v>99865</v>
      </c>
      <c r="C5421" s="14" t="s">
        <v>99866</v>
      </c>
      <c r="D5421" s="2" t="s">
        <v>99867</v>
      </c>
      <c r="E5421" s="2" t="s">
        <v>41027</v>
      </c>
      <c r="F5421" s="8">
        <v>374</v>
      </c>
      <c r="G5421" s="5">
        <v>6</v>
      </c>
      <c r="H5421" s="5" t="s">
        <v>1518</v>
      </c>
      <c r="I5421" s="5" t="s">
        <v>40939</v>
      </c>
      <c r="J5421" s="2" t="s">
        <v>40940</v>
      </c>
      <c r="K5421" s="5" t="s">
        <v>40939</v>
      </c>
      <c r="L5421" s="2" t="s">
        <v>40940</v>
      </c>
      <c r="M5421" s="5" t="s">
        <v>36266</v>
      </c>
      <c r="N5421" s="5" t="s">
        <v>38</v>
      </c>
      <c r="O5421" s="5" t="s">
        <v>39</v>
      </c>
      <c r="P5421" s="5" t="s">
        <v>40</v>
      </c>
      <c r="Q5421" s="5" t="s">
        <v>1522</v>
      </c>
      <c r="R5421" s="5" t="s">
        <v>1523</v>
      </c>
      <c r="S5421" s="5" t="s">
        <v>42</v>
      </c>
      <c r="T5421" s="2">
        <v>4.0759999999999996</v>
      </c>
      <c r="U5421" s="2">
        <v>3.4380000000000002</v>
      </c>
      <c r="V5421" s="2">
        <v>0.02</v>
      </c>
      <c r="W5421" s="2">
        <v>159.1</v>
      </c>
      <c r="X5421" s="2">
        <v>7.6</v>
      </c>
      <c r="Y5421" s="2">
        <v>16.7</v>
      </c>
      <c r="Z5421" s="5"/>
      <c r="AA5421" s="5" t="s">
        <v>43</v>
      </c>
      <c r="AB5421" s="5" t="s">
        <v>44</v>
      </c>
      <c r="AC5421" s="2"/>
      <c r="AD5421" s="1"/>
    </row>
    <row r="5422" spans="1:30">
      <c r="A5422" s="5" t="s">
        <v>83578</v>
      </c>
      <c r="B5422" s="2" t="s">
        <v>99868</v>
      </c>
      <c r="C5422" s="14" t="s">
        <v>99869</v>
      </c>
      <c r="D5422" s="2" t="s">
        <v>99870</v>
      </c>
      <c r="E5422" s="2" t="s">
        <v>41035</v>
      </c>
      <c r="F5422" s="8">
        <v>374</v>
      </c>
      <c r="G5422" s="5">
        <v>6</v>
      </c>
      <c r="H5422" s="5" t="s">
        <v>1518</v>
      </c>
      <c r="I5422" s="5" t="s">
        <v>40939</v>
      </c>
      <c r="J5422" s="2" t="s">
        <v>40940</v>
      </c>
      <c r="K5422" s="5" t="s">
        <v>40939</v>
      </c>
      <c r="L5422" s="2" t="s">
        <v>40940</v>
      </c>
      <c r="M5422" s="5" t="s">
        <v>36266</v>
      </c>
      <c r="N5422" s="5" t="s">
        <v>38</v>
      </c>
      <c r="O5422" s="5" t="s">
        <v>39</v>
      </c>
      <c r="P5422" s="5" t="s">
        <v>40</v>
      </c>
      <c r="Q5422" s="5" t="s">
        <v>1522</v>
      </c>
      <c r="R5422" s="5" t="s">
        <v>1523</v>
      </c>
      <c r="S5422" s="5" t="s">
        <v>42</v>
      </c>
      <c r="T5422" s="2">
        <v>4.0759999999999996</v>
      </c>
      <c r="U5422" s="2">
        <v>3.4380000000000002</v>
      </c>
      <c r="V5422" s="2">
        <v>0.02</v>
      </c>
      <c r="W5422" s="2">
        <v>159.1</v>
      </c>
      <c r="X5422" s="2">
        <v>7.6</v>
      </c>
      <c r="Y5422" s="2">
        <v>16.7</v>
      </c>
      <c r="Z5422" s="5"/>
      <c r="AA5422" s="5" t="s">
        <v>43</v>
      </c>
      <c r="AB5422" s="5" t="s">
        <v>44</v>
      </c>
      <c r="AC5422" s="2"/>
      <c r="AD5422" s="1"/>
    </row>
    <row r="5423" spans="1:30">
      <c r="A5423" s="5" t="s">
        <v>83578</v>
      </c>
      <c r="B5423" s="2" t="s">
        <v>99871</v>
      </c>
      <c r="C5423" s="14" t="s">
        <v>99872</v>
      </c>
      <c r="D5423" s="2" t="s">
        <v>99873</v>
      </c>
      <c r="E5423" s="2" t="s">
        <v>7449</v>
      </c>
      <c r="F5423" s="8">
        <v>374</v>
      </c>
      <c r="G5423" s="5">
        <v>6</v>
      </c>
      <c r="H5423" s="5" t="s">
        <v>1518</v>
      </c>
      <c r="I5423" s="5" t="s">
        <v>40939</v>
      </c>
      <c r="J5423" s="2" t="s">
        <v>40940</v>
      </c>
      <c r="K5423" s="5" t="s">
        <v>40939</v>
      </c>
      <c r="L5423" s="2" t="s">
        <v>40940</v>
      </c>
      <c r="M5423" s="5" t="s">
        <v>36266</v>
      </c>
      <c r="N5423" s="5" t="s">
        <v>38</v>
      </c>
      <c r="O5423" s="5" t="s">
        <v>39</v>
      </c>
      <c r="P5423" s="5" t="s">
        <v>40</v>
      </c>
      <c r="Q5423" s="5" t="s">
        <v>1522</v>
      </c>
      <c r="R5423" s="5" t="s">
        <v>1523</v>
      </c>
      <c r="S5423" s="5" t="s">
        <v>42</v>
      </c>
      <c r="T5423" s="2">
        <v>3.9460000000000002</v>
      </c>
      <c r="U5423" s="2">
        <v>3.3079999999999998</v>
      </c>
      <c r="V5423" s="2">
        <v>0.02</v>
      </c>
      <c r="W5423" s="2">
        <v>159.1</v>
      </c>
      <c r="X5423" s="2">
        <v>7.6</v>
      </c>
      <c r="Y5423" s="2">
        <v>16.7</v>
      </c>
      <c r="Z5423" s="5"/>
      <c r="AA5423" s="5" t="s">
        <v>43</v>
      </c>
      <c r="AB5423" s="5" t="s">
        <v>44</v>
      </c>
      <c r="AC5423" s="2"/>
      <c r="AD5423" s="1"/>
    </row>
    <row r="5424" spans="1:30">
      <c r="A5424" s="5" t="s">
        <v>83578</v>
      </c>
      <c r="B5424" s="2" t="s">
        <v>99874</v>
      </c>
      <c r="C5424" s="14" t="s">
        <v>99875</v>
      </c>
      <c r="D5424" s="2" t="s">
        <v>99876</v>
      </c>
      <c r="E5424" s="2" t="s">
        <v>7581</v>
      </c>
      <c r="F5424" s="8">
        <v>374</v>
      </c>
      <c r="G5424" s="5">
        <v>6</v>
      </c>
      <c r="H5424" s="5" t="s">
        <v>1518</v>
      </c>
      <c r="I5424" s="5" t="s">
        <v>40939</v>
      </c>
      <c r="J5424" s="2" t="s">
        <v>40940</v>
      </c>
      <c r="K5424" s="5" t="s">
        <v>40939</v>
      </c>
      <c r="L5424" s="2" t="s">
        <v>40940</v>
      </c>
      <c r="M5424" s="5" t="s">
        <v>36266</v>
      </c>
      <c r="N5424" s="5" t="s">
        <v>38</v>
      </c>
      <c r="O5424" s="5" t="s">
        <v>39</v>
      </c>
      <c r="P5424" s="5" t="s">
        <v>40</v>
      </c>
      <c r="Q5424" s="5" t="s">
        <v>1522</v>
      </c>
      <c r="R5424" s="5" t="s">
        <v>1523</v>
      </c>
      <c r="S5424" s="5" t="s">
        <v>42</v>
      </c>
      <c r="T5424" s="2">
        <v>4.0759999999999996</v>
      </c>
      <c r="U5424" s="2">
        <v>3.4380000000000002</v>
      </c>
      <c r="V5424" s="2">
        <v>0.02</v>
      </c>
      <c r="W5424" s="2">
        <v>159.1</v>
      </c>
      <c r="X5424" s="2">
        <v>7.6</v>
      </c>
      <c r="Y5424" s="2">
        <v>16.7</v>
      </c>
      <c r="Z5424" s="5"/>
      <c r="AA5424" s="5" t="s">
        <v>43</v>
      </c>
      <c r="AB5424" s="5" t="s">
        <v>44</v>
      </c>
      <c r="AC5424" s="2"/>
      <c r="AD5424" s="1"/>
    </row>
    <row r="5425" spans="1:30">
      <c r="A5425" s="5" t="s">
        <v>83578</v>
      </c>
      <c r="B5425" s="2" t="s">
        <v>99877</v>
      </c>
      <c r="C5425" s="14" t="s">
        <v>99878</v>
      </c>
      <c r="D5425" s="2" t="s">
        <v>99879</v>
      </c>
      <c r="E5425" s="2" t="s">
        <v>41045</v>
      </c>
      <c r="F5425" s="8">
        <v>374</v>
      </c>
      <c r="G5425" s="5">
        <v>6</v>
      </c>
      <c r="H5425" s="5" t="s">
        <v>1518</v>
      </c>
      <c r="I5425" s="5" t="s">
        <v>40939</v>
      </c>
      <c r="J5425" s="2" t="s">
        <v>40940</v>
      </c>
      <c r="K5425" s="5" t="s">
        <v>40939</v>
      </c>
      <c r="L5425" s="2" t="s">
        <v>40940</v>
      </c>
      <c r="M5425" s="5" t="s">
        <v>36266</v>
      </c>
      <c r="N5425" s="5" t="s">
        <v>38</v>
      </c>
      <c r="O5425" s="5" t="s">
        <v>39</v>
      </c>
      <c r="P5425" s="5" t="s">
        <v>40</v>
      </c>
      <c r="Q5425" s="5" t="s">
        <v>1522</v>
      </c>
      <c r="R5425" s="5" t="s">
        <v>1523</v>
      </c>
      <c r="S5425" s="5" t="s">
        <v>42</v>
      </c>
      <c r="T5425" s="2">
        <v>4.0620000000000003</v>
      </c>
      <c r="U5425" s="2">
        <v>3.4239999999999999</v>
      </c>
      <c r="V5425" s="2">
        <v>0.02</v>
      </c>
      <c r="W5425" s="2">
        <v>159.1</v>
      </c>
      <c r="X5425" s="2">
        <v>7.6</v>
      </c>
      <c r="Y5425" s="2">
        <v>16.7</v>
      </c>
      <c r="Z5425" s="5"/>
      <c r="AA5425" s="5" t="s">
        <v>43</v>
      </c>
      <c r="AB5425" s="5" t="s">
        <v>44</v>
      </c>
      <c r="AC5425" s="2"/>
      <c r="AD5425" s="1"/>
    </row>
    <row r="5426" spans="1:30">
      <c r="A5426" s="5" t="s">
        <v>83578</v>
      </c>
      <c r="B5426" s="2" t="s">
        <v>99880</v>
      </c>
      <c r="C5426" s="14" t="s">
        <v>99881</v>
      </c>
      <c r="D5426" s="2" t="s">
        <v>99882</v>
      </c>
      <c r="E5426" s="2" t="s">
        <v>41049</v>
      </c>
      <c r="F5426" s="8">
        <v>374</v>
      </c>
      <c r="G5426" s="5">
        <v>6</v>
      </c>
      <c r="H5426" s="5" t="s">
        <v>1518</v>
      </c>
      <c r="I5426" s="5" t="s">
        <v>40939</v>
      </c>
      <c r="J5426" s="2" t="s">
        <v>40940</v>
      </c>
      <c r="K5426" s="5" t="s">
        <v>40939</v>
      </c>
      <c r="L5426" s="2" t="s">
        <v>40940</v>
      </c>
      <c r="M5426" s="5" t="s">
        <v>36266</v>
      </c>
      <c r="N5426" s="5" t="s">
        <v>38</v>
      </c>
      <c r="O5426" s="5" t="s">
        <v>39</v>
      </c>
      <c r="P5426" s="5" t="s">
        <v>40</v>
      </c>
      <c r="Q5426" s="5" t="s">
        <v>1522</v>
      </c>
      <c r="R5426" s="5" t="s">
        <v>1523</v>
      </c>
      <c r="S5426" s="5" t="s">
        <v>42</v>
      </c>
      <c r="T5426" s="2">
        <v>4.1920000000000002</v>
      </c>
      <c r="U5426" s="2">
        <v>3.5539999999999998</v>
      </c>
      <c r="V5426" s="2">
        <v>0.02</v>
      </c>
      <c r="W5426" s="2">
        <v>159.1</v>
      </c>
      <c r="X5426" s="2">
        <v>7.6</v>
      </c>
      <c r="Y5426" s="2">
        <v>16.7</v>
      </c>
      <c r="Z5426" s="5"/>
      <c r="AA5426" s="5" t="s">
        <v>43</v>
      </c>
      <c r="AB5426" s="5" t="s">
        <v>44</v>
      </c>
      <c r="AC5426" s="2"/>
      <c r="AD5426" s="1"/>
    </row>
    <row r="5427" spans="1:30">
      <c r="A5427" s="5" t="s">
        <v>83578</v>
      </c>
      <c r="B5427" s="2" t="s">
        <v>99883</v>
      </c>
      <c r="C5427" s="14" t="s">
        <v>99884</v>
      </c>
      <c r="D5427" s="2" t="s">
        <v>99885</v>
      </c>
      <c r="E5427" s="2" t="s">
        <v>7204</v>
      </c>
      <c r="F5427" s="8">
        <v>307</v>
      </c>
      <c r="G5427" s="5">
        <v>6</v>
      </c>
      <c r="H5427" s="5" t="s">
        <v>1518</v>
      </c>
      <c r="I5427" s="5" t="s">
        <v>40939</v>
      </c>
      <c r="J5427" s="2" t="s">
        <v>40940</v>
      </c>
      <c r="K5427" s="5" t="s">
        <v>40939</v>
      </c>
      <c r="L5427" s="2" t="s">
        <v>40940</v>
      </c>
      <c r="M5427" s="5" t="s">
        <v>36266</v>
      </c>
      <c r="N5427" s="5" t="s">
        <v>38</v>
      </c>
      <c r="O5427" s="5" t="s">
        <v>39</v>
      </c>
      <c r="P5427" s="5" t="s">
        <v>40</v>
      </c>
      <c r="Q5427" s="5" t="s">
        <v>1522</v>
      </c>
      <c r="R5427" s="5" t="s">
        <v>1523</v>
      </c>
      <c r="S5427" s="5" t="s">
        <v>42</v>
      </c>
      <c r="T5427" s="2">
        <v>3.2109999999999999</v>
      </c>
      <c r="U5427" s="2">
        <v>2.5299999999999998</v>
      </c>
      <c r="V5427" s="2">
        <v>0.02</v>
      </c>
      <c r="W5427" s="2">
        <v>159.1</v>
      </c>
      <c r="X5427" s="2">
        <v>7.6</v>
      </c>
      <c r="Y5427" s="2">
        <v>16.7</v>
      </c>
      <c r="Z5427" s="5"/>
      <c r="AA5427" s="5" t="s">
        <v>43</v>
      </c>
      <c r="AB5427" s="5" t="s">
        <v>44</v>
      </c>
      <c r="AC5427" s="2"/>
      <c r="AD5427" s="1"/>
    </row>
    <row r="5428" spans="1:30">
      <c r="A5428" s="5" t="s">
        <v>83578</v>
      </c>
      <c r="B5428" s="2" t="s">
        <v>99886</v>
      </c>
      <c r="C5428" s="14" t="s">
        <v>99887</v>
      </c>
      <c r="D5428" s="2" t="s">
        <v>99888</v>
      </c>
      <c r="E5428" s="2" t="s">
        <v>7514</v>
      </c>
      <c r="F5428" s="8">
        <v>307</v>
      </c>
      <c r="G5428" s="5">
        <v>6</v>
      </c>
      <c r="H5428" s="5" t="s">
        <v>1518</v>
      </c>
      <c r="I5428" s="5" t="s">
        <v>40939</v>
      </c>
      <c r="J5428" s="2" t="s">
        <v>40940</v>
      </c>
      <c r="K5428" s="5" t="s">
        <v>40939</v>
      </c>
      <c r="L5428" s="2" t="s">
        <v>40940</v>
      </c>
      <c r="M5428" s="5" t="s">
        <v>36266</v>
      </c>
      <c r="N5428" s="5" t="s">
        <v>38</v>
      </c>
      <c r="O5428" s="5" t="s">
        <v>39</v>
      </c>
      <c r="P5428" s="5" t="s">
        <v>40</v>
      </c>
      <c r="Q5428" s="5" t="s">
        <v>1522</v>
      </c>
      <c r="R5428" s="5" t="s">
        <v>1523</v>
      </c>
      <c r="S5428" s="5" t="s">
        <v>42</v>
      </c>
      <c r="T5428" s="2">
        <v>3.2869999999999999</v>
      </c>
      <c r="U5428" s="2">
        <v>2.6059999999999999</v>
      </c>
      <c r="V5428" s="2">
        <v>0.02</v>
      </c>
      <c r="W5428" s="2">
        <v>159.1</v>
      </c>
      <c r="X5428" s="2">
        <v>7.6</v>
      </c>
      <c r="Y5428" s="2">
        <v>16.7</v>
      </c>
      <c r="Z5428" s="5"/>
      <c r="AA5428" s="5" t="s">
        <v>43</v>
      </c>
      <c r="AB5428" s="5" t="s">
        <v>44</v>
      </c>
      <c r="AC5428" s="2"/>
      <c r="AD5428" s="1"/>
    </row>
    <row r="5429" spans="1:30">
      <c r="A5429" s="5" t="s">
        <v>83578</v>
      </c>
      <c r="B5429" s="2" t="s">
        <v>99889</v>
      </c>
      <c r="C5429" s="14" t="s">
        <v>99890</v>
      </c>
      <c r="D5429" s="2" t="s">
        <v>99891</v>
      </c>
      <c r="E5429" s="2" t="s">
        <v>47266</v>
      </c>
      <c r="F5429" s="8">
        <v>333</v>
      </c>
      <c r="G5429" s="5">
        <v>6</v>
      </c>
      <c r="H5429" s="5" t="s">
        <v>1518</v>
      </c>
      <c r="I5429" s="5" t="s">
        <v>40939</v>
      </c>
      <c r="J5429" s="2" t="s">
        <v>40940</v>
      </c>
      <c r="K5429" s="5" t="s">
        <v>40939</v>
      </c>
      <c r="L5429" s="2" t="s">
        <v>40940</v>
      </c>
      <c r="M5429" s="5" t="s">
        <v>36266</v>
      </c>
      <c r="N5429" s="5" t="s">
        <v>38</v>
      </c>
      <c r="O5429" s="5" t="s">
        <v>39</v>
      </c>
      <c r="P5429" s="5" t="s">
        <v>40</v>
      </c>
      <c r="Q5429" s="5" t="s">
        <v>1522</v>
      </c>
      <c r="R5429" s="5" t="s">
        <v>1523</v>
      </c>
      <c r="S5429" s="5" t="s">
        <v>42</v>
      </c>
      <c r="T5429" s="2">
        <v>3.226</v>
      </c>
      <c r="U5429" s="2">
        <v>2.5449999999999999</v>
      </c>
      <c r="V5429" s="2">
        <v>0.02</v>
      </c>
      <c r="W5429" s="2">
        <v>159.1</v>
      </c>
      <c r="X5429" s="2">
        <v>7.6</v>
      </c>
      <c r="Y5429" s="2">
        <v>16.7</v>
      </c>
      <c r="Z5429" s="5"/>
      <c r="AA5429" s="5" t="s">
        <v>43</v>
      </c>
      <c r="AB5429" s="5" t="s">
        <v>44</v>
      </c>
      <c r="AC5429" s="2"/>
      <c r="AD5429" s="1"/>
    </row>
    <row r="5430" spans="1:30">
      <c r="A5430" s="5" t="s">
        <v>83578</v>
      </c>
      <c r="B5430" s="2" t="s">
        <v>99892</v>
      </c>
      <c r="C5430" s="14" t="s">
        <v>99893</v>
      </c>
      <c r="D5430" s="2" t="s">
        <v>99894</v>
      </c>
      <c r="E5430" s="2" t="s">
        <v>47195</v>
      </c>
      <c r="F5430" s="8">
        <v>333</v>
      </c>
      <c r="G5430" s="5">
        <v>6</v>
      </c>
      <c r="H5430" s="5" t="s">
        <v>1518</v>
      </c>
      <c r="I5430" s="5" t="s">
        <v>40939</v>
      </c>
      <c r="J5430" s="2" t="s">
        <v>40940</v>
      </c>
      <c r="K5430" s="5" t="s">
        <v>40939</v>
      </c>
      <c r="L5430" s="2" t="s">
        <v>40940</v>
      </c>
      <c r="M5430" s="5" t="s">
        <v>36266</v>
      </c>
      <c r="N5430" s="5" t="s">
        <v>38</v>
      </c>
      <c r="O5430" s="5" t="s">
        <v>39</v>
      </c>
      <c r="P5430" s="5" t="s">
        <v>40</v>
      </c>
      <c r="Q5430" s="5" t="s">
        <v>1522</v>
      </c>
      <c r="R5430" s="5" t="s">
        <v>1523</v>
      </c>
      <c r="S5430" s="5" t="s">
        <v>42</v>
      </c>
      <c r="T5430" s="2">
        <v>3.302</v>
      </c>
      <c r="U5430" s="2">
        <v>2.621</v>
      </c>
      <c r="V5430" s="2">
        <v>0.02</v>
      </c>
      <c r="W5430" s="2">
        <v>159.1</v>
      </c>
      <c r="X5430" s="2">
        <v>7.6</v>
      </c>
      <c r="Y5430" s="2">
        <v>16.7</v>
      </c>
      <c r="Z5430" s="5"/>
      <c r="AA5430" s="5" t="s">
        <v>43</v>
      </c>
      <c r="AB5430" s="5" t="s">
        <v>44</v>
      </c>
      <c r="AC5430" s="2"/>
      <c r="AD5430" s="1"/>
    </row>
    <row r="5431" spans="1:30">
      <c r="A5431" s="5" t="s">
        <v>83578</v>
      </c>
      <c r="B5431" s="2" t="s">
        <v>99895</v>
      </c>
      <c r="C5431" s="14" t="s">
        <v>99896</v>
      </c>
      <c r="D5431" s="2" t="s">
        <v>99897</v>
      </c>
      <c r="E5431" s="2" t="s">
        <v>7208</v>
      </c>
      <c r="F5431" s="8">
        <v>307</v>
      </c>
      <c r="G5431" s="5">
        <v>6</v>
      </c>
      <c r="H5431" s="5" t="s">
        <v>1518</v>
      </c>
      <c r="I5431" s="5" t="s">
        <v>40939</v>
      </c>
      <c r="J5431" s="2" t="s">
        <v>40940</v>
      </c>
      <c r="K5431" s="5" t="s">
        <v>40939</v>
      </c>
      <c r="L5431" s="2" t="s">
        <v>40940</v>
      </c>
      <c r="M5431" s="5" t="s">
        <v>36266</v>
      </c>
      <c r="N5431" s="5" t="s">
        <v>38</v>
      </c>
      <c r="O5431" s="5" t="s">
        <v>39</v>
      </c>
      <c r="P5431" s="5" t="s">
        <v>40</v>
      </c>
      <c r="Q5431" s="5" t="s">
        <v>1522</v>
      </c>
      <c r="R5431" s="5" t="s">
        <v>1523</v>
      </c>
      <c r="S5431" s="5" t="s">
        <v>42</v>
      </c>
      <c r="T5431" s="2">
        <v>3.2330000000000001</v>
      </c>
      <c r="U5431" s="2">
        <v>2.552</v>
      </c>
      <c r="V5431" s="2">
        <v>0.02</v>
      </c>
      <c r="W5431" s="2">
        <v>159.1</v>
      </c>
      <c r="X5431" s="2">
        <v>7.6</v>
      </c>
      <c r="Y5431" s="2">
        <v>16.7</v>
      </c>
      <c r="Z5431" s="5"/>
      <c r="AA5431" s="5" t="s">
        <v>43</v>
      </c>
      <c r="AB5431" s="5" t="s">
        <v>44</v>
      </c>
      <c r="AC5431" s="2"/>
      <c r="AD5431" s="1"/>
    </row>
    <row r="5432" spans="1:30">
      <c r="A5432" s="5" t="s">
        <v>83578</v>
      </c>
      <c r="B5432" s="2" t="s">
        <v>99898</v>
      </c>
      <c r="C5432" s="14" t="s">
        <v>99899</v>
      </c>
      <c r="D5432" s="2" t="s">
        <v>99900</v>
      </c>
      <c r="E5432" s="2" t="s">
        <v>7521</v>
      </c>
      <c r="F5432" s="8">
        <v>307</v>
      </c>
      <c r="G5432" s="5">
        <v>6</v>
      </c>
      <c r="H5432" s="5" t="s">
        <v>1518</v>
      </c>
      <c r="I5432" s="5" t="s">
        <v>40939</v>
      </c>
      <c r="J5432" s="2" t="s">
        <v>40940</v>
      </c>
      <c r="K5432" s="5" t="s">
        <v>40939</v>
      </c>
      <c r="L5432" s="2" t="s">
        <v>40940</v>
      </c>
      <c r="M5432" s="5" t="s">
        <v>36266</v>
      </c>
      <c r="N5432" s="5" t="s">
        <v>38</v>
      </c>
      <c r="O5432" s="5" t="s">
        <v>39</v>
      </c>
      <c r="P5432" s="5" t="s">
        <v>40</v>
      </c>
      <c r="Q5432" s="5" t="s">
        <v>1522</v>
      </c>
      <c r="R5432" s="5" t="s">
        <v>1523</v>
      </c>
      <c r="S5432" s="5" t="s">
        <v>42</v>
      </c>
      <c r="T5432" s="2">
        <v>3.3090000000000002</v>
      </c>
      <c r="U5432" s="2">
        <v>2.6280000000000001</v>
      </c>
      <c r="V5432" s="2">
        <v>0.02</v>
      </c>
      <c r="W5432" s="2">
        <v>159.1</v>
      </c>
      <c r="X5432" s="2">
        <v>7.6</v>
      </c>
      <c r="Y5432" s="2">
        <v>16.7</v>
      </c>
      <c r="Z5432" s="5"/>
      <c r="AA5432" s="5" t="s">
        <v>43</v>
      </c>
      <c r="AB5432" s="5" t="s">
        <v>44</v>
      </c>
      <c r="AC5432" s="2"/>
      <c r="AD5432" s="1"/>
    </row>
    <row r="5433" spans="1:30">
      <c r="A5433" s="5" t="s">
        <v>83578</v>
      </c>
      <c r="B5433" s="2" t="s">
        <v>99901</v>
      </c>
      <c r="C5433" s="14" t="s">
        <v>99902</v>
      </c>
      <c r="D5433" s="2" t="s">
        <v>99903</v>
      </c>
      <c r="E5433" s="2" t="s">
        <v>36273</v>
      </c>
      <c r="F5433" s="8">
        <v>307</v>
      </c>
      <c r="G5433" s="5">
        <v>6</v>
      </c>
      <c r="H5433" s="5" t="s">
        <v>1518</v>
      </c>
      <c r="I5433" s="5" t="s">
        <v>40939</v>
      </c>
      <c r="J5433" s="2" t="s">
        <v>40940</v>
      </c>
      <c r="K5433" s="5" t="s">
        <v>40939</v>
      </c>
      <c r="L5433" s="2" t="s">
        <v>40940</v>
      </c>
      <c r="M5433" s="5" t="s">
        <v>36266</v>
      </c>
      <c r="N5433" s="5" t="s">
        <v>38</v>
      </c>
      <c r="O5433" s="5" t="s">
        <v>39</v>
      </c>
      <c r="P5433" s="5" t="s">
        <v>40</v>
      </c>
      <c r="Q5433" s="5" t="s">
        <v>1522</v>
      </c>
      <c r="R5433" s="5" t="s">
        <v>1523</v>
      </c>
      <c r="S5433" s="5" t="s">
        <v>42</v>
      </c>
      <c r="T5433" s="2">
        <v>3.2480000000000002</v>
      </c>
      <c r="U5433" s="2">
        <v>2.5670000000000002</v>
      </c>
      <c r="V5433" s="2">
        <v>0.02</v>
      </c>
      <c r="W5433" s="2">
        <v>159.1</v>
      </c>
      <c r="X5433" s="2">
        <v>7.6</v>
      </c>
      <c r="Y5433" s="2">
        <v>16.7</v>
      </c>
      <c r="Z5433" s="5"/>
      <c r="AA5433" s="5" t="s">
        <v>43</v>
      </c>
      <c r="AB5433" s="5" t="s">
        <v>44</v>
      </c>
      <c r="AC5433" s="2"/>
      <c r="AD5433" s="1"/>
    </row>
    <row r="5434" spans="1:30">
      <c r="A5434" s="5" t="s">
        <v>83578</v>
      </c>
      <c r="B5434" s="2" t="s">
        <v>99904</v>
      </c>
      <c r="C5434" s="14" t="s">
        <v>99905</v>
      </c>
      <c r="D5434" s="2" t="s">
        <v>99906</v>
      </c>
      <c r="E5434" s="2" t="s">
        <v>36277</v>
      </c>
      <c r="F5434" s="8">
        <v>307</v>
      </c>
      <c r="G5434" s="5">
        <v>6</v>
      </c>
      <c r="H5434" s="5" t="s">
        <v>1518</v>
      </c>
      <c r="I5434" s="5" t="s">
        <v>40939</v>
      </c>
      <c r="J5434" s="2" t="s">
        <v>40940</v>
      </c>
      <c r="K5434" s="5" t="s">
        <v>40939</v>
      </c>
      <c r="L5434" s="2" t="s">
        <v>40940</v>
      </c>
      <c r="M5434" s="5" t="s">
        <v>36266</v>
      </c>
      <c r="N5434" s="5" t="s">
        <v>38</v>
      </c>
      <c r="O5434" s="5" t="s">
        <v>39</v>
      </c>
      <c r="P5434" s="5" t="s">
        <v>40</v>
      </c>
      <c r="Q5434" s="5" t="s">
        <v>1522</v>
      </c>
      <c r="R5434" s="5" t="s">
        <v>1523</v>
      </c>
      <c r="S5434" s="5" t="s">
        <v>42</v>
      </c>
      <c r="T5434" s="2">
        <v>3.3239999999999998</v>
      </c>
      <c r="U5434" s="2">
        <v>2.6429999999999998</v>
      </c>
      <c r="V5434" s="2">
        <v>0.02</v>
      </c>
      <c r="W5434" s="2">
        <v>159.1</v>
      </c>
      <c r="X5434" s="2">
        <v>7.6</v>
      </c>
      <c r="Y5434" s="2">
        <v>16.7</v>
      </c>
      <c r="Z5434" s="5"/>
      <c r="AA5434" s="5" t="s">
        <v>43</v>
      </c>
      <c r="AB5434" s="5" t="s">
        <v>44</v>
      </c>
      <c r="AC5434" s="2"/>
      <c r="AD5434" s="1"/>
    </row>
    <row r="5435" spans="1:30">
      <c r="A5435" s="5" t="s">
        <v>83578</v>
      </c>
      <c r="B5435" s="2" t="s">
        <v>99907</v>
      </c>
      <c r="C5435" s="14" t="s">
        <v>99908</v>
      </c>
      <c r="D5435" s="2" t="s">
        <v>99909</v>
      </c>
      <c r="E5435" s="2" t="s">
        <v>40967</v>
      </c>
      <c r="F5435" s="8">
        <v>333</v>
      </c>
      <c r="G5435" s="5">
        <v>6</v>
      </c>
      <c r="H5435" s="5" t="s">
        <v>1518</v>
      </c>
      <c r="I5435" s="5" t="s">
        <v>40939</v>
      </c>
      <c r="J5435" s="2" t="s">
        <v>40940</v>
      </c>
      <c r="K5435" s="5" t="s">
        <v>40939</v>
      </c>
      <c r="L5435" s="2" t="s">
        <v>40940</v>
      </c>
      <c r="M5435" s="5" t="s">
        <v>36266</v>
      </c>
      <c r="N5435" s="5" t="s">
        <v>38</v>
      </c>
      <c r="O5435" s="5" t="s">
        <v>39</v>
      </c>
      <c r="P5435" s="5" t="s">
        <v>40</v>
      </c>
      <c r="Q5435" s="5" t="s">
        <v>1522</v>
      </c>
      <c r="R5435" s="5" t="s">
        <v>1523</v>
      </c>
      <c r="S5435" s="5" t="s">
        <v>42</v>
      </c>
      <c r="T5435" s="2">
        <v>3.2330000000000001</v>
      </c>
      <c r="U5435" s="2">
        <v>2.552</v>
      </c>
      <c r="V5435" s="2">
        <v>0.02</v>
      </c>
      <c r="W5435" s="2">
        <v>159.1</v>
      </c>
      <c r="X5435" s="2">
        <v>7.6</v>
      </c>
      <c r="Y5435" s="2">
        <v>16.7</v>
      </c>
      <c r="Z5435" s="5"/>
      <c r="AA5435" s="5" t="s">
        <v>43</v>
      </c>
      <c r="AB5435" s="5" t="s">
        <v>44</v>
      </c>
      <c r="AC5435" s="2"/>
      <c r="AD5435" s="1"/>
    </row>
    <row r="5436" spans="1:30">
      <c r="A5436" s="5" t="s">
        <v>83578</v>
      </c>
      <c r="B5436" s="2" t="s">
        <v>99910</v>
      </c>
      <c r="C5436" s="14" t="s">
        <v>99911</v>
      </c>
      <c r="D5436" s="2" t="s">
        <v>99912</v>
      </c>
      <c r="E5436" s="2" t="s">
        <v>40971</v>
      </c>
      <c r="F5436" s="8">
        <v>333</v>
      </c>
      <c r="G5436" s="5">
        <v>6</v>
      </c>
      <c r="H5436" s="5" t="s">
        <v>1518</v>
      </c>
      <c r="I5436" s="5" t="s">
        <v>40939</v>
      </c>
      <c r="J5436" s="2" t="s">
        <v>40940</v>
      </c>
      <c r="K5436" s="5" t="s">
        <v>40939</v>
      </c>
      <c r="L5436" s="2" t="s">
        <v>40940</v>
      </c>
      <c r="M5436" s="5" t="s">
        <v>36266</v>
      </c>
      <c r="N5436" s="5" t="s">
        <v>38</v>
      </c>
      <c r="O5436" s="5" t="s">
        <v>39</v>
      </c>
      <c r="P5436" s="5" t="s">
        <v>40</v>
      </c>
      <c r="Q5436" s="5" t="s">
        <v>1522</v>
      </c>
      <c r="R5436" s="5" t="s">
        <v>1523</v>
      </c>
      <c r="S5436" s="5" t="s">
        <v>42</v>
      </c>
      <c r="T5436" s="2">
        <v>3.3090000000000002</v>
      </c>
      <c r="U5436" s="2">
        <v>2.6280000000000001</v>
      </c>
      <c r="V5436" s="2">
        <v>0.02</v>
      </c>
      <c r="W5436" s="2">
        <v>159.1</v>
      </c>
      <c r="X5436" s="2">
        <v>7.6</v>
      </c>
      <c r="Y5436" s="2">
        <v>16.7</v>
      </c>
      <c r="Z5436" s="5"/>
      <c r="AA5436" s="5" t="s">
        <v>43</v>
      </c>
      <c r="AB5436" s="5" t="s">
        <v>44</v>
      </c>
      <c r="AC5436" s="2"/>
      <c r="AD5436" s="1"/>
    </row>
    <row r="5437" spans="1:30">
      <c r="A5437" s="5" t="s">
        <v>83578</v>
      </c>
      <c r="B5437" s="2" t="s">
        <v>99913</v>
      </c>
      <c r="C5437" s="14" t="s">
        <v>99914</v>
      </c>
      <c r="D5437" s="2" t="s">
        <v>99915</v>
      </c>
      <c r="E5437" s="2" t="s">
        <v>47226</v>
      </c>
      <c r="F5437" s="8">
        <v>333</v>
      </c>
      <c r="G5437" s="5">
        <v>6</v>
      </c>
      <c r="H5437" s="5" t="s">
        <v>1518</v>
      </c>
      <c r="I5437" s="5" t="s">
        <v>40939</v>
      </c>
      <c r="J5437" s="2" t="s">
        <v>40940</v>
      </c>
      <c r="K5437" s="5" t="s">
        <v>40939</v>
      </c>
      <c r="L5437" s="2" t="s">
        <v>40940</v>
      </c>
      <c r="M5437" s="5" t="s">
        <v>36266</v>
      </c>
      <c r="N5437" s="5" t="s">
        <v>38</v>
      </c>
      <c r="O5437" s="5" t="s">
        <v>39</v>
      </c>
      <c r="P5437" s="5" t="s">
        <v>40</v>
      </c>
      <c r="Q5437" s="5" t="s">
        <v>1522</v>
      </c>
      <c r="R5437" s="5" t="s">
        <v>1523</v>
      </c>
      <c r="S5437" s="5" t="s">
        <v>42</v>
      </c>
      <c r="T5437" s="2">
        <v>3.2330000000000001</v>
      </c>
      <c r="U5437" s="2">
        <v>2.552</v>
      </c>
      <c r="V5437" s="2">
        <v>0.02</v>
      </c>
      <c r="W5437" s="2">
        <v>159.1</v>
      </c>
      <c r="X5437" s="2">
        <v>7.6</v>
      </c>
      <c r="Y5437" s="2">
        <v>16.7</v>
      </c>
      <c r="Z5437" s="5"/>
      <c r="AA5437" s="5" t="s">
        <v>43</v>
      </c>
      <c r="AB5437" s="5" t="s">
        <v>44</v>
      </c>
      <c r="AC5437" s="2"/>
      <c r="AD5437" s="1"/>
    </row>
    <row r="5438" spans="1:30">
      <c r="A5438" s="5" t="s">
        <v>83578</v>
      </c>
      <c r="B5438" s="2" t="s">
        <v>99916</v>
      </c>
      <c r="C5438" s="14" t="s">
        <v>99917</v>
      </c>
      <c r="D5438" s="2" t="s">
        <v>99918</v>
      </c>
      <c r="E5438" s="2" t="s">
        <v>47735</v>
      </c>
      <c r="F5438" s="8">
        <v>333</v>
      </c>
      <c r="G5438" s="5">
        <v>6</v>
      </c>
      <c r="H5438" s="5" t="s">
        <v>1518</v>
      </c>
      <c r="I5438" s="5" t="s">
        <v>40939</v>
      </c>
      <c r="J5438" s="2" t="s">
        <v>40940</v>
      </c>
      <c r="K5438" s="5" t="s">
        <v>40939</v>
      </c>
      <c r="L5438" s="2" t="s">
        <v>40940</v>
      </c>
      <c r="M5438" s="5" t="s">
        <v>36266</v>
      </c>
      <c r="N5438" s="5" t="s">
        <v>38</v>
      </c>
      <c r="O5438" s="5" t="s">
        <v>39</v>
      </c>
      <c r="P5438" s="5" t="s">
        <v>40</v>
      </c>
      <c r="Q5438" s="5" t="s">
        <v>1522</v>
      </c>
      <c r="R5438" s="5" t="s">
        <v>1523</v>
      </c>
      <c r="S5438" s="5" t="s">
        <v>42</v>
      </c>
      <c r="T5438" s="2">
        <v>3.3090000000000002</v>
      </c>
      <c r="U5438" s="2">
        <v>2.6280000000000001</v>
      </c>
      <c r="V5438" s="2">
        <v>0.02</v>
      </c>
      <c r="W5438" s="2">
        <v>159.1</v>
      </c>
      <c r="X5438" s="2">
        <v>7.6</v>
      </c>
      <c r="Y5438" s="2">
        <v>16.7</v>
      </c>
      <c r="Z5438" s="5"/>
      <c r="AA5438" s="5" t="s">
        <v>43</v>
      </c>
      <c r="AB5438" s="5" t="s">
        <v>44</v>
      </c>
      <c r="AC5438" s="2"/>
      <c r="AD5438" s="1"/>
    </row>
    <row r="5439" spans="1:30">
      <c r="A5439" s="5" t="s">
        <v>83578</v>
      </c>
      <c r="B5439" s="2" t="s">
        <v>99919</v>
      </c>
      <c r="C5439" s="14" t="s">
        <v>99920</v>
      </c>
      <c r="D5439" s="2" t="s">
        <v>99921</v>
      </c>
      <c r="E5439" s="2" t="s">
        <v>7539</v>
      </c>
      <c r="F5439" s="8">
        <v>333</v>
      </c>
      <c r="G5439" s="5">
        <v>6</v>
      </c>
      <c r="H5439" s="5" t="s">
        <v>1518</v>
      </c>
      <c r="I5439" s="5" t="s">
        <v>40939</v>
      </c>
      <c r="J5439" s="2" t="s">
        <v>40940</v>
      </c>
      <c r="K5439" s="5" t="s">
        <v>40939</v>
      </c>
      <c r="L5439" s="2" t="s">
        <v>40940</v>
      </c>
      <c r="M5439" s="5" t="s">
        <v>36266</v>
      </c>
      <c r="N5439" s="5" t="s">
        <v>38</v>
      </c>
      <c r="O5439" s="5" t="s">
        <v>39</v>
      </c>
      <c r="P5439" s="5" t="s">
        <v>40</v>
      </c>
      <c r="Q5439" s="5" t="s">
        <v>1522</v>
      </c>
      <c r="R5439" s="5" t="s">
        <v>1523</v>
      </c>
      <c r="S5439" s="5" t="s">
        <v>42</v>
      </c>
      <c r="T5439" s="2">
        <v>3.1960000000000002</v>
      </c>
      <c r="U5439" s="2">
        <v>2.5150000000000001</v>
      </c>
      <c r="V5439" s="2">
        <v>0.02</v>
      </c>
      <c r="W5439" s="2">
        <v>159.1</v>
      </c>
      <c r="X5439" s="2">
        <v>7.6</v>
      </c>
      <c r="Y5439" s="2">
        <v>16.7</v>
      </c>
      <c r="Z5439" s="5"/>
      <c r="AA5439" s="5" t="s">
        <v>43</v>
      </c>
      <c r="AB5439" s="5" t="s">
        <v>44</v>
      </c>
      <c r="AC5439" s="2"/>
      <c r="AD5439" s="1"/>
    </row>
    <row r="5440" spans="1:30">
      <c r="A5440" s="5" t="s">
        <v>83578</v>
      </c>
      <c r="B5440" s="2" t="s">
        <v>99922</v>
      </c>
      <c r="C5440" s="14" t="s">
        <v>99923</v>
      </c>
      <c r="D5440" s="2" t="s">
        <v>99924</v>
      </c>
      <c r="E5440" s="2" t="s">
        <v>7543</v>
      </c>
      <c r="F5440" s="8">
        <v>333</v>
      </c>
      <c r="G5440" s="5">
        <v>6</v>
      </c>
      <c r="H5440" s="5" t="s">
        <v>1518</v>
      </c>
      <c r="I5440" s="5" t="s">
        <v>40939</v>
      </c>
      <c r="J5440" s="2" t="s">
        <v>40940</v>
      </c>
      <c r="K5440" s="5" t="s">
        <v>40939</v>
      </c>
      <c r="L5440" s="2" t="s">
        <v>40940</v>
      </c>
      <c r="M5440" s="5" t="s">
        <v>36266</v>
      </c>
      <c r="N5440" s="5" t="s">
        <v>38</v>
      </c>
      <c r="O5440" s="5" t="s">
        <v>39</v>
      </c>
      <c r="P5440" s="5" t="s">
        <v>40</v>
      </c>
      <c r="Q5440" s="5" t="s">
        <v>1522</v>
      </c>
      <c r="R5440" s="5" t="s">
        <v>1523</v>
      </c>
      <c r="S5440" s="5" t="s">
        <v>42</v>
      </c>
      <c r="T5440" s="2">
        <v>3.2719999999999998</v>
      </c>
      <c r="U5440" s="2">
        <v>2.5910000000000002</v>
      </c>
      <c r="V5440" s="2">
        <v>0.02</v>
      </c>
      <c r="W5440" s="2">
        <v>159.1</v>
      </c>
      <c r="X5440" s="2">
        <v>7.6</v>
      </c>
      <c r="Y5440" s="2">
        <v>16.7</v>
      </c>
      <c r="Z5440" s="5"/>
      <c r="AA5440" s="5" t="s">
        <v>43</v>
      </c>
      <c r="AB5440" s="5" t="s">
        <v>44</v>
      </c>
      <c r="AC5440" s="2"/>
      <c r="AD5440" s="1"/>
    </row>
    <row r="5441" spans="1:30">
      <c r="A5441" s="5" t="s">
        <v>83578</v>
      </c>
      <c r="B5441" s="2" t="s">
        <v>99925</v>
      </c>
      <c r="C5441" s="14" t="s">
        <v>99926</v>
      </c>
      <c r="D5441" s="2" t="s">
        <v>99927</v>
      </c>
      <c r="E5441" s="2" t="s">
        <v>40989</v>
      </c>
      <c r="F5441" s="8">
        <v>333</v>
      </c>
      <c r="G5441" s="5">
        <v>6</v>
      </c>
      <c r="H5441" s="5" t="s">
        <v>1518</v>
      </c>
      <c r="I5441" s="5" t="s">
        <v>40939</v>
      </c>
      <c r="J5441" s="2" t="s">
        <v>40940</v>
      </c>
      <c r="K5441" s="5" t="s">
        <v>40939</v>
      </c>
      <c r="L5441" s="2" t="s">
        <v>40940</v>
      </c>
      <c r="M5441" s="5" t="s">
        <v>36266</v>
      </c>
      <c r="N5441" s="5" t="s">
        <v>38</v>
      </c>
      <c r="O5441" s="5" t="s">
        <v>39</v>
      </c>
      <c r="P5441" s="5" t="s">
        <v>40</v>
      </c>
      <c r="Q5441" s="5" t="s">
        <v>1522</v>
      </c>
      <c r="R5441" s="5" t="s">
        <v>1523</v>
      </c>
      <c r="S5441" s="5" t="s">
        <v>42</v>
      </c>
      <c r="T5441" s="2">
        <v>3.2330000000000001</v>
      </c>
      <c r="U5441" s="2">
        <v>2.552</v>
      </c>
      <c r="V5441" s="2">
        <v>0.02</v>
      </c>
      <c r="W5441" s="2">
        <v>159.1</v>
      </c>
      <c r="X5441" s="2">
        <v>7.6</v>
      </c>
      <c r="Y5441" s="2">
        <v>16.7</v>
      </c>
      <c r="Z5441" s="5"/>
      <c r="AA5441" s="5" t="s">
        <v>43</v>
      </c>
      <c r="AB5441" s="5" t="s">
        <v>44</v>
      </c>
      <c r="AC5441" s="2"/>
      <c r="AD5441" s="1"/>
    </row>
    <row r="5442" spans="1:30">
      <c r="A5442" s="5" t="s">
        <v>83578</v>
      </c>
      <c r="B5442" s="2" t="s">
        <v>99928</v>
      </c>
      <c r="C5442" s="14" t="s">
        <v>99929</v>
      </c>
      <c r="D5442" s="2" t="s">
        <v>99930</v>
      </c>
      <c r="E5442" s="2" t="s">
        <v>40993</v>
      </c>
      <c r="F5442" s="8">
        <v>333</v>
      </c>
      <c r="G5442" s="5">
        <v>6</v>
      </c>
      <c r="H5442" s="5" t="s">
        <v>1518</v>
      </c>
      <c r="I5442" s="5" t="s">
        <v>40939</v>
      </c>
      <c r="J5442" s="2" t="s">
        <v>40940</v>
      </c>
      <c r="K5442" s="5" t="s">
        <v>40939</v>
      </c>
      <c r="L5442" s="2" t="s">
        <v>40940</v>
      </c>
      <c r="M5442" s="5" t="s">
        <v>36266</v>
      </c>
      <c r="N5442" s="5" t="s">
        <v>38</v>
      </c>
      <c r="O5442" s="5" t="s">
        <v>39</v>
      </c>
      <c r="P5442" s="5" t="s">
        <v>40</v>
      </c>
      <c r="Q5442" s="5" t="s">
        <v>1522</v>
      </c>
      <c r="R5442" s="5" t="s">
        <v>1523</v>
      </c>
      <c r="S5442" s="5" t="s">
        <v>42</v>
      </c>
      <c r="T5442" s="2">
        <v>3.3090000000000002</v>
      </c>
      <c r="U5442" s="2">
        <v>2.6280000000000001</v>
      </c>
      <c r="V5442" s="2">
        <v>0.02</v>
      </c>
      <c r="W5442" s="2">
        <v>159.1</v>
      </c>
      <c r="X5442" s="2">
        <v>7.6</v>
      </c>
      <c r="Y5442" s="2">
        <v>16.7</v>
      </c>
      <c r="Z5442" s="5"/>
      <c r="AA5442" s="5" t="s">
        <v>43</v>
      </c>
      <c r="AB5442" s="5" t="s">
        <v>44</v>
      </c>
      <c r="AC5442" s="2"/>
      <c r="AD5442" s="1"/>
    </row>
    <row r="5443" spans="1:30">
      <c r="A5443" s="5" t="s">
        <v>83578</v>
      </c>
      <c r="B5443" s="2" t="s">
        <v>99931</v>
      </c>
      <c r="C5443" s="14" t="s">
        <v>99932</v>
      </c>
      <c r="D5443" s="2" t="s">
        <v>99933</v>
      </c>
      <c r="E5443" s="2" t="s">
        <v>40997</v>
      </c>
      <c r="F5443" s="8">
        <v>333</v>
      </c>
      <c r="G5443" s="5">
        <v>6</v>
      </c>
      <c r="H5443" s="5" t="s">
        <v>1518</v>
      </c>
      <c r="I5443" s="5" t="s">
        <v>40939</v>
      </c>
      <c r="J5443" s="2" t="s">
        <v>40940</v>
      </c>
      <c r="K5443" s="5" t="s">
        <v>40939</v>
      </c>
      <c r="L5443" s="2" t="s">
        <v>40940</v>
      </c>
      <c r="M5443" s="5" t="s">
        <v>36266</v>
      </c>
      <c r="N5443" s="5" t="s">
        <v>38</v>
      </c>
      <c r="O5443" s="5" t="s">
        <v>39</v>
      </c>
      <c r="P5443" s="5" t="s">
        <v>40</v>
      </c>
      <c r="Q5443" s="5" t="s">
        <v>1522</v>
      </c>
      <c r="R5443" s="5" t="s">
        <v>1523</v>
      </c>
      <c r="S5443" s="5" t="s">
        <v>42</v>
      </c>
      <c r="T5443" s="2">
        <v>3.2040000000000002</v>
      </c>
      <c r="U5443" s="2">
        <v>2.5230000000000001</v>
      </c>
      <c r="V5443" s="2">
        <v>0.02</v>
      </c>
      <c r="W5443" s="2">
        <v>159.1</v>
      </c>
      <c r="X5443" s="2">
        <v>7.6</v>
      </c>
      <c r="Y5443" s="2">
        <v>16.7</v>
      </c>
      <c r="Z5443" s="5"/>
      <c r="AA5443" s="5" t="s">
        <v>43</v>
      </c>
      <c r="AB5443" s="5" t="s">
        <v>44</v>
      </c>
      <c r="AC5443" s="2"/>
      <c r="AD5443" s="1"/>
    </row>
    <row r="5444" spans="1:30">
      <c r="A5444" s="5" t="s">
        <v>83578</v>
      </c>
      <c r="B5444" s="2" t="s">
        <v>99934</v>
      </c>
      <c r="C5444" s="14" t="s">
        <v>99935</v>
      </c>
      <c r="D5444" s="2" t="s">
        <v>99936</v>
      </c>
      <c r="E5444" s="2" t="s">
        <v>41267</v>
      </c>
      <c r="F5444" s="8">
        <v>333</v>
      </c>
      <c r="G5444" s="5">
        <v>6</v>
      </c>
      <c r="H5444" s="5" t="s">
        <v>1518</v>
      </c>
      <c r="I5444" s="5" t="s">
        <v>40939</v>
      </c>
      <c r="J5444" s="2" t="s">
        <v>40940</v>
      </c>
      <c r="K5444" s="5" t="s">
        <v>40939</v>
      </c>
      <c r="L5444" s="2" t="s">
        <v>40940</v>
      </c>
      <c r="M5444" s="5" t="s">
        <v>36266</v>
      </c>
      <c r="N5444" s="5" t="s">
        <v>38</v>
      </c>
      <c r="O5444" s="5" t="s">
        <v>39</v>
      </c>
      <c r="P5444" s="5" t="s">
        <v>40</v>
      </c>
      <c r="Q5444" s="5" t="s">
        <v>1522</v>
      </c>
      <c r="R5444" s="5" t="s">
        <v>1523</v>
      </c>
      <c r="S5444" s="5" t="s">
        <v>42</v>
      </c>
      <c r="T5444" s="2">
        <v>3.28</v>
      </c>
      <c r="U5444" s="2">
        <v>2.5990000000000002</v>
      </c>
      <c r="V5444" s="2">
        <v>0.02</v>
      </c>
      <c r="W5444" s="2">
        <v>159.1</v>
      </c>
      <c r="X5444" s="2">
        <v>7.6</v>
      </c>
      <c r="Y5444" s="2">
        <v>16.7</v>
      </c>
      <c r="Z5444" s="5"/>
      <c r="AA5444" s="5" t="s">
        <v>43</v>
      </c>
      <c r="AB5444" s="5" t="s">
        <v>44</v>
      </c>
      <c r="AC5444" s="2"/>
      <c r="AD5444" s="1"/>
    </row>
    <row r="5445" spans="1:30">
      <c r="A5445" s="5" t="s">
        <v>83578</v>
      </c>
      <c r="B5445" s="2" t="s">
        <v>99937</v>
      </c>
      <c r="C5445" s="14" t="s">
        <v>99938</v>
      </c>
      <c r="D5445" s="2" t="s">
        <v>99939</v>
      </c>
      <c r="E5445" s="2" t="s">
        <v>41001</v>
      </c>
      <c r="F5445" s="8">
        <v>333</v>
      </c>
      <c r="G5445" s="5">
        <v>6</v>
      </c>
      <c r="H5445" s="5" t="s">
        <v>1518</v>
      </c>
      <c r="I5445" s="5" t="s">
        <v>40939</v>
      </c>
      <c r="J5445" s="2" t="s">
        <v>40940</v>
      </c>
      <c r="K5445" s="5" t="s">
        <v>40939</v>
      </c>
      <c r="L5445" s="2" t="s">
        <v>40940</v>
      </c>
      <c r="M5445" s="5" t="s">
        <v>36266</v>
      </c>
      <c r="N5445" s="5" t="s">
        <v>38</v>
      </c>
      <c r="O5445" s="5" t="s">
        <v>39</v>
      </c>
      <c r="P5445" s="5" t="s">
        <v>40</v>
      </c>
      <c r="Q5445" s="5" t="s">
        <v>1522</v>
      </c>
      <c r="R5445" s="5" t="s">
        <v>1523</v>
      </c>
      <c r="S5445" s="5" t="s">
        <v>42</v>
      </c>
      <c r="T5445" s="2">
        <v>3.2330000000000001</v>
      </c>
      <c r="U5445" s="2">
        <v>2.552</v>
      </c>
      <c r="V5445" s="2">
        <v>0.02</v>
      </c>
      <c r="W5445" s="2">
        <v>159.1</v>
      </c>
      <c r="X5445" s="2">
        <v>7.6</v>
      </c>
      <c r="Y5445" s="2">
        <v>16.7</v>
      </c>
      <c r="Z5445" s="5"/>
      <c r="AA5445" s="5" t="s">
        <v>43</v>
      </c>
      <c r="AB5445" s="5" t="s">
        <v>44</v>
      </c>
      <c r="AC5445" s="2"/>
      <c r="AD5445" s="1"/>
    </row>
    <row r="5446" spans="1:30">
      <c r="A5446" s="5" t="s">
        <v>83578</v>
      </c>
      <c r="B5446" s="2" t="s">
        <v>99940</v>
      </c>
      <c r="C5446" s="14" t="s">
        <v>99941</v>
      </c>
      <c r="D5446" s="2" t="s">
        <v>99942</v>
      </c>
      <c r="E5446" s="2" t="s">
        <v>41005</v>
      </c>
      <c r="F5446" s="8">
        <v>333</v>
      </c>
      <c r="G5446" s="5">
        <v>6</v>
      </c>
      <c r="H5446" s="5" t="s">
        <v>1518</v>
      </c>
      <c r="I5446" s="5" t="s">
        <v>40939</v>
      </c>
      <c r="J5446" s="2" t="s">
        <v>40940</v>
      </c>
      <c r="K5446" s="5" t="s">
        <v>40939</v>
      </c>
      <c r="L5446" s="2" t="s">
        <v>40940</v>
      </c>
      <c r="M5446" s="5" t="s">
        <v>36266</v>
      </c>
      <c r="N5446" s="5" t="s">
        <v>38</v>
      </c>
      <c r="O5446" s="5" t="s">
        <v>39</v>
      </c>
      <c r="P5446" s="5" t="s">
        <v>40</v>
      </c>
      <c r="Q5446" s="5" t="s">
        <v>1522</v>
      </c>
      <c r="R5446" s="5" t="s">
        <v>1523</v>
      </c>
      <c r="S5446" s="5" t="s">
        <v>42</v>
      </c>
      <c r="T5446" s="2">
        <v>3.3090000000000002</v>
      </c>
      <c r="U5446" s="2">
        <v>2.6280000000000001</v>
      </c>
      <c r="V5446" s="2">
        <v>0.02</v>
      </c>
      <c r="W5446" s="2">
        <v>159.1</v>
      </c>
      <c r="X5446" s="2">
        <v>7.6</v>
      </c>
      <c r="Y5446" s="2">
        <v>16.7</v>
      </c>
      <c r="Z5446" s="5"/>
      <c r="AA5446" s="5" t="s">
        <v>43</v>
      </c>
      <c r="AB5446" s="5" t="s">
        <v>44</v>
      </c>
      <c r="AC5446" s="2"/>
      <c r="AD5446" s="1"/>
    </row>
    <row r="5447" spans="1:30">
      <c r="A5447" s="5" t="s">
        <v>83578</v>
      </c>
      <c r="B5447" s="2" t="s">
        <v>99943</v>
      </c>
      <c r="C5447" s="14" t="s">
        <v>99944</v>
      </c>
      <c r="D5447" s="2" t="s">
        <v>99945</v>
      </c>
      <c r="E5447" s="2" t="s">
        <v>41009</v>
      </c>
      <c r="F5447" s="8">
        <v>333</v>
      </c>
      <c r="G5447" s="5">
        <v>6</v>
      </c>
      <c r="H5447" s="5" t="s">
        <v>1518</v>
      </c>
      <c r="I5447" s="5" t="s">
        <v>40939</v>
      </c>
      <c r="J5447" s="2" t="s">
        <v>40940</v>
      </c>
      <c r="K5447" s="5" t="s">
        <v>40939</v>
      </c>
      <c r="L5447" s="2" t="s">
        <v>40940</v>
      </c>
      <c r="M5447" s="5" t="s">
        <v>36266</v>
      </c>
      <c r="N5447" s="5" t="s">
        <v>38</v>
      </c>
      <c r="O5447" s="5" t="s">
        <v>39</v>
      </c>
      <c r="P5447" s="5" t="s">
        <v>40</v>
      </c>
      <c r="Q5447" s="5" t="s">
        <v>1522</v>
      </c>
      <c r="R5447" s="5" t="s">
        <v>1523</v>
      </c>
      <c r="S5447" s="5" t="s">
        <v>42</v>
      </c>
      <c r="T5447" s="2">
        <v>3.24</v>
      </c>
      <c r="U5447" s="2">
        <v>2.5590000000000002</v>
      </c>
      <c r="V5447" s="2">
        <v>0.02</v>
      </c>
      <c r="W5447" s="2">
        <v>159.1</v>
      </c>
      <c r="X5447" s="2">
        <v>7.6</v>
      </c>
      <c r="Y5447" s="2">
        <v>16.7</v>
      </c>
      <c r="Z5447" s="5"/>
      <c r="AA5447" s="5" t="s">
        <v>43</v>
      </c>
      <c r="AB5447" s="5" t="s">
        <v>44</v>
      </c>
      <c r="AC5447" s="2"/>
      <c r="AD5447" s="1"/>
    </row>
    <row r="5448" spans="1:30">
      <c r="A5448" s="5" t="s">
        <v>83578</v>
      </c>
      <c r="B5448" s="2" t="s">
        <v>99946</v>
      </c>
      <c r="C5448" s="14" t="s">
        <v>99947</v>
      </c>
      <c r="D5448" s="2" t="s">
        <v>99948</v>
      </c>
      <c r="E5448" s="2" t="s">
        <v>41013</v>
      </c>
      <c r="F5448" s="8">
        <v>333</v>
      </c>
      <c r="G5448" s="5">
        <v>6</v>
      </c>
      <c r="H5448" s="5" t="s">
        <v>1518</v>
      </c>
      <c r="I5448" s="5" t="s">
        <v>40939</v>
      </c>
      <c r="J5448" s="2" t="s">
        <v>40940</v>
      </c>
      <c r="K5448" s="5" t="s">
        <v>40939</v>
      </c>
      <c r="L5448" s="2" t="s">
        <v>40940</v>
      </c>
      <c r="M5448" s="5" t="s">
        <v>36266</v>
      </c>
      <c r="N5448" s="5" t="s">
        <v>38</v>
      </c>
      <c r="O5448" s="5" t="s">
        <v>39</v>
      </c>
      <c r="P5448" s="5" t="s">
        <v>40</v>
      </c>
      <c r="Q5448" s="5" t="s">
        <v>1522</v>
      </c>
      <c r="R5448" s="5" t="s">
        <v>1523</v>
      </c>
      <c r="S5448" s="5" t="s">
        <v>42</v>
      </c>
      <c r="T5448" s="2">
        <v>3.3159999999999998</v>
      </c>
      <c r="U5448" s="2">
        <v>2.6349999999999998</v>
      </c>
      <c r="V5448" s="2">
        <v>0.02</v>
      </c>
      <c r="W5448" s="2">
        <v>159.1</v>
      </c>
      <c r="X5448" s="2">
        <v>7.6</v>
      </c>
      <c r="Y5448" s="2">
        <v>16.7</v>
      </c>
      <c r="Z5448" s="5"/>
      <c r="AA5448" s="5" t="s">
        <v>43</v>
      </c>
      <c r="AB5448" s="5" t="s">
        <v>44</v>
      </c>
      <c r="AC5448" s="2"/>
      <c r="AD5448" s="1"/>
    </row>
    <row r="5449" spans="1:30">
      <c r="A5449" s="5" t="s">
        <v>83578</v>
      </c>
      <c r="B5449" s="2" t="s">
        <v>99949</v>
      </c>
      <c r="C5449" s="14" t="s">
        <v>99950</v>
      </c>
      <c r="D5449" s="2" t="s">
        <v>99951</v>
      </c>
      <c r="E5449" s="2" t="s">
        <v>7396</v>
      </c>
      <c r="F5449" s="8">
        <v>307</v>
      </c>
      <c r="G5449" s="5">
        <v>6</v>
      </c>
      <c r="H5449" s="5" t="s">
        <v>1518</v>
      </c>
      <c r="I5449" s="5" t="s">
        <v>40939</v>
      </c>
      <c r="J5449" s="2" t="s">
        <v>40940</v>
      </c>
      <c r="K5449" s="5" t="s">
        <v>40939</v>
      </c>
      <c r="L5449" s="2" t="s">
        <v>40940</v>
      </c>
      <c r="M5449" s="5" t="s">
        <v>36266</v>
      </c>
      <c r="N5449" s="5" t="s">
        <v>38</v>
      </c>
      <c r="O5449" s="5" t="s">
        <v>39</v>
      </c>
      <c r="P5449" s="5" t="s">
        <v>40</v>
      </c>
      <c r="Q5449" s="5" t="s">
        <v>1522</v>
      </c>
      <c r="R5449" s="5" t="s">
        <v>1523</v>
      </c>
      <c r="S5449" s="5" t="s">
        <v>42</v>
      </c>
      <c r="T5449" s="2">
        <v>3.24</v>
      </c>
      <c r="U5449" s="2">
        <v>2.5590000000000002</v>
      </c>
      <c r="V5449" s="2">
        <v>0.02</v>
      </c>
      <c r="W5449" s="2">
        <v>159.1</v>
      </c>
      <c r="X5449" s="2">
        <v>7.6</v>
      </c>
      <c r="Y5449" s="2">
        <v>16.7</v>
      </c>
      <c r="Z5449" s="5"/>
      <c r="AA5449" s="5" t="s">
        <v>43</v>
      </c>
      <c r="AB5449" s="5" t="s">
        <v>44</v>
      </c>
      <c r="AC5449" s="2"/>
      <c r="AD5449" s="1"/>
    </row>
    <row r="5450" spans="1:30">
      <c r="A5450" s="5" t="s">
        <v>83578</v>
      </c>
      <c r="B5450" s="2" t="s">
        <v>99952</v>
      </c>
      <c r="C5450" s="14" t="s">
        <v>99953</v>
      </c>
      <c r="D5450" s="2" t="s">
        <v>99954</v>
      </c>
      <c r="E5450" s="2" t="s">
        <v>7507</v>
      </c>
      <c r="F5450" s="8">
        <v>307</v>
      </c>
      <c r="G5450" s="5">
        <v>6</v>
      </c>
      <c r="H5450" s="5" t="s">
        <v>1518</v>
      </c>
      <c r="I5450" s="5" t="s">
        <v>40939</v>
      </c>
      <c r="J5450" s="2" t="s">
        <v>40940</v>
      </c>
      <c r="K5450" s="5" t="s">
        <v>40939</v>
      </c>
      <c r="L5450" s="2" t="s">
        <v>40940</v>
      </c>
      <c r="M5450" s="5" t="s">
        <v>36266</v>
      </c>
      <c r="N5450" s="5" t="s">
        <v>38</v>
      </c>
      <c r="O5450" s="5" t="s">
        <v>39</v>
      </c>
      <c r="P5450" s="5" t="s">
        <v>40</v>
      </c>
      <c r="Q5450" s="5" t="s">
        <v>1522</v>
      </c>
      <c r="R5450" s="5" t="s">
        <v>1523</v>
      </c>
      <c r="S5450" s="5" t="s">
        <v>42</v>
      </c>
      <c r="T5450" s="2">
        <v>3.3159999999999998</v>
      </c>
      <c r="U5450" s="2">
        <v>2.6349999999999998</v>
      </c>
      <c r="V5450" s="2">
        <v>0.02</v>
      </c>
      <c r="W5450" s="2">
        <v>159.1</v>
      </c>
      <c r="X5450" s="2">
        <v>7.6</v>
      </c>
      <c r="Y5450" s="2">
        <v>16.7</v>
      </c>
      <c r="Z5450" s="5"/>
      <c r="AA5450" s="5" t="s">
        <v>43</v>
      </c>
      <c r="AB5450" s="5" t="s">
        <v>44</v>
      </c>
      <c r="AC5450" s="2"/>
      <c r="AD5450" s="1"/>
    </row>
    <row r="5451" spans="1:30">
      <c r="A5451" s="5" t="s">
        <v>83578</v>
      </c>
      <c r="B5451" s="2" t="s">
        <v>99955</v>
      </c>
      <c r="C5451" s="14" t="s">
        <v>99956</v>
      </c>
      <c r="D5451" s="2" t="s">
        <v>99957</v>
      </c>
      <c r="E5451" s="2" t="s">
        <v>41023</v>
      </c>
      <c r="F5451" s="8">
        <v>333</v>
      </c>
      <c r="G5451" s="5">
        <v>6</v>
      </c>
      <c r="H5451" s="5" t="s">
        <v>1518</v>
      </c>
      <c r="I5451" s="5" t="s">
        <v>40939</v>
      </c>
      <c r="J5451" s="2" t="s">
        <v>40940</v>
      </c>
      <c r="K5451" s="5" t="s">
        <v>40939</v>
      </c>
      <c r="L5451" s="2" t="s">
        <v>40940</v>
      </c>
      <c r="M5451" s="5" t="s">
        <v>36266</v>
      </c>
      <c r="N5451" s="5" t="s">
        <v>38</v>
      </c>
      <c r="O5451" s="5" t="s">
        <v>39</v>
      </c>
      <c r="P5451" s="5" t="s">
        <v>40</v>
      </c>
      <c r="Q5451" s="5" t="s">
        <v>1522</v>
      </c>
      <c r="R5451" s="5" t="s">
        <v>1523</v>
      </c>
      <c r="S5451" s="5" t="s">
        <v>42</v>
      </c>
      <c r="T5451" s="2">
        <v>3.2040000000000002</v>
      </c>
      <c r="U5451" s="2">
        <v>2.5230000000000001</v>
      </c>
      <c r="V5451" s="2">
        <v>0.02</v>
      </c>
      <c r="W5451" s="2">
        <v>159.1</v>
      </c>
      <c r="X5451" s="2">
        <v>7.6</v>
      </c>
      <c r="Y5451" s="2">
        <v>16.7</v>
      </c>
      <c r="Z5451" s="5"/>
      <c r="AA5451" s="5" t="s">
        <v>43</v>
      </c>
      <c r="AB5451" s="5" t="s">
        <v>44</v>
      </c>
      <c r="AC5451" s="2"/>
      <c r="AD5451" s="1"/>
    </row>
    <row r="5452" spans="1:30">
      <c r="A5452" s="5" t="s">
        <v>83578</v>
      </c>
      <c r="B5452" s="2" t="s">
        <v>99958</v>
      </c>
      <c r="C5452" s="14" t="s">
        <v>99959</v>
      </c>
      <c r="D5452" s="2" t="s">
        <v>99960</v>
      </c>
      <c r="E5452" s="2" t="s">
        <v>41027</v>
      </c>
      <c r="F5452" s="8">
        <v>333</v>
      </c>
      <c r="G5452" s="5">
        <v>6</v>
      </c>
      <c r="H5452" s="5" t="s">
        <v>1518</v>
      </c>
      <c r="I5452" s="5" t="s">
        <v>40939</v>
      </c>
      <c r="J5452" s="2" t="s">
        <v>40940</v>
      </c>
      <c r="K5452" s="5" t="s">
        <v>40939</v>
      </c>
      <c r="L5452" s="2" t="s">
        <v>40940</v>
      </c>
      <c r="M5452" s="5" t="s">
        <v>36266</v>
      </c>
      <c r="N5452" s="5" t="s">
        <v>38</v>
      </c>
      <c r="O5452" s="5" t="s">
        <v>39</v>
      </c>
      <c r="P5452" s="5" t="s">
        <v>40</v>
      </c>
      <c r="Q5452" s="5" t="s">
        <v>1522</v>
      </c>
      <c r="R5452" s="5" t="s">
        <v>1523</v>
      </c>
      <c r="S5452" s="5" t="s">
        <v>42</v>
      </c>
      <c r="T5452" s="2">
        <v>3.28</v>
      </c>
      <c r="U5452" s="2">
        <v>2.5990000000000002</v>
      </c>
      <c r="V5452" s="2">
        <v>0.02</v>
      </c>
      <c r="W5452" s="2">
        <v>159.1</v>
      </c>
      <c r="X5452" s="2">
        <v>7.6</v>
      </c>
      <c r="Y5452" s="2">
        <v>16.7</v>
      </c>
      <c r="Z5452" s="5"/>
      <c r="AA5452" s="5" t="s">
        <v>43</v>
      </c>
      <c r="AB5452" s="5" t="s">
        <v>44</v>
      </c>
      <c r="AC5452" s="2"/>
      <c r="AD5452" s="1"/>
    </row>
    <row r="5453" spans="1:30">
      <c r="A5453" s="5" t="s">
        <v>83578</v>
      </c>
      <c r="B5453" s="2" t="s">
        <v>99961</v>
      </c>
      <c r="C5453" s="14" t="s">
        <v>99962</v>
      </c>
      <c r="D5453" s="2" t="s">
        <v>99963</v>
      </c>
      <c r="E5453" s="2" t="s">
        <v>41031</v>
      </c>
      <c r="F5453" s="8">
        <v>333</v>
      </c>
      <c r="G5453" s="5">
        <v>6</v>
      </c>
      <c r="H5453" s="5" t="s">
        <v>1518</v>
      </c>
      <c r="I5453" s="5" t="s">
        <v>40939</v>
      </c>
      <c r="J5453" s="2" t="s">
        <v>40940</v>
      </c>
      <c r="K5453" s="5" t="s">
        <v>40939</v>
      </c>
      <c r="L5453" s="2" t="s">
        <v>40940</v>
      </c>
      <c r="M5453" s="5" t="s">
        <v>36266</v>
      </c>
      <c r="N5453" s="5" t="s">
        <v>38</v>
      </c>
      <c r="O5453" s="5" t="s">
        <v>39</v>
      </c>
      <c r="P5453" s="5" t="s">
        <v>40</v>
      </c>
      <c r="Q5453" s="5" t="s">
        <v>1522</v>
      </c>
      <c r="R5453" s="5" t="s">
        <v>1523</v>
      </c>
      <c r="S5453" s="5" t="s">
        <v>42</v>
      </c>
      <c r="T5453" s="2">
        <v>3.2040000000000002</v>
      </c>
      <c r="U5453" s="2">
        <v>2.5230000000000001</v>
      </c>
      <c r="V5453" s="2">
        <v>0.02</v>
      </c>
      <c r="W5453" s="2">
        <v>159.1</v>
      </c>
      <c r="X5453" s="2">
        <v>7.6</v>
      </c>
      <c r="Y5453" s="2">
        <v>16.7</v>
      </c>
      <c r="Z5453" s="5"/>
      <c r="AA5453" s="5" t="s">
        <v>43</v>
      </c>
      <c r="AB5453" s="5" t="s">
        <v>44</v>
      </c>
      <c r="AC5453" s="2"/>
      <c r="AD5453" s="1"/>
    </row>
    <row r="5454" spans="1:30">
      <c r="A5454" s="5" t="s">
        <v>83578</v>
      </c>
      <c r="B5454" s="2" t="s">
        <v>99964</v>
      </c>
      <c r="C5454" s="14" t="s">
        <v>99965</v>
      </c>
      <c r="D5454" s="2" t="s">
        <v>99966</v>
      </c>
      <c r="E5454" s="2" t="s">
        <v>41035</v>
      </c>
      <c r="F5454" s="8">
        <v>333</v>
      </c>
      <c r="G5454" s="5">
        <v>6</v>
      </c>
      <c r="H5454" s="5" t="s">
        <v>1518</v>
      </c>
      <c r="I5454" s="5" t="s">
        <v>40939</v>
      </c>
      <c r="J5454" s="2" t="s">
        <v>40940</v>
      </c>
      <c r="K5454" s="5" t="s">
        <v>40939</v>
      </c>
      <c r="L5454" s="2" t="s">
        <v>40940</v>
      </c>
      <c r="M5454" s="5" t="s">
        <v>36266</v>
      </c>
      <c r="N5454" s="5" t="s">
        <v>38</v>
      </c>
      <c r="O5454" s="5" t="s">
        <v>39</v>
      </c>
      <c r="P5454" s="5" t="s">
        <v>40</v>
      </c>
      <c r="Q5454" s="5" t="s">
        <v>1522</v>
      </c>
      <c r="R5454" s="5" t="s">
        <v>1523</v>
      </c>
      <c r="S5454" s="5" t="s">
        <v>42</v>
      </c>
      <c r="T5454" s="2">
        <v>3.28</v>
      </c>
      <c r="U5454" s="2">
        <v>2.5990000000000002</v>
      </c>
      <c r="V5454" s="2">
        <v>0.02</v>
      </c>
      <c r="W5454" s="2">
        <v>159.1</v>
      </c>
      <c r="X5454" s="2">
        <v>7.6</v>
      </c>
      <c r="Y5454" s="2">
        <v>16.7</v>
      </c>
      <c r="Z5454" s="5"/>
      <c r="AA5454" s="5" t="s">
        <v>43</v>
      </c>
      <c r="AB5454" s="5" t="s">
        <v>44</v>
      </c>
      <c r="AC5454" s="2"/>
      <c r="AD5454" s="1"/>
    </row>
    <row r="5455" spans="1:30">
      <c r="A5455" s="5" t="s">
        <v>83578</v>
      </c>
      <c r="B5455" s="2" t="s">
        <v>99967</v>
      </c>
      <c r="C5455" s="14" t="s">
        <v>99968</v>
      </c>
      <c r="D5455" s="2" t="s">
        <v>99969</v>
      </c>
      <c r="E5455" s="2" t="s">
        <v>7449</v>
      </c>
      <c r="F5455" s="8">
        <v>333</v>
      </c>
      <c r="G5455" s="5">
        <v>6</v>
      </c>
      <c r="H5455" s="5" t="s">
        <v>1518</v>
      </c>
      <c r="I5455" s="5" t="s">
        <v>40939</v>
      </c>
      <c r="J5455" s="2" t="s">
        <v>40940</v>
      </c>
      <c r="K5455" s="5" t="s">
        <v>40939</v>
      </c>
      <c r="L5455" s="2" t="s">
        <v>40940</v>
      </c>
      <c r="M5455" s="5" t="s">
        <v>36266</v>
      </c>
      <c r="N5455" s="5" t="s">
        <v>38</v>
      </c>
      <c r="O5455" s="5" t="s">
        <v>39</v>
      </c>
      <c r="P5455" s="5" t="s">
        <v>40</v>
      </c>
      <c r="Q5455" s="5" t="s">
        <v>1522</v>
      </c>
      <c r="R5455" s="5" t="s">
        <v>1523</v>
      </c>
      <c r="S5455" s="5" t="s">
        <v>42</v>
      </c>
      <c r="T5455" s="2">
        <v>3.2040000000000002</v>
      </c>
      <c r="U5455" s="2">
        <v>2.5230000000000001</v>
      </c>
      <c r="V5455" s="2">
        <v>0.02</v>
      </c>
      <c r="W5455" s="2">
        <v>159.1</v>
      </c>
      <c r="X5455" s="2">
        <v>7.6</v>
      </c>
      <c r="Y5455" s="2">
        <v>16.7</v>
      </c>
      <c r="Z5455" s="5"/>
      <c r="AA5455" s="5" t="s">
        <v>43</v>
      </c>
      <c r="AB5455" s="5" t="s">
        <v>44</v>
      </c>
      <c r="AC5455" s="2"/>
      <c r="AD5455" s="1"/>
    </row>
    <row r="5456" spans="1:30">
      <c r="A5456" s="5" t="s">
        <v>83578</v>
      </c>
      <c r="B5456" s="2" t="s">
        <v>99970</v>
      </c>
      <c r="C5456" s="14" t="s">
        <v>99971</v>
      </c>
      <c r="D5456" s="2" t="s">
        <v>99972</v>
      </c>
      <c r="E5456" s="2" t="s">
        <v>7581</v>
      </c>
      <c r="F5456" s="8">
        <v>333</v>
      </c>
      <c r="G5456" s="5">
        <v>6</v>
      </c>
      <c r="H5456" s="5" t="s">
        <v>1518</v>
      </c>
      <c r="I5456" s="5" t="s">
        <v>40939</v>
      </c>
      <c r="J5456" s="2" t="s">
        <v>40940</v>
      </c>
      <c r="K5456" s="5" t="s">
        <v>40939</v>
      </c>
      <c r="L5456" s="2" t="s">
        <v>40940</v>
      </c>
      <c r="M5456" s="5" t="s">
        <v>36266</v>
      </c>
      <c r="N5456" s="5" t="s">
        <v>38</v>
      </c>
      <c r="O5456" s="5" t="s">
        <v>39</v>
      </c>
      <c r="P5456" s="5" t="s">
        <v>40</v>
      </c>
      <c r="Q5456" s="5" t="s">
        <v>1522</v>
      </c>
      <c r="R5456" s="5" t="s">
        <v>1523</v>
      </c>
      <c r="S5456" s="5" t="s">
        <v>42</v>
      </c>
      <c r="T5456" s="2">
        <v>3.28</v>
      </c>
      <c r="U5456" s="2">
        <v>2.5990000000000002</v>
      </c>
      <c r="V5456" s="2">
        <v>0.02</v>
      </c>
      <c r="W5456" s="2">
        <v>159.1</v>
      </c>
      <c r="X5456" s="2">
        <v>7.6</v>
      </c>
      <c r="Y5456" s="2">
        <v>16.7</v>
      </c>
      <c r="Z5456" s="5"/>
      <c r="AA5456" s="5" t="s">
        <v>43</v>
      </c>
      <c r="AB5456" s="5" t="s">
        <v>44</v>
      </c>
      <c r="AC5456" s="2"/>
      <c r="AD5456" s="1"/>
    </row>
    <row r="5457" spans="1:30">
      <c r="A5457" s="5" t="s">
        <v>83578</v>
      </c>
      <c r="B5457" s="2" t="s">
        <v>99973</v>
      </c>
      <c r="C5457" s="14" t="s">
        <v>99974</v>
      </c>
      <c r="D5457" s="2" t="s">
        <v>99975</v>
      </c>
      <c r="E5457" s="2" t="s">
        <v>41045</v>
      </c>
      <c r="F5457" s="8">
        <v>333</v>
      </c>
      <c r="G5457" s="5">
        <v>6</v>
      </c>
      <c r="H5457" s="5" t="s">
        <v>1518</v>
      </c>
      <c r="I5457" s="5" t="s">
        <v>40939</v>
      </c>
      <c r="J5457" s="2" t="s">
        <v>40940</v>
      </c>
      <c r="K5457" s="5" t="s">
        <v>40939</v>
      </c>
      <c r="L5457" s="2" t="s">
        <v>40940</v>
      </c>
      <c r="M5457" s="5" t="s">
        <v>36266</v>
      </c>
      <c r="N5457" s="5" t="s">
        <v>38</v>
      </c>
      <c r="O5457" s="5" t="s">
        <v>39</v>
      </c>
      <c r="P5457" s="5" t="s">
        <v>40</v>
      </c>
      <c r="Q5457" s="5" t="s">
        <v>1522</v>
      </c>
      <c r="R5457" s="5" t="s">
        <v>1523</v>
      </c>
      <c r="S5457" s="5" t="s">
        <v>42</v>
      </c>
      <c r="T5457" s="2">
        <v>3.2480000000000002</v>
      </c>
      <c r="U5457" s="2">
        <v>2.5670000000000002</v>
      </c>
      <c r="V5457" s="2">
        <v>0.02</v>
      </c>
      <c r="W5457" s="2">
        <v>159.1</v>
      </c>
      <c r="X5457" s="2">
        <v>7.6</v>
      </c>
      <c r="Y5457" s="2">
        <v>16.7</v>
      </c>
      <c r="Z5457" s="5"/>
      <c r="AA5457" s="5" t="s">
        <v>43</v>
      </c>
      <c r="AB5457" s="5" t="s">
        <v>44</v>
      </c>
      <c r="AC5457" s="2"/>
      <c r="AD5457" s="1"/>
    </row>
    <row r="5458" spans="1:30">
      <c r="A5458" s="5" t="s">
        <v>83578</v>
      </c>
      <c r="B5458" s="2" t="s">
        <v>99976</v>
      </c>
      <c r="C5458" s="14" t="s">
        <v>99977</v>
      </c>
      <c r="D5458" s="2" t="s">
        <v>99978</v>
      </c>
      <c r="E5458" s="2" t="s">
        <v>41049</v>
      </c>
      <c r="F5458" s="8">
        <v>333</v>
      </c>
      <c r="G5458" s="5">
        <v>6</v>
      </c>
      <c r="H5458" s="5" t="s">
        <v>1518</v>
      </c>
      <c r="I5458" s="5" t="s">
        <v>40939</v>
      </c>
      <c r="J5458" s="2" t="s">
        <v>40940</v>
      </c>
      <c r="K5458" s="5" t="s">
        <v>40939</v>
      </c>
      <c r="L5458" s="2" t="s">
        <v>40940</v>
      </c>
      <c r="M5458" s="5" t="s">
        <v>36266</v>
      </c>
      <c r="N5458" s="5" t="s">
        <v>38</v>
      </c>
      <c r="O5458" s="5" t="s">
        <v>39</v>
      </c>
      <c r="P5458" s="5" t="s">
        <v>40</v>
      </c>
      <c r="Q5458" s="5" t="s">
        <v>1522</v>
      </c>
      <c r="R5458" s="5" t="s">
        <v>1523</v>
      </c>
      <c r="S5458" s="5" t="s">
        <v>42</v>
      </c>
      <c r="T5458" s="2">
        <v>3.3239999999999998</v>
      </c>
      <c r="U5458" s="2">
        <v>2.6429999999999998</v>
      </c>
      <c r="V5458" s="2">
        <v>0.02</v>
      </c>
      <c r="W5458" s="2">
        <v>159.1</v>
      </c>
      <c r="X5458" s="2">
        <v>7.6</v>
      </c>
      <c r="Y5458" s="2">
        <v>16.7</v>
      </c>
      <c r="Z5458" s="5"/>
      <c r="AA5458" s="5" t="s">
        <v>43</v>
      </c>
      <c r="AB5458" s="5" t="s">
        <v>44</v>
      </c>
      <c r="AC5458" s="2"/>
      <c r="AD5458" s="1"/>
    </row>
    <row r="5459" spans="1:30">
      <c r="A5459" s="5" t="s">
        <v>83578</v>
      </c>
      <c r="B5459" s="2" t="s">
        <v>99979</v>
      </c>
      <c r="C5459" s="14" t="s">
        <v>99980</v>
      </c>
      <c r="D5459" s="2" t="s">
        <v>99981</v>
      </c>
      <c r="E5459" s="2" t="s">
        <v>36273</v>
      </c>
      <c r="F5459" s="8">
        <v>307</v>
      </c>
      <c r="G5459" s="5">
        <v>6</v>
      </c>
      <c r="H5459" s="5" t="s">
        <v>1518</v>
      </c>
      <c r="I5459" s="5" t="s">
        <v>40939</v>
      </c>
      <c r="J5459" s="2" t="s">
        <v>40940</v>
      </c>
      <c r="K5459" s="5" t="s">
        <v>40939</v>
      </c>
      <c r="L5459" s="2" t="s">
        <v>40940</v>
      </c>
      <c r="M5459" s="5" t="s">
        <v>36266</v>
      </c>
      <c r="N5459" s="5" t="s">
        <v>38</v>
      </c>
      <c r="O5459" s="5" t="s">
        <v>39</v>
      </c>
      <c r="P5459" s="5" t="s">
        <v>40</v>
      </c>
      <c r="Q5459" s="5" t="s">
        <v>1522</v>
      </c>
      <c r="R5459" s="5" t="s">
        <v>1523</v>
      </c>
      <c r="S5459" s="5" t="s">
        <v>42</v>
      </c>
      <c r="T5459" s="2">
        <v>3.5870000000000002</v>
      </c>
      <c r="U5459" s="2">
        <v>2.923</v>
      </c>
      <c r="V5459" s="2">
        <v>0.02</v>
      </c>
      <c r="W5459" s="2">
        <v>159.1</v>
      </c>
      <c r="X5459" s="2">
        <v>7.6</v>
      </c>
      <c r="Y5459" s="2">
        <v>16.7</v>
      </c>
      <c r="Z5459" s="5"/>
      <c r="AA5459" s="5" t="s">
        <v>43</v>
      </c>
      <c r="AB5459" s="5" t="s">
        <v>44</v>
      </c>
      <c r="AC5459" s="2"/>
      <c r="AD5459" s="1"/>
    </row>
    <row r="5460" spans="1:30">
      <c r="A5460" s="5" t="s">
        <v>83578</v>
      </c>
      <c r="B5460" s="2" t="s">
        <v>99982</v>
      </c>
      <c r="C5460" s="14" t="s">
        <v>99983</v>
      </c>
      <c r="D5460" s="2" t="s">
        <v>99984</v>
      </c>
      <c r="E5460" s="2" t="s">
        <v>36277</v>
      </c>
      <c r="F5460" s="8">
        <v>307</v>
      </c>
      <c r="G5460" s="5">
        <v>6</v>
      </c>
      <c r="H5460" s="5" t="s">
        <v>1518</v>
      </c>
      <c r="I5460" s="5" t="s">
        <v>40939</v>
      </c>
      <c r="J5460" s="2" t="s">
        <v>40940</v>
      </c>
      <c r="K5460" s="5" t="s">
        <v>40939</v>
      </c>
      <c r="L5460" s="2" t="s">
        <v>40940</v>
      </c>
      <c r="M5460" s="5" t="s">
        <v>36266</v>
      </c>
      <c r="N5460" s="5" t="s">
        <v>38</v>
      </c>
      <c r="O5460" s="5" t="s">
        <v>39</v>
      </c>
      <c r="P5460" s="5" t="s">
        <v>40</v>
      </c>
      <c r="Q5460" s="5" t="s">
        <v>1522</v>
      </c>
      <c r="R5460" s="5" t="s">
        <v>1523</v>
      </c>
      <c r="S5460" s="5" t="s">
        <v>42</v>
      </c>
      <c r="T5460" s="2">
        <v>3.6859999999999999</v>
      </c>
      <c r="U5460" s="2">
        <v>3.0219999999999998</v>
      </c>
      <c r="V5460" s="2">
        <v>0.02</v>
      </c>
      <c r="W5460" s="2">
        <v>159.1</v>
      </c>
      <c r="X5460" s="2">
        <v>7.6</v>
      </c>
      <c r="Y5460" s="2">
        <v>16.7</v>
      </c>
      <c r="Z5460" s="5"/>
      <c r="AA5460" s="5" t="s">
        <v>43</v>
      </c>
      <c r="AB5460" s="5" t="s">
        <v>44</v>
      </c>
      <c r="AC5460" s="2"/>
      <c r="AD5460" s="1"/>
    </row>
    <row r="5461" spans="1:30">
      <c r="A5461" s="5" t="s">
        <v>83578</v>
      </c>
      <c r="B5461" s="2" t="s">
        <v>99985</v>
      </c>
      <c r="C5461" s="14" t="s">
        <v>99986</v>
      </c>
      <c r="D5461" s="2" t="s">
        <v>99987</v>
      </c>
      <c r="E5461" s="2" t="s">
        <v>47226</v>
      </c>
      <c r="F5461" s="8">
        <v>333</v>
      </c>
      <c r="G5461" s="5">
        <v>6</v>
      </c>
      <c r="H5461" s="5" t="s">
        <v>1518</v>
      </c>
      <c r="I5461" s="5" t="s">
        <v>40939</v>
      </c>
      <c r="J5461" s="2" t="s">
        <v>40940</v>
      </c>
      <c r="K5461" s="5" t="s">
        <v>40939</v>
      </c>
      <c r="L5461" s="2" t="s">
        <v>40940</v>
      </c>
      <c r="M5461" s="5" t="s">
        <v>36266</v>
      </c>
      <c r="N5461" s="5" t="s">
        <v>38</v>
      </c>
      <c r="O5461" s="5" t="s">
        <v>39</v>
      </c>
      <c r="P5461" s="5" t="s">
        <v>40</v>
      </c>
      <c r="Q5461" s="5" t="s">
        <v>1522</v>
      </c>
      <c r="R5461" s="5" t="s">
        <v>1523</v>
      </c>
      <c r="S5461" s="5" t="s">
        <v>42</v>
      </c>
      <c r="T5461" s="2">
        <v>3.5619999999999998</v>
      </c>
      <c r="U5461" s="2">
        <v>2.8980000000000001</v>
      </c>
      <c r="V5461" s="2">
        <v>0.02</v>
      </c>
      <c r="W5461" s="2">
        <v>159.1</v>
      </c>
      <c r="X5461" s="2">
        <v>7.6</v>
      </c>
      <c r="Y5461" s="2">
        <v>16.7</v>
      </c>
      <c r="Z5461" s="5"/>
      <c r="AA5461" s="5" t="s">
        <v>43</v>
      </c>
      <c r="AB5461" s="5" t="s">
        <v>44</v>
      </c>
      <c r="AC5461" s="2"/>
      <c r="AD5461" s="1"/>
    </row>
    <row r="5462" spans="1:30">
      <c r="A5462" s="5" t="s">
        <v>83578</v>
      </c>
      <c r="B5462" s="2" t="s">
        <v>99988</v>
      </c>
      <c r="C5462" s="14" t="s">
        <v>99989</v>
      </c>
      <c r="D5462" s="2" t="s">
        <v>99990</v>
      </c>
      <c r="E5462" s="2" t="s">
        <v>47735</v>
      </c>
      <c r="F5462" s="8">
        <v>333</v>
      </c>
      <c r="G5462" s="5">
        <v>6</v>
      </c>
      <c r="H5462" s="5" t="s">
        <v>1518</v>
      </c>
      <c r="I5462" s="5" t="s">
        <v>40939</v>
      </c>
      <c r="J5462" s="2" t="s">
        <v>40940</v>
      </c>
      <c r="K5462" s="5" t="s">
        <v>40939</v>
      </c>
      <c r="L5462" s="2" t="s">
        <v>40940</v>
      </c>
      <c r="M5462" s="5" t="s">
        <v>36266</v>
      </c>
      <c r="N5462" s="5" t="s">
        <v>38</v>
      </c>
      <c r="O5462" s="5" t="s">
        <v>39</v>
      </c>
      <c r="P5462" s="5" t="s">
        <v>40</v>
      </c>
      <c r="Q5462" s="5" t="s">
        <v>1522</v>
      </c>
      <c r="R5462" s="5" t="s">
        <v>1523</v>
      </c>
      <c r="S5462" s="5" t="s">
        <v>42</v>
      </c>
      <c r="T5462" s="2">
        <v>3.661</v>
      </c>
      <c r="U5462" s="2">
        <v>2.9969999999999999</v>
      </c>
      <c r="V5462" s="2">
        <v>0.02</v>
      </c>
      <c r="W5462" s="2">
        <v>159.1</v>
      </c>
      <c r="X5462" s="2">
        <v>7.6</v>
      </c>
      <c r="Y5462" s="2">
        <v>16.7</v>
      </c>
      <c r="Z5462" s="5"/>
      <c r="AA5462" s="5" t="s">
        <v>43</v>
      </c>
      <c r="AB5462" s="5" t="s">
        <v>44</v>
      </c>
      <c r="AC5462" s="2"/>
      <c r="AD5462" s="1"/>
    </row>
    <row r="5463" spans="1:30">
      <c r="A5463" s="5" t="s">
        <v>83578</v>
      </c>
      <c r="B5463" s="2" t="s">
        <v>99991</v>
      </c>
      <c r="C5463" s="14" t="s">
        <v>99992</v>
      </c>
      <c r="D5463" s="2" t="s">
        <v>99993</v>
      </c>
      <c r="E5463" s="2" t="s">
        <v>7539</v>
      </c>
      <c r="F5463" s="8">
        <v>333</v>
      </c>
      <c r="G5463" s="5">
        <v>6</v>
      </c>
      <c r="H5463" s="5" t="s">
        <v>1518</v>
      </c>
      <c r="I5463" s="5" t="s">
        <v>40939</v>
      </c>
      <c r="J5463" s="2" t="s">
        <v>40940</v>
      </c>
      <c r="K5463" s="5" t="s">
        <v>40939</v>
      </c>
      <c r="L5463" s="2" t="s">
        <v>40940</v>
      </c>
      <c r="M5463" s="5" t="s">
        <v>36266</v>
      </c>
      <c r="N5463" s="5" t="s">
        <v>38</v>
      </c>
      <c r="O5463" s="5" t="s">
        <v>39</v>
      </c>
      <c r="P5463" s="5" t="s">
        <v>40</v>
      </c>
      <c r="Q5463" s="5" t="s">
        <v>1522</v>
      </c>
      <c r="R5463" s="5" t="s">
        <v>1523</v>
      </c>
      <c r="S5463" s="5" t="s">
        <v>42</v>
      </c>
      <c r="T5463" s="2">
        <v>3.5</v>
      </c>
      <c r="U5463" s="2">
        <v>2.8359999999999999</v>
      </c>
      <c r="V5463" s="2">
        <v>0.02</v>
      </c>
      <c r="W5463" s="2">
        <v>159.1</v>
      </c>
      <c r="X5463" s="2">
        <v>7.6</v>
      </c>
      <c r="Y5463" s="2">
        <v>16.7</v>
      </c>
      <c r="Z5463" s="5"/>
      <c r="AA5463" s="5" t="s">
        <v>43</v>
      </c>
      <c r="AB5463" s="5" t="s">
        <v>44</v>
      </c>
      <c r="AC5463" s="2"/>
      <c r="AD5463" s="1"/>
    </row>
    <row r="5464" spans="1:30">
      <c r="A5464" s="5" t="s">
        <v>83578</v>
      </c>
      <c r="B5464" s="2" t="s">
        <v>99994</v>
      </c>
      <c r="C5464" s="14" t="s">
        <v>99995</v>
      </c>
      <c r="D5464" s="2" t="s">
        <v>99996</v>
      </c>
      <c r="E5464" s="2" t="s">
        <v>40997</v>
      </c>
      <c r="F5464" s="8">
        <v>333</v>
      </c>
      <c r="G5464" s="5">
        <v>6</v>
      </c>
      <c r="H5464" s="5" t="s">
        <v>1518</v>
      </c>
      <c r="I5464" s="5" t="s">
        <v>40939</v>
      </c>
      <c r="J5464" s="2" t="s">
        <v>40940</v>
      </c>
      <c r="K5464" s="5" t="s">
        <v>40939</v>
      </c>
      <c r="L5464" s="2" t="s">
        <v>40940</v>
      </c>
      <c r="M5464" s="5" t="s">
        <v>36266</v>
      </c>
      <c r="N5464" s="5" t="s">
        <v>38</v>
      </c>
      <c r="O5464" s="5" t="s">
        <v>39</v>
      </c>
      <c r="P5464" s="5" t="s">
        <v>40</v>
      </c>
      <c r="Q5464" s="5" t="s">
        <v>1522</v>
      </c>
      <c r="R5464" s="5" t="s">
        <v>1523</v>
      </c>
      <c r="S5464" s="5" t="s">
        <v>42</v>
      </c>
      <c r="T5464" s="2">
        <v>3.512</v>
      </c>
      <c r="U5464" s="2">
        <v>2.8479999999999999</v>
      </c>
      <c r="V5464" s="2">
        <v>0.02</v>
      </c>
      <c r="W5464" s="2">
        <v>159.1</v>
      </c>
      <c r="X5464" s="2">
        <v>7.6</v>
      </c>
      <c r="Y5464" s="2">
        <v>16.7</v>
      </c>
      <c r="Z5464" s="5"/>
      <c r="AA5464" s="5" t="s">
        <v>43</v>
      </c>
      <c r="AB5464" s="5" t="s">
        <v>44</v>
      </c>
      <c r="AC5464" s="2"/>
      <c r="AD5464" s="1"/>
    </row>
    <row r="5465" spans="1:30">
      <c r="A5465" s="5" t="s">
        <v>83578</v>
      </c>
      <c r="B5465" s="2" t="s">
        <v>99997</v>
      </c>
      <c r="C5465" s="14" t="s">
        <v>99998</v>
      </c>
      <c r="D5465" s="2" t="s">
        <v>99999</v>
      </c>
      <c r="E5465" s="2" t="s">
        <v>41267</v>
      </c>
      <c r="F5465" s="8">
        <v>333</v>
      </c>
      <c r="G5465" s="5">
        <v>6</v>
      </c>
      <c r="H5465" s="5" t="s">
        <v>1518</v>
      </c>
      <c r="I5465" s="5" t="s">
        <v>40939</v>
      </c>
      <c r="J5465" s="2" t="s">
        <v>40940</v>
      </c>
      <c r="K5465" s="5" t="s">
        <v>40939</v>
      </c>
      <c r="L5465" s="2" t="s">
        <v>40940</v>
      </c>
      <c r="M5465" s="5" t="s">
        <v>36266</v>
      </c>
      <c r="N5465" s="5" t="s">
        <v>38</v>
      </c>
      <c r="O5465" s="5" t="s">
        <v>39</v>
      </c>
      <c r="P5465" s="5" t="s">
        <v>40</v>
      </c>
      <c r="Q5465" s="5" t="s">
        <v>1522</v>
      </c>
      <c r="R5465" s="5" t="s">
        <v>1523</v>
      </c>
      <c r="S5465" s="5" t="s">
        <v>42</v>
      </c>
      <c r="T5465" s="2">
        <v>3.6110000000000002</v>
      </c>
      <c r="U5465" s="2">
        <v>2.9470000000000001</v>
      </c>
      <c r="V5465" s="2">
        <v>0.02</v>
      </c>
      <c r="W5465" s="2">
        <v>159.1</v>
      </c>
      <c r="X5465" s="2">
        <v>7.6</v>
      </c>
      <c r="Y5465" s="2">
        <v>16.7</v>
      </c>
      <c r="Z5465" s="5"/>
      <c r="AA5465" s="5" t="s">
        <v>43</v>
      </c>
      <c r="AB5465" s="5" t="s">
        <v>44</v>
      </c>
      <c r="AC5465" s="2"/>
      <c r="AD5465" s="1"/>
    </row>
    <row r="5466" spans="1:30">
      <c r="A5466" s="5" t="s">
        <v>83578</v>
      </c>
      <c r="B5466" s="2" t="s">
        <v>100000</v>
      </c>
      <c r="C5466" s="14" t="s">
        <v>100001</v>
      </c>
      <c r="D5466" s="2" t="s">
        <v>100002</v>
      </c>
      <c r="E5466" s="2" t="s">
        <v>41001</v>
      </c>
      <c r="F5466" s="8">
        <v>333</v>
      </c>
      <c r="G5466" s="5">
        <v>6</v>
      </c>
      <c r="H5466" s="5" t="s">
        <v>1518</v>
      </c>
      <c r="I5466" s="5" t="s">
        <v>40939</v>
      </c>
      <c r="J5466" s="2" t="s">
        <v>40940</v>
      </c>
      <c r="K5466" s="5" t="s">
        <v>40939</v>
      </c>
      <c r="L5466" s="2" t="s">
        <v>40940</v>
      </c>
      <c r="M5466" s="5" t="s">
        <v>36266</v>
      </c>
      <c r="N5466" s="5" t="s">
        <v>38</v>
      </c>
      <c r="O5466" s="5" t="s">
        <v>39</v>
      </c>
      <c r="P5466" s="5" t="s">
        <v>40</v>
      </c>
      <c r="Q5466" s="5" t="s">
        <v>1522</v>
      </c>
      <c r="R5466" s="5" t="s">
        <v>1523</v>
      </c>
      <c r="S5466" s="5" t="s">
        <v>42</v>
      </c>
      <c r="T5466" s="2">
        <v>3.5619999999999998</v>
      </c>
      <c r="U5466" s="2">
        <v>2.8980000000000001</v>
      </c>
      <c r="V5466" s="2">
        <v>0.02</v>
      </c>
      <c r="W5466" s="2">
        <v>159.1</v>
      </c>
      <c r="X5466" s="2">
        <v>7.6</v>
      </c>
      <c r="Y5466" s="2">
        <v>16.7</v>
      </c>
      <c r="Z5466" s="5"/>
      <c r="AA5466" s="5" t="s">
        <v>43</v>
      </c>
      <c r="AB5466" s="5" t="s">
        <v>44</v>
      </c>
      <c r="AC5466" s="2"/>
      <c r="AD5466" s="1"/>
    </row>
    <row r="5467" spans="1:30">
      <c r="A5467" s="5" t="s">
        <v>83578</v>
      </c>
      <c r="B5467" s="2" t="s">
        <v>100003</v>
      </c>
      <c r="C5467" s="14" t="s">
        <v>100004</v>
      </c>
      <c r="D5467" s="2" t="s">
        <v>100005</v>
      </c>
      <c r="E5467" s="2" t="s">
        <v>41031</v>
      </c>
      <c r="F5467" s="8">
        <v>333</v>
      </c>
      <c r="G5467" s="5">
        <v>6</v>
      </c>
      <c r="H5467" s="5" t="s">
        <v>1518</v>
      </c>
      <c r="I5467" s="5" t="s">
        <v>40939</v>
      </c>
      <c r="J5467" s="2" t="s">
        <v>40940</v>
      </c>
      <c r="K5467" s="5" t="s">
        <v>40939</v>
      </c>
      <c r="L5467" s="2" t="s">
        <v>40940</v>
      </c>
      <c r="M5467" s="5" t="s">
        <v>36266</v>
      </c>
      <c r="N5467" s="5" t="s">
        <v>38</v>
      </c>
      <c r="O5467" s="5" t="s">
        <v>39</v>
      </c>
      <c r="P5467" s="5" t="s">
        <v>40</v>
      </c>
      <c r="Q5467" s="5" t="s">
        <v>1522</v>
      </c>
      <c r="R5467" s="5" t="s">
        <v>1523</v>
      </c>
      <c r="S5467" s="5" t="s">
        <v>42</v>
      </c>
      <c r="T5467" s="2">
        <v>3.512</v>
      </c>
      <c r="U5467" s="2">
        <v>2.8479999999999999</v>
      </c>
      <c r="V5467" s="2">
        <v>0.02</v>
      </c>
      <c r="W5467" s="2">
        <v>159.1</v>
      </c>
      <c r="X5467" s="2">
        <v>7.6</v>
      </c>
      <c r="Y5467" s="2">
        <v>16.7</v>
      </c>
      <c r="Z5467" s="5"/>
      <c r="AA5467" s="5" t="s">
        <v>43</v>
      </c>
      <c r="AB5467" s="5" t="s">
        <v>44</v>
      </c>
      <c r="AC5467" s="2"/>
      <c r="AD5467" s="1"/>
    </row>
    <row r="5468" spans="1:30">
      <c r="A5468" s="5" t="s">
        <v>83578</v>
      </c>
      <c r="B5468" s="2" t="s">
        <v>100006</v>
      </c>
      <c r="C5468" s="14" t="s">
        <v>100007</v>
      </c>
      <c r="D5468" s="2" t="s">
        <v>100008</v>
      </c>
      <c r="E5468" s="2" t="s">
        <v>41045</v>
      </c>
      <c r="F5468" s="8">
        <v>333</v>
      </c>
      <c r="G5468" s="5">
        <v>6</v>
      </c>
      <c r="H5468" s="5" t="s">
        <v>1518</v>
      </c>
      <c r="I5468" s="5" t="s">
        <v>40939</v>
      </c>
      <c r="J5468" s="2" t="s">
        <v>40940</v>
      </c>
      <c r="K5468" s="5" t="s">
        <v>40939</v>
      </c>
      <c r="L5468" s="2" t="s">
        <v>40940</v>
      </c>
      <c r="M5468" s="5" t="s">
        <v>36266</v>
      </c>
      <c r="N5468" s="5" t="s">
        <v>38</v>
      </c>
      <c r="O5468" s="5" t="s">
        <v>39</v>
      </c>
      <c r="P5468" s="5" t="s">
        <v>40</v>
      </c>
      <c r="Q5468" s="5" t="s">
        <v>1522</v>
      </c>
      <c r="R5468" s="5" t="s">
        <v>1523</v>
      </c>
      <c r="S5468" s="5" t="s">
        <v>42</v>
      </c>
      <c r="T5468" s="2">
        <v>3.5870000000000002</v>
      </c>
      <c r="U5468" s="2">
        <v>2.923</v>
      </c>
      <c r="V5468" s="2">
        <v>0.02</v>
      </c>
      <c r="W5468" s="2">
        <v>159.1</v>
      </c>
      <c r="X5468" s="2">
        <v>7.6</v>
      </c>
      <c r="Y5468" s="2">
        <v>16.7</v>
      </c>
      <c r="Z5468" s="5"/>
      <c r="AA5468" s="5" t="s">
        <v>43</v>
      </c>
      <c r="AB5468" s="5" t="s">
        <v>44</v>
      </c>
      <c r="AC5468" s="2"/>
      <c r="AD5468" s="1"/>
    </row>
    <row r="5469" spans="1:30">
      <c r="A5469" s="5" t="s">
        <v>83578</v>
      </c>
      <c r="B5469" s="2" t="s">
        <v>100009</v>
      </c>
      <c r="C5469" s="14" t="s">
        <v>100010</v>
      </c>
      <c r="D5469" s="2" t="s">
        <v>100011</v>
      </c>
      <c r="E5469" s="2" t="s">
        <v>47226</v>
      </c>
      <c r="F5469" s="8">
        <v>351</v>
      </c>
      <c r="G5469" s="5">
        <v>6</v>
      </c>
      <c r="H5469" s="5" t="s">
        <v>1518</v>
      </c>
      <c r="I5469" s="5" t="s">
        <v>40939</v>
      </c>
      <c r="J5469" s="2" t="s">
        <v>40940</v>
      </c>
      <c r="K5469" s="5" t="s">
        <v>40939</v>
      </c>
      <c r="L5469" s="2" t="s">
        <v>40940</v>
      </c>
      <c r="M5469" s="5" t="s">
        <v>36266</v>
      </c>
      <c r="N5469" s="5" t="s">
        <v>38</v>
      </c>
      <c r="O5469" s="5" t="s">
        <v>39</v>
      </c>
      <c r="P5469" s="5" t="s">
        <v>40</v>
      </c>
      <c r="Q5469" s="5" t="s">
        <v>1522</v>
      </c>
      <c r="R5469" s="5" t="s">
        <v>1523</v>
      </c>
      <c r="S5469" s="5" t="s">
        <v>42</v>
      </c>
      <c r="T5469" s="2">
        <v>3.9060000000000001</v>
      </c>
      <c r="U5469" s="2">
        <v>3.2610000000000001</v>
      </c>
      <c r="V5469" s="2">
        <v>0.02</v>
      </c>
      <c r="W5469" s="2">
        <v>159.1</v>
      </c>
      <c r="X5469" s="2">
        <v>7.6</v>
      </c>
      <c r="Y5469" s="2">
        <v>16.7</v>
      </c>
      <c r="Z5469" s="5"/>
      <c r="AA5469" s="5" t="s">
        <v>43</v>
      </c>
      <c r="AB5469" s="5" t="s">
        <v>44</v>
      </c>
      <c r="AC5469" s="2"/>
      <c r="AD5469" s="1"/>
    </row>
    <row r="5470" spans="1:30">
      <c r="A5470" s="5" t="s">
        <v>83578</v>
      </c>
      <c r="B5470" s="2" t="s">
        <v>100012</v>
      </c>
      <c r="C5470" s="14" t="s">
        <v>100013</v>
      </c>
      <c r="D5470" s="2" t="s">
        <v>100014</v>
      </c>
      <c r="E5470" s="2" t="s">
        <v>47735</v>
      </c>
      <c r="F5470" s="8">
        <v>351</v>
      </c>
      <c r="G5470" s="5">
        <v>6</v>
      </c>
      <c r="H5470" s="5" t="s">
        <v>1518</v>
      </c>
      <c r="I5470" s="5" t="s">
        <v>40939</v>
      </c>
      <c r="J5470" s="2" t="s">
        <v>40940</v>
      </c>
      <c r="K5470" s="5" t="s">
        <v>40939</v>
      </c>
      <c r="L5470" s="2" t="s">
        <v>40940</v>
      </c>
      <c r="M5470" s="5" t="s">
        <v>36266</v>
      </c>
      <c r="N5470" s="5" t="s">
        <v>38</v>
      </c>
      <c r="O5470" s="5" t="s">
        <v>39</v>
      </c>
      <c r="P5470" s="5" t="s">
        <v>40</v>
      </c>
      <c r="Q5470" s="5" t="s">
        <v>1522</v>
      </c>
      <c r="R5470" s="5" t="s">
        <v>1523</v>
      </c>
      <c r="S5470" s="5" t="s">
        <v>42</v>
      </c>
      <c r="T5470" s="2">
        <v>4.0279999999999996</v>
      </c>
      <c r="U5470" s="2">
        <v>3.383</v>
      </c>
      <c r="V5470" s="2">
        <v>0.02</v>
      </c>
      <c r="W5470" s="2">
        <v>159.1</v>
      </c>
      <c r="X5470" s="2">
        <v>7.6</v>
      </c>
      <c r="Y5470" s="2">
        <v>16.7</v>
      </c>
      <c r="Z5470" s="5"/>
      <c r="AA5470" s="5" t="s">
        <v>43</v>
      </c>
      <c r="AB5470" s="5" t="s">
        <v>44</v>
      </c>
      <c r="AC5470" s="2"/>
      <c r="AD5470" s="1"/>
    </row>
    <row r="5471" spans="1:30">
      <c r="A5471" s="5" t="s">
        <v>83578</v>
      </c>
      <c r="B5471" s="2" t="s">
        <v>100015</v>
      </c>
      <c r="C5471" s="14" t="s">
        <v>100016</v>
      </c>
      <c r="D5471" s="2" t="s">
        <v>100017</v>
      </c>
      <c r="E5471" s="2" t="s">
        <v>40997</v>
      </c>
      <c r="F5471" s="8">
        <v>351</v>
      </c>
      <c r="G5471" s="5">
        <v>6</v>
      </c>
      <c r="H5471" s="5" t="s">
        <v>1518</v>
      </c>
      <c r="I5471" s="5" t="s">
        <v>40939</v>
      </c>
      <c r="J5471" s="2" t="s">
        <v>40940</v>
      </c>
      <c r="K5471" s="5" t="s">
        <v>40939</v>
      </c>
      <c r="L5471" s="2" t="s">
        <v>40940</v>
      </c>
      <c r="M5471" s="5" t="s">
        <v>36266</v>
      </c>
      <c r="N5471" s="5" t="s">
        <v>38</v>
      </c>
      <c r="O5471" s="5" t="s">
        <v>39</v>
      </c>
      <c r="P5471" s="5" t="s">
        <v>40</v>
      </c>
      <c r="Q5471" s="5" t="s">
        <v>1522</v>
      </c>
      <c r="R5471" s="5" t="s">
        <v>1523</v>
      </c>
      <c r="S5471" s="5" t="s">
        <v>42</v>
      </c>
      <c r="T5471" s="2">
        <v>3.8370000000000002</v>
      </c>
      <c r="U5471" s="2">
        <v>3.1920000000000002</v>
      </c>
      <c r="V5471" s="2">
        <v>0.02</v>
      </c>
      <c r="W5471" s="2">
        <v>159.1</v>
      </c>
      <c r="X5471" s="2">
        <v>7.6</v>
      </c>
      <c r="Y5471" s="2">
        <v>16.7</v>
      </c>
      <c r="Z5471" s="5"/>
      <c r="AA5471" s="5" t="s">
        <v>43</v>
      </c>
      <c r="AB5471" s="5" t="s">
        <v>44</v>
      </c>
      <c r="AC5471" s="2"/>
      <c r="AD5471" s="1"/>
    </row>
    <row r="5472" spans="1:30">
      <c r="A5472" s="5" t="s">
        <v>83578</v>
      </c>
      <c r="B5472" s="2" t="s">
        <v>100018</v>
      </c>
      <c r="C5472" s="14" t="s">
        <v>100019</v>
      </c>
      <c r="D5472" s="2" t="s">
        <v>100020</v>
      </c>
      <c r="E5472" s="2" t="s">
        <v>41005</v>
      </c>
      <c r="F5472" s="8">
        <v>351</v>
      </c>
      <c r="G5472" s="5">
        <v>6</v>
      </c>
      <c r="H5472" s="5" t="s">
        <v>1518</v>
      </c>
      <c r="I5472" s="5" t="s">
        <v>40939</v>
      </c>
      <c r="J5472" s="2" t="s">
        <v>40940</v>
      </c>
      <c r="K5472" s="5" t="s">
        <v>40939</v>
      </c>
      <c r="L5472" s="2" t="s">
        <v>40940</v>
      </c>
      <c r="M5472" s="5" t="s">
        <v>36266</v>
      </c>
      <c r="N5472" s="5" t="s">
        <v>38</v>
      </c>
      <c r="O5472" s="5" t="s">
        <v>39</v>
      </c>
      <c r="P5472" s="5" t="s">
        <v>40</v>
      </c>
      <c r="Q5472" s="5" t="s">
        <v>1522</v>
      </c>
      <c r="R5472" s="5" t="s">
        <v>1523</v>
      </c>
      <c r="S5472" s="5" t="s">
        <v>42</v>
      </c>
      <c r="T5472" s="2">
        <v>4.0279999999999996</v>
      </c>
      <c r="U5472" s="2">
        <v>3.383</v>
      </c>
      <c r="V5472" s="2">
        <v>0.02</v>
      </c>
      <c r="W5472" s="2">
        <v>159.1</v>
      </c>
      <c r="X5472" s="2">
        <v>7.6</v>
      </c>
      <c r="Y5472" s="2">
        <v>16.7</v>
      </c>
      <c r="Z5472" s="5"/>
      <c r="AA5472" s="5" t="s">
        <v>43</v>
      </c>
      <c r="AB5472" s="5" t="s">
        <v>44</v>
      </c>
      <c r="AC5472" s="2"/>
      <c r="AD5472" s="1"/>
    </row>
    <row r="5473" spans="1:30">
      <c r="A5473" s="5" t="s">
        <v>83578</v>
      </c>
      <c r="B5473" s="2" t="s">
        <v>100021</v>
      </c>
      <c r="C5473" s="14" t="s">
        <v>100022</v>
      </c>
      <c r="D5473" s="2" t="s">
        <v>100023</v>
      </c>
      <c r="E5473" s="2" t="s">
        <v>41009</v>
      </c>
      <c r="F5473" s="8">
        <v>351</v>
      </c>
      <c r="G5473" s="5">
        <v>6</v>
      </c>
      <c r="H5473" s="5" t="s">
        <v>1518</v>
      </c>
      <c r="I5473" s="5" t="s">
        <v>40939</v>
      </c>
      <c r="J5473" s="2" t="s">
        <v>40940</v>
      </c>
      <c r="K5473" s="5" t="s">
        <v>40939</v>
      </c>
      <c r="L5473" s="2" t="s">
        <v>40940</v>
      </c>
      <c r="M5473" s="5" t="s">
        <v>36266</v>
      </c>
      <c r="N5473" s="5" t="s">
        <v>38</v>
      </c>
      <c r="O5473" s="5" t="s">
        <v>39</v>
      </c>
      <c r="P5473" s="5" t="s">
        <v>40</v>
      </c>
      <c r="Q5473" s="5" t="s">
        <v>1522</v>
      </c>
      <c r="R5473" s="5" t="s">
        <v>1523</v>
      </c>
      <c r="S5473" s="5" t="s">
        <v>42</v>
      </c>
      <c r="T5473" s="2">
        <v>3.9239999999999999</v>
      </c>
      <c r="U5473" s="2">
        <v>3.2789999999999999</v>
      </c>
      <c r="V5473" s="2">
        <v>0.02</v>
      </c>
      <c r="W5473" s="2">
        <v>159.1</v>
      </c>
      <c r="X5473" s="2">
        <v>7.6</v>
      </c>
      <c r="Y5473" s="2">
        <v>16.7</v>
      </c>
      <c r="Z5473" s="5"/>
      <c r="AA5473" s="5" t="s">
        <v>43</v>
      </c>
      <c r="AB5473" s="5" t="s">
        <v>44</v>
      </c>
      <c r="AC5473" s="2"/>
      <c r="AD5473" s="1"/>
    </row>
    <row r="5474" spans="1:30">
      <c r="A5474" s="5" t="s">
        <v>83578</v>
      </c>
      <c r="B5474" s="2" t="s">
        <v>100024</v>
      </c>
      <c r="C5474" s="14" t="s">
        <v>100025</v>
      </c>
      <c r="D5474" s="2" t="s">
        <v>100026</v>
      </c>
      <c r="E5474" s="2" t="s">
        <v>41013</v>
      </c>
      <c r="F5474" s="8">
        <v>351</v>
      </c>
      <c r="G5474" s="5">
        <v>6</v>
      </c>
      <c r="H5474" s="5" t="s">
        <v>1518</v>
      </c>
      <c r="I5474" s="5" t="s">
        <v>40939</v>
      </c>
      <c r="J5474" s="2" t="s">
        <v>40940</v>
      </c>
      <c r="K5474" s="5" t="s">
        <v>40939</v>
      </c>
      <c r="L5474" s="2" t="s">
        <v>40940</v>
      </c>
      <c r="M5474" s="5" t="s">
        <v>36266</v>
      </c>
      <c r="N5474" s="5" t="s">
        <v>38</v>
      </c>
      <c r="O5474" s="5" t="s">
        <v>39</v>
      </c>
      <c r="P5474" s="5" t="s">
        <v>40</v>
      </c>
      <c r="Q5474" s="5" t="s">
        <v>1522</v>
      </c>
      <c r="R5474" s="5" t="s">
        <v>1523</v>
      </c>
      <c r="S5474" s="5" t="s">
        <v>42</v>
      </c>
      <c r="T5474" s="2">
        <v>4.0460000000000003</v>
      </c>
      <c r="U5474" s="2">
        <v>3.4009999999999998</v>
      </c>
      <c r="V5474" s="2">
        <v>0.02</v>
      </c>
      <c r="W5474" s="2">
        <v>159.1</v>
      </c>
      <c r="X5474" s="2">
        <v>7.6</v>
      </c>
      <c r="Y5474" s="2">
        <v>16.7</v>
      </c>
      <c r="Z5474" s="5"/>
      <c r="AA5474" s="5" t="s">
        <v>43</v>
      </c>
      <c r="AB5474" s="5" t="s">
        <v>44</v>
      </c>
      <c r="AC5474" s="2"/>
      <c r="AD5474" s="1"/>
    </row>
    <row r="5475" spans="1:30">
      <c r="A5475" s="5" t="s">
        <v>83578</v>
      </c>
      <c r="B5475" s="2" t="s">
        <v>100027</v>
      </c>
      <c r="C5475" s="14" t="s">
        <v>100028</v>
      </c>
      <c r="D5475" s="2" t="s">
        <v>100029</v>
      </c>
      <c r="E5475" s="2" t="s">
        <v>7449</v>
      </c>
      <c r="F5475" s="8">
        <v>351</v>
      </c>
      <c r="G5475" s="5">
        <v>6</v>
      </c>
      <c r="H5475" s="5" t="s">
        <v>1518</v>
      </c>
      <c r="I5475" s="5" t="s">
        <v>40939</v>
      </c>
      <c r="J5475" s="2" t="s">
        <v>40940</v>
      </c>
      <c r="K5475" s="5" t="s">
        <v>40939</v>
      </c>
      <c r="L5475" s="2" t="s">
        <v>40940</v>
      </c>
      <c r="M5475" s="5" t="s">
        <v>36266</v>
      </c>
      <c r="N5475" s="5" t="s">
        <v>38</v>
      </c>
      <c r="O5475" s="5" t="s">
        <v>39</v>
      </c>
      <c r="P5475" s="5" t="s">
        <v>40</v>
      </c>
      <c r="Q5475" s="5" t="s">
        <v>1522</v>
      </c>
      <c r="R5475" s="5" t="s">
        <v>1523</v>
      </c>
      <c r="S5475" s="5" t="s">
        <v>42</v>
      </c>
      <c r="T5475" s="2">
        <v>3.8370000000000002</v>
      </c>
      <c r="U5475" s="2">
        <v>3.1920000000000002</v>
      </c>
      <c r="V5475" s="2">
        <v>0.02</v>
      </c>
      <c r="W5475" s="2">
        <v>159.1</v>
      </c>
      <c r="X5475" s="2">
        <v>7.6</v>
      </c>
      <c r="Y5475" s="2">
        <v>16.7</v>
      </c>
      <c r="Z5475" s="5"/>
      <c r="AA5475" s="5" t="s">
        <v>43</v>
      </c>
      <c r="AB5475" s="5" t="s">
        <v>44</v>
      </c>
      <c r="AC5475" s="2"/>
      <c r="AD5475" s="1"/>
    </row>
    <row r="5476" spans="1:30">
      <c r="A5476" s="5" t="s">
        <v>83578</v>
      </c>
      <c r="B5476" s="2" t="s">
        <v>100030</v>
      </c>
      <c r="C5476" s="14" t="s">
        <v>100031</v>
      </c>
      <c r="D5476" s="2" t="s">
        <v>100032</v>
      </c>
      <c r="E5476" s="2" t="s">
        <v>41049</v>
      </c>
      <c r="F5476" s="8">
        <v>351</v>
      </c>
      <c r="G5476" s="5">
        <v>6</v>
      </c>
      <c r="H5476" s="5" t="s">
        <v>1518</v>
      </c>
      <c r="I5476" s="5" t="s">
        <v>40939</v>
      </c>
      <c r="J5476" s="2" t="s">
        <v>40940</v>
      </c>
      <c r="K5476" s="5" t="s">
        <v>40939</v>
      </c>
      <c r="L5476" s="2" t="s">
        <v>40940</v>
      </c>
      <c r="M5476" s="5" t="s">
        <v>36266</v>
      </c>
      <c r="N5476" s="5" t="s">
        <v>38</v>
      </c>
      <c r="O5476" s="5" t="s">
        <v>39</v>
      </c>
      <c r="P5476" s="5" t="s">
        <v>40</v>
      </c>
      <c r="Q5476" s="5" t="s">
        <v>1522</v>
      </c>
      <c r="R5476" s="5" t="s">
        <v>1523</v>
      </c>
      <c r="S5476" s="5" t="s">
        <v>42</v>
      </c>
      <c r="T5476" s="2">
        <v>4.0629999999999997</v>
      </c>
      <c r="U5476" s="2">
        <v>3.4180000000000001</v>
      </c>
      <c r="V5476" s="2">
        <v>0.02</v>
      </c>
      <c r="W5476" s="2">
        <v>159.1</v>
      </c>
      <c r="X5476" s="2">
        <v>7.6</v>
      </c>
      <c r="Y5476" s="2">
        <v>16.7</v>
      </c>
      <c r="Z5476" s="5"/>
      <c r="AA5476" s="5" t="s">
        <v>43</v>
      </c>
      <c r="AB5476" s="5" t="s">
        <v>44</v>
      </c>
      <c r="AC5476" s="2"/>
      <c r="AD5476" s="1"/>
    </row>
    <row r="5477" spans="1:30">
      <c r="A5477" s="5" t="s">
        <v>83578</v>
      </c>
      <c r="B5477" s="2" t="s">
        <v>100033</v>
      </c>
      <c r="C5477" s="14" t="s">
        <v>100034</v>
      </c>
      <c r="D5477" s="2" t="s">
        <v>100035</v>
      </c>
      <c r="E5477" s="2" t="s">
        <v>47266</v>
      </c>
      <c r="F5477" s="8">
        <v>374</v>
      </c>
      <c r="G5477" s="5">
        <v>6</v>
      </c>
      <c r="H5477" s="5" t="s">
        <v>1518</v>
      </c>
      <c r="I5477" s="5" t="s">
        <v>40939</v>
      </c>
      <c r="J5477" s="2" t="s">
        <v>40940</v>
      </c>
      <c r="K5477" s="5" t="s">
        <v>40939</v>
      </c>
      <c r="L5477" s="2" t="s">
        <v>40940</v>
      </c>
      <c r="M5477" s="5" t="s">
        <v>36266</v>
      </c>
      <c r="N5477" s="5" t="s">
        <v>38</v>
      </c>
      <c r="O5477" s="5" t="s">
        <v>39</v>
      </c>
      <c r="P5477" s="5" t="s">
        <v>40</v>
      </c>
      <c r="Q5477" s="5" t="s">
        <v>1522</v>
      </c>
      <c r="R5477" s="5" t="s">
        <v>1523</v>
      </c>
      <c r="S5477" s="5" t="s">
        <v>42</v>
      </c>
      <c r="T5477" s="2">
        <v>4.0570000000000004</v>
      </c>
      <c r="U5477" s="2">
        <v>3.4209999999999998</v>
      </c>
      <c r="V5477" s="2">
        <v>0.02</v>
      </c>
      <c r="W5477" s="2">
        <v>159.1</v>
      </c>
      <c r="X5477" s="2">
        <v>7.6</v>
      </c>
      <c r="Y5477" s="2">
        <v>16.7</v>
      </c>
      <c r="Z5477" s="5"/>
      <c r="AA5477" s="5" t="s">
        <v>43</v>
      </c>
      <c r="AB5477" s="5" t="s">
        <v>44</v>
      </c>
      <c r="AC5477" s="2"/>
      <c r="AD5477" s="1"/>
    </row>
    <row r="5478" spans="1:30">
      <c r="A5478" s="5" t="s">
        <v>83578</v>
      </c>
      <c r="B5478" s="2" t="s">
        <v>100036</v>
      </c>
      <c r="C5478" s="14" t="s">
        <v>100037</v>
      </c>
      <c r="D5478" s="2" t="s">
        <v>100038</v>
      </c>
      <c r="E5478" s="2" t="s">
        <v>40967</v>
      </c>
      <c r="F5478" s="8">
        <v>374</v>
      </c>
      <c r="G5478" s="5">
        <v>6</v>
      </c>
      <c r="H5478" s="5" t="s">
        <v>1518</v>
      </c>
      <c r="I5478" s="5" t="s">
        <v>40939</v>
      </c>
      <c r="J5478" s="2" t="s">
        <v>40940</v>
      </c>
      <c r="K5478" s="5" t="s">
        <v>40939</v>
      </c>
      <c r="L5478" s="2" t="s">
        <v>40940</v>
      </c>
      <c r="M5478" s="5" t="s">
        <v>36266</v>
      </c>
      <c r="N5478" s="5" t="s">
        <v>38</v>
      </c>
      <c r="O5478" s="5" t="s">
        <v>39</v>
      </c>
      <c r="P5478" s="5" t="s">
        <v>40</v>
      </c>
      <c r="Q5478" s="5" t="s">
        <v>1522</v>
      </c>
      <c r="R5478" s="5" t="s">
        <v>1523</v>
      </c>
      <c r="S5478" s="5" t="s">
        <v>42</v>
      </c>
      <c r="T5478" s="2">
        <v>4.077</v>
      </c>
      <c r="U5478" s="2">
        <v>3.4409999999999998</v>
      </c>
      <c r="V5478" s="2">
        <v>0.02</v>
      </c>
      <c r="W5478" s="2">
        <v>159.1</v>
      </c>
      <c r="X5478" s="2">
        <v>7.6</v>
      </c>
      <c r="Y5478" s="2">
        <v>16.7</v>
      </c>
      <c r="Z5478" s="5"/>
      <c r="AA5478" s="5" t="s">
        <v>43</v>
      </c>
      <c r="AB5478" s="5" t="s">
        <v>44</v>
      </c>
      <c r="AC5478" s="2"/>
      <c r="AD5478" s="1"/>
    </row>
    <row r="5479" spans="1:30">
      <c r="A5479" s="5" t="s">
        <v>83578</v>
      </c>
      <c r="B5479" s="2" t="s">
        <v>100039</v>
      </c>
      <c r="C5479" s="14" t="s">
        <v>100040</v>
      </c>
      <c r="D5479" s="2" t="s">
        <v>100041</v>
      </c>
      <c r="E5479" s="2" t="s">
        <v>47226</v>
      </c>
      <c r="F5479" s="8">
        <v>374</v>
      </c>
      <c r="G5479" s="5">
        <v>6</v>
      </c>
      <c r="H5479" s="5" t="s">
        <v>1518</v>
      </c>
      <c r="I5479" s="5" t="s">
        <v>40939</v>
      </c>
      <c r="J5479" s="2" t="s">
        <v>40940</v>
      </c>
      <c r="K5479" s="5" t="s">
        <v>40939</v>
      </c>
      <c r="L5479" s="2" t="s">
        <v>40940</v>
      </c>
      <c r="M5479" s="5" t="s">
        <v>36266</v>
      </c>
      <c r="N5479" s="5" t="s">
        <v>38</v>
      </c>
      <c r="O5479" s="5" t="s">
        <v>39</v>
      </c>
      <c r="P5479" s="5" t="s">
        <v>40</v>
      </c>
      <c r="Q5479" s="5" t="s">
        <v>1522</v>
      </c>
      <c r="R5479" s="5" t="s">
        <v>1523</v>
      </c>
      <c r="S5479" s="5" t="s">
        <v>42</v>
      </c>
      <c r="T5479" s="2">
        <v>4.077</v>
      </c>
      <c r="U5479" s="2">
        <v>3.4409999999999998</v>
      </c>
      <c r="V5479" s="2">
        <v>0.02</v>
      </c>
      <c r="W5479" s="2">
        <v>159.1</v>
      </c>
      <c r="X5479" s="2">
        <v>7.6</v>
      </c>
      <c r="Y5479" s="2">
        <v>16.7</v>
      </c>
      <c r="Z5479" s="5"/>
      <c r="AA5479" s="5" t="s">
        <v>43</v>
      </c>
      <c r="AB5479" s="5" t="s">
        <v>44</v>
      </c>
      <c r="AC5479" s="2"/>
      <c r="AD5479" s="1"/>
    </row>
    <row r="5480" spans="1:30">
      <c r="A5480" s="5" t="s">
        <v>83578</v>
      </c>
      <c r="B5480" s="2" t="s">
        <v>100042</v>
      </c>
      <c r="C5480" s="14" t="s">
        <v>100043</v>
      </c>
      <c r="D5480" s="2" t="s">
        <v>100044</v>
      </c>
      <c r="E5480" s="2" t="s">
        <v>47735</v>
      </c>
      <c r="F5480" s="8">
        <v>374</v>
      </c>
      <c r="G5480" s="5">
        <v>6</v>
      </c>
      <c r="H5480" s="5" t="s">
        <v>1518</v>
      </c>
      <c r="I5480" s="5" t="s">
        <v>40939</v>
      </c>
      <c r="J5480" s="2" t="s">
        <v>40940</v>
      </c>
      <c r="K5480" s="5" t="s">
        <v>40939</v>
      </c>
      <c r="L5480" s="2" t="s">
        <v>40940</v>
      </c>
      <c r="M5480" s="5" t="s">
        <v>36266</v>
      </c>
      <c r="N5480" s="5" t="s">
        <v>38</v>
      </c>
      <c r="O5480" s="5" t="s">
        <v>39</v>
      </c>
      <c r="P5480" s="5" t="s">
        <v>40</v>
      </c>
      <c r="Q5480" s="5" t="s">
        <v>1522</v>
      </c>
      <c r="R5480" s="5" t="s">
        <v>1523</v>
      </c>
      <c r="S5480" s="5" t="s">
        <v>42</v>
      </c>
      <c r="T5480" s="2">
        <v>4.2110000000000003</v>
      </c>
      <c r="U5480" s="2">
        <v>3.5750000000000002</v>
      </c>
      <c r="V5480" s="2">
        <v>0.02</v>
      </c>
      <c r="W5480" s="2">
        <v>159.1</v>
      </c>
      <c r="X5480" s="2">
        <v>7.6</v>
      </c>
      <c r="Y5480" s="2">
        <v>16.7</v>
      </c>
      <c r="Z5480" s="5"/>
      <c r="AA5480" s="5" t="s">
        <v>43</v>
      </c>
      <c r="AB5480" s="5" t="s">
        <v>44</v>
      </c>
      <c r="AC5480" s="2"/>
      <c r="AD5480" s="1"/>
    </row>
    <row r="5481" spans="1:30">
      <c r="A5481" s="5" t="s">
        <v>83578</v>
      </c>
      <c r="B5481" s="2" t="s">
        <v>100045</v>
      </c>
      <c r="C5481" s="14" t="s">
        <v>100046</v>
      </c>
      <c r="D5481" s="2" t="s">
        <v>100047</v>
      </c>
      <c r="E5481" s="2" t="s">
        <v>7539</v>
      </c>
      <c r="F5481" s="8">
        <v>374</v>
      </c>
      <c r="G5481" s="5">
        <v>6</v>
      </c>
      <c r="H5481" s="5" t="s">
        <v>1518</v>
      </c>
      <c r="I5481" s="5" t="s">
        <v>40939</v>
      </c>
      <c r="J5481" s="2" t="s">
        <v>40940</v>
      </c>
      <c r="K5481" s="5" t="s">
        <v>40939</v>
      </c>
      <c r="L5481" s="2" t="s">
        <v>40940</v>
      </c>
      <c r="M5481" s="5" t="s">
        <v>36266</v>
      </c>
      <c r="N5481" s="5" t="s">
        <v>38</v>
      </c>
      <c r="O5481" s="5" t="s">
        <v>39</v>
      </c>
      <c r="P5481" s="5" t="s">
        <v>40</v>
      </c>
      <c r="Q5481" s="5" t="s">
        <v>1522</v>
      </c>
      <c r="R5481" s="5" t="s">
        <v>1523</v>
      </c>
      <c r="S5481" s="5" t="s">
        <v>42</v>
      </c>
      <c r="T5481" s="2">
        <v>3.976</v>
      </c>
      <c r="U5481" s="2">
        <v>3.34</v>
      </c>
      <c r="V5481" s="2">
        <v>0.02</v>
      </c>
      <c r="W5481" s="2">
        <v>159.1</v>
      </c>
      <c r="X5481" s="2">
        <v>7.6</v>
      </c>
      <c r="Y5481" s="2">
        <v>16.7</v>
      </c>
      <c r="Z5481" s="5"/>
      <c r="AA5481" s="5" t="s">
        <v>43</v>
      </c>
      <c r="AB5481" s="5" t="s">
        <v>44</v>
      </c>
      <c r="AC5481" s="2"/>
      <c r="AD5481" s="1"/>
    </row>
    <row r="5482" spans="1:30">
      <c r="A5482" s="5" t="s">
        <v>83578</v>
      </c>
      <c r="B5482" s="2" t="s">
        <v>100048</v>
      </c>
      <c r="C5482" s="14" t="s">
        <v>100049</v>
      </c>
      <c r="D5482" s="2" t="s">
        <v>100050</v>
      </c>
      <c r="E5482" s="2" t="s">
        <v>7543</v>
      </c>
      <c r="F5482" s="8">
        <v>374</v>
      </c>
      <c r="G5482" s="5">
        <v>6</v>
      </c>
      <c r="H5482" s="5" t="s">
        <v>1518</v>
      </c>
      <c r="I5482" s="5" t="s">
        <v>40939</v>
      </c>
      <c r="J5482" s="2" t="s">
        <v>40940</v>
      </c>
      <c r="K5482" s="5" t="s">
        <v>40939</v>
      </c>
      <c r="L5482" s="2" t="s">
        <v>40940</v>
      </c>
      <c r="M5482" s="5" t="s">
        <v>36266</v>
      </c>
      <c r="N5482" s="5" t="s">
        <v>38</v>
      </c>
      <c r="O5482" s="5" t="s">
        <v>39</v>
      </c>
      <c r="P5482" s="5" t="s">
        <v>40</v>
      </c>
      <c r="Q5482" s="5" t="s">
        <v>1522</v>
      </c>
      <c r="R5482" s="5" t="s">
        <v>1523</v>
      </c>
      <c r="S5482" s="5" t="s">
        <v>42</v>
      </c>
      <c r="T5482" s="2">
        <v>4.1100000000000003</v>
      </c>
      <c r="U5482" s="2">
        <v>3.4740000000000002</v>
      </c>
      <c r="V5482" s="2">
        <v>0.02</v>
      </c>
      <c r="W5482" s="2">
        <v>159.1</v>
      </c>
      <c r="X5482" s="2">
        <v>7.6</v>
      </c>
      <c r="Y5482" s="2">
        <v>16.7</v>
      </c>
      <c r="Z5482" s="5"/>
      <c r="AA5482" s="5" t="s">
        <v>43</v>
      </c>
      <c r="AB5482" s="5" t="s">
        <v>44</v>
      </c>
      <c r="AC5482" s="2"/>
      <c r="AD5482" s="1"/>
    </row>
    <row r="5483" spans="1:30">
      <c r="A5483" s="5" t="s">
        <v>83578</v>
      </c>
      <c r="B5483" s="2" t="s">
        <v>100051</v>
      </c>
      <c r="C5483" s="14" t="s">
        <v>100052</v>
      </c>
      <c r="D5483" s="2" t="s">
        <v>100053</v>
      </c>
      <c r="E5483" s="2" t="s">
        <v>40997</v>
      </c>
      <c r="F5483" s="8">
        <v>374</v>
      </c>
      <c r="G5483" s="5">
        <v>6</v>
      </c>
      <c r="H5483" s="5" t="s">
        <v>1518</v>
      </c>
      <c r="I5483" s="5" t="s">
        <v>40939</v>
      </c>
      <c r="J5483" s="2" t="s">
        <v>40940</v>
      </c>
      <c r="K5483" s="5" t="s">
        <v>40939</v>
      </c>
      <c r="L5483" s="2" t="s">
        <v>40940</v>
      </c>
      <c r="M5483" s="5" t="s">
        <v>36266</v>
      </c>
      <c r="N5483" s="5" t="s">
        <v>38</v>
      </c>
      <c r="O5483" s="5" t="s">
        <v>39</v>
      </c>
      <c r="P5483" s="5" t="s">
        <v>40</v>
      </c>
      <c r="Q5483" s="5" t="s">
        <v>1522</v>
      </c>
      <c r="R5483" s="5" t="s">
        <v>1523</v>
      </c>
      <c r="S5483" s="5" t="s">
        <v>42</v>
      </c>
      <c r="T5483" s="2">
        <v>3.996</v>
      </c>
      <c r="U5483" s="2">
        <v>3.36</v>
      </c>
      <c r="V5483" s="2">
        <v>0.02</v>
      </c>
      <c r="W5483" s="2">
        <v>159.1</v>
      </c>
      <c r="X5483" s="2">
        <v>7.6</v>
      </c>
      <c r="Y5483" s="2">
        <v>16.7</v>
      </c>
      <c r="Z5483" s="5"/>
      <c r="AA5483" s="5" t="s">
        <v>43</v>
      </c>
      <c r="AB5483" s="5" t="s">
        <v>44</v>
      </c>
      <c r="AC5483" s="2"/>
      <c r="AD5483" s="1"/>
    </row>
    <row r="5484" spans="1:30">
      <c r="A5484" s="5" t="s">
        <v>83578</v>
      </c>
      <c r="B5484" s="2" t="s">
        <v>100054</v>
      </c>
      <c r="C5484" s="14" t="s">
        <v>100055</v>
      </c>
      <c r="D5484" s="2" t="s">
        <v>100056</v>
      </c>
      <c r="E5484" s="2" t="s">
        <v>41267</v>
      </c>
      <c r="F5484" s="8">
        <v>374</v>
      </c>
      <c r="G5484" s="5">
        <v>6</v>
      </c>
      <c r="H5484" s="5" t="s">
        <v>1518</v>
      </c>
      <c r="I5484" s="5" t="s">
        <v>40939</v>
      </c>
      <c r="J5484" s="2" t="s">
        <v>40940</v>
      </c>
      <c r="K5484" s="5" t="s">
        <v>40939</v>
      </c>
      <c r="L5484" s="2" t="s">
        <v>40940</v>
      </c>
      <c r="M5484" s="5" t="s">
        <v>36266</v>
      </c>
      <c r="N5484" s="5" t="s">
        <v>38</v>
      </c>
      <c r="O5484" s="5" t="s">
        <v>39</v>
      </c>
      <c r="P5484" s="5" t="s">
        <v>40</v>
      </c>
      <c r="Q5484" s="5" t="s">
        <v>1522</v>
      </c>
      <c r="R5484" s="5" t="s">
        <v>1523</v>
      </c>
      <c r="S5484" s="5" t="s">
        <v>42</v>
      </c>
      <c r="T5484" s="2">
        <v>4.13</v>
      </c>
      <c r="U5484" s="2">
        <v>3.4940000000000002</v>
      </c>
      <c r="V5484" s="2">
        <v>0.02</v>
      </c>
      <c r="W5484" s="2">
        <v>159.1</v>
      </c>
      <c r="X5484" s="2">
        <v>7.6</v>
      </c>
      <c r="Y5484" s="2">
        <v>16.7</v>
      </c>
      <c r="Z5484" s="5"/>
      <c r="AA5484" s="5" t="s">
        <v>43</v>
      </c>
      <c r="AB5484" s="5" t="s">
        <v>44</v>
      </c>
      <c r="AC5484" s="2"/>
      <c r="AD5484" s="1"/>
    </row>
    <row r="5485" spans="1:30">
      <c r="A5485" s="5" t="s">
        <v>83578</v>
      </c>
      <c r="B5485" s="2" t="s">
        <v>100057</v>
      </c>
      <c r="C5485" s="14" t="s">
        <v>100058</v>
      </c>
      <c r="D5485" s="2" t="s">
        <v>100059</v>
      </c>
      <c r="E5485" s="2" t="s">
        <v>41001</v>
      </c>
      <c r="F5485" s="8">
        <v>374</v>
      </c>
      <c r="G5485" s="5">
        <v>6</v>
      </c>
      <c r="H5485" s="5" t="s">
        <v>1518</v>
      </c>
      <c r="I5485" s="5" t="s">
        <v>40939</v>
      </c>
      <c r="J5485" s="2" t="s">
        <v>40940</v>
      </c>
      <c r="K5485" s="5" t="s">
        <v>40939</v>
      </c>
      <c r="L5485" s="2" t="s">
        <v>40940</v>
      </c>
      <c r="M5485" s="5" t="s">
        <v>36266</v>
      </c>
      <c r="N5485" s="5" t="s">
        <v>38</v>
      </c>
      <c r="O5485" s="5" t="s">
        <v>39</v>
      </c>
      <c r="P5485" s="5" t="s">
        <v>40</v>
      </c>
      <c r="Q5485" s="5" t="s">
        <v>1522</v>
      </c>
      <c r="R5485" s="5" t="s">
        <v>1523</v>
      </c>
      <c r="S5485" s="5" t="s">
        <v>42</v>
      </c>
      <c r="T5485" s="2">
        <v>4.077</v>
      </c>
      <c r="U5485" s="2">
        <v>3.4409999999999998</v>
      </c>
      <c r="V5485" s="2">
        <v>0.02</v>
      </c>
      <c r="W5485" s="2">
        <v>159.1</v>
      </c>
      <c r="X5485" s="2">
        <v>7.6</v>
      </c>
      <c r="Y5485" s="2">
        <v>16.7</v>
      </c>
      <c r="Z5485" s="5"/>
      <c r="AA5485" s="5" t="s">
        <v>43</v>
      </c>
      <c r="AB5485" s="5" t="s">
        <v>44</v>
      </c>
      <c r="AC5485" s="2"/>
      <c r="AD5485" s="1"/>
    </row>
    <row r="5486" spans="1:30">
      <c r="A5486" s="5" t="s">
        <v>83578</v>
      </c>
      <c r="B5486" s="2" t="s">
        <v>100060</v>
      </c>
      <c r="C5486" s="14" t="s">
        <v>100061</v>
      </c>
      <c r="D5486" s="2" t="s">
        <v>100062</v>
      </c>
      <c r="E5486" s="2" t="s">
        <v>41005</v>
      </c>
      <c r="F5486" s="8">
        <v>374</v>
      </c>
      <c r="G5486" s="5">
        <v>6</v>
      </c>
      <c r="H5486" s="5" t="s">
        <v>1518</v>
      </c>
      <c r="I5486" s="5" t="s">
        <v>40939</v>
      </c>
      <c r="J5486" s="2" t="s">
        <v>40940</v>
      </c>
      <c r="K5486" s="5" t="s">
        <v>40939</v>
      </c>
      <c r="L5486" s="2" t="s">
        <v>40940</v>
      </c>
      <c r="M5486" s="5" t="s">
        <v>36266</v>
      </c>
      <c r="N5486" s="5" t="s">
        <v>38</v>
      </c>
      <c r="O5486" s="5" t="s">
        <v>39</v>
      </c>
      <c r="P5486" s="5" t="s">
        <v>40</v>
      </c>
      <c r="Q5486" s="5" t="s">
        <v>1522</v>
      </c>
      <c r="R5486" s="5" t="s">
        <v>1523</v>
      </c>
      <c r="S5486" s="5" t="s">
        <v>42</v>
      </c>
      <c r="T5486" s="2">
        <v>4.2110000000000003</v>
      </c>
      <c r="U5486" s="2">
        <v>3.5750000000000002</v>
      </c>
      <c r="V5486" s="2">
        <v>0.02</v>
      </c>
      <c r="W5486" s="2">
        <v>159.1</v>
      </c>
      <c r="X5486" s="2">
        <v>7.6</v>
      </c>
      <c r="Y5486" s="2">
        <v>16.7</v>
      </c>
      <c r="Z5486" s="5"/>
      <c r="AA5486" s="5" t="s">
        <v>43</v>
      </c>
      <c r="AB5486" s="5" t="s">
        <v>44</v>
      </c>
      <c r="AC5486" s="2"/>
      <c r="AD5486" s="1"/>
    </row>
    <row r="5487" spans="1:30">
      <c r="A5487" s="5" t="s">
        <v>83578</v>
      </c>
      <c r="B5487" s="2" t="s">
        <v>100063</v>
      </c>
      <c r="C5487" s="14" t="s">
        <v>100064</v>
      </c>
      <c r="D5487" s="2" t="s">
        <v>100065</v>
      </c>
      <c r="E5487" s="2" t="s">
        <v>41009</v>
      </c>
      <c r="F5487" s="8">
        <v>374</v>
      </c>
      <c r="G5487" s="5">
        <v>6</v>
      </c>
      <c r="H5487" s="5" t="s">
        <v>1518</v>
      </c>
      <c r="I5487" s="5" t="s">
        <v>40939</v>
      </c>
      <c r="J5487" s="2" t="s">
        <v>40940</v>
      </c>
      <c r="K5487" s="5" t="s">
        <v>40939</v>
      </c>
      <c r="L5487" s="2" t="s">
        <v>40940</v>
      </c>
      <c r="M5487" s="5" t="s">
        <v>36266</v>
      </c>
      <c r="N5487" s="5" t="s">
        <v>38</v>
      </c>
      <c r="O5487" s="5" t="s">
        <v>39</v>
      </c>
      <c r="P5487" s="5" t="s">
        <v>40</v>
      </c>
      <c r="Q5487" s="5" t="s">
        <v>1522</v>
      </c>
      <c r="R5487" s="5" t="s">
        <v>1523</v>
      </c>
      <c r="S5487" s="5" t="s">
        <v>42</v>
      </c>
      <c r="T5487" s="2">
        <v>4.0970000000000004</v>
      </c>
      <c r="U5487" s="2">
        <v>3.4609999999999999</v>
      </c>
      <c r="V5487" s="2">
        <v>0.02</v>
      </c>
      <c r="W5487" s="2">
        <v>159.1</v>
      </c>
      <c r="X5487" s="2">
        <v>7.6</v>
      </c>
      <c r="Y5487" s="2">
        <v>16.7</v>
      </c>
      <c r="Z5487" s="5"/>
      <c r="AA5487" s="5" t="s">
        <v>43</v>
      </c>
      <c r="AB5487" s="5" t="s">
        <v>44</v>
      </c>
      <c r="AC5487" s="2"/>
      <c r="AD5487" s="1"/>
    </row>
    <row r="5488" spans="1:30">
      <c r="A5488" s="5" t="s">
        <v>83578</v>
      </c>
      <c r="B5488" s="2" t="s">
        <v>100066</v>
      </c>
      <c r="C5488" s="14" t="s">
        <v>100067</v>
      </c>
      <c r="D5488" s="2" t="s">
        <v>100068</v>
      </c>
      <c r="E5488" s="2" t="s">
        <v>41013</v>
      </c>
      <c r="F5488" s="8">
        <v>374</v>
      </c>
      <c r="G5488" s="5">
        <v>6</v>
      </c>
      <c r="H5488" s="5" t="s">
        <v>1518</v>
      </c>
      <c r="I5488" s="5" t="s">
        <v>40939</v>
      </c>
      <c r="J5488" s="2" t="s">
        <v>40940</v>
      </c>
      <c r="K5488" s="5" t="s">
        <v>40939</v>
      </c>
      <c r="L5488" s="2" t="s">
        <v>40940</v>
      </c>
      <c r="M5488" s="5" t="s">
        <v>36266</v>
      </c>
      <c r="N5488" s="5" t="s">
        <v>38</v>
      </c>
      <c r="O5488" s="5" t="s">
        <v>39</v>
      </c>
      <c r="P5488" s="5" t="s">
        <v>40</v>
      </c>
      <c r="Q5488" s="5" t="s">
        <v>1522</v>
      </c>
      <c r="R5488" s="5" t="s">
        <v>1523</v>
      </c>
      <c r="S5488" s="5" t="s">
        <v>42</v>
      </c>
      <c r="T5488" s="2">
        <v>4.2309999999999999</v>
      </c>
      <c r="U5488" s="2">
        <v>3.5950000000000002</v>
      </c>
      <c r="V5488" s="2">
        <v>0.02</v>
      </c>
      <c r="W5488" s="2">
        <v>159.1</v>
      </c>
      <c r="X5488" s="2">
        <v>7.6</v>
      </c>
      <c r="Y5488" s="2">
        <v>16.7</v>
      </c>
      <c r="Z5488" s="5"/>
      <c r="AA5488" s="5" t="s">
        <v>43</v>
      </c>
      <c r="AB5488" s="5" t="s">
        <v>44</v>
      </c>
      <c r="AC5488" s="2"/>
      <c r="AD5488" s="1"/>
    </row>
    <row r="5489" spans="1:30">
      <c r="A5489" s="5" t="s">
        <v>83578</v>
      </c>
      <c r="B5489" s="2" t="s">
        <v>100069</v>
      </c>
      <c r="C5489" s="14" t="s">
        <v>100070</v>
      </c>
      <c r="D5489" s="2" t="s">
        <v>100071</v>
      </c>
      <c r="E5489" s="2" t="s">
        <v>41023</v>
      </c>
      <c r="F5489" s="8">
        <v>374</v>
      </c>
      <c r="G5489" s="5">
        <v>6</v>
      </c>
      <c r="H5489" s="5" t="s">
        <v>1518</v>
      </c>
      <c r="I5489" s="5" t="s">
        <v>40939</v>
      </c>
      <c r="J5489" s="2" t="s">
        <v>40940</v>
      </c>
      <c r="K5489" s="5" t="s">
        <v>40939</v>
      </c>
      <c r="L5489" s="2" t="s">
        <v>40940</v>
      </c>
      <c r="M5489" s="5" t="s">
        <v>36266</v>
      </c>
      <c r="N5489" s="5" t="s">
        <v>38</v>
      </c>
      <c r="O5489" s="5" t="s">
        <v>39</v>
      </c>
      <c r="P5489" s="5" t="s">
        <v>40</v>
      </c>
      <c r="Q5489" s="5" t="s">
        <v>1522</v>
      </c>
      <c r="R5489" s="5" t="s">
        <v>1523</v>
      </c>
      <c r="S5489" s="5" t="s">
        <v>42</v>
      </c>
      <c r="T5489" s="2">
        <v>3.996</v>
      </c>
      <c r="U5489" s="2">
        <v>3.36</v>
      </c>
      <c r="V5489" s="2">
        <v>0.02</v>
      </c>
      <c r="W5489" s="2">
        <v>159.1</v>
      </c>
      <c r="X5489" s="2">
        <v>7.6</v>
      </c>
      <c r="Y5489" s="2">
        <v>16.7</v>
      </c>
      <c r="Z5489" s="5"/>
      <c r="AA5489" s="5" t="s">
        <v>43</v>
      </c>
      <c r="AB5489" s="5" t="s">
        <v>44</v>
      </c>
      <c r="AC5489" s="2"/>
      <c r="AD5489" s="1"/>
    </row>
    <row r="5490" spans="1:30">
      <c r="A5490" s="5" t="s">
        <v>83578</v>
      </c>
      <c r="B5490" s="2" t="s">
        <v>100072</v>
      </c>
      <c r="C5490" s="14" t="s">
        <v>100073</v>
      </c>
      <c r="D5490" s="2" t="s">
        <v>100074</v>
      </c>
      <c r="E5490" s="2" t="s">
        <v>7581</v>
      </c>
      <c r="F5490" s="8">
        <v>374</v>
      </c>
      <c r="G5490" s="5">
        <v>6</v>
      </c>
      <c r="H5490" s="5" t="s">
        <v>1518</v>
      </c>
      <c r="I5490" s="5" t="s">
        <v>40939</v>
      </c>
      <c r="J5490" s="2" t="s">
        <v>40940</v>
      </c>
      <c r="K5490" s="5" t="s">
        <v>40939</v>
      </c>
      <c r="L5490" s="2" t="s">
        <v>40940</v>
      </c>
      <c r="M5490" s="5" t="s">
        <v>36266</v>
      </c>
      <c r="N5490" s="5" t="s">
        <v>38</v>
      </c>
      <c r="O5490" s="5" t="s">
        <v>39</v>
      </c>
      <c r="P5490" s="5" t="s">
        <v>40</v>
      </c>
      <c r="Q5490" s="5" t="s">
        <v>1522</v>
      </c>
      <c r="R5490" s="5" t="s">
        <v>1523</v>
      </c>
      <c r="S5490" s="5" t="s">
        <v>42</v>
      </c>
      <c r="T5490" s="2">
        <v>4.13</v>
      </c>
      <c r="U5490" s="2">
        <v>3.4940000000000002</v>
      </c>
      <c r="V5490" s="2">
        <v>0.02</v>
      </c>
      <c r="W5490" s="2">
        <v>159.1</v>
      </c>
      <c r="X5490" s="2">
        <v>7.6</v>
      </c>
      <c r="Y5490" s="2">
        <v>16.7</v>
      </c>
      <c r="Z5490" s="5"/>
      <c r="AA5490" s="5" t="s">
        <v>43</v>
      </c>
      <c r="AB5490" s="5" t="s">
        <v>44</v>
      </c>
      <c r="AC5490" s="2"/>
      <c r="AD5490" s="1"/>
    </row>
    <row r="5491" spans="1:30">
      <c r="A5491" s="5" t="s">
        <v>83578</v>
      </c>
      <c r="B5491" s="2" t="s">
        <v>100075</v>
      </c>
      <c r="C5491" s="14" t="s">
        <v>100076</v>
      </c>
      <c r="D5491" s="2" t="s">
        <v>100077</v>
      </c>
      <c r="E5491" s="2" t="s">
        <v>41045</v>
      </c>
      <c r="F5491" s="8">
        <v>374</v>
      </c>
      <c r="G5491" s="5">
        <v>6</v>
      </c>
      <c r="H5491" s="5" t="s">
        <v>1518</v>
      </c>
      <c r="I5491" s="5" t="s">
        <v>40939</v>
      </c>
      <c r="J5491" s="2" t="s">
        <v>40940</v>
      </c>
      <c r="K5491" s="5" t="s">
        <v>40939</v>
      </c>
      <c r="L5491" s="2" t="s">
        <v>40940</v>
      </c>
      <c r="M5491" s="5" t="s">
        <v>36266</v>
      </c>
      <c r="N5491" s="5" t="s">
        <v>38</v>
      </c>
      <c r="O5491" s="5" t="s">
        <v>39</v>
      </c>
      <c r="P5491" s="5" t="s">
        <v>40</v>
      </c>
      <c r="Q5491" s="5" t="s">
        <v>1522</v>
      </c>
      <c r="R5491" s="5" t="s">
        <v>1523</v>
      </c>
      <c r="S5491" s="5" t="s">
        <v>42</v>
      </c>
      <c r="T5491" s="2">
        <v>4.117</v>
      </c>
      <c r="U5491" s="2">
        <v>3.4809999999999999</v>
      </c>
      <c r="V5491" s="2">
        <v>0.02</v>
      </c>
      <c r="W5491" s="2">
        <v>159.1</v>
      </c>
      <c r="X5491" s="2">
        <v>7.6</v>
      </c>
      <c r="Y5491" s="2">
        <v>16.7</v>
      </c>
      <c r="Z5491" s="5"/>
      <c r="AA5491" s="5" t="s">
        <v>43</v>
      </c>
      <c r="AB5491" s="5" t="s">
        <v>44</v>
      </c>
      <c r="AC5491" s="2"/>
      <c r="AD5491" s="1"/>
    </row>
    <row r="5492" spans="1:30">
      <c r="A5492" s="5" t="s">
        <v>83578</v>
      </c>
      <c r="B5492" s="2" t="s">
        <v>100078</v>
      </c>
      <c r="C5492" s="14" t="s">
        <v>100079</v>
      </c>
      <c r="D5492" s="2" t="s">
        <v>100080</v>
      </c>
      <c r="E5492" s="2" t="s">
        <v>41049</v>
      </c>
      <c r="F5492" s="8">
        <v>374</v>
      </c>
      <c r="G5492" s="5">
        <v>6</v>
      </c>
      <c r="H5492" s="5" t="s">
        <v>1518</v>
      </c>
      <c r="I5492" s="5" t="s">
        <v>40939</v>
      </c>
      <c r="J5492" s="2" t="s">
        <v>40940</v>
      </c>
      <c r="K5492" s="5" t="s">
        <v>40939</v>
      </c>
      <c r="L5492" s="2" t="s">
        <v>40940</v>
      </c>
      <c r="M5492" s="5" t="s">
        <v>36266</v>
      </c>
      <c r="N5492" s="5" t="s">
        <v>38</v>
      </c>
      <c r="O5492" s="5" t="s">
        <v>39</v>
      </c>
      <c r="P5492" s="5" t="s">
        <v>40</v>
      </c>
      <c r="Q5492" s="5" t="s">
        <v>1522</v>
      </c>
      <c r="R5492" s="5" t="s">
        <v>1523</v>
      </c>
      <c r="S5492" s="5" t="s">
        <v>42</v>
      </c>
      <c r="T5492" s="2">
        <v>4.2510000000000003</v>
      </c>
      <c r="U5492" s="2">
        <v>3.6150000000000002</v>
      </c>
      <c r="V5492" s="2">
        <v>0.02</v>
      </c>
      <c r="W5492" s="2">
        <v>159.1</v>
      </c>
      <c r="X5492" s="2">
        <v>7.6</v>
      </c>
      <c r="Y5492" s="2">
        <v>16.7</v>
      </c>
      <c r="Z5492" s="5"/>
      <c r="AA5492" s="5" t="s">
        <v>43</v>
      </c>
      <c r="AB5492" s="5" t="s">
        <v>44</v>
      </c>
      <c r="AC5492" s="2"/>
      <c r="AD5492" s="1"/>
    </row>
    <row r="5493" spans="1:30">
      <c r="A5493" s="5" t="s">
        <v>83578</v>
      </c>
      <c r="B5493" s="2" t="s">
        <v>100081</v>
      </c>
      <c r="C5493" s="14" t="s">
        <v>100082</v>
      </c>
      <c r="D5493" s="2" t="s">
        <v>100083</v>
      </c>
      <c r="E5493" s="2" t="s">
        <v>100084</v>
      </c>
      <c r="F5493" s="8">
        <v>4064</v>
      </c>
      <c r="G5493" s="5">
        <v>20</v>
      </c>
      <c r="H5493" s="5" t="s">
        <v>69</v>
      </c>
      <c r="I5493" s="5" t="s">
        <v>55730</v>
      </c>
      <c r="J5493" s="2" t="s">
        <v>55731</v>
      </c>
      <c r="K5493" s="5" t="s">
        <v>55730</v>
      </c>
      <c r="L5493" s="2" t="s">
        <v>55731</v>
      </c>
      <c r="M5493" s="5" t="s">
        <v>733</v>
      </c>
      <c r="N5493" s="5" t="s">
        <v>38</v>
      </c>
      <c r="O5493" s="5" t="s">
        <v>39</v>
      </c>
      <c r="P5493" s="5" t="s">
        <v>40</v>
      </c>
      <c r="Q5493" s="5" t="s">
        <v>1487</v>
      </c>
      <c r="R5493" s="5"/>
      <c r="S5493" s="5" t="s">
        <v>42</v>
      </c>
      <c r="T5493" s="2">
        <v>0</v>
      </c>
      <c r="U5493" s="2">
        <v>0</v>
      </c>
      <c r="V5493" s="2">
        <v>0</v>
      </c>
      <c r="W5493" s="2">
        <v>0</v>
      </c>
      <c r="X5493" s="2">
        <v>0</v>
      </c>
      <c r="Y5493" s="2">
        <v>0</v>
      </c>
      <c r="Z5493" s="5"/>
      <c r="AA5493" s="5" t="s">
        <v>43</v>
      </c>
      <c r="AB5493" s="5" t="s">
        <v>735</v>
      </c>
      <c r="AC5493" s="2" t="s">
        <v>100085</v>
      </c>
      <c r="AD5493" s="1"/>
    </row>
    <row r="5494" spans="1:30">
      <c r="A5494" s="5" t="s">
        <v>83578</v>
      </c>
      <c r="B5494" s="2" t="s">
        <v>100086</v>
      </c>
      <c r="C5494" s="14" t="s">
        <v>100087</v>
      </c>
      <c r="D5494" s="2" t="s">
        <v>100088</v>
      </c>
      <c r="E5494" s="2" t="s">
        <v>100089</v>
      </c>
      <c r="F5494" s="8">
        <v>4319</v>
      </c>
      <c r="G5494" s="5">
        <v>20</v>
      </c>
      <c r="H5494" s="5" t="s">
        <v>69</v>
      </c>
      <c r="I5494" s="5" t="s">
        <v>55730</v>
      </c>
      <c r="J5494" s="2" t="s">
        <v>55731</v>
      </c>
      <c r="K5494" s="5" t="s">
        <v>55730</v>
      </c>
      <c r="L5494" s="2" t="s">
        <v>55731</v>
      </c>
      <c r="M5494" s="5" t="s">
        <v>733</v>
      </c>
      <c r="N5494" s="5" t="s">
        <v>38</v>
      </c>
      <c r="O5494" s="5" t="s">
        <v>39</v>
      </c>
      <c r="P5494" s="5" t="s">
        <v>40</v>
      </c>
      <c r="Q5494" s="5" t="s">
        <v>1487</v>
      </c>
      <c r="R5494" s="5"/>
      <c r="S5494" s="5" t="s">
        <v>42</v>
      </c>
      <c r="T5494" s="2">
        <v>0</v>
      </c>
      <c r="U5494" s="2">
        <v>0</v>
      </c>
      <c r="V5494" s="2">
        <v>0</v>
      </c>
      <c r="W5494" s="2">
        <v>0</v>
      </c>
      <c r="X5494" s="2">
        <v>0</v>
      </c>
      <c r="Y5494" s="2">
        <v>0</v>
      </c>
      <c r="Z5494" s="5"/>
      <c r="AA5494" s="5" t="s">
        <v>43</v>
      </c>
      <c r="AB5494" s="5" t="s">
        <v>735</v>
      </c>
      <c r="AC5494" s="2" t="s">
        <v>100090</v>
      </c>
      <c r="AD5494" s="1"/>
    </row>
    <row r="5495" spans="1:30">
      <c r="A5495" s="5" t="s">
        <v>83578</v>
      </c>
      <c r="B5495" s="2" t="s">
        <v>100091</v>
      </c>
      <c r="C5495" s="14" t="s">
        <v>100092</v>
      </c>
      <c r="D5495" s="2" t="s">
        <v>100093</v>
      </c>
      <c r="E5495" s="2" t="s">
        <v>100094</v>
      </c>
      <c r="F5495" s="8">
        <v>4574</v>
      </c>
      <c r="G5495" s="5">
        <v>20</v>
      </c>
      <c r="H5495" s="5" t="s">
        <v>69</v>
      </c>
      <c r="I5495" s="5" t="s">
        <v>55730</v>
      </c>
      <c r="J5495" s="2" t="s">
        <v>55731</v>
      </c>
      <c r="K5495" s="5" t="s">
        <v>55730</v>
      </c>
      <c r="L5495" s="2" t="s">
        <v>55731</v>
      </c>
      <c r="M5495" s="5" t="s">
        <v>733</v>
      </c>
      <c r="N5495" s="5" t="s">
        <v>38</v>
      </c>
      <c r="O5495" s="5" t="s">
        <v>39</v>
      </c>
      <c r="P5495" s="5" t="s">
        <v>40</v>
      </c>
      <c r="Q5495" s="5" t="s">
        <v>1487</v>
      </c>
      <c r="R5495" s="5"/>
      <c r="S5495" s="5" t="s">
        <v>42</v>
      </c>
      <c r="T5495" s="2">
        <v>0</v>
      </c>
      <c r="U5495" s="2">
        <v>0</v>
      </c>
      <c r="V5495" s="2">
        <v>0</v>
      </c>
      <c r="W5495" s="2">
        <v>0</v>
      </c>
      <c r="X5495" s="2">
        <v>0</v>
      </c>
      <c r="Y5495" s="2">
        <v>0</v>
      </c>
      <c r="Z5495" s="5"/>
      <c r="AA5495" s="5" t="s">
        <v>43</v>
      </c>
      <c r="AB5495" s="5" t="s">
        <v>735</v>
      </c>
      <c r="AC5495" s="2" t="s">
        <v>100095</v>
      </c>
      <c r="AD5495" s="1"/>
    </row>
    <row r="5496" spans="1:30">
      <c r="A5496" s="5" t="s">
        <v>83578</v>
      </c>
      <c r="B5496" s="2" t="s">
        <v>100096</v>
      </c>
      <c r="C5496" s="14" t="s">
        <v>100097</v>
      </c>
      <c r="D5496" s="2" t="s">
        <v>100098</v>
      </c>
      <c r="E5496" s="2" t="s">
        <v>100099</v>
      </c>
      <c r="F5496" s="8">
        <v>2209</v>
      </c>
      <c r="G5496" s="5">
        <v>15</v>
      </c>
      <c r="H5496" s="5" t="s">
        <v>69</v>
      </c>
      <c r="I5496" s="5" t="s">
        <v>55730</v>
      </c>
      <c r="J5496" s="2" t="s">
        <v>55731</v>
      </c>
      <c r="K5496" s="5" t="s">
        <v>55730</v>
      </c>
      <c r="L5496" s="2" t="s">
        <v>55731</v>
      </c>
      <c r="M5496" s="5" t="s">
        <v>733</v>
      </c>
      <c r="N5496" s="5" t="s">
        <v>38</v>
      </c>
      <c r="O5496" s="5" t="s">
        <v>39</v>
      </c>
      <c r="P5496" s="5" t="s">
        <v>40</v>
      </c>
      <c r="Q5496" s="5" t="s">
        <v>897</v>
      </c>
      <c r="R5496" s="5" t="s">
        <v>40</v>
      </c>
      <c r="S5496" s="5" t="s">
        <v>42</v>
      </c>
      <c r="T5496" s="2">
        <v>66.260000000000005</v>
      </c>
      <c r="U5496" s="2">
        <v>58.750999999999998</v>
      </c>
      <c r="V5496" s="2">
        <v>0.20699999999999999</v>
      </c>
      <c r="W5496" s="2">
        <v>17.100000000000001</v>
      </c>
      <c r="X5496" s="2">
        <v>80.900000000000006</v>
      </c>
      <c r="Y5496" s="2">
        <v>149.80000000000001</v>
      </c>
      <c r="Z5496" s="5">
        <v>5</v>
      </c>
      <c r="AA5496" s="5" t="s">
        <v>43</v>
      </c>
      <c r="AB5496" s="5" t="s">
        <v>735</v>
      </c>
      <c r="AC5496" s="2" t="s">
        <v>100100</v>
      </c>
      <c r="AD5496" s="1"/>
    </row>
    <row r="5497" spans="1:30">
      <c r="A5497" s="5" t="s">
        <v>83578</v>
      </c>
      <c r="B5497" s="2" t="s">
        <v>100101</v>
      </c>
      <c r="C5497" s="14" t="s">
        <v>100102</v>
      </c>
      <c r="D5497" s="2" t="s">
        <v>100103</v>
      </c>
      <c r="E5497" s="2" t="s">
        <v>100104</v>
      </c>
      <c r="F5497" s="8">
        <v>2209</v>
      </c>
      <c r="G5497" s="5">
        <v>15</v>
      </c>
      <c r="H5497" s="5" t="s">
        <v>69</v>
      </c>
      <c r="I5497" s="5" t="s">
        <v>55730</v>
      </c>
      <c r="J5497" s="2" t="s">
        <v>55731</v>
      </c>
      <c r="K5497" s="5" t="s">
        <v>55730</v>
      </c>
      <c r="L5497" s="2" t="s">
        <v>55731</v>
      </c>
      <c r="M5497" s="5" t="s">
        <v>733</v>
      </c>
      <c r="N5497" s="5" t="s">
        <v>38</v>
      </c>
      <c r="O5497" s="5" t="s">
        <v>39</v>
      </c>
      <c r="P5497" s="5" t="s">
        <v>40</v>
      </c>
      <c r="Q5497" s="5" t="s">
        <v>897</v>
      </c>
      <c r="R5497" s="5" t="s">
        <v>40</v>
      </c>
      <c r="S5497" s="5" t="s">
        <v>42</v>
      </c>
      <c r="T5497" s="2">
        <v>65.043999999999997</v>
      </c>
      <c r="U5497" s="2">
        <v>57.534999999999997</v>
      </c>
      <c r="V5497" s="2">
        <v>0.20699999999999999</v>
      </c>
      <c r="W5497" s="2">
        <v>17.100000000000001</v>
      </c>
      <c r="X5497" s="2">
        <v>80.900000000000006</v>
      </c>
      <c r="Y5497" s="2">
        <v>149.80000000000001</v>
      </c>
      <c r="Z5497" s="5">
        <v>5</v>
      </c>
      <c r="AA5497" s="5" t="s">
        <v>43</v>
      </c>
      <c r="AB5497" s="5" t="s">
        <v>735</v>
      </c>
      <c r="AC5497" s="2" t="s">
        <v>100105</v>
      </c>
      <c r="AD5497" s="1"/>
    </row>
    <row r="5498" spans="1:30">
      <c r="A5498" s="5" t="s">
        <v>83578</v>
      </c>
      <c r="B5498" s="2" t="s">
        <v>100106</v>
      </c>
      <c r="C5498" s="14" t="s">
        <v>100107</v>
      </c>
      <c r="D5498" s="2" t="s">
        <v>100108</v>
      </c>
      <c r="E5498" s="2" t="s">
        <v>100109</v>
      </c>
      <c r="F5498" s="8">
        <v>2209</v>
      </c>
      <c r="G5498" s="5">
        <v>15</v>
      </c>
      <c r="H5498" s="5" t="s">
        <v>69</v>
      </c>
      <c r="I5498" s="5" t="s">
        <v>55730</v>
      </c>
      <c r="J5498" s="2" t="s">
        <v>55731</v>
      </c>
      <c r="K5498" s="5" t="s">
        <v>55730</v>
      </c>
      <c r="L5498" s="2" t="s">
        <v>55731</v>
      </c>
      <c r="M5498" s="5" t="s">
        <v>733</v>
      </c>
      <c r="N5498" s="5" t="s">
        <v>38</v>
      </c>
      <c r="O5498" s="5" t="s">
        <v>39</v>
      </c>
      <c r="P5498" s="5" t="s">
        <v>40</v>
      </c>
      <c r="Q5498" s="5" t="s">
        <v>897</v>
      </c>
      <c r="R5498" s="5" t="s">
        <v>40</v>
      </c>
      <c r="S5498" s="5" t="s">
        <v>42</v>
      </c>
      <c r="T5498" s="2">
        <v>68.462999999999994</v>
      </c>
      <c r="U5498" s="2">
        <v>62.188000000000002</v>
      </c>
      <c r="V5498" s="2">
        <v>0.20699999999999999</v>
      </c>
      <c r="W5498" s="2">
        <v>17.100000000000001</v>
      </c>
      <c r="X5498" s="2">
        <v>80.900000000000006</v>
      </c>
      <c r="Y5498" s="2">
        <v>149.80000000000001</v>
      </c>
      <c r="Z5498" s="5">
        <v>5</v>
      </c>
      <c r="AA5498" s="5" t="s">
        <v>43</v>
      </c>
      <c r="AB5498" s="5" t="s">
        <v>735</v>
      </c>
      <c r="AC5498" s="2" t="s">
        <v>100110</v>
      </c>
      <c r="AD5498" s="1"/>
    </row>
    <row r="5499" spans="1:30">
      <c r="A5499" s="5" t="s">
        <v>83578</v>
      </c>
      <c r="B5499" s="2" t="s">
        <v>100111</v>
      </c>
      <c r="C5499" s="14" t="s">
        <v>100112</v>
      </c>
      <c r="D5499" s="2" t="s">
        <v>100113</v>
      </c>
      <c r="E5499" s="2" t="s">
        <v>100114</v>
      </c>
      <c r="F5499" s="8">
        <v>1076</v>
      </c>
      <c r="G5499" s="5">
        <v>10</v>
      </c>
      <c r="H5499" s="5" t="s">
        <v>69</v>
      </c>
      <c r="I5499" s="5" t="s">
        <v>55802</v>
      </c>
      <c r="J5499" s="2" t="s">
        <v>55803</v>
      </c>
      <c r="K5499" s="5" t="s">
        <v>55802</v>
      </c>
      <c r="L5499" s="2" t="s">
        <v>55803</v>
      </c>
      <c r="M5499" s="5" t="s">
        <v>733</v>
      </c>
      <c r="N5499" s="5" t="s">
        <v>38</v>
      </c>
      <c r="O5499" s="5" t="s">
        <v>39</v>
      </c>
      <c r="P5499" s="5" t="s">
        <v>40</v>
      </c>
      <c r="Q5499" s="5" t="s">
        <v>897</v>
      </c>
      <c r="R5499" s="5" t="s">
        <v>40</v>
      </c>
      <c r="S5499" s="5" t="s">
        <v>42</v>
      </c>
      <c r="T5499" s="2">
        <v>28.492000000000001</v>
      </c>
      <c r="U5499" s="2">
        <v>26.603999999999999</v>
      </c>
      <c r="V5499" s="2">
        <v>0.09</v>
      </c>
      <c r="W5499" s="2">
        <v>17</v>
      </c>
      <c r="X5499" s="2">
        <v>57.7</v>
      </c>
      <c r="Y5499" s="2">
        <v>91.6</v>
      </c>
      <c r="Z5499" s="5">
        <v>7</v>
      </c>
      <c r="AA5499" s="5" t="s">
        <v>43</v>
      </c>
      <c r="AB5499" s="5" t="s">
        <v>735</v>
      </c>
      <c r="AC5499" s="2" t="s">
        <v>100115</v>
      </c>
      <c r="AD5499" s="1"/>
    </row>
    <row r="5500" spans="1:30">
      <c r="A5500" s="5" t="s">
        <v>83578</v>
      </c>
      <c r="B5500" s="2" t="s">
        <v>100116</v>
      </c>
      <c r="C5500" s="14" t="s">
        <v>100117</v>
      </c>
      <c r="D5500" s="2" t="s">
        <v>100118</v>
      </c>
      <c r="E5500" s="2" t="s">
        <v>100119</v>
      </c>
      <c r="F5500" s="8">
        <v>1076</v>
      </c>
      <c r="G5500" s="5">
        <v>10</v>
      </c>
      <c r="H5500" s="5" t="s">
        <v>69</v>
      </c>
      <c r="I5500" s="5" t="s">
        <v>55802</v>
      </c>
      <c r="J5500" s="2" t="s">
        <v>55803</v>
      </c>
      <c r="K5500" s="5" t="s">
        <v>55802</v>
      </c>
      <c r="L5500" s="2" t="s">
        <v>55803</v>
      </c>
      <c r="M5500" s="5" t="s">
        <v>733</v>
      </c>
      <c r="N5500" s="5" t="s">
        <v>38</v>
      </c>
      <c r="O5500" s="5" t="s">
        <v>39</v>
      </c>
      <c r="P5500" s="5" t="s">
        <v>40</v>
      </c>
      <c r="Q5500" s="5" t="s">
        <v>897</v>
      </c>
      <c r="R5500" s="5" t="s">
        <v>40</v>
      </c>
      <c r="S5500" s="5" t="s">
        <v>42</v>
      </c>
      <c r="T5500" s="2">
        <v>27.91</v>
      </c>
      <c r="U5500" s="2">
        <v>26.021999999999998</v>
      </c>
      <c r="V5500" s="2">
        <v>0.09</v>
      </c>
      <c r="W5500" s="2">
        <v>17</v>
      </c>
      <c r="X5500" s="2">
        <v>57.7</v>
      </c>
      <c r="Y5500" s="2">
        <v>91.6</v>
      </c>
      <c r="Z5500" s="5">
        <v>7</v>
      </c>
      <c r="AA5500" s="5" t="s">
        <v>43</v>
      </c>
      <c r="AB5500" s="5" t="s">
        <v>735</v>
      </c>
      <c r="AC5500" s="2" t="s">
        <v>100120</v>
      </c>
      <c r="AD5500" s="1"/>
    </row>
    <row r="5501" spans="1:30">
      <c r="A5501" s="5" t="s">
        <v>83578</v>
      </c>
      <c r="B5501" s="2" t="s">
        <v>100121</v>
      </c>
      <c r="C5501" s="14" t="s">
        <v>100122</v>
      </c>
      <c r="D5501" s="2" t="s">
        <v>100123</v>
      </c>
      <c r="E5501" s="2" t="s">
        <v>100124</v>
      </c>
      <c r="F5501" s="8">
        <v>1076</v>
      </c>
      <c r="G5501" s="5">
        <v>10</v>
      </c>
      <c r="H5501" s="5" t="s">
        <v>69</v>
      </c>
      <c r="I5501" s="5" t="s">
        <v>55802</v>
      </c>
      <c r="J5501" s="2" t="s">
        <v>55803</v>
      </c>
      <c r="K5501" s="5" t="s">
        <v>55802</v>
      </c>
      <c r="L5501" s="2" t="s">
        <v>55803</v>
      </c>
      <c r="M5501" s="5" t="s">
        <v>733</v>
      </c>
      <c r="N5501" s="5" t="s">
        <v>38</v>
      </c>
      <c r="O5501" s="5" t="s">
        <v>39</v>
      </c>
      <c r="P5501" s="5" t="s">
        <v>40</v>
      </c>
      <c r="Q5501" s="5" t="s">
        <v>897</v>
      </c>
      <c r="R5501" s="5" t="s">
        <v>40</v>
      </c>
      <c r="S5501" s="5" t="s">
        <v>42</v>
      </c>
      <c r="T5501" s="2">
        <v>28.504999999999999</v>
      </c>
      <c r="U5501" s="2">
        <v>26.617000000000001</v>
      </c>
      <c r="V5501" s="2">
        <v>0.09</v>
      </c>
      <c r="W5501" s="2">
        <v>17</v>
      </c>
      <c r="X5501" s="2">
        <v>57.7</v>
      </c>
      <c r="Y5501" s="2">
        <v>91.6</v>
      </c>
      <c r="Z5501" s="5">
        <v>7</v>
      </c>
      <c r="AA5501" s="5" t="s">
        <v>43</v>
      </c>
      <c r="AB5501" s="5" t="s">
        <v>735</v>
      </c>
      <c r="AC5501" s="2" t="s">
        <v>100125</v>
      </c>
      <c r="AD5501" s="1"/>
    </row>
    <row r="5502" spans="1:30">
      <c r="A5502" s="5" t="s">
        <v>83578</v>
      </c>
      <c r="B5502" s="2" t="s">
        <v>100126</v>
      </c>
      <c r="C5502" s="14" t="s">
        <v>100127</v>
      </c>
      <c r="D5502" s="2" t="s">
        <v>100128</v>
      </c>
      <c r="E5502" s="2" t="s">
        <v>100129</v>
      </c>
      <c r="F5502" s="8">
        <v>1076</v>
      </c>
      <c r="G5502" s="5">
        <v>10</v>
      </c>
      <c r="H5502" s="5" t="s">
        <v>69</v>
      </c>
      <c r="I5502" s="5" t="s">
        <v>55802</v>
      </c>
      <c r="J5502" s="2" t="s">
        <v>55803</v>
      </c>
      <c r="K5502" s="5" t="s">
        <v>55802</v>
      </c>
      <c r="L5502" s="2" t="s">
        <v>55803</v>
      </c>
      <c r="M5502" s="5" t="s">
        <v>733</v>
      </c>
      <c r="N5502" s="5" t="s">
        <v>38</v>
      </c>
      <c r="O5502" s="5" t="s">
        <v>39</v>
      </c>
      <c r="P5502" s="5" t="s">
        <v>40</v>
      </c>
      <c r="Q5502" s="5" t="s">
        <v>897</v>
      </c>
      <c r="R5502" s="5" t="s">
        <v>40</v>
      </c>
      <c r="S5502" s="5" t="s">
        <v>42</v>
      </c>
      <c r="T5502" s="2">
        <v>27.922999999999998</v>
      </c>
      <c r="U5502" s="2">
        <v>26.035</v>
      </c>
      <c r="V5502" s="2">
        <v>0.09</v>
      </c>
      <c r="W5502" s="2">
        <v>17</v>
      </c>
      <c r="X5502" s="2">
        <v>57.7</v>
      </c>
      <c r="Y5502" s="2">
        <v>91.6</v>
      </c>
      <c r="Z5502" s="5">
        <v>7</v>
      </c>
      <c r="AA5502" s="5" t="s">
        <v>43</v>
      </c>
      <c r="AB5502" s="5" t="s">
        <v>735</v>
      </c>
      <c r="AC5502" s="2" t="s">
        <v>100130</v>
      </c>
      <c r="AD5502" s="1"/>
    </row>
    <row r="5503" spans="1:30">
      <c r="A5503" s="5" t="s">
        <v>83578</v>
      </c>
      <c r="B5503" s="2" t="s">
        <v>100131</v>
      </c>
      <c r="C5503" s="14" t="s">
        <v>100132</v>
      </c>
      <c r="D5503" s="2" t="s">
        <v>100133</v>
      </c>
      <c r="E5503" s="2" t="s">
        <v>56235</v>
      </c>
      <c r="F5503" s="8">
        <v>914</v>
      </c>
      <c r="G5503" s="5">
        <v>10</v>
      </c>
      <c r="H5503" s="5" t="s">
        <v>69</v>
      </c>
      <c r="I5503" s="5" t="s">
        <v>55802</v>
      </c>
      <c r="J5503" s="2" t="s">
        <v>55803</v>
      </c>
      <c r="K5503" s="5" t="s">
        <v>55802</v>
      </c>
      <c r="L5503" s="2" t="s">
        <v>55803</v>
      </c>
      <c r="M5503" s="5" t="s">
        <v>733</v>
      </c>
      <c r="N5503" s="5" t="s">
        <v>38</v>
      </c>
      <c r="O5503" s="5" t="s">
        <v>39</v>
      </c>
      <c r="P5503" s="5" t="s">
        <v>40</v>
      </c>
      <c r="Q5503" s="5" t="s">
        <v>897</v>
      </c>
      <c r="R5503" s="5" t="s">
        <v>40</v>
      </c>
      <c r="S5503" s="5" t="s">
        <v>42</v>
      </c>
      <c r="T5503" s="2">
        <v>27.283000000000001</v>
      </c>
      <c r="U5503" s="2">
        <v>25.102</v>
      </c>
      <c r="V5503" s="2">
        <v>0.109</v>
      </c>
      <c r="W5503" s="2">
        <v>17</v>
      </c>
      <c r="X5503" s="2">
        <v>57.7</v>
      </c>
      <c r="Y5503" s="2">
        <v>111.6</v>
      </c>
      <c r="Z5503" s="5">
        <v>7</v>
      </c>
      <c r="AA5503" s="5" t="s">
        <v>43</v>
      </c>
      <c r="AB5503" s="5" t="s">
        <v>735</v>
      </c>
      <c r="AC5503" s="2" t="s">
        <v>100134</v>
      </c>
      <c r="AD5503" s="1"/>
    </row>
    <row r="5504" spans="1:30">
      <c r="A5504" s="5" t="s">
        <v>83578</v>
      </c>
      <c r="B5504" s="2" t="s">
        <v>100135</v>
      </c>
      <c r="C5504" s="14" t="s">
        <v>100136</v>
      </c>
      <c r="D5504" s="2" t="s">
        <v>100137</v>
      </c>
      <c r="E5504" s="2" t="s">
        <v>100138</v>
      </c>
      <c r="F5504" s="8">
        <v>1225</v>
      </c>
      <c r="G5504" s="5">
        <v>10</v>
      </c>
      <c r="H5504" s="5" t="s">
        <v>69</v>
      </c>
      <c r="I5504" s="5" t="s">
        <v>55802</v>
      </c>
      <c r="J5504" s="2" t="s">
        <v>55803</v>
      </c>
      <c r="K5504" s="5" t="s">
        <v>55802</v>
      </c>
      <c r="L5504" s="2" t="s">
        <v>55803</v>
      </c>
      <c r="M5504" s="5" t="s">
        <v>733</v>
      </c>
      <c r="N5504" s="5" t="s">
        <v>38</v>
      </c>
      <c r="O5504" s="5" t="s">
        <v>39</v>
      </c>
      <c r="P5504" s="5" t="s">
        <v>40</v>
      </c>
      <c r="Q5504" s="5" t="s">
        <v>897</v>
      </c>
      <c r="R5504" s="5" t="s">
        <v>40</v>
      </c>
      <c r="S5504" s="5" t="s">
        <v>42</v>
      </c>
      <c r="T5504" s="2">
        <v>39.987000000000002</v>
      </c>
      <c r="U5504" s="2">
        <v>37.521999999999998</v>
      </c>
      <c r="V5504" s="2">
        <v>0.129</v>
      </c>
      <c r="W5504" s="2">
        <v>17</v>
      </c>
      <c r="X5504" s="2">
        <v>57.7</v>
      </c>
      <c r="Y5504" s="2">
        <v>131.6</v>
      </c>
      <c r="Z5504" s="5">
        <v>7</v>
      </c>
      <c r="AA5504" s="5" t="s">
        <v>43</v>
      </c>
      <c r="AB5504" s="5" t="s">
        <v>735</v>
      </c>
      <c r="AC5504" s="2" t="s">
        <v>100139</v>
      </c>
      <c r="AD5504" s="1"/>
    </row>
    <row r="5505" spans="1:30">
      <c r="A5505" s="5" t="s">
        <v>83578</v>
      </c>
      <c r="B5505" s="2" t="s">
        <v>100140</v>
      </c>
      <c r="C5505" s="14" t="s">
        <v>100141</v>
      </c>
      <c r="D5505" s="2" t="s">
        <v>100142</v>
      </c>
      <c r="E5505" s="2" t="s">
        <v>100143</v>
      </c>
      <c r="F5505" s="8">
        <v>1132</v>
      </c>
      <c r="G5505" s="5">
        <v>10</v>
      </c>
      <c r="H5505" s="5" t="s">
        <v>69</v>
      </c>
      <c r="I5505" s="5" t="s">
        <v>55802</v>
      </c>
      <c r="J5505" s="2" t="s">
        <v>55803</v>
      </c>
      <c r="K5505" s="5" t="s">
        <v>55802</v>
      </c>
      <c r="L5505" s="2" t="s">
        <v>55803</v>
      </c>
      <c r="M5505" s="5" t="s">
        <v>733</v>
      </c>
      <c r="N5505" s="5" t="s">
        <v>38</v>
      </c>
      <c r="O5505" s="5" t="s">
        <v>39</v>
      </c>
      <c r="P5505" s="5" t="s">
        <v>40</v>
      </c>
      <c r="Q5505" s="5" t="s">
        <v>897</v>
      </c>
      <c r="R5505" s="5" t="s">
        <v>40</v>
      </c>
      <c r="S5505" s="5" t="s">
        <v>42</v>
      </c>
      <c r="T5505" s="2">
        <v>35.19</v>
      </c>
      <c r="U5505" s="2">
        <v>32.72</v>
      </c>
      <c r="V5505" s="2">
        <v>0.129</v>
      </c>
      <c r="W5505" s="2">
        <v>17</v>
      </c>
      <c r="X5505" s="2">
        <v>57.7</v>
      </c>
      <c r="Y5505" s="2">
        <v>131.6</v>
      </c>
      <c r="Z5505" s="5">
        <v>7</v>
      </c>
      <c r="AA5505" s="5" t="s">
        <v>43</v>
      </c>
      <c r="AB5505" s="5" t="s">
        <v>735</v>
      </c>
      <c r="AC5505" s="2" t="s">
        <v>100144</v>
      </c>
      <c r="AD5505" s="1"/>
    </row>
    <row r="5506" spans="1:30">
      <c r="A5506" s="5" t="s">
        <v>83578</v>
      </c>
      <c r="B5506" s="2" t="s">
        <v>100145</v>
      </c>
      <c r="C5506" s="14" t="s">
        <v>100146</v>
      </c>
      <c r="D5506" s="2" t="s">
        <v>100147</v>
      </c>
      <c r="E5506" s="2" t="s">
        <v>56546</v>
      </c>
      <c r="F5506" s="8">
        <v>757</v>
      </c>
      <c r="G5506" s="5">
        <v>10</v>
      </c>
      <c r="H5506" s="5" t="s">
        <v>69</v>
      </c>
      <c r="I5506" s="5" t="s">
        <v>55802</v>
      </c>
      <c r="J5506" s="2" t="s">
        <v>55803</v>
      </c>
      <c r="K5506" s="5" t="s">
        <v>55802</v>
      </c>
      <c r="L5506" s="2" t="s">
        <v>55803</v>
      </c>
      <c r="M5506" s="5" t="s">
        <v>733</v>
      </c>
      <c r="N5506" s="5" t="s">
        <v>38</v>
      </c>
      <c r="O5506" s="5" t="s">
        <v>39</v>
      </c>
      <c r="P5506" s="5" t="s">
        <v>40</v>
      </c>
      <c r="Q5506" s="5" t="s">
        <v>897</v>
      </c>
      <c r="R5506" s="5" t="s">
        <v>40</v>
      </c>
      <c r="S5506" s="5" t="s">
        <v>42</v>
      </c>
      <c r="T5506" s="2">
        <v>33.107999999999997</v>
      </c>
      <c r="U5506" s="2">
        <v>30.638000000000002</v>
      </c>
      <c r="V5506" s="2">
        <v>0.129</v>
      </c>
      <c r="W5506" s="2">
        <v>17</v>
      </c>
      <c r="X5506" s="2">
        <v>57.7</v>
      </c>
      <c r="Y5506" s="2">
        <v>131.6</v>
      </c>
      <c r="Z5506" s="5">
        <v>7</v>
      </c>
      <c r="AA5506" s="5" t="s">
        <v>43</v>
      </c>
      <c r="AB5506" s="5" t="s">
        <v>735</v>
      </c>
      <c r="AC5506" s="2" t="s">
        <v>100148</v>
      </c>
      <c r="AD5506" s="1"/>
    </row>
    <row r="5507" spans="1:30">
      <c r="A5507" s="5" t="s">
        <v>83578</v>
      </c>
      <c r="B5507" s="2" t="s">
        <v>100149</v>
      </c>
      <c r="C5507" s="14" t="s">
        <v>100150</v>
      </c>
      <c r="D5507" s="2" t="s">
        <v>100151</v>
      </c>
      <c r="E5507" s="2" t="s">
        <v>56555</v>
      </c>
      <c r="F5507" s="8">
        <v>875</v>
      </c>
      <c r="G5507" s="5">
        <v>10</v>
      </c>
      <c r="H5507" s="5" t="s">
        <v>69</v>
      </c>
      <c r="I5507" s="5" t="s">
        <v>55802</v>
      </c>
      <c r="J5507" s="2" t="s">
        <v>55803</v>
      </c>
      <c r="K5507" s="5" t="s">
        <v>55802</v>
      </c>
      <c r="L5507" s="2" t="s">
        <v>55803</v>
      </c>
      <c r="M5507" s="5" t="s">
        <v>733</v>
      </c>
      <c r="N5507" s="5" t="s">
        <v>38</v>
      </c>
      <c r="O5507" s="5" t="s">
        <v>39</v>
      </c>
      <c r="P5507" s="5" t="s">
        <v>40</v>
      </c>
      <c r="Q5507" s="5" t="s">
        <v>897</v>
      </c>
      <c r="R5507" s="5" t="s">
        <v>40</v>
      </c>
      <c r="S5507" s="5" t="s">
        <v>42</v>
      </c>
      <c r="T5507" s="2">
        <v>35.122</v>
      </c>
      <c r="U5507" s="2">
        <v>32.540999999999997</v>
      </c>
      <c r="V5507" s="2">
        <v>0.129</v>
      </c>
      <c r="W5507" s="2">
        <v>17</v>
      </c>
      <c r="X5507" s="2">
        <v>57.7</v>
      </c>
      <c r="Y5507" s="2">
        <v>131.6</v>
      </c>
      <c r="Z5507" s="5">
        <v>7</v>
      </c>
      <c r="AA5507" s="5" t="s">
        <v>43</v>
      </c>
      <c r="AB5507" s="5" t="s">
        <v>735</v>
      </c>
      <c r="AC5507" s="2" t="s">
        <v>100152</v>
      </c>
      <c r="AD5507" s="1"/>
    </row>
    <row r="5508" spans="1:30">
      <c r="A5508" s="5" t="s">
        <v>83578</v>
      </c>
      <c r="B5508" s="2" t="s">
        <v>100153</v>
      </c>
      <c r="C5508" s="14" t="s">
        <v>100154</v>
      </c>
      <c r="D5508" s="2" t="s">
        <v>100155</v>
      </c>
      <c r="E5508" s="2" t="s">
        <v>56555</v>
      </c>
      <c r="F5508" s="8">
        <v>875</v>
      </c>
      <c r="G5508" s="5">
        <v>10</v>
      </c>
      <c r="H5508" s="5" t="s">
        <v>69</v>
      </c>
      <c r="I5508" s="5" t="s">
        <v>55802</v>
      </c>
      <c r="J5508" s="2" t="s">
        <v>55803</v>
      </c>
      <c r="K5508" s="5" t="s">
        <v>55802</v>
      </c>
      <c r="L5508" s="2" t="s">
        <v>55803</v>
      </c>
      <c r="M5508" s="5" t="s">
        <v>733</v>
      </c>
      <c r="N5508" s="5" t="s">
        <v>38</v>
      </c>
      <c r="O5508" s="5" t="s">
        <v>39</v>
      </c>
      <c r="P5508" s="5" t="s">
        <v>40</v>
      </c>
      <c r="Q5508" s="5" t="s">
        <v>897</v>
      </c>
      <c r="R5508" s="5" t="s">
        <v>40</v>
      </c>
      <c r="S5508" s="5" t="s">
        <v>42</v>
      </c>
      <c r="T5508" s="2">
        <v>35.249000000000002</v>
      </c>
      <c r="U5508" s="2">
        <v>32.582000000000001</v>
      </c>
      <c r="V5508" s="2">
        <v>0.129</v>
      </c>
      <c r="W5508" s="2">
        <v>17</v>
      </c>
      <c r="X5508" s="2">
        <v>57.7</v>
      </c>
      <c r="Y5508" s="2">
        <v>131.6</v>
      </c>
      <c r="Z5508" s="5">
        <v>7</v>
      </c>
      <c r="AA5508" s="5" t="s">
        <v>43</v>
      </c>
      <c r="AB5508" s="5" t="s">
        <v>735</v>
      </c>
      <c r="AC5508" s="2" t="s">
        <v>100156</v>
      </c>
      <c r="AD5508" s="1"/>
    </row>
    <row r="5509" spans="1:30">
      <c r="A5509" s="5" t="s">
        <v>83578</v>
      </c>
      <c r="B5509" s="2" t="s">
        <v>100157</v>
      </c>
      <c r="C5509" s="14" t="s">
        <v>100158</v>
      </c>
      <c r="D5509" s="2" t="s">
        <v>100159</v>
      </c>
      <c r="E5509" s="2" t="s">
        <v>100160</v>
      </c>
      <c r="F5509" s="8">
        <v>1225</v>
      </c>
      <c r="G5509" s="5">
        <v>10</v>
      </c>
      <c r="H5509" s="5" t="s">
        <v>69</v>
      </c>
      <c r="I5509" s="5" t="s">
        <v>55802</v>
      </c>
      <c r="J5509" s="2" t="s">
        <v>55803</v>
      </c>
      <c r="K5509" s="5" t="s">
        <v>55802</v>
      </c>
      <c r="L5509" s="2" t="s">
        <v>55803</v>
      </c>
      <c r="M5509" s="5" t="s">
        <v>733</v>
      </c>
      <c r="N5509" s="5" t="s">
        <v>38</v>
      </c>
      <c r="O5509" s="5" t="s">
        <v>39</v>
      </c>
      <c r="P5509" s="5" t="s">
        <v>40</v>
      </c>
      <c r="Q5509" s="5" t="s">
        <v>897</v>
      </c>
      <c r="R5509" s="5" t="s">
        <v>40</v>
      </c>
      <c r="S5509" s="5" t="s">
        <v>42</v>
      </c>
      <c r="T5509" s="2">
        <v>39.962000000000003</v>
      </c>
      <c r="U5509" s="2">
        <v>37.497</v>
      </c>
      <c r="V5509" s="2">
        <v>0.129</v>
      </c>
      <c r="W5509" s="2">
        <v>17</v>
      </c>
      <c r="X5509" s="2">
        <v>57.7</v>
      </c>
      <c r="Y5509" s="2">
        <v>131.6</v>
      </c>
      <c r="Z5509" s="5">
        <v>7</v>
      </c>
      <c r="AA5509" s="5" t="s">
        <v>43</v>
      </c>
      <c r="AB5509" s="5" t="s">
        <v>735</v>
      </c>
      <c r="AC5509" s="2" t="s">
        <v>100161</v>
      </c>
      <c r="AD5509" s="1"/>
    </row>
    <row r="5510" spans="1:30">
      <c r="A5510" s="5" t="s">
        <v>83578</v>
      </c>
      <c r="B5510" s="2" t="s">
        <v>100162</v>
      </c>
      <c r="C5510" s="14" t="s">
        <v>100163</v>
      </c>
      <c r="D5510" s="2" t="s">
        <v>100164</v>
      </c>
      <c r="E5510" s="2" t="s">
        <v>100165</v>
      </c>
      <c r="F5510" s="8">
        <v>1225</v>
      </c>
      <c r="G5510" s="5">
        <v>10</v>
      </c>
      <c r="H5510" s="5" t="s">
        <v>69</v>
      </c>
      <c r="I5510" s="5" t="s">
        <v>55802</v>
      </c>
      <c r="J5510" s="2" t="s">
        <v>55803</v>
      </c>
      <c r="K5510" s="5" t="s">
        <v>55802</v>
      </c>
      <c r="L5510" s="2" t="s">
        <v>55803</v>
      </c>
      <c r="M5510" s="5" t="s">
        <v>733</v>
      </c>
      <c r="N5510" s="5" t="s">
        <v>38</v>
      </c>
      <c r="O5510" s="5" t="s">
        <v>39</v>
      </c>
      <c r="P5510" s="5" t="s">
        <v>40</v>
      </c>
      <c r="Q5510" s="5" t="s">
        <v>897</v>
      </c>
      <c r="R5510" s="5" t="s">
        <v>40</v>
      </c>
      <c r="S5510" s="5" t="s">
        <v>42</v>
      </c>
      <c r="T5510" s="2">
        <v>39.570999999999998</v>
      </c>
      <c r="U5510" s="2">
        <v>37.134999999999998</v>
      </c>
      <c r="V5510" s="2">
        <v>0.13</v>
      </c>
      <c r="W5510" s="2">
        <v>17</v>
      </c>
      <c r="X5510" s="2">
        <v>68.7</v>
      </c>
      <c r="Y5510" s="2">
        <v>111.6</v>
      </c>
      <c r="Z5510" s="5">
        <v>7</v>
      </c>
      <c r="AA5510" s="5" t="s">
        <v>43</v>
      </c>
      <c r="AB5510" s="5" t="s">
        <v>735</v>
      </c>
      <c r="AC5510" s="2" t="s">
        <v>100166</v>
      </c>
      <c r="AD5510" s="1"/>
    </row>
    <row r="5511" spans="1:30">
      <c r="A5511" s="5" t="s">
        <v>83578</v>
      </c>
      <c r="B5511" s="2" t="s">
        <v>100167</v>
      </c>
      <c r="C5511" s="14" t="s">
        <v>100168</v>
      </c>
      <c r="D5511" s="2" t="s">
        <v>100169</v>
      </c>
      <c r="E5511" s="2" t="s">
        <v>100170</v>
      </c>
      <c r="F5511" s="8">
        <v>930</v>
      </c>
      <c r="G5511" s="5">
        <v>10</v>
      </c>
      <c r="H5511" s="5" t="s">
        <v>69</v>
      </c>
      <c r="I5511" s="5" t="s">
        <v>55802</v>
      </c>
      <c r="J5511" s="2" t="s">
        <v>55803</v>
      </c>
      <c r="K5511" s="5" t="s">
        <v>55802</v>
      </c>
      <c r="L5511" s="2" t="s">
        <v>55803</v>
      </c>
      <c r="M5511" s="5" t="s">
        <v>733</v>
      </c>
      <c r="N5511" s="5" t="s">
        <v>38</v>
      </c>
      <c r="O5511" s="5" t="s">
        <v>39</v>
      </c>
      <c r="P5511" s="5" t="s">
        <v>40</v>
      </c>
      <c r="Q5511" s="5" t="s">
        <v>897</v>
      </c>
      <c r="R5511" s="5" t="s">
        <v>40</v>
      </c>
      <c r="S5511" s="5" t="s">
        <v>42</v>
      </c>
      <c r="T5511" s="2">
        <v>31.684000000000001</v>
      </c>
      <c r="U5511" s="2">
        <v>29.242999999999999</v>
      </c>
      <c r="V5511" s="2">
        <v>0.13</v>
      </c>
      <c r="W5511" s="2">
        <v>17</v>
      </c>
      <c r="X5511" s="2">
        <v>68.7</v>
      </c>
      <c r="Y5511" s="2">
        <v>111.6</v>
      </c>
      <c r="Z5511" s="5">
        <v>7</v>
      </c>
      <c r="AA5511" s="5" t="s">
        <v>43</v>
      </c>
      <c r="AB5511" s="5" t="s">
        <v>735</v>
      </c>
      <c r="AC5511" s="2" t="s">
        <v>100171</v>
      </c>
      <c r="AD5511" s="1"/>
    </row>
    <row r="5512" spans="1:30">
      <c r="A5512" s="5" t="s">
        <v>83578</v>
      </c>
      <c r="B5512" s="2" t="s">
        <v>100172</v>
      </c>
      <c r="C5512" s="14" t="s">
        <v>100173</v>
      </c>
      <c r="D5512" s="2" t="s">
        <v>100174</v>
      </c>
      <c r="E5512" s="2" t="s">
        <v>100175</v>
      </c>
      <c r="F5512" s="8">
        <v>1132</v>
      </c>
      <c r="G5512" s="5">
        <v>10</v>
      </c>
      <c r="H5512" s="5" t="s">
        <v>69</v>
      </c>
      <c r="I5512" s="5" t="s">
        <v>55802</v>
      </c>
      <c r="J5512" s="2" t="s">
        <v>55803</v>
      </c>
      <c r="K5512" s="5" t="s">
        <v>55802</v>
      </c>
      <c r="L5512" s="2" t="s">
        <v>55803</v>
      </c>
      <c r="M5512" s="5" t="s">
        <v>733</v>
      </c>
      <c r="N5512" s="5" t="s">
        <v>38</v>
      </c>
      <c r="O5512" s="5" t="s">
        <v>39</v>
      </c>
      <c r="P5512" s="5" t="s">
        <v>40</v>
      </c>
      <c r="Q5512" s="5" t="s">
        <v>897</v>
      </c>
      <c r="R5512" s="5" t="s">
        <v>40</v>
      </c>
      <c r="S5512" s="5" t="s">
        <v>42</v>
      </c>
      <c r="T5512" s="2">
        <v>34.677999999999997</v>
      </c>
      <c r="U5512" s="2">
        <v>32.237000000000002</v>
      </c>
      <c r="V5512" s="2">
        <v>0.13</v>
      </c>
      <c r="W5512" s="2">
        <v>17</v>
      </c>
      <c r="X5512" s="2">
        <v>68.7</v>
      </c>
      <c r="Y5512" s="2">
        <v>111.6</v>
      </c>
      <c r="Z5512" s="5">
        <v>7</v>
      </c>
      <c r="AA5512" s="5" t="s">
        <v>43</v>
      </c>
      <c r="AB5512" s="5" t="s">
        <v>735</v>
      </c>
      <c r="AC5512" s="2" t="s">
        <v>100176</v>
      </c>
      <c r="AD5512" s="1"/>
    </row>
    <row r="5513" spans="1:30">
      <c r="A5513" s="5" t="s">
        <v>83578</v>
      </c>
      <c r="B5513" s="2" t="s">
        <v>100177</v>
      </c>
      <c r="C5513" s="14" t="s">
        <v>100178</v>
      </c>
      <c r="D5513" s="2" t="s">
        <v>100179</v>
      </c>
      <c r="E5513" s="2" t="s">
        <v>100180</v>
      </c>
      <c r="F5513" s="8">
        <v>1344</v>
      </c>
      <c r="G5513" s="5">
        <v>10</v>
      </c>
      <c r="H5513" s="5" t="s">
        <v>69</v>
      </c>
      <c r="I5513" s="5" t="s">
        <v>55802</v>
      </c>
      <c r="J5513" s="2" t="s">
        <v>55803</v>
      </c>
      <c r="K5513" s="5" t="s">
        <v>55802</v>
      </c>
      <c r="L5513" s="2" t="s">
        <v>55803</v>
      </c>
      <c r="M5513" s="5" t="s">
        <v>733</v>
      </c>
      <c r="N5513" s="5" t="s">
        <v>38</v>
      </c>
      <c r="O5513" s="5" t="s">
        <v>39</v>
      </c>
      <c r="P5513" s="5" t="s">
        <v>40</v>
      </c>
      <c r="Q5513" s="5" t="s">
        <v>897</v>
      </c>
      <c r="R5513" s="5" t="s">
        <v>40</v>
      </c>
      <c r="S5513" s="5" t="s">
        <v>42</v>
      </c>
      <c r="T5513" s="2">
        <v>46.316000000000003</v>
      </c>
      <c r="U5513" s="2">
        <v>43.56</v>
      </c>
      <c r="V5513" s="2">
        <v>0.154</v>
      </c>
      <c r="W5513" s="2">
        <v>17</v>
      </c>
      <c r="X5513" s="2">
        <v>68.7</v>
      </c>
      <c r="Y5513" s="2">
        <v>131.6</v>
      </c>
      <c r="Z5513" s="5">
        <v>7</v>
      </c>
      <c r="AA5513" s="5" t="s">
        <v>43</v>
      </c>
      <c r="AB5513" s="5" t="s">
        <v>735</v>
      </c>
      <c r="AC5513" s="2" t="s">
        <v>100181</v>
      </c>
      <c r="AD5513" s="1"/>
    </row>
    <row r="5514" spans="1:30">
      <c r="A5514" s="5" t="s">
        <v>83578</v>
      </c>
      <c r="B5514" s="2" t="s">
        <v>100182</v>
      </c>
      <c r="C5514" s="14" t="s">
        <v>100183</v>
      </c>
      <c r="D5514" s="2" t="s">
        <v>100184</v>
      </c>
      <c r="E5514" s="2" t="s">
        <v>100185</v>
      </c>
      <c r="F5514" s="8">
        <v>1344</v>
      </c>
      <c r="G5514" s="5">
        <v>10</v>
      </c>
      <c r="H5514" s="5" t="s">
        <v>69</v>
      </c>
      <c r="I5514" s="5" t="s">
        <v>55802</v>
      </c>
      <c r="J5514" s="2" t="s">
        <v>55803</v>
      </c>
      <c r="K5514" s="5" t="s">
        <v>55802</v>
      </c>
      <c r="L5514" s="2" t="s">
        <v>55803</v>
      </c>
      <c r="M5514" s="5" t="s">
        <v>733</v>
      </c>
      <c r="N5514" s="5" t="s">
        <v>38</v>
      </c>
      <c r="O5514" s="5" t="s">
        <v>39</v>
      </c>
      <c r="P5514" s="5" t="s">
        <v>40</v>
      </c>
      <c r="Q5514" s="5" t="s">
        <v>897</v>
      </c>
      <c r="R5514" s="5" t="s">
        <v>40</v>
      </c>
      <c r="S5514" s="5" t="s">
        <v>42</v>
      </c>
      <c r="T5514" s="2">
        <v>45.508000000000003</v>
      </c>
      <c r="U5514" s="2">
        <v>42.752000000000002</v>
      </c>
      <c r="V5514" s="2">
        <v>0.154</v>
      </c>
      <c r="W5514" s="2">
        <v>17</v>
      </c>
      <c r="X5514" s="2">
        <v>68.7</v>
      </c>
      <c r="Y5514" s="2">
        <v>131.6</v>
      </c>
      <c r="Z5514" s="5">
        <v>7</v>
      </c>
      <c r="AA5514" s="5" t="s">
        <v>43</v>
      </c>
      <c r="AB5514" s="5" t="s">
        <v>735</v>
      </c>
      <c r="AC5514" s="2" t="s">
        <v>100186</v>
      </c>
      <c r="AD5514" s="1"/>
    </row>
    <row r="5515" spans="1:30">
      <c r="A5515" s="5" t="s">
        <v>83578</v>
      </c>
      <c r="B5515" s="2" t="s">
        <v>100187</v>
      </c>
      <c r="C5515" s="14" t="s">
        <v>100188</v>
      </c>
      <c r="D5515" s="2" t="s">
        <v>100189</v>
      </c>
      <c r="E5515" s="2" t="s">
        <v>100190</v>
      </c>
      <c r="F5515" s="8">
        <v>1344</v>
      </c>
      <c r="G5515" s="5">
        <v>10</v>
      </c>
      <c r="H5515" s="5" t="s">
        <v>69</v>
      </c>
      <c r="I5515" s="5" t="s">
        <v>55802</v>
      </c>
      <c r="J5515" s="2" t="s">
        <v>55803</v>
      </c>
      <c r="K5515" s="5" t="s">
        <v>55802</v>
      </c>
      <c r="L5515" s="2" t="s">
        <v>55803</v>
      </c>
      <c r="M5515" s="5" t="s">
        <v>733</v>
      </c>
      <c r="N5515" s="5" t="s">
        <v>38</v>
      </c>
      <c r="O5515" s="5" t="s">
        <v>39</v>
      </c>
      <c r="P5515" s="5" t="s">
        <v>40</v>
      </c>
      <c r="Q5515" s="5" t="s">
        <v>897</v>
      </c>
      <c r="R5515" s="5" t="s">
        <v>40</v>
      </c>
      <c r="S5515" s="5" t="s">
        <v>42</v>
      </c>
      <c r="T5515" s="2">
        <v>46.292999999999999</v>
      </c>
      <c r="U5515" s="2">
        <v>43.536999999999999</v>
      </c>
      <c r="V5515" s="2">
        <v>0.154</v>
      </c>
      <c r="W5515" s="2">
        <v>17</v>
      </c>
      <c r="X5515" s="2">
        <v>68.7</v>
      </c>
      <c r="Y5515" s="2">
        <v>131.6</v>
      </c>
      <c r="Z5515" s="5">
        <v>7</v>
      </c>
      <c r="AA5515" s="5" t="s">
        <v>43</v>
      </c>
      <c r="AB5515" s="5" t="s">
        <v>735</v>
      </c>
      <c r="AC5515" s="2" t="s">
        <v>100191</v>
      </c>
      <c r="AD5515" s="1"/>
    </row>
    <row r="5516" spans="1:30">
      <c r="A5516" s="5" t="s">
        <v>83578</v>
      </c>
      <c r="B5516" s="2" t="s">
        <v>100192</v>
      </c>
      <c r="C5516" s="14" t="s">
        <v>100193</v>
      </c>
      <c r="D5516" s="2" t="s">
        <v>100194</v>
      </c>
      <c r="E5516" s="2" t="s">
        <v>100195</v>
      </c>
      <c r="F5516" s="8">
        <v>1344</v>
      </c>
      <c r="G5516" s="5">
        <v>10</v>
      </c>
      <c r="H5516" s="5" t="s">
        <v>69</v>
      </c>
      <c r="I5516" s="5" t="s">
        <v>55802</v>
      </c>
      <c r="J5516" s="2" t="s">
        <v>55803</v>
      </c>
      <c r="K5516" s="5" t="s">
        <v>55802</v>
      </c>
      <c r="L5516" s="2" t="s">
        <v>55803</v>
      </c>
      <c r="M5516" s="5" t="s">
        <v>733</v>
      </c>
      <c r="N5516" s="5" t="s">
        <v>38</v>
      </c>
      <c r="O5516" s="5" t="s">
        <v>39</v>
      </c>
      <c r="P5516" s="5" t="s">
        <v>40</v>
      </c>
      <c r="Q5516" s="5" t="s">
        <v>897</v>
      </c>
      <c r="R5516" s="5" t="s">
        <v>40</v>
      </c>
      <c r="S5516" s="5" t="s">
        <v>42</v>
      </c>
      <c r="T5516" s="2">
        <v>45.484999999999999</v>
      </c>
      <c r="U5516" s="2">
        <v>42.728999999999999</v>
      </c>
      <c r="V5516" s="2">
        <v>0.154</v>
      </c>
      <c r="W5516" s="2">
        <v>17</v>
      </c>
      <c r="X5516" s="2">
        <v>68.7</v>
      </c>
      <c r="Y5516" s="2">
        <v>131.6</v>
      </c>
      <c r="Z5516" s="5">
        <v>7</v>
      </c>
      <c r="AA5516" s="5" t="s">
        <v>43</v>
      </c>
      <c r="AB5516" s="5" t="s">
        <v>735</v>
      </c>
      <c r="AC5516" s="2" t="s">
        <v>100196</v>
      </c>
      <c r="AD5516" s="1"/>
    </row>
    <row r="5517" spans="1:30">
      <c r="A5517" s="5" t="s">
        <v>83578</v>
      </c>
      <c r="B5517" s="2" t="s">
        <v>100197</v>
      </c>
      <c r="C5517" s="14" t="s">
        <v>100198</v>
      </c>
      <c r="D5517" s="2" t="s">
        <v>100199</v>
      </c>
      <c r="E5517" s="2" t="s">
        <v>57119</v>
      </c>
      <c r="F5517" s="8">
        <v>1533</v>
      </c>
      <c r="G5517" s="5">
        <v>10</v>
      </c>
      <c r="H5517" s="5" t="s">
        <v>69</v>
      </c>
      <c r="I5517" s="5" t="s">
        <v>55802</v>
      </c>
      <c r="J5517" s="2" t="s">
        <v>55803</v>
      </c>
      <c r="K5517" s="5" t="s">
        <v>55802</v>
      </c>
      <c r="L5517" s="2" t="s">
        <v>55803</v>
      </c>
      <c r="M5517" s="5" t="s">
        <v>733</v>
      </c>
      <c r="N5517" s="5" t="s">
        <v>38</v>
      </c>
      <c r="O5517" s="5" t="s">
        <v>39</v>
      </c>
      <c r="P5517" s="5" t="s">
        <v>40</v>
      </c>
      <c r="Q5517" s="5" t="s">
        <v>897</v>
      </c>
      <c r="R5517" s="5" t="s">
        <v>40</v>
      </c>
      <c r="S5517" s="5" t="s">
        <v>42</v>
      </c>
      <c r="T5517" s="2">
        <v>42.192999999999998</v>
      </c>
      <c r="U5517" s="2">
        <v>39.314</v>
      </c>
      <c r="V5517" s="2">
        <v>0.154</v>
      </c>
      <c r="W5517" s="2">
        <v>17</v>
      </c>
      <c r="X5517" s="2">
        <v>68.7</v>
      </c>
      <c r="Y5517" s="2">
        <v>131.6</v>
      </c>
      <c r="Z5517" s="5">
        <v>7</v>
      </c>
      <c r="AA5517" s="5" t="s">
        <v>43</v>
      </c>
      <c r="AB5517" s="5" t="s">
        <v>735</v>
      </c>
      <c r="AC5517" s="2" t="s">
        <v>100200</v>
      </c>
      <c r="AD5517" s="1"/>
    </row>
    <row r="5518" spans="1:30">
      <c r="A5518" s="5" t="s">
        <v>83578</v>
      </c>
      <c r="B5518" s="2" t="s">
        <v>100201</v>
      </c>
      <c r="C5518" s="14" t="s">
        <v>100202</v>
      </c>
      <c r="D5518" s="2" t="s">
        <v>100203</v>
      </c>
      <c r="E5518" s="2" t="s">
        <v>57158</v>
      </c>
      <c r="F5518" s="8">
        <v>967</v>
      </c>
      <c r="G5518" s="5">
        <v>10</v>
      </c>
      <c r="H5518" s="5" t="s">
        <v>69</v>
      </c>
      <c r="I5518" s="5" t="s">
        <v>55802</v>
      </c>
      <c r="J5518" s="2" t="s">
        <v>55803</v>
      </c>
      <c r="K5518" s="5" t="s">
        <v>55802</v>
      </c>
      <c r="L5518" s="2" t="s">
        <v>55803</v>
      </c>
      <c r="M5518" s="5" t="s">
        <v>733</v>
      </c>
      <c r="N5518" s="5" t="s">
        <v>38</v>
      </c>
      <c r="O5518" s="5" t="s">
        <v>39</v>
      </c>
      <c r="P5518" s="5" t="s">
        <v>40</v>
      </c>
      <c r="Q5518" s="5" t="s">
        <v>897</v>
      </c>
      <c r="R5518" s="5" t="s">
        <v>40</v>
      </c>
      <c r="S5518" s="5" t="s">
        <v>42</v>
      </c>
      <c r="T5518" s="2">
        <v>44.238</v>
      </c>
      <c r="U5518" s="2">
        <v>41.097999999999999</v>
      </c>
      <c r="V5518" s="2">
        <v>0.17899999999999999</v>
      </c>
      <c r="W5518" s="2">
        <v>17</v>
      </c>
      <c r="X5518" s="2">
        <v>68.7</v>
      </c>
      <c r="Y5518" s="2">
        <v>153.6</v>
      </c>
      <c r="Z5518" s="5">
        <v>7</v>
      </c>
      <c r="AA5518" s="5" t="s">
        <v>43</v>
      </c>
      <c r="AB5518" s="5" t="s">
        <v>735</v>
      </c>
      <c r="AC5518" s="2" t="s">
        <v>100204</v>
      </c>
      <c r="AD5518" s="1"/>
    </row>
    <row r="5519" spans="1:30">
      <c r="A5519" s="5" t="s">
        <v>83578</v>
      </c>
      <c r="B5519" s="2" t="s">
        <v>100205</v>
      </c>
      <c r="C5519" s="14" t="s">
        <v>100206</v>
      </c>
      <c r="D5519" s="2" t="s">
        <v>100207</v>
      </c>
      <c r="E5519" s="2" t="s">
        <v>57158</v>
      </c>
      <c r="F5519" s="8">
        <v>1267</v>
      </c>
      <c r="G5519" s="5">
        <v>10</v>
      </c>
      <c r="H5519" s="5" t="s">
        <v>69</v>
      </c>
      <c r="I5519" s="5" t="s">
        <v>55802</v>
      </c>
      <c r="J5519" s="2" t="s">
        <v>55803</v>
      </c>
      <c r="K5519" s="5" t="s">
        <v>55802</v>
      </c>
      <c r="L5519" s="2" t="s">
        <v>55803</v>
      </c>
      <c r="M5519" s="5" t="s">
        <v>733</v>
      </c>
      <c r="N5519" s="5" t="s">
        <v>38</v>
      </c>
      <c r="O5519" s="5" t="s">
        <v>39</v>
      </c>
      <c r="P5519" s="5" t="s">
        <v>40</v>
      </c>
      <c r="Q5519" s="5" t="s">
        <v>897</v>
      </c>
      <c r="R5519" s="5" t="s">
        <v>40</v>
      </c>
      <c r="S5519" s="5" t="s">
        <v>42</v>
      </c>
      <c r="T5519" s="2">
        <v>46.280999999999999</v>
      </c>
      <c r="U5519" s="2">
        <v>42.936999999999998</v>
      </c>
      <c r="V5519" s="2">
        <v>0.17899999999999999</v>
      </c>
      <c r="W5519" s="2">
        <v>17</v>
      </c>
      <c r="X5519" s="2">
        <v>68.7</v>
      </c>
      <c r="Y5519" s="2">
        <v>153.6</v>
      </c>
      <c r="Z5519" s="5">
        <v>7</v>
      </c>
      <c r="AA5519" s="5" t="s">
        <v>43</v>
      </c>
      <c r="AB5519" s="5" t="s">
        <v>735</v>
      </c>
      <c r="AC5519" s="2" t="s">
        <v>100208</v>
      </c>
      <c r="AD5519" s="1"/>
    </row>
    <row r="5520" spans="1:30">
      <c r="A5520" s="5" t="s">
        <v>83578</v>
      </c>
      <c r="B5520" s="2" t="s">
        <v>100209</v>
      </c>
      <c r="C5520" s="14" t="s">
        <v>100210</v>
      </c>
      <c r="D5520" s="2" t="s">
        <v>100211</v>
      </c>
      <c r="E5520" s="2" t="s">
        <v>100212</v>
      </c>
      <c r="F5520" s="8">
        <v>1019</v>
      </c>
      <c r="G5520" s="5">
        <v>10</v>
      </c>
      <c r="H5520" s="5" t="s">
        <v>69</v>
      </c>
      <c r="I5520" s="5" t="s">
        <v>55802</v>
      </c>
      <c r="J5520" s="2" t="s">
        <v>55803</v>
      </c>
      <c r="K5520" s="5" t="s">
        <v>55802</v>
      </c>
      <c r="L5520" s="2" t="s">
        <v>55803</v>
      </c>
      <c r="M5520" s="5" t="s">
        <v>733</v>
      </c>
      <c r="N5520" s="5" t="s">
        <v>38</v>
      </c>
      <c r="O5520" s="5" t="s">
        <v>39</v>
      </c>
      <c r="P5520" s="5" t="s">
        <v>40</v>
      </c>
      <c r="Q5520" s="5" t="s">
        <v>897</v>
      </c>
      <c r="R5520" s="5" t="s">
        <v>40</v>
      </c>
      <c r="S5520" s="5" t="s">
        <v>42</v>
      </c>
      <c r="T5520" s="2">
        <v>42.152000000000001</v>
      </c>
      <c r="U5520" s="2">
        <v>39.012</v>
      </c>
      <c r="V5520" s="2">
        <v>0.17899999999999999</v>
      </c>
      <c r="W5520" s="2">
        <v>17</v>
      </c>
      <c r="X5520" s="2">
        <v>68.7</v>
      </c>
      <c r="Y5520" s="2">
        <v>153.6</v>
      </c>
      <c r="Z5520" s="5">
        <v>7</v>
      </c>
      <c r="AA5520" s="5" t="s">
        <v>43</v>
      </c>
      <c r="AB5520" s="5" t="s">
        <v>735</v>
      </c>
      <c r="AC5520" s="2" t="s">
        <v>100213</v>
      </c>
      <c r="AD5520" s="1"/>
    </row>
    <row r="5521" spans="1:30">
      <c r="A5521" s="5" t="s">
        <v>83578</v>
      </c>
      <c r="B5521" s="2" t="s">
        <v>100214</v>
      </c>
      <c r="C5521" s="14" t="s">
        <v>100215</v>
      </c>
      <c r="D5521" s="2" t="s">
        <v>100216</v>
      </c>
      <c r="E5521" s="2" t="s">
        <v>65008</v>
      </c>
      <c r="F5521" s="8">
        <v>1304</v>
      </c>
      <c r="G5521" s="5">
        <v>10</v>
      </c>
      <c r="H5521" s="5" t="s">
        <v>69</v>
      </c>
      <c r="I5521" s="5" t="s">
        <v>55802</v>
      </c>
      <c r="J5521" s="2" t="s">
        <v>55803</v>
      </c>
      <c r="K5521" s="5" t="s">
        <v>55802</v>
      </c>
      <c r="L5521" s="2" t="s">
        <v>55803</v>
      </c>
      <c r="M5521" s="5" t="s">
        <v>733</v>
      </c>
      <c r="N5521" s="5" t="s">
        <v>38</v>
      </c>
      <c r="O5521" s="5" t="s">
        <v>39</v>
      </c>
      <c r="P5521" s="5" t="s">
        <v>40</v>
      </c>
      <c r="Q5521" s="5" t="s">
        <v>897</v>
      </c>
      <c r="R5521" s="5" t="s">
        <v>40</v>
      </c>
      <c r="S5521" s="5" t="s">
        <v>42</v>
      </c>
      <c r="T5521" s="2">
        <v>46.683</v>
      </c>
      <c r="U5521" s="2">
        <v>43.542999999999999</v>
      </c>
      <c r="V5521" s="2">
        <v>0.17899999999999999</v>
      </c>
      <c r="W5521" s="2">
        <v>17</v>
      </c>
      <c r="X5521" s="2">
        <v>68.7</v>
      </c>
      <c r="Y5521" s="2">
        <v>153.6</v>
      </c>
      <c r="Z5521" s="5">
        <v>7</v>
      </c>
      <c r="AA5521" s="5" t="s">
        <v>43</v>
      </c>
      <c r="AB5521" s="5" t="s">
        <v>735</v>
      </c>
      <c r="AC5521" s="2" t="s">
        <v>100217</v>
      </c>
      <c r="AD5521" s="1"/>
    </row>
    <row r="5522" spans="1:30">
      <c r="A5522" s="5" t="s">
        <v>83578</v>
      </c>
      <c r="B5522" s="2" t="s">
        <v>100218</v>
      </c>
      <c r="C5522" s="14" t="s">
        <v>100219</v>
      </c>
      <c r="D5522" s="2" t="s">
        <v>100220</v>
      </c>
      <c r="E5522" s="2" t="s">
        <v>100221</v>
      </c>
      <c r="F5522" s="8">
        <v>1019</v>
      </c>
      <c r="G5522" s="5">
        <v>10</v>
      </c>
      <c r="H5522" s="5" t="s">
        <v>69</v>
      </c>
      <c r="I5522" s="5" t="s">
        <v>55802</v>
      </c>
      <c r="J5522" s="2" t="s">
        <v>55803</v>
      </c>
      <c r="K5522" s="5" t="s">
        <v>55802</v>
      </c>
      <c r="L5522" s="2" t="s">
        <v>55803</v>
      </c>
      <c r="M5522" s="5" t="s">
        <v>733</v>
      </c>
      <c r="N5522" s="5" t="s">
        <v>38</v>
      </c>
      <c r="O5522" s="5" t="s">
        <v>39</v>
      </c>
      <c r="P5522" s="5" t="s">
        <v>40</v>
      </c>
      <c r="Q5522" s="5" t="s">
        <v>897</v>
      </c>
      <c r="R5522" s="5" t="s">
        <v>40</v>
      </c>
      <c r="S5522" s="5" t="s">
        <v>42</v>
      </c>
      <c r="T5522" s="2">
        <v>41.255000000000003</v>
      </c>
      <c r="U5522" s="2">
        <v>38.115000000000002</v>
      </c>
      <c r="V5522" s="2">
        <v>0.17899999999999999</v>
      </c>
      <c r="W5522" s="2">
        <v>17</v>
      </c>
      <c r="X5522" s="2">
        <v>68.7</v>
      </c>
      <c r="Y5522" s="2">
        <v>153.6</v>
      </c>
      <c r="Z5522" s="5">
        <v>7</v>
      </c>
      <c r="AA5522" s="5" t="s">
        <v>43</v>
      </c>
      <c r="AB5522" s="5" t="s">
        <v>735</v>
      </c>
      <c r="AC5522" s="2" t="s">
        <v>100222</v>
      </c>
      <c r="AD5522" s="1"/>
    </row>
    <row r="5523" spans="1:30">
      <c r="A5523" s="5" t="s">
        <v>83578</v>
      </c>
      <c r="B5523" s="2" t="s">
        <v>100223</v>
      </c>
      <c r="C5523" s="14" t="s">
        <v>100224</v>
      </c>
      <c r="D5523" s="2" t="s">
        <v>100225</v>
      </c>
      <c r="E5523" s="2" t="s">
        <v>57297</v>
      </c>
      <c r="F5523" s="8">
        <v>967</v>
      </c>
      <c r="G5523" s="5">
        <v>10</v>
      </c>
      <c r="H5523" s="5" t="s">
        <v>69</v>
      </c>
      <c r="I5523" s="5" t="s">
        <v>55802</v>
      </c>
      <c r="J5523" s="2" t="s">
        <v>55803</v>
      </c>
      <c r="K5523" s="5" t="s">
        <v>55802</v>
      </c>
      <c r="L5523" s="2" t="s">
        <v>55803</v>
      </c>
      <c r="M5523" s="5" t="s">
        <v>733</v>
      </c>
      <c r="N5523" s="5" t="s">
        <v>38</v>
      </c>
      <c r="O5523" s="5" t="s">
        <v>39</v>
      </c>
      <c r="P5523" s="5" t="s">
        <v>40</v>
      </c>
      <c r="Q5523" s="5" t="s">
        <v>897</v>
      </c>
      <c r="R5523" s="5" t="s">
        <v>40</v>
      </c>
      <c r="S5523" s="5" t="s">
        <v>42</v>
      </c>
      <c r="T5523" s="2">
        <v>44.253</v>
      </c>
      <c r="U5523" s="2">
        <v>41.113</v>
      </c>
      <c r="V5523" s="2">
        <v>0.17899999999999999</v>
      </c>
      <c r="W5523" s="2">
        <v>17</v>
      </c>
      <c r="X5523" s="2">
        <v>68.7</v>
      </c>
      <c r="Y5523" s="2">
        <v>153.6</v>
      </c>
      <c r="Z5523" s="5">
        <v>7</v>
      </c>
      <c r="AA5523" s="5" t="s">
        <v>43</v>
      </c>
      <c r="AB5523" s="5" t="s">
        <v>735</v>
      </c>
      <c r="AC5523" s="2" t="s">
        <v>100226</v>
      </c>
      <c r="AD5523" s="1"/>
    </row>
    <row r="5524" spans="1:30">
      <c r="A5524" s="5" t="s">
        <v>83578</v>
      </c>
      <c r="B5524" s="2" t="s">
        <v>100227</v>
      </c>
      <c r="C5524" s="14" t="s">
        <v>100228</v>
      </c>
      <c r="D5524" s="2" t="s">
        <v>100229</v>
      </c>
      <c r="E5524" s="2" t="s">
        <v>57297</v>
      </c>
      <c r="F5524" s="8">
        <v>1267</v>
      </c>
      <c r="G5524" s="5">
        <v>10</v>
      </c>
      <c r="H5524" s="5" t="s">
        <v>69</v>
      </c>
      <c r="I5524" s="5" t="s">
        <v>55802</v>
      </c>
      <c r="J5524" s="2" t="s">
        <v>55803</v>
      </c>
      <c r="K5524" s="5" t="s">
        <v>55802</v>
      </c>
      <c r="L5524" s="2" t="s">
        <v>55803</v>
      </c>
      <c r="M5524" s="5" t="s">
        <v>733</v>
      </c>
      <c r="N5524" s="5" t="s">
        <v>38</v>
      </c>
      <c r="O5524" s="5" t="s">
        <v>39</v>
      </c>
      <c r="P5524" s="5" t="s">
        <v>40</v>
      </c>
      <c r="Q5524" s="5" t="s">
        <v>897</v>
      </c>
      <c r="R5524" s="5" t="s">
        <v>40</v>
      </c>
      <c r="S5524" s="5" t="s">
        <v>42</v>
      </c>
      <c r="T5524" s="2">
        <v>46.295999999999999</v>
      </c>
      <c r="U5524" s="2">
        <v>42.951999999999998</v>
      </c>
      <c r="V5524" s="2">
        <v>0.17899999999999999</v>
      </c>
      <c r="W5524" s="2">
        <v>17</v>
      </c>
      <c r="X5524" s="2">
        <v>68.7</v>
      </c>
      <c r="Y5524" s="2">
        <v>153.6</v>
      </c>
      <c r="Z5524" s="5">
        <v>7</v>
      </c>
      <c r="AA5524" s="5" t="s">
        <v>43</v>
      </c>
      <c r="AB5524" s="5" t="s">
        <v>735</v>
      </c>
      <c r="AC5524" s="2" t="s">
        <v>100230</v>
      </c>
      <c r="AD5524" s="1"/>
    </row>
    <row r="5525" spans="1:30">
      <c r="A5525" s="5" t="s">
        <v>83578</v>
      </c>
      <c r="B5525" s="2" t="s">
        <v>100231</v>
      </c>
      <c r="C5525" s="14" t="s">
        <v>100232</v>
      </c>
      <c r="D5525" s="2" t="s">
        <v>100233</v>
      </c>
      <c r="E5525" s="2" t="s">
        <v>57302</v>
      </c>
      <c r="F5525" s="8">
        <v>710</v>
      </c>
      <c r="G5525" s="5">
        <v>10</v>
      </c>
      <c r="H5525" s="5" t="s">
        <v>69</v>
      </c>
      <c r="I5525" s="5" t="s">
        <v>55802</v>
      </c>
      <c r="J5525" s="2" t="s">
        <v>55803</v>
      </c>
      <c r="K5525" s="5" t="s">
        <v>55802</v>
      </c>
      <c r="L5525" s="2" t="s">
        <v>55803</v>
      </c>
      <c r="M5525" s="5" t="s">
        <v>733</v>
      </c>
      <c r="N5525" s="5" t="s">
        <v>38</v>
      </c>
      <c r="O5525" s="5" t="s">
        <v>39</v>
      </c>
      <c r="P5525" s="5" t="s">
        <v>40</v>
      </c>
      <c r="Q5525" s="5" t="s">
        <v>897</v>
      </c>
      <c r="R5525" s="5" t="s">
        <v>40</v>
      </c>
      <c r="S5525" s="5" t="s">
        <v>42</v>
      </c>
      <c r="T5525" s="2">
        <v>44.475000000000001</v>
      </c>
      <c r="U5525" s="2">
        <v>41.335000000000001</v>
      </c>
      <c r="V5525" s="2">
        <v>0.17899999999999999</v>
      </c>
      <c r="W5525" s="2">
        <v>17</v>
      </c>
      <c r="X5525" s="2">
        <v>68.7</v>
      </c>
      <c r="Y5525" s="2">
        <v>153.6</v>
      </c>
      <c r="Z5525" s="5">
        <v>7</v>
      </c>
      <c r="AA5525" s="5" t="s">
        <v>43</v>
      </c>
      <c r="AB5525" s="5" t="s">
        <v>735</v>
      </c>
      <c r="AC5525" s="2" t="s">
        <v>100234</v>
      </c>
      <c r="AD5525" s="1"/>
    </row>
    <row r="5526" spans="1:30">
      <c r="A5526" s="5" t="s">
        <v>83578</v>
      </c>
      <c r="B5526" s="2" t="s">
        <v>100235</v>
      </c>
      <c r="C5526" s="14" t="s">
        <v>100236</v>
      </c>
      <c r="D5526" s="2" t="s">
        <v>100237</v>
      </c>
      <c r="E5526" s="2" t="s">
        <v>100238</v>
      </c>
      <c r="F5526" s="8">
        <v>1435</v>
      </c>
      <c r="G5526" s="5">
        <v>10</v>
      </c>
      <c r="H5526" s="5" t="s">
        <v>69</v>
      </c>
      <c r="I5526" s="5" t="s">
        <v>55802</v>
      </c>
      <c r="J5526" s="2" t="s">
        <v>55803</v>
      </c>
      <c r="K5526" s="5" t="s">
        <v>55802</v>
      </c>
      <c r="L5526" s="2" t="s">
        <v>55803</v>
      </c>
      <c r="M5526" s="5" t="s">
        <v>733</v>
      </c>
      <c r="N5526" s="5" t="s">
        <v>38</v>
      </c>
      <c r="O5526" s="5" t="s">
        <v>39</v>
      </c>
      <c r="P5526" s="5" t="s">
        <v>40</v>
      </c>
      <c r="Q5526" s="5" t="s">
        <v>897</v>
      </c>
      <c r="R5526" s="5" t="s">
        <v>40</v>
      </c>
      <c r="S5526" s="5" t="s">
        <v>42</v>
      </c>
      <c r="T5526" s="2">
        <v>53.881</v>
      </c>
      <c r="U5526" s="2">
        <v>50.746000000000002</v>
      </c>
      <c r="V5526" s="2">
        <v>0.17899999999999999</v>
      </c>
      <c r="W5526" s="2">
        <v>17</v>
      </c>
      <c r="X5526" s="2">
        <v>68.7</v>
      </c>
      <c r="Y5526" s="2">
        <v>153.6</v>
      </c>
      <c r="Z5526" s="5">
        <v>7</v>
      </c>
      <c r="AA5526" s="5" t="s">
        <v>43</v>
      </c>
      <c r="AB5526" s="5" t="s">
        <v>735</v>
      </c>
      <c r="AC5526" s="2" t="s">
        <v>100239</v>
      </c>
      <c r="AD5526" s="1"/>
    </row>
    <row r="5527" spans="1:30">
      <c r="A5527" s="5" t="s">
        <v>83578</v>
      </c>
      <c r="B5527" s="2" t="s">
        <v>100240</v>
      </c>
      <c r="C5527" s="14" t="s">
        <v>100241</v>
      </c>
      <c r="D5527" s="2" t="s">
        <v>100242</v>
      </c>
      <c r="E5527" s="2" t="s">
        <v>65029</v>
      </c>
      <c r="F5527" s="8">
        <v>1304</v>
      </c>
      <c r="G5527" s="5">
        <v>10</v>
      </c>
      <c r="H5527" s="5" t="s">
        <v>69</v>
      </c>
      <c r="I5527" s="5" t="s">
        <v>55802</v>
      </c>
      <c r="J5527" s="2" t="s">
        <v>55803</v>
      </c>
      <c r="K5527" s="5" t="s">
        <v>55802</v>
      </c>
      <c r="L5527" s="2" t="s">
        <v>55803</v>
      </c>
      <c r="M5527" s="5" t="s">
        <v>733</v>
      </c>
      <c r="N5527" s="5" t="s">
        <v>38</v>
      </c>
      <c r="O5527" s="5" t="s">
        <v>39</v>
      </c>
      <c r="P5527" s="5" t="s">
        <v>40</v>
      </c>
      <c r="Q5527" s="5" t="s">
        <v>897</v>
      </c>
      <c r="R5527" s="5" t="s">
        <v>40</v>
      </c>
      <c r="S5527" s="5" t="s">
        <v>42</v>
      </c>
      <c r="T5527" s="2">
        <v>47.594999999999999</v>
      </c>
      <c r="U5527" s="2">
        <v>44.454999999999998</v>
      </c>
      <c r="V5527" s="2">
        <v>0.17899999999999999</v>
      </c>
      <c r="W5527" s="2">
        <v>17</v>
      </c>
      <c r="X5527" s="2">
        <v>68.7</v>
      </c>
      <c r="Y5527" s="2">
        <v>153.6</v>
      </c>
      <c r="Z5527" s="5">
        <v>7</v>
      </c>
      <c r="AA5527" s="5" t="s">
        <v>43</v>
      </c>
      <c r="AB5527" s="5" t="s">
        <v>735</v>
      </c>
      <c r="AC5527" s="2" t="s">
        <v>100243</v>
      </c>
      <c r="AD5527" s="1"/>
    </row>
    <row r="5528" spans="1:30">
      <c r="A5528" s="5" t="s">
        <v>83578</v>
      </c>
      <c r="B5528" s="2" t="s">
        <v>100244</v>
      </c>
      <c r="C5528" s="14" t="s">
        <v>100245</v>
      </c>
      <c r="D5528" s="2" t="s">
        <v>100246</v>
      </c>
      <c r="E5528" s="2" t="s">
        <v>100247</v>
      </c>
      <c r="F5528" s="8">
        <v>1304</v>
      </c>
      <c r="G5528" s="5">
        <v>10</v>
      </c>
      <c r="H5528" s="5" t="s">
        <v>69</v>
      </c>
      <c r="I5528" s="5" t="s">
        <v>55802</v>
      </c>
      <c r="J5528" s="2" t="s">
        <v>55803</v>
      </c>
      <c r="K5528" s="5" t="s">
        <v>55802</v>
      </c>
      <c r="L5528" s="2" t="s">
        <v>55803</v>
      </c>
      <c r="M5528" s="5" t="s">
        <v>733</v>
      </c>
      <c r="N5528" s="5" t="s">
        <v>38</v>
      </c>
      <c r="O5528" s="5" t="s">
        <v>39</v>
      </c>
      <c r="P5528" s="5" t="s">
        <v>40</v>
      </c>
      <c r="Q5528" s="5" t="s">
        <v>897</v>
      </c>
      <c r="R5528" s="5" t="s">
        <v>40</v>
      </c>
      <c r="S5528" s="5" t="s">
        <v>42</v>
      </c>
      <c r="T5528" s="2">
        <v>46.698</v>
      </c>
      <c r="U5528" s="2">
        <v>43.558</v>
      </c>
      <c r="V5528" s="2">
        <v>0.17899999999999999</v>
      </c>
      <c r="W5528" s="2">
        <v>17</v>
      </c>
      <c r="X5528" s="2">
        <v>68.7</v>
      </c>
      <c r="Y5528" s="2">
        <v>153.6</v>
      </c>
      <c r="Z5528" s="5">
        <v>7</v>
      </c>
      <c r="AA5528" s="5" t="s">
        <v>43</v>
      </c>
      <c r="AB5528" s="5" t="s">
        <v>735</v>
      </c>
      <c r="AC5528" s="2" t="s">
        <v>100248</v>
      </c>
      <c r="AD5528" s="1"/>
    </row>
    <row r="5529" spans="1:30">
      <c r="A5529" s="5" t="s">
        <v>83578</v>
      </c>
      <c r="B5529" s="2" t="s">
        <v>100249</v>
      </c>
      <c r="C5529" s="14" t="s">
        <v>100250</v>
      </c>
      <c r="D5529" s="2" t="s">
        <v>100251</v>
      </c>
      <c r="E5529" s="2" t="s">
        <v>100252</v>
      </c>
      <c r="F5529" s="8">
        <v>1313</v>
      </c>
      <c r="G5529" s="5">
        <v>10</v>
      </c>
      <c r="H5529" s="5" t="s">
        <v>69</v>
      </c>
      <c r="I5529" s="5" t="s">
        <v>55802</v>
      </c>
      <c r="J5529" s="2" t="s">
        <v>55803</v>
      </c>
      <c r="K5529" s="5" t="s">
        <v>55802</v>
      </c>
      <c r="L5529" s="2" t="s">
        <v>55803</v>
      </c>
      <c r="M5529" s="5" t="s">
        <v>733</v>
      </c>
      <c r="N5529" s="5" t="s">
        <v>38</v>
      </c>
      <c r="O5529" s="5" t="s">
        <v>39</v>
      </c>
      <c r="P5529" s="5" t="s">
        <v>40</v>
      </c>
      <c r="Q5529" s="5" t="s">
        <v>897</v>
      </c>
      <c r="R5529" s="5" t="s">
        <v>40</v>
      </c>
      <c r="S5529" s="5" t="s">
        <v>42</v>
      </c>
      <c r="T5529" s="2">
        <v>45.335000000000001</v>
      </c>
      <c r="U5529" s="2">
        <v>42.73</v>
      </c>
      <c r="V5529" s="2">
        <v>0.153</v>
      </c>
      <c r="W5529" s="2">
        <v>17</v>
      </c>
      <c r="X5529" s="2">
        <v>80.7</v>
      </c>
      <c r="Y5529" s="2">
        <v>111.6</v>
      </c>
      <c r="Z5529" s="5">
        <v>7</v>
      </c>
      <c r="AA5529" s="5" t="s">
        <v>43</v>
      </c>
      <c r="AB5529" s="5" t="s">
        <v>735</v>
      </c>
      <c r="AC5529" s="2" t="s">
        <v>100253</v>
      </c>
      <c r="AD5529" s="1"/>
    </row>
    <row r="5530" spans="1:30">
      <c r="A5530" s="5" t="s">
        <v>83578</v>
      </c>
      <c r="B5530" s="2" t="s">
        <v>100254</v>
      </c>
      <c r="C5530" s="14" t="s">
        <v>100255</v>
      </c>
      <c r="D5530" s="2" t="s">
        <v>100256</v>
      </c>
      <c r="E5530" s="2" t="s">
        <v>100257</v>
      </c>
      <c r="F5530" s="8">
        <v>1313</v>
      </c>
      <c r="G5530" s="5">
        <v>10</v>
      </c>
      <c r="H5530" s="5" t="s">
        <v>69</v>
      </c>
      <c r="I5530" s="5" t="s">
        <v>55802</v>
      </c>
      <c r="J5530" s="2" t="s">
        <v>55803</v>
      </c>
      <c r="K5530" s="5" t="s">
        <v>55802</v>
      </c>
      <c r="L5530" s="2" t="s">
        <v>55803</v>
      </c>
      <c r="M5530" s="5" t="s">
        <v>733</v>
      </c>
      <c r="N5530" s="5" t="s">
        <v>38</v>
      </c>
      <c r="O5530" s="5" t="s">
        <v>39</v>
      </c>
      <c r="P5530" s="5" t="s">
        <v>40</v>
      </c>
      <c r="Q5530" s="5" t="s">
        <v>897</v>
      </c>
      <c r="R5530" s="5" t="s">
        <v>40</v>
      </c>
      <c r="S5530" s="5" t="s">
        <v>42</v>
      </c>
      <c r="T5530" s="2">
        <v>45.63</v>
      </c>
      <c r="U5530" s="2">
        <v>43.024999999999999</v>
      </c>
      <c r="V5530" s="2">
        <v>0.153</v>
      </c>
      <c r="W5530" s="2">
        <v>17</v>
      </c>
      <c r="X5530" s="2">
        <v>80.7</v>
      </c>
      <c r="Y5530" s="2">
        <v>111.6</v>
      </c>
      <c r="Z5530" s="5">
        <v>7</v>
      </c>
      <c r="AA5530" s="5" t="s">
        <v>43</v>
      </c>
      <c r="AB5530" s="5" t="s">
        <v>735</v>
      </c>
      <c r="AC5530" s="2" t="s">
        <v>100258</v>
      </c>
      <c r="AD5530" s="1"/>
    </row>
    <row r="5531" spans="1:30">
      <c r="A5531" s="5" t="s">
        <v>83578</v>
      </c>
      <c r="B5531" s="2" t="s">
        <v>100259</v>
      </c>
      <c r="C5531" s="14" t="s">
        <v>100260</v>
      </c>
      <c r="D5531" s="2" t="s">
        <v>100261</v>
      </c>
      <c r="E5531" s="2" t="s">
        <v>100262</v>
      </c>
      <c r="F5531" s="8">
        <v>1435</v>
      </c>
      <c r="G5531" s="5">
        <v>10</v>
      </c>
      <c r="H5531" s="5" t="s">
        <v>69</v>
      </c>
      <c r="I5531" s="5" t="s">
        <v>55802</v>
      </c>
      <c r="J5531" s="2" t="s">
        <v>55803</v>
      </c>
      <c r="K5531" s="5" t="s">
        <v>55802</v>
      </c>
      <c r="L5531" s="2" t="s">
        <v>55803</v>
      </c>
      <c r="M5531" s="5" t="s">
        <v>733</v>
      </c>
      <c r="N5531" s="5" t="s">
        <v>38</v>
      </c>
      <c r="O5531" s="5" t="s">
        <v>39</v>
      </c>
      <c r="P5531" s="5" t="s">
        <v>40</v>
      </c>
      <c r="Q5531" s="5" t="s">
        <v>897</v>
      </c>
      <c r="R5531" s="5" t="s">
        <v>40</v>
      </c>
      <c r="S5531" s="5" t="s">
        <v>42</v>
      </c>
      <c r="T5531" s="2">
        <v>54.578000000000003</v>
      </c>
      <c r="U5531" s="2">
        <v>51.473999999999997</v>
      </c>
      <c r="V5531" s="2">
        <v>0.18099999999999999</v>
      </c>
      <c r="W5531" s="2">
        <v>17</v>
      </c>
      <c r="X5531" s="2">
        <v>80.7</v>
      </c>
      <c r="Y5531" s="2">
        <v>131.6</v>
      </c>
      <c r="Z5531" s="5">
        <v>7</v>
      </c>
      <c r="AA5531" s="5" t="s">
        <v>43</v>
      </c>
      <c r="AB5531" s="5" t="s">
        <v>735</v>
      </c>
      <c r="AC5531" s="2" t="s">
        <v>100263</v>
      </c>
      <c r="AD5531" s="1"/>
    </row>
    <row r="5532" spans="1:30">
      <c r="A5532" s="5" t="s">
        <v>83578</v>
      </c>
      <c r="B5532" s="2" t="s">
        <v>100264</v>
      </c>
      <c r="C5532" s="14" t="s">
        <v>100265</v>
      </c>
      <c r="D5532" s="2" t="s">
        <v>100266</v>
      </c>
      <c r="E5532" s="2" t="s">
        <v>57886</v>
      </c>
      <c r="F5532" s="8">
        <v>1019</v>
      </c>
      <c r="G5532" s="5">
        <v>10</v>
      </c>
      <c r="H5532" s="5" t="s">
        <v>69</v>
      </c>
      <c r="I5532" s="5" t="s">
        <v>55802</v>
      </c>
      <c r="J5532" s="2" t="s">
        <v>55803</v>
      </c>
      <c r="K5532" s="5" t="s">
        <v>55802</v>
      </c>
      <c r="L5532" s="2" t="s">
        <v>55803</v>
      </c>
      <c r="M5532" s="5" t="s">
        <v>733</v>
      </c>
      <c r="N5532" s="5" t="s">
        <v>38</v>
      </c>
      <c r="O5532" s="5" t="s">
        <v>39</v>
      </c>
      <c r="P5532" s="5" t="s">
        <v>40</v>
      </c>
      <c r="Q5532" s="5" t="s">
        <v>897</v>
      </c>
      <c r="R5532" s="5" t="s">
        <v>40</v>
      </c>
      <c r="S5532" s="5" t="s">
        <v>42</v>
      </c>
      <c r="T5532" s="2">
        <v>41.798999999999999</v>
      </c>
      <c r="U5532" s="2">
        <v>38.69</v>
      </c>
      <c r="V5532" s="2">
        <v>0.18099999999999999</v>
      </c>
      <c r="W5532" s="2">
        <v>17</v>
      </c>
      <c r="X5532" s="2">
        <v>80.7</v>
      </c>
      <c r="Y5532" s="2">
        <v>131.6</v>
      </c>
      <c r="Z5532" s="5">
        <v>7</v>
      </c>
      <c r="AA5532" s="5" t="s">
        <v>43</v>
      </c>
      <c r="AB5532" s="5" t="s">
        <v>735</v>
      </c>
      <c r="AC5532" s="2" t="s">
        <v>100267</v>
      </c>
      <c r="AD5532" s="1"/>
    </row>
    <row r="5533" spans="1:30">
      <c r="A5533" s="5" t="s">
        <v>83578</v>
      </c>
      <c r="B5533" s="2" t="s">
        <v>100268</v>
      </c>
      <c r="C5533" s="14" t="s">
        <v>100269</v>
      </c>
      <c r="D5533" s="2" t="s">
        <v>100270</v>
      </c>
      <c r="E5533" s="2" t="s">
        <v>100271</v>
      </c>
      <c r="F5533" s="8">
        <v>919</v>
      </c>
      <c r="G5533" s="5">
        <v>15</v>
      </c>
      <c r="H5533" s="5" t="s">
        <v>69</v>
      </c>
      <c r="I5533" s="5" t="s">
        <v>55802</v>
      </c>
      <c r="J5533" s="2" t="s">
        <v>55803</v>
      </c>
      <c r="K5533" s="5" t="s">
        <v>55802</v>
      </c>
      <c r="L5533" s="2" t="s">
        <v>55803</v>
      </c>
      <c r="M5533" s="5" t="s">
        <v>733</v>
      </c>
      <c r="N5533" s="5" t="s">
        <v>38</v>
      </c>
      <c r="O5533" s="5" t="s">
        <v>39</v>
      </c>
      <c r="P5533" s="5" t="s">
        <v>40</v>
      </c>
      <c r="Q5533" s="5" t="s">
        <v>897</v>
      </c>
      <c r="R5533" s="5" t="s">
        <v>40</v>
      </c>
      <c r="S5533" s="5" t="s">
        <v>42</v>
      </c>
      <c r="T5533" s="2">
        <v>40</v>
      </c>
      <c r="U5533" s="2">
        <v>36.908999999999999</v>
      </c>
      <c r="V5533" s="2">
        <v>0.18099999999999999</v>
      </c>
      <c r="W5533" s="2">
        <v>17</v>
      </c>
      <c r="X5533" s="2">
        <v>80.7</v>
      </c>
      <c r="Y5533" s="2">
        <v>131.6</v>
      </c>
      <c r="Z5533" s="5">
        <v>7</v>
      </c>
      <c r="AA5533" s="5" t="s">
        <v>43</v>
      </c>
      <c r="AB5533" s="5" t="s">
        <v>735</v>
      </c>
      <c r="AC5533" s="2" t="s">
        <v>100272</v>
      </c>
      <c r="AD5533" s="1"/>
    </row>
    <row r="5534" spans="1:30">
      <c r="A5534" s="5" t="s">
        <v>83578</v>
      </c>
      <c r="B5534" s="2" t="s">
        <v>100273</v>
      </c>
      <c r="C5534" s="14" t="s">
        <v>100274</v>
      </c>
      <c r="D5534" s="2" t="s">
        <v>100275</v>
      </c>
      <c r="E5534" s="2" t="s">
        <v>100276</v>
      </c>
      <c r="F5534" s="8">
        <v>1435</v>
      </c>
      <c r="G5534" s="5">
        <v>10</v>
      </c>
      <c r="H5534" s="5" t="s">
        <v>69</v>
      </c>
      <c r="I5534" s="5" t="s">
        <v>55802</v>
      </c>
      <c r="J5534" s="2" t="s">
        <v>55803</v>
      </c>
      <c r="K5534" s="5" t="s">
        <v>55802</v>
      </c>
      <c r="L5534" s="2" t="s">
        <v>55803</v>
      </c>
      <c r="M5534" s="5" t="s">
        <v>733</v>
      </c>
      <c r="N5534" s="5" t="s">
        <v>38</v>
      </c>
      <c r="O5534" s="5" t="s">
        <v>39</v>
      </c>
      <c r="P5534" s="5" t="s">
        <v>40</v>
      </c>
      <c r="Q5534" s="5" t="s">
        <v>897</v>
      </c>
      <c r="R5534" s="5" t="s">
        <v>40</v>
      </c>
      <c r="S5534" s="5" t="s">
        <v>42</v>
      </c>
      <c r="T5534" s="2">
        <v>54.5</v>
      </c>
      <c r="U5534" s="2">
        <v>51.396000000000001</v>
      </c>
      <c r="V5534" s="2">
        <v>0.18099999999999999</v>
      </c>
      <c r="W5534" s="2">
        <v>17</v>
      </c>
      <c r="X5534" s="2">
        <v>80.7</v>
      </c>
      <c r="Y5534" s="2">
        <v>131.6</v>
      </c>
      <c r="Z5534" s="5">
        <v>7</v>
      </c>
      <c r="AA5534" s="5" t="s">
        <v>43</v>
      </c>
      <c r="AB5534" s="5" t="s">
        <v>735</v>
      </c>
      <c r="AC5534" s="2" t="s">
        <v>100277</v>
      </c>
      <c r="AD5534" s="1"/>
    </row>
    <row r="5535" spans="1:30">
      <c r="A5535" s="5" t="s">
        <v>83578</v>
      </c>
      <c r="B5535" s="2" t="s">
        <v>100278</v>
      </c>
      <c r="C5535" s="14" t="s">
        <v>100279</v>
      </c>
      <c r="D5535" s="2" t="s">
        <v>100280</v>
      </c>
      <c r="E5535" s="2" t="s">
        <v>100281</v>
      </c>
      <c r="F5535" s="8">
        <v>1304</v>
      </c>
      <c r="G5535" s="5">
        <v>10</v>
      </c>
      <c r="H5535" s="5" t="s">
        <v>69</v>
      </c>
      <c r="I5535" s="5" t="s">
        <v>55802</v>
      </c>
      <c r="J5535" s="2" t="s">
        <v>55803</v>
      </c>
      <c r="K5535" s="5" t="s">
        <v>55802</v>
      </c>
      <c r="L5535" s="2" t="s">
        <v>55803</v>
      </c>
      <c r="M5535" s="5" t="s">
        <v>733</v>
      </c>
      <c r="N5535" s="5" t="s">
        <v>38</v>
      </c>
      <c r="O5535" s="5" t="s">
        <v>39</v>
      </c>
      <c r="P5535" s="5" t="s">
        <v>40</v>
      </c>
      <c r="Q5535" s="5" t="s">
        <v>897</v>
      </c>
      <c r="R5535" s="5" t="s">
        <v>40</v>
      </c>
      <c r="S5535" s="5" t="s">
        <v>42</v>
      </c>
      <c r="T5535" s="2">
        <v>47.201000000000001</v>
      </c>
      <c r="U5535" s="2">
        <v>44.091999999999999</v>
      </c>
      <c r="V5535" s="2">
        <v>0.18099999999999999</v>
      </c>
      <c r="W5535" s="2">
        <v>17</v>
      </c>
      <c r="X5535" s="2">
        <v>80.7</v>
      </c>
      <c r="Y5535" s="2">
        <v>131.6</v>
      </c>
      <c r="Z5535" s="5">
        <v>7</v>
      </c>
      <c r="AA5535" s="5" t="s">
        <v>43</v>
      </c>
      <c r="AB5535" s="5" t="s">
        <v>735</v>
      </c>
      <c r="AC5535" s="2" t="s">
        <v>100282</v>
      </c>
      <c r="AD5535" s="1"/>
    </row>
    <row r="5536" spans="1:30">
      <c r="A5536" s="5" t="s">
        <v>83578</v>
      </c>
      <c r="B5536" s="2" t="s">
        <v>100283</v>
      </c>
      <c r="C5536" s="14" t="s">
        <v>100284</v>
      </c>
      <c r="D5536" s="2" t="s">
        <v>100285</v>
      </c>
      <c r="E5536" s="2" t="s">
        <v>100286</v>
      </c>
      <c r="F5536" s="8">
        <v>993</v>
      </c>
      <c r="G5536" s="5">
        <v>15</v>
      </c>
      <c r="H5536" s="5" t="s">
        <v>69</v>
      </c>
      <c r="I5536" s="5" t="s">
        <v>55802</v>
      </c>
      <c r="J5536" s="2" t="s">
        <v>55803</v>
      </c>
      <c r="K5536" s="5" t="s">
        <v>55802</v>
      </c>
      <c r="L5536" s="2" t="s">
        <v>55803</v>
      </c>
      <c r="M5536" s="5" t="s">
        <v>733</v>
      </c>
      <c r="N5536" s="5" t="s">
        <v>38</v>
      </c>
      <c r="O5536" s="5" t="s">
        <v>39</v>
      </c>
      <c r="P5536" s="5" t="s">
        <v>40</v>
      </c>
      <c r="Q5536" s="5" t="s">
        <v>897</v>
      </c>
      <c r="R5536" s="5" t="s">
        <v>40</v>
      </c>
      <c r="S5536" s="5" t="s">
        <v>42</v>
      </c>
      <c r="T5536" s="2">
        <v>45.935000000000002</v>
      </c>
      <c r="U5536" s="2">
        <v>42.451000000000001</v>
      </c>
      <c r="V5536" s="2">
        <v>0.21099999999999999</v>
      </c>
      <c r="W5536" s="2">
        <v>17</v>
      </c>
      <c r="X5536" s="2">
        <v>80.7</v>
      </c>
      <c r="Y5536" s="2">
        <v>153.6</v>
      </c>
      <c r="Z5536" s="5">
        <v>7</v>
      </c>
      <c r="AA5536" s="5" t="s">
        <v>43</v>
      </c>
      <c r="AB5536" s="5" t="s">
        <v>735</v>
      </c>
      <c r="AC5536" s="2" t="s">
        <v>100287</v>
      </c>
      <c r="AD5536" s="1"/>
    </row>
    <row r="5537" spans="1:30">
      <c r="A5537" s="5" t="s">
        <v>83578</v>
      </c>
      <c r="B5537" s="2" t="s">
        <v>100288</v>
      </c>
      <c r="C5537" s="14" t="s">
        <v>100289</v>
      </c>
      <c r="D5537" s="2" t="s">
        <v>100290</v>
      </c>
      <c r="E5537" s="2" t="s">
        <v>100291</v>
      </c>
      <c r="F5537" s="8">
        <v>1556</v>
      </c>
      <c r="G5537" s="5">
        <v>10</v>
      </c>
      <c r="H5537" s="5" t="s">
        <v>69</v>
      </c>
      <c r="I5537" s="5" t="s">
        <v>55802</v>
      </c>
      <c r="J5537" s="2" t="s">
        <v>55803</v>
      </c>
      <c r="K5537" s="5" t="s">
        <v>55802</v>
      </c>
      <c r="L5537" s="2" t="s">
        <v>55803</v>
      </c>
      <c r="M5537" s="5" t="s">
        <v>733</v>
      </c>
      <c r="N5537" s="5" t="s">
        <v>38</v>
      </c>
      <c r="O5537" s="5" t="s">
        <v>39</v>
      </c>
      <c r="P5537" s="5" t="s">
        <v>40</v>
      </c>
      <c r="Q5537" s="5" t="s">
        <v>897</v>
      </c>
      <c r="R5537" s="5" t="s">
        <v>40</v>
      </c>
      <c r="S5537" s="5" t="s">
        <v>42</v>
      </c>
      <c r="T5537" s="2">
        <v>63.529000000000003</v>
      </c>
      <c r="U5537" s="2">
        <v>60.006999999999998</v>
      </c>
      <c r="V5537" s="2">
        <v>0.21099999999999999</v>
      </c>
      <c r="W5537" s="2">
        <v>17</v>
      </c>
      <c r="X5537" s="2">
        <v>80.7</v>
      </c>
      <c r="Y5537" s="2">
        <v>153.6</v>
      </c>
      <c r="Z5537" s="5">
        <v>7</v>
      </c>
      <c r="AA5537" s="5" t="s">
        <v>43</v>
      </c>
      <c r="AB5537" s="5" t="s">
        <v>735</v>
      </c>
      <c r="AC5537" s="2" t="s">
        <v>100292</v>
      </c>
      <c r="AD5537" s="1"/>
    </row>
    <row r="5538" spans="1:30">
      <c r="A5538" s="5" t="s">
        <v>83578</v>
      </c>
      <c r="B5538" s="2" t="s">
        <v>100293</v>
      </c>
      <c r="C5538" s="14" t="s">
        <v>100294</v>
      </c>
      <c r="D5538" s="2" t="s">
        <v>100295</v>
      </c>
      <c r="E5538" s="2" t="s">
        <v>100296</v>
      </c>
      <c r="F5538" s="8">
        <v>1700</v>
      </c>
      <c r="G5538" s="5">
        <v>10</v>
      </c>
      <c r="H5538" s="5" t="s">
        <v>69</v>
      </c>
      <c r="I5538" s="5" t="s">
        <v>55802</v>
      </c>
      <c r="J5538" s="2" t="s">
        <v>55803</v>
      </c>
      <c r="K5538" s="5" t="s">
        <v>55802</v>
      </c>
      <c r="L5538" s="2" t="s">
        <v>55803</v>
      </c>
      <c r="M5538" s="5" t="s">
        <v>733</v>
      </c>
      <c r="N5538" s="5" t="s">
        <v>38</v>
      </c>
      <c r="O5538" s="5" t="s">
        <v>39</v>
      </c>
      <c r="P5538" s="5" t="s">
        <v>40</v>
      </c>
      <c r="Q5538" s="5" t="s">
        <v>897</v>
      </c>
      <c r="R5538" s="5" t="s">
        <v>40</v>
      </c>
      <c r="S5538" s="5" t="s">
        <v>42</v>
      </c>
      <c r="T5538" s="2">
        <v>71.805999999999997</v>
      </c>
      <c r="U5538" s="2">
        <v>67.180000000000007</v>
      </c>
      <c r="V5538" s="2">
        <v>0.26200000000000001</v>
      </c>
      <c r="W5538" s="2">
        <v>17</v>
      </c>
      <c r="X5538" s="2">
        <v>88.7</v>
      </c>
      <c r="Y5538" s="2">
        <v>173.8</v>
      </c>
      <c r="Z5538" s="5">
        <v>7</v>
      </c>
      <c r="AA5538" s="5" t="s">
        <v>43</v>
      </c>
      <c r="AB5538" s="5" t="s">
        <v>735</v>
      </c>
      <c r="AC5538" s="2" t="s">
        <v>100297</v>
      </c>
      <c r="AD5538" s="1"/>
    </row>
    <row r="5539" spans="1:30">
      <c r="A5539" s="5" t="s">
        <v>83578</v>
      </c>
      <c r="B5539" s="2" t="s">
        <v>100298</v>
      </c>
      <c r="C5539" s="14" t="s">
        <v>100299</v>
      </c>
      <c r="D5539" s="2" t="s">
        <v>100300</v>
      </c>
      <c r="E5539" s="2" t="s">
        <v>65271</v>
      </c>
      <c r="F5539" s="8">
        <v>1522</v>
      </c>
      <c r="G5539" s="5">
        <v>10</v>
      </c>
      <c r="H5539" s="5" t="s">
        <v>69</v>
      </c>
      <c r="I5539" s="5" t="s">
        <v>55802</v>
      </c>
      <c r="J5539" s="2" t="s">
        <v>55803</v>
      </c>
      <c r="K5539" s="5" t="s">
        <v>55802</v>
      </c>
      <c r="L5539" s="2" t="s">
        <v>55803</v>
      </c>
      <c r="M5539" s="5" t="s">
        <v>733</v>
      </c>
      <c r="N5539" s="5" t="s">
        <v>38</v>
      </c>
      <c r="O5539" s="5" t="s">
        <v>39</v>
      </c>
      <c r="P5539" s="5" t="s">
        <v>40</v>
      </c>
      <c r="Q5539" s="5" t="s">
        <v>897</v>
      </c>
      <c r="R5539" s="5" t="s">
        <v>40</v>
      </c>
      <c r="S5539" s="5" t="s">
        <v>42</v>
      </c>
      <c r="T5539" s="2">
        <v>62.758000000000003</v>
      </c>
      <c r="U5539" s="2">
        <v>58.127000000000002</v>
      </c>
      <c r="V5539" s="2">
        <v>0.26200000000000001</v>
      </c>
      <c r="W5539" s="2">
        <v>17</v>
      </c>
      <c r="X5539" s="2">
        <v>88.7</v>
      </c>
      <c r="Y5539" s="2">
        <v>173.8</v>
      </c>
      <c r="Z5539" s="5">
        <v>7</v>
      </c>
      <c r="AA5539" s="5" t="s">
        <v>43</v>
      </c>
      <c r="AB5539" s="5" t="s">
        <v>735</v>
      </c>
      <c r="AC5539" s="2" t="s">
        <v>100301</v>
      </c>
      <c r="AD5539" s="1"/>
    </row>
    <row r="5540" spans="1:30">
      <c r="A5540" s="5" t="s">
        <v>83578</v>
      </c>
      <c r="B5540" s="2" t="s">
        <v>100302</v>
      </c>
      <c r="C5540" s="14" t="s">
        <v>100303</v>
      </c>
      <c r="D5540" s="2" t="s">
        <v>100304</v>
      </c>
      <c r="E5540" s="2" t="s">
        <v>100305</v>
      </c>
      <c r="F5540" s="8">
        <v>1134</v>
      </c>
      <c r="G5540" s="5">
        <v>10</v>
      </c>
      <c r="H5540" s="5" t="s">
        <v>69</v>
      </c>
      <c r="I5540" s="5" t="s">
        <v>55802</v>
      </c>
      <c r="J5540" s="2" t="s">
        <v>55803</v>
      </c>
      <c r="K5540" s="5" t="s">
        <v>55802</v>
      </c>
      <c r="L5540" s="2" t="s">
        <v>55803</v>
      </c>
      <c r="M5540" s="5" t="s">
        <v>733</v>
      </c>
      <c r="N5540" s="5" t="s">
        <v>38</v>
      </c>
      <c r="O5540" s="5" t="s">
        <v>39</v>
      </c>
      <c r="P5540" s="5" t="s">
        <v>40</v>
      </c>
      <c r="Q5540" s="5" t="s">
        <v>897</v>
      </c>
      <c r="R5540" s="5" t="s">
        <v>40</v>
      </c>
      <c r="S5540" s="5" t="s">
        <v>42</v>
      </c>
      <c r="T5540" s="2">
        <v>55.188000000000002</v>
      </c>
      <c r="U5540" s="2">
        <v>50.557000000000002</v>
      </c>
      <c r="V5540" s="2">
        <v>0.26200000000000001</v>
      </c>
      <c r="W5540" s="2">
        <v>17</v>
      </c>
      <c r="X5540" s="2">
        <v>88.7</v>
      </c>
      <c r="Y5540" s="2">
        <v>173.8</v>
      </c>
      <c r="Z5540" s="5">
        <v>7</v>
      </c>
      <c r="AA5540" s="5" t="s">
        <v>43</v>
      </c>
      <c r="AB5540" s="5" t="s">
        <v>735</v>
      </c>
      <c r="AC5540" s="2" t="s">
        <v>100306</v>
      </c>
      <c r="AD5540" s="1"/>
    </row>
    <row r="5541" spans="1:30">
      <c r="A5541" s="5" t="s">
        <v>83578</v>
      </c>
      <c r="B5541" s="2" t="s">
        <v>100307</v>
      </c>
      <c r="C5541" s="14" t="s">
        <v>100308</v>
      </c>
      <c r="D5541" s="2" t="s">
        <v>100309</v>
      </c>
      <c r="E5541" s="2" t="s">
        <v>100310</v>
      </c>
      <c r="F5541" s="8">
        <v>1112</v>
      </c>
      <c r="G5541" s="5">
        <v>15</v>
      </c>
      <c r="H5541" s="5" t="s">
        <v>69</v>
      </c>
      <c r="I5541" s="5" t="s">
        <v>55802</v>
      </c>
      <c r="J5541" s="2" t="s">
        <v>55803</v>
      </c>
      <c r="K5541" s="5" t="s">
        <v>55802</v>
      </c>
      <c r="L5541" s="2" t="s">
        <v>55803</v>
      </c>
      <c r="M5541" s="5" t="s">
        <v>733</v>
      </c>
      <c r="N5541" s="5" t="s">
        <v>38</v>
      </c>
      <c r="O5541" s="5" t="s">
        <v>39</v>
      </c>
      <c r="P5541" s="5" t="s">
        <v>40</v>
      </c>
      <c r="Q5541" s="5" t="s">
        <v>897</v>
      </c>
      <c r="R5541" s="5" t="s">
        <v>40</v>
      </c>
      <c r="S5541" s="5" t="s">
        <v>42</v>
      </c>
      <c r="T5541" s="2">
        <v>52.134999999999998</v>
      </c>
      <c r="U5541" s="2">
        <v>47.546999999999997</v>
      </c>
      <c r="V5541" s="2">
        <v>0.26200000000000001</v>
      </c>
      <c r="W5541" s="2">
        <v>17</v>
      </c>
      <c r="X5541" s="2">
        <v>88.7</v>
      </c>
      <c r="Y5541" s="2">
        <v>173.8</v>
      </c>
      <c r="Z5541" s="5">
        <v>7</v>
      </c>
      <c r="AA5541" s="5" t="s">
        <v>43</v>
      </c>
      <c r="AB5541" s="5" t="s">
        <v>735</v>
      </c>
      <c r="AC5541" s="2" t="s">
        <v>100311</v>
      </c>
      <c r="AD5541" s="1"/>
    </row>
    <row r="5542" spans="1:30">
      <c r="A5542" s="5" t="s">
        <v>83578</v>
      </c>
      <c r="B5542" s="2" t="s">
        <v>100312</v>
      </c>
      <c r="C5542" s="14" t="s">
        <v>100313</v>
      </c>
      <c r="D5542" s="2" t="s">
        <v>100314</v>
      </c>
      <c r="E5542" s="2" t="s">
        <v>100315</v>
      </c>
      <c r="F5542" s="8">
        <v>1522</v>
      </c>
      <c r="G5542" s="5">
        <v>10</v>
      </c>
      <c r="H5542" s="5" t="s">
        <v>69</v>
      </c>
      <c r="I5542" s="5" t="s">
        <v>55802</v>
      </c>
      <c r="J5542" s="2" t="s">
        <v>55803</v>
      </c>
      <c r="K5542" s="5" t="s">
        <v>55802</v>
      </c>
      <c r="L5542" s="2" t="s">
        <v>55803</v>
      </c>
      <c r="M5542" s="5" t="s">
        <v>733</v>
      </c>
      <c r="N5542" s="5" t="s">
        <v>38</v>
      </c>
      <c r="O5542" s="5" t="s">
        <v>39</v>
      </c>
      <c r="P5542" s="5" t="s">
        <v>40</v>
      </c>
      <c r="Q5542" s="5" t="s">
        <v>897</v>
      </c>
      <c r="R5542" s="5" t="s">
        <v>40</v>
      </c>
      <c r="S5542" s="5" t="s">
        <v>42</v>
      </c>
      <c r="T5542" s="2">
        <v>61.988999999999997</v>
      </c>
      <c r="U5542" s="2">
        <v>57.357999999999997</v>
      </c>
      <c r="V5542" s="2">
        <v>0.26200000000000001</v>
      </c>
      <c r="W5542" s="2">
        <v>17</v>
      </c>
      <c r="X5542" s="2">
        <v>88.7</v>
      </c>
      <c r="Y5542" s="2">
        <v>173.8</v>
      </c>
      <c r="Z5542" s="5">
        <v>7</v>
      </c>
      <c r="AA5542" s="5" t="s">
        <v>43</v>
      </c>
      <c r="AB5542" s="5" t="s">
        <v>735</v>
      </c>
      <c r="AC5542" s="2" t="s">
        <v>100316</v>
      </c>
      <c r="AD5542" s="1"/>
    </row>
    <row r="5543" spans="1:30">
      <c r="A5543" s="5" t="s">
        <v>83578</v>
      </c>
      <c r="B5543" s="2" t="s">
        <v>100317</v>
      </c>
      <c r="C5543" s="14" t="s">
        <v>100318</v>
      </c>
      <c r="D5543" s="2" t="s">
        <v>100319</v>
      </c>
      <c r="E5543" s="2" t="s">
        <v>100320</v>
      </c>
      <c r="F5543" s="8">
        <v>1394</v>
      </c>
      <c r="G5543" s="5">
        <v>10</v>
      </c>
      <c r="H5543" s="5" t="s">
        <v>69</v>
      </c>
      <c r="I5543" s="5" t="s">
        <v>55802</v>
      </c>
      <c r="J5543" s="2" t="s">
        <v>55803</v>
      </c>
      <c r="K5543" s="5" t="s">
        <v>55802</v>
      </c>
      <c r="L5543" s="2" t="s">
        <v>55803</v>
      </c>
      <c r="M5543" s="5" t="s">
        <v>733</v>
      </c>
      <c r="N5543" s="5" t="s">
        <v>38</v>
      </c>
      <c r="O5543" s="5" t="s">
        <v>39</v>
      </c>
      <c r="P5543" s="5" t="s">
        <v>40</v>
      </c>
      <c r="Q5543" s="5" t="s">
        <v>897</v>
      </c>
      <c r="R5543" s="5" t="s">
        <v>40</v>
      </c>
      <c r="S5543" s="5" t="s">
        <v>42</v>
      </c>
      <c r="T5543" s="2">
        <v>64.119</v>
      </c>
      <c r="U5543" s="2">
        <v>59.24</v>
      </c>
      <c r="V5543" s="2">
        <v>0.28599999999999998</v>
      </c>
      <c r="W5543" s="2">
        <v>17</v>
      </c>
      <c r="X5543" s="2">
        <v>86.7</v>
      </c>
      <c r="Y5543" s="2">
        <v>193.8</v>
      </c>
      <c r="Z5543" s="5">
        <v>7</v>
      </c>
      <c r="AA5543" s="5" t="s">
        <v>43</v>
      </c>
      <c r="AB5543" s="5" t="s">
        <v>735</v>
      </c>
      <c r="AC5543" s="2" t="s">
        <v>100321</v>
      </c>
      <c r="AD5543" s="1"/>
    </row>
    <row r="5544" spans="1:30">
      <c r="A5544" s="5" t="s">
        <v>83578</v>
      </c>
      <c r="B5544" s="2" t="s">
        <v>100322</v>
      </c>
      <c r="C5544" s="14" t="s">
        <v>100323</v>
      </c>
      <c r="D5544" s="2" t="s">
        <v>100324</v>
      </c>
      <c r="E5544" s="2" t="s">
        <v>100325</v>
      </c>
      <c r="F5544" s="8">
        <v>1002</v>
      </c>
      <c r="G5544" s="5">
        <v>10</v>
      </c>
      <c r="H5544" s="5" t="s">
        <v>69</v>
      </c>
      <c r="I5544" s="5" t="s">
        <v>55802</v>
      </c>
      <c r="J5544" s="2" t="s">
        <v>55803</v>
      </c>
      <c r="K5544" s="5" t="s">
        <v>55802</v>
      </c>
      <c r="L5544" s="2" t="s">
        <v>55803</v>
      </c>
      <c r="M5544" s="5" t="s">
        <v>733</v>
      </c>
      <c r="N5544" s="5" t="s">
        <v>38</v>
      </c>
      <c r="O5544" s="5" t="s">
        <v>39</v>
      </c>
      <c r="P5544" s="5" t="s">
        <v>40</v>
      </c>
      <c r="Q5544" s="5" t="s">
        <v>897</v>
      </c>
      <c r="R5544" s="5" t="s">
        <v>40</v>
      </c>
      <c r="S5544" s="5" t="s">
        <v>42</v>
      </c>
      <c r="T5544" s="2">
        <v>64.427999999999997</v>
      </c>
      <c r="U5544" s="2">
        <v>59.548999999999999</v>
      </c>
      <c r="V5544" s="2">
        <v>0.28599999999999998</v>
      </c>
      <c r="W5544" s="2">
        <v>17</v>
      </c>
      <c r="X5544" s="2">
        <v>86.7</v>
      </c>
      <c r="Y5544" s="2">
        <v>193.8</v>
      </c>
      <c r="Z5544" s="5">
        <v>7</v>
      </c>
      <c r="AA5544" s="5" t="s">
        <v>43</v>
      </c>
      <c r="AB5544" s="5" t="s">
        <v>735</v>
      </c>
      <c r="AC5544" s="2" t="s">
        <v>100326</v>
      </c>
      <c r="AD5544" s="1"/>
    </row>
    <row r="5545" spans="1:30">
      <c r="A5545" s="5" t="s">
        <v>83578</v>
      </c>
      <c r="B5545" s="2" t="s">
        <v>100327</v>
      </c>
      <c r="C5545" s="14" t="s">
        <v>100328</v>
      </c>
      <c r="D5545" s="2" t="s">
        <v>100329</v>
      </c>
      <c r="E5545" s="2" t="s">
        <v>58612</v>
      </c>
      <c r="F5545" s="8">
        <v>1662</v>
      </c>
      <c r="G5545" s="5">
        <v>10</v>
      </c>
      <c r="H5545" s="5" t="s">
        <v>69</v>
      </c>
      <c r="I5545" s="5" t="s">
        <v>55802</v>
      </c>
      <c r="J5545" s="2" t="s">
        <v>55803</v>
      </c>
      <c r="K5545" s="5" t="s">
        <v>55802</v>
      </c>
      <c r="L5545" s="2" t="s">
        <v>55803</v>
      </c>
      <c r="M5545" s="5" t="s">
        <v>733</v>
      </c>
      <c r="N5545" s="5" t="s">
        <v>38</v>
      </c>
      <c r="O5545" s="5" t="s">
        <v>39</v>
      </c>
      <c r="P5545" s="5" t="s">
        <v>40</v>
      </c>
      <c r="Q5545" s="5" t="s">
        <v>897</v>
      </c>
      <c r="R5545" s="5" t="s">
        <v>40</v>
      </c>
      <c r="S5545" s="5" t="s">
        <v>42</v>
      </c>
      <c r="T5545" s="2">
        <v>69.616</v>
      </c>
      <c r="U5545" s="2">
        <v>64.712999999999994</v>
      </c>
      <c r="V5545" s="2">
        <v>0.28599999999999998</v>
      </c>
      <c r="W5545" s="2">
        <v>17</v>
      </c>
      <c r="X5545" s="2">
        <v>86.7</v>
      </c>
      <c r="Y5545" s="2">
        <v>193.8</v>
      </c>
      <c r="Z5545" s="5">
        <v>7</v>
      </c>
      <c r="AA5545" s="5" t="s">
        <v>43</v>
      </c>
      <c r="AB5545" s="5" t="s">
        <v>735</v>
      </c>
      <c r="AC5545" s="2" t="s">
        <v>100330</v>
      </c>
      <c r="AD5545" s="1"/>
    </row>
    <row r="5546" spans="1:30">
      <c r="A5546" s="5" t="s">
        <v>83578</v>
      </c>
      <c r="B5546" s="2" t="s">
        <v>100331</v>
      </c>
      <c r="C5546" s="14" t="s">
        <v>100332</v>
      </c>
      <c r="D5546" s="2" t="s">
        <v>100333</v>
      </c>
      <c r="E5546" s="2" t="s">
        <v>58622</v>
      </c>
      <c r="F5546" s="8">
        <v>1662</v>
      </c>
      <c r="G5546" s="5">
        <v>10</v>
      </c>
      <c r="H5546" s="5" t="s">
        <v>69</v>
      </c>
      <c r="I5546" s="5" t="s">
        <v>55802</v>
      </c>
      <c r="J5546" s="2" t="s">
        <v>55803</v>
      </c>
      <c r="K5546" s="5" t="s">
        <v>55802</v>
      </c>
      <c r="L5546" s="2" t="s">
        <v>55803</v>
      </c>
      <c r="M5546" s="5" t="s">
        <v>733</v>
      </c>
      <c r="N5546" s="5" t="s">
        <v>38</v>
      </c>
      <c r="O5546" s="5" t="s">
        <v>39</v>
      </c>
      <c r="P5546" s="5" t="s">
        <v>40</v>
      </c>
      <c r="Q5546" s="5" t="s">
        <v>897</v>
      </c>
      <c r="R5546" s="5" t="s">
        <v>40</v>
      </c>
      <c r="S5546" s="5" t="s">
        <v>42</v>
      </c>
      <c r="T5546" s="2">
        <v>68.489999999999995</v>
      </c>
      <c r="U5546" s="2">
        <v>63.587000000000003</v>
      </c>
      <c r="V5546" s="2">
        <v>0.28599999999999998</v>
      </c>
      <c r="W5546" s="2">
        <v>17</v>
      </c>
      <c r="X5546" s="2">
        <v>86.7</v>
      </c>
      <c r="Y5546" s="2">
        <v>193.8</v>
      </c>
      <c r="Z5546" s="5">
        <v>7</v>
      </c>
      <c r="AA5546" s="5" t="s">
        <v>43</v>
      </c>
      <c r="AB5546" s="5" t="s">
        <v>735</v>
      </c>
      <c r="AC5546" s="2" t="s">
        <v>100334</v>
      </c>
      <c r="AD5546" s="1"/>
    </row>
    <row r="5547" spans="1:30">
      <c r="A5547" s="5" t="s">
        <v>83578</v>
      </c>
      <c r="B5547" s="2" t="s">
        <v>100335</v>
      </c>
      <c r="C5547" s="14" t="s">
        <v>100336</v>
      </c>
      <c r="D5547" s="2" t="s">
        <v>100337</v>
      </c>
      <c r="E5547" s="2" t="s">
        <v>100338</v>
      </c>
      <c r="F5547" s="8">
        <v>1587</v>
      </c>
      <c r="G5547" s="5">
        <v>10</v>
      </c>
      <c r="H5547" s="5" t="s">
        <v>69</v>
      </c>
      <c r="I5547" s="5" t="s">
        <v>55802</v>
      </c>
      <c r="J5547" s="2" t="s">
        <v>55803</v>
      </c>
      <c r="K5547" s="5" t="s">
        <v>55802</v>
      </c>
      <c r="L5547" s="2" t="s">
        <v>55803</v>
      </c>
      <c r="M5547" s="5" t="s">
        <v>733</v>
      </c>
      <c r="N5547" s="5" t="s">
        <v>38</v>
      </c>
      <c r="O5547" s="5" t="s">
        <v>39</v>
      </c>
      <c r="P5547" s="5" t="s">
        <v>40</v>
      </c>
      <c r="Q5547" s="5" t="s">
        <v>897</v>
      </c>
      <c r="R5547" s="5" t="s">
        <v>40</v>
      </c>
      <c r="S5547" s="5" t="s">
        <v>42</v>
      </c>
      <c r="T5547" s="2">
        <v>64.417000000000002</v>
      </c>
      <c r="U5547" s="2">
        <v>60.88</v>
      </c>
      <c r="V5547" s="2">
        <v>0.217</v>
      </c>
      <c r="W5547" s="2">
        <v>17</v>
      </c>
      <c r="X5547" s="2">
        <v>96.9</v>
      </c>
      <c r="Y5547" s="2">
        <v>131.6</v>
      </c>
      <c r="Z5547" s="5">
        <v>7</v>
      </c>
      <c r="AA5547" s="5" t="s">
        <v>43</v>
      </c>
      <c r="AB5547" s="5" t="s">
        <v>735</v>
      </c>
      <c r="AC5547" s="2" t="s">
        <v>100339</v>
      </c>
      <c r="AD5547" s="1"/>
    </row>
    <row r="5548" spans="1:30">
      <c r="A5548" s="5" t="s">
        <v>83578</v>
      </c>
      <c r="B5548" s="2" t="s">
        <v>100340</v>
      </c>
      <c r="C5548" s="14" t="s">
        <v>100341</v>
      </c>
      <c r="D5548" s="2" t="s">
        <v>100342</v>
      </c>
      <c r="E5548" s="2" t="s">
        <v>100343</v>
      </c>
      <c r="F5548" s="8">
        <v>1429</v>
      </c>
      <c r="G5548" s="5">
        <v>10</v>
      </c>
      <c r="H5548" s="5" t="s">
        <v>69</v>
      </c>
      <c r="I5548" s="5" t="s">
        <v>55802</v>
      </c>
      <c r="J5548" s="2" t="s">
        <v>55803</v>
      </c>
      <c r="K5548" s="5" t="s">
        <v>55802</v>
      </c>
      <c r="L5548" s="2" t="s">
        <v>55803</v>
      </c>
      <c r="M5548" s="5" t="s">
        <v>733</v>
      </c>
      <c r="N5548" s="5" t="s">
        <v>38</v>
      </c>
      <c r="O5548" s="5" t="s">
        <v>39</v>
      </c>
      <c r="P5548" s="5" t="s">
        <v>40</v>
      </c>
      <c r="Q5548" s="5" t="s">
        <v>897</v>
      </c>
      <c r="R5548" s="5" t="s">
        <v>40</v>
      </c>
      <c r="S5548" s="5" t="s">
        <v>42</v>
      </c>
      <c r="T5548" s="2">
        <v>56.281999999999996</v>
      </c>
      <c r="U5548" s="2">
        <v>52.74</v>
      </c>
      <c r="V5548" s="2">
        <v>0.217</v>
      </c>
      <c r="W5548" s="2">
        <v>17</v>
      </c>
      <c r="X5548" s="2">
        <v>96.9</v>
      </c>
      <c r="Y5548" s="2">
        <v>131.6</v>
      </c>
      <c r="Z5548" s="5">
        <v>7</v>
      </c>
      <c r="AA5548" s="5" t="s">
        <v>43</v>
      </c>
      <c r="AB5548" s="5" t="s">
        <v>735</v>
      </c>
      <c r="AC5548" s="2" t="s">
        <v>100344</v>
      </c>
      <c r="AD5548" s="1"/>
    </row>
    <row r="5549" spans="1:30">
      <c r="A5549" s="5" t="s">
        <v>83578</v>
      </c>
      <c r="B5549" s="2" t="s">
        <v>100345</v>
      </c>
      <c r="C5549" s="14" t="s">
        <v>100346</v>
      </c>
      <c r="D5549" s="2" t="s">
        <v>100347</v>
      </c>
      <c r="E5549" s="2" t="s">
        <v>100348</v>
      </c>
      <c r="F5549" s="8">
        <v>1085</v>
      </c>
      <c r="G5549" s="5">
        <v>10</v>
      </c>
      <c r="H5549" s="5" t="s">
        <v>69</v>
      </c>
      <c r="I5549" s="5" t="s">
        <v>55802</v>
      </c>
      <c r="J5549" s="2" t="s">
        <v>55803</v>
      </c>
      <c r="K5549" s="5" t="s">
        <v>55802</v>
      </c>
      <c r="L5549" s="2" t="s">
        <v>55803</v>
      </c>
      <c r="M5549" s="5" t="s">
        <v>733</v>
      </c>
      <c r="N5549" s="5" t="s">
        <v>38</v>
      </c>
      <c r="O5549" s="5" t="s">
        <v>39</v>
      </c>
      <c r="P5549" s="5" t="s">
        <v>40</v>
      </c>
      <c r="Q5549" s="5" t="s">
        <v>897</v>
      </c>
      <c r="R5549" s="5" t="s">
        <v>40</v>
      </c>
      <c r="S5549" s="5" t="s">
        <v>42</v>
      </c>
      <c r="T5549" s="2">
        <v>49.509</v>
      </c>
      <c r="U5549" s="2">
        <v>45.966999999999999</v>
      </c>
      <c r="V5549" s="2">
        <v>0.217</v>
      </c>
      <c r="W5549" s="2">
        <v>17</v>
      </c>
      <c r="X5549" s="2">
        <v>96.9</v>
      </c>
      <c r="Y5549" s="2">
        <v>131.6</v>
      </c>
      <c r="Z5549" s="5">
        <v>7</v>
      </c>
      <c r="AA5549" s="5" t="s">
        <v>43</v>
      </c>
      <c r="AB5549" s="5" t="s">
        <v>735</v>
      </c>
      <c r="AC5549" s="2" t="s">
        <v>100349</v>
      </c>
      <c r="AD5549" s="1"/>
    </row>
    <row r="5550" spans="1:30">
      <c r="A5550" s="5" t="s">
        <v>83578</v>
      </c>
      <c r="B5550" s="2" t="s">
        <v>100350</v>
      </c>
      <c r="C5550" s="14" t="s">
        <v>100351</v>
      </c>
      <c r="D5550" s="2" t="s">
        <v>100352</v>
      </c>
      <c r="E5550" s="2" t="s">
        <v>100353</v>
      </c>
      <c r="F5550" s="8">
        <v>1085</v>
      </c>
      <c r="G5550" s="5">
        <v>10</v>
      </c>
      <c r="H5550" s="5" t="s">
        <v>69</v>
      </c>
      <c r="I5550" s="5" t="s">
        <v>55802</v>
      </c>
      <c r="J5550" s="2" t="s">
        <v>55803</v>
      </c>
      <c r="K5550" s="5" t="s">
        <v>55802</v>
      </c>
      <c r="L5550" s="2" t="s">
        <v>55803</v>
      </c>
      <c r="M5550" s="5" t="s">
        <v>733</v>
      </c>
      <c r="N5550" s="5" t="s">
        <v>38</v>
      </c>
      <c r="O5550" s="5" t="s">
        <v>39</v>
      </c>
      <c r="P5550" s="5" t="s">
        <v>40</v>
      </c>
      <c r="Q5550" s="5" t="s">
        <v>897</v>
      </c>
      <c r="R5550" s="5" t="s">
        <v>40</v>
      </c>
      <c r="S5550" s="5" t="s">
        <v>42</v>
      </c>
      <c r="T5550" s="2">
        <v>48.585999999999999</v>
      </c>
      <c r="U5550" s="2">
        <v>45.043999999999997</v>
      </c>
      <c r="V5550" s="2">
        <v>0.217</v>
      </c>
      <c r="W5550" s="2">
        <v>17</v>
      </c>
      <c r="X5550" s="2">
        <v>96.9</v>
      </c>
      <c r="Y5550" s="2">
        <v>131.6</v>
      </c>
      <c r="Z5550" s="5">
        <v>7</v>
      </c>
      <c r="AA5550" s="5" t="s">
        <v>43</v>
      </c>
      <c r="AB5550" s="5" t="s">
        <v>735</v>
      </c>
      <c r="AC5550" s="2" t="s">
        <v>100354</v>
      </c>
      <c r="AD5550" s="1"/>
    </row>
    <row r="5551" spans="1:30">
      <c r="A5551" s="5" t="s">
        <v>83578</v>
      </c>
      <c r="B5551" s="2" t="s">
        <v>100355</v>
      </c>
      <c r="C5551" s="14" t="s">
        <v>100356</v>
      </c>
      <c r="D5551" s="2" t="s">
        <v>100357</v>
      </c>
      <c r="E5551" s="2" t="s">
        <v>100358</v>
      </c>
      <c r="F5551" s="8">
        <v>1030</v>
      </c>
      <c r="G5551" s="5">
        <v>15</v>
      </c>
      <c r="H5551" s="5" t="s">
        <v>69</v>
      </c>
      <c r="I5551" s="5" t="s">
        <v>55802</v>
      </c>
      <c r="J5551" s="2" t="s">
        <v>55803</v>
      </c>
      <c r="K5551" s="5" t="s">
        <v>55802</v>
      </c>
      <c r="L5551" s="2" t="s">
        <v>55803</v>
      </c>
      <c r="M5551" s="5" t="s">
        <v>733</v>
      </c>
      <c r="N5551" s="5" t="s">
        <v>38</v>
      </c>
      <c r="O5551" s="5" t="s">
        <v>39</v>
      </c>
      <c r="P5551" s="5" t="s">
        <v>40</v>
      </c>
      <c r="Q5551" s="5" t="s">
        <v>897</v>
      </c>
      <c r="R5551" s="5" t="s">
        <v>40</v>
      </c>
      <c r="S5551" s="5" t="s">
        <v>42</v>
      </c>
      <c r="T5551" s="2">
        <v>46.267000000000003</v>
      </c>
      <c r="U5551" s="2">
        <v>42.743000000000002</v>
      </c>
      <c r="V5551" s="2">
        <v>0.217</v>
      </c>
      <c r="W5551" s="2">
        <v>17</v>
      </c>
      <c r="X5551" s="2">
        <v>96.9</v>
      </c>
      <c r="Y5551" s="2">
        <v>131.6</v>
      </c>
      <c r="Z5551" s="5">
        <v>7</v>
      </c>
      <c r="AA5551" s="5" t="s">
        <v>43</v>
      </c>
      <c r="AB5551" s="5" t="s">
        <v>735</v>
      </c>
      <c r="AC5551" s="2" t="s">
        <v>100359</v>
      </c>
      <c r="AD5551" s="1"/>
    </row>
    <row r="5552" spans="1:30">
      <c r="A5552" s="5" t="s">
        <v>83578</v>
      </c>
      <c r="B5552" s="2" t="s">
        <v>100360</v>
      </c>
      <c r="C5552" s="14" t="s">
        <v>100361</v>
      </c>
      <c r="D5552" s="2" t="s">
        <v>100362</v>
      </c>
      <c r="E5552" s="2" t="s">
        <v>100363</v>
      </c>
      <c r="F5552" s="8">
        <v>1429</v>
      </c>
      <c r="G5552" s="5">
        <v>10</v>
      </c>
      <c r="H5552" s="5" t="s">
        <v>69</v>
      </c>
      <c r="I5552" s="5" t="s">
        <v>55802</v>
      </c>
      <c r="J5552" s="2" t="s">
        <v>55803</v>
      </c>
      <c r="K5552" s="5" t="s">
        <v>55802</v>
      </c>
      <c r="L5552" s="2" t="s">
        <v>55803</v>
      </c>
      <c r="M5552" s="5" t="s">
        <v>733</v>
      </c>
      <c r="N5552" s="5" t="s">
        <v>38</v>
      </c>
      <c r="O5552" s="5" t="s">
        <v>39</v>
      </c>
      <c r="P5552" s="5" t="s">
        <v>40</v>
      </c>
      <c r="Q5552" s="5" t="s">
        <v>897</v>
      </c>
      <c r="R5552" s="5" t="s">
        <v>40</v>
      </c>
      <c r="S5552" s="5" t="s">
        <v>42</v>
      </c>
      <c r="T5552" s="2">
        <v>56.241</v>
      </c>
      <c r="U5552" s="2">
        <v>52.698999999999998</v>
      </c>
      <c r="V5552" s="2">
        <v>0.217</v>
      </c>
      <c r="W5552" s="2">
        <v>17</v>
      </c>
      <c r="X5552" s="2">
        <v>96.9</v>
      </c>
      <c r="Y5552" s="2">
        <v>131.6</v>
      </c>
      <c r="Z5552" s="5">
        <v>7</v>
      </c>
      <c r="AA5552" s="5" t="s">
        <v>43</v>
      </c>
      <c r="AB5552" s="5" t="s">
        <v>735</v>
      </c>
      <c r="AC5552" s="2" t="s">
        <v>100364</v>
      </c>
      <c r="AD5552" s="1"/>
    </row>
    <row r="5553" spans="1:30">
      <c r="A5553" s="5" t="s">
        <v>83578</v>
      </c>
      <c r="B5553" s="2" t="s">
        <v>100365</v>
      </c>
      <c r="C5553" s="14" t="s">
        <v>100366</v>
      </c>
      <c r="D5553" s="2" t="s">
        <v>100367</v>
      </c>
      <c r="E5553" s="2" t="s">
        <v>100368</v>
      </c>
      <c r="F5553" s="8">
        <v>1429</v>
      </c>
      <c r="G5553" s="5">
        <v>10</v>
      </c>
      <c r="H5553" s="5" t="s">
        <v>69</v>
      </c>
      <c r="I5553" s="5" t="s">
        <v>55802</v>
      </c>
      <c r="J5553" s="2" t="s">
        <v>55803</v>
      </c>
      <c r="K5553" s="5" t="s">
        <v>55802</v>
      </c>
      <c r="L5553" s="2" t="s">
        <v>55803</v>
      </c>
      <c r="M5553" s="5" t="s">
        <v>733</v>
      </c>
      <c r="N5553" s="5" t="s">
        <v>38</v>
      </c>
      <c r="O5553" s="5" t="s">
        <v>39</v>
      </c>
      <c r="P5553" s="5" t="s">
        <v>40</v>
      </c>
      <c r="Q5553" s="5" t="s">
        <v>897</v>
      </c>
      <c r="R5553" s="5" t="s">
        <v>40</v>
      </c>
      <c r="S5553" s="5" t="s">
        <v>42</v>
      </c>
      <c r="T5553" s="2">
        <v>55.314999999999998</v>
      </c>
      <c r="U5553" s="2">
        <v>51.773000000000003</v>
      </c>
      <c r="V5553" s="2">
        <v>0.217</v>
      </c>
      <c r="W5553" s="2">
        <v>17</v>
      </c>
      <c r="X5553" s="2">
        <v>96.9</v>
      </c>
      <c r="Y5553" s="2">
        <v>131.6</v>
      </c>
      <c r="Z5553" s="5">
        <v>7</v>
      </c>
      <c r="AA5553" s="5" t="s">
        <v>43</v>
      </c>
      <c r="AB5553" s="5" t="s">
        <v>735</v>
      </c>
      <c r="AC5553" s="2" t="s">
        <v>100369</v>
      </c>
      <c r="AD5553" s="1"/>
    </row>
    <row r="5554" spans="1:30">
      <c r="A5554" s="5" t="s">
        <v>83578</v>
      </c>
      <c r="B5554" s="2" t="s">
        <v>100370</v>
      </c>
      <c r="C5554" s="14" t="s">
        <v>100371</v>
      </c>
      <c r="D5554" s="2" t="s">
        <v>100372</v>
      </c>
      <c r="E5554" s="2" t="s">
        <v>100373</v>
      </c>
      <c r="F5554" s="8">
        <v>1549</v>
      </c>
      <c r="G5554" s="5">
        <v>10</v>
      </c>
      <c r="H5554" s="5" t="s">
        <v>69</v>
      </c>
      <c r="I5554" s="5" t="s">
        <v>55802</v>
      </c>
      <c r="J5554" s="2" t="s">
        <v>55803</v>
      </c>
      <c r="K5554" s="5" t="s">
        <v>55802</v>
      </c>
      <c r="L5554" s="2" t="s">
        <v>55803</v>
      </c>
      <c r="M5554" s="5" t="s">
        <v>733</v>
      </c>
      <c r="N5554" s="5" t="s">
        <v>38</v>
      </c>
      <c r="O5554" s="5" t="s">
        <v>39</v>
      </c>
      <c r="P5554" s="5" t="s">
        <v>40</v>
      </c>
      <c r="Q5554" s="5" t="s">
        <v>897</v>
      </c>
      <c r="R5554" s="5" t="s">
        <v>40</v>
      </c>
      <c r="S5554" s="5" t="s">
        <v>42</v>
      </c>
      <c r="T5554" s="2">
        <v>65.430999999999997</v>
      </c>
      <c r="U5554" s="2">
        <v>60.750999999999998</v>
      </c>
      <c r="V5554" s="2">
        <v>0.27400000000000002</v>
      </c>
      <c r="W5554" s="2">
        <v>17</v>
      </c>
      <c r="X5554" s="2">
        <v>104.9</v>
      </c>
      <c r="Y5554" s="2">
        <v>153.6</v>
      </c>
      <c r="Z5554" s="5">
        <v>7</v>
      </c>
      <c r="AA5554" s="5" t="s">
        <v>43</v>
      </c>
      <c r="AB5554" s="5" t="s">
        <v>735</v>
      </c>
      <c r="AC5554" s="2" t="s">
        <v>100374</v>
      </c>
      <c r="AD5554" s="1"/>
    </row>
    <row r="5555" spans="1:30">
      <c r="A5555" s="5" t="s">
        <v>83578</v>
      </c>
      <c r="B5555" s="2" t="s">
        <v>100375</v>
      </c>
      <c r="C5555" s="14" t="s">
        <v>100376</v>
      </c>
      <c r="D5555" s="2" t="s">
        <v>100377</v>
      </c>
      <c r="E5555" s="2" t="s">
        <v>100378</v>
      </c>
      <c r="F5555" s="8">
        <v>1140</v>
      </c>
      <c r="G5555" s="5">
        <v>10</v>
      </c>
      <c r="H5555" s="5" t="s">
        <v>69</v>
      </c>
      <c r="I5555" s="5" t="s">
        <v>55802</v>
      </c>
      <c r="J5555" s="2" t="s">
        <v>55803</v>
      </c>
      <c r="K5555" s="5" t="s">
        <v>55802</v>
      </c>
      <c r="L5555" s="2" t="s">
        <v>55803</v>
      </c>
      <c r="M5555" s="5" t="s">
        <v>733</v>
      </c>
      <c r="N5555" s="5" t="s">
        <v>38</v>
      </c>
      <c r="O5555" s="5" t="s">
        <v>39</v>
      </c>
      <c r="P5555" s="5" t="s">
        <v>40</v>
      </c>
      <c r="Q5555" s="5" t="s">
        <v>897</v>
      </c>
      <c r="R5555" s="5" t="s">
        <v>40</v>
      </c>
      <c r="S5555" s="5" t="s">
        <v>42</v>
      </c>
      <c r="T5555" s="2">
        <v>56.308</v>
      </c>
      <c r="U5555" s="2">
        <v>51.628</v>
      </c>
      <c r="V5555" s="2">
        <v>0.27400000000000002</v>
      </c>
      <c r="W5555" s="2">
        <v>17</v>
      </c>
      <c r="X5555" s="2">
        <v>104.9</v>
      </c>
      <c r="Y5555" s="2">
        <v>153.6</v>
      </c>
      <c r="Z5555" s="5">
        <v>7</v>
      </c>
      <c r="AA5555" s="5" t="s">
        <v>43</v>
      </c>
      <c r="AB5555" s="5" t="s">
        <v>735</v>
      </c>
      <c r="AC5555" s="2" t="s">
        <v>100379</v>
      </c>
      <c r="AD5555" s="1"/>
    </row>
    <row r="5556" spans="1:30">
      <c r="A5556" s="5" t="s">
        <v>83578</v>
      </c>
      <c r="B5556" s="2" t="s">
        <v>100380</v>
      </c>
      <c r="C5556" s="14" t="s">
        <v>100381</v>
      </c>
      <c r="D5556" s="2" t="s">
        <v>100382</v>
      </c>
      <c r="E5556" s="2" t="s">
        <v>100383</v>
      </c>
      <c r="F5556" s="8">
        <v>1122</v>
      </c>
      <c r="G5556" s="5">
        <v>15</v>
      </c>
      <c r="H5556" s="5" t="s">
        <v>69</v>
      </c>
      <c r="I5556" s="5" t="s">
        <v>55802</v>
      </c>
      <c r="J5556" s="2" t="s">
        <v>55803</v>
      </c>
      <c r="K5556" s="5" t="s">
        <v>55802</v>
      </c>
      <c r="L5556" s="2" t="s">
        <v>55803</v>
      </c>
      <c r="M5556" s="5" t="s">
        <v>733</v>
      </c>
      <c r="N5556" s="5" t="s">
        <v>38</v>
      </c>
      <c r="O5556" s="5" t="s">
        <v>39</v>
      </c>
      <c r="P5556" s="5" t="s">
        <v>40</v>
      </c>
      <c r="Q5556" s="5" t="s">
        <v>897</v>
      </c>
      <c r="R5556" s="5" t="s">
        <v>40</v>
      </c>
      <c r="S5556" s="5" t="s">
        <v>42</v>
      </c>
      <c r="T5556" s="2">
        <v>53.817999999999998</v>
      </c>
      <c r="U5556" s="2">
        <v>49.180999999999997</v>
      </c>
      <c r="V5556" s="2">
        <v>0.27400000000000002</v>
      </c>
      <c r="W5556" s="2">
        <v>17</v>
      </c>
      <c r="X5556" s="2">
        <v>104.9</v>
      </c>
      <c r="Y5556" s="2">
        <v>153.6</v>
      </c>
      <c r="Z5556" s="5">
        <v>7</v>
      </c>
      <c r="AA5556" s="5" t="s">
        <v>43</v>
      </c>
      <c r="AB5556" s="5" t="s">
        <v>735</v>
      </c>
      <c r="AC5556" s="2" t="s">
        <v>100384</v>
      </c>
      <c r="AD5556" s="1"/>
    </row>
    <row r="5557" spans="1:30">
      <c r="A5557" s="5" t="s">
        <v>83578</v>
      </c>
      <c r="B5557" s="2" t="s">
        <v>100385</v>
      </c>
      <c r="C5557" s="14" t="s">
        <v>100386</v>
      </c>
      <c r="D5557" s="2" t="s">
        <v>100387</v>
      </c>
      <c r="E5557" s="2" t="s">
        <v>100388</v>
      </c>
      <c r="F5557" s="8">
        <v>1549</v>
      </c>
      <c r="G5557" s="5">
        <v>10</v>
      </c>
      <c r="H5557" s="5" t="s">
        <v>69</v>
      </c>
      <c r="I5557" s="5" t="s">
        <v>55802</v>
      </c>
      <c r="J5557" s="2" t="s">
        <v>55803</v>
      </c>
      <c r="K5557" s="5" t="s">
        <v>55802</v>
      </c>
      <c r="L5557" s="2" t="s">
        <v>55803</v>
      </c>
      <c r="M5557" s="5" t="s">
        <v>733</v>
      </c>
      <c r="N5557" s="5" t="s">
        <v>38</v>
      </c>
      <c r="O5557" s="5" t="s">
        <v>39</v>
      </c>
      <c r="P5557" s="5" t="s">
        <v>40</v>
      </c>
      <c r="Q5557" s="5" t="s">
        <v>897</v>
      </c>
      <c r="R5557" s="5" t="s">
        <v>40</v>
      </c>
      <c r="S5557" s="5" t="s">
        <v>42</v>
      </c>
      <c r="T5557" s="2">
        <v>64.406000000000006</v>
      </c>
      <c r="U5557" s="2">
        <v>59.725999999999999</v>
      </c>
      <c r="V5557" s="2">
        <v>0.27400000000000002</v>
      </c>
      <c r="W5557" s="2">
        <v>17</v>
      </c>
      <c r="X5557" s="2">
        <v>104.9</v>
      </c>
      <c r="Y5557" s="2">
        <v>153.6</v>
      </c>
      <c r="Z5557" s="5">
        <v>7</v>
      </c>
      <c r="AA5557" s="5" t="s">
        <v>43</v>
      </c>
      <c r="AB5557" s="5" t="s">
        <v>735</v>
      </c>
      <c r="AC5557" s="2" t="s">
        <v>100389</v>
      </c>
      <c r="AD5557" s="1"/>
    </row>
    <row r="5558" spans="1:30">
      <c r="A5558" s="5" t="s">
        <v>83578</v>
      </c>
      <c r="B5558" s="2" t="s">
        <v>100390</v>
      </c>
      <c r="C5558" s="14" t="s">
        <v>100391</v>
      </c>
      <c r="D5558" s="2" t="s">
        <v>100392</v>
      </c>
      <c r="E5558" s="2" t="s">
        <v>100393</v>
      </c>
      <c r="F5558" s="8">
        <v>1884</v>
      </c>
      <c r="G5558" s="5">
        <v>10</v>
      </c>
      <c r="H5558" s="5" t="s">
        <v>69</v>
      </c>
      <c r="I5558" s="5" t="s">
        <v>55802</v>
      </c>
      <c r="J5558" s="2" t="s">
        <v>55803</v>
      </c>
      <c r="K5558" s="5" t="s">
        <v>55802</v>
      </c>
      <c r="L5558" s="2" t="s">
        <v>55803</v>
      </c>
      <c r="M5558" s="5" t="s">
        <v>733</v>
      </c>
      <c r="N5558" s="5" t="s">
        <v>38</v>
      </c>
      <c r="O5558" s="5" t="s">
        <v>39</v>
      </c>
      <c r="P5558" s="5" t="s">
        <v>40</v>
      </c>
      <c r="Q5558" s="5" t="s">
        <v>897</v>
      </c>
      <c r="R5558" s="5" t="s">
        <v>40</v>
      </c>
      <c r="S5558" s="5" t="s">
        <v>42</v>
      </c>
      <c r="T5558" s="2">
        <v>84.587999999999994</v>
      </c>
      <c r="U5558" s="2">
        <v>79.430999999999997</v>
      </c>
      <c r="V5558" s="2">
        <v>0.31</v>
      </c>
      <c r="W5558" s="2">
        <v>17</v>
      </c>
      <c r="X5558" s="2">
        <v>104.9</v>
      </c>
      <c r="Y5558" s="2">
        <v>173.8</v>
      </c>
      <c r="Z5558" s="5">
        <v>7</v>
      </c>
      <c r="AA5558" s="5" t="s">
        <v>43</v>
      </c>
      <c r="AB5558" s="5" t="s">
        <v>735</v>
      </c>
      <c r="AC5558" s="2" t="s">
        <v>100394</v>
      </c>
      <c r="AD5558" s="1"/>
    </row>
    <row r="5559" spans="1:30">
      <c r="A5559" s="5" t="s">
        <v>83578</v>
      </c>
      <c r="B5559" s="2" t="s">
        <v>100395</v>
      </c>
      <c r="C5559" s="14" t="s">
        <v>100396</v>
      </c>
      <c r="D5559" s="2" t="s">
        <v>100397</v>
      </c>
      <c r="E5559" s="2" t="s">
        <v>100398</v>
      </c>
      <c r="F5559" s="8">
        <v>1884</v>
      </c>
      <c r="G5559" s="5">
        <v>10</v>
      </c>
      <c r="H5559" s="5" t="s">
        <v>69</v>
      </c>
      <c r="I5559" s="5" t="s">
        <v>55802</v>
      </c>
      <c r="J5559" s="2" t="s">
        <v>55803</v>
      </c>
      <c r="K5559" s="5" t="s">
        <v>55802</v>
      </c>
      <c r="L5559" s="2" t="s">
        <v>55803</v>
      </c>
      <c r="M5559" s="5" t="s">
        <v>733</v>
      </c>
      <c r="N5559" s="5" t="s">
        <v>38</v>
      </c>
      <c r="O5559" s="5" t="s">
        <v>39</v>
      </c>
      <c r="P5559" s="5" t="s">
        <v>40</v>
      </c>
      <c r="Q5559" s="5" t="s">
        <v>897</v>
      </c>
      <c r="R5559" s="5" t="s">
        <v>40</v>
      </c>
      <c r="S5559" s="5" t="s">
        <v>42</v>
      </c>
      <c r="T5559" s="2">
        <v>83.471999999999994</v>
      </c>
      <c r="U5559" s="2">
        <v>78.314999999999998</v>
      </c>
      <c r="V5559" s="2">
        <v>0.31</v>
      </c>
      <c r="W5559" s="2">
        <v>17</v>
      </c>
      <c r="X5559" s="2">
        <v>104.9</v>
      </c>
      <c r="Y5559" s="2">
        <v>173.8</v>
      </c>
      <c r="Z5559" s="5">
        <v>7</v>
      </c>
      <c r="AA5559" s="5" t="s">
        <v>43</v>
      </c>
      <c r="AB5559" s="5" t="s">
        <v>735</v>
      </c>
      <c r="AC5559" s="2" t="s">
        <v>100399</v>
      </c>
      <c r="AD5559" s="1"/>
    </row>
    <row r="5560" spans="1:30">
      <c r="A5560" s="5" t="s">
        <v>83578</v>
      </c>
      <c r="B5560" s="2" t="s">
        <v>100400</v>
      </c>
      <c r="C5560" s="14" t="s">
        <v>100401</v>
      </c>
      <c r="D5560" s="2" t="s">
        <v>100402</v>
      </c>
      <c r="E5560" s="2" t="s">
        <v>59367</v>
      </c>
      <c r="F5560" s="8">
        <v>1200</v>
      </c>
      <c r="G5560" s="5">
        <v>10</v>
      </c>
      <c r="H5560" s="5" t="s">
        <v>69</v>
      </c>
      <c r="I5560" s="5" t="s">
        <v>55802</v>
      </c>
      <c r="J5560" s="2" t="s">
        <v>55803</v>
      </c>
      <c r="K5560" s="5" t="s">
        <v>55802</v>
      </c>
      <c r="L5560" s="2" t="s">
        <v>55803</v>
      </c>
      <c r="M5560" s="5" t="s">
        <v>733</v>
      </c>
      <c r="N5560" s="5" t="s">
        <v>38</v>
      </c>
      <c r="O5560" s="5" t="s">
        <v>39</v>
      </c>
      <c r="P5560" s="5" t="s">
        <v>40</v>
      </c>
      <c r="Q5560" s="5" t="s">
        <v>897</v>
      </c>
      <c r="R5560" s="5" t="s">
        <v>40</v>
      </c>
      <c r="S5560" s="5" t="s">
        <v>42</v>
      </c>
      <c r="T5560" s="2">
        <v>62.697000000000003</v>
      </c>
      <c r="U5560" s="2">
        <v>57.534999999999997</v>
      </c>
      <c r="V5560" s="2">
        <v>0.31</v>
      </c>
      <c r="W5560" s="2">
        <v>17</v>
      </c>
      <c r="X5560" s="2">
        <v>104.9</v>
      </c>
      <c r="Y5560" s="2">
        <v>173.8</v>
      </c>
      <c r="Z5560" s="5">
        <v>7</v>
      </c>
      <c r="AA5560" s="5" t="s">
        <v>43</v>
      </c>
      <c r="AB5560" s="5" t="s">
        <v>735</v>
      </c>
      <c r="AC5560" s="2" t="s">
        <v>100403</v>
      </c>
      <c r="AD5560" s="1"/>
    </row>
    <row r="5561" spans="1:30">
      <c r="A5561" s="5" t="s">
        <v>83578</v>
      </c>
      <c r="B5561" s="2" t="s">
        <v>100404</v>
      </c>
      <c r="C5561" s="14" t="s">
        <v>100405</v>
      </c>
      <c r="D5561" s="2" t="s">
        <v>100406</v>
      </c>
      <c r="E5561" s="2" t="s">
        <v>100407</v>
      </c>
      <c r="F5561" s="8">
        <v>1223</v>
      </c>
      <c r="G5561" s="5">
        <v>15</v>
      </c>
      <c r="H5561" s="5" t="s">
        <v>69</v>
      </c>
      <c r="I5561" s="5" t="s">
        <v>55802</v>
      </c>
      <c r="J5561" s="2" t="s">
        <v>55803</v>
      </c>
      <c r="K5561" s="5" t="s">
        <v>55802</v>
      </c>
      <c r="L5561" s="2" t="s">
        <v>55803</v>
      </c>
      <c r="M5561" s="5" t="s">
        <v>733</v>
      </c>
      <c r="N5561" s="5" t="s">
        <v>38</v>
      </c>
      <c r="O5561" s="5" t="s">
        <v>39</v>
      </c>
      <c r="P5561" s="5" t="s">
        <v>40</v>
      </c>
      <c r="Q5561" s="5" t="s">
        <v>897</v>
      </c>
      <c r="R5561" s="5" t="s">
        <v>40</v>
      </c>
      <c r="S5561" s="5" t="s">
        <v>42</v>
      </c>
      <c r="T5561" s="2">
        <v>60.218000000000004</v>
      </c>
      <c r="U5561" s="2">
        <v>55.098999999999997</v>
      </c>
      <c r="V5561" s="2">
        <v>0.31</v>
      </c>
      <c r="W5561" s="2">
        <v>17</v>
      </c>
      <c r="X5561" s="2">
        <v>104.9</v>
      </c>
      <c r="Y5561" s="2">
        <v>173.8</v>
      </c>
      <c r="Z5561" s="5">
        <v>7</v>
      </c>
      <c r="AA5561" s="5" t="s">
        <v>43</v>
      </c>
      <c r="AB5561" s="5" t="s">
        <v>735</v>
      </c>
      <c r="AC5561" s="2" t="s">
        <v>100408</v>
      </c>
      <c r="AD5561" s="1"/>
    </row>
    <row r="5562" spans="1:30">
      <c r="A5562" s="5" t="s">
        <v>83578</v>
      </c>
      <c r="B5562" s="2" t="s">
        <v>100409</v>
      </c>
      <c r="C5562" s="14" t="s">
        <v>100410</v>
      </c>
      <c r="D5562" s="2" t="s">
        <v>100411</v>
      </c>
      <c r="E5562" s="2" t="s">
        <v>100412</v>
      </c>
      <c r="F5562" s="8">
        <v>1884</v>
      </c>
      <c r="G5562" s="5">
        <v>10</v>
      </c>
      <c r="H5562" s="5" t="s">
        <v>69</v>
      </c>
      <c r="I5562" s="5" t="s">
        <v>55802</v>
      </c>
      <c r="J5562" s="2" t="s">
        <v>55803</v>
      </c>
      <c r="K5562" s="5" t="s">
        <v>55802</v>
      </c>
      <c r="L5562" s="2" t="s">
        <v>55803</v>
      </c>
      <c r="M5562" s="5" t="s">
        <v>733</v>
      </c>
      <c r="N5562" s="5" t="s">
        <v>38</v>
      </c>
      <c r="O5562" s="5" t="s">
        <v>39</v>
      </c>
      <c r="P5562" s="5" t="s">
        <v>40</v>
      </c>
      <c r="Q5562" s="5" t="s">
        <v>897</v>
      </c>
      <c r="R5562" s="5" t="s">
        <v>40</v>
      </c>
      <c r="S5562" s="5" t="s">
        <v>42</v>
      </c>
      <c r="T5562" s="2">
        <v>84.584999999999994</v>
      </c>
      <c r="U5562" s="2">
        <v>79.427999999999997</v>
      </c>
      <c r="V5562" s="2">
        <v>0.31</v>
      </c>
      <c r="W5562" s="2">
        <v>17</v>
      </c>
      <c r="X5562" s="2">
        <v>104.9</v>
      </c>
      <c r="Y5562" s="2">
        <v>173.8</v>
      </c>
      <c r="Z5562" s="5">
        <v>7</v>
      </c>
      <c r="AA5562" s="5" t="s">
        <v>43</v>
      </c>
      <c r="AB5562" s="5" t="s">
        <v>735</v>
      </c>
      <c r="AC5562" s="2" t="s">
        <v>100413</v>
      </c>
      <c r="AD5562" s="1"/>
    </row>
    <row r="5563" spans="1:30">
      <c r="A5563" s="5" t="s">
        <v>83578</v>
      </c>
      <c r="B5563" s="2" t="s">
        <v>100414</v>
      </c>
      <c r="C5563" s="14" t="s">
        <v>100415</v>
      </c>
      <c r="D5563" s="2" t="s">
        <v>100416</v>
      </c>
      <c r="E5563" s="2" t="s">
        <v>100417</v>
      </c>
      <c r="F5563" s="8">
        <v>1763</v>
      </c>
      <c r="G5563" s="5">
        <v>10</v>
      </c>
      <c r="H5563" s="5" t="s">
        <v>69</v>
      </c>
      <c r="I5563" s="5" t="s">
        <v>55802</v>
      </c>
      <c r="J5563" s="2" t="s">
        <v>55803</v>
      </c>
      <c r="K5563" s="5" t="s">
        <v>55802</v>
      </c>
      <c r="L5563" s="2" t="s">
        <v>55803</v>
      </c>
      <c r="M5563" s="5" t="s">
        <v>733</v>
      </c>
      <c r="N5563" s="5" t="s">
        <v>38</v>
      </c>
      <c r="O5563" s="5" t="s">
        <v>39</v>
      </c>
      <c r="P5563" s="5" t="s">
        <v>40</v>
      </c>
      <c r="Q5563" s="5" t="s">
        <v>897</v>
      </c>
      <c r="R5563" s="5" t="s">
        <v>40</v>
      </c>
      <c r="S5563" s="5" t="s">
        <v>42</v>
      </c>
      <c r="T5563" s="2">
        <v>76.28</v>
      </c>
      <c r="U5563" s="2">
        <v>72.204999999999998</v>
      </c>
      <c r="V5563" s="2">
        <v>0.26100000000000001</v>
      </c>
      <c r="W5563" s="2">
        <v>17</v>
      </c>
      <c r="X5563" s="2">
        <v>116.7</v>
      </c>
      <c r="Y5563" s="2">
        <v>131.6</v>
      </c>
      <c r="Z5563" s="5">
        <v>7</v>
      </c>
      <c r="AA5563" s="5" t="s">
        <v>43</v>
      </c>
      <c r="AB5563" s="5" t="s">
        <v>735</v>
      </c>
      <c r="AC5563" s="2" t="s">
        <v>100418</v>
      </c>
      <c r="AD5563" s="1"/>
    </row>
    <row r="5564" spans="1:30">
      <c r="A5564" s="5" t="s">
        <v>83578</v>
      </c>
      <c r="B5564" s="2" t="s">
        <v>100419</v>
      </c>
      <c r="C5564" s="14" t="s">
        <v>100420</v>
      </c>
      <c r="D5564" s="2" t="s">
        <v>100421</v>
      </c>
      <c r="E5564" s="2" t="s">
        <v>100422</v>
      </c>
      <c r="F5564" s="8">
        <v>1763</v>
      </c>
      <c r="G5564" s="5">
        <v>10</v>
      </c>
      <c r="H5564" s="5" t="s">
        <v>69</v>
      </c>
      <c r="I5564" s="5" t="s">
        <v>55802</v>
      </c>
      <c r="J5564" s="2" t="s">
        <v>55803</v>
      </c>
      <c r="K5564" s="5" t="s">
        <v>55802</v>
      </c>
      <c r="L5564" s="2" t="s">
        <v>55803</v>
      </c>
      <c r="M5564" s="5" t="s">
        <v>733</v>
      </c>
      <c r="N5564" s="5" t="s">
        <v>38</v>
      </c>
      <c r="O5564" s="5" t="s">
        <v>39</v>
      </c>
      <c r="P5564" s="5" t="s">
        <v>40</v>
      </c>
      <c r="Q5564" s="5" t="s">
        <v>897</v>
      </c>
      <c r="R5564" s="5" t="s">
        <v>40</v>
      </c>
      <c r="S5564" s="5" t="s">
        <v>42</v>
      </c>
      <c r="T5564" s="2">
        <v>75.218000000000004</v>
      </c>
      <c r="U5564" s="2">
        <v>71.143000000000001</v>
      </c>
      <c r="V5564" s="2">
        <v>0.26100000000000001</v>
      </c>
      <c r="W5564" s="2">
        <v>17</v>
      </c>
      <c r="X5564" s="2">
        <v>116.7</v>
      </c>
      <c r="Y5564" s="2">
        <v>131.6</v>
      </c>
      <c r="Z5564" s="5">
        <v>7</v>
      </c>
      <c r="AA5564" s="5" t="s">
        <v>43</v>
      </c>
      <c r="AB5564" s="5" t="s">
        <v>735</v>
      </c>
      <c r="AC5564" s="2" t="s">
        <v>100423</v>
      </c>
      <c r="AD5564" s="1"/>
    </row>
    <row r="5565" spans="1:30">
      <c r="A5565" s="5" t="s">
        <v>83578</v>
      </c>
      <c r="B5565" s="2" t="s">
        <v>100424</v>
      </c>
      <c r="C5565" s="14" t="s">
        <v>100425</v>
      </c>
      <c r="D5565" s="2" t="s">
        <v>100426</v>
      </c>
      <c r="E5565" s="2" t="s">
        <v>100427</v>
      </c>
      <c r="F5565" s="8">
        <v>1932</v>
      </c>
      <c r="G5565" s="5">
        <v>10</v>
      </c>
      <c r="H5565" s="5" t="s">
        <v>69</v>
      </c>
      <c r="I5565" s="5" t="s">
        <v>55802</v>
      </c>
      <c r="J5565" s="2" t="s">
        <v>55803</v>
      </c>
      <c r="K5565" s="5" t="s">
        <v>55802</v>
      </c>
      <c r="L5565" s="2" t="s">
        <v>55803</v>
      </c>
      <c r="M5565" s="5" t="s">
        <v>733</v>
      </c>
      <c r="N5565" s="5" t="s">
        <v>38</v>
      </c>
      <c r="O5565" s="5" t="s">
        <v>39</v>
      </c>
      <c r="P5565" s="5" t="s">
        <v>40</v>
      </c>
      <c r="Q5565" s="5" t="s">
        <v>897</v>
      </c>
      <c r="R5565" s="5" t="s">
        <v>40</v>
      </c>
      <c r="S5565" s="5" t="s">
        <v>42</v>
      </c>
      <c r="T5565" s="2">
        <v>89.048000000000002</v>
      </c>
      <c r="U5565" s="2">
        <v>83.772000000000006</v>
      </c>
      <c r="V5565" s="2">
        <v>0.32600000000000001</v>
      </c>
      <c r="W5565" s="2">
        <v>17</v>
      </c>
      <c r="X5565" s="2">
        <v>124.7</v>
      </c>
      <c r="Y5565" s="2">
        <v>153.6</v>
      </c>
      <c r="Z5565" s="5">
        <v>7</v>
      </c>
      <c r="AA5565" s="5" t="s">
        <v>43</v>
      </c>
      <c r="AB5565" s="5" t="s">
        <v>735</v>
      </c>
      <c r="AC5565" s="2" t="s">
        <v>100428</v>
      </c>
      <c r="AD5565" s="1"/>
    </row>
    <row r="5566" spans="1:30">
      <c r="A5566" s="5" t="s">
        <v>83578</v>
      </c>
      <c r="B5566" s="2" t="s">
        <v>100429</v>
      </c>
      <c r="C5566" s="14" t="s">
        <v>100430</v>
      </c>
      <c r="D5566" s="2" t="s">
        <v>100431</v>
      </c>
      <c r="E5566" s="2" t="s">
        <v>100432</v>
      </c>
      <c r="F5566" s="8">
        <v>1704</v>
      </c>
      <c r="G5566" s="5">
        <v>5</v>
      </c>
      <c r="H5566" s="5" t="s">
        <v>69</v>
      </c>
      <c r="I5566" s="5" t="s">
        <v>55802</v>
      </c>
      <c r="J5566" s="2" t="s">
        <v>55803</v>
      </c>
      <c r="K5566" s="5" t="s">
        <v>55802</v>
      </c>
      <c r="L5566" s="2" t="s">
        <v>55803</v>
      </c>
      <c r="M5566" s="5" t="s">
        <v>733</v>
      </c>
      <c r="N5566" s="5" t="s">
        <v>38</v>
      </c>
      <c r="O5566" s="5" t="s">
        <v>39</v>
      </c>
      <c r="P5566" s="5" t="s">
        <v>40</v>
      </c>
      <c r="Q5566" s="5" t="s">
        <v>897</v>
      </c>
      <c r="R5566" s="5" t="s">
        <v>40</v>
      </c>
      <c r="S5566" s="5" t="s">
        <v>42</v>
      </c>
      <c r="T5566" s="2">
        <v>76.712999999999994</v>
      </c>
      <c r="U5566" s="2">
        <v>71.430000000000007</v>
      </c>
      <c r="V5566" s="2">
        <v>0.32600000000000001</v>
      </c>
      <c r="W5566" s="2">
        <v>17</v>
      </c>
      <c r="X5566" s="2">
        <v>124.7</v>
      </c>
      <c r="Y5566" s="2">
        <v>153.6</v>
      </c>
      <c r="Z5566" s="5">
        <v>7</v>
      </c>
      <c r="AA5566" s="5" t="s">
        <v>43</v>
      </c>
      <c r="AB5566" s="5" t="s">
        <v>735</v>
      </c>
      <c r="AC5566" s="2" t="s">
        <v>100433</v>
      </c>
      <c r="AD5566" s="1"/>
    </row>
    <row r="5567" spans="1:30">
      <c r="A5567" s="5" t="s">
        <v>83578</v>
      </c>
      <c r="B5567" s="2" t="s">
        <v>100434</v>
      </c>
      <c r="C5567" s="14" t="s">
        <v>100435</v>
      </c>
      <c r="D5567" s="2" t="s">
        <v>100436</v>
      </c>
      <c r="E5567" s="2" t="s">
        <v>100437</v>
      </c>
      <c r="F5567" s="8">
        <v>1211</v>
      </c>
      <c r="G5567" s="5">
        <v>10</v>
      </c>
      <c r="H5567" s="5" t="s">
        <v>69</v>
      </c>
      <c r="I5567" s="5" t="s">
        <v>55802</v>
      </c>
      <c r="J5567" s="2" t="s">
        <v>55803</v>
      </c>
      <c r="K5567" s="5" t="s">
        <v>55802</v>
      </c>
      <c r="L5567" s="2" t="s">
        <v>55803</v>
      </c>
      <c r="M5567" s="5" t="s">
        <v>733</v>
      </c>
      <c r="N5567" s="5" t="s">
        <v>38</v>
      </c>
      <c r="O5567" s="5" t="s">
        <v>39</v>
      </c>
      <c r="P5567" s="5" t="s">
        <v>40</v>
      </c>
      <c r="Q5567" s="5" t="s">
        <v>897</v>
      </c>
      <c r="R5567" s="5" t="s">
        <v>40</v>
      </c>
      <c r="S5567" s="5" t="s">
        <v>42</v>
      </c>
      <c r="T5567" s="2">
        <v>66.707999999999998</v>
      </c>
      <c r="U5567" s="2">
        <v>61.424999999999997</v>
      </c>
      <c r="V5567" s="2">
        <v>0.32600000000000001</v>
      </c>
      <c r="W5567" s="2">
        <v>17</v>
      </c>
      <c r="X5567" s="2">
        <v>124.7</v>
      </c>
      <c r="Y5567" s="2">
        <v>153.6</v>
      </c>
      <c r="Z5567" s="5">
        <v>7</v>
      </c>
      <c r="AA5567" s="5" t="s">
        <v>43</v>
      </c>
      <c r="AB5567" s="5" t="s">
        <v>735</v>
      </c>
      <c r="AC5567" s="2" t="s">
        <v>100438</v>
      </c>
      <c r="AD5567" s="1"/>
    </row>
    <row r="5568" spans="1:30">
      <c r="A5568" s="5" t="s">
        <v>83578</v>
      </c>
      <c r="B5568" s="2" t="s">
        <v>100439</v>
      </c>
      <c r="C5568" s="14" t="s">
        <v>100440</v>
      </c>
      <c r="D5568" s="2" t="s">
        <v>100441</v>
      </c>
      <c r="E5568" s="2" t="s">
        <v>100442</v>
      </c>
      <c r="F5568" s="8">
        <v>1932</v>
      </c>
      <c r="G5568" s="5">
        <v>10</v>
      </c>
      <c r="H5568" s="5" t="s">
        <v>69</v>
      </c>
      <c r="I5568" s="5" t="s">
        <v>55802</v>
      </c>
      <c r="J5568" s="2" t="s">
        <v>55803</v>
      </c>
      <c r="K5568" s="5" t="s">
        <v>55802</v>
      </c>
      <c r="L5568" s="2" t="s">
        <v>55803</v>
      </c>
      <c r="M5568" s="5" t="s">
        <v>733</v>
      </c>
      <c r="N5568" s="5" t="s">
        <v>38</v>
      </c>
      <c r="O5568" s="5" t="s">
        <v>39</v>
      </c>
      <c r="P5568" s="5" t="s">
        <v>40</v>
      </c>
      <c r="Q5568" s="5" t="s">
        <v>897</v>
      </c>
      <c r="R5568" s="5" t="s">
        <v>40</v>
      </c>
      <c r="S5568" s="5" t="s">
        <v>42</v>
      </c>
      <c r="T5568" s="2">
        <v>87.932000000000002</v>
      </c>
      <c r="U5568" s="2">
        <v>82.656000000000006</v>
      </c>
      <c r="V5568" s="2">
        <v>0.32600000000000001</v>
      </c>
      <c r="W5568" s="2">
        <v>17</v>
      </c>
      <c r="X5568" s="2">
        <v>124.7</v>
      </c>
      <c r="Y5568" s="2">
        <v>153.6</v>
      </c>
      <c r="Z5568" s="5">
        <v>7</v>
      </c>
      <c r="AA5568" s="5" t="s">
        <v>43</v>
      </c>
      <c r="AB5568" s="5" t="s">
        <v>735</v>
      </c>
      <c r="AC5568" s="2" t="s">
        <v>100443</v>
      </c>
      <c r="AD5568" s="1"/>
    </row>
    <row r="5569" spans="1:30">
      <c r="A5569" s="5" t="s">
        <v>83578</v>
      </c>
      <c r="B5569" s="2" t="s">
        <v>100444</v>
      </c>
      <c r="C5569" s="14" t="s">
        <v>100445</v>
      </c>
      <c r="D5569" s="2" t="s">
        <v>100446</v>
      </c>
      <c r="E5569" s="2" t="s">
        <v>65590</v>
      </c>
      <c r="F5569" s="8">
        <v>1704</v>
      </c>
      <c r="G5569" s="5">
        <v>10</v>
      </c>
      <c r="H5569" s="5" t="s">
        <v>69</v>
      </c>
      <c r="I5569" s="5" t="s">
        <v>55802</v>
      </c>
      <c r="J5569" s="2" t="s">
        <v>55803</v>
      </c>
      <c r="K5569" s="5" t="s">
        <v>55802</v>
      </c>
      <c r="L5569" s="2" t="s">
        <v>55803</v>
      </c>
      <c r="M5569" s="5" t="s">
        <v>733</v>
      </c>
      <c r="N5569" s="5" t="s">
        <v>38</v>
      </c>
      <c r="O5569" s="5" t="s">
        <v>39</v>
      </c>
      <c r="P5569" s="5" t="s">
        <v>40</v>
      </c>
      <c r="Q5569" s="5" t="s">
        <v>897</v>
      </c>
      <c r="R5569" s="5" t="s">
        <v>40</v>
      </c>
      <c r="S5569" s="5" t="s">
        <v>42</v>
      </c>
      <c r="T5569" s="2">
        <v>75.602999999999994</v>
      </c>
      <c r="U5569" s="2">
        <v>70.319999999999993</v>
      </c>
      <c r="V5569" s="2">
        <v>0.32600000000000001</v>
      </c>
      <c r="W5569" s="2">
        <v>17</v>
      </c>
      <c r="X5569" s="2">
        <v>124.7</v>
      </c>
      <c r="Y5569" s="2">
        <v>153.6</v>
      </c>
      <c r="Z5569" s="5">
        <v>7</v>
      </c>
      <c r="AA5569" s="5" t="s">
        <v>43</v>
      </c>
      <c r="AB5569" s="5" t="s">
        <v>735</v>
      </c>
      <c r="AC5569" s="2" t="s">
        <v>100447</v>
      </c>
      <c r="AD5569" s="1"/>
    </row>
    <row r="5570" spans="1:30">
      <c r="A5570" s="5" t="s">
        <v>83578</v>
      </c>
      <c r="B5570" s="2" t="s">
        <v>100448</v>
      </c>
      <c r="C5570" s="14" t="s">
        <v>100449</v>
      </c>
      <c r="D5570" s="2" t="s">
        <v>100450</v>
      </c>
      <c r="E5570" s="2" t="s">
        <v>100451</v>
      </c>
      <c r="F5570" s="8">
        <v>1241</v>
      </c>
      <c r="G5570" s="5">
        <v>15</v>
      </c>
      <c r="H5570" s="5" t="s">
        <v>69</v>
      </c>
      <c r="I5570" s="5" t="s">
        <v>55802</v>
      </c>
      <c r="J5570" s="2" t="s">
        <v>55803</v>
      </c>
      <c r="K5570" s="5" t="s">
        <v>55802</v>
      </c>
      <c r="L5570" s="2" t="s">
        <v>55803</v>
      </c>
      <c r="M5570" s="5" t="s">
        <v>733</v>
      </c>
      <c r="N5570" s="5" t="s">
        <v>38</v>
      </c>
      <c r="O5570" s="5" t="s">
        <v>39</v>
      </c>
      <c r="P5570" s="5" t="s">
        <v>40</v>
      </c>
      <c r="Q5570" s="5" t="s">
        <v>897</v>
      </c>
      <c r="R5570" s="5" t="s">
        <v>40</v>
      </c>
      <c r="S5570" s="5" t="s">
        <v>42</v>
      </c>
      <c r="T5570" s="2">
        <v>62.792000000000002</v>
      </c>
      <c r="U5570" s="2">
        <v>57.56</v>
      </c>
      <c r="V5570" s="2">
        <v>0.32600000000000001</v>
      </c>
      <c r="W5570" s="2">
        <v>17</v>
      </c>
      <c r="X5570" s="2">
        <v>124.7</v>
      </c>
      <c r="Y5570" s="2">
        <v>153.6</v>
      </c>
      <c r="Z5570" s="5">
        <v>7</v>
      </c>
      <c r="AA5570" s="5" t="s">
        <v>43</v>
      </c>
      <c r="AB5570" s="5" t="s">
        <v>735</v>
      </c>
      <c r="AC5570" s="2" t="s">
        <v>100452</v>
      </c>
      <c r="AD5570" s="1"/>
    </row>
    <row r="5571" spans="1:30">
      <c r="A5571" s="5" t="s">
        <v>83578</v>
      </c>
      <c r="B5571" s="2" t="s">
        <v>100453</v>
      </c>
      <c r="C5571" s="14" t="s">
        <v>100454</v>
      </c>
      <c r="D5571" s="2" t="s">
        <v>100455</v>
      </c>
      <c r="E5571" s="2" t="s">
        <v>100456</v>
      </c>
      <c r="F5571" s="8">
        <v>1932</v>
      </c>
      <c r="G5571" s="5">
        <v>10</v>
      </c>
      <c r="H5571" s="5" t="s">
        <v>69</v>
      </c>
      <c r="I5571" s="5" t="s">
        <v>55802</v>
      </c>
      <c r="J5571" s="2" t="s">
        <v>55803</v>
      </c>
      <c r="K5571" s="5" t="s">
        <v>55802</v>
      </c>
      <c r="L5571" s="2" t="s">
        <v>55803</v>
      </c>
      <c r="M5571" s="5" t="s">
        <v>733</v>
      </c>
      <c r="N5571" s="5" t="s">
        <v>38</v>
      </c>
      <c r="O5571" s="5" t="s">
        <v>39</v>
      </c>
      <c r="P5571" s="5" t="s">
        <v>40</v>
      </c>
      <c r="Q5571" s="5" t="s">
        <v>897</v>
      </c>
      <c r="R5571" s="5" t="s">
        <v>40</v>
      </c>
      <c r="S5571" s="5" t="s">
        <v>42</v>
      </c>
      <c r="T5571" s="2">
        <v>89.045000000000002</v>
      </c>
      <c r="U5571" s="2">
        <v>83.769000000000005</v>
      </c>
      <c r="V5571" s="2">
        <v>0.32600000000000001</v>
      </c>
      <c r="W5571" s="2">
        <v>17</v>
      </c>
      <c r="X5571" s="2">
        <v>124.7</v>
      </c>
      <c r="Y5571" s="2">
        <v>153.6</v>
      </c>
      <c r="Z5571" s="5">
        <v>7</v>
      </c>
      <c r="AA5571" s="5" t="s">
        <v>43</v>
      </c>
      <c r="AB5571" s="5" t="s">
        <v>735</v>
      </c>
      <c r="AC5571" s="2" t="s">
        <v>100457</v>
      </c>
      <c r="AD5571" s="1"/>
    </row>
    <row r="5572" spans="1:30">
      <c r="A5572" s="5" t="s">
        <v>83578</v>
      </c>
      <c r="B5572" s="2" t="s">
        <v>100458</v>
      </c>
      <c r="C5572" s="14" t="s">
        <v>100459</v>
      </c>
      <c r="D5572" s="2" t="s">
        <v>100460</v>
      </c>
      <c r="E5572" s="2" t="s">
        <v>100461</v>
      </c>
      <c r="F5572" s="8">
        <v>1704</v>
      </c>
      <c r="G5572" s="5">
        <v>5</v>
      </c>
      <c r="H5572" s="5" t="s">
        <v>69</v>
      </c>
      <c r="I5572" s="5" t="s">
        <v>55802</v>
      </c>
      <c r="J5572" s="2" t="s">
        <v>55803</v>
      </c>
      <c r="K5572" s="5" t="s">
        <v>55802</v>
      </c>
      <c r="L5572" s="2" t="s">
        <v>55803</v>
      </c>
      <c r="M5572" s="5" t="s">
        <v>733</v>
      </c>
      <c r="N5572" s="5" t="s">
        <v>38</v>
      </c>
      <c r="O5572" s="5" t="s">
        <v>39</v>
      </c>
      <c r="P5572" s="5" t="s">
        <v>40</v>
      </c>
      <c r="Q5572" s="5" t="s">
        <v>897</v>
      </c>
      <c r="R5572" s="5" t="s">
        <v>40</v>
      </c>
      <c r="S5572" s="5" t="s">
        <v>42</v>
      </c>
      <c r="T5572" s="2">
        <v>76.709999999999994</v>
      </c>
      <c r="U5572" s="2">
        <v>71.427000000000007</v>
      </c>
      <c r="V5572" s="2">
        <v>0.32600000000000001</v>
      </c>
      <c r="W5572" s="2">
        <v>17</v>
      </c>
      <c r="X5572" s="2">
        <v>124.7</v>
      </c>
      <c r="Y5572" s="2">
        <v>153.6</v>
      </c>
      <c r="Z5572" s="5">
        <v>7</v>
      </c>
      <c r="AA5572" s="5" t="s">
        <v>43</v>
      </c>
      <c r="AB5572" s="5" t="s">
        <v>735</v>
      </c>
      <c r="AC5572" s="2" t="s">
        <v>100462</v>
      </c>
      <c r="AD5572" s="1"/>
    </row>
    <row r="5573" spans="1:30">
      <c r="A5573" s="5" t="s">
        <v>83578</v>
      </c>
      <c r="B5573" s="2" t="s">
        <v>100463</v>
      </c>
      <c r="C5573" s="14" t="s">
        <v>100464</v>
      </c>
      <c r="D5573" s="2" t="s">
        <v>100465</v>
      </c>
      <c r="E5573" s="2" t="s">
        <v>100466</v>
      </c>
      <c r="F5573" s="8">
        <v>1704</v>
      </c>
      <c r="G5573" s="5">
        <v>10</v>
      </c>
      <c r="H5573" s="5" t="s">
        <v>69</v>
      </c>
      <c r="I5573" s="5" t="s">
        <v>55802</v>
      </c>
      <c r="J5573" s="2" t="s">
        <v>55803</v>
      </c>
      <c r="K5573" s="5" t="s">
        <v>55802</v>
      </c>
      <c r="L5573" s="2" t="s">
        <v>55803</v>
      </c>
      <c r="M5573" s="5" t="s">
        <v>733</v>
      </c>
      <c r="N5573" s="5" t="s">
        <v>38</v>
      </c>
      <c r="O5573" s="5" t="s">
        <v>39</v>
      </c>
      <c r="P5573" s="5" t="s">
        <v>40</v>
      </c>
      <c r="Q5573" s="5" t="s">
        <v>897</v>
      </c>
      <c r="R5573" s="5" t="s">
        <v>40</v>
      </c>
      <c r="S5573" s="5" t="s">
        <v>42</v>
      </c>
      <c r="T5573" s="2">
        <v>75.599999999999994</v>
      </c>
      <c r="U5573" s="2">
        <v>70.316999999999993</v>
      </c>
      <c r="V5573" s="2">
        <v>0.32600000000000001</v>
      </c>
      <c r="W5573" s="2">
        <v>17</v>
      </c>
      <c r="X5573" s="2">
        <v>124.7</v>
      </c>
      <c r="Y5573" s="2">
        <v>153.6</v>
      </c>
      <c r="Z5573" s="5">
        <v>7</v>
      </c>
      <c r="AA5573" s="5" t="s">
        <v>43</v>
      </c>
      <c r="AB5573" s="5" t="s">
        <v>735</v>
      </c>
      <c r="AC5573" s="2" t="s">
        <v>100467</v>
      </c>
      <c r="AD5573" s="1"/>
    </row>
    <row r="5574" spans="1:30">
      <c r="A5574" s="5" t="s">
        <v>83578</v>
      </c>
      <c r="B5574" s="2" t="s">
        <v>100468</v>
      </c>
      <c r="C5574" s="14" t="s">
        <v>100469</v>
      </c>
      <c r="D5574" s="2" t="s">
        <v>100470</v>
      </c>
      <c r="E5574" s="2" t="s">
        <v>100471</v>
      </c>
      <c r="F5574" s="8">
        <v>1842</v>
      </c>
      <c r="G5574" s="5">
        <v>10</v>
      </c>
      <c r="H5574" s="5" t="s">
        <v>69</v>
      </c>
      <c r="I5574" s="5" t="s">
        <v>55802</v>
      </c>
      <c r="J5574" s="2" t="s">
        <v>55803</v>
      </c>
      <c r="K5574" s="5" t="s">
        <v>55802</v>
      </c>
      <c r="L5574" s="2" t="s">
        <v>55803</v>
      </c>
      <c r="M5574" s="5" t="s">
        <v>733</v>
      </c>
      <c r="N5574" s="5" t="s">
        <v>38</v>
      </c>
      <c r="O5574" s="5" t="s">
        <v>39</v>
      </c>
      <c r="P5574" s="5" t="s">
        <v>40</v>
      </c>
      <c r="Q5574" s="5" t="s">
        <v>897</v>
      </c>
      <c r="R5574" s="5" t="s">
        <v>40</v>
      </c>
      <c r="S5574" s="5" t="s">
        <v>42</v>
      </c>
      <c r="T5574" s="2">
        <v>85.766999999999996</v>
      </c>
      <c r="U5574" s="2">
        <v>79.944999999999993</v>
      </c>
      <c r="V5574" s="2">
        <v>0.36799999999999999</v>
      </c>
      <c r="W5574" s="2">
        <v>17</v>
      </c>
      <c r="X5574" s="2">
        <v>124.7</v>
      </c>
      <c r="Y5574" s="2">
        <v>173.8</v>
      </c>
      <c r="Z5574" s="5">
        <v>7</v>
      </c>
      <c r="AA5574" s="5" t="s">
        <v>43</v>
      </c>
      <c r="AB5574" s="5" t="s">
        <v>735</v>
      </c>
      <c r="AC5574" s="2" t="s">
        <v>100472</v>
      </c>
      <c r="AD5574" s="1"/>
    </row>
    <row r="5575" spans="1:30">
      <c r="A5575" s="5" t="s">
        <v>83578</v>
      </c>
      <c r="B5575" s="2" t="s">
        <v>100473</v>
      </c>
      <c r="C5575" s="14" t="s">
        <v>100474</v>
      </c>
      <c r="D5575" s="2" t="s">
        <v>100475</v>
      </c>
      <c r="E5575" s="2" t="s">
        <v>100476</v>
      </c>
      <c r="F5575" s="8">
        <v>1277</v>
      </c>
      <c r="G5575" s="5">
        <v>10</v>
      </c>
      <c r="H5575" s="5" t="s">
        <v>69</v>
      </c>
      <c r="I5575" s="5" t="s">
        <v>55802</v>
      </c>
      <c r="J5575" s="2" t="s">
        <v>55803</v>
      </c>
      <c r="K5575" s="5" t="s">
        <v>55802</v>
      </c>
      <c r="L5575" s="2" t="s">
        <v>55803</v>
      </c>
      <c r="M5575" s="5" t="s">
        <v>733</v>
      </c>
      <c r="N5575" s="5" t="s">
        <v>38</v>
      </c>
      <c r="O5575" s="5" t="s">
        <v>39</v>
      </c>
      <c r="P5575" s="5" t="s">
        <v>40</v>
      </c>
      <c r="Q5575" s="5" t="s">
        <v>897</v>
      </c>
      <c r="R5575" s="5" t="s">
        <v>40</v>
      </c>
      <c r="S5575" s="5" t="s">
        <v>42</v>
      </c>
      <c r="T5575" s="2">
        <v>74.231999999999999</v>
      </c>
      <c r="U5575" s="2">
        <v>68.41</v>
      </c>
      <c r="V5575" s="2">
        <v>0.36799999999999999</v>
      </c>
      <c r="W5575" s="2">
        <v>17</v>
      </c>
      <c r="X5575" s="2">
        <v>124.7</v>
      </c>
      <c r="Y5575" s="2">
        <v>173.8</v>
      </c>
      <c r="Z5575" s="5">
        <v>7</v>
      </c>
      <c r="AA5575" s="5" t="s">
        <v>43</v>
      </c>
      <c r="AB5575" s="5" t="s">
        <v>735</v>
      </c>
      <c r="AC5575" s="2" t="s">
        <v>100477</v>
      </c>
      <c r="AD5575" s="1"/>
    </row>
    <row r="5576" spans="1:30">
      <c r="A5576" s="5" t="s">
        <v>83578</v>
      </c>
      <c r="B5576" s="2" t="s">
        <v>100478</v>
      </c>
      <c r="C5576" s="14" t="s">
        <v>100479</v>
      </c>
      <c r="D5576" s="2" t="s">
        <v>100480</v>
      </c>
      <c r="E5576" s="2" t="s">
        <v>100481</v>
      </c>
      <c r="F5576" s="8">
        <v>1277</v>
      </c>
      <c r="G5576" s="5">
        <v>10</v>
      </c>
      <c r="H5576" s="5" t="s">
        <v>69</v>
      </c>
      <c r="I5576" s="5" t="s">
        <v>55802</v>
      </c>
      <c r="J5576" s="2" t="s">
        <v>55803</v>
      </c>
      <c r="K5576" s="5" t="s">
        <v>55802</v>
      </c>
      <c r="L5576" s="2" t="s">
        <v>55803</v>
      </c>
      <c r="M5576" s="5" t="s">
        <v>733</v>
      </c>
      <c r="N5576" s="5" t="s">
        <v>38</v>
      </c>
      <c r="O5576" s="5" t="s">
        <v>39</v>
      </c>
      <c r="P5576" s="5" t="s">
        <v>40</v>
      </c>
      <c r="Q5576" s="5" t="s">
        <v>897</v>
      </c>
      <c r="R5576" s="5" t="s">
        <v>40</v>
      </c>
      <c r="S5576" s="5" t="s">
        <v>42</v>
      </c>
      <c r="T5576" s="2">
        <v>73.034999999999997</v>
      </c>
      <c r="U5576" s="2">
        <v>67.212999999999994</v>
      </c>
      <c r="V5576" s="2">
        <v>0.36799999999999999</v>
      </c>
      <c r="W5576" s="2">
        <v>17</v>
      </c>
      <c r="X5576" s="2">
        <v>124.7</v>
      </c>
      <c r="Y5576" s="2">
        <v>173.8</v>
      </c>
      <c r="Z5576" s="5">
        <v>7</v>
      </c>
      <c r="AA5576" s="5" t="s">
        <v>43</v>
      </c>
      <c r="AB5576" s="5" t="s">
        <v>735</v>
      </c>
      <c r="AC5576" s="2" t="s">
        <v>100482</v>
      </c>
      <c r="AD5576" s="1"/>
    </row>
    <row r="5577" spans="1:30">
      <c r="A5577" s="5" t="s">
        <v>83578</v>
      </c>
      <c r="B5577" s="2" t="s">
        <v>100483</v>
      </c>
      <c r="C5577" s="14" t="s">
        <v>100484</v>
      </c>
      <c r="D5577" s="2" t="s">
        <v>100485</v>
      </c>
      <c r="E5577" s="2" t="s">
        <v>60252</v>
      </c>
      <c r="F5577" s="8">
        <v>1634</v>
      </c>
      <c r="G5577" s="5">
        <v>10</v>
      </c>
      <c r="H5577" s="5" t="s">
        <v>69</v>
      </c>
      <c r="I5577" s="5" t="s">
        <v>55802</v>
      </c>
      <c r="J5577" s="2" t="s">
        <v>55803</v>
      </c>
      <c r="K5577" s="5" t="s">
        <v>55802</v>
      </c>
      <c r="L5577" s="2" t="s">
        <v>55803</v>
      </c>
      <c r="M5577" s="5" t="s">
        <v>733</v>
      </c>
      <c r="N5577" s="5" t="s">
        <v>38</v>
      </c>
      <c r="O5577" s="5" t="s">
        <v>39</v>
      </c>
      <c r="P5577" s="5" t="s">
        <v>40</v>
      </c>
      <c r="Q5577" s="5" t="s">
        <v>897</v>
      </c>
      <c r="R5577" s="5" t="s">
        <v>40</v>
      </c>
      <c r="S5577" s="5" t="s">
        <v>42</v>
      </c>
      <c r="T5577" s="2">
        <v>79.185000000000002</v>
      </c>
      <c r="U5577" s="2">
        <v>73.394999999999996</v>
      </c>
      <c r="V5577" s="2">
        <v>0.36799999999999999</v>
      </c>
      <c r="W5577" s="2">
        <v>17</v>
      </c>
      <c r="X5577" s="2">
        <v>124.7</v>
      </c>
      <c r="Y5577" s="2">
        <v>173.8</v>
      </c>
      <c r="Z5577" s="5">
        <v>7</v>
      </c>
      <c r="AA5577" s="5" t="s">
        <v>43</v>
      </c>
      <c r="AB5577" s="5" t="s">
        <v>735</v>
      </c>
      <c r="AC5577" s="2" t="s">
        <v>100486</v>
      </c>
      <c r="AD5577" s="1"/>
    </row>
    <row r="5578" spans="1:30">
      <c r="A5578" s="5" t="s">
        <v>83578</v>
      </c>
      <c r="B5578" s="2" t="s">
        <v>100487</v>
      </c>
      <c r="C5578" s="14" t="s">
        <v>100488</v>
      </c>
      <c r="D5578" s="2" t="s">
        <v>100489</v>
      </c>
      <c r="E5578" s="2" t="s">
        <v>60257</v>
      </c>
      <c r="F5578" s="8">
        <v>1124</v>
      </c>
      <c r="G5578" s="5">
        <v>10</v>
      </c>
      <c r="H5578" s="5" t="s">
        <v>69</v>
      </c>
      <c r="I5578" s="5" t="s">
        <v>55802</v>
      </c>
      <c r="J5578" s="2" t="s">
        <v>55803</v>
      </c>
      <c r="K5578" s="5" t="s">
        <v>55802</v>
      </c>
      <c r="L5578" s="2" t="s">
        <v>55803</v>
      </c>
      <c r="M5578" s="5" t="s">
        <v>733</v>
      </c>
      <c r="N5578" s="5" t="s">
        <v>38</v>
      </c>
      <c r="O5578" s="5" t="s">
        <v>39</v>
      </c>
      <c r="P5578" s="5" t="s">
        <v>40</v>
      </c>
      <c r="Q5578" s="5" t="s">
        <v>897</v>
      </c>
      <c r="R5578" s="5" t="s">
        <v>40</v>
      </c>
      <c r="S5578" s="5" t="s">
        <v>42</v>
      </c>
      <c r="T5578" s="2">
        <v>79.533000000000001</v>
      </c>
      <c r="U5578" s="2">
        <v>73.742999999999995</v>
      </c>
      <c r="V5578" s="2">
        <v>0.36799999999999999</v>
      </c>
      <c r="W5578" s="2">
        <v>17</v>
      </c>
      <c r="X5578" s="2">
        <v>124.7</v>
      </c>
      <c r="Y5578" s="2">
        <v>173.8</v>
      </c>
      <c r="Z5578" s="5">
        <v>7</v>
      </c>
      <c r="AA5578" s="5" t="s">
        <v>43</v>
      </c>
      <c r="AB5578" s="5" t="s">
        <v>735</v>
      </c>
      <c r="AC5578" s="2" t="s">
        <v>100490</v>
      </c>
      <c r="AD5578" s="1"/>
    </row>
    <row r="5579" spans="1:30">
      <c r="A5579" s="5" t="s">
        <v>83578</v>
      </c>
      <c r="B5579" s="2" t="s">
        <v>100491</v>
      </c>
      <c r="C5579" s="14" t="s">
        <v>100492</v>
      </c>
      <c r="D5579" s="2" t="s">
        <v>100493</v>
      </c>
      <c r="E5579" s="2" t="s">
        <v>100494</v>
      </c>
      <c r="F5579" s="8">
        <v>1352</v>
      </c>
      <c r="G5579" s="5">
        <v>15</v>
      </c>
      <c r="H5579" s="5" t="s">
        <v>69</v>
      </c>
      <c r="I5579" s="5" t="s">
        <v>55802</v>
      </c>
      <c r="J5579" s="2" t="s">
        <v>55803</v>
      </c>
      <c r="K5579" s="5" t="s">
        <v>55802</v>
      </c>
      <c r="L5579" s="2" t="s">
        <v>55803</v>
      </c>
      <c r="M5579" s="5" t="s">
        <v>733</v>
      </c>
      <c r="N5579" s="5" t="s">
        <v>38</v>
      </c>
      <c r="O5579" s="5" t="s">
        <v>39</v>
      </c>
      <c r="P5579" s="5" t="s">
        <v>40</v>
      </c>
      <c r="Q5579" s="5" t="s">
        <v>897</v>
      </c>
      <c r="R5579" s="5" t="s">
        <v>40</v>
      </c>
      <c r="S5579" s="5" t="s">
        <v>42</v>
      </c>
      <c r="T5579" s="2">
        <v>70.271000000000001</v>
      </c>
      <c r="U5579" s="2">
        <v>64.5</v>
      </c>
      <c r="V5579" s="2">
        <v>0.36799999999999999</v>
      </c>
      <c r="W5579" s="2">
        <v>17</v>
      </c>
      <c r="X5579" s="2">
        <v>124.7</v>
      </c>
      <c r="Y5579" s="2">
        <v>173.8</v>
      </c>
      <c r="Z5579" s="5">
        <v>7</v>
      </c>
      <c r="AA5579" s="5" t="s">
        <v>43</v>
      </c>
      <c r="AB5579" s="5" t="s">
        <v>735</v>
      </c>
      <c r="AC5579" s="2" t="s">
        <v>100495</v>
      </c>
      <c r="AD5579" s="1"/>
    </row>
    <row r="5580" spans="1:30">
      <c r="A5580" s="5" t="s">
        <v>83578</v>
      </c>
      <c r="B5580" s="2" t="s">
        <v>100496</v>
      </c>
      <c r="C5580" s="14" t="s">
        <v>100497</v>
      </c>
      <c r="D5580" s="2" t="s">
        <v>100498</v>
      </c>
      <c r="E5580" s="2" t="s">
        <v>100499</v>
      </c>
      <c r="F5580" s="8">
        <v>1842</v>
      </c>
      <c r="G5580" s="5">
        <v>10</v>
      </c>
      <c r="H5580" s="5" t="s">
        <v>69</v>
      </c>
      <c r="I5580" s="5" t="s">
        <v>55802</v>
      </c>
      <c r="J5580" s="2" t="s">
        <v>55803</v>
      </c>
      <c r="K5580" s="5" t="s">
        <v>55802</v>
      </c>
      <c r="L5580" s="2" t="s">
        <v>55803</v>
      </c>
      <c r="M5580" s="5" t="s">
        <v>733</v>
      </c>
      <c r="N5580" s="5" t="s">
        <v>38</v>
      </c>
      <c r="O5580" s="5" t="s">
        <v>39</v>
      </c>
      <c r="P5580" s="5" t="s">
        <v>40</v>
      </c>
      <c r="Q5580" s="5" t="s">
        <v>897</v>
      </c>
      <c r="R5580" s="5" t="s">
        <v>40</v>
      </c>
      <c r="S5580" s="5" t="s">
        <v>42</v>
      </c>
      <c r="T5580" s="2">
        <v>85.763999999999996</v>
      </c>
      <c r="U5580" s="2">
        <v>79.941999999999993</v>
      </c>
      <c r="V5580" s="2">
        <v>0.36799999999999999</v>
      </c>
      <c r="W5580" s="2">
        <v>17</v>
      </c>
      <c r="X5580" s="2">
        <v>124.7</v>
      </c>
      <c r="Y5580" s="2">
        <v>173.8</v>
      </c>
      <c r="Z5580" s="5">
        <v>7</v>
      </c>
      <c r="AA5580" s="5" t="s">
        <v>43</v>
      </c>
      <c r="AB5580" s="5" t="s">
        <v>735</v>
      </c>
      <c r="AC5580" s="2" t="s">
        <v>100500</v>
      </c>
      <c r="AD5580" s="1"/>
    </row>
    <row r="5581" spans="1:30">
      <c r="A5581" s="5" t="s">
        <v>83578</v>
      </c>
      <c r="B5581" s="2" t="s">
        <v>100501</v>
      </c>
      <c r="C5581" s="14" t="s">
        <v>100502</v>
      </c>
      <c r="D5581" s="2" t="s">
        <v>100503</v>
      </c>
      <c r="E5581" s="2" t="s">
        <v>100504</v>
      </c>
      <c r="F5581" s="8">
        <v>1842</v>
      </c>
      <c r="G5581" s="5">
        <v>10</v>
      </c>
      <c r="H5581" s="5" t="s">
        <v>69</v>
      </c>
      <c r="I5581" s="5" t="s">
        <v>55802</v>
      </c>
      <c r="J5581" s="2" t="s">
        <v>55803</v>
      </c>
      <c r="K5581" s="5" t="s">
        <v>55802</v>
      </c>
      <c r="L5581" s="2" t="s">
        <v>55803</v>
      </c>
      <c r="M5581" s="5" t="s">
        <v>733</v>
      </c>
      <c r="N5581" s="5" t="s">
        <v>38</v>
      </c>
      <c r="O5581" s="5" t="s">
        <v>39</v>
      </c>
      <c r="P5581" s="5" t="s">
        <v>40</v>
      </c>
      <c r="Q5581" s="5" t="s">
        <v>897</v>
      </c>
      <c r="R5581" s="5" t="s">
        <v>40</v>
      </c>
      <c r="S5581" s="5" t="s">
        <v>42</v>
      </c>
      <c r="T5581" s="2">
        <v>84.566000000000003</v>
      </c>
      <c r="U5581" s="2">
        <v>78.744</v>
      </c>
      <c r="V5581" s="2">
        <v>0.36799999999999999</v>
      </c>
      <c r="W5581" s="2">
        <v>17</v>
      </c>
      <c r="X5581" s="2">
        <v>124.7</v>
      </c>
      <c r="Y5581" s="2">
        <v>173.8</v>
      </c>
      <c r="Z5581" s="5">
        <v>7</v>
      </c>
      <c r="AA5581" s="5" t="s">
        <v>43</v>
      </c>
      <c r="AB5581" s="5" t="s">
        <v>735</v>
      </c>
      <c r="AC5581" s="2" t="s">
        <v>100505</v>
      </c>
      <c r="AD5581" s="1"/>
    </row>
    <row r="5582" spans="1:30">
      <c r="A5582" s="5" t="s">
        <v>83578</v>
      </c>
      <c r="B5582" s="2" t="s">
        <v>100506</v>
      </c>
      <c r="C5582" s="14" t="s">
        <v>100507</v>
      </c>
      <c r="D5582" s="2" t="s">
        <v>100508</v>
      </c>
      <c r="E5582" s="2" t="s">
        <v>100509</v>
      </c>
      <c r="F5582" s="8">
        <v>1562</v>
      </c>
      <c r="G5582" s="5">
        <v>10</v>
      </c>
      <c r="H5582" s="5" t="s">
        <v>69</v>
      </c>
      <c r="I5582" s="5" t="s">
        <v>55802</v>
      </c>
      <c r="J5582" s="2" t="s">
        <v>55803</v>
      </c>
      <c r="K5582" s="5" t="s">
        <v>55802</v>
      </c>
      <c r="L5582" s="2" t="s">
        <v>55803</v>
      </c>
      <c r="M5582" s="5" t="s">
        <v>733</v>
      </c>
      <c r="N5582" s="5" t="s">
        <v>38</v>
      </c>
      <c r="O5582" s="5" t="s">
        <v>39</v>
      </c>
      <c r="P5582" s="5" t="s">
        <v>40</v>
      </c>
      <c r="Q5582" s="5" t="s">
        <v>897</v>
      </c>
      <c r="R5582" s="5" t="s">
        <v>40</v>
      </c>
      <c r="S5582" s="5" t="s">
        <v>42</v>
      </c>
      <c r="T5582" s="2">
        <v>62.201999999999998</v>
      </c>
      <c r="U5582" s="2">
        <v>58.122</v>
      </c>
      <c r="V5582" s="2">
        <v>0.25900000000000001</v>
      </c>
      <c r="W5582" s="2">
        <v>17</v>
      </c>
      <c r="X5582" s="2">
        <v>136.69999999999999</v>
      </c>
      <c r="Y5582" s="2">
        <v>111.6</v>
      </c>
      <c r="Z5582" s="5">
        <v>7</v>
      </c>
      <c r="AA5582" s="5" t="s">
        <v>43</v>
      </c>
      <c r="AB5582" s="5" t="s">
        <v>735</v>
      </c>
      <c r="AC5582" s="2" t="s">
        <v>100510</v>
      </c>
      <c r="AD5582" s="1"/>
    </row>
    <row r="5583" spans="1:30">
      <c r="A5583" s="5" t="s">
        <v>83578</v>
      </c>
      <c r="B5583" s="2" t="s">
        <v>100511</v>
      </c>
      <c r="C5583" s="14" t="s">
        <v>100512</v>
      </c>
      <c r="D5583" s="2" t="s">
        <v>100513</v>
      </c>
      <c r="E5583" s="2" t="s">
        <v>100514</v>
      </c>
      <c r="F5583" s="8">
        <v>1149</v>
      </c>
      <c r="G5583" s="5">
        <v>15</v>
      </c>
      <c r="H5583" s="5" t="s">
        <v>69</v>
      </c>
      <c r="I5583" s="5" t="s">
        <v>55802</v>
      </c>
      <c r="J5583" s="2" t="s">
        <v>55803</v>
      </c>
      <c r="K5583" s="5" t="s">
        <v>55802</v>
      </c>
      <c r="L5583" s="2" t="s">
        <v>55803</v>
      </c>
      <c r="M5583" s="5" t="s">
        <v>733</v>
      </c>
      <c r="N5583" s="5" t="s">
        <v>38</v>
      </c>
      <c r="O5583" s="5" t="s">
        <v>39</v>
      </c>
      <c r="P5583" s="5" t="s">
        <v>40</v>
      </c>
      <c r="Q5583" s="5" t="s">
        <v>897</v>
      </c>
      <c r="R5583" s="5" t="s">
        <v>40</v>
      </c>
      <c r="S5583" s="5" t="s">
        <v>42</v>
      </c>
      <c r="T5583" s="2">
        <v>53.301000000000002</v>
      </c>
      <c r="U5583" s="2">
        <v>49.215000000000003</v>
      </c>
      <c r="V5583" s="2">
        <v>0.25900000000000001</v>
      </c>
      <c r="W5583" s="2">
        <v>17</v>
      </c>
      <c r="X5583" s="2">
        <v>136.69999999999999</v>
      </c>
      <c r="Y5583" s="2">
        <v>111.6</v>
      </c>
      <c r="Z5583" s="5">
        <v>7</v>
      </c>
      <c r="AA5583" s="5" t="s">
        <v>43</v>
      </c>
      <c r="AB5583" s="5" t="s">
        <v>735</v>
      </c>
      <c r="AC5583" s="2" t="s">
        <v>100515</v>
      </c>
      <c r="AD5583" s="1"/>
    </row>
    <row r="5584" spans="1:30">
      <c r="A5584" s="5" t="s">
        <v>83578</v>
      </c>
      <c r="B5584" s="2" t="s">
        <v>100516</v>
      </c>
      <c r="C5584" s="14" t="s">
        <v>100517</v>
      </c>
      <c r="D5584" s="2" t="s">
        <v>100518</v>
      </c>
      <c r="E5584" s="2" t="s">
        <v>100519</v>
      </c>
      <c r="F5584" s="8">
        <v>1562</v>
      </c>
      <c r="G5584" s="5">
        <v>10</v>
      </c>
      <c r="H5584" s="5" t="s">
        <v>69</v>
      </c>
      <c r="I5584" s="5" t="s">
        <v>55802</v>
      </c>
      <c r="J5584" s="2" t="s">
        <v>55803</v>
      </c>
      <c r="K5584" s="5" t="s">
        <v>55802</v>
      </c>
      <c r="L5584" s="2" t="s">
        <v>55803</v>
      </c>
      <c r="M5584" s="5" t="s">
        <v>733</v>
      </c>
      <c r="N5584" s="5" t="s">
        <v>38</v>
      </c>
      <c r="O5584" s="5" t="s">
        <v>39</v>
      </c>
      <c r="P5584" s="5" t="s">
        <v>40</v>
      </c>
      <c r="Q5584" s="5" t="s">
        <v>897</v>
      </c>
      <c r="R5584" s="5" t="s">
        <v>40</v>
      </c>
      <c r="S5584" s="5" t="s">
        <v>42</v>
      </c>
      <c r="T5584" s="2">
        <v>62.238</v>
      </c>
      <c r="U5584" s="2">
        <v>58.158000000000001</v>
      </c>
      <c r="V5584" s="2">
        <v>0.25900000000000001</v>
      </c>
      <c r="W5584" s="2">
        <v>17</v>
      </c>
      <c r="X5584" s="2">
        <v>136.69999999999999</v>
      </c>
      <c r="Y5584" s="2">
        <v>111.6</v>
      </c>
      <c r="Z5584" s="5">
        <v>7</v>
      </c>
      <c r="AA5584" s="5" t="s">
        <v>43</v>
      </c>
      <c r="AB5584" s="5" t="s">
        <v>735</v>
      </c>
      <c r="AC5584" s="2" t="s">
        <v>100520</v>
      </c>
      <c r="AD5584" s="1"/>
    </row>
    <row r="5585" spans="1:30">
      <c r="A5585" s="5" t="s">
        <v>83578</v>
      </c>
      <c r="B5585" s="2" t="s">
        <v>100521</v>
      </c>
      <c r="C5585" s="14" t="s">
        <v>100522</v>
      </c>
      <c r="D5585" s="2" t="s">
        <v>100523</v>
      </c>
      <c r="E5585" s="2" t="s">
        <v>60712</v>
      </c>
      <c r="F5585" s="8">
        <v>1283</v>
      </c>
      <c r="G5585" s="5">
        <v>10</v>
      </c>
      <c r="H5585" s="5" t="s">
        <v>69</v>
      </c>
      <c r="I5585" s="5" t="s">
        <v>55802</v>
      </c>
      <c r="J5585" s="2" t="s">
        <v>55803</v>
      </c>
      <c r="K5585" s="5" t="s">
        <v>55802</v>
      </c>
      <c r="L5585" s="2" t="s">
        <v>55803</v>
      </c>
      <c r="M5585" s="5" t="s">
        <v>733</v>
      </c>
      <c r="N5585" s="5" t="s">
        <v>38</v>
      </c>
      <c r="O5585" s="5" t="s">
        <v>39</v>
      </c>
      <c r="P5585" s="5" t="s">
        <v>40</v>
      </c>
      <c r="Q5585" s="5" t="s">
        <v>897</v>
      </c>
      <c r="R5585" s="5" t="s">
        <v>40</v>
      </c>
      <c r="S5585" s="5" t="s">
        <v>42</v>
      </c>
      <c r="T5585" s="2">
        <v>75.087999999999994</v>
      </c>
      <c r="U5585" s="2">
        <v>69.197000000000003</v>
      </c>
      <c r="V5585" s="2">
        <v>0.378</v>
      </c>
      <c r="W5585" s="2">
        <v>17</v>
      </c>
      <c r="X5585" s="2">
        <v>144.69999999999999</v>
      </c>
      <c r="Y5585" s="2">
        <v>153.6</v>
      </c>
      <c r="Z5585" s="5">
        <v>7</v>
      </c>
      <c r="AA5585" s="5" t="s">
        <v>43</v>
      </c>
      <c r="AB5585" s="5" t="s">
        <v>735</v>
      </c>
      <c r="AC5585" s="2" t="s">
        <v>100524</v>
      </c>
      <c r="AD5585" s="1"/>
    </row>
    <row r="5586" spans="1:30">
      <c r="A5586" s="5" t="s">
        <v>83578</v>
      </c>
      <c r="B5586" s="2" t="s">
        <v>100525</v>
      </c>
      <c r="C5586" s="14" t="s">
        <v>100526</v>
      </c>
      <c r="D5586" s="2" t="s">
        <v>100527</v>
      </c>
      <c r="E5586" s="2" t="s">
        <v>100528</v>
      </c>
      <c r="F5586" s="8">
        <v>1361</v>
      </c>
      <c r="G5586" s="5">
        <v>15</v>
      </c>
      <c r="H5586" s="5" t="s">
        <v>69</v>
      </c>
      <c r="I5586" s="5" t="s">
        <v>55802</v>
      </c>
      <c r="J5586" s="2" t="s">
        <v>55803</v>
      </c>
      <c r="K5586" s="5" t="s">
        <v>55802</v>
      </c>
      <c r="L5586" s="2" t="s">
        <v>55803</v>
      </c>
      <c r="M5586" s="5" t="s">
        <v>733</v>
      </c>
      <c r="N5586" s="5" t="s">
        <v>38</v>
      </c>
      <c r="O5586" s="5" t="s">
        <v>39</v>
      </c>
      <c r="P5586" s="5" t="s">
        <v>40</v>
      </c>
      <c r="Q5586" s="5" t="s">
        <v>897</v>
      </c>
      <c r="R5586" s="5" t="s">
        <v>40</v>
      </c>
      <c r="S5586" s="5" t="s">
        <v>42</v>
      </c>
      <c r="T5586" s="2">
        <v>71.658000000000001</v>
      </c>
      <c r="U5586" s="2">
        <v>65.817999999999998</v>
      </c>
      <c r="V5586" s="2">
        <v>0.378</v>
      </c>
      <c r="W5586" s="2">
        <v>17</v>
      </c>
      <c r="X5586" s="2">
        <v>144.69999999999999</v>
      </c>
      <c r="Y5586" s="2">
        <v>153.6</v>
      </c>
      <c r="Z5586" s="5">
        <v>7</v>
      </c>
      <c r="AA5586" s="5" t="s">
        <v>43</v>
      </c>
      <c r="AB5586" s="5" t="s">
        <v>735</v>
      </c>
      <c r="AC5586" s="2" t="s">
        <v>100529</v>
      </c>
      <c r="AD5586" s="1"/>
    </row>
    <row r="5587" spans="1:30">
      <c r="A5587" s="5" t="s">
        <v>83578</v>
      </c>
      <c r="B5587" s="2" t="s">
        <v>100530</v>
      </c>
      <c r="C5587" s="14" t="s">
        <v>100531</v>
      </c>
      <c r="D5587" s="2" t="s">
        <v>100532</v>
      </c>
      <c r="E5587" s="2" t="s">
        <v>100533</v>
      </c>
      <c r="F5587" s="8">
        <v>1863</v>
      </c>
      <c r="G5587" s="5">
        <v>10</v>
      </c>
      <c r="H5587" s="5" t="s">
        <v>69</v>
      </c>
      <c r="I5587" s="5" t="s">
        <v>55802</v>
      </c>
      <c r="J5587" s="2" t="s">
        <v>55803</v>
      </c>
      <c r="K5587" s="5" t="s">
        <v>55802</v>
      </c>
      <c r="L5587" s="2" t="s">
        <v>55803</v>
      </c>
      <c r="M5587" s="5" t="s">
        <v>733</v>
      </c>
      <c r="N5587" s="5" t="s">
        <v>38</v>
      </c>
      <c r="O5587" s="5" t="s">
        <v>39</v>
      </c>
      <c r="P5587" s="5" t="s">
        <v>40</v>
      </c>
      <c r="Q5587" s="5" t="s">
        <v>897</v>
      </c>
      <c r="R5587" s="5" t="s">
        <v>40</v>
      </c>
      <c r="S5587" s="5" t="s">
        <v>42</v>
      </c>
      <c r="T5587" s="2">
        <v>86.992000000000004</v>
      </c>
      <c r="U5587" s="2">
        <v>81.100999999999999</v>
      </c>
      <c r="V5587" s="2">
        <v>0.378</v>
      </c>
      <c r="W5587" s="2">
        <v>17</v>
      </c>
      <c r="X5587" s="2">
        <v>144.69999999999999</v>
      </c>
      <c r="Y5587" s="2">
        <v>153.6</v>
      </c>
      <c r="Z5587" s="5">
        <v>7</v>
      </c>
      <c r="AA5587" s="5" t="s">
        <v>43</v>
      </c>
      <c r="AB5587" s="5" t="s">
        <v>735</v>
      </c>
      <c r="AC5587" s="2" t="s">
        <v>100534</v>
      </c>
      <c r="AD5587" s="1"/>
    </row>
    <row r="5588" spans="1:30">
      <c r="A5588" s="5" t="s">
        <v>83578</v>
      </c>
      <c r="B5588" s="2" t="s">
        <v>100535</v>
      </c>
      <c r="C5588" s="14" t="s">
        <v>100536</v>
      </c>
      <c r="D5588" s="2" t="s">
        <v>100537</v>
      </c>
      <c r="E5588" s="2" t="s">
        <v>100538</v>
      </c>
      <c r="F5588" s="8">
        <v>2078</v>
      </c>
      <c r="G5588" s="5">
        <v>10</v>
      </c>
      <c r="H5588" s="5" t="s">
        <v>69</v>
      </c>
      <c r="I5588" s="5" t="s">
        <v>55802</v>
      </c>
      <c r="J5588" s="2" t="s">
        <v>55803</v>
      </c>
      <c r="K5588" s="5" t="s">
        <v>55802</v>
      </c>
      <c r="L5588" s="2" t="s">
        <v>55803</v>
      </c>
      <c r="M5588" s="5" t="s">
        <v>733</v>
      </c>
      <c r="N5588" s="5" t="s">
        <v>38</v>
      </c>
      <c r="O5588" s="5" t="s">
        <v>39</v>
      </c>
      <c r="P5588" s="5" t="s">
        <v>40</v>
      </c>
      <c r="Q5588" s="5" t="s">
        <v>897</v>
      </c>
      <c r="R5588" s="5" t="s">
        <v>40</v>
      </c>
      <c r="S5588" s="5" t="s">
        <v>42</v>
      </c>
      <c r="T5588" s="2">
        <v>98.558999999999997</v>
      </c>
      <c r="U5588" s="2">
        <v>92.093000000000004</v>
      </c>
      <c r="V5588" s="2">
        <v>0.42199999999999999</v>
      </c>
      <c r="W5588" s="2">
        <v>17</v>
      </c>
      <c r="X5588" s="2">
        <v>142.69999999999999</v>
      </c>
      <c r="Y5588" s="2">
        <v>173.8</v>
      </c>
      <c r="Z5588" s="5">
        <v>7</v>
      </c>
      <c r="AA5588" s="5" t="s">
        <v>43</v>
      </c>
      <c r="AB5588" s="5" t="s">
        <v>735</v>
      </c>
      <c r="AC5588" s="2" t="s">
        <v>100539</v>
      </c>
      <c r="AD5588" s="1"/>
    </row>
    <row r="5589" spans="1:30">
      <c r="A5589" s="5" t="s">
        <v>83578</v>
      </c>
      <c r="B5589" s="2" t="s">
        <v>100540</v>
      </c>
      <c r="C5589" s="14" t="s">
        <v>100541</v>
      </c>
      <c r="D5589" s="2" t="s">
        <v>100542</v>
      </c>
      <c r="E5589" s="2" t="s">
        <v>100543</v>
      </c>
      <c r="F5589" s="8">
        <v>1415</v>
      </c>
      <c r="G5589" s="5">
        <v>10</v>
      </c>
      <c r="H5589" s="5" t="s">
        <v>69</v>
      </c>
      <c r="I5589" s="5" t="s">
        <v>55802</v>
      </c>
      <c r="J5589" s="2" t="s">
        <v>55803</v>
      </c>
      <c r="K5589" s="5" t="s">
        <v>55802</v>
      </c>
      <c r="L5589" s="2" t="s">
        <v>55803</v>
      </c>
      <c r="M5589" s="5" t="s">
        <v>733</v>
      </c>
      <c r="N5589" s="5" t="s">
        <v>38</v>
      </c>
      <c r="O5589" s="5" t="s">
        <v>39</v>
      </c>
      <c r="P5589" s="5" t="s">
        <v>40</v>
      </c>
      <c r="Q5589" s="5" t="s">
        <v>897</v>
      </c>
      <c r="R5589" s="5" t="s">
        <v>40</v>
      </c>
      <c r="S5589" s="5" t="s">
        <v>42</v>
      </c>
      <c r="T5589" s="2">
        <v>84.861000000000004</v>
      </c>
      <c r="U5589" s="2">
        <v>78.394999999999996</v>
      </c>
      <c r="V5589" s="2">
        <v>0.42199999999999999</v>
      </c>
      <c r="W5589" s="2">
        <v>17</v>
      </c>
      <c r="X5589" s="2">
        <v>142.69999999999999</v>
      </c>
      <c r="Y5589" s="2">
        <v>173.8</v>
      </c>
      <c r="Z5589" s="5">
        <v>7</v>
      </c>
      <c r="AA5589" s="5" t="s">
        <v>43</v>
      </c>
      <c r="AB5589" s="5" t="s">
        <v>735</v>
      </c>
      <c r="AC5589" s="2" t="s">
        <v>100544</v>
      </c>
      <c r="AD5589" s="1"/>
    </row>
    <row r="5590" spans="1:30">
      <c r="A5590" s="5" t="s">
        <v>83578</v>
      </c>
      <c r="B5590" s="2" t="s">
        <v>100545</v>
      </c>
      <c r="C5590" s="14" t="s">
        <v>100546</v>
      </c>
      <c r="D5590" s="2" t="s">
        <v>100547</v>
      </c>
      <c r="E5590" s="2" t="s">
        <v>100548</v>
      </c>
      <c r="F5590" s="8">
        <v>1415</v>
      </c>
      <c r="G5590" s="5">
        <v>10</v>
      </c>
      <c r="H5590" s="5" t="s">
        <v>69</v>
      </c>
      <c r="I5590" s="5" t="s">
        <v>55802</v>
      </c>
      <c r="J5590" s="2" t="s">
        <v>55803</v>
      </c>
      <c r="K5590" s="5" t="s">
        <v>55802</v>
      </c>
      <c r="L5590" s="2" t="s">
        <v>55803</v>
      </c>
      <c r="M5590" s="5" t="s">
        <v>733</v>
      </c>
      <c r="N5590" s="5" t="s">
        <v>38</v>
      </c>
      <c r="O5590" s="5" t="s">
        <v>39</v>
      </c>
      <c r="P5590" s="5" t="s">
        <v>40</v>
      </c>
      <c r="Q5590" s="5" t="s">
        <v>897</v>
      </c>
      <c r="R5590" s="5" t="s">
        <v>40</v>
      </c>
      <c r="S5590" s="5" t="s">
        <v>42</v>
      </c>
      <c r="T5590" s="2">
        <v>83.575999999999993</v>
      </c>
      <c r="U5590" s="2">
        <v>77.11</v>
      </c>
      <c r="V5590" s="2">
        <v>0.42199999999999999</v>
      </c>
      <c r="W5590" s="2">
        <v>17</v>
      </c>
      <c r="X5590" s="2">
        <v>142.69999999999999</v>
      </c>
      <c r="Y5590" s="2">
        <v>173.8</v>
      </c>
      <c r="Z5590" s="5">
        <v>7</v>
      </c>
      <c r="AA5590" s="5" t="s">
        <v>43</v>
      </c>
      <c r="AB5590" s="5" t="s">
        <v>735</v>
      </c>
      <c r="AC5590" s="2" t="s">
        <v>100549</v>
      </c>
      <c r="AD5590" s="1"/>
    </row>
    <row r="5591" spans="1:30">
      <c r="A5591" s="5" t="s">
        <v>83578</v>
      </c>
      <c r="B5591" s="2" t="s">
        <v>100550</v>
      </c>
      <c r="C5591" s="14" t="s">
        <v>100551</v>
      </c>
      <c r="D5591" s="2" t="s">
        <v>100552</v>
      </c>
      <c r="E5591" s="2" t="s">
        <v>60952</v>
      </c>
      <c r="F5591" s="8">
        <v>1916</v>
      </c>
      <c r="G5591" s="5">
        <v>10</v>
      </c>
      <c r="H5591" s="5" t="s">
        <v>69</v>
      </c>
      <c r="I5591" s="5" t="s">
        <v>55802</v>
      </c>
      <c r="J5591" s="2" t="s">
        <v>55803</v>
      </c>
      <c r="K5591" s="5" t="s">
        <v>55802</v>
      </c>
      <c r="L5591" s="2" t="s">
        <v>55803</v>
      </c>
      <c r="M5591" s="5" t="s">
        <v>733</v>
      </c>
      <c r="N5591" s="5" t="s">
        <v>38</v>
      </c>
      <c r="O5591" s="5" t="s">
        <v>39</v>
      </c>
      <c r="P5591" s="5" t="s">
        <v>40</v>
      </c>
      <c r="Q5591" s="5" t="s">
        <v>897</v>
      </c>
      <c r="R5591" s="5" t="s">
        <v>40</v>
      </c>
      <c r="S5591" s="5" t="s">
        <v>42</v>
      </c>
      <c r="T5591" s="2">
        <v>91.004999999999995</v>
      </c>
      <c r="U5591" s="2">
        <v>84.570999999999998</v>
      </c>
      <c r="V5591" s="2">
        <v>0.42199999999999999</v>
      </c>
      <c r="W5591" s="2">
        <v>17</v>
      </c>
      <c r="X5591" s="2">
        <v>142.69999999999999</v>
      </c>
      <c r="Y5591" s="2">
        <v>173.8</v>
      </c>
      <c r="Z5591" s="5">
        <v>7</v>
      </c>
      <c r="AA5591" s="5" t="s">
        <v>43</v>
      </c>
      <c r="AB5591" s="5" t="s">
        <v>735</v>
      </c>
      <c r="AC5591" s="2" t="s">
        <v>100553</v>
      </c>
      <c r="AD5591" s="1"/>
    </row>
    <row r="5592" spans="1:30">
      <c r="A5592" s="5" t="s">
        <v>83578</v>
      </c>
      <c r="B5592" s="2" t="s">
        <v>100554</v>
      </c>
      <c r="C5592" s="14" t="s">
        <v>100555</v>
      </c>
      <c r="D5592" s="2" t="s">
        <v>100556</v>
      </c>
      <c r="E5592" s="2" t="s">
        <v>60957</v>
      </c>
      <c r="F5592" s="8">
        <v>1317</v>
      </c>
      <c r="G5592" s="5">
        <v>10</v>
      </c>
      <c r="H5592" s="5" t="s">
        <v>69</v>
      </c>
      <c r="I5592" s="5" t="s">
        <v>55802</v>
      </c>
      <c r="J5592" s="2" t="s">
        <v>55803</v>
      </c>
      <c r="K5592" s="5" t="s">
        <v>55802</v>
      </c>
      <c r="L5592" s="2" t="s">
        <v>55803</v>
      </c>
      <c r="M5592" s="5" t="s">
        <v>733</v>
      </c>
      <c r="N5592" s="5" t="s">
        <v>38</v>
      </c>
      <c r="O5592" s="5" t="s">
        <v>39</v>
      </c>
      <c r="P5592" s="5" t="s">
        <v>40</v>
      </c>
      <c r="Q5592" s="5" t="s">
        <v>897</v>
      </c>
      <c r="R5592" s="5" t="s">
        <v>40</v>
      </c>
      <c r="S5592" s="5" t="s">
        <v>42</v>
      </c>
      <c r="T5592" s="2">
        <v>91.459000000000003</v>
      </c>
      <c r="U5592" s="2">
        <v>85.025000000000006</v>
      </c>
      <c r="V5592" s="2">
        <v>0.42199999999999999</v>
      </c>
      <c r="W5592" s="2">
        <v>17</v>
      </c>
      <c r="X5592" s="2">
        <v>142.69999999999999</v>
      </c>
      <c r="Y5592" s="2">
        <v>173.8</v>
      </c>
      <c r="Z5592" s="5">
        <v>7</v>
      </c>
      <c r="AA5592" s="5" t="s">
        <v>43</v>
      </c>
      <c r="AB5592" s="5" t="s">
        <v>735</v>
      </c>
      <c r="AC5592" s="2" t="s">
        <v>100557</v>
      </c>
      <c r="AD5592" s="1"/>
    </row>
    <row r="5593" spans="1:30">
      <c r="A5593" s="5" t="s">
        <v>83578</v>
      </c>
      <c r="B5593" s="2" t="s">
        <v>100558</v>
      </c>
      <c r="C5593" s="14" t="s">
        <v>100559</v>
      </c>
      <c r="D5593" s="2" t="s">
        <v>100560</v>
      </c>
      <c r="E5593" s="2" t="s">
        <v>100561</v>
      </c>
      <c r="F5593" s="8">
        <v>2078</v>
      </c>
      <c r="G5593" s="5">
        <v>10</v>
      </c>
      <c r="H5593" s="5" t="s">
        <v>69</v>
      </c>
      <c r="I5593" s="5" t="s">
        <v>55802</v>
      </c>
      <c r="J5593" s="2" t="s">
        <v>55803</v>
      </c>
      <c r="K5593" s="5" t="s">
        <v>55802</v>
      </c>
      <c r="L5593" s="2" t="s">
        <v>55803</v>
      </c>
      <c r="M5593" s="5" t="s">
        <v>733</v>
      </c>
      <c r="N5593" s="5" t="s">
        <v>38</v>
      </c>
      <c r="O5593" s="5" t="s">
        <v>39</v>
      </c>
      <c r="P5593" s="5" t="s">
        <v>40</v>
      </c>
      <c r="Q5593" s="5" t="s">
        <v>897</v>
      </c>
      <c r="R5593" s="5" t="s">
        <v>40</v>
      </c>
      <c r="S5593" s="5" t="s">
        <v>42</v>
      </c>
      <c r="T5593" s="2">
        <v>98.555000000000007</v>
      </c>
      <c r="U5593" s="2">
        <v>92.088999999999999</v>
      </c>
      <c r="V5593" s="2">
        <v>0.42199999999999999</v>
      </c>
      <c r="W5593" s="2">
        <v>17</v>
      </c>
      <c r="X5593" s="2">
        <v>142.69999999999999</v>
      </c>
      <c r="Y5593" s="2">
        <v>173.8</v>
      </c>
      <c r="Z5593" s="5">
        <v>7</v>
      </c>
      <c r="AA5593" s="5" t="s">
        <v>43</v>
      </c>
      <c r="AB5593" s="5" t="s">
        <v>735</v>
      </c>
      <c r="AC5593" s="2" t="s">
        <v>100562</v>
      </c>
      <c r="AD5593" s="1"/>
    </row>
    <row r="5594" spans="1:30">
      <c r="A5594" s="5" t="s">
        <v>83578</v>
      </c>
      <c r="B5594" s="2" t="s">
        <v>100563</v>
      </c>
      <c r="C5594" s="14" t="s">
        <v>100564</v>
      </c>
      <c r="D5594" s="2" t="s">
        <v>100565</v>
      </c>
      <c r="E5594" s="2" t="s">
        <v>100566</v>
      </c>
      <c r="F5594" s="8">
        <v>2078</v>
      </c>
      <c r="G5594" s="5">
        <v>10</v>
      </c>
      <c r="H5594" s="5" t="s">
        <v>69</v>
      </c>
      <c r="I5594" s="5" t="s">
        <v>55802</v>
      </c>
      <c r="J5594" s="2" t="s">
        <v>55803</v>
      </c>
      <c r="K5594" s="5" t="s">
        <v>55802</v>
      </c>
      <c r="L5594" s="2" t="s">
        <v>55803</v>
      </c>
      <c r="M5594" s="5" t="s">
        <v>733</v>
      </c>
      <c r="N5594" s="5" t="s">
        <v>38</v>
      </c>
      <c r="O5594" s="5" t="s">
        <v>39</v>
      </c>
      <c r="P5594" s="5" t="s">
        <v>40</v>
      </c>
      <c r="Q5594" s="5" t="s">
        <v>897</v>
      </c>
      <c r="R5594" s="5" t="s">
        <v>40</v>
      </c>
      <c r="S5594" s="5" t="s">
        <v>42</v>
      </c>
      <c r="T5594" s="2">
        <v>97.266000000000005</v>
      </c>
      <c r="U5594" s="2">
        <v>90.8</v>
      </c>
      <c r="V5594" s="2">
        <v>0.42199999999999999</v>
      </c>
      <c r="W5594" s="2">
        <v>17</v>
      </c>
      <c r="X5594" s="2">
        <v>142.69999999999999</v>
      </c>
      <c r="Y5594" s="2">
        <v>173.8</v>
      </c>
      <c r="Z5594" s="5">
        <v>7</v>
      </c>
      <c r="AA5594" s="5" t="s">
        <v>43</v>
      </c>
      <c r="AB5594" s="5" t="s">
        <v>735</v>
      </c>
      <c r="AC5594" s="2" t="s">
        <v>100567</v>
      </c>
      <c r="AD5594" s="1"/>
    </row>
    <row r="5595" spans="1:30">
      <c r="A5595" s="5" t="s">
        <v>83578</v>
      </c>
      <c r="B5595" s="2" t="s">
        <v>100568</v>
      </c>
      <c r="C5595" s="14" t="s">
        <v>100569</v>
      </c>
      <c r="D5595" s="2" t="s">
        <v>100570</v>
      </c>
      <c r="E5595" s="2" t="s">
        <v>100571</v>
      </c>
      <c r="F5595" s="8">
        <v>1199</v>
      </c>
      <c r="G5595" s="5">
        <v>10</v>
      </c>
      <c r="H5595" s="5" t="s">
        <v>69</v>
      </c>
      <c r="I5595" s="5" t="s">
        <v>61065</v>
      </c>
      <c r="J5595" s="2" t="s">
        <v>61066</v>
      </c>
      <c r="K5595" s="5" t="s">
        <v>61065</v>
      </c>
      <c r="L5595" s="2" t="s">
        <v>61066</v>
      </c>
      <c r="M5595" s="5" t="s">
        <v>733</v>
      </c>
      <c r="N5595" s="5" t="s">
        <v>38</v>
      </c>
      <c r="O5595" s="5" t="s">
        <v>39</v>
      </c>
      <c r="P5595" s="5" t="s">
        <v>40</v>
      </c>
      <c r="Q5595" s="5" t="s">
        <v>897</v>
      </c>
      <c r="R5595" s="5" t="s">
        <v>40</v>
      </c>
      <c r="S5595" s="5" t="s">
        <v>42</v>
      </c>
      <c r="T5595" s="2">
        <v>28.259</v>
      </c>
      <c r="U5595" s="2">
        <v>26.303000000000001</v>
      </c>
      <c r="V5595" s="2">
        <v>0.09</v>
      </c>
      <c r="W5595" s="2">
        <v>17</v>
      </c>
      <c r="X5595" s="2">
        <v>57.7</v>
      </c>
      <c r="Y5595" s="2">
        <v>91.6</v>
      </c>
      <c r="Z5595" s="5">
        <v>7</v>
      </c>
      <c r="AA5595" s="5" t="s">
        <v>43</v>
      </c>
      <c r="AB5595" s="5" t="s">
        <v>735</v>
      </c>
      <c r="AC5595" s="2" t="s">
        <v>100572</v>
      </c>
      <c r="AD5595" s="1"/>
    </row>
    <row r="5596" spans="1:30">
      <c r="A5596" s="5" t="s">
        <v>83578</v>
      </c>
      <c r="B5596" s="2" t="s">
        <v>100573</v>
      </c>
      <c r="C5596" s="14" t="s">
        <v>100574</v>
      </c>
      <c r="D5596" s="2" t="s">
        <v>100575</v>
      </c>
      <c r="E5596" s="2" t="s">
        <v>100576</v>
      </c>
      <c r="F5596" s="8">
        <v>1292</v>
      </c>
      <c r="G5596" s="5">
        <v>10</v>
      </c>
      <c r="H5596" s="5" t="s">
        <v>69</v>
      </c>
      <c r="I5596" s="5" t="s">
        <v>61065</v>
      </c>
      <c r="J5596" s="2" t="s">
        <v>61066</v>
      </c>
      <c r="K5596" s="5" t="s">
        <v>61065</v>
      </c>
      <c r="L5596" s="2" t="s">
        <v>61066</v>
      </c>
      <c r="M5596" s="5" t="s">
        <v>733</v>
      </c>
      <c r="N5596" s="5" t="s">
        <v>38</v>
      </c>
      <c r="O5596" s="5" t="s">
        <v>39</v>
      </c>
      <c r="P5596" s="5" t="s">
        <v>40</v>
      </c>
      <c r="Q5596" s="5" t="s">
        <v>897</v>
      </c>
      <c r="R5596" s="5" t="s">
        <v>40</v>
      </c>
      <c r="S5596" s="5" t="s">
        <v>42</v>
      </c>
      <c r="T5596" s="2">
        <v>34.521000000000001</v>
      </c>
      <c r="U5596" s="2">
        <v>32.277000000000001</v>
      </c>
      <c r="V5596" s="2">
        <v>0.109</v>
      </c>
      <c r="W5596" s="2">
        <v>17</v>
      </c>
      <c r="X5596" s="2">
        <v>57.7</v>
      </c>
      <c r="Y5596" s="2">
        <v>111.6</v>
      </c>
      <c r="Z5596" s="5">
        <v>7</v>
      </c>
      <c r="AA5596" s="5" t="s">
        <v>43</v>
      </c>
      <c r="AB5596" s="5" t="s">
        <v>735</v>
      </c>
      <c r="AC5596" s="2" t="s">
        <v>100577</v>
      </c>
      <c r="AD5596" s="1"/>
    </row>
    <row r="5597" spans="1:30">
      <c r="A5597" s="5" t="s">
        <v>83578</v>
      </c>
      <c r="B5597" s="2" t="s">
        <v>100578</v>
      </c>
      <c r="C5597" s="14" t="s">
        <v>100579</v>
      </c>
      <c r="D5597" s="2" t="s">
        <v>100580</v>
      </c>
      <c r="E5597" s="2" t="s">
        <v>100581</v>
      </c>
      <c r="F5597" s="8">
        <v>1270</v>
      </c>
      <c r="G5597" s="5">
        <v>10</v>
      </c>
      <c r="H5597" s="5" t="s">
        <v>69</v>
      </c>
      <c r="I5597" s="5" t="s">
        <v>61065</v>
      </c>
      <c r="J5597" s="2" t="s">
        <v>61066</v>
      </c>
      <c r="K5597" s="5" t="s">
        <v>61065</v>
      </c>
      <c r="L5597" s="2" t="s">
        <v>61066</v>
      </c>
      <c r="M5597" s="5" t="s">
        <v>733</v>
      </c>
      <c r="N5597" s="5" t="s">
        <v>38</v>
      </c>
      <c r="O5597" s="5" t="s">
        <v>39</v>
      </c>
      <c r="P5597" s="5" t="s">
        <v>40</v>
      </c>
      <c r="Q5597" s="5" t="s">
        <v>897</v>
      </c>
      <c r="R5597" s="5" t="s">
        <v>40</v>
      </c>
      <c r="S5597" s="5" t="s">
        <v>42</v>
      </c>
      <c r="T5597" s="2">
        <v>36.970999999999997</v>
      </c>
      <c r="U5597" s="2">
        <v>33.863</v>
      </c>
      <c r="V5597" s="2">
        <v>0.14699999999999999</v>
      </c>
      <c r="W5597" s="2">
        <v>17</v>
      </c>
      <c r="X5597" s="2">
        <v>65.7</v>
      </c>
      <c r="Y5597" s="2">
        <v>131.6</v>
      </c>
      <c r="Z5597" s="5">
        <v>7</v>
      </c>
      <c r="AA5597" s="5" t="s">
        <v>43</v>
      </c>
      <c r="AB5597" s="5" t="s">
        <v>735</v>
      </c>
      <c r="AC5597" s="2" t="s">
        <v>100582</v>
      </c>
      <c r="AD5597" s="1"/>
    </row>
    <row r="5598" spans="1:30">
      <c r="A5598" s="5" t="s">
        <v>83578</v>
      </c>
      <c r="B5598" s="2" t="s">
        <v>100583</v>
      </c>
      <c r="C5598" s="14" t="s">
        <v>100584</v>
      </c>
      <c r="D5598" s="2" t="s">
        <v>100585</v>
      </c>
      <c r="E5598" s="2" t="s">
        <v>61542</v>
      </c>
      <c r="F5598" s="8">
        <v>1069</v>
      </c>
      <c r="G5598" s="5">
        <v>10</v>
      </c>
      <c r="H5598" s="5" t="s">
        <v>69</v>
      </c>
      <c r="I5598" s="5" t="s">
        <v>61065</v>
      </c>
      <c r="J5598" s="2" t="s">
        <v>61066</v>
      </c>
      <c r="K5598" s="5" t="s">
        <v>61065</v>
      </c>
      <c r="L5598" s="2" t="s">
        <v>61066</v>
      </c>
      <c r="M5598" s="5" t="s">
        <v>733</v>
      </c>
      <c r="N5598" s="5" t="s">
        <v>38</v>
      </c>
      <c r="O5598" s="5" t="s">
        <v>39</v>
      </c>
      <c r="P5598" s="5" t="s">
        <v>40</v>
      </c>
      <c r="Q5598" s="5" t="s">
        <v>897</v>
      </c>
      <c r="R5598" s="5" t="s">
        <v>40</v>
      </c>
      <c r="S5598" s="5" t="s">
        <v>42</v>
      </c>
      <c r="T5598" s="2">
        <v>33.317</v>
      </c>
      <c r="U5598" s="2">
        <v>30.199000000000002</v>
      </c>
      <c r="V5598" s="2">
        <v>0.14699999999999999</v>
      </c>
      <c r="W5598" s="2">
        <v>17</v>
      </c>
      <c r="X5598" s="2">
        <v>65.7</v>
      </c>
      <c r="Y5598" s="2">
        <v>131.6</v>
      </c>
      <c r="Z5598" s="5">
        <v>7</v>
      </c>
      <c r="AA5598" s="5" t="s">
        <v>43</v>
      </c>
      <c r="AB5598" s="5" t="s">
        <v>735</v>
      </c>
      <c r="AC5598" s="2" t="s">
        <v>100586</v>
      </c>
      <c r="AD5598" s="1"/>
    </row>
    <row r="5599" spans="1:30">
      <c r="A5599" s="5" t="s">
        <v>83578</v>
      </c>
      <c r="B5599" s="2" t="s">
        <v>100587</v>
      </c>
      <c r="C5599" s="14" t="s">
        <v>100588</v>
      </c>
      <c r="D5599" s="2" t="s">
        <v>100589</v>
      </c>
      <c r="E5599" s="2" t="s">
        <v>100590</v>
      </c>
      <c r="F5599" s="8">
        <v>1363</v>
      </c>
      <c r="G5599" s="5">
        <v>10</v>
      </c>
      <c r="H5599" s="5" t="s">
        <v>69</v>
      </c>
      <c r="I5599" s="5" t="s">
        <v>61065</v>
      </c>
      <c r="J5599" s="2" t="s">
        <v>61066</v>
      </c>
      <c r="K5599" s="5" t="s">
        <v>61065</v>
      </c>
      <c r="L5599" s="2" t="s">
        <v>61066</v>
      </c>
      <c r="M5599" s="5" t="s">
        <v>733</v>
      </c>
      <c r="N5599" s="5" t="s">
        <v>38</v>
      </c>
      <c r="O5599" s="5" t="s">
        <v>39</v>
      </c>
      <c r="P5599" s="5" t="s">
        <v>40</v>
      </c>
      <c r="Q5599" s="5" t="s">
        <v>897</v>
      </c>
      <c r="R5599" s="5" t="s">
        <v>40</v>
      </c>
      <c r="S5599" s="5" t="s">
        <v>42</v>
      </c>
      <c r="T5599" s="2">
        <v>39.906999999999996</v>
      </c>
      <c r="U5599" s="2">
        <v>37.39</v>
      </c>
      <c r="V5599" s="2">
        <v>0.13</v>
      </c>
      <c r="W5599" s="2">
        <v>17</v>
      </c>
      <c r="X5599" s="2">
        <v>68.7</v>
      </c>
      <c r="Y5599" s="2">
        <v>111.6</v>
      </c>
      <c r="Z5599" s="5">
        <v>7</v>
      </c>
      <c r="AA5599" s="5" t="s">
        <v>43</v>
      </c>
      <c r="AB5599" s="5" t="s">
        <v>735</v>
      </c>
      <c r="AC5599" s="2" t="s">
        <v>100591</v>
      </c>
      <c r="AD5599" s="1"/>
    </row>
    <row r="5600" spans="1:30">
      <c r="A5600" s="5" t="s">
        <v>83578</v>
      </c>
      <c r="B5600" s="2" t="s">
        <v>100592</v>
      </c>
      <c r="C5600" s="14" t="s">
        <v>100593</v>
      </c>
      <c r="D5600" s="2" t="s">
        <v>100594</v>
      </c>
      <c r="E5600" s="2" t="s">
        <v>100595</v>
      </c>
      <c r="F5600" s="8">
        <v>1363</v>
      </c>
      <c r="G5600" s="5">
        <v>10</v>
      </c>
      <c r="H5600" s="5" t="s">
        <v>69</v>
      </c>
      <c r="I5600" s="5" t="s">
        <v>61065</v>
      </c>
      <c r="J5600" s="2" t="s">
        <v>61066</v>
      </c>
      <c r="K5600" s="5" t="s">
        <v>61065</v>
      </c>
      <c r="L5600" s="2" t="s">
        <v>61066</v>
      </c>
      <c r="M5600" s="5" t="s">
        <v>733</v>
      </c>
      <c r="N5600" s="5" t="s">
        <v>38</v>
      </c>
      <c r="O5600" s="5" t="s">
        <v>39</v>
      </c>
      <c r="P5600" s="5" t="s">
        <v>40</v>
      </c>
      <c r="Q5600" s="5" t="s">
        <v>897</v>
      </c>
      <c r="R5600" s="5" t="s">
        <v>40</v>
      </c>
      <c r="S5600" s="5" t="s">
        <v>42</v>
      </c>
      <c r="T5600" s="2">
        <v>39.186999999999998</v>
      </c>
      <c r="U5600" s="2">
        <v>36.67</v>
      </c>
      <c r="V5600" s="2">
        <v>0.13</v>
      </c>
      <c r="W5600" s="2">
        <v>17</v>
      </c>
      <c r="X5600" s="2">
        <v>68.7</v>
      </c>
      <c r="Y5600" s="2">
        <v>111.6</v>
      </c>
      <c r="Z5600" s="5">
        <v>7</v>
      </c>
      <c r="AA5600" s="5" t="s">
        <v>43</v>
      </c>
      <c r="AB5600" s="5" t="s">
        <v>735</v>
      </c>
      <c r="AC5600" s="2" t="s">
        <v>100596</v>
      </c>
      <c r="AD5600" s="1"/>
    </row>
    <row r="5601" spans="1:30">
      <c r="A5601" s="5" t="s">
        <v>83578</v>
      </c>
      <c r="B5601" s="2" t="s">
        <v>100597</v>
      </c>
      <c r="C5601" s="14" t="s">
        <v>100598</v>
      </c>
      <c r="D5601" s="2" t="s">
        <v>100599</v>
      </c>
      <c r="E5601" s="2" t="s">
        <v>100600</v>
      </c>
      <c r="F5601" s="8">
        <v>1270</v>
      </c>
      <c r="G5601" s="5">
        <v>10</v>
      </c>
      <c r="H5601" s="5" t="s">
        <v>69</v>
      </c>
      <c r="I5601" s="5" t="s">
        <v>61065</v>
      </c>
      <c r="J5601" s="2" t="s">
        <v>61066</v>
      </c>
      <c r="K5601" s="5" t="s">
        <v>61065</v>
      </c>
      <c r="L5601" s="2" t="s">
        <v>61066</v>
      </c>
      <c r="M5601" s="5" t="s">
        <v>733</v>
      </c>
      <c r="N5601" s="5" t="s">
        <v>38</v>
      </c>
      <c r="O5601" s="5" t="s">
        <v>39</v>
      </c>
      <c r="P5601" s="5" t="s">
        <v>40</v>
      </c>
      <c r="Q5601" s="5" t="s">
        <v>897</v>
      </c>
      <c r="R5601" s="5" t="s">
        <v>40</v>
      </c>
      <c r="S5601" s="5" t="s">
        <v>42</v>
      </c>
      <c r="T5601" s="2">
        <v>35.652000000000001</v>
      </c>
      <c r="U5601" s="2">
        <v>33.137</v>
      </c>
      <c r="V5601" s="2">
        <v>0.13</v>
      </c>
      <c r="W5601" s="2">
        <v>17</v>
      </c>
      <c r="X5601" s="2">
        <v>68.7</v>
      </c>
      <c r="Y5601" s="2">
        <v>111.6</v>
      </c>
      <c r="Z5601" s="5">
        <v>7</v>
      </c>
      <c r="AA5601" s="5" t="s">
        <v>43</v>
      </c>
      <c r="AB5601" s="5" t="s">
        <v>735</v>
      </c>
      <c r="AC5601" s="2" t="s">
        <v>100601</v>
      </c>
      <c r="AD5601" s="1"/>
    </row>
    <row r="5602" spans="1:30">
      <c r="A5602" s="5" t="s">
        <v>83578</v>
      </c>
      <c r="B5602" s="2" t="s">
        <v>100602</v>
      </c>
      <c r="C5602" s="14" t="s">
        <v>100603</v>
      </c>
      <c r="D5602" s="2" t="s">
        <v>100604</v>
      </c>
      <c r="E5602" s="2" t="s">
        <v>100605</v>
      </c>
      <c r="F5602" s="8">
        <v>1069</v>
      </c>
      <c r="G5602" s="5">
        <v>10</v>
      </c>
      <c r="H5602" s="5" t="s">
        <v>69</v>
      </c>
      <c r="I5602" s="5" t="s">
        <v>61065</v>
      </c>
      <c r="J5602" s="2" t="s">
        <v>61066</v>
      </c>
      <c r="K5602" s="5" t="s">
        <v>61065</v>
      </c>
      <c r="L5602" s="2" t="s">
        <v>61066</v>
      </c>
      <c r="M5602" s="5" t="s">
        <v>733</v>
      </c>
      <c r="N5602" s="5" t="s">
        <v>38</v>
      </c>
      <c r="O5602" s="5" t="s">
        <v>39</v>
      </c>
      <c r="P5602" s="5" t="s">
        <v>40</v>
      </c>
      <c r="Q5602" s="5" t="s">
        <v>897</v>
      </c>
      <c r="R5602" s="5" t="s">
        <v>40</v>
      </c>
      <c r="S5602" s="5" t="s">
        <v>42</v>
      </c>
      <c r="T5602" s="2">
        <v>31.96</v>
      </c>
      <c r="U5602" s="2">
        <v>29.431000000000001</v>
      </c>
      <c r="V5602" s="2">
        <v>0.13</v>
      </c>
      <c r="W5602" s="2">
        <v>17</v>
      </c>
      <c r="X5602" s="2">
        <v>68.7</v>
      </c>
      <c r="Y5602" s="2">
        <v>111.6</v>
      </c>
      <c r="Z5602" s="5">
        <v>7</v>
      </c>
      <c r="AA5602" s="5" t="s">
        <v>43</v>
      </c>
      <c r="AB5602" s="5" t="s">
        <v>735</v>
      </c>
      <c r="AC5602" s="2" t="s">
        <v>100606</v>
      </c>
      <c r="AD5602" s="1"/>
    </row>
    <row r="5603" spans="1:30">
      <c r="A5603" s="5" t="s">
        <v>83578</v>
      </c>
      <c r="B5603" s="2" t="s">
        <v>100607</v>
      </c>
      <c r="C5603" s="14" t="s">
        <v>100608</v>
      </c>
      <c r="D5603" s="2" t="s">
        <v>100609</v>
      </c>
      <c r="E5603" s="2" t="s">
        <v>100610</v>
      </c>
      <c r="F5603" s="8">
        <v>1501</v>
      </c>
      <c r="G5603" s="5">
        <v>10</v>
      </c>
      <c r="H5603" s="5" t="s">
        <v>69</v>
      </c>
      <c r="I5603" s="5" t="s">
        <v>61065</v>
      </c>
      <c r="J5603" s="2" t="s">
        <v>61066</v>
      </c>
      <c r="K5603" s="5" t="s">
        <v>61065</v>
      </c>
      <c r="L5603" s="2" t="s">
        <v>61066</v>
      </c>
      <c r="M5603" s="5" t="s">
        <v>733</v>
      </c>
      <c r="N5603" s="5" t="s">
        <v>38</v>
      </c>
      <c r="O5603" s="5" t="s">
        <v>39</v>
      </c>
      <c r="P5603" s="5" t="s">
        <v>40</v>
      </c>
      <c r="Q5603" s="5" t="s">
        <v>897</v>
      </c>
      <c r="R5603" s="5" t="s">
        <v>40</v>
      </c>
      <c r="S5603" s="5" t="s">
        <v>42</v>
      </c>
      <c r="T5603" s="2">
        <v>48.156999999999996</v>
      </c>
      <c r="U5603" s="2">
        <v>44.744</v>
      </c>
      <c r="V5603" s="2">
        <v>0.17199999999999999</v>
      </c>
      <c r="W5603" s="2">
        <v>17</v>
      </c>
      <c r="X5603" s="2">
        <v>76.7</v>
      </c>
      <c r="Y5603" s="2">
        <v>131.6</v>
      </c>
      <c r="Z5603" s="5">
        <v>7</v>
      </c>
      <c r="AA5603" s="5" t="s">
        <v>43</v>
      </c>
      <c r="AB5603" s="5" t="s">
        <v>735</v>
      </c>
      <c r="AC5603" s="2" t="s">
        <v>100611</v>
      </c>
      <c r="AD5603" s="1"/>
    </row>
    <row r="5604" spans="1:30">
      <c r="A5604" s="5" t="s">
        <v>83578</v>
      </c>
      <c r="B5604" s="2" t="s">
        <v>100612</v>
      </c>
      <c r="C5604" s="14" t="s">
        <v>100613</v>
      </c>
      <c r="D5604" s="2" t="s">
        <v>100614</v>
      </c>
      <c r="E5604" s="2" t="s">
        <v>100615</v>
      </c>
      <c r="F5604" s="8">
        <v>1600</v>
      </c>
      <c r="G5604" s="5">
        <v>10</v>
      </c>
      <c r="H5604" s="5" t="s">
        <v>69</v>
      </c>
      <c r="I5604" s="5" t="s">
        <v>61065</v>
      </c>
      <c r="J5604" s="2" t="s">
        <v>61066</v>
      </c>
      <c r="K5604" s="5" t="s">
        <v>61065</v>
      </c>
      <c r="L5604" s="2" t="s">
        <v>61066</v>
      </c>
      <c r="M5604" s="5" t="s">
        <v>733</v>
      </c>
      <c r="N5604" s="5" t="s">
        <v>38</v>
      </c>
      <c r="O5604" s="5" t="s">
        <v>39</v>
      </c>
      <c r="P5604" s="5" t="s">
        <v>40</v>
      </c>
      <c r="Q5604" s="5" t="s">
        <v>897</v>
      </c>
      <c r="R5604" s="5" t="s">
        <v>40</v>
      </c>
      <c r="S5604" s="5" t="s">
        <v>42</v>
      </c>
      <c r="T5604" s="2">
        <v>56.095999999999997</v>
      </c>
      <c r="U5604" s="2">
        <v>52.231000000000002</v>
      </c>
      <c r="V5604" s="2">
        <v>0.2</v>
      </c>
      <c r="W5604" s="2">
        <v>17</v>
      </c>
      <c r="X5604" s="2">
        <v>76.7</v>
      </c>
      <c r="Y5604" s="2">
        <v>153.6</v>
      </c>
      <c r="Z5604" s="5">
        <v>7</v>
      </c>
      <c r="AA5604" s="5" t="s">
        <v>43</v>
      </c>
      <c r="AB5604" s="5" t="s">
        <v>735</v>
      </c>
      <c r="AC5604" s="2" t="s">
        <v>100616</v>
      </c>
      <c r="AD5604" s="1"/>
    </row>
    <row r="5605" spans="1:30">
      <c r="A5605" s="5" t="s">
        <v>83578</v>
      </c>
      <c r="B5605" s="2" t="s">
        <v>100617</v>
      </c>
      <c r="C5605" s="14" t="s">
        <v>100618</v>
      </c>
      <c r="D5605" s="2" t="s">
        <v>100619</v>
      </c>
      <c r="E5605" s="2" t="s">
        <v>100620</v>
      </c>
      <c r="F5605" s="8">
        <v>1183</v>
      </c>
      <c r="G5605" s="5">
        <v>5</v>
      </c>
      <c r="H5605" s="5" t="s">
        <v>69</v>
      </c>
      <c r="I5605" s="5" t="s">
        <v>61065</v>
      </c>
      <c r="J5605" s="2" t="s">
        <v>61066</v>
      </c>
      <c r="K5605" s="5" t="s">
        <v>61065</v>
      </c>
      <c r="L5605" s="2" t="s">
        <v>61066</v>
      </c>
      <c r="M5605" s="5" t="s">
        <v>733</v>
      </c>
      <c r="N5605" s="5" t="s">
        <v>38</v>
      </c>
      <c r="O5605" s="5" t="s">
        <v>39</v>
      </c>
      <c r="P5605" s="5" t="s">
        <v>40</v>
      </c>
      <c r="Q5605" s="5" t="s">
        <v>897</v>
      </c>
      <c r="R5605" s="5" t="s">
        <v>40</v>
      </c>
      <c r="S5605" s="5" t="s">
        <v>42</v>
      </c>
      <c r="T5605" s="2">
        <v>44.475999999999999</v>
      </c>
      <c r="U5605" s="2">
        <v>40.598999999999997</v>
      </c>
      <c r="V5605" s="2">
        <v>0.2</v>
      </c>
      <c r="W5605" s="2">
        <v>17</v>
      </c>
      <c r="X5605" s="2">
        <v>76.7</v>
      </c>
      <c r="Y5605" s="2">
        <v>153.6</v>
      </c>
      <c r="Z5605" s="5">
        <v>7</v>
      </c>
      <c r="AA5605" s="5" t="s">
        <v>43</v>
      </c>
      <c r="AB5605" s="5" t="s">
        <v>735</v>
      </c>
      <c r="AC5605" s="2" t="s">
        <v>100621</v>
      </c>
      <c r="AD5605" s="1"/>
    </row>
    <row r="5606" spans="1:30">
      <c r="A5606" s="5" t="s">
        <v>83578</v>
      </c>
      <c r="B5606" s="2" t="s">
        <v>100622</v>
      </c>
      <c r="C5606" s="14" t="s">
        <v>100623</v>
      </c>
      <c r="D5606" s="2" t="s">
        <v>100624</v>
      </c>
      <c r="E5606" s="2" t="s">
        <v>62034</v>
      </c>
      <c r="F5606" s="8">
        <v>1183</v>
      </c>
      <c r="G5606" s="5">
        <v>10</v>
      </c>
      <c r="H5606" s="5" t="s">
        <v>69</v>
      </c>
      <c r="I5606" s="5" t="s">
        <v>61065</v>
      </c>
      <c r="J5606" s="2" t="s">
        <v>61066</v>
      </c>
      <c r="K5606" s="5" t="s">
        <v>61065</v>
      </c>
      <c r="L5606" s="2" t="s">
        <v>61066</v>
      </c>
      <c r="M5606" s="5" t="s">
        <v>733</v>
      </c>
      <c r="N5606" s="5" t="s">
        <v>38</v>
      </c>
      <c r="O5606" s="5" t="s">
        <v>39</v>
      </c>
      <c r="P5606" s="5" t="s">
        <v>40</v>
      </c>
      <c r="Q5606" s="5" t="s">
        <v>897</v>
      </c>
      <c r="R5606" s="5" t="s">
        <v>40</v>
      </c>
      <c r="S5606" s="5" t="s">
        <v>42</v>
      </c>
      <c r="T5606" s="2">
        <v>43.579000000000001</v>
      </c>
      <c r="U5606" s="2">
        <v>39.701999999999998</v>
      </c>
      <c r="V5606" s="2">
        <v>0.2</v>
      </c>
      <c r="W5606" s="2">
        <v>17</v>
      </c>
      <c r="X5606" s="2">
        <v>76.7</v>
      </c>
      <c r="Y5606" s="2">
        <v>153.6</v>
      </c>
      <c r="Z5606" s="5">
        <v>7</v>
      </c>
      <c r="AA5606" s="5" t="s">
        <v>43</v>
      </c>
      <c r="AB5606" s="5" t="s">
        <v>735</v>
      </c>
      <c r="AC5606" s="2" t="s">
        <v>100625</v>
      </c>
      <c r="AD5606" s="1"/>
    </row>
    <row r="5607" spans="1:30">
      <c r="A5607" s="5" t="s">
        <v>83578</v>
      </c>
      <c r="B5607" s="2" t="s">
        <v>100626</v>
      </c>
      <c r="C5607" s="14" t="s">
        <v>100627</v>
      </c>
      <c r="D5607" s="2" t="s">
        <v>100628</v>
      </c>
      <c r="E5607" s="2" t="s">
        <v>100629</v>
      </c>
      <c r="F5607" s="8">
        <v>1463</v>
      </c>
      <c r="G5607" s="5">
        <v>10</v>
      </c>
      <c r="H5607" s="5" t="s">
        <v>69</v>
      </c>
      <c r="I5607" s="5" t="s">
        <v>61065</v>
      </c>
      <c r="J5607" s="2" t="s">
        <v>61066</v>
      </c>
      <c r="K5607" s="5" t="s">
        <v>61065</v>
      </c>
      <c r="L5607" s="2" t="s">
        <v>61066</v>
      </c>
      <c r="M5607" s="5" t="s">
        <v>733</v>
      </c>
      <c r="N5607" s="5" t="s">
        <v>38</v>
      </c>
      <c r="O5607" s="5" t="s">
        <v>39</v>
      </c>
      <c r="P5607" s="5" t="s">
        <v>40</v>
      </c>
      <c r="Q5607" s="5" t="s">
        <v>897</v>
      </c>
      <c r="R5607" s="5" t="s">
        <v>40</v>
      </c>
      <c r="S5607" s="5" t="s">
        <v>42</v>
      </c>
      <c r="T5607" s="2">
        <v>45.978999999999999</v>
      </c>
      <c r="U5607" s="2">
        <v>43.286000000000001</v>
      </c>
      <c r="V5607" s="2">
        <v>0.153</v>
      </c>
      <c r="W5607" s="2">
        <v>17</v>
      </c>
      <c r="X5607" s="2">
        <v>80.7</v>
      </c>
      <c r="Y5607" s="2">
        <v>111.6</v>
      </c>
      <c r="Z5607" s="5">
        <v>7</v>
      </c>
      <c r="AA5607" s="5" t="s">
        <v>43</v>
      </c>
      <c r="AB5607" s="5" t="s">
        <v>735</v>
      </c>
      <c r="AC5607" s="2" t="s">
        <v>100630</v>
      </c>
      <c r="AD5607" s="1"/>
    </row>
    <row r="5608" spans="1:30">
      <c r="A5608" s="5" t="s">
        <v>83578</v>
      </c>
      <c r="B5608" s="2" t="s">
        <v>100631</v>
      </c>
      <c r="C5608" s="14" t="s">
        <v>100632</v>
      </c>
      <c r="D5608" s="2" t="s">
        <v>100633</v>
      </c>
      <c r="E5608" s="2" t="s">
        <v>100634</v>
      </c>
      <c r="F5608" s="8">
        <v>1600</v>
      </c>
      <c r="G5608" s="5">
        <v>10</v>
      </c>
      <c r="H5608" s="5" t="s">
        <v>69</v>
      </c>
      <c r="I5608" s="5" t="s">
        <v>61065</v>
      </c>
      <c r="J5608" s="2" t="s">
        <v>61066</v>
      </c>
      <c r="K5608" s="5" t="s">
        <v>61065</v>
      </c>
      <c r="L5608" s="2" t="s">
        <v>61066</v>
      </c>
      <c r="M5608" s="5" t="s">
        <v>733</v>
      </c>
      <c r="N5608" s="5" t="s">
        <v>38</v>
      </c>
      <c r="O5608" s="5" t="s">
        <v>39</v>
      </c>
      <c r="P5608" s="5" t="s">
        <v>40</v>
      </c>
      <c r="Q5608" s="5" t="s">
        <v>897</v>
      </c>
      <c r="R5608" s="5" t="s">
        <v>40</v>
      </c>
      <c r="S5608" s="5" t="s">
        <v>42</v>
      </c>
      <c r="T5608" s="2">
        <v>55.741</v>
      </c>
      <c r="U5608" s="2">
        <v>51.963000000000001</v>
      </c>
      <c r="V5608" s="2">
        <v>0.19800000000000001</v>
      </c>
      <c r="W5608" s="2">
        <v>17</v>
      </c>
      <c r="X5608" s="2">
        <v>88.7</v>
      </c>
      <c r="Y5608" s="2">
        <v>131.6</v>
      </c>
      <c r="Z5608" s="5">
        <v>7</v>
      </c>
      <c r="AA5608" s="5" t="s">
        <v>43</v>
      </c>
      <c r="AB5608" s="5" t="s">
        <v>735</v>
      </c>
      <c r="AC5608" s="2" t="s">
        <v>100635</v>
      </c>
      <c r="AD5608" s="1"/>
    </row>
    <row r="5609" spans="1:30">
      <c r="A5609" s="5" t="s">
        <v>83578</v>
      </c>
      <c r="B5609" s="2" t="s">
        <v>100636</v>
      </c>
      <c r="C5609" s="14" t="s">
        <v>100637</v>
      </c>
      <c r="D5609" s="2" t="s">
        <v>100638</v>
      </c>
      <c r="E5609" s="2" t="s">
        <v>100639</v>
      </c>
      <c r="F5609" s="8">
        <v>1734</v>
      </c>
      <c r="G5609" s="5">
        <v>10</v>
      </c>
      <c r="H5609" s="5" t="s">
        <v>69</v>
      </c>
      <c r="I5609" s="5" t="s">
        <v>61065</v>
      </c>
      <c r="J5609" s="2" t="s">
        <v>61066</v>
      </c>
      <c r="K5609" s="5" t="s">
        <v>61065</v>
      </c>
      <c r="L5609" s="2" t="s">
        <v>61066</v>
      </c>
      <c r="M5609" s="5" t="s">
        <v>733</v>
      </c>
      <c r="N5609" s="5" t="s">
        <v>38</v>
      </c>
      <c r="O5609" s="5" t="s">
        <v>39</v>
      </c>
      <c r="P5609" s="5" t="s">
        <v>40</v>
      </c>
      <c r="Q5609" s="5" t="s">
        <v>897</v>
      </c>
      <c r="R5609" s="5" t="s">
        <v>40</v>
      </c>
      <c r="S5609" s="5" t="s">
        <v>42</v>
      </c>
      <c r="T5609" s="2">
        <v>66.039000000000001</v>
      </c>
      <c r="U5609" s="2">
        <v>61.771000000000001</v>
      </c>
      <c r="V5609" s="2">
        <v>0.23200000000000001</v>
      </c>
      <c r="W5609" s="2">
        <v>17</v>
      </c>
      <c r="X5609" s="2">
        <v>88.7</v>
      </c>
      <c r="Y5609" s="2">
        <v>153.6</v>
      </c>
      <c r="Z5609" s="5">
        <v>7</v>
      </c>
      <c r="AA5609" s="5" t="s">
        <v>43</v>
      </c>
      <c r="AB5609" s="5" t="s">
        <v>735</v>
      </c>
      <c r="AC5609" s="2" t="s">
        <v>100640</v>
      </c>
      <c r="AD5609" s="1"/>
    </row>
    <row r="5610" spans="1:30">
      <c r="A5610" s="5" t="s">
        <v>83578</v>
      </c>
      <c r="B5610" s="2" t="s">
        <v>100641</v>
      </c>
      <c r="C5610" s="14" t="s">
        <v>100642</v>
      </c>
      <c r="D5610" s="2" t="s">
        <v>100643</v>
      </c>
      <c r="E5610" s="2" t="s">
        <v>100644</v>
      </c>
      <c r="F5610" s="8">
        <v>1734</v>
      </c>
      <c r="G5610" s="5">
        <v>10</v>
      </c>
      <c r="H5610" s="5" t="s">
        <v>69</v>
      </c>
      <c r="I5610" s="5" t="s">
        <v>61065</v>
      </c>
      <c r="J5610" s="2" t="s">
        <v>61066</v>
      </c>
      <c r="K5610" s="5" t="s">
        <v>61065</v>
      </c>
      <c r="L5610" s="2" t="s">
        <v>61066</v>
      </c>
      <c r="M5610" s="5" t="s">
        <v>733</v>
      </c>
      <c r="N5610" s="5" t="s">
        <v>38</v>
      </c>
      <c r="O5610" s="5" t="s">
        <v>39</v>
      </c>
      <c r="P5610" s="5" t="s">
        <v>40</v>
      </c>
      <c r="Q5610" s="5" t="s">
        <v>897</v>
      </c>
      <c r="R5610" s="5" t="s">
        <v>40</v>
      </c>
      <c r="S5610" s="5" t="s">
        <v>42</v>
      </c>
      <c r="T5610" s="2">
        <v>65.082999999999998</v>
      </c>
      <c r="U5610" s="2">
        <v>60.814999999999998</v>
      </c>
      <c r="V5610" s="2">
        <v>0.23200000000000001</v>
      </c>
      <c r="W5610" s="2">
        <v>17</v>
      </c>
      <c r="X5610" s="2">
        <v>88.7</v>
      </c>
      <c r="Y5610" s="2">
        <v>153.6</v>
      </c>
      <c r="Z5610" s="5">
        <v>7</v>
      </c>
      <c r="AA5610" s="5" t="s">
        <v>43</v>
      </c>
      <c r="AB5610" s="5" t="s">
        <v>735</v>
      </c>
      <c r="AC5610" s="2" t="s">
        <v>100645</v>
      </c>
      <c r="AD5610" s="1"/>
    </row>
    <row r="5611" spans="1:30">
      <c r="A5611" s="5" t="s">
        <v>83578</v>
      </c>
      <c r="B5611" s="2" t="s">
        <v>100646</v>
      </c>
      <c r="C5611" s="14" t="s">
        <v>100647</v>
      </c>
      <c r="D5611" s="2" t="s">
        <v>100648</v>
      </c>
      <c r="E5611" s="2" t="s">
        <v>100649</v>
      </c>
      <c r="F5611" s="8">
        <v>1445</v>
      </c>
      <c r="G5611" s="5">
        <v>10</v>
      </c>
      <c r="H5611" s="5" t="s">
        <v>69</v>
      </c>
      <c r="I5611" s="5" t="s">
        <v>61065</v>
      </c>
      <c r="J5611" s="2" t="s">
        <v>61066</v>
      </c>
      <c r="K5611" s="5" t="s">
        <v>61065</v>
      </c>
      <c r="L5611" s="2" t="s">
        <v>61066</v>
      </c>
      <c r="M5611" s="5" t="s">
        <v>733</v>
      </c>
      <c r="N5611" s="5" t="s">
        <v>38</v>
      </c>
      <c r="O5611" s="5" t="s">
        <v>39</v>
      </c>
      <c r="P5611" s="5" t="s">
        <v>40</v>
      </c>
      <c r="Q5611" s="5" t="s">
        <v>897</v>
      </c>
      <c r="R5611" s="5" t="s">
        <v>40</v>
      </c>
      <c r="S5611" s="5" t="s">
        <v>42</v>
      </c>
      <c r="T5611" s="2">
        <v>56.457999999999998</v>
      </c>
      <c r="U5611" s="2">
        <v>51.792999999999999</v>
      </c>
      <c r="V5611" s="2">
        <v>0.26200000000000001</v>
      </c>
      <c r="W5611" s="2">
        <v>17</v>
      </c>
      <c r="X5611" s="2">
        <v>88.7</v>
      </c>
      <c r="Y5611" s="2">
        <v>173.8</v>
      </c>
      <c r="Z5611" s="5">
        <v>7</v>
      </c>
      <c r="AA5611" s="5" t="s">
        <v>43</v>
      </c>
      <c r="AB5611" s="5" t="s">
        <v>735</v>
      </c>
      <c r="AC5611" s="2" t="s">
        <v>100650</v>
      </c>
      <c r="AD5611" s="1"/>
    </row>
    <row r="5612" spans="1:30">
      <c r="A5612" s="5" t="s">
        <v>83578</v>
      </c>
      <c r="B5612" s="2" t="s">
        <v>100651</v>
      </c>
      <c r="C5612" s="14" t="s">
        <v>100652</v>
      </c>
      <c r="D5612" s="2" t="s">
        <v>100653</v>
      </c>
      <c r="E5612" s="2" t="s">
        <v>66235</v>
      </c>
      <c r="F5612" s="8">
        <v>1333</v>
      </c>
      <c r="G5612" s="5">
        <v>5</v>
      </c>
      <c r="H5612" s="5" t="s">
        <v>69</v>
      </c>
      <c r="I5612" s="5" t="s">
        <v>61065</v>
      </c>
      <c r="J5612" s="2" t="s">
        <v>61066</v>
      </c>
      <c r="K5612" s="5" t="s">
        <v>61065</v>
      </c>
      <c r="L5612" s="2" t="s">
        <v>61066</v>
      </c>
      <c r="M5612" s="5" t="s">
        <v>733</v>
      </c>
      <c r="N5612" s="5" t="s">
        <v>38</v>
      </c>
      <c r="O5612" s="5" t="s">
        <v>39</v>
      </c>
      <c r="P5612" s="5" t="s">
        <v>40</v>
      </c>
      <c r="Q5612" s="5" t="s">
        <v>897</v>
      </c>
      <c r="R5612" s="5" t="s">
        <v>40</v>
      </c>
      <c r="S5612" s="5" t="s">
        <v>42</v>
      </c>
      <c r="T5612" s="2">
        <v>58.287999999999997</v>
      </c>
      <c r="U5612" s="2">
        <v>53.58</v>
      </c>
      <c r="V5612" s="2">
        <v>0.26200000000000001</v>
      </c>
      <c r="W5612" s="2">
        <v>17</v>
      </c>
      <c r="X5612" s="2">
        <v>88.7</v>
      </c>
      <c r="Y5612" s="2">
        <v>173.8</v>
      </c>
      <c r="Z5612" s="5">
        <v>7</v>
      </c>
      <c r="AA5612" s="5" t="s">
        <v>43</v>
      </c>
      <c r="AB5612" s="5" t="s">
        <v>735</v>
      </c>
      <c r="AC5612" s="2" t="s">
        <v>100654</v>
      </c>
      <c r="AD5612" s="1"/>
    </row>
    <row r="5613" spans="1:30">
      <c r="A5613" s="5" t="s">
        <v>83578</v>
      </c>
      <c r="B5613" s="2" t="s">
        <v>100655</v>
      </c>
      <c r="C5613" s="14" t="s">
        <v>100656</v>
      </c>
      <c r="D5613" s="2" t="s">
        <v>100657</v>
      </c>
      <c r="E5613" s="2" t="s">
        <v>100658</v>
      </c>
      <c r="F5613" s="8">
        <v>1772</v>
      </c>
      <c r="G5613" s="5">
        <v>10</v>
      </c>
      <c r="H5613" s="5" t="s">
        <v>69</v>
      </c>
      <c r="I5613" s="5" t="s">
        <v>61065</v>
      </c>
      <c r="J5613" s="2" t="s">
        <v>61066</v>
      </c>
      <c r="K5613" s="5" t="s">
        <v>61065</v>
      </c>
      <c r="L5613" s="2" t="s">
        <v>61066</v>
      </c>
      <c r="M5613" s="5" t="s">
        <v>733</v>
      </c>
      <c r="N5613" s="5" t="s">
        <v>38</v>
      </c>
      <c r="O5613" s="5" t="s">
        <v>39</v>
      </c>
      <c r="P5613" s="5" t="s">
        <v>40</v>
      </c>
      <c r="Q5613" s="5" t="s">
        <v>897</v>
      </c>
      <c r="R5613" s="5" t="s">
        <v>40</v>
      </c>
      <c r="S5613" s="5" t="s">
        <v>42</v>
      </c>
      <c r="T5613" s="2">
        <v>67.715999999999994</v>
      </c>
      <c r="U5613" s="2">
        <v>63.488999999999997</v>
      </c>
      <c r="V5613" s="2">
        <v>0.23499999999999999</v>
      </c>
      <c r="W5613" s="2">
        <v>17</v>
      </c>
      <c r="X5613" s="2">
        <v>104.9</v>
      </c>
      <c r="Y5613" s="2">
        <v>131.6</v>
      </c>
      <c r="Z5613" s="5">
        <v>7</v>
      </c>
      <c r="AA5613" s="5" t="s">
        <v>43</v>
      </c>
      <c r="AB5613" s="5" t="s">
        <v>735</v>
      </c>
      <c r="AC5613" s="2" t="s">
        <v>100659</v>
      </c>
      <c r="AD5613" s="1"/>
    </row>
    <row r="5614" spans="1:30">
      <c r="A5614" s="5" t="s">
        <v>83578</v>
      </c>
      <c r="B5614" s="2" t="s">
        <v>100660</v>
      </c>
      <c r="C5614" s="14" t="s">
        <v>100661</v>
      </c>
      <c r="D5614" s="2" t="s">
        <v>100662</v>
      </c>
      <c r="E5614" s="2" t="s">
        <v>100663</v>
      </c>
      <c r="F5614" s="8">
        <v>1613</v>
      </c>
      <c r="G5614" s="5">
        <v>10</v>
      </c>
      <c r="H5614" s="5" t="s">
        <v>69</v>
      </c>
      <c r="I5614" s="5" t="s">
        <v>61065</v>
      </c>
      <c r="J5614" s="2" t="s">
        <v>61066</v>
      </c>
      <c r="K5614" s="5" t="s">
        <v>61065</v>
      </c>
      <c r="L5614" s="2" t="s">
        <v>61066</v>
      </c>
      <c r="M5614" s="5" t="s">
        <v>733</v>
      </c>
      <c r="N5614" s="5" t="s">
        <v>38</v>
      </c>
      <c r="O5614" s="5" t="s">
        <v>39</v>
      </c>
      <c r="P5614" s="5" t="s">
        <v>40</v>
      </c>
      <c r="Q5614" s="5" t="s">
        <v>897</v>
      </c>
      <c r="R5614" s="5" t="s">
        <v>40</v>
      </c>
      <c r="S5614" s="5" t="s">
        <v>42</v>
      </c>
      <c r="T5614" s="2">
        <v>58.701000000000001</v>
      </c>
      <c r="U5614" s="2">
        <v>54.484000000000002</v>
      </c>
      <c r="V5614" s="2">
        <v>0.23499999999999999</v>
      </c>
      <c r="W5614" s="2">
        <v>17</v>
      </c>
      <c r="X5614" s="2">
        <v>104.9</v>
      </c>
      <c r="Y5614" s="2">
        <v>131.6</v>
      </c>
      <c r="Z5614" s="5">
        <v>7</v>
      </c>
      <c r="AA5614" s="5" t="s">
        <v>43</v>
      </c>
      <c r="AB5614" s="5" t="s">
        <v>735</v>
      </c>
      <c r="AC5614" s="2" t="s">
        <v>100664</v>
      </c>
      <c r="AD5614" s="1"/>
    </row>
    <row r="5615" spans="1:30">
      <c r="A5615" s="5" t="s">
        <v>83578</v>
      </c>
      <c r="B5615" s="2" t="s">
        <v>100665</v>
      </c>
      <c r="C5615" s="14" t="s">
        <v>100666</v>
      </c>
      <c r="D5615" s="2" t="s">
        <v>100667</v>
      </c>
      <c r="E5615" s="2" t="s">
        <v>100668</v>
      </c>
      <c r="F5615" s="8">
        <v>1938</v>
      </c>
      <c r="G5615" s="5">
        <v>10</v>
      </c>
      <c r="H5615" s="5" t="s">
        <v>69</v>
      </c>
      <c r="I5615" s="5" t="s">
        <v>61065</v>
      </c>
      <c r="J5615" s="2" t="s">
        <v>61066</v>
      </c>
      <c r="K5615" s="5" t="s">
        <v>61065</v>
      </c>
      <c r="L5615" s="2" t="s">
        <v>61066</v>
      </c>
      <c r="M5615" s="5" t="s">
        <v>733</v>
      </c>
      <c r="N5615" s="5" t="s">
        <v>38</v>
      </c>
      <c r="O5615" s="5" t="s">
        <v>39</v>
      </c>
      <c r="P5615" s="5" t="s">
        <v>40</v>
      </c>
      <c r="Q5615" s="5" t="s">
        <v>897</v>
      </c>
      <c r="R5615" s="5" t="s">
        <v>40</v>
      </c>
      <c r="S5615" s="5" t="s">
        <v>42</v>
      </c>
      <c r="T5615" s="2">
        <v>76.673000000000002</v>
      </c>
      <c r="U5615" s="2">
        <v>71.906000000000006</v>
      </c>
      <c r="V5615" s="2">
        <v>0.27400000000000002</v>
      </c>
      <c r="W5615" s="2">
        <v>17</v>
      </c>
      <c r="X5615" s="2">
        <v>104.9</v>
      </c>
      <c r="Y5615" s="2">
        <v>153.6</v>
      </c>
      <c r="Z5615" s="5">
        <v>7</v>
      </c>
      <c r="AA5615" s="5" t="s">
        <v>43</v>
      </c>
      <c r="AB5615" s="5" t="s">
        <v>735</v>
      </c>
      <c r="AC5615" s="2" t="s">
        <v>100669</v>
      </c>
      <c r="AD5615" s="1"/>
    </row>
    <row r="5616" spans="1:30">
      <c r="A5616" s="5" t="s">
        <v>83578</v>
      </c>
      <c r="B5616" s="2" t="s">
        <v>100670</v>
      </c>
      <c r="C5616" s="14" t="s">
        <v>100671</v>
      </c>
      <c r="D5616" s="2" t="s">
        <v>100672</v>
      </c>
      <c r="E5616" s="2" t="s">
        <v>66341</v>
      </c>
      <c r="F5616" s="8">
        <v>1340</v>
      </c>
      <c r="G5616" s="5">
        <v>5</v>
      </c>
      <c r="H5616" s="5" t="s">
        <v>69</v>
      </c>
      <c r="I5616" s="5" t="s">
        <v>61065</v>
      </c>
      <c r="J5616" s="2" t="s">
        <v>61066</v>
      </c>
      <c r="K5616" s="5" t="s">
        <v>61065</v>
      </c>
      <c r="L5616" s="2" t="s">
        <v>61066</v>
      </c>
      <c r="M5616" s="5" t="s">
        <v>733</v>
      </c>
      <c r="N5616" s="5" t="s">
        <v>38</v>
      </c>
      <c r="O5616" s="5" t="s">
        <v>39</v>
      </c>
      <c r="P5616" s="5" t="s">
        <v>40</v>
      </c>
      <c r="Q5616" s="5" t="s">
        <v>897</v>
      </c>
      <c r="R5616" s="5" t="s">
        <v>40</v>
      </c>
      <c r="S5616" s="5" t="s">
        <v>42</v>
      </c>
      <c r="T5616" s="2">
        <v>58.795000000000002</v>
      </c>
      <c r="U5616" s="2">
        <v>54.014000000000003</v>
      </c>
      <c r="V5616" s="2">
        <v>0.27400000000000002</v>
      </c>
      <c r="W5616" s="2">
        <v>17</v>
      </c>
      <c r="X5616" s="2">
        <v>104.9</v>
      </c>
      <c r="Y5616" s="2">
        <v>153.6</v>
      </c>
      <c r="Z5616" s="5">
        <v>7</v>
      </c>
      <c r="AA5616" s="5" t="s">
        <v>43</v>
      </c>
      <c r="AB5616" s="5" t="s">
        <v>735</v>
      </c>
      <c r="AC5616" s="2" t="s">
        <v>100673</v>
      </c>
      <c r="AD5616" s="1"/>
    </row>
    <row r="5617" spans="1:30">
      <c r="A5617" s="5" t="s">
        <v>83578</v>
      </c>
      <c r="B5617" s="2" t="s">
        <v>100674</v>
      </c>
      <c r="C5617" s="14" t="s">
        <v>100675</v>
      </c>
      <c r="D5617" s="2" t="s">
        <v>100676</v>
      </c>
      <c r="E5617" s="2" t="s">
        <v>100677</v>
      </c>
      <c r="F5617" s="8">
        <v>1938</v>
      </c>
      <c r="G5617" s="5">
        <v>10</v>
      </c>
      <c r="H5617" s="5" t="s">
        <v>69</v>
      </c>
      <c r="I5617" s="5" t="s">
        <v>61065</v>
      </c>
      <c r="J5617" s="2" t="s">
        <v>61066</v>
      </c>
      <c r="K5617" s="5" t="s">
        <v>61065</v>
      </c>
      <c r="L5617" s="2" t="s">
        <v>61066</v>
      </c>
      <c r="M5617" s="5" t="s">
        <v>733</v>
      </c>
      <c r="N5617" s="5" t="s">
        <v>38</v>
      </c>
      <c r="O5617" s="5" t="s">
        <v>39</v>
      </c>
      <c r="P5617" s="5" t="s">
        <v>40</v>
      </c>
      <c r="Q5617" s="5" t="s">
        <v>897</v>
      </c>
      <c r="R5617" s="5" t="s">
        <v>40</v>
      </c>
      <c r="S5617" s="5" t="s">
        <v>42</v>
      </c>
      <c r="T5617" s="2">
        <v>75.644999999999996</v>
      </c>
      <c r="U5617" s="2">
        <v>70.878</v>
      </c>
      <c r="V5617" s="2">
        <v>0.27400000000000002</v>
      </c>
      <c r="W5617" s="2">
        <v>17</v>
      </c>
      <c r="X5617" s="2">
        <v>104.9</v>
      </c>
      <c r="Y5617" s="2">
        <v>153.6</v>
      </c>
      <c r="Z5617" s="5">
        <v>7</v>
      </c>
      <c r="AA5617" s="5" t="s">
        <v>43</v>
      </c>
      <c r="AB5617" s="5" t="s">
        <v>735</v>
      </c>
      <c r="AC5617" s="2" t="s">
        <v>100678</v>
      </c>
      <c r="AD5617" s="1"/>
    </row>
    <row r="5618" spans="1:30">
      <c r="A5618" s="5" t="s">
        <v>83578</v>
      </c>
      <c r="B5618" s="2" t="s">
        <v>100679</v>
      </c>
      <c r="C5618" s="14" t="s">
        <v>100680</v>
      </c>
      <c r="D5618" s="2" t="s">
        <v>100681</v>
      </c>
      <c r="E5618" s="2" t="s">
        <v>66354</v>
      </c>
      <c r="F5618" s="8">
        <v>1340</v>
      </c>
      <c r="G5618" s="5">
        <v>10</v>
      </c>
      <c r="H5618" s="5" t="s">
        <v>69</v>
      </c>
      <c r="I5618" s="5" t="s">
        <v>61065</v>
      </c>
      <c r="J5618" s="2" t="s">
        <v>61066</v>
      </c>
      <c r="K5618" s="5" t="s">
        <v>61065</v>
      </c>
      <c r="L5618" s="2" t="s">
        <v>61066</v>
      </c>
      <c r="M5618" s="5" t="s">
        <v>733</v>
      </c>
      <c r="N5618" s="5" t="s">
        <v>38</v>
      </c>
      <c r="O5618" s="5" t="s">
        <v>39</v>
      </c>
      <c r="P5618" s="5" t="s">
        <v>40</v>
      </c>
      <c r="Q5618" s="5" t="s">
        <v>897</v>
      </c>
      <c r="R5618" s="5" t="s">
        <v>40</v>
      </c>
      <c r="S5618" s="5" t="s">
        <v>42</v>
      </c>
      <c r="T5618" s="2">
        <v>57.774000000000001</v>
      </c>
      <c r="U5618" s="2">
        <v>52.993000000000002</v>
      </c>
      <c r="V5618" s="2">
        <v>0.27400000000000002</v>
      </c>
      <c r="W5618" s="2">
        <v>17</v>
      </c>
      <c r="X5618" s="2">
        <v>104.9</v>
      </c>
      <c r="Y5618" s="2">
        <v>153.6</v>
      </c>
      <c r="Z5618" s="5">
        <v>7</v>
      </c>
      <c r="AA5618" s="5" t="s">
        <v>43</v>
      </c>
      <c r="AB5618" s="5" t="s">
        <v>735</v>
      </c>
      <c r="AC5618" s="2" t="s">
        <v>100682</v>
      </c>
      <c r="AD5618" s="1"/>
    </row>
    <row r="5619" spans="1:30">
      <c r="A5619" s="5" t="s">
        <v>83578</v>
      </c>
      <c r="B5619" s="2" t="s">
        <v>100683</v>
      </c>
      <c r="C5619" s="14" t="s">
        <v>100684</v>
      </c>
      <c r="D5619" s="2" t="s">
        <v>100685</v>
      </c>
      <c r="E5619" s="2" t="s">
        <v>63337</v>
      </c>
      <c r="F5619" s="8">
        <v>1419</v>
      </c>
      <c r="G5619" s="5">
        <v>10</v>
      </c>
      <c r="H5619" s="5" t="s">
        <v>69</v>
      </c>
      <c r="I5619" s="5" t="s">
        <v>61065</v>
      </c>
      <c r="J5619" s="2" t="s">
        <v>61066</v>
      </c>
      <c r="K5619" s="5" t="s">
        <v>61065</v>
      </c>
      <c r="L5619" s="2" t="s">
        <v>61066</v>
      </c>
      <c r="M5619" s="5" t="s">
        <v>733</v>
      </c>
      <c r="N5619" s="5" t="s">
        <v>38</v>
      </c>
      <c r="O5619" s="5" t="s">
        <v>39</v>
      </c>
      <c r="P5619" s="5" t="s">
        <v>40</v>
      </c>
      <c r="Q5619" s="5" t="s">
        <v>897</v>
      </c>
      <c r="R5619" s="5" t="s">
        <v>40</v>
      </c>
      <c r="S5619" s="5" t="s">
        <v>42</v>
      </c>
      <c r="T5619" s="2">
        <v>65.739000000000004</v>
      </c>
      <c r="U5619" s="2">
        <v>60.475999999999999</v>
      </c>
      <c r="V5619" s="2">
        <v>0.31</v>
      </c>
      <c r="W5619" s="2">
        <v>17</v>
      </c>
      <c r="X5619" s="2">
        <v>104.9</v>
      </c>
      <c r="Y5619" s="2">
        <v>173.8</v>
      </c>
      <c r="Z5619" s="5">
        <v>7</v>
      </c>
      <c r="AA5619" s="5" t="s">
        <v>43</v>
      </c>
      <c r="AB5619" s="5" t="s">
        <v>735</v>
      </c>
      <c r="AC5619" s="2" t="s">
        <v>100686</v>
      </c>
      <c r="AD5619" s="1"/>
    </row>
    <row r="5620" spans="1:30">
      <c r="A5620" s="5" t="s">
        <v>83578</v>
      </c>
      <c r="B5620" s="2" t="s">
        <v>100687</v>
      </c>
      <c r="C5620" s="14" t="s">
        <v>100688</v>
      </c>
      <c r="D5620" s="2" t="s">
        <v>100689</v>
      </c>
      <c r="E5620" s="2" t="s">
        <v>66452</v>
      </c>
      <c r="F5620" s="8">
        <v>1969</v>
      </c>
      <c r="G5620" s="5">
        <v>10</v>
      </c>
      <c r="H5620" s="5" t="s">
        <v>69</v>
      </c>
      <c r="I5620" s="5" t="s">
        <v>61065</v>
      </c>
      <c r="J5620" s="2" t="s">
        <v>61066</v>
      </c>
      <c r="K5620" s="5" t="s">
        <v>61065</v>
      </c>
      <c r="L5620" s="2" t="s">
        <v>61066</v>
      </c>
      <c r="M5620" s="5" t="s">
        <v>733</v>
      </c>
      <c r="N5620" s="5" t="s">
        <v>38</v>
      </c>
      <c r="O5620" s="5" t="s">
        <v>39</v>
      </c>
      <c r="P5620" s="5" t="s">
        <v>40</v>
      </c>
      <c r="Q5620" s="5" t="s">
        <v>897</v>
      </c>
      <c r="R5620" s="5" t="s">
        <v>40</v>
      </c>
      <c r="S5620" s="5" t="s">
        <v>42</v>
      </c>
      <c r="T5620" s="2">
        <v>79.506</v>
      </c>
      <c r="U5620" s="2">
        <v>74.728999999999999</v>
      </c>
      <c r="V5620" s="2">
        <v>0.27900000000000003</v>
      </c>
      <c r="W5620" s="2">
        <v>17</v>
      </c>
      <c r="X5620" s="2">
        <v>124.7</v>
      </c>
      <c r="Y5620" s="2">
        <v>131.6</v>
      </c>
      <c r="Z5620" s="5">
        <v>7</v>
      </c>
      <c r="AA5620" s="5" t="s">
        <v>43</v>
      </c>
      <c r="AB5620" s="5" t="s">
        <v>735</v>
      </c>
      <c r="AC5620" s="2" t="s">
        <v>100690</v>
      </c>
      <c r="AD5620" s="1"/>
    </row>
    <row r="5621" spans="1:30">
      <c r="A5621" s="5" t="s">
        <v>83578</v>
      </c>
      <c r="B5621" s="2" t="s">
        <v>100691</v>
      </c>
      <c r="C5621" s="14" t="s">
        <v>100692</v>
      </c>
      <c r="D5621" s="2" t="s">
        <v>100693</v>
      </c>
      <c r="E5621" s="2" t="s">
        <v>100694</v>
      </c>
      <c r="F5621" s="8">
        <v>1969</v>
      </c>
      <c r="G5621" s="5">
        <v>10</v>
      </c>
      <c r="H5621" s="5" t="s">
        <v>69</v>
      </c>
      <c r="I5621" s="5" t="s">
        <v>61065</v>
      </c>
      <c r="J5621" s="2" t="s">
        <v>61066</v>
      </c>
      <c r="K5621" s="5" t="s">
        <v>61065</v>
      </c>
      <c r="L5621" s="2" t="s">
        <v>61066</v>
      </c>
      <c r="M5621" s="5" t="s">
        <v>733</v>
      </c>
      <c r="N5621" s="5" t="s">
        <v>38</v>
      </c>
      <c r="O5621" s="5" t="s">
        <v>39</v>
      </c>
      <c r="P5621" s="5" t="s">
        <v>40</v>
      </c>
      <c r="Q5621" s="5" t="s">
        <v>897</v>
      </c>
      <c r="R5621" s="5" t="s">
        <v>40</v>
      </c>
      <c r="S5621" s="5" t="s">
        <v>42</v>
      </c>
      <c r="T5621" s="2">
        <v>78.484999999999999</v>
      </c>
      <c r="U5621" s="2">
        <v>73.707999999999998</v>
      </c>
      <c r="V5621" s="2">
        <v>0.27900000000000003</v>
      </c>
      <c r="W5621" s="2">
        <v>17</v>
      </c>
      <c r="X5621" s="2">
        <v>124.7</v>
      </c>
      <c r="Y5621" s="2">
        <v>131.6</v>
      </c>
      <c r="Z5621" s="5">
        <v>7</v>
      </c>
      <c r="AA5621" s="5" t="s">
        <v>43</v>
      </c>
      <c r="AB5621" s="5" t="s">
        <v>735</v>
      </c>
      <c r="AC5621" s="2" t="s">
        <v>100695</v>
      </c>
      <c r="AD5621" s="1"/>
    </row>
    <row r="5622" spans="1:30">
      <c r="A5622" s="5" t="s">
        <v>83578</v>
      </c>
      <c r="B5622" s="2" t="s">
        <v>100696</v>
      </c>
      <c r="C5622" s="14" t="s">
        <v>100697</v>
      </c>
      <c r="D5622" s="2" t="s">
        <v>100698</v>
      </c>
      <c r="E5622" s="2" t="s">
        <v>63539</v>
      </c>
      <c r="F5622" s="8">
        <v>1362</v>
      </c>
      <c r="G5622" s="5">
        <v>10</v>
      </c>
      <c r="H5622" s="5" t="s">
        <v>69</v>
      </c>
      <c r="I5622" s="5" t="s">
        <v>61065</v>
      </c>
      <c r="J5622" s="2" t="s">
        <v>61066</v>
      </c>
      <c r="K5622" s="5" t="s">
        <v>61065</v>
      </c>
      <c r="L5622" s="2" t="s">
        <v>61066</v>
      </c>
      <c r="M5622" s="5" t="s">
        <v>733</v>
      </c>
      <c r="N5622" s="5" t="s">
        <v>38</v>
      </c>
      <c r="O5622" s="5" t="s">
        <v>39</v>
      </c>
      <c r="P5622" s="5" t="s">
        <v>40</v>
      </c>
      <c r="Q5622" s="5" t="s">
        <v>897</v>
      </c>
      <c r="R5622" s="5" t="s">
        <v>40</v>
      </c>
      <c r="S5622" s="5" t="s">
        <v>42</v>
      </c>
      <c r="T5622" s="2">
        <v>60.018000000000001</v>
      </c>
      <c r="U5622" s="2">
        <v>55.21</v>
      </c>
      <c r="V5622" s="2">
        <v>0.27900000000000003</v>
      </c>
      <c r="W5622" s="2">
        <v>17</v>
      </c>
      <c r="X5622" s="2">
        <v>124.7</v>
      </c>
      <c r="Y5622" s="2">
        <v>131.6</v>
      </c>
      <c r="Z5622" s="5">
        <v>7</v>
      </c>
      <c r="AA5622" s="5" t="s">
        <v>43</v>
      </c>
      <c r="AB5622" s="5" t="s">
        <v>735</v>
      </c>
      <c r="AC5622" s="2" t="s">
        <v>100699</v>
      </c>
      <c r="AD5622" s="1"/>
    </row>
    <row r="5623" spans="1:30">
      <c r="A5623" s="5" t="s">
        <v>83578</v>
      </c>
      <c r="B5623" s="2" t="s">
        <v>100700</v>
      </c>
      <c r="C5623" s="14" t="s">
        <v>100701</v>
      </c>
      <c r="D5623" s="2" t="s">
        <v>100702</v>
      </c>
      <c r="E5623" s="2" t="s">
        <v>100703</v>
      </c>
      <c r="F5623" s="8">
        <v>2154</v>
      </c>
      <c r="G5623" s="5">
        <v>10</v>
      </c>
      <c r="H5623" s="5" t="s">
        <v>69</v>
      </c>
      <c r="I5623" s="5" t="s">
        <v>61065</v>
      </c>
      <c r="J5623" s="2" t="s">
        <v>61066</v>
      </c>
      <c r="K5623" s="5" t="s">
        <v>61065</v>
      </c>
      <c r="L5623" s="2" t="s">
        <v>61066</v>
      </c>
      <c r="M5623" s="5" t="s">
        <v>733</v>
      </c>
      <c r="N5623" s="5" t="s">
        <v>38</v>
      </c>
      <c r="O5623" s="5" t="s">
        <v>39</v>
      </c>
      <c r="P5623" s="5" t="s">
        <v>40</v>
      </c>
      <c r="Q5623" s="5" t="s">
        <v>897</v>
      </c>
      <c r="R5623" s="5" t="s">
        <v>40</v>
      </c>
      <c r="S5623" s="5" t="s">
        <v>42</v>
      </c>
      <c r="T5623" s="2">
        <v>91.909000000000006</v>
      </c>
      <c r="U5623" s="2">
        <v>86.528999999999996</v>
      </c>
      <c r="V5623" s="2">
        <v>0.32600000000000001</v>
      </c>
      <c r="W5623" s="2">
        <v>17</v>
      </c>
      <c r="X5623" s="2">
        <v>124.7</v>
      </c>
      <c r="Y5623" s="2">
        <v>153.6</v>
      </c>
      <c r="Z5623" s="5">
        <v>7</v>
      </c>
      <c r="AA5623" s="5" t="s">
        <v>43</v>
      </c>
      <c r="AB5623" s="5" t="s">
        <v>735</v>
      </c>
      <c r="AC5623" s="2" t="s">
        <v>100704</v>
      </c>
      <c r="AD5623" s="1"/>
    </row>
    <row r="5624" spans="1:30">
      <c r="A5624" s="5" t="s">
        <v>83578</v>
      </c>
      <c r="B5624" s="2" t="s">
        <v>100705</v>
      </c>
      <c r="C5624" s="14" t="s">
        <v>100706</v>
      </c>
      <c r="D5624" s="2" t="s">
        <v>100707</v>
      </c>
      <c r="E5624" s="2" t="s">
        <v>66513</v>
      </c>
      <c r="F5624" s="8">
        <v>1926</v>
      </c>
      <c r="G5624" s="5">
        <v>5</v>
      </c>
      <c r="H5624" s="5" t="s">
        <v>69</v>
      </c>
      <c r="I5624" s="5" t="s">
        <v>61065</v>
      </c>
      <c r="J5624" s="2" t="s">
        <v>61066</v>
      </c>
      <c r="K5624" s="5" t="s">
        <v>61065</v>
      </c>
      <c r="L5624" s="2" t="s">
        <v>61066</v>
      </c>
      <c r="M5624" s="5" t="s">
        <v>733</v>
      </c>
      <c r="N5624" s="5" t="s">
        <v>38</v>
      </c>
      <c r="O5624" s="5" t="s">
        <v>39</v>
      </c>
      <c r="P5624" s="5" t="s">
        <v>40</v>
      </c>
      <c r="Q5624" s="5" t="s">
        <v>897</v>
      </c>
      <c r="R5624" s="5" t="s">
        <v>40</v>
      </c>
      <c r="S5624" s="5" t="s">
        <v>42</v>
      </c>
      <c r="T5624" s="2">
        <v>79.652000000000001</v>
      </c>
      <c r="U5624" s="2">
        <v>74.272999999999996</v>
      </c>
      <c r="V5624" s="2">
        <v>0.32600000000000001</v>
      </c>
      <c r="W5624" s="2">
        <v>17</v>
      </c>
      <c r="X5624" s="2">
        <v>124.7</v>
      </c>
      <c r="Y5624" s="2">
        <v>153.6</v>
      </c>
      <c r="Z5624" s="5">
        <v>7</v>
      </c>
      <c r="AA5624" s="5" t="s">
        <v>43</v>
      </c>
      <c r="AB5624" s="5" t="s">
        <v>735</v>
      </c>
      <c r="AC5624" s="2" t="s">
        <v>100708</v>
      </c>
      <c r="AD5624" s="1"/>
    </row>
    <row r="5625" spans="1:30">
      <c r="A5625" s="5" t="s">
        <v>83578</v>
      </c>
      <c r="B5625" s="2" t="s">
        <v>100709</v>
      </c>
      <c r="C5625" s="14" t="s">
        <v>100710</v>
      </c>
      <c r="D5625" s="2" t="s">
        <v>100711</v>
      </c>
      <c r="E5625" s="2" t="s">
        <v>63834</v>
      </c>
      <c r="F5625" s="8">
        <v>1519</v>
      </c>
      <c r="G5625" s="5">
        <v>10</v>
      </c>
      <c r="H5625" s="5" t="s">
        <v>69</v>
      </c>
      <c r="I5625" s="5" t="s">
        <v>61065</v>
      </c>
      <c r="J5625" s="2" t="s">
        <v>61066</v>
      </c>
      <c r="K5625" s="5" t="s">
        <v>61065</v>
      </c>
      <c r="L5625" s="2" t="s">
        <v>61066</v>
      </c>
      <c r="M5625" s="5" t="s">
        <v>733</v>
      </c>
      <c r="N5625" s="5" t="s">
        <v>38</v>
      </c>
      <c r="O5625" s="5" t="s">
        <v>39</v>
      </c>
      <c r="P5625" s="5" t="s">
        <v>40</v>
      </c>
      <c r="Q5625" s="5" t="s">
        <v>897</v>
      </c>
      <c r="R5625" s="5" t="s">
        <v>40</v>
      </c>
      <c r="S5625" s="5" t="s">
        <v>42</v>
      </c>
      <c r="T5625" s="2">
        <v>79.87</v>
      </c>
      <c r="U5625" s="2">
        <v>73.92</v>
      </c>
      <c r="V5625" s="2">
        <v>0.36799999999999999</v>
      </c>
      <c r="W5625" s="2">
        <v>17</v>
      </c>
      <c r="X5625" s="2">
        <v>124.7</v>
      </c>
      <c r="Y5625" s="2">
        <v>173.8</v>
      </c>
      <c r="Z5625" s="5">
        <v>7</v>
      </c>
      <c r="AA5625" s="5" t="s">
        <v>43</v>
      </c>
      <c r="AB5625" s="5" t="s">
        <v>735</v>
      </c>
      <c r="AC5625" s="2" t="s">
        <v>100712</v>
      </c>
      <c r="AD5625" s="1"/>
    </row>
    <row r="5626" spans="1:30">
      <c r="A5626" s="5" t="s">
        <v>83578</v>
      </c>
      <c r="B5626" s="2" t="s">
        <v>100713</v>
      </c>
      <c r="C5626" s="14" t="s">
        <v>100714</v>
      </c>
      <c r="D5626" s="2" t="s">
        <v>100715</v>
      </c>
      <c r="E5626" s="2" t="s">
        <v>63852</v>
      </c>
      <c r="F5626" s="8">
        <v>2083</v>
      </c>
      <c r="G5626" s="5">
        <v>10</v>
      </c>
      <c r="H5626" s="5" t="s">
        <v>69</v>
      </c>
      <c r="I5626" s="5" t="s">
        <v>61065</v>
      </c>
      <c r="J5626" s="2" t="s">
        <v>61066</v>
      </c>
      <c r="K5626" s="5" t="s">
        <v>61065</v>
      </c>
      <c r="L5626" s="2" t="s">
        <v>61066</v>
      </c>
      <c r="M5626" s="5" t="s">
        <v>733</v>
      </c>
      <c r="N5626" s="5" t="s">
        <v>38</v>
      </c>
      <c r="O5626" s="5" t="s">
        <v>39</v>
      </c>
      <c r="P5626" s="5" t="s">
        <v>40</v>
      </c>
      <c r="Q5626" s="5" t="s">
        <v>897</v>
      </c>
      <c r="R5626" s="5" t="s">
        <v>40</v>
      </c>
      <c r="S5626" s="5" t="s">
        <v>42</v>
      </c>
      <c r="T5626" s="2">
        <v>90.2</v>
      </c>
      <c r="U5626" s="2">
        <v>84.281999999999996</v>
      </c>
      <c r="V5626" s="2">
        <v>0.36799999999999999</v>
      </c>
      <c r="W5626" s="2">
        <v>17</v>
      </c>
      <c r="X5626" s="2">
        <v>124.7</v>
      </c>
      <c r="Y5626" s="2">
        <v>173.8</v>
      </c>
      <c r="Z5626" s="5">
        <v>7</v>
      </c>
      <c r="AA5626" s="5" t="s">
        <v>43</v>
      </c>
      <c r="AB5626" s="5" t="s">
        <v>735</v>
      </c>
      <c r="AC5626" s="2" t="s">
        <v>100716</v>
      </c>
      <c r="AD5626" s="1"/>
    </row>
    <row r="5627" spans="1:30">
      <c r="A5627" s="5" t="s">
        <v>83578</v>
      </c>
      <c r="B5627" s="2" t="s">
        <v>100717</v>
      </c>
      <c r="C5627" s="14" t="s">
        <v>100718</v>
      </c>
      <c r="D5627" s="2" t="s">
        <v>100719</v>
      </c>
      <c r="E5627" s="2" t="s">
        <v>63861</v>
      </c>
      <c r="F5627" s="8">
        <v>1519</v>
      </c>
      <c r="G5627" s="5">
        <v>10</v>
      </c>
      <c r="H5627" s="5" t="s">
        <v>69</v>
      </c>
      <c r="I5627" s="5" t="s">
        <v>61065</v>
      </c>
      <c r="J5627" s="2" t="s">
        <v>61066</v>
      </c>
      <c r="K5627" s="5" t="s">
        <v>61065</v>
      </c>
      <c r="L5627" s="2" t="s">
        <v>61066</v>
      </c>
      <c r="M5627" s="5" t="s">
        <v>733</v>
      </c>
      <c r="N5627" s="5" t="s">
        <v>38</v>
      </c>
      <c r="O5627" s="5" t="s">
        <v>39</v>
      </c>
      <c r="P5627" s="5" t="s">
        <v>40</v>
      </c>
      <c r="Q5627" s="5" t="s">
        <v>897</v>
      </c>
      <c r="R5627" s="5" t="s">
        <v>40</v>
      </c>
      <c r="S5627" s="5" t="s">
        <v>42</v>
      </c>
      <c r="T5627" s="2">
        <v>78.673000000000002</v>
      </c>
      <c r="U5627" s="2">
        <v>72.722999999999999</v>
      </c>
      <c r="V5627" s="2">
        <v>0.36799999999999999</v>
      </c>
      <c r="W5627" s="2">
        <v>17</v>
      </c>
      <c r="X5627" s="2">
        <v>124.7</v>
      </c>
      <c r="Y5627" s="2">
        <v>173.8</v>
      </c>
      <c r="Z5627" s="5">
        <v>7</v>
      </c>
      <c r="AA5627" s="5" t="s">
        <v>43</v>
      </c>
      <c r="AB5627" s="5" t="s">
        <v>735</v>
      </c>
      <c r="AC5627" s="2" t="s">
        <v>100720</v>
      </c>
      <c r="AD5627" s="1"/>
    </row>
    <row r="5628" spans="1:30">
      <c r="A5628" s="5" t="s">
        <v>83578</v>
      </c>
      <c r="B5628" s="2" t="s">
        <v>100721</v>
      </c>
      <c r="C5628" s="14" t="s">
        <v>100722</v>
      </c>
      <c r="D5628" s="2" t="s">
        <v>100723</v>
      </c>
      <c r="E5628" s="2" t="s">
        <v>100724</v>
      </c>
      <c r="F5628" s="8">
        <v>1768</v>
      </c>
      <c r="G5628" s="5">
        <v>10</v>
      </c>
      <c r="H5628" s="5" t="s">
        <v>69</v>
      </c>
      <c r="I5628" s="5" t="s">
        <v>61065</v>
      </c>
      <c r="J5628" s="2" t="s">
        <v>61066</v>
      </c>
      <c r="K5628" s="5" t="s">
        <v>61065</v>
      </c>
      <c r="L5628" s="2" t="s">
        <v>61066</v>
      </c>
      <c r="M5628" s="5" t="s">
        <v>733</v>
      </c>
      <c r="N5628" s="5" t="s">
        <v>38</v>
      </c>
      <c r="O5628" s="5" t="s">
        <v>39</v>
      </c>
      <c r="P5628" s="5" t="s">
        <v>40</v>
      </c>
      <c r="Q5628" s="5" t="s">
        <v>897</v>
      </c>
      <c r="R5628" s="5" t="s">
        <v>40</v>
      </c>
      <c r="S5628" s="5" t="s">
        <v>42</v>
      </c>
      <c r="T5628" s="2">
        <v>64.884</v>
      </c>
      <c r="U5628" s="2">
        <v>60.179000000000002</v>
      </c>
      <c r="V5628" s="2">
        <v>0.27500000000000002</v>
      </c>
      <c r="W5628" s="2">
        <v>17</v>
      </c>
      <c r="X5628" s="2">
        <v>144.69999999999999</v>
      </c>
      <c r="Y5628" s="2">
        <v>111.6</v>
      </c>
      <c r="Z5628" s="5">
        <v>7</v>
      </c>
      <c r="AA5628" s="5" t="s">
        <v>43</v>
      </c>
      <c r="AB5628" s="5" t="s">
        <v>735</v>
      </c>
      <c r="AC5628" s="2" t="s">
        <v>100725</v>
      </c>
      <c r="AD5628" s="1"/>
    </row>
    <row r="5629" spans="1:30">
      <c r="A5629" s="5" t="s">
        <v>83578</v>
      </c>
      <c r="B5629" s="2" t="s">
        <v>100726</v>
      </c>
      <c r="C5629" s="14" t="s">
        <v>100727</v>
      </c>
      <c r="D5629" s="2" t="s">
        <v>100728</v>
      </c>
      <c r="E5629" s="2" t="s">
        <v>64015</v>
      </c>
      <c r="F5629" s="8">
        <v>1362</v>
      </c>
      <c r="G5629" s="5">
        <v>10</v>
      </c>
      <c r="H5629" s="5" t="s">
        <v>69</v>
      </c>
      <c r="I5629" s="5" t="s">
        <v>61065</v>
      </c>
      <c r="J5629" s="2" t="s">
        <v>61066</v>
      </c>
      <c r="K5629" s="5" t="s">
        <v>61065</v>
      </c>
      <c r="L5629" s="2" t="s">
        <v>61066</v>
      </c>
      <c r="M5629" s="5" t="s">
        <v>733</v>
      </c>
      <c r="N5629" s="5" t="s">
        <v>38</v>
      </c>
      <c r="O5629" s="5" t="s">
        <v>39</v>
      </c>
      <c r="P5629" s="5" t="s">
        <v>40</v>
      </c>
      <c r="Q5629" s="5" t="s">
        <v>897</v>
      </c>
      <c r="R5629" s="5" t="s">
        <v>40</v>
      </c>
      <c r="S5629" s="5" t="s">
        <v>42</v>
      </c>
      <c r="T5629" s="2">
        <v>56.750999999999998</v>
      </c>
      <c r="U5629" s="2">
        <v>52.012</v>
      </c>
      <c r="V5629" s="2">
        <v>0.27500000000000002</v>
      </c>
      <c r="W5629" s="2">
        <v>17</v>
      </c>
      <c r="X5629" s="2">
        <v>144.69999999999999</v>
      </c>
      <c r="Y5629" s="2">
        <v>111.6</v>
      </c>
      <c r="Z5629" s="5">
        <v>7</v>
      </c>
      <c r="AA5629" s="5" t="s">
        <v>43</v>
      </c>
      <c r="AB5629" s="5" t="s">
        <v>735</v>
      </c>
      <c r="AC5629" s="2" t="s">
        <v>100729</v>
      </c>
      <c r="AD5629" s="1"/>
    </row>
    <row r="5630" spans="1:30">
      <c r="A5630" s="5" t="s">
        <v>83578</v>
      </c>
      <c r="B5630" s="2" t="s">
        <v>100730</v>
      </c>
      <c r="C5630" s="14" t="s">
        <v>100731</v>
      </c>
      <c r="D5630" s="2" t="s">
        <v>100732</v>
      </c>
      <c r="E5630" s="2" t="s">
        <v>64180</v>
      </c>
      <c r="F5630" s="8">
        <v>1526</v>
      </c>
      <c r="G5630" s="5">
        <v>10</v>
      </c>
      <c r="H5630" s="5" t="s">
        <v>69</v>
      </c>
      <c r="I5630" s="5" t="s">
        <v>61065</v>
      </c>
      <c r="J5630" s="2" t="s">
        <v>61066</v>
      </c>
      <c r="K5630" s="5" t="s">
        <v>61065</v>
      </c>
      <c r="L5630" s="2" t="s">
        <v>61066</v>
      </c>
      <c r="M5630" s="5" t="s">
        <v>733</v>
      </c>
      <c r="N5630" s="5" t="s">
        <v>38</v>
      </c>
      <c r="O5630" s="5" t="s">
        <v>39</v>
      </c>
      <c r="P5630" s="5" t="s">
        <v>40</v>
      </c>
      <c r="Q5630" s="5" t="s">
        <v>897</v>
      </c>
      <c r="R5630" s="5" t="s">
        <v>40</v>
      </c>
      <c r="S5630" s="5" t="s">
        <v>42</v>
      </c>
      <c r="T5630" s="2">
        <v>76.347999999999999</v>
      </c>
      <c r="U5630" s="2">
        <v>70.305000000000007</v>
      </c>
      <c r="V5630" s="2">
        <v>0.378</v>
      </c>
      <c r="W5630" s="2">
        <v>17</v>
      </c>
      <c r="X5630" s="2">
        <v>144.69999999999999</v>
      </c>
      <c r="Y5630" s="2">
        <v>153.6</v>
      </c>
      <c r="Z5630" s="5">
        <v>7</v>
      </c>
      <c r="AA5630" s="5" t="s">
        <v>43</v>
      </c>
      <c r="AB5630" s="5" t="s">
        <v>735</v>
      </c>
      <c r="AC5630" s="2" t="s">
        <v>100733</v>
      </c>
      <c r="AD5630" s="1"/>
    </row>
    <row r="5631" spans="1:30">
      <c r="A5631" s="5" t="s">
        <v>83578</v>
      </c>
      <c r="B5631" s="2" t="s">
        <v>100734</v>
      </c>
      <c r="C5631" s="14" t="s">
        <v>100735</v>
      </c>
      <c r="D5631" s="2" t="s">
        <v>100736</v>
      </c>
      <c r="E5631" s="2" t="s">
        <v>64254</v>
      </c>
      <c r="F5631" s="8">
        <v>2361</v>
      </c>
      <c r="G5631" s="5">
        <v>10</v>
      </c>
      <c r="H5631" s="5" t="s">
        <v>69</v>
      </c>
      <c r="I5631" s="5" t="s">
        <v>61065</v>
      </c>
      <c r="J5631" s="2" t="s">
        <v>61066</v>
      </c>
      <c r="K5631" s="5" t="s">
        <v>61065</v>
      </c>
      <c r="L5631" s="2" t="s">
        <v>61066</v>
      </c>
      <c r="M5631" s="5" t="s">
        <v>733</v>
      </c>
      <c r="N5631" s="5" t="s">
        <v>38</v>
      </c>
      <c r="O5631" s="5" t="s">
        <v>39</v>
      </c>
      <c r="P5631" s="5" t="s">
        <v>40</v>
      </c>
      <c r="Q5631" s="5" t="s">
        <v>897</v>
      </c>
      <c r="R5631" s="5" t="s">
        <v>40</v>
      </c>
      <c r="S5631" s="5" t="s">
        <v>42</v>
      </c>
      <c r="T5631" s="2">
        <v>104.33</v>
      </c>
      <c r="U5631" s="2">
        <v>97.766999999999996</v>
      </c>
      <c r="V5631" s="2">
        <v>0.42799999999999999</v>
      </c>
      <c r="W5631" s="2">
        <v>17</v>
      </c>
      <c r="X5631" s="2">
        <v>144.69999999999999</v>
      </c>
      <c r="Y5631" s="2">
        <v>173.8</v>
      </c>
      <c r="Z5631" s="5">
        <v>7</v>
      </c>
      <c r="AA5631" s="5" t="s">
        <v>43</v>
      </c>
      <c r="AB5631" s="5" t="s">
        <v>735</v>
      </c>
      <c r="AC5631" s="2" t="s">
        <v>100737</v>
      </c>
      <c r="AD5631" s="1"/>
    </row>
    <row r="5632" spans="1:30">
      <c r="A5632" s="5" t="s">
        <v>83578</v>
      </c>
      <c r="B5632" s="2" t="s">
        <v>100738</v>
      </c>
      <c r="C5632" s="14" t="s">
        <v>100739</v>
      </c>
      <c r="D5632" s="2" t="s">
        <v>100740</v>
      </c>
      <c r="E5632" s="2" t="s">
        <v>64263</v>
      </c>
      <c r="F5632" s="8">
        <v>1698</v>
      </c>
      <c r="G5632" s="5">
        <v>10</v>
      </c>
      <c r="H5632" s="5" t="s">
        <v>69</v>
      </c>
      <c r="I5632" s="5" t="s">
        <v>61065</v>
      </c>
      <c r="J5632" s="2" t="s">
        <v>61066</v>
      </c>
      <c r="K5632" s="5" t="s">
        <v>61065</v>
      </c>
      <c r="L5632" s="2" t="s">
        <v>61066</v>
      </c>
      <c r="M5632" s="5" t="s">
        <v>733</v>
      </c>
      <c r="N5632" s="5" t="s">
        <v>38</v>
      </c>
      <c r="O5632" s="5" t="s">
        <v>39</v>
      </c>
      <c r="P5632" s="5" t="s">
        <v>40</v>
      </c>
      <c r="Q5632" s="5" t="s">
        <v>897</v>
      </c>
      <c r="R5632" s="5" t="s">
        <v>40</v>
      </c>
      <c r="S5632" s="5" t="s">
        <v>42</v>
      </c>
      <c r="T5632" s="2">
        <v>90.641000000000005</v>
      </c>
      <c r="U5632" s="2">
        <v>84.043999999999997</v>
      </c>
      <c r="V5632" s="2">
        <v>0.42799999999999999</v>
      </c>
      <c r="W5632" s="2">
        <v>17</v>
      </c>
      <c r="X5632" s="2">
        <v>144.69999999999999</v>
      </c>
      <c r="Y5632" s="2">
        <v>173.8</v>
      </c>
      <c r="Z5632" s="5">
        <v>7</v>
      </c>
      <c r="AA5632" s="5" t="s">
        <v>43</v>
      </c>
      <c r="AB5632" s="5" t="s">
        <v>735</v>
      </c>
      <c r="AC5632" s="2" t="s">
        <v>100741</v>
      </c>
      <c r="AD5632" s="1"/>
    </row>
    <row r="5633" spans="1:30">
      <c r="A5633" s="5" t="s">
        <v>83578</v>
      </c>
      <c r="B5633" s="2" t="s">
        <v>100742</v>
      </c>
      <c r="C5633" s="14" t="s">
        <v>100743</v>
      </c>
      <c r="D5633" s="2" t="s">
        <v>100744</v>
      </c>
      <c r="E5633" s="2" t="s">
        <v>64263</v>
      </c>
      <c r="F5633" s="8">
        <v>1998</v>
      </c>
      <c r="G5633" s="5">
        <v>10</v>
      </c>
      <c r="H5633" s="5" t="s">
        <v>69</v>
      </c>
      <c r="I5633" s="5" t="s">
        <v>61065</v>
      </c>
      <c r="J5633" s="2" t="s">
        <v>61066</v>
      </c>
      <c r="K5633" s="5" t="s">
        <v>61065</v>
      </c>
      <c r="L5633" s="2" t="s">
        <v>61066</v>
      </c>
      <c r="M5633" s="5" t="s">
        <v>733</v>
      </c>
      <c r="N5633" s="5" t="s">
        <v>38</v>
      </c>
      <c r="O5633" s="5" t="s">
        <v>39</v>
      </c>
      <c r="P5633" s="5" t="s">
        <v>40</v>
      </c>
      <c r="Q5633" s="5" t="s">
        <v>897</v>
      </c>
      <c r="R5633" s="5" t="s">
        <v>40</v>
      </c>
      <c r="S5633" s="5" t="s">
        <v>42</v>
      </c>
      <c r="T5633" s="2">
        <v>90.287000000000006</v>
      </c>
      <c r="U5633" s="2">
        <v>83.41</v>
      </c>
      <c r="V5633" s="2">
        <v>0.42799999999999999</v>
      </c>
      <c r="W5633" s="2">
        <v>17</v>
      </c>
      <c r="X5633" s="2">
        <v>144.69999999999999</v>
      </c>
      <c r="Y5633" s="2">
        <v>173.8</v>
      </c>
      <c r="Z5633" s="5">
        <v>7</v>
      </c>
      <c r="AA5633" s="5" t="s">
        <v>43</v>
      </c>
      <c r="AB5633" s="5" t="s">
        <v>735</v>
      </c>
      <c r="AC5633" s="2" t="s">
        <v>100745</v>
      </c>
      <c r="AD5633" s="1"/>
    </row>
    <row r="5634" spans="1:30">
      <c r="A5634" s="5" t="s">
        <v>83578</v>
      </c>
      <c r="B5634" s="2" t="s">
        <v>100746</v>
      </c>
      <c r="C5634" s="14" t="s">
        <v>100747</v>
      </c>
      <c r="D5634" s="2" t="s">
        <v>100748</v>
      </c>
      <c r="E5634" s="2" t="s">
        <v>64281</v>
      </c>
      <c r="F5634" s="8">
        <v>2361</v>
      </c>
      <c r="G5634" s="5">
        <v>10</v>
      </c>
      <c r="H5634" s="5" t="s">
        <v>69</v>
      </c>
      <c r="I5634" s="5" t="s">
        <v>61065</v>
      </c>
      <c r="J5634" s="2" t="s">
        <v>61066</v>
      </c>
      <c r="K5634" s="5" t="s">
        <v>61065</v>
      </c>
      <c r="L5634" s="2" t="s">
        <v>61066</v>
      </c>
      <c r="M5634" s="5" t="s">
        <v>733</v>
      </c>
      <c r="N5634" s="5" t="s">
        <v>38</v>
      </c>
      <c r="O5634" s="5" t="s">
        <v>39</v>
      </c>
      <c r="P5634" s="5" t="s">
        <v>40</v>
      </c>
      <c r="Q5634" s="5" t="s">
        <v>897</v>
      </c>
      <c r="R5634" s="5" t="s">
        <v>40</v>
      </c>
      <c r="S5634" s="5" t="s">
        <v>42</v>
      </c>
      <c r="T5634" s="2">
        <v>103.041</v>
      </c>
      <c r="U5634" s="2">
        <v>96.477999999999994</v>
      </c>
      <c r="V5634" s="2">
        <v>0.42799999999999999</v>
      </c>
      <c r="W5634" s="2">
        <v>17</v>
      </c>
      <c r="X5634" s="2">
        <v>144.69999999999999</v>
      </c>
      <c r="Y5634" s="2">
        <v>173.8</v>
      </c>
      <c r="Z5634" s="5">
        <v>7</v>
      </c>
      <c r="AA5634" s="5" t="s">
        <v>43</v>
      </c>
      <c r="AB5634" s="5" t="s">
        <v>735</v>
      </c>
      <c r="AC5634" s="2" t="s">
        <v>100749</v>
      </c>
      <c r="AD5634" s="1"/>
    </row>
    <row r="5635" spans="1:30">
      <c r="A5635" s="5" t="s">
        <v>83578</v>
      </c>
      <c r="B5635" s="2" t="s">
        <v>100750</v>
      </c>
      <c r="C5635" s="14" t="s">
        <v>100751</v>
      </c>
      <c r="D5635" s="2" t="s">
        <v>100752</v>
      </c>
      <c r="E5635" s="2" t="s">
        <v>64281</v>
      </c>
      <c r="F5635" s="8">
        <v>2661</v>
      </c>
      <c r="G5635" s="5">
        <v>10</v>
      </c>
      <c r="H5635" s="5" t="s">
        <v>69</v>
      </c>
      <c r="I5635" s="5" t="s">
        <v>61065</v>
      </c>
      <c r="J5635" s="2" t="s">
        <v>61066</v>
      </c>
      <c r="K5635" s="5" t="s">
        <v>61065</v>
      </c>
      <c r="L5635" s="2" t="s">
        <v>61066</v>
      </c>
      <c r="M5635" s="5" t="s">
        <v>733</v>
      </c>
      <c r="N5635" s="5" t="s">
        <v>38</v>
      </c>
      <c r="O5635" s="5" t="s">
        <v>39</v>
      </c>
      <c r="P5635" s="5" t="s">
        <v>40</v>
      </c>
      <c r="Q5635" s="5" t="s">
        <v>897</v>
      </c>
      <c r="R5635" s="5" t="s">
        <v>40</v>
      </c>
      <c r="S5635" s="5" t="s">
        <v>42</v>
      </c>
      <c r="T5635" s="2">
        <v>102.68600000000001</v>
      </c>
      <c r="U5635" s="2">
        <v>95.843000000000004</v>
      </c>
      <c r="V5635" s="2">
        <v>0.42799999999999999</v>
      </c>
      <c r="W5635" s="2">
        <v>17</v>
      </c>
      <c r="X5635" s="2">
        <v>144.69999999999999</v>
      </c>
      <c r="Y5635" s="2">
        <v>173.8</v>
      </c>
      <c r="Z5635" s="5">
        <v>7</v>
      </c>
      <c r="AA5635" s="5" t="s">
        <v>43</v>
      </c>
      <c r="AB5635" s="5" t="s">
        <v>735</v>
      </c>
      <c r="AC5635" s="2" t="s">
        <v>100753</v>
      </c>
      <c r="AD5635" s="1"/>
    </row>
    <row r="5636" spans="1:30">
      <c r="A5636" s="5" t="s">
        <v>83578</v>
      </c>
      <c r="B5636" s="2" t="s">
        <v>100754</v>
      </c>
      <c r="C5636" s="14" t="s">
        <v>100755</v>
      </c>
      <c r="D5636" s="2" t="s">
        <v>100756</v>
      </c>
      <c r="E5636" s="2" t="s">
        <v>64286</v>
      </c>
      <c r="F5636" s="8">
        <v>1698</v>
      </c>
      <c r="G5636" s="5">
        <v>10</v>
      </c>
      <c r="H5636" s="5" t="s">
        <v>69</v>
      </c>
      <c r="I5636" s="5" t="s">
        <v>61065</v>
      </c>
      <c r="J5636" s="2" t="s">
        <v>61066</v>
      </c>
      <c r="K5636" s="5" t="s">
        <v>61065</v>
      </c>
      <c r="L5636" s="2" t="s">
        <v>61066</v>
      </c>
      <c r="M5636" s="5" t="s">
        <v>733</v>
      </c>
      <c r="N5636" s="5" t="s">
        <v>38</v>
      </c>
      <c r="O5636" s="5" t="s">
        <v>39</v>
      </c>
      <c r="P5636" s="5" t="s">
        <v>40</v>
      </c>
      <c r="Q5636" s="5" t="s">
        <v>897</v>
      </c>
      <c r="R5636" s="5" t="s">
        <v>40</v>
      </c>
      <c r="S5636" s="5" t="s">
        <v>42</v>
      </c>
      <c r="T5636" s="2">
        <v>89.355999999999995</v>
      </c>
      <c r="U5636" s="2">
        <v>82.759</v>
      </c>
      <c r="V5636" s="2">
        <v>0.42799999999999999</v>
      </c>
      <c r="W5636" s="2">
        <v>17</v>
      </c>
      <c r="X5636" s="2">
        <v>144.69999999999999</v>
      </c>
      <c r="Y5636" s="2">
        <v>173.8</v>
      </c>
      <c r="Z5636" s="5">
        <v>7</v>
      </c>
      <c r="AA5636" s="5" t="s">
        <v>43</v>
      </c>
      <c r="AB5636" s="5" t="s">
        <v>735</v>
      </c>
      <c r="AC5636" s="2" t="s">
        <v>100757</v>
      </c>
      <c r="AD5636" s="1"/>
    </row>
    <row r="5637" spans="1:30">
      <c r="A5637" s="5" t="s">
        <v>83578</v>
      </c>
      <c r="B5637" s="2" t="s">
        <v>100758</v>
      </c>
      <c r="C5637" s="14" t="s">
        <v>100759</v>
      </c>
      <c r="D5637" s="2" t="s">
        <v>100760</v>
      </c>
      <c r="E5637" s="2" t="s">
        <v>100761</v>
      </c>
      <c r="F5637" s="8">
        <v>1415</v>
      </c>
      <c r="G5637" s="5">
        <v>15</v>
      </c>
      <c r="H5637" s="5" t="s">
        <v>69</v>
      </c>
      <c r="I5637" s="5" t="s">
        <v>64310</v>
      </c>
      <c r="J5637" s="2" t="s">
        <v>64311</v>
      </c>
      <c r="K5637" s="5" t="s">
        <v>64310</v>
      </c>
      <c r="L5637" s="2" t="s">
        <v>64311</v>
      </c>
      <c r="M5637" s="5" t="s">
        <v>733</v>
      </c>
      <c r="N5637" s="5" t="s">
        <v>38</v>
      </c>
      <c r="O5637" s="5" t="s">
        <v>39</v>
      </c>
      <c r="P5637" s="5" t="s">
        <v>40</v>
      </c>
      <c r="Q5637" s="5" t="s">
        <v>897</v>
      </c>
      <c r="R5637" s="5" t="s">
        <v>40</v>
      </c>
      <c r="S5637" s="5" t="s">
        <v>42</v>
      </c>
      <c r="T5637" s="2">
        <v>46.067999999999998</v>
      </c>
      <c r="U5637" s="2">
        <v>43.414999999999999</v>
      </c>
      <c r="V5637" s="2">
        <v>0.153</v>
      </c>
      <c r="W5637" s="2">
        <v>17</v>
      </c>
      <c r="X5637" s="2">
        <v>80.7</v>
      </c>
      <c r="Y5637" s="2">
        <v>111.6</v>
      </c>
      <c r="Z5637" s="5">
        <v>7</v>
      </c>
      <c r="AA5637" s="5" t="s">
        <v>43</v>
      </c>
      <c r="AB5637" s="5" t="s">
        <v>735</v>
      </c>
      <c r="AC5637" s="2" t="s">
        <v>100762</v>
      </c>
      <c r="AD5637" s="1"/>
    </row>
    <row r="5638" spans="1:30">
      <c r="A5638" s="5" t="s">
        <v>83578</v>
      </c>
      <c r="B5638" s="2" t="s">
        <v>100763</v>
      </c>
      <c r="C5638" s="14" t="s">
        <v>100764</v>
      </c>
      <c r="D5638" s="2" t="s">
        <v>100765</v>
      </c>
      <c r="E5638" s="2" t="s">
        <v>100766</v>
      </c>
      <c r="F5638" s="8">
        <v>1095</v>
      </c>
      <c r="G5638" s="5">
        <v>10</v>
      </c>
      <c r="H5638" s="5" t="s">
        <v>69</v>
      </c>
      <c r="I5638" s="5" t="s">
        <v>64310</v>
      </c>
      <c r="J5638" s="2" t="s">
        <v>64311</v>
      </c>
      <c r="K5638" s="5" t="s">
        <v>64310</v>
      </c>
      <c r="L5638" s="2" t="s">
        <v>64311</v>
      </c>
      <c r="M5638" s="5" t="s">
        <v>733</v>
      </c>
      <c r="N5638" s="5" t="s">
        <v>38</v>
      </c>
      <c r="O5638" s="5" t="s">
        <v>39</v>
      </c>
      <c r="P5638" s="5" t="s">
        <v>40</v>
      </c>
      <c r="Q5638" s="5" t="s">
        <v>897</v>
      </c>
      <c r="R5638" s="5" t="s">
        <v>40</v>
      </c>
      <c r="S5638" s="5" t="s">
        <v>42</v>
      </c>
      <c r="T5638" s="2">
        <v>36.987000000000002</v>
      </c>
      <c r="U5638" s="2">
        <v>34.334000000000003</v>
      </c>
      <c r="V5638" s="2">
        <v>0.153</v>
      </c>
      <c r="W5638" s="2">
        <v>17</v>
      </c>
      <c r="X5638" s="2">
        <v>80.7</v>
      </c>
      <c r="Y5638" s="2">
        <v>111.6</v>
      </c>
      <c r="Z5638" s="5">
        <v>7</v>
      </c>
      <c r="AA5638" s="5" t="s">
        <v>43</v>
      </c>
      <c r="AB5638" s="5" t="s">
        <v>735</v>
      </c>
      <c r="AC5638" s="2" t="s">
        <v>100767</v>
      </c>
      <c r="AD5638" s="1"/>
    </row>
    <row r="5639" spans="1:30">
      <c r="A5639" s="5" t="s">
        <v>83578</v>
      </c>
      <c r="B5639" s="2" t="s">
        <v>100768</v>
      </c>
      <c r="C5639" s="14" t="s">
        <v>100769</v>
      </c>
      <c r="D5639" s="2" t="s">
        <v>100770</v>
      </c>
      <c r="E5639" s="2" t="s">
        <v>100771</v>
      </c>
      <c r="F5639" s="8">
        <v>1415</v>
      </c>
      <c r="G5639" s="5">
        <v>15</v>
      </c>
      <c r="H5639" s="5" t="s">
        <v>69</v>
      </c>
      <c r="I5639" s="5" t="s">
        <v>64310</v>
      </c>
      <c r="J5639" s="2" t="s">
        <v>64311</v>
      </c>
      <c r="K5639" s="5" t="s">
        <v>64310</v>
      </c>
      <c r="L5639" s="2" t="s">
        <v>64311</v>
      </c>
      <c r="M5639" s="5" t="s">
        <v>733</v>
      </c>
      <c r="N5639" s="5" t="s">
        <v>38</v>
      </c>
      <c r="O5639" s="5" t="s">
        <v>39</v>
      </c>
      <c r="P5639" s="5" t="s">
        <v>40</v>
      </c>
      <c r="Q5639" s="5" t="s">
        <v>897</v>
      </c>
      <c r="R5639" s="5" t="s">
        <v>40</v>
      </c>
      <c r="S5639" s="5" t="s">
        <v>42</v>
      </c>
      <c r="T5639" s="2">
        <v>45.081000000000003</v>
      </c>
      <c r="U5639" s="2">
        <v>42.427999999999997</v>
      </c>
      <c r="V5639" s="2">
        <v>0.153</v>
      </c>
      <c r="W5639" s="2">
        <v>17</v>
      </c>
      <c r="X5639" s="2">
        <v>80.7</v>
      </c>
      <c r="Y5639" s="2">
        <v>111.6</v>
      </c>
      <c r="Z5639" s="5">
        <v>7</v>
      </c>
      <c r="AA5639" s="5" t="s">
        <v>43</v>
      </c>
      <c r="AB5639" s="5" t="s">
        <v>735</v>
      </c>
      <c r="AC5639" s="2" t="s">
        <v>100772</v>
      </c>
      <c r="AD5639" s="1"/>
    </row>
    <row r="5640" spans="1:30">
      <c r="A5640" s="5" t="s">
        <v>83578</v>
      </c>
      <c r="B5640" s="2" t="s">
        <v>100773</v>
      </c>
      <c r="C5640" s="14" t="s">
        <v>100774</v>
      </c>
      <c r="D5640" s="2" t="s">
        <v>100775</v>
      </c>
      <c r="E5640" s="2" t="s">
        <v>100776</v>
      </c>
      <c r="F5640" s="8">
        <v>1322</v>
      </c>
      <c r="G5640" s="5">
        <v>15</v>
      </c>
      <c r="H5640" s="5" t="s">
        <v>69</v>
      </c>
      <c r="I5640" s="5" t="s">
        <v>64310</v>
      </c>
      <c r="J5640" s="2" t="s">
        <v>64311</v>
      </c>
      <c r="K5640" s="5" t="s">
        <v>64310</v>
      </c>
      <c r="L5640" s="2" t="s">
        <v>64311</v>
      </c>
      <c r="M5640" s="5" t="s">
        <v>733</v>
      </c>
      <c r="N5640" s="5" t="s">
        <v>38</v>
      </c>
      <c r="O5640" s="5" t="s">
        <v>39</v>
      </c>
      <c r="P5640" s="5" t="s">
        <v>40</v>
      </c>
      <c r="Q5640" s="5" t="s">
        <v>897</v>
      </c>
      <c r="R5640" s="5" t="s">
        <v>40</v>
      </c>
      <c r="S5640" s="5" t="s">
        <v>42</v>
      </c>
      <c r="T5640" s="2">
        <v>40.356999999999999</v>
      </c>
      <c r="U5640" s="2">
        <v>37.704000000000001</v>
      </c>
      <c r="V5640" s="2">
        <v>0.153</v>
      </c>
      <c r="W5640" s="2">
        <v>17</v>
      </c>
      <c r="X5640" s="2">
        <v>80.7</v>
      </c>
      <c r="Y5640" s="2">
        <v>111.6</v>
      </c>
      <c r="Z5640" s="5">
        <v>7</v>
      </c>
      <c r="AA5640" s="5" t="s">
        <v>43</v>
      </c>
      <c r="AB5640" s="5" t="s">
        <v>735</v>
      </c>
      <c r="AC5640" s="2" t="s">
        <v>100777</v>
      </c>
      <c r="AD5640" s="1"/>
    </row>
    <row r="5641" spans="1:30">
      <c r="A5641" s="5" t="s">
        <v>83578</v>
      </c>
      <c r="B5641" s="2" t="s">
        <v>100778</v>
      </c>
      <c r="C5641" s="14" t="s">
        <v>100779</v>
      </c>
      <c r="D5641" s="2" t="s">
        <v>100780</v>
      </c>
      <c r="E5641" s="2" t="s">
        <v>100781</v>
      </c>
      <c r="F5641" s="8">
        <v>1095</v>
      </c>
      <c r="G5641" s="5">
        <v>5</v>
      </c>
      <c r="H5641" s="5" t="s">
        <v>69</v>
      </c>
      <c r="I5641" s="5" t="s">
        <v>64310</v>
      </c>
      <c r="J5641" s="2" t="s">
        <v>64311</v>
      </c>
      <c r="K5641" s="5" t="s">
        <v>64310</v>
      </c>
      <c r="L5641" s="2" t="s">
        <v>64311</v>
      </c>
      <c r="M5641" s="5" t="s">
        <v>733</v>
      </c>
      <c r="N5641" s="5" t="s">
        <v>38</v>
      </c>
      <c r="O5641" s="5" t="s">
        <v>39</v>
      </c>
      <c r="P5641" s="5" t="s">
        <v>40</v>
      </c>
      <c r="Q5641" s="5" t="s">
        <v>897</v>
      </c>
      <c r="R5641" s="5" t="s">
        <v>40</v>
      </c>
      <c r="S5641" s="5" t="s">
        <v>42</v>
      </c>
      <c r="T5641" s="2">
        <v>36.023000000000003</v>
      </c>
      <c r="U5641" s="2">
        <v>33.369999999999997</v>
      </c>
      <c r="V5641" s="2">
        <v>0.153</v>
      </c>
      <c r="W5641" s="2">
        <v>17</v>
      </c>
      <c r="X5641" s="2">
        <v>80.7</v>
      </c>
      <c r="Y5641" s="2">
        <v>111.6</v>
      </c>
      <c r="Z5641" s="5">
        <v>7</v>
      </c>
      <c r="AA5641" s="5" t="s">
        <v>43</v>
      </c>
      <c r="AB5641" s="5" t="s">
        <v>735</v>
      </c>
      <c r="AC5641" s="2" t="s">
        <v>100782</v>
      </c>
      <c r="AD5641" s="1"/>
    </row>
    <row r="5642" spans="1:30">
      <c r="A5642" s="5" t="s">
        <v>83578</v>
      </c>
      <c r="B5642" s="2" t="s">
        <v>100783</v>
      </c>
      <c r="C5642" s="14" t="s">
        <v>100784</v>
      </c>
      <c r="D5642" s="2" t="s">
        <v>100785</v>
      </c>
      <c r="E5642" s="2" t="s">
        <v>100786</v>
      </c>
      <c r="F5642" s="8">
        <v>1415</v>
      </c>
      <c r="G5642" s="5">
        <v>15</v>
      </c>
      <c r="H5642" s="5" t="s">
        <v>69</v>
      </c>
      <c r="I5642" s="5" t="s">
        <v>64310</v>
      </c>
      <c r="J5642" s="2" t="s">
        <v>64311</v>
      </c>
      <c r="K5642" s="5" t="s">
        <v>64310</v>
      </c>
      <c r="L5642" s="2" t="s">
        <v>64311</v>
      </c>
      <c r="M5642" s="5" t="s">
        <v>733</v>
      </c>
      <c r="N5642" s="5" t="s">
        <v>38</v>
      </c>
      <c r="O5642" s="5" t="s">
        <v>39</v>
      </c>
      <c r="P5642" s="5" t="s">
        <v>40</v>
      </c>
      <c r="Q5642" s="5" t="s">
        <v>897</v>
      </c>
      <c r="R5642" s="5" t="s">
        <v>40</v>
      </c>
      <c r="S5642" s="5" t="s">
        <v>42</v>
      </c>
      <c r="T5642" s="2">
        <v>46.066000000000003</v>
      </c>
      <c r="U5642" s="2">
        <v>43.412999999999997</v>
      </c>
      <c r="V5642" s="2">
        <v>0.153</v>
      </c>
      <c r="W5642" s="2">
        <v>17</v>
      </c>
      <c r="X5642" s="2">
        <v>80.7</v>
      </c>
      <c r="Y5642" s="2">
        <v>111.6</v>
      </c>
      <c r="Z5642" s="5">
        <v>7</v>
      </c>
      <c r="AA5642" s="5" t="s">
        <v>43</v>
      </c>
      <c r="AB5642" s="5" t="s">
        <v>735</v>
      </c>
      <c r="AC5642" s="2" t="s">
        <v>100787</v>
      </c>
      <c r="AD5642" s="1"/>
    </row>
    <row r="5643" spans="1:30">
      <c r="A5643" s="5" t="s">
        <v>83578</v>
      </c>
      <c r="B5643" s="2" t="s">
        <v>100788</v>
      </c>
      <c r="C5643" s="14" t="s">
        <v>100789</v>
      </c>
      <c r="D5643" s="2" t="s">
        <v>100790</v>
      </c>
      <c r="E5643" s="2" t="s">
        <v>100791</v>
      </c>
      <c r="F5643" s="8">
        <v>1095</v>
      </c>
      <c r="G5643" s="5">
        <v>5</v>
      </c>
      <c r="H5643" s="5" t="s">
        <v>69</v>
      </c>
      <c r="I5643" s="5" t="s">
        <v>64310</v>
      </c>
      <c r="J5643" s="2" t="s">
        <v>64311</v>
      </c>
      <c r="K5643" s="5" t="s">
        <v>64310</v>
      </c>
      <c r="L5643" s="2" t="s">
        <v>64311</v>
      </c>
      <c r="M5643" s="5" t="s">
        <v>733</v>
      </c>
      <c r="N5643" s="5" t="s">
        <v>38</v>
      </c>
      <c r="O5643" s="5" t="s">
        <v>39</v>
      </c>
      <c r="P5643" s="5" t="s">
        <v>40</v>
      </c>
      <c r="Q5643" s="5" t="s">
        <v>897</v>
      </c>
      <c r="R5643" s="5" t="s">
        <v>40</v>
      </c>
      <c r="S5643" s="5" t="s">
        <v>42</v>
      </c>
      <c r="T5643" s="2">
        <v>36.984999999999999</v>
      </c>
      <c r="U5643" s="2">
        <v>34.332000000000001</v>
      </c>
      <c r="V5643" s="2">
        <v>0.153</v>
      </c>
      <c r="W5643" s="2">
        <v>17</v>
      </c>
      <c r="X5643" s="2">
        <v>80.7</v>
      </c>
      <c r="Y5643" s="2">
        <v>111.6</v>
      </c>
      <c r="Z5643" s="5">
        <v>7</v>
      </c>
      <c r="AA5643" s="5" t="s">
        <v>43</v>
      </c>
      <c r="AB5643" s="5" t="s">
        <v>735</v>
      </c>
      <c r="AC5643" s="2" t="s">
        <v>100792</v>
      </c>
      <c r="AD5643" s="1"/>
    </row>
    <row r="5644" spans="1:30">
      <c r="A5644" s="5" t="s">
        <v>83578</v>
      </c>
      <c r="B5644" s="2" t="s">
        <v>100793</v>
      </c>
      <c r="C5644" s="14" t="s">
        <v>100794</v>
      </c>
      <c r="D5644" s="2" t="s">
        <v>100795</v>
      </c>
      <c r="E5644" s="2" t="s">
        <v>100796</v>
      </c>
      <c r="F5644" s="8">
        <v>1415</v>
      </c>
      <c r="G5644" s="5">
        <v>15</v>
      </c>
      <c r="H5644" s="5" t="s">
        <v>69</v>
      </c>
      <c r="I5644" s="5" t="s">
        <v>64310</v>
      </c>
      <c r="J5644" s="2" t="s">
        <v>64311</v>
      </c>
      <c r="K5644" s="5" t="s">
        <v>64310</v>
      </c>
      <c r="L5644" s="2" t="s">
        <v>64311</v>
      </c>
      <c r="M5644" s="5" t="s">
        <v>733</v>
      </c>
      <c r="N5644" s="5" t="s">
        <v>38</v>
      </c>
      <c r="O5644" s="5" t="s">
        <v>39</v>
      </c>
      <c r="P5644" s="5" t="s">
        <v>40</v>
      </c>
      <c r="Q5644" s="5" t="s">
        <v>897</v>
      </c>
      <c r="R5644" s="5" t="s">
        <v>40</v>
      </c>
      <c r="S5644" s="5" t="s">
        <v>42</v>
      </c>
      <c r="T5644" s="2">
        <v>45.079000000000001</v>
      </c>
      <c r="U5644" s="2">
        <v>42.426000000000002</v>
      </c>
      <c r="V5644" s="2">
        <v>0.153</v>
      </c>
      <c r="W5644" s="2">
        <v>17</v>
      </c>
      <c r="X5644" s="2">
        <v>80.7</v>
      </c>
      <c r="Y5644" s="2">
        <v>111.6</v>
      </c>
      <c r="Z5644" s="5">
        <v>7</v>
      </c>
      <c r="AA5644" s="5" t="s">
        <v>43</v>
      </c>
      <c r="AB5644" s="5" t="s">
        <v>735</v>
      </c>
      <c r="AC5644" s="2" t="s">
        <v>100797</v>
      </c>
      <c r="AD5644" s="1"/>
    </row>
    <row r="5645" spans="1:30">
      <c r="A5645" s="5" t="s">
        <v>83578</v>
      </c>
      <c r="B5645" s="2" t="s">
        <v>100798</v>
      </c>
      <c r="C5645" s="14" t="s">
        <v>100799</v>
      </c>
      <c r="D5645" s="2" t="s">
        <v>100800</v>
      </c>
      <c r="E5645" s="2" t="s">
        <v>100801</v>
      </c>
      <c r="F5645" s="8">
        <v>1322</v>
      </c>
      <c r="G5645" s="5">
        <v>15</v>
      </c>
      <c r="H5645" s="5" t="s">
        <v>69</v>
      </c>
      <c r="I5645" s="5" t="s">
        <v>64310</v>
      </c>
      <c r="J5645" s="2" t="s">
        <v>64311</v>
      </c>
      <c r="K5645" s="5" t="s">
        <v>64310</v>
      </c>
      <c r="L5645" s="2" t="s">
        <v>64311</v>
      </c>
      <c r="M5645" s="5" t="s">
        <v>733</v>
      </c>
      <c r="N5645" s="5" t="s">
        <v>38</v>
      </c>
      <c r="O5645" s="5" t="s">
        <v>39</v>
      </c>
      <c r="P5645" s="5" t="s">
        <v>40</v>
      </c>
      <c r="Q5645" s="5" t="s">
        <v>897</v>
      </c>
      <c r="R5645" s="5" t="s">
        <v>40</v>
      </c>
      <c r="S5645" s="5" t="s">
        <v>42</v>
      </c>
      <c r="T5645" s="2">
        <v>40.354999999999997</v>
      </c>
      <c r="U5645" s="2">
        <v>37.701999999999998</v>
      </c>
      <c r="V5645" s="2">
        <v>0.153</v>
      </c>
      <c r="W5645" s="2">
        <v>17</v>
      </c>
      <c r="X5645" s="2">
        <v>80.7</v>
      </c>
      <c r="Y5645" s="2">
        <v>111.6</v>
      </c>
      <c r="Z5645" s="5">
        <v>7</v>
      </c>
      <c r="AA5645" s="5" t="s">
        <v>43</v>
      </c>
      <c r="AB5645" s="5" t="s">
        <v>735</v>
      </c>
      <c r="AC5645" s="2" t="s">
        <v>100802</v>
      </c>
      <c r="AD5645" s="1"/>
    </row>
    <row r="5646" spans="1:30">
      <c r="A5646" s="5" t="s">
        <v>83578</v>
      </c>
      <c r="B5646" s="2" t="s">
        <v>100803</v>
      </c>
      <c r="C5646" s="14" t="s">
        <v>100804</v>
      </c>
      <c r="D5646" s="2" t="s">
        <v>100805</v>
      </c>
      <c r="E5646" s="2" t="s">
        <v>100806</v>
      </c>
      <c r="F5646" s="8">
        <v>1095</v>
      </c>
      <c r="G5646" s="5">
        <v>5</v>
      </c>
      <c r="H5646" s="5" t="s">
        <v>69</v>
      </c>
      <c r="I5646" s="5" t="s">
        <v>64310</v>
      </c>
      <c r="J5646" s="2" t="s">
        <v>64311</v>
      </c>
      <c r="K5646" s="5" t="s">
        <v>64310</v>
      </c>
      <c r="L5646" s="2" t="s">
        <v>64311</v>
      </c>
      <c r="M5646" s="5" t="s">
        <v>733</v>
      </c>
      <c r="N5646" s="5" t="s">
        <v>38</v>
      </c>
      <c r="O5646" s="5" t="s">
        <v>39</v>
      </c>
      <c r="P5646" s="5" t="s">
        <v>40</v>
      </c>
      <c r="Q5646" s="5" t="s">
        <v>897</v>
      </c>
      <c r="R5646" s="5" t="s">
        <v>40</v>
      </c>
      <c r="S5646" s="5" t="s">
        <v>42</v>
      </c>
      <c r="T5646" s="2">
        <v>36.021000000000001</v>
      </c>
      <c r="U5646" s="2">
        <v>33.368000000000002</v>
      </c>
      <c r="V5646" s="2">
        <v>0.153</v>
      </c>
      <c r="W5646" s="2">
        <v>17</v>
      </c>
      <c r="X5646" s="2">
        <v>80.7</v>
      </c>
      <c r="Y5646" s="2">
        <v>111.6</v>
      </c>
      <c r="Z5646" s="5">
        <v>7</v>
      </c>
      <c r="AA5646" s="5" t="s">
        <v>43</v>
      </c>
      <c r="AB5646" s="5" t="s">
        <v>735</v>
      </c>
      <c r="AC5646" s="2" t="s">
        <v>100807</v>
      </c>
      <c r="AD5646" s="1"/>
    </row>
    <row r="5647" spans="1:30">
      <c r="A5647" s="5" t="s">
        <v>83578</v>
      </c>
      <c r="B5647" s="2" t="s">
        <v>100808</v>
      </c>
      <c r="C5647" s="14" t="s">
        <v>100809</v>
      </c>
      <c r="D5647" s="2" t="s">
        <v>100810</v>
      </c>
      <c r="E5647" s="2" t="s">
        <v>100811</v>
      </c>
      <c r="F5647" s="8">
        <v>1553</v>
      </c>
      <c r="G5647" s="5">
        <v>15</v>
      </c>
      <c r="H5647" s="5" t="s">
        <v>69</v>
      </c>
      <c r="I5647" s="5" t="s">
        <v>64310</v>
      </c>
      <c r="J5647" s="2" t="s">
        <v>64311</v>
      </c>
      <c r="K5647" s="5" t="s">
        <v>64310</v>
      </c>
      <c r="L5647" s="2" t="s">
        <v>64311</v>
      </c>
      <c r="M5647" s="5" t="s">
        <v>733</v>
      </c>
      <c r="N5647" s="5" t="s">
        <v>38</v>
      </c>
      <c r="O5647" s="5" t="s">
        <v>39</v>
      </c>
      <c r="P5647" s="5" t="s">
        <v>40</v>
      </c>
      <c r="Q5647" s="5" t="s">
        <v>897</v>
      </c>
      <c r="R5647" s="5" t="s">
        <v>40</v>
      </c>
      <c r="S5647" s="5" t="s">
        <v>42</v>
      </c>
      <c r="T5647" s="2">
        <v>54.088000000000001</v>
      </c>
      <c r="U5647" s="2">
        <v>50.896000000000001</v>
      </c>
      <c r="V5647" s="2">
        <v>0.184</v>
      </c>
      <c r="W5647" s="2">
        <v>17</v>
      </c>
      <c r="X5647" s="2">
        <v>96.9</v>
      </c>
      <c r="Y5647" s="2">
        <v>111.6</v>
      </c>
      <c r="Z5647" s="5">
        <v>7</v>
      </c>
      <c r="AA5647" s="5" t="s">
        <v>43</v>
      </c>
      <c r="AB5647" s="5" t="s">
        <v>735</v>
      </c>
      <c r="AC5647" s="2" t="s">
        <v>100812</v>
      </c>
      <c r="AD5647" s="1"/>
    </row>
    <row r="5648" spans="1:30">
      <c r="A5648" s="5" t="s">
        <v>83578</v>
      </c>
      <c r="B5648" s="2" t="s">
        <v>100813</v>
      </c>
      <c r="C5648" s="14" t="s">
        <v>100814</v>
      </c>
      <c r="D5648" s="2" t="s">
        <v>100815</v>
      </c>
      <c r="E5648" s="2" t="s">
        <v>100816</v>
      </c>
      <c r="F5648" s="8">
        <v>1171</v>
      </c>
      <c r="G5648" s="5">
        <v>5</v>
      </c>
      <c r="H5648" s="5" t="s">
        <v>69</v>
      </c>
      <c r="I5648" s="5" t="s">
        <v>64310</v>
      </c>
      <c r="J5648" s="2" t="s">
        <v>64311</v>
      </c>
      <c r="K5648" s="5" t="s">
        <v>64310</v>
      </c>
      <c r="L5648" s="2" t="s">
        <v>64311</v>
      </c>
      <c r="M5648" s="5" t="s">
        <v>733</v>
      </c>
      <c r="N5648" s="5" t="s">
        <v>38</v>
      </c>
      <c r="O5648" s="5" t="s">
        <v>39</v>
      </c>
      <c r="P5648" s="5" t="s">
        <v>40</v>
      </c>
      <c r="Q5648" s="5" t="s">
        <v>897</v>
      </c>
      <c r="R5648" s="5" t="s">
        <v>40</v>
      </c>
      <c r="S5648" s="5" t="s">
        <v>42</v>
      </c>
      <c r="T5648" s="2">
        <v>42.765000000000001</v>
      </c>
      <c r="U5648" s="2">
        <v>39.573</v>
      </c>
      <c r="V5648" s="2">
        <v>0.184</v>
      </c>
      <c r="W5648" s="2">
        <v>17</v>
      </c>
      <c r="X5648" s="2">
        <v>96.9</v>
      </c>
      <c r="Y5648" s="2">
        <v>111.6</v>
      </c>
      <c r="Z5648" s="5">
        <v>7</v>
      </c>
      <c r="AA5648" s="5" t="s">
        <v>43</v>
      </c>
      <c r="AB5648" s="5" t="s">
        <v>735</v>
      </c>
      <c r="AC5648" s="2" t="s">
        <v>100817</v>
      </c>
      <c r="AD5648" s="1"/>
    </row>
    <row r="5649" spans="1:30">
      <c r="A5649" s="5" t="s">
        <v>83578</v>
      </c>
      <c r="B5649" s="2" t="s">
        <v>100818</v>
      </c>
      <c r="C5649" s="14" t="s">
        <v>100819</v>
      </c>
      <c r="D5649" s="2" t="s">
        <v>100820</v>
      </c>
      <c r="E5649" s="2" t="s">
        <v>100821</v>
      </c>
      <c r="F5649" s="8">
        <v>1553</v>
      </c>
      <c r="G5649" s="5">
        <v>15</v>
      </c>
      <c r="H5649" s="5" t="s">
        <v>69</v>
      </c>
      <c r="I5649" s="5" t="s">
        <v>64310</v>
      </c>
      <c r="J5649" s="2" t="s">
        <v>64311</v>
      </c>
      <c r="K5649" s="5" t="s">
        <v>64310</v>
      </c>
      <c r="L5649" s="2" t="s">
        <v>64311</v>
      </c>
      <c r="M5649" s="5" t="s">
        <v>733</v>
      </c>
      <c r="N5649" s="5" t="s">
        <v>38</v>
      </c>
      <c r="O5649" s="5" t="s">
        <v>39</v>
      </c>
      <c r="P5649" s="5" t="s">
        <v>40</v>
      </c>
      <c r="Q5649" s="5" t="s">
        <v>897</v>
      </c>
      <c r="R5649" s="5" t="s">
        <v>40</v>
      </c>
      <c r="S5649" s="5" t="s">
        <v>42</v>
      </c>
      <c r="T5649" s="2">
        <v>52.973999999999997</v>
      </c>
      <c r="U5649" s="2">
        <v>49.781999999999996</v>
      </c>
      <c r="V5649" s="2">
        <v>0.184</v>
      </c>
      <c r="W5649" s="2">
        <v>17</v>
      </c>
      <c r="X5649" s="2">
        <v>96.9</v>
      </c>
      <c r="Y5649" s="2">
        <v>111.6</v>
      </c>
      <c r="Z5649" s="5">
        <v>7</v>
      </c>
      <c r="AA5649" s="5" t="s">
        <v>43</v>
      </c>
      <c r="AB5649" s="5" t="s">
        <v>735</v>
      </c>
      <c r="AC5649" s="2" t="s">
        <v>100822</v>
      </c>
      <c r="AD5649" s="1"/>
    </row>
    <row r="5650" spans="1:30">
      <c r="A5650" s="5" t="s">
        <v>83578</v>
      </c>
      <c r="B5650" s="2" t="s">
        <v>100823</v>
      </c>
      <c r="C5650" s="14" t="s">
        <v>100824</v>
      </c>
      <c r="D5650" s="2" t="s">
        <v>100825</v>
      </c>
      <c r="E5650" s="2" t="s">
        <v>100826</v>
      </c>
      <c r="F5650" s="8">
        <v>1171</v>
      </c>
      <c r="G5650" s="5">
        <v>5</v>
      </c>
      <c r="H5650" s="5" t="s">
        <v>69</v>
      </c>
      <c r="I5650" s="5" t="s">
        <v>64310</v>
      </c>
      <c r="J5650" s="2" t="s">
        <v>64311</v>
      </c>
      <c r="K5650" s="5" t="s">
        <v>64310</v>
      </c>
      <c r="L5650" s="2" t="s">
        <v>64311</v>
      </c>
      <c r="M5650" s="5" t="s">
        <v>733</v>
      </c>
      <c r="N5650" s="5" t="s">
        <v>38</v>
      </c>
      <c r="O5650" s="5" t="s">
        <v>39</v>
      </c>
      <c r="P5650" s="5" t="s">
        <v>40</v>
      </c>
      <c r="Q5650" s="5" t="s">
        <v>897</v>
      </c>
      <c r="R5650" s="5" t="s">
        <v>40</v>
      </c>
      <c r="S5650" s="5" t="s">
        <v>42</v>
      </c>
      <c r="T5650" s="2">
        <v>41.677999999999997</v>
      </c>
      <c r="U5650" s="2">
        <v>38.485999999999997</v>
      </c>
      <c r="V5650" s="2">
        <v>0.184</v>
      </c>
      <c r="W5650" s="2">
        <v>17</v>
      </c>
      <c r="X5650" s="2">
        <v>96.9</v>
      </c>
      <c r="Y5650" s="2">
        <v>111.6</v>
      </c>
      <c r="Z5650" s="5">
        <v>7</v>
      </c>
      <c r="AA5650" s="5" t="s">
        <v>43</v>
      </c>
      <c r="AB5650" s="5" t="s">
        <v>735</v>
      </c>
      <c r="AC5650" s="2" t="s">
        <v>100827</v>
      </c>
      <c r="AD5650" s="1"/>
    </row>
    <row r="5651" spans="1:30">
      <c r="A5651" s="5" t="s">
        <v>83578</v>
      </c>
      <c r="B5651" s="2" t="s">
        <v>100828</v>
      </c>
      <c r="C5651" s="14" t="s">
        <v>100829</v>
      </c>
      <c r="D5651" s="2" t="s">
        <v>100830</v>
      </c>
      <c r="E5651" s="2" t="s">
        <v>100831</v>
      </c>
      <c r="F5651" s="8">
        <v>1553</v>
      </c>
      <c r="G5651" s="5">
        <v>15</v>
      </c>
      <c r="H5651" s="5" t="s">
        <v>69</v>
      </c>
      <c r="I5651" s="5" t="s">
        <v>64310</v>
      </c>
      <c r="J5651" s="2" t="s">
        <v>64311</v>
      </c>
      <c r="K5651" s="5" t="s">
        <v>64310</v>
      </c>
      <c r="L5651" s="2" t="s">
        <v>64311</v>
      </c>
      <c r="M5651" s="5" t="s">
        <v>733</v>
      </c>
      <c r="N5651" s="5" t="s">
        <v>38</v>
      </c>
      <c r="O5651" s="5" t="s">
        <v>39</v>
      </c>
      <c r="P5651" s="5" t="s">
        <v>40</v>
      </c>
      <c r="Q5651" s="5" t="s">
        <v>897</v>
      </c>
      <c r="R5651" s="5" t="s">
        <v>40</v>
      </c>
      <c r="S5651" s="5" t="s">
        <v>42</v>
      </c>
      <c r="T5651" s="2">
        <v>54.094000000000001</v>
      </c>
      <c r="U5651" s="2">
        <v>50.902000000000001</v>
      </c>
      <c r="V5651" s="2">
        <v>0.184</v>
      </c>
      <c r="W5651" s="2">
        <v>17</v>
      </c>
      <c r="X5651" s="2">
        <v>96.9</v>
      </c>
      <c r="Y5651" s="2">
        <v>111.6</v>
      </c>
      <c r="Z5651" s="5">
        <v>7</v>
      </c>
      <c r="AA5651" s="5" t="s">
        <v>43</v>
      </c>
      <c r="AB5651" s="5" t="s">
        <v>735</v>
      </c>
      <c r="AC5651" s="2" t="s">
        <v>100832</v>
      </c>
      <c r="AD5651" s="1"/>
    </row>
    <row r="5652" spans="1:30">
      <c r="A5652" s="5" t="s">
        <v>83578</v>
      </c>
      <c r="B5652" s="2" t="s">
        <v>100833</v>
      </c>
      <c r="C5652" s="14" t="s">
        <v>100834</v>
      </c>
      <c r="D5652" s="2" t="s">
        <v>100835</v>
      </c>
      <c r="E5652" s="2" t="s">
        <v>100836</v>
      </c>
      <c r="F5652" s="8">
        <v>1171</v>
      </c>
      <c r="G5652" s="5">
        <v>10</v>
      </c>
      <c r="H5652" s="5" t="s">
        <v>69</v>
      </c>
      <c r="I5652" s="5" t="s">
        <v>64310</v>
      </c>
      <c r="J5652" s="2" t="s">
        <v>64311</v>
      </c>
      <c r="K5652" s="5" t="s">
        <v>64310</v>
      </c>
      <c r="L5652" s="2" t="s">
        <v>64311</v>
      </c>
      <c r="M5652" s="5" t="s">
        <v>733</v>
      </c>
      <c r="N5652" s="5" t="s">
        <v>38</v>
      </c>
      <c r="O5652" s="5" t="s">
        <v>39</v>
      </c>
      <c r="P5652" s="5" t="s">
        <v>40</v>
      </c>
      <c r="Q5652" s="5" t="s">
        <v>897</v>
      </c>
      <c r="R5652" s="5" t="s">
        <v>40</v>
      </c>
      <c r="S5652" s="5" t="s">
        <v>42</v>
      </c>
      <c r="T5652" s="2">
        <v>42.771000000000001</v>
      </c>
      <c r="U5652" s="2">
        <v>39.579000000000001</v>
      </c>
      <c r="V5652" s="2">
        <v>0.184</v>
      </c>
      <c r="W5652" s="2">
        <v>17</v>
      </c>
      <c r="X5652" s="2">
        <v>96.9</v>
      </c>
      <c r="Y5652" s="2">
        <v>111.6</v>
      </c>
      <c r="Z5652" s="5">
        <v>7</v>
      </c>
      <c r="AA5652" s="5" t="s">
        <v>43</v>
      </c>
      <c r="AB5652" s="5" t="s">
        <v>735</v>
      </c>
      <c r="AC5652" s="2" t="s">
        <v>100837</v>
      </c>
      <c r="AD5652" s="1"/>
    </row>
    <row r="5653" spans="1:30">
      <c r="A5653" s="5" t="s">
        <v>83578</v>
      </c>
      <c r="B5653" s="2" t="s">
        <v>100838</v>
      </c>
      <c r="C5653" s="14" t="s">
        <v>100839</v>
      </c>
      <c r="D5653" s="2" t="s">
        <v>100840</v>
      </c>
      <c r="E5653" s="2" t="s">
        <v>100841</v>
      </c>
      <c r="F5653" s="8">
        <v>1553</v>
      </c>
      <c r="G5653" s="5">
        <v>15</v>
      </c>
      <c r="H5653" s="5" t="s">
        <v>69</v>
      </c>
      <c r="I5653" s="5" t="s">
        <v>64310</v>
      </c>
      <c r="J5653" s="2" t="s">
        <v>64311</v>
      </c>
      <c r="K5653" s="5" t="s">
        <v>64310</v>
      </c>
      <c r="L5653" s="2" t="s">
        <v>64311</v>
      </c>
      <c r="M5653" s="5" t="s">
        <v>733</v>
      </c>
      <c r="N5653" s="5" t="s">
        <v>38</v>
      </c>
      <c r="O5653" s="5" t="s">
        <v>39</v>
      </c>
      <c r="P5653" s="5" t="s">
        <v>40</v>
      </c>
      <c r="Q5653" s="5" t="s">
        <v>897</v>
      </c>
      <c r="R5653" s="5" t="s">
        <v>40</v>
      </c>
      <c r="S5653" s="5" t="s">
        <v>42</v>
      </c>
      <c r="T5653" s="2">
        <v>52.98</v>
      </c>
      <c r="U5653" s="2">
        <v>49.787999999999997</v>
      </c>
      <c r="V5653" s="2">
        <v>0.184</v>
      </c>
      <c r="W5653" s="2">
        <v>17</v>
      </c>
      <c r="X5653" s="2">
        <v>96.9</v>
      </c>
      <c r="Y5653" s="2">
        <v>111.6</v>
      </c>
      <c r="Z5653" s="5">
        <v>7</v>
      </c>
      <c r="AA5653" s="5" t="s">
        <v>43</v>
      </c>
      <c r="AB5653" s="5" t="s">
        <v>735</v>
      </c>
      <c r="AC5653" s="2" t="s">
        <v>100842</v>
      </c>
      <c r="AD5653" s="1"/>
    </row>
    <row r="5654" spans="1:30">
      <c r="A5654" s="5" t="s">
        <v>83578</v>
      </c>
      <c r="B5654" s="2" t="s">
        <v>100843</v>
      </c>
      <c r="C5654" s="14" t="s">
        <v>100844</v>
      </c>
      <c r="D5654" s="2" t="s">
        <v>100845</v>
      </c>
      <c r="E5654" s="2" t="s">
        <v>100846</v>
      </c>
      <c r="F5654" s="8">
        <v>1442</v>
      </c>
      <c r="G5654" s="5">
        <v>15</v>
      </c>
      <c r="H5654" s="5" t="s">
        <v>69</v>
      </c>
      <c r="I5654" s="5" t="s">
        <v>64310</v>
      </c>
      <c r="J5654" s="2" t="s">
        <v>64311</v>
      </c>
      <c r="K5654" s="5" t="s">
        <v>64310</v>
      </c>
      <c r="L5654" s="2" t="s">
        <v>64311</v>
      </c>
      <c r="M5654" s="5" t="s">
        <v>733</v>
      </c>
      <c r="N5654" s="5" t="s">
        <v>38</v>
      </c>
      <c r="O5654" s="5" t="s">
        <v>39</v>
      </c>
      <c r="P5654" s="5" t="s">
        <v>40</v>
      </c>
      <c r="Q5654" s="5" t="s">
        <v>897</v>
      </c>
      <c r="R5654" s="5" t="s">
        <v>40</v>
      </c>
      <c r="S5654" s="5" t="s">
        <v>42</v>
      </c>
      <c r="T5654" s="2">
        <v>47.005000000000003</v>
      </c>
      <c r="U5654" s="2">
        <v>43.813000000000002</v>
      </c>
      <c r="V5654" s="2">
        <v>0.184</v>
      </c>
      <c r="W5654" s="2">
        <v>17</v>
      </c>
      <c r="X5654" s="2">
        <v>96.9</v>
      </c>
      <c r="Y5654" s="2">
        <v>111.6</v>
      </c>
      <c r="Z5654" s="5">
        <v>7</v>
      </c>
      <c r="AA5654" s="5" t="s">
        <v>43</v>
      </c>
      <c r="AB5654" s="5" t="s">
        <v>735</v>
      </c>
      <c r="AC5654" s="2" t="s">
        <v>100847</v>
      </c>
      <c r="AD5654" s="1"/>
    </row>
    <row r="5655" spans="1:30">
      <c r="A5655" s="5" t="s">
        <v>83578</v>
      </c>
      <c r="B5655" s="2" t="s">
        <v>100848</v>
      </c>
      <c r="C5655" s="14" t="s">
        <v>100849</v>
      </c>
      <c r="D5655" s="2" t="s">
        <v>100850</v>
      </c>
      <c r="E5655" s="2" t="s">
        <v>100851</v>
      </c>
      <c r="F5655" s="8">
        <v>1171</v>
      </c>
      <c r="G5655" s="5">
        <v>5</v>
      </c>
      <c r="H5655" s="5" t="s">
        <v>69</v>
      </c>
      <c r="I5655" s="5" t="s">
        <v>64310</v>
      </c>
      <c r="J5655" s="2" t="s">
        <v>64311</v>
      </c>
      <c r="K5655" s="5" t="s">
        <v>64310</v>
      </c>
      <c r="L5655" s="2" t="s">
        <v>64311</v>
      </c>
      <c r="M5655" s="5" t="s">
        <v>733</v>
      </c>
      <c r="N5655" s="5" t="s">
        <v>38</v>
      </c>
      <c r="O5655" s="5" t="s">
        <v>39</v>
      </c>
      <c r="P5655" s="5" t="s">
        <v>40</v>
      </c>
      <c r="Q5655" s="5" t="s">
        <v>897</v>
      </c>
      <c r="R5655" s="5" t="s">
        <v>40</v>
      </c>
      <c r="S5655" s="5" t="s">
        <v>42</v>
      </c>
      <c r="T5655" s="2">
        <v>41.683999999999997</v>
      </c>
      <c r="U5655" s="2">
        <v>38.491999999999997</v>
      </c>
      <c r="V5655" s="2">
        <v>0.184</v>
      </c>
      <c r="W5655" s="2">
        <v>17</v>
      </c>
      <c r="X5655" s="2">
        <v>96.9</v>
      </c>
      <c r="Y5655" s="2">
        <v>111.6</v>
      </c>
      <c r="Z5655" s="5">
        <v>7</v>
      </c>
      <c r="AA5655" s="5" t="s">
        <v>43</v>
      </c>
      <c r="AB5655" s="5" t="s">
        <v>735</v>
      </c>
      <c r="AC5655" s="2" t="s">
        <v>100852</v>
      </c>
      <c r="AD5655" s="1"/>
    </row>
    <row r="5656" spans="1:30">
      <c r="A5656" s="5" t="s">
        <v>83578</v>
      </c>
      <c r="B5656" s="2" t="s">
        <v>100853</v>
      </c>
      <c r="C5656" s="14" t="s">
        <v>100854</v>
      </c>
      <c r="D5656" s="2" t="s">
        <v>100855</v>
      </c>
      <c r="E5656" s="2" t="s">
        <v>100856</v>
      </c>
      <c r="F5656" s="8">
        <v>1699</v>
      </c>
      <c r="G5656" s="5">
        <v>15</v>
      </c>
      <c r="H5656" s="5" t="s">
        <v>69</v>
      </c>
      <c r="I5656" s="5" t="s">
        <v>64310</v>
      </c>
      <c r="J5656" s="2" t="s">
        <v>64311</v>
      </c>
      <c r="K5656" s="5" t="s">
        <v>64310</v>
      </c>
      <c r="L5656" s="2" t="s">
        <v>64311</v>
      </c>
      <c r="M5656" s="5" t="s">
        <v>733</v>
      </c>
      <c r="N5656" s="5" t="s">
        <v>38</v>
      </c>
      <c r="O5656" s="5" t="s">
        <v>39</v>
      </c>
      <c r="P5656" s="5" t="s">
        <v>40</v>
      </c>
      <c r="Q5656" s="5" t="s">
        <v>897</v>
      </c>
      <c r="R5656" s="5" t="s">
        <v>40</v>
      </c>
      <c r="S5656" s="5" t="s">
        <v>42</v>
      </c>
      <c r="T5656" s="2">
        <v>63.77</v>
      </c>
      <c r="U5656" s="2">
        <v>60.067999999999998</v>
      </c>
      <c r="V5656" s="2">
        <v>0.221</v>
      </c>
      <c r="W5656" s="2">
        <v>17</v>
      </c>
      <c r="X5656" s="2">
        <v>116.7</v>
      </c>
      <c r="Y5656" s="2">
        <v>111.6</v>
      </c>
      <c r="Z5656" s="5">
        <v>7</v>
      </c>
      <c r="AA5656" s="5" t="s">
        <v>43</v>
      </c>
      <c r="AB5656" s="5" t="s">
        <v>735</v>
      </c>
      <c r="AC5656" s="2" t="s">
        <v>100857</v>
      </c>
      <c r="AD5656" s="1"/>
    </row>
    <row r="5657" spans="1:30">
      <c r="A5657" s="5" t="s">
        <v>83578</v>
      </c>
      <c r="B5657" s="2" t="s">
        <v>100858</v>
      </c>
      <c r="C5657" s="14" t="s">
        <v>100859</v>
      </c>
      <c r="D5657" s="2" t="s">
        <v>100860</v>
      </c>
      <c r="E5657" s="2" t="s">
        <v>100861</v>
      </c>
      <c r="F5657" s="8">
        <v>1233</v>
      </c>
      <c r="G5657" s="5">
        <v>5</v>
      </c>
      <c r="H5657" s="5" t="s">
        <v>69</v>
      </c>
      <c r="I5657" s="5" t="s">
        <v>64310</v>
      </c>
      <c r="J5657" s="2" t="s">
        <v>64311</v>
      </c>
      <c r="K5657" s="5" t="s">
        <v>64310</v>
      </c>
      <c r="L5657" s="2" t="s">
        <v>64311</v>
      </c>
      <c r="M5657" s="5" t="s">
        <v>733</v>
      </c>
      <c r="N5657" s="5" t="s">
        <v>38</v>
      </c>
      <c r="O5657" s="5" t="s">
        <v>39</v>
      </c>
      <c r="P5657" s="5" t="s">
        <v>40</v>
      </c>
      <c r="Q5657" s="5" t="s">
        <v>897</v>
      </c>
      <c r="R5657" s="5" t="s">
        <v>40</v>
      </c>
      <c r="S5657" s="5" t="s">
        <v>42</v>
      </c>
      <c r="T5657" s="2">
        <v>49.676000000000002</v>
      </c>
      <c r="U5657" s="2">
        <v>45.973999999999997</v>
      </c>
      <c r="V5657" s="2">
        <v>0.221</v>
      </c>
      <c r="W5657" s="2">
        <v>17</v>
      </c>
      <c r="X5657" s="2">
        <v>116.7</v>
      </c>
      <c r="Y5657" s="2">
        <v>111.6</v>
      </c>
      <c r="Z5657" s="5">
        <v>7</v>
      </c>
      <c r="AA5657" s="5" t="s">
        <v>43</v>
      </c>
      <c r="AB5657" s="5" t="s">
        <v>735</v>
      </c>
      <c r="AC5657" s="2" t="s">
        <v>100862</v>
      </c>
      <c r="AD5657" s="1"/>
    </row>
    <row r="5658" spans="1:30">
      <c r="A5658" s="5" t="s">
        <v>83578</v>
      </c>
      <c r="B5658" s="2" t="s">
        <v>100863</v>
      </c>
      <c r="C5658" s="14" t="s">
        <v>100864</v>
      </c>
      <c r="D5658" s="2" t="s">
        <v>100865</v>
      </c>
      <c r="E5658" s="2" t="s">
        <v>100866</v>
      </c>
      <c r="F5658" s="8">
        <v>1699</v>
      </c>
      <c r="G5658" s="5">
        <v>15</v>
      </c>
      <c r="H5658" s="5" t="s">
        <v>69</v>
      </c>
      <c r="I5658" s="5" t="s">
        <v>64310</v>
      </c>
      <c r="J5658" s="2" t="s">
        <v>64311</v>
      </c>
      <c r="K5658" s="5" t="s">
        <v>64310</v>
      </c>
      <c r="L5658" s="2" t="s">
        <v>64311</v>
      </c>
      <c r="M5658" s="5" t="s">
        <v>733</v>
      </c>
      <c r="N5658" s="5" t="s">
        <v>38</v>
      </c>
      <c r="O5658" s="5" t="s">
        <v>39</v>
      </c>
      <c r="P5658" s="5" t="s">
        <v>40</v>
      </c>
      <c r="Q5658" s="5" t="s">
        <v>897</v>
      </c>
      <c r="R5658" s="5" t="s">
        <v>40</v>
      </c>
      <c r="S5658" s="5" t="s">
        <v>42</v>
      </c>
      <c r="T5658" s="2">
        <v>62.497999999999998</v>
      </c>
      <c r="U5658" s="2">
        <v>58.795999999999999</v>
      </c>
      <c r="V5658" s="2">
        <v>0.221</v>
      </c>
      <c r="W5658" s="2">
        <v>17</v>
      </c>
      <c r="X5658" s="2">
        <v>116.7</v>
      </c>
      <c r="Y5658" s="2">
        <v>111.6</v>
      </c>
      <c r="Z5658" s="5">
        <v>7</v>
      </c>
      <c r="AA5658" s="5" t="s">
        <v>43</v>
      </c>
      <c r="AB5658" s="5" t="s">
        <v>735</v>
      </c>
      <c r="AC5658" s="2" t="s">
        <v>100867</v>
      </c>
      <c r="AD5658" s="1"/>
    </row>
    <row r="5659" spans="1:30">
      <c r="A5659" s="5" t="s">
        <v>83578</v>
      </c>
      <c r="B5659" s="2" t="s">
        <v>100868</v>
      </c>
      <c r="C5659" s="14" t="s">
        <v>100869</v>
      </c>
      <c r="D5659" s="2" t="s">
        <v>100870</v>
      </c>
      <c r="E5659" s="2" t="s">
        <v>100871</v>
      </c>
      <c r="F5659" s="8">
        <v>1564</v>
      </c>
      <c r="G5659" s="5">
        <v>20</v>
      </c>
      <c r="H5659" s="5" t="s">
        <v>69</v>
      </c>
      <c r="I5659" s="5" t="s">
        <v>64310</v>
      </c>
      <c r="J5659" s="2" t="s">
        <v>64311</v>
      </c>
      <c r="K5659" s="5" t="s">
        <v>64310</v>
      </c>
      <c r="L5659" s="2" t="s">
        <v>64311</v>
      </c>
      <c r="M5659" s="5" t="s">
        <v>733</v>
      </c>
      <c r="N5659" s="5" t="s">
        <v>38</v>
      </c>
      <c r="O5659" s="5" t="s">
        <v>39</v>
      </c>
      <c r="P5659" s="5" t="s">
        <v>40</v>
      </c>
      <c r="Q5659" s="5" t="s">
        <v>897</v>
      </c>
      <c r="R5659" s="5" t="s">
        <v>40</v>
      </c>
      <c r="S5659" s="5" t="s">
        <v>42</v>
      </c>
      <c r="T5659" s="2">
        <v>55.006</v>
      </c>
      <c r="U5659" s="2">
        <v>51.304000000000002</v>
      </c>
      <c r="V5659" s="2">
        <v>0.221</v>
      </c>
      <c r="W5659" s="2">
        <v>17</v>
      </c>
      <c r="X5659" s="2">
        <v>116.7</v>
      </c>
      <c r="Y5659" s="2">
        <v>111.6</v>
      </c>
      <c r="Z5659" s="5">
        <v>7</v>
      </c>
      <c r="AA5659" s="5" t="s">
        <v>43</v>
      </c>
      <c r="AB5659" s="5" t="s">
        <v>735</v>
      </c>
      <c r="AC5659" s="2" t="s">
        <v>100872</v>
      </c>
      <c r="AD5659" s="1"/>
    </row>
    <row r="5660" spans="1:30">
      <c r="A5660" s="5" t="s">
        <v>83578</v>
      </c>
      <c r="B5660" s="2" t="s">
        <v>100873</v>
      </c>
      <c r="C5660" s="14" t="s">
        <v>100874</v>
      </c>
      <c r="D5660" s="2" t="s">
        <v>100875</v>
      </c>
      <c r="E5660" s="2" t="s">
        <v>100876</v>
      </c>
      <c r="F5660" s="8">
        <v>1233</v>
      </c>
      <c r="G5660" s="5">
        <v>5</v>
      </c>
      <c r="H5660" s="5" t="s">
        <v>69</v>
      </c>
      <c r="I5660" s="5" t="s">
        <v>64310</v>
      </c>
      <c r="J5660" s="2" t="s">
        <v>64311</v>
      </c>
      <c r="K5660" s="5" t="s">
        <v>64310</v>
      </c>
      <c r="L5660" s="2" t="s">
        <v>64311</v>
      </c>
      <c r="M5660" s="5" t="s">
        <v>733</v>
      </c>
      <c r="N5660" s="5" t="s">
        <v>38</v>
      </c>
      <c r="O5660" s="5" t="s">
        <v>39</v>
      </c>
      <c r="P5660" s="5" t="s">
        <v>40</v>
      </c>
      <c r="Q5660" s="5" t="s">
        <v>897</v>
      </c>
      <c r="R5660" s="5" t="s">
        <v>40</v>
      </c>
      <c r="S5660" s="5" t="s">
        <v>42</v>
      </c>
      <c r="T5660" s="2">
        <v>48.436999999999998</v>
      </c>
      <c r="U5660" s="2">
        <v>44.734999999999999</v>
      </c>
      <c r="V5660" s="2">
        <v>0.221</v>
      </c>
      <c r="W5660" s="2">
        <v>17</v>
      </c>
      <c r="X5660" s="2">
        <v>116.7</v>
      </c>
      <c r="Y5660" s="2">
        <v>111.6</v>
      </c>
      <c r="Z5660" s="5">
        <v>7</v>
      </c>
      <c r="AA5660" s="5" t="s">
        <v>43</v>
      </c>
      <c r="AB5660" s="5" t="s">
        <v>735</v>
      </c>
      <c r="AC5660" s="2" t="s">
        <v>100877</v>
      </c>
      <c r="AD5660" s="1"/>
    </row>
    <row r="5661" spans="1:30">
      <c r="A5661" s="5" t="s">
        <v>83578</v>
      </c>
      <c r="B5661" s="2" t="s">
        <v>100878</v>
      </c>
      <c r="C5661" s="14" t="s">
        <v>100879</v>
      </c>
      <c r="D5661" s="2" t="s">
        <v>100880</v>
      </c>
      <c r="E5661" s="2" t="s">
        <v>100881</v>
      </c>
      <c r="F5661" s="8">
        <v>1699</v>
      </c>
      <c r="G5661" s="5">
        <v>15</v>
      </c>
      <c r="H5661" s="5" t="s">
        <v>69</v>
      </c>
      <c r="I5661" s="5" t="s">
        <v>64310</v>
      </c>
      <c r="J5661" s="2" t="s">
        <v>64311</v>
      </c>
      <c r="K5661" s="5" t="s">
        <v>64310</v>
      </c>
      <c r="L5661" s="2" t="s">
        <v>64311</v>
      </c>
      <c r="M5661" s="5" t="s">
        <v>733</v>
      </c>
      <c r="N5661" s="5" t="s">
        <v>38</v>
      </c>
      <c r="O5661" s="5" t="s">
        <v>39</v>
      </c>
      <c r="P5661" s="5" t="s">
        <v>40</v>
      </c>
      <c r="Q5661" s="5" t="s">
        <v>897</v>
      </c>
      <c r="R5661" s="5" t="s">
        <v>40</v>
      </c>
      <c r="S5661" s="5" t="s">
        <v>42</v>
      </c>
      <c r="T5661" s="2">
        <v>63.781999999999996</v>
      </c>
      <c r="U5661" s="2">
        <v>60.08</v>
      </c>
      <c r="V5661" s="2">
        <v>0.221</v>
      </c>
      <c r="W5661" s="2">
        <v>17</v>
      </c>
      <c r="X5661" s="2">
        <v>116.7</v>
      </c>
      <c r="Y5661" s="2">
        <v>111.6</v>
      </c>
      <c r="Z5661" s="5">
        <v>7</v>
      </c>
      <c r="AA5661" s="5" t="s">
        <v>43</v>
      </c>
      <c r="AB5661" s="5" t="s">
        <v>735</v>
      </c>
      <c r="AC5661" s="2" t="s">
        <v>100882</v>
      </c>
      <c r="AD5661" s="1"/>
    </row>
    <row r="5662" spans="1:30">
      <c r="A5662" s="5" t="s">
        <v>83578</v>
      </c>
      <c r="B5662" s="2" t="s">
        <v>100883</v>
      </c>
      <c r="C5662" s="14" t="s">
        <v>100884</v>
      </c>
      <c r="D5662" s="2" t="s">
        <v>100885</v>
      </c>
      <c r="E5662" s="2" t="s">
        <v>100886</v>
      </c>
      <c r="F5662" s="8">
        <v>1233</v>
      </c>
      <c r="G5662" s="5">
        <v>5</v>
      </c>
      <c r="H5662" s="5" t="s">
        <v>69</v>
      </c>
      <c r="I5662" s="5" t="s">
        <v>64310</v>
      </c>
      <c r="J5662" s="2" t="s">
        <v>64311</v>
      </c>
      <c r="K5662" s="5" t="s">
        <v>64310</v>
      </c>
      <c r="L5662" s="2" t="s">
        <v>64311</v>
      </c>
      <c r="M5662" s="5" t="s">
        <v>733</v>
      </c>
      <c r="N5662" s="5" t="s">
        <v>38</v>
      </c>
      <c r="O5662" s="5" t="s">
        <v>39</v>
      </c>
      <c r="P5662" s="5" t="s">
        <v>40</v>
      </c>
      <c r="Q5662" s="5" t="s">
        <v>897</v>
      </c>
      <c r="R5662" s="5" t="s">
        <v>40</v>
      </c>
      <c r="S5662" s="5" t="s">
        <v>42</v>
      </c>
      <c r="T5662" s="2">
        <v>49.688000000000002</v>
      </c>
      <c r="U5662" s="2">
        <v>45.985999999999997</v>
      </c>
      <c r="V5662" s="2">
        <v>0.221</v>
      </c>
      <c r="W5662" s="2">
        <v>17</v>
      </c>
      <c r="X5662" s="2">
        <v>116.7</v>
      </c>
      <c r="Y5662" s="2">
        <v>111.6</v>
      </c>
      <c r="Z5662" s="5">
        <v>7</v>
      </c>
      <c r="AA5662" s="5" t="s">
        <v>43</v>
      </c>
      <c r="AB5662" s="5" t="s">
        <v>735</v>
      </c>
      <c r="AC5662" s="2" t="s">
        <v>100887</v>
      </c>
      <c r="AD5662" s="1"/>
    </row>
    <row r="5663" spans="1:30">
      <c r="A5663" s="5" t="s">
        <v>83578</v>
      </c>
      <c r="B5663" s="2" t="s">
        <v>100888</v>
      </c>
      <c r="C5663" s="14" t="s">
        <v>100889</v>
      </c>
      <c r="D5663" s="2" t="s">
        <v>100890</v>
      </c>
      <c r="E5663" s="2" t="s">
        <v>100891</v>
      </c>
      <c r="F5663" s="8">
        <v>1699</v>
      </c>
      <c r="G5663" s="5">
        <v>15</v>
      </c>
      <c r="H5663" s="5" t="s">
        <v>69</v>
      </c>
      <c r="I5663" s="5" t="s">
        <v>64310</v>
      </c>
      <c r="J5663" s="2" t="s">
        <v>64311</v>
      </c>
      <c r="K5663" s="5" t="s">
        <v>64310</v>
      </c>
      <c r="L5663" s="2" t="s">
        <v>64311</v>
      </c>
      <c r="M5663" s="5" t="s">
        <v>733</v>
      </c>
      <c r="N5663" s="5" t="s">
        <v>38</v>
      </c>
      <c r="O5663" s="5" t="s">
        <v>39</v>
      </c>
      <c r="P5663" s="5" t="s">
        <v>40</v>
      </c>
      <c r="Q5663" s="5" t="s">
        <v>897</v>
      </c>
      <c r="R5663" s="5" t="s">
        <v>40</v>
      </c>
      <c r="S5663" s="5" t="s">
        <v>42</v>
      </c>
      <c r="T5663" s="2">
        <v>62.51</v>
      </c>
      <c r="U5663" s="2">
        <v>58.808</v>
      </c>
      <c r="V5663" s="2">
        <v>0.221</v>
      </c>
      <c r="W5663" s="2">
        <v>17</v>
      </c>
      <c r="X5663" s="2">
        <v>116.7</v>
      </c>
      <c r="Y5663" s="2">
        <v>111.6</v>
      </c>
      <c r="Z5663" s="5">
        <v>7</v>
      </c>
      <c r="AA5663" s="5" t="s">
        <v>43</v>
      </c>
      <c r="AB5663" s="5" t="s">
        <v>735</v>
      </c>
      <c r="AC5663" s="2" t="s">
        <v>100892</v>
      </c>
      <c r="AD5663" s="1"/>
    </row>
    <row r="5664" spans="1:30">
      <c r="A5664" s="5" t="s">
        <v>83578</v>
      </c>
      <c r="B5664" s="2" t="s">
        <v>100893</v>
      </c>
      <c r="C5664" s="14" t="s">
        <v>100894</v>
      </c>
      <c r="D5664" s="2" t="s">
        <v>100895</v>
      </c>
      <c r="E5664" s="2" t="s">
        <v>100896</v>
      </c>
      <c r="F5664" s="8">
        <v>1564</v>
      </c>
      <c r="G5664" s="5">
        <v>15</v>
      </c>
      <c r="H5664" s="5" t="s">
        <v>69</v>
      </c>
      <c r="I5664" s="5" t="s">
        <v>64310</v>
      </c>
      <c r="J5664" s="2" t="s">
        <v>64311</v>
      </c>
      <c r="K5664" s="5" t="s">
        <v>64310</v>
      </c>
      <c r="L5664" s="2" t="s">
        <v>64311</v>
      </c>
      <c r="M5664" s="5" t="s">
        <v>733</v>
      </c>
      <c r="N5664" s="5" t="s">
        <v>38</v>
      </c>
      <c r="O5664" s="5" t="s">
        <v>39</v>
      </c>
      <c r="P5664" s="5" t="s">
        <v>40</v>
      </c>
      <c r="Q5664" s="5" t="s">
        <v>897</v>
      </c>
      <c r="R5664" s="5" t="s">
        <v>40</v>
      </c>
      <c r="S5664" s="5" t="s">
        <v>42</v>
      </c>
      <c r="T5664" s="2">
        <v>55.018000000000001</v>
      </c>
      <c r="U5664" s="2">
        <v>51.316000000000003</v>
      </c>
      <c r="V5664" s="2">
        <v>0.221</v>
      </c>
      <c r="W5664" s="2">
        <v>17</v>
      </c>
      <c r="X5664" s="2">
        <v>116.7</v>
      </c>
      <c r="Y5664" s="2">
        <v>111.6</v>
      </c>
      <c r="Z5664" s="5">
        <v>7</v>
      </c>
      <c r="AA5664" s="5" t="s">
        <v>43</v>
      </c>
      <c r="AB5664" s="5" t="s">
        <v>735</v>
      </c>
      <c r="AC5664" s="2" t="s">
        <v>100897</v>
      </c>
      <c r="AD5664" s="1"/>
    </row>
    <row r="5665" spans="1:30">
      <c r="A5665" s="5" t="s">
        <v>83578</v>
      </c>
      <c r="B5665" s="2" t="s">
        <v>100898</v>
      </c>
      <c r="C5665" s="14" t="s">
        <v>100899</v>
      </c>
      <c r="D5665" s="2" t="s">
        <v>100900</v>
      </c>
      <c r="E5665" s="2" t="s">
        <v>100901</v>
      </c>
      <c r="F5665" s="8">
        <v>1233</v>
      </c>
      <c r="G5665" s="5">
        <v>5</v>
      </c>
      <c r="H5665" s="5" t="s">
        <v>69</v>
      </c>
      <c r="I5665" s="5" t="s">
        <v>64310</v>
      </c>
      <c r="J5665" s="2" t="s">
        <v>64311</v>
      </c>
      <c r="K5665" s="5" t="s">
        <v>64310</v>
      </c>
      <c r="L5665" s="2" t="s">
        <v>64311</v>
      </c>
      <c r="M5665" s="5" t="s">
        <v>733</v>
      </c>
      <c r="N5665" s="5" t="s">
        <v>38</v>
      </c>
      <c r="O5665" s="5" t="s">
        <v>39</v>
      </c>
      <c r="P5665" s="5" t="s">
        <v>40</v>
      </c>
      <c r="Q5665" s="5" t="s">
        <v>897</v>
      </c>
      <c r="R5665" s="5" t="s">
        <v>40</v>
      </c>
      <c r="S5665" s="5" t="s">
        <v>42</v>
      </c>
      <c r="T5665" s="2">
        <v>48.448999999999998</v>
      </c>
      <c r="U5665" s="2">
        <v>44.747</v>
      </c>
      <c r="V5665" s="2">
        <v>0.221</v>
      </c>
      <c r="W5665" s="2">
        <v>17</v>
      </c>
      <c r="X5665" s="2">
        <v>116.7</v>
      </c>
      <c r="Y5665" s="2">
        <v>111.6</v>
      </c>
      <c r="Z5665" s="5">
        <v>7</v>
      </c>
      <c r="AA5665" s="5" t="s">
        <v>43</v>
      </c>
      <c r="AB5665" s="5" t="s">
        <v>735</v>
      </c>
      <c r="AC5665" s="2" t="s">
        <v>100902</v>
      </c>
      <c r="AD5665" s="1"/>
    </row>
    <row r="5666" spans="1:30">
      <c r="A5666" s="5" t="s">
        <v>83578</v>
      </c>
      <c r="B5666" s="2" t="s">
        <v>100903</v>
      </c>
      <c r="C5666" s="14" t="s">
        <v>100904</v>
      </c>
      <c r="D5666" s="2" t="s">
        <v>100905</v>
      </c>
      <c r="E5666" s="2" t="s">
        <v>100906</v>
      </c>
      <c r="F5666" s="8">
        <v>1397</v>
      </c>
      <c r="G5666" s="5">
        <v>15</v>
      </c>
      <c r="H5666" s="5" t="s">
        <v>69</v>
      </c>
      <c r="I5666" s="5" t="s">
        <v>64310</v>
      </c>
      <c r="J5666" s="2" t="s">
        <v>64311</v>
      </c>
      <c r="K5666" s="5" t="s">
        <v>64310</v>
      </c>
      <c r="L5666" s="2" t="s">
        <v>64311</v>
      </c>
      <c r="M5666" s="5" t="s">
        <v>733</v>
      </c>
      <c r="N5666" s="5" t="s">
        <v>38</v>
      </c>
      <c r="O5666" s="5" t="s">
        <v>39</v>
      </c>
      <c r="P5666" s="5" t="s">
        <v>40</v>
      </c>
      <c r="Q5666" s="5" t="s">
        <v>897</v>
      </c>
      <c r="R5666" s="5" t="s">
        <v>40</v>
      </c>
      <c r="S5666" s="5" t="s">
        <v>42</v>
      </c>
      <c r="T5666" s="2">
        <v>68.94</v>
      </c>
      <c r="U5666" s="2">
        <v>64.721999999999994</v>
      </c>
      <c r="V5666" s="2">
        <v>0.25900000000000001</v>
      </c>
      <c r="W5666" s="2">
        <v>17</v>
      </c>
      <c r="X5666" s="2">
        <v>136.69999999999999</v>
      </c>
      <c r="Y5666" s="2">
        <v>111.6</v>
      </c>
      <c r="Z5666" s="5">
        <v>7</v>
      </c>
      <c r="AA5666" s="5" t="s">
        <v>43</v>
      </c>
      <c r="AB5666" s="5" t="s">
        <v>735</v>
      </c>
      <c r="AC5666" s="2" t="s">
        <v>100907</v>
      </c>
      <c r="AD5666" s="1"/>
    </row>
    <row r="5667" spans="1:30">
      <c r="A5667" s="5" t="s">
        <v>83578</v>
      </c>
      <c r="B5667" s="2" t="s">
        <v>100908</v>
      </c>
      <c r="C5667" s="14" t="s">
        <v>100909</v>
      </c>
      <c r="D5667" s="2" t="s">
        <v>100910</v>
      </c>
      <c r="E5667" s="2" t="s">
        <v>100911</v>
      </c>
      <c r="F5667" s="8">
        <v>1865</v>
      </c>
      <c r="G5667" s="5">
        <v>15</v>
      </c>
      <c r="H5667" s="5" t="s">
        <v>69</v>
      </c>
      <c r="I5667" s="5" t="s">
        <v>64310</v>
      </c>
      <c r="J5667" s="2" t="s">
        <v>64311</v>
      </c>
      <c r="K5667" s="5" t="s">
        <v>64310</v>
      </c>
      <c r="L5667" s="2" t="s">
        <v>64311</v>
      </c>
      <c r="M5667" s="5" t="s">
        <v>733</v>
      </c>
      <c r="N5667" s="5" t="s">
        <v>38</v>
      </c>
      <c r="O5667" s="5" t="s">
        <v>39</v>
      </c>
      <c r="P5667" s="5" t="s">
        <v>40</v>
      </c>
      <c r="Q5667" s="5" t="s">
        <v>897</v>
      </c>
      <c r="R5667" s="5" t="s">
        <v>40</v>
      </c>
      <c r="S5667" s="5" t="s">
        <v>42</v>
      </c>
      <c r="T5667" s="2">
        <v>73.539000000000001</v>
      </c>
      <c r="U5667" s="2">
        <v>69.320999999999998</v>
      </c>
      <c r="V5667" s="2">
        <v>0.25900000000000001</v>
      </c>
      <c r="W5667" s="2">
        <v>17</v>
      </c>
      <c r="X5667" s="2">
        <v>136.69999999999999</v>
      </c>
      <c r="Y5667" s="2">
        <v>111.6</v>
      </c>
      <c r="Z5667" s="5">
        <v>7</v>
      </c>
      <c r="AA5667" s="5" t="s">
        <v>43</v>
      </c>
      <c r="AB5667" s="5" t="s">
        <v>735</v>
      </c>
      <c r="AC5667" s="2" t="s">
        <v>100912</v>
      </c>
      <c r="AD5667" s="1"/>
    </row>
    <row r="5668" spans="1:30">
      <c r="A5668" s="5" t="s">
        <v>83578</v>
      </c>
      <c r="B5668" s="2" t="s">
        <v>100913</v>
      </c>
      <c r="C5668" s="14" t="s">
        <v>100914</v>
      </c>
      <c r="D5668" s="2" t="s">
        <v>100915</v>
      </c>
      <c r="E5668" s="2" t="s">
        <v>100916</v>
      </c>
      <c r="F5668" s="8">
        <v>1319</v>
      </c>
      <c r="G5668" s="5">
        <v>5</v>
      </c>
      <c r="H5668" s="5" t="s">
        <v>69</v>
      </c>
      <c r="I5668" s="5" t="s">
        <v>64310</v>
      </c>
      <c r="J5668" s="2" t="s">
        <v>64311</v>
      </c>
      <c r="K5668" s="5" t="s">
        <v>64310</v>
      </c>
      <c r="L5668" s="2" t="s">
        <v>64311</v>
      </c>
      <c r="M5668" s="5" t="s">
        <v>733</v>
      </c>
      <c r="N5668" s="5" t="s">
        <v>38</v>
      </c>
      <c r="O5668" s="5" t="s">
        <v>39</v>
      </c>
      <c r="P5668" s="5" t="s">
        <v>40</v>
      </c>
      <c r="Q5668" s="5" t="s">
        <v>897</v>
      </c>
      <c r="R5668" s="5" t="s">
        <v>40</v>
      </c>
      <c r="S5668" s="5" t="s">
        <v>42</v>
      </c>
      <c r="T5668" s="2">
        <v>56.651000000000003</v>
      </c>
      <c r="U5668" s="2">
        <v>52.433</v>
      </c>
      <c r="V5668" s="2">
        <v>0.25900000000000001</v>
      </c>
      <c r="W5668" s="2">
        <v>17</v>
      </c>
      <c r="X5668" s="2">
        <v>136.69999999999999</v>
      </c>
      <c r="Y5668" s="2">
        <v>111.6</v>
      </c>
      <c r="Z5668" s="5">
        <v>7</v>
      </c>
      <c r="AA5668" s="5" t="s">
        <v>43</v>
      </c>
      <c r="AB5668" s="5" t="s">
        <v>735</v>
      </c>
      <c r="AC5668" s="2" t="s">
        <v>100917</v>
      </c>
      <c r="AD5668" s="1"/>
    </row>
    <row r="5669" spans="1:30">
      <c r="A5669" s="5" t="s">
        <v>83578</v>
      </c>
      <c r="B5669" s="2" t="s">
        <v>100918</v>
      </c>
      <c r="C5669" s="14" t="s">
        <v>100919</v>
      </c>
      <c r="D5669" s="2" t="s">
        <v>100920</v>
      </c>
      <c r="E5669" s="2" t="s">
        <v>100921</v>
      </c>
      <c r="F5669" s="8">
        <v>1865</v>
      </c>
      <c r="G5669" s="5">
        <v>15</v>
      </c>
      <c r="H5669" s="5" t="s">
        <v>69</v>
      </c>
      <c r="I5669" s="5" t="s">
        <v>64310</v>
      </c>
      <c r="J5669" s="2" t="s">
        <v>64311</v>
      </c>
      <c r="K5669" s="5" t="s">
        <v>64310</v>
      </c>
      <c r="L5669" s="2" t="s">
        <v>64311</v>
      </c>
      <c r="M5669" s="5" t="s">
        <v>733</v>
      </c>
      <c r="N5669" s="5" t="s">
        <v>38</v>
      </c>
      <c r="O5669" s="5" t="s">
        <v>39</v>
      </c>
      <c r="P5669" s="5" t="s">
        <v>40</v>
      </c>
      <c r="Q5669" s="5" t="s">
        <v>897</v>
      </c>
      <c r="R5669" s="5" t="s">
        <v>40</v>
      </c>
      <c r="S5669" s="5" t="s">
        <v>42</v>
      </c>
      <c r="T5669" s="2">
        <v>72.111999999999995</v>
      </c>
      <c r="U5669" s="2">
        <v>67.894000000000005</v>
      </c>
      <c r="V5669" s="2">
        <v>0.25900000000000001</v>
      </c>
      <c r="W5669" s="2">
        <v>17</v>
      </c>
      <c r="X5669" s="2">
        <v>136.69999999999999</v>
      </c>
      <c r="Y5669" s="2">
        <v>111.6</v>
      </c>
      <c r="Z5669" s="5">
        <v>7</v>
      </c>
      <c r="AA5669" s="5" t="s">
        <v>43</v>
      </c>
      <c r="AB5669" s="5" t="s">
        <v>735</v>
      </c>
      <c r="AC5669" s="2" t="s">
        <v>100922</v>
      </c>
      <c r="AD5669" s="1"/>
    </row>
    <row r="5670" spans="1:30">
      <c r="A5670" s="5" t="s">
        <v>83578</v>
      </c>
      <c r="B5670" s="2" t="s">
        <v>100923</v>
      </c>
      <c r="C5670" s="14" t="s">
        <v>100924</v>
      </c>
      <c r="D5670" s="2" t="s">
        <v>100925</v>
      </c>
      <c r="E5670" s="2" t="s">
        <v>100926</v>
      </c>
      <c r="F5670" s="8">
        <v>1706</v>
      </c>
      <c r="G5670" s="5">
        <v>15</v>
      </c>
      <c r="H5670" s="5" t="s">
        <v>69</v>
      </c>
      <c r="I5670" s="5" t="s">
        <v>64310</v>
      </c>
      <c r="J5670" s="2" t="s">
        <v>64311</v>
      </c>
      <c r="K5670" s="5" t="s">
        <v>64310</v>
      </c>
      <c r="L5670" s="2" t="s">
        <v>64311</v>
      </c>
      <c r="M5670" s="5" t="s">
        <v>733</v>
      </c>
      <c r="N5670" s="5" t="s">
        <v>38</v>
      </c>
      <c r="O5670" s="5" t="s">
        <v>39</v>
      </c>
      <c r="P5670" s="5" t="s">
        <v>40</v>
      </c>
      <c r="Q5670" s="5" t="s">
        <v>897</v>
      </c>
      <c r="R5670" s="5" t="s">
        <v>40</v>
      </c>
      <c r="S5670" s="5" t="s">
        <v>42</v>
      </c>
      <c r="T5670" s="2">
        <v>63.081000000000003</v>
      </c>
      <c r="U5670" s="2">
        <v>58.863</v>
      </c>
      <c r="V5670" s="2">
        <v>0.25900000000000001</v>
      </c>
      <c r="W5670" s="2">
        <v>17</v>
      </c>
      <c r="X5670" s="2">
        <v>136.69999999999999</v>
      </c>
      <c r="Y5670" s="2">
        <v>111.6</v>
      </c>
      <c r="Z5670" s="5">
        <v>7</v>
      </c>
      <c r="AA5670" s="5" t="s">
        <v>43</v>
      </c>
      <c r="AB5670" s="5" t="s">
        <v>735</v>
      </c>
      <c r="AC5670" s="2" t="s">
        <v>100927</v>
      </c>
      <c r="AD5670" s="1"/>
    </row>
    <row r="5671" spans="1:30">
      <c r="A5671" s="5" t="s">
        <v>83578</v>
      </c>
      <c r="B5671" s="2" t="s">
        <v>100928</v>
      </c>
      <c r="C5671" s="14" t="s">
        <v>100929</v>
      </c>
      <c r="D5671" s="2" t="s">
        <v>100930</v>
      </c>
      <c r="E5671" s="2" t="s">
        <v>100931</v>
      </c>
      <c r="F5671" s="8">
        <v>1319</v>
      </c>
      <c r="G5671" s="5">
        <v>5</v>
      </c>
      <c r="H5671" s="5" t="s">
        <v>69</v>
      </c>
      <c r="I5671" s="5" t="s">
        <v>64310</v>
      </c>
      <c r="J5671" s="2" t="s">
        <v>64311</v>
      </c>
      <c r="K5671" s="5" t="s">
        <v>64310</v>
      </c>
      <c r="L5671" s="2" t="s">
        <v>64311</v>
      </c>
      <c r="M5671" s="5" t="s">
        <v>733</v>
      </c>
      <c r="N5671" s="5" t="s">
        <v>38</v>
      </c>
      <c r="O5671" s="5" t="s">
        <v>39</v>
      </c>
      <c r="P5671" s="5" t="s">
        <v>40</v>
      </c>
      <c r="Q5671" s="5" t="s">
        <v>897</v>
      </c>
      <c r="R5671" s="5" t="s">
        <v>40</v>
      </c>
      <c r="S5671" s="5" t="s">
        <v>42</v>
      </c>
      <c r="T5671" s="2">
        <v>55.261000000000003</v>
      </c>
      <c r="U5671" s="2">
        <v>51.042999999999999</v>
      </c>
      <c r="V5671" s="2">
        <v>0.25900000000000001</v>
      </c>
      <c r="W5671" s="2">
        <v>17</v>
      </c>
      <c r="X5671" s="2">
        <v>136.69999999999999</v>
      </c>
      <c r="Y5671" s="2">
        <v>111.6</v>
      </c>
      <c r="Z5671" s="5">
        <v>7</v>
      </c>
      <c r="AA5671" s="5" t="s">
        <v>43</v>
      </c>
      <c r="AB5671" s="5" t="s">
        <v>735</v>
      </c>
      <c r="AC5671" s="2" t="s">
        <v>100932</v>
      </c>
      <c r="AD5671" s="1"/>
    </row>
    <row r="5672" spans="1:30">
      <c r="A5672" s="5" t="s">
        <v>83578</v>
      </c>
      <c r="B5672" s="2" t="s">
        <v>100933</v>
      </c>
      <c r="C5672" s="14" t="s">
        <v>100934</v>
      </c>
      <c r="D5672" s="2" t="s">
        <v>100935</v>
      </c>
      <c r="E5672" s="2" t="s">
        <v>100936</v>
      </c>
      <c r="F5672" s="8">
        <v>1397</v>
      </c>
      <c r="G5672" s="5">
        <v>15</v>
      </c>
      <c r="H5672" s="5" t="s">
        <v>69</v>
      </c>
      <c r="I5672" s="5" t="s">
        <v>64310</v>
      </c>
      <c r="J5672" s="2" t="s">
        <v>64311</v>
      </c>
      <c r="K5672" s="5" t="s">
        <v>64310</v>
      </c>
      <c r="L5672" s="2" t="s">
        <v>64311</v>
      </c>
      <c r="M5672" s="5" t="s">
        <v>733</v>
      </c>
      <c r="N5672" s="5" t="s">
        <v>38</v>
      </c>
      <c r="O5672" s="5" t="s">
        <v>39</v>
      </c>
      <c r="P5672" s="5" t="s">
        <v>40</v>
      </c>
      <c r="Q5672" s="5" t="s">
        <v>897</v>
      </c>
      <c r="R5672" s="5" t="s">
        <v>40</v>
      </c>
      <c r="S5672" s="5" t="s">
        <v>42</v>
      </c>
      <c r="T5672" s="2">
        <v>68.956000000000003</v>
      </c>
      <c r="U5672" s="2">
        <v>64.738</v>
      </c>
      <c r="V5672" s="2">
        <v>0.25900000000000001</v>
      </c>
      <c r="W5672" s="2">
        <v>17</v>
      </c>
      <c r="X5672" s="2">
        <v>136.69999999999999</v>
      </c>
      <c r="Y5672" s="2">
        <v>111.6</v>
      </c>
      <c r="Z5672" s="5">
        <v>7</v>
      </c>
      <c r="AA5672" s="5" t="s">
        <v>43</v>
      </c>
      <c r="AB5672" s="5" t="s">
        <v>735</v>
      </c>
      <c r="AC5672" s="2" t="s">
        <v>100937</v>
      </c>
      <c r="AD5672" s="1"/>
    </row>
    <row r="5673" spans="1:30">
      <c r="A5673" s="5" t="s">
        <v>83578</v>
      </c>
      <c r="B5673" s="2" t="s">
        <v>100938</v>
      </c>
      <c r="C5673" s="14" t="s">
        <v>100939</v>
      </c>
      <c r="D5673" s="2" t="s">
        <v>100940</v>
      </c>
      <c r="E5673" s="2" t="s">
        <v>100941</v>
      </c>
      <c r="F5673" s="8">
        <v>1865</v>
      </c>
      <c r="G5673" s="5">
        <v>15</v>
      </c>
      <c r="H5673" s="5" t="s">
        <v>69</v>
      </c>
      <c r="I5673" s="5" t="s">
        <v>64310</v>
      </c>
      <c r="J5673" s="2" t="s">
        <v>64311</v>
      </c>
      <c r="K5673" s="5" t="s">
        <v>64310</v>
      </c>
      <c r="L5673" s="2" t="s">
        <v>64311</v>
      </c>
      <c r="M5673" s="5" t="s">
        <v>733</v>
      </c>
      <c r="N5673" s="5" t="s">
        <v>38</v>
      </c>
      <c r="O5673" s="5" t="s">
        <v>39</v>
      </c>
      <c r="P5673" s="5" t="s">
        <v>40</v>
      </c>
      <c r="Q5673" s="5" t="s">
        <v>897</v>
      </c>
      <c r="R5673" s="5" t="s">
        <v>40</v>
      </c>
      <c r="S5673" s="5" t="s">
        <v>42</v>
      </c>
      <c r="T5673" s="2">
        <v>73.555000000000007</v>
      </c>
      <c r="U5673" s="2">
        <v>69.337000000000003</v>
      </c>
      <c r="V5673" s="2">
        <v>0.25900000000000001</v>
      </c>
      <c r="W5673" s="2">
        <v>17</v>
      </c>
      <c r="X5673" s="2">
        <v>136.69999999999999</v>
      </c>
      <c r="Y5673" s="2">
        <v>111.6</v>
      </c>
      <c r="Z5673" s="5">
        <v>7</v>
      </c>
      <c r="AA5673" s="5" t="s">
        <v>43</v>
      </c>
      <c r="AB5673" s="5" t="s">
        <v>735</v>
      </c>
      <c r="AC5673" s="2" t="s">
        <v>100942</v>
      </c>
      <c r="AD5673" s="1"/>
    </row>
    <row r="5674" spans="1:30">
      <c r="A5674" s="5" t="s">
        <v>83578</v>
      </c>
      <c r="B5674" s="2" t="s">
        <v>100943</v>
      </c>
      <c r="C5674" s="14" t="s">
        <v>100944</v>
      </c>
      <c r="D5674" s="2" t="s">
        <v>100945</v>
      </c>
      <c r="E5674" s="2" t="s">
        <v>100946</v>
      </c>
      <c r="F5674" s="8">
        <v>1706</v>
      </c>
      <c r="G5674" s="5">
        <v>15</v>
      </c>
      <c r="H5674" s="5" t="s">
        <v>69</v>
      </c>
      <c r="I5674" s="5" t="s">
        <v>64310</v>
      </c>
      <c r="J5674" s="2" t="s">
        <v>64311</v>
      </c>
      <c r="K5674" s="5" t="s">
        <v>64310</v>
      </c>
      <c r="L5674" s="2" t="s">
        <v>64311</v>
      </c>
      <c r="M5674" s="5" t="s">
        <v>733</v>
      </c>
      <c r="N5674" s="5" t="s">
        <v>38</v>
      </c>
      <c r="O5674" s="5" t="s">
        <v>39</v>
      </c>
      <c r="P5674" s="5" t="s">
        <v>40</v>
      </c>
      <c r="Q5674" s="5" t="s">
        <v>897</v>
      </c>
      <c r="R5674" s="5" t="s">
        <v>40</v>
      </c>
      <c r="S5674" s="5" t="s">
        <v>42</v>
      </c>
      <c r="T5674" s="2">
        <v>64.524000000000001</v>
      </c>
      <c r="U5674" s="2">
        <v>60.305999999999997</v>
      </c>
      <c r="V5674" s="2">
        <v>0.25900000000000001</v>
      </c>
      <c r="W5674" s="2">
        <v>17</v>
      </c>
      <c r="X5674" s="2">
        <v>136.69999999999999</v>
      </c>
      <c r="Y5674" s="2">
        <v>111.6</v>
      </c>
      <c r="Z5674" s="5">
        <v>7</v>
      </c>
      <c r="AA5674" s="5" t="s">
        <v>43</v>
      </c>
      <c r="AB5674" s="5" t="s">
        <v>735</v>
      </c>
      <c r="AC5674" s="2" t="s">
        <v>100947</v>
      </c>
      <c r="AD5674" s="1"/>
    </row>
    <row r="5675" spans="1:30">
      <c r="A5675" s="5" t="s">
        <v>83578</v>
      </c>
      <c r="B5675" s="2" t="s">
        <v>100948</v>
      </c>
      <c r="C5675" s="14" t="s">
        <v>100949</v>
      </c>
      <c r="D5675" s="2" t="s">
        <v>100950</v>
      </c>
      <c r="E5675" s="2" t="s">
        <v>100951</v>
      </c>
      <c r="F5675" s="8">
        <v>1319</v>
      </c>
      <c r="G5675" s="5">
        <v>5</v>
      </c>
      <c r="H5675" s="5" t="s">
        <v>69</v>
      </c>
      <c r="I5675" s="5" t="s">
        <v>64310</v>
      </c>
      <c r="J5675" s="2" t="s">
        <v>64311</v>
      </c>
      <c r="K5675" s="5" t="s">
        <v>64310</v>
      </c>
      <c r="L5675" s="2" t="s">
        <v>64311</v>
      </c>
      <c r="M5675" s="5" t="s">
        <v>733</v>
      </c>
      <c r="N5675" s="5" t="s">
        <v>38</v>
      </c>
      <c r="O5675" s="5" t="s">
        <v>39</v>
      </c>
      <c r="P5675" s="5" t="s">
        <v>40</v>
      </c>
      <c r="Q5675" s="5" t="s">
        <v>897</v>
      </c>
      <c r="R5675" s="5" t="s">
        <v>40</v>
      </c>
      <c r="S5675" s="5" t="s">
        <v>42</v>
      </c>
      <c r="T5675" s="2">
        <v>56.667000000000002</v>
      </c>
      <c r="U5675" s="2">
        <v>52.448999999999998</v>
      </c>
      <c r="V5675" s="2">
        <v>0.25900000000000001</v>
      </c>
      <c r="W5675" s="2">
        <v>17</v>
      </c>
      <c r="X5675" s="2">
        <v>136.69999999999999</v>
      </c>
      <c r="Y5675" s="2">
        <v>111.6</v>
      </c>
      <c r="Z5675" s="5">
        <v>7</v>
      </c>
      <c r="AA5675" s="5" t="s">
        <v>43</v>
      </c>
      <c r="AB5675" s="5" t="s">
        <v>735</v>
      </c>
      <c r="AC5675" s="2" t="s">
        <v>100952</v>
      </c>
      <c r="AD5675" s="1"/>
    </row>
    <row r="5676" spans="1:30">
      <c r="A5676" s="5" t="s">
        <v>83578</v>
      </c>
      <c r="B5676" s="2" t="s">
        <v>100953</v>
      </c>
      <c r="C5676" s="14" t="s">
        <v>100954</v>
      </c>
      <c r="D5676" s="2" t="s">
        <v>100955</v>
      </c>
      <c r="E5676" s="2" t="s">
        <v>100956</v>
      </c>
      <c r="F5676" s="8">
        <v>1865</v>
      </c>
      <c r="G5676" s="5">
        <v>15</v>
      </c>
      <c r="H5676" s="5" t="s">
        <v>69</v>
      </c>
      <c r="I5676" s="5" t="s">
        <v>64310</v>
      </c>
      <c r="J5676" s="2" t="s">
        <v>64311</v>
      </c>
      <c r="K5676" s="5" t="s">
        <v>64310</v>
      </c>
      <c r="L5676" s="2" t="s">
        <v>64311</v>
      </c>
      <c r="M5676" s="5" t="s">
        <v>733</v>
      </c>
      <c r="N5676" s="5" t="s">
        <v>38</v>
      </c>
      <c r="O5676" s="5" t="s">
        <v>39</v>
      </c>
      <c r="P5676" s="5" t="s">
        <v>40</v>
      </c>
      <c r="Q5676" s="5" t="s">
        <v>897</v>
      </c>
      <c r="R5676" s="5" t="s">
        <v>40</v>
      </c>
      <c r="S5676" s="5" t="s">
        <v>42</v>
      </c>
      <c r="T5676" s="2">
        <v>72.128</v>
      </c>
      <c r="U5676" s="2">
        <v>67.91</v>
      </c>
      <c r="V5676" s="2">
        <v>0.25900000000000001</v>
      </c>
      <c r="W5676" s="2">
        <v>17</v>
      </c>
      <c r="X5676" s="2">
        <v>136.69999999999999</v>
      </c>
      <c r="Y5676" s="2">
        <v>111.6</v>
      </c>
      <c r="Z5676" s="5">
        <v>7</v>
      </c>
      <c r="AA5676" s="5" t="s">
        <v>43</v>
      </c>
      <c r="AB5676" s="5" t="s">
        <v>735</v>
      </c>
      <c r="AC5676" s="2" t="s">
        <v>100957</v>
      </c>
      <c r="AD5676" s="1"/>
    </row>
    <row r="5677" spans="1:30">
      <c r="A5677" s="5" t="s">
        <v>83578</v>
      </c>
      <c r="B5677" s="2" t="s">
        <v>100958</v>
      </c>
      <c r="C5677" s="14" t="s">
        <v>100959</v>
      </c>
      <c r="D5677" s="2" t="s">
        <v>100960</v>
      </c>
      <c r="E5677" s="2" t="s">
        <v>100961</v>
      </c>
      <c r="F5677" s="8">
        <v>1706</v>
      </c>
      <c r="G5677" s="5">
        <v>15</v>
      </c>
      <c r="H5677" s="5" t="s">
        <v>69</v>
      </c>
      <c r="I5677" s="5" t="s">
        <v>64310</v>
      </c>
      <c r="J5677" s="2" t="s">
        <v>64311</v>
      </c>
      <c r="K5677" s="5" t="s">
        <v>64310</v>
      </c>
      <c r="L5677" s="2" t="s">
        <v>64311</v>
      </c>
      <c r="M5677" s="5" t="s">
        <v>733</v>
      </c>
      <c r="N5677" s="5" t="s">
        <v>38</v>
      </c>
      <c r="O5677" s="5" t="s">
        <v>39</v>
      </c>
      <c r="P5677" s="5" t="s">
        <v>40</v>
      </c>
      <c r="Q5677" s="5" t="s">
        <v>897</v>
      </c>
      <c r="R5677" s="5" t="s">
        <v>40</v>
      </c>
      <c r="S5677" s="5" t="s">
        <v>42</v>
      </c>
      <c r="T5677" s="2">
        <v>63.097000000000001</v>
      </c>
      <c r="U5677" s="2">
        <v>58.878999999999998</v>
      </c>
      <c r="V5677" s="2">
        <v>0.25900000000000001</v>
      </c>
      <c r="W5677" s="2">
        <v>17</v>
      </c>
      <c r="X5677" s="2">
        <v>136.69999999999999</v>
      </c>
      <c r="Y5677" s="2">
        <v>111.6</v>
      </c>
      <c r="Z5677" s="5">
        <v>7</v>
      </c>
      <c r="AA5677" s="5" t="s">
        <v>43</v>
      </c>
      <c r="AB5677" s="5" t="s">
        <v>735</v>
      </c>
      <c r="AC5677" s="2" t="s">
        <v>100962</v>
      </c>
      <c r="AD5677" s="1"/>
    </row>
    <row r="5678" spans="1:30">
      <c r="A5678" s="5" t="s">
        <v>83578</v>
      </c>
      <c r="B5678" s="2" t="s">
        <v>100963</v>
      </c>
      <c r="C5678" s="14" t="s">
        <v>100964</v>
      </c>
      <c r="D5678" s="2" t="s">
        <v>100965</v>
      </c>
      <c r="E5678" s="2" t="s">
        <v>100966</v>
      </c>
      <c r="F5678" s="8">
        <v>1319</v>
      </c>
      <c r="G5678" s="5">
        <v>5</v>
      </c>
      <c r="H5678" s="5" t="s">
        <v>69</v>
      </c>
      <c r="I5678" s="5" t="s">
        <v>64310</v>
      </c>
      <c r="J5678" s="2" t="s">
        <v>64311</v>
      </c>
      <c r="K5678" s="5" t="s">
        <v>64310</v>
      </c>
      <c r="L5678" s="2" t="s">
        <v>64311</v>
      </c>
      <c r="M5678" s="5" t="s">
        <v>733</v>
      </c>
      <c r="N5678" s="5" t="s">
        <v>38</v>
      </c>
      <c r="O5678" s="5" t="s">
        <v>39</v>
      </c>
      <c r="P5678" s="5" t="s">
        <v>40</v>
      </c>
      <c r="Q5678" s="5" t="s">
        <v>897</v>
      </c>
      <c r="R5678" s="5" t="s">
        <v>40</v>
      </c>
      <c r="S5678" s="5" t="s">
        <v>42</v>
      </c>
      <c r="T5678" s="2">
        <v>55.277000000000001</v>
      </c>
      <c r="U5678" s="2">
        <v>51.058999999999997</v>
      </c>
      <c r="V5678" s="2">
        <v>0.25900000000000001</v>
      </c>
      <c r="W5678" s="2">
        <v>17</v>
      </c>
      <c r="X5678" s="2">
        <v>136.69999999999999</v>
      </c>
      <c r="Y5678" s="2">
        <v>111.6</v>
      </c>
      <c r="Z5678" s="5">
        <v>7</v>
      </c>
      <c r="AA5678" s="5" t="s">
        <v>43</v>
      </c>
      <c r="AB5678" s="5" t="s">
        <v>735</v>
      </c>
      <c r="AC5678" s="2" t="s">
        <v>100967</v>
      </c>
      <c r="AD5678" s="1"/>
    </row>
    <row r="5679" spans="1:30">
      <c r="A5679" s="5" t="s">
        <v>83578</v>
      </c>
      <c r="B5679" s="2" t="s">
        <v>100968</v>
      </c>
      <c r="C5679" s="14" t="s">
        <v>100969</v>
      </c>
      <c r="D5679" s="2" t="s">
        <v>100970</v>
      </c>
      <c r="E5679" s="2" t="s">
        <v>100971</v>
      </c>
      <c r="F5679" s="8">
        <v>1374</v>
      </c>
      <c r="G5679" s="5">
        <v>10</v>
      </c>
      <c r="H5679" s="5" t="s">
        <v>69</v>
      </c>
      <c r="I5679" s="5" t="s">
        <v>64310</v>
      </c>
      <c r="J5679" s="2" t="s">
        <v>64311</v>
      </c>
      <c r="K5679" s="5" t="s">
        <v>64310</v>
      </c>
      <c r="L5679" s="2" t="s">
        <v>64311</v>
      </c>
      <c r="M5679" s="5" t="s">
        <v>733</v>
      </c>
      <c r="N5679" s="5" t="s">
        <v>38</v>
      </c>
      <c r="O5679" s="5" t="s">
        <v>39</v>
      </c>
      <c r="P5679" s="5" t="s">
        <v>40</v>
      </c>
      <c r="Q5679" s="5" t="s">
        <v>897</v>
      </c>
      <c r="R5679" s="5" t="s">
        <v>40</v>
      </c>
      <c r="S5679" s="5" t="s">
        <v>42</v>
      </c>
      <c r="T5679" s="2">
        <v>41.420999999999999</v>
      </c>
      <c r="U5679" s="2">
        <v>38.700000000000003</v>
      </c>
      <c r="V5679" s="2">
        <v>0.153</v>
      </c>
      <c r="W5679" s="2">
        <v>17</v>
      </c>
      <c r="X5679" s="2">
        <v>80.7</v>
      </c>
      <c r="Y5679" s="2">
        <v>111.6</v>
      </c>
      <c r="Z5679" s="5">
        <v>7</v>
      </c>
      <c r="AA5679" s="5" t="s">
        <v>43</v>
      </c>
      <c r="AB5679" s="5" t="s">
        <v>735</v>
      </c>
      <c r="AC5679" s="2" t="s">
        <v>100972</v>
      </c>
      <c r="AD5679" s="1"/>
    </row>
    <row r="5680" spans="1:30">
      <c r="A5680" s="5" t="s">
        <v>83578</v>
      </c>
      <c r="B5680" s="2" t="s">
        <v>100973</v>
      </c>
      <c r="C5680" s="14" t="s">
        <v>100974</v>
      </c>
      <c r="D5680" s="2" t="s">
        <v>100975</v>
      </c>
      <c r="E5680" s="2" t="s">
        <v>100976</v>
      </c>
      <c r="F5680" s="8">
        <v>1054</v>
      </c>
      <c r="G5680" s="5">
        <v>5</v>
      </c>
      <c r="H5680" s="5" t="s">
        <v>69</v>
      </c>
      <c r="I5680" s="5" t="s">
        <v>64310</v>
      </c>
      <c r="J5680" s="2" t="s">
        <v>64311</v>
      </c>
      <c r="K5680" s="5" t="s">
        <v>64310</v>
      </c>
      <c r="L5680" s="2" t="s">
        <v>64311</v>
      </c>
      <c r="M5680" s="5" t="s">
        <v>733</v>
      </c>
      <c r="N5680" s="5" t="s">
        <v>38</v>
      </c>
      <c r="O5680" s="5" t="s">
        <v>39</v>
      </c>
      <c r="P5680" s="5" t="s">
        <v>40</v>
      </c>
      <c r="Q5680" s="5" t="s">
        <v>897</v>
      </c>
      <c r="R5680" s="5" t="s">
        <v>40</v>
      </c>
      <c r="S5680" s="5" t="s">
        <v>42</v>
      </c>
      <c r="T5680" s="2">
        <v>32.414000000000001</v>
      </c>
      <c r="U5680" s="2">
        <v>29.677</v>
      </c>
      <c r="V5680" s="2">
        <v>0.153</v>
      </c>
      <c r="W5680" s="2">
        <v>17</v>
      </c>
      <c r="X5680" s="2">
        <v>80.7</v>
      </c>
      <c r="Y5680" s="2">
        <v>111.6</v>
      </c>
      <c r="Z5680" s="5">
        <v>7</v>
      </c>
      <c r="AA5680" s="5" t="s">
        <v>43</v>
      </c>
      <c r="AB5680" s="5" t="s">
        <v>735</v>
      </c>
      <c r="AC5680" s="2" t="s">
        <v>100977</v>
      </c>
      <c r="AD5680" s="1"/>
    </row>
    <row r="5681" spans="1:30">
      <c r="A5681" s="5" t="s">
        <v>83578</v>
      </c>
      <c r="B5681" s="2" t="s">
        <v>100978</v>
      </c>
      <c r="C5681" s="14" t="s">
        <v>100979</v>
      </c>
      <c r="D5681" s="2" t="s">
        <v>100980</v>
      </c>
      <c r="E5681" s="2" t="s">
        <v>100981</v>
      </c>
      <c r="F5681" s="8">
        <v>1374</v>
      </c>
      <c r="G5681" s="5">
        <v>10</v>
      </c>
      <c r="H5681" s="5" t="s">
        <v>69</v>
      </c>
      <c r="I5681" s="5" t="s">
        <v>64310</v>
      </c>
      <c r="J5681" s="2" t="s">
        <v>64311</v>
      </c>
      <c r="K5681" s="5" t="s">
        <v>64310</v>
      </c>
      <c r="L5681" s="2" t="s">
        <v>64311</v>
      </c>
      <c r="M5681" s="5" t="s">
        <v>733</v>
      </c>
      <c r="N5681" s="5" t="s">
        <v>38</v>
      </c>
      <c r="O5681" s="5" t="s">
        <v>39</v>
      </c>
      <c r="P5681" s="5" t="s">
        <v>40</v>
      </c>
      <c r="Q5681" s="5" t="s">
        <v>897</v>
      </c>
      <c r="R5681" s="5" t="s">
        <v>40</v>
      </c>
      <c r="S5681" s="5" t="s">
        <v>42</v>
      </c>
      <c r="T5681" s="2">
        <v>40.433999999999997</v>
      </c>
      <c r="U5681" s="2">
        <v>37.713000000000001</v>
      </c>
      <c r="V5681" s="2">
        <v>0.153</v>
      </c>
      <c r="W5681" s="2">
        <v>17</v>
      </c>
      <c r="X5681" s="2">
        <v>80.7</v>
      </c>
      <c r="Y5681" s="2">
        <v>111.6</v>
      </c>
      <c r="Z5681" s="5">
        <v>7</v>
      </c>
      <c r="AA5681" s="5" t="s">
        <v>43</v>
      </c>
      <c r="AB5681" s="5" t="s">
        <v>735</v>
      </c>
      <c r="AC5681" s="2" t="s">
        <v>100982</v>
      </c>
      <c r="AD5681" s="1"/>
    </row>
    <row r="5682" spans="1:30">
      <c r="A5682" s="5" t="s">
        <v>83578</v>
      </c>
      <c r="B5682" s="2" t="s">
        <v>100983</v>
      </c>
      <c r="C5682" s="14" t="s">
        <v>100984</v>
      </c>
      <c r="D5682" s="2" t="s">
        <v>100985</v>
      </c>
      <c r="E5682" s="2" t="s">
        <v>100986</v>
      </c>
      <c r="F5682" s="8">
        <v>1054</v>
      </c>
      <c r="G5682" s="5">
        <v>10</v>
      </c>
      <c r="H5682" s="5" t="s">
        <v>69</v>
      </c>
      <c r="I5682" s="5" t="s">
        <v>64310</v>
      </c>
      <c r="J5682" s="2" t="s">
        <v>64311</v>
      </c>
      <c r="K5682" s="5" t="s">
        <v>64310</v>
      </c>
      <c r="L5682" s="2" t="s">
        <v>64311</v>
      </c>
      <c r="M5682" s="5" t="s">
        <v>733</v>
      </c>
      <c r="N5682" s="5" t="s">
        <v>38</v>
      </c>
      <c r="O5682" s="5" t="s">
        <v>39</v>
      </c>
      <c r="P5682" s="5" t="s">
        <v>40</v>
      </c>
      <c r="Q5682" s="5" t="s">
        <v>897</v>
      </c>
      <c r="R5682" s="5" t="s">
        <v>40</v>
      </c>
      <c r="S5682" s="5" t="s">
        <v>42</v>
      </c>
      <c r="T5682" s="2">
        <v>31.45</v>
      </c>
      <c r="U5682" s="2">
        <v>28.713000000000001</v>
      </c>
      <c r="V5682" s="2">
        <v>0.153</v>
      </c>
      <c r="W5682" s="2">
        <v>17</v>
      </c>
      <c r="X5682" s="2">
        <v>80.7</v>
      </c>
      <c r="Y5682" s="2">
        <v>111.6</v>
      </c>
      <c r="Z5682" s="5">
        <v>7</v>
      </c>
      <c r="AA5682" s="5" t="s">
        <v>43</v>
      </c>
      <c r="AB5682" s="5" t="s">
        <v>735</v>
      </c>
      <c r="AC5682" s="2" t="s">
        <v>100987</v>
      </c>
      <c r="AD5682" s="1"/>
    </row>
    <row r="5683" spans="1:30">
      <c r="A5683" s="5" t="s">
        <v>83578</v>
      </c>
      <c r="B5683" s="2" t="s">
        <v>100988</v>
      </c>
      <c r="C5683" s="14" t="s">
        <v>100989</v>
      </c>
      <c r="D5683" s="2" t="s">
        <v>100990</v>
      </c>
      <c r="E5683" s="2" t="s">
        <v>100991</v>
      </c>
      <c r="F5683" s="8">
        <v>1508</v>
      </c>
      <c r="G5683" s="5">
        <v>10</v>
      </c>
      <c r="H5683" s="5" t="s">
        <v>69</v>
      </c>
      <c r="I5683" s="5" t="s">
        <v>64310</v>
      </c>
      <c r="J5683" s="2" t="s">
        <v>64311</v>
      </c>
      <c r="K5683" s="5" t="s">
        <v>64310</v>
      </c>
      <c r="L5683" s="2" t="s">
        <v>64311</v>
      </c>
      <c r="M5683" s="5" t="s">
        <v>733</v>
      </c>
      <c r="N5683" s="5" t="s">
        <v>38</v>
      </c>
      <c r="O5683" s="5" t="s">
        <v>39</v>
      </c>
      <c r="P5683" s="5" t="s">
        <v>40</v>
      </c>
      <c r="Q5683" s="5" t="s">
        <v>897</v>
      </c>
      <c r="R5683" s="5" t="s">
        <v>40</v>
      </c>
      <c r="S5683" s="5" t="s">
        <v>42</v>
      </c>
      <c r="T5683" s="2">
        <v>49.512</v>
      </c>
      <c r="U5683" s="2">
        <v>45.761000000000003</v>
      </c>
      <c r="V5683" s="2">
        <v>0.19900000000000001</v>
      </c>
      <c r="W5683" s="2">
        <v>17</v>
      </c>
      <c r="X5683" s="2">
        <v>104.9</v>
      </c>
      <c r="Y5683" s="2">
        <v>111.6</v>
      </c>
      <c r="Z5683" s="5">
        <v>7</v>
      </c>
      <c r="AA5683" s="5" t="s">
        <v>43</v>
      </c>
      <c r="AB5683" s="5" t="s">
        <v>735</v>
      </c>
      <c r="AC5683" s="2" t="s">
        <v>100992</v>
      </c>
      <c r="AD5683" s="1"/>
    </row>
    <row r="5684" spans="1:30">
      <c r="A5684" s="5" t="s">
        <v>83578</v>
      </c>
      <c r="B5684" s="2" t="s">
        <v>100993</v>
      </c>
      <c r="C5684" s="14" t="s">
        <v>100994</v>
      </c>
      <c r="D5684" s="2" t="s">
        <v>100995</v>
      </c>
      <c r="E5684" s="2" t="s">
        <v>100996</v>
      </c>
      <c r="F5684" s="8">
        <v>1126</v>
      </c>
      <c r="G5684" s="5">
        <v>5</v>
      </c>
      <c r="H5684" s="5" t="s">
        <v>69</v>
      </c>
      <c r="I5684" s="5" t="s">
        <v>64310</v>
      </c>
      <c r="J5684" s="2" t="s">
        <v>64311</v>
      </c>
      <c r="K5684" s="5" t="s">
        <v>64310</v>
      </c>
      <c r="L5684" s="2" t="s">
        <v>64311</v>
      </c>
      <c r="M5684" s="5" t="s">
        <v>733</v>
      </c>
      <c r="N5684" s="5" t="s">
        <v>38</v>
      </c>
      <c r="O5684" s="5" t="s">
        <v>39</v>
      </c>
      <c r="P5684" s="5" t="s">
        <v>40</v>
      </c>
      <c r="Q5684" s="5" t="s">
        <v>897</v>
      </c>
      <c r="R5684" s="5" t="s">
        <v>40</v>
      </c>
      <c r="S5684" s="5" t="s">
        <v>42</v>
      </c>
      <c r="T5684" s="2">
        <v>38.283000000000001</v>
      </c>
      <c r="U5684" s="2">
        <v>34.508000000000003</v>
      </c>
      <c r="V5684" s="2">
        <v>0.19</v>
      </c>
      <c r="W5684" s="2">
        <v>17</v>
      </c>
      <c r="X5684" s="2">
        <v>104.9</v>
      </c>
      <c r="Y5684" s="2">
        <v>111.6</v>
      </c>
      <c r="Z5684" s="5">
        <v>7</v>
      </c>
      <c r="AA5684" s="5" t="s">
        <v>43</v>
      </c>
      <c r="AB5684" s="5" t="s">
        <v>735</v>
      </c>
      <c r="AC5684" s="2" t="s">
        <v>100997</v>
      </c>
      <c r="AD5684" s="1"/>
    </row>
    <row r="5685" spans="1:30">
      <c r="A5685" s="5" t="s">
        <v>83578</v>
      </c>
      <c r="B5685" s="2" t="s">
        <v>100998</v>
      </c>
      <c r="C5685" s="14" t="s">
        <v>100999</v>
      </c>
      <c r="D5685" s="2" t="s">
        <v>101000</v>
      </c>
      <c r="E5685" s="2" t="s">
        <v>101001</v>
      </c>
      <c r="F5685" s="8">
        <v>1508</v>
      </c>
      <c r="G5685" s="5">
        <v>10</v>
      </c>
      <c r="H5685" s="5" t="s">
        <v>69</v>
      </c>
      <c r="I5685" s="5" t="s">
        <v>64310</v>
      </c>
      <c r="J5685" s="2" t="s">
        <v>64311</v>
      </c>
      <c r="K5685" s="5" t="s">
        <v>64310</v>
      </c>
      <c r="L5685" s="2" t="s">
        <v>64311</v>
      </c>
      <c r="M5685" s="5" t="s">
        <v>733</v>
      </c>
      <c r="N5685" s="5" t="s">
        <v>38</v>
      </c>
      <c r="O5685" s="5" t="s">
        <v>39</v>
      </c>
      <c r="P5685" s="5" t="s">
        <v>40</v>
      </c>
      <c r="Q5685" s="5" t="s">
        <v>897</v>
      </c>
      <c r="R5685" s="5" t="s">
        <v>40</v>
      </c>
      <c r="S5685" s="5" t="s">
        <v>42</v>
      </c>
      <c r="T5685" s="2">
        <v>48.398000000000003</v>
      </c>
      <c r="U5685" s="2">
        <v>44.646999999999998</v>
      </c>
      <c r="V5685" s="2">
        <v>0.19900000000000001</v>
      </c>
      <c r="W5685" s="2">
        <v>17</v>
      </c>
      <c r="X5685" s="2">
        <v>104.9</v>
      </c>
      <c r="Y5685" s="2">
        <v>111.6</v>
      </c>
      <c r="Z5685" s="5">
        <v>7</v>
      </c>
      <c r="AA5685" s="5" t="s">
        <v>43</v>
      </c>
      <c r="AB5685" s="5" t="s">
        <v>735</v>
      </c>
      <c r="AC5685" s="2" t="s">
        <v>101002</v>
      </c>
      <c r="AD5685" s="1"/>
    </row>
    <row r="5686" spans="1:30">
      <c r="A5686" s="5" t="s">
        <v>83578</v>
      </c>
      <c r="B5686" s="2" t="s">
        <v>101003</v>
      </c>
      <c r="C5686" s="14" t="s">
        <v>101004</v>
      </c>
      <c r="D5686" s="2" t="s">
        <v>101005</v>
      </c>
      <c r="E5686" s="2" t="s">
        <v>101006</v>
      </c>
      <c r="F5686" s="8">
        <v>1397</v>
      </c>
      <c r="G5686" s="5">
        <v>10</v>
      </c>
      <c r="H5686" s="5" t="s">
        <v>69</v>
      </c>
      <c r="I5686" s="5" t="s">
        <v>64310</v>
      </c>
      <c r="J5686" s="2" t="s">
        <v>64311</v>
      </c>
      <c r="K5686" s="5" t="s">
        <v>64310</v>
      </c>
      <c r="L5686" s="2" t="s">
        <v>64311</v>
      </c>
      <c r="M5686" s="5" t="s">
        <v>733</v>
      </c>
      <c r="N5686" s="5" t="s">
        <v>38</v>
      </c>
      <c r="O5686" s="5" t="s">
        <v>39</v>
      </c>
      <c r="P5686" s="5" t="s">
        <v>40</v>
      </c>
      <c r="Q5686" s="5" t="s">
        <v>897</v>
      </c>
      <c r="R5686" s="5" t="s">
        <v>40</v>
      </c>
      <c r="S5686" s="5" t="s">
        <v>42</v>
      </c>
      <c r="T5686" s="2">
        <v>42.493000000000002</v>
      </c>
      <c r="U5686" s="2">
        <v>38.741999999999997</v>
      </c>
      <c r="V5686" s="2">
        <v>0.19</v>
      </c>
      <c r="W5686" s="2">
        <v>17</v>
      </c>
      <c r="X5686" s="2">
        <v>104.9</v>
      </c>
      <c r="Y5686" s="2">
        <v>111.6</v>
      </c>
      <c r="Z5686" s="5">
        <v>7</v>
      </c>
      <c r="AA5686" s="5" t="s">
        <v>43</v>
      </c>
      <c r="AB5686" s="5" t="s">
        <v>735</v>
      </c>
      <c r="AC5686" s="2" t="s">
        <v>101007</v>
      </c>
      <c r="AD5686" s="1"/>
    </row>
    <row r="5687" spans="1:30">
      <c r="A5687" s="5" t="s">
        <v>83578</v>
      </c>
      <c r="B5687" s="2" t="s">
        <v>101008</v>
      </c>
      <c r="C5687" s="14" t="s">
        <v>101009</v>
      </c>
      <c r="D5687" s="2" t="s">
        <v>101010</v>
      </c>
      <c r="E5687" s="2" t="s">
        <v>101011</v>
      </c>
      <c r="F5687" s="8">
        <v>1126</v>
      </c>
      <c r="G5687" s="5">
        <v>10</v>
      </c>
      <c r="H5687" s="5" t="s">
        <v>69</v>
      </c>
      <c r="I5687" s="5" t="s">
        <v>64310</v>
      </c>
      <c r="J5687" s="2" t="s">
        <v>64311</v>
      </c>
      <c r="K5687" s="5" t="s">
        <v>64310</v>
      </c>
      <c r="L5687" s="2" t="s">
        <v>64311</v>
      </c>
      <c r="M5687" s="5" t="s">
        <v>733</v>
      </c>
      <c r="N5687" s="5" t="s">
        <v>38</v>
      </c>
      <c r="O5687" s="5" t="s">
        <v>39</v>
      </c>
      <c r="P5687" s="5" t="s">
        <v>40</v>
      </c>
      <c r="Q5687" s="5" t="s">
        <v>897</v>
      </c>
      <c r="R5687" s="5" t="s">
        <v>40</v>
      </c>
      <c r="S5687" s="5" t="s">
        <v>42</v>
      </c>
      <c r="T5687" s="2">
        <v>37.195999999999998</v>
      </c>
      <c r="U5687" s="2">
        <v>33.420999999999999</v>
      </c>
      <c r="V5687" s="2">
        <v>0.19</v>
      </c>
      <c r="W5687" s="2">
        <v>17</v>
      </c>
      <c r="X5687" s="2">
        <v>104.9</v>
      </c>
      <c r="Y5687" s="2">
        <v>111.6</v>
      </c>
      <c r="Z5687" s="5">
        <v>7</v>
      </c>
      <c r="AA5687" s="5" t="s">
        <v>43</v>
      </c>
      <c r="AB5687" s="5" t="s">
        <v>735</v>
      </c>
      <c r="AC5687" s="2" t="s">
        <v>101012</v>
      </c>
      <c r="AD5687" s="1"/>
    </row>
    <row r="5688" spans="1:30">
      <c r="A5688" s="5" t="s">
        <v>83578</v>
      </c>
      <c r="B5688" s="2" t="s">
        <v>101013</v>
      </c>
      <c r="C5688" s="14" t="s">
        <v>101014</v>
      </c>
      <c r="D5688" s="2" t="s">
        <v>101015</v>
      </c>
      <c r="E5688" s="2" t="s">
        <v>101016</v>
      </c>
      <c r="F5688" s="8">
        <v>1183</v>
      </c>
      <c r="G5688" s="5">
        <v>5</v>
      </c>
      <c r="H5688" s="5" t="s">
        <v>69</v>
      </c>
      <c r="I5688" s="5" t="s">
        <v>64310</v>
      </c>
      <c r="J5688" s="2" t="s">
        <v>64311</v>
      </c>
      <c r="K5688" s="5" t="s">
        <v>64310</v>
      </c>
      <c r="L5688" s="2" t="s">
        <v>64311</v>
      </c>
      <c r="M5688" s="5" t="s">
        <v>733</v>
      </c>
      <c r="N5688" s="5" t="s">
        <v>38</v>
      </c>
      <c r="O5688" s="5" t="s">
        <v>39</v>
      </c>
      <c r="P5688" s="5" t="s">
        <v>40</v>
      </c>
      <c r="Q5688" s="5" t="s">
        <v>897</v>
      </c>
      <c r="R5688" s="5" t="s">
        <v>40</v>
      </c>
      <c r="S5688" s="5" t="s">
        <v>42</v>
      </c>
      <c r="T5688" s="2">
        <v>44.725000000000001</v>
      </c>
      <c r="U5688" s="2">
        <v>40.409999999999997</v>
      </c>
      <c r="V5688" s="2">
        <v>0.22700000000000001</v>
      </c>
      <c r="W5688" s="2">
        <v>17</v>
      </c>
      <c r="X5688" s="2">
        <v>124.7</v>
      </c>
      <c r="Y5688" s="2">
        <v>111.6</v>
      </c>
      <c r="Z5688" s="5">
        <v>7</v>
      </c>
      <c r="AA5688" s="5" t="s">
        <v>43</v>
      </c>
      <c r="AB5688" s="5" t="s">
        <v>735</v>
      </c>
      <c r="AC5688" s="2" t="s">
        <v>101017</v>
      </c>
      <c r="AD5688" s="1"/>
    </row>
    <row r="5689" spans="1:30">
      <c r="A5689" s="5" t="s">
        <v>83578</v>
      </c>
      <c r="B5689" s="2" t="s">
        <v>101018</v>
      </c>
      <c r="C5689" s="14" t="s">
        <v>101019</v>
      </c>
      <c r="D5689" s="2" t="s">
        <v>101020</v>
      </c>
      <c r="E5689" s="2" t="s">
        <v>101021</v>
      </c>
      <c r="F5689" s="8">
        <v>1183</v>
      </c>
      <c r="G5689" s="5">
        <v>10</v>
      </c>
      <c r="H5689" s="5" t="s">
        <v>69</v>
      </c>
      <c r="I5689" s="5" t="s">
        <v>64310</v>
      </c>
      <c r="J5689" s="2" t="s">
        <v>64311</v>
      </c>
      <c r="K5689" s="5" t="s">
        <v>64310</v>
      </c>
      <c r="L5689" s="2" t="s">
        <v>64311</v>
      </c>
      <c r="M5689" s="5" t="s">
        <v>733</v>
      </c>
      <c r="N5689" s="5" t="s">
        <v>38</v>
      </c>
      <c r="O5689" s="5" t="s">
        <v>39</v>
      </c>
      <c r="P5689" s="5" t="s">
        <v>40</v>
      </c>
      <c r="Q5689" s="5" t="s">
        <v>897</v>
      </c>
      <c r="R5689" s="5" t="s">
        <v>40</v>
      </c>
      <c r="S5689" s="5" t="s">
        <v>42</v>
      </c>
      <c r="T5689" s="2">
        <v>43.485999999999997</v>
      </c>
      <c r="U5689" s="2">
        <v>39.170999999999999</v>
      </c>
      <c r="V5689" s="2">
        <v>0.22700000000000001</v>
      </c>
      <c r="W5689" s="2">
        <v>17</v>
      </c>
      <c r="X5689" s="2">
        <v>124.7</v>
      </c>
      <c r="Y5689" s="2">
        <v>111.6</v>
      </c>
      <c r="Z5689" s="5">
        <v>7</v>
      </c>
      <c r="AA5689" s="5" t="s">
        <v>43</v>
      </c>
      <c r="AB5689" s="5" t="s">
        <v>735</v>
      </c>
      <c r="AC5689" s="2" t="s">
        <v>101022</v>
      </c>
      <c r="AD5689" s="1"/>
    </row>
    <row r="5690" spans="1:30">
      <c r="A5690" s="5" t="s">
        <v>83578</v>
      </c>
      <c r="B5690" s="2" t="s">
        <v>101023</v>
      </c>
      <c r="C5690" s="14" t="s">
        <v>101024</v>
      </c>
      <c r="D5690" s="2" t="s">
        <v>101025</v>
      </c>
      <c r="E5690" s="2" t="s">
        <v>101026</v>
      </c>
      <c r="F5690" s="8">
        <v>1342</v>
      </c>
      <c r="G5690" s="5">
        <v>10</v>
      </c>
      <c r="H5690" s="5" t="s">
        <v>69</v>
      </c>
      <c r="I5690" s="5" t="s">
        <v>64310</v>
      </c>
      <c r="J5690" s="2" t="s">
        <v>64311</v>
      </c>
      <c r="K5690" s="5" t="s">
        <v>64310</v>
      </c>
      <c r="L5690" s="2" t="s">
        <v>64311</v>
      </c>
      <c r="M5690" s="5" t="s">
        <v>733</v>
      </c>
      <c r="N5690" s="5" t="s">
        <v>38</v>
      </c>
      <c r="O5690" s="5" t="s">
        <v>39</v>
      </c>
      <c r="P5690" s="5" t="s">
        <v>40</v>
      </c>
      <c r="Q5690" s="5" t="s">
        <v>897</v>
      </c>
      <c r="R5690" s="5" t="s">
        <v>40</v>
      </c>
      <c r="S5690" s="5" t="s">
        <v>42</v>
      </c>
      <c r="T5690" s="2">
        <v>63.63</v>
      </c>
      <c r="U5690" s="2">
        <v>58.811</v>
      </c>
      <c r="V5690" s="2">
        <v>0.27500000000000002</v>
      </c>
      <c r="W5690" s="2">
        <v>17</v>
      </c>
      <c r="X5690" s="2">
        <v>144.69999999999999</v>
      </c>
      <c r="Y5690" s="2">
        <v>111.6</v>
      </c>
      <c r="Z5690" s="5">
        <v>7</v>
      </c>
      <c r="AA5690" s="5" t="s">
        <v>43</v>
      </c>
      <c r="AB5690" s="5" t="s">
        <v>735</v>
      </c>
      <c r="AC5690" s="2" t="s">
        <v>101027</v>
      </c>
      <c r="AD5690" s="1"/>
    </row>
    <row r="5691" spans="1:30">
      <c r="A5691" s="5" t="s">
        <v>83578</v>
      </c>
      <c r="B5691" s="2" t="s">
        <v>101028</v>
      </c>
      <c r="C5691" s="14" t="s">
        <v>101029</v>
      </c>
      <c r="D5691" s="2" t="s">
        <v>101030</v>
      </c>
      <c r="E5691" s="2" t="s">
        <v>101031</v>
      </c>
      <c r="F5691" s="8">
        <v>1810</v>
      </c>
      <c r="G5691" s="5">
        <v>10</v>
      </c>
      <c r="H5691" s="5" t="s">
        <v>69</v>
      </c>
      <c r="I5691" s="5" t="s">
        <v>64310</v>
      </c>
      <c r="J5691" s="2" t="s">
        <v>64311</v>
      </c>
      <c r="K5691" s="5" t="s">
        <v>64310</v>
      </c>
      <c r="L5691" s="2" t="s">
        <v>64311</v>
      </c>
      <c r="M5691" s="5" t="s">
        <v>733</v>
      </c>
      <c r="N5691" s="5" t="s">
        <v>38</v>
      </c>
      <c r="O5691" s="5" t="s">
        <v>39</v>
      </c>
      <c r="P5691" s="5" t="s">
        <v>40</v>
      </c>
      <c r="Q5691" s="5" t="s">
        <v>897</v>
      </c>
      <c r="R5691" s="5" t="s">
        <v>40</v>
      </c>
      <c r="S5691" s="5" t="s">
        <v>42</v>
      </c>
      <c r="T5691" s="2">
        <v>68.224999999999994</v>
      </c>
      <c r="U5691" s="2">
        <v>63.405999999999999</v>
      </c>
      <c r="V5691" s="2">
        <v>0.27500000000000002</v>
      </c>
      <c r="W5691" s="2">
        <v>17</v>
      </c>
      <c r="X5691" s="2">
        <v>144.69999999999999</v>
      </c>
      <c r="Y5691" s="2">
        <v>111.6</v>
      </c>
      <c r="Z5691" s="5">
        <v>7</v>
      </c>
      <c r="AA5691" s="5" t="s">
        <v>43</v>
      </c>
      <c r="AB5691" s="5" t="s">
        <v>735</v>
      </c>
      <c r="AC5691" s="2" t="s">
        <v>101032</v>
      </c>
      <c r="AD5691" s="1"/>
    </row>
    <row r="5692" spans="1:30">
      <c r="A5692" s="5" t="s">
        <v>83578</v>
      </c>
      <c r="B5692" s="2" t="s">
        <v>101033</v>
      </c>
      <c r="C5692" s="14" t="s">
        <v>101034</v>
      </c>
      <c r="D5692" s="2" t="s">
        <v>101035</v>
      </c>
      <c r="E5692" s="2" t="s">
        <v>101036</v>
      </c>
      <c r="F5692" s="8">
        <v>1264</v>
      </c>
      <c r="G5692" s="5">
        <v>5</v>
      </c>
      <c r="H5692" s="5" t="s">
        <v>69</v>
      </c>
      <c r="I5692" s="5" t="s">
        <v>64310</v>
      </c>
      <c r="J5692" s="2" t="s">
        <v>64311</v>
      </c>
      <c r="K5692" s="5" t="s">
        <v>64310</v>
      </c>
      <c r="L5692" s="2" t="s">
        <v>64311</v>
      </c>
      <c r="M5692" s="5" t="s">
        <v>733</v>
      </c>
      <c r="N5692" s="5" t="s">
        <v>38</v>
      </c>
      <c r="O5692" s="5" t="s">
        <v>39</v>
      </c>
      <c r="P5692" s="5" t="s">
        <v>40</v>
      </c>
      <c r="Q5692" s="5" t="s">
        <v>897</v>
      </c>
      <c r="R5692" s="5" t="s">
        <v>40</v>
      </c>
      <c r="S5692" s="5" t="s">
        <v>42</v>
      </c>
      <c r="T5692" s="2">
        <v>51.470999999999997</v>
      </c>
      <c r="U5692" s="2">
        <v>46.618000000000002</v>
      </c>
      <c r="V5692" s="2">
        <v>0.26500000000000001</v>
      </c>
      <c r="W5692" s="2">
        <v>17</v>
      </c>
      <c r="X5692" s="2">
        <v>144.69999999999999</v>
      </c>
      <c r="Y5692" s="2">
        <v>111.6</v>
      </c>
      <c r="Z5692" s="5">
        <v>7</v>
      </c>
      <c r="AA5692" s="5" t="s">
        <v>43</v>
      </c>
      <c r="AB5692" s="5" t="s">
        <v>735</v>
      </c>
      <c r="AC5692" s="2" t="s">
        <v>101037</v>
      </c>
      <c r="AD5692" s="1"/>
    </row>
    <row r="5693" spans="1:30">
      <c r="A5693" s="5" t="s">
        <v>83578</v>
      </c>
      <c r="B5693" s="2" t="s">
        <v>101038</v>
      </c>
      <c r="C5693" s="14" t="s">
        <v>101039</v>
      </c>
      <c r="D5693" s="2" t="s">
        <v>101040</v>
      </c>
      <c r="E5693" s="2" t="s">
        <v>101041</v>
      </c>
      <c r="F5693" s="8">
        <v>1810</v>
      </c>
      <c r="G5693" s="5">
        <v>10</v>
      </c>
      <c r="H5693" s="5" t="s">
        <v>69</v>
      </c>
      <c r="I5693" s="5" t="s">
        <v>64310</v>
      </c>
      <c r="J5693" s="2" t="s">
        <v>64311</v>
      </c>
      <c r="K5693" s="5" t="s">
        <v>64310</v>
      </c>
      <c r="L5693" s="2" t="s">
        <v>64311</v>
      </c>
      <c r="M5693" s="5" t="s">
        <v>733</v>
      </c>
      <c r="N5693" s="5" t="s">
        <v>38</v>
      </c>
      <c r="O5693" s="5" t="s">
        <v>39</v>
      </c>
      <c r="P5693" s="5" t="s">
        <v>40</v>
      </c>
      <c r="Q5693" s="5" t="s">
        <v>897</v>
      </c>
      <c r="R5693" s="5" t="s">
        <v>40</v>
      </c>
      <c r="S5693" s="5" t="s">
        <v>42</v>
      </c>
      <c r="T5693" s="2">
        <v>66.798000000000002</v>
      </c>
      <c r="U5693" s="2">
        <v>61.978999999999999</v>
      </c>
      <c r="V5693" s="2">
        <v>0.27500000000000002</v>
      </c>
      <c r="W5693" s="2">
        <v>17</v>
      </c>
      <c r="X5693" s="2">
        <v>144.69999999999999</v>
      </c>
      <c r="Y5693" s="2">
        <v>111.6</v>
      </c>
      <c r="Z5693" s="5">
        <v>7</v>
      </c>
      <c r="AA5693" s="5" t="s">
        <v>43</v>
      </c>
      <c r="AB5693" s="5" t="s">
        <v>735</v>
      </c>
      <c r="AC5693" s="2" t="s">
        <v>101042</v>
      </c>
      <c r="AD5693" s="1"/>
    </row>
    <row r="5694" spans="1:30">
      <c r="A5694" s="5" t="s">
        <v>83578</v>
      </c>
      <c r="B5694" s="2" t="s">
        <v>101043</v>
      </c>
      <c r="C5694" s="14" t="s">
        <v>101044</v>
      </c>
      <c r="D5694" s="2" t="s">
        <v>101045</v>
      </c>
      <c r="E5694" s="2" t="s">
        <v>101046</v>
      </c>
      <c r="F5694" s="8">
        <v>1651</v>
      </c>
      <c r="G5694" s="5">
        <v>10</v>
      </c>
      <c r="H5694" s="5" t="s">
        <v>69</v>
      </c>
      <c r="I5694" s="5" t="s">
        <v>64310</v>
      </c>
      <c r="J5694" s="2" t="s">
        <v>64311</v>
      </c>
      <c r="K5694" s="5" t="s">
        <v>64310</v>
      </c>
      <c r="L5694" s="2" t="s">
        <v>64311</v>
      </c>
      <c r="M5694" s="5" t="s">
        <v>733</v>
      </c>
      <c r="N5694" s="5" t="s">
        <v>38</v>
      </c>
      <c r="O5694" s="5" t="s">
        <v>39</v>
      </c>
      <c r="P5694" s="5" t="s">
        <v>40</v>
      </c>
      <c r="Q5694" s="5" t="s">
        <v>897</v>
      </c>
      <c r="R5694" s="5" t="s">
        <v>40</v>
      </c>
      <c r="S5694" s="5" t="s">
        <v>42</v>
      </c>
      <c r="T5694" s="2">
        <v>57.866999999999997</v>
      </c>
      <c r="U5694" s="2">
        <v>53.048000000000002</v>
      </c>
      <c r="V5694" s="2">
        <v>0.26500000000000001</v>
      </c>
      <c r="W5694" s="2">
        <v>17</v>
      </c>
      <c r="X5694" s="2">
        <v>144.69999999999999</v>
      </c>
      <c r="Y5694" s="2">
        <v>111.6</v>
      </c>
      <c r="Z5694" s="5">
        <v>7</v>
      </c>
      <c r="AA5694" s="5" t="s">
        <v>43</v>
      </c>
      <c r="AB5694" s="5" t="s">
        <v>735</v>
      </c>
      <c r="AC5694" s="2" t="s">
        <v>101047</v>
      </c>
      <c r="AD5694" s="1"/>
    </row>
    <row r="5695" spans="1:30">
      <c r="A5695" s="5" t="s">
        <v>83578</v>
      </c>
      <c r="B5695" s="2" t="s">
        <v>101048</v>
      </c>
      <c r="C5695" s="14" t="s">
        <v>101049</v>
      </c>
      <c r="D5695" s="2" t="s">
        <v>101050</v>
      </c>
      <c r="E5695" s="2" t="s">
        <v>101051</v>
      </c>
      <c r="F5695" s="8">
        <v>1264</v>
      </c>
      <c r="G5695" s="5">
        <v>10</v>
      </c>
      <c r="H5695" s="5" t="s">
        <v>69</v>
      </c>
      <c r="I5695" s="5" t="s">
        <v>64310</v>
      </c>
      <c r="J5695" s="2" t="s">
        <v>64311</v>
      </c>
      <c r="K5695" s="5" t="s">
        <v>64310</v>
      </c>
      <c r="L5695" s="2" t="s">
        <v>64311</v>
      </c>
      <c r="M5695" s="5" t="s">
        <v>733</v>
      </c>
      <c r="N5695" s="5" t="s">
        <v>38</v>
      </c>
      <c r="O5695" s="5" t="s">
        <v>39</v>
      </c>
      <c r="P5695" s="5" t="s">
        <v>40</v>
      </c>
      <c r="Q5695" s="5" t="s">
        <v>897</v>
      </c>
      <c r="R5695" s="5" t="s">
        <v>40</v>
      </c>
      <c r="S5695" s="5" t="s">
        <v>42</v>
      </c>
      <c r="T5695" s="2">
        <v>50.081000000000003</v>
      </c>
      <c r="U5695" s="2">
        <v>45.228000000000002</v>
      </c>
      <c r="V5695" s="2">
        <v>0.26500000000000001</v>
      </c>
      <c r="W5695" s="2">
        <v>17</v>
      </c>
      <c r="X5695" s="2">
        <v>144.69999999999999</v>
      </c>
      <c r="Y5695" s="2">
        <v>111.6</v>
      </c>
      <c r="Z5695" s="5">
        <v>7</v>
      </c>
      <c r="AA5695" s="5" t="s">
        <v>43</v>
      </c>
      <c r="AB5695" s="5" t="s">
        <v>735</v>
      </c>
      <c r="AC5695" s="2" t="s">
        <v>101052</v>
      </c>
      <c r="AD5695" s="1"/>
    </row>
    <row r="5696" spans="1:30">
      <c r="A5696" s="5" t="s">
        <v>83578</v>
      </c>
      <c r="B5696" s="2" t="s">
        <v>101053</v>
      </c>
      <c r="C5696" s="14" t="s">
        <v>101054</v>
      </c>
      <c r="D5696" s="2" t="s">
        <v>101055</v>
      </c>
      <c r="E5696" s="2" t="s">
        <v>56221</v>
      </c>
      <c r="F5696" s="8">
        <v>1357</v>
      </c>
      <c r="G5696" s="5">
        <v>10</v>
      </c>
      <c r="H5696" s="5" t="s">
        <v>69</v>
      </c>
      <c r="I5696" s="5" t="s">
        <v>64797</v>
      </c>
      <c r="J5696" s="2" t="s">
        <v>64798</v>
      </c>
      <c r="K5696" s="5" t="s">
        <v>64797</v>
      </c>
      <c r="L5696" s="2" t="s">
        <v>64798</v>
      </c>
      <c r="M5696" s="5" t="s">
        <v>733</v>
      </c>
      <c r="N5696" s="5" t="s">
        <v>38</v>
      </c>
      <c r="O5696" s="5" t="s">
        <v>39</v>
      </c>
      <c r="P5696" s="5" t="s">
        <v>40</v>
      </c>
      <c r="Q5696" s="5" t="s">
        <v>897</v>
      </c>
      <c r="R5696" s="5" t="s">
        <v>40</v>
      </c>
      <c r="S5696" s="5" t="s">
        <v>42</v>
      </c>
      <c r="T5696" s="2">
        <v>36.442999999999998</v>
      </c>
      <c r="U5696" s="2">
        <v>34.201999999999998</v>
      </c>
      <c r="V5696" s="2">
        <v>0.109</v>
      </c>
      <c r="W5696" s="2">
        <v>17</v>
      </c>
      <c r="X5696" s="2">
        <v>57.7</v>
      </c>
      <c r="Y5696" s="2">
        <v>111.6</v>
      </c>
      <c r="Z5696" s="5">
        <v>7</v>
      </c>
      <c r="AA5696" s="5" t="s">
        <v>43</v>
      </c>
      <c r="AB5696" s="5" t="s">
        <v>735</v>
      </c>
      <c r="AC5696" s="2" t="s">
        <v>101056</v>
      </c>
      <c r="AD5696" s="1"/>
    </row>
    <row r="5697" spans="1:30">
      <c r="A5697" s="5" t="s">
        <v>83578</v>
      </c>
      <c r="B5697" s="2" t="s">
        <v>101057</v>
      </c>
      <c r="C5697" s="14" t="s">
        <v>101058</v>
      </c>
      <c r="D5697" s="2" t="s">
        <v>101059</v>
      </c>
      <c r="E5697" s="2" t="s">
        <v>56235</v>
      </c>
      <c r="F5697" s="8">
        <v>1190</v>
      </c>
      <c r="G5697" s="5">
        <v>5</v>
      </c>
      <c r="H5697" s="5" t="s">
        <v>69</v>
      </c>
      <c r="I5697" s="5" t="s">
        <v>64797</v>
      </c>
      <c r="J5697" s="2" t="s">
        <v>64798</v>
      </c>
      <c r="K5697" s="5" t="s">
        <v>64797</v>
      </c>
      <c r="L5697" s="2" t="s">
        <v>64798</v>
      </c>
      <c r="M5697" s="5" t="s">
        <v>733</v>
      </c>
      <c r="N5697" s="5" t="s">
        <v>38</v>
      </c>
      <c r="O5697" s="5" t="s">
        <v>39</v>
      </c>
      <c r="P5697" s="5" t="s">
        <v>40</v>
      </c>
      <c r="Q5697" s="5" t="s">
        <v>897</v>
      </c>
      <c r="R5697" s="5" t="s">
        <v>40</v>
      </c>
      <c r="S5697" s="5" t="s">
        <v>42</v>
      </c>
      <c r="T5697" s="2">
        <v>32.82</v>
      </c>
      <c r="U5697" s="2">
        <v>30.568999999999999</v>
      </c>
      <c r="V5697" s="2">
        <v>0.109</v>
      </c>
      <c r="W5697" s="2">
        <v>17</v>
      </c>
      <c r="X5697" s="2">
        <v>57.7</v>
      </c>
      <c r="Y5697" s="2">
        <v>111.6</v>
      </c>
      <c r="Z5697" s="5">
        <v>7</v>
      </c>
      <c r="AA5697" s="5" t="s">
        <v>43</v>
      </c>
      <c r="AB5697" s="5" t="s">
        <v>735</v>
      </c>
      <c r="AC5697" s="2" t="s">
        <v>101060</v>
      </c>
      <c r="AD5697" s="1"/>
    </row>
    <row r="5698" spans="1:30">
      <c r="A5698" s="5" t="s">
        <v>83578</v>
      </c>
      <c r="B5698" s="2" t="s">
        <v>101061</v>
      </c>
      <c r="C5698" s="14" t="s">
        <v>101062</v>
      </c>
      <c r="D5698" s="2" t="s">
        <v>101063</v>
      </c>
      <c r="E5698" s="2" t="s">
        <v>56290</v>
      </c>
      <c r="F5698" s="8">
        <v>815</v>
      </c>
      <c r="G5698" s="5">
        <v>10</v>
      </c>
      <c r="H5698" s="5" t="s">
        <v>69</v>
      </c>
      <c r="I5698" s="5" t="s">
        <v>64797</v>
      </c>
      <c r="J5698" s="2" t="s">
        <v>64798</v>
      </c>
      <c r="K5698" s="5" t="s">
        <v>64797</v>
      </c>
      <c r="L5698" s="2" t="s">
        <v>64798</v>
      </c>
      <c r="M5698" s="5" t="s">
        <v>733</v>
      </c>
      <c r="N5698" s="5" t="s">
        <v>38</v>
      </c>
      <c r="O5698" s="5" t="s">
        <v>39</v>
      </c>
      <c r="P5698" s="5" t="s">
        <v>40</v>
      </c>
      <c r="Q5698" s="5" t="s">
        <v>897</v>
      </c>
      <c r="R5698" s="5" t="s">
        <v>40</v>
      </c>
      <c r="S5698" s="5" t="s">
        <v>42</v>
      </c>
      <c r="T5698" s="2">
        <v>34.219000000000001</v>
      </c>
      <c r="U5698" s="2">
        <v>32.002000000000002</v>
      </c>
      <c r="V5698" s="2">
        <v>0.109</v>
      </c>
      <c r="W5698" s="2">
        <v>17</v>
      </c>
      <c r="X5698" s="2">
        <v>57.7</v>
      </c>
      <c r="Y5698" s="2">
        <v>111.6</v>
      </c>
      <c r="Z5698" s="5">
        <v>7</v>
      </c>
      <c r="AA5698" s="5" t="s">
        <v>43</v>
      </c>
      <c r="AB5698" s="5" t="s">
        <v>735</v>
      </c>
      <c r="AC5698" s="2" t="s">
        <v>101064</v>
      </c>
      <c r="AD5698" s="1"/>
    </row>
    <row r="5699" spans="1:30">
      <c r="A5699" s="5" t="s">
        <v>83578</v>
      </c>
      <c r="B5699" s="2" t="s">
        <v>101065</v>
      </c>
      <c r="C5699" s="14" t="s">
        <v>101066</v>
      </c>
      <c r="D5699" s="2" t="s">
        <v>101067</v>
      </c>
      <c r="E5699" s="2" t="s">
        <v>56431</v>
      </c>
      <c r="F5699" s="8">
        <v>851</v>
      </c>
      <c r="G5699" s="5">
        <v>10</v>
      </c>
      <c r="H5699" s="5" t="s">
        <v>69</v>
      </c>
      <c r="I5699" s="5" t="s">
        <v>64797</v>
      </c>
      <c r="J5699" s="2" t="s">
        <v>64798</v>
      </c>
      <c r="K5699" s="5" t="s">
        <v>64797</v>
      </c>
      <c r="L5699" s="2" t="s">
        <v>64798</v>
      </c>
      <c r="M5699" s="5" t="s">
        <v>733</v>
      </c>
      <c r="N5699" s="5" t="s">
        <v>38</v>
      </c>
      <c r="O5699" s="5" t="s">
        <v>39</v>
      </c>
      <c r="P5699" s="5" t="s">
        <v>40</v>
      </c>
      <c r="Q5699" s="5" t="s">
        <v>897</v>
      </c>
      <c r="R5699" s="5" t="s">
        <v>40</v>
      </c>
      <c r="S5699" s="5" t="s">
        <v>42</v>
      </c>
      <c r="T5699" s="2">
        <v>41.494999999999997</v>
      </c>
      <c r="U5699" s="2">
        <v>38.988999999999997</v>
      </c>
      <c r="V5699" s="2">
        <v>0.129</v>
      </c>
      <c r="W5699" s="2">
        <v>17</v>
      </c>
      <c r="X5699" s="2">
        <v>57.7</v>
      </c>
      <c r="Y5699" s="2">
        <v>131.6</v>
      </c>
      <c r="Z5699" s="5">
        <v>7</v>
      </c>
      <c r="AA5699" s="5" t="s">
        <v>43</v>
      </c>
      <c r="AB5699" s="5" t="s">
        <v>735</v>
      </c>
      <c r="AC5699" s="2" t="s">
        <v>101068</v>
      </c>
      <c r="AD5699" s="1"/>
    </row>
    <row r="5700" spans="1:30">
      <c r="A5700" s="5" t="s">
        <v>83578</v>
      </c>
      <c r="B5700" s="2" t="s">
        <v>101069</v>
      </c>
      <c r="C5700" s="14" t="s">
        <v>101070</v>
      </c>
      <c r="D5700" s="2" t="s">
        <v>101071</v>
      </c>
      <c r="E5700" s="2" t="s">
        <v>56485</v>
      </c>
      <c r="F5700" s="8">
        <v>1206</v>
      </c>
      <c r="G5700" s="5">
        <v>10</v>
      </c>
      <c r="H5700" s="5" t="s">
        <v>69</v>
      </c>
      <c r="I5700" s="5" t="s">
        <v>64797</v>
      </c>
      <c r="J5700" s="2" t="s">
        <v>64798</v>
      </c>
      <c r="K5700" s="5" t="s">
        <v>64797</v>
      </c>
      <c r="L5700" s="2" t="s">
        <v>64798</v>
      </c>
      <c r="M5700" s="5" t="s">
        <v>733</v>
      </c>
      <c r="N5700" s="5" t="s">
        <v>38</v>
      </c>
      <c r="O5700" s="5" t="s">
        <v>39</v>
      </c>
      <c r="P5700" s="5" t="s">
        <v>40</v>
      </c>
      <c r="Q5700" s="5" t="s">
        <v>897</v>
      </c>
      <c r="R5700" s="5" t="s">
        <v>40</v>
      </c>
      <c r="S5700" s="5" t="s">
        <v>42</v>
      </c>
      <c r="T5700" s="2">
        <v>40.79</v>
      </c>
      <c r="U5700" s="2">
        <v>38.25</v>
      </c>
      <c r="V5700" s="2">
        <v>0.129</v>
      </c>
      <c r="W5700" s="2">
        <v>17</v>
      </c>
      <c r="X5700" s="2">
        <v>57.7</v>
      </c>
      <c r="Y5700" s="2">
        <v>131.6</v>
      </c>
      <c r="Z5700" s="5">
        <v>7</v>
      </c>
      <c r="AA5700" s="5" t="s">
        <v>43</v>
      </c>
      <c r="AB5700" s="5" t="s">
        <v>735</v>
      </c>
      <c r="AC5700" s="2" t="s">
        <v>101072</v>
      </c>
      <c r="AD5700" s="1"/>
    </row>
    <row r="5701" spans="1:30">
      <c r="A5701" s="5" t="s">
        <v>83578</v>
      </c>
      <c r="B5701" s="2" t="s">
        <v>101073</v>
      </c>
      <c r="C5701" s="14" t="s">
        <v>101074</v>
      </c>
      <c r="D5701" s="2" t="s">
        <v>101075</v>
      </c>
      <c r="E5701" s="2" t="s">
        <v>100143</v>
      </c>
      <c r="F5701" s="8">
        <v>1408</v>
      </c>
      <c r="G5701" s="5">
        <v>10</v>
      </c>
      <c r="H5701" s="5" t="s">
        <v>69</v>
      </c>
      <c r="I5701" s="5" t="s">
        <v>64797</v>
      </c>
      <c r="J5701" s="2" t="s">
        <v>64798</v>
      </c>
      <c r="K5701" s="5" t="s">
        <v>64797</v>
      </c>
      <c r="L5701" s="2" t="s">
        <v>64798</v>
      </c>
      <c r="M5701" s="5" t="s">
        <v>733</v>
      </c>
      <c r="N5701" s="5" t="s">
        <v>38</v>
      </c>
      <c r="O5701" s="5" t="s">
        <v>39</v>
      </c>
      <c r="P5701" s="5" t="s">
        <v>40</v>
      </c>
      <c r="Q5701" s="5" t="s">
        <v>897</v>
      </c>
      <c r="R5701" s="5" t="s">
        <v>40</v>
      </c>
      <c r="S5701" s="5" t="s">
        <v>42</v>
      </c>
      <c r="T5701" s="2">
        <v>42.033999999999999</v>
      </c>
      <c r="U5701" s="2">
        <v>39.503999999999998</v>
      </c>
      <c r="V5701" s="2">
        <v>0.129</v>
      </c>
      <c r="W5701" s="2">
        <v>17</v>
      </c>
      <c r="X5701" s="2">
        <v>57.7</v>
      </c>
      <c r="Y5701" s="2">
        <v>131.6</v>
      </c>
      <c r="Z5701" s="5">
        <v>7</v>
      </c>
      <c r="AA5701" s="5" t="s">
        <v>43</v>
      </c>
      <c r="AB5701" s="5" t="s">
        <v>735</v>
      </c>
      <c r="AC5701" s="2" t="s">
        <v>101076</v>
      </c>
      <c r="AD5701" s="1"/>
    </row>
    <row r="5702" spans="1:30">
      <c r="A5702" s="5" t="s">
        <v>83578</v>
      </c>
      <c r="B5702" s="2" t="s">
        <v>101077</v>
      </c>
      <c r="C5702" s="14" t="s">
        <v>101078</v>
      </c>
      <c r="D5702" s="2" t="s">
        <v>101079</v>
      </c>
      <c r="E5702" s="2" t="s">
        <v>101080</v>
      </c>
      <c r="F5702" s="8">
        <v>1206</v>
      </c>
      <c r="G5702" s="5">
        <v>5</v>
      </c>
      <c r="H5702" s="5" t="s">
        <v>69</v>
      </c>
      <c r="I5702" s="5" t="s">
        <v>64797</v>
      </c>
      <c r="J5702" s="2" t="s">
        <v>64798</v>
      </c>
      <c r="K5702" s="5" t="s">
        <v>64797</v>
      </c>
      <c r="L5702" s="2" t="s">
        <v>64798</v>
      </c>
      <c r="M5702" s="5" t="s">
        <v>733</v>
      </c>
      <c r="N5702" s="5" t="s">
        <v>38</v>
      </c>
      <c r="O5702" s="5" t="s">
        <v>39</v>
      </c>
      <c r="P5702" s="5" t="s">
        <v>40</v>
      </c>
      <c r="Q5702" s="5" t="s">
        <v>897</v>
      </c>
      <c r="R5702" s="5" t="s">
        <v>40</v>
      </c>
      <c r="S5702" s="5" t="s">
        <v>42</v>
      </c>
      <c r="T5702" s="2">
        <v>38.082000000000001</v>
      </c>
      <c r="U5702" s="2">
        <v>35.542000000000002</v>
      </c>
      <c r="V5702" s="2">
        <v>0.129</v>
      </c>
      <c r="W5702" s="2">
        <v>17</v>
      </c>
      <c r="X5702" s="2">
        <v>57.7</v>
      </c>
      <c r="Y5702" s="2">
        <v>131.6</v>
      </c>
      <c r="Z5702" s="5">
        <v>7</v>
      </c>
      <c r="AA5702" s="5" t="s">
        <v>43</v>
      </c>
      <c r="AB5702" s="5" t="s">
        <v>735</v>
      </c>
      <c r="AC5702" s="2" t="s">
        <v>101081</v>
      </c>
      <c r="AD5702" s="1"/>
    </row>
    <row r="5703" spans="1:30">
      <c r="A5703" s="5" t="s">
        <v>83578</v>
      </c>
      <c r="B5703" s="2" t="s">
        <v>101082</v>
      </c>
      <c r="C5703" s="14" t="s">
        <v>101083</v>
      </c>
      <c r="D5703" s="2" t="s">
        <v>101084</v>
      </c>
      <c r="E5703" s="2" t="s">
        <v>56546</v>
      </c>
      <c r="F5703" s="8">
        <v>1033</v>
      </c>
      <c r="G5703" s="5">
        <v>10</v>
      </c>
      <c r="H5703" s="5" t="s">
        <v>69</v>
      </c>
      <c r="I5703" s="5" t="s">
        <v>64797</v>
      </c>
      <c r="J5703" s="2" t="s">
        <v>64798</v>
      </c>
      <c r="K5703" s="5" t="s">
        <v>64797</v>
      </c>
      <c r="L5703" s="2" t="s">
        <v>64798</v>
      </c>
      <c r="M5703" s="5" t="s">
        <v>733</v>
      </c>
      <c r="N5703" s="5" t="s">
        <v>38</v>
      </c>
      <c r="O5703" s="5" t="s">
        <v>39</v>
      </c>
      <c r="P5703" s="5" t="s">
        <v>40</v>
      </c>
      <c r="Q5703" s="5" t="s">
        <v>897</v>
      </c>
      <c r="R5703" s="5" t="s">
        <v>40</v>
      </c>
      <c r="S5703" s="5" t="s">
        <v>42</v>
      </c>
      <c r="T5703" s="2">
        <v>41.28</v>
      </c>
      <c r="U5703" s="2">
        <v>38.774000000000001</v>
      </c>
      <c r="V5703" s="2">
        <v>0.129</v>
      </c>
      <c r="W5703" s="2">
        <v>17</v>
      </c>
      <c r="X5703" s="2">
        <v>57.7</v>
      </c>
      <c r="Y5703" s="2">
        <v>131.6</v>
      </c>
      <c r="Z5703" s="5">
        <v>7</v>
      </c>
      <c r="AA5703" s="5" t="s">
        <v>43</v>
      </c>
      <c r="AB5703" s="5" t="s">
        <v>735</v>
      </c>
      <c r="AC5703" s="2" t="s">
        <v>101085</v>
      </c>
      <c r="AD5703" s="1"/>
    </row>
    <row r="5704" spans="1:30">
      <c r="A5704" s="5" t="s">
        <v>83578</v>
      </c>
      <c r="B5704" s="2" t="s">
        <v>101086</v>
      </c>
      <c r="C5704" s="14" t="s">
        <v>101087</v>
      </c>
      <c r="D5704" s="2" t="s">
        <v>101088</v>
      </c>
      <c r="E5704" s="2" t="s">
        <v>56555</v>
      </c>
      <c r="F5704" s="8">
        <v>851</v>
      </c>
      <c r="G5704" s="5">
        <v>10</v>
      </c>
      <c r="H5704" s="5" t="s">
        <v>69</v>
      </c>
      <c r="I5704" s="5" t="s">
        <v>64797</v>
      </c>
      <c r="J5704" s="2" t="s">
        <v>64798</v>
      </c>
      <c r="K5704" s="5" t="s">
        <v>64797</v>
      </c>
      <c r="L5704" s="2" t="s">
        <v>64798</v>
      </c>
      <c r="M5704" s="5" t="s">
        <v>733</v>
      </c>
      <c r="N5704" s="5" t="s">
        <v>38</v>
      </c>
      <c r="O5704" s="5" t="s">
        <v>39</v>
      </c>
      <c r="P5704" s="5" t="s">
        <v>40</v>
      </c>
      <c r="Q5704" s="5" t="s">
        <v>897</v>
      </c>
      <c r="R5704" s="5" t="s">
        <v>40</v>
      </c>
      <c r="S5704" s="5" t="s">
        <v>42</v>
      </c>
      <c r="T5704" s="2">
        <v>41.427999999999997</v>
      </c>
      <c r="U5704" s="2">
        <v>38.921999999999997</v>
      </c>
      <c r="V5704" s="2">
        <v>0.129</v>
      </c>
      <c r="W5704" s="2">
        <v>17</v>
      </c>
      <c r="X5704" s="2">
        <v>57.7</v>
      </c>
      <c r="Y5704" s="2">
        <v>131.6</v>
      </c>
      <c r="Z5704" s="5">
        <v>7</v>
      </c>
      <c r="AA5704" s="5" t="s">
        <v>43</v>
      </c>
      <c r="AB5704" s="5" t="s">
        <v>735</v>
      </c>
      <c r="AC5704" s="2" t="s">
        <v>101089</v>
      </c>
      <c r="AD5704" s="1"/>
    </row>
    <row r="5705" spans="1:30">
      <c r="A5705" s="5" t="s">
        <v>83578</v>
      </c>
      <c r="B5705" s="2" t="s">
        <v>101090</v>
      </c>
      <c r="C5705" s="14" t="s">
        <v>101091</v>
      </c>
      <c r="D5705" s="2" t="s">
        <v>101092</v>
      </c>
      <c r="E5705" s="2" t="s">
        <v>56591</v>
      </c>
      <c r="F5705" s="8">
        <v>1408</v>
      </c>
      <c r="G5705" s="5">
        <v>10</v>
      </c>
      <c r="H5705" s="5" t="s">
        <v>69</v>
      </c>
      <c r="I5705" s="5" t="s">
        <v>64797</v>
      </c>
      <c r="J5705" s="2" t="s">
        <v>64798</v>
      </c>
      <c r="K5705" s="5" t="s">
        <v>64797</v>
      </c>
      <c r="L5705" s="2" t="s">
        <v>64798</v>
      </c>
      <c r="M5705" s="5" t="s">
        <v>733</v>
      </c>
      <c r="N5705" s="5" t="s">
        <v>38</v>
      </c>
      <c r="O5705" s="5" t="s">
        <v>39</v>
      </c>
      <c r="P5705" s="5" t="s">
        <v>40</v>
      </c>
      <c r="Q5705" s="5" t="s">
        <v>897</v>
      </c>
      <c r="R5705" s="5" t="s">
        <v>40</v>
      </c>
      <c r="S5705" s="5" t="s">
        <v>42</v>
      </c>
      <c r="T5705" s="2">
        <v>43.238999999999997</v>
      </c>
      <c r="U5705" s="2">
        <v>40.709000000000003</v>
      </c>
      <c r="V5705" s="2">
        <v>0.129</v>
      </c>
      <c r="W5705" s="2">
        <v>17</v>
      </c>
      <c r="X5705" s="2">
        <v>57.7</v>
      </c>
      <c r="Y5705" s="2">
        <v>131.6</v>
      </c>
      <c r="Z5705" s="5">
        <v>7</v>
      </c>
      <c r="AA5705" s="5" t="s">
        <v>43</v>
      </c>
      <c r="AB5705" s="5" t="s">
        <v>735</v>
      </c>
      <c r="AC5705" s="2" t="s">
        <v>101093</v>
      </c>
      <c r="AD5705" s="1"/>
    </row>
    <row r="5706" spans="1:30">
      <c r="A5706" s="5" t="s">
        <v>83578</v>
      </c>
      <c r="B5706" s="2" t="s">
        <v>101094</v>
      </c>
      <c r="C5706" s="14" t="s">
        <v>101095</v>
      </c>
      <c r="D5706" s="2" t="s">
        <v>101096</v>
      </c>
      <c r="E5706" s="2" t="s">
        <v>56983</v>
      </c>
      <c r="F5706" s="8">
        <v>1267</v>
      </c>
      <c r="G5706" s="5">
        <v>5</v>
      </c>
      <c r="H5706" s="5" t="s">
        <v>69</v>
      </c>
      <c r="I5706" s="5" t="s">
        <v>64797</v>
      </c>
      <c r="J5706" s="2" t="s">
        <v>64798</v>
      </c>
      <c r="K5706" s="5" t="s">
        <v>64797</v>
      </c>
      <c r="L5706" s="2" t="s">
        <v>64798</v>
      </c>
      <c r="M5706" s="5" t="s">
        <v>733</v>
      </c>
      <c r="N5706" s="5" t="s">
        <v>38</v>
      </c>
      <c r="O5706" s="5" t="s">
        <v>39</v>
      </c>
      <c r="P5706" s="5" t="s">
        <v>40</v>
      </c>
      <c r="Q5706" s="5" t="s">
        <v>897</v>
      </c>
      <c r="R5706" s="5" t="s">
        <v>40</v>
      </c>
      <c r="S5706" s="5" t="s">
        <v>42</v>
      </c>
      <c r="T5706" s="2">
        <v>42.805</v>
      </c>
      <c r="U5706" s="2">
        <v>39.957000000000001</v>
      </c>
      <c r="V5706" s="2">
        <v>0.154</v>
      </c>
      <c r="W5706" s="2">
        <v>17</v>
      </c>
      <c r="X5706" s="2">
        <v>68.7</v>
      </c>
      <c r="Y5706" s="2">
        <v>131.6</v>
      </c>
      <c r="Z5706" s="5">
        <v>7</v>
      </c>
      <c r="AA5706" s="5" t="s">
        <v>43</v>
      </c>
      <c r="AB5706" s="5" t="s">
        <v>735</v>
      </c>
      <c r="AC5706" s="2" t="s">
        <v>101097</v>
      </c>
      <c r="AD5706" s="1"/>
    </row>
    <row r="5707" spans="1:30">
      <c r="A5707" s="5" t="s">
        <v>83578</v>
      </c>
      <c r="B5707" s="2" t="s">
        <v>101098</v>
      </c>
      <c r="C5707" s="14" t="s">
        <v>101099</v>
      </c>
      <c r="D5707" s="2" t="s">
        <v>101100</v>
      </c>
      <c r="E5707" s="2" t="s">
        <v>57114</v>
      </c>
      <c r="F5707" s="8">
        <v>1509</v>
      </c>
      <c r="G5707" s="5">
        <v>10</v>
      </c>
      <c r="H5707" s="5" t="s">
        <v>69</v>
      </c>
      <c r="I5707" s="5" t="s">
        <v>64797</v>
      </c>
      <c r="J5707" s="2" t="s">
        <v>64798</v>
      </c>
      <c r="K5707" s="5" t="s">
        <v>64797</v>
      </c>
      <c r="L5707" s="2" t="s">
        <v>64798</v>
      </c>
      <c r="M5707" s="5" t="s">
        <v>733</v>
      </c>
      <c r="N5707" s="5" t="s">
        <v>38</v>
      </c>
      <c r="O5707" s="5" t="s">
        <v>39</v>
      </c>
      <c r="P5707" s="5" t="s">
        <v>40</v>
      </c>
      <c r="Q5707" s="5" t="s">
        <v>897</v>
      </c>
      <c r="R5707" s="5" t="s">
        <v>40</v>
      </c>
      <c r="S5707" s="5" t="s">
        <v>42</v>
      </c>
      <c r="T5707" s="2">
        <v>47.545999999999999</v>
      </c>
      <c r="U5707" s="2">
        <v>44.712000000000003</v>
      </c>
      <c r="V5707" s="2">
        <v>0.154</v>
      </c>
      <c r="W5707" s="2">
        <v>17</v>
      </c>
      <c r="X5707" s="2">
        <v>68.7</v>
      </c>
      <c r="Y5707" s="2">
        <v>131.6</v>
      </c>
      <c r="Z5707" s="5">
        <v>7</v>
      </c>
      <c r="AA5707" s="5" t="s">
        <v>43</v>
      </c>
      <c r="AB5707" s="5" t="s">
        <v>735</v>
      </c>
      <c r="AC5707" s="2" t="s">
        <v>101101</v>
      </c>
      <c r="AD5707" s="1"/>
    </row>
    <row r="5708" spans="1:30">
      <c r="A5708" s="5" t="s">
        <v>83578</v>
      </c>
      <c r="B5708" s="2" t="s">
        <v>101102</v>
      </c>
      <c r="C5708" s="14" t="s">
        <v>101103</v>
      </c>
      <c r="D5708" s="2" t="s">
        <v>101104</v>
      </c>
      <c r="E5708" s="2" t="s">
        <v>57158</v>
      </c>
      <c r="F5708" s="8">
        <v>1243</v>
      </c>
      <c r="G5708" s="5">
        <v>10</v>
      </c>
      <c r="H5708" s="5" t="s">
        <v>69</v>
      </c>
      <c r="I5708" s="5" t="s">
        <v>64797</v>
      </c>
      <c r="J5708" s="2" t="s">
        <v>64798</v>
      </c>
      <c r="K5708" s="5" t="s">
        <v>64797</v>
      </c>
      <c r="L5708" s="2" t="s">
        <v>64798</v>
      </c>
      <c r="M5708" s="5" t="s">
        <v>733</v>
      </c>
      <c r="N5708" s="5" t="s">
        <v>38</v>
      </c>
      <c r="O5708" s="5" t="s">
        <v>39</v>
      </c>
      <c r="P5708" s="5" t="s">
        <v>40</v>
      </c>
      <c r="Q5708" s="5" t="s">
        <v>897</v>
      </c>
      <c r="R5708" s="5" t="s">
        <v>40</v>
      </c>
      <c r="S5708" s="5" t="s">
        <v>42</v>
      </c>
      <c r="T5708" s="2">
        <v>52.042000000000002</v>
      </c>
      <c r="U5708" s="2">
        <v>48.853000000000002</v>
      </c>
      <c r="V5708" s="2">
        <v>0.17899999999999999</v>
      </c>
      <c r="W5708" s="2">
        <v>17</v>
      </c>
      <c r="X5708" s="2">
        <v>68.7</v>
      </c>
      <c r="Y5708" s="2">
        <v>153.6</v>
      </c>
      <c r="Z5708" s="5">
        <v>7</v>
      </c>
      <c r="AA5708" s="5" t="s">
        <v>43</v>
      </c>
      <c r="AB5708" s="5" t="s">
        <v>735</v>
      </c>
      <c r="AC5708" s="2" t="s">
        <v>101105</v>
      </c>
      <c r="AD5708" s="1"/>
    </row>
    <row r="5709" spans="1:30">
      <c r="A5709" s="5" t="s">
        <v>83578</v>
      </c>
      <c r="B5709" s="2" t="s">
        <v>101106</v>
      </c>
      <c r="C5709" s="14" t="s">
        <v>101107</v>
      </c>
      <c r="D5709" s="2" t="s">
        <v>101108</v>
      </c>
      <c r="E5709" s="2" t="s">
        <v>100212</v>
      </c>
      <c r="F5709" s="8">
        <v>1295</v>
      </c>
      <c r="G5709" s="5">
        <v>10</v>
      </c>
      <c r="H5709" s="5" t="s">
        <v>69</v>
      </c>
      <c r="I5709" s="5" t="s">
        <v>64797</v>
      </c>
      <c r="J5709" s="2" t="s">
        <v>64798</v>
      </c>
      <c r="K5709" s="5" t="s">
        <v>64797</v>
      </c>
      <c r="L5709" s="2" t="s">
        <v>64798</v>
      </c>
      <c r="M5709" s="5" t="s">
        <v>733</v>
      </c>
      <c r="N5709" s="5" t="s">
        <v>38</v>
      </c>
      <c r="O5709" s="5" t="s">
        <v>39</v>
      </c>
      <c r="P5709" s="5" t="s">
        <v>40</v>
      </c>
      <c r="Q5709" s="5" t="s">
        <v>897</v>
      </c>
      <c r="R5709" s="5" t="s">
        <v>40</v>
      </c>
      <c r="S5709" s="5" t="s">
        <v>42</v>
      </c>
      <c r="T5709" s="2">
        <v>50.31</v>
      </c>
      <c r="U5709" s="2">
        <v>47.082999999999998</v>
      </c>
      <c r="V5709" s="2">
        <v>0.17899999999999999</v>
      </c>
      <c r="W5709" s="2">
        <v>17</v>
      </c>
      <c r="X5709" s="2">
        <v>68.7</v>
      </c>
      <c r="Y5709" s="2">
        <v>153.6</v>
      </c>
      <c r="Z5709" s="5">
        <v>7</v>
      </c>
      <c r="AA5709" s="5" t="s">
        <v>43</v>
      </c>
      <c r="AB5709" s="5" t="s">
        <v>735</v>
      </c>
      <c r="AC5709" s="2" t="s">
        <v>101109</v>
      </c>
      <c r="AD5709" s="1"/>
    </row>
    <row r="5710" spans="1:30">
      <c r="A5710" s="5" t="s">
        <v>83578</v>
      </c>
      <c r="B5710" s="2" t="s">
        <v>101110</v>
      </c>
      <c r="C5710" s="14" t="s">
        <v>101111</v>
      </c>
      <c r="D5710" s="2" t="s">
        <v>101112</v>
      </c>
      <c r="E5710" s="2" t="s">
        <v>57297</v>
      </c>
      <c r="F5710" s="8">
        <v>1243</v>
      </c>
      <c r="G5710" s="5">
        <v>10</v>
      </c>
      <c r="H5710" s="5" t="s">
        <v>69</v>
      </c>
      <c r="I5710" s="5" t="s">
        <v>64797</v>
      </c>
      <c r="J5710" s="2" t="s">
        <v>64798</v>
      </c>
      <c r="K5710" s="5" t="s">
        <v>64797</v>
      </c>
      <c r="L5710" s="2" t="s">
        <v>64798</v>
      </c>
      <c r="M5710" s="5" t="s">
        <v>733</v>
      </c>
      <c r="N5710" s="5" t="s">
        <v>38</v>
      </c>
      <c r="O5710" s="5" t="s">
        <v>39</v>
      </c>
      <c r="P5710" s="5" t="s">
        <v>40</v>
      </c>
      <c r="Q5710" s="5" t="s">
        <v>897</v>
      </c>
      <c r="R5710" s="5" t="s">
        <v>40</v>
      </c>
      <c r="S5710" s="5" t="s">
        <v>42</v>
      </c>
      <c r="T5710" s="2">
        <v>51.845999999999997</v>
      </c>
      <c r="U5710" s="2">
        <v>48.656999999999996</v>
      </c>
      <c r="V5710" s="2">
        <v>0.17899999999999999</v>
      </c>
      <c r="W5710" s="2">
        <v>17</v>
      </c>
      <c r="X5710" s="2">
        <v>68.7</v>
      </c>
      <c r="Y5710" s="2">
        <v>153.6</v>
      </c>
      <c r="Z5710" s="5">
        <v>7</v>
      </c>
      <c r="AA5710" s="5" t="s">
        <v>43</v>
      </c>
      <c r="AB5710" s="5" t="s">
        <v>735</v>
      </c>
      <c r="AC5710" s="2" t="s">
        <v>101113</v>
      </c>
      <c r="AD5710" s="1"/>
    </row>
    <row r="5711" spans="1:30">
      <c r="A5711" s="5" t="s">
        <v>83578</v>
      </c>
      <c r="B5711" s="2" t="s">
        <v>101114</v>
      </c>
      <c r="C5711" s="14" t="s">
        <v>101115</v>
      </c>
      <c r="D5711" s="2" t="s">
        <v>101116</v>
      </c>
      <c r="E5711" s="2" t="s">
        <v>57302</v>
      </c>
      <c r="F5711" s="8">
        <v>986</v>
      </c>
      <c r="G5711" s="5">
        <v>10</v>
      </c>
      <c r="H5711" s="5" t="s">
        <v>69</v>
      </c>
      <c r="I5711" s="5" t="s">
        <v>64797</v>
      </c>
      <c r="J5711" s="2" t="s">
        <v>64798</v>
      </c>
      <c r="K5711" s="5" t="s">
        <v>64797</v>
      </c>
      <c r="L5711" s="2" t="s">
        <v>64798</v>
      </c>
      <c r="M5711" s="5" t="s">
        <v>733</v>
      </c>
      <c r="N5711" s="5" t="s">
        <v>38</v>
      </c>
      <c r="O5711" s="5" t="s">
        <v>39</v>
      </c>
      <c r="P5711" s="5" t="s">
        <v>40</v>
      </c>
      <c r="Q5711" s="5" t="s">
        <v>897</v>
      </c>
      <c r="R5711" s="5" t="s">
        <v>40</v>
      </c>
      <c r="S5711" s="5" t="s">
        <v>42</v>
      </c>
      <c r="T5711" s="2">
        <v>52.067999999999998</v>
      </c>
      <c r="U5711" s="2">
        <v>48.878999999999998</v>
      </c>
      <c r="V5711" s="2">
        <v>0.17899999999999999</v>
      </c>
      <c r="W5711" s="2">
        <v>17</v>
      </c>
      <c r="X5711" s="2">
        <v>68.7</v>
      </c>
      <c r="Y5711" s="2">
        <v>153.6</v>
      </c>
      <c r="Z5711" s="5">
        <v>7</v>
      </c>
      <c r="AA5711" s="5" t="s">
        <v>43</v>
      </c>
      <c r="AB5711" s="5" t="s">
        <v>735</v>
      </c>
      <c r="AC5711" s="2" t="s">
        <v>101117</v>
      </c>
      <c r="AD5711" s="1"/>
    </row>
    <row r="5712" spans="1:30">
      <c r="A5712" s="5" t="s">
        <v>83578</v>
      </c>
      <c r="B5712" s="2" t="s">
        <v>101118</v>
      </c>
      <c r="C5712" s="14" t="s">
        <v>101119</v>
      </c>
      <c r="D5712" s="2" t="s">
        <v>101120</v>
      </c>
      <c r="E5712" s="2" t="s">
        <v>100247</v>
      </c>
      <c r="F5712" s="8">
        <v>1580</v>
      </c>
      <c r="G5712" s="5">
        <v>10</v>
      </c>
      <c r="H5712" s="5" t="s">
        <v>69</v>
      </c>
      <c r="I5712" s="5" t="s">
        <v>64797</v>
      </c>
      <c r="J5712" s="2" t="s">
        <v>64798</v>
      </c>
      <c r="K5712" s="5" t="s">
        <v>64797</v>
      </c>
      <c r="L5712" s="2" t="s">
        <v>64798</v>
      </c>
      <c r="M5712" s="5" t="s">
        <v>733</v>
      </c>
      <c r="N5712" s="5" t="s">
        <v>38</v>
      </c>
      <c r="O5712" s="5" t="s">
        <v>39</v>
      </c>
      <c r="P5712" s="5" t="s">
        <v>40</v>
      </c>
      <c r="Q5712" s="5" t="s">
        <v>897</v>
      </c>
      <c r="R5712" s="5" t="s">
        <v>40</v>
      </c>
      <c r="S5712" s="5" t="s">
        <v>42</v>
      </c>
      <c r="T5712" s="2">
        <v>55.061</v>
      </c>
      <c r="U5712" s="2">
        <v>51.847999999999999</v>
      </c>
      <c r="V5712" s="2">
        <v>0.17899999999999999</v>
      </c>
      <c r="W5712" s="2">
        <v>17</v>
      </c>
      <c r="X5712" s="2">
        <v>68.7</v>
      </c>
      <c r="Y5712" s="2">
        <v>153.6</v>
      </c>
      <c r="Z5712" s="5">
        <v>7</v>
      </c>
      <c r="AA5712" s="5" t="s">
        <v>43</v>
      </c>
      <c r="AB5712" s="5" t="s">
        <v>735</v>
      </c>
      <c r="AC5712" s="2" t="s">
        <v>101121</v>
      </c>
      <c r="AD5712" s="1"/>
    </row>
    <row r="5713" spans="1:30">
      <c r="A5713" s="5" t="s">
        <v>83578</v>
      </c>
      <c r="B5713" s="2" t="s">
        <v>101122</v>
      </c>
      <c r="C5713" s="14" t="s">
        <v>101123</v>
      </c>
      <c r="D5713" s="2" t="s">
        <v>101124</v>
      </c>
      <c r="E5713" s="2" t="s">
        <v>57513</v>
      </c>
      <c r="F5713" s="8">
        <v>1245</v>
      </c>
      <c r="G5713" s="5">
        <v>5</v>
      </c>
      <c r="H5713" s="5" t="s">
        <v>69</v>
      </c>
      <c r="I5713" s="5" t="s">
        <v>64797</v>
      </c>
      <c r="J5713" s="2" t="s">
        <v>64798</v>
      </c>
      <c r="K5713" s="5" t="s">
        <v>64797</v>
      </c>
      <c r="L5713" s="2" t="s">
        <v>64798</v>
      </c>
      <c r="M5713" s="5" t="s">
        <v>733</v>
      </c>
      <c r="N5713" s="5" t="s">
        <v>38</v>
      </c>
      <c r="O5713" s="5" t="s">
        <v>39</v>
      </c>
      <c r="P5713" s="5" t="s">
        <v>40</v>
      </c>
      <c r="Q5713" s="5" t="s">
        <v>897</v>
      </c>
      <c r="R5713" s="5" t="s">
        <v>40</v>
      </c>
      <c r="S5713" s="5" t="s">
        <v>42</v>
      </c>
      <c r="T5713" s="2">
        <v>40.679000000000002</v>
      </c>
      <c r="U5713" s="2">
        <v>37.972999999999999</v>
      </c>
      <c r="V5713" s="2">
        <v>0.153</v>
      </c>
      <c r="W5713" s="2">
        <v>17</v>
      </c>
      <c r="X5713" s="2">
        <v>80.7</v>
      </c>
      <c r="Y5713" s="2">
        <v>111.6</v>
      </c>
      <c r="Z5713" s="5">
        <v>7</v>
      </c>
      <c r="AA5713" s="5" t="s">
        <v>43</v>
      </c>
      <c r="AB5713" s="5" t="s">
        <v>735</v>
      </c>
      <c r="AC5713" s="2" t="s">
        <v>101125</v>
      </c>
      <c r="AD5713" s="1"/>
    </row>
    <row r="5714" spans="1:30">
      <c r="A5714" s="5" t="s">
        <v>83578</v>
      </c>
      <c r="B5714" s="2" t="s">
        <v>101126</v>
      </c>
      <c r="C5714" s="14" t="s">
        <v>101127</v>
      </c>
      <c r="D5714" s="2" t="s">
        <v>101128</v>
      </c>
      <c r="E5714" s="2" t="s">
        <v>57576</v>
      </c>
      <c r="F5714" s="8">
        <v>908</v>
      </c>
      <c r="G5714" s="5">
        <v>10</v>
      </c>
      <c r="H5714" s="5" t="s">
        <v>69</v>
      </c>
      <c r="I5714" s="5" t="s">
        <v>64797</v>
      </c>
      <c r="J5714" s="2" t="s">
        <v>64798</v>
      </c>
      <c r="K5714" s="5" t="s">
        <v>64797</v>
      </c>
      <c r="L5714" s="2" t="s">
        <v>64798</v>
      </c>
      <c r="M5714" s="5" t="s">
        <v>733</v>
      </c>
      <c r="N5714" s="5" t="s">
        <v>38</v>
      </c>
      <c r="O5714" s="5" t="s">
        <v>39</v>
      </c>
      <c r="P5714" s="5" t="s">
        <v>40</v>
      </c>
      <c r="Q5714" s="5" t="s">
        <v>897</v>
      </c>
      <c r="R5714" s="5" t="s">
        <v>40</v>
      </c>
      <c r="S5714" s="5" t="s">
        <v>42</v>
      </c>
      <c r="T5714" s="2">
        <v>43.505000000000003</v>
      </c>
      <c r="U5714" s="2">
        <v>40.838999999999999</v>
      </c>
      <c r="V5714" s="2">
        <v>0.153</v>
      </c>
      <c r="W5714" s="2">
        <v>17</v>
      </c>
      <c r="X5714" s="2">
        <v>80.7</v>
      </c>
      <c r="Y5714" s="2">
        <v>111.6</v>
      </c>
      <c r="Z5714" s="5">
        <v>7</v>
      </c>
      <c r="AA5714" s="5" t="s">
        <v>43</v>
      </c>
      <c r="AB5714" s="5" t="s">
        <v>735</v>
      </c>
      <c r="AC5714" s="2" t="s">
        <v>101129</v>
      </c>
      <c r="AD5714" s="1"/>
    </row>
    <row r="5715" spans="1:30">
      <c r="A5715" s="5" t="s">
        <v>83578</v>
      </c>
      <c r="B5715" s="2" t="s">
        <v>101130</v>
      </c>
      <c r="C5715" s="14" t="s">
        <v>101131</v>
      </c>
      <c r="D5715" s="2" t="s">
        <v>101132</v>
      </c>
      <c r="E5715" s="2" t="s">
        <v>57660</v>
      </c>
      <c r="F5715" s="8">
        <v>1481</v>
      </c>
      <c r="G5715" s="5">
        <v>10</v>
      </c>
      <c r="H5715" s="5" t="s">
        <v>69</v>
      </c>
      <c r="I5715" s="5" t="s">
        <v>64797</v>
      </c>
      <c r="J5715" s="2" t="s">
        <v>64798</v>
      </c>
      <c r="K5715" s="5" t="s">
        <v>64797</v>
      </c>
      <c r="L5715" s="2" t="s">
        <v>64798</v>
      </c>
      <c r="M5715" s="5" t="s">
        <v>733</v>
      </c>
      <c r="N5715" s="5" t="s">
        <v>38</v>
      </c>
      <c r="O5715" s="5" t="s">
        <v>39</v>
      </c>
      <c r="P5715" s="5" t="s">
        <v>40</v>
      </c>
      <c r="Q5715" s="5" t="s">
        <v>897</v>
      </c>
      <c r="R5715" s="5" t="s">
        <v>40</v>
      </c>
      <c r="S5715" s="5" t="s">
        <v>42</v>
      </c>
      <c r="T5715" s="2">
        <v>45.823</v>
      </c>
      <c r="U5715" s="2">
        <v>43.133000000000003</v>
      </c>
      <c r="V5715" s="2">
        <v>0.153</v>
      </c>
      <c r="W5715" s="2">
        <v>17</v>
      </c>
      <c r="X5715" s="2">
        <v>80.7</v>
      </c>
      <c r="Y5715" s="2">
        <v>111.6</v>
      </c>
      <c r="Z5715" s="5">
        <v>7</v>
      </c>
      <c r="AA5715" s="5" t="s">
        <v>43</v>
      </c>
      <c r="AB5715" s="5" t="s">
        <v>735</v>
      </c>
      <c r="AC5715" s="2" t="s">
        <v>101133</v>
      </c>
      <c r="AD5715" s="1"/>
    </row>
    <row r="5716" spans="1:30">
      <c r="A5716" s="5" t="s">
        <v>83578</v>
      </c>
      <c r="B5716" s="2" t="s">
        <v>101134</v>
      </c>
      <c r="C5716" s="14" t="s">
        <v>101135</v>
      </c>
      <c r="D5716" s="2" t="s">
        <v>101136</v>
      </c>
      <c r="E5716" s="2" t="s">
        <v>57886</v>
      </c>
      <c r="F5716" s="8">
        <v>1295</v>
      </c>
      <c r="G5716" s="5">
        <v>5</v>
      </c>
      <c r="H5716" s="5" t="s">
        <v>69</v>
      </c>
      <c r="I5716" s="5" t="s">
        <v>64797</v>
      </c>
      <c r="J5716" s="2" t="s">
        <v>64798</v>
      </c>
      <c r="K5716" s="5" t="s">
        <v>64797</v>
      </c>
      <c r="L5716" s="2" t="s">
        <v>64798</v>
      </c>
      <c r="M5716" s="5" t="s">
        <v>733</v>
      </c>
      <c r="N5716" s="5" t="s">
        <v>38</v>
      </c>
      <c r="O5716" s="5" t="s">
        <v>39</v>
      </c>
      <c r="P5716" s="5" t="s">
        <v>40</v>
      </c>
      <c r="Q5716" s="5" t="s">
        <v>897</v>
      </c>
      <c r="R5716" s="5" t="s">
        <v>40</v>
      </c>
      <c r="S5716" s="5" t="s">
        <v>42</v>
      </c>
      <c r="T5716" s="2">
        <v>47.722999999999999</v>
      </c>
      <c r="U5716" s="2">
        <v>44.542000000000002</v>
      </c>
      <c r="V5716" s="2">
        <v>0.18099999999999999</v>
      </c>
      <c r="W5716" s="2">
        <v>17</v>
      </c>
      <c r="X5716" s="2">
        <v>80.7</v>
      </c>
      <c r="Y5716" s="2">
        <v>131.6</v>
      </c>
      <c r="Z5716" s="5">
        <v>7</v>
      </c>
      <c r="AA5716" s="5" t="s">
        <v>43</v>
      </c>
      <c r="AB5716" s="5" t="s">
        <v>735</v>
      </c>
      <c r="AC5716" s="2" t="s">
        <v>101137</v>
      </c>
      <c r="AD5716" s="1"/>
    </row>
    <row r="5717" spans="1:30">
      <c r="A5717" s="5" t="s">
        <v>83578</v>
      </c>
      <c r="B5717" s="2" t="s">
        <v>101138</v>
      </c>
      <c r="C5717" s="14" t="s">
        <v>101139</v>
      </c>
      <c r="D5717" s="2" t="s">
        <v>101140</v>
      </c>
      <c r="E5717" s="2" t="s">
        <v>100281</v>
      </c>
      <c r="F5717" s="8">
        <v>1580</v>
      </c>
      <c r="G5717" s="5">
        <v>10</v>
      </c>
      <c r="H5717" s="5" t="s">
        <v>69</v>
      </c>
      <c r="I5717" s="5" t="s">
        <v>64797</v>
      </c>
      <c r="J5717" s="2" t="s">
        <v>64798</v>
      </c>
      <c r="K5717" s="5" t="s">
        <v>64797</v>
      </c>
      <c r="L5717" s="2" t="s">
        <v>64798</v>
      </c>
      <c r="M5717" s="5" t="s">
        <v>733</v>
      </c>
      <c r="N5717" s="5" t="s">
        <v>38</v>
      </c>
      <c r="O5717" s="5" t="s">
        <v>39</v>
      </c>
      <c r="P5717" s="5" t="s">
        <v>40</v>
      </c>
      <c r="Q5717" s="5" t="s">
        <v>897</v>
      </c>
      <c r="R5717" s="5" t="s">
        <v>40</v>
      </c>
      <c r="S5717" s="5" t="s">
        <v>42</v>
      </c>
      <c r="T5717" s="2">
        <v>53.460999999999999</v>
      </c>
      <c r="U5717" s="2">
        <v>50.295999999999999</v>
      </c>
      <c r="V5717" s="2">
        <v>0.18099999999999999</v>
      </c>
      <c r="W5717" s="2">
        <v>17</v>
      </c>
      <c r="X5717" s="2">
        <v>80.7</v>
      </c>
      <c r="Y5717" s="2">
        <v>131.6</v>
      </c>
      <c r="Z5717" s="5">
        <v>7</v>
      </c>
      <c r="AA5717" s="5" t="s">
        <v>43</v>
      </c>
      <c r="AB5717" s="5" t="s">
        <v>735</v>
      </c>
      <c r="AC5717" s="2" t="s">
        <v>101141</v>
      </c>
      <c r="AD5717" s="1"/>
    </row>
    <row r="5718" spans="1:30">
      <c r="A5718" s="5" t="s">
        <v>83578</v>
      </c>
      <c r="B5718" s="2" t="s">
        <v>101142</v>
      </c>
      <c r="C5718" s="14" t="s">
        <v>101143</v>
      </c>
      <c r="D5718" s="2" t="s">
        <v>101144</v>
      </c>
      <c r="E5718" s="2" t="s">
        <v>58231</v>
      </c>
      <c r="F5718" s="8">
        <v>1339</v>
      </c>
      <c r="G5718" s="5">
        <v>5</v>
      </c>
      <c r="H5718" s="5" t="s">
        <v>69</v>
      </c>
      <c r="I5718" s="5" t="s">
        <v>64797</v>
      </c>
      <c r="J5718" s="2" t="s">
        <v>64798</v>
      </c>
      <c r="K5718" s="5" t="s">
        <v>64797</v>
      </c>
      <c r="L5718" s="2" t="s">
        <v>64798</v>
      </c>
      <c r="M5718" s="5" t="s">
        <v>733</v>
      </c>
      <c r="N5718" s="5" t="s">
        <v>38</v>
      </c>
      <c r="O5718" s="5" t="s">
        <v>39</v>
      </c>
      <c r="P5718" s="5" t="s">
        <v>40</v>
      </c>
      <c r="Q5718" s="5" t="s">
        <v>897</v>
      </c>
      <c r="R5718" s="5" t="s">
        <v>40</v>
      </c>
      <c r="S5718" s="5" t="s">
        <v>42</v>
      </c>
      <c r="T5718" s="2">
        <v>55.02</v>
      </c>
      <c r="U5718" s="2">
        <v>51.420999999999999</v>
      </c>
      <c r="V5718" s="2">
        <v>0.21099999999999999</v>
      </c>
      <c r="W5718" s="2">
        <v>17</v>
      </c>
      <c r="X5718" s="2">
        <v>80.7</v>
      </c>
      <c r="Y5718" s="2">
        <v>153.6</v>
      </c>
      <c r="Z5718" s="5">
        <v>7</v>
      </c>
      <c r="AA5718" s="5" t="s">
        <v>43</v>
      </c>
      <c r="AB5718" s="5" t="s">
        <v>735</v>
      </c>
      <c r="AC5718" s="2" t="s">
        <v>101145</v>
      </c>
      <c r="AD5718" s="1"/>
    </row>
    <row r="5719" spans="1:30">
      <c r="A5719" s="5" t="s">
        <v>83578</v>
      </c>
      <c r="B5719" s="2" t="s">
        <v>101146</v>
      </c>
      <c r="C5719" s="14" t="s">
        <v>101147</v>
      </c>
      <c r="D5719" s="2" t="s">
        <v>101148</v>
      </c>
      <c r="E5719" s="2" t="s">
        <v>58373</v>
      </c>
      <c r="F5719" s="8">
        <v>1676</v>
      </c>
      <c r="G5719" s="5">
        <v>10</v>
      </c>
      <c r="H5719" s="5" t="s">
        <v>69</v>
      </c>
      <c r="I5719" s="5" t="s">
        <v>64797</v>
      </c>
      <c r="J5719" s="2" t="s">
        <v>64798</v>
      </c>
      <c r="K5719" s="5" t="s">
        <v>64797</v>
      </c>
      <c r="L5719" s="2" t="s">
        <v>64798</v>
      </c>
      <c r="M5719" s="5" t="s">
        <v>733</v>
      </c>
      <c r="N5719" s="5" t="s">
        <v>38</v>
      </c>
      <c r="O5719" s="5" t="s">
        <v>39</v>
      </c>
      <c r="P5719" s="5" t="s">
        <v>40</v>
      </c>
      <c r="Q5719" s="5" t="s">
        <v>897</v>
      </c>
      <c r="R5719" s="5" t="s">
        <v>40</v>
      </c>
      <c r="S5719" s="5" t="s">
        <v>42</v>
      </c>
      <c r="T5719" s="2">
        <v>61.695</v>
      </c>
      <c r="U5719" s="2">
        <v>58.112000000000002</v>
      </c>
      <c r="V5719" s="2">
        <v>0.21099999999999999</v>
      </c>
      <c r="W5719" s="2">
        <v>17</v>
      </c>
      <c r="X5719" s="2">
        <v>80.7</v>
      </c>
      <c r="Y5719" s="2">
        <v>153.6</v>
      </c>
      <c r="Z5719" s="5">
        <v>7</v>
      </c>
      <c r="AA5719" s="5" t="s">
        <v>43</v>
      </c>
      <c r="AB5719" s="5" t="s">
        <v>735</v>
      </c>
      <c r="AC5719" s="2" t="s">
        <v>101149</v>
      </c>
      <c r="AD5719" s="1"/>
    </row>
    <row r="5720" spans="1:30">
      <c r="A5720" s="5" t="s">
        <v>83578</v>
      </c>
      <c r="B5720" s="2" t="s">
        <v>101150</v>
      </c>
      <c r="C5720" s="14" t="s">
        <v>101151</v>
      </c>
      <c r="D5720" s="2" t="s">
        <v>101152</v>
      </c>
      <c r="E5720" s="2" t="s">
        <v>100305</v>
      </c>
      <c r="F5720" s="8">
        <v>1410</v>
      </c>
      <c r="G5720" s="5">
        <v>10</v>
      </c>
      <c r="H5720" s="5" t="s">
        <v>69</v>
      </c>
      <c r="I5720" s="5" t="s">
        <v>64797</v>
      </c>
      <c r="J5720" s="2" t="s">
        <v>64798</v>
      </c>
      <c r="K5720" s="5" t="s">
        <v>64797</v>
      </c>
      <c r="L5720" s="2" t="s">
        <v>64798</v>
      </c>
      <c r="M5720" s="5" t="s">
        <v>733</v>
      </c>
      <c r="N5720" s="5" t="s">
        <v>38</v>
      </c>
      <c r="O5720" s="5" t="s">
        <v>39</v>
      </c>
      <c r="P5720" s="5" t="s">
        <v>40</v>
      </c>
      <c r="Q5720" s="5" t="s">
        <v>897</v>
      </c>
      <c r="R5720" s="5" t="s">
        <v>40</v>
      </c>
      <c r="S5720" s="5" t="s">
        <v>42</v>
      </c>
      <c r="T5720" s="2">
        <v>64.188000000000002</v>
      </c>
      <c r="U5720" s="2">
        <v>59.484999999999999</v>
      </c>
      <c r="V5720" s="2">
        <v>0.26200000000000001</v>
      </c>
      <c r="W5720" s="2">
        <v>17</v>
      </c>
      <c r="X5720" s="2">
        <v>88.7</v>
      </c>
      <c r="Y5720" s="2">
        <v>173.8</v>
      </c>
      <c r="Z5720" s="5">
        <v>7</v>
      </c>
      <c r="AA5720" s="5" t="s">
        <v>43</v>
      </c>
      <c r="AB5720" s="5" t="s">
        <v>735</v>
      </c>
      <c r="AC5720" s="2" t="s">
        <v>101153</v>
      </c>
      <c r="AD5720" s="1"/>
    </row>
    <row r="5721" spans="1:30">
      <c r="A5721" s="5" t="s">
        <v>83578</v>
      </c>
      <c r="B5721" s="2" t="s">
        <v>101154</v>
      </c>
      <c r="C5721" s="14" t="s">
        <v>101155</v>
      </c>
      <c r="D5721" s="2" t="s">
        <v>101156</v>
      </c>
      <c r="E5721" s="2" t="s">
        <v>58525</v>
      </c>
      <c r="F5721" s="8">
        <v>1410</v>
      </c>
      <c r="G5721" s="5">
        <v>5</v>
      </c>
      <c r="H5721" s="5" t="s">
        <v>69</v>
      </c>
      <c r="I5721" s="5" t="s">
        <v>64797</v>
      </c>
      <c r="J5721" s="2" t="s">
        <v>64798</v>
      </c>
      <c r="K5721" s="5" t="s">
        <v>64797</v>
      </c>
      <c r="L5721" s="2" t="s">
        <v>64798</v>
      </c>
      <c r="M5721" s="5" t="s">
        <v>733</v>
      </c>
      <c r="N5721" s="5" t="s">
        <v>38</v>
      </c>
      <c r="O5721" s="5" t="s">
        <v>39</v>
      </c>
      <c r="P5721" s="5" t="s">
        <v>40</v>
      </c>
      <c r="Q5721" s="5" t="s">
        <v>897</v>
      </c>
      <c r="R5721" s="5" t="s">
        <v>40</v>
      </c>
      <c r="S5721" s="5" t="s">
        <v>42</v>
      </c>
      <c r="T5721" s="2">
        <v>61.805999999999997</v>
      </c>
      <c r="U5721" s="2">
        <v>57.103000000000002</v>
      </c>
      <c r="V5721" s="2">
        <v>0.26200000000000001</v>
      </c>
      <c r="W5721" s="2">
        <v>17</v>
      </c>
      <c r="X5721" s="2">
        <v>88.7</v>
      </c>
      <c r="Y5721" s="2">
        <v>173.8</v>
      </c>
      <c r="Z5721" s="5">
        <v>7</v>
      </c>
      <c r="AA5721" s="5" t="s">
        <v>43</v>
      </c>
      <c r="AB5721" s="5" t="s">
        <v>735</v>
      </c>
      <c r="AC5721" s="2" t="s">
        <v>101157</v>
      </c>
      <c r="AD5721" s="1"/>
    </row>
    <row r="5722" spans="1:30">
      <c r="A5722" s="5" t="s">
        <v>83578</v>
      </c>
      <c r="B5722" s="2" t="s">
        <v>101158</v>
      </c>
      <c r="C5722" s="14" t="s">
        <v>101159</v>
      </c>
      <c r="D5722" s="2" t="s">
        <v>101160</v>
      </c>
      <c r="E5722" s="2" t="s">
        <v>100315</v>
      </c>
      <c r="F5722" s="8">
        <v>1798</v>
      </c>
      <c r="G5722" s="5">
        <v>10</v>
      </c>
      <c r="H5722" s="5" t="s">
        <v>69</v>
      </c>
      <c r="I5722" s="5" t="s">
        <v>64797</v>
      </c>
      <c r="J5722" s="2" t="s">
        <v>64798</v>
      </c>
      <c r="K5722" s="5" t="s">
        <v>64797</v>
      </c>
      <c r="L5722" s="2" t="s">
        <v>64798</v>
      </c>
      <c r="M5722" s="5" t="s">
        <v>733</v>
      </c>
      <c r="N5722" s="5" t="s">
        <v>38</v>
      </c>
      <c r="O5722" s="5" t="s">
        <v>39</v>
      </c>
      <c r="P5722" s="5" t="s">
        <v>40</v>
      </c>
      <c r="Q5722" s="5" t="s">
        <v>897</v>
      </c>
      <c r="R5722" s="5" t="s">
        <v>40</v>
      </c>
      <c r="S5722" s="5" t="s">
        <v>42</v>
      </c>
      <c r="T5722" s="2">
        <v>69.936999999999998</v>
      </c>
      <c r="U5722" s="2">
        <v>65.25</v>
      </c>
      <c r="V5722" s="2">
        <v>0.26200000000000001</v>
      </c>
      <c r="W5722" s="2">
        <v>17</v>
      </c>
      <c r="X5722" s="2">
        <v>88.7</v>
      </c>
      <c r="Y5722" s="2">
        <v>173.8</v>
      </c>
      <c r="Z5722" s="5">
        <v>7</v>
      </c>
      <c r="AA5722" s="5" t="s">
        <v>43</v>
      </c>
      <c r="AB5722" s="5" t="s">
        <v>735</v>
      </c>
      <c r="AC5722" s="2" t="s">
        <v>101161</v>
      </c>
      <c r="AD5722" s="1"/>
    </row>
    <row r="5723" spans="1:30">
      <c r="A5723" s="5" t="s">
        <v>83578</v>
      </c>
      <c r="B5723" s="2" t="s">
        <v>101162</v>
      </c>
      <c r="C5723" s="14" t="s">
        <v>101163</v>
      </c>
      <c r="D5723" s="2" t="s">
        <v>101164</v>
      </c>
      <c r="E5723" s="2" t="s">
        <v>100343</v>
      </c>
      <c r="F5723" s="8">
        <v>1705</v>
      </c>
      <c r="G5723" s="5">
        <v>10</v>
      </c>
      <c r="H5723" s="5" t="s">
        <v>69</v>
      </c>
      <c r="I5723" s="5" t="s">
        <v>64797</v>
      </c>
      <c r="J5723" s="2" t="s">
        <v>64798</v>
      </c>
      <c r="K5723" s="5" t="s">
        <v>64797</v>
      </c>
      <c r="L5723" s="2" t="s">
        <v>64798</v>
      </c>
      <c r="M5723" s="5" t="s">
        <v>733</v>
      </c>
      <c r="N5723" s="5" t="s">
        <v>38</v>
      </c>
      <c r="O5723" s="5" t="s">
        <v>39</v>
      </c>
      <c r="P5723" s="5" t="s">
        <v>40</v>
      </c>
      <c r="Q5723" s="5" t="s">
        <v>897</v>
      </c>
      <c r="R5723" s="5" t="s">
        <v>40</v>
      </c>
      <c r="S5723" s="5" t="s">
        <v>42</v>
      </c>
      <c r="T5723" s="2">
        <v>62.853000000000002</v>
      </c>
      <c r="U5723" s="2">
        <v>59.238999999999997</v>
      </c>
      <c r="V5723" s="2">
        <v>0.217</v>
      </c>
      <c r="W5723" s="2">
        <v>17</v>
      </c>
      <c r="X5723" s="2">
        <v>96.9</v>
      </c>
      <c r="Y5723" s="2">
        <v>131.6</v>
      </c>
      <c r="Z5723" s="5">
        <v>7</v>
      </c>
      <c r="AA5723" s="5" t="s">
        <v>43</v>
      </c>
      <c r="AB5723" s="5" t="s">
        <v>735</v>
      </c>
      <c r="AC5723" s="2" t="s">
        <v>101165</v>
      </c>
      <c r="AD5723" s="1"/>
    </row>
    <row r="5724" spans="1:30">
      <c r="A5724" s="5" t="s">
        <v>83578</v>
      </c>
      <c r="B5724" s="2" t="s">
        <v>101166</v>
      </c>
      <c r="C5724" s="14" t="s">
        <v>101167</v>
      </c>
      <c r="D5724" s="2" t="s">
        <v>101168</v>
      </c>
      <c r="E5724" s="2" t="s">
        <v>100348</v>
      </c>
      <c r="F5724" s="8">
        <v>1361</v>
      </c>
      <c r="G5724" s="5">
        <v>10</v>
      </c>
      <c r="H5724" s="5" t="s">
        <v>69</v>
      </c>
      <c r="I5724" s="5" t="s">
        <v>64797</v>
      </c>
      <c r="J5724" s="2" t="s">
        <v>64798</v>
      </c>
      <c r="K5724" s="5" t="s">
        <v>64797</v>
      </c>
      <c r="L5724" s="2" t="s">
        <v>64798</v>
      </c>
      <c r="M5724" s="5" t="s">
        <v>733</v>
      </c>
      <c r="N5724" s="5" t="s">
        <v>38</v>
      </c>
      <c r="O5724" s="5" t="s">
        <v>39</v>
      </c>
      <c r="P5724" s="5" t="s">
        <v>40</v>
      </c>
      <c r="Q5724" s="5" t="s">
        <v>897</v>
      </c>
      <c r="R5724" s="5" t="s">
        <v>40</v>
      </c>
      <c r="S5724" s="5" t="s">
        <v>42</v>
      </c>
      <c r="T5724" s="2">
        <v>55.792000000000002</v>
      </c>
      <c r="U5724" s="2">
        <v>52.154000000000003</v>
      </c>
      <c r="V5724" s="2">
        <v>0.217</v>
      </c>
      <c r="W5724" s="2">
        <v>17</v>
      </c>
      <c r="X5724" s="2">
        <v>96.9</v>
      </c>
      <c r="Y5724" s="2">
        <v>131.6</v>
      </c>
      <c r="Z5724" s="5">
        <v>7</v>
      </c>
      <c r="AA5724" s="5" t="s">
        <v>43</v>
      </c>
      <c r="AB5724" s="5" t="s">
        <v>735</v>
      </c>
      <c r="AC5724" s="2" t="s">
        <v>101169</v>
      </c>
      <c r="AD5724" s="1"/>
    </row>
    <row r="5725" spans="1:30">
      <c r="A5725" s="5" t="s">
        <v>83578</v>
      </c>
      <c r="B5725" s="2" t="s">
        <v>101170</v>
      </c>
      <c r="C5725" s="14" t="s">
        <v>101171</v>
      </c>
      <c r="D5725" s="2" t="s">
        <v>101172</v>
      </c>
      <c r="E5725" s="2" t="s">
        <v>100353</v>
      </c>
      <c r="F5725" s="8">
        <v>1361</v>
      </c>
      <c r="G5725" s="5">
        <v>5</v>
      </c>
      <c r="H5725" s="5" t="s">
        <v>69</v>
      </c>
      <c r="I5725" s="5" t="s">
        <v>64797</v>
      </c>
      <c r="J5725" s="2" t="s">
        <v>64798</v>
      </c>
      <c r="K5725" s="5" t="s">
        <v>64797</v>
      </c>
      <c r="L5725" s="2" t="s">
        <v>64798</v>
      </c>
      <c r="M5725" s="5" t="s">
        <v>733</v>
      </c>
      <c r="N5725" s="5" t="s">
        <v>38</v>
      </c>
      <c r="O5725" s="5" t="s">
        <v>39</v>
      </c>
      <c r="P5725" s="5" t="s">
        <v>40</v>
      </c>
      <c r="Q5725" s="5" t="s">
        <v>897</v>
      </c>
      <c r="R5725" s="5" t="s">
        <v>40</v>
      </c>
      <c r="S5725" s="5" t="s">
        <v>42</v>
      </c>
      <c r="T5725" s="2">
        <v>54.615000000000002</v>
      </c>
      <c r="U5725" s="2">
        <v>50.976999999999997</v>
      </c>
      <c r="V5725" s="2">
        <v>0.217</v>
      </c>
      <c r="W5725" s="2">
        <v>17</v>
      </c>
      <c r="X5725" s="2">
        <v>96.9</v>
      </c>
      <c r="Y5725" s="2">
        <v>131.6</v>
      </c>
      <c r="Z5725" s="5">
        <v>7</v>
      </c>
      <c r="AA5725" s="5" t="s">
        <v>43</v>
      </c>
      <c r="AB5725" s="5" t="s">
        <v>735</v>
      </c>
      <c r="AC5725" s="2" t="s">
        <v>101173</v>
      </c>
      <c r="AD5725" s="1"/>
    </row>
    <row r="5726" spans="1:30">
      <c r="A5726" s="5" t="s">
        <v>83578</v>
      </c>
      <c r="B5726" s="2" t="s">
        <v>101174</v>
      </c>
      <c r="C5726" s="14" t="s">
        <v>101175</v>
      </c>
      <c r="D5726" s="2" t="s">
        <v>101176</v>
      </c>
      <c r="E5726" s="2" t="s">
        <v>100363</v>
      </c>
      <c r="F5726" s="8">
        <v>1705</v>
      </c>
      <c r="G5726" s="5">
        <v>10</v>
      </c>
      <c r="H5726" s="5" t="s">
        <v>69</v>
      </c>
      <c r="I5726" s="5" t="s">
        <v>64797</v>
      </c>
      <c r="J5726" s="2" t="s">
        <v>64798</v>
      </c>
      <c r="K5726" s="5" t="s">
        <v>64797</v>
      </c>
      <c r="L5726" s="2" t="s">
        <v>64798</v>
      </c>
      <c r="M5726" s="5" t="s">
        <v>733</v>
      </c>
      <c r="N5726" s="5" t="s">
        <v>38</v>
      </c>
      <c r="O5726" s="5" t="s">
        <v>39</v>
      </c>
      <c r="P5726" s="5" t="s">
        <v>40</v>
      </c>
      <c r="Q5726" s="5" t="s">
        <v>897</v>
      </c>
      <c r="R5726" s="5" t="s">
        <v>40</v>
      </c>
      <c r="S5726" s="5" t="s">
        <v>42</v>
      </c>
      <c r="T5726" s="2">
        <v>62.89</v>
      </c>
      <c r="U5726" s="2">
        <v>59.276000000000003</v>
      </c>
      <c r="V5726" s="2">
        <v>0.217</v>
      </c>
      <c r="W5726" s="2">
        <v>17</v>
      </c>
      <c r="X5726" s="2">
        <v>96.9</v>
      </c>
      <c r="Y5726" s="2">
        <v>131.6</v>
      </c>
      <c r="Z5726" s="5">
        <v>7</v>
      </c>
      <c r="AA5726" s="5" t="s">
        <v>43</v>
      </c>
      <c r="AB5726" s="5" t="s">
        <v>735</v>
      </c>
      <c r="AC5726" s="2" t="s">
        <v>101177</v>
      </c>
      <c r="AD5726" s="1"/>
    </row>
    <row r="5727" spans="1:30">
      <c r="A5727" s="5" t="s">
        <v>83578</v>
      </c>
      <c r="B5727" s="2" t="s">
        <v>101178</v>
      </c>
      <c r="C5727" s="14" t="s">
        <v>101179</v>
      </c>
      <c r="D5727" s="2" t="s">
        <v>101180</v>
      </c>
      <c r="E5727" s="2" t="s">
        <v>100368</v>
      </c>
      <c r="F5727" s="8">
        <v>1705</v>
      </c>
      <c r="G5727" s="5">
        <v>10</v>
      </c>
      <c r="H5727" s="5" t="s">
        <v>69</v>
      </c>
      <c r="I5727" s="5" t="s">
        <v>64797</v>
      </c>
      <c r="J5727" s="2" t="s">
        <v>64798</v>
      </c>
      <c r="K5727" s="5" t="s">
        <v>64797</v>
      </c>
      <c r="L5727" s="2" t="s">
        <v>64798</v>
      </c>
      <c r="M5727" s="5" t="s">
        <v>733</v>
      </c>
      <c r="N5727" s="5" t="s">
        <v>38</v>
      </c>
      <c r="O5727" s="5" t="s">
        <v>39</v>
      </c>
      <c r="P5727" s="5" t="s">
        <v>40</v>
      </c>
      <c r="Q5727" s="5" t="s">
        <v>897</v>
      </c>
      <c r="R5727" s="5" t="s">
        <v>40</v>
      </c>
      <c r="S5727" s="5" t="s">
        <v>42</v>
      </c>
      <c r="T5727" s="2">
        <v>61.677999999999997</v>
      </c>
      <c r="U5727" s="2">
        <v>58.064</v>
      </c>
      <c r="V5727" s="2">
        <v>0.217</v>
      </c>
      <c r="W5727" s="2">
        <v>17</v>
      </c>
      <c r="X5727" s="2">
        <v>96.9</v>
      </c>
      <c r="Y5727" s="2">
        <v>131.6</v>
      </c>
      <c r="Z5727" s="5">
        <v>7</v>
      </c>
      <c r="AA5727" s="5" t="s">
        <v>43</v>
      </c>
      <c r="AB5727" s="5" t="s">
        <v>735</v>
      </c>
      <c r="AC5727" s="2" t="s">
        <v>101181</v>
      </c>
      <c r="AD5727" s="1"/>
    </row>
    <row r="5728" spans="1:30">
      <c r="A5728" s="5" t="s">
        <v>83578</v>
      </c>
      <c r="B5728" s="2" t="s">
        <v>101182</v>
      </c>
      <c r="C5728" s="14" t="s">
        <v>101183</v>
      </c>
      <c r="D5728" s="2" t="s">
        <v>101184</v>
      </c>
      <c r="E5728" s="2" t="s">
        <v>100373</v>
      </c>
      <c r="F5728" s="8">
        <v>1825</v>
      </c>
      <c r="G5728" s="5">
        <v>10</v>
      </c>
      <c r="H5728" s="5" t="s">
        <v>69</v>
      </c>
      <c r="I5728" s="5" t="s">
        <v>64797</v>
      </c>
      <c r="J5728" s="2" t="s">
        <v>64798</v>
      </c>
      <c r="K5728" s="5" t="s">
        <v>64797</v>
      </c>
      <c r="L5728" s="2" t="s">
        <v>64798</v>
      </c>
      <c r="M5728" s="5" t="s">
        <v>733</v>
      </c>
      <c r="N5728" s="5" t="s">
        <v>38</v>
      </c>
      <c r="O5728" s="5" t="s">
        <v>39</v>
      </c>
      <c r="P5728" s="5" t="s">
        <v>40</v>
      </c>
      <c r="Q5728" s="5" t="s">
        <v>897</v>
      </c>
      <c r="R5728" s="5" t="s">
        <v>40</v>
      </c>
      <c r="S5728" s="5" t="s">
        <v>42</v>
      </c>
      <c r="T5728" s="2">
        <v>73.962000000000003</v>
      </c>
      <c r="U5728" s="2">
        <v>69.209999999999994</v>
      </c>
      <c r="V5728" s="2">
        <v>0.27400000000000002</v>
      </c>
      <c r="W5728" s="2">
        <v>17</v>
      </c>
      <c r="X5728" s="2">
        <v>104.9</v>
      </c>
      <c r="Y5728" s="2">
        <v>153.6</v>
      </c>
      <c r="Z5728" s="5">
        <v>7</v>
      </c>
      <c r="AA5728" s="5" t="s">
        <v>43</v>
      </c>
      <c r="AB5728" s="5" t="s">
        <v>735</v>
      </c>
      <c r="AC5728" s="2" t="s">
        <v>101185</v>
      </c>
      <c r="AD5728" s="1"/>
    </row>
    <row r="5729" spans="1:30">
      <c r="A5729" s="5" t="s">
        <v>83578</v>
      </c>
      <c r="B5729" s="2" t="s">
        <v>101186</v>
      </c>
      <c r="C5729" s="14" t="s">
        <v>101187</v>
      </c>
      <c r="D5729" s="2" t="s">
        <v>101188</v>
      </c>
      <c r="E5729" s="2" t="s">
        <v>59065</v>
      </c>
      <c r="F5729" s="8">
        <v>1416</v>
      </c>
      <c r="G5729" s="5">
        <v>10</v>
      </c>
      <c r="H5729" s="5" t="s">
        <v>69</v>
      </c>
      <c r="I5729" s="5" t="s">
        <v>64797</v>
      </c>
      <c r="J5729" s="2" t="s">
        <v>64798</v>
      </c>
      <c r="K5729" s="5" t="s">
        <v>64797</v>
      </c>
      <c r="L5729" s="2" t="s">
        <v>64798</v>
      </c>
      <c r="M5729" s="5" t="s">
        <v>733</v>
      </c>
      <c r="N5729" s="5" t="s">
        <v>38</v>
      </c>
      <c r="O5729" s="5" t="s">
        <v>39</v>
      </c>
      <c r="P5729" s="5" t="s">
        <v>40</v>
      </c>
      <c r="Q5729" s="5" t="s">
        <v>897</v>
      </c>
      <c r="R5729" s="5" t="s">
        <v>40</v>
      </c>
      <c r="S5729" s="5" t="s">
        <v>42</v>
      </c>
      <c r="T5729" s="2">
        <v>64.623999999999995</v>
      </c>
      <c r="U5729" s="2">
        <v>59.847999999999999</v>
      </c>
      <c r="V5729" s="2">
        <v>0.27400000000000002</v>
      </c>
      <c r="W5729" s="2">
        <v>17</v>
      </c>
      <c r="X5729" s="2">
        <v>104.9</v>
      </c>
      <c r="Y5729" s="2">
        <v>153.6</v>
      </c>
      <c r="Z5729" s="5">
        <v>7</v>
      </c>
      <c r="AA5729" s="5" t="s">
        <v>43</v>
      </c>
      <c r="AB5729" s="5" t="s">
        <v>735</v>
      </c>
      <c r="AC5729" s="2" t="s">
        <v>101189</v>
      </c>
      <c r="AD5729" s="1"/>
    </row>
    <row r="5730" spans="1:30">
      <c r="A5730" s="5" t="s">
        <v>83578</v>
      </c>
      <c r="B5730" s="2" t="s">
        <v>101190</v>
      </c>
      <c r="C5730" s="14" t="s">
        <v>101191</v>
      </c>
      <c r="D5730" s="2" t="s">
        <v>101192</v>
      </c>
      <c r="E5730" s="2" t="s">
        <v>100378</v>
      </c>
      <c r="F5730" s="8">
        <v>1416</v>
      </c>
      <c r="G5730" s="5">
        <v>5</v>
      </c>
      <c r="H5730" s="5" t="s">
        <v>69</v>
      </c>
      <c r="I5730" s="5" t="s">
        <v>64797</v>
      </c>
      <c r="J5730" s="2" t="s">
        <v>64798</v>
      </c>
      <c r="K5730" s="5" t="s">
        <v>64797</v>
      </c>
      <c r="L5730" s="2" t="s">
        <v>64798</v>
      </c>
      <c r="M5730" s="5" t="s">
        <v>733</v>
      </c>
      <c r="N5730" s="5" t="s">
        <v>38</v>
      </c>
      <c r="O5730" s="5" t="s">
        <v>39</v>
      </c>
      <c r="P5730" s="5" t="s">
        <v>40</v>
      </c>
      <c r="Q5730" s="5" t="s">
        <v>897</v>
      </c>
      <c r="R5730" s="5" t="s">
        <v>40</v>
      </c>
      <c r="S5730" s="5" t="s">
        <v>42</v>
      </c>
      <c r="T5730" s="2">
        <v>63.347999999999999</v>
      </c>
      <c r="U5730" s="2">
        <v>58.572000000000003</v>
      </c>
      <c r="V5730" s="2">
        <v>0.27400000000000002</v>
      </c>
      <c r="W5730" s="2">
        <v>17</v>
      </c>
      <c r="X5730" s="2">
        <v>104.9</v>
      </c>
      <c r="Y5730" s="2">
        <v>153.6</v>
      </c>
      <c r="Z5730" s="5">
        <v>7</v>
      </c>
      <c r="AA5730" s="5" t="s">
        <v>43</v>
      </c>
      <c r="AB5730" s="5" t="s">
        <v>735</v>
      </c>
      <c r="AC5730" s="2" t="s">
        <v>101193</v>
      </c>
      <c r="AD5730" s="1"/>
    </row>
    <row r="5731" spans="1:30">
      <c r="A5731" s="5" t="s">
        <v>83578</v>
      </c>
      <c r="B5731" s="2" t="s">
        <v>101194</v>
      </c>
      <c r="C5731" s="14" t="s">
        <v>101195</v>
      </c>
      <c r="D5731" s="2" t="s">
        <v>101196</v>
      </c>
      <c r="E5731" s="2" t="s">
        <v>59194</v>
      </c>
      <c r="F5731" s="8">
        <v>1825</v>
      </c>
      <c r="G5731" s="5">
        <v>10</v>
      </c>
      <c r="H5731" s="5" t="s">
        <v>69</v>
      </c>
      <c r="I5731" s="5" t="s">
        <v>64797</v>
      </c>
      <c r="J5731" s="2" t="s">
        <v>64798</v>
      </c>
      <c r="K5731" s="5" t="s">
        <v>64797</v>
      </c>
      <c r="L5731" s="2" t="s">
        <v>64798</v>
      </c>
      <c r="M5731" s="5" t="s">
        <v>733</v>
      </c>
      <c r="N5731" s="5" t="s">
        <v>38</v>
      </c>
      <c r="O5731" s="5" t="s">
        <v>39</v>
      </c>
      <c r="P5731" s="5" t="s">
        <v>40</v>
      </c>
      <c r="Q5731" s="5" t="s">
        <v>897</v>
      </c>
      <c r="R5731" s="5" t="s">
        <v>40</v>
      </c>
      <c r="S5731" s="5" t="s">
        <v>42</v>
      </c>
      <c r="T5731" s="2">
        <v>73.991</v>
      </c>
      <c r="U5731" s="2">
        <v>69.239000000000004</v>
      </c>
      <c r="V5731" s="2">
        <v>0.27400000000000002</v>
      </c>
      <c r="W5731" s="2">
        <v>17</v>
      </c>
      <c r="X5731" s="2">
        <v>104.9</v>
      </c>
      <c r="Y5731" s="2">
        <v>153.6</v>
      </c>
      <c r="Z5731" s="5">
        <v>7</v>
      </c>
      <c r="AA5731" s="5" t="s">
        <v>43</v>
      </c>
      <c r="AB5731" s="5" t="s">
        <v>735</v>
      </c>
      <c r="AC5731" s="2" t="s">
        <v>101197</v>
      </c>
      <c r="AD5731" s="1"/>
    </row>
    <row r="5732" spans="1:30">
      <c r="A5732" s="5" t="s">
        <v>83578</v>
      </c>
      <c r="B5732" s="2" t="s">
        <v>101198</v>
      </c>
      <c r="C5732" s="14" t="s">
        <v>101199</v>
      </c>
      <c r="D5732" s="2" t="s">
        <v>101200</v>
      </c>
      <c r="E5732" s="2" t="s">
        <v>100388</v>
      </c>
      <c r="F5732" s="8">
        <v>1825</v>
      </c>
      <c r="G5732" s="5">
        <v>10</v>
      </c>
      <c r="H5732" s="5" t="s">
        <v>69</v>
      </c>
      <c r="I5732" s="5" t="s">
        <v>64797</v>
      </c>
      <c r="J5732" s="2" t="s">
        <v>64798</v>
      </c>
      <c r="K5732" s="5" t="s">
        <v>64797</v>
      </c>
      <c r="L5732" s="2" t="s">
        <v>64798</v>
      </c>
      <c r="M5732" s="5" t="s">
        <v>733</v>
      </c>
      <c r="N5732" s="5" t="s">
        <v>38</v>
      </c>
      <c r="O5732" s="5" t="s">
        <v>39</v>
      </c>
      <c r="P5732" s="5" t="s">
        <v>40</v>
      </c>
      <c r="Q5732" s="5" t="s">
        <v>897</v>
      </c>
      <c r="R5732" s="5" t="s">
        <v>40</v>
      </c>
      <c r="S5732" s="5" t="s">
        <v>42</v>
      </c>
      <c r="T5732" s="2">
        <v>72.713999999999999</v>
      </c>
      <c r="U5732" s="2">
        <v>67.962000000000003</v>
      </c>
      <c r="V5732" s="2">
        <v>0.27400000000000002</v>
      </c>
      <c r="W5732" s="2">
        <v>17</v>
      </c>
      <c r="X5732" s="2">
        <v>104.9</v>
      </c>
      <c r="Y5732" s="2">
        <v>153.6</v>
      </c>
      <c r="Z5732" s="5">
        <v>7</v>
      </c>
      <c r="AA5732" s="5" t="s">
        <v>43</v>
      </c>
      <c r="AB5732" s="5" t="s">
        <v>735</v>
      </c>
      <c r="AC5732" s="2" t="s">
        <v>101201</v>
      </c>
      <c r="AD5732" s="1"/>
    </row>
    <row r="5733" spans="1:30">
      <c r="A5733" s="5" t="s">
        <v>83578</v>
      </c>
      <c r="B5733" s="2" t="s">
        <v>101202</v>
      </c>
      <c r="C5733" s="14" t="s">
        <v>101203</v>
      </c>
      <c r="D5733" s="2" t="s">
        <v>101204</v>
      </c>
      <c r="E5733" s="2" t="s">
        <v>59367</v>
      </c>
      <c r="F5733" s="8">
        <v>1476</v>
      </c>
      <c r="G5733" s="5">
        <v>5</v>
      </c>
      <c r="H5733" s="5" t="s">
        <v>69</v>
      </c>
      <c r="I5733" s="5" t="s">
        <v>64797</v>
      </c>
      <c r="J5733" s="2" t="s">
        <v>64798</v>
      </c>
      <c r="K5733" s="5" t="s">
        <v>64797</v>
      </c>
      <c r="L5733" s="2" t="s">
        <v>64798</v>
      </c>
      <c r="M5733" s="5" t="s">
        <v>733</v>
      </c>
      <c r="N5733" s="5" t="s">
        <v>38</v>
      </c>
      <c r="O5733" s="5" t="s">
        <v>39</v>
      </c>
      <c r="P5733" s="5" t="s">
        <v>40</v>
      </c>
      <c r="Q5733" s="5" t="s">
        <v>897</v>
      </c>
      <c r="R5733" s="5" t="s">
        <v>40</v>
      </c>
      <c r="S5733" s="5" t="s">
        <v>42</v>
      </c>
      <c r="T5733" s="2">
        <v>70.778000000000006</v>
      </c>
      <c r="U5733" s="2">
        <v>65.52</v>
      </c>
      <c r="V5733" s="2">
        <v>0.31</v>
      </c>
      <c r="W5733" s="2">
        <v>17</v>
      </c>
      <c r="X5733" s="2">
        <v>104.9</v>
      </c>
      <c r="Y5733" s="2">
        <v>173.8</v>
      </c>
      <c r="Z5733" s="5">
        <v>7</v>
      </c>
      <c r="AA5733" s="5" t="s">
        <v>43</v>
      </c>
      <c r="AB5733" s="5" t="s">
        <v>735</v>
      </c>
      <c r="AC5733" s="2" t="s">
        <v>101205</v>
      </c>
      <c r="AD5733" s="1"/>
    </row>
    <row r="5734" spans="1:30">
      <c r="A5734" s="5" t="s">
        <v>83578</v>
      </c>
      <c r="B5734" s="2" t="s">
        <v>101206</v>
      </c>
      <c r="C5734" s="14" t="s">
        <v>101207</v>
      </c>
      <c r="D5734" s="2" t="s">
        <v>101208</v>
      </c>
      <c r="E5734" s="2" t="s">
        <v>59422</v>
      </c>
      <c r="F5734" s="8">
        <v>1269</v>
      </c>
      <c r="G5734" s="5">
        <v>10</v>
      </c>
      <c r="H5734" s="5" t="s">
        <v>69</v>
      </c>
      <c r="I5734" s="5" t="s">
        <v>64797</v>
      </c>
      <c r="J5734" s="2" t="s">
        <v>64798</v>
      </c>
      <c r="K5734" s="5" t="s">
        <v>64797</v>
      </c>
      <c r="L5734" s="2" t="s">
        <v>64798</v>
      </c>
      <c r="M5734" s="5" t="s">
        <v>733</v>
      </c>
      <c r="N5734" s="5" t="s">
        <v>38</v>
      </c>
      <c r="O5734" s="5" t="s">
        <v>39</v>
      </c>
      <c r="P5734" s="5" t="s">
        <v>40</v>
      </c>
      <c r="Q5734" s="5" t="s">
        <v>897</v>
      </c>
      <c r="R5734" s="5" t="s">
        <v>40</v>
      </c>
      <c r="S5734" s="5" t="s">
        <v>42</v>
      </c>
      <c r="T5734" s="2">
        <v>77.798000000000002</v>
      </c>
      <c r="U5734" s="2">
        <v>72.563999999999993</v>
      </c>
      <c r="V5734" s="2">
        <v>0.31</v>
      </c>
      <c r="W5734" s="2">
        <v>17</v>
      </c>
      <c r="X5734" s="2">
        <v>104.9</v>
      </c>
      <c r="Y5734" s="2">
        <v>173.8</v>
      </c>
      <c r="Z5734" s="5">
        <v>7</v>
      </c>
      <c r="AA5734" s="5" t="s">
        <v>43</v>
      </c>
      <c r="AB5734" s="5" t="s">
        <v>735</v>
      </c>
      <c r="AC5734" s="2" t="s">
        <v>101209</v>
      </c>
      <c r="AD5734" s="1"/>
    </row>
    <row r="5735" spans="1:30">
      <c r="A5735" s="5" t="s">
        <v>83578</v>
      </c>
      <c r="B5735" s="2" t="s">
        <v>101210</v>
      </c>
      <c r="C5735" s="14" t="s">
        <v>101211</v>
      </c>
      <c r="D5735" s="2" t="s">
        <v>101212</v>
      </c>
      <c r="E5735" s="2" t="s">
        <v>59493</v>
      </c>
      <c r="F5735" s="8">
        <v>1944</v>
      </c>
      <c r="G5735" s="5">
        <v>10</v>
      </c>
      <c r="H5735" s="5" t="s">
        <v>69</v>
      </c>
      <c r="I5735" s="5" t="s">
        <v>64797</v>
      </c>
      <c r="J5735" s="2" t="s">
        <v>64798</v>
      </c>
      <c r="K5735" s="5" t="s">
        <v>64797</v>
      </c>
      <c r="L5735" s="2" t="s">
        <v>64798</v>
      </c>
      <c r="M5735" s="5" t="s">
        <v>733</v>
      </c>
      <c r="N5735" s="5" t="s">
        <v>38</v>
      </c>
      <c r="O5735" s="5" t="s">
        <v>39</v>
      </c>
      <c r="P5735" s="5" t="s">
        <v>40</v>
      </c>
      <c r="Q5735" s="5" t="s">
        <v>897</v>
      </c>
      <c r="R5735" s="5" t="s">
        <v>40</v>
      </c>
      <c r="S5735" s="5" t="s">
        <v>42</v>
      </c>
      <c r="T5735" s="2">
        <v>80.847999999999999</v>
      </c>
      <c r="U5735" s="2">
        <v>75.614000000000004</v>
      </c>
      <c r="V5735" s="2">
        <v>0.31</v>
      </c>
      <c r="W5735" s="2">
        <v>17</v>
      </c>
      <c r="X5735" s="2">
        <v>104.9</v>
      </c>
      <c r="Y5735" s="2">
        <v>173.8</v>
      </c>
      <c r="Z5735" s="5">
        <v>7</v>
      </c>
      <c r="AA5735" s="5" t="s">
        <v>43</v>
      </c>
      <c r="AB5735" s="5" t="s">
        <v>735</v>
      </c>
      <c r="AC5735" s="2" t="s">
        <v>101213</v>
      </c>
      <c r="AD5735" s="1"/>
    </row>
    <row r="5736" spans="1:30">
      <c r="A5736" s="5" t="s">
        <v>83578</v>
      </c>
      <c r="B5736" s="2" t="s">
        <v>101214</v>
      </c>
      <c r="C5736" s="14" t="s">
        <v>101215</v>
      </c>
      <c r="D5736" s="2" t="s">
        <v>101216</v>
      </c>
      <c r="E5736" s="2" t="s">
        <v>59691</v>
      </c>
      <c r="F5736" s="8">
        <v>1432</v>
      </c>
      <c r="G5736" s="5">
        <v>5</v>
      </c>
      <c r="H5736" s="5" t="s">
        <v>69</v>
      </c>
      <c r="I5736" s="5" t="s">
        <v>64797</v>
      </c>
      <c r="J5736" s="2" t="s">
        <v>64798</v>
      </c>
      <c r="K5736" s="5" t="s">
        <v>64797</v>
      </c>
      <c r="L5736" s="2" t="s">
        <v>64798</v>
      </c>
      <c r="M5736" s="5" t="s">
        <v>733</v>
      </c>
      <c r="N5736" s="5" t="s">
        <v>38</v>
      </c>
      <c r="O5736" s="5" t="s">
        <v>39</v>
      </c>
      <c r="P5736" s="5" t="s">
        <v>40</v>
      </c>
      <c r="Q5736" s="5" t="s">
        <v>897</v>
      </c>
      <c r="R5736" s="5" t="s">
        <v>40</v>
      </c>
      <c r="S5736" s="5" t="s">
        <v>42</v>
      </c>
      <c r="T5736" s="2">
        <v>62.999000000000002</v>
      </c>
      <c r="U5736" s="2">
        <v>58.801000000000002</v>
      </c>
      <c r="V5736" s="2">
        <v>0.26100000000000001</v>
      </c>
      <c r="W5736" s="2">
        <v>17</v>
      </c>
      <c r="X5736" s="2">
        <v>116.7</v>
      </c>
      <c r="Y5736" s="2">
        <v>131.6</v>
      </c>
      <c r="Z5736" s="5">
        <v>7</v>
      </c>
      <c r="AA5736" s="5" t="s">
        <v>43</v>
      </c>
      <c r="AB5736" s="5" t="s">
        <v>735</v>
      </c>
      <c r="AC5736" s="2" t="s">
        <v>101217</v>
      </c>
      <c r="AD5736" s="1"/>
    </row>
    <row r="5737" spans="1:30">
      <c r="A5737" s="5" t="s">
        <v>83578</v>
      </c>
      <c r="B5737" s="2" t="s">
        <v>101218</v>
      </c>
      <c r="C5737" s="14" t="s">
        <v>101219</v>
      </c>
      <c r="D5737" s="2" t="s">
        <v>101220</v>
      </c>
      <c r="E5737" s="2" t="s">
        <v>59839</v>
      </c>
      <c r="F5737" s="8">
        <v>1848</v>
      </c>
      <c r="G5737" s="5">
        <v>10</v>
      </c>
      <c r="H5737" s="5" t="s">
        <v>69</v>
      </c>
      <c r="I5737" s="5" t="s">
        <v>64797</v>
      </c>
      <c r="J5737" s="2" t="s">
        <v>64798</v>
      </c>
      <c r="K5737" s="5" t="s">
        <v>64797</v>
      </c>
      <c r="L5737" s="2" t="s">
        <v>64798</v>
      </c>
      <c r="M5737" s="5" t="s">
        <v>733</v>
      </c>
      <c r="N5737" s="5" t="s">
        <v>38</v>
      </c>
      <c r="O5737" s="5" t="s">
        <v>39</v>
      </c>
      <c r="P5737" s="5" t="s">
        <v>40</v>
      </c>
      <c r="Q5737" s="5" t="s">
        <v>897</v>
      </c>
      <c r="R5737" s="5" t="s">
        <v>40</v>
      </c>
      <c r="S5737" s="5" t="s">
        <v>42</v>
      </c>
      <c r="T5737" s="2">
        <v>71.418999999999997</v>
      </c>
      <c r="U5737" s="2">
        <v>67.253</v>
      </c>
      <c r="V5737" s="2">
        <v>0.26100000000000001</v>
      </c>
      <c r="W5737" s="2">
        <v>17</v>
      </c>
      <c r="X5737" s="2">
        <v>116.7</v>
      </c>
      <c r="Y5737" s="2">
        <v>131.6</v>
      </c>
      <c r="Z5737" s="5">
        <v>7</v>
      </c>
      <c r="AA5737" s="5" t="s">
        <v>43</v>
      </c>
      <c r="AB5737" s="5" t="s">
        <v>735</v>
      </c>
      <c r="AC5737" s="2" t="s">
        <v>101221</v>
      </c>
      <c r="AD5737" s="1"/>
    </row>
    <row r="5738" spans="1:30">
      <c r="A5738" s="5" t="s">
        <v>83578</v>
      </c>
      <c r="B5738" s="2" t="s">
        <v>101222</v>
      </c>
      <c r="C5738" s="14" t="s">
        <v>101223</v>
      </c>
      <c r="D5738" s="2" t="s">
        <v>101224</v>
      </c>
      <c r="E5738" s="2" t="s">
        <v>100432</v>
      </c>
      <c r="F5738" s="8">
        <v>1980</v>
      </c>
      <c r="G5738" s="5">
        <v>10</v>
      </c>
      <c r="H5738" s="5" t="s">
        <v>69</v>
      </c>
      <c r="I5738" s="5" t="s">
        <v>64797</v>
      </c>
      <c r="J5738" s="2" t="s">
        <v>64798</v>
      </c>
      <c r="K5738" s="5" t="s">
        <v>64797</v>
      </c>
      <c r="L5738" s="2" t="s">
        <v>64798</v>
      </c>
      <c r="M5738" s="5" t="s">
        <v>733</v>
      </c>
      <c r="N5738" s="5" t="s">
        <v>38</v>
      </c>
      <c r="O5738" s="5" t="s">
        <v>39</v>
      </c>
      <c r="P5738" s="5" t="s">
        <v>40</v>
      </c>
      <c r="Q5738" s="5" t="s">
        <v>897</v>
      </c>
      <c r="R5738" s="5" t="s">
        <v>40</v>
      </c>
      <c r="S5738" s="5" t="s">
        <v>42</v>
      </c>
      <c r="T5738" s="2">
        <v>85.367999999999995</v>
      </c>
      <c r="U5738" s="2">
        <v>80.001000000000005</v>
      </c>
      <c r="V5738" s="2">
        <v>0.32600000000000001</v>
      </c>
      <c r="W5738" s="2">
        <v>17</v>
      </c>
      <c r="X5738" s="2">
        <v>124.7</v>
      </c>
      <c r="Y5738" s="2">
        <v>153.6</v>
      </c>
      <c r="Z5738" s="5">
        <v>7</v>
      </c>
      <c r="AA5738" s="5" t="s">
        <v>43</v>
      </c>
      <c r="AB5738" s="5" t="s">
        <v>735</v>
      </c>
      <c r="AC5738" s="2" t="s">
        <v>101225</v>
      </c>
      <c r="AD5738" s="1"/>
    </row>
    <row r="5739" spans="1:30">
      <c r="A5739" s="5" t="s">
        <v>83578</v>
      </c>
      <c r="B5739" s="2" t="s">
        <v>101226</v>
      </c>
      <c r="C5739" s="14" t="s">
        <v>101227</v>
      </c>
      <c r="D5739" s="2" t="s">
        <v>101228</v>
      </c>
      <c r="E5739" s="2" t="s">
        <v>100437</v>
      </c>
      <c r="F5739" s="8">
        <v>1487</v>
      </c>
      <c r="G5739" s="5">
        <v>10</v>
      </c>
      <c r="H5739" s="5" t="s">
        <v>69</v>
      </c>
      <c r="I5739" s="5" t="s">
        <v>64797</v>
      </c>
      <c r="J5739" s="2" t="s">
        <v>64798</v>
      </c>
      <c r="K5739" s="5" t="s">
        <v>64797</v>
      </c>
      <c r="L5739" s="2" t="s">
        <v>64798</v>
      </c>
      <c r="M5739" s="5" t="s">
        <v>733</v>
      </c>
      <c r="N5739" s="5" t="s">
        <v>38</v>
      </c>
      <c r="O5739" s="5" t="s">
        <v>39</v>
      </c>
      <c r="P5739" s="5" t="s">
        <v>40</v>
      </c>
      <c r="Q5739" s="5" t="s">
        <v>897</v>
      </c>
      <c r="R5739" s="5" t="s">
        <v>40</v>
      </c>
      <c r="S5739" s="5" t="s">
        <v>42</v>
      </c>
      <c r="T5739" s="2">
        <v>75.272999999999996</v>
      </c>
      <c r="U5739" s="2">
        <v>69.873999999999995</v>
      </c>
      <c r="V5739" s="2">
        <v>0.32600000000000001</v>
      </c>
      <c r="W5739" s="2">
        <v>17</v>
      </c>
      <c r="X5739" s="2">
        <v>124.7</v>
      </c>
      <c r="Y5739" s="2">
        <v>153.6</v>
      </c>
      <c r="Z5739" s="5">
        <v>7</v>
      </c>
      <c r="AA5739" s="5" t="s">
        <v>43</v>
      </c>
      <c r="AB5739" s="5" t="s">
        <v>735</v>
      </c>
      <c r="AC5739" s="2" t="s">
        <v>101229</v>
      </c>
      <c r="AD5739" s="1"/>
    </row>
    <row r="5740" spans="1:30">
      <c r="A5740" s="5" t="s">
        <v>83578</v>
      </c>
      <c r="B5740" s="2" t="s">
        <v>101230</v>
      </c>
      <c r="C5740" s="14" t="s">
        <v>101231</v>
      </c>
      <c r="D5740" s="2" t="s">
        <v>101232</v>
      </c>
      <c r="E5740" s="2" t="s">
        <v>100461</v>
      </c>
      <c r="F5740" s="8">
        <v>1980</v>
      </c>
      <c r="G5740" s="5">
        <v>10</v>
      </c>
      <c r="H5740" s="5" t="s">
        <v>69</v>
      </c>
      <c r="I5740" s="5" t="s">
        <v>64797</v>
      </c>
      <c r="J5740" s="2" t="s">
        <v>64798</v>
      </c>
      <c r="K5740" s="5" t="s">
        <v>64797</v>
      </c>
      <c r="L5740" s="2" t="s">
        <v>64798</v>
      </c>
      <c r="M5740" s="5" t="s">
        <v>733</v>
      </c>
      <c r="N5740" s="5" t="s">
        <v>38</v>
      </c>
      <c r="O5740" s="5" t="s">
        <v>39</v>
      </c>
      <c r="P5740" s="5" t="s">
        <v>40</v>
      </c>
      <c r="Q5740" s="5" t="s">
        <v>897</v>
      </c>
      <c r="R5740" s="5" t="s">
        <v>40</v>
      </c>
      <c r="S5740" s="5" t="s">
        <v>42</v>
      </c>
      <c r="T5740" s="2">
        <v>85.397000000000006</v>
      </c>
      <c r="U5740" s="2">
        <v>80.03</v>
      </c>
      <c r="V5740" s="2">
        <v>0.32600000000000001</v>
      </c>
      <c r="W5740" s="2">
        <v>17</v>
      </c>
      <c r="X5740" s="2">
        <v>124.7</v>
      </c>
      <c r="Y5740" s="2">
        <v>153.6</v>
      </c>
      <c r="Z5740" s="5">
        <v>7</v>
      </c>
      <c r="AA5740" s="5" t="s">
        <v>43</v>
      </c>
      <c r="AB5740" s="5" t="s">
        <v>735</v>
      </c>
      <c r="AC5740" s="2" t="s">
        <v>101233</v>
      </c>
      <c r="AD5740" s="1"/>
    </row>
    <row r="5741" spans="1:30">
      <c r="A5741" s="5" t="s">
        <v>83578</v>
      </c>
      <c r="B5741" s="2" t="s">
        <v>101234</v>
      </c>
      <c r="C5741" s="14" t="s">
        <v>101235</v>
      </c>
      <c r="D5741" s="2" t="s">
        <v>101236</v>
      </c>
      <c r="E5741" s="2" t="s">
        <v>100466</v>
      </c>
      <c r="F5741" s="8">
        <v>1980</v>
      </c>
      <c r="G5741" s="5">
        <v>10</v>
      </c>
      <c r="H5741" s="5" t="s">
        <v>69</v>
      </c>
      <c r="I5741" s="5" t="s">
        <v>64797</v>
      </c>
      <c r="J5741" s="2" t="s">
        <v>64798</v>
      </c>
      <c r="K5741" s="5" t="s">
        <v>64797</v>
      </c>
      <c r="L5741" s="2" t="s">
        <v>64798</v>
      </c>
      <c r="M5741" s="5" t="s">
        <v>733</v>
      </c>
      <c r="N5741" s="5" t="s">
        <v>38</v>
      </c>
      <c r="O5741" s="5" t="s">
        <v>39</v>
      </c>
      <c r="P5741" s="5" t="s">
        <v>40</v>
      </c>
      <c r="Q5741" s="5" t="s">
        <v>897</v>
      </c>
      <c r="R5741" s="5" t="s">
        <v>40</v>
      </c>
      <c r="S5741" s="5" t="s">
        <v>42</v>
      </c>
      <c r="T5741" s="2">
        <v>83.191999999999993</v>
      </c>
      <c r="U5741" s="2">
        <v>77.825000000000003</v>
      </c>
      <c r="V5741" s="2">
        <v>0.32600000000000001</v>
      </c>
      <c r="W5741" s="2">
        <v>17</v>
      </c>
      <c r="X5741" s="2">
        <v>124.7</v>
      </c>
      <c r="Y5741" s="2">
        <v>153.6</v>
      </c>
      <c r="Z5741" s="5">
        <v>7</v>
      </c>
      <c r="AA5741" s="5" t="s">
        <v>43</v>
      </c>
      <c r="AB5741" s="5" t="s">
        <v>735</v>
      </c>
      <c r="AC5741" s="2" t="s">
        <v>101237</v>
      </c>
      <c r="AD5741" s="1"/>
    </row>
    <row r="5742" spans="1:30">
      <c r="A5742" s="5" t="s">
        <v>83578</v>
      </c>
      <c r="B5742" s="2" t="s">
        <v>101238</v>
      </c>
      <c r="C5742" s="14" t="s">
        <v>101239</v>
      </c>
      <c r="D5742" s="2" t="s">
        <v>101240</v>
      </c>
      <c r="E5742" s="2" t="s">
        <v>100476</v>
      </c>
      <c r="F5742" s="8">
        <v>1553</v>
      </c>
      <c r="G5742" s="5">
        <v>10</v>
      </c>
      <c r="H5742" s="5" t="s">
        <v>69</v>
      </c>
      <c r="I5742" s="5" t="s">
        <v>64797</v>
      </c>
      <c r="J5742" s="2" t="s">
        <v>64798</v>
      </c>
      <c r="K5742" s="5" t="s">
        <v>64797</v>
      </c>
      <c r="L5742" s="2" t="s">
        <v>64798</v>
      </c>
      <c r="M5742" s="5" t="s">
        <v>733</v>
      </c>
      <c r="N5742" s="5" t="s">
        <v>38</v>
      </c>
      <c r="O5742" s="5" t="s">
        <v>39</v>
      </c>
      <c r="P5742" s="5" t="s">
        <v>40</v>
      </c>
      <c r="Q5742" s="5" t="s">
        <v>897</v>
      </c>
      <c r="R5742" s="5" t="s">
        <v>40</v>
      </c>
      <c r="S5742" s="5" t="s">
        <v>42</v>
      </c>
      <c r="T5742" s="2">
        <v>83.531999999999996</v>
      </c>
      <c r="U5742" s="2">
        <v>77.593999999999994</v>
      </c>
      <c r="V5742" s="2">
        <v>0.36799999999999999</v>
      </c>
      <c r="W5742" s="2">
        <v>17</v>
      </c>
      <c r="X5742" s="2">
        <v>124.7</v>
      </c>
      <c r="Y5742" s="2">
        <v>173.8</v>
      </c>
      <c r="Z5742" s="5">
        <v>7</v>
      </c>
      <c r="AA5742" s="5" t="s">
        <v>43</v>
      </c>
      <c r="AB5742" s="5" t="s">
        <v>735</v>
      </c>
      <c r="AC5742" s="2" t="s">
        <v>101241</v>
      </c>
      <c r="AD5742" s="1"/>
    </row>
    <row r="5743" spans="1:30">
      <c r="A5743" s="5" t="s">
        <v>83578</v>
      </c>
      <c r="B5743" s="2" t="s">
        <v>101242</v>
      </c>
      <c r="C5743" s="14" t="s">
        <v>101243</v>
      </c>
      <c r="D5743" s="2" t="s">
        <v>101244</v>
      </c>
      <c r="E5743" s="2" t="s">
        <v>100481</v>
      </c>
      <c r="F5743" s="8">
        <v>1553</v>
      </c>
      <c r="G5743" s="5">
        <v>5</v>
      </c>
      <c r="H5743" s="5" t="s">
        <v>69</v>
      </c>
      <c r="I5743" s="5" t="s">
        <v>64797</v>
      </c>
      <c r="J5743" s="2" t="s">
        <v>64798</v>
      </c>
      <c r="K5743" s="5" t="s">
        <v>64797</v>
      </c>
      <c r="L5743" s="2" t="s">
        <v>64798</v>
      </c>
      <c r="M5743" s="5" t="s">
        <v>733</v>
      </c>
      <c r="N5743" s="5" t="s">
        <v>38</v>
      </c>
      <c r="O5743" s="5" t="s">
        <v>39</v>
      </c>
      <c r="P5743" s="5" t="s">
        <v>40</v>
      </c>
      <c r="Q5743" s="5" t="s">
        <v>897</v>
      </c>
      <c r="R5743" s="5" t="s">
        <v>40</v>
      </c>
      <c r="S5743" s="5" t="s">
        <v>42</v>
      </c>
      <c r="T5743" s="2">
        <v>81.790000000000006</v>
      </c>
      <c r="U5743" s="2">
        <v>75.852000000000004</v>
      </c>
      <c r="V5743" s="2">
        <v>0.36799999999999999</v>
      </c>
      <c r="W5743" s="2">
        <v>17</v>
      </c>
      <c r="X5743" s="2">
        <v>124.7</v>
      </c>
      <c r="Y5743" s="2">
        <v>173.8</v>
      </c>
      <c r="Z5743" s="5">
        <v>7</v>
      </c>
      <c r="AA5743" s="5" t="s">
        <v>43</v>
      </c>
      <c r="AB5743" s="5" t="s">
        <v>735</v>
      </c>
      <c r="AC5743" s="2" t="s">
        <v>101245</v>
      </c>
      <c r="AD5743" s="1"/>
    </row>
    <row r="5744" spans="1:30">
      <c r="A5744" s="5" t="s">
        <v>83578</v>
      </c>
      <c r="B5744" s="2" t="s">
        <v>101246</v>
      </c>
      <c r="C5744" s="14" t="s">
        <v>101247</v>
      </c>
      <c r="D5744" s="2" t="s">
        <v>101248</v>
      </c>
      <c r="E5744" s="2" t="s">
        <v>100499</v>
      </c>
      <c r="F5744" s="8">
        <v>2118</v>
      </c>
      <c r="G5744" s="5">
        <v>10</v>
      </c>
      <c r="H5744" s="5" t="s">
        <v>69</v>
      </c>
      <c r="I5744" s="5" t="s">
        <v>64797</v>
      </c>
      <c r="J5744" s="2" t="s">
        <v>64798</v>
      </c>
      <c r="K5744" s="5" t="s">
        <v>64797</v>
      </c>
      <c r="L5744" s="2" t="s">
        <v>64798</v>
      </c>
      <c r="M5744" s="5" t="s">
        <v>733</v>
      </c>
      <c r="N5744" s="5" t="s">
        <v>38</v>
      </c>
      <c r="O5744" s="5" t="s">
        <v>39</v>
      </c>
      <c r="P5744" s="5" t="s">
        <v>40</v>
      </c>
      <c r="Q5744" s="5" t="s">
        <v>897</v>
      </c>
      <c r="R5744" s="5" t="s">
        <v>40</v>
      </c>
      <c r="S5744" s="5" t="s">
        <v>42</v>
      </c>
      <c r="T5744" s="2">
        <v>84.29</v>
      </c>
      <c r="U5744" s="2">
        <v>78.384</v>
      </c>
      <c r="V5744" s="2">
        <v>0.36799999999999999</v>
      </c>
      <c r="W5744" s="2">
        <v>17</v>
      </c>
      <c r="X5744" s="2">
        <v>124.7</v>
      </c>
      <c r="Y5744" s="2">
        <v>173.8</v>
      </c>
      <c r="Z5744" s="5">
        <v>7</v>
      </c>
      <c r="AA5744" s="5" t="s">
        <v>43</v>
      </c>
      <c r="AB5744" s="5" t="s">
        <v>735</v>
      </c>
      <c r="AC5744" s="2" t="s">
        <v>101249</v>
      </c>
      <c r="AD5744" s="1"/>
    </row>
    <row r="5745" spans="1:30">
      <c r="A5745" s="5" t="s">
        <v>83578</v>
      </c>
      <c r="B5745" s="2" t="s">
        <v>101250</v>
      </c>
      <c r="C5745" s="14" t="s">
        <v>101251</v>
      </c>
      <c r="D5745" s="2" t="s">
        <v>101252</v>
      </c>
      <c r="E5745" s="2" t="s">
        <v>100504</v>
      </c>
      <c r="F5745" s="8">
        <v>2118</v>
      </c>
      <c r="G5745" s="5">
        <v>10</v>
      </c>
      <c r="H5745" s="5" t="s">
        <v>69</v>
      </c>
      <c r="I5745" s="5" t="s">
        <v>64797</v>
      </c>
      <c r="J5745" s="2" t="s">
        <v>64798</v>
      </c>
      <c r="K5745" s="5" t="s">
        <v>64797</v>
      </c>
      <c r="L5745" s="2" t="s">
        <v>64798</v>
      </c>
      <c r="M5745" s="5" t="s">
        <v>733</v>
      </c>
      <c r="N5745" s="5" t="s">
        <v>38</v>
      </c>
      <c r="O5745" s="5" t="s">
        <v>39</v>
      </c>
      <c r="P5745" s="5" t="s">
        <v>40</v>
      </c>
      <c r="Q5745" s="5" t="s">
        <v>897</v>
      </c>
      <c r="R5745" s="5" t="s">
        <v>40</v>
      </c>
      <c r="S5745" s="5" t="s">
        <v>42</v>
      </c>
      <c r="T5745" s="2">
        <v>82.787000000000006</v>
      </c>
      <c r="U5745" s="2">
        <v>76.881</v>
      </c>
      <c r="V5745" s="2">
        <v>0.36799999999999999</v>
      </c>
      <c r="W5745" s="2">
        <v>17</v>
      </c>
      <c r="X5745" s="2">
        <v>124.7</v>
      </c>
      <c r="Y5745" s="2">
        <v>173.8</v>
      </c>
      <c r="Z5745" s="5">
        <v>7</v>
      </c>
      <c r="AA5745" s="5" t="s">
        <v>43</v>
      </c>
      <c r="AB5745" s="5" t="s">
        <v>735</v>
      </c>
      <c r="AC5745" s="2" t="s">
        <v>101253</v>
      </c>
      <c r="AD5745" s="1"/>
    </row>
    <row r="5746" spans="1:30">
      <c r="A5746" s="5" t="s">
        <v>83578</v>
      </c>
      <c r="B5746" s="2" t="s">
        <v>101254</v>
      </c>
      <c r="C5746" s="14" t="s">
        <v>101255</v>
      </c>
      <c r="D5746" s="2" t="s">
        <v>101256</v>
      </c>
      <c r="E5746" s="2" t="s">
        <v>60426</v>
      </c>
      <c r="F5746" s="8">
        <v>1838</v>
      </c>
      <c r="G5746" s="5">
        <v>10</v>
      </c>
      <c r="H5746" s="5" t="s">
        <v>69</v>
      </c>
      <c r="I5746" s="5" t="s">
        <v>64797</v>
      </c>
      <c r="J5746" s="2" t="s">
        <v>64798</v>
      </c>
      <c r="K5746" s="5" t="s">
        <v>64797</v>
      </c>
      <c r="L5746" s="2" t="s">
        <v>64798</v>
      </c>
      <c r="M5746" s="5" t="s">
        <v>733</v>
      </c>
      <c r="N5746" s="5" t="s">
        <v>38</v>
      </c>
      <c r="O5746" s="5" t="s">
        <v>39</v>
      </c>
      <c r="P5746" s="5" t="s">
        <v>40</v>
      </c>
      <c r="Q5746" s="5" t="s">
        <v>897</v>
      </c>
      <c r="R5746" s="5" t="s">
        <v>40</v>
      </c>
      <c r="S5746" s="5" t="s">
        <v>42</v>
      </c>
      <c r="T5746" s="2">
        <v>69.991</v>
      </c>
      <c r="U5746" s="2">
        <v>65.775000000000006</v>
      </c>
      <c r="V5746" s="2">
        <v>0.25900000000000001</v>
      </c>
      <c r="W5746" s="2">
        <v>17</v>
      </c>
      <c r="X5746" s="2">
        <v>136.69999999999999</v>
      </c>
      <c r="Y5746" s="2">
        <v>111.6</v>
      </c>
      <c r="Z5746" s="5">
        <v>7</v>
      </c>
      <c r="AA5746" s="5" t="s">
        <v>43</v>
      </c>
      <c r="AB5746" s="5" t="s">
        <v>735</v>
      </c>
      <c r="AC5746" s="2" t="s">
        <v>101257</v>
      </c>
      <c r="AD5746" s="1"/>
    </row>
    <row r="5747" spans="1:30">
      <c r="A5747" s="5" t="s">
        <v>83578</v>
      </c>
      <c r="B5747" s="2" t="s">
        <v>101258</v>
      </c>
      <c r="C5747" s="14" t="s">
        <v>101259</v>
      </c>
      <c r="D5747" s="2" t="s">
        <v>101260</v>
      </c>
      <c r="E5747" s="2" t="s">
        <v>60431</v>
      </c>
      <c r="F5747" s="8">
        <v>1432</v>
      </c>
      <c r="G5747" s="5">
        <v>5</v>
      </c>
      <c r="H5747" s="5" t="s">
        <v>69</v>
      </c>
      <c r="I5747" s="5" t="s">
        <v>64797</v>
      </c>
      <c r="J5747" s="2" t="s">
        <v>64798</v>
      </c>
      <c r="K5747" s="5" t="s">
        <v>64797</v>
      </c>
      <c r="L5747" s="2" t="s">
        <v>64798</v>
      </c>
      <c r="M5747" s="5" t="s">
        <v>733</v>
      </c>
      <c r="N5747" s="5" t="s">
        <v>38</v>
      </c>
      <c r="O5747" s="5" t="s">
        <v>39</v>
      </c>
      <c r="P5747" s="5" t="s">
        <v>40</v>
      </c>
      <c r="Q5747" s="5" t="s">
        <v>897</v>
      </c>
      <c r="R5747" s="5" t="s">
        <v>40</v>
      </c>
      <c r="S5747" s="5" t="s">
        <v>42</v>
      </c>
      <c r="T5747" s="2">
        <v>61.634999999999998</v>
      </c>
      <c r="U5747" s="2">
        <v>57.384999999999998</v>
      </c>
      <c r="V5747" s="2">
        <v>0.25900000000000001</v>
      </c>
      <c r="W5747" s="2">
        <v>17</v>
      </c>
      <c r="X5747" s="2">
        <v>136.69999999999999</v>
      </c>
      <c r="Y5747" s="2">
        <v>111.6</v>
      </c>
      <c r="Z5747" s="5">
        <v>7</v>
      </c>
      <c r="AA5747" s="5" t="s">
        <v>43</v>
      </c>
      <c r="AB5747" s="5" t="s">
        <v>735</v>
      </c>
      <c r="AC5747" s="2" t="s">
        <v>101261</v>
      </c>
      <c r="AD5747" s="1"/>
    </row>
    <row r="5748" spans="1:30">
      <c r="A5748" s="5" t="s">
        <v>83578</v>
      </c>
      <c r="B5748" s="2" t="s">
        <v>101262</v>
      </c>
      <c r="C5748" s="14" t="s">
        <v>101263</v>
      </c>
      <c r="D5748" s="2" t="s">
        <v>101264</v>
      </c>
      <c r="E5748" s="2" t="s">
        <v>60467</v>
      </c>
      <c r="F5748" s="8">
        <v>1558</v>
      </c>
      <c r="G5748" s="5">
        <v>10</v>
      </c>
      <c r="H5748" s="5" t="s">
        <v>69</v>
      </c>
      <c r="I5748" s="5" t="s">
        <v>64797</v>
      </c>
      <c r="J5748" s="2" t="s">
        <v>64798</v>
      </c>
      <c r="K5748" s="5" t="s">
        <v>64797</v>
      </c>
      <c r="L5748" s="2" t="s">
        <v>64798</v>
      </c>
      <c r="M5748" s="5" t="s">
        <v>733</v>
      </c>
      <c r="N5748" s="5" t="s">
        <v>38</v>
      </c>
      <c r="O5748" s="5" t="s">
        <v>39</v>
      </c>
      <c r="P5748" s="5" t="s">
        <v>40</v>
      </c>
      <c r="Q5748" s="5" t="s">
        <v>897</v>
      </c>
      <c r="R5748" s="5" t="s">
        <v>40</v>
      </c>
      <c r="S5748" s="5" t="s">
        <v>42</v>
      </c>
      <c r="T5748" s="2">
        <v>66.626999999999995</v>
      </c>
      <c r="U5748" s="2">
        <v>62.411000000000001</v>
      </c>
      <c r="V5748" s="2">
        <v>0.25900000000000001</v>
      </c>
      <c r="W5748" s="2">
        <v>17</v>
      </c>
      <c r="X5748" s="2">
        <v>136.69999999999999</v>
      </c>
      <c r="Y5748" s="2">
        <v>111.6</v>
      </c>
      <c r="Z5748" s="5">
        <v>7</v>
      </c>
      <c r="AA5748" s="5" t="s">
        <v>43</v>
      </c>
      <c r="AB5748" s="5" t="s">
        <v>735</v>
      </c>
      <c r="AC5748" s="2" t="s">
        <v>101265</v>
      </c>
      <c r="AD5748" s="1"/>
    </row>
    <row r="5749" spans="1:30">
      <c r="A5749" s="5" t="s">
        <v>83578</v>
      </c>
      <c r="B5749" s="2" t="s">
        <v>101266</v>
      </c>
      <c r="C5749" s="14" t="s">
        <v>101267</v>
      </c>
      <c r="D5749" s="2" t="s">
        <v>101268</v>
      </c>
      <c r="E5749" s="2" t="s">
        <v>60698</v>
      </c>
      <c r="F5749" s="8">
        <v>2139</v>
      </c>
      <c r="G5749" s="5">
        <v>10</v>
      </c>
      <c r="H5749" s="5" t="s">
        <v>69</v>
      </c>
      <c r="I5749" s="5" t="s">
        <v>64797</v>
      </c>
      <c r="J5749" s="2" t="s">
        <v>64798</v>
      </c>
      <c r="K5749" s="5" t="s">
        <v>64797</v>
      </c>
      <c r="L5749" s="2" t="s">
        <v>64798</v>
      </c>
      <c r="M5749" s="5" t="s">
        <v>733</v>
      </c>
      <c r="N5749" s="5" t="s">
        <v>38</v>
      </c>
      <c r="O5749" s="5" t="s">
        <v>39</v>
      </c>
      <c r="P5749" s="5" t="s">
        <v>40</v>
      </c>
      <c r="Q5749" s="5" t="s">
        <v>897</v>
      </c>
      <c r="R5749" s="5" t="s">
        <v>40</v>
      </c>
      <c r="S5749" s="5" t="s">
        <v>42</v>
      </c>
      <c r="T5749" s="2">
        <v>95.206999999999994</v>
      </c>
      <c r="U5749" s="2">
        <v>89.212000000000003</v>
      </c>
      <c r="V5749" s="2">
        <v>0.378</v>
      </c>
      <c r="W5749" s="2">
        <v>17</v>
      </c>
      <c r="X5749" s="2">
        <v>144.69999999999999</v>
      </c>
      <c r="Y5749" s="2">
        <v>153.6</v>
      </c>
      <c r="Z5749" s="5">
        <v>7</v>
      </c>
      <c r="AA5749" s="5" t="s">
        <v>43</v>
      </c>
      <c r="AB5749" s="5" t="s">
        <v>735</v>
      </c>
      <c r="AC5749" s="2" t="s">
        <v>101269</v>
      </c>
      <c r="AD5749" s="1"/>
    </row>
    <row r="5750" spans="1:30">
      <c r="A5750" s="5" t="s">
        <v>83578</v>
      </c>
      <c r="B5750" s="2" t="s">
        <v>101270</v>
      </c>
      <c r="C5750" s="14" t="s">
        <v>101271</v>
      </c>
      <c r="D5750" s="2" t="s">
        <v>101272</v>
      </c>
      <c r="E5750" s="2" t="s">
        <v>60712</v>
      </c>
      <c r="F5750" s="8">
        <v>1559</v>
      </c>
      <c r="G5750" s="5">
        <v>5</v>
      </c>
      <c r="H5750" s="5" t="s">
        <v>69</v>
      </c>
      <c r="I5750" s="5" t="s">
        <v>64797</v>
      </c>
      <c r="J5750" s="2" t="s">
        <v>64798</v>
      </c>
      <c r="K5750" s="5" t="s">
        <v>64797</v>
      </c>
      <c r="L5750" s="2" t="s">
        <v>64798</v>
      </c>
      <c r="M5750" s="5" t="s">
        <v>733</v>
      </c>
      <c r="N5750" s="5" t="s">
        <v>38</v>
      </c>
      <c r="O5750" s="5" t="s">
        <v>39</v>
      </c>
      <c r="P5750" s="5" t="s">
        <v>40</v>
      </c>
      <c r="Q5750" s="5" t="s">
        <v>897</v>
      </c>
      <c r="R5750" s="5" t="s">
        <v>40</v>
      </c>
      <c r="S5750" s="5" t="s">
        <v>42</v>
      </c>
      <c r="T5750" s="2">
        <v>82.454999999999998</v>
      </c>
      <c r="U5750" s="2">
        <v>76.426000000000002</v>
      </c>
      <c r="V5750" s="2">
        <v>0.378</v>
      </c>
      <c r="W5750" s="2">
        <v>17</v>
      </c>
      <c r="X5750" s="2">
        <v>144.69999999999999</v>
      </c>
      <c r="Y5750" s="2">
        <v>153.6</v>
      </c>
      <c r="Z5750" s="5">
        <v>7</v>
      </c>
      <c r="AA5750" s="5" t="s">
        <v>43</v>
      </c>
      <c r="AB5750" s="5" t="s">
        <v>735</v>
      </c>
      <c r="AC5750" s="2" t="s">
        <v>101273</v>
      </c>
      <c r="AD5750" s="1"/>
    </row>
    <row r="5751" spans="1:30">
      <c r="A5751" s="5" t="s">
        <v>83578</v>
      </c>
      <c r="B5751" s="2" t="s">
        <v>101274</v>
      </c>
      <c r="C5751" s="14" t="s">
        <v>101275</v>
      </c>
      <c r="D5751" s="2" t="s">
        <v>101276</v>
      </c>
      <c r="E5751" s="2" t="s">
        <v>100533</v>
      </c>
      <c r="F5751" s="8">
        <v>2139</v>
      </c>
      <c r="G5751" s="5">
        <v>10</v>
      </c>
      <c r="H5751" s="5" t="s">
        <v>69</v>
      </c>
      <c r="I5751" s="5" t="s">
        <v>64797</v>
      </c>
      <c r="J5751" s="2" t="s">
        <v>64798</v>
      </c>
      <c r="K5751" s="5" t="s">
        <v>64797</v>
      </c>
      <c r="L5751" s="2" t="s">
        <v>64798</v>
      </c>
      <c r="M5751" s="5" t="s">
        <v>733</v>
      </c>
      <c r="N5751" s="5" t="s">
        <v>38</v>
      </c>
      <c r="O5751" s="5" t="s">
        <v>39</v>
      </c>
      <c r="P5751" s="5" t="s">
        <v>40</v>
      </c>
      <c r="Q5751" s="5" t="s">
        <v>897</v>
      </c>
      <c r="R5751" s="5" t="s">
        <v>40</v>
      </c>
      <c r="S5751" s="5" t="s">
        <v>42</v>
      </c>
      <c r="T5751" s="2">
        <v>95.283000000000001</v>
      </c>
      <c r="U5751" s="2">
        <v>89.287999999999997</v>
      </c>
      <c r="V5751" s="2">
        <v>0.378</v>
      </c>
      <c r="W5751" s="2">
        <v>17</v>
      </c>
      <c r="X5751" s="2">
        <v>144.69999999999999</v>
      </c>
      <c r="Y5751" s="2">
        <v>153.6</v>
      </c>
      <c r="Z5751" s="5">
        <v>7</v>
      </c>
      <c r="AA5751" s="5" t="s">
        <v>43</v>
      </c>
      <c r="AB5751" s="5" t="s">
        <v>735</v>
      </c>
      <c r="AC5751" s="2" t="s">
        <v>101277</v>
      </c>
      <c r="AD5751" s="1"/>
    </row>
    <row r="5752" spans="1:30">
      <c r="A5752" s="5" t="s">
        <v>83578</v>
      </c>
      <c r="B5752" s="2" t="s">
        <v>101278</v>
      </c>
      <c r="C5752" s="14" t="s">
        <v>101279</v>
      </c>
      <c r="D5752" s="2" t="s">
        <v>101280</v>
      </c>
      <c r="E5752" s="2" t="s">
        <v>61326</v>
      </c>
      <c r="F5752" s="8">
        <v>1568</v>
      </c>
      <c r="G5752" s="5">
        <v>10</v>
      </c>
      <c r="H5752" s="5" t="s">
        <v>69</v>
      </c>
      <c r="I5752" s="5" t="s">
        <v>65833</v>
      </c>
      <c r="J5752" s="2" t="s">
        <v>65834</v>
      </c>
      <c r="K5752" s="5" t="s">
        <v>65833</v>
      </c>
      <c r="L5752" s="2" t="s">
        <v>65834</v>
      </c>
      <c r="M5752" s="5" t="s">
        <v>733</v>
      </c>
      <c r="N5752" s="5" t="s">
        <v>38</v>
      </c>
      <c r="O5752" s="5" t="s">
        <v>39</v>
      </c>
      <c r="P5752" s="5" t="s">
        <v>40</v>
      </c>
      <c r="Q5752" s="5" t="s">
        <v>897</v>
      </c>
      <c r="R5752" s="5" t="s">
        <v>40</v>
      </c>
      <c r="S5752" s="5" t="s">
        <v>42</v>
      </c>
      <c r="T5752" s="2">
        <v>41.097999999999999</v>
      </c>
      <c r="U5752" s="2">
        <v>38.856999999999999</v>
      </c>
      <c r="V5752" s="2">
        <v>0.109</v>
      </c>
      <c r="W5752" s="2">
        <v>17</v>
      </c>
      <c r="X5752" s="2">
        <v>57.7</v>
      </c>
      <c r="Y5752" s="2">
        <v>111.6</v>
      </c>
      <c r="Z5752" s="5">
        <v>7</v>
      </c>
      <c r="AA5752" s="5" t="s">
        <v>43</v>
      </c>
      <c r="AB5752" s="5" t="s">
        <v>735</v>
      </c>
      <c r="AC5752" s="2" t="s">
        <v>101281</v>
      </c>
      <c r="AD5752" s="1"/>
    </row>
    <row r="5753" spans="1:30">
      <c r="A5753" s="5" t="s">
        <v>83578</v>
      </c>
      <c r="B5753" s="2" t="s">
        <v>101282</v>
      </c>
      <c r="C5753" s="14" t="s">
        <v>101283</v>
      </c>
      <c r="D5753" s="2" t="s">
        <v>101284</v>
      </c>
      <c r="E5753" s="2" t="s">
        <v>101285</v>
      </c>
      <c r="F5753" s="8">
        <v>1639</v>
      </c>
      <c r="G5753" s="5">
        <v>10</v>
      </c>
      <c r="H5753" s="5" t="s">
        <v>69</v>
      </c>
      <c r="I5753" s="5" t="s">
        <v>65833</v>
      </c>
      <c r="J5753" s="2" t="s">
        <v>65834</v>
      </c>
      <c r="K5753" s="5" t="s">
        <v>65833</v>
      </c>
      <c r="L5753" s="2" t="s">
        <v>65834</v>
      </c>
      <c r="M5753" s="5" t="s">
        <v>733</v>
      </c>
      <c r="N5753" s="5" t="s">
        <v>38</v>
      </c>
      <c r="O5753" s="5" t="s">
        <v>39</v>
      </c>
      <c r="P5753" s="5" t="s">
        <v>40</v>
      </c>
      <c r="Q5753" s="5" t="s">
        <v>897</v>
      </c>
      <c r="R5753" s="5" t="s">
        <v>40</v>
      </c>
      <c r="S5753" s="5" t="s">
        <v>42</v>
      </c>
      <c r="T5753" s="2">
        <v>49.212000000000003</v>
      </c>
      <c r="U5753" s="2">
        <v>46.104999999999997</v>
      </c>
      <c r="V5753" s="2">
        <v>0.14699999999999999</v>
      </c>
      <c r="W5753" s="2">
        <v>17</v>
      </c>
      <c r="X5753" s="2">
        <v>65.7</v>
      </c>
      <c r="Y5753" s="2">
        <v>131.6</v>
      </c>
      <c r="Z5753" s="5">
        <v>7</v>
      </c>
      <c r="AA5753" s="5" t="s">
        <v>43</v>
      </c>
      <c r="AB5753" s="5" t="s">
        <v>735</v>
      </c>
      <c r="AC5753" s="2" t="s">
        <v>101286</v>
      </c>
      <c r="AD5753" s="1"/>
    </row>
    <row r="5754" spans="1:30">
      <c r="A5754" s="5" t="s">
        <v>83578</v>
      </c>
      <c r="B5754" s="2" t="s">
        <v>101287</v>
      </c>
      <c r="C5754" s="14" t="s">
        <v>101288</v>
      </c>
      <c r="D5754" s="2" t="s">
        <v>101289</v>
      </c>
      <c r="E5754" s="2" t="s">
        <v>100581</v>
      </c>
      <c r="F5754" s="8">
        <v>1546</v>
      </c>
      <c r="G5754" s="5">
        <v>10</v>
      </c>
      <c r="H5754" s="5" t="s">
        <v>69</v>
      </c>
      <c r="I5754" s="5" t="s">
        <v>65833</v>
      </c>
      <c r="J5754" s="2" t="s">
        <v>65834</v>
      </c>
      <c r="K5754" s="5" t="s">
        <v>65833</v>
      </c>
      <c r="L5754" s="2" t="s">
        <v>65834</v>
      </c>
      <c r="M5754" s="5" t="s">
        <v>733</v>
      </c>
      <c r="N5754" s="5" t="s">
        <v>38</v>
      </c>
      <c r="O5754" s="5" t="s">
        <v>39</v>
      </c>
      <c r="P5754" s="5" t="s">
        <v>40</v>
      </c>
      <c r="Q5754" s="5" t="s">
        <v>897</v>
      </c>
      <c r="R5754" s="5" t="s">
        <v>40</v>
      </c>
      <c r="S5754" s="5" t="s">
        <v>42</v>
      </c>
      <c r="T5754" s="2">
        <v>43.456000000000003</v>
      </c>
      <c r="U5754" s="2">
        <v>40.353000000000002</v>
      </c>
      <c r="V5754" s="2">
        <v>0.14699999999999999</v>
      </c>
      <c r="W5754" s="2">
        <v>17</v>
      </c>
      <c r="X5754" s="2">
        <v>65.7</v>
      </c>
      <c r="Y5754" s="2">
        <v>131.6</v>
      </c>
      <c r="Z5754" s="5">
        <v>7</v>
      </c>
      <c r="AA5754" s="5" t="s">
        <v>43</v>
      </c>
      <c r="AB5754" s="5" t="s">
        <v>735</v>
      </c>
      <c r="AC5754" s="2" t="s">
        <v>101290</v>
      </c>
      <c r="AD5754" s="1"/>
    </row>
    <row r="5755" spans="1:30">
      <c r="A5755" s="5" t="s">
        <v>83578</v>
      </c>
      <c r="B5755" s="2" t="s">
        <v>101291</v>
      </c>
      <c r="C5755" s="14" t="s">
        <v>101292</v>
      </c>
      <c r="D5755" s="2" t="s">
        <v>101293</v>
      </c>
      <c r="E5755" s="2" t="s">
        <v>61542</v>
      </c>
      <c r="F5755" s="8">
        <v>1345</v>
      </c>
      <c r="G5755" s="5">
        <v>5</v>
      </c>
      <c r="H5755" s="5" t="s">
        <v>69</v>
      </c>
      <c r="I5755" s="5" t="s">
        <v>65833</v>
      </c>
      <c r="J5755" s="2" t="s">
        <v>65834</v>
      </c>
      <c r="K5755" s="5" t="s">
        <v>65833</v>
      </c>
      <c r="L5755" s="2" t="s">
        <v>65834</v>
      </c>
      <c r="M5755" s="5" t="s">
        <v>733</v>
      </c>
      <c r="N5755" s="5" t="s">
        <v>38</v>
      </c>
      <c r="O5755" s="5" t="s">
        <v>39</v>
      </c>
      <c r="P5755" s="5" t="s">
        <v>40</v>
      </c>
      <c r="Q5755" s="5" t="s">
        <v>897</v>
      </c>
      <c r="R5755" s="5" t="s">
        <v>40</v>
      </c>
      <c r="S5755" s="5" t="s">
        <v>42</v>
      </c>
      <c r="T5755" s="2">
        <v>39.743000000000002</v>
      </c>
      <c r="U5755" s="2">
        <v>36.630000000000003</v>
      </c>
      <c r="V5755" s="2">
        <v>0.14699999999999999</v>
      </c>
      <c r="W5755" s="2">
        <v>17</v>
      </c>
      <c r="X5755" s="2">
        <v>65.7</v>
      </c>
      <c r="Y5755" s="2">
        <v>131.6</v>
      </c>
      <c r="Z5755" s="5">
        <v>7</v>
      </c>
      <c r="AA5755" s="5" t="s">
        <v>43</v>
      </c>
      <c r="AB5755" s="5" t="s">
        <v>735</v>
      </c>
      <c r="AC5755" s="2" t="s">
        <v>101294</v>
      </c>
      <c r="AD5755" s="1"/>
    </row>
    <row r="5756" spans="1:30">
      <c r="A5756" s="5" t="s">
        <v>83578</v>
      </c>
      <c r="B5756" s="2" t="s">
        <v>101295</v>
      </c>
      <c r="C5756" s="14" t="s">
        <v>101296</v>
      </c>
      <c r="D5756" s="2" t="s">
        <v>101297</v>
      </c>
      <c r="E5756" s="2" t="s">
        <v>100610</v>
      </c>
      <c r="F5756" s="8">
        <v>1777</v>
      </c>
      <c r="G5756" s="5">
        <v>10</v>
      </c>
      <c r="H5756" s="5" t="s">
        <v>69</v>
      </c>
      <c r="I5756" s="5" t="s">
        <v>65833</v>
      </c>
      <c r="J5756" s="2" t="s">
        <v>65834</v>
      </c>
      <c r="K5756" s="5" t="s">
        <v>65833</v>
      </c>
      <c r="L5756" s="2" t="s">
        <v>65834</v>
      </c>
      <c r="M5756" s="5" t="s">
        <v>733</v>
      </c>
      <c r="N5756" s="5" t="s">
        <v>38</v>
      </c>
      <c r="O5756" s="5" t="s">
        <v>39</v>
      </c>
      <c r="P5756" s="5" t="s">
        <v>40</v>
      </c>
      <c r="Q5756" s="5" t="s">
        <v>897</v>
      </c>
      <c r="R5756" s="5" t="s">
        <v>40</v>
      </c>
      <c r="S5756" s="5" t="s">
        <v>42</v>
      </c>
      <c r="T5756" s="2">
        <v>55.978999999999999</v>
      </c>
      <c r="U5756" s="2">
        <v>52.569000000000003</v>
      </c>
      <c r="V5756" s="2">
        <v>0.17199999999999999</v>
      </c>
      <c r="W5756" s="2">
        <v>17</v>
      </c>
      <c r="X5756" s="2">
        <v>76.8</v>
      </c>
      <c r="Y5756" s="2">
        <v>131.6</v>
      </c>
      <c r="Z5756" s="5">
        <v>7</v>
      </c>
      <c r="AA5756" s="5" t="s">
        <v>43</v>
      </c>
      <c r="AB5756" s="5" t="s">
        <v>735</v>
      </c>
      <c r="AC5756" s="2" t="s">
        <v>101298</v>
      </c>
      <c r="AD5756" s="1"/>
    </row>
    <row r="5757" spans="1:30">
      <c r="A5757" s="5" t="s">
        <v>83578</v>
      </c>
      <c r="B5757" s="2" t="s">
        <v>101299</v>
      </c>
      <c r="C5757" s="14" t="s">
        <v>101300</v>
      </c>
      <c r="D5757" s="2" t="s">
        <v>101301</v>
      </c>
      <c r="E5757" s="2" t="s">
        <v>101302</v>
      </c>
      <c r="F5757" s="8">
        <v>1777</v>
      </c>
      <c r="G5757" s="5">
        <v>10</v>
      </c>
      <c r="H5757" s="5" t="s">
        <v>69</v>
      </c>
      <c r="I5757" s="5" t="s">
        <v>65833</v>
      </c>
      <c r="J5757" s="2" t="s">
        <v>65834</v>
      </c>
      <c r="K5757" s="5" t="s">
        <v>65833</v>
      </c>
      <c r="L5757" s="2" t="s">
        <v>65834</v>
      </c>
      <c r="M5757" s="5" t="s">
        <v>733</v>
      </c>
      <c r="N5757" s="5" t="s">
        <v>38</v>
      </c>
      <c r="O5757" s="5" t="s">
        <v>39</v>
      </c>
      <c r="P5757" s="5" t="s">
        <v>40</v>
      </c>
      <c r="Q5757" s="5" t="s">
        <v>897</v>
      </c>
      <c r="R5757" s="5" t="s">
        <v>40</v>
      </c>
      <c r="S5757" s="5" t="s">
        <v>42</v>
      </c>
      <c r="T5757" s="2">
        <v>54.988</v>
      </c>
      <c r="U5757" s="2">
        <v>51.578000000000003</v>
      </c>
      <c r="V5757" s="2">
        <v>0.17199999999999999</v>
      </c>
      <c r="W5757" s="2">
        <v>17</v>
      </c>
      <c r="X5757" s="2">
        <v>76.8</v>
      </c>
      <c r="Y5757" s="2">
        <v>131.6</v>
      </c>
      <c r="Z5757" s="5">
        <v>7</v>
      </c>
      <c r="AA5757" s="5" t="s">
        <v>43</v>
      </c>
      <c r="AB5757" s="5" t="s">
        <v>735</v>
      </c>
      <c r="AC5757" s="2" t="s">
        <v>101303</v>
      </c>
      <c r="AD5757" s="1"/>
    </row>
    <row r="5758" spans="1:30">
      <c r="A5758" s="5" t="s">
        <v>83578</v>
      </c>
      <c r="B5758" s="2" t="s">
        <v>101304</v>
      </c>
      <c r="C5758" s="14" t="s">
        <v>101305</v>
      </c>
      <c r="D5758" s="2" t="s">
        <v>101306</v>
      </c>
      <c r="E5758" s="2" t="s">
        <v>100615</v>
      </c>
      <c r="F5758" s="8">
        <v>1876</v>
      </c>
      <c r="G5758" s="5">
        <v>10</v>
      </c>
      <c r="H5758" s="5" t="s">
        <v>69</v>
      </c>
      <c r="I5758" s="5" t="s">
        <v>65833</v>
      </c>
      <c r="J5758" s="2" t="s">
        <v>65834</v>
      </c>
      <c r="K5758" s="5" t="s">
        <v>65833</v>
      </c>
      <c r="L5758" s="2" t="s">
        <v>65834</v>
      </c>
      <c r="M5758" s="5" t="s">
        <v>733</v>
      </c>
      <c r="N5758" s="5" t="s">
        <v>38</v>
      </c>
      <c r="O5758" s="5" t="s">
        <v>39</v>
      </c>
      <c r="P5758" s="5" t="s">
        <v>40</v>
      </c>
      <c r="Q5758" s="5" t="s">
        <v>897</v>
      </c>
      <c r="R5758" s="5" t="s">
        <v>40</v>
      </c>
      <c r="S5758" s="5" t="s">
        <v>42</v>
      </c>
      <c r="T5758" s="2">
        <v>64.995999999999995</v>
      </c>
      <c r="U5758" s="2">
        <v>61.139000000000003</v>
      </c>
      <c r="V5758" s="2">
        <v>0.20100000000000001</v>
      </c>
      <c r="W5758" s="2">
        <v>17</v>
      </c>
      <c r="X5758" s="2">
        <v>76.8</v>
      </c>
      <c r="Y5758" s="2">
        <v>153.6</v>
      </c>
      <c r="Z5758" s="5">
        <v>7</v>
      </c>
      <c r="AA5758" s="5" t="s">
        <v>43</v>
      </c>
      <c r="AB5758" s="5" t="s">
        <v>735</v>
      </c>
      <c r="AC5758" s="2" t="s">
        <v>101307</v>
      </c>
      <c r="AD5758" s="1"/>
    </row>
    <row r="5759" spans="1:30">
      <c r="A5759" s="5" t="s">
        <v>83578</v>
      </c>
      <c r="B5759" s="2" t="s">
        <v>101308</v>
      </c>
      <c r="C5759" s="14" t="s">
        <v>101309</v>
      </c>
      <c r="D5759" s="2" t="s">
        <v>101310</v>
      </c>
      <c r="E5759" s="2" t="s">
        <v>100620</v>
      </c>
      <c r="F5759" s="8">
        <v>1459</v>
      </c>
      <c r="G5759" s="5">
        <v>10</v>
      </c>
      <c r="H5759" s="5" t="s">
        <v>69</v>
      </c>
      <c r="I5759" s="5" t="s">
        <v>65833</v>
      </c>
      <c r="J5759" s="2" t="s">
        <v>65834</v>
      </c>
      <c r="K5759" s="5" t="s">
        <v>65833</v>
      </c>
      <c r="L5759" s="2" t="s">
        <v>65834</v>
      </c>
      <c r="M5759" s="5" t="s">
        <v>733</v>
      </c>
      <c r="N5759" s="5" t="s">
        <v>38</v>
      </c>
      <c r="O5759" s="5" t="s">
        <v>39</v>
      </c>
      <c r="P5759" s="5" t="s">
        <v>40</v>
      </c>
      <c r="Q5759" s="5" t="s">
        <v>897</v>
      </c>
      <c r="R5759" s="5" t="s">
        <v>40</v>
      </c>
      <c r="S5759" s="5" t="s">
        <v>42</v>
      </c>
      <c r="T5759" s="2">
        <v>52.252000000000002</v>
      </c>
      <c r="U5759" s="2">
        <v>48.384999999999998</v>
      </c>
      <c r="V5759" s="2">
        <v>0.20100000000000001</v>
      </c>
      <c r="W5759" s="2">
        <v>17</v>
      </c>
      <c r="X5759" s="2">
        <v>76.8</v>
      </c>
      <c r="Y5759" s="2">
        <v>153.6</v>
      </c>
      <c r="Z5759" s="5">
        <v>7</v>
      </c>
      <c r="AA5759" s="5" t="s">
        <v>43</v>
      </c>
      <c r="AB5759" s="5" t="s">
        <v>735</v>
      </c>
      <c r="AC5759" s="2" t="s">
        <v>101311</v>
      </c>
      <c r="AD5759" s="1"/>
    </row>
    <row r="5760" spans="1:30">
      <c r="A5760" s="5" t="s">
        <v>83578</v>
      </c>
      <c r="B5760" s="2" t="s">
        <v>101312</v>
      </c>
      <c r="C5760" s="14" t="s">
        <v>101313</v>
      </c>
      <c r="D5760" s="2" t="s">
        <v>101314</v>
      </c>
      <c r="E5760" s="2" t="s">
        <v>101315</v>
      </c>
      <c r="F5760" s="8">
        <v>1876</v>
      </c>
      <c r="G5760" s="5">
        <v>10</v>
      </c>
      <c r="H5760" s="5" t="s">
        <v>69</v>
      </c>
      <c r="I5760" s="5" t="s">
        <v>65833</v>
      </c>
      <c r="J5760" s="2" t="s">
        <v>65834</v>
      </c>
      <c r="K5760" s="5" t="s">
        <v>65833</v>
      </c>
      <c r="L5760" s="2" t="s">
        <v>65834</v>
      </c>
      <c r="M5760" s="5" t="s">
        <v>733</v>
      </c>
      <c r="N5760" s="5" t="s">
        <v>38</v>
      </c>
      <c r="O5760" s="5" t="s">
        <v>39</v>
      </c>
      <c r="P5760" s="5" t="s">
        <v>40</v>
      </c>
      <c r="Q5760" s="5" t="s">
        <v>897</v>
      </c>
      <c r="R5760" s="5" t="s">
        <v>40</v>
      </c>
      <c r="S5760" s="5" t="s">
        <v>42</v>
      </c>
      <c r="T5760" s="2">
        <v>63.908999999999999</v>
      </c>
      <c r="U5760" s="2">
        <v>60.052</v>
      </c>
      <c r="V5760" s="2">
        <v>0.20100000000000001</v>
      </c>
      <c r="W5760" s="2">
        <v>17</v>
      </c>
      <c r="X5760" s="2">
        <v>76.8</v>
      </c>
      <c r="Y5760" s="2">
        <v>153.6</v>
      </c>
      <c r="Z5760" s="5">
        <v>7</v>
      </c>
      <c r="AA5760" s="5" t="s">
        <v>43</v>
      </c>
      <c r="AB5760" s="5" t="s">
        <v>735</v>
      </c>
      <c r="AC5760" s="2" t="s">
        <v>101316</v>
      </c>
      <c r="AD5760" s="1"/>
    </row>
    <row r="5761" spans="1:30">
      <c r="A5761" s="5" t="s">
        <v>83578</v>
      </c>
      <c r="B5761" s="2" t="s">
        <v>101317</v>
      </c>
      <c r="C5761" s="14" t="s">
        <v>101318</v>
      </c>
      <c r="D5761" s="2" t="s">
        <v>101319</v>
      </c>
      <c r="E5761" s="2" t="s">
        <v>62020</v>
      </c>
      <c r="F5761" s="8">
        <v>1744</v>
      </c>
      <c r="G5761" s="5">
        <v>10</v>
      </c>
      <c r="H5761" s="5" t="s">
        <v>69</v>
      </c>
      <c r="I5761" s="5" t="s">
        <v>65833</v>
      </c>
      <c r="J5761" s="2" t="s">
        <v>65834</v>
      </c>
      <c r="K5761" s="5" t="s">
        <v>65833</v>
      </c>
      <c r="L5761" s="2" t="s">
        <v>65834</v>
      </c>
      <c r="M5761" s="5" t="s">
        <v>733</v>
      </c>
      <c r="N5761" s="5" t="s">
        <v>38</v>
      </c>
      <c r="O5761" s="5" t="s">
        <v>39</v>
      </c>
      <c r="P5761" s="5" t="s">
        <v>40</v>
      </c>
      <c r="Q5761" s="5" t="s">
        <v>897</v>
      </c>
      <c r="R5761" s="5" t="s">
        <v>40</v>
      </c>
      <c r="S5761" s="5" t="s">
        <v>42</v>
      </c>
      <c r="T5761" s="2">
        <v>56.914000000000001</v>
      </c>
      <c r="U5761" s="2">
        <v>53.061</v>
      </c>
      <c r="V5761" s="2">
        <v>0.20100000000000001</v>
      </c>
      <c r="W5761" s="2">
        <v>17</v>
      </c>
      <c r="X5761" s="2">
        <v>76.8</v>
      </c>
      <c r="Y5761" s="2">
        <v>153.6</v>
      </c>
      <c r="Z5761" s="5">
        <v>7</v>
      </c>
      <c r="AA5761" s="5" t="s">
        <v>43</v>
      </c>
      <c r="AB5761" s="5" t="s">
        <v>735</v>
      </c>
      <c r="AC5761" s="2" t="s">
        <v>101320</v>
      </c>
      <c r="AD5761" s="1"/>
    </row>
    <row r="5762" spans="1:30">
      <c r="A5762" s="5" t="s">
        <v>83578</v>
      </c>
      <c r="B5762" s="2" t="s">
        <v>101321</v>
      </c>
      <c r="C5762" s="14" t="s">
        <v>101322</v>
      </c>
      <c r="D5762" s="2" t="s">
        <v>101323</v>
      </c>
      <c r="E5762" s="2" t="s">
        <v>62034</v>
      </c>
      <c r="F5762" s="8">
        <v>1459</v>
      </c>
      <c r="G5762" s="5">
        <v>5</v>
      </c>
      <c r="H5762" s="5" t="s">
        <v>69</v>
      </c>
      <c r="I5762" s="5" t="s">
        <v>65833</v>
      </c>
      <c r="J5762" s="2" t="s">
        <v>65834</v>
      </c>
      <c r="K5762" s="5" t="s">
        <v>65833</v>
      </c>
      <c r="L5762" s="2" t="s">
        <v>65834</v>
      </c>
      <c r="M5762" s="5" t="s">
        <v>733</v>
      </c>
      <c r="N5762" s="5" t="s">
        <v>38</v>
      </c>
      <c r="O5762" s="5" t="s">
        <v>39</v>
      </c>
      <c r="P5762" s="5" t="s">
        <v>40</v>
      </c>
      <c r="Q5762" s="5" t="s">
        <v>897</v>
      </c>
      <c r="R5762" s="5" t="s">
        <v>40</v>
      </c>
      <c r="S5762" s="5" t="s">
        <v>42</v>
      </c>
      <c r="T5762" s="2">
        <v>51.170999999999999</v>
      </c>
      <c r="U5762" s="2">
        <v>47.304000000000002</v>
      </c>
      <c r="V5762" s="2">
        <v>0.20100000000000001</v>
      </c>
      <c r="W5762" s="2">
        <v>17</v>
      </c>
      <c r="X5762" s="2">
        <v>76.8</v>
      </c>
      <c r="Y5762" s="2">
        <v>153.6</v>
      </c>
      <c r="Z5762" s="5">
        <v>7</v>
      </c>
      <c r="AA5762" s="5" t="s">
        <v>43</v>
      </c>
      <c r="AB5762" s="5" t="s">
        <v>735</v>
      </c>
      <c r="AC5762" s="2" t="s">
        <v>101324</v>
      </c>
      <c r="AD5762" s="1"/>
    </row>
    <row r="5763" spans="1:30">
      <c r="A5763" s="5" t="s">
        <v>83578</v>
      </c>
      <c r="B5763" s="2" t="s">
        <v>101325</v>
      </c>
      <c r="C5763" s="14" t="s">
        <v>101326</v>
      </c>
      <c r="D5763" s="2" t="s">
        <v>101327</v>
      </c>
      <c r="E5763" s="2" t="s">
        <v>100629</v>
      </c>
      <c r="F5763" s="8">
        <v>1739</v>
      </c>
      <c r="G5763" s="5">
        <v>10</v>
      </c>
      <c r="H5763" s="5" t="s">
        <v>69</v>
      </c>
      <c r="I5763" s="5" t="s">
        <v>65833</v>
      </c>
      <c r="J5763" s="2" t="s">
        <v>65834</v>
      </c>
      <c r="K5763" s="5" t="s">
        <v>65833</v>
      </c>
      <c r="L5763" s="2" t="s">
        <v>65834</v>
      </c>
      <c r="M5763" s="5" t="s">
        <v>733</v>
      </c>
      <c r="N5763" s="5" t="s">
        <v>38</v>
      </c>
      <c r="O5763" s="5" t="s">
        <v>39</v>
      </c>
      <c r="P5763" s="5" t="s">
        <v>40</v>
      </c>
      <c r="Q5763" s="5" t="s">
        <v>897</v>
      </c>
      <c r="R5763" s="5" t="s">
        <v>40</v>
      </c>
      <c r="S5763" s="5" t="s">
        <v>42</v>
      </c>
      <c r="T5763" s="2">
        <v>52.819000000000003</v>
      </c>
      <c r="U5763" s="2">
        <v>50.128</v>
      </c>
      <c r="V5763" s="2">
        <v>0.153</v>
      </c>
      <c r="W5763" s="2">
        <v>17</v>
      </c>
      <c r="X5763" s="2">
        <v>80.7</v>
      </c>
      <c r="Y5763" s="2">
        <v>111.6</v>
      </c>
      <c r="Z5763" s="5">
        <v>7</v>
      </c>
      <c r="AA5763" s="5" t="s">
        <v>43</v>
      </c>
      <c r="AB5763" s="5" t="s">
        <v>735</v>
      </c>
      <c r="AC5763" s="2" t="s">
        <v>101328</v>
      </c>
      <c r="AD5763" s="1"/>
    </row>
    <row r="5764" spans="1:30">
      <c r="A5764" s="5" t="s">
        <v>83578</v>
      </c>
      <c r="B5764" s="2" t="s">
        <v>101329</v>
      </c>
      <c r="C5764" s="14" t="s">
        <v>101330</v>
      </c>
      <c r="D5764" s="2" t="s">
        <v>101331</v>
      </c>
      <c r="E5764" s="2" t="s">
        <v>62202</v>
      </c>
      <c r="F5764" s="8">
        <v>1630</v>
      </c>
      <c r="G5764" s="5">
        <v>10</v>
      </c>
      <c r="H5764" s="5" t="s">
        <v>69</v>
      </c>
      <c r="I5764" s="5" t="s">
        <v>65833</v>
      </c>
      <c r="J5764" s="2" t="s">
        <v>65834</v>
      </c>
      <c r="K5764" s="5" t="s">
        <v>65833</v>
      </c>
      <c r="L5764" s="2" t="s">
        <v>65834</v>
      </c>
      <c r="M5764" s="5" t="s">
        <v>733</v>
      </c>
      <c r="N5764" s="5" t="s">
        <v>38</v>
      </c>
      <c r="O5764" s="5" t="s">
        <v>39</v>
      </c>
      <c r="P5764" s="5" t="s">
        <v>40</v>
      </c>
      <c r="Q5764" s="5" t="s">
        <v>897</v>
      </c>
      <c r="R5764" s="5" t="s">
        <v>40</v>
      </c>
      <c r="S5764" s="5" t="s">
        <v>42</v>
      </c>
      <c r="T5764" s="2">
        <v>47.366999999999997</v>
      </c>
      <c r="U5764" s="2">
        <v>44.365000000000002</v>
      </c>
      <c r="V5764" s="2">
        <v>0.153</v>
      </c>
      <c r="W5764" s="2">
        <v>17</v>
      </c>
      <c r="X5764" s="2">
        <v>80.7</v>
      </c>
      <c r="Y5764" s="2">
        <v>111.6</v>
      </c>
      <c r="Z5764" s="5">
        <v>7</v>
      </c>
      <c r="AA5764" s="5" t="s">
        <v>43</v>
      </c>
      <c r="AB5764" s="5" t="s">
        <v>735</v>
      </c>
      <c r="AC5764" s="2" t="s">
        <v>101332</v>
      </c>
      <c r="AD5764" s="1"/>
    </row>
    <row r="5765" spans="1:30">
      <c r="A5765" s="5" t="s">
        <v>83578</v>
      </c>
      <c r="B5765" s="2" t="s">
        <v>101333</v>
      </c>
      <c r="C5765" s="14" t="s">
        <v>101334</v>
      </c>
      <c r="D5765" s="2" t="s">
        <v>101335</v>
      </c>
      <c r="E5765" s="2" t="s">
        <v>62216</v>
      </c>
      <c r="F5765" s="8">
        <v>1395</v>
      </c>
      <c r="G5765" s="5">
        <v>5</v>
      </c>
      <c r="H5765" s="5" t="s">
        <v>69</v>
      </c>
      <c r="I5765" s="5" t="s">
        <v>65833</v>
      </c>
      <c r="J5765" s="2" t="s">
        <v>65834</v>
      </c>
      <c r="K5765" s="5" t="s">
        <v>65833</v>
      </c>
      <c r="L5765" s="2" t="s">
        <v>65834</v>
      </c>
      <c r="M5765" s="5" t="s">
        <v>733</v>
      </c>
      <c r="N5765" s="5" t="s">
        <v>38</v>
      </c>
      <c r="O5765" s="5" t="s">
        <v>39</v>
      </c>
      <c r="P5765" s="5" t="s">
        <v>40</v>
      </c>
      <c r="Q5765" s="5" t="s">
        <v>897</v>
      </c>
      <c r="R5765" s="5" t="s">
        <v>40</v>
      </c>
      <c r="S5765" s="5" t="s">
        <v>42</v>
      </c>
      <c r="T5765" s="2">
        <v>41.97</v>
      </c>
      <c r="U5765" s="2">
        <v>38.951999999999998</v>
      </c>
      <c r="V5765" s="2">
        <v>0.153</v>
      </c>
      <c r="W5765" s="2">
        <v>17</v>
      </c>
      <c r="X5765" s="2">
        <v>80.7</v>
      </c>
      <c r="Y5765" s="2">
        <v>111.6</v>
      </c>
      <c r="Z5765" s="5">
        <v>7</v>
      </c>
      <c r="AA5765" s="5" t="s">
        <v>43</v>
      </c>
      <c r="AB5765" s="5" t="s">
        <v>735</v>
      </c>
      <c r="AC5765" s="2" t="s">
        <v>101336</v>
      </c>
      <c r="AD5765" s="1"/>
    </row>
    <row r="5766" spans="1:30">
      <c r="A5766" s="5" t="s">
        <v>83578</v>
      </c>
      <c r="B5766" s="2" t="s">
        <v>101337</v>
      </c>
      <c r="C5766" s="14" t="s">
        <v>101338</v>
      </c>
      <c r="D5766" s="2" t="s">
        <v>101339</v>
      </c>
      <c r="E5766" s="2" t="s">
        <v>100634</v>
      </c>
      <c r="F5766" s="8">
        <v>1876</v>
      </c>
      <c r="G5766" s="5">
        <v>10</v>
      </c>
      <c r="H5766" s="5" t="s">
        <v>69</v>
      </c>
      <c r="I5766" s="5" t="s">
        <v>65833</v>
      </c>
      <c r="J5766" s="2" t="s">
        <v>65834</v>
      </c>
      <c r="K5766" s="5" t="s">
        <v>65833</v>
      </c>
      <c r="L5766" s="2" t="s">
        <v>65834</v>
      </c>
      <c r="M5766" s="5" t="s">
        <v>733</v>
      </c>
      <c r="N5766" s="5" t="s">
        <v>38</v>
      </c>
      <c r="O5766" s="5" t="s">
        <v>39</v>
      </c>
      <c r="P5766" s="5" t="s">
        <v>40</v>
      </c>
      <c r="Q5766" s="5" t="s">
        <v>897</v>
      </c>
      <c r="R5766" s="5" t="s">
        <v>40</v>
      </c>
      <c r="S5766" s="5" t="s">
        <v>42</v>
      </c>
      <c r="T5766" s="2">
        <v>62.802999999999997</v>
      </c>
      <c r="U5766" s="2">
        <v>59.058999999999997</v>
      </c>
      <c r="V5766" s="2">
        <v>0.19900000000000001</v>
      </c>
      <c r="W5766" s="2">
        <v>17</v>
      </c>
      <c r="X5766" s="2">
        <v>88.8</v>
      </c>
      <c r="Y5766" s="2">
        <v>131.6</v>
      </c>
      <c r="Z5766" s="5">
        <v>7</v>
      </c>
      <c r="AA5766" s="5" t="s">
        <v>43</v>
      </c>
      <c r="AB5766" s="5" t="s">
        <v>735</v>
      </c>
      <c r="AC5766" s="2" t="s">
        <v>101340</v>
      </c>
      <c r="AD5766" s="1"/>
    </row>
    <row r="5767" spans="1:30">
      <c r="A5767" s="5" t="s">
        <v>83578</v>
      </c>
      <c r="B5767" s="2" t="s">
        <v>101341</v>
      </c>
      <c r="C5767" s="14" t="s">
        <v>101342</v>
      </c>
      <c r="D5767" s="2" t="s">
        <v>101343</v>
      </c>
      <c r="E5767" s="2" t="s">
        <v>100639</v>
      </c>
      <c r="F5767" s="8">
        <v>2010</v>
      </c>
      <c r="G5767" s="5">
        <v>10</v>
      </c>
      <c r="H5767" s="5" t="s">
        <v>69</v>
      </c>
      <c r="I5767" s="5" t="s">
        <v>65833</v>
      </c>
      <c r="J5767" s="2" t="s">
        <v>65834</v>
      </c>
      <c r="K5767" s="5" t="s">
        <v>65833</v>
      </c>
      <c r="L5767" s="2" t="s">
        <v>65834</v>
      </c>
      <c r="M5767" s="5" t="s">
        <v>733</v>
      </c>
      <c r="N5767" s="5" t="s">
        <v>38</v>
      </c>
      <c r="O5767" s="5" t="s">
        <v>39</v>
      </c>
      <c r="P5767" s="5" t="s">
        <v>40</v>
      </c>
      <c r="Q5767" s="5" t="s">
        <v>897</v>
      </c>
      <c r="R5767" s="5" t="s">
        <v>40</v>
      </c>
      <c r="S5767" s="5" t="s">
        <v>42</v>
      </c>
      <c r="T5767" s="2">
        <v>74.528000000000006</v>
      </c>
      <c r="U5767" s="2">
        <v>70.299000000000007</v>
      </c>
      <c r="V5767" s="2">
        <v>0.23200000000000001</v>
      </c>
      <c r="W5767" s="2">
        <v>17</v>
      </c>
      <c r="X5767" s="2">
        <v>88.8</v>
      </c>
      <c r="Y5767" s="2">
        <v>153.6</v>
      </c>
      <c r="Z5767" s="5">
        <v>7</v>
      </c>
      <c r="AA5767" s="5" t="s">
        <v>43</v>
      </c>
      <c r="AB5767" s="5" t="s">
        <v>735</v>
      </c>
      <c r="AC5767" s="2" t="s">
        <v>101344</v>
      </c>
      <c r="AD5767" s="1"/>
    </row>
    <row r="5768" spans="1:30">
      <c r="A5768" s="5" t="s">
        <v>83578</v>
      </c>
      <c r="B5768" s="2" t="s">
        <v>101345</v>
      </c>
      <c r="C5768" s="14" t="s">
        <v>101346</v>
      </c>
      <c r="D5768" s="2" t="s">
        <v>101347</v>
      </c>
      <c r="E5768" s="2" t="s">
        <v>100644</v>
      </c>
      <c r="F5768" s="8">
        <v>2010</v>
      </c>
      <c r="G5768" s="5">
        <v>10</v>
      </c>
      <c r="H5768" s="5" t="s">
        <v>69</v>
      </c>
      <c r="I5768" s="5" t="s">
        <v>65833</v>
      </c>
      <c r="J5768" s="2" t="s">
        <v>65834</v>
      </c>
      <c r="K5768" s="5" t="s">
        <v>65833</v>
      </c>
      <c r="L5768" s="2" t="s">
        <v>65834</v>
      </c>
      <c r="M5768" s="5" t="s">
        <v>733</v>
      </c>
      <c r="N5768" s="5" t="s">
        <v>38</v>
      </c>
      <c r="O5768" s="5" t="s">
        <v>39</v>
      </c>
      <c r="P5768" s="5" t="s">
        <v>40</v>
      </c>
      <c r="Q5768" s="5" t="s">
        <v>897</v>
      </c>
      <c r="R5768" s="5" t="s">
        <v>40</v>
      </c>
      <c r="S5768" s="5" t="s">
        <v>42</v>
      </c>
      <c r="T5768" s="2">
        <v>73.355999999999995</v>
      </c>
      <c r="U5768" s="2">
        <v>69.126999999999995</v>
      </c>
      <c r="V5768" s="2">
        <v>0.23200000000000001</v>
      </c>
      <c r="W5768" s="2">
        <v>17</v>
      </c>
      <c r="X5768" s="2">
        <v>88.8</v>
      </c>
      <c r="Y5768" s="2">
        <v>153.6</v>
      </c>
      <c r="Z5768" s="5">
        <v>7</v>
      </c>
      <c r="AA5768" s="5" t="s">
        <v>43</v>
      </c>
      <c r="AB5768" s="5" t="s">
        <v>735</v>
      </c>
      <c r="AC5768" s="2" t="s">
        <v>101348</v>
      </c>
      <c r="AD5768" s="1"/>
    </row>
    <row r="5769" spans="1:30">
      <c r="A5769" s="5" t="s">
        <v>83578</v>
      </c>
      <c r="B5769" s="2" t="s">
        <v>101349</v>
      </c>
      <c r="C5769" s="14" t="s">
        <v>101350</v>
      </c>
      <c r="D5769" s="2" t="s">
        <v>101351</v>
      </c>
      <c r="E5769" s="2" t="s">
        <v>101352</v>
      </c>
      <c r="F5769" s="8">
        <v>2175</v>
      </c>
      <c r="G5769" s="5">
        <v>10</v>
      </c>
      <c r="H5769" s="5" t="s">
        <v>69</v>
      </c>
      <c r="I5769" s="5" t="s">
        <v>65833</v>
      </c>
      <c r="J5769" s="2" t="s">
        <v>65834</v>
      </c>
      <c r="K5769" s="5" t="s">
        <v>65833</v>
      </c>
      <c r="L5769" s="2" t="s">
        <v>65834</v>
      </c>
      <c r="M5769" s="5" t="s">
        <v>733</v>
      </c>
      <c r="N5769" s="5" t="s">
        <v>38</v>
      </c>
      <c r="O5769" s="5" t="s">
        <v>39</v>
      </c>
      <c r="P5769" s="5" t="s">
        <v>40</v>
      </c>
      <c r="Q5769" s="5" t="s">
        <v>897</v>
      </c>
      <c r="R5769" s="5" t="s">
        <v>40</v>
      </c>
      <c r="S5769" s="5" t="s">
        <v>42</v>
      </c>
      <c r="T5769" s="2">
        <v>82.96</v>
      </c>
      <c r="U5769" s="2">
        <v>78.296999999999997</v>
      </c>
      <c r="V5769" s="2">
        <v>0.26200000000000001</v>
      </c>
      <c r="W5769" s="2">
        <v>17</v>
      </c>
      <c r="X5769" s="2">
        <v>88.8</v>
      </c>
      <c r="Y5769" s="2">
        <v>173.8</v>
      </c>
      <c r="Z5769" s="5">
        <v>7</v>
      </c>
      <c r="AA5769" s="5" t="s">
        <v>43</v>
      </c>
      <c r="AB5769" s="5" t="s">
        <v>735</v>
      </c>
      <c r="AC5769" s="2" t="s">
        <v>101353</v>
      </c>
      <c r="AD5769" s="1"/>
    </row>
    <row r="5770" spans="1:30">
      <c r="A5770" s="5" t="s">
        <v>83578</v>
      </c>
      <c r="B5770" s="2" t="s">
        <v>101354</v>
      </c>
      <c r="C5770" s="14" t="s">
        <v>101355</v>
      </c>
      <c r="D5770" s="2" t="s">
        <v>101356</v>
      </c>
      <c r="E5770" s="2" t="s">
        <v>62821</v>
      </c>
      <c r="F5770" s="8">
        <v>1609</v>
      </c>
      <c r="G5770" s="5">
        <v>5</v>
      </c>
      <c r="H5770" s="5" t="s">
        <v>69</v>
      </c>
      <c r="I5770" s="5" t="s">
        <v>65833</v>
      </c>
      <c r="J5770" s="2" t="s">
        <v>65834</v>
      </c>
      <c r="K5770" s="5" t="s">
        <v>65833</v>
      </c>
      <c r="L5770" s="2" t="s">
        <v>65834</v>
      </c>
      <c r="M5770" s="5" t="s">
        <v>733</v>
      </c>
      <c r="N5770" s="5" t="s">
        <v>38</v>
      </c>
      <c r="O5770" s="5" t="s">
        <v>39</v>
      </c>
      <c r="P5770" s="5" t="s">
        <v>40</v>
      </c>
      <c r="Q5770" s="5" t="s">
        <v>897</v>
      </c>
      <c r="R5770" s="5" t="s">
        <v>40</v>
      </c>
      <c r="S5770" s="5" t="s">
        <v>42</v>
      </c>
      <c r="T5770" s="2">
        <v>63.585000000000001</v>
      </c>
      <c r="U5770" s="2">
        <v>58.911000000000001</v>
      </c>
      <c r="V5770" s="2">
        <v>0.26200000000000001</v>
      </c>
      <c r="W5770" s="2">
        <v>17</v>
      </c>
      <c r="X5770" s="2">
        <v>88.8</v>
      </c>
      <c r="Y5770" s="2">
        <v>173.8</v>
      </c>
      <c r="Z5770" s="5">
        <v>7</v>
      </c>
      <c r="AA5770" s="5" t="s">
        <v>43</v>
      </c>
      <c r="AB5770" s="5" t="s">
        <v>735</v>
      </c>
      <c r="AC5770" s="2" t="s">
        <v>101357</v>
      </c>
      <c r="AD5770" s="1"/>
    </row>
    <row r="5771" spans="1:30">
      <c r="A5771" s="5" t="s">
        <v>83578</v>
      </c>
      <c r="B5771" s="2" t="s">
        <v>101358</v>
      </c>
      <c r="C5771" s="14" t="s">
        <v>101359</v>
      </c>
      <c r="D5771" s="2" t="s">
        <v>101360</v>
      </c>
      <c r="E5771" s="2" t="s">
        <v>100658</v>
      </c>
      <c r="F5771" s="8">
        <v>2048</v>
      </c>
      <c r="G5771" s="5">
        <v>10</v>
      </c>
      <c r="H5771" s="5" t="s">
        <v>69</v>
      </c>
      <c r="I5771" s="5" t="s">
        <v>65833</v>
      </c>
      <c r="J5771" s="2" t="s">
        <v>65834</v>
      </c>
      <c r="K5771" s="5" t="s">
        <v>65833</v>
      </c>
      <c r="L5771" s="2" t="s">
        <v>65834</v>
      </c>
      <c r="M5771" s="5" t="s">
        <v>733</v>
      </c>
      <c r="N5771" s="5" t="s">
        <v>38</v>
      </c>
      <c r="O5771" s="5" t="s">
        <v>39</v>
      </c>
      <c r="P5771" s="5" t="s">
        <v>40</v>
      </c>
      <c r="Q5771" s="5" t="s">
        <v>897</v>
      </c>
      <c r="R5771" s="5" t="s">
        <v>40</v>
      </c>
      <c r="S5771" s="5" t="s">
        <v>42</v>
      </c>
      <c r="T5771" s="2">
        <v>73.727000000000004</v>
      </c>
      <c r="U5771" s="2">
        <v>69.534000000000006</v>
      </c>
      <c r="V5771" s="2">
        <v>0.23499999999999999</v>
      </c>
      <c r="W5771" s="2">
        <v>17</v>
      </c>
      <c r="X5771" s="2">
        <v>105</v>
      </c>
      <c r="Y5771" s="2">
        <v>131.6</v>
      </c>
      <c r="Z5771" s="5">
        <v>7</v>
      </c>
      <c r="AA5771" s="5" t="s">
        <v>43</v>
      </c>
      <c r="AB5771" s="5" t="s">
        <v>735</v>
      </c>
      <c r="AC5771" s="2" t="s">
        <v>101361</v>
      </c>
      <c r="AD5771" s="1"/>
    </row>
    <row r="5772" spans="1:30">
      <c r="A5772" s="5" t="s">
        <v>83578</v>
      </c>
      <c r="B5772" s="2" t="s">
        <v>101362</v>
      </c>
      <c r="C5772" s="14" t="s">
        <v>101363</v>
      </c>
      <c r="D5772" s="2" t="s">
        <v>101364</v>
      </c>
      <c r="E5772" s="2" t="s">
        <v>101365</v>
      </c>
      <c r="F5772" s="8">
        <v>2048</v>
      </c>
      <c r="G5772" s="5">
        <v>10</v>
      </c>
      <c r="H5772" s="5" t="s">
        <v>69</v>
      </c>
      <c r="I5772" s="5" t="s">
        <v>65833</v>
      </c>
      <c r="J5772" s="2" t="s">
        <v>65834</v>
      </c>
      <c r="K5772" s="5" t="s">
        <v>65833</v>
      </c>
      <c r="L5772" s="2" t="s">
        <v>65834</v>
      </c>
      <c r="M5772" s="5" t="s">
        <v>733</v>
      </c>
      <c r="N5772" s="5" t="s">
        <v>38</v>
      </c>
      <c r="O5772" s="5" t="s">
        <v>39</v>
      </c>
      <c r="P5772" s="5" t="s">
        <v>40</v>
      </c>
      <c r="Q5772" s="5" t="s">
        <v>897</v>
      </c>
      <c r="R5772" s="5" t="s">
        <v>40</v>
      </c>
      <c r="S5772" s="5" t="s">
        <v>42</v>
      </c>
      <c r="T5772" s="2">
        <v>72.540999999999997</v>
      </c>
      <c r="U5772" s="2">
        <v>68.347999999999999</v>
      </c>
      <c r="V5772" s="2">
        <v>0.23499999999999999</v>
      </c>
      <c r="W5772" s="2">
        <v>17</v>
      </c>
      <c r="X5772" s="2">
        <v>105</v>
      </c>
      <c r="Y5772" s="2">
        <v>131.6</v>
      </c>
      <c r="Z5772" s="5">
        <v>7</v>
      </c>
      <c r="AA5772" s="5" t="s">
        <v>43</v>
      </c>
      <c r="AB5772" s="5" t="s">
        <v>735</v>
      </c>
      <c r="AC5772" s="2" t="s">
        <v>101366</v>
      </c>
      <c r="AD5772" s="1"/>
    </row>
    <row r="5773" spans="1:30">
      <c r="A5773" s="5" t="s">
        <v>83578</v>
      </c>
      <c r="B5773" s="2" t="s">
        <v>101367</v>
      </c>
      <c r="C5773" s="14" t="s">
        <v>101368</v>
      </c>
      <c r="D5773" s="2" t="s">
        <v>101369</v>
      </c>
      <c r="E5773" s="2" t="s">
        <v>100663</v>
      </c>
      <c r="F5773" s="8">
        <v>1889</v>
      </c>
      <c r="G5773" s="5">
        <v>10</v>
      </c>
      <c r="H5773" s="5" t="s">
        <v>69</v>
      </c>
      <c r="I5773" s="5" t="s">
        <v>65833</v>
      </c>
      <c r="J5773" s="2" t="s">
        <v>65834</v>
      </c>
      <c r="K5773" s="5" t="s">
        <v>65833</v>
      </c>
      <c r="L5773" s="2" t="s">
        <v>65834</v>
      </c>
      <c r="M5773" s="5" t="s">
        <v>733</v>
      </c>
      <c r="N5773" s="5" t="s">
        <v>38</v>
      </c>
      <c r="O5773" s="5" t="s">
        <v>39</v>
      </c>
      <c r="P5773" s="5" t="s">
        <v>40</v>
      </c>
      <c r="Q5773" s="5" t="s">
        <v>897</v>
      </c>
      <c r="R5773" s="5" t="s">
        <v>40</v>
      </c>
      <c r="S5773" s="5" t="s">
        <v>42</v>
      </c>
      <c r="T5773" s="2">
        <v>63.781999999999996</v>
      </c>
      <c r="U5773" s="2">
        <v>59.594000000000001</v>
      </c>
      <c r="V5773" s="2">
        <v>0.23499999999999999</v>
      </c>
      <c r="W5773" s="2">
        <v>17</v>
      </c>
      <c r="X5773" s="2">
        <v>105</v>
      </c>
      <c r="Y5773" s="2">
        <v>131.6</v>
      </c>
      <c r="Z5773" s="5">
        <v>7</v>
      </c>
      <c r="AA5773" s="5" t="s">
        <v>43</v>
      </c>
      <c r="AB5773" s="5" t="s">
        <v>735</v>
      </c>
      <c r="AC5773" s="2" t="s">
        <v>101370</v>
      </c>
      <c r="AD5773" s="1"/>
    </row>
    <row r="5774" spans="1:30">
      <c r="A5774" s="5" t="s">
        <v>83578</v>
      </c>
      <c r="B5774" s="2" t="s">
        <v>101371</v>
      </c>
      <c r="C5774" s="14" t="s">
        <v>101372</v>
      </c>
      <c r="D5774" s="2" t="s">
        <v>101373</v>
      </c>
      <c r="E5774" s="2" t="s">
        <v>63001</v>
      </c>
      <c r="F5774" s="8">
        <v>1545</v>
      </c>
      <c r="G5774" s="5">
        <v>5</v>
      </c>
      <c r="H5774" s="5" t="s">
        <v>69</v>
      </c>
      <c r="I5774" s="5" t="s">
        <v>65833</v>
      </c>
      <c r="J5774" s="2" t="s">
        <v>65834</v>
      </c>
      <c r="K5774" s="5" t="s">
        <v>65833</v>
      </c>
      <c r="L5774" s="2" t="s">
        <v>65834</v>
      </c>
      <c r="M5774" s="5" t="s">
        <v>733</v>
      </c>
      <c r="N5774" s="5" t="s">
        <v>38</v>
      </c>
      <c r="O5774" s="5" t="s">
        <v>39</v>
      </c>
      <c r="P5774" s="5" t="s">
        <v>40</v>
      </c>
      <c r="Q5774" s="5" t="s">
        <v>897</v>
      </c>
      <c r="R5774" s="5" t="s">
        <v>40</v>
      </c>
      <c r="S5774" s="5" t="s">
        <v>42</v>
      </c>
      <c r="T5774" s="2">
        <v>56.731000000000002</v>
      </c>
      <c r="U5774" s="2">
        <v>52.518999999999998</v>
      </c>
      <c r="V5774" s="2">
        <v>0.23499999999999999</v>
      </c>
      <c r="W5774" s="2">
        <v>17</v>
      </c>
      <c r="X5774" s="2">
        <v>105</v>
      </c>
      <c r="Y5774" s="2">
        <v>131.6</v>
      </c>
      <c r="Z5774" s="5">
        <v>7</v>
      </c>
      <c r="AA5774" s="5" t="s">
        <v>43</v>
      </c>
      <c r="AB5774" s="5" t="s">
        <v>735</v>
      </c>
      <c r="AC5774" s="2" t="s">
        <v>101374</v>
      </c>
      <c r="AD5774" s="1"/>
    </row>
    <row r="5775" spans="1:30">
      <c r="A5775" s="5" t="s">
        <v>83578</v>
      </c>
      <c r="B5775" s="2" t="s">
        <v>101375</v>
      </c>
      <c r="C5775" s="14" t="s">
        <v>101376</v>
      </c>
      <c r="D5775" s="2" t="s">
        <v>101377</v>
      </c>
      <c r="E5775" s="2" t="s">
        <v>100668</v>
      </c>
      <c r="F5775" s="8">
        <v>2214</v>
      </c>
      <c r="G5775" s="5">
        <v>10</v>
      </c>
      <c r="H5775" s="5" t="s">
        <v>69</v>
      </c>
      <c r="I5775" s="5" t="s">
        <v>65833</v>
      </c>
      <c r="J5775" s="2" t="s">
        <v>65834</v>
      </c>
      <c r="K5775" s="5" t="s">
        <v>65833</v>
      </c>
      <c r="L5775" s="2" t="s">
        <v>65834</v>
      </c>
      <c r="M5775" s="5" t="s">
        <v>733</v>
      </c>
      <c r="N5775" s="5" t="s">
        <v>38</v>
      </c>
      <c r="O5775" s="5" t="s">
        <v>39</v>
      </c>
      <c r="P5775" s="5" t="s">
        <v>40</v>
      </c>
      <c r="Q5775" s="5" t="s">
        <v>897</v>
      </c>
      <c r="R5775" s="5" t="s">
        <v>40</v>
      </c>
      <c r="S5775" s="5" t="s">
        <v>42</v>
      </c>
      <c r="T5775" s="2">
        <v>86.233999999999995</v>
      </c>
      <c r="U5775" s="2">
        <v>81.506</v>
      </c>
      <c r="V5775" s="2">
        <v>0.27400000000000002</v>
      </c>
      <c r="W5775" s="2">
        <v>17</v>
      </c>
      <c r="X5775" s="2">
        <v>105</v>
      </c>
      <c r="Y5775" s="2">
        <v>153.6</v>
      </c>
      <c r="Z5775" s="5">
        <v>7</v>
      </c>
      <c r="AA5775" s="5" t="s">
        <v>43</v>
      </c>
      <c r="AB5775" s="5" t="s">
        <v>735</v>
      </c>
      <c r="AC5775" s="2" t="s">
        <v>101378</v>
      </c>
      <c r="AD5775" s="1"/>
    </row>
    <row r="5776" spans="1:30">
      <c r="A5776" s="5" t="s">
        <v>83578</v>
      </c>
      <c r="B5776" s="2" t="s">
        <v>101379</v>
      </c>
      <c r="C5776" s="14" t="s">
        <v>101380</v>
      </c>
      <c r="D5776" s="2" t="s">
        <v>101381</v>
      </c>
      <c r="E5776" s="2" t="s">
        <v>100694</v>
      </c>
      <c r="F5776" s="8">
        <v>2245</v>
      </c>
      <c r="G5776" s="5">
        <v>10</v>
      </c>
      <c r="H5776" s="5" t="s">
        <v>69</v>
      </c>
      <c r="I5776" s="5" t="s">
        <v>65833</v>
      </c>
      <c r="J5776" s="2" t="s">
        <v>65834</v>
      </c>
      <c r="K5776" s="5" t="s">
        <v>65833</v>
      </c>
      <c r="L5776" s="2" t="s">
        <v>65834</v>
      </c>
      <c r="M5776" s="5" t="s">
        <v>733</v>
      </c>
      <c r="N5776" s="5" t="s">
        <v>38</v>
      </c>
      <c r="O5776" s="5" t="s">
        <v>39</v>
      </c>
      <c r="P5776" s="5" t="s">
        <v>40</v>
      </c>
      <c r="Q5776" s="5" t="s">
        <v>897</v>
      </c>
      <c r="R5776" s="5" t="s">
        <v>40</v>
      </c>
      <c r="S5776" s="5" t="s">
        <v>42</v>
      </c>
      <c r="T5776" s="2">
        <v>84.963999999999999</v>
      </c>
      <c r="U5776" s="2">
        <v>80.212000000000003</v>
      </c>
      <c r="V5776" s="2">
        <v>0.27900000000000003</v>
      </c>
      <c r="W5776" s="2">
        <v>17</v>
      </c>
      <c r="X5776" s="2">
        <v>124.8</v>
      </c>
      <c r="Y5776" s="2">
        <v>131.6</v>
      </c>
      <c r="Z5776" s="5">
        <v>7</v>
      </c>
      <c r="AA5776" s="5" t="s">
        <v>43</v>
      </c>
      <c r="AB5776" s="5" t="s">
        <v>735</v>
      </c>
      <c r="AC5776" s="2" t="s">
        <v>101382</v>
      </c>
      <c r="AD5776" s="1"/>
    </row>
    <row r="5777" spans="1:30">
      <c r="A5777" s="5" t="s">
        <v>83578</v>
      </c>
      <c r="B5777" s="2" t="s">
        <v>101383</v>
      </c>
      <c r="C5777" s="14" t="s">
        <v>101384</v>
      </c>
      <c r="D5777" s="2" t="s">
        <v>101385</v>
      </c>
      <c r="E5777" s="2" t="s">
        <v>63539</v>
      </c>
      <c r="F5777" s="8">
        <v>1638</v>
      </c>
      <c r="G5777" s="5">
        <v>5</v>
      </c>
      <c r="H5777" s="5" t="s">
        <v>69</v>
      </c>
      <c r="I5777" s="5" t="s">
        <v>65833</v>
      </c>
      <c r="J5777" s="2" t="s">
        <v>65834</v>
      </c>
      <c r="K5777" s="5" t="s">
        <v>65833</v>
      </c>
      <c r="L5777" s="2" t="s">
        <v>65834</v>
      </c>
      <c r="M5777" s="5" t="s">
        <v>733</v>
      </c>
      <c r="N5777" s="5" t="s">
        <v>38</v>
      </c>
      <c r="O5777" s="5" t="s">
        <v>39</v>
      </c>
      <c r="P5777" s="5" t="s">
        <v>40</v>
      </c>
      <c r="Q5777" s="5" t="s">
        <v>897</v>
      </c>
      <c r="R5777" s="5" t="s">
        <v>40</v>
      </c>
      <c r="S5777" s="5" t="s">
        <v>42</v>
      </c>
      <c r="T5777" s="2">
        <v>65.332999999999998</v>
      </c>
      <c r="U5777" s="2">
        <v>60.555</v>
      </c>
      <c r="V5777" s="2">
        <v>0.27900000000000003</v>
      </c>
      <c r="W5777" s="2">
        <v>17</v>
      </c>
      <c r="X5777" s="2">
        <v>124.8</v>
      </c>
      <c r="Y5777" s="2">
        <v>131.6</v>
      </c>
      <c r="Z5777" s="5">
        <v>7</v>
      </c>
      <c r="AA5777" s="5" t="s">
        <v>43</v>
      </c>
      <c r="AB5777" s="5" t="s">
        <v>735</v>
      </c>
      <c r="AC5777" s="2" t="s">
        <v>101386</v>
      </c>
      <c r="AD5777" s="1"/>
    </row>
    <row r="5778" spans="1:30">
      <c r="A5778" s="5" t="s">
        <v>83578</v>
      </c>
      <c r="B5778" s="2" t="s">
        <v>101387</v>
      </c>
      <c r="C5778" s="14" t="s">
        <v>101388</v>
      </c>
      <c r="D5778" s="2" t="s">
        <v>101389</v>
      </c>
      <c r="E5778" s="2" t="s">
        <v>100703</v>
      </c>
      <c r="F5778" s="8">
        <v>2430</v>
      </c>
      <c r="G5778" s="5">
        <v>10</v>
      </c>
      <c r="H5778" s="5" t="s">
        <v>69</v>
      </c>
      <c r="I5778" s="5" t="s">
        <v>65833</v>
      </c>
      <c r="J5778" s="2" t="s">
        <v>65834</v>
      </c>
      <c r="K5778" s="5" t="s">
        <v>65833</v>
      </c>
      <c r="L5778" s="2" t="s">
        <v>65834</v>
      </c>
      <c r="M5778" s="5" t="s">
        <v>733</v>
      </c>
      <c r="N5778" s="5" t="s">
        <v>38</v>
      </c>
      <c r="O5778" s="5" t="s">
        <v>39</v>
      </c>
      <c r="P5778" s="5" t="s">
        <v>40</v>
      </c>
      <c r="Q5778" s="5" t="s">
        <v>897</v>
      </c>
      <c r="R5778" s="5" t="s">
        <v>40</v>
      </c>
      <c r="S5778" s="5" t="s">
        <v>42</v>
      </c>
      <c r="T5778" s="2">
        <v>100.346</v>
      </c>
      <c r="U5778" s="2">
        <v>94.995999999999995</v>
      </c>
      <c r="V5778" s="2">
        <v>0.32600000000000001</v>
      </c>
      <c r="W5778" s="2">
        <v>17</v>
      </c>
      <c r="X5778" s="2">
        <v>124.8</v>
      </c>
      <c r="Y5778" s="2">
        <v>153.6</v>
      </c>
      <c r="Z5778" s="5">
        <v>7</v>
      </c>
      <c r="AA5778" s="5" t="s">
        <v>43</v>
      </c>
      <c r="AB5778" s="5" t="s">
        <v>735</v>
      </c>
      <c r="AC5778" s="2" t="s">
        <v>101390</v>
      </c>
      <c r="AD5778" s="1"/>
    </row>
    <row r="5779" spans="1:30">
      <c r="A5779" s="5" t="s">
        <v>83578</v>
      </c>
      <c r="B5779" s="2" t="s">
        <v>101391</v>
      </c>
      <c r="C5779" s="14" t="s">
        <v>101392</v>
      </c>
      <c r="D5779" s="2" t="s">
        <v>101393</v>
      </c>
      <c r="E5779" s="2" t="s">
        <v>63718</v>
      </c>
      <c r="F5779" s="8">
        <v>2430</v>
      </c>
      <c r="G5779" s="5">
        <v>10</v>
      </c>
      <c r="H5779" s="5" t="s">
        <v>69</v>
      </c>
      <c r="I5779" s="5" t="s">
        <v>65833</v>
      </c>
      <c r="J5779" s="2" t="s">
        <v>65834</v>
      </c>
      <c r="K5779" s="5" t="s">
        <v>65833</v>
      </c>
      <c r="L5779" s="2" t="s">
        <v>65834</v>
      </c>
      <c r="M5779" s="5" t="s">
        <v>733</v>
      </c>
      <c r="N5779" s="5" t="s">
        <v>38</v>
      </c>
      <c r="O5779" s="5" t="s">
        <v>39</v>
      </c>
      <c r="P5779" s="5" t="s">
        <v>40</v>
      </c>
      <c r="Q5779" s="5" t="s">
        <v>897</v>
      </c>
      <c r="R5779" s="5" t="s">
        <v>40</v>
      </c>
      <c r="S5779" s="5" t="s">
        <v>42</v>
      </c>
      <c r="T5779" s="2">
        <v>98.924999999999997</v>
      </c>
      <c r="U5779" s="2">
        <v>93.575000000000003</v>
      </c>
      <c r="V5779" s="2">
        <v>0.32600000000000001</v>
      </c>
      <c r="W5779" s="2">
        <v>17</v>
      </c>
      <c r="X5779" s="2">
        <v>124.8</v>
      </c>
      <c r="Y5779" s="2">
        <v>153.6</v>
      </c>
      <c r="Z5779" s="5">
        <v>7</v>
      </c>
      <c r="AA5779" s="5" t="s">
        <v>43</v>
      </c>
      <c r="AB5779" s="5" t="s">
        <v>735</v>
      </c>
      <c r="AC5779" s="2" t="s">
        <v>101394</v>
      </c>
      <c r="AD5779" s="1"/>
    </row>
    <row r="5780" spans="1:30">
      <c r="A5780" s="5" t="s">
        <v>83578</v>
      </c>
      <c r="B5780" s="2" t="s">
        <v>101395</v>
      </c>
      <c r="C5780" s="14" t="s">
        <v>101396</v>
      </c>
      <c r="D5780" s="2" t="s">
        <v>101397</v>
      </c>
      <c r="E5780" s="2" t="s">
        <v>63733</v>
      </c>
      <c r="F5780" s="8">
        <v>1709</v>
      </c>
      <c r="G5780" s="5">
        <v>5</v>
      </c>
      <c r="H5780" s="5" t="s">
        <v>69</v>
      </c>
      <c r="I5780" s="5" t="s">
        <v>65833</v>
      </c>
      <c r="J5780" s="2" t="s">
        <v>65834</v>
      </c>
      <c r="K5780" s="5" t="s">
        <v>65833</v>
      </c>
      <c r="L5780" s="2" t="s">
        <v>65834</v>
      </c>
      <c r="M5780" s="5" t="s">
        <v>733</v>
      </c>
      <c r="N5780" s="5" t="s">
        <v>38</v>
      </c>
      <c r="O5780" s="5" t="s">
        <v>39</v>
      </c>
      <c r="P5780" s="5" t="s">
        <v>40</v>
      </c>
      <c r="Q5780" s="5" t="s">
        <v>897</v>
      </c>
      <c r="R5780" s="5" t="s">
        <v>40</v>
      </c>
      <c r="S5780" s="5" t="s">
        <v>42</v>
      </c>
      <c r="T5780" s="2">
        <v>75.584000000000003</v>
      </c>
      <c r="U5780" s="2">
        <v>70.207999999999998</v>
      </c>
      <c r="V5780" s="2">
        <v>0.32600000000000001</v>
      </c>
      <c r="W5780" s="2">
        <v>17</v>
      </c>
      <c r="X5780" s="2">
        <v>124.8</v>
      </c>
      <c r="Y5780" s="2">
        <v>153.6</v>
      </c>
      <c r="Z5780" s="5">
        <v>7</v>
      </c>
      <c r="AA5780" s="5" t="s">
        <v>43</v>
      </c>
      <c r="AB5780" s="5" t="s">
        <v>735</v>
      </c>
      <c r="AC5780" s="2" t="s">
        <v>101398</v>
      </c>
      <c r="AD5780" s="1"/>
    </row>
    <row r="5781" spans="1:30">
      <c r="A5781" s="5" t="s">
        <v>83578</v>
      </c>
      <c r="B5781" s="2" t="s">
        <v>101399</v>
      </c>
      <c r="C5781" s="14" t="s">
        <v>101400</v>
      </c>
      <c r="D5781" s="2" t="s">
        <v>101401</v>
      </c>
      <c r="E5781" s="2" t="s">
        <v>63861</v>
      </c>
      <c r="F5781" s="8">
        <v>1795</v>
      </c>
      <c r="G5781" s="5">
        <v>5</v>
      </c>
      <c r="H5781" s="5" t="s">
        <v>69</v>
      </c>
      <c r="I5781" s="5" t="s">
        <v>65833</v>
      </c>
      <c r="J5781" s="2" t="s">
        <v>65834</v>
      </c>
      <c r="K5781" s="5" t="s">
        <v>65833</v>
      </c>
      <c r="L5781" s="2" t="s">
        <v>65834</v>
      </c>
      <c r="M5781" s="5" t="s">
        <v>733</v>
      </c>
      <c r="N5781" s="5" t="s">
        <v>38</v>
      </c>
      <c r="O5781" s="5" t="s">
        <v>39</v>
      </c>
      <c r="P5781" s="5" t="s">
        <v>40</v>
      </c>
      <c r="Q5781" s="5" t="s">
        <v>897</v>
      </c>
      <c r="R5781" s="5" t="s">
        <v>40</v>
      </c>
      <c r="S5781" s="5" t="s">
        <v>42</v>
      </c>
      <c r="T5781" s="2">
        <v>82.891000000000005</v>
      </c>
      <c r="U5781" s="2">
        <v>76.975999999999999</v>
      </c>
      <c r="V5781" s="2">
        <v>0.36899999999999999</v>
      </c>
      <c r="W5781" s="2">
        <v>17</v>
      </c>
      <c r="X5781" s="2">
        <v>124.8</v>
      </c>
      <c r="Y5781" s="2">
        <v>173.8</v>
      </c>
      <c r="Z5781" s="5">
        <v>7</v>
      </c>
      <c r="AA5781" s="5" t="s">
        <v>43</v>
      </c>
      <c r="AB5781" s="5" t="s">
        <v>735</v>
      </c>
      <c r="AC5781" s="2" t="s">
        <v>101402</v>
      </c>
      <c r="AD5781" s="1"/>
    </row>
    <row r="5782" spans="1:30">
      <c r="A5782" s="5" t="s">
        <v>83578</v>
      </c>
      <c r="B5782" s="2" t="s">
        <v>101403</v>
      </c>
      <c r="C5782" s="14" t="s">
        <v>101404</v>
      </c>
      <c r="D5782" s="2" t="s">
        <v>101405</v>
      </c>
      <c r="E5782" s="2" t="s">
        <v>58161</v>
      </c>
      <c r="F5782" s="8">
        <v>1911</v>
      </c>
      <c r="G5782" s="5">
        <v>10</v>
      </c>
      <c r="H5782" s="5" t="s">
        <v>69</v>
      </c>
      <c r="I5782" s="5" t="s">
        <v>66625</v>
      </c>
      <c r="J5782" s="2" t="s">
        <v>66626</v>
      </c>
      <c r="K5782" s="5" t="s">
        <v>66625</v>
      </c>
      <c r="L5782" s="2" t="s">
        <v>66626</v>
      </c>
      <c r="M5782" s="5" t="s">
        <v>733</v>
      </c>
      <c r="N5782" s="5" t="s">
        <v>38</v>
      </c>
      <c r="O5782" s="5" t="s">
        <v>39</v>
      </c>
      <c r="P5782" s="5" t="s">
        <v>40</v>
      </c>
      <c r="Q5782" s="5" t="s">
        <v>897</v>
      </c>
      <c r="R5782" s="5" t="s">
        <v>40</v>
      </c>
      <c r="S5782" s="5" t="s">
        <v>42</v>
      </c>
      <c r="T5782" s="2">
        <v>63.784999999999997</v>
      </c>
      <c r="U5782" s="2">
        <v>60.137999999999998</v>
      </c>
      <c r="V5782" s="2">
        <v>0.21099999999999999</v>
      </c>
      <c r="W5782" s="2">
        <v>17</v>
      </c>
      <c r="X5782" s="2">
        <v>80.7</v>
      </c>
      <c r="Y5782" s="2">
        <v>153.6</v>
      </c>
      <c r="Z5782" s="5">
        <v>7</v>
      </c>
      <c r="AA5782" s="5" t="s">
        <v>43</v>
      </c>
      <c r="AB5782" s="5" t="s">
        <v>735</v>
      </c>
      <c r="AC5782" s="2" t="s">
        <v>101406</v>
      </c>
      <c r="AD5782" s="1"/>
    </row>
    <row r="5783" spans="1:30">
      <c r="A5783" s="5" t="s">
        <v>83578</v>
      </c>
      <c r="B5783" s="2" t="s">
        <v>101407</v>
      </c>
      <c r="C5783" s="14" t="s">
        <v>101408</v>
      </c>
      <c r="D5783" s="2" t="s">
        <v>101409</v>
      </c>
      <c r="E5783" s="2" t="s">
        <v>58180</v>
      </c>
      <c r="F5783" s="8">
        <v>1578</v>
      </c>
      <c r="G5783" s="5">
        <v>10</v>
      </c>
      <c r="H5783" s="5" t="s">
        <v>69</v>
      </c>
      <c r="I5783" s="5" t="s">
        <v>66625</v>
      </c>
      <c r="J5783" s="2" t="s">
        <v>66626</v>
      </c>
      <c r="K5783" s="5" t="s">
        <v>66625</v>
      </c>
      <c r="L5783" s="2" t="s">
        <v>66626</v>
      </c>
      <c r="M5783" s="5" t="s">
        <v>733</v>
      </c>
      <c r="N5783" s="5" t="s">
        <v>38</v>
      </c>
      <c r="O5783" s="5" t="s">
        <v>39</v>
      </c>
      <c r="P5783" s="5" t="s">
        <v>40</v>
      </c>
      <c r="Q5783" s="5" t="s">
        <v>897</v>
      </c>
      <c r="R5783" s="5" t="s">
        <v>40</v>
      </c>
      <c r="S5783" s="5" t="s">
        <v>42</v>
      </c>
      <c r="T5783" s="2">
        <v>57.188000000000002</v>
      </c>
      <c r="U5783" s="2">
        <v>53.518000000000001</v>
      </c>
      <c r="V5783" s="2">
        <v>0.21099999999999999</v>
      </c>
      <c r="W5783" s="2">
        <v>17</v>
      </c>
      <c r="X5783" s="2">
        <v>80.7</v>
      </c>
      <c r="Y5783" s="2">
        <v>153.6</v>
      </c>
      <c r="Z5783" s="5">
        <v>7</v>
      </c>
      <c r="AA5783" s="5" t="s">
        <v>43</v>
      </c>
      <c r="AB5783" s="5" t="s">
        <v>735</v>
      </c>
      <c r="AC5783" s="2" t="s">
        <v>101410</v>
      </c>
      <c r="AD5783" s="1"/>
    </row>
    <row r="5784" spans="1:30">
      <c r="A5784" s="5" t="s">
        <v>83578</v>
      </c>
      <c r="B5784" s="2" t="s">
        <v>101411</v>
      </c>
      <c r="C5784" s="14" t="s">
        <v>101412</v>
      </c>
      <c r="D5784" s="2" t="s">
        <v>101413</v>
      </c>
      <c r="E5784" s="2" t="s">
        <v>58346</v>
      </c>
      <c r="F5784" s="8">
        <v>1911</v>
      </c>
      <c r="G5784" s="5">
        <v>10</v>
      </c>
      <c r="H5784" s="5" t="s">
        <v>69</v>
      </c>
      <c r="I5784" s="5" t="s">
        <v>66625</v>
      </c>
      <c r="J5784" s="2" t="s">
        <v>66626</v>
      </c>
      <c r="K5784" s="5" t="s">
        <v>66625</v>
      </c>
      <c r="L5784" s="2" t="s">
        <v>66626</v>
      </c>
      <c r="M5784" s="5" t="s">
        <v>733</v>
      </c>
      <c r="N5784" s="5" t="s">
        <v>38</v>
      </c>
      <c r="O5784" s="5" t="s">
        <v>39</v>
      </c>
      <c r="P5784" s="5" t="s">
        <v>40</v>
      </c>
      <c r="Q5784" s="5" t="s">
        <v>897</v>
      </c>
      <c r="R5784" s="5" t="s">
        <v>40</v>
      </c>
      <c r="S5784" s="5" t="s">
        <v>42</v>
      </c>
      <c r="T5784" s="2">
        <v>63.835000000000001</v>
      </c>
      <c r="U5784" s="2">
        <v>60.188000000000002</v>
      </c>
      <c r="V5784" s="2">
        <v>0.21099999999999999</v>
      </c>
      <c r="W5784" s="2">
        <v>17</v>
      </c>
      <c r="X5784" s="2">
        <v>80.7</v>
      </c>
      <c r="Y5784" s="2">
        <v>153.6</v>
      </c>
      <c r="Z5784" s="5">
        <v>7</v>
      </c>
      <c r="AA5784" s="5" t="s">
        <v>43</v>
      </c>
      <c r="AB5784" s="5" t="s">
        <v>735</v>
      </c>
      <c r="AC5784" s="2" t="s">
        <v>101414</v>
      </c>
      <c r="AD5784" s="1"/>
    </row>
    <row r="5785" spans="1:30">
      <c r="A5785" s="5" t="s">
        <v>83578</v>
      </c>
      <c r="B5785" s="2" t="s">
        <v>101415</v>
      </c>
      <c r="C5785" s="14" t="s">
        <v>101416</v>
      </c>
      <c r="D5785" s="2" t="s">
        <v>101417</v>
      </c>
      <c r="E5785" s="2" t="s">
        <v>101418</v>
      </c>
      <c r="F5785" s="8">
        <v>1578</v>
      </c>
      <c r="G5785" s="5">
        <v>10</v>
      </c>
      <c r="H5785" s="5" t="s">
        <v>69</v>
      </c>
      <c r="I5785" s="5" t="s">
        <v>66625</v>
      </c>
      <c r="J5785" s="2" t="s">
        <v>66626</v>
      </c>
      <c r="K5785" s="5" t="s">
        <v>66625</v>
      </c>
      <c r="L5785" s="2" t="s">
        <v>66626</v>
      </c>
      <c r="M5785" s="5" t="s">
        <v>733</v>
      </c>
      <c r="N5785" s="5" t="s">
        <v>38</v>
      </c>
      <c r="O5785" s="5" t="s">
        <v>39</v>
      </c>
      <c r="P5785" s="5" t="s">
        <v>40</v>
      </c>
      <c r="Q5785" s="5" t="s">
        <v>897</v>
      </c>
      <c r="R5785" s="5" t="s">
        <v>40</v>
      </c>
      <c r="S5785" s="5" t="s">
        <v>42</v>
      </c>
      <c r="T5785" s="2">
        <v>57.238</v>
      </c>
      <c r="U5785" s="2">
        <v>53.567999999999998</v>
      </c>
      <c r="V5785" s="2">
        <v>0.21099999999999999</v>
      </c>
      <c r="W5785" s="2">
        <v>17</v>
      </c>
      <c r="X5785" s="2">
        <v>80.7</v>
      </c>
      <c r="Y5785" s="2">
        <v>153.6</v>
      </c>
      <c r="Z5785" s="5">
        <v>7</v>
      </c>
      <c r="AA5785" s="5" t="s">
        <v>43</v>
      </c>
      <c r="AB5785" s="5" t="s">
        <v>735</v>
      </c>
      <c r="AC5785" s="2" t="s">
        <v>101419</v>
      </c>
      <c r="AD5785" s="1"/>
    </row>
    <row r="5786" spans="1:30">
      <c r="A5786" s="5" t="s">
        <v>83578</v>
      </c>
      <c r="B5786" s="2" t="s">
        <v>101420</v>
      </c>
      <c r="C5786" s="14" t="s">
        <v>101421</v>
      </c>
      <c r="D5786" s="2" t="s">
        <v>101422</v>
      </c>
      <c r="E5786" s="2" t="s">
        <v>58373</v>
      </c>
      <c r="F5786" s="8">
        <v>1911</v>
      </c>
      <c r="G5786" s="5">
        <v>10</v>
      </c>
      <c r="H5786" s="5" t="s">
        <v>69</v>
      </c>
      <c r="I5786" s="5" t="s">
        <v>66625</v>
      </c>
      <c r="J5786" s="2" t="s">
        <v>66626</v>
      </c>
      <c r="K5786" s="5" t="s">
        <v>66625</v>
      </c>
      <c r="L5786" s="2" t="s">
        <v>66626</v>
      </c>
      <c r="M5786" s="5" t="s">
        <v>733</v>
      </c>
      <c r="N5786" s="5" t="s">
        <v>38</v>
      </c>
      <c r="O5786" s="5" t="s">
        <v>39</v>
      </c>
      <c r="P5786" s="5" t="s">
        <v>40</v>
      </c>
      <c r="Q5786" s="5" t="s">
        <v>897</v>
      </c>
      <c r="R5786" s="5" t="s">
        <v>40</v>
      </c>
      <c r="S5786" s="5" t="s">
        <v>42</v>
      </c>
      <c r="T5786" s="2">
        <v>62.619</v>
      </c>
      <c r="U5786" s="2">
        <v>58.972000000000001</v>
      </c>
      <c r="V5786" s="2">
        <v>0.21099999999999999</v>
      </c>
      <c r="W5786" s="2">
        <v>17</v>
      </c>
      <c r="X5786" s="2">
        <v>80.7</v>
      </c>
      <c r="Y5786" s="2">
        <v>153.6</v>
      </c>
      <c r="Z5786" s="5">
        <v>7</v>
      </c>
      <c r="AA5786" s="5" t="s">
        <v>43</v>
      </c>
      <c r="AB5786" s="5" t="s">
        <v>735</v>
      </c>
      <c r="AC5786" s="2" t="s">
        <v>101423</v>
      </c>
      <c r="AD5786" s="1"/>
    </row>
    <row r="5787" spans="1:30">
      <c r="A5787" s="5" t="s">
        <v>83578</v>
      </c>
      <c r="B5787" s="2" t="s">
        <v>101424</v>
      </c>
      <c r="C5787" s="14" t="s">
        <v>101425</v>
      </c>
      <c r="D5787" s="2" t="s">
        <v>101426</v>
      </c>
      <c r="E5787" s="2" t="s">
        <v>101427</v>
      </c>
      <c r="F5787" s="8">
        <v>1578</v>
      </c>
      <c r="G5787" s="5">
        <v>10</v>
      </c>
      <c r="H5787" s="5" t="s">
        <v>69</v>
      </c>
      <c r="I5787" s="5" t="s">
        <v>66625</v>
      </c>
      <c r="J5787" s="2" t="s">
        <v>66626</v>
      </c>
      <c r="K5787" s="5" t="s">
        <v>66625</v>
      </c>
      <c r="L5787" s="2" t="s">
        <v>66626</v>
      </c>
      <c r="M5787" s="5" t="s">
        <v>733</v>
      </c>
      <c r="N5787" s="5" t="s">
        <v>38</v>
      </c>
      <c r="O5787" s="5" t="s">
        <v>39</v>
      </c>
      <c r="P5787" s="5" t="s">
        <v>40</v>
      </c>
      <c r="Q5787" s="5" t="s">
        <v>897</v>
      </c>
      <c r="R5787" s="5" t="s">
        <v>40</v>
      </c>
      <c r="S5787" s="5" t="s">
        <v>42</v>
      </c>
      <c r="T5787" s="2">
        <v>56.02</v>
      </c>
      <c r="U5787" s="2">
        <v>52.35</v>
      </c>
      <c r="V5787" s="2">
        <v>0.21099999999999999</v>
      </c>
      <c r="W5787" s="2">
        <v>17</v>
      </c>
      <c r="X5787" s="2">
        <v>80.7</v>
      </c>
      <c r="Y5787" s="2">
        <v>153.6</v>
      </c>
      <c r="Z5787" s="5">
        <v>7</v>
      </c>
      <c r="AA5787" s="5" t="s">
        <v>43</v>
      </c>
      <c r="AB5787" s="5" t="s">
        <v>735</v>
      </c>
      <c r="AC5787" s="2" t="s">
        <v>101428</v>
      </c>
      <c r="AD5787" s="1"/>
    </row>
    <row r="5788" spans="1:30">
      <c r="A5788" s="5" t="s">
        <v>83578</v>
      </c>
      <c r="B5788" s="2" t="s">
        <v>101429</v>
      </c>
      <c r="C5788" s="14" t="s">
        <v>101430</v>
      </c>
      <c r="D5788" s="2" t="s">
        <v>101431</v>
      </c>
      <c r="E5788" s="2" t="s">
        <v>100432</v>
      </c>
      <c r="F5788" s="8">
        <v>2238</v>
      </c>
      <c r="G5788" s="5">
        <v>10</v>
      </c>
      <c r="H5788" s="5" t="s">
        <v>69</v>
      </c>
      <c r="I5788" s="5" t="s">
        <v>66625</v>
      </c>
      <c r="J5788" s="2" t="s">
        <v>66626</v>
      </c>
      <c r="K5788" s="5" t="s">
        <v>66625</v>
      </c>
      <c r="L5788" s="2" t="s">
        <v>66626</v>
      </c>
      <c r="M5788" s="5" t="s">
        <v>733</v>
      </c>
      <c r="N5788" s="5" t="s">
        <v>38</v>
      </c>
      <c r="O5788" s="5" t="s">
        <v>39</v>
      </c>
      <c r="P5788" s="5" t="s">
        <v>40</v>
      </c>
      <c r="Q5788" s="5" t="s">
        <v>897</v>
      </c>
      <c r="R5788" s="5" t="s">
        <v>40</v>
      </c>
      <c r="S5788" s="5" t="s">
        <v>42</v>
      </c>
      <c r="T5788" s="2">
        <v>86.048000000000002</v>
      </c>
      <c r="U5788" s="2">
        <v>80.647999999999996</v>
      </c>
      <c r="V5788" s="2">
        <v>0.32600000000000001</v>
      </c>
      <c r="W5788" s="2">
        <v>17</v>
      </c>
      <c r="X5788" s="2">
        <v>124.7</v>
      </c>
      <c r="Y5788" s="2">
        <v>153.6</v>
      </c>
      <c r="Z5788" s="5">
        <v>7</v>
      </c>
      <c r="AA5788" s="5" t="s">
        <v>43</v>
      </c>
      <c r="AB5788" s="5" t="s">
        <v>735</v>
      </c>
      <c r="AC5788" s="2" t="s">
        <v>101432</v>
      </c>
      <c r="AD5788" s="1"/>
    </row>
    <row r="5789" spans="1:30">
      <c r="A5789" s="5" t="s">
        <v>83578</v>
      </c>
      <c r="B5789" s="2" t="s">
        <v>101433</v>
      </c>
      <c r="C5789" s="14" t="s">
        <v>101434</v>
      </c>
      <c r="D5789" s="2" t="s">
        <v>101435</v>
      </c>
      <c r="E5789" s="2" t="s">
        <v>100437</v>
      </c>
      <c r="F5789" s="8">
        <v>1752</v>
      </c>
      <c r="G5789" s="5">
        <v>10</v>
      </c>
      <c r="H5789" s="5" t="s">
        <v>69</v>
      </c>
      <c r="I5789" s="5" t="s">
        <v>66625</v>
      </c>
      <c r="J5789" s="2" t="s">
        <v>66626</v>
      </c>
      <c r="K5789" s="5" t="s">
        <v>66625</v>
      </c>
      <c r="L5789" s="2" t="s">
        <v>66626</v>
      </c>
      <c r="M5789" s="5" t="s">
        <v>733</v>
      </c>
      <c r="N5789" s="5" t="s">
        <v>38</v>
      </c>
      <c r="O5789" s="5" t="s">
        <v>39</v>
      </c>
      <c r="P5789" s="5" t="s">
        <v>40</v>
      </c>
      <c r="Q5789" s="5" t="s">
        <v>897</v>
      </c>
      <c r="R5789" s="5" t="s">
        <v>40</v>
      </c>
      <c r="S5789" s="5" t="s">
        <v>42</v>
      </c>
      <c r="T5789" s="2">
        <v>75.927000000000007</v>
      </c>
      <c r="U5789" s="2">
        <v>70.504000000000005</v>
      </c>
      <c r="V5789" s="2">
        <v>0.32600000000000001</v>
      </c>
      <c r="W5789" s="2">
        <v>17</v>
      </c>
      <c r="X5789" s="2">
        <v>124.7</v>
      </c>
      <c r="Y5789" s="2">
        <v>153.6</v>
      </c>
      <c r="Z5789" s="5">
        <v>7</v>
      </c>
      <c r="AA5789" s="5" t="s">
        <v>43</v>
      </c>
      <c r="AB5789" s="5" t="s">
        <v>735</v>
      </c>
      <c r="AC5789" s="2" t="s">
        <v>101436</v>
      </c>
      <c r="AD5789" s="1"/>
    </row>
    <row r="5790" spans="1:30">
      <c r="A5790" s="5" t="s">
        <v>83578</v>
      </c>
      <c r="B5790" s="2" t="s">
        <v>101437</v>
      </c>
      <c r="C5790" s="14" t="s">
        <v>101438</v>
      </c>
      <c r="D5790" s="2" t="s">
        <v>101439</v>
      </c>
      <c r="E5790" s="2" t="s">
        <v>65590</v>
      </c>
      <c r="F5790" s="8">
        <v>2238</v>
      </c>
      <c r="G5790" s="5">
        <v>10</v>
      </c>
      <c r="H5790" s="5" t="s">
        <v>69</v>
      </c>
      <c r="I5790" s="5" t="s">
        <v>66625</v>
      </c>
      <c r="J5790" s="2" t="s">
        <v>66626</v>
      </c>
      <c r="K5790" s="5" t="s">
        <v>66625</v>
      </c>
      <c r="L5790" s="2" t="s">
        <v>66626</v>
      </c>
      <c r="M5790" s="5" t="s">
        <v>733</v>
      </c>
      <c r="N5790" s="5" t="s">
        <v>38</v>
      </c>
      <c r="O5790" s="5" t="s">
        <v>39</v>
      </c>
      <c r="P5790" s="5" t="s">
        <v>40</v>
      </c>
      <c r="Q5790" s="5" t="s">
        <v>897</v>
      </c>
      <c r="R5790" s="5" t="s">
        <v>40</v>
      </c>
      <c r="S5790" s="5" t="s">
        <v>42</v>
      </c>
      <c r="T5790" s="2">
        <v>83.992999999999995</v>
      </c>
      <c r="U5790" s="2">
        <v>78.593000000000004</v>
      </c>
      <c r="V5790" s="2">
        <v>0.32600000000000001</v>
      </c>
      <c r="W5790" s="2">
        <v>17</v>
      </c>
      <c r="X5790" s="2">
        <v>124.7</v>
      </c>
      <c r="Y5790" s="2">
        <v>153.6</v>
      </c>
      <c r="Z5790" s="5">
        <v>7</v>
      </c>
      <c r="AA5790" s="5" t="s">
        <v>43</v>
      </c>
      <c r="AB5790" s="5" t="s">
        <v>735</v>
      </c>
      <c r="AC5790" s="2" t="s">
        <v>101440</v>
      </c>
      <c r="AD5790" s="1"/>
    </row>
    <row r="5791" spans="1:30">
      <c r="A5791" s="5" t="s">
        <v>83578</v>
      </c>
      <c r="B5791" s="2" t="s">
        <v>101441</v>
      </c>
      <c r="C5791" s="14" t="s">
        <v>101442</v>
      </c>
      <c r="D5791" s="2" t="s">
        <v>101443</v>
      </c>
      <c r="E5791" s="2" t="s">
        <v>101444</v>
      </c>
      <c r="F5791" s="8">
        <v>1752</v>
      </c>
      <c r="G5791" s="5">
        <v>10</v>
      </c>
      <c r="H5791" s="5" t="s">
        <v>69</v>
      </c>
      <c r="I5791" s="5" t="s">
        <v>66625</v>
      </c>
      <c r="J5791" s="2" t="s">
        <v>66626</v>
      </c>
      <c r="K5791" s="5" t="s">
        <v>66625</v>
      </c>
      <c r="L5791" s="2" t="s">
        <v>66626</v>
      </c>
      <c r="M5791" s="5" t="s">
        <v>733</v>
      </c>
      <c r="N5791" s="5" t="s">
        <v>38</v>
      </c>
      <c r="O5791" s="5" t="s">
        <v>39</v>
      </c>
      <c r="P5791" s="5" t="s">
        <v>40</v>
      </c>
      <c r="Q5791" s="5" t="s">
        <v>897</v>
      </c>
      <c r="R5791" s="5" t="s">
        <v>40</v>
      </c>
      <c r="S5791" s="5" t="s">
        <v>42</v>
      </c>
      <c r="T5791" s="2">
        <v>74.510000000000005</v>
      </c>
      <c r="U5791" s="2">
        <v>69.087000000000003</v>
      </c>
      <c r="V5791" s="2">
        <v>0.32600000000000001</v>
      </c>
      <c r="W5791" s="2">
        <v>17</v>
      </c>
      <c r="X5791" s="2">
        <v>124.7</v>
      </c>
      <c r="Y5791" s="2">
        <v>153.6</v>
      </c>
      <c r="Z5791" s="5">
        <v>7</v>
      </c>
      <c r="AA5791" s="5" t="s">
        <v>43</v>
      </c>
      <c r="AB5791" s="5" t="s">
        <v>735</v>
      </c>
      <c r="AC5791" s="2" t="s">
        <v>101445</v>
      </c>
      <c r="AD5791" s="1"/>
    </row>
    <row r="5792" spans="1:30">
      <c r="A5792" s="5" t="s">
        <v>83578</v>
      </c>
      <c r="B5792" s="2" t="s">
        <v>101446</v>
      </c>
      <c r="C5792" s="14" t="s">
        <v>101447</v>
      </c>
      <c r="D5792" s="2" t="s">
        <v>101448</v>
      </c>
      <c r="E5792" s="2" t="s">
        <v>100461</v>
      </c>
      <c r="F5792" s="8">
        <v>2238</v>
      </c>
      <c r="G5792" s="5">
        <v>10</v>
      </c>
      <c r="H5792" s="5" t="s">
        <v>69</v>
      </c>
      <c r="I5792" s="5" t="s">
        <v>66625</v>
      </c>
      <c r="J5792" s="2" t="s">
        <v>66626</v>
      </c>
      <c r="K5792" s="5" t="s">
        <v>66625</v>
      </c>
      <c r="L5792" s="2" t="s">
        <v>66626</v>
      </c>
      <c r="M5792" s="5" t="s">
        <v>733</v>
      </c>
      <c r="N5792" s="5" t="s">
        <v>38</v>
      </c>
      <c r="O5792" s="5" t="s">
        <v>39</v>
      </c>
      <c r="P5792" s="5" t="s">
        <v>40</v>
      </c>
      <c r="Q5792" s="5" t="s">
        <v>897</v>
      </c>
      <c r="R5792" s="5" t="s">
        <v>40</v>
      </c>
      <c r="S5792" s="5" t="s">
        <v>42</v>
      </c>
      <c r="T5792" s="2">
        <v>86.081999999999994</v>
      </c>
      <c r="U5792" s="2">
        <v>80.682000000000002</v>
      </c>
      <c r="V5792" s="2">
        <v>0.32600000000000001</v>
      </c>
      <c r="W5792" s="2">
        <v>17</v>
      </c>
      <c r="X5792" s="2">
        <v>124.7</v>
      </c>
      <c r="Y5792" s="2">
        <v>153.6</v>
      </c>
      <c r="Z5792" s="5">
        <v>7</v>
      </c>
      <c r="AA5792" s="5" t="s">
        <v>43</v>
      </c>
      <c r="AB5792" s="5" t="s">
        <v>735</v>
      </c>
      <c r="AC5792" s="2" t="s">
        <v>101449</v>
      </c>
      <c r="AD5792" s="1"/>
    </row>
    <row r="5793" spans="1:30">
      <c r="A5793" s="5" t="s">
        <v>83578</v>
      </c>
      <c r="B5793" s="2" t="s">
        <v>101450</v>
      </c>
      <c r="C5793" s="14" t="s">
        <v>101451</v>
      </c>
      <c r="D5793" s="2" t="s">
        <v>101452</v>
      </c>
      <c r="E5793" s="2" t="s">
        <v>101453</v>
      </c>
      <c r="F5793" s="8">
        <v>1752</v>
      </c>
      <c r="G5793" s="5">
        <v>10</v>
      </c>
      <c r="H5793" s="5" t="s">
        <v>69</v>
      </c>
      <c r="I5793" s="5" t="s">
        <v>66625</v>
      </c>
      <c r="J5793" s="2" t="s">
        <v>66626</v>
      </c>
      <c r="K5793" s="5" t="s">
        <v>66625</v>
      </c>
      <c r="L5793" s="2" t="s">
        <v>66626</v>
      </c>
      <c r="M5793" s="5" t="s">
        <v>733</v>
      </c>
      <c r="N5793" s="5" t="s">
        <v>38</v>
      </c>
      <c r="O5793" s="5" t="s">
        <v>39</v>
      </c>
      <c r="P5793" s="5" t="s">
        <v>40</v>
      </c>
      <c r="Q5793" s="5" t="s">
        <v>897</v>
      </c>
      <c r="R5793" s="5" t="s">
        <v>40</v>
      </c>
      <c r="S5793" s="5" t="s">
        <v>42</v>
      </c>
      <c r="T5793" s="2">
        <v>75.960999999999999</v>
      </c>
      <c r="U5793" s="2">
        <v>70.537999999999997</v>
      </c>
      <c r="V5793" s="2">
        <v>0.32600000000000001</v>
      </c>
      <c r="W5793" s="2">
        <v>17</v>
      </c>
      <c r="X5793" s="2">
        <v>124.7</v>
      </c>
      <c r="Y5793" s="2">
        <v>153.6</v>
      </c>
      <c r="Z5793" s="5">
        <v>7</v>
      </c>
      <c r="AA5793" s="5" t="s">
        <v>43</v>
      </c>
      <c r="AB5793" s="5" t="s">
        <v>735</v>
      </c>
      <c r="AC5793" s="2" t="s">
        <v>101454</v>
      </c>
      <c r="AD5793" s="1"/>
    </row>
    <row r="5794" spans="1:30">
      <c r="A5794" s="5" t="s">
        <v>83578</v>
      </c>
      <c r="B5794" s="2" t="s">
        <v>101455</v>
      </c>
      <c r="C5794" s="14" t="s">
        <v>101456</v>
      </c>
      <c r="D5794" s="2" t="s">
        <v>101457</v>
      </c>
      <c r="E5794" s="2" t="s">
        <v>100466</v>
      </c>
      <c r="F5794" s="8">
        <v>2238</v>
      </c>
      <c r="G5794" s="5">
        <v>10</v>
      </c>
      <c r="H5794" s="5" t="s">
        <v>69</v>
      </c>
      <c r="I5794" s="5" t="s">
        <v>66625</v>
      </c>
      <c r="J5794" s="2" t="s">
        <v>66626</v>
      </c>
      <c r="K5794" s="5" t="s">
        <v>66625</v>
      </c>
      <c r="L5794" s="2" t="s">
        <v>66626</v>
      </c>
      <c r="M5794" s="5" t="s">
        <v>733</v>
      </c>
      <c r="N5794" s="5" t="s">
        <v>38</v>
      </c>
      <c r="O5794" s="5" t="s">
        <v>39</v>
      </c>
      <c r="P5794" s="5" t="s">
        <v>40</v>
      </c>
      <c r="Q5794" s="5" t="s">
        <v>897</v>
      </c>
      <c r="R5794" s="5" t="s">
        <v>40</v>
      </c>
      <c r="S5794" s="5" t="s">
        <v>42</v>
      </c>
      <c r="T5794" s="2">
        <v>84.027000000000001</v>
      </c>
      <c r="U5794" s="2">
        <v>78.626999999999995</v>
      </c>
      <c r="V5794" s="2">
        <v>0.32600000000000001</v>
      </c>
      <c r="W5794" s="2">
        <v>17</v>
      </c>
      <c r="X5794" s="2">
        <v>124.7</v>
      </c>
      <c r="Y5794" s="2">
        <v>153.6</v>
      </c>
      <c r="Z5794" s="5">
        <v>7</v>
      </c>
      <c r="AA5794" s="5" t="s">
        <v>43</v>
      </c>
      <c r="AB5794" s="5" t="s">
        <v>735</v>
      </c>
      <c r="AC5794" s="2" t="s">
        <v>101458</v>
      </c>
      <c r="AD5794" s="1"/>
    </row>
    <row r="5795" spans="1:30">
      <c r="A5795" s="5" t="s">
        <v>83578</v>
      </c>
      <c r="B5795" s="2" t="s">
        <v>101459</v>
      </c>
      <c r="C5795" s="14" t="s">
        <v>101460</v>
      </c>
      <c r="D5795" s="2" t="s">
        <v>101461</v>
      </c>
      <c r="E5795" s="2" t="s">
        <v>101462</v>
      </c>
      <c r="F5795" s="8">
        <v>1752</v>
      </c>
      <c r="G5795" s="5">
        <v>10</v>
      </c>
      <c r="H5795" s="5" t="s">
        <v>69</v>
      </c>
      <c r="I5795" s="5" t="s">
        <v>66625</v>
      </c>
      <c r="J5795" s="2" t="s">
        <v>66626</v>
      </c>
      <c r="K5795" s="5" t="s">
        <v>66625</v>
      </c>
      <c r="L5795" s="2" t="s">
        <v>66626</v>
      </c>
      <c r="M5795" s="5" t="s">
        <v>733</v>
      </c>
      <c r="N5795" s="5" t="s">
        <v>38</v>
      </c>
      <c r="O5795" s="5" t="s">
        <v>39</v>
      </c>
      <c r="P5795" s="5" t="s">
        <v>40</v>
      </c>
      <c r="Q5795" s="5" t="s">
        <v>897</v>
      </c>
      <c r="R5795" s="5" t="s">
        <v>40</v>
      </c>
      <c r="S5795" s="5" t="s">
        <v>42</v>
      </c>
      <c r="T5795" s="2">
        <v>74.543999999999997</v>
      </c>
      <c r="U5795" s="2">
        <v>69.120999999999995</v>
      </c>
      <c r="V5795" s="2">
        <v>0.32600000000000001</v>
      </c>
      <c r="W5795" s="2">
        <v>17</v>
      </c>
      <c r="X5795" s="2">
        <v>124.7</v>
      </c>
      <c r="Y5795" s="2">
        <v>153.6</v>
      </c>
      <c r="Z5795" s="5">
        <v>7</v>
      </c>
      <c r="AA5795" s="5" t="s">
        <v>43</v>
      </c>
      <c r="AB5795" s="5" t="s">
        <v>735</v>
      </c>
      <c r="AC5795" s="2" t="s">
        <v>101463</v>
      </c>
      <c r="AD5795" s="1"/>
    </row>
    <row r="5796" spans="1:30">
      <c r="A5796" s="5" t="s">
        <v>83578</v>
      </c>
      <c r="B5796" s="2" t="s">
        <v>101464</v>
      </c>
      <c r="C5796" s="14" t="s">
        <v>101465</v>
      </c>
      <c r="D5796" s="2" t="s">
        <v>101466</v>
      </c>
      <c r="E5796" s="2" t="s">
        <v>62592</v>
      </c>
      <c r="F5796" s="8">
        <v>2046</v>
      </c>
      <c r="G5796" s="5">
        <v>10</v>
      </c>
      <c r="H5796" s="5" t="s">
        <v>69</v>
      </c>
      <c r="I5796" s="5" t="s">
        <v>66625</v>
      </c>
      <c r="J5796" s="2" t="s">
        <v>66626</v>
      </c>
      <c r="K5796" s="5" t="s">
        <v>66625</v>
      </c>
      <c r="L5796" s="2" t="s">
        <v>66626</v>
      </c>
      <c r="M5796" s="5" t="s">
        <v>733</v>
      </c>
      <c r="N5796" s="5" t="s">
        <v>38</v>
      </c>
      <c r="O5796" s="5" t="s">
        <v>39</v>
      </c>
      <c r="P5796" s="5" t="s">
        <v>40</v>
      </c>
      <c r="Q5796" s="5" t="s">
        <v>897</v>
      </c>
      <c r="R5796" s="5" t="s">
        <v>40</v>
      </c>
      <c r="S5796" s="5" t="s">
        <v>42</v>
      </c>
      <c r="T5796" s="2">
        <v>66.358999999999995</v>
      </c>
      <c r="U5796" s="2">
        <v>62.078000000000003</v>
      </c>
      <c r="V5796" s="2">
        <v>0.23200000000000001</v>
      </c>
      <c r="W5796" s="2">
        <v>17</v>
      </c>
      <c r="X5796" s="2">
        <v>88.7</v>
      </c>
      <c r="Y5796" s="2">
        <v>153.6</v>
      </c>
      <c r="Z5796" s="5">
        <v>7</v>
      </c>
      <c r="AA5796" s="5" t="s">
        <v>43</v>
      </c>
      <c r="AB5796" s="5" t="s">
        <v>735</v>
      </c>
      <c r="AC5796" s="2" t="s">
        <v>101467</v>
      </c>
      <c r="AD5796" s="1"/>
    </row>
    <row r="5797" spans="1:30">
      <c r="A5797" s="5" t="s">
        <v>83578</v>
      </c>
      <c r="B5797" s="2" t="s">
        <v>101468</v>
      </c>
      <c r="C5797" s="14" t="s">
        <v>101469</v>
      </c>
      <c r="D5797" s="2" t="s">
        <v>101470</v>
      </c>
      <c r="E5797" s="2" t="s">
        <v>62611</v>
      </c>
      <c r="F5797" s="8">
        <v>1712</v>
      </c>
      <c r="G5797" s="5">
        <v>10</v>
      </c>
      <c r="H5797" s="5" t="s">
        <v>69</v>
      </c>
      <c r="I5797" s="5" t="s">
        <v>66625</v>
      </c>
      <c r="J5797" s="2" t="s">
        <v>66626</v>
      </c>
      <c r="K5797" s="5" t="s">
        <v>66625</v>
      </c>
      <c r="L5797" s="2" t="s">
        <v>66626</v>
      </c>
      <c r="M5797" s="5" t="s">
        <v>733</v>
      </c>
      <c r="N5797" s="5" t="s">
        <v>38</v>
      </c>
      <c r="O5797" s="5" t="s">
        <v>39</v>
      </c>
      <c r="P5797" s="5" t="s">
        <v>40</v>
      </c>
      <c r="Q5797" s="5" t="s">
        <v>897</v>
      </c>
      <c r="R5797" s="5" t="s">
        <v>40</v>
      </c>
      <c r="S5797" s="5" t="s">
        <v>42</v>
      </c>
      <c r="T5797" s="2">
        <v>59.744999999999997</v>
      </c>
      <c r="U5797" s="2">
        <v>55.441000000000003</v>
      </c>
      <c r="V5797" s="2">
        <v>0.23200000000000001</v>
      </c>
      <c r="W5797" s="2">
        <v>17</v>
      </c>
      <c r="X5797" s="2">
        <v>88.7</v>
      </c>
      <c r="Y5797" s="2">
        <v>153.6</v>
      </c>
      <c r="Z5797" s="5">
        <v>7</v>
      </c>
      <c r="AA5797" s="5" t="s">
        <v>43</v>
      </c>
      <c r="AB5797" s="5" t="s">
        <v>735</v>
      </c>
      <c r="AC5797" s="2" t="s">
        <v>101471</v>
      </c>
      <c r="AD5797" s="1"/>
    </row>
    <row r="5798" spans="1:30">
      <c r="A5798" s="5" t="s">
        <v>83578</v>
      </c>
      <c r="B5798" s="2" t="s">
        <v>101472</v>
      </c>
      <c r="C5798" s="14" t="s">
        <v>101473</v>
      </c>
      <c r="D5798" s="2" t="s">
        <v>101474</v>
      </c>
      <c r="E5798" s="2" t="s">
        <v>62648</v>
      </c>
      <c r="F5798" s="8">
        <v>2046</v>
      </c>
      <c r="G5798" s="5">
        <v>10</v>
      </c>
      <c r="H5798" s="5" t="s">
        <v>69</v>
      </c>
      <c r="I5798" s="5" t="s">
        <v>66625</v>
      </c>
      <c r="J5798" s="2" t="s">
        <v>66626</v>
      </c>
      <c r="K5798" s="5" t="s">
        <v>66625</v>
      </c>
      <c r="L5798" s="2" t="s">
        <v>66626</v>
      </c>
      <c r="M5798" s="5" t="s">
        <v>733</v>
      </c>
      <c r="N5798" s="5" t="s">
        <v>38</v>
      </c>
      <c r="O5798" s="5" t="s">
        <v>39</v>
      </c>
      <c r="P5798" s="5" t="s">
        <v>40</v>
      </c>
      <c r="Q5798" s="5" t="s">
        <v>897</v>
      </c>
      <c r="R5798" s="5" t="s">
        <v>40</v>
      </c>
      <c r="S5798" s="5" t="s">
        <v>42</v>
      </c>
      <c r="T5798" s="2">
        <v>65.143000000000001</v>
      </c>
      <c r="U5798" s="2">
        <v>60.862000000000002</v>
      </c>
      <c r="V5798" s="2">
        <v>0.23200000000000001</v>
      </c>
      <c r="W5798" s="2">
        <v>17</v>
      </c>
      <c r="X5798" s="2">
        <v>88.7</v>
      </c>
      <c r="Y5798" s="2">
        <v>153.6</v>
      </c>
      <c r="Z5798" s="5">
        <v>7</v>
      </c>
      <c r="AA5798" s="5" t="s">
        <v>43</v>
      </c>
      <c r="AB5798" s="5" t="s">
        <v>735</v>
      </c>
      <c r="AC5798" s="2" t="s">
        <v>101475</v>
      </c>
      <c r="AD5798" s="1"/>
    </row>
    <row r="5799" spans="1:30">
      <c r="A5799" s="5" t="s">
        <v>83578</v>
      </c>
      <c r="B5799" s="2" t="s">
        <v>101476</v>
      </c>
      <c r="C5799" s="14" t="s">
        <v>101477</v>
      </c>
      <c r="D5799" s="2" t="s">
        <v>101478</v>
      </c>
      <c r="E5799" s="2" t="s">
        <v>62662</v>
      </c>
      <c r="F5799" s="8">
        <v>1712</v>
      </c>
      <c r="G5799" s="5">
        <v>10</v>
      </c>
      <c r="H5799" s="5" t="s">
        <v>69</v>
      </c>
      <c r="I5799" s="5" t="s">
        <v>66625</v>
      </c>
      <c r="J5799" s="2" t="s">
        <v>66626</v>
      </c>
      <c r="K5799" s="5" t="s">
        <v>66625</v>
      </c>
      <c r="L5799" s="2" t="s">
        <v>66626</v>
      </c>
      <c r="M5799" s="5" t="s">
        <v>733</v>
      </c>
      <c r="N5799" s="5" t="s">
        <v>38</v>
      </c>
      <c r="O5799" s="5" t="s">
        <v>39</v>
      </c>
      <c r="P5799" s="5" t="s">
        <v>40</v>
      </c>
      <c r="Q5799" s="5" t="s">
        <v>897</v>
      </c>
      <c r="R5799" s="5" t="s">
        <v>40</v>
      </c>
      <c r="S5799" s="5" t="s">
        <v>42</v>
      </c>
      <c r="T5799" s="2">
        <v>58.527000000000001</v>
      </c>
      <c r="U5799" s="2">
        <v>54.222999999999999</v>
      </c>
      <c r="V5799" s="2">
        <v>0.23200000000000001</v>
      </c>
      <c r="W5799" s="2">
        <v>17</v>
      </c>
      <c r="X5799" s="2">
        <v>88.7</v>
      </c>
      <c r="Y5799" s="2">
        <v>153.6</v>
      </c>
      <c r="Z5799" s="5">
        <v>7</v>
      </c>
      <c r="AA5799" s="5" t="s">
        <v>43</v>
      </c>
      <c r="AB5799" s="5" t="s">
        <v>735</v>
      </c>
      <c r="AC5799" s="2" t="s">
        <v>101479</v>
      </c>
      <c r="AD5799" s="1"/>
    </row>
    <row r="5800" spans="1:30">
      <c r="A5800" s="5" t="s">
        <v>83578</v>
      </c>
      <c r="B5800" s="2" t="s">
        <v>101480</v>
      </c>
      <c r="C5800" s="14" t="s">
        <v>101481</v>
      </c>
      <c r="D5800" s="2" t="s">
        <v>101482</v>
      </c>
      <c r="E5800" s="2" t="s">
        <v>66513</v>
      </c>
      <c r="F5800" s="8">
        <v>2394</v>
      </c>
      <c r="G5800" s="5">
        <v>10</v>
      </c>
      <c r="H5800" s="5" t="s">
        <v>69</v>
      </c>
      <c r="I5800" s="5" t="s">
        <v>66625</v>
      </c>
      <c r="J5800" s="2" t="s">
        <v>66626</v>
      </c>
      <c r="K5800" s="5" t="s">
        <v>66625</v>
      </c>
      <c r="L5800" s="2" t="s">
        <v>66626</v>
      </c>
      <c r="M5800" s="5" t="s">
        <v>733</v>
      </c>
      <c r="N5800" s="5" t="s">
        <v>38</v>
      </c>
      <c r="O5800" s="5" t="s">
        <v>39</v>
      </c>
      <c r="P5800" s="5" t="s">
        <v>40</v>
      </c>
      <c r="Q5800" s="5" t="s">
        <v>897</v>
      </c>
      <c r="R5800" s="5" t="s">
        <v>40</v>
      </c>
      <c r="S5800" s="5" t="s">
        <v>42</v>
      </c>
      <c r="T5800" s="2">
        <v>90.561999999999998</v>
      </c>
      <c r="U5800" s="2">
        <v>85.194000000000003</v>
      </c>
      <c r="V5800" s="2">
        <v>0.32600000000000001</v>
      </c>
      <c r="W5800" s="2">
        <v>17</v>
      </c>
      <c r="X5800" s="2">
        <v>124.7</v>
      </c>
      <c r="Y5800" s="2">
        <v>153.6</v>
      </c>
      <c r="Z5800" s="5">
        <v>7</v>
      </c>
      <c r="AA5800" s="5" t="s">
        <v>43</v>
      </c>
      <c r="AB5800" s="5" t="s">
        <v>735</v>
      </c>
      <c r="AC5800" s="2" t="s">
        <v>101483</v>
      </c>
      <c r="AD5800" s="1"/>
    </row>
    <row r="5801" spans="1:30">
      <c r="A5801" s="5" t="s">
        <v>83578</v>
      </c>
      <c r="B5801" s="2" t="s">
        <v>101484</v>
      </c>
      <c r="C5801" s="14" t="s">
        <v>101485</v>
      </c>
      <c r="D5801" s="2" t="s">
        <v>101486</v>
      </c>
      <c r="E5801" s="2" t="s">
        <v>63689</v>
      </c>
      <c r="F5801" s="8">
        <v>1907</v>
      </c>
      <c r="G5801" s="5">
        <v>10</v>
      </c>
      <c r="H5801" s="5" t="s">
        <v>69</v>
      </c>
      <c r="I5801" s="5" t="s">
        <v>66625</v>
      </c>
      <c r="J5801" s="2" t="s">
        <v>66626</v>
      </c>
      <c r="K5801" s="5" t="s">
        <v>66625</v>
      </c>
      <c r="L5801" s="2" t="s">
        <v>66626</v>
      </c>
      <c r="M5801" s="5" t="s">
        <v>733</v>
      </c>
      <c r="N5801" s="5" t="s">
        <v>38</v>
      </c>
      <c r="O5801" s="5" t="s">
        <v>39</v>
      </c>
      <c r="P5801" s="5" t="s">
        <v>40</v>
      </c>
      <c r="Q5801" s="5" t="s">
        <v>897</v>
      </c>
      <c r="R5801" s="5" t="s">
        <v>40</v>
      </c>
      <c r="S5801" s="5" t="s">
        <v>42</v>
      </c>
      <c r="T5801" s="2">
        <v>80.415999999999997</v>
      </c>
      <c r="U5801" s="2">
        <v>75.025000000000006</v>
      </c>
      <c r="V5801" s="2">
        <v>0.32600000000000001</v>
      </c>
      <c r="W5801" s="2">
        <v>17</v>
      </c>
      <c r="X5801" s="2">
        <v>124.7</v>
      </c>
      <c r="Y5801" s="2">
        <v>153.6</v>
      </c>
      <c r="Z5801" s="5">
        <v>7</v>
      </c>
      <c r="AA5801" s="5" t="s">
        <v>43</v>
      </c>
      <c r="AB5801" s="5" t="s">
        <v>735</v>
      </c>
      <c r="AC5801" s="2" t="s">
        <v>101487</v>
      </c>
      <c r="AD5801" s="1"/>
    </row>
    <row r="5802" spans="1:30">
      <c r="A5802" s="5" t="s">
        <v>83578</v>
      </c>
      <c r="B5802" s="2" t="s">
        <v>101488</v>
      </c>
      <c r="C5802" s="14" t="s">
        <v>101489</v>
      </c>
      <c r="D5802" s="2" t="s">
        <v>101490</v>
      </c>
      <c r="E5802" s="2" t="s">
        <v>63723</v>
      </c>
      <c r="F5802" s="8">
        <v>2394</v>
      </c>
      <c r="G5802" s="5">
        <v>10</v>
      </c>
      <c r="H5802" s="5" t="s">
        <v>69</v>
      </c>
      <c r="I5802" s="5" t="s">
        <v>66625</v>
      </c>
      <c r="J5802" s="2" t="s">
        <v>66626</v>
      </c>
      <c r="K5802" s="5" t="s">
        <v>66625</v>
      </c>
      <c r="L5802" s="2" t="s">
        <v>66626</v>
      </c>
      <c r="M5802" s="5" t="s">
        <v>733</v>
      </c>
      <c r="N5802" s="5" t="s">
        <v>38</v>
      </c>
      <c r="O5802" s="5" t="s">
        <v>39</v>
      </c>
      <c r="P5802" s="5" t="s">
        <v>40</v>
      </c>
      <c r="Q5802" s="5" t="s">
        <v>897</v>
      </c>
      <c r="R5802" s="5" t="s">
        <v>40</v>
      </c>
      <c r="S5802" s="5" t="s">
        <v>42</v>
      </c>
      <c r="T5802" s="2">
        <v>88.507000000000005</v>
      </c>
      <c r="U5802" s="2">
        <v>83.138999999999996</v>
      </c>
      <c r="V5802" s="2">
        <v>0.32600000000000001</v>
      </c>
      <c r="W5802" s="2">
        <v>17</v>
      </c>
      <c r="X5802" s="2">
        <v>124.7</v>
      </c>
      <c r="Y5802" s="2">
        <v>153.6</v>
      </c>
      <c r="Z5802" s="5">
        <v>7</v>
      </c>
      <c r="AA5802" s="5" t="s">
        <v>43</v>
      </c>
      <c r="AB5802" s="5" t="s">
        <v>735</v>
      </c>
      <c r="AC5802" s="2" t="s">
        <v>101491</v>
      </c>
      <c r="AD5802" s="1"/>
    </row>
    <row r="5803" spans="1:30">
      <c r="A5803" s="5" t="s">
        <v>83578</v>
      </c>
      <c r="B5803" s="2" t="s">
        <v>101492</v>
      </c>
      <c r="C5803" s="14" t="s">
        <v>101493</v>
      </c>
      <c r="D5803" s="2" t="s">
        <v>101494</v>
      </c>
      <c r="E5803" s="2" t="s">
        <v>63733</v>
      </c>
      <c r="F5803" s="8">
        <v>1907</v>
      </c>
      <c r="G5803" s="5">
        <v>10</v>
      </c>
      <c r="H5803" s="5" t="s">
        <v>69</v>
      </c>
      <c r="I5803" s="5" t="s">
        <v>66625</v>
      </c>
      <c r="J5803" s="2" t="s">
        <v>66626</v>
      </c>
      <c r="K5803" s="5" t="s">
        <v>66625</v>
      </c>
      <c r="L5803" s="2" t="s">
        <v>66626</v>
      </c>
      <c r="M5803" s="5" t="s">
        <v>733</v>
      </c>
      <c r="N5803" s="5" t="s">
        <v>38</v>
      </c>
      <c r="O5803" s="5" t="s">
        <v>39</v>
      </c>
      <c r="P5803" s="5" t="s">
        <v>40</v>
      </c>
      <c r="Q5803" s="5" t="s">
        <v>897</v>
      </c>
      <c r="R5803" s="5" t="s">
        <v>40</v>
      </c>
      <c r="S5803" s="5" t="s">
        <v>42</v>
      </c>
      <c r="T5803" s="2">
        <v>78.998999999999995</v>
      </c>
      <c r="U5803" s="2">
        <v>73.608000000000004</v>
      </c>
      <c r="V5803" s="2">
        <v>0.32600000000000001</v>
      </c>
      <c r="W5803" s="2">
        <v>17</v>
      </c>
      <c r="X5803" s="2">
        <v>124.7</v>
      </c>
      <c r="Y5803" s="2">
        <v>153.6</v>
      </c>
      <c r="Z5803" s="5">
        <v>7</v>
      </c>
      <c r="AA5803" s="5" t="s">
        <v>43</v>
      </c>
      <c r="AB5803" s="5" t="s">
        <v>735</v>
      </c>
      <c r="AC5803" s="2" t="s">
        <v>101495</v>
      </c>
      <c r="AD5803" s="1"/>
    </row>
    <row r="5804" spans="1:30">
      <c r="A5804" s="5" t="s">
        <v>83578</v>
      </c>
      <c r="B5804" s="2" t="s">
        <v>101496</v>
      </c>
      <c r="C5804" s="14" t="s">
        <v>101497</v>
      </c>
      <c r="D5804" s="2" t="s">
        <v>101498</v>
      </c>
      <c r="E5804" s="2" t="s">
        <v>101499</v>
      </c>
      <c r="F5804" s="8">
        <v>1442</v>
      </c>
      <c r="G5804" s="5">
        <v>10</v>
      </c>
      <c r="H5804" s="5" t="s">
        <v>69</v>
      </c>
      <c r="I5804" s="5" t="s">
        <v>66625</v>
      </c>
      <c r="J5804" s="2" t="s">
        <v>66626</v>
      </c>
      <c r="K5804" s="5" t="s">
        <v>66625</v>
      </c>
      <c r="L5804" s="2" t="s">
        <v>66626</v>
      </c>
      <c r="M5804" s="5" t="s">
        <v>733</v>
      </c>
      <c r="N5804" s="5" t="s">
        <v>38</v>
      </c>
      <c r="O5804" s="5" t="s">
        <v>39</v>
      </c>
      <c r="P5804" s="5" t="s">
        <v>40</v>
      </c>
      <c r="Q5804" s="5" t="s">
        <v>897</v>
      </c>
      <c r="R5804" s="5" t="s">
        <v>40</v>
      </c>
      <c r="S5804" s="5" t="s">
        <v>42</v>
      </c>
      <c r="T5804" s="2">
        <v>42.304000000000002</v>
      </c>
      <c r="U5804" s="2">
        <v>39.552999999999997</v>
      </c>
      <c r="V5804" s="2">
        <v>0.154</v>
      </c>
      <c r="W5804" s="2">
        <v>17</v>
      </c>
      <c r="X5804" s="2">
        <v>68.7</v>
      </c>
      <c r="Y5804" s="2">
        <v>131.6</v>
      </c>
      <c r="Z5804" s="5">
        <v>7</v>
      </c>
      <c r="AA5804" s="5" t="s">
        <v>43</v>
      </c>
      <c r="AB5804" s="5" t="s">
        <v>735</v>
      </c>
      <c r="AC5804" s="2" t="s">
        <v>101500</v>
      </c>
      <c r="AD5804" s="1"/>
    </row>
    <row r="5805" spans="1:30">
      <c r="A5805" s="5" t="s">
        <v>83578</v>
      </c>
      <c r="B5805" s="2" t="s">
        <v>101501</v>
      </c>
      <c r="C5805" s="14" t="s">
        <v>101502</v>
      </c>
      <c r="D5805" s="2" t="s">
        <v>101503</v>
      </c>
      <c r="E5805" s="2" t="s">
        <v>101504</v>
      </c>
      <c r="F5805" s="8">
        <v>1196</v>
      </c>
      <c r="G5805" s="5">
        <v>10</v>
      </c>
      <c r="H5805" s="5" t="s">
        <v>69</v>
      </c>
      <c r="I5805" s="5" t="s">
        <v>66625</v>
      </c>
      <c r="J5805" s="2" t="s">
        <v>66626</v>
      </c>
      <c r="K5805" s="5" t="s">
        <v>66625</v>
      </c>
      <c r="L5805" s="2" t="s">
        <v>66626</v>
      </c>
      <c r="M5805" s="5" t="s">
        <v>733</v>
      </c>
      <c r="N5805" s="5" t="s">
        <v>38</v>
      </c>
      <c r="O5805" s="5" t="s">
        <v>39</v>
      </c>
      <c r="P5805" s="5" t="s">
        <v>40</v>
      </c>
      <c r="Q5805" s="5" t="s">
        <v>897</v>
      </c>
      <c r="R5805" s="5" t="s">
        <v>40</v>
      </c>
      <c r="S5805" s="5" t="s">
        <v>42</v>
      </c>
      <c r="T5805" s="2">
        <v>37.771000000000001</v>
      </c>
      <c r="U5805" s="2">
        <v>35.020000000000003</v>
      </c>
      <c r="V5805" s="2">
        <v>0.154</v>
      </c>
      <c r="W5805" s="2">
        <v>17</v>
      </c>
      <c r="X5805" s="2">
        <v>68.7</v>
      </c>
      <c r="Y5805" s="2">
        <v>131.6</v>
      </c>
      <c r="Z5805" s="5">
        <v>7</v>
      </c>
      <c r="AA5805" s="5" t="s">
        <v>43</v>
      </c>
      <c r="AB5805" s="5" t="s">
        <v>735</v>
      </c>
      <c r="AC5805" s="2" t="s">
        <v>101505</v>
      </c>
      <c r="AD5805" s="1"/>
    </row>
    <row r="5806" spans="1:30">
      <c r="A5806" s="5" t="s">
        <v>83578</v>
      </c>
      <c r="B5806" s="2" t="s">
        <v>101506</v>
      </c>
      <c r="C5806" s="14" t="s">
        <v>101507</v>
      </c>
      <c r="D5806" s="2" t="s">
        <v>101508</v>
      </c>
      <c r="E5806" s="2" t="s">
        <v>101509</v>
      </c>
      <c r="F5806" s="8">
        <v>1442</v>
      </c>
      <c r="G5806" s="5">
        <v>10</v>
      </c>
      <c r="H5806" s="5" t="s">
        <v>69</v>
      </c>
      <c r="I5806" s="5" t="s">
        <v>66625</v>
      </c>
      <c r="J5806" s="2" t="s">
        <v>66626</v>
      </c>
      <c r="K5806" s="5" t="s">
        <v>66625</v>
      </c>
      <c r="L5806" s="2" t="s">
        <v>66626</v>
      </c>
      <c r="M5806" s="5" t="s">
        <v>733</v>
      </c>
      <c r="N5806" s="5" t="s">
        <v>38</v>
      </c>
      <c r="O5806" s="5" t="s">
        <v>39</v>
      </c>
      <c r="P5806" s="5" t="s">
        <v>40</v>
      </c>
      <c r="Q5806" s="5" t="s">
        <v>897</v>
      </c>
      <c r="R5806" s="5" t="s">
        <v>40</v>
      </c>
      <c r="S5806" s="5" t="s">
        <v>42</v>
      </c>
      <c r="T5806" s="2">
        <v>42.151000000000003</v>
      </c>
      <c r="U5806" s="2">
        <v>39.4</v>
      </c>
      <c r="V5806" s="2">
        <v>0.154</v>
      </c>
      <c r="W5806" s="2">
        <v>17</v>
      </c>
      <c r="X5806" s="2">
        <v>68.7</v>
      </c>
      <c r="Y5806" s="2">
        <v>131.6</v>
      </c>
      <c r="Z5806" s="5">
        <v>7</v>
      </c>
      <c r="AA5806" s="5" t="s">
        <v>43</v>
      </c>
      <c r="AB5806" s="5" t="s">
        <v>735</v>
      </c>
      <c r="AC5806" s="2" t="s">
        <v>101510</v>
      </c>
      <c r="AD5806" s="1"/>
    </row>
    <row r="5807" spans="1:30">
      <c r="A5807" s="5" t="s">
        <v>83578</v>
      </c>
      <c r="B5807" s="2" t="s">
        <v>101511</v>
      </c>
      <c r="C5807" s="14" t="s">
        <v>101512</v>
      </c>
      <c r="D5807" s="2" t="s">
        <v>101513</v>
      </c>
      <c r="E5807" s="2" t="s">
        <v>101514</v>
      </c>
      <c r="F5807" s="8">
        <v>1196</v>
      </c>
      <c r="G5807" s="5">
        <v>10</v>
      </c>
      <c r="H5807" s="5" t="s">
        <v>69</v>
      </c>
      <c r="I5807" s="5" t="s">
        <v>66625</v>
      </c>
      <c r="J5807" s="2" t="s">
        <v>66626</v>
      </c>
      <c r="K5807" s="5" t="s">
        <v>66625</v>
      </c>
      <c r="L5807" s="2" t="s">
        <v>66626</v>
      </c>
      <c r="M5807" s="5" t="s">
        <v>733</v>
      </c>
      <c r="N5807" s="5" t="s">
        <v>38</v>
      </c>
      <c r="O5807" s="5" t="s">
        <v>39</v>
      </c>
      <c r="P5807" s="5" t="s">
        <v>40</v>
      </c>
      <c r="Q5807" s="5" t="s">
        <v>897</v>
      </c>
      <c r="R5807" s="5" t="s">
        <v>40</v>
      </c>
      <c r="S5807" s="5" t="s">
        <v>42</v>
      </c>
      <c r="T5807" s="2">
        <v>37.618000000000002</v>
      </c>
      <c r="U5807" s="2">
        <v>34.866999999999997</v>
      </c>
      <c r="V5807" s="2">
        <v>0.154</v>
      </c>
      <c r="W5807" s="2">
        <v>17</v>
      </c>
      <c r="X5807" s="2">
        <v>68.7</v>
      </c>
      <c r="Y5807" s="2">
        <v>131.6</v>
      </c>
      <c r="Z5807" s="5">
        <v>7</v>
      </c>
      <c r="AA5807" s="5" t="s">
        <v>43</v>
      </c>
      <c r="AB5807" s="5" t="s">
        <v>735</v>
      </c>
      <c r="AC5807" s="2" t="s">
        <v>101515</v>
      </c>
      <c r="AD5807" s="1"/>
    </row>
    <row r="5808" spans="1:30">
      <c r="A5808" s="5" t="s">
        <v>83578</v>
      </c>
      <c r="B5808" s="2" t="s">
        <v>101516</v>
      </c>
      <c r="C5808" s="14" t="s">
        <v>101517</v>
      </c>
      <c r="D5808" s="2" t="s">
        <v>101518</v>
      </c>
      <c r="E5808" s="2" t="s">
        <v>101499</v>
      </c>
      <c r="F5808" s="8">
        <v>1442</v>
      </c>
      <c r="G5808" s="5">
        <v>10</v>
      </c>
      <c r="H5808" s="5" t="s">
        <v>69</v>
      </c>
      <c r="I5808" s="5" t="s">
        <v>66625</v>
      </c>
      <c r="J5808" s="2" t="s">
        <v>66626</v>
      </c>
      <c r="K5808" s="5" t="s">
        <v>66625</v>
      </c>
      <c r="L5808" s="2" t="s">
        <v>66626</v>
      </c>
      <c r="M5808" s="5" t="s">
        <v>733</v>
      </c>
      <c r="N5808" s="5" t="s">
        <v>38</v>
      </c>
      <c r="O5808" s="5" t="s">
        <v>39</v>
      </c>
      <c r="P5808" s="5" t="s">
        <v>40</v>
      </c>
      <c r="Q5808" s="5" t="s">
        <v>897</v>
      </c>
      <c r="R5808" s="5" t="s">
        <v>40</v>
      </c>
      <c r="S5808" s="5" t="s">
        <v>42</v>
      </c>
      <c r="T5808" s="2">
        <v>42.290999999999997</v>
      </c>
      <c r="U5808" s="2">
        <v>39.54</v>
      </c>
      <c r="V5808" s="2">
        <v>0.154</v>
      </c>
      <c r="W5808" s="2">
        <v>17</v>
      </c>
      <c r="X5808" s="2">
        <v>68.7</v>
      </c>
      <c r="Y5808" s="2">
        <v>131.6</v>
      </c>
      <c r="Z5808" s="5"/>
      <c r="AA5808" s="5" t="s">
        <v>43</v>
      </c>
      <c r="AB5808" s="5" t="s">
        <v>735</v>
      </c>
      <c r="AC5808" s="2" t="s">
        <v>101519</v>
      </c>
      <c r="AD5808" s="1"/>
    </row>
    <row r="5809" spans="1:30">
      <c r="A5809" s="5" t="s">
        <v>83578</v>
      </c>
      <c r="B5809" s="2" t="s">
        <v>101520</v>
      </c>
      <c r="C5809" s="14" t="s">
        <v>101521</v>
      </c>
      <c r="D5809" s="2" t="s">
        <v>101522</v>
      </c>
      <c r="E5809" s="2" t="s">
        <v>101504</v>
      </c>
      <c r="F5809" s="8">
        <v>1196</v>
      </c>
      <c r="G5809" s="5">
        <v>10</v>
      </c>
      <c r="H5809" s="5" t="s">
        <v>69</v>
      </c>
      <c r="I5809" s="5" t="s">
        <v>66625</v>
      </c>
      <c r="J5809" s="2" t="s">
        <v>66626</v>
      </c>
      <c r="K5809" s="5" t="s">
        <v>66625</v>
      </c>
      <c r="L5809" s="2" t="s">
        <v>66626</v>
      </c>
      <c r="M5809" s="5" t="s">
        <v>733</v>
      </c>
      <c r="N5809" s="5" t="s">
        <v>38</v>
      </c>
      <c r="O5809" s="5" t="s">
        <v>39</v>
      </c>
      <c r="P5809" s="5" t="s">
        <v>40</v>
      </c>
      <c r="Q5809" s="5" t="s">
        <v>897</v>
      </c>
      <c r="R5809" s="5" t="s">
        <v>40</v>
      </c>
      <c r="S5809" s="5" t="s">
        <v>42</v>
      </c>
      <c r="T5809" s="2">
        <v>37.756999999999998</v>
      </c>
      <c r="U5809" s="2">
        <v>35.006</v>
      </c>
      <c r="V5809" s="2">
        <v>0.154</v>
      </c>
      <c r="W5809" s="2">
        <v>17</v>
      </c>
      <c r="X5809" s="2">
        <v>68.7</v>
      </c>
      <c r="Y5809" s="2">
        <v>131.6</v>
      </c>
      <c r="Z5809" s="5"/>
      <c r="AA5809" s="5" t="s">
        <v>43</v>
      </c>
      <c r="AB5809" s="5" t="s">
        <v>735</v>
      </c>
      <c r="AC5809" s="2" t="s">
        <v>101523</v>
      </c>
      <c r="AD5809" s="1"/>
    </row>
    <row r="5810" spans="1:30">
      <c r="A5810" s="5" t="s">
        <v>83578</v>
      </c>
      <c r="B5810" s="2" t="s">
        <v>101524</v>
      </c>
      <c r="C5810" s="14" t="s">
        <v>101525</v>
      </c>
      <c r="D5810" s="2" t="s">
        <v>101526</v>
      </c>
      <c r="E5810" s="2" t="s">
        <v>101509</v>
      </c>
      <c r="F5810" s="8">
        <v>1442</v>
      </c>
      <c r="G5810" s="5">
        <v>10</v>
      </c>
      <c r="H5810" s="5" t="s">
        <v>69</v>
      </c>
      <c r="I5810" s="5" t="s">
        <v>66625</v>
      </c>
      <c r="J5810" s="2" t="s">
        <v>66626</v>
      </c>
      <c r="K5810" s="5" t="s">
        <v>66625</v>
      </c>
      <c r="L5810" s="2" t="s">
        <v>66626</v>
      </c>
      <c r="M5810" s="5" t="s">
        <v>733</v>
      </c>
      <c r="N5810" s="5" t="s">
        <v>38</v>
      </c>
      <c r="O5810" s="5" t="s">
        <v>39</v>
      </c>
      <c r="P5810" s="5" t="s">
        <v>40</v>
      </c>
      <c r="Q5810" s="5" t="s">
        <v>897</v>
      </c>
      <c r="R5810" s="5" t="s">
        <v>40</v>
      </c>
      <c r="S5810" s="5" t="s">
        <v>42</v>
      </c>
      <c r="T5810" s="2">
        <v>42.151000000000003</v>
      </c>
      <c r="U5810" s="2">
        <v>39.4</v>
      </c>
      <c r="V5810" s="2">
        <v>0.154</v>
      </c>
      <c r="W5810" s="2">
        <v>17</v>
      </c>
      <c r="X5810" s="2">
        <v>68.7</v>
      </c>
      <c r="Y5810" s="2">
        <v>131.6</v>
      </c>
      <c r="Z5810" s="5"/>
      <c r="AA5810" s="5" t="s">
        <v>43</v>
      </c>
      <c r="AB5810" s="5" t="s">
        <v>735</v>
      </c>
      <c r="AC5810" s="2" t="s">
        <v>101527</v>
      </c>
      <c r="AD5810" s="1"/>
    </row>
    <row r="5811" spans="1:30">
      <c r="A5811" s="5" t="s">
        <v>83578</v>
      </c>
      <c r="B5811" s="2" t="s">
        <v>101528</v>
      </c>
      <c r="C5811" s="14" t="s">
        <v>101529</v>
      </c>
      <c r="D5811" s="2" t="s">
        <v>101530</v>
      </c>
      <c r="E5811" s="2" t="s">
        <v>101514</v>
      </c>
      <c r="F5811" s="8">
        <v>1196</v>
      </c>
      <c r="G5811" s="5">
        <v>10</v>
      </c>
      <c r="H5811" s="5" t="s">
        <v>69</v>
      </c>
      <c r="I5811" s="5" t="s">
        <v>66625</v>
      </c>
      <c r="J5811" s="2" t="s">
        <v>66626</v>
      </c>
      <c r="K5811" s="5" t="s">
        <v>66625</v>
      </c>
      <c r="L5811" s="2" t="s">
        <v>66626</v>
      </c>
      <c r="M5811" s="5" t="s">
        <v>733</v>
      </c>
      <c r="N5811" s="5" t="s">
        <v>38</v>
      </c>
      <c r="O5811" s="5" t="s">
        <v>39</v>
      </c>
      <c r="P5811" s="5" t="s">
        <v>40</v>
      </c>
      <c r="Q5811" s="5" t="s">
        <v>897</v>
      </c>
      <c r="R5811" s="5" t="s">
        <v>40</v>
      </c>
      <c r="S5811" s="5" t="s">
        <v>42</v>
      </c>
      <c r="T5811" s="2">
        <v>37.616999999999997</v>
      </c>
      <c r="U5811" s="2">
        <v>34.866</v>
      </c>
      <c r="V5811" s="2">
        <v>0.154</v>
      </c>
      <c r="W5811" s="2">
        <v>17</v>
      </c>
      <c r="X5811" s="2">
        <v>68.7</v>
      </c>
      <c r="Y5811" s="2">
        <v>131.6</v>
      </c>
      <c r="Z5811" s="5"/>
      <c r="AA5811" s="5" t="s">
        <v>43</v>
      </c>
      <c r="AB5811" s="5" t="s">
        <v>735</v>
      </c>
      <c r="AC5811" s="2" t="s">
        <v>101531</v>
      </c>
      <c r="AD5811" s="1"/>
    </row>
    <row r="5812" spans="1:30">
      <c r="A5812" s="5" t="s">
        <v>83578</v>
      </c>
      <c r="B5812" s="2" t="s">
        <v>101532</v>
      </c>
      <c r="C5812" s="14" t="s">
        <v>101533</v>
      </c>
      <c r="D5812" s="2" t="s">
        <v>101534</v>
      </c>
      <c r="E5812" s="2" t="s">
        <v>101535</v>
      </c>
      <c r="F5812" s="8">
        <v>1361</v>
      </c>
      <c r="G5812" s="5">
        <v>5</v>
      </c>
      <c r="H5812" s="5" t="s">
        <v>69</v>
      </c>
      <c r="I5812" s="5" t="s">
        <v>66625</v>
      </c>
      <c r="J5812" s="2" t="s">
        <v>66626</v>
      </c>
      <c r="K5812" s="5" t="s">
        <v>66625</v>
      </c>
      <c r="L5812" s="2" t="s">
        <v>66626</v>
      </c>
      <c r="M5812" s="5" t="s">
        <v>733</v>
      </c>
      <c r="N5812" s="5" t="s">
        <v>38</v>
      </c>
      <c r="O5812" s="5" t="s">
        <v>39</v>
      </c>
      <c r="P5812" s="5" t="s">
        <v>40</v>
      </c>
      <c r="Q5812" s="5" t="s">
        <v>897</v>
      </c>
      <c r="R5812" s="5" t="s">
        <v>40</v>
      </c>
      <c r="S5812" s="5" t="s">
        <v>42</v>
      </c>
      <c r="T5812" s="2">
        <v>41.094000000000001</v>
      </c>
      <c r="U5812" s="2">
        <v>38.093000000000004</v>
      </c>
      <c r="V5812" s="2">
        <v>0.151</v>
      </c>
      <c r="W5812" s="2">
        <v>17</v>
      </c>
      <c r="X5812" s="2">
        <v>67.7</v>
      </c>
      <c r="Y5812" s="2">
        <v>131.6</v>
      </c>
      <c r="Z5812" s="5">
        <v>7</v>
      </c>
      <c r="AA5812" s="5" t="s">
        <v>43</v>
      </c>
      <c r="AB5812" s="5" t="s">
        <v>735</v>
      </c>
      <c r="AC5812" s="2" t="s">
        <v>101536</v>
      </c>
      <c r="AD5812" s="1"/>
    </row>
    <row r="5813" spans="1:30">
      <c r="A5813" s="5" t="s">
        <v>83578</v>
      </c>
      <c r="B5813" s="2" t="s">
        <v>101537</v>
      </c>
      <c r="C5813" s="14" t="s">
        <v>101538</v>
      </c>
      <c r="D5813" s="2" t="s">
        <v>101539</v>
      </c>
      <c r="E5813" s="2" t="s">
        <v>101540</v>
      </c>
      <c r="F5813" s="8">
        <v>1461</v>
      </c>
      <c r="G5813" s="5">
        <v>5</v>
      </c>
      <c r="H5813" s="5" t="s">
        <v>69</v>
      </c>
      <c r="I5813" s="5" t="s">
        <v>66625</v>
      </c>
      <c r="J5813" s="2" t="s">
        <v>66626</v>
      </c>
      <c r="K5813" s="5" t="s">
        <v>66625</v>
      </c>
      <c r="L5813" s="2" t="s">
        <v>66626</v>
      </c>
      <c r="M5813" s="5" t="s">
        <v>733</v>
      </c>
      <c r="N5813" s="5" t="s">
        <v>38</v>
      </c>
      <c r="O5813" s="5" t="s">
        <v>39</v>
      </c>
      <c r="P5813" s="5" t="s">
        <v>40</v>
      </c>
      <c r="Q5813" s="5" t="s">
        <v>897</v>
      </c>
      <c r="R5813" s="5" t="s">
        <v>40</v>
      </c>
      <c r="S5813" s="5" t="s">
        <v>42</v>
      </c>
      <c r="T5813" s="2">
        <v>47.139000000000003</v>
      </c>
      <c r="U5813" s="2">
        <v>43.835000000000001</v>
      </c>
      <c r="V5813" s="2">
        <v>0.17199999999999999</v>
      </c>
      <c r="W5813" s="2">
        <v>17</v>
      </c>
      <c r="X5813" s="2">
        <v>76.7</v>
      </c>
      <c r="Y5813" s="2">
        <v>131.6</v>
      </c>
      <c r="Z5813" s="5">
        <v>7</v>
      </c>
      <c r="AA5813" s="5" t="s">
        <v>43</v>
      </c>
      <c r="AB5813" s="5" t="s">
        <v>735</v>
      </c>
      <c r="AC5813" s="2" t="s">
        <v>101541</v>
      </c>
      <c r="AD5813" s="1"/>
    </row>
    <row r="5814" spans="1:30">
      <c r="A5814" s="5" t="s">
        <v>83578</v>
      </c>
      <c r="B5814" s="2" t="s">
        <v>101542</v>
      </c>
      <c r="C5814" s="14" t="s">
        <v>101543</v>
      </c>
      <c r="D5814" s="2" t="s">
        <v>101544</v>
      </c>
      <c r="E5814" s="2" t="s">
        <v>101545</v>
      </c>
      <c r="F5814" s="8">
        <v>108</v>
      </c>
      <c r="G5814" s="5">
        <v>5</v>
      </c>
      <c r="H5814" s="5" t="s">
        <v>34</v>
      </c>
      <c r="I5814" s="5" t="s">
        <v>67179</v>
      </c>
      <c r="J5814" s="2" t="s">
        <v>67180</v>
      </c>
      <c r="K5814" s="5" t="s">
        <v>67179</v>
      </c>
      <c r="L5814" s="2" t="s">
        <v>67180</v>
      </c>
      <c r="M5814" s="5" t="s">
        <v>67181</v>
      </c>
      <c r="N5814" s="5" t="s">
        <v>38</v>
      </c>
      <c r="O5814" s="5" t="s">
        <v>39</v>
      </c>
      <c r="P5814" s="5" t="s">
        <v>40</v>
      </c>
      <c r="Q5814" s="5" t="s">
        <v>67198</v>
      </c>
      <c r="R5814" s="5" t="s">
        <v>40</v>
      </c>
      <c r="S5814" s="5" t="s">
        <v>35758</v>
      </c>
      <c r="T5814" s="2">
        <v>0.309</v>
      </c>
      <c r="U5814" s="2">
        <v>0.19400000000000001</v>
      </c>
      <c r="V5814" s="2">
        <v>2E-3</v>
      </c>
      <c r="W5814" s="2">
        <v>18.2</v>
      </c>
      <c r="X5814" s="2">
        <v>15.7</v>
      </c>
      <c r="Y5814" s="2">
        <v>7.4</v>
      </c>
      <c r="Z5814" s="5"/>
      <c r="AA5814" s="5" t="s">
        <v>43</v>
      </c>
      <c r="AB5814" s="5" t="s">
        <v>44</v>
      </c>
      <c r="AC5814" s="2" t="s">
        <v>101546</v>
      </c>
      <c r="AD5814" s="1"/>
    </row>
    <row r="5815" spans="1:30">
      <c r="A5815" s="5" t="s">
        <v>83578</v>
      </c>
      <c r="B5815" s="2" t="s">
        <v>101547</v>
      </c>
      <c r="C5815" s="14" t="s">
        <v>101548</v>
      </c>
      <c r="D5815" s="2" t="s">
        <v>101549</v>
      </c>
      <c r="E5815" s="2" t="s">
        <v>101550</v>
      </c>
      <c r="F5815" s="8">
        <v>108</v>
      </c>
      <c r="G5815" s="5">
        <v>5</v>
      </c>
      <c r="H5815" s="5" t="s">
        <v>34</v>
      </c>
      <c r="I5815" s="5" t="s">
        <v>67179</v>
      </c>
      <c r="J5815" s="2" t="s">
        <v>67180</v>
      </c>
      <c r="K5815" s="5" t="s">
        <v>67179</v>
      </c>
      <c r="L5815" s="2" t="s">
        <v>67180</v>
      </c>
      <c r="M5815" s="5" t="s">
        <v>67181</v>
      </c>
      <c r="N5815" s="5" t="s">
        <v>38</v>
      </c>
      <c r="O5815" s="5" t="s">
        <v>39</v>
      </c>
      <c r="P5815" s="5" t="s">
        <v>40</v>
      </c>
      <c r="Q5815" s="5" t="s">
        <v>67198</v>
      </c>
      <c r="R5815" s="5" t="s">
        <v>40</v>
      </c>
      <c r="S5815" s="5" t="s">
        <v>35758</v>
      </c>
      <c r="T5815" s="2">
        <v>0.309</v>
      </c>
      <c r="U5815" s="2">
        <v>0.19400000000000001</v>
      </c>
      <c r="V5815" s="2">
        <v>2E-3</v>
      </c>
      <c r="W5815" s="2">
        <v>18.2</v>
      </c>
      <c r="X5815" s="2">
        <v>15.7</v>
      </c>
      <c r="Y5815" s="2">
        <v>7.4</v>
      </c>
      <c r="Z5815" s="5"/>
      <c r="AA5815" s="5" t="s">
        <v>43</v>
      </c>
      <c r="AB5815" s="5" t="s">
        <v>44</v>
      </c>
      <c r="AC5815" s="2" t="s">
        <v>101551</v>
      </c>
      <c r="AD5815" s="1"/>
    </row>
    <row r="5816" spans="1:30">
      <c r="A5816" s="5" t="s">
        <v>83578</v>
      </c>
      <c r="B5816" s="2" t="s">
        <v>101552</v>
      </c>
      <c r="C5816" s="14" t="s">
        <v>101553</v>
      </c>
      <c r="D5816" s="2" t="s">
        <v>101554</v>
      </c>
      <c r="E5816" s="2" t="s">
        <v>101555</v>
      </c>
      <c r="F5816" s="8">
        <v>108</v>
      </c>
      <c r="G5816" s="5">
        <v>5</v>
      </c>
      <c r="H5816" s="5" t="s">
        <v>34</v>
      </c>
      <c r="I5816" s="5" t="s">
        <v>67179</v>
      </c>
      <c r="J5816" s="2" t="s">
        <v>67180</v>
      </c>
      <c r="K5816" s="5" t="s">
        <v>67179</v>
      </c>
      <c r="L5816" s="2" t="s">
        <v>67180</v>
      </c>
      <c r="M5816" s="5" t="s">
        <v>67181</v>
      </c>
      <c r="N5816" s="5" t="s">
        <v>38</v>
      </c>
      <c r="O5816" s="5" t="s">
        <v>39</v>
      </c>
      <c r="P5816" s="5" t="s">
        <v>40</v>
      </c>
      <c r="Q5816" s="5" t="s">
        <v>67198</v>
      </c>
      <c r="R5816" s="5" t="s">
        <v>40</v>
      </c>
      <c r="S5816" s="5" t="s">
        <v>42</v>
      </c>
      <c r="T5816" s="2">
        <v>0.309</v>
      </c>
      <c r="U5816" s="2">
        <v>0.19400000000000001</v>
      </c>
      <c r="V5816" s="2">
        <v>2E-3</v>
      </c>
      <c r="W5816" s="2">
        <v>18.2</v>
      </c>
      <c r="X5816" s="2">
        <v>15.7</v>
      </c>
      <c r="Y5816" s="2">
        <v>7.4</v>
      </c>
      <c r="Z5816" s="5"/>
      <c r="AA5816" s="5" t="s">
        <v>43</v>
      </c>
      <c r="AB5816" s="5" t="s">
        <v>44</v>
      </c>
      <c r="AC5816" s="2" t="s">
        <v>101556</v>
      </c>
      <c r="AD5816" s="1"/>
    </row>
    <row r="5817" spans="1:30">
      <c r="A5817" s="5" t="s">
        <v>83578</v>
      </c>
      <c r="B5817" s="2" t="s">
        <v>101557</v>
      </c>
      <c r="C5817" s="14" t="s">
        <v>101558</v>
      </c>
      <c r="D5817" s="2" t="s">
        <v>101559</v>
      </c>
      <c r="E5817" s="2" t="s">
        <v>101560</v>
      </c>
      <c r="F5817" s="8">
        <v>108</v>
      </c>
      <c r="G5817" s="5">
        <v>5</v>
      </c>
      <c r="H5817" s="5" t="s">
        <v>34</v>
      </c>
      <c r="I5817" s="5" t="s">
        <v>67179</v>
      </c>
      <c r="J5817" s="2" t="s">
        <v>67180</v>
      </c>
      <c r="K5817" s="5" t="s">
        <v>67179</v>
      </c>
      <c r="L5817" s="2" t="s">
        <v>67180</v>
      </c>
      <c r="M5817" s="5" t="s">
        <v>67181</v>
      </c>
      <c r="N5817" s="5" t="s">
        <v>38</v>
      </c>
      <c r="O5817" s="5" t="s">
        <v>39</v>
      </c>
      <c r="P5817" s="5" t="s">
        <v>40</v>
      </c>
      <c r="Q5817" s="5" t="s">
        <v>67198</v>
      </c>
      <c r="R5817" s="5" t="s">
        <v>40</v>
      </c>
      <c r="S5817" s="5" t="s">
        <v>35758</v>
      </c>
      <c r="T5817" s="2">
        <v>0.309</v>
      </c>
      <c r="U5817" s="2">
        <v>0.19400000000000001</v>
      </c>
      <c r="V5817" s="2">
        <v>2E-3</v>
      </c>
      <c r="W5817" s="2">
        <v>18.2</v>
      </c>
      <c r="X5817" s="2">
        <v>15.7</v>
      </c>
      <c r="Y5817" s="2">
        <v>7.4</v>
      </c>
      <c r="Z5817" s="5"/>
      <c r="AA5817" s="5" t="s">
        <v>43</v>
      </c>
      <c r="AB5817" s="5" t="s">
        <v>44</v>
      </c>
      <c r="AC5817" s="2" t="s">
        <v>101561</v>
      </c>
      <c r="AD5817" s="1"/>
    </row>
    <row r="5818" spans="1:30">
      <c r="A5818" s="5" t="s">
        <v>83578</v>
      </c>
      <c r="B5818" s="2" t="s">
        <v>101562</v>
      </c>
      <c r="C5818" s="14" t="s">
        <v>101563</v>
      </c>
      <c r="D5818" s="2" t="s">
        <v>101564</v>
      </c>
      <c r="E5818" s="2" t="s">
        <v>101565</v>
      </c>
      <c r="F5818" s="8">
        <v>1004</v>
      </c>
      <c r="G5818" s="5">
        <v>5</v>
      </c>
      <c r="H5818" s="5" t="s">
        <v>34</v>
      </c>
      <c r="I5818" s="5" t="s">
        <v>67179</v>
      </c>
      <c r="J5818" s="2" t="s">
        <v>67180</v>
      </c>
      <c r="K5818" s="5" t="s">
        <v>67179</v>
      </c>
      <c r="L5818" s="2" t="s">
        <v>67180</v>
      </c>
      <c r="M5818" s="5" t="s">
        <v>67181</v>
      </c>
      <c r="N5818" s="5" t="s">
        <v>38</v>
      </c>
      <c r="O5818" s="5" t="s">
        <v>39</v>
      </c>
      <c r="P5818" s="5" t="s">
        <v>40</v>
      </c>
      <c r="Q5818" s="5" t="s">
        <v>1487</v>
      </c>
      <c r="R5818" s="5"/>
      <c r="S5818" s="5" t="s">
        <v>42</v>
      </c>
      <c r="T5818" s="2">
        <v>0</v>
      </c>
      <c r="U5818" s="2">
        <v>0</v>
      </c>
      <c r="V5818" s="2">
        <v>0</v>
      </c>
      <c r="W5818" s="2">
        <v>0</v>
      </c>
      <c r="X5818" s="2">
        <v>0</v>
      </c>
      <c r="Y5818" s="2">
        <v>0</v>
      </c>
      <c r="Z5818" s="5"/>
      <c r="AA5818" s="5" t="s">
        <v>43</v>
      </c>
      <c r="AB5818" s="5" t="s">
        <v>44</v>
      </c>
      <c r="AC5818" s="2"/>
      <c r="AD5818" s="1"/>
    </row>
    <row r="5819" spans="1:30">
      <c r="A5819" s="5" t="s">
        <v>83578</v>
      </c>
      <c r="B5819" s="2" t="s">
        <v>101566</v>
      </c>
      <c r="C5819" s="14" t="s">
        <v>101567</v>
      </c>
      <c r="D5819" s="2" t="s">
        <v>101568</v>
      </c>
      <c r="E5819" s="2" t="s">
        <v>67508</v>
      </c>
      <c r="F5819" s="8">
        <v>955</v>
      </c>
      <c r="G5819" s="5">
        <v>15</v>
      </c>
      <c r="H5819" s="5" t="s">
        <v>69</v>
      </c>
      <c r="I5819" s="5" t="s">
        <v>67349</v>
      </c>
      <c r="J5819" s="2" t="s">
        <v>67350</v>
      </c>
      <c r="K5819" s="5" t="s">
        <v>67349</v>
      </c>
      <c r="L5819" s="2" t="s">
        <v>67350</v>
      </c>
      <c r="M5819" s="5" t="s">
        <v>72</v>
      </c>
      <c r="N5819" s="5" t="s">
        <v>38</v>
      </c>
      <c r="O5819" s="5" t="s">
        <v>39</v>
      </c>
      <c r="P5819" s="5" t="s">
        <v>40</v>
      </c>
      <c r="Q5819" s="5" t="s">
        <v>73</v>
      </c>
      <c r="R5819" s="5" t="s">
        <v>40</v>
      </c>
      <c r="S5819" s="5" t="s">
        <v>42</v>
      </c>
      <c r="T5819" s="2">
        <v>38.085000000000001</v>
      </c>
      <c r="U5819" s="2">
        <v>15.289</v>
      </c>
      <c r="V5819" s="2">
        <v>17.2</v>
      </c>
      <c r="W5819" s="2">
        <v>170.1</v>
      </c>
      <c r="X5819" s="2">
        <v>56.4</v>
      </c>
      <c r="Y5819" s="2">
        <v>17.2</v>
      </c>
      <c r="Z5819" s="5">
        <v>38</v>
      </c>
      <c r="AA5819" s="5" t="s">
        <v>43</v>
      </c>
      <c r="AB5819" s="5" t="s">
        <v>44</v>
      </c>
      <c r="AC5819" s="2" t="s">
        <v>101569</v>
      </c>
      <c r="AD5819" s="1"/>
    </row>
    <row r="5820" spans="1:30">
      <c r="A5820" s="5" t="s">
        <v>83578</v>
      </c>
      <c r="B5820" s="2" t="s">
        <v>101570</v>
      </c>
      <c r="C5820" s="14" t="s">
        <v>101571</v>
      </c>
      <c r="D5820" s="2" t="s">
        <v>101572</v>
      </c>
      <c r="E5820" s="2"/>
      <c r="F5820" s="8">
        <v>975</v>
      </c>
      <c r="G5820" s="5">
        <v>15</v>
      </c>
      <c r="H5820" s="5" t="s">
        <v>69</v>
      </c>
      <c r="I5820" s="5" t="s">
        <v>67349</v>
      </c>
      <c r="J5820" s="2" t="s">
        <v>67350</v>
      </c>
      <c r="K5820" s="5" t="s">
        <v>67349</v>
      </c>
      <c r="L5820" s="2" t="s">
        <v>67350</v>
      </c>
      <c r="M5820" s="5" t="s">
        <v>72</v>
      </c>
      <c r="N5820" s="5" t="s">
        <v>38</v>
      </c>
      <c r="O5820" s="5" t="s">
        <v>39</v>
      </c>
      <c r="P5820" s="5" t="s">
        <v>40</v>
      </c>
      <c r="Q5820" s="5" t="s">
        <v>73</v>
      </c>
      <c r="R5820" s="5" t="s">
        <v>40</v>
      </c>
      <c r="S5820" s="5" t="s">
        <v>42</v>
      </c>
      <c r="T5820" s="2">
        <v>44.033999999999999</v>
      </c>
      <c r="U5820" s="2">
        <v>20.396000000000001</v>
      </c>
      <c r="V5820" s="2">
        <v>17.2</v>
      </c>
      <c r="W5820" s="2">
        <v>235.1</v>
      </c>
      <c r="X5820" s="2">
        <v>56.4</v>
      </c>
      <c r="Y5820" s="2">
        <v>17.2</v>
      </c>
      <c r="Z5820" s="5">
        <v>38</v>
      </c>
      <c r="AA5820" s="5" t="s">
        <v>43</v>
      </c>
      <c r="AB5820" s="5" t="s">
        <v>44</v>
      </c>
      <c r="AC5820" s="2" t="s">
        <v>101573</v>
      </c>
      <c r="AD5820" s="1"/>
    </row>
    <row r="5821" spans="1:30">
      <c r="A5821" s="5" t="s">
        <v>83578</v>
      </c>
      <c r="B5821" s="2" t="s">
        <v>101574</v>
      </c>
      <c r="C5821" s="14" t="s">
        <v>101575</v>
      </c>
      <c r="D5821" s="2" t="s">
        <v>101576</v>
      </c>
      <c r="E5821" s="2" t="s">
        <v>67508</v>
      </c>
      <c r="F5821" s="8">
        <v>1012</v>
      </c>
      <c r="G5821" s="5">
        <v>15</v>
      </c>
      <c r="H5821" s="5" t="s">
        <v>69</v>
      </c>
      <c r="I5821" s="5" t="s">
        <v>67349</v>
      </c>
      <c r="J5821" s="2" t="s">
        <v>67350</v>
      </c>
      <c r="K5821" s="5" t="s">
        <v>67349</v>
      </c>
      <c r="L5821" s="2" t="s">
        <v>67350</v>
      </c>
      <c r="M5821" s="5" t="s">
        <v>72</v>
      </c>
      <c r="N5821" s="5" t="s">
        <v>38</v>
      </c>
      <c r="O5821" s="5" t="s">
        <v>39</v>
      </c>
      <c r="P5821" s="5" t="s">
        <v>40</v>
      </c>
      <c r="Q5821" s="5" t="s">
        <v>73</v>
      </c>
      <c r="R5821" s="5" t="s">
        <v>40</v>
      </c>
      <c r="S5821" s="5" t="s">
        <v>42</v>
      </c>
      <c r="T5821" s="2">
        <v>39.116</v>
      </c>
      <c r="U5821" s="2">
        <v>16.251000000000001</v>
      </c>
      <c r="V5821" s="2">
        <v>17.2</v>
      </c>
      <c r="W5821" s="2">
        <v>170.1</v>
      </c>
      <c r="X5821" s="2">
        <v>56.4</v>
      </c>
      <c r="Y5821" s="2">
        <v>17.2</v>
      </c>
      <c r="Z5821" s="5">
        <v>38</v>
      </c>
      <c r="AA5821" s="5" t="s">
        <v>43</v>
      </c>
      <c r="AB5821" s="5" t="s">
        <v>44</v>
      </c>
      <c r="AC5821" s="2" t="s">
        <v>101569</v>
      </c>
      <c r="AD5821" s="1"/>
    </row>
    <row r="5822" spans="1:30">
      <c r="A5822" s="5" t="s">
        <v>83578</v>
      </c>
      <c r="B5822" s="2" t="s">
        <v>101577</v>
      </c>
      <c r="C5822" s="14" t="s">
        <v>101578</v>
      </c>
      <c r="D5822" s="2" t="s">
        <v>101579</v>
      </c>
      <c r="E5822" s="2"/>
      <c r="F5822" s="8">
        <v>1034</v>
      </c>
      <c r="G5822" s="5">
        <v>15</v>
      </c>
      <c r="H5822" s="5" t="s">
        <v>69</v>
      </c>
      <c r="I5822" s="5" t="s">
        <v>67349</v>
      </c>
      <c r="J5822" s="2" t="s">
        <v>67350</v>
      </c>
      <c r="K5822" s="5" t="s">
        <v>67349</v>
      </c>
      <c r="L5822" s="2" t="s">
        <v>67350</v>
      </c>
      <c r="M5822" s="5" t="s">
        <v>72</v>
      </c>
      <c r="N5822" s="5" t="s">
        <v>38</v>
      </c>
      <c r="O5822" s="5" t="s">
        <v>39</v>
      </c>
      <c r="P5822" s="5" t="s">
        <v>40</v>
      </c>
      <c r="Q5822" s="5" t="s">
        <v>73</v>
      </c>
      <c r="R5822" s="5" t="s">
        <v>40</v>
      </c>
      <c r="S5822" s="5" t="s">
        <v>42</v>
      </c>
      <c r="T5822" s="2">
        <v>45.106000000000002</v>
      </c>
      <c r="U5822" s="2">
        <v>21.399000000000001</v>
      </c>
      <c r="V5822" s="2">
        <v>17.2</v>
      </c>
      <c r="W5822" s="2">
        <v>235.1</v>
      </c>
      <c r="X5822" s="2">
        <v>56.4</v>
      </c>
      <c r="Y5822" s="2">
        <v>17.2</v>
      </c>
      <c r="Z5822" s="5">
        <v>38</v>
      </c>
      <c r="AA5822" s="5" t="s">
        <v>43</v>
      </c>
      <c r="AB5822" s="5" t="s">
        <v>44</v>
      </c>
      <c r="AC5822" s="2" t="s">
        <v>101573</v>
      </c>
      <c r="AD5822" s="1"/>
    </row>
    <row r="5823" spans="1:30">
      <c r="A5823" s="5" t="s">
        <v>83578</v>
      </c>
      <c r="B5823" s="2" t="s">
        <v>101580</v>
      </c>
      <c r="C5823" s="14" t="s">
        <v>101581</v>
      </c>
      <c r="D5823" s="2" t="s">
        <v>101582</v>
      </c>
      <c r="E5823" s="2" t="s">
        <v>67508</v>
      </c>
      <c r="F5823" s="8">
        <v>1058</v>
      </c>
      <c r="G5823" s="5">
        <v>15</v>
      </c>
      <c r="H5823" s="5" t="s">
        <v>69</v>
      </c>
      <c r="I5823" s="5" t="s">
        <v>67349</v>
      </c>
      <c r="J5823" s="2" t="s">
        <v>67350</v>
      </c>
      <c r="K5823" s="5" t="s">
        <v>67349</v>
      </c>
      <c r="L5823" s="2" t="s">
        <v>67350</v>
      </c>
      <c r="M5823" s="5" t="s">
        <v>72</v>
      </c>
      <c r="N5823" s="5" t="s">
        <v>38</v>
      </c>
      <c r="O5823" s="5" t="s">
        <v>39</v>
      </c>
      <c r="P5823" s="5" t="s">
        <v>40</v>
      </c>
      <c r="Q5823" s="5" t="s">
        <v>73</v>
      </c>
      <c r="R5823" s="5" t="s">
        <v>40</v>
      </c>
      <c r="S5823" s="5" t="s">
        <v>42</v>
      </c>
      <c r="T5823" s="2">
        <v>40.149000000000001</v>
      </c>
      <c r="U5823" s="2">
        <v>17.213999999999999</v>
      </c>
      <c r="V5823" s="2">
        <v>17.2</v>
      </c>
      <c r="W5823" s="2">
        <v>183.9</v>
      </c>
      <c r="X5823" s="2">
        <v>56.4</v>
      </c>
      <c r="Y5823" s="2">
        <v>17.2</v>
      </c>
      <c r="Z5823" s="5">
        <v>38</v>
      </c>
      <c r="AA5823" s="5" t="s">
        <v>43</v>
      </c>
      <c r="AB5823" s="5" t="s">
        <v>44</v>
      </c>
      <c r="AC5823" s="2" t="s">
        <v>101569</v>
      </c>
      <c r="AD5823" s="1"/>
    </row>
    <row r="5824" spans="1:30">
      <c r="A5824" s="5" t="s">
        <v>83578</v>
      </c>
      <c r="B5824" s="2" t="s">
        <v>101583</v>
      </c>
      <c r="C5824" s="14" t="s">
        <v>101584</v>
      </c>
      <c r="D5824" s="2" t="s">
        <v>101585</v>
      </c>
      <c r="E5824" s="2"/>
      <c r="F5824" s="8">
        <v>1081</v>
      </c>
      <c r="G5824" s="5">
        <v>15</v>
      </c>
      <c r="H5824" s="5" t="s">
        <v>69</v>
      </c>
      <c r="I5824" s="5" t="s">
        <v>67349</v>
      </c>
      <c r="J5824" s="2" t="s">
        <v>67350</v>
      </c>
      <c r="K5824" s="5" t="s">
        <v>67349</v>
      </c>
      <c r="L5824" s="2" t="s">
        <v>67350</v>
      </c>
      <c r="M5824" s="5" t="s">
        <v>72</v>
      </c>
      <c r="N5824" s="5" t="s">
        <v>38</v>
      </c>
      <c r="O5824" s="5" t="s">
        <v>39</v>
      </c>
      <c r="P5824" s="5" t="s">
        <v>40</v>
      </c>
      <c r="Q5824" s="5" t="s">
        <v>73</v>
      </c>
      <c r="R5824" s="5" t="s">
        <v>40</v>
      </c>
      <c r="S5824" s="5" t="s">
        <v>42</v>
      </c>
      <c r="T5824" s="2">
        <v>46.18</v>
      </c>
      <c r="U5824" s="2">
        <v>22.402999999999999</v>
      </c>
      <c r="V5824" s="2">
        <v>17.2</v>
      </c>
      <c r="W5824" s="2">
        <v>235.1</v>
      </c>
      <c r="X5824" s="2">
        <v>56.4</v>
      </c>
      <c r="Y5824" s="2">
        <v>17.2</v>
      </c>
      <c r="Z5824" s="5">
        <v>38</v>
      </c>
      <c r="AA5824" s="5" t="s">
        <v>43</v>
      </c>
      <c r="AB5824" s="5" t="s">
        <v>44</v>
      </c>
      <c r="AC5824" s="2" t="s">
        <v>101573</v>
      </c>
      <c r="AD5824" s="1"/>
    </row>
    <row r="5825" spans="1:30">
      <c r="A5825" s="5" t="s">
        <v>83578</v>
      </c>
      <c r="B5825" s="2" t="s">
        <v>101586</v>
      </c>
      <c r="C5825" s="14" t="s">
        <v>101587</v>
      </c>
      <c r="D5825" s="2" t="s">
        <v>101588</v>
      </c>
      <c r="E5825" s="2" t="s">
        <v>67508</v>
      </c>
      <c r="F5825" s="8">
        <v>1058</v>
      </c>
      <c r="G5825" s="5">
        <v>15</v>
      </c>
      <c r="H5825" s="5" t="s">
        <v>69</v>
      </c>
      <c r="I5825" s="5" t="s">
        <v>67349</v>
      </c>
      <c r="J5825" s="2" t="s">
        <v>67350</v>
      </c>
      <c r="K5825" s="5" t="s">
        <v>67349</v>
      </c>
      <c r="L5825" s="2" t="s">
        <v>67350</v>
      </c>
      <c r="M5825" s="5" t="s">
        <v>72</v>
      </c>
      <c r="N5825" s="5" t="s">
        <v>38</v>
      </c>
      <c r="O5825" s="5" t="s">
        <v>39</v>
      </c>
      <c r="P5825" s="5" t="s">
        <v>40</v>
      </c>
      <c r="Q5825" s="5" t="s">
        <v>73</v>
      </c>
      <c r="R5825" s="5" t="s">
        <v>40</v>
      </c>
      <c r="S5825" s="5" t="s">
        <v>42</v>
      </c>
      <c r="T5825" s="2">
        <v>40.668999999999997</v>
      </c>
      <c r="U5825" s="2">
        <v>17.670000000000002</v>
      </c>
      <c r="V5825" s="2">
        <v>17.2</v>
      </c>
      <c r="W5825" s="2">
        <v>192.1</v>
      </c>
      <c r="X5825" s="2">
        <v>56.4</v>
      </c>
      <c r="Y5825" s="2">
        <v>17.2</v>
      </c>
      <c r="Z5825" s="5">
        <v>38</v>
      </c>
      <c r="AA5825" s="5" t="s">
        <v>43</v>
      </c>
      <c r="AB5825" s="5" t="s">
        <v>44</v>
      </c>
      <c r="AC5825" s="2" t="s">
        <v>101569</v>
      </c>
      <c r="AD5825" s="1"/>
    </row>
    <row r="5826" spans="1:30">
      <c r="A5826" s="5" t="s">
        <v>83578</v>
      </c>
      <c r="B5826" s="2" t="s">
        <v>101589</v>
      </c>
      <c r="C5826" s="14" t="s">
        <v>101590</v>
      </c>
      <c r="D5826" s="2" t="s">
        <v>101591</v>
      </c>
      <c r="E5826" s="2"/>
      <c r="F5826" s="8">
        <v>1081</v>
      </c>
      <c r="G5826" s="5">
        <v>15</v>
      </c>
      <c r="H5826" s="5" t="s">
        <v>69</v>
      </c>
      <c r="I5826" s="5" t="s">
        <v>67349</v>
      </c>
      <c r="J5826" s="2" t="s">
        <v>67350</v>
      </c>
      <c r="K5826" s="5" t="s">
        <v>67349</v>
      </c>
      <c r="L5826" s="2" t="s">
        <v>67350</v>
      </c>
      <c r="M5826" s="5" t="s">
        <v>72</v>
      </c>
      <c r="N5826" s="5" t="s">
        <v>38</v>
      </c>
      <c r="O5826" s="5" t="s">
        <v>39</v>
      </c>
      <c r="P5826" s="5" t="s">
        <v>40</v>
      </c>
      <c r="Q5826" s="5" t="s">
        <v>73</v>
      </c>
      <c r="R5826" s="5" t="s">
        <v>40</v>
      </c>
      <c r="S5826" s="5" t="s">
        <v>42</v>
      </c>
      <c r="T5826" s="2">
        <v>49.844000000000001</v>
      </c>
      <c r="U5826" s="2">
        <v>23.532</v>
      </c>
      <c r="V5826" s="2">
        <v>17.2</v>
      </c>
      <c r="W5826" s="2">
        <v>268.10000000000002</v>
      </c>
      <c r="X5826" s="2">
        <v>56.4</v>
      </c>
      <c r="Y5826" s="2">
        <v>17.2</v>
      </c>
      <c r="Z5826" s="5">
        <v>38</v>
      </c>
      <c r="AA5826" s="5" t="s">
        <v>43</v>
      </c>
      <c r="AB5826" s="5" t="s">
        <v>44</v>
      </c>
      <c r="AC5826" s="2" t="s">
        <v>101573</v>
      </c>
      <c r="AD5826" s="1"/>
    </row>
    <row r="5827" spans="1:30">
      <c r="A5827" s="5" t="s">
        <v>83578</v>
      </c>
      <c r="B5827" s="2" t="s">
        <v>101592</v>
      </c>
      <c r="C5827" s="14" t="s">
        <v>101593</v>
      </c>
      <c r="D5827" s="2" t="s">
        <v>101594</v>
      </c>
      <c r="E5827" s="2" t="s">
        <v>67508</v>
      </c>
      <c r="F5827" s="8">
        <v>1127</v>
      </c>
      <c r="G5827" s="5">
        <v>15</v>
      </c>
      <c r="H5827" s="5" t="s">
        <v>69</v>
      </c>
      <c r="I5827" s="5" t="s">
        <v>67349</v>
      </c>
      <c r="J5827" s="2" t="s">
        <v>67350</v>
      </c>
      <c r="K5827" s="5" t="s">
        <v>67349</v>
      </c>
      <c r="L5827" s="2" t="s">
        <v>67350</v>
      </c>
      <c r="M5827" s="5" t="s">
        <v>72</v>
      </c>
      <c r="N5827" s="5" t="s">
        <v>38</v>
      </c>
      <c r="O5827" s="5" t="s">
        <v>39</v>
      </c>
      <c r="P5827" s="5" t="s">
        <v>40</v>
      </c>
      <c r="Q5827" s="5" t="s">
        <v>73</v>
      </c>
      <c r="R5827" s="5" t="s">
        <v>40</v>
      </c>
      <c r="S5827" s="5" t="s">
        <v>42</v>
      </c>
      <c r="T5827" s="2">
        <v>41.701999999999998</v>
      </c>
      <c r="U5827" s="2">
        <v>18.632999999999999</v>
      </c>
      <c r="V5827" s="2">
        <v>17.2</v>
      </c>
      <c r="W5827" s="2">
        <v>192.1</v>
      </c>
      <c r="X5827" s="2">
        <v>56.4</v>
      </c>
      <c r="Y5827" s="2">
        <v>17.2</v>
      </c>
      <c r="Z5827" s="5">
        <v>38</v>
      </c>
      <c r="AA5827" s="5" t="s">
        <v>43</v>
      </c>
      <c r="AB5827" s="5" t="s">
        <v>44</v>
      </c>
      <c r="AC5827" s="2" t="s">
        <v>101569</v>
      </c>
      <c r="AD5827" s="1"/>
    </row>
    <row r="5828" spans="1:30">
      <c r="A5828" s="5" t="s">
        <v>83578</v>
      </c>
      <c r="B5828" s="2" t="s">
        <v>101595</v>
      </c>
      <c r="C5828" s="14" t="s">
        <v>101596</v>
      </c>
      <c r="D5828" s="2" t="s">
        <v>101597</v>
      </c>
      <c r="E5828" s="2"/>
      <c r="F5828" s="8">
        <v>1152</v>
      </c>
      <c r="G5828" s="5">
        <v>15</v>
      </c>
      <c r="H5828" s="5" t="s">
        <v>69</v>
      </c>
      <c r="I5828" s="5" t="s">
        <v>67349</v>
      </c>
      <c r="J5828" s="2" t="s">
        <v>67350</v>
      </c>
      <c r="K5828" s="5" t="s">
        <v>67349</v>
      </c>
      <c r="L5828" s="2" t="s">
        <v>67350</v>
      </c>
      <c r="M5828" s="5" t="s">
        <v>72</v>
      </c>
      <c r="N5828" s="5" t="s">
        <v>38</v>
      </c>
      <c r="O5828" s="5" t="s">
        <v>39</v>
      </c>
      <c r="P5828" s="5" t="s">
        <v>40</v>
      </c>
      <c r="Q5828" s="5" t="s">
        <v>73</v>
      </c>
      <c r="R5828" s="5" t="s">
        <v>40</v>
      </c>
      <c r="S5828" s="5" t="s">
        <v>42</v>
      </c>
      <c r="T5828" s="2">
        <v>50.917999999999999</v>
      </c>
      <c r="U5828" s="2">
        <v>24.536000000000001</v>
      </c>
      <c r="V5828" s="2">
        <v>17.2</v>
      </c>
      <c r="W5828" s="2">
        <v>268.10000000000002</v>
      </c>
      <c r="X5828" s="2">
        <v>56.4</v>
      </c>
      <c r="Y5828" s="2">
        <v>17.2</v>
      </c>
      <c r="Z5828" s="5">
        <v>38</v>
      </c>
      <c r="AA5828" s="5" t="s">
        <v>43</v>
      </c>
      <c r="AB5828" s="5" t="s">
        <v>44</v>
      </c>
      <c r="AC5828" s="2" t="s">
        <v>101573</v>
      </c>
      <c r="AD5828" s="1"/>
    </row>
    <row r="5829" spans="1:30">
      <c r="A5829" s="5" t="s">
        <v>83578</v>
      </c>
      <c r="B5829" s="2" t="s">
        <v>101598</v>
      </c>
      <c r="C5829" s="14" t="s">
        <v>101599</v>
      </c>
      <c r="D5829" s="2" t="s">
        <v>101600</v>
      </c>
      <c r="E5829" s="2" t="s">
        <v>67508</v>
      </c>
      <c r="F5829" s="8">
        <v>1150</v>
      </c>
      <c r="G5829" s="5">
        <v>15</v>
      </c>
      <c r="H5829" s="5" t="s">
        <v>69</v>
      </c>
      <c r="I5829" s="5" t="s">
        <v>67349</v>
      </c>
      <c r="J5829" s="2" t="s">
        <v>67350</v>
      </c>
      <c r="K5829" s="5" t="s">
        <v>67349</v>
      </c>
      <c r="L5829" s="2" t="s">
        <v>67350</v>
      </c>
      <c r="M5829" s="5" t="s">
        <v>72</v>
      </c>
      <c r="N5829" s="5" t="s">
        <v>38</v>
      </c>
      <c r="O5829" s="5" t="s">
        <v>39</v>
      </c>
      <c r="P5829" s="5" t="s">
        <v>40</v>
      </c>
      <c r="Q5829" s="5" t="s">
        <v>73</v>
      </c>
      <c r="R5829" s="5" t="s">
        <v>40</v>
      </c>
      <c r="S5829" s="5" t="s">
        <v>42</v>
      </c>
      <c r="T5829" s="2">
        <v>42.838999999999999</v>
      </c>
      <c r="U5829" s="2">
        <v>19.693000000000001</v>
      </c>
      <c r="V5829" s="2">
        <v>17.2</v>
      </c>
      <c r="W5829" s="2">
        <v>205.9</v>
      </c>
      <c r="X5829" s="2">
        <v>56.4</v>
      </c>
      <c r="Y5829" s="2">
        <v>17.2</v>
      </c>
      <c r="Z5829" s="5">
        <v>38</v>
      </c>
      <c r="AA5829" s="5" t="s">
        <v>43</v>
      </c>
      <c r="AB5829" s="5" t="s">
        <v>44</v>
      </c>
      <c r="AC5829" s="2" t="s">
        <v>101569</v>
      </c>
      <c r="AD5829" s="1"/>
    </row>
    <row r="5830" spans="1:30">
      <c r="A5830" s="5" t="s">
        <v>83578</v>
      </c>
      <c r="B5830" s="2" t="s">
        <v>101601</v>
      </c>
      <c r="C5830" s="14" t="s">
        <v>101602</v>
      </c>
      <c r="D5830" s="2" t="s">
        <v>101603</v>
      </c>
      <c r="E5830" s="2"/>
      <c r="F5830" s="8">
        <v>1175</v>
      </c>
      <c r="G5830" s="5">
        <v>15</v>
      </c>
      <c r="H5830" s="5" t="s">
        <v>69</v>
      </c>
      <c r="I5830" s="5" t="s">
        <v>67349</v>
      </c>
      <c r="J5830" s="2" t="s">
        <v>67350</v>
      </c>
      <c r="K5830" s="5" t="s">
        <v>67349</v>
      </c>
      <c r="L5830" s="2" t="s">
        <v>67350</v>
      </c>
      <c r="M5830" s="5" t="s">
        <v>72</v>
      </c>
      <c r="N5830" s="5" t="s">
        <v>38</v>
      </c>
      <c r="O5830" s="5" t="s">
        <v>39</v>
      </c>
      <c r="P5830" s="5" t="s">
        <v>40</v>
      </c>
      <c r="Q5830" s="5" t="s">
        <v>73</v>
      </c>
      <c r="R5830" s="5" t="s">
        <v>40</v>
      </c>
      <c r="S5830" s="5" t="s">
        <v>42</v>
      </c>
      <c r="T5830" s="2">
        <v>52.100999999999999</v>
      </c>
      <c r="U5830" s="2">
        <v>25.641999999999999</v>
      </c>
      <c r="V5830" s="2">
        <v>17.2</v>
      </c>
      <c r="W5830" s="2">
        <v>268.10000000000002</v>
      </c>
      <c r="X5830" s="2">
        <v>56.4</v>
      </c>
      <c r="Y5830" s="2">
        <v>17.2</v>
      </c>
      <c r="Z5830" s="5">
        <v>38</v>
      </c>
      <c r="AA5830" s="5" t="s">
        <v>43</v>
      </c>
      <c r="AB5830" s="5" t="s">
        <v>44</v>
      </c>
      <c r="AC5830" s="2" t="s">
        <v>101573</v>
      </c>
      <c r="AD5830" s="1"/>
    </row>
    <row r="5831" spans="1:30">
      <c r="A5831" s="5" t="s">
        <v>83578</v>
      </c>
      <c r="B5831" s="2" t="s">
        <v>101604</v>
      </c>
      <c r="C5831" s="14" t="s">
        <v>101605</v>
      </c>
      <c r="D5831" s="2" t="s">
        <v>101606</v>
      </c>
      <c r="E5831" s="2" t="s">
        <v>67508</v>
      </c>
      <c r="F5831" s="8">
        <v>1070</v>
      </c>
      <c r="G5831" s="5">
        <v>15</v>
      </c>
      <c r="H5831" s="5" t="s">
        <v>69</v>
      </c>
      <c r="I5831" s="5" t="s">
        <v>67349</v>
      </c>
      <c r="J5831" s="2" t="s">
        <v>67350</v>
      </c>
      <c r="K5831" s="5" t="s">
        <v>67349</v>
      </c>
      <c r="L5831" s="2" t="s">
        <v>67350</v>
      </c>
      <c r="M5831" s="5" t="s">
        <v>72</v>
      </c>
      <c r="N5831" s="5" t="s">
        <v>38</v>
      </c>
      <c r="O5831" s="5" t="s">
        <v>39</v>
      </c>
      <c r="P5831" s="5" t="s">
        <v>40</v>
      </c>
      <c r="Q5831" s="5" t="s">
        <v>73</v>
      </c>
      <c r="R5831" s="5" t="s">
        <v>40</v>
      </c>
      <c r="S5831" s="5" t="s">
        <v>42</v>
      </c>
      <c r="T5831" s="2">
        <v>42.645000000000003</v>
      </c>
      <c r="U5831" s="2">
        <v>19.486999999999998</v>
      </c>
      <c r="V5831" s="2">
        <v>17.2</v>
      </c>
      <c r="W5831" s="2">
        <v>216.1</v>
      </c>
      <c r="X5831" s="2">
        <v>56.4</v>
      </c>
      <c r="Y5831" s="2">
        <v>17.2</v>
      </c>
      <c r="Z5831" s="5">
        <v>38</v>
      </c>
      <c r="AA5831" s="5" t="s">
        <v>43</v>
      </c>
      <c r="AB5831" s="5" t="s">
        <v>44</v>
      </c>
      <c r="AC5831" s="2" t="s">
        <v>101569</v>
      </c>
      <c r="AD5831" s="1"/>
    </row>
    <row r="5832" spans="1:30">
      <c r="A5832" s="5" t="s">
        <v>83578</v>
      </c>
      <c r="B5832" s="2" t="s">
        <v>101607</v>
      </c>
      <c r="C5832" s="14" t="s">
        <v>101608</v>
      </c>
      <c r="D5832" s="2" t="s">
        <v>101609</v>
      </c>
      <c r="E5832" s="2"/>
      <c r="F5832" s="8">
        <v>1093</v>
      </c>
      <c r="G5832" s="5">
        <v>15</v>
      </c>
      <c r="H5832" s="5" t="s">
        <v>69</v>
      </c>
      <c r="I5832" s="5" t="s">
        <v>67349</v>
      </c>
      <c r="J5832" s="2" t="s">
        <v>67350</v>
      </c>
      <c r="K5832" s="5" t="s">
        <v>67349</v>
      </c>
      <c r="L5832" s="2" t="s">
        <v>67350</v>
      </c>
      <c r="M5832" s="5" t="s">
        <v>72</v>
      </c>
      <c r="N5832" s="5" t="s">
        <v>38</v>
      </c>
      <c r="O5832" s="5" t="s">
        <v>39</v>
      </c>
      <c r="P5832" s="5" t="s">
        <v>40</v>
      </c>
      <c r="Q5832" s="5" t="s">
        <v>73</v>
      </c>
      <c r="R5832" s="5" t="s">
        <v>40</v>
      </c>
      <c r="S5832" s="5" t="s">
        <v>42</v>
      </c>
      <c r="T5832" s="2">
        <v>52.389000000000003</v>
      </c>
      <c r="U5832" s="2">
        <v>25.858000000000001</v>
      </c>
      <c r="V5832" s="2">
        <v>17.2</v>
      </c>
      <c r="W5832" s="2">
        <v>304.10000000000002</v>
      </c>
      <c r="X5832" s="2">
        <v>56.4</v>
      </c>
      <c r="Y5832" s="2">
        <v>17.2</v>
      </c>
      <c r="Z5832" s="5">
        <v>38</v>
      </c>
      <c r="AA5832" s="5" t="s">
        <v>43</v>
      </c>
      <c r="AB5832" s="5" t="s">
        <v>44</v>
      </c>
      <c r="AC5832" s="2" t="s">
        <v>101573</v>
      </c>
      <c r="AD5832" s="1"/>
    </row>
    <row r="5833" spans="1:30">
      <c r="A5833" s="5" t="s">
        <v>83578</v>
      </c>
      <c r="B5833" s="2" t="s">
        <v>101610</v>
      </c>
      <c r="C5833" s="14" t="s">
        <v>101611</v>
      </c>
      <c r="D5833" s="2" t="s">
        <v>101612</v>
      </c>
      <c r="E5833" s="2" t="s">
        <v>67508</v>
      </c>
      <c r="F5833" s="8">
        <v>1150</v>
      </c>
      <c r="G5833" s="5">
        <v>15</v>
      </c>
      <c r="H5833" s="5" t="s">
        <v>69</v>
      </c>
      <c r="I5833" s="5" t="s">
        <v>67349</v>
      </c>
      <c r="J5833" s="2" t="s">
        <v>67350</v>
      </c>
      <c r="K5833" s="5" t="s">
        <v>67349</v>
      </c>
      <c r="L5833" s="2" t="s">
        <v>67350</v>
      </c>
      <c r="M5833" s="5" t="s">
        <v>72</v>
      </c>
      <c r="N5833" s="5" t="s">
        <v>38</v>
      </c>
      <c r="O5833" s="5" t="s">
        <v>39</v>
      </c>
      <c r="P5833" s="5" t="s">
        <v>40</v>
      </c>
      <c r="Q5833" s="5" t="s">
        <v>73</v>
      </c>
      <c r="R5833" s="5" t="s">
        <v>40</v>
      </c>
      <c r="S5833" s="5" t="s">
        <v>42</v>
      </c>
      <c r="T5833" s="2">
        <v>43.677999999999997</v>
      </c>
      <c r="U5833" s="2">
        <v>20.45</v>
      </c>
      <c r="V5833" s="2">
        <v>17.2</v>
      </c>
      <c r="W5833" s="2">
        <v>216.1</v>
      </c>
      <c r="X5833" s="2">
        <v>56.4</v>
      </c>
      <c r="Y5833" s="2">
        <v>17.2</v>
      </c>
      <c r="Z5833" s="5">
        <v>38</v>
      </c>
      <c r="AA5833" s="5" t="s">
        <v>43</v>
      </c>
      <c r="AB5833" s="5" t="s">
        <v>44</v>
      </c>
      <c r="AC5833" s="2" t="s">
        <v>101569</v>
      </c>
      <c r="AD5833" s="1"/>
    </row>
    <row r="5834" spans="1:30">
      <c r="A5834" s="5" t="s">
        <v>83578</v>
      </c>
      <c r="B5834" s="2" t="s">
        <v>101613</v>
      </c>
      <c r="C5834" s="14" t="s">
        <v>101614</v>
      </c>
      <c r="D5834" s="2" t="s">
        <v>101615</v>
      </c>
      <c r="E5834" s="2"/>
      <c r="F5834" s="8">
        <v>1175</v>
      </c>
      <c r="G5834" s="5">
        <v>15</v>
      </c>
      <c r="H5834" s="5" t="s">
        <v>69</v>
      </c>
      <c r="I5834" s="5" t="s">
        <v>67349</v>
      </c>
      <c r="J5834" s="2" t="s">
        <v>67350</v>
      </c>
      <c r="K5834" s="5" t="s">
        <v>67349</v>
      </c>
      <c r="L5834" s="2" t="s">
        <v>67350</v>
      </c>
      <c r="M5834" s="5" t="s">
        <v>72</v>
      </c>
      <c r="N5834" s="5" t="s">
        <v>38</v>
      </c>
      <c r="O5834" s="5" t="s">
        <v>39</v>
      </c>
      <c r="P5834" s="5" t="s">
        <v>40</v>
      </c>
      <c r="Q5834" s="5" t="s">
        <v>73</v>
      </c>
      <c r="R5834" s="5" t="s">
        <v>40</v>
      </c>
      <c r="S5834" s="5" t="s">
        <v>42</v>
      </c>
      <c r="T5834" s="2">
        <v>53.463000000000001</v>
      </c>
      <c r="U5834" s="2">
        <v>26.861999999999998</v>
      </c>
      <c r="V5834" s="2">
        <v>17.2</v>
      </c>
      <c r="W5834" s="2">
        <v>304.10000000000002</v>
      </c>
      <c r="X5834" s="2">
        <v>56.4</v>
      </c>
      <c r="Y5834" s="2">
        <v>17.2</v>
      </c>
      <c r="Z5834" s="5">
        <v>38</v>
      </c>
      <c r="AA5834" s="5" t="s">
        <v>43</v>
      </c>
      <c r="AB5834" s="5" t="s">
        <v>44</v>
      </c>
      <c r="AC5834" s="2" t="s">
        <v>101573</v>
      </c>
      <c r="AD5834" s="1"/>
    </row>
    <row r="5835" spans="1:30">
      <c r="A5835" s="5" t="s">
        <v>83578</v>
      </c>
      <c r="B5835" s="2" t="s">
        <v>101616</v>
      </c>
      <c r="C5835" s="14" t="s">
        <v>101617</v>
      </c>
      <c r="D5835" s="2" t="s">
        <v>101618</v>
      </c>
      <c r="E5835" s="2" t="s">
        <v>67440</v>
      </c>
      <c r="F5835" s="8">
        <v>1275</v>
      </c>
      <c r="G5835" s="5">
        <v>15</v>
      </c>
      <c r="H5835" s="5" t="s">
        <v>69</v>
      </c>
      <c r="I5835" s="5" t="s">
        <v>67349</v>
      </c>
      <c r="J5835" s="2" t="s">
        <v>67350</v>
      </c>
      <c r="K5835" s="5" t="s">
        <v>67349</v>
      </c>
      <c r="L5835" s="2" t="s">
        <v>67350</v>
      </c>
      <c r="M5835" s="5" t="s">
        <v>72</v>
      </c>
      <c r="N5835" s="5" t="s">
        <v>38</v>
      </c>
      <c r="O5835" s="5" t="s">
        <v>39</v>
      </c>
      <c r="P5835" s="5" t="s">
        <v>40</v>
      </c>
      <c r="Q5835" s="5" t="s">
        <v>73</v>
      </c>
      <c r="R5835" s="5" t="s">
        <v>40</v>
      </c>
      <c r="S5835" s="5" t="s">
        <v>42</v>
      </c>
      <c r="T5835" s="2">
        <v>51.378999999999998</v>
      </c>
      <c r="U5835" s="2">
        <v>27.399000000000001</v>
      </c>
      <c r="V5835" s="2">
        <v>22.2</v>
      </c>
      <c r="W5835" s="2">
        <v>216.1</v>
      </c>
      <c r="X5835" s="2">
        <v>56.4</v>
      </c>
      <c r="Y5835" s="2">
        <v>22.2</v>
      </c>
      <c r="Z5835" s="5">
        <v>38</v>
      </c>
      <c r="AA5835" s="5" t="s">
        <v>43</v>
      </c>
      <c r="AB5835" s="5" t="s">
        <v>44</v>
      </c>
      <c r="AC5835" s="2" t="s">
        <v>67441</v>
      </c>
      <c r="AD5835" s="1"/>
    </row>
    <row r="5836" spans="1:30">
      <c r="A5836" s="5" t="s">
        <v>83578</v>
      </c>
      <c r="B5836" s="2" t="s">
        <v>101619</v>
      </c>
      <c r="C5836" s="14" t="s">
        <v>101620</v>
      </c>
      <c r="D5836" s="2" t="s">
        <v>101621</v>
      </c>
      <c r="E5836" s="2" t="s">
        <v>67508</v>
      </c>
      <c r="F5836" s="8">
        <v>1225</v>
      </c>
      <c r="G5836" s="5">
        <v>15</v>
      </c>
      <c r="H5836" s="5" t="s">
        <v>69</v>
      </c>
      <c r="I5836" s="5" t="s">
        <v>67349</v>
      </c>
      <c r="J5836" s="2" t="s">
        <v>67350</v>
      </c>
      <c r="K5836" s="5" t="s">
        <v>67349</v>
      </c>
      <c r="L5836" s="2" t="s">
        <v>67350</v>
      </c>
      <c r="M5836" s="5" t="s">
        <v>67387</v>
      </c>
      <c r="N5836" s="5" t="s">
        <v>38</v>
      </c>
      <c r="O5836" s="5" t="s">
        <v>39</v>
      </c>
      <c r="P5836" s="5" t="s">
        <v>40</v>
      </c>
      <c r="Q5836" s="5" t="s">
        <v>73</v>
      </c>
      <c r="R5836" s="5" t="s">
        <v>40</v>
      </c>
      <c r="S5836" s="5" t="s">
        <v>42</v>
      </c>
      <c r="T5836" s="2">
        <v>44.813000000000002</v>
      </c>
      <c r="U5836" s="2">
        <v>21.507999999999999</v>
      </c>
      <c r="V5836" s="2">
        <v>17.2</v>
      </c>
      <c r="W5836" s="2">
        <v>216.1</v>
      </c>
      <c r="X5836" s="2">
        <v>56.4</v>
      </c>
      <c r="Y5836" s="2">
        <v>17.2</v>
      </c>
      <c r="Z5836" s="5">
        <v>38</v>
      </c>
      <c r="AA5836" s="5" t="s">
        <v>43</v>
      </c>
      <c r="AB5836" s="5" t="s">
        <v>44</v>
      </c>
      <c r="AC5836" s="2" t="s">
        <v>101569</v>
      </c>
      <c r="AD5836" s="1"/>
    </row>
    <row r="5837" spans="1:30">
      <c r="A5837" s="5" t="s">
        <v>83578</v>
      </c>
      <c r="B5837" s="2" t="s">
        <v>101622</v>
      </c>
      <c r="C5837" s="14" t="s">
        <v>101623</v>
      </c>
      <c r="D5837" s="2" t="s">
        <v>101624</v>
      </c>
      <c r="E5837" s="2"/>
      <c r="F5837" s="8">
        <v>1251</v>
      </c>
      <c r="G5837" s="5">
        <v>15</v>
      </c>
      <c r="H5837" s="5" t="s">
        <v>69</v>
      </c>
      <c r="I5837" s="5" t="s">
        <v>67349</v>
      </c>
      <c r="J5837" s="2" t="s">
        <v>67350</v>
      </c>
      <c r="K5837" s="5" t="s">
        <v>67349</v>
      </c>
      <c r="L5837" s="2" t="s">
        <v>67350</v>
      </c>
      <c r="M5837" s="5" t="s">
        <v>72</v>
      </c>
      <c r="N5837" s="5" t="s">
        <v>38</v>
      </c>
      <c r="O5837" s="5" t="s">
        <v>39</v>
      </c>
      <c r="P5837" s="5" t="s">
        <v>40</v>
      </c>
      <c r="Q5837" s="5" t="s">
        <v>73</v>
      </c>
      <c r="R5837" s="5" t="s">
        <v>40</v>
      </c>
      <c r="S5837" s="5" t="s">
        <v>42</v>
      </c>
      <c r="T5837" s="2">
        <v>54.643000000000001</v>
      </c>
      <c r="U5837" s="2">
        <v>27.965</v>
      </c>
      <c r="V5837" s="2">
        <v>17.2</v>
      </c>
      <c r="W5837" s="2">
        <v>304.10000000000002</v>
      </c>
      <c r="X5837" s="2">
        <v>56.4</v>
      </c>
      <c r="Y5837" s="2">
        <v>17.2</v>
      </c>
      <c r="Z5837" s="5">
        <v>38</v>
      </c>
      <c r="AA5837" s="5" t="s">
        <v>43</v>
      </c>
      <c r="AB5837" s="5" t="s">
        <v>44</v>
      </c>
      <c r="AC5837" s="2" t="s">
        <v>101573</v>
      </c>
      <c r="AD5837" s="1"/>
    </row>
    <row r="5838" spans="1:30">
      <c r="A5838" s="5" t="s">
        <v>83578</v>
      </c>
      <c r="B5838" s="2" t="s">
        <v>101625</v>
      </c>
      <c r="C5838" s="14" t="s">
        <v>101626</v>
      </c>
      <c r="D5838" s="2" t="s">
        <v>101627</v>
      </c>
      <c r="E5838" s="2" t="s">
        <v>67440</v>
      </c>
      <c r="F5838" s="8">
        <v>1358</v>
      </c>
      <c r="G5838" s="5">
        <v>15</v>
      </c>
      <c r="H5838" s="5" t="s">
        <v>69</v>
      </c>
      <c r="I5838" s="5" t="s">
        <v>67349</v>
      </c>
      <c r="J5838" s="2" t="s">
        <v>67350</v>
      </c>
      <c r="K5838" s="5" t="s">
        <v>67349</v>
      </c>
      <c r="L5838" s="2" t="s">
        <v>67350</v>
      </c>
      <c r="M5838" s="5" t="s">
        <v>67387</v>
      </c>
      <c r="N5838" s="5" t="s">
        <v>38</v>
      </c>
      <c r="O5838" s="5" t="s">
        <v>39</v>
      </c>
      <c r="P5838" s="5" t="s">
        <v>40</v>
      </c>
      <c r="Q5838" s="5" t="s">
        <v>73</v>
      </c>
      <c r="R5838" s="5" t="s">
        <v>40</v>
      </c>
      <c r="S5838" s="5" t="s">
        <v>42</v>
      </c>
      <c r="T5838" s="2">
        <v>52.514000000000003</v>
      </c>
      <c r="U5838" s="2">
        <v>28.457000000000001</v>
      </c>
      <c r="V5838" s="2">
        <v>22.2</v>
      </c>
      <c r="W5838" s="2">
        <v>216.1</v>
      </c>
      <c r="X5838" s="2">
        <v>56.4</v>
      </c>
      <c r="Y5838" s="2">
        <v>22.2</v>
      </c>
      <c r="Z5838" s="5">
        <v>38</v>
      </c>
      <c r="AA5838" s="5" t="s">
        <v>43</v>
      </c>
      <c r="AB5838" s="5" t="s">
        <v>44</v>
      </c>
      <c r="AC5838" s="2" t="s">
        <v>67441</v>
      </c>
      <c r="AD5838" s="1"/>
    </row>
    <row r="5839" spans="1:30">
      <c r="A5839" s="5" t="s">
        <v>83578</v>
      </c>
      <c r="B5839" s="2" t="s">
        <v>101628</v>
      </c>
      <c r="C5839" s="14" t="s">
        <v>101629</v>
      </c>
      <c r="D5839" s="2" t="s">
        <v>101630</v>
      </c>
      <c r="E5839" s="2" t="s">
        <v>67440</v>
      </c>
      <c r="F5839" s="8">
        <v>746</v>
      </c>
      <c r="G5839" s="5">
        <v>15</v>
      </c>
      <c r="H5839" s="5" t="s">
        <v>69</v>
      </c>
      <c r="I5839" s="5" t="s">
        <v>67349</v>
      </c>
      <c r="J5839" s="2" t="s">
        <v>67350</v>
      </c>
      <c r="K5839" s="5" t="s">
        <v>67349</v>
      </c>
      <c r="L5839" s="2" t="s">
        <v>67350</v>
      </c>
      <c r="M5839" s="5" t="s">
        <v>67387</v>
      </c>
      <c r="N5839" s="5" t="s">
        <v>38</v>
      </c>
      <c r="O5839" s="5" t="s">
        <v>39</v>
      </c>
      <c r="P5839" s="5" t="s">
        <v>40</v>
      </c>
      <c r="Q5839" s="5" t="s">
        <v>73</v>
      </c>
      <c r="R5839" s="5" t="s">
        <v>40</v>
      </c>
      <c r="S5839" s="5" t="s">
        <v>42</v>
      </c>
      <c r="T5839" s="2">
        <v>45.652000000000001</v>
      </c>
      <c r="U5839" s="2">
        <v>22.318000000000001</v>
      </c>
      <c r="V5839" s="2">
        <v>21.8</v>
      </c>
      <c r="W5839" s="2">
        <v>205.9</v>
      </c>
      <c r="X5839" s="2">
        <v>56.4</v>
      </c>
      <c r="Y5839" s="2">
        <v>21.8</v>
      </c>
      <c r="Z5839" s="5">
        <v>38</v>
      </c>
      <c r="AA5839" s="5" t="s">
        <v>43</v>
      </c>
      <c r="AB5839" s="5" t="s">
        <v>44</v>
      </c>
      <c r="AC5839" s="2" t="s">
        <v>67418</v>
      </c>
      <c r="AD5839" s="1"/>
    </row>
    <row r="5840" spans="1:30">
      <c r="A5840" s="5" t="s">
        <v>83578</v>
      </c>
      <c r="B5840" s="2" t="s">
        <v>101631</v>
      </c>
      <c r="C5840" s="14" t="s">
        <v>101632</v>
      </c>
      <c r="D5840" s="2" t="s">
        <v>101633</v>
      </c>
      <c r="E5840" s="2" t="s">
        <v>67508</v>
      </c>
      <c r="F5840" s="8">
        <v>1254</v>
      </c>
      <c r="G5840" s="5">
        <v>15</v>
      </c>
      <c r="H5840" s="5" t="s">
        <v>69</v>
      </c>
      <c r="I5840" s="5" t="s">
        <v>67349</v>
      </c>
      <c r="J5840" s="2" t="s">
        <v>67350</v>
      </c>
      <c r="K5840" s="5" t="s">
        <v>67349</v>
      </c>
      <c r="L5840" s="2" t="s">
        <v>67350</v>
      </c>
      <c r="M5840" s="5" t="s">
        <v>67387</v>
      </c>
      <c r="N5840" s="5" t="s">
        <v>38</v>
      </c>
      <c r="O5840" s="5" t="s">
        <v>39</v>
      </c>
      <c r="P5840" s="5" t="s">
        <v>40</v>
      </c>
      <c r="Q5840" s="5" t="s">
        <v>73</v>
      </c>
      <c r="R5840" s="5" t="s">
        <v>40</v>
      </c>
      <c r="S5840" s="5" t="s">
        <v>42</v>
      </c>
      <c r="T5840" s="2">
        <v>45.853000000000002</v>
      </c>
      <c r="U5840" s="2">
        <v>22.478000000000002</v>
      </c>
      <c r="V5840" s="2">
        <v>17.2</v>
      </c>
      <c r="W5840" s="2">
        <v>226.1</v>
      </c>
      <c r="X5840" s="2">
        <v>56.4</v>
      </c>
      <c r="Y5840" s="2">
        <v>17.2</v>
      </c>
      <c r="Z5840" s="5">
        <v>38</v>
      </c>
      <c r="AA5840" s="5" t="s">
        <v>43</v>
      </c>
      <c r="AB5840" s="5" t="s">
        <v>44</v>
      </c>
      <c r="AC5840" s="2" t="s">
        <v>101569</v>
      </c>
      <c r="AD5840" s="1"/>
    </row>
    <row r="5841" spans="1:30">
      <c r="A5841" s="5" t="s">
        <v>83578</v>
      </c>
      <c r="B5841" s="2" t="s">
        <v>101634</v>
      </c>
      <c r="C5841" s="14" t="s">
        <v>101635</v>
      </c>
      <c r="D5841" s="2" t="s">
        <v>101636</v>
      </c>
      <c r="E5841" s="2"/>
      <c r="F5841" s="8">
        <v>1281</v>
      </c>
      <c r="G5841" s="5">
        <v>15</v>
      </c>
      <c r="H5841" s="5" t="s">
        <v>69</v>
      </c>
      <c r="I5841" s="5" t="s">
        <v>67349</v>
      </c>
      <c r="J5841" s="2" t="s">
        <v>67350</v>
      </c>
      <c r="K5841" s="5" t="s">
        <v>67349</v>
      </c>
      <c r="L5841" s="2" t="s">
        <v>67350</v>
      </c>
      <c r="M5841" s="5" t="s">
        <v>72</v>
      </c>
      <c r="N5841" s="5" t="s">
        <v>38</v>
      </c>
      <c r="O5841" s="5" t="s">
        <v>39</v>
      </c>
      <c r="P5841" s="5" t="s">
        <v>40</v>
      </c>
      <c r="Q5841" s="5" t="s">
        <v>73</v>
      </c>
      <c r="R5841" s="5" t="s">
        <v>40</v>
      </c>
      <c r="S5841" s="5" t="s">
        <v>42</v>
      </c>
      <c r="T5841" s="2">
        <v>55.723999999999997</v>
      </c>
      <c r="U5841" s="2">
        <v>28.975999999999999</v>
      </c>
      <c r="V5841" s="2">
        <v>17.2</v>
      </c>
      <c r="W5841" s="2">
        <v>304.10000000000002</v>
      </c>
      <c r="X5841" s="2">
        <v>56.4</v>
      </c>
      <c r="Y5841" s="2">
        <v>17.2</v>
      </c>
      <c r="Z5841" s="5">
        <v>38</v>
      </c>
      <c r="AA5841" s="5" t="s">
        <v>43</v>
      </c>
      <c r="AB5841" s="5" t="s">
        <v>44</v>
      </c>
      <c r="AC5841" s="2" t="s">
        <v>101573</v>
      </c>
      <c r="AD5841" s="1"/>
    </row>
    <row r="5842" spans="1:30">
      <c r="A5842" s="5" t="s">
        <v>83578</v>
      </c>
      <c r="B5842" s="2" t="s">
        <v>101637</v>
      </c>
      <c r="C5842" s="14" t="s">
        <v>101638</v>
      </c>
      <c r="D5842" s="2" t="s">
        <v>101639</v>
      </c>
      <c r="E5842" s="2" t="s">
        <v>67508</v>
      </c>
      <c r="F5842" s="8">
        <v>1323</v>
      </c>
      <c r="G5842" s="5">
        <v>15</v>
      </c>
      <c r="H5842" s="5" t="s">
        <v>69</v>
      </c>
      <c r="I5842" s="5" t="s">
        <v>67349</v>
      </c>
      <c r="J5842" s="2" t="s">
        <v>67350</v>
      </c>
      <c r="K5842" s="5" t="s">
        <v>67349</v>
      </c>
      <c r="L5842" s="2" t="s">
        <v>67350</v>
      </c>
      <c r="M5842" s="5" t="s">
        <v>67387</v>
      </c>
      <c r="N5842" s="5" t="s">
        <v>38</v>
      </c>
      <c r="O5842" s="5" t="s">
        <v>39</v>
      </c>
      <c r="P5842" s="5" t="s">
        <v>40</v>
      </c>
      <c r="Q5842" s="5" t="s">
        <v>73</v>
      </c>
      <c r="R5842" s="5" t="s">
        <v>40</v>
      </c>
      <c r="S5842" s="5" t="s">
        <v>42</v>
      </c>
      <c r="T5842" s="2">
        <v>46.887</v>
      </c>
      <c r="U5842" s="2">
        <v>23.443000000000001</v>
      </c>
      <c r="V5842" s="2">
        <v>17.2</v>
      </c>
      <c r="W5842" s="2">
        <v>246.1</v>
      </c>
      <c r="X5842" s="2">
        <v>56.4</v>
      </c>
      <c r="Y5842" s="2">
        <v>17.2</v>
      </c>
      <c r="Z5842" s="5">
        <v>38</v>
      </c>
      <c r="AA5842" s="5" t="s">
        <v>43</v>
      </c>
      <c r="AB5842" s="5" t="s">
        <v>44</v>
      </c>
      <c r="AC5842" s="2" t="s">
        <v>101569</v>
      </c>
      <c r="AD5842" s="1"/>
    </row>
    <row r="5843" spans="1:30">
      <c r="A5843" s="5" t="s">
        <v>83578</v>
      </c>
      <c r="B5843" s="2" t="s">
        <v>101640</v>
      </c>
      <c r="C5843" s="14" t="s">
        <v>101641</v>
      </c>
      <c r="D5843" s="2" t="s">
        <v>101642</v>
      </c>
      <c r="E5843" s="2" t="s">
        <v>67508</v>
      </c>
      <c r="F5843" s="8">
        <v>1225</v>
      </c>
      <c r="G5843" s="5">
        <v>15</v>
      </c>
      <c r="H5843" s="5" t="s">
        <v>69</v>
      </c>
      <c r="I5843" s="5" t="s">
        <v>67349</v>
      </c>
      <c r="J5843" s="2" t="s">
        <v>67350</v>
      </c>
      <c r="K5843" s="5" t="s">
        <v>67349</v>
      </c>
      <c r="L5843" s="2" t="s">
        <v>67350</v>
      </c>
      <c r="M5843" s="5" t="s">
        <v>67387</v>
      </c>
      <c r="N5843" s="5" t="s">
        <v>38</v>
      </c>
      <c r="O5843" s="5" t="s">
        <v>39</v>
      </c>
      <c r="P5843" s="5" t="s">
        <v>40</v>
      </c>
      <c r="Q5843" s="5" t="s">
        <v>73</v>
      </c>
      <c r="R5843" s="5" t="s">
        <v>40</v>
      </c>
      <c r="S5843" s="5" t="s">
        <v>42</v>
      </c>
      <c r="T5843" s="2">
        <v>45.97</v>
      </c>
      <c r="U5843" s="2">
        <v>22.545000000000002</v>
      </c>
      <c r="V5843" s="2">
        <v>17.2</v>
      </c>
      <c r="W5843" s="2">
        <v>248.5</v>
      </c>
      <c r="X5843" s="2">
        <v>56.4</v>
      </c>
      <c r="Y5843" s="2">
        <v>17.2</v>
      </c>
      <c r="Z5843" s="5">
        <v>38</v>
      </c>
      <c r="AA5843" s="5" t="s">
        <v>43</v>
      </c>
      <c r="AB5843" s="5" t="s">
        <v>44</v>
      </c>
      <c r="AC5843" s="2" t="s">
        <v>101569</v>
      </c>
      <c r="AD5843" s="1"/>
    </row>
    <row r="5844" spans="1:30">
      <c r="A5844" s="5" t="s">
        <v>83578</v>
      </c>
      <c r="B5844" s="2" t="s">
        <v>101643</v>
      </c>
      <c r="C5844" s="14" t="s">
        <v>101644</v>
      </c>
      <c r="D5844" s="2" t="s">
        <v>101645</v>
      </c>
      <c r="E5844" s="2" t="s">
        <v>67440</v>
      </c>
      <c r="F5844" s="8">
        <v>1358</v>
      </c>
      <c r="G5844" s="5">
        <v>15</v>
      </c>
      <c r="H5844" s="5" t="s">
        <v>69</v>
      </c>
      <c r="I5844" s="5" t="s">
        <v>67349</v>
      </c>
      <c r="J5844" s="2" t="s">
        <v>67350</v>
      </c>
      <c r="K5844" s="5" t="s">
        <v>67349</v>
      </c>
      <c r="L5844" s="2" t="s">
        <v>67350</v>
      </c>
      <c r="M5844" s="5" t="s">
        <v>67387</v>
      </c>
      <c r="N5844" s="5" t="s">
        <v>38</v>
      </c>
      <c r="O5844" s="5" t="s">
        <v>39</v>
      </c>
      <c r="P5844" s="5" t="s">
        <v>40</v>
      </c>
      <c r="Q5844" s="5" t="s">
        <v>73</v>
      </c>
      <c r="R5844" s="5" t="s">
        <v>40</v>
      </c>
      <c r="S5844" s="5" t="s">
        <v>42</v>
      </c>
      <c r="T5844" s="2">
        <v>53.670999999999999</v>
      </c>
      <c r="U5844" s="2">
        <v>29.494</v>
      </c>
      <c r="V5844" s="2">
        <v>22.2</v>
      </c>
      <c r="W5844" s="2">
        <v>248.5</v>
      </c>
      <c r="X5844" s="2">
        <v>56.4</v>
      </c>
      <c r="Y5844" s="2">
        <v>22.2</v>
      </c>
      <c r="Z5844" s="5">
        <v>38</v>
      </c>
      <c r="AA5844" s="5" t="s">
        <v>43</v>
      </c>
      <c r="AB5844" s="5" t="s">
        <v>44</v>
      </c>
      <c r="AC5844" s="2" t="s">
        <v>67441</v>
      </c>
      <c r="AD5844" s="1"/>
    </row>
    <row r="5845" spans="1:30">
      <c r="A5845" s="5" t="s">
        <v>83578</v>
      </c>
      <c r="B5845" s="2" t="s">
        <v>101646</v>
      </c>
      <c r="C5845" s="14" t="s">
        <v>101647</v>
      </c>
      <c r="D5845" s="2" t="s">
        <v>101648</v>
      </c>
      <c r="E5845" s="2" t="s">
        <v>67508</v>
      </c>
      <c r="F5845" s="8">
        <v>1254</v>
      </c>
      <c r="G5845" s="5">
        <v>15</v>
      </c>
      <c r="H5845" s="5" t="s">
        <v>69</v>
      </c>
      <c r="I5845" s="5" t="s">
        <v>67349</v>
      </c>
      <c r="J5845" s="2" t="s">
        <v>67350</v>
      </c>
      <c r="K5845" s="5" t="s">
        <v>67349</v>
      </c>
      <c r="L5845" s="2" t="s">
        <v>67350</v>
      </c>
      <c r="M5845" s="5" t="s">
        <v>67387</v>
      </c>
      <c r="N5845" s="5" t="s">
        <v>38</v>
      </c>
      <c r="O5845" s="5" t="s">
        <v>39</v>
      </c>
      <c r="P5845" s="5" t="s">
        <v>40</v>
      </c>
      <c r="Q5845" s="5" t="s">
        <v>73</v>
      </c>
      <c r="R5845" s="5" t="s">
        <v>40</v>
      </c>
      <c r="S5845" s="5" t="s">
        <v>42</v>
      </c>
      <c r="T5845" s="2">
        <v>47.106999999999999</v>
      </c>
      <c r="U5845" s="2">
        <v>23.605</v>
      </c>
      <c r="V5845" s="2">
        <v>17.2</v>
      </c>
      <c r="W5845" s="2">
        <v>248.5</v>
      </c>
      <c r="X5845" s="2">
        <v>56.4</v>
      </c>
      <c r="Y5845" s="2">
        <v>17.2</v>
      </c>
      <c r="Z5845" s="5">
        <v>38</v>
      </c>
      <c r="AA5845" s="5" t="s">
        <v>43</v>
      </c>
      <c r="AB5845" s="5" t="s">
        <v>44</v>
      </c>
      <c r="AC5845" s="2" t="s">
        <v>101569</v>
      </c>
      <c r="AD5845" s="1"/>
    </row>
    <row r="5846" spans="1:30">
      <c r="A5846" s="5" t="s">
        <v>83578</v>
      </c>
      <c r="B5846" s="2" t="s">
        <v>101649</v>
      </c>
      <c r="C5846" s="14" t="s">
        <v>101650</v>
      </c>
      <c r="D5846" s="2" t="s">
        <v>101651</v>
      </c>
      <c r="E5846" s="2" t="s">
        <v>67440</v>
      </c>
      <c r="F5846" s="8">
        <v>1390</v>
      </c>
      <c r="G5846" s="5">
        <v>15</v>
      </c>
      <c r="H5846" s="5" t="s">
        <v>69</v>
      </c>
      <c r="I5846" s="5" t="s">
        <v>67349</v>
      </c>
      <c r="J5846" s="2" t="s">
        <v>67350</v>
      </c>
      <c r="K5846" s="5" t="s">
        <v>67349</v>
      </c>
      <c r="L5846" s="2" t="s">
        <v>67350</v>
      </c>
      <c r="M5846" s="5" t="s">
        <v>67387</v>
      </c>
      <c r="N5846" s="5" t="s">
        <v>38</v>
      </c>
      <c r="O5846" s="5" t="s">
        <v>39</v>
      </c>
      <c r="P5846" s="5" t="s">
        <v>40</v>
      </c>
      <c r="Q5846" s="5" t="s">
        <v>73</v>
      </c>
      <c r="R5846" s="5" t="s">
        <v>40</v>
      </c>
      <c r="S5846" s="5" t="s">
        <v>42</v>
      </c>
      <c r="T5846" s="2">
        <v>54.808</v>
      </c>
      <c r="U5846" s="2">
        <v>30.553999999999998</v>
      </c>
      <c r="V5846" s="2">
        <v>22.2</v>
      </c>
      <c r="W5846" s="2">
        <v>248.5</v>
      </c>
      <c r="X5846" s="2">
        <v>56.4</v>
      </c>
      <c r="Y5846" s="2">
        <v>22.2</v>
      </c>
      <c r="Z5846" s="5">
        <v>38</v>
      </c>
      <c r="AA5846" s="5" t="s">
        <v>43</v>
      </c>
      <c r="AB5846" s="5" t="s">
        <v>44</v>
      </c>
      <c r="AC5846" s="2" t="s">
        <v>67441</v>
      </c>
      <c r="AD5846" s="1"/>
    </row>
    <row r="5847" spans="1:30">
      <c r="A5847" s="5" t="s">
        <v>83578</v>
      </c>
      <c r="B5847" s="2" t="s">
        <v>101652</v>
      </c>
      <c r="C5847" s="14" t="s">
        <v>101653</v>
      </c>
      <c r="D5847" s="2" t="s">
        <v>101654</v>
      </c>
      <c r="E5847" s="2" t="s">
        <v>67508</v>
      </c>
      <c r="F5847" s="8">
        <v>1311</v>
      </c>
      <c r="G5847" s="5">
        <v>15</v>
      </c>
      <c r="H5847" s="5" t="s">
        <v>69</v>
      </c>
      <c r="I5847" s="5" t="s">
        <v>67349</v>
      </c>
      <c r="J5847" s="2" t="s">
        <v>67350</v>
      </c>
      <c r="K5847" s="5" t="s">
        <v>67349</v>
      </c>
      <c r="L5847" s="2" t="s">
        <v>67350</v>
      </c>
      <c r="M5847" s="5" t="s">
        <v>72</v>
      </c>
      <c r="N5847" s="5" t="s">
        <v>38</v>
      </c>
      <c r="O5847" s="5" t="s">
        <v>39</v>
      </c>
      <c r="P5847" s="5" t="s">
        <v>40</v>
      </c>
      <c r="Q5847" s="5" t="s">
        <v>73</v>
      </c>
      <c r="R5847" s="5" t="s">
        <v>40</v>
      </c>
      <c r="S5847" s="5" t="s">
        <v>42</v>
      </c>
      <c r="T5847" s="2">
        <v>48.146999999999998</v>
      </c>
      <c r="U5847" s="2">
        <v>24.574999999999999</v>
      </c>
      <c r="V5847" s="2">
        <v>17.2</v>
      </c>
      <c r="W5847" s="2">
        <v>248.5</v>
      </c>
      <c r="X5847" s="2">
        <v>56.4</v>
      </c>
      <c r="Y5847" s="2">
        <v>17.2</v>
      </c>
      <c r="Z5847" s="5">
        <v>38</v>
      </c>
      <c r="AA5847" s="5" t="s">
        <v>43</v>
      </c>
      <c r="AB5847" s="5" t="s">
        <v>44</v>
      </c>
      <c r="AC5847" s="2" t="s">
        <v>101569</v>
      </c>
      <c r="AD5847" s="1"/>
    </row>
    <row r="5848" spans="1:30">
      <c r="A5848" s="5" t="s">
        <v>83578</v>
      </c>
      <c r="B5848" s="2" t="s">
        <v>101655</v>
      </c>
      <c r="C5848" s="14" t="s">
        <v>101656</v>
      </c>
      <c r="D5848" s="2" t="s">
        <v>101657</v>
      </c>
      <c r="E5848" s="2" t="s">
        <v>67440</v>
      </c>
      <c r="F5848" s="8">
        <v>1454</v>
      </c>
      <c r="G5848" s="5">
        <v>15</v>
      </c>
      <c r="H5848" s="5" t="s">
        <v>69</v>
      </c>
      <c r="I5848" s="5" t="s">
        <v>67349</v>
      </c>
      <c r="J5848" s="2" t="s">
        <v>67350</v>
      </c>
      <c r="K5848" s="5" t="s">
        <v>67349</v>
      </c>
      <c r="L5848" s="2" t="s">
        <v>67350</v>
      </c>
      <c r="M5848" s="5" t="s">
        <v>72</v>
      </c>
      <c r="N5848" s="5" t="s">
        <v>38</v>
      </c>
      <c r="O5848" s="5" t="s">
        <v>39</v>
      </c>
      <c r="P5848" s="5" t="s">
        <v>40</v>
      </c>
      <c r="Q5848" s="5" t="s">
        <v>73</v>
      </c>
      <c r="R5848" s="5" t="s">
        <v>40</v>
      </c>
      <c r="S5848" s="5" t="s">
        <v>42</v>
      </c>
      <c r="T5848" s="2">
        <v>55.847999999999999</v>
      </c>
      <c r="U5848" s="2">
        <v>31.524000000000001</v>
      </c>
      <c r="V5848" s="2">
        <v>22.2</v>
      </c>
      <c r="W5848" s="2">
        <v>248.5</v>
      </c>
      <c r="X5848" s="2">
        <v>56.4</v>
      </c>
      <c r="Y5848" s="2">
        <v>22.2</v>
      </c>
      <c r="Z5848" s="5">
        <v>38</v>
      </c>
      <c r="AA5848" s="5" t="s">
        <v>43</v>
      </c>
      <c r="AB5848" s="5" t="s">
        <v>44</v>
      </c>
      <c r="AC5848" s="2" t="s">
        <v>67441</v>
      </c>
      <c r="AD5848" s="1"/>
    </row>
    <row r="5849" spans="1:30">
      <c r="A5849" s="5" t="s">
        <v>83578</v>
      </c>
      <c r="B5849" s="2" t="s">
        <v>101658</v>
      </c>
      <c r="C5849" s="14" t="s">
        <v>101659</v>
      </c>
      <c r="D5849" s="2" t="s">
        <v>101660</v>
      </c>
      <c r="E5849" s="2" t="s">
        <v>67508</v>
      </c>
      <c r="F5849" s="8">
        <v>1288</v>
      </c>
      <c r="G5849" s="5">
        <v>15</v>
      </c>
      <c r="H5849" s="5" t="s">
        <v>69</v>
      </c>
      <c r="I5849" s="5" t="s">
        <v>67349</v>
      </c>
      <c r="J5849" s="2" t="s">
        <v>67350</v>
      </c>
      <c r="K5849" s="5" t="s">
        <v>67349</v>
      </c>
      <c r="L5849" s="2" t="s">
        <v>67350</v>
      </c>
      <c r="M5849" s="5" t="s">
        <v>72</v>
      </c>
      <c r="N5849" s="5" t="s">
        <v>38</v>
      </c>
      <c r="O5849" s="5" t="s">
        <v>39</v>
      </c>
      <c r="P5849" s="5" t="s">
        <v>40</v>
      </c>
      <c r="Q5849" s="5" t="s">
        <v>73</v>
      </c>
      <c r="R5849" s="5" t="s">
        <v>40</v>
      </c>
      <c r="S5849" s="5" t="s">
        <v>42</v>
      </c>
      <c r="T5849" s="2">
        <v>51.173000000000002</v>
      </c>
      <c r="U5849" s="2">
        <v>25.103000000000002</v>
      </c>
      <c r="V5849" s="2">
        <v>17.2</v>
      </c>
      <c r="W5849" s="2">
        <v>288.10000000000002</v>
      </c>
      <c r="X5849" s="2">
        <v>56.4</v>
      </c>
      <c r="Y5849" s="2">
        <v>17.2</v>
      </c>
      <c r="Z5849" s="5">
        <v>38</v>
      </c>
      <c r="AA5849" s="5" t="s">
        <v>43</v>
      </c>
      <c r="AB5849" s="5" t="s">
        <v>44</v>
      </c>
      <c r="AC5849" s="2" t="s">
        <v>101569</v>
      </c>
      <c r="AD5849" s="1"/>
    </row>
    <row r="5850" spans="1:30">
      <c r="A5850" s="5" t="s">
        <v>83578</v>
      </c>
      <c r="B5850" s="2" t="s">
        <v>101661</v>
      </c>
      <c r="C5850" s="14" t="s">
        <v>101662</v>
      </c>
      <c r="D5850" s="2" t="s">
        <v>101663</v>
      </c>
      <c r="E5850" s="2" t="s">
        <v>67508</v>
      </c>
      <c r="F5850" s="8">
        <v>1323</v>
      </c>
      <c r="G5850" s="5">
        <v>15</v>
      </c>
      <c r="H5850" s="5" t="s">
        <v>69</v>
      </c>
      <c r="I5850" s="5" t="s">
        <v>67349</v>
      </c>
      <c r="J5850" s="2" t="s">
        <v>67350</v>
      </c>
      <c r="K5850" s="5" t="s">
        <v>67349</v>
      </c>
      <c r="L5850" s="2" t="s">
        <v>67350</v>
      </c>
      <c r="M5850" s="5" t="s">
        <v>72</v>
      </c>
      <c r="N5850" s="5" t="s">
        <v>38</v>
      </c>
      <c r="O5850" s="5" t="s">
        <v>39</v>
      </c>
      <c r="P5850" s="5" t="s">
        <v>40</v>
      </c>
      <c r="Q5850" s="5" t="s">
        <v>73</v>
      </c>
      <c r="R5850" s="5" t="s">
        <v>40</v>
      </c>
      <c r="S5850" s="5" t="s">
        <v>42</v>
      </c>
      <c r="T5850" s="2">
        <v>52.31</v>
      </c>
      <c r="U5850" s="2">
        <v>26.163</v>
      </c>
      <c r="V5850" s="2">
        <v>17.2</v>
      </c>
      <c r="W5850" s="2">
        <v>288.10000000000002</v>
      </c>
      <c r="X5850" s="2">
        <v>56.4</v>
      </c>
      <c r="Y5850" s="2">
        <v>17.2</v>
      </c>
      <c r="Z5850" s="5">
        <v>38</v>
      </c>
      <c r="AA5850" s="5" t="s">
        <v>43</v>
      </c>
      <c r="AB5850" s="5" t="s">
        <v>44</v>
      </c>
      <c r="AC5850" s="2" t="s">
        <v>101569</v>
      </c>
      <c r="AD5850" s="1"/>
    </row>
    <row r="5851" spans="1:30">
      <c r="A5851" s="5" t="s">
        <v>83578</v>
      </c>
      <c r="B5851" s="2" t="s">
        <v>101664</v>
      </c>
      <c r="C5851" s="14" t="s">
        <v>101665</v>
      </c>
      <c r="D5851" s="2" t="s">
        <v>101666</v>
      </c>
      <c r="E5851" s="2" t="s">
        <v>67508</v>
      </c>
      <c r="F5851" s="8">
        <v>1403</v>
      </c>
      <c r="G5851" s="5">
        <v>15</v>
      </c>
      <c r="H5851" s="5" t="s">
        <v>69</v>
      </c>
      <c r="I5851" s="5" t="s">
        <v>67349</v>
      </c>
      <c r="J5851" s="2" t="s">
        <v>67350</v>
      </c>
      <c r="K5851" s="5" t="s">
        <v>67349</v>
      </c>
      <c r="L5851" s="2" t="s">
        <v>67350</v>
      </c>
      <c r="M5851" s="5" t="s">
        <v>72</v>
      </c>
      <c r="N5851" s="5" t="s">
        <v>38</v>
      </c>
      <c r="O5851" s="5" t="s">
        <v>39</v>
      </c>
      <c r="P5851" s="5" t="s">
        <v>40</v>
      </c>
      <c r="Q5851" s="5" t="s">
        <v>73</v>
      </c>
      <c r="R5851" s="5" t="s">
        <v>40</v>
      </c>
      <c r="S5851" s="5" t="s">
        <v>42</v>
      </c>
      <c r="T5851" s="2">
        <v>53.35</v>
      </c>
      <c r="U5851" s="2">
        <v>27.132999999999999</v>
      </c>
      <c r="V5851" s="2">
        <v>17.2</v>
      </c>
      <c r="W5851" s="2">
        <v>288.10000000000002</v>
      </c>
      <c r="X5851" s="2">
        <v>56.4</v>
      </c>
      <c r="Y5851" s="2">
        <v>17.2</v>
      </c>
      <c r="Z5851" s="5">
        <v>38</v>
      </c>
      <c r="AA5851" s="5" t="s">
        <v>43</v>
      </c>
      <c r="AB5851" s="5" t="s">
        <v>44</v>
      </c>
      <c r="AC5851" s="2" t="s">
        <v>101569</v>
      </c>
      <c r="AD5851" s="1"/>
    </row>
    <row r="5852" spans="1:30">
      <c r="A5852" s="5" t="s">
        <v>83578</v>
      </c>
      <c r="B5852" s="2" t="s">
        <v>101667</v>
      </c>
      <c r="C5852" s="14" t="s">
        <v>101668</v>
      </c>
      <c r="D5852" s="2" t="s">
        <v>101669</v>
      </c>
      <c r="E5852" s="2" t="s">
        <v>67440</v>
      </c>
      <c r="F5852" s="8">
        <v>1556</v>
      </c>
      <c r="G5852" s="5">
        <v>15</v>
      </c>
      <c r="H5852" s="5" t="s">
        <v>69</v>
      </c>
      <c r="I5852" s="5" t="s">
        <v>67349</v>
      </c>
      <c r="J5852" s="2" t="s">
        <v>67350</v>
      </c>
      <c r="K5852" s="5" t="s">
        <v>67349</v>
      </c>
      <c r="L5852" s="2" t="s">
        <v>67350</v>
      </c>
      <c r="M5852" s="5" t="s">
        <v>72</v>
      </c>
      <c r="N5852" s="5" t="s">
        <v>38</v>
      </c>
      <c r="O5852" s="5" t="s">
        <v>39</v>
      </c>
      <c r="P5852" s="5" t="s">
        <v>40</v>
      </c>
      <c r="Q5852" s="5" t="s">
        <v>73</v>
      </c>
      <c r="R5852" s="5" t="s">
        <v>40</v>
      </c>
      <c r="S5852" s="5" t="s">
        <v>42</v>
      </c>
      <c r="T5852" s="2">
        <v>61.051000000000002</v>
      </c>
      <c r="U5852" s="2">
        <v>34.082000000000001</v>
      </c>
      <c r="V5852" s="2">
        <v>22.2</v>
      </c>
      <c r="W5852" s="2">
        <v>288.10000000000002</v>
      </c>
      <c r="X5852" s="2">
        <v>56.4</v>
      </c>
      <c r="Y5852" s="2">
        <v>22.2</v>
      </c>
      <c r="Z5852" s="5">
        <v>38</v>
      </c>
      <c r="AA5852" s="5" t="s">
        <v>43</v>
      </c>
      <c r="AB5852" s="5" t="s">
        <v>44</v>
      </c>
      <c r="AC5852" s="2" t="s">
        <v>67441</v>
      </c>
      <c r="AD5852" s="1"/>
    </row>
    <row r="5853" spans="1:30">
      <c r="A5853" s="5" t="s">
        <v>83578</v>
      </c>
      <c r="B5853" s="2" t="s">
        <v>101670</v>
      </c>
      <c r="C5853" s="14" t="s">
        <v>101671</v>
      </c>
      <c r="D5853" s="2" t="s">
        <v>101672</v>
      </c>
      <c r="E5853" s="2" t="s">
        <v>67508</v>
      </c>
      <c r="F5853" s="8">
        <v>1288</v>
      </c>
      <c r="G5853" s="5">
        <v>15</v>
      </c>
      <c r="H5853" s="5" t="s">
        <v>69</v>
      </c>
      <c r="I5853" s="5" t="s">
        <v>67349</v>
      </c>
      <c r="J5853" s="2" t="s">
        <v>67350</v>
      </c>
      <c r="K5853" s="5" t="s">
        <v>67349</v>
      </c>
      <c r="L5853" s="2" t="s">
        <v>67350</v>
      </c>
      <c r="M5853" s="5" t="s">
        <v>72</v>
      </c>
      <c r="N5853" s="5" t="s">
        <v>38</v>
      </c>
      <c r="O5853" s="5" t="s">
        <v>39</v>
      </c>
      <c r="P5853" s="5" t="s">
        <v>40</v>
      </c>
      <c r="Q5853" s="5" t="s">
        <v>73</v>
      </c>
      <c r="R5853" s="5" t="s">
        <v>40</v>
      </c>
      <c r="S5853" s="5" t="s">
        <v>42</v>
      </c>
      <c r="T5853" s="2">
        <v>52.966000000000001</v>
      </c>
      <c r="U5853" s="2">
        <v>26.722999999999999</v>
      </c>
      <c r="V5853" s="2">
        <v>17.2</v>
      </c>
      <c r="W5853" s="2">
        <v>328.1</v>
      </c>
      <c r="X5853" s="2">
        <v>56.4</v>
      </c>
      <c r="Y5853" s="2">
        <v>17.2</v>
      </c>
      <c r="Z5853" s="5">
        <v>38</v>
      </c>
      <c r="AA5853" s="5" t="s">
        <v>43</v>
      </c>
      <c r="AB5853" s="5" t="s">
        <v>44</v>
      </c>
      <c r="AC5853" s="2" t="s">
        <v>101569</v>
      </c>
      <c r="AD5853" s="1"/>
    </row>
    <row r="5854" spans="1:30">
      <c r="A5854" s="5" t="s">
        <v>83578</v>
      </c>
      <c r="B5854" s="2" t="s">
        <v>101673</v>
      </c>
      <c r="C5854" s="14" t="s">
        <v>101674</v>
      </c>
      <c r="D5854" s="2" t="s">
        <v>101675</v>
      </c>
      <c r="E5854" s="2" t="s">
        <v>67508</v>
      </c>
      <c r="F5854" s="8">
        <v>1403</v>
      </c>
      <c r="G5854" s="5">
        <v>15</v>
      </c>
      <c r="H5854" s="5" t="s">
        <v>69</v>
      </c>
      <c r="I5854" s="5" t="s">
        <v>67349</v>
      </c>
      <c r="J5854" s="2" t="s">
        <v>67350</v>
      </c>
      <c r="K5854" s="5" t="s">
        <v>67349</v>
      </c>
      <c r="L5854" s="2" t="s">
        <v>67350</v>
      </c>
      <c r="M5854" s="5" t="s">
        <v>72</v>
      </c>
      <c r="N5854" s="5" t="s">
        <v>38</v>
      </c>
      <c r="O5854" s="5" t="s">
        <v>39</v>
      </c>
      <c r="P5854" s="5" t="s">
        <v>40</v>
      </c>
      <c r="Q5854" s="5" t="s">
        <v>73</v>
      </c>
      <c r="R5854" s="5" t="s">
        <v>40</v>
      </c>
      <c r="S5854" s="5" t="s">
        <v>42</v>
      </c>
      <c r="T5854" s="2">
        <v>55.136000000000003</v>
      </c>
      <c r="U5854" s="2">
        <v>28.745999999999999</v>
      </c>
      <c r="V5854" s="2">
        <v>17.2</v>
      </c>
      <c r="W5854" s="2">
        <v>328.1</v>
      </c>
      <c r="X5854" s="2">
        <v>56.4</v>
      </c>
      <c r="Y5854" s="2">
        <v>17.2</v>
      </c>
      <c r="Z5854" s="5">
        <v>38</v>
      </c>
      <c r="AA5854" s="5" t="s">
        <v>43</v>
      </c>
      <c r="AB5854" s="5" t="s">
        <v>44</v>
      </c>
      <c r="AC5854" s="2" t="s">
        <v>101569</v>
      </c>
      <c r="AD5854" s="1"/>
    </row>
    <row r="5855" spans="1:30">
      <c r="A5855" s="5" t="s">
        <v>83578</v>
      </c>
      <c r="B5855" s="2" t="s">
        <v>101676</v>
      </c>
      <c r="C5855" s="14" t="s">
        <v>101677</v>
      </c>
      <c r="D5855" s="2" t="s">
        <v>101678</v>
      </c>
      <c r="E5855" s="2" t="s">
        <v>67440</v>
      </c>
      <c r="F5855" s="8">
        <v>1556</v>
      </c>
      <c r="G5855" s="5">
        <v>15</v>
      </c>
      <c r="H5855" s="5" t="s">
        <v>69</v>
      </c>
      <c r="I5855" s="5" t="s">
        <v>67349</v>
      </c>
      <c r="J5855" s="2" t="s">
        <v>67350</v>
      </c>
      <c r="K5855" s="5" t="s">
        <v>67349</v>
      </c>
      <c r="L5855" s="2" t="s">
        <v>67350</v>
      </c>
      <c r="M5855" s="5" t="s">
        <v>72</v>
      </c>
      <c r="N5855" s="5" t="s">
        <v>38</v>
      </c>
      <c r="O5855" s="5" t="s">
        <v>39</v>
      </c>
      <c r="P5855" s="5" t="s">
        <v>40</v>
      </c>
      <c r="Q5855" s="5" t="s">
        <v>73</v>
      </c>
      <c r="R5855" s="5" t="s">
        <v>40</v>
      </c>
      <c r="S5855" s="5" t="s">
        <v>42</v>
      </c>
      <c r="T5855" s="2">
        <v>62.837000000000003</v>
      </c>
      <c r="U5855" s="2">
        <v>35.695</v>
      </c>
      <c r="V5855" s="2">
        <v>22.2</v>
      </c>
      <c r="W5855" s="2">
        <v>328.1</v>
      </c>
      <c r="X5855" s="2">
        <v>56.4</v>
      </c>
      <c r="Y5855" s="2">
        <v>22.2</v>
      </c>
      <c r="Z5855" s="5">
        <v>38</v>
      </c>
      <c r="AA5855" s="5" t="s">
        <v>43</v>
      </c>
      <c r="AB5855" s="5" t="s">
        <v>44</v>
      </c>
      <c r="AC5855" s="2" t="s">
        <v>67441</v>
      </c>
      <c r="AD5855" s="1"/>
    </row>
    <row r="5856" spans="1:30">
      <c r="A5856" s="5" t="s">
        <v>83578</v>
      </c>
      <c r="B5856" s="2" t="s">
        <v>101679</v>
      </c>
      <c r="C5856" s="14" t="s">
        <v>101680</v>
      </c>
      <c r="D5856" s="2" t="s">
        <v>101681</v>
      </c>
      <c r="E5856" s="2" t="s">
        <v>67508</v>
      </c>
      <c r="F5856" s="8">
        <v>1449</v>
      </c>
      <c r="G5856" s="5">
        <v>15</v>
      </c>
      <c r="H5856" s="5" t="s">
        <v>69</v>
      </c>
      <c r="I5856" s="5" t="s">
        <v>67349</v>
      </c>
      <c r="J5856" s="2" t="s">
        <v>67350</v>
      </c>
      <c r="K5856" s="5" t="s">
        <v>67349</v>
      </c>
      <c r="L5856" s="2" t="s">
        <v>67350</v>
      </c>
      <c r="M5856" s="5" t="s">
        <v>72</v>
      </c>
      <c r="N5856" s="5" t="s">
        <v>38</v>
      </c>
      <c r="O5856" s="5" t="s">
        <v>39</v>
      </c>
      <c r="P5856" s="5" t="s">
        <v>40</v>
      </c>
      <c r="Q5856" s="5" t="s">
        <v>73</v>
      </c>
      <c r="R5856" s="5" t="s">
        <v>40</v>
      </c>
      <c r="S5856" s="5" t="s">
        <v>42</v>
      </c>
      <c r="T5856" s="2">
        <v>56.176000000000002</v>
      </c>
      <c r="U5856" s="2">
        <v>29.716000000000001</v>
      </c>
      <c r="V5856" s="2">
        <v>17.2</v>
      </c>
      <c r="W5856" s="2">
        <v>328.1</v>
      </c>
      <c r="X5856" s="2">
        <v>56.4</v>
      </c>
      <c r="Y5856" s="2">
        <v>17.2</v>
      </c>
      <c r="Z5856" s="5">
        <v>38</v>
      </c>
      <c r="AA5856" s="5" t="s">
        <v>43</v>
      </c>
      <c r="AB5856" s="5" t="s">
        <v>44</v>
      </c>
      <c r="AC5856" s="2" t="s">
        <v>101569</v>
      </c>
      <c r="AD5856" s="1"/>
    </row>
    <row r="5857" spans="1:30">
      <c r="A5857" s="5" t="s">
        <v>83578</v>
      </c>
      <c r="B5857" s="2" t="s">
        <v>101682</v>
      </c>
      <c r="C5857" s="14" t="s">
        <v>101683</v>
      </c>
      <c r="D5857" s="2" t="s">
        <v>101684</v>
      </c>
      <c r="E5857" s="2" t="s">
        <v>67440</v>
      </c>
      <c r="F5857" s="8">
        <v>1607</v>
      </c>
      <c r="G5857" s="5">
        <v>15</v>
      </c>
      <c r="H5857" s="5" t="s">
        <v>69</v>
      </c>
      <c r="I5857" s="5" t="s">
        <v>67349</v>
      </c>
      <c r="J5857" s="2" t="s">
        <v>67350</v>
      </c>
      <c r="K5857" s="5" t="s">
        <v>67349</v>
      </c>
      <c r="L5857" s="2" t="s">
        <v>67350</v>
      </c>
      <c r="M5857" s="5" t="s">
        <v>72</v>
      </c>
      <c r="N5857" s="5" t="s">
        <v>38</v>
      </c>
      <c r="O5857" s="5" t="s">
        <v>39</v>
      </c>
      <c r="P5857" s="5" t="s">
        <v>40</v>
      </c>
      <c r="Q5857" s="5" t="s">
        <v>73</v>
      </c>
      <c r="R5857" s="5" t="s">
        <v>40</v>
      </c>
      <c r="S5857" s="5" t="s">
        <v>42</v>
      </c>
      <c r="T5857" s="2">
        <v>63.877000000000002</v>
      </c>
      <c r="U5857" s="2">
        <v>36.664999999999999</v>
      </c>
      <c r="V5857" s="2">
        <v>22.2</v>
      </c>
      <c r="W5857" s="2">
        <v>328.1</v>
      </c>
      <c r="X5857" s="2">
        <v>56.4</v>
      </c>
      <c r="Y5857" s="2">
        <v>22.2</v>
      </c>
      <c r="Z5857" s="5">
        <v>38</v>
      </c>
      <c r="AA5857" s="5" t="s">
        <v>43</v>
      </c>
      <c r="AB5857" s="5" t="s">
        <v>44</v>
      </c>
      <c r="AC5857" s="2" t="s">
        <v>67441</v>
      </c>
      <c r="AD5857" s="1"/>
    </row>
    <row r="5858" spans="1:30">
      <c r="A5858" s="5" t="s">
        <v>83578</v>
      </c>
      <c r="B5858" s="2" t="s">
        <v>101685</v>
      </c>
      <c r="C5858" s="14" t="s">
        <v>101686</v>
      </c>
      <c r="D5858" s="2" t="s">
        <v>101687</v>
      </c>
      <c r="E5858" s="2" t="s">
        <v>67440</v>
      </c>
      <c r="F5858" s="8">
        <v>1485</v>
      </c>
      <c r="G5858" s="5">
        <v>15</v>
      </c>
      <c r="H5858" s="5" t="s">
        <v>69</v>
      </c>
      <c r="I5858" s="5" t="s">
        <v>67349</v>
      </c>
      <c r="J5858" s="2" t="s">
        <v>67350</v>
      </c>
      <c r="K5858" s="5" t="s">
        <v>67349</v>
      </c>
      <c r="L5858" s="2" t="s">
        <v>67350</v>
      </c>
      <c r="M5858" s="5" t="s">
        <v>72</v>
      </c>
      <c r="N5858" s="5" t="s">
        <v>38</v>
      </c>
      <c r="O5858" s="5" t="s">
        <v>39</v>
      </c>
      <c r="P5858" s="5" t="s">
        <v>40</v>
      </c>
      <c r="Q5858" s="5" t="s">
        <v>73</v>
      </c>
      <c r="R5858" s="5" t="s">
        <v>40</v>
      </c>
      <c r="S5858" s="5" t="s">
        <v>42</v>
      </c>
      <c r="T5858" s="2">
        <v>60.082999999999998</v>
      </c>
      <c r="U5858" s="2">
        <v>34.805999999999997</v>
      </c>
      <c r="V5858" s="2">
        <v>22.2</v>
      </c>
      <c r="W5858" s="2">
        <v>216.1</v>
      </c>
      <c r="X5858" s="2">
        <v>74.5</v>
      </c>
      <c r="Y5858" s="2">
        <v>22.2</v>
      </c>
      <c r="Z5858" s="5">
        <v>19</v>
      </c>
      <c r="AA5858" s="5" t="s">
        <v>43</v>
      </c>
      <c r="AB5858" s="5" t="s">
        <v>44</v>
      </c>
      <c r="AC5858" s="2" t="s">
        <v>67610</v>
      </c>
      <c r="AD5858" s="1"/>
    </row>
    <row r="5859" spans="1:30">
      <c r="A5859" s="5" t="s">
        <v>83578</v>
      </c>
      <c r="B5859" s="2" t="s">
        <v>101688</v>
      </c>
      <c r="C5859" s="14" t="s">
        <v>101689</v>
      </c>
      <c r="D5859" s="2" t="s">
        <v>101690</v>
      </c>
      <c r="E5859" s="2" t="s">
        <v>67440</v>
      </c>
      <c r="F5859" s="8">
        <v>1582</v>
      </c>
      <c r="G5859" s="5">
        <v>15</v>
      </c>
      <c r="H5859" s="5" t="s">
        <v>69</v>
      </c>
      <c r="I5859" s="5" t="s">
        <v>67349</v>
      </c>
      <c r="J5859" s="2" t="s">
        <v>67350</v>
      </c>
      <c r="K5859" s="5" t="s">
        <v>67349</v>
      </c>
      <c r="L5859" s="2" t="s">
        <v>67350</v>
      </c>
      <c r="M5859" s="5" t="s">
        <v>72</v>
      </c>
      <c r="N5859" s="5" t="s">
        <v>38</v>
      </c>
      <c r="O5859" s="5" t="s">
        <v>39</v>
      </c>
      <c r="P5859" s="5" t="s">
        <v>40</v>
      </c>
      <c r="Q5859" s="5" t="s">
        <v>73</v>
      </c>
      <c r="R5859" s="5" t="s">
        <v>40</v>
      </c>
      <c r="S5859" s="5" t="s">
        <v>42</v>
      </c>
      <c r="T5859" s="2">
        <v>61.377000000000002</v>
      </c>
      <c r="U5859" s="2">
        <v>36.002000000000002</v>
      </c>
      <c r="V5859" s="2">
        <v>22.2</v>
      </c>
      <c r="W5859" s="2">
        <v>231.1</v>
      </c>
      <c r="X5859" s="2">
        <v>74.5</v>
      </c>
      <c r="Y5859" s="2">
        <v>22.2</v>
      </c>
      <c r="Z5859" s="5">
        <v>19</v>
      </c>
      <c r="AA5859" s="5" t="s">
        <v>43</v>
      </c>
      <c r="AB5859" s="5" t="s">
        <v>44</v>
      </c>
      <c r="AC5859" s="2" t="s">
        <v>67610</v>
      </c>
      <c r="AD5859" s="1"/>
    </row>
    <row r="5860" spans="1:30">
      <c r="A5860" s="5" t="s">
        <v>83578</v>
      </c>
      <c r="B5860" s="2" t="s">
        <v>101691</v>
      </c>
      <c r="C5860" s="14" t="s">
        <v>101692</v>
      </c>
      <c r="D5860" s="2" t="s">
        <v>101693</v>
      </c>
      <c r="E5860" s="2" t="s">
        <v>67440</v>
      </c>
      <c r="F5860" s="8">
        <v>869</v>
      </c>
      <c r="G5860" s="5">
        <v>15</v>
      </c>
      <c r="H5860" s="5" t="s">
        <v>69</v>
      </c>
      <c r="I5860" s="5" t="s">
        <v>67349</v>
      </c>
      <c r="J5860" s="2" t="s">
        <v>67350</v>
      </c>
      <c r="K5860" s="5" t="s">
        <v>67349</v>
      </c>
      <c r="L5860" s="2" t="s">
        <v>67350</v>
      </c>
      <c r="M5860" s="5" t="s">
        <v>72</v>
      </c>
      <c r="N5860" s="5" t="s">
        <v>38</v>
      </c>
      <c r="O5860" s="5" t="s">
        <v>39</v>
      </c>
      <c r="P5860" s="5" t="s">
        <v>40</v>
      </c>
      <c r="Q5860" s="5" t="s">
        <v>73</v>
      </c>
      <c r="R5860" s="5" t="s">
        <v>40</v>
      </c>
      <c r="S5860" s="5" t="s">
        <v>42</v>
      </c>
      <c r="T5860" s="2">
        <v>50.573999999999998</v>
      </c>
      <c r="U5860" s="2">
        <v>26.731999999999999</v>
      </c>
      <c r="V5860" s="2">
        <v>21.8</v>
      </c>
      <c r="W5860" s="2">
        <v>231.1</v>
      </c>
      <c r="X5860" s="2">
        <v>74.5</v>
      </c>
      <c r="Y5860" s="2">
        <v>21.8</v>
      </c>
      <c r="Z5860" s="5">
        <v>19</v>
      </c>
      <c r="AA5860" s="5" t="s">
        <v>43</v>
      </c>
      <c r="AB5860" s="5" t="s">
        <v>44</v>
      </c>
      <c r="AC5860" s="2" t="s">
        <v>67500</v>
      </c>
      <c r="AD5860" s="1"/>
    </row>
    <row r="5861" spans="1:30">
      <c r="A5861" s="5" t="s">
        <v>83578</v>
      </c>
      <c r="B5861" s="2" t="s">
        <v>101694</v>
      </c>
      <c r="C5861" s="14" t="s">
        <v>101695</v>
      </c>
      <c r="D5861" s="2" t="s">
        <v>101696</v>
      </c>
      <c r="E5861" s="2" t="s">
        <v>67440</v>
      </c>
      <c r="F5861" s="8">
        <v>1619</v>
      </c>
      <c r="G5861" s="5">
        <v>15</v>
      </c>
      <c r="H5861" s="5" t="s">
        <v>69</v>
      </c>
      <c r="I5861" s="5" t="s">
        <v>67349</v>
      </c>
      <c r="J5861" s="2" t="s">
        <v>67350</v>
      </c>
      <c r="K5861" s="5" t="s">
        <v>67349</v>
      </c>
      <c r="L5861" s="2" t="s">
        <v>67350</v>
      </c>
      <c r="M5861" s="5" t="s">
        <v>72</v>
      </c>
      <c r="N5861" s="5" t="s">
        <v>38</v>
      </c>
      <c r="O5861" s="5" t="s">
        <v>39</v>
      </c>
      <c r="P5861" s="5" t="s">
        <v>40</v>
      </c>
      <c r="Q5861" s="5" t="s">
        <v>73</v>
      </c>
      <c r="R5861" s="5" t="s">
        <v>40</v>
      </c>
      <c r="S5861" s="5" t="s">
        <v>42</v>
      </c>
      <c r="T5861" s="2">
        <v>42.405000000000001</v>
      </c>
      <c r="U5861" s="2">
        <v>37.097000000000001</v>
      </c>
      <c r="V5861" s="2">
        <v>22.2</v>
      </c>
      <c r="W5861" s="2">
        <v>251.3</v>
      </c>
      <c r="X5861" s="2">
        <v>74.5</v>
      </c>
      <c r="Y5861" s="2">
        <v>22.2</v>
      </c>
      <c r="Z5861" s="5">
        <v>19</v>
      </c>
      <c r="AA5861" s="5" t="s">
        <v>43</v>
      </c>
      <c r="AB5861" s="5" t="s">
        <v>44</v>
      </c>
      <c r="AC5861" s="2" t="s">
        <v>67610</v>
      </c>
      <c r="AD5861" s="1"/>
    </row>
    <row r="5862" spans="1:30">
      <c r="A5862" s="5" t="s">
        <v>83578</v>
      </c>
      <c r="B5862" s="2" t="s">
        <v>101697</v>
      </c>
      <c r="C5862" s="14" t="s">
        <v>101698</v>
      </c>
      <c r="D5862" s="2" t="s">
        <v>101699</v>
      </c>
      <c r="E5862" s="2" t="s">
        <v>67440</v>
      </c>
      <c r="F5862" s="8">
        <v>1619</v>
      </c>
      <c r="G5862" s="5">
        <v>15</v>
      </c>
      <c r="H5862" s="5" t="s">
        <v>69</v>
      </c>
      <c r="I5862" s="5" t="s">
        <v>67349</v>
      </c>
      <c r="J5862" s="2" t="s">
        <v>67350</v>
      </c>
      <c r="K5862" s="5" t="s">
        <v>67349</v>
      </c>
      <c r="L5862" s="2" t="s">
        <v>67350</v>
      </c>
      <c r="M5862" s="5" t="s">
        <v>72</v>
      </c>
      <c r="N5862" s="5" t="s">
        <v>38</v>
      </c>
      <c r="O5862" s="5" t="s">
        <v>39</v>
      </c>
      <c r="P5862" s="5" t="s">
        <v>40</v>
      </c>
      <c r="Q5862" s="5" t="s">
        <v>73</v>
      </c>
      <c r="R5862" s="5" t="s">
        <v>40</v>
      </c>
      <c r="S5862" s="5" t="s">
        <v>42</v>
      </c>
      <c r="T5862" s="2">
        <v>64.117999999999995</v>
      </c>
      <c r="U5862" s="2">
        <v>38.488</v>
      </c>
      <c r="V5862" s="2">
        <v>22.2</v>
      </c>
      <c r="W5862" s="2">
        <v>248.5</v>
      </c>
      <c r="X5862" s="2">
        <v>74.5</v>
      </c>
      <c r="Y5862" s="2">
        <v>22.2</v>
      </c>
      <c r="Z5862" s="5">
        <v>19</v>
      </c>
      <c r="AA5862" s="5" t="s">
        <v>43</v>
      </c>
      <c r="AB5862" s="5" t="s">
        <v>44</v>
      </c>
      <c r="AC5862" s="2" t="s">
        <v>67610</v>
      </c>
      <c r="AD5862" s="1"/>
    </row>
    <row r="5863" spans="1:30">
      <c r="A5863" s="5" t="s">
        <v>83578</v>
      </c>
      <c r="B5863" s="2" t="s">
        <v>101700</v>
      </c>
      <c r="C5863" s="14" t="s">
        <v>101701</v>
      </c>
      <c r="D5863" s="2" t="s">
        <v>101702</v>
      </c>
      <c r="E5863" s="2" t="s">
        <v>67440</v>
      </c>
      <c r="F5863" s="8">
        <v>1693</v>
      </c>
      <c r="G5863" s="5">
        <v>15</v>
      </c>
      <c r="H5863" s="5" t="s">
        <v>69</v>
      </c>
      <c r="I5863" s="5" t="s">
        <v>67349</v>
      </c>
      <c r="J5863" s="2" t="s">
        <v>67350</v>
      </c>
      <c r="K5863" s="5" t="s">
        <v>67349</v>
      </c>
      <c r="L5863" s="2" t="s">
        <v>67350</v>
      </c>
      <c r="M5863" s="5" t="s">
        <v>72</v>
      </c>
      <c r="N5863" s="5" t="s">
        <v>38</v>
      </c>
      <c r="O5863" s="5" t="s">
        <v>39</v>
      </c>
      <c r="P5863" s="5" t="s">
        <v>40</v>
      </c>
      <c r="Q5863" s="5" t="s">
        <v>73</v>
      </c>
      <c r="R5863" s="5" t="s">
        <v>40</v>
      </c>
      <c r="S5863" s="5" t="s">
        <v>42</v>
      </c>
      <c r="T5863" s="2">
        <v>45.146000000000001</v>
      </c>
      <c r="U5863" s="2">
        <v>39.582999999999998</v>
      </c>
      <c r="V5863" s="2">
        <v>22.2</v>
      </c>
      <c r="W5863" s="2">
        <v>251.3</v>
      </c>
      <c r="X5863" s="2">
        <v>74.5</v>
      </c>
      <c r="Y5863" s="2">
        <v>22.2</v>
      </c>
      <c r="Z5863" s="5">
        <v>19</v>
      </c>
      <c r="AA5863" s="5" t="s">
        <v>43</v>
      </c>
      <c r="AB5863" s="5" t="s">
        <v>44</v>
      </c>
      <c r="AC5863" s="2" t="s">
        <v>67610</v>
      </c>
      <c r="AD5863" s="1"/>
    </row>
    <row r="5864" spans="1:30">
      <c r="A5864" s="5" t="s">
        <v>83578</v>
      </c>
      <c r="B5864" s="2" t="s">
        <v>101703</v>
      </c>
      <c r="C5864" s="14" t="s">
        <v>101704</v>
      </c>
      <c r="D5864" s="2" t="s">
        <v>101705</v>
      </c>
      <c r="E5864" s="2" t="s">
        <v>67440</v>
      </c>
      <c r="F5864" s="8">
        <v>1664</v>
      </c>
      <c r="G5864" s="5">
        <v>15</v>
      </c>
      <c r="H5864" s="5" t="s">
        <v>69</v>
      </c>
      <c r="I5864" s="5" t="s">
        <v>67349</v>
      </c>
      <c r="J5864" s="2" t="s">
        <v>67350</v>
      </c>
      <c r="K5864" s="5" t="s">
        <v>67349</v>
      </c>
      <c r="L5864" s="2" t="s">
        <v>67350</v>
      </c>
      <c r="M5864" s="5" t="s">
        <v>72</v>
      </c>
      <c r="N5864" s="5" t="s">
        <v>38</v>
      </c>
      <c r="O5864" s="5" t="s">
        <v>39</v>
      </c>
      <c r="P5864" s="5" t="s">
        <v>40</v>
      </c>
      <c r="Q5864" s="5" t="s">
        <v>73</v>
      </c>
      <c r="R5864" s="5" t="s">
        <v>40</v>
      </c>
      <c r="S5864" s="5" t="s">
        <v>42</v>
      </c>
      <c r="T5864" s="2">
        <v>46.017000000000003</v>
      </c>
      <c r="U5864" s="2">
        <v>40.331000000000003</v>
      </c>
      <c r="V5864" s="2">
        <v>22.2</v>
      </c>
      <c r="W5864" s="2">
        <v>288.10000000000002</v>
      </c>
      <c r="X5864" s="2">
        <v>74.5</v>
      </c>
      <c r="Y5864" s="2">
        <v>22.2</v>
      </c>
      <c r="Z5864" s="5">
        <v>19</v>
      </c>
      <c r="AA5864" s="5" t="s">
        <v>43</v>
      </c>
      <c r="AB5864" s="5" t="s">
        <v>44</v>
      </c>
      <c r="AC5864" s="2" t="s">
        <v>67610</v>
      </c>
      <c r="AD5864" s="1"/>
    </row>
    <row r="5865" spans="1:30">
      <c r="A5865" s="5" t="s">
        <v>83578</v>
      </c>
      <c r="B5865" s="2" t="s">
        <v>101706</v>
      </c>
      <c r="C5865" s="14" t="s">
        <v>101707</v>
      </c>
      <c r="D5865" s="2" t="s">
        <v>101708</v>
      </c>
      <c r="E5865" s="2" t="s">
        <v>67440</v>
      </c>
      <c r="F5865" s="8">
        <v>1708</v>
      </c>
      <c r="G5865" s="5">
        <v>15</v>
      </c>
      <c r="H5865" s="5" t="s">
        <v>69</v>
      </c>
      <c r="I5865" s="5" t="s">
        <v>67349</v>
      </c>
      <c r="J5865" s="2" t="s">
        <v>67350</v>
      </c>
      <c r="K5865" s="5" t="s">
        <v>67349</v>
      </c>
      <c r="L5865" s="2" t="s">
        <v>67350</v>
      </c>
      <c r="M5865" s="5" t="s">
        <v>72</v>
      </c>
      <c r="N5865" s="5" t="s">
        <v>38</v>
      </c>
      <c r="O5865" s="5" t="s">
        <v>39</v>
      </c>
      <c r="P5865" s="5" t="s">
        <v>40</v>
      </c>
      <c r="Q5865" s="5" t="s">
        <v>73</v>
      </c>
      <c r="R5865" s="5" t="s">
        <v>40</v>
      </c>
      <c r="S5865" s="5" t="s">
        <v>42</v>
      </c>
      <c r="T5865" s="2">
        <v>47.313000000000002</v>
      </c>
      <c r="U5865" s="2">
        <v>41.529000000000003</v>
      </c>
      <c r="V5865" s="2">
        <v>22.2</v>
      </c>
      <c r="W5865" s="2">
        <v>288.10000000000002</v>
      </c>
      <c r="X5865" s="2">
        <v>74.5</v>
      </c>
      <c r="Y5865" s="2">
        <v>22.2</v>
      </c>
      <c r="Z5865" s="5">
        <v>19</v>
      </c>
      <c r="AA5865" s="5" t="s">
        <v>43</v>
      </c>
      <c r="AB5865" s="5" t="s">
        <v>44</v>
      </c>
      <c r="AC5865" s="2" t="s">
        <v>67610</v>
      </c>
      <c r="AD5865" s="1"/>
    </row>
    <row r="5866" spans="1:30">
      <c r="A5866" s="5" t="s">
        <v>83578</v>
      </c>
      <c r="B5866" s="2" t="s">
        <v>101709</v>
      </c>
      <c r="C5866" s="14" t="s">
        <v>101710</v>
      </c>
      <c r="D5866" s="2" t="s">
        <v>101711</v>
      </c>
      <c r="E5866" s="2" t="s">
        <v>67440</v>
      </c>
      <c r="F5866" s="8">
        <v>1812</v>
      </c>
      <c r="G5866" s="5">
        <v>15</v>
      </c>
      <c r="H5866" s="5" t="s">
        <v>69</v>
      </c>
      <c r="I5866" s="5" t="s">
        <v>67349</v>
      </c>
      <c r="J5866" s="2" t="s">
        <v>67350</v>
      </c>
      <c r="K5866" s="5" t="s">
        <v>67349</v>
      </c>
      <c r="L5866" s="2" t="s">
        <v>67350</v>
      </c>
      <c r="M5866" s="5" t="s">
        <v>72</v>
      </c>
      <c r="N5866" s="5" t="s">
        <v>38</v>
      </c>
      <c r="O5866" s="5" t="s">
        <v>39</v>
      </c>
      <c r="P5866" s="5" t="s">
        <v>40</v>
      </c>
      <c r="Q5866" s="5" t="s">
        <v>73</v>
      </c>
      <c r="R5866" s="5" t="s">
        <v>40</v>
      </c>
      <c r="S5866" s="5" t="s">
        <v>42</v>
      </c>
      <c r="T5866" s="2">
        <v>51.680999999999997</v>
      </c>
      <c r="U5866" s="2">
        <v>45.582000000000001</v>
      </c>
      <c r="V5866" s="2">
        <v>22.2</v>
      </c>
      <c r="W5866" s="2">
        <v>328.1</v>
      </c>
      <c r="X5866" s="2">
        <v>74.5</v>
      </c>
      <c r="Y5866" s="2">
        <v>22.2</v>
      </c>
      <c r="Z5866" s="5">
        <v>19</v>
      </c>
      <c r="AA5866" s="5" t="s">
        <v>43</v>
      </c>
      <c r="AB5866" s="5" t="s">
        <v>44</v>
      </c>
      <c r="AC5866" s="2" t="s">
        <v>67610</v>
      </c>
      <c r="AD5866" s="1"/>
    </row>
    <row r="5867" spans="1:30">
      <c r="A5867" s="5" t="s">
        <v>83578</v>
      </c>
      <c r="B5867" s="2" t="s">
        <v>101712</v>
      </c>
      <c r="C5867" s="14" t="s">
        <v>101713</v>
      </c>
      <c r="D5867" s="2" t="s">
        <v>101714</v>
      </c>
      <c r="E5867" s="2" t="s">
        <v>67762</v>
      </c>
      <c r="F5867" s="8">
        <v>553</v>
      </c>
      <c r="G5867" s="5">
        <v>15</v>
      </c>
      <c r="H5867" s="5" t="s">
        <v>69</v>
      </c>
      <c r="I5867" s="5" t="s">
        <v>67349</v>
      </c>
      <c r="J5867" s="2" t="s">
        <v>67350</v>
      </c>
      <c r="K5867" s="5" t="s">
        <v>67349</v>
      </c>
      <c r="L5867" s="2" t="s">
        <v>67350</v>
      </c>
      <c r="M5867" s="5" t="s">
        <v>72</v>
      </c>
      <c r="N5867" s="5" t="s">
        <v>38</v>
      </c>
      <c r="O5867" s="5" t="s">
        <v>39</v>
      </c>
      <c r="P5867" s="5" t="s">
        <v>40</v>
      </c>
      <c r="Q5867" s="5" t="s">
        <v>1487</v>
      </c>
      <c r="R5867" s="5"/>
      <c r="S5867" s="5" t="s">
        <v>42</v>
      </c>
      <c r="T5867" s="2">
        <v>0</v>
      </c>
      <c r="U5867" s="2">
        <v>0</v>
      </c>
      <c r="V5867" s="2">
        <v>0</v>
      </c>
      <c r="W5867" s="2">
        <v>0</v>
      </c>
      <c r="X5867" s="2">
        <v>0</v>
      </c>
      <c r="Y5867" s="2">
        <v>0</v>
      </c>
      <c r="Z5867" s="5"/>
      <c r="AA5867" s="5" t="s">
        <v>43</v>
      </c>
      <c r="AB5867" s="5" t="s">
        <v>44</v>
      </c>
      <c r="AC5867" s="2"/>
      <c r="AD5867" s="1"/>
    </row>
    <row r="5868" spans="1:30">
      <c r="A5868" s="5" t="s">
        <v>83578</v>
      </c>
      <c r="B5868" s="2" t="s">
        <v>101715</v>
      </c>
      <c r="C5868" s="14" t="s">
        <v>101716</v>
      </c>
      <c r="D5868" s="2" t="s">
        <v>101717</v>
      </c>
      <c r="E5868" s="2" t="s">
        <v>67762</v>
      </c>
      <c r="F5868" s="8">
        <v>633</v>
      </c>
      <c r="G5868" s="5">
        <v>15</v>
      </c>
      <c r="H5868" s="5" t="s">
        <v>69</v>
      </c>
      <c r="I5868" s="5" t="s">
        <v>67349</v>
      </c>
      <c r="J5868" s="2" t="s">
        <v>67350</v>
      </c>
      <c r="K5868" s="5" t="s">
        <v>67349</v>
      </c>
      <c r="L5868" s="2" t="s">
        <v>67350</v>
      </c>
      <c r="M5868" s="5" t="s">
        <v>72</v>
      </c>
      <c r="N5868" s="5" t="s">
        <v>38</v>
      </c>
      <c r="O5868" s="5" t="s">
        <v>39</v>
      </c>
      <c r="P5868" s="5" t="s">
        <v>40</v>
      </c>
      <c r="Q5868" s="5" t="s">
        <v>1487</v>
      </c>
      <c r="R5868" s="5"/>
      <c r="S5868" s="5" t="s">
        <v>42</v>
      </c>
      <c r="T5868" s="2">
        <v>0</v>
      </c>
      <c r="U5868" s="2">
        <v>0</v>
      </c>
      <c r="V5868" s="2">
        <v>0</v>
      </c>
      <c r="W5868" s="2">
        <v>0</v>
      </c>
      <c r="X5868" s="2">
        <v>0</v>
      </c>
      <c r="Y5868" s="2">
        <v>0</v>
      </c>
      <c r="Z5868" s="5"/>
      <c r="AA5868" s="5" t="s">
        <v>43</v>
      </c>
      <c r="AB5868" s="5" t="s">
        <v>44</v>
      </c>
      <c r="AC5868" s="2"/>
      <c r="AD5868" s="1"/>
    </row>
    <row r="5869" spans="1:30">
      <c r="A5869" s="5" t="s">
        <v>83578</v>
      </c>
      <c r="B5869" s="2" t="s">
        <v>101718</v>
      </c>
      <c r="C5869" s="14" t="s">
        <v>101719</v>
      </c>
      <c r="D5869" s="2" t="s">
        <v>101720</v>
      </c>
      <c r="E5869" s="2" t="s">
        <v>67762</v>
      </c>
      <c r="F5869" s="8">
        <v>672</v>
      </c>
      <c r="G5869" s="5">
        <v>15</v>
      </c>
      <c r="H5869" s="5" t="s">
        <v>69</v>
      </c>
      <c r="I5869" s="5" t="s">
        <v>67349</v>
      </c>
      <c r="J5869" s="2" t="s">
        <v>67350</v>
      </c>
      <c r="K5869" s="5" t="s">
        <v>67349</v>
      </c>
      <c r="L5869" s="2" t="s">
        <v>67350</v>
      </c>
      <c r="M5869" s="5" t="s">
        <v>72</v>
      </c>
      <c r="N5869" s="5" t="s">
        <v>38</v>
      </c>
      <c r="O5869" s="5" t="s">
        <v>39</v>
      </c>
      <c r="P5869" s="5" t="s">
        <v>40</v>
      </c>
      <c r="Q5869" s="5" t="s">
        <v>1487</v>
      </c>
      <c r="R5869" s="5"/>
      <c r="S5869" s="5" t="s">
        <v>42</v>
      </c>
      <c r="T5869" s="2">
        <v>0</v>
      </c>
      <c r="U5869" s="2">
        <v>0</v>
      </c>
      <c r="V5869" s="2">
        <v>0</v>
      </c>
      <c r="W5869" s="2">
        <v>0</v>
      </c>
      <c r="X5869" s="2">
        <v>0</v>
      </c>
      <c r="Y5869" s="2">
        <v>0</v>
      </c>
      <c r="Z5869" s="5"/>
      <c r="AA5869" s="5" t="s">
        <v>43</v>
      </c>
      <c r="AB5869" s="5" t="s">
        <v>44</v>
      </c>
      <c r="AC5869" s="2"/>
      <c r="AD5869" s="1"/>
    </row>
    <row r="5870" spans="1:30">
      <c r="A5870" s="5" t="s">
        <v>83578</v>
      </c>
      <c r="B5870" s="2" t="s">
        <v>101721</v>
      </c>
      <c r="C5870" s="14" t="s">
        <v>101722</v>
      </c>
      <c r="D5870" s="2" t="s">
        <v>101723</v>
      </c>
      <c r="E5870" s="2" t="s">
        <v>67762</v>
      </c>
      <c r="F5870" s="8">
        <v>748</v>
      </c>
      <c r="G5870" s="5">
        <v>15</v>
      </c>
      <c r="H5870" s="5" t="s">
        <v>69</v>
      </c>
      <c r="I5870" s="5" t="s">
        <v>67349</v>
      </c>
      <c r="J5870" s="2" t="s">
        <v>67350</v>
      </c>
      <c r="K5870" s="5" t="s">
        <v>67349</v>
      </c>
      <c r="L5870" s="2" t="s">
        <v>67350</v>
      </c>
      <c r="M5870" s="5" t="s">
        <v>72</v>
      </c>
      <c r="N5870" s="5" t="s">
        <v>38</v>
      </c>
      <c r="O5870" s="5" t="s">
        <v>39</v>
      </c>
      <c r="P5870" s="5" t="s">
        <v>40</v>
      </c>
      <c r="Q5870" s="5" t="s">
        <v>1487</v>
      </c>
      <c r="R5870" s="5"/>
      <c r="S5870" s="5" t="s">
        <v>42</v>
      </c>
      <c r="T5870" s="2">
        <v>0</v>
      </c>
      <c r="U5870" s="2">
        <v>0</v>
      </c>
      <c r="V5870" s="2">
        <v>0</v>
      </c>
      <c r="W5870" s="2">
        <v>0</v>
      </c>
      <c r="X5870" s="2">
        <v>0</v>
      </c>
      <c r="Y5870" s="2">
        <v>0</v>
      </c>
      <c r="Z5870" s="5"/>
      <c r="AA5870" s="5" t="s">
        <v>43</v>
      </c>
      <c r="AB5870" s="5" t="s">
        <v>44</v>
      </c>
      <c r="AC5870" s="2"/>
      <c r="AD5870" s="1"/>
    </row>
    <row r="5871" spans="1:30">
      <c r="A5871" s="5" t="s">
        <v>83578</v>
      </c>
      <c r="B5871" s="2" t="s">
        <v>101724</v>
      </c>
      <c r="C5871" s="14" t="s">
        <v>101725</v>
      </c>
      <c r="D5871" s="2" t="s">
        <v>101726</v>
      </c>
      <c r="E5871" s="2" t="s">
        <v>67762</v>
      </c>
      <c r="F5871" s="8">
        <v>711</v>
      </c>
      <c r="G5871" s="5">
        <v>15</v>
      </c>
      <c r="H5871" s="5" t="s">
        <v>69</v>
      </c>
      <c r="I5871" s="5" t="s">
        <v>67349</v>
      </c>
      <c r="J5871" s="2" t="s">
        <v>67350</v>
      </c>
      <c r="K5871" s="5" t="s">
        <v>67349</v>
      </c>
      <c r="L5871" s="2" t="s">
        <v>67350</v>
      </c>
      <c r="M5871" s="5" t="s">
        <v>72</v>
      </c>
      <c r="N5871" s="5" t="s">
        <v>38</v>
      </c>
      <c r="O5871" s="5" t="s">
        <v>39</v>
      </c>
      <c r="P5871" s="5" t="s">
        <v>40</v>
      </c>
      <c r="Q5871" s="5" t="s">
        <v>1487</v>
      </c>
      <c r="R5871" s="5"/>
      <c r="S5871" s="5" t="s">
        <v>42</v>
      </c>
      <c r="T5871" s="2">
        <v>0</v>
      </c>
      <c r="U5871" s="2">
        <v>0</v>
      </c>
      <c r="V5871" s="2">
        <v>0</v>
      </c>
      <c r="W5871" s="2">
        <v>0</v>
      </c>
      <c r="X5871" s="2">
        <v>0</v>
      </c>
      <c r="Y5871" s="2">
        <v>0</v>
      </c>
      <c r="Z5871" s="5"/>
      <c r="AA5871" s="5" t="s">
        <v>43</v>
      </c>
      <c r="AB5871" s="5" t="s">
        <v>44</v>
      </c>
      <c r="AC5871" s="2"/>
      <c r="AD5871" s="1"/>
    </row>
    <row r="5872" spans="1:30">
      <c r="A5872" s="5" t="s">
        <v>83578</v>
      </c>
      <c r="B5872" s="2" t="s">
        <v>101727</v>
      </c>
      <c r="C5872" s="14" t="s">
        <v>101728</v>
      </c>
      <c r="D5872" s="2" t="s">
        <v>101729</v>
      </c>
      <c r="E5872" s="2" t="s">
        <v>67762</v>
      </c>
      <c r="F5872" s="8">
        <v>791</v>
      </c>
      <c r="G5872" s="5">
        <v>15</v>
      </c>
      <c r="H5872" s="5" t="s">
        <v>69</v>
      </c>
      <c r="I5872" s="5" t="s">
        <v>67349</v>
      </c>
      <c r="J5872" s="2" t="s">
        <v>67350</v>
      </c>
      <c r="K5872" s="5" t="s">
        <v>67349</v>
      </c>
      <c r="L5872" s="2" t="s">
        <v>67350</v>
      </c>
      <c r="M5872" s="5" t="s">
        <v>72</v>
      </c>
      <c r="N5872" s="5" t="s">
        <v>38</v>
      </c>
      <c r="O5872" s="5" t="s">
        <v>39</v>
      </c>
      <c r="P5872" s="5" t="s">
        <v>40</v>
      </c>
      <c r="Q5872" s="5" t="s">
        <v>1487</v>
      </c>
      <c r="R5872" s="5"/>
      <c r="S5872" s="5" t="s">
        <v>42</v>
      </c>
      <c r="T5872" s="2">
        <v>0</v>
      </c>
      <c r="U5872" s="2">
        <v>0</v>
      </c>
      <c r="V5872" s="2">
        <v>0</v>
      </c>
      <c r="W5872" s="2">
        <v>0</v>
      </c>
      <c r="X5872" s="2">
        <v>0</v>
      </c>
      <c r="Y5872" s="2">
        <v>0</v>
      </c>
      <c r="Z5872" s="5"/>
      <c r="AA5872" s="5" t="s">
        <v>43</v>
      </c>
      <c r="AB5872" s="5" t="s">
        <v>44</v>
      </c>
      <c r="AC5872" s="2"/>
      <c r="AD5872" s="1"/>
    </row>
    <row r="5873" spans="1:30">
      <c r="A5873" s="5" t="s">
        <v>83578</v>
      </c>
      <c r="B5873" s="2" t="s">
        <v>101730</v>
      </c>
      <c r="C5873" s="14" t="s">
        <v>101731</v>
      </c>
      <c r="D5873" s="2" t="s">
        <v>101732</v>
      </c>
      <c r="E5873" s="2" t="s">
        <v>67762</v>
      </c>
      <c r="F5873" s="8">
        <v>870</v>
      </c>
      <c r="G5873" s="5">
        <v>15</v>
      </c>
      <c r="H5873" s="5" t="s">
        <v>69</v>
      </c>
      <c r="I5873" s="5" t="s">
        <v>67349</v>
      </c>
      <c r="J5873" s="2" t="s">
        <v>67350</v>
      </c>
      <c r="K5873" s="5" t="s">
        <v>67349</v>
      </c>
      <c r="L5873" s="2" t="s">
        <v>67350</v>
      </c>
      <c r="M5873" s="5" t="s">
        <v>72</v>
      </c>
      <c r="N5873" s="5" t="s">
        <v>38</v>
      </c>
      <c r="O5873" s="5" t="s">
        <v>39</v>
      </c>
      <c r="P5873" s="5" t="s">
        <v>40</v>
      </c>
      <c r="Q5873" s="5" t="s">
        <v>1487</v>
      </c>
      <c r="R5873" s="5"/>
      <c r="S5873" s="5" t="s">
        <v>42</v>
      </c>
      <c r="T5873" s="2">
        <v>0</v>
      </c>
      <c r="U5873" s="2">
        <v>0</v>
      </c>
      <c r="V5873" s="2">
        <v>0</v>
      </c>
      <c r="W5873" s="2">
        <v>0</v>
      </c>
      <c r="X5873" s="2">
        <v>0</v>
      </c>
      <c r="Y5873" s="2">
        <v>0</v>
      </c>
      <c r="Z5873" s="5"/>
      <c r="AA5873" s="5" t="s">
        <v>43</v>
      </c>
      <c r="AB5873" s="5" t="s">
        <v>44</v>
      </c>
      <c r="AC5873" s="2"/>
      <c r="AD5873" s="1"/>
    </row>
    <row r="5874" spans="1:30">
      <c r="A5874" s="5" t="s">
        <v>83578</v>
      </c>
      <c r="B5874" s="2" t="s">
        <v>101733</v>
      </c>
      <c r="C5874" s="14" t="s">
        <v>101734</v>
      </c>
      <c r="D5874" s="2" t="s">
        <v>101735</v>
      </c>
      <c r="E5874" s="2" t="s">
        <v>67762</v>
      </c>
      <c r="F5874" s="8">
        <v>838</v>
      </c>
      <c r="G5874" s="5">
        <v>15</v>
      </c>
      <c r="H5874" s="5" t="s">
        <v>69</v>
      </c>
      <c r="I5874" s="5" t="s">
        <v>67349</v>
      </c>
      <c r="J5874" s="2" t="s">
        <v>67350</v>
      </c>
      <c r="K5874" s="5" t="s">
        <v>67349</v>
      </c>
      <c r="L5874" s="2" t="s">
        <v>67350</v>
      </c>
      <c r="M5874" s="5" t="s">
        <v>72</v>
      </c>
      <c r="N5874" s="5" t="s">
        <v>38</v>
      </c>
      <c r="O5874" s="5" t="s">
        <v>39</v>
      </c>
      <c r="P5874" s="5" t="s">
        <v>40</v>
      </c>
      <c r="Q5874" s="5" t="s">
        <v>1487</v>
      </c>
      <c r="R5874" s="5"/>
      <c r="S5874" s="5" t="s">
        <v>42</v>
      </c>
      <c r="T5874" s="2">
        <v>0</v>
      </c>
      <c r="U5874" s="2">
        <v>0</v>
      </c>
      <c r="V5874" s="2">
        <v>0</v>
      </c>
      <c r="W5874" s="2">
        <v>0</v>
      </c>
      <c r="X5874" s="2">
        <v>0</v>
      </c>
      <c r="Y5874" s="2">
        <v>0</v>
      </c>
      <c r="Z5874" s="5"/>
      <c r="AA5874" s="5" t="s">
        <v>43</v>
      </c>
      <c r="AB5874" s="5" t="s">
        <v>44</v>
      </c>
      <c r="AC5874" s="2"/>
      <c r="AD5874" s="1"/>
    </row>
    <row r="5875" spans="1:30">
      <c r="A5875" s="5" t="s">
        <v>83578</v>
      </c>
      <c r="B5875" s="2" t="s">
        <v>101736</v>
      </c>
      <c r="C5875" s="14" t="s">
        <v>101737</v>
      </c>
      <c r="D5875" s="2" t="s">
        <v>101738</v>
      </c>
      <c r="E5875" s="2" t="s">
        <v>67762</v>
      </c>
      <c r="F5875" s="8">
        <v>943</v>
      </c>
      <c r="G5875" s="5">
        <v>15</v>
      </c>
      <c r="H5875" s="5" t="s">
        <v>69</v>
      </c>
      <c r="I5875" s="5" t="s">
        <v>67349</v>
      </c>
      <c r="J5875" s="2" t="s">
        <v>67350</v>
      </c>
      <c r="K5875" s="5" t="s">
        <v>67349</v>
      </c>
      <c r="L5875" s="2" t="s">
        <v>67350</v>
      </c>
      <c r="M5875" s="5" t="s">
        <v>72</v>
      </c>
      <c r="N5875" s="5" t="s">
        <v>38</v>
      </c>
      <c r="O5875" s="5" t="s">
        <v>39</v>
      </c>
      <c r="P5875" s="5" t="s">
        <v>40</v>
      </c>
      <c r="Q5875" s="5" t="s">
        <v>1487</v>
      </c>
      <c r="R5875" s="5"/>
      <c r="S5875" s="5" t="s">
        <v>42</v>
      </c>
      <c r="T5875" s="2">
        <v>0</v>
      </c>
      <c r="U5875" s="2">
        <v>0</v>
      </c>
      <c r="V5875" s="2">
        <v>0</v>
      </c>
      <c r="W5875" s="2">
        <v>0</v>
      </c>
      <c r="X5875" s="2">
        <v>0</v>
      </c>
      <c r="Y5875" s="2">
        <v>0</v>
      </c>
      <c r="Z5875" s="5"/>
      <c r="AA5875" s="5" t="s">
        <v>43</v>
      </c>
      <c r="AB5875" s="5" t="s">
        <v>44</v>
      </c>
      <c r="AC5875" s="2"/>
      <c r="AD5875" s="1"/>
    </row>
    <row r="5876" spans="1:30">
      <c r="A5876" s="5" t="s">
        <v>83578</v>
      </c>
      <c r="B5876" s="2" t="s">
        <v>101739</v>
      </c>
      <c r="C5876" s="14" t="s">
        <v>101740</v>
      </c>
      <c r="D5876" s="2" t="s">
        <v>101741</v>
      </c>
      <c r="E5876" s="2" t="s">
        <v>67762</v>
      </c>
      <c r="F5876" s="8">
        <v>939</v>
      </c>
      <c r="G5876" s="5">
        <v>15</v>
      </c>
      <c r="H5876" s="5" t="s">
        <v>69</v>
      </c>
      <c r="I5876" s="5" t="s">
        <v>67349</v>
      </c>
      <c r="J5876" s="2" t="s">
        <v>67350</v>
      </c>
      <c r="K5876" s="5" t="s">
        <v>67349</v>
      </c>
      <c r="L5876" s="2" t="s">
        <v>67350</v>
      </c>
      <c r="M5876" s="5" t="s">
        <v>72</v>
      </c>
      <c r="N5876" s="5" t="s">
        <v>38</v>
      </c>
      <c r="O5876" s="5" t="s">
        <v>39</v>
      </c>
      <c r="P5876" s="5" t="s">
        <v>40</v>
      </c>
      <c r="Q5876" s="5" t="s">
        <v>1487</v>
      </c>
      <c r="R5876" s="5"/>
      <c r="S5876" s="5" t="s">
        <v>42</v>
      </c>
      <c r="T5876" s="2">
        <v>0</v>
      </c>
      <c r="U5876" s="2">
        <v>0</v>
      </c>
      <c r="V5876" s="2">
        <v>0</v>
      </c>
      <c r="W5876" s="2">
        <v>0</v>
      </c>
      <c r="X5876" s="2">
        <v>0</v>
      </c>
      <c r="Y5876" s="2">
        <v>0</v>
      </c>
      <c r="Z5876" s="5"/>
      <c r="AA5876" s="5" t="s">
        <v>43</v>
      </c>
      <c r="AB5876" s="5" t="s">
        <v>44</v>
      </c>
      <c r="AC5876" s="2"/>
      <c r="AD5876" s="1"/>
    </row>
    <row r="5877" spans="1:30">
      <c r="A5877" s="5" t="s">
        <v>83578</v>
      </c>
      <c r="B5877" s="2" t="s">
        <v>101742</v>
      </c>
      <c r="C5877" s="14" t="s">
        <v>101743</v>
      </c>
      <c r="D5877" s="2" t="s">
        <v>101744</v>
      </c>
      <c r="E5877" s="2" t="s">
        <v>67762</v>
      </c>
      <c r="F5877" s="8">
        <v>1019</v>
      </c>
      <c r="G5877" s="5">
        <v>15</v>
      </c>
      <c r="H5877" s="5" t="s">
        <v>69</v>
      </c>
      <c r="I5877" s="5" t="s">
        <v>67349</v>
      </c>
      <c r="J5877" s="2" t="s">
        <v>67350</v>
      </c>
      <c r="K5877" s="5" t="s">
        <v>67349</v>
      </c>
      <c r="L5877" s="2" t="s">
        <v>67350</v>
      </c>
      <c r="M5877" s="5" t="s">
        <v>72</v>
      </c>
      <c r="N5877" s="5" t="s">
        <v>38</v>
      </c>
      <c r="O5877" s="5" t="s">
        <v>39</v>
      </c>
      <c r="P5877" s="5" t="s">
        <v>40</v>
      </c>
      <c r="Q5877" s="5" t="s">
        <v>1487</v>
      </c>
      <c r="R5877" s="5"/>
      <c r="S5877" s="5" t="s">
        <v>42</v>
      </c>
      <c r="T5877" s="2">
        <v>0</v>
      </c>
      <c r="U5877" s="2">
        <v>0</v>
      </c>
      <c r="V5877" s="2">
        <v>0</v>
      </c>
      <c r="W5877" s="2">
        <v>0</v>
      </c>
      <c r="X5877" s="2">
        <v>0</v>
      </c>
      <c r="Y5877" s="2">
        <v>0</v>
      </c>
      <c r="Z5877" s="5"/>
      <c r="AA5877" s="5" t="s">
        <v>43</v>
      </c>
      <c r="AB5877" s="5" t="s">
        <v>44</v>
      </c>
      <c r="AC5877" s="2"/>
      <c r="AD5877" s="1"/>
    </row>
    <row r="5878" spans="1:30">
      <c r="A5878" s="5" t="s">
        <v>83578</v>
      </c>
      <c r="B5878" s="2" t="s">
        <v>101745</v>
      </c>
      <c r="C5878" s="14" t="s">
        <v>101746</v>
      </c>
      <c r="D5878" s="2" t="s">
        <v>101747</v>
      </c>
      <c r="E5878" s="2" t="s">
        <v>67762</v>
      </c>
      <c r="F5878" s="8">
        <v>1100</v>
      </c>
      <c r="G5878" s="5">
        <v>15</v>
      </c>
      <c r="H5878" s="5" t="s">
        <v>69</v>
      </c>
      <c r="I5878" s="5" t="s">
        <v>67349</v>
      </c>
      <c r="J5878" s="2" t="s">
        <v>67350</v>
      </c>
      <c r="K5878" s="5" t="s">
        <v>67349</v>
      </c>
      <c r="L5878" s="2" t="s">
        <v>67350</v>
      </c>
      <c r="M5878" s="5" t="s">
        <v>72</v>
      </c>
      <c r="N5878" s="5" t="s">
        <v>38</v>
      </c>
      <c r="O5878" s="5" t="s">
        <v>39</v>
      </c>
      <c r="P5878" s="5" t="s">
        <v>40</v>
      </c>
      <c r="Q5878" s="5" t="s">
        <v>1487</v>
      </c>
      <c r="R5878" s="5"/>
      <c r="S5878" s="5" t="s">
        <v>42</v>
      </c>
      <c r="T5878" s="2">
        <v>0</v>
      </c>
      <c r="U5878" s="2">
        <v>0</v>
      </c>
      <c r="V5878" s="2">
        <v>0</v>
      </c>
      <c r="W5878" s="2">
        <v>0</v>
      </c>
      <c r="X5878" s="2">
        <v>0</v>
      </c>
      <c r="Y5878" s="2">
        <v>0</v>
      </c>
      <c r="Z5878" s="5"/>
      <c r="AA5878" s="5" t="s">
        <v>43</v>
      </c>
      <c r="AB5878" s="5" t="s">
        <v>44</v>
      </c>
      <c r="AC5878" s="2"/>
      <c r="AD5878" s="1"/>
    </row>
    <row r="5879" spans="1:30">
      <c r="A5879" s="5" t="s">
        <v>83578</v>
      </c>
      <c r="B5879" s="2" t="s">
        <v>101748</v>
      </c>
      <c r="C5879" s="14" t="s">
        <v>101749</v>
      </c>
      <c r="D5879" s="2" t="s">
        <v>101750</v>
      </c>
      <c r="E5879" s="2" t="s">
        <v>67762</v>
      </c>
      <c r="F5879" s="8">
        <v>1102</v>
      </c>
      <c r="G5879" s="5">
        <v>15</v>
      </c>
      <c r="H5879" s="5" t="s">
        <v>69</v>
      </c>
      <c r="I5879" s="5" t="s">
        <v>67349</v>
      </c>
      <c r="J5879" s="2" t="s">
        <v>67350</v>
      </c>
      <c r="K5879" s="5" t="s">
        <v>67349</v>
      </c>
      <c r="L5879" s="2" t="s">
        <v>67350</v>
      </c>
      <c r="M5879" s="5" t="s">
        <v>72</v>
      </c>
      <c r="N5879" s="5" t="s">
        <v>38</v>
      </c>
      <c r="O5879" s="5" t="s">
        <v>39</v>
      </c>
      <c r="P5879" s="5" t="s">
        <v>40</v>
      </c>
      <c r="Q5879" s="5" t="s">
        <v>1487</v>
      </c>
      <c r="R5879" s="5"/>
      <c r="S5879" s="5" t="s">
        <v>42</v>
      </c>
      <c r="T5879" s="2">
        <v>0</v>
      </c>
      <c r="U5879" s="2">
        <v>0</v>
      </c>
      <c r="V5879" s="2">
        <v>0</v>
      </c>
      <c r="W5879" s="2">
        <v>0</v>
      </c>
      <c r="X5879" s="2">
        <v>0</v>
      </c>
      <c r="Y5879" s="2">
        <v>0</v>
      </c>
      <c r="Z5879" s="5"/>
      <c r="AA5879" s="5" t="s">
        <v>43</v>
      </c>
      <c r="AB5879" s="5" t="s">
        <v>44</v>
      </c>
      <c r="AC5879" s="2"/>
      <c r="AD5879" s="1"/>
    </row>
    <row r="5880" spans="1:30">
      <c r="A5880" s="5" t="s">
        <v>83578</v>
      </c>
      <c r="B5880" s="2" t="s">
        <v>101751</v>
      </c>
      <c r="C5880" s="14" t="s">
        <v>101752</v>
      </c>
      <c r="D5880" s="2" t="s">
        <v>101753</v>
      </c>
      <c r="E5880" s="2" t="s">
        <v>67762</v>
      </c>
      <c r="F5880" s="8">
        <v>1181</v>
      </c>
      <c r="G5880" s="5">
        <v>15</v>
      </c>
      <c r="H5880" s="5" t="s">
        <v>69</v>
      </c>
      <c r="I5880" s="5" t="s">
        <v>67349</v>
      </c>
      <c r="J5880" s="2" t="s">
        <v>67350</v>
      </c>
      <c r="K5880" s="5" t="s">
        <v>67349</v>
      </c>
      <c r="L5880" s="2" t="s">
        <v>67350</v>
      </c>
      <c r="M5880" s="5" t="s">
        <v>72</v>
      </c>
      <c r="N5880" s="5" t="s">
        <v>38</v>
      </c>
      <c r="O5880" s="5" t="s">
        <v>39</v>
      </c>
      <c r="P5880" s="5" t="s">
        <v>40</v>
      </c>
      <c r="Q5880" s="5" t="s">
        <v>1487</v>
      </c>
      <c r="R5880" s="5"/>
      <c r="S5880" s="5" t="s">
        <v>42</v>
      </c>
      <c r="T5880" s="2">
        <v>0</v>
      </c>
      <c r="U5880" s="2">
        <v>0</v>
      </c>
      <c r="V5880" s="2">
        <v>0</v>
      </c>
      <c r="W5880" s="2">
        <v>0</v>
      </c>
      <c r="X5880" s="2">
        <v>0</v>
      </c>
      <c r="Y5880" s="2">
        <v>0</v>
      </c>
      <c r="Z5880" s="5"/>
      <c r="AA5880" s="5" t="s">
        <v>43</v>
      </c>
      <c r="AB5880" s="5" t="s">
        <v>44</v>
      </c>
      <c r="AC5880" s="2"/>
      <c r="AD5880" s="1"/>
    </row>
    <row r="5881" spans="1:30">
      <c r="A5881" s="5" t="s">
        <v>83578</v>
      </c>
      <c r="B5881" s="2" t="s">
        <v>101754</v>
      </c>
      <c r="C5881" s="14" t="s">
        <v>101755</v>
      </c>
      <c r="D5881" s="2" t="s">
        <v>101756</v>
      </c>
      <c r="E5881" s="2" t="s">
        <v>67945</v>
      </c>
      <c r="F5881" s="8">
        <v>541</v>
      </c>
      <c r="G5881" s="5">
        <v>5</v>
      </c>
      <c r="H5881" s="5" t="s">
        <v>69</v>
      </c>
      <c r="I5881" s="5" t="s">
        <v>67349</v>
      </c>
      <c r="J5881" s="2" t="s">
        <v>67350</v>
      </c>
      <c r="K5881" s="5" t="s">
        <v>67349</v>
      </c>
      <c r="L5881" s="2" t="s">
        <v>67350</v>
      </c>
      <c r="M5881" s="5" t="s">
        <v>72</v>
      </c>
      <c r="N5881" s="5" t="s">
        <v>38</v>
      </c>
      <c r="O5881" s="5" t="s">
        <v>39</v>
      </c>
      <c r="P5881" s="5" t="s">
        <v>40</v>
      </c>
      <c r="Q5881" s="5" t="s">
        <v>28209</v>
      </c>
      <c r="R5881" s="5" t="s">
        <v>40</v>
      </c>
      <c r="S5881" s="5" t="s">
        <v>42</v>
      </c>
      <c r="T5881" s="2">
        <v>24.393999999999998</v>
      </c>
      <c r="U5881" s="2">
        <v>23.117000000000001</v>
      </c>
      <c r="V5881" s="2">
        <v>8</v>
      </c>
      <c r="W5881" s="2">
        <v>167.4</v>
      </c>
      <c r="X5881" s="2">
        <v>39</v>
      </c>
      <c r="Y5881" s="2">
        <v>8</v>
      </c>
      <c r="Z5881" s="5">
        <v>34</v>
      </c>
      <c r="AA5881" s="5" t="s">
        <v>43</v>
      </c>
      <c r="AB5881" s="5" t="s">
        <v>44</v>
      </c>
      <c r="AC5881" s="2" t="s">
        <v>67946</v>
      </c>
      <c r="AD5881" s="1"/>
    </row>
    <row r="5882" spans="1:30">
      <c r="A5882" s="5" t="s">
        <v>83578</v>
      </c>
      <c r="B5882" s="2" t="s">
        <v>101757</v>
      </c>
      <c r="C5882" s="14" t="s">
        <v>101758</v>
      </c>
      <c r="D5882" s="2" t="s">
        <v>101759</v>
      </c>
      <c r="E5882" s="2" t="s">
        <v>67981</v>
      </c>
      <c r="F5882" s="8">
        <v>87</v>
      </c>
      <c r="G5882" s="5">
        <v>5</v>
      </c>
      <c r="H5882" s="5" t="s">
        <v>1518</v>
      </c>
      <c r="I5882" s="5" t="s">
        <v>67956</v>
      </c>
      <c r="J5882" s="2" t="s">
        <v>67957</v>
      </c>
      <c r="K5882" s="5" t="s">
        <v>67956</v>
      </c>
      <c r="L5882" s="2" t="s">
        <v>67957</v>
      </c>
      <c r="M5882" s="5" t="s">
        <v>19227</v>
      </c>
      <c r="N5882" s="5" t="s">
        <v>38</v>
      </c>
      <c r="O5882" s="5" t="s">
        <v>39</v>
      </c>
      <c r="P5882" s="5" t="s">
        <v>40</v>
      </c>
      <c r="Q5882" s="5" t="s">
        <v>67958</v>
      </c>
      <c r="R5882" s="5" t="s">
        <v>40</v>
      </c>
      <c r="S5882" s="5" t="s">
        <v>42</v>
      </c>
      <c r="T5882" s="2">
        <v>0.63800000000000001</v>
      </c>
      <c r="U5882" s="2">
        <v>0.50700000000000001</v>
      </c>
      <c r="V5882" s="2">
        <v>7.4</v>
      </c>
      <c r="W5882" s="2">
        <v>50.9</v>
      </c>
      <c r="X5882" s="2">
        <v>7.1</v>
      </c>
      <c r="Y5882" s="2">
        <v>7.4</v>
      </c>
      <c r="Z5882" s="5"/>
      <c r="AA5882" s="5" t="s">
        <v>43</v>
      </c>
      <c r="AB5882" s="5" t="s">
        <v>44</v>
      </c>
      <c r="AC5882" s="2"/>
      <c r="AD5882" s="1"/>
    </row>
    <row r="5883" spans="1:30">
      <c r="A5883" s="5" t="s">
        <v>83578</v>
      </c>
      <c r="B5883" s="2" t="s">
        <v>101760</v>
      </c>
      <c r="C5883" s="14" t="s">
        <v>101761</v>
      </c>
      <c r="D5883" s="2" t="s">
        <v>101762</v>
      </c>
      <c r="E5883" s="2" t="s">
        <v>67981</v>
      </c>
      <c r="F5883" s="8">
        <v>98</v>
      </c>
      <c r="G5883" s="5">
        <v>6</v>
      </c>
      <c r="H5883" s="5" t="s">
        <v>1518</v>
      </c>
      <c r="I5883" s="5" t="s">
        <v>67956</v>
      </c>
      <c r="J5883" s="2" t="s">
        <v>67957</v>
      </c>
      <c r="K5883" s="5" t="s">
        <v>67956</v>
      </c>
      <c r="L5883" s="2" t="s">
        <v>67957</v>
      </c>
      <c r="M5883" s="5" t="s">
        <v>19227</v>
      </c>
      <c r="N5883" s="5" t="s">
        <v>38</v>
      </c>
      <c r="O5883" s="5" t="s">
        <v>39</v>
      </c>
      <c r="P5883" s="5" t="s">
        <v>40</v>
      </c>
      <c r="Q5883" s="5" t="s">
        <v>67958</v>
      </c>
      <c r="R5883" s="5" t="s">
        <v>40</v>
      </c>
      <c r="S5883" s="5" t="s">
        <v>42</v>
      </c>
      <c r="T5883" s="2">
        <v>0.82299999999999995</v>
      </c>
      <c r="U5883" s="2">
        <v>0.66600000000000004</v>
      </c>
      <c r="V5883" s="2">
        <v>7.4</v>
      </c>
      <c r="W5883" s="2">
        <v>65.900000000000006</v>
      </c>
      <c r="X5883" s="2">
        <v>7.1</v>
      </c>
      <c r="Y5883" s="2">
        <v>7.4</v>
      </c>
      <c r="Z5883" s="5"/>
      <c r="AA5883" s="5" t="s">
        <v>43</v>
      </c>
      <c r="AB5883" s="5" t="s">
        <v>44</v>
      </c>
      <c r="AC5883" s="2"/>
      <c r="AD5883" s="1"/>
    </row>
    <row r="5884" spans="1:30">
      <c r="A5884" s="5" t="s">
        <v>83578</v>
      </c>
      <c r="B5884" s="2" t="s">
        <v>101763</v>
      </c>
      <c r="C5884" s="14" t="s">
        <v>101764</v>
      </c>
      <c r="D5884" s="2" t="s">
        <v>101765</v>
      </c>
      <c r="E5884" s="2" t="s">
        <v>67981</v>
      </c>
      <c r="F5884" s="8">
        <v>105</v>
      </c>
      <c r="G5884" s="5">
        <v>5</v>
      </c>
      <c r="H5884" s="5" t="s">
        <v>1518</v>
      </c>
      <c r="I5884" s="5" t="s">
        <v>67956</v>
      </c>
      <c r="J5884" s="2" t="s">
        <v>67957</v>
      </c>
      <c r="K5884" s="5" t="s">
        <v>67956</v>
      </c>
      <c r="L5884" s="2" t="s">
        <v>67957</v>
      </c>
      <c r="M5884" s="5" t="s">
        <v>19227</v>
      </c>
      <c r="N5884" s="5" t="s">
        <v>38</v>
      </c>
      <c r="O5884" s="5" t="s">
        <v>39</v>
      </c>
      <c r="P5884" s="5" t="s">
        <v>40</v>
      </c>
      <c r="Q5884" s="5" t="s">
        <v>67958</v>
      </c>
      <c r="R5884" s="5" t="s">
        <v>40</v>
      </c>
      <c r="S5884" s="5" t="s">
        <v>42</v>
      </c>
      <c r="T5884" s="2">
        <v>0.92</v>
      </c>
      <c r="U5884" s="2">
        <v>0.73299999999999998</v>
      </c>
      <c r="V5884" s="2">
        <v>7.4</v>
      </c>
      <c r="W5884" s="2">
        <v>72</v>
      </c>
      <c r="X5884" s="2">
        <v>7.1</v>
      </c>
      <c r="Y5884" s="2">
        <v>7.4</v>
      </c>
      <c r="Z5884" s="5"/>
      <c r="AA5884" s="5" t="s">
        <v>43</v>
      </c>
      <c r="AB5884" s="5" t="s">
        <v>44</v>
      </c>
      <c r="AC5884" s="2"/>
      <c r="AD5884" s="1"/>
    </row>
    <row r="5885" spans="1:30">
      <c r="A5885" s="5" t="s">
        <v>83578</v>
      </c>
      <c r="B5885" s="2" t="s">
        <v>101766</v>
      </c>
      <c r="C5885" s="14" t="s">
        <v>101767</v>
      </c>
      <c r="D5885" s="2" t="s">
        <v>101768</v>
      </c>
      <c r="E5885" s="2" t="s">
        <v>67981</v>
      </c>
      <c r="F5885" s="8">
        <v>122</v>
      </c>
      <c r="G5885" s="5">
        <v>6</v>
      </c>
      <c r="H5885" s="5" t="s">
        <v>1518</v>
      </c>
      <c r="I5885" s="5" t="s">
        <v>67956</v>
      </c>
      <c r="J5885" s="2" t="s">
        <v>67957</v>
      </c>
      <c r="K5885" s="5" t="s">
        <v>67956</v>
      </c>
      <c r="L5885" s="2" t="s">
        <v>67957</v>
      </c>
      <c r="M5885" s="5" t="s">
        <v>19227</v>
      </c>
      <c r="N5885" s="5" t="s">
        <v>38</v>
      </c>
      <c r="O5885" s="5" t="s">
        <v>39</v>
      </c>
      <c r="P5885" s="5" t="s">
        <v>40</v>
      </c>
      <c r="Q5885" s="5" t="s">
        <v>67958</v>
      </c>
      <c r="R5885" s="5" t="s">
        <v>40</v>
      </c>
      <c r="S5885" s="5" t="s">
        <v>42</v>
      </c>
      <c r="T5885" s="2">
        <v>1.1499999999999999</v>
      </c>
      <c r="U5885" s="2">
        <v>0.93899999999999995</v>
      </c>
      <c r="V5885" s="2">
        <v>7.4</v>
      </c>
      <c r="W5885" s="2">
        <v>86.3</v>
      </c>
      <c r="X5885" s="2">
        <v>7.1</v>
      </c>
      <c r="Y5885" s="2">
        <v>7.4</v>
      </c>
      <c r="Z5885" s="5"/>
      <c r="AA5885" s="5" t="s">
        <v>43</v>
      </c>
      <c r="AB5885" s="5" t="s">
        <v>44</v>
      </c>
      <c r="AC5885" s="2"/>
      <c r="AD5885" s="1"/>
    </row>
    <row r="5886" spans="1:30">
      <c r="A5886" s="5" t="s">
        <v>83578</v>
      </c>
      <c r="B5886" s="2" t="s">
        <v>101769</v>
      </c>
      <c r="C5886" s="14" t="s">
        <v>101770</v>
      </c>
      <c r="D5886" s="2" t="s">
        <v>101771</v>
      </c>
      <c r="E5886" s="2" t="s">
        <v>67981</v>
      </c>
      <c r="F5886" s="8">
        <v>135</v>
      </c>
      <c r="G5886" s="5">
        <v>5</v>
      </c>
      <c r="H5886" s="5" t="s">
        <v>1518</v>
      </c>
      <c r="I5886" s="5" t="s">
        <v>67956</v>
      </c>
      <c r="J5886" s="2" t="s">
        <v>67957</v>
      </c>
      <c r="K5886" s="5" t="s">
        <v>67956</v>
      </c>
      <c r="L5886" s="2" t="s">
        <v>67957</v>
      </c>
      <c r="M5886" s="5" t="s">
        <v>19227</v>
      </c>
      <c r="N5886" s="5" t="s">
        <v>38</v>
      </c>
      <c r="O5886" s="5" t="s">
        <v>39</v>
      </c>
      <c r="P5886" s="5" t="s">
        <v>40</v>
      </c>
      <c r="Q5886" s="5" t="s">
        <v>67958</v>
      </c>
      <c r="R5886" s="5" t="s">
        <v>40</v>
      </c>
      <c r="S5886" s="5" t="s">
        <v>42</v>
      </c>
      <c r="T5886" s="2">
        <v>1.343</v>
      </c>
      <c r="U5886" s="2">
        <v>1.1379999999999999</v>
      </c>
      <c r="V5886" s="2">
        <v>7.4</v>
      </c>
      <c r="W5886" s="2">
        <v>106.9</v>
      </c>
      <c r="X5886" s="2">
        <v>7.1</v>
      </c>
      <c r="Y5886" s="2">
        <v>7.4</v>
      </c>
      <c r="Z5886" s="5"/>
      <c r="AA5886" s="5" t="s">
        <v>43</v>
      </c>
      <c r="AB5886" s="5" t="s">
        <v>44</v>
      </c>
      <c r="AC5886" s="2"/>
      <c r="AD5886" s="1"/>
    </row>
    <row r="5887" spans="1:30">
      <c r="A5887" s="5" t="s">
        <v>83578</v>
      </c>
      <c r="B5887" s="2" t="s">
        <v>101772</v>
      </c>
      <c r="C5887" s="14" t="s">
        <v>101773</v>
      </c>
      <c r="D5887" s="2" t="s">
        <v>101774</v>
      </c>
      <c r="E5887" s="2" t="s">
        <v>67981</v>
      </c>
      <c r="F5887" s="8">
        <v>139</v>
      </c>
      <c r="G5887" s="5">
        <v>6</v>
      </c>
      <c r="H5887" s="5" t="s">
        <v>1518</v>
      </c>
      <c r="I5887" s="5" t="s">
        <v>67956</v>
      </c>
      <c r="J5887" s="2" t="s">
        <v>67957</v>
      </c>
      <c r="K5887" s="5" t="s">
        <v>67956</v>
      </c>
      <c r="L5887" s="2" t="s">
        <v>67957</v>
      </c>
      <c r="M5887" s="5" t="s">
        <v>19227</v>
      </c>
      <c r="N5887" s="5" t="s">
        <v>38</v>
      </c>
      <c r="O5887" s="5" t="s">
        <v>39</v>
      </c>
      <c r="P5887" s="5" t="s">
        <v>40</v>
      </c>
      <c r="Q5887" s="5" t="s">
        <v>67958</v>
      </c>
      <c r="R5887" s="5" t="s">
        <v>40</v>
      </c>
      <c r="S5887" s="5" t="s">
        <v>42</v>
      </c>
      <c r="T5887" s="2">
        <v>1.575</v>
      </c>
      <c r="U5887" s="2">
        <v>1.3260000000000001</v>
      </c>
      <c r="V5887" s="2">
        <v>7.4</v>
      </c>
      <c r="W5887" s="2">
        <v>126.9</v>
      </c>
      <c r="X5887" s="2">
        <v>7.1</v>
      </c>
      <c r="Y5887" s="2">
        <v>7.4</v>
      </c>
      <c r="Z5887" s="5"/>
      <c r="AA5887" s="5" t="s">
        <v>43</v>
      </c>
      <c r="AB5887" s="5" t="s">
        <v>44</v>
      </c>
      <c r="AC5887" s="2"/>
      <c r="AD5887" s="1"/>
    </row>
    <row r="5888" spans="1:30">
      <c r="A5888" s="5" t="s">
        <v>83578</v>
      </c>
      <c r="B5888" s="2" t="s">
        <v>101775</v>
      </c>
      <c r="C5888" s="14" t="s">
        <v>101776</v>
      </c>
      <c r="D5888" s="2" t="s">
        <v>101777</v>
      </c>
      <c r="E5888" s="2" t="s">
        <v>67981</v>
      </c>
      <c r="F5888" s="8">
        <v>111</v>
      </c>
      <c r="G5888" s="5">
        <v>6</v>
      </c>
      <c r="H5888" s="5" t="s">
        <v>1518</v>
      </c>
      <c r="I5888" s="5" t="s">
        <v>67956</v>
      </c>
      <c r="J5888" s="2" t="s">
        <v>67957</v>
      </c>
      <c r="K5888" s="5" t="s">
        <v>67956</v>
      </c>
      <c r="L5888" s="2" t="s">
        <v>67957</v>
      </c>
      <c r="M5888" s="5" t="s">
        <v>19227</v>
      </c>
      <c r="N5888" s="5" t="s">
        <v>38</v>
      </c>
      <c r="O5888" s="5" t="s">
        <v>39</v>
      </c>
      <c r="P5888" s="5" t="s">
        <v>40</v>
      </c>
      <c r="Q5888" s="5" t="s">
        <v>67958</v>
      </c>
      <c r="R5888" s="5" t="s">
        <v>40</v>
      </c>
      <c r="S5888" s="5" t="s">
        <v>42</v>
      </c>
      <c r="T5888" s="2">
        <v>2.121</v>
      </c>
      <c r="U5888" s="2">
        <v>1.714</v>
      </c>
      <c r="V5888" s="2">
        <v>7.4</v>
      </c>
      <c r="W5888" s="2">
        <v>181.8</v>
      </c>
      <c r="X5888" s="2">
        <v>7.1</v>
      </c>
      <c r="Y5888" s="2">
        <v>7.4</v>
      </c>
      <c r="Z5888" s="5"/>
      <c r="AA5888" s="5" t="s">
        <v>43</v>
      </c>
      <c r="AB5888" s="5" t="s">
        <v>44</v>
      </c>
      <c r="AC5888" s="2"/>
      <c r="AD5888" s="1"/>
    </row>
    <row r="5889" spans="1:30">
      <c r="A5889" s="5" t="s">
        <v>83578</v>
      </c>
      <c r="B5889" s="2" t="s">
        <v>101778</v>
      </c>
      <c r="C5889" s="14" t="s">
        <v>101779</v>
      </c>
      <c r="D5889" s="2" t="s">
        <v>101780</v>
      </c>
      <c r="E5889" s="2" t="s">
        <v>67981</v>
      </c>
      <c r="F5889" s="8">
        <v>87</v>
      </c>
      <c r="G5889" s="5">
        <v>6</v>
      </c>
      <c r="H5889" s="5" t="s">
        <v>1518</v>
      </c>
      <c r="I5889" s="5" t="s">
        <v>67956</v>
      </c>
      <c r="J5889" s="2" t="s">
        <v>67957</v>
      </c>
      <c r="K5889" s="5" t="s">
        <v>67956</v>
      </c>
      <c r="L5889" s="2" t="s">
        <v>67957</v>
      </c>
      <c r="M5889" s="5" t="s">
        <v>19227</v>
      </c>
      <c r="N5889" s="5" t="s">
        <v>38</v>
      </c>
      <c r="O5889" s="5" t="s">
        <v>39</v>
      </c>
      <c r="P5889" s="5" t="s">
        <v>40</v>
      </c>
      <c r="Q5889" s="5" t="s">
        <v>67958</v>
      </c>
      <c r="R5889" s="5" t="s">
        <v>40</v>
      </c>
      <c r="S5889" s="5" t="s">
        <v>42</v>
      </c>
      <c r="T5889" s="2">
        <v>0.98599999999999999</v>
      </c>
      <c r="U5889" s="2">
        <v>0.83199999999999996</v>
      </c>
      <c r="V5889" s="2">
        <v>7.4</v>
      </c>
      <c r="W5889" s="2">
        <v>65.900000000000006</v>
      </c>
      <c r="X5889" s="2">
        <v>7.1</v>
      </c>
      <c r="Y5889" s="2">
        <v>7.4</v>
      </c>
      <c r="Z5889" s="5"/>
      <c r="AA5889" s="5" t="s">
        <v>43</v>
      </c>
      <c r="AB5889" s="5" t="s">
        <v>44</v>
      </c>
      <c r="AC5889" s="2"/>
      <c r="AD5889" s="1"/>
    </row>
    <row r="5890" spans="1:30">
      <c r="A5890" s="5" t="s">
        <v>83578</v>
      </c>
      <c r="B5890" s="2" t="s">
        <v>101781</v>
      </c>
      <c r="C5890" s="14" t="s">
        <v>101782</v>
      </c>
      <c r="D5890" s="2" t="s">
        <v>101783</v>
      </c>
      <c r="E5890" s="2" t="s">
        <v>67981</v>
      </c>
      <c r="F5890" s="8">
        <v>98</v>
      </c>
      <c r="G5890" s="5">
        <v>6</v>
      </c>
      <c r="H5890" s="5" t="s">
        <v>1518</v>
      </c>
      <c r="I5890" s="5" t="s">
        <v>67956</v>
      </c>
      <c r="J5890" s="2" t="s">
        <v>67957</v>
      </c>
      <c r="K5890" s="5" t="s">
        <v>67956</v>
      </c>
      <c r="L5890" s="2" t="s">
        <v>67957</v>
      </c>
      <c r="M5890" s="5" t="s">
        <v>19227</v>
      </c>
      <c r="N5890" s="5" t="s">
        <v>38</v>
      </c>
      <c r="O5890" s="5" t="s">
        <v>39</v>
      </c>
      <c r="P5890" s="5" t="s">
        <v>40</v>
      </c>
      <c r="Q5890" s="5" t="s">
        <v>67958</v>
      </c>
      <c r="R5890" s="5" t="s">
        <v>40</v>
      </c>
      <c r="S5890" s="5" t="s">
        <v>42</v>
      </c>
      <c r="T5890" s="2">
        <v>1.1220000000000001</v>
      </c>
      <c r="U5890" s="2">
        <v>0.97399999999999998</v>
      </c>
      <c r="V5890" s="2">
        <v>7.4</v>
      </c>
      <c r="W5890" s="2">
        <v>65.900000000000006</v>
      </c>
      <c r="X5890" s="2">
        <v>7.1</v>
      </c>
      <c r="Y5890" s="2">
        <v>7.4</v>
      </c>
      <c r="Z5890" s="5"/>
      <c r="AA5890" s="5" t="s">
        <v>43</v>
      </c>
      <c r="AB5890" s="5" t="s">
        <v>44</v>
      </c>
      <c r="AC5890" s="2"/>
      <c r="AD5890" s="1"/>
    </row>
    <row r="5891" spans="1:30">
      <c r="A5891" s="5" t="s">
        <v>83578</v>
      </c>
      <c r="B5891" s="2" t="s">
        <v>101784</v>
      </c>
      <c r="C5891" s="14" t="s">
        <v>101785</v>
      </c>
      <c r="D5891" s="2" t="s">
        <v>101786</v>
      </c>
      <c r="E5891" s="2" t="s">
        <v>67981</v>
      </c>
      <c r="F5891" s="8">
        <v>105</v>
      </c>
      <c r="G5891" s="5">
        <v>6</v>
      </c>
      <c r="H5891" s="5" t="s">
        <v>1518</v>
      </c>
      <c r="I5891" s="5" t="s">
        <v>67956</v>
      </c>
      <c r="J5891" s="2" t="s">
        <v>67957</v>
      </c>
      <c r="K5891" s="5" t="s">
        <v>67956</v>
      </c>
      <c r="L5891" s="2" t="s">
        <v>67957</v>
      </c>
      <c r="M5891" s="5" t="s">
        <v>19227</v>
      </c>
      <c r="N5891" s="5" t="s">
        <v>38</v>
      </c>
      <c r="O5891" s="5" t="s">
        <v>39</v>
      </c>
      <c r="P5891" s="5" t="s">
        <v>40</v>
      </c>
      <c r="Q5891" s="5" t="s">
        <v>67958</v>
      </c>
      <c r="R5891" s="5" t="s">
        <v>40</v>
      </c>
      <c r="S5891" s="5" t="s">
        <v>42</v>
      </c>
      <c r="T5891" s="2">
        <v>1.33</v>
      </c>
      <c r="U5891" s="2">
        <v>1.117</v>
      </c>
      <c r="V5891" s="2">
        <v>7.4</v>
      </c>
      <c r="W5891" s="2">
        <v>86.3</v>
      </c>
      <c r="X5891" s="2">
        <v>7.1</v>
      </c>
      <c r="Y5891" s="2">
        <v>7.4</v>
      </c>
      <c r="Z5891" s="5"/>
      <c r="AA5891" s="5" t="s">
        <v>43</v>
      </c>
      <c r="AB5891" s="5" t="s">
        <v>44</v>
      </c>
      <c r="AC5891" s="2"/>
      <c r="AD5891" s="1"/>
    </row>
    <row r="5892" spans="1:30">
      <c r="A5892" s="5" t="s">
        <v>83578</v>
      </c>
      <c r="B5892" s="2" t="s">
        <v>101787</v>
      </c>
      <c r="C5892" s="14" t="s">
        <v>101788</v>
      </c>
      <c r="D5892" s="2" t="s">
        <v>101789</v>
      </c>
      <c r="E5892" s="2" t="s">
        <v>67981</v>
      </c>
      <c r="F5892" s="8">
        <v>122</v>
      </c>
      <c r="G5892" s="5">
        <v>6</v>
      </c>
      <c r="H5892" s="5" t="s">
        <v>1518</v>
      </c>
      <c r="I5892" s="5" t="s">
        <v>67956</v>
      </c>
      <c r="J5892" s="2" t="s">
        <v>67957</v>
      </c>
      <c r="K5892" s="5" t="s">
        <v>67956</v>
      </c>
      <c r="L5892" s="2" t="s">
        <v>67957</v>
      </c>
      <c r="M5892" s="5" t="s">
        <v>19227</v>
      </c>
      <c r="N5892" s="5" t="s">
        <v>38</v>
      </c>
      <c r="O5892" s="5" t="s">
        <v>39</v>
      </c>
      <c r="P5892" s="5" t="s">
        <v>40</v>
      </c>
      <c r="Q5892" s="5" t="s">
        <v>67958</v>
      </c>
      <c r="R5892" s="5" t="s">
        <v>40</v>
      </c>
      <c r="S5892" s="5" t="s">
        <v>42</v>
      </c>
      <c r="T5892" s="2">
        <v>1.5820000000000001</v>
      </c>
      <c r="U5892" s="2">
        <v>1.373</v>
      </c>
      <c r="V5892" s="2">
        <v>7.4</v>
      </c>
      <c r="W5892" s="2">
        <v>106.9</v>
      </c>
      <c r="X5892" s="2">
        <v>7.1</v>
      </c>
      <c r="Y5892" s="2">
        <v>7.4</v>
      </c>
      <c r="Z5892" s="5"/>
      <c r="AA5892" s="5" t="s">
        <v>43</v>
      </c>
      <c r="AB5892" s="5" t="s">
        <v>44</v>
      </c>
      <c r="AC5892" s="2"/>
      <c r="AD5892" s="1"/>
    </row>
    <row r="5893" spans="1:30">
      <c r="A5893" s="5" t="s">
        <v>83578</v>
      </c>
      <c r="B5893" s="2" t="s">
        <v>101790</v>
      </c>
      <c r="C5893" s="14" t="s">
        <v>101791</v>
      </c>
      <c r="D5893" s="2" t="s">
        <v>101792</v>
      </c>
      <c r="E5893" s="2" t="s">
        <v>67981</v>
      </c>
      <c r="F5893" s="8">
        <v>135</v>
      </c>
      <c r="G5893" s="5">
        <v>5</v>
      </c>
      <c r="H5893" s="5" t="s">
        <v>1518</v>
      </c>
      <c r="I5893" s="5" t="s">
        <v>67956</v>
      </c>
      <c r="J5893" s="2" t="s">
        <v>67957</v>
      </c>
      <c r="K5893" s="5" t="s">
        <v>67956</v>
      </c>
      <c r="L5893" s="2" t="s">
        <v>67957</v>
      </c>
      <c r="M5893" s="5" t="s">
        <v>19227</v>
      </c>
      <c r="N5893" s="5" t="s">
        <v>38</v>
      </c>
      <c r="O5893" s="5" t="s">
        <v>39</v>
      </c>
      <c r="P5893" s="5" t="s">
        <v>40</v>
      </c>
      <c r="Q5893" s="5" t="s">
        <v>67958</v>
      </c>
      <c r="R5893" s="5" t="s">
        <v>40</v>
      </c>
      <c r="S5893" s="5" t="s">
        <v>42</v>
      </c>
      <c r="T5893" s="2">
        <v>1.879</v>
      </c>
      <c r="U5893" s="2">
        <v>1.63</v>
      </c>
      <c r="V5893" s="2">
        <v>7.4</v>
      </c>
      <c r="W5893" s="2">
        <v>126.9</v>
      </c>
      <c r="X5893" s="2">
        <v>7.1</v>
      </c>
      <c r="Y5893" s="2">
        <v>7.4</v>
      </c>
      <c r="Z5893" s="5"/>
      <c r="AA5893" s="5" t="s">
        <v>43</v>
      </c>
      <c r="AB5893" s="5" t="s">
        <v>44</v>
      </c>
      <c r="AC5893" s="2"/>
      <c r="AD5893" s="1"/>
    </row>
    <row r="5894" spans="1:30">
      <c r="A5894" s="5" t="s">
        <v>83578</v>
      </c>
      <c r="B5894" s="2" t="s">
        <v>101793</v>
      </c>
      <c r="C5894" s="14" t="s">
        <v>101794</v>
      </c>
      <c r="D5894" s="2" t="s">
        <v>101795</v>
      </c>
      <c r="E5894" s="2" t="s">
        <v>67981</v>
      </c>
      <c r="F5894" s="8">
        <v>139</v>
      </c>
      <c r="G5894" s="5">
        <v>6</v>
      </c>
      <c r="H5894" s="5" t="s">
        <v>1518</v>
      </c>
      <c r="I5894" s="5" t="s">
        <v>67956</v>
      </c>
      <c r="J5894" s="2" t="s">
        <v>67957</v>
      </c>
      <c r="K5894" s="5" t="s">
        <v>67956</v>
      </c>
      <c r="L5894" s="2" t="s">
        <v>67957</v>
      </c>
      <c r="M5894" s="5" t="s">
        <v>19227</v>
      </c>
      <c r="N5894" s="5" t="s">
        <v>38</v>
      </c>
      <c r="O5894" s="5" t="s">
        <v>39</v>
      </c>
      <c r="P5894" s="5" t="s">
        <v>40</v>
      </c>
      <c r="Q5894" s="5" t="s">
        <v>67958</v>
      </c>
      <c r="R5894" s="5" t="s">
        <v>40</v>
      </c>
      <c r="S5894" s="5" t="s">
        <v>42</v>
      </c>
      <c r="T5894" s="2">
        <v>2.198</v>
      </c>
      <c r="U5894" s="2">
        <v>1.9259999999999999</v>
      </c>
      <c r="V5894" s="2">
        <v>7.4</v>
      </c>
      <c r="W5894" s="2">
        <v>137.9</v>
      </c>
      <c r="X5894" s="2">
        <v>7.1</v>
      </c>
      <c r="Y5894" s="2">
        <v>7.4</v>
      </c>
      <c r="Z5894" s="5"/>
      <c r="AA5894" s="5" t="s">
        <v>43</v>
      </c>
      <c r="AB5894" s="5" t="s">
        <v>44</v>
      </c>
      <c r="AC5894" s="2"/>
      <c r="AD5894" s="1"/>
    </row>
    <row r="5895" spans="1:30">
      <c r="A5895" s="5" t="s">
        <v>83578</v>
      </c>
      <c r="B5895" s="2" t="s">
        <v>101796</v>
      </c>
      <c r="C5895" s="14" t="s">
        <v>101797</v>
      </c>
      <c r="D5895" s="2" t="s">
        <v>101798</v>
      </c>
      <c r="E5895" s="2" t="s">
        <v>1531</v>
      </c>
      <c r="F5895" s="8">
        <v>279</v>
      </c>
      <c r="G5895" s="5">
        <v>15</v>
      </c>
      <c r="H5895" s="5" t="s">
        <v>1518</v>
      </c>
      <c r="I5895" s="5" t="s">
        <v>67956</v>
      </c>
      <c r="J5895" s="2" t="s">
        <v>67957</v>
      </c>
      <c r="K5895" s="5" t="s">
        <v>67956</v>
      </c>
      <c r="L5895" s="2" t="s">
        <v>67957</v>
      </c>
      <c r="M5895" s="5" t="s">
        <v>19227</v>
      </c>
      <c r="N5895" s="5" t="s">
        <v>38</v>
      </c>
      <c r="O5895" s="5" t="s">
        <v>39</v>
      </c>
      <c r="P5895" s="5" t="s">
        <v>40</v>
      </c>
      <c r="Q5895" s="5" t="s">
        <v>67958</v>
      </c>
      <c r="R5895" s="5" t="s">
        <v>40</v>
      </c>
      <c r="S5895" s="5" t="s">
        <v>42</v>
      </c>
      <c r="T5895" s="2">
        <v>6.8390000000000004</v>
      </c>
      <c r="U5895" s="2">
        <v>5.0709999999999997</v>
      </c>
      <c r="V5895" s="2">
        <v>23.5</v>
      </c>
      <c r="W5895" s="2">
        <v>125</v>
      </c>
      <c r="X5895" s="2">
        <v>26.5</v>
      </c>
      <c r="Y5895" s="2">
        <v>23.5</v>
      </c>
      <c r="Z5895" s="5">
        <v>16</v>
      </c>
      <c r="AA5895" s="5" t="s">
        <v>43</v>
      </c>
      <c r="AB5895" s="5" t="s">
        <v>44</v>
      </c>
      <c r="AC5895" s="2" t="s">
        <v>68097</v>
      </c>
      <c r="AD5895" s="1"/>
    </row>
    <row r="5896" spans="1:30">
      <c r="A5896" s="5" t="s">
        <v>83578</v>
      </c>
      <c r="B5896" s="2" t="s">
        <v>101799</v>
      </c>
      <c r="C5896" s="14" t="s">
        <v>101800</v>
      </c>
      <c r="D5896" s="2" t="s">
        <v>101801</v>
      </c>
      <c r="E5896" s="2" t="s">
        <v>1531</v>
      </c>
      <c r="F5896" s="8">
        <v>292</v>
      </c>
      <c r="G5896" s="5">
        <v>15</v>
      </c>
      <c r="H5896" s="5" t="s">
        <v>1518</v>
      </c>
      <c r="I5896" s="5" t="s">
        <v>67956</v>
      </c>
      <c r="J5896" s="2" t="s">
        <v>67957</v>
      </c>
      <c r="K5896" s="5" t="s">
        <v>67956</v>
      </c>
      <c r="L5896" s="2" t="s">
        <v>67957</v>
      </c>
      <c r="M5896" s="5" t="s">
        <v>19227</v>
      </c>
      <c r="N5896" s="5" t="s">
        <v>38</v>
      </c>
      <c r="O5896" s="5" t="s">
        <v>39</v>
      </c>
      <c r="P5896" s="5" t="s">
        <v>40</v>
      </c>
      <c r="Q5896" s="5" t="s">
        <v>67958</v>
      </c>
      <c r="R5896" s="5" t="s">
        <v>40</v>
      </c>
      <c r="S5896" s="5" t="s">
        <v>42</v>
      </c>
      <c r="T5896" s="2">
        <v>7.359</v>
      </c>
      <c r="U5896" s="2">
        <v>5.3890000000000002</v>
      </c>
      <c r="V5896" s="2">
        <v>23.5</v>
      </c>
      <c r="W5896" s="2">
        <v>145</v>
      </c>
      <c r="X5896" s="2">
        <v>26.5</v>
      </c>
      <c r="Y5896" s="2">
        <v>23.5</v>
      </c>
      <c r="Z5896" s="5">
        <v>16</v>
      </c>
      <c r="AA5896" s="5" t="s">
        <v>43</v>
      </c>
      <c r="AB5896" s="5" t="s">
        <v>44</v>
      </c>
      <c r="AC5896" s="2" t="s">
        <v>68097</v>
      </c>
      <c r="AD5896" s="1"/>
    </row>
    <row r="5897" spans="1:30">
      <c r="A5897" s="5" t="s">
        <v>83578</v>
      </c>
      <c r="B5897" s="2" t="s">
        <v>101802</v>
      </c>
      <c r="C5897" s="14" t="s">
        <v>101803</v>
      </c>
      <c r="D5897" s="2" t="s">
        <v>101804</v>
      </c>
      <c r="E5897" s="2" t="s">
        <v>1531</v>
      </c>
      <c r="F5897" s="8">
        <v>309</v>
      </c>
      <c r="G5897" s="5">
        <v>15</v>
      </c>
      <c r="H5897" s="5" t="s">
        <v>1518</v>
      </c>
      <c r="I5897" s="5" t="s">
        <v>67956</v>
      </c>
      <c r="J5897" s="2" t="s">
        <v>67957</v>
      </c>
      <c r="K5897" s="5" t="s">
        <v>67956</v>
      </c>
      <c r="L5897" s="2" t="s">
        <v>67957</v>
      </c>
      <c r="M5897" s="5" t="s">
        <v>19227</v>
      </c>
      <c r="N5897" s="5" t="s">
        <v>38</v>
      </c>
      <c r="O5897" s="5" t="s">
        <v>39</v>
      </c>
      <c r="P5897" s="5" t="s">
        <v>40</v>
      </c>
      <c r="Q5897" s="5" t="s">
        <v>67958</v>
      </c>
      <c r="R5897" s="5" t="s">
        <v>40</v>
      </c>
      <c r="S5897" s="5" t="s">
        <v>42</v>
      </c>
      <c r="T5897" s="2">
        <v>7.6760000000000002</v>
      </c>
      <c r="U5897" s="2">
        <v>5.7060000000000004</v>
      </c>
      <c r="V5897" s="2">
        <v>23.5</v>
      </c>
      <c r="W5897" s="2">
        <v>145</v>
      </c>
      <c r="X5897" s="2">
        <v>26.5</v>
      </c>
      <c r="Y5897" s="2">
        <v>23.5</v>
      </c>
      <c r="Z5897" s="5">
        <v>16</v>
      </c>
      <c r="AA5897" s="5" t="s">
        <v>43</v>
      </c>
      <c r="AB5897" s="5" t="s">
        <v>44</v>
      </c>
      <c r="AC5897" s="2" t="s">
        <v>68097</v>
      </c>
      <c r="AD5897" s="1"/>
    </row>
    <row r="5898" spans="1:30">
      <c r="A5898" s="5" t="s">
        <v>83578</v>
      </c>
      <c r="B5898" s="2" t="s">
        <v>101805</v>
      </c>
      <c r="C5898" s="14" t="s">
        <v>101806</v>
      </c>
      <c r="D5898" s="2" t="s">
        <v>101807</v>
      </c>
      <c r="E5898" s="2" t="s">
        <v>1531</v>
      </c>
      <c r="F5898" s="8">
        <v>326</v>
      </c>
      <c r="G5898" s="5">
        <v>15</v>
      </c>
      <c r="H5898" s="5" t="s">
        <v>1518</v>
      </c>
      <c r="I5898" s="5" t="s">
        <v>67956</v>
      </c>
      <c r="J5898" s="2" t="s">
        <v>67957</v>
      </c>
      <c r="K5898" s="5" t="s">
        <v>67956</v>
      </c>
      <c r="L5898" s="2" t="s">
        <v>67957</v>
      </c>
      <c r="M5898" s="5" t="s">
        <v>19227</v>
      </c>
      <c r="N5898" s="5" t="s">
        <v>38</v>
      </c>
      <c r="O5898" s="5" t="s">
        <v>39</v>
      </c>
      <c r="P5898" s="5" t="s">
        <v>40</v>
      </c>
      <c r="Q5898" s="5" t="s">
        <v>67958</v>
      </c>
      <c r="R5898" s="5" t="s">
        <v>40</v>
      </c>
      <c r="S5898" s="5" t="s">
        <v>42</v>
      </c>
      <c r="T5898" s="2">
        <v>8.4220000000000006</v>
      </c>
      <c r="U5898" s="2">
        <v>6.2430000000000003</v>
      </c>
      <c r="V5898" s="2">
        <v>23.5</v>
      </c>
      <c r="W5898" s="2">
        <v>167.5</v>
      </c>
      <c r="X5898" s="2">
        <v>26.5</v>
      </c>
      <c r="Y5898" s="2">
        <v>23.5</v>
      </c>
      <c r="Z5898" s="5">
        <v>16</v>
      </c>
      <c r="AA5898" s="5" t="s">
        <v>43</v>
      </c>
      <c r="AB5898" s="5" t="s">
        <v>44</v>
      </c>
      <c r="AC5898" s="2" t="s">
        <v>68097</v>
      </c>
      <c r="AD5898" s="1"/>
    </row>
    <row r="5899" spans="1:30">
      <c r="A5899" s="5" t="s">
        <v>83578</v>
      </c>
      <c r="B5899" s="2" t="s">
        <v>101808</v>
      </c>
      <c r="C5899" s="14" t="s">
        <v>101809</v>
      </c>
      <c r="D5899" s="2" t="s">
        <v>101810</v>
      </c>
      <c r="E5899" s="2" t="s">
        <v>1531</v>
      </c>
      <c r="F5899" s="8">
        <v>323</v>
      </c>
      <c r="G5899" s="5">
        <v>15</v>
      </c>
      <c r="H5899" s="5" t="s">
        <v>1518</v>
      </c>
      <c r="I5899" s="5" t="s">
        <v>67956</v>
      </c>
      <c r="J5899" s="2" t="s">
        <v>67957</v>
      </c>
      <c r="K5899" s="5" t="s">
        <v>67956</v>
      </c>
      <c r="L5899" s="2" t="s">
        <v>67957</v>
      </c>
      <c r="M5899" s="5" t="s">
        <v>19227</v>
      </c>
      <c r="N5899" s="5" t="s">
        <v>38</v>
      </c>
      <c r="O5899" s="5" t="s">
        <v>39</v>
      </c>
      <c r="P5899" s="5" t="s">
        <v>40</v>
      </c>
      <c r="Q5899" s="5" t="s">
        <v>67958</v>
      </c>
      <c r="R5899" s="5" t="s">
        <v>40</v>
      </c>
      <c r="S5899" s="5" t="s">
        <v>42</v>
      </c>
      <c r="T5899" s="2">
        <v>7.992</v>
      </c>
      <c r="U5899" s="2">
        <v>6.0220000000000002</v>
      </c>
      <c r="V5899" s="2">
        <v>23.5</v>
      </c>
      <c r="W5899" s="2">
        <v>145</v>
      </c>
      <c r="X5899" s="2">
        <v>26.5</v>
      </c>
      <c r="Y5899" s="2">
        <v>23.5</v>
      </c>
      <c r="Z5899" s="5">
        <v>16</v>
      </c>
      <c r="AA5899" s="5" t="s">
        <v>43</v>
      </c>
      <c r="AB5899" s="5" t="s">
        <v>44</v>
      </c>
      <c r="AC5899" s="2" t="s">
        <v>68097</v>
      </c>
      <c r="AD5899" s="1"/>
    </row>
    <row r="5900" spans="1:30">
      <c r="A5900" s="5" t="s">
        <v>83578</v>
      </c>
      <c r="B5900" s="2" t="s">
        <v>101811</v>
      </c>
      <c r="C5900" s="14" t="s">
        <v>101812</v>
      </c>
      <c r="D5900" s="2" t="s">
        <v>101813</v>
      </c>
      <c r="E5900" s="2" t="s">
        <v>1531</v>
      </c>
      <c r="F5900" s="8">
        <v>357</v>
      </c>
      <c r="G5900" s="5">
        <v>15</v>
      </c>
      <c r="H5900" s="5" t="s">
        <v>1518</v>
      </c>
      <c r="I5900" s="5" t="s">
        <v>67956</v>
      </c>
      <c r="J5900" s="2" t="s">
        <v>67957</v>
      </c>
      <c r="K5900" s="5" t="s">
        <v>67956</v>
      </c>
      <c r="L5900" s="2" t="s">
        <v>67957</v>
      </c>
      <c r="M5900" s="5" t="s">
        <v>19227</v>
      </c>
      <c r="N5900" s="5" t="s">
        <v>38</v>
      </c>
      <c r="O5900" s="5" t="s">
        <v>39</v>
      </c>
      <c r="P5900" s="5" t="s">
        <v>40</v>
      </c>
      <c r="Q5900" s="5" t="s">
        <v>67958</v>
      </c>
      <c r="R5900" s="5" t="s">
        <v>40</v>
      </c>
      <c r="S5900" s="5" t="s">
        <v>42</v>
      </c>
      <c r="T5900" s="2">
        <v>9.31</v>
      </c>
      <c r="U5900" s="2">
        <v>7.1050000000000004</v>
      </c>
      <c r="V5900" s="2">
        <v>23.5</v>
      </c>
      <c r="W5900" s="2">
        <v>167.5</v>
      </c>
      <c r="X5900" s="2">
        <v>26.5</v>
      </c>
      <c r="Y5900" s="2">
        <v>23.5</v>
      </c>
      <c r="Z5900" s="5">
        <v>16</v>
      </c>
      <c r="AA5900" s="5" t="s">
        <v>43</v>
      </c>
      <c r="AB5900" s="5" t="s">
        <v>44</v>
      </c>
      <c r="AC5900" s="2" t="s">
        <v>68097</v>
      </c>
      <c r="AD5900" s="1"/>
    </row>
    <row r="5901" spans="1:30">
      <c r="A5901" s="5" t="s">
        <v>83578</v>
      </c>
      <c r="B5901" s="2" t="s">
        <v>101814</v>
      </c>
      <c r="C5901" s="14" t="s">
        <v>101815</v>
      </c>
      <c r="D5901" s="2" t="s">
        <v>101816</v>
      </c>
      <c r="E5901" s="2" t="s">
        <v>1531</v>
      </c>
      <c r="F5901" s="8">
        <v>371</v>
      </c>
      <c r="G5901" s="5">
        <v>15</v>
      </c>
      <c r="H5901" s="5" t="s">
        <v>1518</v>
      </c>
      <c r="I5901" s="5" t="s">
        <v>67956</v>
      </c>
      <c r="J5901" s="2" t="s">
        <v>67957</v>
      </c>
      <c r="K5901" s="5" t="s">
        <v>67956</v>
      </c>
      <c r="L5901" s="2" t="s">
        <v>67957</v>
      </c>
      <c r="M5901" s="5" t="s">
        <v>19227</v>
      </c>
      <c r="N5901" s="5" t="s">
        <v>38</v>
      </c>
      <c r="O5901" s="5" t="s">
        <v>39</v>
      </c>
      <c r="P5901" s="5" t="s">
        <v>40</v>
      </c>
      <c r="Q5901" s="5" t="s">
        <v>67958</v>
      </c>
      <c r="R5901" s="5" t="s">
        <v>40</v>
      </c>
      <c r="S5901" s="5" t="s">
        <v>42</v>
      </c>
      <c r="T5901" s="2">
        <v>9.3249999999999993</v>
      </c>
      <c r="U5901" s="2">
        <v>7.1210000000000004</v>
      </c>
      <c r="V5901" s="2">
        <v>23.5</v>
      </c>
      <c r="W5901" s="2">
        <v>167.5</v>
      </c>
      <c r="X5901" s="2">
        <v>26.5</v>
      </c>
      <c r="Y5901" s="2">
        <v>23.5</v>
      </c>
      <c r="Z5901" s="5">
        <v>16</v>
      </c>
      <c r="AA5901" s="5" t="s">
        <v>43</v>
      </c>
      <c r="AB5901" s="5" t="s">
        <v>44</v>
      </c>
      <c r="AC5901" s="2" t="s">
        <v>68097</v>
      </c>
      <c r="AD5901" s="1"/>
    </row>
    <row r="5902" spans="1:30">
      <c r="A5902" s="5" t="s">
        <v>83578</v>
      </c>
      <c r="B5902" s="2" t="s">
        <v>101817</v>
      </c>
      <c r="C5902" s="14" t="s">
        <v>101818</v>
      </c>
      <c r="D5902" s="2" t="s">
        <v>101819</v>
      </c>
      <c r="E5902" s="2" t="s">
        <v>1531</v>
      </c>
      <c r="F5902" s="8">
        <v>391</v>
      </c>
      <c r="G5902" s="5">
        <v>15</v>
      </c>
      <c r="H5902" s="5" t="s">
        <v>1518</v>
      </c>
      <c r="I5902" s="5" t="s">
        <v>67956</v>
      </c>
      <c r="J5902" s="2" t="s">
        <v>67957</v>
      </c>
      <c r="K5902" s="5" t="s">
        <v>67956</v>
      </c>
      <c r="L5902" s="2" t="s">
        <v>67957</v>
      </c>
      <c r="M5902" s="5" t="s">
        <v>19227</v>
      </c>
      <c r="N5902" s="5" t="s">
        <v>38</v>
      </c>
      <c r="O5902" s="5" t="s">
        <v>39</v>
      </c>
      <c r="P5902" s="5" t="s">
        <v>40</v>
      </c>
      <c r="Q5902" s="5" t="s">
        <v>67958</v>
      </c>
      <c r="R5902" s="5" t="s">
        <v>40</v>
      </c>
      <c r="S5902" s="5" t="s">
        <v>42</v>
      </c>
      <c r="T5902" s="2">
        <v>9.9030000000000005</v>
      </c>
      <c r="U5902" s="2">
        <v>7.673</v>
      </c>
      <c r="V5902" s="2">
        <v>23.5</v>
      </c>
      <c r="W5902" s="2">
        <v>167.5</v>
      </c>
      <c r="X5902" s="2">
        <v>26.5</v>
      </c>
      <c r="Y5902" s="2">
        <v>23.5</v>
      </c>
      <c r="Z5902" s="5">
        <v>16</v>
      </c>
      <c r="AA5902" s="5" t="s">
        <v>43</v>
      </c>
      <c r="AB5902" s="5" t="s">
        <v>44</v>
      </c>
      <c r="AC5902" s="2" t="s">
        <v>68097</v>
      </c>
      <c r="AD5902" s="1"/>
    </row>
    <row r="5903" spans="1:30">
      <c r="A5903" s="5" t="s">
        <v>83578</v>
      </c>
      <c r="B5903" s="2" t="s">
        <v>101820</v>
      </c>
      <c r="C5903" s="14" t="s">
        <v>101821</v>
      </c>
      <c r="D5903" s="2" t="s">
        <v>101822</v>
      </c>
      <c r="E5903" s="2" t="s">
        <v>1531</v>
      </c>
      <c r="F5903" s="8">
        <v>405</v>
      </c>
      <c r="G5903" s="5">
        <v>15</v>
      </c>
      <c r="H5903" s="5" t="s">
        <v>1518</v>
      </c>
      <c r="I5903" s="5" t="s">
        <v>67956</v>
      </c>
      <c r="J5903" s="2" t="s">
        <v>67957</v>
      </c>
      <c r="K5903" s="5" t="s">
        <v>67956</v>
      </c>
      <c r="L5903" s="2" t="s">
        <v>67957</v>
      </c>
      <c r="M5903" s="5" t="s">
        <v>19227</v>
      </c>
      <c r="N5903" s="5" t="s">
        <v>38</v>
      </c>
      <c r="O5903" s="5" t="s">
        <v>39</v>
      </c>
      <c r="P5903" s="5" t="s">
        <v>40</v>
      </c>
      <c r="Q5903" s="5" t="s">
        <v>67958</v>
      </c>
      <c r="R5903" s="5" t="s">
        <v>40</v>
      </c>
      <c r="S5903" s="5" t="s">
        <v>42</v>
      </c>
      <c r="T5903" s="2">
        <v>9.9760000000000009</v>
      </c>
      <c r="U5903" s="2">
        <v>7.7720000000000002</v>
      </c>
      <c r="V5903" s="2">
        <v>23.5</v>
      </c>
      <c r="W5903" s="2">
        <v>167.5</v>
      </c>
      <c r="X5903" s="2">
        <v>26.5</v>
      </c>
      <c r="Y5903" s="2">
        <v>23.5</v>
      </c>
      <c r="Z5903" s="5">
        <v>16</v>
      </c>
      <c r="AA5903" s="5" t="s">
        <v>43</v>
      </c>
      <c r="AB5903" s="5" t="s">
        <v>44</v>
      </c>
      <c r="AC5903" s="2" t="s">
        <v>68097</v>
      </c>
      <c r="AD5903" s="1"/>
    </row>
    <row r="5904" spans="1:30">
      <c r="A5904" s="5" t="s">
        <v>83578</v>
      </c>
      <c r="B5904" s="2" t="s">
        <v>101823</v>
      </c>
      <c r="C5904" s="14" t="s">
        <v>101824</v>
      </c>
      <c r="D5904" s="2" t="s">
        <v>101825</v>
      </c>
      <c r="E5904" s="2" t="s">
        <v>1531</v>
      </c>
      <c r="F5904" s="8">
        <v>428</v>
      </c>
      <c r="G5904" s="5">
        <v>15</v>
      </c>
      <c r="H5904" s="5" t="s">
        <v>1518</v>
      </c>
      <c r="I5904" s="5" t="s">
        <v>67956</v>
      </c>
      <c r="J5904" s="2" t="s">
        <v>67957</v>
      </c>
      <c r="K5904" s="5" t="s">
        <v>67956</v>
      </c>
      <c r="L5904" s="2" t="s">
        <v>67957</v>
      </c>
      <c r="M5904" s="5" t="s">
        <v>19227</v>
      </c>
      <c r="N5904" s="5" t="s">
        <v>38</v>
      </c>
      <c r="O5904" s="5" t="s">
        <v>39</v>
      </c>
      <c r="P5904" s="5" t="s">
        <v>40</v>
      </c>
      <c r="Q5904" s="5" t="s">
        <v>67958</v>
      </c>
      <c r="R5904" s="5" t="s">
        <v>40</v>
      </c>
      <c r="S5904" s="5" t="s">
        <v>42</v>
      </c>
      <c r="T5904" s="2">
        <v>10.565</v>
      </c>
      <c r="U5904" s="2">
        <v>8.3350000000000009</v>
      </c>
      <c r="V5904" s="2">
        <v>23.5</v>
      </c>
      <c r="W5904" s="2">
        <v>167.5</v>
      </c>
      <c r="X5904" s="2">
        <v>26.5</v>
      </c>
      <c r="Y5904" s="2">
        <v>23.5</v>
      </c>
      <c r="Z5904" s="5">
        <v>16</v>
      </c>
      <c r="AA5904" s="5" t="s">
        <v>43</v>
      </c>
      <c r="AB5904" s="5" t="s">
        <v>44</v>
      </c>
      <c r="AC5904" s="2" t="s">
        <v>68097</v>
      </c>
      <c r="AD5904" s="1"/>
    </row>
    <row r="5905" spans="1:30">
      <c r="A5905" s="5" t="s">
        <v>83578</v>
      </c>
      <c r="B5905" s="2" t="s">
        <v>101826</v>
      </c>
      <c r="C5905" s="14" t="s">
        <v>101827</v>
      </c>
      <c r="D5905" s="2" t="s">
        <v>101828</v>
      </c>
      <c r="E5905" s="2" t="s">
        <v>1531</v>
      </c>
      <c r="F5905" s="8">
        <v>452</v>
      </c>
      <c r="G5905" s="5">
        <v>15</v>
      </c>
      <c r="H5905" s="5" t="s">
        <v>1518</v>
      </c>
      <c r="I5905" s="5" t="s">
        <v>67956</v>
      </c>
      <c r="J5905" s="2" t="s">
        <v>67957</v>
      </c>
      <c r="K5905" s="5" t="s">
        <v>67956</v>
      </c>
      <c r="L5905" s="2" t="s">
        <v>67957</v>
      </c>
      <c r="M5905" s="5" t="s">
        <v>19227</v>
      </c>
      <c r="N5905" s="5" t="s">
        <v>38</v>
      </c>
      <c r="O5905" s="5" t="s">
        <v>39</v>
      </c>
      <c r="P5905" s="5" t="s">
        <v>40</v>
      </c>
      <c r="Q5905" s="5" t="s">
        <v>67958</v>
      </c>
      <c r="R5905" s="5" t="s">
        <v>40</v>
      </c>
      <c r="S5905" s="5" t="s">
        <v>42</v>
      </c>
      <c r="T5905" s="2">
        <v>11.776</v>
      </c>
      <c r="U5905" s="2">
        <v>9.3610000000000007</v>
      </c>
      <c r="V5905" s="2">
        <v>23.5</v>
      </c>
      <c r="W5905" s="2">
        <v>187.5</v>
      </c>
      <c r="X5905" s="2">
        <v>26.5</v>
      </c>
      <c r="Y5905" s="2">
        <v>23.5</v>
      </c>
      <c r="Z5905" s="5">
        <v>16</v>
      </c>
      <c r="AA5905" s="5" t="s">
        <v>43</v>
      </c>
      <c r="AB5905" s="5" t="s">
        <v>44</v>
      </c>
      <c r="AC5905" s="2" t="s">
        <v>68097</v>
      </c>
      <c r="AD5905" s="1"/>
    </row>
    <row r="5906" spans="1:30">
      <c r="A5906" s="5" t="s">
        <v>83578</v>
      </c>
      <c r="B5906" s="2" t="s">
        <v>101829</v>
      </c>
      <c r="C5906" s="14" t="s">
        <v>101830</v>
      </c>
      <c r="D5906" s="2" t="s">
        <v>101831</v>
      </c>
      <c r="E5906" s="2" t="s">
        <v>1531</v>
      </c>
      <c r="F5906" s="8">
        <v>469</v>
      </c>
      <c r="G5906" s="5">
        <v>15</v>
      </c>
      <c r="H5906" s="5" t="s">
        <v>1518</v>
      </c>
      <c r="I5906" s="5" t="s">
        <v>67956</v>
      </c>
      <c r="J5906" s="2" t="s">
        <v>67957</v>
      </c>
      <c r="K5906" s="5" t="s">
        <v>67956</v>
      </c>
      <c r="L5906" s="2" t="s">
        <v>67957</v>
      </c>
      <c r="M5906" s="5" t="s">
        <v>19227</v>
      </c>
      <c r="N5906" s="5" t="s">
        <v>38</v>
      </c>
      <c r="O5906" s="5" t="s">
        <v>39</v>
      </c>
      <c r="P5906" s="5" t="s">
        <v>40</v>
      </c>
      <c r="Q5906" s="5" t="s">
        <v>67958</v>
      </c>
      <c r="R5906" s="5" t="s">
        <v>40</v>
      </c>
      <c r="S5906" s="5" t="s">
        <v>42</v>
      </c>
      <c r="T5906" s="2">
        <v>11.257999999999999</v>
      </c>
      <c r="U5906" s="2">
        <v>8.9689999999999994</v>
      </c>
      <c r="V5906" s="2">
        <v>23.5</v>
      </c>
      <c r="W5906" s="2">
        <v>167.5</v>
      </c>
      <c r="X5906" s="2">
        <v>26.5</v>
      </c>
      <c r="Y5906" s="2">
        <v>23.5</v>
      </c>
      <c r="Z5906" s="5">
        <v>16</v>
      </c>
      <c r="AA5906" s="5" t="s">
        <v>43</v>
      </c>
      <c r="AB5906" s="5" t="s">
        <v>44</v>
      </c>
      <c r="AC5906" s="2" t="s">
        <v>68097</v>
      </c>
      <c r="AD5906" s="1"/>
    </row>
    <row r="5907" spans="1:30">
      <c r="A5907" s="5" t="s">
        <v>83578</v>
      </c>
      <c r="B5907" s="2" t="s">
        <v>101832</v>
      </c>
      <c r="C5907" s="14" t="s">
        <v>101833</v>
      </c>
      <c r="D5907" s="2" t="s">
        <v>101834</v>
      </c>
      <c r="E5907" s="2" t="s">
        <v>1531</v>
      </c>
      <c r="F5907" s="8">
        <v>496</v>
      </c>
      <c r="G5907" s="5">
        <v>15</v>
      </c>
      <c r="H5907" s="5" t="s">
        <v>1518</v>
      </c>
      <c r="I5907" s="5" t="s">
        <v>67956</v>
      </c>
      <c r="J5907" s="2" t="s">
        <v>67957</v>
      </c>
      <c r="K5907" s="5" t="s">
        <v>67956</v>
      </c>
      <c r="L5907" s="2" t="s">
        <v>67957</v>
      </c>
      <c r="M5907" s="5" t="s">
        <v>19227</v>
      </c>
      <c r="N5907" s="5" t="s">
        <v>38</v>
      </c>
      <c r="O5907" s="5" t="s">
        <v>39</v>
      </c>
      <c r="P5907" s="5" t="s">
        <v>40</v>
      </c>
      <c r="Q5907" s="5" t="s">
        <v>67958</v>
      </c>
      <c r="R5907" s="5" t="s">
        <v>40</v>
      </c>
      <c r="S5907" s="5" t="s">
        <v>42</v>
      </c>
      <c r="T5907" s="2">
        <v>12.48</v>
      </c>
      <c r="U5907" s="2">
        <v>10.006</v>
      </c>
      <c r="V5907" s="2">
        <v>23.5</v>
      </c>
      <c r="W5907" s="2">
        <v>187.5</v>
      </c>
      <c r="X5907" s="2">
        <v>26.5</v>
      </c>
      <c r="Y5907" s="2">
        <v>23.5</v>
      </c>
      <c r="Z5907" s="5">
        <v>16</v>
      </c>
      <c r="AA5907" s="5" t="s">
        <v>43</v>
      </c>
      <c r="AB5907" s="5" t="s">
        <v>44</v>
      </c>
      <c r="AC5907" s="2" t="s">
        <v>68097</v>
      </c>
      <c r="AD5907" s="1"/>
    </row>
    <row r="5908" spans="1:30">
      <c r="A5908" s="5" t="s">
        <v>83578</v>
      </c>
      <c r="B5908" s="2" t="s">
        <v>101835</v>
      </c>
      <c r="C5908" s="14" t="s">
        <v>101836</v>
      </c>
      <c r="D5908" s="2" t="s">
        <v>101837</v>
      </c>
      <c r="E5908" s="2" t="s">
        <v>101838</v>
      </c>
      <c r="F5908" s="8">
        <v>316</v>
      </c>
      <c r="G5908" s="5">
        <v>25</v>
      </c>
      <c r="H5908" s="5" t="s">
        <v>69</v>
      </c>
      <c r="I5908" s="5" t="s">
        <v>24629</v>
      </c>
      <c r="J5908" s="2" t="s">
        <v>24630</v>
      </c>
      <c r="K5908" s="5" t="s">
        <v>24629</v>
      </c>
      <c r="L5908" s="2" t="s">
        <v>24630</v>
      </c>
      <c r="M5908" s="5" t="s">
        <v>24254</v>
      </c>
      <c r="N5908" s="5" t="s">
        <v>38</v>
      </c>
      <c r="O5908" s="5" t="s">
        <v>39</v>
      </c>
      <c r="P5908" s="5" t="s">
        <v>40</v>
      </c>
      <c r="Q5908" s="5" t="s">
        <v>24335</v>
      </c>
      <c r="R5908" s="5" t="s">
        <v>40</v>
      </c>
      <c r="S5908" s="5" t="s">
        <v>42</v>
      </c>
      <c r="T5908" s="2">
        <v>8.6020000000000003</v>
      </c>
      <c r="U5908" s="2">
        <v>7.13</v>
      </c>
      <c r="V5908" s="2">
        <v>154.4</v>
      </c>
      <c r="W5908" s="2">
        <v>12</v>
      </c>
      <c r="X5908" s="2">
        <v>50</v>
      </c>
      <c r="Y5908" s="2">
        <v>154.4</v>
      </c>
      <c r="Z5908" s="5"/>
      <c r="AA5908" s="5" t="s">
        <v>43</v>
      </c>
      <c r="AB5908" s="5" t="s">
        <v>44</v>
      </c>
      <c r="AC5908" s="2" t="s">
        <v>68332</v>
      </c>
      <c r="AD5908" s="1"/>
    </row>
    <row r="5909" spans="1:30">
      <c r="A5909" s="5" t="s">
        <v>83578</v>
      </c>
      <c r="B5909" s="2" t="s">
        <v>101839</v>
      </c>
      <c r="C5909" s="14" t="s">
        <v>101840</v>
      </c>
      <c r="D5909" s="2" t="s">
        <v>101841</v>
      </c>
      <c r="E5909" s="2" t="s">
        <v>101842</v>
      </c>
      <c r="F5909" s="8">
        <v>316</v>
      </c>
      <c r="G5909" s="5">
        <v>25</v>
      </c>
      <c r="H5909" s="5" t="s">
        <v>69</v>
      </c>
      <c r="I5909" s="5" t="s">
        <v>24629</v>
      </c>
      <c r="J5909" s="2" t="s">
        <v>24630</v>
      </c>
      <c r="K5909" s="5" t="s">
        <v>24629</v>
      </c>
      <c r="L5909" s="2" t="s">
        <v>24630</v>
      </c>
      <c r="M5909" s="5" t="s">
        <v>24254</v>
      </c>
      <c r="N5909" s="5" t="s">
        <v>38</v>
      </c>
      <c r="O5909" s="5" t="s">
        <v>39</v>
      </c>
      <c r="P5909" s="5" t="s">
        <v>40</v>
      </c>
      <c r="Q5909" s="5" t="s">
        <v>24335</v>
      </c>
      <c r="R5909" s="5" t="s">
        <v>40</v>
      </c>
      <c r="S5909" s="5" t="s">
        <v>42</v>
      </c>
      <c r="T5909" s="2">
        <v>8.5980000000000008</v>
      </c>
      <c r="U5909" s="2">
        <v>7.1260000000000003</v>
      </c>
      <c r="V5909" s="2">
        <v>154.4</v>
      </c>
      <c r="W5909" s="2">
        <v>12</v>
      </c>
      <c r="X5909" s="2">
        <v>50</v>
      </c>
      <c r="Y5909" s="2">
        <v>154.4</v>
      </c>
      <c r="Z5909" s="5"/>
      <c r="AA5909" s="5" t="s">
        <v>43</v>
      </c>
      <c r="AB5909" s="5" t="s">
        <v>44</v>
      </c>
      <c r="AC5909" s="2" t="s">
        <v>68337</v>
      </c>
      <c r="AD5909" s="1"/>
    </row>
    <row r="5910" spans="1:30">
      <c r="A5910" s="5" t="s">
        <v>83578</v>
      </c>
      <c r="B5910" s="2" t="s">
        <v>101843</v>
      </c>
      <c r="C5910" s="14" t="s">
        <v>101844</v>
      </c>
      <c r="D5910" s="2" t="s">
        <v>101845</v>
      </c>
      <c r="E5910" s="2" t="s">
        <v>101838</v>
      </c>
      <c r="F5910" s="8">
        <v>331</v>
      </c>
      <c r="G5910" s="5">
        <v>25</v>
      </c>
      <c r="H5910" s="5" t="s">
        <v>69</v>
      </c>
      <c r="I5910" s="5" t="s">
        <v>24629</v>
      </c>
      <c r="J5910" s="2" t="s">
        <v>24630</v>
      </c>
      <c r="K5910" s="5" t="s">
        <v>24629</v>
      </c>
      <c r="L5910" s="2" t="s">
        <v>24630</v>
      </c>
      <c r="M5910" s="5" t="s">
        <v>24254</v>
      </c>
      <c r="N5910" s="5" t="s">
        <v>38</v>
      </c>
      <c r="O5910" s="5" t="s">
        <v>39</v>
      </c>
      <c r="P5910" s="5" t="s">
        <v>40</v>
      </c>
      <c r="Q5910" s="5" t="s">
        <v>24335</v>
      </c>
      <c r="R5910" s="5" t="s">
        <v>40</v>
      </c>
      <c r="S5910" s="5" t="s">
        <v>42</v>
      </c>
      <c r="T5910" s="2">
        <v>9.3260000000000005</v>
      </c>
      <c r="U5910" s="2">
        <v>7.7080000000000002</v>
      </c>
      <c r="V5910" s="2">
        <v>173.9</v>
      </c>
      <c r="W5910" s="2">
        <v>12</v>
      </c>
      <c r="X5910" s="2">
        <v>50</v>
      </c>
      <c r="Y5910" s="2">
        <v>173.9</v>
      </c>
      <c r="Z5910" s="5"/>
      <c r="AA5910" s="5" t="s">
        <v>43</v>
      </c>
      <c r="AB5910" s="5" t="s">
        <v>44</v>
      </c>
      <c r="AC5910" s="2" t="s">
        <v>68332</v>
      </c>
      <c r="AD5910" s="1"/>
    </row>
    <row r="5911" spans="1:30">
      <c r="A5911" s="5" t="s">
        <v>83578</v>
      </c>
      <c r="B5911" s="2" t="s">
        <v>101846</v>
      </c>
      <c r="C5911" s="14" t="s">
        <v>101847</v>
      </c>
      <c r="D5911" s="2" t="s">
        <v>101848</v>
      </c>
      <c r="E5911" s="2" t="s">
        <v>101842</v>
      </c>
      <c r="F5911" s="8">
        <v>331</v>
      </c>
      <c r="G5911" s="5">
        <v>25</v>
      </c>
      <c r="H5911" s="5" t="s">
        <v>69</v>
      </c>
      <c r="I5911" s="5" t="s">
        <v>24629</v>
      </c>
      <c r="J5911" s="2" t="s">
        <v>24630</v>
      </c>
      <c r="K5911" s="5" t="s">
        <v>24629</v>
      </c>
      <c r="L5911" s="2" t="s">
        <v>24630</v>
      </c>
      <c r="M5911" s="5" t="s">
        <v>24254</v>
      </c>
      <c r="N5911" s="5" t="s">
        <v>38</v>
      </c>
      <c r="O5911" s="5" t="s">
        <v>39</v>
      </c>
      <c r="P5911" s="5" t="s">
        <v>40</v>
      </c>
      <c r="Q5911" s="5" t="s">
        <v>24335</v>
      </c>
      <c r="R5911" s="5" t="s">
        <v>40</v>
      </c>
      <c r="S5911" s="5" t="s">
        <v>42</v>
      </c>
      <c r="T5911" s="2">
        <v>7.8869999999999996</v>
      </c>
      <c r="U5911" s="2">
        <v>7.7140000000000004</v>
      </c>
      <c r="V5911" s="2">
        <v>173.9</v>
      </c>
      <c r="W5911" s="2">
        <v>12</v>
      </c>
      <c r="X5911" s="2">
        <v>50</v>
      </c>
      <c r="Y5911" s="2">
        <v>173.9</v>
      </c>
      <c r="Z5911" s="5"/>
      <c r="AA5911" s="5" t="s">
        <v>43</v>
      </c>
      <c r="AB5911" s="5" t="s">
        <v>44</v>
      </c>
      <c r="AC5911" s="2" t="s">
        <v>68337</v>
      </c>
      <c r="AD5911" s="1"/>
    </row>
    <row r="5912" spans="1:30">
      <c r="A5912" s="5" t="s">
        <v>83578</v>
      </c>
      <c r="B5912" s="2" t="s">
        <v>101849</v>
      </c>
      <c r="C5912" s="14" t="s">
        <v>101850</v>
      </c>
      <c r="D5912" s="2" t="s">
        <v>101851</v>
      </c>
      <c r="E5912" s="2" t="s">
        <v>101838</v>
      </c>
      <c r="F5912" s="8">
        <v>378</v>
      </c>
      <c r="G5912" s="5">
        <v>25</v>
      </c>
      <c r="H5912" s="5" t="s">
        <v>69</v>
      </c>
      <c r="I5912" s="5" t="s">
        <v>24629</v>
      </c>
      <c r="J5912" s="2" t="s">
        <v>24630</v>
      </c>
      <c r="K5912" s="5" t="s">
        <v>24629</v>
      </c>
      <c r="L5912" s="2" t="s">
        <v>24630</v>
      </c>
      <c r="M5912" s="5" t="s">
        <v>24254</v>
      </c>
      <c r="N5912" s="5" t="s">
        <v>38</v>
      </c>
      <c r="O5912" s="5" t="s">
        <v>39</v>
      </c>
      <c r="P5912" s="5" t="s">
        <v>40</v>
      </c>
      <c r="Q5912" s="5" t="s">
        <v>24335</v>
      </c>
      <c r="R5912" s="5" t="s">
        <v>40</v>
      </c>
      <c r="S5912" s="5" t="s">
        <v>42</v>
      </c>
      <c r="T5912" s="2">
        <v>9.6969999999999992</v>
      </c>
      <c r="U5912" s="2">
        <v>8.0790000000000006</v>
      </c>
      <c r="V5912" s="2">
        <v>173.9</v>
      </c>
      <c r="W5912" s="2">
        <v>12</v>
      </c>
      <c r="X5912" s="2">
        <v>50</v>
      </c>
      <c r="Y5912" s="2">
        <v>173.9</v>
      </c>
      <c r="Z5912" s="5"/>
      <c r="AA5912" s="5" t="s">
        <v>43</v>
      </c>
      <c r="AB5912" s="5" t="s">
        <v>44</v>
      </c>
      <c r="AC5912" s="2" t="s">
        <v>68332</v>
      </c>
      <c r="AD5912" s="1"/>
    </row>
    <row r="5913" spans="1:30">
      <c r="A5913" s="5" t="s">
        <v>83578</v>
      </c>
      <c r="B5913" s="2" t="s">
        <v>101852</v>
      </c>
      <c r="C5913" s="14" t="s">
        <v>101853</v>
      </c>
      <c r="D5913" s="2" t="s">
        <v>101854</v>
      </c>
      <c r="E5913" s="2" t="s">
        <v>101842</v>
      </c>
      <c r="F5913" s="8">
        <v>378</v>
      </c>
      <c r="G5913" s="5">
        <v>25</v>
      </c>
      <c r="H5913" s="5" t="s">
        <v>69</v>
      </c>
      <c r="I5913" s="5" t="s">
        <v>24629</v>
      </c>
      <c r="J5913" s="2" t="s">
        <v>24630</v>
      </c>
      <c r="K5913" s="5" t="s">
        <v>24629</v>
      </c>
      <c r="L5913" s="2" t="s">
        <v>24630</v>
      </c>
      <c r="M5913" s="5" t="s">
        <v>24254</v>
      </c>
      <c r="N5913" s="5" t="s">
        <v>38</v>
      </c>
      <c r="O5913" s="5" t="s">
        <v>39</v>
      </c>
      <c r="P5913" s="5" t="s">
        <v>40</v>
      </c>
      <c r="Q5913" s="5" t="s">
        <v>24335</v>
      </c>
      <c r="R5913" s="5" t="s">
        <v>40</v>
      </c>
      <c r="S5913" s="5" t="s">
        <v>42</v>
      </c>
      <c r="T5913" s="2">
        <v>8.15</v>
      </c>
      <c r="U5913" s="2">
        <v>7.9770000000000003</v>
      </c>
      <c r="V5913" s="2">
        <v>173.9</v>
      </c>
      <c r="W5913" s="2">
        <v>12</v>
      </c>
      <c r="X5913" s="2">
        <v>50</v>
      </c>
      <c r="Y5913" s="2">
        <v>173.9</v>
      </c>
      <c r="Z5913" s="5"/>
      <c r="AA5913" s="5" t="s">
        <v>43</v>
      </c>
      <c r="AB5913" s="5" t="s">
        <v>44</v>
      </c>
      <c r="AC5913" s="2" t="s">
        <v>68337</v>
      </c>
      <c r="AD5913" s="1"/>
    </row>
    <row r="5914" spans="1:30">
      <c r="A5914" s="5" t="s">
        <v>83578</v>
      </c>
      <c r="B5914" s="2" t="s">
        <v>101855</v>
      </c>
      <c r="C5914" s="14" t="s">
        <v>101856</v>
      </c>
      <c r="D5914" s="2" t="s">
        <v>101857</v>
      </c>
      <c r="E5914" s="2" t="s">
        <v>101838</v>
      </c>
      <c r="F5914" s="8">
        <v>401</v>
      </c>
      <c r="G5914" s="5">
        <v>25</v>
      </c>
      <c r="H5914" s="5" t="s">
        <v>69</v>
      </c>
      <c r="I5914" s="5" t="s">
        <v>24629</v>
      </c>
      <c r="J5914" s="2" t="s">
        <v>24630</v>
      </c>
      <c r="K5914" s="5" t="s">
        <v>24629</v>
      </c>
      <c r="L5914" s="2" t="s">
        <v>24630</v>
      </c>
      <c r="M5914" s="5" t="s">
        <v>24254</v>
      </c>
      <c r="N5914" s="5" t="s">
        <v>38</v>
      </c>
      <c r="O5914" s="5" t="s">
        <v>39</v>
      </c>
      <c r="P5914" s="5" t="s">
        <v>40</v>
      </c>
      <c r="Q5914" s="5" t="s">
        <v>24335</v>
      </c>
      <c r="R5914" s="5" t="s">
        <v>40</v>
      </c>
      <c r="S5914" s="5" t="s">
        <v>42</v>
      </c>
      <c r="T5914" s="2">
        <v>10.379</v>
      </c>
      <c r="U5914" s="2">
        <v>8.6110000000000007</v>
      </c>
      <c r="V5914" s="2">
        <v>193.9</v>
      </c>
      <c r="W5914" s="2">
        <v>12</v>
      </c>
      <c r="X5914" s="2">
        <v>50</v>
      </c>
      <c r="Y5914" s="2">
        <v>193.9</v>
      </c>
      <c r="Z5914" s="5"/>
      <c r="AA5914" s="5" t="s">
        <v>43</v>
      </c>
      <c r="AB5914" s="5" t="s">
        <v>44</v>
      </c>
      <c r="AC5914" s="2" t="s">
        <v>68332</v>
      </c>
      <c r="AD5914" s="1"/>
    </row>
    <row r="5915" spans="1:30">
      <c r="A5915" s="5" t="s">
        <v>83578</v>
      </c>
      <c r="B5915" s="2" t="s">
        <v>101858</v>
      </c>
      <c r="C5915" s="14" t="s">
        <v>101859</v>
      </c>
      <c r="D5915" s="2" t="s">
        <v>101860</v>
      </c>
      <c r="E5915" s="2" t="s">
        <v>101842</v>
      </c>
      <c r="F5915" s="8">
        <v>401</v>
      </c>
      <c r="G5915" s="5">
        <v>25</v>
      </c>
      <c r="H5915" s="5" t="s">
        <v>69</v>
      </c>
      <c r="I5915" s="5" t="s">
        <v>24629</v>
      </c>
      <c r="J5915" s="2" t="s">
        <v>24630</v>
      </c>
      <c r="K5915" s="5" t="s">
        <v>24629</v>
      </c>
      <c r="L5915" s="2" t="s">
        <v>24630</v>
      </c>
      <c r="M5915" s="5" t="s">
        <v>24254</v>
      </c>
      <c r="N5915" s="5" t="s">
        <v>38</v>
      </c>
      <c r="O5915" s="5" t="s">
        <v>39</v>
      </c>
      <c r="P5915" s="5" t="s">
        <v>40</v>
      </c>
      <c r="Q5915" s="5" t="s">
        <v>24335</v>
      </c>
      <c r="R5915" s="5" t="s">
        <v>40</v>
      </c>
      <c r="S5915" s="5" t="s">
        <v>42</v>
      </c>
      <c r="T5915" s="2">
        <v>10.287000000000001</v>
      </c>
      <c r="U5915" s="2">
        <v>8.5190000000000001</v>
      </c>
      <c r="V5915" s="2">
        <v>193.9</v>
      </c>
      <c r="W5915" s="2">
        <v>12</v>
      </c>
      <c r="X5915" s="2">
        <v>50</v>
      </c>
      <c r="Y5915" s="2">
        <v>193.9</v>
      </c>
      <c r="Z5915" s="5"/>
      <c r="AA5915" s="5" t="s">
        <v>43</v>
      </c>
      <c r="AB5915" s="5" t="s">
        <v>44</v>
      </c>
      <c r="AC5915" s="2" t="s">
        <v>68337</v>
      </c>
      <c r="AD5915" s="1"/>
    </row>
    <row r="5916" spans="1:30">
      <c r="A5916" s="5" t="s">
        <v>83578</v>
      </c>
      <c r="B5916" s="2" t="s">
        <v>101861</v>
      </c>
      <c r="C5916" s="14" t="s">
        <v>101862</v>
      </c>
      <c r="D5916" s="2" t="s">
        <v>101863</v>
      </c>
      <c r="E5916" s="2" t="s">
        <v>101838</v>
      </c>
      <c r="F5916" s="8">
        <v>429</v>
      </c>
      <c r="G5916" s="5">
        <v>25</v>
      </c>
      <c r="H5916" s="5" t="s">
        <v>69</v>
      </c>
      <c r="I5916" s="5" t="s">
        <v>24629</v>
      </c>
      <c r="J5916" s="2" t="s">
        <v>24630</v>
      </c>
      <c r="K5916" s="5" t="s">
        <v>24629</v>
      </c>
      <c r="L5916" s="2" t="s">
        <v>24630</v>
      </c>
      <c r="M5916" s="5" t="s">
        <v>24254</v>
      </c>
      <c r="N5916" s="5" t="s">
        <v>38</v>
      </c>
      <c r="O5916" s="5" t="s">
        <v>39</v>
      </c>
      <c r="P5916" s="5" t="s">
        <v>40</v>
      </c>
      <c r="Q5916" s="5" t="s">
        <v>24335</v>
      </c>
      <c r="R5916" s="5" t="s">
        <v>40</v>
      </c>
      <c r="S5916" s="5" t="s">
        <v>42</v>
      </c>
      <c r="T5916" s="2">
        <v>11.005000000000001</v>
      </c>
      <c r="U5916" s="2">
        <v>9.23</v>
      </c>
      <c r="V5916" s="2">
        <v>193.9</v>
      </c>
      <c r="W5916" s="2">
        <v>12</v>
      </c>
      <c r="X5916" s="2">
        <v>50</v>
      </c>
      <c r="Y5916" s="2">
        <v>193.9</v>
      </c>
      <c r="Z5916" s="5"/>
      <c r="AA5916" s="5" t="s">
        <v>43</v>
      </c>
      <c r="AB5916" s="5" t="s">
        <v>44</v>
      </c>
      <c r="AC5916" s="2" t="s">
        <v>68332</v>
      </c>
      <c r="AD5916" s="1"/>
    </row>
    <row r="5917" spans="1:30">
      <c r="A5917" s="5" t="s">
        <v>83578</v>
      </c>
      <c r="B5917" s="2" t="s">
        <v>101864</v>
      </c>
      <c r="C5917" s="14" t="s">
        <v>101865</v>
      </c>
      <c r="D5917" s="2" t="s">
        <v>101866</v>
      </c>
      <c r="E5917" s="2" t="s">
        <v>101838</v>
      </c>
      <c r="F5917" s="8">
        <v>429</v>
      </c>
      <c r="G5917" s="5">
        <v>25</v>
      </c>
      <c r="H5917" s="5" t="s">
        <v>69</v>
      </c>
      <c r="I5917" s="5" t="s">
        <v>24629</v>
      </c>
      <c r="J5917" s="2" t="s">
        <v>24630</v>
      </c>
      <c r="K5917" s="5" t="s">
        <v>24629</v>
      </c>
      <c r="L5917" s="2" t="s">
        <v>24630</v>
      </c>
      <c r="M5917" s="5" t="s">
        <v>24254</v>
      </c>
      <c r="N5917" s="5" t="s">
        <v>38</v>
      </c>
      <c r="O5917" s="5" t="s">
        <v>39</v>
      </c>
      <c r="P5917" s="5" t="s">
        <v>40</v>
      </c>
      <c r="Q5917" s="5" t="s">
        <v>24335</v>
      </c>
      <c r="R5917" s="5" t="s">
        <v>40</v>
      </c>
      <c r="S5917" s="5" t="s">
        <v>42</v>
      </c>
      <c r="T5917" s="2">
        <v>11.022</v>
      </c>
      <c r="U5917" s="2">
        <v>9.2469999999999999</v>
      </c>
      <c r="V5917" s="2">
        <v>193.9</v>
      </c>
      <c r="W5917" s="2">
        <v>12</v>
      </c>
      <c r="X5917" s="2">
        <v>50</v>
      </c>
      <c r="Y5917" s="2">
        <v>193.9</v>
      </c>
      <c r="Z5917" s="5"/>
      <c r="AA5917" s="5" t="s">
        <v>43</v>
      </c>
      <c r="AB5917" s="5" t="s">
        <v>44</v>
      </c>
      <c r="AC5917" s="2" t="s">
        <v>68337</v>
      </c>
      <c r="AD5917" s="1"/>
    </row>
    <row r="5918" spans="1:30">
      <c r="A5918" s="5" t="s">
        <v>83578</v>
      </c>
      <c r="B5918" s="2" t="s">
        <v>101867</v>
      </c>
      <c r="C5918" s="14" t="s">
        <v>101868</v>
      </c>
      <c r="D5918" s="2" t="s">
        <v>101869</v>
      </c>
      <c r="E5918" s="2" t="s">
        <v>101870</v>
      </c>
      <c r="F5918" s="8">
        <v>309</v>
      </c>
      <c r="G5918" s="5">
        <v>25</v>
      </c>
      <c r="H5918" s="5" t="s">
        <v>69</v>
      </c>
      <c r="I5918" s="5" t="s">
        <v>24629</v>
      </c>
      <c r="J5918" s="2" t="s">
        <v>24630</v>
      </c>
      <c r="K5918" s="5" t="s">
        <v>24629</v>
      </c>
      <c r="L5918" s="2" t="s">
        <v>24630</v>
      </c>
      <c r="M5918" s="5" t="s">
        <v>24254</v>
      </c>
      <c r="N5918" s="5" t="s">
        <v>38</v>
      </c>
      <c r="O5918" s="5" t="s">
        <v>39</v>
      </c>
      <c r="P5918" s="5" t="s">
        <v>40</v>
      </c>
      <c r="Q5918" s="5" t="s">
        <v>24335</v>
      </c>
      <c r="R5918" s="5" t="s">
        <v>40</v>
      </c>
      <c r="S5918" s="5" t="s">
        <v>42</v>
      </c>
      <c r="T5918" s="2">
        <v>9.9789999999999992</v>
      </c>
      <c r="U5918" s="2">
        <v>7.6189999999999998</v>
      </c>
      <c r="V5918" s="2">
        <v>159.9</v>
      </c>
      <c r="W5918" s="2">
        <v>12</v>
      </c>
      <c r="X5918" s="2">
        <v>62</v>
      </c>
      <c r="Y5918" s="2">
        <v>159.9</v>
      </c>
      <c r="Z5918" s="5">
        <v>20</v>
      </c>
      <c r="AA5918" s="5" t="s">
        <v>43</v>
      </c>
      <c r="AB5918" s="5" t="s">
        <v>44</v>
      </c>
      <c r="AC5918" s="2" t="s">
        <v>101871</v>
      </c>
      <c r="AD5918" s="1"/>
    </row>
    <row r="5919" spans="1:30">
      <c r="A5919" s="5" t="s">
        <v>83578</v>
      </c>
      <c r="B5919" s="2" t="s">
        <v>101872</v>
      </c>
      <c r="C5919" s="14" t="s">
        <v>101873</v>
      </c>
      <c r="D5919" s="2" t="s">
        <v>101874</v>
      </c>
      <c r="E5919" s="2" t="s">
        <v>101870</v>
      </c>
      <c r="F5919" s="8">
        <v>309</v>
      </c>
      <c r="G5919" s="5">
        <v>25</v>
      </c>
      <c r="H5919" s="5" t="s">
        <v>69</v>
      </c>
      <c r="I5919" s="5" t="s">
        <v>24629</v>
      </c>
      <c r="J5919" s="2" t="s">
        <v>24630</v>
      </c>
      <c r="K5919" s="5" t="s">
        <v>24629</v>
      </c>
      <c r="L5919" s="2" t="s">
        <v>24630</v>
      </c>
      <c r="M5919" s="5" t="s">
        <v>24254</v>
      </c>
      <c r="N5919" s="5" t="s">
        <v>38</v>
      </c>
      <c r="O5919" s="5" t="s">
        <v>39</v>
      </c>
      <c r="P5919" s="5" t="s">
        <v>40</v>
      </c>
      <c r="Q5919" s="5" t="s">
        <v>24335</v>
      </c>
      <c r="R5919" s="5" t="s">
        <v>40</v>
      </c>
      <c r="S5919" s="5" t="s">
        <v>42</v>
      </c>
      <c r="T5919" s="2">
        <v>9.9969999999999999</v>
      </c>
      <c r="U5919" s="2">
        <v>7.6369999999999996</v>
      </c>
      <c r="V5919" s="2">
        <v>159.9</v>
      </c>
      <c r="W5919" s="2">
        <v>12</v>
      </c>
      <c r="X5919" s="2">
        <v>62</v>
      </c>
      <c r="Y5919" s="2">
        <v>159.9</v>
      </c>
      <c r="Z5919" s="5">
        <v>20</v>
      </c>
      <c r="AA5919" s="5" t="s">
        <v>43</v>
      </c>
      <c r="AB5919" s="5" t="s">
        <v>44</v>
      </c>
      <c r="AC5919" s="2" t="s">
        <v>101871</v>
      </c>
      <c r="AD5919" s="1"/>
    </row>
    <row r="5920" spans="1:30">
      <c r="A5920" s="5" t="s">
        <v>83578</v>
      </c>
      <c r="B5920" s="2" t="s">
        <v>101875</v>
      </c>
      <c r="C5920" s="14" t="s">
        <v>101876</v>
      </c>
      <c r="D5920" s="2" t="s">
        <v>101877</v>
      </c>
      <c r="E5920" s="2" t="s">
        <v>101870</v>
      </c>
      <c r="F5920" s="8">
        <v>324</v>
      </c>
      <c r="G5920" s="5">
        <v>25</v>
      </c>
      <c r="H5920" s="5" t="s">
        <v>69</v>
      </c>
      <c r="I5920" s="5" t="s">
        <v>24629</v>
      </c>
      <c r="J5920" s="2" t="s">
        <v>24630</v>
      </c>
      <c r="K5920" s="5" t="s">
        <v>24629</v>
      </c>
      <c r="L5920" s="2" t="s">
        <v>24630</v>
      </c>
      <c r="M5920" s="5" t="s">
        <v>24254</v>
      </c>
      <c r="N5920" s="5" t="s">
        <v>38</v>
      </c>
      <c r="O5920" s="5" t="s">
        <v>39</v>
      </c>
      <c r="P5920" s="5" t="s">
        <v>40</v>
      </c>
      <c r="Q5920" s="5" t="s">
        <v>24335</v>
      </c>
      <c r="R5920" s="5" t="s">
        <v>40</v>
      </c>
      <c r="S5920" s="5" t="s">
        <v>42</v>
      </c>
      <c r="T5920" s="2">
        <v>10.654</v>
      </c>
      <c r="U5920" s="2">
        <v>8.1379999999999999</v>
      </c>
      <c r="V5920" s="2">
        <v>172.9</v>
      </c>
      <c r="W5920" s="2">
        <v>12</v>
      </c>
      <c r="X5920" s="2">
        <v>62</v>
      </c>
      <c r="Y5920" s="2">
        <v>172.9</v>
      </c>
      <c r="Z5920" s="5">
        <v>20</v>
      </c>
      <c r="AA5920" s="5" t="s">
        <v>43</v>
      </c>
      <c r="AB5920" s="5" t="s">
        <v>44</v>
      </c>
      <c r="AC5920" s="2" t="s">
        <v>101871</v>
      </c>
      <c r="AD5920" s="1"/>
    </row>
    <row r="5921" spans="1:30">
      <c r="A5921" s="5" t="s">
        <v>83578</v>
      </c>
      <c r="B5921" s="2" t="s">
        <v>101878</v>
      </c>
      <c r="C5921" s="14" t="s">
        <v>101879</v>
      </c>
      <c r="D5921" s="2" t="s">
        <v>101880</v>
      </c>
      <c r="E5921" s="2" t="s">
        <v>101870</v>
      </c>
      <c r="F5921" s="8">
        <v>324</v>
      </c>
      <c r="G5921" s="5">
        <v>25</v>
      </c>
      <c r="H5921" s="5" t="s">
        <v>69</v>
      </c>
      <c r="I5921" s="5" t="s">
        <v>24629</v>
      </c>
      <c r="J5921" s="2" t="s">
        <v>24630</v>
      </c>
      <c r="K5921" s="5" t="s">
        <v>24629</v>
      </c>
      <c r="L5921" s="2" t="s">
        <v>24630</v>
      </c>
      <c r="M5921" s="5" t="s">
        <v>24254</v>
      </c>
      <c r="N5921" s="5" t="s">
        <v>38</v>
      </c>
      <c r="O5921" s="5" t="s">
        <v>39</v>
      </c>
      <c r="P5921" s="5" t="s">
        <v>40</v>
      </c>
      <c r="Q5921" s="5" t="s">
        <v>24335</v>
      </c>
      <c r="R5921" s="5" t="s">
        <v>40</v>
      </c>
      <c r="S5921" s="5" t="s">
        <v>42</v>
      </c>
      <c r="T5921" s="2">
        <v>10.673999999999999</v>
      </c>
      <c r="U5921" s="2">
        <v>8.1579999999999995</v>
      </c>
      <c r="V5921" s="2">
        <v>172.9</v>
      </c>
      <c r="W5921" s="2">
        <v>12</v>
      </c>
      <c r="X5921" s="2">
        <v>62</v>
      </c>
      <c r="Y5921" s="2">
        <v>172.9</v>
      </c>
      <c r="Z5921" s="5">
        <v>20</v>
      </c>
      <c r="AA5921" s="5" t="s">
        <v>43</v>
      </c>
      <c r="AB5921" s="5" t="s">
        <v>44</v>
      </c>
      <c r="AC5921" s="2" t="s">
        <v>101871</v>
      </c>
      <c r="AD5921" s="1"/>
    </row>
    <row r="5922" spans="1:30">
      <c r="A5922" s="5" t="s">
        <v>83578</v>
      </c>
      <c r="B5922" s="2" t="s">
        <v>101881</v>
      </c>
      <c r="C5922" s="14" t="s">
        <v>101882</v>
      </c>
      <c r="D5922" s="2" t="s">
        <v>101883</v>
      </c>
      <c r="E5922" s="2" t="s">
        <v>101870</v>
      </c>
      <c r="F5922" s="8">
        <v>370</v>
      </c>
      <c r="G5922" s="5">
        <v>25</v>
      </c>
      <c r="H5922" s="5" t="s">
        <v>69</v>
      </c>
      <c r="I5922" s="5" t="s">
        <v>24629</v>
      </c>
      <c r="J5922" s="2" t="s">
        <v>24630</v>
      </c>
      <c r="K5922" s="5" t="s">
        <v>24629</v>
      </c>
      <c r="L5922" s="2" t="s">
        <v>24630</v>
      </c>
      <c r="M5922" s="5" t="s">
        <v>24254</v>
      </c>
      <c r="N5922" s="5" t="s">
        <v>38</v>
      </c>
      <c r="O5922" s="5" t="s">
        <v>39</v>
      </c>
      <c r="P5922" s="5" t="s">
        <v>40</v>
      </c>
      <c r="Q5922" s="5" t="s">
        <v>24335</v>
      </c>
      <c r="R5922" s="5" t="s">
        <v>40</v>
      </c>
      <c r="S5922" s="5" t="s">
        <v>42</v>
      </c>
      <c r="T5922" s="2">
        <v>11.217000000000001</v>
      </c>
      <c r="U5922" s="2">
        <v>8.7010000000000005</v>
      </c>
      <c r="V5922" s="2">
        <v>172.9</v>
      </c>
      <c r="W5922" s="2">
        <v>12</v>
      </c>
      <c r="X5922" s="2">
        <v>62</v>
      </c>
      <c r="Y5922" s="2">
        <v>172.9</v>
      </c>
      <c r="Z5922" s="5">
        <v>20</v>
      </c>
      <c r="AA5922" s="5" t="s">
        <v>43</v>
      </c>
      <c r="AB5922" s="5" t="s">
        <v>44</v>
      </c>
      <c r="AC5922" s="2" t="s">
        <v>101871</v>
      </c>
      <c r="AD5922" s="1"/>
    </row>
    <row r="5923" spans="1:30">
      <c r="A5923" s="5" t="s">
        <v>83578</v>
      </c>
      <c r="B5923" s="2" t="s">
        <v>101884</v>
      </c>
      <c r="C5923" s="14" t="s">
        <v>101885</v>
      </c>
      <c r="D5923" s="2" t="s">
        <v>101886</v>
      </c>
      <c r="E5923" s="2" t="s">
        <v>101870</v>
      </c>
      <c r="F5923" s="8">
        <v>370</v>
      </c>
      <c r="G5923" s="5">
        <v>25</v>
      </c>
      <c r="H5923" s="5" t="s">
        <v>69</v>
      </c>
      <c r="I5923" s="5" t="s">
        <v>24629</v>
      </c>
      <c r="J5923" s="2" t="s">
        <v>24630</v>
      </c>
      <c r="K5923" s="5" t="s">
        <v>24629</v>
      </c>
      <c r="L5923" s="2" t="s">
        <v>24630</v>
      </c>
      <c r="M5923" s="5" t="s">
        <v>24254</v>
      </c>
      <c r="N5923" s="5" t="s">
        <v>38</v>
      </c>
      <c r="O5923" s="5" t="s">
        <v>39</v>
      </c>
      <c r="P5923" s="5" t="s">
        <v>40</v>
      </c>
      <c r="Q5923" s="5" t="s">
        <v>24335</v>
      </c>
      <c r="R5923" s="5" t="s">
        <v>40</v>
      </c>
      <c r="S5923" s="5" t="s">
        <v>42</v>
      </c>
      <c r="T5923" s="2">
        <v>11.237</v>
      </c>
      <c r="U5923" s="2">
        <v>8.7210000000000001</v>
      </c>
      <c r="V5923" s="2">
        <v>172.9</v>
      </c>
      <c r="W5923" s="2">
        <v>12</v>
      </c>
      <c r="X5923" s="2">
        <v>62</v>
      </c>
      <c r="Y5923" s="2">
        <v>172.9</v>
      </c>
      <c r="Z5923" s="5">
        <v>20</v>
      </c>
      <c r="AA5923" s="5" t="s">
        <v>43</v>
      </c>
      <c r="AB5923" s="5" t="s">
        <v>44</v>
      </c>
      <c r="AC5923" s="2" t="s">
        <v>101871</v>
      </c>
      <c r="AD5923" s="1"/>
    </row>
    <row r="5924" spans="1:30">
      <c r="A5924" s="5" t="s">
        <v>83578</v>
      </c>
      <c r="B5924" s="2" t="s">
        <v>101887</v>
      </c>
      <c r="C5924" s="14" t="s">
        <v>101888</v>
      </c>
      <c r="D5924" s="2" t="s">
        <v>101889</v>
      </c>
      <c r="E5924" s="2" t="s">
        <v>101870</v>
      </c>
      <c r="F5924" s="8">
        <v>420</v>
      </c>
      <c r="G5924" s="5">
        <v>25</v>
      </c>
      <c r="H5924" s="5" t="s">
        <v>69</v>
      </c>
      <c r="I5924" s="5" t="s">
        <v>24629</v>
      </c>
      <c r="J5924" s="2" t="s">
        <v>24630</v>
      </c>
      <c r="K5924" s="5" t="s">
        <v>24629</v>
      </c>
      <c r="L5924" s="2" t="s">
        <v>24630</v>
      </c>
      <c r="M5924" s="5" t="s">
        <v>24254</v>
      </c>
      <c r="N5924" s="5" t="s">
        <v>38</v>
      </c>
      <c r="O5924" s="5" t="s">
        <v>39</v>
      </c>
      <c r="P5924" s="5" t="s">
        <v>40</v>
      </c>
      <c r="Q5924" s="5" t="s">
        <v>24335</v>
      </c>
      <c r="R5924" s="5" t="s">
        <v>40</v>
      </c>
      <c r="S5924" s="5" t="s">
        <v>42</v>
      </c>
      <c r="T5924" s="2">
        <v>12.786</v>
      </c>
      <c r="U5924" s="2">
        <v>9.94</v>
      </c>
      <c r="V5924" s="2">
        <v>199.9</v>
      </c>
      <c r="W5924" s="2">
        <v>12</v>
      </c>
      <c r="X5924" s="2">
        <v>62</v>
      </c>
      <c r="Y5924" s="2">
        <v>199.9</v>
      </c>
      <c r="Z5924" s="5">
        <v>20</v>
      </c>
      <c r="AA5924" s="5" t="s">
        <v>43</v>
      </c>
      <c r="AB5924" s="5" t="s">
        <v>44</v>
      </c>
      <c r="AC5924" s="2" t="s">
        <v>101871</v>
      </c>
      <c r="AD5924" s="1"/>
    </row>
    <row r="5925" spans="1:30">
      <c r="A5925" s="5" t="s">
        <v>83578</v>
      </c>
      <c r="B5925" s="2" t="s">
        <v>101890</v>
      </c>
      <c r="C5925" s="14" t="s">
        <v>101891</v>
      </c>
      <c r="D5925" s="2" t="s">
        <v>101892</v>
      </c>
      <c r="E5925" s="2" t="s">
        <v>101870</v>
      </c>
      <c r="F5925" s="8">
        <v>420</v>
      </c>
      <c r="G5925" s="5">
        <v>25</v>
      </c>
      <c r="H5925" s="5" t="s">
        <v>69</v>
      </c>
      <c r="I5925" s="5" t="s">
        <v>24629</v>
      </c>
      <c r="J5925" s="2" t="s">
        <v>24630</v>
      </c>
      <c r="K5925" s="5" t="s">
        <v>24629</v>
      </c>
      <c r="L5925" s="2" t="s">
        <v>24630</v>
      </c>
      <c r="M5925" s="5" t="s">
        <v>24254</v>
      </c>
      <c r="N5925" s="5" t="s">
        <v>38</v>
      </c>
      <c r="O5925" s="5" t="s">
        <v>39</v>
      </c>
      <c r="P5925" s="5" t="s">
        <v>40</v>
      </c>
      <c r="Q5925" s="5" t="s">
        <v>24335</v>
      </c>
      <c r="R5925" s="5" t="s">
        <v>40</v>
      </c>
      <c r="S5925" s="5" t="s">
        <v>42</v>
      </c>
      <c r="T5925" s="2">
        <v>12.805999999999999</v>
      </c>
      <c r="U5925" s="2">
        <v>9.9600000000000009</v>
      </c>
      <c r="V5925" s="2">
        <v>199.9</v>
      </c>
      <c r="W5925" s="2">
        <v>12</v>
      </c>
      <c r="X5925" s="2">
        <v>62</v>
      </c>
      <c r="Y5925" s="2">
        <v>199.9</v>
      </c>
      <c r="Z5925" s="5">
        <v>20</v>
      </c>
      <c r="AA5925" s="5" t="s">
        <v>43</v>
      </c>
      <c r="AB5925" s="5" t="s">
        <v>44</v>
      </c>
      <c r="AC5925" s="2" t="s">
        <v>101871</v>
      </c>
      <c r="AD5925" s="1"/>
    </row>
    <row r="5926" spans="1:30">
      <c r="A5926" s="5" t="s">
        <v>83578</v>
      </c>
      <c r="B5926" s="2" t="s">
        <v>101893</v>
      </c>
      <c r="C5926" s="14" t="s">
        <v>101894</v>
      </c>
      <c r="D5926" s="2" t="s">
        <v>101895</v>
      </c>
      <c r="E5926" s="2" t="s">
        <v>68424</v>
      </c>
      <c r="F5926" s="8">
        <v>228</v>
      </c>
      <c r="G5926" s="5">
        <v>15</v>
      </c>
      <c r="H5926" s="5" t="s">
        <v>1518</v>
      </c>
      <c r="I5926" s="5" t="s">
        <v>68411</v>
      </c>
      <c r="J5926" s="2" t="s">
        <v>68412</v>
      </c>
      <c r="K5926" s="5" t="s">
        <v>68411</v>
      </c>
      <c r="L5926" s="2" t="s">
        <v>68412</v>
      </c>
      <c r="M5926" s="5" t="s">
        <v>1521</v>
      </c>
      <c r="N5926" s="5" t="s">
        <v>38</v>
      </c>
      <c r="O5926" s="5" t="s">
        <v>39</v>
      </c>
      <c r="P5926" s="5" t="s">
        <v>40</v>
      </c>
      <c r="Q5926" s="5" t="s">
        <v>68413</v>
      </c>
      <c r="R5926" s="5" t="s">
        <v>40</v>
      </c>
      <c r="S5926" s="5" t="s">
        <v>42</v>
      </c>
      <c r="T5926" s="2">
        <v>3.4159999999999999</v>
      </c>
      <c r="U5926" s="2">
        <v>2.8359999999999999</v>
      </c>
      <c r="V5926" s="2">
        <v>16.7</v>
      </c>
      <c r="W5926" s="2">
        <v>139.1</v>
      </c>
      <c r="X5926" s="2">
        <v>7.6</v>
      </c>
      <c r="Y5926" s="2">
        <v>16.7</v>
      </c>
      <c r="Z5926" s="5"/>
      <c r="AA5926" s="5" t="s">
        <v>43</v>
      </c>
      <c r="AB5926" s="5" t="s">
        <v>44</v>
      </c>
      <c r="AC5926" s="2"/>
      <c r="AD5926" s="1"/>
    </row>
    <row r="5927" spans="1:30">
      <c r="A5927" s="5" t="s">
        <v>83578</v>
      </c>
      <c r="B5927" s="2" t="s">
        <v>101896</v>
      </c>
      <c r="C5927" s="14" t="s">
        <v>101897</v>
      </c>
      <c r="D5927" s="2" t="s">
        <v>101898</v>
      </c>
      <c r="E5927" s="2" t="s">
        <v>7204</v>
      </c>
      <c r="F5927" s="8">
        <v>104</v>
      </c>
      <c r="G5927" s="5">
        <v>15</v>
      </c>
      <c r="H5927" s="5" t="s">
        <v>1518</v>
      </c>
      <c r="I5927" s="5" t="s">
        <v>68411</v>
      </c>
      <c r="J5927" s="2" t="s">
        <v>68412</v>
      </c>
      <c r="K5927" s="5" t="s">
        <v>68411</v>
      </c>
      <c r="L5927" s="2" t="s">
        <v>68412</v>
      </c>
      <c r="M5927" s="5" t="s">
        <v>1521</v>
      </c>
      <c r="N5927" s="5" t="s">
        <v>38</v>
      </c>
      <c r="O5927" s="5" t="s">
        <v>39</v>
      </c>
      <c r="P5927" s="5" t="s">
        <v>40</v>
      </c>
      <c r="Q5927" s="5" t="s">
        <v>68413</v>
      </c>
      <c r="R5927" s="5" t="s">
        <v>40</v>
      </c>
      <c r="S5927" s="5" t="s">
        <v>42</v>
      </c>
      <c r="T5927" s="2">
        <v>1.343</v>
      </c>
      <c r="U5927" s="2">
        <v>0.92200000000000004</v>
      </c>
      <c r="V5927" s="2">
        <v>16.7</v>
      </c>
      <c r="W5927" s="2">
        <v>76.900000000000006</v>
      </c>
      <c r="X5927" s="2">
        <v>7.6</v>
      </c>
      <c r="Y5927" s="2">
        <v>16.7</v>
      </c>
      <c r="Z5927" s="5"/>
      <c r="AA5927" s="5" t="s">
        <v>43</v>
      </c>
      <c r="AB5927" s="5" t="s">
        <v>44</v>
      </c>
      <c r="AC5927" s="2"/>
      <c r="AD5927" s="1"/>
    </row>
    <row r="5928" spans="1:30">
      <c r="A5928" s="5" t="s">
        <v>83578</v>
      </c>
      <c r="B5928" s="2" t="s">
        <v>101899</v>
      </c>
      <c r="C5928" s="14" t="s">
        <v>101900</v>
      </c>
      <c r="D5928" s="2" t="s">
        <v>101901</v>
      </c>
      <c r="E5928" s="2" t="s">
        <v>7204</v>
      </c>
      <c r="F5928" s="8">
        <v>119</v>
      </c>
      <c r="G5928" s="5">
        <v>15</v>
      </c>
      <c r="H5928" s="5" t="s">
        <v>1518</v>
      </c>
      <c r="I5928" s="5" t="s">
        <v>68411</v>
      </c>
      <c r="J5928" s="2" t="s">
        <v>68412</v>
      </c>
      <c r="K5928" s="5" t="s">
        <v>68411</v>
      </c>
      <c r="L5928" s="2" t="s">
        <v>68412</v>
      </c>
      <c r="M5928" s="5" t="s">
        <v>1521</v>
      </c>
      <c r="N5928" s="5" t="s">
        <v>38</v>
      </c>
      <c r="O5928" s="5" t="s">
        <v>39</v>
      </c>
      <c r="P5928" s="5" t="s">
        <v>40</v>
      </c>
      <c r="Q5928" s="5" t="s">
        <v>68413</v>
      </c>
      <c r="R5928" s="5" t="s">
        <v>40</v>
      </c>
      <c r="S5928" s="5" t="s">
        <v>42</v>
      </c>
      <c r="T5928" s="2">
        <v>1.4890000000000001</v>
      </c>
      <c r="U5928" s="2">
        <v>1.077</v>
      </c>
      <c r="V5928" s="2">
        <v>16.7</v>
      </c>
      <c r="W5928" s="2">
        <v>76.900000000000006</v>
      </c>
      <c r="X5928" s="2">
        <v>7.6</v>
      </c>
      <c r="Y5928" s="2">
        <v>16.7</v>
      </c>
      <c r="Z5928" s="5"/>
      <c r="AA5928" s="5" t="s">
        <v>43</v>
      </c>
      <c r="AB5928" s="5" t="s">
        <v>44</v>
      </c>
      <c r="AC5928" s="2"/>
      <c r="AD5928" s="1"/>
    </row>
    <row r="5929" spans="1:30">
      <c r="A5929" s="5" t="s">
        <v>83578</v>
      </c>
      <c r="B5929" s="2" t="s">
        <v>101902</v>
      </c>
      <c r="C5929" s="14" t="s">
        <v>101903</v>
      </c>
      <c r="D5929" s="2" t="s">
        <v>101904</v>
      </c>
      <c r="E5929" s="2" t="s">
        <v>7204</v>
      </c>
      <c r="F5929" s="8">
        <v>144</v>
      </c>
      <c r="G5929" s="5">
        <v>15</v>
      </c>
      <c r="H5929" s="5" t="s">
        <v>1518</v>
      </c>
      <c r="I5929" s="5" t="s">
        <v>68411</v>
      </c>
      <c r="J5929" s="2" t="s">
        <v>68412</v>
      </c>
      <c r="K5929" s="5" t="s">
        <v>68411</v>
      </c>
      <c r="L5929" s="2" t="s">
        <v>68412</v>
      </c>
      <c r="M5929" s="5" t="s">
        <v>1521</v>
      </c>
      <c r="N5929" s="5" t="s">
        <v>38</v>
      </c>
      <c r="O5929" s="5" t="s">
        <v>39</v>
      </c>
      <c r="P5929" s="5" t="s">
        <v>40</v>
      </c>
      <c r="Q5929" s="5" t="s">
        <v>68413</v>
      </c>
      <c r="R5929" s="5" t="s">
        <v>40</v>
      </c>
      <c r="S5929" s="5" t="s">
        <v>42</v>
      </c>
      <c r="T5929" s="2">
        <v>1.903</v>
      </c>
      <c r="U5929" s="2">
        <v>1.3959999999999999</v>
      </c>
      <c r="V5929" s="2">
        <v>16.7</v>
      </c>
      <c r="W5929" s="2">
        <v>99.1</v>
      </c>
      <c r="X5929" s="2">
        <v>7.6</v>
      </c>
      <c r="Y5929" s="2">
        <v>16.7</v>
      </c>
      <c r="Z5929" s="5"/>
      <c r="AA5929" s="5" t="s">
        <v>43</v>
      </c>
      <c r="AB5929" s="5" t="s">
        <v>44</v>
      </c>
      <c r="AC5929" s="2"/>
      <c r="AD5929" s="1"/>
    </row>
    <row r="5930" spans="1:30">
      <c r="A5930" s="5" t="s">
        <v>83578</v>
      </c>
      <c r="B5930" s="2" t="s">
        <v>101905</v>
      </c>
      <c r="C5930" s="14" t="s">
        <v>101906</v>
      </c>
      <c r="D5930" s="2" t="s">
        <v>101907</v>
      </c>
      <c r="E5930" s="2" t="s">
        <v>7204</v>
      </c>
      <c r="F5930" s="8">
        <v>136</v>
      </c>
      <c r="G5930" s="5">
        <v>15</v>
      </c>
      <c r="H5930" s="5" t="s">
        <v>1518</v>
      </c>
      <c r="I5930" s="5" t="s">
        <v>68411</v>
      </c>
      <c r="J5930" s="2" t="s">
        <v>68412</v>
      </c>
      <c r="K5930" s="5" t="s">
        <v>68411</v>
      </c>
      <c r="L5930" s="2" t="s">
        <v>68412</v>
      </c>
      <c r="M5930" s="5" t="s">
        <v>1521</v>
      </c>
      <c r="N5930" s="5" t="s">
        <v>38</v>
      </c>
      <c r="O5930" s="5" t="s">
        <v>39</v>
      </c>
      <c r="P5930" s="5" t="s">
        <v>40</v>
      </c>
      <c r="Q5930" s="5" t="s">
        <v>68413</v>
      </c>
      <c r="R5930" s="5" t="s">
        <v>40</v>
      </c>
      <c r="S5930" s="5" t="s">
        <v>42</v>
      </c>
      <c r="T5930" s="2">
        <v>1.7569999999999999</v>
      </c>
      <c r="U5930" s="2">
        <v>1.33</v>
      </c>
      <c r="V5930" s="2">
        <v>16.7</v>
      </c>
      <c r="W5930" s="2">
        <v>82.9</v>
      </c>
      <c r="X5930" s="2">
        <v>7.6</v>
      </c>
      <c r="Y5930" s="2">
        <v>16.7</v>
      </c>
      <c r="Z5930" s="5"/>
      <c r="AA5930" s="5" t="s">
        <v>43</v>
      </c>
      <c r="AB5930" s="5" t="s">
        <v>44</v>
      </c>
      <c r="AC5930" s="2"/>
      <c r="AD5930" s="1"/>
    </row>
    <row r="5931" spans="1:30">
      <c r="A5931" s="5" t="s">
        <v>83578</v>
      </c>
      <c r="B5931" s="2" t="s">
        <v>101908</v>
      </c>
      <c r="C5931" s="14" t="s">
        <v>101909</v>
      </c>
      <c r="D5931" s="2" t="s">
        <v>101910</v>
      </c>
      <c r="E5931" s="2" t="s">
        <v>7204</v>
      </c>
      <c r="F5931" s="8">
        <v>148</v>
      </c>
      <c r="G5931" s="5">
        <v>15</v>
      </c>
      <c r="H5931" s="5" t="s">
        <v>1518</v>
      </c>
      <c r="I5931" s="5" t="s">
        <v>68411</v>
      </c>
      <c r="J5931" s="2" t="s">
        <v>68412</v>
      </c>
      <c r="K5931" s="5" t="s">
        <v>68411</v>
      </c>
      <c r="L5931" s="2" t="s">
        <v>68412</v>
      </c>
      <c r="M5931" s="5" t="s">
        <v>1521</v>
      </c>
      <c r="N5931" s="5" t="s">
        <v>38</v>
      </c>
      <c r="O5931" s="5" t="s">
        <v>39</v>
      </c>
      <c r="P5931" s="5" t="s">
        <v>40</v>
      </c>
      <c r="Q5931" s="5" t="s">
        <v>68413</v>
      </c>
      <c r="R5931" s="5" t="s">
        <v>40</v>
      </c>
      <c r="S5931" s="5" t="s">
        <v>42</v>
      </c>
      <c r="T5931" s="2">
        <v>2.02</v>
      </c>
      <c r="U5931" s="2">
        <v>1.5129999999999999</v>
      </c>
      <c r="V5931" s="2">
        <v>16.7</v>
      </c>
      <c r="W5931" s="2">
        <v>99.1</v>
      </c>
      <c r="X5931" s="2">
        <v>7.6</v>
      </c>
      <c r="Y5931" s="2">
        <v>16.7</v>
      </c>
      <c r="Z5931" s="5"/>
      <c r="AA5931" s="5" t="s">
        <v>43</v>
      </c>
      <c r="AB5931" s="5" t="s">
        <v>44</v>
      </c>
      <c r="AC5931" s="2"/>
      <c r="AD5931" s="1"/>
    </row>
    <row r="5932" spans="1:30">
      <c r="A5932" s="5" t="s">
        <v>83578</v>
      </c>
      <c r="B5932" s="2" t="s">
        <v>101911</v>
      </c>
      <c r="C5932" s="14" t="s">
        <v>101912</v>
      </c>
      <c r="D5932" s="2" t="s">
        <v>101913</v>
      </c>
      <c r="E5932" s="2" t="s">
        <v>7204</v>
      </c>
      <c r="F5932" s="8">
        <v>153</v>
      </c>
      <c r="G5932" s="5">
        <v>15</v>
      </c>
      <c r="H5932" s="5" t="s">
        <v>1518</v>
      </c>
      <c r="I5932" s="5" t="s">
        <v>68411</v>
      </c>
      <c r="J5932" s="2" t="s">
        <v>68412</v>
      </c>
      <c r="K5932" s="5" t="s">
        <v>68411</v>
      </c>
      <c r="L5932" s="2" t="s">
        <v>68412</v>
      </c>
      <c r="M5932" s="5" t="s">
        <v>1521</v>
      </c>
      <c r="N5932" s="5" t="s">
        <v>38</v>
      </c>
      <c r="O5932" s="5" t="s">
        <v>39</v>
      </c>
      <c r="P5932" s="5" t="s">
        <v>40</v>
      </c>
      <c r="Q5932" s="5" t="s">
        <v>68413</v>
      </c>
      <c r="R5932" s="5" t="s">
        <v>40</v>
      </c>
      <c r="S5932" s="5" t="s">
        <v>42</v>
      </c>
      <c r="T5932" s="2">
        <v>2.2349999999999999</v>
      </c>
      <c r="U5932" s="2">
        <v>1.73</v>
      </c>
      <c r="V5932" s="2">
        <v>16.7</v>
      </c>
      <c r="W5932" s="2">
        <v>118.9</v>
      </c>
      <c r="X5932" s="2">
        <v>7.6</v>
      </c>
      <c r="Y5932" s="2">
        <v>16.7</v>
      </c>
      <c r="Z5932" s="5"/>
      <c r="AA5932" s="5" t="s">
        <v>43</v>
      </c>
      <c r="AB5932" s="5" t="s">
        <v>44</v>
      </c>
      <c r="AC5932" s="2"/>
      <c r="AD5932" s="1"/>
    </row>
    <row r="5933" spans="1:30">
      <c r="A5933" s="5" t="s">
        <v>83578</v>
      </c>
      <c r="B5933" s="2" t="s">
        <v>101914</v>
      </c>
      <c r="C5933" s="14" t="s">
        <v>101915</v>
      </c>
      <c r="D5933" s="2" t="s">
        <v>101916</v>
      </c>
      <c r="E5933" s="2" t="s">
        <v>7204</v>
      </c>
      <c r="F5933" s="8">
        <v>159</v>
      </c>
      <c r="G5933" s="5">
        <v>15</v>
      </c>
      <c r="H5933" s="5" t="s">
        <v>1518</v>
      </c>
      <c r="I5933" s="5" t="s">
        <v>68411</v>
      </c>
      <c r="J5933" s="2" t="s">
        <v>68412</v>
      </c>
      <c r="K5933" s="5" t="s">
        <v>68411</v>
      </c>
      <c r="L5933" s="2" t="s">
        <v>68412</v>
      </c>
      <c r="M5933" s="5" t="s">
        <v>1521</v>
      </c>
      <c r="N5933" s="5" t="s">
        <v>38</v>
      </c>
      <c r="O5933" s="5" t="s">
        <v>39</v>
      </c>
      <c r="P5933" s="5" t="s">
        <v>40</v>
      </c>
      <c r="Q5933" s="5" t="s">
        <v>68413</v>
      </c>
      <c r="R5933" s="5" t="s">
        <v>40</v>
      </c>
      <c r="S5933" s="5" t="s">
        <v>42</v>
      </c>
      <c r="T5933" s="2">
        <v>2.0379999999999998</v>
      </c>
      <c r="U5933" s="2">
        <v>1.5409999999999999</v>
      </c>
      <c r="V5933" s="2">
        <v>16.7</v>
      </c>
      <c r="W5933" s="2">
        <v>99.1</v>
      </c>
      <c r="X5933" s="2">
        <v>7.6</v>
      </c>
      <c r="Y5933" s="2">
        <v>16.7</v>
      </c>
      <c r="Z5933" s="5"/>
      <c r="AA5933" s="5" t="s">
        <v>43</v>
      </c>
      <c r="AB5933" s="5" t="s">
        <v>44</v>
      </c>
      <c r="AC5933" s="2"/>
      <c r="AD5933" s="1"/>
    </row>
    <row r="5934" spans="1:30">
      <c r="A5934" s="5" t="s">
        <v>83578</v>
      </c>
      <c r="B5934" s="2" t="s">
        <v>101917</v>
      </c>
      <c r="C5934" s="14" t="s">
        <v>101918</v>
      </c>
      <c r="D5934" s="2" t="s">
        <v>101919</v>
      </c>
      <c r="E5934" s="2" t="s">
        <v>7204</v>
      </c>
      <c r="F5934" s="8">
        <v>159</v>
      </c>
      <c r="G5934" s="5">
        <v>15</v>
      </c>
      <c r="H5934" s="5" t="s">
        <v>1518</v>
      </c>
      <c r="I5934" s="5" t="s">
        <v>68411</v>
      </c>
      <c r="J5934" s="2" t="s">
        <v>68412</v>
      </c>
      <c r="K5934" s="5" t="s">
        <v>68411</v>
      </c>
      <c r="L5934" s="2" t="s">
        <v>68412</v>
      </c>
      <c r="M5934" s="5" t="s">
        <v>1521</v>
      </c>
      <c r="N5934" s="5" t="s">
        <v>38</v>
      </c>
      <c r="O5934" s="5" t="s">
        <v>39</v>
      </c>
      <c r="P5934" s="5" t="s">
        <v>40</v>
      </c>
      <c r="Q5934" s="5" t="s">
        <v>68413</v>
      </c>
      <c r="R5934" s="5" t="s">
        <v>40</v>
      </c>
      <c r="S5934" s="5" t="s">
        <v>42</v>
      </c>
      <c r="T5934" s="2">
        <v>2.234</v>
      </c>
      <c r="U5934" s="2">
        <v>1.746</v>
      </c>
      <c r="V5934" s="2">
        <v>16.7</v>
      </c>
      <c r="W5934" s="2">
        <v>99.1</v>
      </c>
      <c r="X5934" s="2">
        <v>7.6</v>
      </c>
      <c r="Y5934" s="2">
        <v>16.7</v>
      </c>
      <c r="Z5934" s="5"/>
      <c r="AA5934" s="5" t="s">
        <v>43</v>
      </c>
      <c r="AB5934" s="5" t="s">
        <v>44</v>
      </c>
      <c r="AC5934" s="2"/>
      <c r="AD5934" s="1"/>
    </row>
    <row r="5935" spans="1:30">
      <c r="A5935" s="5" t="s">
        <v>83578</v>
      </c>
      <c r="B5935" s="2" t="s">
        <v>101920</v>
      </c>
      <c r="C5935" s="14" t="s">
        <v>101921</v>
      </c>
      <c r="D5935" s="2" t="s">
        <v>101922</v>
      </c>
      <c r="E5935" s="2" t="s">
        <v>7204</v>
      </c>
      <c r="F5935" s="8">
        <v>170</v>
      </c>
      <c r="G5935" s="5">
        <v>15</v>
      </c>
      <c r="H5935" s="5" t="s">
        <v>1518</v>
      </c>
      <c r="I5935" s="5" t="s">
        <v>68411</v>
      </c>
      <c r="J5935" s="2" t="s">
        <v>68412</v>
      </c>
      <c r="K5935" s="5" t="s">
        <v>68411</v>
      </c>
      <c r="L5935" s="2" t="s">
        <v>68412</v>
      </c>
      <c r="M5935" s="5" t="s">
        <v>1521</v>
      </c>
      <c r="N5935" s="5" t="s">
        <v>38</v>
      </c>
      <c r="O5935" s="5" t="s">
        <v>39</v>
      </c>
      <c r="P5935" s="5" t="s">
        <v>40</v>
      </c>
      <c r="Q5935" s="5" t="s">
        <v>68413</v>
      </c>
      <c r="R5935" s="5" t="s">
        <v>40</v>
      </c>
      <c r="S5935" s="5" t="s">
        <v>42</v>
      </c>
      <c r="T5935" s="2">
        <v>2.4790000000000001</v>
      </c>
      <c r="U5935" s="2">
        <v>1.992</v>
      </c>
      <c r="V5935" s="2">
        <v>16.7</v>
      </c>
      <c r="W5935" s="2">
        <v>139.1</v>
      </c>
      <c r="X5935" s="2">
        <v>7.6</v>
      </c>
      <c r="Y5935" s="2">
        <v>16.7</v>
      </c>
      <c r="Z5935" s="5"/>
      <c r="AA5935" s="5" t="s">
        <v>43</v>
      </c>
      <c r="AB5935" s="5" t="s">
        <v>44</v>
      </c>
      <c r="AC5935" s="2"/>
      <c r="AD5935" s="1"/>
    </row>
    <row r="5936" spans="1:30">
      <c r="A5936" s="5" t="s">
        <v>83578</v>
      </c>
      <c r="B5936" s="2" t="s">
        <v>101923</v>
      </c>
      <c r="C5936" s="14" t="s">
        <v>101924</v>
      </c>
      <c r="D5936" s="2" t="s">
        <v>101925</v>
      </c>
      <c r="E5936" s="2" t="s">
        <v>7204</v>
      </c>
      <c r="F5936" s="8">
        <v>179</v>
      </c>
      <c r="G5936" s="5">
        <v>15</v>
      </c>
      <c r="H5936" s="5" t="s">
        <v>1518</v>
      </c>
      <c r="I5936" s="5" t="s">
        <v>68411</v>
      </c>
      <c r="J5936" s="2" t="s">
        <v>68412</v>
      </c>
      <c r="K5936" s="5" t="s">
        <v>68411</v>
      </c>
      <c r="L5936" s="2" t="s">
        <v>68412</v>
      </c>
      <c r="M5936" s="5" t="s">
        <v>1521</v>
      </c>
      <c r="N5936" s="5" t="s">
        <v>38</v>
      </c>
      <c r="O5936" s="5" t="s">
        <v>39</v>
      </c>
      <c r="P5936" s="5" t="s">
        <v>40</v>
      </c>
      <c r="Q5936" s="5" t="s">
        <v>68413</v>
      </c>
      <c r="R5936" s="5" t="s">
        <v>40</v>
      </c>
      <c r="S5936" s="5" t="s">
        <v>42</v>
      </c>
      <c r="T5936" s="2">
        <v>2.3199999999999998</v>
      </c>
      <c r="U5936" s="2">
        <v>1.83</v>
      </c>
      <c r="V5936" s="2">
        <v>16.7</v>
      </c>
      <c r="W5936" s="2">
        <v>118.7</v>
      </c>
      <c r="X5936" s="2">
        <v>7.6</v>
      </c>
      <c r="Y5936" s="2">
        <v>16.7</v>
      </c>
      <c r="Z5936" s="5"/>
      <c r="AA5936" s="5" t="s">
        <v>43</v>
      </c>
      <c r="AB5936" s="5" t="s">
        <v>44</v>
      </c>
      <c r="AC5936" s="2"/>
      <c r="AD5936" s="1"/>
    </row>
    <row r="5937" spans="1:30">
      <c r="A5937" s="5" t="s">
        <v>83578</v>
      </c>
      <c r="B5937" s="2" t="s">
        <v>101926</v>
      </c>
      <c r="C5937" s="14" t="s">
        <v>101927</v>
      </c>
      <c r="D5937" s="2" t="s">
        <v>101928</v>
      </c>
      <c r="E5937" s="2" t="s">
        <v>7204</v>
      </c>
      <c r="F5937" s="8">
        <v>179</v>
      </c>
      <c r="G5937" s="5">
        <v>15</v>
      </c>
      <c r="H5937" s="5" t="s">
        <v>1518</v>
      </c>
      <c r="I5937" s="5" t="s">
        <v>68411</v>
      </c>
      <c r="J5937" s="2" t="s">
        <v>68412</v>
      </c>
      <c r="K5937" s="5" t="s">
        <v>68411</v>
      </c>
      <c r="L5937" s="2" t="s">
        <v>68412</v>
      </c>
      <c r="M5937" s="5" t="s">
        <v>1521</v>
      </c>
      <c r="N5937" s="5" t="s">
        <v>38</v>
      </c>
      <c r="O5937" s="5" t="s">
        <v>39</v>
      </c>
      <c r="P5937" s="5" t="s">
        <v>40</v>
      </c>
      <c r="Q5937" s="5" t="s">
        <v>68413</v>
      </c>
      <c r="R5937" s="5" t="s">
        <v>40</v>
      </c>
      <c r="S5937" s="5" t="s">
        <v>42</v>
      </c>
      <c r="T5937" s="2">
        <v>2.544</v>
      </c>
      <c r="U5937" s="2">
        <v>2.0619999999999998</v>
      </c>
      <c r="V5937" s="2">
        <v>16.7</v>
      </c>
      <c r="W5937" s="2">
        <v>118.9</v>
      </c>
      <c r="X5937" s="2">
        <v>7.6</v>
      </c>
      <c r="Y5937" s="2">
        <v>16.7</v>
      </c>
      <c r="Z5937" s="5"/>
      <c r="AA5937" s="5" t="s">
        <v>43</v>
      </c>
      <c r="AB5937" s="5" t="s">
        <v>44</v>
      </c>
      <c r="AC5937" s="2"/>
      <c r="AD5937" s="1"/>
    </row>
    <row r="5938" spans="1:30">
      <c r="A5938" s="5" t="s">
        <v>83578</v>
      </c>
      <c r="B5938" s="2" t="s">
        <v>101929</v>
      </c>
      <c r="C5938" s="14" t="s">
        <v>101930</v>
      </c>
      <c r="D5938" s="2" t="s">
        <v>101931</v>
      </c>
      <c r="E5938" s="2" t="s">
        <v>7204</v>
      </c>
      <c r="F5938" s="8">
        <v>190</v>
      </c>
      <c r="G5938" s="5">
        <v>15</v>
      </c>
      <c r="H5938" s="5" t="s">
        <v>1518</v>
      </c>
      <c r="I5938" s="5" t="s">
        <v>68411</v>
      </c>
      <c r="J5938" s="2" t="s">
        <v>68412</v>
      </c>
      <c r="K5938" s="5" t="s">
        <v>68411</v>
      </c>
      <c r="L5938" s="2" t="s">
        <v>68412</v>
      </c>
      <c r="M5938" s="5" t="s">
        <v>1521</v>
      </c>
      <c r="N5938" s="5" t="s">
        <v>38</v>
      </c>
      <c r="O5938" s="5" t="s">
        <v>39</v>
      </c>
      <c r="P5938" s="5" t="s">
        <v>40</v>
      </c>
      <c r="Q5938" s="5" t="s">
        <v>68413</v>
      </c>
      <c r="R5938" s="5" t="s">
        <v>40</v>
      </c>
      <c r="S5938" s="5" t="s">
        <v>42</v>
      </c>
      <c r="T5938" s="2">
        <v>2.8140000000000001</v>
      </c>
      <c r="U5938" s="2">
        <v>2.3420000000000001</v>
      </c>
      <c r="V5938" s="2">
        <v>16.7</v>
      </c>
      <c r="W5938" s="2">
        <v>118.9</v>
      </c>
      <c r="X5938" s="2">
        <v>7.6</v>
      </c>
      <c r="Y5938" s="2">
        <v>16.7</v>
      </c>
      <c r="Z5938" s="5"/>
      <c r="AA5938" s="5" t="s">
        <v>43</v>
      </c>
      <c r="AB5938" s="5" t="s">
        <v>44</v>
      </c>
      <c r="AC5938" s="2"/>
      <c r="AD5938" s="1"/>
    </row>
    <row r="5939" spans="1:30">
      <c r="A5939" s="5" t="s">
        <v>83578</v>
      </c>
      <c r="B5939" s="2" t="s">
        <v>101932</v>
      </c>
      <c r="C5939" s="14" t="s">
        <v>101933</v>
      </c>
      <c r="D5939" s="2" t="s">
        <v>101934</v>
      </c>
      <c r="E5939" s="2" t="s">
        <v>7204</v>
      </c>
      <c r="F5939" s="8">
        <v>250</v>
      </c>
      <c r="G5939" s="5">
        <v>8</v>
      </c>
      <c r="H5939" s="5" t="s">
        <v>1518</v>
      </c>
      <c r="I5939" s="5" t="s">
        <v>69038</v>
      </c>
      <c r="J5939" s="2" t="s">
        <v>69039</v>
      </c>
      <c r="K5939" s="5" t="s">
        <v>69038</v>
      </c>
      <c r="L5939" s="2" t="s">
        <v>69039</v>
      </c>
      <c r="M5939" s="5" t="s">
        <v>1521</v>
      </c>
      <c r="N5939" s="5" t="s">
        <v>38</v>
      </c>
      <c r="O5939" s="5" t="s">
        <v>39</v>
      </c>
      <c r="P5939" s="5" t="s">
        <v>40</v>
      </c>
      <c r="Q5939" s="5" t="s">
        <v>1522</v>
      </c>
      <c r="R5939" s="5" t="s">
        <v>1523</v>
      </c>
      <c r="S5939" s="5" t="s">
        <v>42</v>
      </c>
      <c r="T5939" s="2">
        <v>1.4550000000000001</v>
      </c>
      <c r="U5939" s="2">
        <v>1.1160000000000001</v>
      </c>
      <c r="V5939" s="2">
        <v>10.6</v>
      </c>
      <c r="W5939" s="2">
        <v>99.1</v>
      </c>
      <c r="X5939" s="2">
        <v>7.6</v>
      </c>
      <c r="Y5939" s="2">
        <v>10.6</v>
      </c>
      <c r="Z5939" s="5"/>
      <c r="AA5939" s="5" t="s">
        <v>43</v>
      </c>
      <c r="AB5939" s="5" t="s">
        <v>44</v>
      </c>
      <c r="AC5939" s="2"/>
      <c r="AD5939" s="1"/>
    </row>
    <row r="5940" spans="1:30">
      <c r="A5940" s="5" t="s">
        <v>83578</v>
      </c>
      <c r="B5940" s="2" t="s">
        <v>101935</v>
      </c>
      <c r="C5940" s="14" t="s">
        <v>101936</v>
      </c>
      <c r="D5940" s="2" t="s">
        <v>101937</v>
      </c>
      <c r="E5940" s="2" t="s">
        <v>7208</v>
      </c>
      <c r="F5940" s="8">
        <v>250</v>
      </c>
      <c r="G5940" s="5">
        <v>8</v>
      </c>
      <c r="H5940" s="5" t="s">
        <v>1518</v>
      </c>
      <c r="I5940" s="5" t="s">
        <v>69038</v>
      </c>
      <c r="J5940" s="2" t="s">
        <v>69039</v>
      </c>
      <c r="K5940" s="5" t="s">
        <v>69038</v>
      </c>
      <c r="L5940" s="2" t="s">
        <v>69039</v>
      </c>
      <c r="M5940" s="5" t="s">
        <v>1521</v>
      </c>
      <c r="N5940" s="5" t="s">
        <v>38</v>
      </c>
      <c r="O5940" s="5" t="s">
        <v>39</v>
      </c>
      <c r="P5940" s="5" t="s">
        <v>40</v>
      </c>
      <c r="Q5940" s="5" t="s">
        <v>1522</v>
      </c>
      <c r="R5940" s="5" t="s">
        <v>1523</v>
      </c>
      <c r="S5940" s="5" t="s">
        <v>42</v>
      </c>
      <c r="T5940" s="2">
        <v>1.4550000000000001</v>
      </c>
      <c r="U5940" s="2">
        <v>1.1160000000000001</v>
      </c>
      <c r="V5940" s="2">
        <v>10.6</v>
      </c>
      <c r="W5940" s="2">
        <v>99.1</v>
      </c>
      <c r="X5940" s="2">
        <v>7.6</v>
      </c>
      <c r="Y5940" s="2">
        <v>10.6</v>
      </c>
      <c r="Z5940" s="5"/>
      <c r="AA5940" s="5" t="s">
        <v>43</v>
      </c>
      <c r="AB5940" s="5" t="s">
        <v>44</v>
      </c>
      <c r="AC5940" s="2"/>
      <c r="AD5940" s="1"/>
    </row>
    <row r="5941" spans="1:30">
      <c r="A5941" s="5" t="s">
        <v>83578</v>
      </c>
      <c r="B5941" s="2" t="s">
        <v>101938</v>
      </c>
      <c r="C5941" s="14" t="s">
        <v>101939</v>
      </c>
      <c r="D5941" s="2" t="s">
        <v>101940</v>
      </c>
      <c r="E5941" s="2" t="s">
        <v>7406</v>
      </c>
      <c r="F5941" s="8">
        <v>250</v>
      </c>
      <c r="G5941" s="5">
        <v>8</v>
      </c>
      <c r="H5941" s="5" t="s">
        <v>1518</v>
      </c>
      <c r="I5941" s="5" t="s">
        <v>69038</v>
      </c>
      <c r="J5941" s="2" t="s">
        <v>69039</v>
      </c>
      <c r="K5941" s="5" t="s">
        <v>69038</v>
      </c>
      <c r="L5941" s="2" t="s">
        <v>69039</v>
      </c>
      <c r="M5941" s="5" t="s">
        <v>1521</v>
      </c>
      <c r="N5941" s="5" t="s">
        <v>38</v>
      </c>
      <c r="O5941" s="5" t="s">
        <v>39</v>
      </c>
      <c r="P5941" s="5" t="s">
        <v>40</v>
      </c>
      <c r="Q5941" s="5" t="s">
        <v>1522</v>
      </c>
      <c r="R5941" s="5" t="s">
        <v>1523</v>
      </c>
      <c r="S5941" s="5" t="s">
        <v>42</v>
      </c>
      <c r="T5941" s="2">
        <v>1.4550000000000001</v>
      </c>
      <c r="U5941" s="2">
        <v>1.1160000000000001</v>
      </c>
      <c r="V5941" s="2">
        <v>10.6</v>
      </c>
      <c r="W5941" s="2">
        <v>99.1</v>
      </c>
      <c r="X5941" s="2">
        <v>7.6</v>
      </c>
      <c r="Y5941" s="2">
        <v>10.6</v>
      </c>
      <c r="Z5941" s="5"/>
      <c r="AA5941" s="5" t="s">
        <v>43</v>
      </c>
      <c r="AB5941" s="5" t="s">
        <v>44</v>
      </c>
      <c r="AC5941" s="2"/>
      <c r="AD5941" s="1"/>
    </row>
    <row r="5942" spans="1:30">
      <c r="A5942" s="5" t="s">
        <v>83578</v>
      </c>
      <c r="B5942" s="2" t="s">
        <v>101941</v>
      </c>
      <c r="C5942" s="14" t="s">
        <v>101942</v>
      </c>
      <c r="D5942" s="2" t="s">
        <v>101943</v>
      </c>
      <c r="E5942" s="2" t="s">
        <v>7539</v>
      </c>
      <c r="F5942" s="8">
        <v>250</v>
      </c>
      <c r="G5942" s="5">
        <v>8</v>
      </c>
      <c r="H5942" s="5" t="s">
        <v>1518</v>
      </c>
      <c r="I5942" s="5" t="s">
        <v>69038</v>
      </c>
      <c r="J5942" s="2" t="s">
        <v>69039</v>
      </c>
      <c r="K5942" s="5" t="s">
        <v>69038</v>
      </c>
      <c r="L5942" s="2" t="s">
        <v>69039</v>
      </c>
      <c r="M5942" s="5" t="s">
        <v>1521</v>
      </c>
      <c r="N5942" s="5" t="s">
        <v>38</v>
      </c>
      <c r="O5942" s="5" t="s">
        <v>39</v>
      </c>
      <c r="P5942" s="5" t="s">
        <v>40</v>
      </c>
      <c r="Q5942" s="5" t="s">
        <v>1522</v>
      </c>
      <c r="R5942" s="5" t="s">
        <v>1523</v>
      </c>
      <c r="S5942" s="5" t="s">
        <v>42</v>
      </c>
      <c r="T5942" s="2">
        <v>1.4550000000000001</v>
      </c>
      <c r="U5942" s="2">
        <v>1.1160000000000001</v>
      </c>
      <c r="V5942" s="2">
        <v>10.6</v>
      </c>
      <c r="W5942" s="2">
        <v>99.1</v>
      </c>
      <c r="X5942" s="2">
        <v>7.6</v>
      </c>
      <c r="Y5942" s="2">
        <v>10.6</v>
      </c>
      <c r="Z5942" s="5"/>
      <c r="AA5942" s="5" t="s">
        <v>43</v>
      </c>
      <c r="AB5942" s="5" t="s">
        <v>44</v>
      </c>
      <c r="AC5942" s="2"/>
      <c r="AD5942" s="1"/>
    </row>
    <row r="5943" spans="1:30">
      <c r="A5943" s="5" t="s">
        <v>83578</v>
      </c>
      <c r="B5943" s="2" t="s">
        <v>101944</v>
      </c>
      <c r="C5943" s="14" t="s">
        <v>101945</v>
      </c>
      <c r="D5943" s="2" t="s">
        <v>101946</v>
      </c>
      <c r="E5943" s="2" t="s">
        <v>7396</v>
      </c>
      <c r="F5943" s="8">
        <v>250</v>
      </c>
      <c r="G5943" s="5">
        <v>8</v>
      </c>
      <c r="H5943" s="5" t="s">
        <v>1518</v>
      </c>
      <c r="I5943" s="5" t="s">
        <v>69038</v>
      </c>
      <c r="J5943" s="2" t="s">
        <v>69039</v>
      </c>
      <c r="K5943" s="5" t="s">
        <v>69038</v>
      </c>
      <c r="L5943" s="2" t="s">
        <v>69039</v>
      </c>
      <c r="M5943" s="5" t="s">
        <v>1521</v>
      </c>
      <c r="N5943" s="5" t="s">
        <v>38</v>
      </c>
      <c r="O5943" s="5" t="s">
        <v>39</v>
      </c>
      <c r="P5943" s="5" t="s">
        <v>40</v>
      </c>
      <c r="Q5943" s="5" t="s">
        <v>1522</v>
      </c>
      <c r="R5943" s="5" t="s">
        <v>1523</v>
      </c>
      <c r="S5943" s="5" t="s">
        <v>42</v>
      </c>
      <c r="T5943" s="2">
        <v>1.4550000000000001</v>
      </c>
      <c r="U5943" s="2">
        <v>1.1160000000000001</v>
      </c>
      <c r="V5943" s="2">
        <v>10.6</v>
      </c>
      <c r="W5943" s="2">
        <v>99.1</v>
      </c>
      <c r="X5943" s="2">
        <v>7.6</v>
      </c>
      <c r="Y5943" s="2">
        <v>10.6</v>
      </c>
      <c r="Z5943" s="5"/>
      <c r="AA5943" s="5" t="s">
        <v>43</v>
      </c>
      <c r="AB5943" s="5" t="s">
        <v>44</v>
      </c>
      <c r="AC5943" s="2"/>
      <c r="AD5943" s="1"/>
    </row>
    <row r="5944" spans="1:30">
      <c r="A5944" s="5" t="s">
        <v>83578</v>
      </c>
      <c r="B5944" s="2" t="s">
        <v>101947</v>
      </c>
      <c r="C5944" s="14" t="s">
        <v>101948</v>
      </c>
      <c r="D5944" s="2" t="s">
        <v>101949</v>
      </c>
      <c r="E5944" s="2" t="s">
        <v>7547</v>
      </c>
      <c r="F5944" s="8">
        <v>250</v>
      </c>
      <c r="G5944" s="5">
        <v>8</v>
      </c>
      <c r="H5944" s="5" t="s">
        <v>1518</v>
      </c>
      <c r="I5944" s="5" t="s">
        <v>69038</v>
      </c>
      <c r="J5944" s="2" t="s">
        <v>69039</v>
      </c>
      <c r="K5944" s="5" t="s">
        <v>69038</v>
      </c>
      <c r="L5944" s="2" t="s">
        <v>69039</v>
      </c>
      <c r="M5944" s="5" t="s">
        <v>1521</v>
      </c>
      <c r="N5944" s="5" t="s">
        <v>38</v>
      </c>
      <c r="O5944" s="5" t="s">
        <v>39</v>
      </c>
      <c r="P5944" s="5" t="s">
        <v>40</v>
      </c>
      <c r="Q5944" s="5" t="s">
        <v>1522</v>
      </c>
      <c r="R5944" s="5" t="s">
        <v>1523</v>
      </c>
      <c r="S5944" s="5" t="s">
        <v>42</v>
      </c>
      <c r="T5944" s="2">
        <v>1.4550000000000001</v>
      </c>
      <c r="U5944" s="2">
        <v>1.1160000000000001</v>
      </c>
      <c r="V5944" s="2">
        <v>10.6</v>
      </c>
      <c r="W5944" s="2">
        <v>99.1</v>
      </c>
      <c r="X5944" s="2">
        <v>7.6</v>
      </c>
      <c r="Y5944" s="2">
        <v>10.6</v>
      </c>
      <c r="Z5944" s="5"/>
      <c r="AA5944" s="5" t="s">
        <v>43</v>
      </c>
      <c r="AB5944" s="5" t="s">
        <v>44</v>
      </c>
      <c r="AC5944" s="2"/>
      <c r="AD5944" s="1"/>
    </row>
    <row r="5945" spans="1:30">
      <c r="A5945" s="5" t="s">
        <v>83578</v>
      </c>
      <c r="B5945" s="2" t="s">
        <v>101950</v>
      </c>
      <c r="C5945" s="14" t="s">
        <v>101951</v>
      </c>
      <c r="D5945" s="2" t="s">
        <v>101952</v>
      </c>
      <c r="E5945" s="2" t="s">
        <v>7563</v>
      </c>
      <c r="F5945" s="8">
        <v>250</v>
      </c>
      <c r="G5945" s="5">
        <v>8</v>
      </c>
      <c r="H5945" s="5" t="s">
        <v>1518</v>
      </c>
      <c r="I5945" s="5" t="s">
        <v>69038</v>
      </c>
      <c r="J5945" s="2" t="s">
        <v>69039</v>
      </c>
      <c r="K5945" s="5" t="s">
        <v>69038</v>
      </c>
      <c r="L5945" s="2" t="s">
        <v>69039</v>
      </c>
      <c r="M5945" s="5" t="s">
        <v>1521</v>
      </c>
      <c r="N5945" s="5" t="s">
        <v>38</v>
      </c>
      <c r="O5945" s="5" t="s">
        <v>39</v>
      </c>
      <c r="P5945" s="5" t="s">
        <v>40</v>
      </c>
      <c r="Q5945" s="5" t="s">
        <v>1522</v>
      </c>
      <c r="R5945" s="5" t="s">
        <v>1523</v>
      </c>
      <c r="S5945" s="5" t="s">
        <v>42</v>
      </c>
      <c r="T5945" s="2">
        <v>1.4550000000000001</v>
      </c>
      <c r="U5945" s="2">
        <v>1.1160000000000001</v>
      </c>
      <c r="V5945" s="2">
        <v>10.6</v>
      </c>
      <c r="W5945" s="2">
        <v>99.1</v>
      </c>
      <c r="X5945" s="2">
        <v>7.6</v>
      </c>
      <c r="Y5945" s="2">
        <v>10.6</v>
      </c>
      <c r="Z5945" s="5"/>
      <c r="AA5945" s="5" t="s">
        <v>43</v>
      </c>
      <c r="AB5945" s="5" t="s">
        <v>44</v>
      </c>
      <c r="AC5945" s="2"/>
      <c r="AD5945" s="1"/>
    </row>
    <row r="5946" spans="1:30">
      <c r="A5946" s="5" t="s">
        <v>83578</v>
      </c>
      <c r="B5946" s="2" t="s">
        <v>101953</v>
      </c>
      <c r="C5946" s="14" t="s">
        <v>101954</v>
      </c>
      <c r="D5946" s="2" t="s">
        <v>101955</v>
      </c>
      <c r="E5946" s="2" t="s">
        <v>7555</v>
      </c>
      <c r="F5946" s="8">
        <v>250</v>
      </c>
      <c r="G5946" s="5">
        <v>8</v>
      </c>
      <c r="H5946" s="5" t="s">
        <v>1518</v>
      </c>
      <c r="I5946" s="5" t="s">
        <v>69038</v>
      </c>
      <c r="J5946" s="2" t="s">
        <v>69039</v>
      </c>
      <c r="K5946" s="5" t="s">
        <v>69038</v>
      </c>
      <c r="L5946" s="2" t="s">
        <v>69039</v>
      </c>
      <c r="M5946" s="5" t="s">
        <v>1521</v>
      </c>
      <c r="N5946" s="5" t="s">
        <v>38</v>
      </c>
      <c r="O5946" s="5" t="s">
        <v>39</v>
      </c>
      <c r="P5946" s="5" t="s">
        <v>40</v>
      </c>
      <c r="Q5946" s="5" t="s">
        <v>1522</v>
      </c>
      <c r="R5946" s="5" t="s">
        <v>1523</v>
      </c>
      <c r="S5946" s="5" t="s">
        <v>42</v>
      </c>
      <c r="T5946" s="2">
        <v>1.4550000000000001</v>
      </c>
      <c r="U5946" s="2">
        <v>1.1160000000000001</v>
      </c>
      <c r="V5946" s="2">
        <v>10.6</v>
      </c>
      <c r="W5946" s="2">
        <v>99.1</v>
      </c>
      <c r="X5946" s="2">
        <v>7.6</v>
      </c>
      <c r="Y5946" s="2">
        <v>10.6</v>
      </c>
      <c r="Z5946" s="5"/>
      <c r="AA5946" s="5" t="s">
        <v>43</v>
      </c>
      <c r="AB5946" s="5" t="s">
        <v>44</v>
      </c>
      <c r="AC5946" s="2"/>
      <c r="AD5946" s="1"/>
    </row>
    <row r="5947" spans="1:30">
      <c r="A5947" s="5" t="s">
        <v>83578</v>
      </c>
      <c r="B5947" s="2" t="s">
        <v>101956</v>
      </c>
      <c r="C5947" s="14" t="s">
        <v>101957</v>
      </c>
      <c r="D5947" s="2" t="s">
        <v>101958</v>
      </c>
      <c r="E5947" s="2" t="s">
        <v>7429</v>
      </c>
      <c r="F5947" s="8">
        <v>250</v>
      </c>
      <c r="G5947" s="5">
        <v>8</v>
      </c>
      <c r="H5947" s="5" t="s">
        <v>1518</v>
      </c>
      <c r="I5947" s="5" t="s">
        <v>69038</v>
      </c>
      <c r="J5947" s="2" t="s">
        <v>69039</v>
      </c>
      <c r="K5947" s="5" t="s">
        <v>69038</v>
      </c>
      <c r="L5947" s="2" t="s">
        <v>69039</v>
      </c>
      <c r="M5947" s="5" t="s">
        <v>1521</v>
      </c>
      <c r="N5947" s="5" t="s">
        <v>38</v>
      </c>
      <c r="O5947" s="5" t="s">
        <v>39</v>
      </c>
      <c r="P5947" s="5" t="s">
        <v>40</v>
      </c>
      <c r="Q5947" s="5" t="s">
        <v>1522</v>
      </c>
      <c r="R5947" s="5" t="s">
        <v>1523</v>
      </c>
      <c r="S5947" s="5" t="s">
        <v>42</v>
      </c>
      <c r="T5947" s="2">
        <v>1.4550000000000001</v>
      </c>
      <c r="U5947" s="2">
        <v>1.1160000000000001</v>
      </c>
      <c r="V5947" s="2">
        <v>10.6</v>
      </c>
      <c r="W5947" s="2">
        <v>99.1</v>
      </c>
      <c r="X5947" s="2">
        <v>7.6</v>
      </c>
      <c r="Y5947" s="2">
        <v>10.6</v>
      </c>
      <c r="Z5947" s="5"/>
      <c r="AA5947" s="5" t="s">
        <v>43</v>
      </c>
      <c r="AB5947" s="5" t="s">
        <v>44</v>
      </c>
      <c r="AC5947" s="2"/>
      <c r="AD5947" s="1"/>
    </row>
    <row r="5948" spans="1:30">
      <c r="A5948" s="5" t="s">
        <v>83578</v>
      </c>
      <c r="B5948" s="2" t="s">
        <v>101959</v>
      </c>
      <c r="C5948" s="14" t="s">
        <v>101960</v>
      </c>
      <c r="D5948" s="2" t="s">
        <v>101961</v>
      </c>
      <c r="E5948" s="2" t="s">
        <v>7449</v>
      </c>
      <c r="F5948" s="8">
        <v>250</v>
      </c>
      <c r="G5948" s="5">
        <v>8</v>
      </c>
      <c r="H5948" s="5" t="s">
        <v>1518</v>
      </c>
      <c r="I5948" s="5" t="s">
        <v>69038</v>
      </c>
      <c r="J5948" s="2" t="s">
        <v>69039</v>
      </c>
      <c r="K5948" s="5" t="s">
        <v>69038</v>
      </c>
      <c r="L5948" s="2" t="s">
        <v>69039</v>
      </c>
      <c r="M5948" s="5" t="s">
        <v>1521</v>
      </c>
      <c r="N5948" s="5" t="s">
        <v>38</v>
      </c>
      <c r="O5948" s="5" t="s">
        <v>39</v>
      </c>
      <c r="P5948" s="5" t="s">
        <v>40</v>
      </c>
      <c r="Q5948" s="5" t="s">
        <v>1522</v>
      </c>
      <c r="R5948" s="5" t="s">
        <v>1523</v>
      </c>
      <c r="S5948" s="5" t="s">
        <v>42</v>
      </c>
      <c r="T5948" s="2">
        <v>1.4550000000000001</v>
      </c>
      <c r="U5948" s="2">
        <v>1.1160000000000001</v>
      </c>
      <c r="V5948" s="2">
        <v>10.6</v>
      </c>
      <c r="W5948" s="2">
        <v>99.1</v>
      </c>
      <c r="X5948" s="2">
        <v>7.6</v>
      </c>
      <c r="Y5948" s="2">
        <v>10.6</v>
      </c>
      <c r="Z5948" s="5"/>
      <c r="AA5948" s="5" t="s">
        <v>43</v>
      </c>
      <c r="AB5948" s="5" t="s">
        <v>44</v>
      </c>
      <c r="AC5948" s="2"/>
      <c r="AD5948" s="1"/>
    </row>
    <row r="5949" spans="1:30">
      <c r="A5949" s="5" t="s">
        <v>83578</v>
      </c>
      <c r="B5949" s="2" t="s">
        <v>101962</v>
      </c>
      <c r="C5949" s="14" t="s">
        <v>101963</v>
      </c>
      <c r="D5949" s="2" t="s">
        <v>101964</v>
      </c>
      <c r="E5949" s="2" t="s">
        <v>7585</v>
      </c>
      <c r="F5949" s="8">
        <v>250</v>
      </c>
      <c r="G5949" s="5">
        <v>8</v>
      </c>
      <c r="H5949" s="5" t="s">
        <v>1518</v>
      </c>
      <c r="I5949" s="5" t="s">
        <v>69038</v>
      </c>
      <c r="J5949" s="2" t="s">
        <v>69039</v>
      </c>
      <c r="K5949" s="5" t="s">
        <v>69038</v>
      </c>
      <c r="L5949" s="2" t="s">
        <v>69039</v>
      </c>
      <c r="M5949" s="5" t="s">
        <v>1521</v>
      </c>
      <c r="N5949" s="5" t="s">
        <v>38</v>
      </c>
      <c r="O5949" s="5" t="s">
        <v>39</v>
      </c>
      <c r="P5949" s="5" t="s">
        <v>40</v>
      </c>
      <c r="Q5949" s="5" t="s">
        <v>1522</v>
      </c>
      <c r="R5949" s="5" t="s">
        <v>1523</v>
      </c>
      <c r="S5949" s="5" t="s">
        <v>42</v>
      </c>
      <c r="T5949" s="2">
        <v>1.4550000000000001</v>
      </c>
      <c r="U5949" s="2">
        <v>1.1160000000000001</v>
      </c>
      <c r="V5949" s="2">
        <v>10.6</v>
      </c>
      <c r="W5949" s="2">
        <v>99.1</v>
      </c>
      <c r="X5949" s="2">
        <v>7.6</v>
      </c>
      <c r="Y5949" s="2">
        <v>10.6</v>
      </c>
      <c r="Z5949" s="5"/>
      <c r="AA5949" s="5" t="s">
        <v>43</v>
      </c>
      <c r="AB5949" s="5" t="s">
        <v>44</v>
      </c>
      <c r="AC5949" s="2"/>
      <c r="AD5949" s="1"/>
    </row>
    <row r="5950" spans="1:30">
      <c r="A5950" s="5" t="s">
        <v>83578</v>
      </c>
      <c r="B5950" s="2" t="s">
        <v>101965</v>
      </c>
      <c r="C5950" s="14" t="s">
        <v>101966</v>
      </c>
      <c r="D5950" s="2" t="s">
        <v>101967</v>
      </c>
      <c r="E5950" s="2" t="s">
        <v>7593</v>
      </c>
      <c r="F5950" s="8">
        <v>250</v>
      </c>
      <c r="G5950" s="5">
        <v>8</v>
      </c>
      <c r="H5950" s="5" t="s">
        <v>1518</v>
      </c>
      <c r="I5950" s="5" t="s">
        <v>69038</v>
      </c>
      <c r="J5950" s="2" t="s">
        <v>69039</v>
      </c>
      <c r="K5950" s="5" t="s">
        <v>69038</v>
      </c>
      <c r="L5950" s="2" t="s">
        <v>69039</v>
      </c>
      <c r="M5950" s="5" t="s">
        <v>1521</v>
      </c>
      <c r="N5950" s="5" t="s">
        <v>38</v>
      </c>
      <c r="O5950" s="5" t="s">
        <v>39</v>
      </c>
      <c r="P5950" s="5" t="s">
        <v>40</v>
      </c>
      <c r="Q5950" s="5" t="s">
        <v>1522</v>
      </c>
      <c r="R5950" s="5" t="s">
        <v>1523</v>
      </c>
      <c r="S5950" s="5" t="s">
        <v>42</v>
      </c>
      <c r="T5950" s="2">
        <v>1.4550000000000001</v>
      </c>
      <c r="U5950" s="2">
        <v>1.1160000000000001</v>
      </c>
      <c r="V5950" s="2">
        <v>10.6</v>
      </c>
      <c r="W5950" s="2">
        <v>99.1</v>
      </c>
      <c r="X5950" s="2">
        <v>7.6</v>
      </c>
      <c r="Y5950" s="2">
        <v>10.6</v>
      </c>
      <c r="Z5950" s="5"/>
      <c r="AA5950" s="5" t="s">
        <v>43</v>
      </c>
      <c r="AB5950" s="5" t="s">
        <v>44</v>
      </c>
      <c r="AC5950" s="2"/>
      <c r="AD5950" s="1"/>
    </row>
    <row r="5951" spans="1:30">
      <c r="A5951" s="5" t="s">
        <v>83578</v>
      </c>
      <c r="B5951" s="2" t="s">
        <v>101968</v>
      </c>
      <c r="C5951" s="14" t="s">
        <v>101969</v>
      </c>
      <c r="D5951" s="2" t="s">
        <v>101970</v>
      </c>
      <c r="E5951" s="2" t="s">
        <v>7433</v>
      </c>
      <c r="F5951" s="8">
        <v>250</v>
      </c>
      <c r="G5951" s="5">
        <v>8</v>
      </c>
      <c r="H5951" s="5" t="s">
        <v>1518</v>
      </c>
      <c r="I5951" s="5" t="s">
        <v>69038</v>
      </c>
      <c r="J5951" s="2" t="s">
        <v>69039</v>
      </c>
      <c r="K5951" s="5" t="s">
        <v>69038</v>
      </c>
      <c r="L5951" s="2" t="s">
        <v>69039</v>
      </c>
      <c r="M5951" s="5" t="s">
        <v>1521</v>
      </c>
      <c r="N5951" s="5" t="s">
        <v>38</v>
      </c>
      <c r="O5951" s="5" t="s">
        <v>39</v>
      </c>
      <c r="P5951" s="5" t="s">
        <v>40</v>
      </c>
      <c r="Q5951" s="5" t="s">
        <v>1522</v>
      </c>
      <c r="R5951" s="5" t="s">
        <v>1523</v>
      </c>
      <c r="S5951" s="5" t="s">
        <v>42</v>
      </c>
      <c r="T5951" s="2">
        <v>1.4550000000000001</v>
      </c>
      <c r="U5951" s="2">
        <v>1.1160000000000001</v>
      </c>
      <c r="V5951" s="2">
        <v>10.6</v>
      </c>
      <c r="W5951" s="2">
        <v>99.1</v>
      </c>
      <c r="X5951" s="2">
        <v>7.6</v>
      </c>
      <c r="Y5951" s="2">
        <v>10.6</v>
      </c>
      <c r="Z5951" s="5"/>
      <c r="AA5951" s="5" t="s">
        <v>43</v>
      </c>
      <c r="AB5951" s="5" t="s">
        <v>44</v>
      </c>
      <c r="AC5951" s="2"/>
      <c r="AD5951" s="1"/>
    </row>
    <row r="5952" spans="1:30">
      <c r="A5952" s="5" t="s">
        <v>83578</v>
      </c>
      <c r="B5952" s="2" t="s">
        <v>101971</v>
      </c>
      <c r="C5952" s="14" t="s">
        <v>101972</v>
      </c>
      <c r="D5952" s="2" t="s">
        <v>101973</v>
      </c>
      <c r="E5952" s="2" t="s">
        <v>7615</v>
      </c>
      <c r="F5952" s="8">
        <v>250</v>
      </c>
      <c r="G5952" s="5">
        <v>8</v>
      </c>
      <c r="H5952" s="5" t="s">
        <v>1518</v>
      </c>
      <c r="I5952" s="5" t="s">
        <v>69038</v>
      </c>
      <c r="J5952" s="2" t="s">
        <v>69039</v>
      </c>
      <c r="K5952" s="5" t="s">
        <v>69038</v>
      </c>
      <c r="L5952" s="2" t="s">
        <v>69039</v>
      </c>
      <c r="M5952" s="5" t="s">
        <v>1521</v>
      </c>
      <c r="N5952" s="5" t="s">
        <v>38</v>
      </c>
      <c r="O5952" s="5" t="s">
        <v>39</v>
      </c>
      <c r="P5952" s="5" t="s">
        <v>40</v>
      </c>
      <c r="Q5952" s="5" t="s">
        <v>1522</v>
      </c>
      <c r="R5952" s="5" t="s">
        <v>1523</v>
      </c>
      <c r="S5952" s="5" t="s">
        <v>42</v>
      </c>
      <c r="T5952" s="2">
        <v>1.4550000000000001</v>
      </c>
      <c r="U5952" s="2">
        <v>1.1160000000000001</v>
      </c>
      <c r="V5952" s="2">
        <v>10.6</v>
      </c>
      <c r="W5952" s="2">
        <v>99.1</v>
      </c>
      <c r="X5952" s="2">
        <v>7.6</v>
      </c>
      <c r="Y5952" s="2">
        <v>10.6</v>
      </c>
      <c r="Z5952" s="5"/>
      <c r="AA5952" s="5" t="s">
        <v>43</v>
      </c>
      <c r="AB5952" s="5" t="s">
        <v>44</v>
      </c>
      <c r="AC5952" s="2"/>
      <c r="AD5952" s="1"/>
    </row>
    <row r="5953" spans="1:30">
      <c r="A5953" s="5" t="s">
        <v>83578</v>
      </c>
      <c r="B5953" s="2" t="s">
        <v>101974</v>
      </c>
      <c r="C5953" s="14" t="s">
        <v>101975</v>
      </c>
      <c r="D5953" s="2" t="s">
        <v>101976</v>
      </c>
      <c r="E5953" s="2" t="s">
        <v>7410</v>
      </c>
      <c r="F5953" s="8">
        <v>250</v>
      </c>
      <c r="G5953" s="5">
        <v>8</v>
      </c>
      <c r="H5953" s="5" t="s">
        <v>1518</v>
      </c>
      <c r="I5953" s="5" t="s">
        <v>69038</v>
      </c>
      <c r="J5953" s="2" t="s">
        <v>69039</v>
      </c>
      <c r="K5953" s="5" t="s">
        <v>69038</v>
      </c>
      <c r="L5953" s="2" t="s">
        <v>69039</v>
      </c>
      <c r="M5953" s="5" t="s">
        <v>1521</v>
      </c>
      <c r="N5953" s="5" t="s">
        <v>38</v>
      </c>
      <c r="O5953" s="5" t="s">
        <v>39</v>
      </c>
      <c r="P5953" s="5" t="s">
        <v>40</v>
      </c>
      <c r="Q5953" s="5" t="s">
        <v>1522</v>
      </c>
      <c r="R5953" s="5" t="s">
        <v>1523</v>
      </c>
      <c r="S5953" s="5" t="s">
        <v>42</v>
      </c>
      <c r="T5953" s="2">
        <v>1.4550000000000001</v>
      </c>
      <c r="U5953" s="2">
        <v>1.1160000000000001</v>
      </c>
      <c r="V5953" s="2">
        <v>10.6</v>
      </c>
      <c r="W5953" s="2">
        <v>99.1</v>
      </c>
      <c r="X5953" s="2">
        <v>7.6</v>
      </c>
      <c r="Y5953" s="2">
        <v>10.6</v>
      </c>
      <c r="Z5953" s="5"/>
      <c r="AA5953" s="5" t="s">
        <v>43</v>
      </c>
      <c r="AB5953" s="5" t="s">
        <v>44</v>
      </c>
      <c r="AC5953" s="2"/>
      <c r="AD5953" s="1"/>
    </row>
    <row r="5954" spans="1:30">
      <c r="A5954" s="5" t="s">
        <v>83578</v>
      </c>
      <c r="B5954" s="2" t="s">
        <v>101977</v>
      </c>
      <c r="C5954" s="14" t="s">
        <v>101978</v>
      </c>
      <c r="D5954" s="2" t="s">
        <v>101979</v>
      </c>
      <c r="E5954" s="2" t="s">
        <v>7212</v>
      </c>
      <c r="F5954" s="8">
        <v>250</v>
      </c>
      <c r="G5954" s="5">
        <v>8</v>
      </c>
      <c r="H5954" s="5" t="s">
        <v>1518</v>
      </c>
      <c r="I5954" s="5" t="s">
        <v>69038</v>
      </c>
      <c r="J5954" s="2" t="s">
        <v>69039</v>
      </c>
      <c r="K5954" s="5" t="s">
        <v>69038</v>
      </c>
      <c r="L5954" s="2" t="s">
        <v>69039</v>
      </c>
      <c r="M5954" s="5" t="s">
        <v>1521</v>
      </c>
      <c r="N5954" s="5" t="s">
        <v>38</v>
      </c>
      <c r="O5954" s="5" t="s">
        <v>39</v>
      </c>
      <c r="P5954" s="5" t="s">
        <v>40</v>
      </c>
      <c r="Q5954" s="5" t="s">
        <v>1522</v>
      </c>
      <c r="R5954" s="5" t="s">
        <v>1523</v>
      </c>
      <c r="S5954" s="5" t="s">
        <v>42</v>
      </c>
      <c r="T5954" s="2">
        <v>1.4550000000000001</v>
      </c>
      <c r="U5954" s="2">
        <v>1.1160000000000001</v>
      </c>
      <c r="V5954" s="2">
        <v>10.6</v>
      </c>
      <c r="W5954" s="2">
        <v>99.1</v>
      </c>
      <c r="X5954" s="2">
        <v>7.6</v>
      </c>
      <c r="Y5954" s="2">
        <v>10.6</v>
      </c>
      <c r="Z5954" s="5"/>
      <c r="AA5954" s="5" t="s">
        <v>43</v>
      </c>
      <c r="AB5954" s="5" t="s">
        <v>44</v>
      </c>
      <c r="AC5954" s="2"/>
      <c r="AD5954" s="1"/>
    </row>
    <row r="5955" spans="1:30">
      <c r="A5955" s="5" t="s">
        <v>83578</v>
      </c>
      <c r="B5955" s="2" t="s">
        <v>101980</v>
      </c>
      <c r="C5955" s="14" t="s">
        <v>101981</v>
      </c>
      <c r="D5955" s="2" t="s">
        <v>101982</v>
      </c>
      <c r="E5955" s="2" t="s">
        <v>7204</v>
      </c>
      <c r="F5955" s="8">
        <v>271</v>
      </c>
      <c r="G5955" s="5">
        <v>8</v>
      </c>
      <c r="H5955" s="5" t="s">
        <v>1518</v>
      </c>
      <c r="I5955" s="5" t="s">
        <v>69038</v>
      </c>
      <c r="J5955" s="2" t="s">
        <v>69039</v>
      </c>
      <c r="K5955" s="5" t="s">
        <v>69038</v>
      </c>
      <c r="L5955" s="2" t="s">
        <v>69039</v>
      </c>
      <c r="M5955" s="5" t="s">
        <v>1521</v>
      </c>
      <c r="N5955" s="5" t="s">
        <v>38</v>
      </c>
      <c r="O5955" s="5" t="s">
        <v>39</v>
      </c>
      <c r="P5955" s="5" t="s">
        <v>40</v>
      </c>
      <c r="Q5955" s="5" t="s">
        <v>1522</v>
      </c>
      <c r="R5955" s="5" t="s">
        <v>1523</v>
      </c>
      <c r="S5955" s="5" t="s">
        <v>42</v>
      </c>
      <c r="T5955" s="2">
        <v>1.6279999999999999</v>
      </c>
      <c r="U5955" s="2">
        <v>1.2969999999999999</v>
      </c>
      <c r="V5955" s="2">
        <v>10.6</v>
      </c>
      <c r="W5955" s="2">
        <v>118.6</v>
      </c>
      <c r="X5955" s="2">
        <v>7.6</v>
      </c>
      <c r="Y5955" s="2">
        <v>10.6</v>
      </c>
      <c r="Z5955" s="5"/>
      <c r="AA5955" s="5" t="s">
        <v>43</v>
      </c>
      <c r="AB5955" s="5" t="s">
        <v>44</v>
      </c>
      <c r="AC5955" s="2"/>
      <c r="AD5955" s="1"/>
    </row>
    <row r="5956" spans="1:30">
      <c r="A5956" s="5" t="s">
        <v>83578</v>
      </c>
      <c r="B5956" s="2" t="s">
        <v>101983</v>
      </c>
      <c r="C5956" s="14" t="s">
        <v>101984</v>
      </c>
      <c r="D5956" s="2" t="s">
        <v>101985</v>
      </c>
      <c r="E5956" s="2" t="s">
        <v>7208</v>
      </c>
      <c r="F5956" s="8">
        <v>271</v>
      </c>
      <c r="G5956" s="5">
        <v>8</v>
      </c>
      <c r="H5956" s="5" t="s">
        <v>1518</v>
      </c>
      <c r="I5956" s="5" t="s">
        <v>69038</v>
      </c>
      <c r="J5956" s="2" t="s">
        <v>69039</v>
      </c>
      <c r="K5956" s="5" t="s">
        <v>69038</v>
      </c>
      <c r="L5956" s="2" t="s">
        <v>69039</v>
      </c>
      <c r="M5956" s="5" t="s">
        <v>1521</v>
      </c>
      <c r="N5956" s="5" t="s">
        <v>38</v>
      </c>
      <c r="O5956" s="5" t="s">
        <v>39</v>
      </c>
      <c r="P5956" s="5" t="s">
        <v>40</v>
      </c>
      <c r="Q5956" s="5" t="s">
        <v>1522</v>
      </c>
      <c r="R5956" s="5" t="s">
        <v>1523</v>
      </c>
      <c r="S5956" s="5" t="s">
        <v>42</v>
      </c>
      <c r="T5956" s="2">
        <v>1.6279999999999999</v>
      </c>
      <c r="U5956" s="2">
        <v>1.2969999999999999</v>
      </c>
      <c r="V5956" s="2">
        <v>10.6</v>
      </c>
      <c r="W5956" s="2">
        <v>118.6</v>
      </c>
      <c r="X5956" s="2">
        <v>7.6</v>
      </c>
      <c r="Y5956" s="2">
        <v>10.6</v>
      </c>
      <c r="Z5956" s="5"/>
      <c r="AA5956" s="5" t="s">
        <v>43</v>
      </c>
      <c r="AB5956" s="5" t="s">
        <v>44</v>
      </c>
      <c r="AC5956" s="2"/>
      <c r="AD5956" s="1"/>
    </row>
    <row r="5957" spans="1:30">
      <c r="A5957" s="5" t="s">
        <v>83578</v>
      </c>
      <c r="B5957" s="2" t="s">
        <v>101986</v>
      </c>
      <c r="C5957" s="14" t="s">
        <v>101987</v>
      </c>
      <c r="D5957" s="2" t="s">
        <v>101988</v>
      </c>
      <c r="E5957" s="2" t="s">
        <v>7406</v>
      </c>
      <c r="F5957" s="8">
        <v>272</v>
      </c>
      <c r="G5957" s="5">
        <v>8</v>
      </c>
      <c r="H5957" s="5" t="s">
        <v>1518</v>
      </c>
      <c r="I5957" s="5" t="s">
        <v>69038</v>
      </c>
      <c r="J5957" s="2" t="s">
        <v>69039</v>
      </c>
      <c r="K5957" s="5" t="s">
        <v>69038</v>
      </c>
      <c r="L5957" s="2" t="s">
        <v>69039</v>
      </c>
      <c r="M5957" s="5" t="s">
        <v>1521</v>
      </c>
      <c r="N5957" s="5" t="s">
        <v>38</v>
      </c>
      <c r="O5957" s="5" t="s">
        <v>39</v>
      </c>
      <c r="P5957" s="5" t="s">
        <v>40</v>
      </c>
      <c r="Q5957" s="5" t="s">
        <v>1522</v>
      </c>
      <c r="R5957" s="5" t="s">
        <v>1523</v>
      </c>
      <c r="S5957" s="5" t="s">
        <v>42</v>
      </c>
      <c r="T5957" s="2">
        <v>1.6279999999999999</v>
      </c>
      <c r="U5957" s="2">
        <v>1.2969999999999999</v>
      </c>
      <c r="V5957" s="2">
        <v>10.6</v>
      </c>
      <c r="W5957" s="2">
        <v>118.6</v>
      </c>
      <c r="X5957" s="2">
        <v>7.6</v>
      </c>
      <c r="Y5957" s="2">
        <v>10.6</v>
      </c>
      <c r="Z5957" s="5"/>
      <c r="AA5957" s="5" t="s">
        <v>43</v>
      </c>
      <c r="AB5957" s="5" t="s">
        <v>44</v>
      </c>
      <c r="AC5957" s="2"/>
      <c r="AD5957" s="1"/>
    </row>
    <row r="5958" spans="1:30">
      <c r="A5958" s="5" t="s">
        <v>83578</v>
      </c>
      <c r="B5958" s="2" t="s">
        <v>101989</v>
      </c>
      <c r="C5958" s="14" t="s">
        <v>101990</v>
      </c>
      <c r="D5958" s="2" t="s">
        <v>101991</v>
      </c>
      <c r="E5958" s="2" t="s">
        <v>7539</v>
      </c>
      <c r="F5958" s="8">
        <v>272</v>
      </c>
      <c r="G5958" s="5">
        <v>8</v>
      </c>
      <c r="H5958" s="5" t="s">
        <v>1518</v>
      </c>
      <c r="I5958" s="5" t="s">
        <v>69038</v>
      </c>
      <c r="J5958" s="2" t="s">
        <v>69039</v>
      </c>
      <c r="K5958" s="5" t="s">
        <v>69038</v>
      </c>
      <c r="L5958" s="2" t="s">
        <v>69039</v>
      </c>
      <c r="M5958" s="5" t="s">
        <v>1521</v>
      </c>
      <c r="N5958" s="5" t="s">
        <v>38</v>
      </c>
      <c r="O5958" s="5" t="s">
        <v>39</v>
      </c>
      <c r="P5958" s="5" t="s">
        <v>40</v>
      </c>
      <c r="Q5958" s="5" t="s">
        <v>1522</v>
      </c>
      <c r="R5958" s="5" t="s">
        <v>1523</v>
      </c>
      <c r="S5958" s="5" t="s">
        <v>42</v>
      </c>
      <c r="T5958" s="2">
        <v>1.6279999999999999</v>
      </c>
      <c r="U5958" s="2">
        <v>1.2969999999999999</v>
      </c>
      <c r="V5958" s="2">
        <v>10.6</v>
      </c>
      <c r="W5958" s="2">
        <v>118.6</v>
      </c>
      <c r="X5958" s="2">
        <v>7.6</v>
      </c>
      <c r="Y5958" s="2">
        <v>10.6</v>
      </c>
      <c r="Z5958" s="5"/>
      <c r="AA5958" s="5" t="s">
        <v>43</v>
      </c>
      <c r="AB5958" s="5" t="s">
        <v>44</v>
      </c>
      <c r="AC5958" s="2"/>
      <c r="AD5958" s="1"/>
    </row>
    <row r="5959" spans="1:30">
      <c r="A5959" s="5" t="s">
        <v>83578</v>
      </c>
      <c r="B5959" s="2" t="s">
        <v>101992</v>
      </c>
      <c r="C5959" s="14" t="s">
        <v>101993</v>
      </c>
      <c r="D5959" s="2" t="s">
        <v>101994</v>
      </c>
      <c r="E5959" s="2" t="s">
        <v>7396</v>
      </c>
      <c r="F5959" s="8">
        <v>271</v>
      </c>
      <c r="G5959" s="5">
        <v>8</v>
      </c>
      <c r="H5959" s="5" t="s">
        <v>1518</v>
      </c>
      <c r="I5959" s="5" t="s">
        <v>69038</v>
      </c>
      <c r="J5959" s="2" t="s">
        <v>69039</v>
      </c>
      <c r="K5959" s="5" t="s">
        <v>69038</v>
      </c>
      <c r="L5959" s="2" t="s">
        <v>69039</v>
      </c>
      <c r="M5959" s="5" t="s">
        <v>1521</v>
      </c>
      <c r="N5959" s="5" t="s">
        <v>38</v>
      </c>
      <c r="O5959" s="5" t="s">
        <v>39</v>
      </c>
      <c r="P5959" s="5" t="s">
        <v>40</v>
      </c>
      <c r="Q5959" s="5" t="s">
        <v>1522</v>
      </c>
      <c r="R5959" s="5" t="s">
        <v>1523</v>
      </c>
      <c r="S5959" s="5" t="s">
        <v>42</v>
      </c>
      <c r="T5959" s="2">
        <v>1.6279999999999999</v>
      </c>
      <c r="U5959" s="2">
        <v>1.2969999999999999</v>
      </c>
      <c r="V5959" s="2">
        <v>10.6</v>
      </c>
      <c r="W5959" s="2">
        <v>118.6</v>
      </c>
      <c r="X5959" s="2">
        <v>7.6</v>
      </c>
      <c r="Y5959" s="2">
        <v>10.6</v>
      </c>
      <c r="Z5959" s="5"/>
      <c r="AA5959" s="5" t="s">
        <v>43</v>
      </c>
      <c r="AB5959" s="5" t="s">
        <v>44</v>
      </c>
      <c r="AC5959" s="2"/>
      <c r="AD5959" s="1"/>
    </row>
    <row r="5960" spans="1:30">
      <c r="A5960" s="5" t="s">
        <v>83578</v>
      </c>
      <c r="B5960" s="2" t="s">
        <v>101995</v>
      </c>
      <c r="C5960" s="14" t="s">
        <v>101996</v>
      </c>
      <c r="D5960" s="2" t="s">
        <v>101997</v>
      </c>
      <c r="E5960" s="2" t="s">
        <v>7547</v>
      </c>
      <c r="F5960" s="8">
        <v>272</v>
      </c>
      <c r="G5960" s="5">
        <v>8</v>
      </c>
      <c r="H5960" s="5" t="s">
        <v>1518</v>
      </c>
      <c r="I5960" s="5" t="s">
        <v>69038</v>
      </c>
      <c r="J5960" s="2" t="s">
        <v>69039</v>
      </c>
      <c r="K5960" s="5" t="s">
        <v>69038</v>
      </c>
      <c r="L5960" s="2" t="s">
        <v>69039</v>
      </c>
      <c r="M5960" s="5" t="s">
        <v>1521</v>
      </c>
      <c r="N5960" s="5" t="s">
        <v>38</v>
      </c>
      <c r="O5960" s="5" t="s">
        <v>39</v>
      </c>
      <c r="P5960" s="5" t="s">
        <v>40</v>
      </c>
      <c r="Q5960" s="5" t="s">
        <v>1522</v>
      </c>
      <c r="R5960" s="5" t="s">
        <v>1523</v>
      </c>
      <c r="S5960" s="5" t="s">
        <v>42</v>
      </c>
      <c r="T5960" s="2">
        <v>1.6279999999999999</v>
      </c>
      <c r="U5960" s="2">
        <v>1.2969999999999999</v>
      </c>
      <c r="V5960" s="2">
        <v>10.6</v>
      </c>
      <c r="W5960" s="2">
        <v>118.6</v>
      </c>
      <c r="X5960" s="2">
        <v>7.6</v>
      </c>
      <c r="Y5960" s="2">
        <v>10.6</v>
      </c>
      <c r="Z5960" s="5"/>
      <c r="AA5960" s="5" t="s">
        <v>43</v>
      </c>
      <c r="AB5960" s="5" t="s">
        <v>44</v>
      </c>
      <c r="AC5960" s="2"/>
      <c r="AD5960" s="1"/>
    </row>
    <row r="5961" spans="1:30">
      <c r="A5961" s="5" t="s">
        <v>83578</v>
      </c>
      <c r="B5961" s="2" t="s">
        <v>101998</v>
      </c>
      <c r="C5961" s="14" t="s">
        <v>101999</v>
      </c>
      <c r="D5961" s="2" t="s">
        <v>102000</v>
      </c>
      <c r="E5961" s="2" t="s">
        <v>7563</v>
      </c>
      <c r="F5961" s="8">
        <v>272</v>
      </c>
      <c r="G5961" s="5">
        <v>8</v>
      </c>
      <c r="H5961" s="5" t="s">
        <v>1518</v>
      </c>
      <c r="I5961" s="5" t="s">
        <v>69038</v>
      </c>
      <c r="J5961" s="2" t="s">
        <v>69039</v>
      </c>
      <c r="K5961" s="5" t="s">
        <v>69038</v>
      </c>
      <c r="L5961" s="2" t="s">
        <v>69039</v>
      </c>
      <c r="M5961" s="5" t="s">
        <v>1521</v>
      </c>
      <c r="N5961" s="5" t="s">
        <v>38</v>
      </c>
      <c r="O5961" s="5" t="s">
        <v>39</v>
      </c>
      <c r="P5961" s="5" t="s">
        <v>40</v>
      </c>
      <c r="Q5961" s="5" t="s">
        <v>1522</v>
      </c>
      <c r="R5961" s="5" t="s">
        <v>1523</v>
      </c>
      <c r="S5961" s="5" t="s">
        <v>42</v>
      </c>
      <c r="T5961" s="2">
        <v>1.6279999999999999</v>
      </c>
      <c r="U5961" s="2">
        <v>1.2969999999999999</v>
      </c>
      <c r="V5961" s="2">
        <v>10.6</v>
      </c>
      <c r="W5961" s="2">
        <v>118.6</v>
      </c>
      <c r="X5961" s="2">
        <v>7.6</v>
      </c>
      <c r="Y5961" s="2">
        <v>10.6</v>
      </c>
      <c r="Z5961" s="5"/>
      <c r="AA5961" s="5" t="s">
        <v>43</v>
      </c>
      <c r="AB5961" s="5" t="s">
        <v>44</v>
      </c>
      <c r="AC5961" s="2"/>
      <c r="AD5961" s="1"/>
    </row>
    <row r="5962" spans="1:30">
      <c r="A5962" s="5" t="s">
        <v>83578</v>
      </c>
      <c r="B5962" s="2" t="s">
        <v>102001</v>
      </c>
      <c r="C5962" s="14" t="s">
        <v>102002</v>
      </c>
      <c r="D5962" s="2" t="s">
        <v>102003</v>
      </c>
      <c r="E5962" s="2" t="s">
        <v>7555</v>
      </c>
      <c r="F5962" s="8">
        <v>272</v>
      </c>
      <c r="G5962" s="5">
        <v>8</v>
      </c>
      <c r="H5962" s="5" t="s">
        <v>1518</v>
      </c>
      <c r="I5962" s="5" t="s">
        <v>69038</v>
      </c>
      <c r="J5962" s="2" t="s">
        <v>69039</v>
      </c>
      <c r="K5962" s="5" t="s">
        <v>69038</v>
      </c>
      <c r="L5962" s="2" t="s">
        <v>69039</v>
      </c>
      <c r="M5962" s="5" t="s">
        <v>1521</v>
      </c>
      <c r="N5962" s="5" t="s">
        <v>38</v>
      </c>
      <c r="O5962" s="5" t="s">
        <v>39</v>
      </c>
      <c r="P5962" s="5" t="s">
        <v>40</v>
      </c>
      <c r="Q5962" s="5" t="s">
        <v>1522</v>
      </c>
      <c r="R5962" s="5" t="s">
        <v>1523</v>
      </c>
      <c r="S5962" s="5" t="s">
        <v>42</v>
      </c>
      <c r="T5962" s="2">
        <v>1.6279999999999999</v>
      </c>
      <c r="U5962" s="2">
        <v>1.2969999999999999</v>
      </c>
      <c r="V5962" s="2">
        <v>10.6</v>
      </c>
      <c r="W5962" s="2">
        <v>118.6</v>
      </c>
      <c r="X5962" s="2">
        <v>7.6</v>
      </c>
      <c r="Y5962" s="2">
        <v>10.6</v>
      </c>
      <c r="Z5962" s="5"/>
      <c r="AA5962" s="5" t="s">
        <v>43</v>
      </c>
      <c r="AB5962" s="5" t="s">
        <v>44</v>
      </c>
      <c r="AC5962" s="2"/>
      <c r="AD5962" s="1"/>
    </row>
    <row r="5963" spans="1:30">
      <c r="A5963" s="5" t="s">
        <v>83578</v>
      </c>
      <c r="B5963" s="2" t="s">
        <v>102004</v>
      </c>
      <c r="C5963" s="14" t="s">
        <v>102005</v>
      </c>
      <c r="D5963" s="2" t="s">
        <v>102006</v>
      </c>
      <c r="E5963" s="2" t="s">
        <v>7429</v>
      </c>
      <c r="F5963" s="8">
        <v>272</v>
      </c>
      <c r="G5963" s="5">
        <v>8</v>
      </c>
      <c r="H5963" s="5" t="s">
        <v>1518</v>
      </c>
      <c r="I5963" s="5" t="s">
        <v>69038</v>
      </c>
      <c r="J5963" s="2" t="s">
        <v>69039</v>
      </c>
      <c r="K5963" s="5" t="s">
        <v>69038</v>
      </c>
      <c r="L5963" s="2" t="s">
        <v>69039</v>
      </c>
      <c r="M5963" s="5" t="s">
        <v>1521</v>
      </c>
      <c r="N5963" s="5" t="s">
        <v>38</v>
      </c>
      <c r="O5963" s="5" t="s">
        <v>39</v>
      </c>
      <c r="P5963" s="5" t="s">
        <v>40</v>
      </c>
      <c r="Q5963" s="5" t="s">
        <v>1522</v>
      </c>
      <c r="R5963" s="5" t="s">
        <v>1523</v>
      </c>
      <c r="S5963" s="5" t="s">
        <v>42</v>
      </c>
      <c r="T5963" s="2">
        <v>1.6279999999999999</v>
      </c>
      <c r="U5963" s="2">
        <v>1.2969999999999999</v>
      </c>
      <c r="V5963" s="2">
        <v>10.6</v>
      </c>
      <c r="W5963" s="2">
        <v>118.6</v>
      </c>
      <c r="X5963" s="2">
        <v>7.6</v>
      </c>
      <c r="Y5963" s="2">
        <v>10.6</v>
      </c>
      <c r="Z5963" s="5"/>
      <c r="AA5963" s="5" t="s">
        <v>43</v>
      </c>
      <c r="AB5963" s="5" t="s">
        <v>44</v>
      </c>
      <c r="AC5963" s="2"/>
      <c r="AD5963" s="1"/>
    </row>
    <row r="5964" spans="1:30">
      <c r="A5964" s="5" t="s">
        <v>83578</v>
      </c>
      <c r="B5964" s="2" t="s">
        <v>102007</v>
      </c>
      <c r="C5964" s="14" t="s">
        <v>102008</v>
      </c>
      <c r="D5964" s="2" t="s">
        <v>102009</v>
      </c>
      <c r="E5964" s="2" t="s">
        <v>7449</v>
      </c>
      <c r="F5964" s="8">
        <v>272</v>
      </c>
      <c r="G5964" s="5">
        <v>8</v>
      </c>
      <c r="H5964" s="5" t="s">
        <v>1518</v>
      </c>
      <c r="I5964" s="5" t="s">
        <v>69038</v>
      </c>
      <c r="J5964" s="2" t="s">
        <v>69039</v>
      </c>
      <c r="K5964" s="5" t="s">
        <v>69038</v>
      </c>
      <c r="L5964" s="2" t="s">
        <v>69039</v>
      </c>
      <c r="M5964" s="5" t="s">
        <v>1521</v>
      </c>
      <c r="N5964" s="5" t="s">
        <v>38</v>
      </c>
      <c r="O5964" s="5" t="s">
        <v>39</v>
      </c>
      <c r="P5964" s="5" t="s">
        <v>40</v>
      </c>
      <c r="Q5964" s="5" t="s">
        <v>1522</v>
      </c>
      <c r="R5964" s="5" t="s">
        <v>1523</v>
      </c>
      <c r="S5964" s="5" t="s">
        <v>42</v>
      </c>
      <c r="T5964" s="2">
        <v>1.6279999999999999</v>
      </c>
      <c r="U5964" s="2">
        <v>1.2969999999999999</v>
      </c>
      <c r="V5964" s="2">
        <v>10.6</v>
      </c>
      <c r="W5964" s="2">
        <v>118.6</v>
      </c>
      <c r="X5964" s="2">
        <v>7.6</v>
      </c>
      <c r="Y5964" s="2">
        <v>10.6</v>
      </c>
      <c r="Z5964" s="5"/>
      <c r="AA5964" s="5" t="s">
        <v>43</v>
      </c>
      <c r="AB5964" s="5" t="s">
        <v>44</v>
      </c>
      <c r="AC5964" s="2"/>
      <c r="AD5964" s="1"/>
    </row>
    <row r="5965" spans="1:30">
      <c r="A5965" s="5" t="s">
        <v>83578</v>
      </c>
      <c r="B5965" s="2" t="s">
        <v>102010</v>
      </c>
      <c r="C5965" s="14" t="s">
        <v>102011</v>
      </c>
      <c r="D5965" s="2" t="s">
        <v>102012</v>
      </c>
      <c r="E5965" s="2" t="s">
        <v>7585</v>
      </c>
      <c r="F5965" s="8">
        <v>272</v>
      </c>
      <c r="G5965" s="5">
        <v>8</v>
      </c>
      <c r="H5965" s="5" t="s">
        <v>1518</v>
      </c>
      <c r="I5965" s="5" t="s">
        <v>69038</v>
      </c>
      <c r="J5965" s="2" t="s">
        <v>69039</v>
      </c>
      <c r="K5965" s="5" t="s">
        <v>69038</v>
      </c>
      <c r="L5965" s="2" t="s">
        <v>69039</v>
      </c>
      <c r="M5965" s="5" t="s">
        <v>1521</v>
      </c>
      <c r="N5965" s="5" t="s">
        <v>38</v>
      </c>
      <c r="O5965" s="5" t="s">
        <v>39</v>
      </c>
      <c r="P5965" s="5" t="s">
        <v>40</v>
      </c>
      <c r="Q5965" s="5" t="s">
        <v>1522</v>
      </c>
      <c r="R5965" s="5" t="s">
        <v>1523</v>
      </c>
      <c r="S5965" s="5" t="s">
        <v>42</v>
      </c>
      <c r="T5965" s="2">
        <v>1.6279999999999999</v>
      </c>
      <c r="U5965" s="2">
        <v>1.2969999999999999</v>
      </c>
      <c r="V5965" s="2">
        <v>10.6</v>
      </c>
      <c r="W5965" s="2">
        <v>118.6</v>
      </c>
      <c r="X5965" s="2">
        <v>7.6</v>
      </c>
      <c r="Y5965" s="2">
        <v>10.6</v>
      </c>
      <c r="Z5965" s="5"/>
      <c r="AA5965" s="5" t="s">
        <v>43</v>
      </c>
      <c r="AB5965" s="5" t="s">
        <v>44</v>
      </c>
      <c r="AC5965" s="2"/>
      <c r="AD5965" s="1"/>
    </row>
    <row r="5966" spans="1:30">
      <c r="A5966" s="5" t="s">
        <v>83578</v>
      </c>
      <c r="B5966" s="2" t="s">
        <v>102013</v>
      </c>
      <c r="C5966" s="14" t="s">
        <v>102014</v>
      </c>
      <c r="D5966" s="2" t="s">
        <v>102015</v>
      </c>
      <c r="E5966" s="2" t="s">
        <v>7593</v>
      </c>
      <c r="F5966" s="8">
        <v>272</v>
      </c>
      <c r="G5966" s="5">
        <v>8</v>
      </c>
      <c r="H5966" s="5" t="s">
        <v>1518</v>
      </c>
      <c r="I5966" s="5" t="s">
        <v>69038</v>
      </c>
      <c r="J5966" s="2" t="s">
        <v>69039</v>
      </c>
      <c r="K5966" s="5" t="s">
        <v>69038</v>
      </c>
      <c r="L5966" s="2" t="s">
        <v>69039</v>
      </c>
      <c r="M5966" s="5" t="s">
        <v>1521</v>
      </c>
      <c r="N5966" s="5" t="s">
        <v>38</v>
      </c>
      <c r="O5966" s="5" t="s">
        <v>39</v>
      </c>
      <c r="P5966" s="5" t="s">
        <v>40</v>
      </c>
      <c r="Q5966" s="5" t="s">
        <v>1522</v>
      </c>
      <c r="R5966" s="5" t="s">
        <v>1523</v>
      </c>
      <c r="S5966" s="5" t="s">
        <v>42</v>
      </c>
      <c r="T5966" s="2">
        <v>1.6279999999999999</v>
      </c>
      <c r="U5966" s="2">
        <v>1.2969999999999999</v>
      </c>
      <c r="V5966" s="2">
        <v>10.6</v>
      </c>
      <c r="W5966" s="2">
        <v>118.6</v>
      </c>
      <c r="X5966" s="2">
        <v>7.6</v>
      </c>
      <c r="Y5966" s="2">
        <v>10.6</v>
      </c>
      <c r="Z5966" s="5"/>
      <c r="AA5966" s="5" t="s">
        <v>43</v>
      </c>
      <c r="AB5966" s="5" t="s">
        <v>44</v>
      </c>
      <c r="AC5966" s="2"/>
      <c r="AD5966" s="1"/>
    </row>
    <row r="5967" spans="1:30">
      <c r="A5967" s="5" t="s">
        <v>83578</v>
      </c>
      <c r="B5967" s="2" t="s">
        <v>102016</v>
      </c>
      <c r="C5967" s="14" t="s">
        <v>102017</v>
      </c>
      <c r="D5967" s="2" t="s">
        <v>102018</v>
      </c>
      <c r="E5967" s="2" t="s">
        <v>7433</v>
      </c>
      <c r="F5967" s="8">
        <v>272</v>
      </c>
      <c r="G5967" s="5">
        <v>8</v>
      </c>
      <c r="H5967" s="5" t="s">
        <v>1518</v>
      </c>
      <c r="I5967" s="5" t="s">
        <v>69038</v>
      </c>
      <c r="J5967" s="2" t="s">
        <v>69039</v>
      </c>
      <c r="K5967" s="5" t="s">
        <v>69038</v>
      </c>
      <c r="L5967" s="2" t="s">
        <v>69039</v>
      </c>
      <c r="M5967" s="5" t="s">
        <v>1521</v>
      </c>
      <c r="N5967" s="5" t="s">
        <v>38</v>
      </c>
      <c r="O5967" s="5" t="s">
        <v>39</v>
      </c>
      <c r="P5967" s="5" t="s">
        <v>40</v>
      </c>
      <c r="Q5967" s="5" t="s">
        <v>1522</v>
      </c>
      <c r="R5967" s="5" t="s">
        <v>1523</v>
      </c>
      <c r="S5967" s="5" t="s">
        <v>42</v>
      </c>
      <c r="T5967" s="2">
        <v>1.6279999999999999</v>
      </c>
      <c r="U5967" s="2">
        <v>1.2969999999999999</v>
      </c>
      <c r="V5967" s="2">
        <v>10.6</v>
      </c>
      <c r="W5967" s="2">
        <v>118.6</v>
      </c>
      <c r="X5967" s="2">
        <v>7.6</v>
      </c>
      <c r="Y5967" s="2">
        <v>10.6</v>
      </c>
      <c r="Z5967" s="5"/>
      <c r="AA5967" s="5" t="s">
        <v>43</v>
      </c>
      <c r="AB5967" s="5" t="s">
        <v>44</v>
      </c>
      <c r="AC5967" s="2"/>
      <c r="AD5967" s="1"/>
    </row>
    <row r="5968" spans="1:30">
      <c r="A5968" s="5" t="s">
        <v>83578</v>
      </c>
      <c r="B5968" s="2" t="s">
        <v>102019</v>
      </c>
      <c r="C5968" s="14" t="s">
        <v>102020</v>
      </c>
      <c r="D5968" s="2" t="s">
        <v>102021</v>
      </c>
      <c r="E5968" s="2" t="s">
        <v>7615</v>
      </c>
      <c r="F5968" s="8">
        <v>272</v>
      </c>
      <c r="G5968" s="5">
        <v>8</v>
      </c>
      <c r="H5968" s="5" t="s">
        <v>1518</v>
      </c>
      <c r="I5968" s="5" t="s">
        <v>69038</v>
      </c>
      <c r="J5968" s="2" t="s">
        <v>69039</v>
      </c>
      <c r="K5968" s="5" t="s">
        <v>69038</v>
      </c>
      <c r="L5968" s="2" t="s">
        <v>69039</v>
      </c>
      <c r="M5968" s="5" t="s">
        <v>1521</v>
      </c>
      <c r="N5968" s="5" t="s">
        <v>38</v>
      </c>
      <c r="O5968" s="5" t="s">
        <v>39</v>
      </c>
      <c r="P5968" s="5" t="s">
        <v>40</v>
      </c>
      <c r="Q5968" s="5" t="s">
        <v>1522</v>
      </c>
      <c r="R5968" s="5" t="s">
        <v>1523</v>
      </c>
      <c r="S5968" s="5" t="s">
        <v>42</v>
      </c>
      <c r="T5968" s="2">
        <v>1.6279999999999999</v>
      </c>
      <c r="U5968" s="2">
        <v>1.2969999999999999</v>
      </c>
      <c r="V5968" s="2">
        <v>10.6</v>
      </c>
      <c r="W5968" s="2">
        <v>118.6</v>
      </c>
      <c r="X5968" s="2">
        <v>7.6</v>
      </c>
      <c r="Y5968" s="2">
        <v>10.6</v>
      </c>
      <c r="Z5968" s="5"/>
      <c r="AA5968" s="5" t="s">
        <v>43</v>
      </c>
      <c r="AB5968" s="5" t="s">
        <v>44</v>
      </c>
      <c r="AC5968" s="2"/>
      <c r="AD5968" s="1"/>
    </row>
    <row r="5969" spans="1:30">
      <c r="A5969" s="5" t="s">
        <v>83578</v>
      </c>
      <c r="B5969" s="2" t="s">
        <v>102022</v>
      </c>
      <c r="C5969" s="14" t="s">
        <v>102023</v>
      </c>
      <c r="D5969" s="2" t="s">
        <v>102024</v>
      </c>
      <c r="E5969" s="2" t="s">
        <v>7410</v>
      </c>
      <c r="F5969" s="8">
        <v>272</v>
      </c>
      <c r="G5969" s="5">
        <v>8</v>
      </c>
      <c r="H5969" s="5" t="s">
        <v>1518</v>
      </c>
      <c r="I5969" s="5" t="s">
        <v>69038</v>
      </c>
      <c r="J5969" s="2" t="s">
        <v>69039</v>
      </c>
      <c r="K5969" s="5" t="s">
        <v>69038</v>
      </c>
      <c r="L5969" s="2" t="s">
        <v>69039</v>
      </c>
      <c r="M5969" s="5" t="s">
        <v>1521</v>
      </c>
      <c r="N5969" s="5" t="s">
        <v>38</v>
      </c>
      <c r="O5969" s="5" t="s">
        <v>39</v>
      </c>
      <c r="P5969" s="5" t="s">
        <v>40</v>
      </c>
      <c r="Q5969" s="5" t="s">
        <v>1522</v>
      </c>
      <c r="R5969" s="5" t="s">
        <v>1523</v>
      </c>
      <c r="S5969" s="5" t="s">
        <v>42</v>
      </c>
      <c r="T5969" s="2">
        <v>1.6279999999999999</v>
      </c>
      <c r="U5969" s="2">
        <v>1.2969999999999999</v>
      </c>
      <c r="V5969" s="2">
        <v>10.6</v>
      </c>
      <c r="W5969" s="2">
        <v>118.6</v>
      </c>
      <c r="X5969" s="2">
        <v>7.6</v>
      </c>
      <c r="Y5969" s="2">
        <v>10.6</v>
      </c>
      <c r="Z5969" s="5"/>
      <c r="AA5969" s="5" t="s">
        <v>43</v>
      </c>
      <c r="AB5969" s="5" t="s">
        <v>44</v>
      </c>
      <c r="AC5969" s="2"/>
      <c r="AD5969" s="1"/>
    </row>
    <row r="5970" spans="1:30">
      <c r="A5970" s="5" t="s">
        <v>83578</v>
      </c>
      <c r="B5970" s="2" t="s">
        <v>102025</v>
      </c>
      <c r="C5970" s="14" t="s">
        <v>102026</v>
      </c>
      <c r="D5970" s="2" t="s">
        <v>102027</v>
      </c>
      <c r="E5970" s="2" t="s">
        <v>7212</v>
      </c>
      <c r="F5970" s="8">
        <v>271</v>
      </c>
      <c r="G5970" s="5">
        <v>8</v>
      </c>
      <c r="H5970" s="5" t="s">
        <v>1518</v>
      </c>
      <c r="I5970" s="5" t="s">
        <v>69038</v>
      </c>
      <c r="J5970" s="2" t="s">
        <v>69039</v>
      </c>
      <c r="K5970" s="5" t="s">
        <v>69038</v>
      </c>
      <c r="L5970" s="2" t="s">
        <v>69039</v>
      </c>
      <c r="M5970" s="5" t="s">
        <v>1521</v>
      </c>
      <c r="N5970" s="5" t="s">
        <v>38</v>
      </c>
      <c r="O5970" s="5" t="s">
        <v>39</v>
      </c>
      <c r="P5970" s="5" t="s">
        <v>40</v>
      </c>
      <c r="Q5970" s="5" t="s">
        <v>1522</v>
      </c>
      <c r="R5970" s="5" t="s">
        <v>1523</v>
      </c>
      <c r="S5970" s="5" t="s">
        <v>42</v>
      </c>
      <c r="T5970" s="2">
        <v>1.6279999999999999</v>
      </c>
      <c r="U5970" s="2">
        <v>1.2969999999999999</v>
      </c>
      <c r="V5970" s="2">
        <v>10.6</v>
      </c>
      <c r="W5970" s="2">
        <v>118.6</v>
      </c>
      <c r="X5970" s="2">
        <v>7.6</v>
      </c>
      <c r="Y5970" s="2">
        <v>10.6</v>
      </c>
      <c r="Z5970" s="5"/>
      <c r="AA5970" s="5" t="s">
        <v>43</v>
      </c>
      <c r="AB5970" s="5" t="s">
        <v>44</v>
      </c>
      <c r="AC5970" s="2"/>
      <c r="AD5970" s="1"/>
    </row>
    <row r="5971" spans="1:30">
      <c r="A5971" s="5" t="s">
        <v>83578</v>
      </c>
      <c r="B5971" s="2" t="s">
        <v>102028</v>
      </c>
      <c r="C5971" s="14" t="s">
        <v>102029</v>
      </c>
      <c r="D5971" s="2" t="s">
        <v>102030</v>
      </c>
      <c r="E5971" s="2" t="s">
        <v>7204</v>
      </c>
      <c r="F5971" s="8">
        <v>271</v>
      </c>
      <c r="G5971" s="5">
        <v>8</v>
      </c>
      <c r="H5971" s="5" t="s">
        <v>1518</v>
      </c>
      <c r="I5971" s="5" t="s">
        <v>69038</v>
      </c>
      <c r="J5971" s="2" t="s">
        <v>69039</v>
      </c>
      <c r="K5971" s="5" t="s">
        <v>69038</v>
      </c>
      <c r="L5971" s="2" t="s">
        <v>69039</v>
      </c>
      <c r="M5971" s="5" t="s">
        <v>1521</v>
      </c>
      <c r="N5971" s="5" t="s">
        <v>38</v>
      </c>
      <c r="O5971" s="5" t="s">
        <v>39</v>
      </c>
      <c r="P5971" s="5" t="s">
        <v>40</v>
      </c>
      <c r="Q5971" s="5" t="s">
        <v>1522</v>
      </c>
      <c r="R5971" s="5" t="s">
        <v>1523</v>
      </c>
      <c r="S5971" s="5" t="s">
        <v>42</v>
      </c>
      <c r="T5971" s="2">
        <v>1.8720000000000001</v>
      </c>
      <c r="U5971" s="2">
        <v>1.4890000000000001</v>
      </c>
      <c r="V5971" s="2">
        <v>10.6</v>
      </c>
      <c r="W5971" s="2">
        <v>139.1</v>
      </c>
      <c r="X5971" s="2">
        <v>7.6</v>
      </c>
      <c r="Y5971" s="2">
        <v>10.6</v>
      </c>
      <c r="Z5971" s="5"/>
      <c r="AA5971" s="5" t="s">
        <v>43</v>
      </c>
      <c r="AB5971" s="5" t="s">
        <v>44</v>
      </c>
      <c r="AC5971" s="2"/>
      <c r="AD5971" s="1"/>
    </row>
    <row r="5972" spans="1:30">
      <c r="A5972" s="5" t="s">
        <v>83578</v>
      </c>
      <c r="B5972" s="2" t="s">
        <v>102031</v>
      </c>
      <c r="C5972" s="14" t="s">
        <v>102032</v>
      </c>
      <c r="D5972" s="2" t="s">
        <v>102033</v>
      </c>
      <c r="E5972" s="2" t="s">
        <v>7208</v>
      </c>
      <c r="F5972" s="8">
        <v>271</v>
      </c>
      <c r="G5972" s="5">
        <v>8</v>
      </c>
      <c r="H5972" s="5" t="s">
        <v>1518</v>
      </c>
      <c r="I5972" s="5" t="s">
        <v>69038</v>
      </c>
      <c r="J5972" s="2" t="s">
        <v>69039</v>
      </c>
      <c r="K5972" s="5" t="s">
        <v>69038</v>
      </c>
      <c r="L5972" s="2" t="s">
        <v>69039</v>
      </c>
      <c r="M5972" s="5" t="s">
        <v>1521</v>
      </c>
      <c r="N5972" s="5" t="s">
        <v>38</v>
      </c>
      <c r="O5972" s="5" t="s">
        <v>39</v>
      </c>
      <c r="P5972" s="5" t="s">
        <v>40</v>
      </c>
      <c r="Q5972" s="5" t="s">
        <v>1522</v>
      </c>
      <c r="R5972" s="5" t="s">
        <v>1523</v>
      </c>
      <c r="S5972" s="5" t="s">
        <v>42</v>
      </c>
      <c r="T5972" s="2">
        <v>1.8720000000000001</v>
      </c>
      <c r="U5972" s="2">
        <v>1.4890000000000001</v>
      </c>
      <c r="V5972" s="2">
        <v>10.6</v>
      </c>
      <c r="W5972" s="2">
        <v>139.1</v>
      </c>
      <c r="X5972" s="2">
        <v>7.6</v>
      </c>
      <c r="Y5972" s="2">
        <v>10.6</v>
      </c>
      <c r="Z5972" s="5"/>
      <c r="AA5972" s="5" t="s">
        <v>43</v>
      </c>
      <c r="AB5972" s="5" t="s">
        <v>44</v>
      </c>
      <c r="AC5972" s="2"/>
      <c r="AD5972" s="1"/>
    </row>
    <row r="5973" spans="1:30">
      <c r="A5973" s="5" t="s">
        <v>83578</v>
      </c>
      <c r="B5973" s="2" t="s">
        <v>102034</v>
      </c>
      <c r="C5973" s="14" t="s">
        <v>102035</v>
      </c>
      <c r="D5973" s="2" t="s">
        <v>102036</v>
      </c>
      <c r="E5973" s="2" t="s">
        <v>7406</v>
      </c>
      <c r="F5973" s="8">
        <v>272</v>
      </c>
      <c r="G5973" s="5">
        <v>8</v>
      </c>
      <c r="H5973" s="5" t="s">
        <v>1518</v>
      </c>
      <c r="I5973" s="5" t="s">
        <v>69038</v>
      </c>
      <c r="J5973" s="2" t="s">
        <v>69039</v>
      </c>
      <c r="K5973" s="5" t="s">
        <v>69038</v>
      </c>
      <c r="L5973" s="2" t="s">
        <v>69039</v>
      </c>
      <c r="M5973" s="5" t="s">
        <v>1521</v>
      </c>
      <c r="N5973" s="5" t="s">
        <v>38</v>
      </c>
      <c r="O5973" s="5" t="s">
        <v>39</v>
      </c>
      <c r="P5973" s="5" t="s">
        <v>40</v>
      </c>
      <c r="Q5973" s="5" t="s">
        <v>1522</v>
      </c>
      <c r="R5973" s="5" t="s">
        <v>1523</v>
      </c>
      <c r="S5973" s="5" t="s">
        <v>42</v>
      </c>
      <c r="T5973" s="2">
        <v>1.8720000000000001</v>
      </c>
      <c r="U5973" s="2">
        <v>1.4890000000000001</v>
      </c>
      <c r="V5973" s="2">
        <v>10.6</v>
      </c>
      <c r="W5973" s="2">
        <v>139.1</v>
      </c>
      <c r="X5973" s="2">
        <v>7.6</v>
      </c>
      <c r="Y5973" s="2">
        <v>10.6</v>
      </c>
      <c r="Z5973" s="5"/>
      <c r="AA5973" s="5" t="s">
        <v>43</v>
      </c>
      <c r="AB5973" s="5" t="s">
        <v>44</v>
      </c>
      <c r="AC5973" s="2"/>
      <c r="AD5973" s="1"/>
    </row>
    <row r="5974" spans="1:30">
      <c r="A5974" s="5" t="s">
        <v>83578</v>
      </c>
      <c r="B5974" s="2" t="s">
        <v>102037</v>
      </c>
      <c r="C5974" s="14" t="s">
        <v>102038</v>
      </c>
      <c r="D5974" s="2" t="s">
        <v>102039</v>
      </c>
      <c r="E5974" s="2" t="s">
        <v>7539</v>
      </c>
      <c r="F5974" s="8">
        <v>272</v>
      </c>
      <c r="G5974" s="5">
        <v>8</v>
      </c>
      <c r="H5974" s="5" t="s">
        <v>1518</v>
      </c>
      <c r="I5974" s="5" t="s">
        <v>69038</v>
      </c>
      <c r="J5974" s="2" t="s">
        <v>69039</v>
      </c>
      <c r="K5974" s="5" t="s">
        <v>69038</v>
      </c>
      <c r="L5974" s="2" t="s">
        <v>69039</v>
      </c>
      <c r="M5974" s="5" t="s">
        <v>1521</v>
      </c>
      <c r="N5974" s="5" t="s">
        <v>38</v>
      </c>
      <c r="O5974" s="5" t="s">
        <v>39</v>
      </c>
      <c r="P5974" s="5" t="s">
        <v>40</v>
      </c>
      <c r="Q5974" s="5" t="s">
        <v>1522</v>
      </c>
      <c r="R5974" s="5" t="s">
        <v>1523</v>
      </c>
      <c r="S5974" s="5" t="s">
        <v>42</v>
      </c>
      <c r="T5974" s="2">
        <v>1.8720000000000001</v>
      </c>
      <c r="U5974" s="2">
        <v>1.4890000000000001</v>
      </c>
      <c r="V5974" s="2">
        <v>10.6</v>
      </c>
      <c r="W5974" s="2">
        <v>139.1</v>
      </c>
      <c r="X5974" s="2">
        <v>7.6</v>
      </c>
      <c r="Y5974" s="2">
        <v>10.6</v>
      </c>
      <c r="Z5974" s="5"/>
      <c r="AA5974" s="5" t="s">
        <v>43</v>
      </c>
      <c r="AB5974" s="5" t="s">
        <v>44</v>
      </c>
      <c r="AC5974" s="2"/>
      <c r="AD5974" s="1"/>
    </row>
    <row r="5975" spans="1:30">
      <c r="A5975" s="5" t="s">
        <v>83578</v>
      </c>
      <c r="B5975" s="2" t="s">
        <v>102040</v>
      </c>
      <c r="C5975" s="14" t="s">
        <v>102041</v>
      </c>
      <c r="D5975" s="2" t="s">
        <v>102042</v>
      </c>
      <c r="E5975" s="2" t="s">
        <v>7396</v>
      </c>
      <c r="F5975" s="8">
        <v>272</v>
      </c>
      <c r="G5975" s="5">
        <v>8</v>
      </c>
      <c r="H5975" s="5" t="s">
        <v>1518</v>
      </c>
      <c r="I5975" s="5" t="s">
        <v>69038</v>
      </c>
      <c r="J5975" s="2" t="s">
        <v>69039</v>
      </c>
      <c r="K5975" s="5" t="s">
        <v>69038</v>
      </c>
      <c r="L5975" s="2" t="s">
        <v>69039</v>
      </c>
      <c r="M5975" s="5" t="s">
        <v>1521</v>
      </c>
      <c r="N5975" s="5" t="s">
        <v>38</v>
      </c>
      <c r="O5975" s="5" t="s">
        <v>39</v>
      </c>
      <c r="P5975" s="5" t="s">
        <v>40</v>
      </c>
      <c r="Q5975" s="5" t="s">
        <v>1522</v>
      </c>
      <c r="R5975" s="5" t="s">
        <v>1523</v>
      </c>
      <c r="S5975" s="5" t="s">
        <v>42</v>
      </c>
      <c r="T5975" s="2">
        <v>1.8720000000000001</v>
      </c>
      <c r="U5975" s="2">
        <v>1.4890000000000001</v>
      </c>
      <c r="V5975" s="2">
        <v>10.6</v>
      </c>
      <c r="W5975" s="2">
        <v>139.1</v>
      </c>
      <c r="X5975" s="2">
        <v>7.6</v>
      </c>
      <c r="Y5975" s="2">
        <v>10.6</v>
      </c>
      <c r="Z5975" s="5"/>
      <c r="AA5975" s="5" t="s">
        <v>43</v>
      </c>
      <c r="AB5975" s="5" t="s">
        <v>44</v>
      </c>
      <c r="AC5975" s="2"/>
      <c r="AD5975" s="1"/>
    </row>
    <row r="5976" spans="1:30">
      <c r="A5976" s="5" t="s">
        <v>83578</v>
      </c>
      <c r="B5976" s="2" t="s">
        <v>102043</v>
      </c>
      <c r="C5976" s="14" t="s">
        <v>102044</v>
      </c>
      <c r="D5976" s="2" t="s">
        <v>102045</v>
      </c>
      <c r="E5976" s="2" t="s">
        <v>7547</v>
      </c>
      <c r="F5976" s="8">
        <v>272</v>
      </c>
      <c r="G5976" s="5">
        <v>8</v>
      </c>
      <c r="H5976" s="5" t="s">
        <v>1518</v>
      </c>
      <c r="I5976" s="5" t="s">
        <v>69038</v>
      </c>
      <c r="J5976" s="2" t="s">
        <v>69039</v>
      </c>
      <c r="K5976" s="5" t="s">
        <v>69038</v>
      </c>
      <c r="L5976" s="2" t="s">
        <v>69039</v>
      </c>
      <c r="M5976" s="5" t="s">
        <v>1521</v>
      </c>
      <c r="N5976" s="5" t="s">
        <v>38</v>
      </c>
      <c r="O5976" s="5" t="s">
        <v>39</v>
      </c>
      <c r="P5976" s="5" t="s">
        <v>40</v>
      </c>
      <c r="Q5976" s="5" t="s">
        <v>1522</v>
      </c>
      <c r="R5976" s="5" t="s">
        <v>1523</v>
      </c>
      <c r="S5976" s="5" t="s">
        <v>42</v>
      </c>
      <c r="T5976" s="2">
        <v>1.8720000000000001</v>
      </c>
      <c r="U5976" s="2">
        <v>1.4890000000000001</v>
      </c>
      <c r="V5976" s="2">
        <v>10.6</v>
      </c>
      <c r="W5976" s="2">
        <v>139.1</v>
      </c>
      <c r="X5976" s="2">
        <v>7.6</v>
      </c>
      <c r="Y5976" s="2">
        <v>10.6</v>
      </c>
      <c r="Z5976" s="5"/>
      <c r="AA5976" s="5" t="s">
        <v>43</v>
      </c>
      <c r="AB5976" s="5" t="s">
        <v>44</v>
      </c>
      <c r="AC5976" s="2"/>
      <c r="AD5976" s="1"/>
    </row>
    <row r="5977" spans="1:30">
      <c r="A5977" s="5" t="s">
        <v>83578</v>
      </c>
      <c r="B5977" s="2" t="s">
        <v>102046</v>
      </c>
      <c r="C5977" s="14" t="s">
        <v>102047</v>
      </c>
      <c r="D5977" s="2" t="s">
        <v>102048</v>
      </c>
      <c r="E5977" s="2" t="s">
        <v>7563</v>
      </c>
      <c r="F5977" s="8">
        <v>272</v>
      </c>
      <c r="G5977" s="5">
        <v>8</v>
      </c>
      <c r="H5977" s="5" t="s">
        <v>1518</v>
      </c>
      <c r="I5977" s="5" t="s">
        <v>69038</v>
      </c>
      <c r="J5977" s="2" t="s">
        <v>69039</v>
      </c>
      <c r="K5977" s="5" t="s">
        <v>69038</v>
      </c>
      <c r="L5977" s="2" t="s">
        <v>69039</v>
      </c>
      <c r="M5977" s="5" t="s">
        <v>1521</v>
      </c>
      <c r="N5977" s="5" t="s">
        <v>38</v>
      </c>
      <c r="O5977" s="5" t="s">
        <v>39</v>
      </c>
      <c r="P5977" s="5" t="s">
        <v>40</v>
      </c>
      <c r="Q5977" s="5" t="s">
        <v>1522</v>
      </c>
      <c r="R5977" s="5" t="s">
        <v>1523</v>
      </c>
      <c r="S5977" s="5" t="s">
        <v>42</v>
      </c>
      <c r="T5977" s="2">
        <v>1.8720000000000001</v>
      </c>
      <c r="U5977" s="2">
        <v>1.4890000000000001</v>
      </c>
      <c r="V5977" s="2">
        <v>10.6</v>
      </c>
      <c r="W5977" s="2">
        <v>139.1</v>
      </c>
      <c r="X5977" s="2">
        <v>7.6</v>
      </c>
      <c r="Y5977" s="2">
        <v>10.6</v>
      </c>
      <c r="Z5977" s="5"/>
      <c r="AA5977" s="5" t="s">
        <v>43</v>
      </c>
      <c r="AB5977" s="5" t="s">
        <v>44</v>
      </c>
      <c r="AC5977" s="2"/>
      <c r="AD5977" s="1"/>
    </row>
    <row r="5978" spans="1:30">
      <c r="A5978" s="5" t="s">
        <v>83578</v>
      </c>
      <c r="B5978" s="2" t="s">
        <v>102049</v>
      </c>
      <c r="C5978" s="14" t="s">
        <v>102050</v>
      </c>
      <c r="D5978" s="2" t="s">
        <v>102051</v>
      </c>
      <c r="E5978" s="2" t="s">
        <v>7555</v>
      </c>
      <c r="F5978" s="8">
        <v>272</v>
      </c>
      <c r="G5978" s="5">
        <v>8</v>
      </c>
      <c r="H5978" s="5" t="s">
        <v>1518</v>
      </c>
      <c r="I5978" s="5" t="s">
        <v>69038</v>
      </c>
      <c r="J5978" s="2" t="s">
        <v>69039</v>
      </c>
      <c r="K5978" s="5" t="s">
        <v>69038</v>
      </c>
      <c r="L5978" s="2" t="s">
        <v>69039</v>
      </c>
      <c r="M5978" s="5" t="s">
        <v>1521</v>
      </c>
      <c r="N5978" s="5" t="s">
        <v>38</v>
      </c>
      <c r="O5978" s="5" t="s">
        <v>39</v>
      </c>
      <c r="P5978" s="5" t="s">
        <v>40</v>
      </c>
      <c r="Q5978" s="5" t="s">
        <v>1522</v>
      </c>
      <c r="R5978" s="5" t="s">
        <v>1523</v>
      </c>
      <c r="S5978" s="5" t="s">
        <v>42</v>
      </c>
      <c r="T5978" s="2">
        <v>1.8720000000000001</v>
      </c>
      <c r="U5978" s="2">
        <v>1.4890000000000001</v>
      </c>
      <c r="V5978" s="2">
        <v>10.6</v>
      </c>
      <c r="W5978" s="2">
        <v>139.1</v>
      </c>
      <c r="X5978" s="2">
        <v>7.6</v>
      </c>
      <c r="Y5978" s="2">
        <v>10.6</v>
      </c>
      <c r="Z5978" s="5"/>
      <c r="AA5978" s="5" t="s">
        <v>43</v>
      </c>
      <c r="AB5978" s="5" t="s">
        <v>44</v>
      </c>
      <c r="AC5978" s="2"/>
      <c r="AD5978" s="1"/>
    </row>
    <row r="5979" spans="1:30">
      <c r="A5979" s="5" t="s">
        <v>83578</v>
      </c>
      <c r="B5979" s="2" t="s">
        <v>102052</v>
      </c>
      <c r="C5979" s="14" t="s">
        <v>102053</v>
      </c>
      <c r="D5979" s="2" t="s">
        <v>102054</v>
      </c>
      <c r="E5979" s="2" t="s">
        <v>7429</v>
      </c>
      <c r="F5979" s="8">
        <v>272</v>
      </c>
      <c r="G5979" s="5">
        <v>8</v>
      </c>
      <c r="H5979" s="5" t="s">
        <v>1518</v>
      </c>
      <c r="I5979" s="5" t="s">
        <v>69038</v>
      </c>
      <c r="J5979" s="2" t="s">
        <v>69039</v>
      </c>
      <c r="K5979" s="5" t="s">
        <v>69038</v>
      </c>
      <c r="L5979" s="2" t="s">
        <v>69039</v>
      </c>
      <c r="M5979" s="5" t="s">
        <v>1521</v>
      </c>
      <c r="N5979" s="5" t="s">
        <v>38</v>
      </c>
      <c r="O5979" s="5" t="s">
        <v>39</v>
      </c>
      <c r="P5979" s="5" t="s">
        <v>40</v>
      </c>
      <c r="Q5979" s="5" t="s">
        <v>1522</v>
      </c>
      <c r="R5979" s="5" t="s">
        <v>1523</v>
      </c>
      <c r="S5979" s="5" t="s">
        <v>42</v>
      </c>
      <c r="T5979" s="2">
        <v>1.8720000000000001</v>
      </c>
      <c r="U5979" s="2">
        <v>1.4890000000000001</v>
      </c>
      <c r="V5979" s="2">
        <v>10.6</v>
      </c>
      <c r="W5979" s="2">
        <v>139.1</v>
      </c>
      <c r="X5979" s="2">
        <v>7.6</v>
      </c>
      <c r="Y5979" s="2">
        <v>10.6</v>
      </c>
      <c r="Z5979" s="5"/>
      <c r="AA5979" s="5" t="s">
        <v>43</v>
      </c>
      <c r="AB5979" s="5" t="s">
        <v>44</v>
      </c>
      <c r="AC5979" s="2"/>
      <c r="AD5979" s="1"/>
    </row>
    <row r="5980" spans="1:30">
      <c r="A5980" s="5" t="s">
        <v>83578</v>
      </c>
      <c r="B5980" s="2" t="s">
        <v>102055</v>
      </c>
      <c r="C5980" s="14" t="s">
        <v>102056</v>
      </c>
      <c r="D5980" s="2" t="s">
        <v>102057</v>
      </c>
      <c r="E5980" s="2" t="s">
        <v>7449</v>
      </c>
      <c r="F5980" s="8">
        <v>272</v>
      </c>
      <c r="G5980" s="5">
        <v>8</v>
      </c>
      <c r="H5980" s="5" t="s">
        <v>1518</v>
      </c>
      <c r="I5980" s="5" t="s">
        <v>69038</v>
      </c>
      <c r="J5980" s="2" t="s">
        <v>69039</v>
      </c>
      <c r="K5980" s="5" t="s">
        <v>69038</v>
      </c>
      <c r="L5980" s="2" t="s">
        <v>69039</v>
      </c>
      <c r="M5980" s="5" t="s">
        <v>1521</v>
      </c>
      <c r="N5980" s="5" t="s">
        <v>38</v>
      </c>
      <c r="O5980" s="5" t="s">
        <v>39</v>
      </c>
      <c r="P5980" s="5" t="s">
        <v>40</v>
      </c>
      <c r="Q5980" s="5" t="s">
        <v>1522</v>
      </c>
      <c r="R5980" s="5" t="s">
        <v>1523</v>
      </c>
      <c r="S5980" s="5" t="s">
        <v>42</v>
      </c>
      <c r="T5980" s="2">
        <v>1.8720000000000001</v>
      </c>
      <c r="U5980" s="2">
        <v>1.4890000000000001</v>
      </c>
      <c r="V5980" s="2">
        <v>10.6</v>
      </c>
      <c r="W5980" s="2">
        <v>139.1</v>
      </c>
      <c r="X5980" s="2">
        <v>7.6</v>
      </c>
      <c r="Y5980" s="2">
        <v>10.6</v>
      </c>
      <c r="Z5980" s="5"/>
      <c r="AA5980" s="5" t="s">
        <v>43</v>
      </c>
      <c r="AB5980" s="5" t="s">
        <v>44</v>
      </c>
      <c r="AC5980" s="2"/>
      <c r="AD5980" s="1"/>
    </row>
    <row r="5981" spans="1:30">
      <c r="A5981" s="5" t="s">
        <v>83578</v>
      </c>
      <c r="B5981" s="2" t="s">
        <v>102058</v>
      </c>
      <c r="C5981" s="14" t="s">
        <v>102059</v>
      </c>
      <c r="D5981" s="2" t="s">
        <v>102060</v>
      </c>
      <c r="E5981" s="2" t="s">
        <v>7585</v>
      </c>
      <c r="F5981" s="8">
        <v>272</v>
      </c>
      <c r="G5981" s="5">
        <v>8</v>
      </c>
      <c r="H5981" s="5" t="s">
        <v>1518</v>
      </c>
      <c r="I5981" s="5" t="s">
        <v>69038</v>
      </c>
      <c r="J5981" s="2" t="s">
        <v>69039</v>
      </c>
      <c r="K5981" s="5" t="s">
        <v>69038</v>
      </c>
      <c r="L5981" s="2" t="s">
        <v>69039</v>
      </c>
      <c r="M5981" s="5" t="s">
        <v>1521</v>
      </c>
      <c r="N5981" s="5" t="s">
        <v>38</v>
      </c>
      <c r="O5981" s="5" t="s">
        <v>39</v>
      </c>
      <c r="P5981" s="5" t="s">
        <v>40</v>
      </c>
      <c r="Q5981" s="5" t="s">
        <v>1522</v>
      </c>
      <c r="R5981" s="5" t="s">
        <v>1523</v>
      </c>
      <c r="S5981" s="5" t="s">
        <v>42</v>
      </c>
      <c r="T5981" s="2">
        <v>1.8720000000000001</v>
      </c>
      <c r="U5981" s="2">
        <v>1.4890000000000001</v>
      </c>
      <c r="V5981" s="2">
        <v>10.6</v>
      </c>
      <c r="W5981" s="2">
        <v>139.1</v>
      </c>
      <c r="X5981" s="2">
        <v>7.6</v>
      </c>
      <c r="Y5981" s="2">
        <v>10.6</v>
      </c>
      <c r="Z5981" s="5"/>
      <c r="AA5981" s="5" t="s">
        <v>43</v>
      </c>
      <c r="AB5981" s="5" t="s">
        <v>44</v>
      </c>
      <c r="AC5981" s="2"/>
      <c r="AD5981" s="1"/>
    </row>
    <row r="5982" spans="1:30">
      <c r="A5982" s="5" t="s">
        <v>83578</v>
      </c>
      <c r="B5982" s="2" t="s">
        <v>102061</v>
      </c>
      <c r="C5982" s="14" t="s">
        <v>102062</v>
      </c>
      <c r="D5982" s="2" t="s">
        <v>102063</v>
      </c>
      <c r="E5982" s="2" t="s">
        <v>7593</v>
      </c>
      <c r="F5982" s="8">
        <v>272</v>
      </c>
      <c r="G5982" s="5">
        <v>8</v>
      </c>
      <c r="H5982" s="5" t="s">
        <v>1518</v>
      </c>
      <c r="I5982" s="5" t="s">
        <v>69038</v>
      </c>
      <c r="J5982" s="2" t="s">
        <v>69039</v>
      </c>
      <c r="K5982" s="5" t="s">
        <v>69038</v>
      </c>
      <c r="L5982" s="2" t="s">
        <v>69039</v>
      </c>
      <c r="M5982" s="5" t="s">
        <v>1521</v>
      </c>
      <c r="N5982" s="5" t="s">
        <v>38</v>
      </c>
      <c r="O5982" s="5" t="s">
        <v>39</v>
      </c>
      <c r="P5982" s="5" t="s">
        <v>40</v>
      </c>
      <c r="Q5982" s="5" t="s">
        <v>1522</v>
      </c>
      <c r="R5982" s="5" t="s">
        <v>1523</v>
      </c>
      <c r="S5982" s="5" t="s">
        <v>42</v>
      </c>
      <c r="T5982" s="2">
        <v>1.8720000000000001</v>
      </c>
      <c r="U5982" s="2">
        <v>1.4890000000000001</v>
      </c>
      <c r="V5982" s="2">
        <v>10.6</v>
      </c>
      <c r="W5982" s="2">
        <v>139.1</v>
      </c>
      <c r="X5982" s="2">
        <v>7.6</v>
      </c>
      <c r="Y5982" s="2">
        <v>10.6</v>
      </c>
      <c r="Z5982" s="5"/>
      <c r="AA5982" s="5" t="s">
        <v>43</v>
      </c>
      <c r="AB5982" s="5" t="s">
        <v>44</v>
      </c>
      <c r="AC5982" s="2"/>
      <c r="AD5982" s="1"/>
    </row>
    <row r="5983" spans="1:30">
      <c r="A5983" s="5" t="s">
        <v>83578</v>
      </c>
      <c r="B5983" s="2" t="s">
        <v>102064</v>
      </c>
      <c r="C5983" s="14" t="s">
        <v>102065</v>
      </c>
      <c r="D5983" s="2" t="s">
        <v>102066</v>
      </c>
      <c r="E5983" s="2" t="s">
        <v>7433</v>
      </c>
      <c r="F5983" s="8">
        <v>272</v>
      </c>
      <c r="G5983" s="5">
        <v>8</v>
      </c>
      <c r="H5983" s="5" t="s">
        <v>1518</v>
      </c>
      <c r="I5983" s="5" t="s">
        <v>69038</v>
      </c>
      <c r="J5983" s="2" t="s">
        <v>69039</v>
      </c>
      <c r="K5983" s="5" t="s">
        <v>69038</v>
      </c>
      <c r="L5983" s="2" t="s">
        <v>69039</v>
      </c>
      <c r="M5983" s="5" t="s">
        <v>1521</v>
      </c>
      <c r="N5983" s="5" t="s">
        <v>38</v>
      </c>
      <c r="O5983" s="5" t="s">
        <v>39</v>
      </c>
      <c r="P5983" s="5" t="s">
        <v>40</v>
      </c>
      <c r="Q5983" s="5" t="s">
        <v>1522</v>
      </c>
      <c r="R5983" s="5" t="s">
        <v>1523</v>
      </c>
      <c r="S5983" s="5" t="s">
        <v>42</v>
      </c>
      <c r="T5983" s="2">
        <v>1.8720000000000001</v>
      </c>
      <c r="U5983" s="2">
        <v>1.4890000000000001</v>
      </c>
      <c r="V5983" s="2">
        <v>10.6</v>
      </c>
      <c r="W5983" s="2">
        <v>139.1</v>
      </c>
      <c r="X5983" s="2">
        <v>7.6</v>
      </c>
      <c r="Y5983" s="2">
        <v>10.6</v>
      </c>
      <c r="Z5983" s="5"/>
      <c r="AA5983" s="5" t="s">
        <v>43</v>
      </c>
      <c r="AB5983" s="5" t="s">
        <v>44</v>
      </c>
      <c r="AC5983" s="2"/>
      <c r="AD5983" s="1"/>
    </row>
    <row r="5984" spans="1:30">
      <c r="A5984" s="5" t="s">
        <v>83578</v>
      </c>
      <c r="B5984" s="2" t="s">
        <v>102067</v>
      </c>
      <c r="C5984" s="14" t="s">
        <v>102068</v>
      </c>
      <c r="D5984" s="2" t="s">
        <v>102069</v>
      </c>
      <c r="E5984" s="2" t="s">
        <v>7615</v>
      </c>
      <c r="F5984" s="8">
        <v>272</v>
      </c>
      <c r="G5984" s="5">
        <v>8</v>
      </c>
      <c r="H5984" s="5" t="s">
        <v>1518</v>
      </c>
      <c r="I5984" s="5" t="s">
        <v>69038</v>
      </c>
      <c r="J5984" s="2" t="s">
        <v>69039</v>
      </c>
      <c r="K5984" s="5" t="s">
        <v>69038</v>
      </c>
      <c r="L5984" s="2" t="s">
        <v>69039</v>
      </c>
      <c r="M5984" s="5" t="s">
        <v>1521</v>
      </c>
      <c r="N5984" s="5" t="s">
        <v>38</v>
      </c>
      <c r="O5984" s="5" t="s">
        <v>39</v>
      </c>
      <c r="P5984" s="5" t="s">
        <v>40</v>
      </c>
      <c r="Q5984" s="5" t="s">
        <v>1522</v>
      </c>
      <c r="R5984" s="5" t="s">
        <v>1523</v>
      </c>
      <c r="S5984" s="5" t="s">
        <v>42</v>
      </c>
      <c r="T5984" s="2">
        <v>1.8720000000000001</v>
      </c>
      <c r="U5984" s="2">
        <v>1.4890000000000001</v>
      </c>
      <c r="V5984" s="2">
        <v>10.6</v>
      </c>
      <c r="W5984" s="2">
        <v>139.1</v>
      </c>
      <c r="X5984" s="2">
        <v>7.6</v>
      </c>
      <c r="Y5984" s="2">
        <v>10.6</v>
      </c>
      <c r="Z5984" s="5"/>
      <c r="AA5984" s="5" t="s">
        <v>43</v>
      </c>
      <c r="AB5984" s="5" t="s">
        <v>44</v>
      </c>
      <c r="AC5984" s="2"/>
      <c r="AD5984" s="1"/>
    </row>
    <row r="5985" spans="1:30">
      <c r="A5985" s="5" t="s">
        <v>83578</v>
      </c>
      <c r="B5985" s="2" t="s">
        <v>102070</v>
      </c>
      <c r="C5985" s="14" t="s">
        <v>102071</v>
      </c>
      <c r="D5985" s="2" t="s">
        <v>102072</v>
      </c>
      <c r="E5985" s="2" t="s">
        <v>7410</v>
      </c>
      <c r="F5985" s="8">
        <v>272</v>
      </c>
      <c r="G5985" s="5">
        <v>8</v>
      </c>
      <c r="H5985" s="5" t="s">
        <v>1518</v>
      </c>
      <c r="I5985" s="5" t="s">
        <v>69038</v>
      </c>
      <c r="J5985" s="2" t="s">
        <v>69039</v>
      </c>
      <c r="K5985" s="5" t="s">
        <v>69038</v>
      </c>
      <c r="L5985" s="2" t="s">
        <v>69039</v>
      </c>
      <c r="M5985" s="5" t="s">
        <v>1521</v>
      </c>
      <c r="N5985" s="5" t="s">
        <v>38</v>
      </c>
      <c r="O5985" s="5" t="s">
        <v>39</v>
      </c>
      <c r="P5985" s="5" t="s">
        <v>40</v>
      </c>
      <c r="Q5985" s="5" t="s">
        <v>1522</v>
      </c>
      <c r="R5985" s="5" t="s">
        <v>1523</v>
      </c>
      <c r="S5985" s="5" t="s">
        <v>42</v>
      </c>
      <c r="T5985" s="2">
        <v>1.8720000000000001</v>
      </c>
      <c r="U5985" s="2">
        <v>1.4890000000000001</v>
      </c>
      <c r="V5985" s="2">
        <v>10.6</v>
      </c>
      <c r="W5985" s="2">
        <v>139.1</v>
      </c>
      <c r="X5985" s="2">
        <v>7.6</v>
      </c>
      <c r="Y5985" s="2">
        <v>10.6</v>
      </c>
      <c r="Z5985" s="5"/>
      <c r="AA5985" s="5" t="s">
        <v>43</v>
      </c>
      <c r="AB5985" s="5" t="s">
        <v>44</v>
      </c>
      <c r="AC5985" s="2"/>
      <c r="AD5985" s="1"/>
    </row>
    <row r="5986" spans="1:30">
      <c r="A5986" s="5" t="s">
        <v>83578</v>
      </c>
      <c r="B5986" s="2" t="s">
        <v>102073</v>
      </c>
      <c r="C5986" s="14" t="s">
        <v>102074</v>
      </c>
      <c r="D5986" s="2" t="s">
        <v>102075</v>
      </c>
      <c r="E5986" s="2" t="s">
        <v>7212</v>
      </c>
      <c r="F5986" s="8">
        <v>271</v>
      </c>
      <c r="G5986" s="5">
        <v>8</v>
      </c>
      <c r="H5986" s="5" t="s">
        <v>1518</v>
      </c>
      <c r="I5986" s="5" t="s">
        <v>69038</v>
      </c>
      <c r="J5986" s="2" t="s">
        <v>69039</v>
      </c>
      <c r="K5986" s="5" t="s">
        <v>69038</v>
      </c>
      <c r="L5986" s="2" t="s">
        <v>69039</v>
      </c>
      <c r="M5986" s="5" t="s">
        <v>1521</v>
      </c>
      <c r="N5986" s="5" t="s">
        <v>38</v>
      </c>
      <c r="O5986" s="5" t="s">
        <v>39</v>
      </c>
      <c r="P5986" s="5" t="s">
        <v>40</v>
      </c>
      <c r="Q5986" s="5" t="s">
        <v>1522</v>
      </c>
      <c r="R5986" s="5" t="s">
        <v>1523</v>
      </c>
      <c r="S5986" s="5" t="s">
        <v>42</v>
      </c>
      <c r="T5986" s="2">
        <v>1.8720000000000001</v>
      </c>
      <c r="U5986" s="2">
        <v>1.4890000000000001</v>
      </c>
      <c r="V5986" s="2">
        <v>10.6</v>
      </c>
      <c r="W5986" s="2">
        <v>139.1</v>
      </c>
      <c r="X5986" s="2">
        <v>7.6</v>
      </c>
      <c r="Y5986" s="2">
        <v>10.6</v>
      </c>
      <c r="Z5986" s="5"/>
      <c r="AA5986" s="5" t="s">
        <v>43</v>
      </c>
      <c r="AB5986" s="5" t="s">
        <v>44</v>
      </c>
      <c r="AC5986" s="2"/>
      <c r="AD5986" s="1"/>
    </row>
    <row r="5987" spans="1:30">
      <c r="A5987" s="5" t="s">
        <v>83578</v>
      </c>
      <c r="B5987" s="2" t="s">
        <v>102076</v>
      </c>
      <c r="C5987" s="14" t="s">
        <v>102077</v>
      </c>
      <c r="D5987" s="2" t="s">
        <v>102078</v>
      </c>
      <c r="E5987" s="2" t="s">
        <v>7535</v>
      </c>
      <c r="F5987" s="8">
        <v>92</v>
      </c>
      <c r="G5987" s="5">
        <v>6</v>
      </c>
      <c r="H5987" s="5" t="s">
        <v>1518</v>
      </c>
      <c r="I5987" s="5" t="s">
        <v>69038</v>
      </c>
      <c r="J5987" s="2" t="s">
        <v>69039</v>
      </c>
      <c r="K5987" s="5" t="s">
        <v>69038</v>
      </c>
      <c r="L5987" s="2" t="s">
        <v>69039</v>
      </c>
      <c r="M5987" s="5" t="s">
        <v>1521</v>
      </c>
      <c r="N5987" s="5" t="s">
        <v>38</v>
      </c>
      <c r="O5987" s="5" t="s">
        <v>39</v>
      </c>
      <c r="P5987" s="5" t="s">
        <v>40</v>
      </c>
      <c r="Q5987" s="5" t="s">
        <v>1522</v>
      </c>
      <c r="R5987" s="5" t="s">
        <v>1523</v>
      </c>
      <c r="S5987" s="5" t="s">
        <v>42</v>
      </c>
      <c r="T5987" s="2">
        <v>0.90900000000000003</v>
      </c>
      <c r="U5987" s="2">
        <v>0.67600000000000005</v>
      </c>
      <c r="V5987" s="2">
        <v>10.6</v>
      </c>
      <c r="W5987" s="2">
        <v>59.9</v>
      </c>
      <c r="X5987" s="2">
        <v>7.6</v>
      </c>
      <c r="Y5987" s="2">
        <v>10.6</v>
      </c>
      <c r="Z5987" s="5"/>
      <c r="AA5987" s="5" t="s">
        <v>43</v>
      </c>
      <c r="AB5987" s="5" t="s">
        <v>44</v>
      </c>
      <c r="AC5987" s="2"/>
      <c r="AD5987" s="1"/>
    </row>
    <row r="5988" spans="1:30">
      <c r="A5988" s="5" t="s">
        <v>83578</v>
      </c>
      <c r="B5988" s="2" t="s">
        <v>102079</v>
      </c>
      <c r="C5988" s="14" t="s">
        <v>102080</v>
      </c>
      <c r="D5988" s="2" t="s">
        <v>102081</v>
      </c>
      <c r="E5988" s="2" t="s">
        <v>7547</v>
      </c>
      <c r="F5988" s="8">
        <v>92</v>
      </c>
      <c r="G5988" s="5">
        <v>6</v>
      </c>
      <c r="H5988" s="5" t="s">
        <v>1518</v>
      </c>
      <c r="I5988" s="5" t="s">
        <v>69038</v>
      </c>
      <c r="J5988" s="2" t="s">
        <v>69039</v>
      </c>
      <c r="K5988" s="5" t="s">
        <v>69038</v>
      </c>
      <c r="L5988" s="2" t="s">
        <v>69039</v>
      </c>
      <c r="M5988" s="5" t="s">
        <v>1521</v>
      </c>
      <c r="N5988" s="5" t="s">
        <v>38</v>
      </c>
      <c r="O5988" s="5" t="s">
        <v>39</v>
      </c>
      <c r="P5988" s="5" t="s">
        <v>40</v>
      </c>
      <c r="Q5988" s="5" t="s">
        <v>1522</v>
      </c>
      <c r="R5988" s="5" t="s">
        <v>1523</v>
      </c>
      <c r="S5988" s="5" t="s">
        <v>42</v>
      </c>
      <c r="T5988" s="2">
        <v>0.872</v>
      </c>
      <c r="U5988" s="2">
        <v>0.63900000000000001</v>
      </c>
      <c r="V5988" s="2">
        <v>10.6</v>
      </c>
      <c r="W5988" s="2">
        <v>59.9</v>
      </c>
      <c r="X5988" s="2">
        <v>7.6</v>
      </c>
      <c r="Y5988" s="2">
        <v>10.6</v>
      </c>
      <c r="Z5988" s="5"/>
      <c r="AA5988" s="5" t="s">
        <v>43</v>
      </c>
      <c r="AB5988" s="5" t="s">
        <v>44</v>
      </c>
      <c r="AC5988" s="2"/>
      <c r="AD5988" s="1"/>
    </row>
    <row r="5989" spans="1:30">
      <c r="A5989" s="5" t="s">
        <v>83578</v>
      </c>
      <c r="B5989" s="2" t="s">
        <v>102082</v>
      </c>
      <c r="C5989" s="14" t="s">
        <v>102083</v>
      </c>
      <c r="D5989" s="2" t="s">
        <v>102084</v>
      </c>
      <c r="E5989" s="2" t="s">
        <v>7551</v>
      </c>
      <c r="F5989" s="8">
        <v>92</v>
      </c>
      <c r="G5989" s="5">
        <v>6</v>
      </c>
      <c r="H5989" s="5" t="s">
        <v>1518</v>
      </c>
      <c r="I5989" s="5" t="s">
        <v>69038</v>
      </c>
      <c r="J5989" s="2" t="s">
        <v>69039</v>
      </c>
      <c r="K5989" s="5" t="s">
        <v>69038</v>
      </c>
      <c r="L5989" s="2" t="s">
        <v>69039</v>
      </c>
      <c r="M5989" s="5" t="s">
        <v>1521</v>
      </c>
      <c r="N5989" s="5" t="s">
        <v>38</v>
      </c>
      <c r="O5989" s="5" t="s">
        <v>39</v>
      </c>
      <c r="P5989" s="5" t="s">
        <v>40</v>
      </c>
      <c r="Q5989" s="5" t="s">
        <v>1522</v>
      </c>
      <c r="R5989" s="5" t="s">
        <v>1523</v>
      </c>
      <c r="S5989" s="5" t="s">
        <v>42</v>
      </c>
      <c r="T5989" s="2">
        <v>0.90900000000000003</v>
      </c>
      <c r="U5989" s="2">
        <v>0.67600000000000005</v>
      </c>
      <c r="V5989" s="2">
        <v>10.6</v>
      </c>
      <c r="W5989" s="2">
        <v>59.9</v>
      </c>
      <c r="X5989" s="2">
        <v>7.6</v>
      </c>
      <c r="Y5989" s="2">
        <v>10.6</v>
      </c>
      <c r="Z5989" s="5"/>
      <c r="AA5989" s="5" t="s">
        <v>43</v>
      </c>
      <c r="AB5989" s="5" t="s">
        <v>44</v>
      </c>
      <c r="AC5989" s="2"/>
      <c r="AD5989" s="1"/>
    </row>
    <row r="5990" spans="1:30">
      <c r="A5990" s="5" t="s">
        <v>83578</v>
      </c>
      <c r="B5990" s="2" t="s">
        <v>102085</v>
      </c>
      <c r="C5990" s="14" t="s">
        <v>102086</v>
      </c>
      <c r="D5990" s="2" t="s">
        <v>102087</v>
      </c>
      <c r="E5990" s="2" t="s">
        <v>7567</v>
      </c>
      <c r="F5990" s="8">
        <v>92</v>
      </c>
      <c r="G5990" s="5">
        <v>6</v>
      </c>
      <c r="H5990" s="5" t="s">
        <v>1518</v>
      </c>
      <c r="I5990" s="5" t="s">
        <v>69038</v>
      </c>
      <c r="J5990" s="2" t="s">
        <v>69039</v>
      </c>
      <c r="K5990" s="5" t="s">
        <v>69038</v>
      </c>
      <c r="L5990" s="2" t="s">
        <v>69039</v>
      </c>
      <c r="M5990" s="5" t="s">
        <v>1521</v>
      </c>
      <c r="N5990" s="5" t="s">
        <v>38</v>
      </c>
      <c r="O5990" s="5" t="s">
        <v>39</v>
      </c>
      <c r="P5990" s="5" t="s">
        <v>40</v>
      </c>
      <c r="Q5990" s="5" t="s">
        <v>1522</v>
      </c>
      <c r="R5990" s="5" t="s">
        <v>1523</v>
      </c>
      <c r="S5990" s="5" t="s">
        <v>42</v>
      </c>
      <c r="T5990" s="2">
        <v>0.90900000000000003</v>
      </c>
      <c r="U5990" s="2">
        <v>0.67600000000000005</v>
      </c>
      <c r="V5990" s="2">
        <v>10.6</v>
      </c>
      <c r="W5990" s="2">
        <v>59.9</v>
      </c>
      <c r="X5990" s="2">
        <v>7.6</v>
      </c>
      <c r="Y5990" s="2">
        <v>10.6</v>
      </c>
      <c r="Z5990" s="5"/>
      <c r="AA5990" s="5" t="s">
        <v>43</v>
      </c>
      <c r="AB5990" s="5" t="s">
        <v>44</v>
      </c>
      <c r="AC5990" s="2"/>
      <c r="AD5990" s="1"/>
    </row>
    <row r="5991" spans="1:30">
      <c r="A5991" s="5" t="s">
        <v>83578</v>
      </c>
      <c r="B5991" s="2" t="s">
        <v>102088</v>
      </c>
      <c r="C5991" s="14" t="s">
        <v>102089</v>
      </c>
      <c r="D5991" s="2" t="s">
        <v>102090</v>
      </c>
      <c r="E5991" s="2" t="s">
        <v>7559</v>
      </c>
      <c r="F5991" s="8">
        <v>92</v>
      </c>
      <c r="G5991" s="5">
        <v>6</v>
      </c>
      <c r="H5991" s="5" t="s">
        <v>1518</v>
      </c>
      <c r="I5991" s="5" t="s">
        <v>69038</v>
      </c>
      <c r="J5991" s="2" t="s">
        <v>69039</v>
      </c>
      <c r="K5991" s="5" t="s">
        <v>69038</v>
      </c>
      <c r="L5991" s="2" t="s">
        <v>69039</v>
      </c>
      <c r="M5991" s="5" t="s">
        <v>1521</v>
      </c>
      <c r="N5991" s="5" t="s">
        <v>38</v>
      </c>
      <c r="O5991" s="5" t="s">
        <v>39</v>
      </c>
      <c r="P5991" s="5" t="s">
        <v>40</v>
      </c>
      <c r="Q5991" s="5" t="s">
        <v>1522</v>
      </c>
      <c r="R5991" s="5" t="s">
        <v>1523</v>
      </c>
      <c r="S5991" s="5" t="s">
        <v>42</v>
      </c>
      <c r="T5991" s="2">
        <v>0.90900000000000003</v>
      </c>
      <c r="U5991" s="2">
        <v>0.67600000000000005</v>
      </c>
      <c r="V5991" s="2">
        <v>10.6</v>
      </c>
      <c r="W5991" s="2">
        <v>59.9</v>
      </c>
      <c r="X5991" s="2">
        <v>7.6</v>
      </c>
      <c r="Y5991" s="2">
        <v>10.6</v>
      </c>
      <c r="Z5991" s="5"/>
      <c r="AA5991" s="5" t="s">
        <v>43</v>
      </c>
      <c r="AB5991" s="5" t="s">
        <v>44</v>
      </c>
      <c r="AC5991" s="2"/>
      <c r="AD5991" s="1"/>
    </row>
    <row r="5992" spans="1:30">
      <c r="A5992" s="5" t="s">
        <v>83578</v>
      </c>
      <c r="B5992" s="2" t="s">
        <v>102091</v>
      </c>
      <c r="C5992" s="14" t="s">
        <v>102092</v>
      </c>
      <c r="D5992" s="2" t="s">
        <v>102093</v>
      </c>
      <c r="E5992" s="2" t="s">
        <v>7429</v>
      </c>
      <c r="F5992" s="8">
        <v>92</v>
      </c>
      <c r="G5992" s="5">
        <v>6</v>
      </c>
      <c r="H5992" s="5" t="s">
        <v>1518</v>
      </c>
      <c r="I5992" s="5" t="s">
        <v>69038</v>
      </c>
      <c r="J5992" s="2" t="s">
        <v>69039</v>
      </c>
      <c r="K5992" s="5" t="s">
        <v>69038</v>
      </c>
      <c r="L5992" s="2" t="s">
        <v>69039</v>
      </c>
      <c r="M5992" s="5" t="s">
        <v>1521</v>
      </c>
      <c r="N5992" s="5" t="s">
        <v>38</v>
      </c>
      <c r="O5992" s="5" t="s">
        <v>39</v>
      </c>
      <c r="P5992" s="5" t="s">
        <v>40</v>
      </c>
      <c r="Q5992" s="5" t="s">
        <v>1522</v>
      </c>
      <c r="R5992" s="5" t="s">
        <v>1523</v>
      </c>
      <c r="S5992" s="5" t="s">
        <v>42</v>
      </c>
      <c r="T5992" s="2">
        <v>0.872</v>
      </c>
      <c r="U5992" s="2">
        <v>0.63900000000000001</v>
      </c>
      <c r="V5992" s="2">
        <v>10.6</v>
      </c>
      <c r="W5992" s="2">
        <v>59.9</v>
      </c>
      <c r="X5992" s="2">
        <v>7.6</v>
      </c>
      <c r="Y5992" s="2">
        <v>10.6</v>
      </c>
      <c r="Z5992" s="5"/>
      <c r="AA5992" s="5" t="s">
        <v>43</v>
      </c>
      <c r="AB5992" s="5" t="s">
        <v>44</v>
      </c>
      <c r="AC5992" s="2"/>
      <c r="AD5992" s="1"/>
    </row>
    <row r="5993" spans="1:30">
      <c r="A5993" s="5" t="s">
        <v>83578</v>
      </c>
      <c r="B5993" s="2" t="s">
        <v>102094</v>
      </c>
      <c r="C5993" s="14" t="s">
        <v>102095</v>
      </c>
      <c r="D5993" s="2" t="s">
        <v>102096</v>
      </c>
      <c r="E5993" s="2" t="s">
        <v>7574</v>
      </c>
      <c r="F5993" s="8">
        <v>92</v>
      </c>
      <c r="G5993" s="5">
        <v>6</v>
      </c>
      <c r="H5993" s="5" t="s">
        <v>1518</v>
      </c>
      <c r="I5993" s="5" t="s">
        <v>69038</v>
      </c>
      <c r="J5993" s="2" t="s">
        <v>69039</v>
      </c>
      <c r="K5993" s="5" t="s">
        <v>69038</v>
      </c>
      <c r="L5993" s="2" t="s">
        <v>69039</v>
      </c>
      <c r="M5993" s="5" t="s">
        <v>1521</v>
      </c>
      <c r="N5993" s="5" t="s">
        <v>38</v>
      </c>
      <c r="O5993" s="5" t="s">
        <v>39</v>
      </c>
      <c r="P5993" s="5" t="s">
        <v>40</v>
      </c>
      <c r="Q5993" s="5" t="s">
        <v>1522</v>
      </c>
      <c r="R5993" s="5" t="s">
        <v>1523</v>
      </c>
      <c r="S5993" s="5" t="s">
        <v>42</v>
      </c>
      <c r="T5993" s="2">
        <v>0.90900000000000003</v>
      </c>
      <c r="U5993" s="2">
        <v>0.67600000000000005</v>
      </c>
      <c r="V5993" s="2">
        <v>10.6</v>
      </c>
      <c r="W5993" s="2">
        <v>59.9</v>
      </c>
      <c r="X5993" s="2">
        <v>7.6</v>
      </c>
      <c r="Y5993" s="2">
        <v>10.6</v>
      </c>
      <c r="Z5993" s="5"/>
      <c r="AA5993" s="5" t="s">
        <v>43</v>
      </c>
      <c r="AB5993" s="5" t="s">
        <v>44</v>
      </c>
      <c r="AC5993" s="2"/>
      <c r="AD5993" s="1"/>
    </row>
    <row r="5994" spans="1:30">
      <c r="A5994" s="5" t="s">
        <v>83578</v>
      </c>
      <c r="B5994" s="2" t="s">
        <v>102097</v>
      </c>
      <c r="C5994" s="14" t="s">
        <v>102098</v>
      </c>
      <c r="D5994" s="2" t="s">
        <v>102099</v>
      </c>
      <c r="E5994" s="2" t="s">
        <v>7581</v>
      </c>
      <c r="F5994" s="8">
        <v>92</v>
      </c>
      <c r="G5994" s="5">
        <v>6</v>
      </c>
      <c r="H5994" s="5" t="s">
        <v>1518</v>
      </c>
      <c r="I5994" s="5" t="s">
        <v>69038</v>
      </c>
      <c r="J5994" s="2" t="s">
        <v>69039</v>
      </c>
      <c r="K5994" s="5" t="s">
        <v>69038</v>
      </c>
      <c r="L5994" s="2" t="s">
        <v>69039</v>
      </c>
      <c r="M5994" s="5" t="s">
        <v>1521</v>
      </c>
      <c r="N5994" s="5" t="s">
        <v>38</v>
      </c>
      <c r="O5994" s="5" t="s">
        <v>39</v>
      </c>
      <c r="P5994" s="5" t="s">
        <v>40</v>
      </c>
      <c r="Q5994" s="5" t="s">
        <v>1522</v>
      </c>
      <c r="R5994" s="5" t="s">
        <v>1523</v>
      </c>
      <c r="S5994" s="5" t="s">
        <v>42</v>
      </c>
      <c r="T5994" s="2">
        <v>0.90900000000000003</v>
      </c>
      <c r="U5994" s="2">
        <v>0.67600000000000005</v>
      </c>
      <c r="V5994" s="2">
        <v>10.6</v>
      </c>
      <c r="W5994" s="2">
        <v>59.9</v>
      </c>
      <c r="X5994" s="2">
        <v>7.6</v>
      </c>
      <c r="Y5994" s="2">
        <v>10.6</v>
      </c>
      <c r="Z5994" s="5"/>
      <c r="AA5994" s="5" t="s">
        <v>43</v>
      </c>
      <c r="AB5994" s="5" t="s">
        <v>44</v>
      </c>
      <c r="AC5994" s="2"/>
      <c r="AD5994" s="1"/>
    </row>
    <row r="5995" spans="1:30">
      <c r="A5995" s="5" t="s">
        <v>83578</v>
      </c>
      <c r="B5995" s="2" t="s">
        <v>102100</v>
      </c>
      <c r="C5995" s="14" t="s">
        <v>102101</v>
      </c>
      <c r="D5995" s="2" t="s">
        <v>102102</v>
      </c>
      <c r="E5995" s="2" t="s">
        <v>7585</v>
      </c>
      <c r="F5995" s="8">
        <v>92</v>
      </c>
      <c r="G5995" s="5">
        <v>6</v>
      </c>
      <c r="H5995" s="5" t="s">
        <v>1518</v>
      </c>
      <c r="I5995" s="5" t="s">
        <v>69038</v>
      </c>
      <c r="J5995" s="2" t="s">
        <v>69039</v>
      </c>
      <c r="K5995" s="5" t="s">
        <v>69038</v>
      </c>
      <c r="L5995" s="2" t="s">
        <v>69039</v>
      </c>
      <c r="M5995" s="5" t="s">
        <v>1521</v>
      </c>
      <c r="N5995" s="5" t="s">
        <v>38</v>
      </c>
      <c r="O5995" s="5" t="s">
        <v>39</v>
      </c>
      <c r="P5995" s="5" t="s">
        <v>40</v>
      </c>
      <c r="Q5995" s="5" t="s">
        <v>1522</v>
      </c>
      <c r="R5995" s="5" t="s">
        <v>1523</v>
      </c>
      <c r="S5995" s="5" t="s">
        <v>42</v>
      </c>
      <c r="T5995" s="2">
        <v>0.872</v>
      </c>
      <c r="U5995" s="2">
        <v>0.63900000000000001</v>
      </c>
      <c r="V5995" s="2">
        <v>10.6</v>
      </c>
      <c r="W5995" s="2">
        <v>59.9</v>
      </c>
      <c r="X5995" s="2">
        <v>7.6</v>
      </c>
      <c r="Y5995" s="2">
        <v>10.6</v>
      </c>
      <c r="Z5995" s="5"/>
      <c r="AA5995" s="5" t="s">
        <v>43</v>
      </c>
      <c r="AB5995" s="5" t="s">
        <v>44</v>
      </c>
      <c r="AC5995" s="2"/>
      <c r="AD5995" s="1"/>
    </row>
    <row r="5996" spans="1:30">
      <c r="A5996" s="5" t="s">
        <v>83578</v>
      </c>
      <c r="B5996" s="2" t="s">
        <v>102103</v>
      </c>
      <c r="C5996" s="14" t="s">
        <v>102104</v>
      </c>
      <c r="D5996" s="2" t="s">
        <v>102105</v>
      </c>
      <c r="E5996" s="2" t="s">
        <v>7589</v>
      </c>
      <c r="F5996" s="8">
        <v>92</v>
      </c>
      <c r="G5996" s="5">
        <v>6</v>
      </c>
      <c r="H5996" s="5" t="s">
        <v>1518</v>
      </c>
      <c r="I5996" s="5" t="s">
        <v>69038</v>
      </c>
      <c r="J5996" s="2" t="s">
        <v>69039</v>
      </c>
      <c r="K5996" s="5" t="s">
        <v>69038</v>
      </c>
      <c r="L5996" s="2" t="s">
        <v>69039</v>
      </c>
      <c r="M5996" s="5" t="s">
        <v>1521</v>
      </c>
      <c r="N5996" s="5" t="s">
        <v>38</v>
      </c>
      <c r="O5996" s="5" t="s">
        <v>39</v>
      </c>
      <c r="P5996" s="5" t="s">
        <v>40</v>
      </c>
      <c r="Q5996" s="5" t="s">
        <v>1522</v>
      </c>
      <c r="R5996" s="5" t="s">
        <v>1523</v>
      </c>
      <c r="S5996" s="5" t="s">
        <v>42</v>
      </c>
      <c r="T5996" s="2">
        <v>0.90900000000000003</v>
      </c>
      <c r="U5996" s="2">
        <v>0.67600000000000005</v>
      </c>
      <c r="V5996" s="2">
        <v>10.6</v>
      </c>
      <c r="W5996" s="2">
        <v>59.9</v>
      </c>
      <c r="X5996" s="2">
        <v>7.6</v>
      </c>
      <c r="Y5996" s="2">
        <v>10.6</v>
      </c>
      <c r="Z5996" s="5"/>
      <c r="AA5996" s="5" t="s">
        <v>43</v>
      </c>
      <c r="AB5996" s="5" t="s">
        <v>44</v>
      </c>
      <c r="AC5996" s="2"/>
      <c r="AD5996" s="1"/>
    </row>
    <row r="5997" spans="1:30">
      <c r="A5997" s="5" t="s">
        <v>83578</v>
      </c>
      <c r="B5997" s="2" t="s">
        <v>102106</v>
      </c>
      <c r="C5997" s="14" t="s">
        <v>102107</v>
      </c>
      <c r="D5997" s="2" t="s">
        <v>102108</v>
      </c>
      <c r="E5997" s="2" t="s">
        <v>7593</v>
      </c>
      <c r="F5997" s="8">
        <v>92</v>
      </c>
      <c r="G5997" s="5">
        <v>6</v>
      </c>
      <c r="H5997" s="5" t="s">
        <v>1518</v>
      </c>
      <c r="I5997" s="5" t="s">
        <v>69038</v>
      </c>
      <c r="J5997" s="2" t="s">
        <v>69039</v>
      </c>
      <c r="K5997" s="5" t="s">
        <v>69038</v>
      </c>
      <c r="L5997" s="2" t="s">
        <v>69039</v>
      </c>
      <c r="M5997" s="5" t="s">
        <v>1521</v>
      </c>
      <c r="N5997" s="5" t="s">
        <v>38</v>
      </c>
      <c r="O5997" s="5" t="s">
        <v>39</v>
      </c>
      <c r="P5997" s="5" t="s">
        <v>40</v>
      </c>
      <c r="Q5997" s="5" t="s">
        <v>1522</v>
      </c>
      <c r="R5997" s="5" t="s">
        <v>1523</v>
      </c>
      <c r="S5997" s="5" t="s">
        <v>42</v>
      </c>
      <c r="T5997" s="2">
        <v>0.872</v>
      </c>
      <c r="U5997" s="2">
        <v>0.63900000000000001</v>
      </c>
      <c r="V5997" s="2">
        <v>10.6</v>
      </c>
      <c r="W5997" s="2">
        <v>59.9</v>
      </c>
      <c r="X5997" s="2">
        <v>7.6</v>
      </c>
      <c r="Y5997" s="2">
        <v>10.6</v>
      </c>
      <c r="Z5997" s="5"/>
      <c r="AA5997" s="5" t="s">
        <v>43</v>
      </c>
      <c r="AB5997" s="5" t="s">
        <v>44</v>
      </c>
      <c r="AC5997" s="2"/>
      <c r="AD5997" s="1"/>
    </row>
    <row r="5998" spans="1:30">
      <c r="A5998" s="5" t="s">
        <v>83578</v>
      </c>
      <c r="B5998" s="2" t="s">
        <v>102109</v>
      </c>
      <c r="C5998" s="14" t="s">
        <v>102110</v>
      </c>
      <c r="D5998" s="2" t="s">
        <v>102111</v>
      </c>
      <c r="E5998" s="2" t="s">
        <v>7597</v>
      </c>
      <c r="F5998" s="8">
        <v>92</v>
      </c>
      <c r="G5998" s="5">
        <v>6</v>
      </c>
      <c r="H5998" s="5" t="s">
        <v>1518</v>
      </c>
      <c r="I5998" s="5" t="s">
        <v>69038</v>
      </c>
      <c r="J5998" s="2" t="s">
        <v>69039</v>
      </c>
      <c r="K5998" s="5" t="s">
        <v>69038</v>
      </c>
      <c r="L5998" s="2" t="s">
        <v>69039</v>
      </c>
      <c r="M5998" s="5" t="s">
        <v>1521</v>
      </c>
      <c r="N5998" s="5" t="s">
        <v>38</v>
      </c>
      <c r="O5998" s="5" t="s">
        <v>39</v>
      </c>
      <c r="P5998" s="5" t="s">
        <v>40</v>
      </c>
      <c r="Q5998" s="5" t="s">
        <v>1522</v>
      </c>
      <c r="R5998" s="5" t="s">
        <v>1523</v>
      </c>
      <c r="S5998" s="5" t="s">
        <v>42</v>
      </c>
      <c r="T5998" s="2">
        <v>0.90900000000000003</v>
      </c>
      <c r="U5998" s="2">
        <v>0.67600000000000005</v>
      </c>
      <c r="V5998" s="2">
        <v>10.6</v>
      </c>
      <c r="W5998" s="2">
        <v>59.9</v>
      </c>
      <c r="X5998" s="2">
        <v>7.6</v>
      </c>
      <c r="Y5998" s="2">
        <v>10.6</v>
      </c>
      <c r="Z5998" s="5"/>
      <c r="AA5998" s="5" t="s">
        <v>43</v>
      </c>
      <c r="AB5998" s="5" t="s">
        <v>44</v>
      </c>
      <c r="AC5998" s="2"/>
      <c r="AD5998" s="1"/>
    </row>
    <row r="5999" spans="1:30">
      <c r="A5999" s="5" t="s">
        <v>83578</v>
      </c>
      <c r="B5999" s="2" t="s">
        <v>102112</v>
      </c>
      <c r="C5999" s="14" t="s">
        <v>102113</v>
      </c>
      <c r="D5999" s="2" t="s">
        <v>102114</v>
      </c>
      <c r="E5999" s="2" t="s">
        <v>7611</v>
      </c>
      <c r="F5999" s="8">
        <v>92</v>
      </c>
      <c r="G5999" s="5">
        <v>6</v>
      </c>
      <c r="H5999" s="5" t="s">
        <v>1518</v>
      </c>
      <c r="I5999" s="5" t="s">
        <v>69038</v>
      </c>
      <c r="J5999" s="2" t="s">
        <v>69039</v>
      </c>
      <c r="K5999" s="5" t="s">
        <v>69038</v>
      </c>
      <c r="L5999" s="2" t="s">
        <v>69039</v>
      </c>
      <c r="M5999" s="5" t="s">
        <v>1521</v>
      </c>
      <c r="N5999" s="5" t="s">
        <v>38</v>
      </c>
      <c r="O5999" s="5" t="s">
        <v>39</v>
      </c>
      <c r="P5999" s="5" t="s">
        <v>40</v>
      </c>
      <c r="Q5999" s="5" t="s">
        <v>1522</v>
      </c>
      <c r="R5999" s="5" t="s">
        <v>1523</v>
      </c>
      <c r="S5999" s="5" t="s">
        <v>42</v>
      </c>
      <c r="T5999" s="2">
        <v>0.90900000000000003</v>
      </c>
      <c r="U5999" s="2">
        <v>0.67600000000000005</v>
      </c>
      <c r="V5999" s="2">
        <v>10.6</v>
      </c>
      <c r="W5999" s="2">
        <v>59.9</v>
      </c>
      <c r="X5999" s="2">
        <v>7.6</v>
      </c>
      <c r="Y5999" s="2">
        <v>10.6</v>
      </c>
      <c r="Z5999" s="5"/>
      <c r="AA5999" s="5" t="s">
        <v>43</v>
      </c>
      <c r="AB5999" s="5" t="s">
        <v>44</v>
      </c>
      <c r="AC5999" s="2"/>
      <c r="AD5999" s="1"/>
    </row>
    <row r="6000" spans="1:30">
      <c r="A6000" s="5" t="s">
        <v>83578</v>
      </c>
      <c r="B6000" s="2" t="s">
        <v>102115</v>
      </c>
      <c r="C6000" s="14" t="s">
        <v>102116</v>
      </c>
      <c r="D6000" s="2" t="s">
        <v>102117</v>
      </c>
      <c r="E6000" s="2" t="s">
        <v>7619</v>
      </c>
      <c r="F6000" s="8">
        <v>92</v>
      </c>
      <c r="G6000" s="5">
        <v>6</v>
      </c>
      <c r="H6000" s="5" t="s">
        <v>1518</v>
      </c>
      <c r="I6000" s="5" t="s">
        <v>69038</v>
      </c>
      <c r="J6000" s="2" t="s">
        <v>69039</v>
      </c>
      <c r="K6000" s="5" t="s">
        <v>69038</v>
      </c>
      <c r="L6000" s="2" t="s">
        <v>69039</v>
      </c>
      <c r="M6000" s="5" t="s">
        <v>1521</v>
      </c>
      <c r="N6000" s="5" t="s">
        <v>38</v>
      </c>
      <c r="O6000" s="5" t="s">
        <v>39</v>
      </c>
      <c r="P6000" s="5" t="s">
        <v>40</v>
      </c>
      <c r="Q6000" s="5" t="s">
        <v>1522</v>
      </c>
      <c r="R6000" s="5" t="s">
        <v>1523</v>
      </c>
      <c r="S6000" s="5" t="s">
        <v>42</v>
      </c>
      <c r="T6000" s="2">
        <v>0.90900000000000003</v>
      </c>
      <c r="U6000" s="2">
        <v>0.67600000000000005</v>
      </c>
      <c r="V6000" s="2">
        <v>10.6</v>
      </c>
      <c r="W6000" s="2">
        <v>59.9</v>
      </c>
      <c r="X6000" s="2">
        <v>7.6</v>
      </c>
      <c r="Y6000" s="2">
        <v>10.6</v>
      </c>
      <c r="Z6000" s="5"/>
      <c r="AA6000" s="5" t="s">
        <v>43</v>
      </c>
      <c r="AB6000" s="5" t="s">
        <v>44</v>
      </c>
      <c r="AC6000" s="2"/>
      <c r="AD6000" s="1"/>
    </row>
    <row r="6001" spans="1:30">
      <c r="A6001" s="5" t="s">
        <v>83578</v>
      </c>
      <c r="B6001" s="2" t="s">
        <v>102118</v>
      </c>
      <c r="C6001" s="14" t="s">
        <v>102119</v>
      </c>
      <c r="D6001" s="2" t="s">
        <v>102120</v>
      </c>
      <c r="E6001" s="2" t="s">
        <v>7410</v>
      </c>
      <c r="F6001" s="8">
        <v>92</v>
      </c>
      <c r="G6001" s="5">
        <v>6</v>
      </c>
      <c r="H6001" s="5" t="s">
        <v>1518</v>
      </c>
      <c r="I6001" s="5" t="s">
        <v>69038</v>
      </c>
      <c r="J6001" s="2" t="s">
        <v>69039</v>
      </c>
      <c r="K6001" s="5" t="s">
        <v>69038</v>
      </c>
      <c r="L6001" s="2" t="s">
        <v>69039</v>
      </c>
      <c r="M6001" s="5" t="s">
        <v>1521</v>
      </c>
      <c r="N6001" s="5" t="s">
        <v>38</v>
      </c>
      <c r="O6001" s="5" t="s">
        <v>39</v>
      </c>
      <c r="P6001" s="5" t="s">
        <v>40</v>
      </c>
      <c r="Q6001" s="5" t="s">
        <v>1522</v>
      </c>
      <c r="R6001" s="5" t="s">
        <v>1523</v>
      </c>
      <c r="S6001" s="5" t="s">
        <v>42</v>
      </c>
      <c r="T6001" s="2">
        <v>0.872</v>
      </c>
      <c r="U6001" s="2">
        <v>0.63900000000000001</v>
      </c>
      <c r="V6001" s="2">
        <v>10.6</v>
      </c>
      <c r="W6001" s="2">
        <v>59.9</v>
      </c>
      <c r="X6001" s="2">
        <v>7.6</v>
      </c>
      <c r="Y6001" s="2">
        <v>10.6</v>
      </c>
      <c r="Z6001" s="5"/>
      <c r="AA6001" s="5" t="s">
        <v>43</v>
      </c>
      <c r="AB6001" s="5" t="s">
        <v>44</v>
      </c>
      <c r="AC6001" s="2"/>
      <c r="AD6001" s="1"/>
    </row>
    <row r="6002" spans="1:30">
      <c r="A6002" s="5" t="s">
        <v>83578</v>
      </c>
      <c r="B6002" s="2" t="s">
        <v>102121</v>
      </c>
      <c r="C6002" s="14" t="s">
        <v>102122</v>
      </c>
      <c r="D6002" s="2" t="s">
        <v>102123</v>
      </c>
      <c r="E6002" s="2" t="s">
        <v>7604</v>
      </c>
      <c r="F6002" s="8">
        <v>92</v>
      </c>
      <c r="G6002" s="5">
        <v>6</v>
      </c>
      <c r="H6002" s="5" t="s">
        <v>1518</v>
      </c>
      <c r="I6002" s="5" t="s">
        <v>69038</v>
      </c>
      <c r="J6002" s="2" t="s">
        <v>69039</v>
      </c>
      <c r="K6002" s="5" t="s">
        <v>69038</v>
      </c>
      <c r="L6002" s="2" t="s">
        <v>69039</v>
      </c>
      <c r="M6002" s="5" t="s">
        <v>1521</v>
      </c>
      <c r="N6002" s="5" t="s">
        <v>38</v>
      </c>
      <c r="O6002" s="5" t="s">
        <v>39</v>
      </c>
      <c r="P6002" s="5" t="s">
        <v>40</v>
      </c>
      <c r="Q6002" s="5" t="s">
        <v>1522</v>
      </c>
      <c r="R6002" s="5" t="s">
        <v>1523</v>
      </c>
      <c r="S6002" s="5" t="s">
        <v>42</v>
      </c>
      <c r="T6002" s="2">
        <v>0.90900000000000003</v>
      </c>
      <c r="U6002" s="2">
        <v>0.67600000000000005</v>
      </c>
      <c r="V6002" s="2">
        <v>10.6</v>
      </c>
      <c r="W6002" s="2">
        <v>59.9</v>
      </c>
      <c r="X6002" s="2">
        <v>7.6</v>
      </c>
      <c r="Y6002" s="2">
        <v>10.6</v>
      </c>
      <c r="Z6002" s="5"/>
      <c r="AA6002" s="5" t="s">
        <v>43</v>
      </c>
      <c r="AB6002" s="5" t="s">
        <v>44</v>
      </c>
      <c r="AC6002" s="2"/>
      <c r="AD6002" s="1"/>
    </row>
    <row r="6003" spans="1:30">
      <c r="A6003" s="5" t="s">
        <v>83578</v>
      </c>
      <c r="B6003" s="2" t="s">
        <v>102124</v>
      </c>
      <c r="C6003" s="14" t="s">
        <v>102125</v>
      </c>
      <c r="D6003" s="2" t="s">
        <v>102126</v>
      </c>
      <c r="E6003" s="2" t="s">
        <v>7528</v>
      </c>
      <c r="F6003" s="8">
        <v>80</v>
      </c>
      <c r="G6003" s="5">
        <v>6</v>
      </c>
      <c r="H6003" s="5" t="s">
        <v>1518</v>
      </c>
      <c r="I6003" s="5" t="s">
        <v>69038</v>
      </c>
      <c r="J6003" s="2" t="s">
        <v>69039</v>
      </c>
      <c r="K6003" s="5" t="s">
        <v>69038</v>
      </c>
      <c r="L6003" s="2" t="s">
        <v>69039</v>
      </c>
      <c r="M6003" s="5" t="s">
        <v>1521</v>
      </c>
      <c r="N6003" s="5" t="s">
        <v>38</v>
      </c>
      <c r="O6003" s="5" t="s">
        <v>39</v>
      </c>
      <c r="P6003" s="5" t="s">
        <v>40</v>
      </c>
      <c r="Q6003" s="5" t="s">
        <v>1522</v>
      </c>
      <c r="R6003" s="5" t="s">
        <v>1523</v>
      </c>
      <c r="S6003" s="5" t="s">
        <v>42</v>
      </c>
      <c r="T6003" s="2">
        <v>0.90900000000000003</v>
      </c>
      <c r="U6003" s="2">
        <v>0.67600000000000005</v>
      </c>
      <c r="V6003" s="2">
        <v>10.6</v>
      </c>
      <c r="W6003" s="2">
        <v>59.9</v>
      </c>
      <c r="X6003" s="2">
        <v>7.6</v>
      </c>
      <c r="Y6003" s="2">
        <v>10.6</v>
      </c>
      <c r="Z6003" s="5"/>
      <c r="AA6003" s="5" t="s">
        <v>43</v>
      </c>
      <c r="AB6003" s="5" t="s">
        <v>44</v>
      </c>
      <c r="AC6003" s="2"/>
      <c r="AD6003" s="1"/>
    </row>
    <row r="6004" spans="1:30">
      <c r="A6004" s="5" t="s">
        <v>83578</v>
      </c>
      <c r="B6004" s="2" t="s">
        <v>102127</v>
      </c>
      <c r="C6004" s="14" t="s">
        <v>102128</v>
      </c>
      <c r="D6004" s="2" t="s">
        <v>102129</v>
      </c>
      <c r="E6004" s="2" t="s">
        <v>7551</v>
      </c>
      <c r="F6004" s="8">
        <v>105</v>
      </c>
      <c r="G6004" s="5">
        <v>6</v>
      </c>
      <c r="H6004" s="5" t="s">
        <v>1518</v>
      </c>
      <c r="I6004" s="5" t="s">
        <v>69038</v>
      </c>
      <c r="J6004" s="2" t="s">
        <v>69039</v>
      </c>
      <c r="K6004" s="5" t="s">
        <v>69038</v>
      </c>
      <c r="L6004" s="2" t="s">
        <v>69039</v>
      </c>
      <c r="M6004" s="5" t="s">
        <v>1521</v>
      </c>
      <c r="N6004" s="5" t="s">
        <v>38</v>
      </c>
      <c r="O6004" s="5" t="s">
        <v>39</v>
      </c>
      <c r="P6004" s="5" t="s">
        <v>40</v>
      </c>
      <c r="Q6004" s="5" t="s">
        <v>1522</v>
      </c>
      <c r="R6004" s="5" t="s">
        <v>1523</v>
      </c>
      <c r="S6004" s="5" t="s">
        <v>42</v>
      </c>
      <c r="T6004" s="2">
        <v>1.038</v>
      </c>
      <c r="U6004" s="2">
        <v>0.78100000000000003</v>
      </c>
      <c r="V6004" s="2">
        <v>10.6</v>
      </c>
      <c r="W6004" s="2">
        <v>76.900000000000006</v>
      </c>
      <c r="X6004" s="2">
        <v>7.6</v>
      </c>
      <c r="Y6004" s="2">
        <v>10.6</v>
      </c>
      <c r="Z6004" s="5"/>
      <c r="AA6004" s="5" t="s">
        <v>43</v>
      </c>
      <c r="AB6004" s="5" t="s">
        <v>44</v>
      </c>
      <c r="AC6004" s="2"/>
      <c r="AD6004" s="1"/>
    </row>
    <row r="6005" spans="1:30">
      <c r="A6005" s="5" t="s">
        <v>83578</v>
      </c>
      <c r="B6005" s="2" t="s">
        <v>102130</v>
      </c>
      <c r="C6005" s="14" t="s">
        <v>102131</v>
      </c>
      <c r="D6005" s="2" t="s">
        <v>102132</v>
      </c>
      <c r="E6005" s="2" t="s">
        <v>7567</v>
      </c>
      <c r="F6005" s="8">
        <v>105</v>
      </c>
      <c r="G6005" s="5">
        <v>6</v>
      </c>
      <c r="H6005" s="5" t="s">
        <v>1518</v>
      </c>
      <c r="I6005" s="5" t="s">
        <v>69038</v>
      </c>
      <c r="J6005" s="2" t="s">
        <v>69039</v>
      </c>
      <c r="K6005" s="5" t="s">
        <v>69038</v>
      </c>
      <c r="L6005" s="2" t="s">
        <v>69039</v>
      </c>
      <c r="M6005" s="5" t="s">
        <v>1521</v>
      </c>
      <c r="N6005" s="5" t="s">
        <v>38</v>
      </c>
      <c r="O6005" s="5" t="s">
        <v>39</v>
      </c>
      <c r="P6005" s="5" t="s">
        <v>40</v>
      </c>
      <c r="Q6005" s="5" t="s">
        <v>1522</v>
      </c>
      <c r="R6005" s="5" t="s">
        <v>1523</v>
      </c>
      <c r="S6005" s="5" t="s">
        <v>42</v>
      </c>
      <c r="T6005" s="2">
        <v>1.038</v>
      </c>
      <c r="U6005" s="2">
        <v>0.78100000000000003</v>
      </c>
      <c r="V6005" s="2">
        <v>10.6</v>
      </c>
      <c r="W6005" s="2">
        <v>76.900000000000006</v>
      </c>
      <c r="X6005" s="2">
        <v>7.6</v>
      </c>
      <c r="Y6005" s="2">
        <v>10.6</v>
      </c>
      <c r="Z6005" s="5"/>
      <c r="AA6005" s="5" t="s">
        <v>43</v>
      </c>
      <c r="AB6005" s="5" t="s">
        <v>44</v>
      </c>
      <c r="AC6005" s="2"/>
      <c r="AD6005" s="1"/>
    </row>
    <row r="6006" spans="1:30">
      <c r="A6006" s="5" t="s">
        <v>83578</v>
      </c>
      <c r="B6006" s="2" t="s">
        <v>102133</v>
      </c>
      <c r="C6006" s="14" t="s">
        <v>102134</v>
      </c>
      <c r="D6006" s="2" t="s">
        <v>102135</v>
      </c>
      <c r="E6006" s="2" t="s">
        <v>7559</v>
      </c>
      <c r="F6006" s="8">
        <v>105</v>
      </c>
      <c r="G6006" s="5">
        <v>6</v>
      </c>
      <c r="H6006" s="5" t="s">
        <v>1518</v>
      </c>
      <c r="I6006" s="5" t="s">
        <v>69038</v>
      </c>
      <c r="J6006" s="2" t="s">
        <v>69039</v>
      </c>
      <c r="K6006" s="5" t="s">
        <v>69038</v>
      </c>
      <c r="L6006" s="2" t="s">
        <v>69039</v>
      </c>
      <c r="M6006" s="5" t="s">
        <v>1521</v>
      </c>
      <c r="N6006" s="5" t="s">
        <v>38</v>
      </c>
      <c r="O6006" s="5" t="s">
        <v>39</v>
      </c>
      <c r="P6006" s="5" t="s">
        <v>40</v>
      </c>
      <c r="Q6006" s="5" t="s">
        <v>1522</v>
      </c>
      <c r="R6006" s="5" t="s">
        <v>1523</v>
      </c>
      <c r="S6006" s="5" t="s">
        <v>42</v>
      </c>
      <c r="T6006" s="2">
        <v>1.038</v>
      </c>
      <c r="U6006" s="2">
        <v>0.78100000000000003</v>
      </c>
      <c r="V6006" s="2">
        <v>10.6</v>
      </c>
      <c r="W6006" s="2">
        <v>76.900000000000006</v>
      </c>
      <c r="X6006" s="2">
        <v>7.6</v>
      </c>
      <c r="Y6006" s="2">
        <v>10.6</v>
      </c>
      <c r="Z6006" s="5"/>
      <c r="AA6006" s="5" t="s">
        <v>43</v>
      </c>
      <c r="AB6006" s="5" t="s">
        <v>44</v>
      </c>
      <c r="AC6006" s="2"/>
      <c r="AD6006" s="1"/>
    </row>
    <row r="6007" spans="1:30">
      <c r="A6007" s="5" t="s">
        <v>83578</v>
      </c>
      <c r="B6007" s="2" t="s">
        <v>102136</v>
      </c>
      <c r="C6007" s="14" t="s">
        <v>102137</v>
      </c>
      <c r="D6007" s="2" t="s">
        <v>102138</v>
      </c>
      <c r="E6007" s="2" t="s">
        <v>7429</v>
      </c>
      <c r="F6007" s="8">
        <v>105</v>
      </c>
      <c r="G6007" s="5">
        <v>6</v>
      </c>
      <c r="H6007" s="5" t="s">
        <v>1518</v>
      </c>
      <c r="I6007" s="5" t="s">
        <v>69038</v>
      </c>
      <c r="J6007" s="2" t="s">
        <v>69039</v>
      </c>
      <c r="K6007" s="5" t="s">
        <v>69038</v>
      </c>
      <c r="L6007" s="2" t="s">
        <v>69039</v>
      </c>
      <c r="M6007" s="5" t="s">
        <v>1521</v>
      </c>
      <c r="N6007" s="5" t="s">
        <v>38</v>
      </c>
      <c r="O6007" s="5" t="s">
        <v>39</v>
      </c>
      <c r="P6007" s="5" t="s">
        <v>40</v>
      </c>
      <c r="Q6007" s="5" t="s">
        <v>1522</v>
      </c>
      <c r="R6007" s="5" t="s">
        <v>1523</v>
      </c>
      <c r="S6007" s="5" t="s">
        <v>42</v>
      </c>
      <c r="T6007" s="2">
        <v>0.99099999999999999</v>
      </c>
      <c r="U6007" s="2">
        <v>0.73399999999999999</v>
      </c>
      <c r="V6007" s="2">
        <v>10.6</v>
      </c>
      <c r="W6007" s="2">
        <v>76.900000000000006</v>
      </c>
      <c r="X6007" s="2">
        <v>7.6</v>
      </c>
      <c r="Y6007" s="2">
        <v>10.6</v>
      </c>
      <c r="Z6007" s="5"/>
      <c r="AA6007" s="5" t="s">
        <v>43</v>
      </c>
      <c r="AB6007" s="5" t="s">
        <v>44</v>
      </c>
      <c r="AC6007" s="2"/>
      <c r="AD6007" s="1"/>
    </row>
    <row r="6008" spans="1:30">
      <c r="A6008" s="5" t="s">
        <v>83578</v>
      </c>
      <c r="B6008" s="2" t="s">
        <v>102139</v>
      </c>
      <c r="C6008" s="14" t="s">
        <v>102140</v>
      </c>
      <c r="D6008" s="2" t="s">
        <v>102141</v>
      </c>
      <c r="E6008" s="2" t="s">
        <v>7574</v>
      </c>
      <c r="F6008" s="8">
        <v>105</v>
      </c>
      <c r="G6008" s="5">
        <v>6</v>
      </c>
      <c r="H6008" s="5" t="s">
        <v>1518</v>
      </c>
      <c r="I6008" s="5" t="s">
        <v>69038</v>
      </c>
      <c r="J6008" s="2" t="s">
        <v>69039</v>
      </c>
      <c r="K6008" s="5" t="s">
        <v>69038</v>
      </c>
      <c r="L6008" s="2" t="s">
        <v>69039</v>
      </c>
      <c r="M6008" s="5" t="s">
        <v>1521</v>
      </c>
      <c r="N6008" s="5" t="s">
        <v>38</v>
      </c>
      <c r="O6008" s="5" t="s">
        <v>39</v>
      </c>
      <c r="P6008" s="5" t="s">
        <v>40</v>
      </c>
      <c r="Q6008" s="5" t="s">
        <v>1522</v>
      </c>
      <c r="R6008" s="5" t="s">
        <v>1523</v>
      </c>
      <c r="S6008" s="5" t="s">
        <v>42</v>
      </c>
      <c r="T6008" s="2">
        <v>1.038</v>
      </c>
      <c r="U6008" s="2">
        <v>0.78100000000000003</v>
      </c>
      <c r="V6008" s="2">
        <v>10.6</v>
      </c>
      <c r="W6008" s="2">
        <v>76.900000000000006</v>
      </c>
      <c r="X6008" s="2">
        <v>7.6</v>
      </c>
      <c r="Y6008" s="2">
        <v>10.6</v>
      </c>
      <c r="Z6008" s="5"/>
      <c r="AA6008" s="5" t="s">
        <v>43</v>
      </c>
      <c r="AB6008" s="5" t="s">
        <v>44</v>
      </c>
      <c r="AC6008" s="2"/>
      <c r="AD6008" s="1"/>
    </row>
    <row r="6009" spans="1:30">
      <c r="A6009" s="5" t="s">
        <v>83578</v>
      </c>
      <c r="B6009" s="2" t="s">
        <v>102142</v>
      </c>
      <c r="C6009" s="14" t="s">
        <v>102143</v>
      </c>
      <c r="D6009" s="2" t="s">
        <v>102144</v>
      </c>
      <c r="E6009" s="2" t="s">
        <v>7585</v>
      </c>
      <c r="F6009" s="8">
        <v>105</v>
      </c>
      <c r="G6009" s="5">
        <v>6</v>
      </c>
      <c r="H6009" s="5" t="s">
        <v>1518</v>
      </c>
      <c r="I6009" s="5" t="s">
        <v>69038</v>
      </c>
      <c r="J6009" s="2" t="s">
        <v>69039</v>
      </c>
      <c r="K6009" s="5" t="s">
        <v>69038</v>
      </c>
      <c r="L6009" s="2" t="s">
        <v>69039</v>
      </c>
      <c r="M6009" s="5" t="s">
        <v>1521</v>
      </c>
      <c r="N6009" s="5" t="s">
        <v>38</v>
      </c>
      <c r="O6009" s="5" t="s">
        <v>39</v>
      </c>
      <c r="P6009" s="5" t="s">
        <v>40</v>
      </c>
      <c r="Q6009" s="5" t="s">
        <v>1522</v>
      </c>
      <c r="R6009" s="5" t="s">
        <v>1523</v>
      </c>
      <c r="S6009" s="5" t="s">
        <v>42</v>
      </c>
      <c r="T6009" s="2">
        <v>0.99099999999999999</v>
      </c>
      <c r="U6009" s="2">
        <v>0.73399999999999999</v>
      </c>
      <c r="V6009" s="2">
        <v>10.6</v>
      </c>
      <c r="W6009" s="2">
        <v>76.900000000000006</v>
      </c>
      <c r="X6009" s="2">
        <v>7.6</v>
      </c>
      <c r="Y6009" s="2">
        <v>10.6</v>
      </c>
      <c r="Z6009" s="5"/>
      <c r="AA6009" s="5" t="s">
        <v>43</v>
      </c>
      <c r="AB6009" s="5" t="s">
        <v>44</v>
      </c>
      <c r="AC6009" s="2"/>
      <c r="AD6009" s="1"/>
    </row>
    <row r="6010" spans="1:30">
      <c r="A6010" s="5" t="s">
        <v>83578</v>
      </c>
      <c r="B6010" s="2" t="s">
        <v>102145</v>
      </c>
      <c r="C6010" s="14" t="s">
        <v>102146</v>
      </c>
      <c r="D6010" s="2" t="s">
        <v>102147</v>
      </c>
      <c r="E6010" s="2" t="s">
        <v>7589</v>
      </c>
      <c r="F6010" s="8">
        <v>105</v>
      </c>
      <c r="G6010" s="5">
        <v>6</v>
      </c>
      <c r="H6010" s="5" t="s">
        <v>1518</v>
      </c>
      <c r="I6010" s="5" t="s">
        <v>69038</v>
      </c>
      <c r="J6010" s="2" t="s">
        <v>69039</v>
      </c>
      <c r="K6010" s="5" t="s">
        <v>69038</v>
      </c>
      <c r="L6010" s="2" t="s">
        <v>69039</v>
      </c>
      <c r="M6010" s="5" t="s">
        <v>1521</v>
      </c>
      <c r="N6010" s="5" t="s">
        <v>38</v>
      </c>
      <c r="O6010" s="5" t="s">
        <v>39</v>
      </c>
      <c r="P6010" s="5" t="s">
        <v>40</v>
      </c>
      <c r="Q6010" s="5" t="s">
        <v>1522</v>
      </c>
      <c r="R6010" s="5" t="s">
        <v>1523</v>
      </c>
      <c r="S6010" s="5" t="s">
        <v>42</v>
      </c>
      <c r="T6010" s="2">
        <v>1.038</v>
      </c>
      <c r="U6010" s="2">
        <v>0.78100000000000003</v>
      </c>
      <c r="V6010" s="2">
        <v>10.6</v>
      </c>
      <c r="W6010" s="2">
        <v>76.900000000000006</v>
      </c>
      <c r="X6010" s="2">
        <v>7.6</v>
      </c>
      <c r="Y6010" s="2">
        <v>10.6</v>
      </c>
      <c r="Z6010" s="5"/>
      <c r="AA6010" s="5" t="s">
        <v>43</v>
      </c>
      <c r="AB6010" s="5" t="s">
        <v>44</v>
      </c>
      <c r="AC6010" s="2"/>
      <c r="AD6010" s="1"/>
    </row>
    <row r="6011" spans="1:30">
      <c r="A6011" s="5" t="s">
        <v>83578</v>
      </c>
      <c r="B6011" s="2" t="s">
        <v>102148</v>
      </c>
      <c r="C6011" s="14" t="s">
        <v>102149</v>
      </c>
      <c r="D6011" s="2" t="s">
        <v>102150</v>
      </c>
      <c r="E6011" s="2" t="s">
        <v>7597</v>
      </c>
      <c r="F6011" s="8">
        <v>105</v>
      </c>
      <c r="G6011" s="5">
        <v>6</v>
      </c>
      <c r="H6011" s="5" t="s">
        <v>1518</v>
      </c>
      <c r="I6011" s="5" t="s">
        <v>69038</v>
      </c>
      <c r="J6011" s="2" t="s">
        <v>69039</v>
      </c>
      <c r="K6011" s="5" t="s">
        <v>69038</v>
      </c>
      <c r="L6011" s="2" t="s">
        <v>69039</v>
      </c>
      <c r="M6011" s="5" t="s">
        <v>1521</v>
      </c>
      <c r="N6011" s="5" t="s">
        <v>38</v>
      </c>
      <c r="O6011" s="5" t="s">
        <v>39</v>
      </c>
      <c r="P6011" s="5" t="s">
        <v>40</v>
      </c>
      <c r="Q6011" s="5" t="s">
        <v>1522</v>
      </c>
      <c r="R6011" s="5" t="s">
        <v>1523</v>
      </c>
      <c r="S6011" s="5" t="s">
        <v>42</v>
      </c>
      <c r="T6011" s="2">
        <v>1.038</v>
      </c>
      <c r="U6011" s="2">
        <v>0.78100000000000003</v>
      </c>
      <c r="V6011" s="2">
        <v>10.6</v>
      </c>
      <c r="W6011" s="2">
        <v>76.900000000000006</v>
      </c>
      <c r="X6011" s="2">
        <v>7.6</v>
      </c>
      <c r="Y6011" s="2">
        <v>10.6</v>
      </c>
      <c r="Z6011" s="5"/>
      <c r="AA6011" s="5" t="s">
        <v>43</v>
      </c>
      <c r="AB6011" s="5" t="s">
        <v>44</v>
      </c>
      <c r="AC6011" s="2"/>
      <c r="AD6011" s="1"/>
    </row>
    <row r="6012" spans="1:30">
      <c r="A6012" s="5" t="s">
        <v>83578</v>
      </c>
      <c r="B6012" s="2" t="s">
        <v>102151</v>
      </c>
      <c r="C6012" s="14" t="s">
        <v>102152</v>
      </c>
      <c r="D6012" s="2" t="s">
        <v>102153</v>
      </c>
      <c r="E6012" s="2" t="s">
        <v>7604</v>
      </c>
      <c r="F6012" s="8">
        <v>105</v>
      </c>
      <c r="G6012" s="5">
        <v>6</v>
      </c>
      <c r="H6012" s="5" t="s">
        <v>1518</v>
      </c>
      <c r="I6012" s="5" t="s">
        <v>69038</v>
      </c>
      <c r="J6012" s="2" t="s">
        <v>69039</v>
      </c>
      <c r="K6012" s="5" t="s">
        <v>69038</v>
      </c>
      <c r="L6012" s="2" t="s">
        <v>69039</v>
      </c>
      <c r="M6012" s="5" t="s">
        <v>1521</v>
      </c>
      <c r="N6012" s="5" t="s">
        <v>38</v>
      </c>
      <c r="O6012" s="5" t="s">
        <v>39</v>
      </c>
      <c r="P6012" s="5" t="s">
        <v>40</v>
      </c>
      <c r="Q6012" s="5" t="s">
        <v>1522</v>
      </c>
      <c r="R6012" s="5" t="s">
        <v>1523</v>
      </c>
      <c r="S6012" s="5" t="s">
        <v>42</v>
      </c>
      <c r="T6012" s="2">
        <v>1.038</v>
      </c>
      <c r="U6012" s="2">
        <v>0.78100000000000003</v>
      </c>
      <c r="V6012" s="2">
        <v>10.6</v>
      </c>
      <c r="W6012" s="2">
        <v>76.900000000000006</v>
      </c>
      <c r="X6012" s="2">
        <v>7.6</v>
      </c>
      <c r="Y6012" s="2">
        <v>10.6</v>
      </c>
      <c r="Z6012" s="5"/>
      <c r="AA6012" s="5" t="s">
        <v>43</v>
      </c>
      <c r="AB6012" s="5" t="s">
        <v>44</v>
      </c>
      <c r="AC6012" s="2"/>
      <c r="AD6012" s="1"/>
    </row>
    <row r="6013" spans="1:30">
      <c r="A6013" s="5" t="s">
        <v>83578</v>
      </c>
      <c r="B6013" s="2" t="s">
        <v>102154</v>
      </c>
      <c r="C6013" s="14" t="s">
        <v>102155</v>
      </c>
      <c r="D6013" s="2" t="s">
        <v>102156</v>
      </c>
      <c r="E6013" s="2" t="s">
        <v>7208</v>
      </c>
      <c r="F6013" s="8">
        <v>101</v>
      </c>
      <c r="G6013" s="5">
        <v>6</v>
      </c>
      <c r="H6013" s="5" t="s">
        <v>1518</v>
      </c>
      <c r="I6013" s="5" t="s">
        <v>69038</v>
      </c>
      <c r="J6013" s="2" t="s">
        <v>69039</v>
      </c>
      <c r="K6013" s="5" t="s">
        <v>69038</v>
      </c>
      <c r="L6013" s="2" t="s">
        <v>69039</v>
      </c>
      <c r="M6013" s="5" t="s">
        <v>1521</v>
      </c>
      <c r="N6013" s="5" t="s">
        <v>38</v>
      </c>
      <c r="O6013" s="5" t="s">
        <v>39</v>
      </c>
      <c r="P6013" s="5" t="s">
        <v>40</v>
      </c>
      <c r="Q6013" s="5" t="s">
        <v>1522</v>
      </c>
      <c r="R6013" s="5" t="s">
        <v>1523</v>
      </c>
      <c r="S6013" s="5" t="s">
        <v>42</v>
      </c>
      <c r="T6013" s="2">
        <v>1.1910000000000001</v>
      </c>
      <c r="U6013" s="2">
        <v>0.83</v>
      </c>
      <c r="V6013" s="2">
        <v>10.6</v>
      </c>
      <c r="W6013" s="2">
        <v>99.1</v>
      </c>
      <c r="X6013" s="2">
        <v>7.6</v>
      </c>
      <c r="Y6013" s="2">
        <v>10.6</v>
      </c>
      <c r="Z6013" s="5"/>
      <c r="AA6013" s="5" t="s">
        <v>43</v>
      </c>
      <c r="AB6013" s="5" t="s">
        <v>44</v>
      </c>
      <c r="AC6013" s="2"/>
      <c r="AD6013" s="1"/>
    </row>
    <row r="6014" spans="1:30">
      <c r="A6014" s="5" t="s">
        <v>83578</v>
      </c>
      <c r="B6014" s="2" t="s">
        <v>102157</v>
      </c>
      <c r="C6014" s="14" t="s">
        <v>102158</v>
      </c>
      <c r="D6014" s="2" t="s">
        <v>102159</v>
      </c>
      <c r="E6014" s="2" t="s">
        <v>7521</v>
      </c>
      <c r="F6014" s="8">
        <v>101</v>
      </c>
      <c r="G6014" s="5">
        <v>6</v>
      </c>
      <c r="H6014" s="5" t="s">
        <v>1518</v>
      </c>
      <c r="I6014" s="5" t="s">
        <v>69038</v>
      </c>
      <c r="J6014" s="2" t="s">
        <v>69039</v>
      </c>
      <c r="K6014" s="5" t="s">
        <v>69038</v>
      </c>
      <c r="L6014" s="2" t="s">
        <v>69039</v>
      </c>
      <c r="M6014" s="5" t="s">
        <v>1521</v>
      </c>
      <c r="N6014" s="5" t="s">
        <v>38</v>
      </c>
      <c r="O6014" s="5" t="s">
        <v>39</v>
      </c>
      <c r="P6014" s="5" t="s">
        <v>40</v>
      </c>
      <c r="Q6014" s="5" t="s">
        <v>1522</v>
      </c>
      <c r="R6014" s="5" t="s">
        <v>1523</v>
      </c>
      <c r="S6014" s="5" t="s">
        <v>42</v>
      </c>
      <c r="T6014" s="2">
        <v>1.248</v>
      </c>
      <c r="U6014" s="2">
        <v>0.88700000000000001</v>
      </c>
      <c r="V6014" s="2">
        <v>10.6</v>
      </c>
      <c r="W6014" s="2">
        <v>99.1</v>
      </c>
      <c r="X6014" s="2">
        <v>7.6</v>
      </c>
      <c r="Y6014" s="2">
        <v>10.6</v>
      </c>
      <c r="Z6014" s="5"/>
      <c r="AA6014" s="5" t="s">
        <v>43</v>
      </c>
      <c r="AB6014" s="5" t="s">
        <v>44</v>
      </c>
      <c r="AC6014" s="2"/>
      <c r="AD6014" s="1"/>
    </row>
    <row r="6015" spans="1:30">
      <c r="A6015" s="5" t="s">
        <v>83578</v>
      </c>
      <c r="B6015" s="2" t="s">
        <v>102160</v>
      </c>
      <c r="C6015" s="14" t="s">
        <v>102161</v>
      </c>
      <c r="D6015" s="2" t="s">
        <v>102162</v>
      </c>
      <c r="E6015" s="2" t="s">
        <v>7406</v>
      </c>
      <c r="F6015" s="8">
        <v>117</v>
      </c>
      <c r="G6015" s="5">
        <v>6</v>
      </c>
      <c r="H6015" s="5" t="s">
        <v>1518</v>
      </c>
      <c r="I6015" s="5" t="s">
        <v>69038</v>
      </c>
      <c r="J6015" s="2" t="s">
        <v>69039</v>
      </c>
      <c r="K6015" s="5" t="s">
        <v>69038</v>
      </c>
      <c r="L6015" s="2" t="s">
        <v>69039</v>
      </c>
      <c r="M6015" s="5" t="s">
        <v>1521</v>
      </c>
      <c r="N6015" s="5" t="s">
        <v>38</v>
      </c>
      <c r="O6015" s="5" t="s">
        <v>39</v>
      </c>
      <c r="P6015" s="5" t="s">
        <v>40</v>
      </c>
      <c r="Q6015" s="5" t="s">
        <v>1522</v>
      </c>
      <c r="R6015" s="5" t="s">
        <v>1523</v>
      </c>
      <c r="S6015" s="5" t="s">
        <v>42</v>
      </c>
      <c r="T6015" s="2">
        <v>1.1910000000000001</v>
      </c>
      <c r="U6015" s="2">
        <v>0.83</v>
      </c>
      <c r="V6015" s="2">
        <v>10.6</v>
      </c>
      <c r="W6015" s="2">
        <v>99.1</v>
      </c>
      <c r="X6015" s="2">
        <v>7.6</v>
      </c>
      <c r="Y6015" s="2">
        <v>10.6</v>
      </c>
      <c r="Z6015" s="5"/>
      <c r="AA6015" s="5" t="s">
        <v>43</v>
      </c>
      <c r="AB6015" s="5" t="s">
        <v>44</v>
      </c>
      <c r="AC6015" s="2"/>
      <c r="AD6015" s="1"/>
    </row>
    <row r="6016" spans="1:30">
      <c r="A6016" s="5" t="s">
        <v>83578</v>
      </c>
      <c r="B6016" s="2" t="s">
        <v>102163</v>
      </c>
      <c r="C6016" s="14" t="s">
        <v>102164</v>
      </c>
      <c r="D6016" s="2" t="s">
        <v>102165</v>
      </c>
      <c r="E6016" s="2" t="s">
        <v>7535</v>
      </c>
      <c r="F6016" s="8">
        <v>117</v>
      </c>
      <c r="G6016" s="5">
        <v>6</v>
      </c>
      <c r="H6016" s="5" t="s">
        <v>1518</v>
      </c>
      <c r="I6016" s="5" t="s">
        <v>69038</v>
      </c>
      <c r="J6016" s="2" t="s">
        <v>69039</v>
      </c>
      <c r="K6016" s="5" t="s">
        <v>69038</v>
      </c>
      <c r="L6016" s="2" t="s">
        <v>69039</v>
      </c>
      <c r="M6016" s="5" t="s">
        <v>1521</v>
      </c>
      <c r="N6016" s="5" t="s">
        <v>38</v>
      </c>
      <c r="O6016" s="5" t="s">
        <v>39</v>
      </c>
      <c r="P6016" s="5" t="s">
        <v>40</v>
      </c>
      <c r="Q6016" s="5" t="s">
        <v>1522</v>
      </c>
      <c r="R6016" s="5" t="s">
        <v>1523</v>
      </c>
      <c r="S6016" s="5" t="s">
        <v>42</v>
      </c>
      <c r="T6016" s="2">
        <v>1.248</v>
      </c>
      <c r="U6016" s="2">
        <v>0.88700000000000001</v>
      </c>
      <c r="V6016" s="2">
        <v>10.6</v>
      </c>
      <c r="W6016" s="2">
        <v>99.1</v>
      </c>
      <c r="X6016" s="2">
        <v>7.6</v>
      </c>
      <c r="Y6016" s="2">
        <v>10.6</v>
      </c>
      <c r="Z6016" s="5"/>
      <c r="AA6016" s="5" t="s">
        <v>43</v>
      </c>
      <c r="AB6016" s="5" t="s">
        <v>44</v>
      </c>
      <c r="AC6016" s="2"/>
      <c r="AD6016" s="1"/>
    </row>
    <row r="6017" spans="1:30">
      <c r="A6017" s="5" t="s">
        <v>83578</v>
      </c>
      <c r="B6017" s="2" t="s">
        <v>102166</v>
      </c>
      <c r="C6017" s="14" t="s">
        <v>102167</v>
      </c>
      <c r="D6017" s="2" t="s">
        <v>102168</v>
      </c>
      <c r="E6017" s="2" t="s">
        <v>7539</v>
      </c>
      <c r="F6017" s="8">
        <v>117</v>
      </c>
      <c r="G6017" s="5">
        <v>6</v>
      </c>
      <c r="H6017" s="5" t="s">
        <v>1518</v>
      </c>
      <c r="I6017" s="5" t="s">
        <v>69038</v>
      </c>
      <c r="J6017" s="2" t="s">
        <v>69039</v>
      </c>
      <c r="K6017" s="5" t="s">
        <v>69038</v>
      </c>
      <c r="L6017" s="2" t="s">
        <v>69039</v>
      </c>
      <c r="M6017" s="5" t="s">
        <v>1521</v>
      </c>
      <c r="N6017" s="5" t="s">
        <v>38</v>
      </c>
      <c r="O6017" s="5" t="s">
        <v>39</v>
      </c>
      <c r="P6017" s="5" t="s">
        <v>40</v>
      </c>
      <c r="Q6017" s="5" t="s">
        <v>1522</v>
      </c>
      <c r="R6017" s="5" t="s">
        <v>1523</v>
      </c>
      <c r="S6017" s="5" t="s">
        <v>42</v>
      </c>
      <c r="T6017" s="2">
        <v>1.1910000000000001</v>
      </c>
      <c r="U6017" s="2">
        <v>0.83</v>
      </c>
      <c r="V6017" s="2">
        <v>10.6</v>
      </c>
      <c r="W6017" s="2">
        <v>99.1</v>
      </c>
      <c r="X6017" s="2">
        <v>7.6</v>
      </c>
      <c r="Y6017" s="2">
        <v>10.6</v>
      </c>
      <c r="Z6017" s="5"/>
      <c r="AA6017" s="5" t="s">
        <v>43</v>
      </c>
      <c r="AB6017" s="5" t="s">
        <v>44</v>
      </c>
      <c r="AC6017" s="2"/>
      <c r="AD6017" s="1"/>
    </row>
    <row r="6018" spans="1:30">
      <c r="A6018" s="5" t="s">
        <v>83578</v>
      </c>
      <c r="B6018" s="2" t="s">
        <v>102169</v>
      </c>
      <c r="C6018" s="14" t="s">
        <v>102170</v>
      </c>
      <c r="D6018" s="2" t="s">
        <v>102171</v>
      </c>
      <c r="E6018" s="2" t="s">
        <v>7543</v>
      </c>
      <c r="F6018" s="8">
        <v>117</v>
      </c>
      <c r="G6018" s="5">
        <v>6</v>
      </c>
      <c r="H6018" s="5" t="s">
        <v>1518</v>
      </c>
      <c r="I6018" s="5" t="s">
        <v>69038</v>
      </c>
      <c r="J6018" s="2" t="s">
        <v>69039</v>
      </c>
      <c r="K6018" s="5" t="s">
        <v>69038</v>
      </c>
      <c r="L6018" s="2" t="s">
        <v>69039</v>
      </c>
      <c r="M6018" s="5" t="s">
        <v>1521</v>
      </c>
      <c r="N6018" s="5" t="s">
        <v>38</v>
      </c>
      <c r="O6018" s="5" t="s">
        <v>39</v>
      </c>
      <c r="P6018" s="5" t="s">
        <v>40</v>
      </c>
      <c r="Q6018" s="5" t="s">
        <v>1522</v>
      </c>
      <c r="R6018" s="5" t="s">
        <v>1523</v>
      </c>
      <c r="S6018" s="5" t="s">
        <v>42</v>
      </c>
      <c r="T6018" s="2">
        <v>1.248</v>
      </c>
      <c r="U6018" s="2">
        <v>0.88700000000000001</v>
      </c>
      <c r="V6018" s="2">
        <v>10.6</v>
      </c>
      <c r="W6018" s="2">
        <v>99.1</v>
      </c>
      <c r="X6018" s="2">
        <v>7.6</v>
      </c>
      <c r="Y6018" s="2">
        <v>10.6</v>
      </c>
      <c r="Z6018" s="5"/>
      <c r="AA6018" s="5" t="s">
        <v>43</v>
      </c>
      <c r="AB6018" s="5" t="s">
        <v>44</v>
      </c>
      <c r="AC6018" s="2"/>
      <c r="AD6018" s="1"/>
    </row>
    <row r="6019" spans="1:30">
      <c r="A6019" s="5" t="s">
        <v>83578</v>
      </c>
      <c r="B6019" s="2" t="s">
        <v>102172</v>
      </c>
      <c r="C6019" s="14" t="s">
        <v>102173</v>
      </c>
      <c r="D6019" s="2" t="s">
        <v>102174</v>
      </c>
      <c r="E6019" s="2" t="s">
        <v>7396</v>
      </c>
      <c r="F6019" s="8">
        <v>101</v>
      </c>
      <c r="G6019" s="5">
        <v>6</v>
      </c>
      <c r="H6019" s="5" t="s">
        <v>1518</v>
      </c>
      <c r="I6019" s="5" t="s">
        <v>69038</v>
      </c>
      <c r="J6019" s="2" t="s">
        <v>69039</v>
      </c>
      <c r="K6019" s="5" t="s">
        <v>69038</v>
      </c>
      <c r="L6019" s="2" t="s">
        <v>69039</v>
      </c>
      <c r="M6019" s="5" t="s">
        <v>1521</v>
      </c>
      <c r="N6019" s="5" t="s">
        <v>38</v>
      </c>
      <c r="O6019" s="5" t="s">
        <v>39</v>
      </c>
      <c r="P6019" s="5" t="s">
        <v>40</v>
      </c>
      <c r="Q6019" s="5" t="s">
        <v>1522</v>
      </c>
      <c r="R6019" s="5" t="s">
        <v>1523</v>
      </c>
      <c r="S6019" s="5" t="s">
        <v>42</v>
      </c>
      <c r="T6019" s="2">
        <v>1.1910000000000001</v>
      </c>
      <c r="U6019" s="2">
        <v>0.83</v>
      </c>
      <c r="V6019" s="2">
        <v>10.6</v>
      </c>
      <c r="W6019" s="2">
        <v>99.1</v>
      </c>
      <c r="X6019" s="2">
        <v>7.6</v>
      </c>
      <c r="Y6019" s="2">
        <v>10.6</v>
      </c>
      <c r="Z6019" s="5"/>
      <c r="AA6019" s="5" t="s">
        <v>43</v>
      </c>
      <c r="AB6019" s="5" t="s">
        <v>44</v>
      </c>
      <c r="AC6019" s="2"/>
      <c r="AD6019" s="1"/>
    </row>
    <row r="6020" spans="1:30">
      <c r="A6020" s="5" t="s">
        <v>83578</v>
      </c>
      <c r="B6020" s="2" t="s">
        <v>102175</v>
      </c>
      <c r="C6020" s="14" t="s">
        <v>102176</v>
      </c>
      <c r="D6020" s="2" t="s">
        <v>102177</v>
      </c>
      <c r="E6020" s="2" t="s">
        <v>69112</v>
      </c>
      <c r="F6020" s="8">
        <v>101</v>
      </c>
      <c r="G6020" s="5">
        <v>6</v>
      </c>
      <c r="H6020" s="5" t="s">
        <v>1518</v>
      </c>
      <c r="I6020" s="5" t="s">
        <v>69038</v>
      </c>
      <c r="J6020" s="2" t="s">
        <v>69039</v>
      </c>
      <c r="K6020" s="5" t="s">
        <v>69038</v>
      </c>
      <c r="L6020" s="2" t="s">
        <v>69039</v>
      </c>
      <c r="M6020" s="5" t="s">
        <v>1521</v>
      </c>
      <c r="N6020" s="5" t="s">
        <v>38</v>
      </c>
      <c r="O6020" s="5" t="s">
        <v>39</v>
      </c>
      <c r="P6020" s="5" t="s">
        <v>40</v>
      </c>
      <c r="Q6020" s="5" t="s">
        <v>1522</v>
      </c>
      <c r="R6020" s="5" t="s">
        <v>1523</v>
      </c>
      <c r="S6020" s="5" t="s">
        <v>42</v>
      </c>
      <c r="T6020" s="2">
        <v>1.248</v>
      </c>
      <c r="U6020" s="2">
        <v>0.88700000000000001</v>
      </c>
      <c r="V6020" s="2">
        <v>10.6</v>
      </c>
      <c r="W6020" s="2">
        <v>99.1</v>
      </c>
      <c r="X6020" s="2">
        <v>7.6</v>
      </c>
      <c r="Y6020" s="2">
        <v>10.6</v>
      </c>
      <c r="Z6020" s="5"/>
      <c r="AA6020" s="5" t="s">
        <v>43</v>
      </c>
      <c r="AB6020" s="5" t="s">
        <v>44</v>
      </c>
      <c r="AC6020" s="2"/>
      <c r="AD6020" s="1"/>
    </row>
    <row r="6021" spans="1:30">
      <c r="A6021" s="5" t="s">
        <v>83578</v>
      </c>
      <c r="B6021" s="2" t="s">
        <v>102178</v>
      </c>
      <c r="C6021" s="14" t="s">
        <v>102179</v>
      </c>
      <c r="D6021" s="2" t="s">
        <v>102180</v>
      </c>
      <c r="E6021" s="2" t="s">
        <v>7547</v>
      </c>
      <c r="F6021" s="8">
        <v>117</v>
      </c>
      <c r="G6021" s="5">
        <v>6</v>
      </c>
      <c r="H6021" s="5" t="s">
        <v>1518</v>
      </c>
      <c r="I6021" s="5" t="s">
        <v>69038</v>
      </c>
      <c r="J6021" s="2" t="s">
        <v>69039</v>
      </c>
      <c r="K6021" s="5" t="s">
        <v>69038</v>
      </c>
      <c r="L6021" s="2" t="s">
        <v>69039</v>
      </c>
      <c r="M6021" s="5" t="s">
        <v>1521</v>
      </c>
      <c r="N6021" s="5" t="s">
        <v>38</v>
      </c>
      <c r="O6021" s="5" t="s">
        <v>39</v>
      </c>
      <c r="P6021" s="5" t="s">
        <v>40</v>
      </c>
      <c r="Q6021" s="5" t="s">
        <v>1522</v>
      </c>
      <c r="R6021" s="5" t="s">
        <v>1523</v>
      </c>
      <c r="S6021" s="5" t="s">
        <v>42</v>
      </c>
      <c r="T6021" s="2">
        <v>1.1910000000000001</v>
      </c>
      <c r="U6021" s="2">
        <v>0.83</v>
      </c>
      <c r="V6021" s="2">
        <v>10.6</v>
      </c>
      <c r="W6021" s="2">
        <v>99.1</v>
      </c>
      <c r="X6021" s="2">
        <v>7.6</v>
      </c>
      <c r="Y6021" s="2">
        <v>10.6</v>
      </c>
      <c r="Z6021" s="5"/>
      <c r="AA6021" s="5" t="s">
        <v>43</v>
      </c>
      <c r="AB6021" s="5" t="s">
        <v>44</v>
      </c>
      <c r="AC6021" s="2"/>
      <c r="AD6021" s="1"/>
    </row>
    <row r="6022" spans="1:30">
      <c r="A6022" s="5" t="s">
        <v>83578</v>
      </c>
      <c r="B6022" s="2" t="s">
        <v>102181</v>
      </c>
      <c r="C6022" s="14" t="s">
        <v>102182</v>
      </c>
      <c r="D6022" s="2" t="s">
        <v>102183</v>
      </c>
      <c r="E6022" s="2" t="s">
        <v>7551</v>
      </c>
      <c r="F6022" s="8">
        <v>117</v>
      </c>
      <c r="G6022" s="5">
        <v>6</v>
      </c>
      <c r="H6022" s="5" t="s">
        <v>1518</v>
      </c>
      <c r="I6022" s="5" t="s">
        <v>69038</v>
      </c>
      <c r="J6022" s="2" t="s">
        <v>69039</v>
      </c>
      <c r="K6022" s="5" t="s">
        <v>69038</v>
      </c>
      <c r="L6022" s="2" t="s">
        <v>69039</v>
      </c>
      <c r="M6022" s="5" t="s">
        <v>1521</v>
      </c>
      <c r="N6022" s="5" t="s">
        <v>38</v>
      </c>
      <c r="O6022" s="5" t="s">
        <v>39</v>
      </c>
      <c r="P6022" s="5" t="s">
        <v>40</v>
      </c>
      <c r="Q6022" s="5" t="s">
        <v>1522</v>
      </c>
      <c r="R6022" s="5" t="s">
        <v>1523</v>
      </c>
      <c r="S6022" s="5" t="s">
        <v>42</v>
      </c>
      <c r="T6022" s="2">
        <v>1.248</v>
      </c>
      <c r="U6022" s="2">
        <v>0.88700000000000001</v>
      </c>
      <c r="V6022" s="2">
        <v>10.6</v>
      </c>
      <c r="W6022" s="2">
        <v>99.1</v>
      </c>
      <c r="X6022" s="2">
        <v>7.6</v>
      </c>
      <c r="Y6022" s="2">
        <v>10.6</v>
      </c>
      <c r="Z6022" s="5"/>
      <c r="AA6022" s="5" t="s">
        <v>43</v>
      </c>
      <c r="AB6022" s="5" t="s">
        <v>44</v>
      </c>
      <c r="AC6022" s="2"/>
      <c r="AD6022" s="1"/>
    </row>
    <row r="6023" spans="1:30">
      <c r="A6023" s="5" t="s">
        <v>83578</v>
      </c>
      <c r="B6023" s="2" t="s">
        <v>102184</v>
      </c>
      <c r="C6023" s="14" t="s">
        <v>102185</v>
      </c>
      <c r="D6023" s="2" t="s">
        <v>102186</v>
      </c>
      <c r="E6023" s="2" t="s">
        <v>7563</v>
      </c>
      <c r="F6023" s="8">
        <v>117</v>
      </c>
      <c r="G6023" s="5">
        <v>6</v>
      </c>
      <c r="H6023" s="5" t="s">
        <v>1518</v>
      </c>
      <c r="I6023" s="5" t="s">
        <v>69038</v>
      </c>
      <c r="J6023" s="2" t="s">
        <v>69039</v>
      </c>
      <c r="K6023" s="5" t="s">
        <v>69038</v>
      </c>
      <c r="L6023" s="2" t="s">
        <v>69039</v>
      </c>
      <c r="M6023" s="5" t="s">
        <v>1521</v>
      </c>
      <c r="N6023" s="5" t="s">
        <v>38</v>
      </c>
      <c r="O6023" s="5" t="s">
        <v>39</v>
      </c>
      <c r="P6023" s="5" t="s">
        <v>40</v>
      </c>
      <c r="Q6023" s="5" t="s">
        <v>1522</v>
      </c>
      <c r="R6023" s="5" t="s">
        <v>1523</v>
      </c>
      <c r="S6023" s="5" t="s">
        <v>42</v>
      </c>
      <c r="T6023" s="2">
        <v>1.1910000000000001</v>
      </c>
      <c r="U6023" s="2">
        <v>0.83</v>
      </c>
      <c r="V6023" s="2">
        <v>10.6</v>
      </c>
      <c r="W6023" s="2">
        <v>99.1</v>
      </c>
      <c r="X6023" s="2">
        <v>7.6</v>
      </c>
      <c r="Y6023" s="2">
        <v>10.6</v>
      </c>
      <c r="Z6023" s="5"/>
      <c r="AA6023" s="5" t="s">
        <v>43</v>
      </c>
      <c r="AB6023" s="5" t="s">
        <v>44</v>
      </c>
      <c r="AC6023" s="2"/>
      <c r="AD6023" s="1"/>
    </row>
    <row r="6024" spans="1:30">
      <c r="A6024" s="5" t="s">
        <v>83578</v>
      </c>
      <c r="B6024" s="2" t="s">
        <v>102187</v>
      </c>
      <c r="C6024" s="14" t="s">
        <v>102188</v>
      </c>
      <c r="D6024" s="2" t="s">
        <v>102189</v>
      </c>
      <c r="E6024" s="2" t="s">
        <v>7567</v>
      </c>
      <c r="F6024" s="8">
        <v>117</v>
      </c>
      <c r="G6024" s="5">
        <v>6</v>
      </c>
      <c r="H6024" s="5" t="s">
        <v>1518</v>
      </c>
      <c r="I6024" s="5" t="s">
        <v>69038</v>
      </c>
      <c r="J6024" s="2" t="s">
        <v>69039</v>
      </c>
      <c r="K6024" s="5" t="s">
        <v>69038</v>
      </c>
      <c r="L6024" s="2" t="s">
        <v>69039</v>
      </c>
      <c r="M6024" s="5" t="s">
        <v>1521</v>
      </c>
      <c r="N6024" s="5" t="s">
        <v>38</v>
      </c>
      <c r="O6024" s="5" t="s">
        <v>39</v>
      </c>
      <c r="P6024" s="5" t="s">
        <v>40</v>
      </c>
      <c r="Q6024" s="5" t="s">
        <v>1522</v>
      </c>
      <c r="R6024" s="5" t="s">
        <v>1523</v>
      </c>
      <c r="S6024" s="5" t="s">
        <v>42</v>
      </c>
      <c r="T6024" s="2">
        <v>1.248</v>
      </c>
      <c r="U6024" s="2">
        <v>0.88700000000000001</v>
      </c>
      <c r="V6024" s="2">
        <v>10.6</v>
      </c>
      <c r="W6024" s="2">
        <v>99.1</v>
      </c>
      <c r="X6024" s="2">
        <v>7.6</v>
      </c>
      <c r="Y6024" s="2">
        <v>10.6</v>
      </c>
      <c r="Z6024" s="5"/>
      <c r="AA6024" s="5" t="s">
        <v>43</v>
      </c>
      <c r="AB6024" s="5" t="s">
        <v>44</v>
      </c>
      <c r="AC6024" s="2"/>
      <c r="AD6024" s="1"/>
    </row>
    <row r="6025" spans="1:30">
      <c r="A6025" s="5" t="s">
        <v>83578</v>
      </c>
      <c r="B6025" s="2" t="s">
        <v>102190</v>
      </c>
      <c r="C6025" s="14" t="s">
        <v>102191</v>
      </c>
      <c r="D6025" s="2" t="s">
        <v>102192</v>
      </c>
      <c r="E6025" s="2" t="s">
        <v>7555</v>
      </c>
      <c r="F6025" s="8">
        <v>117</v>
      </c>
      <c r="G6025" s="5">
        <v>6</v>
      </c>
      <c r="H6025" s="5" t="s">
        <v>1518</v>
      </c>
      <c r="I6025" s="5" t="s">
        <v>69038</v>
      </c>
      <c r="J6025" s="2" t="s">
        <v>69039</v>
      </c>
      <c r="K6025" s="5" t="s">
        <v>69038</v>
      </c>
      <c r="L6025" s="2" t="s">
        <v>69039</v>
      </c>
      <c r="M6025" s="5" t="s">
        <v>1521</v>
      </c>
      <c r="N6025" s="5" t="s">
        <v>38</v>
      </c>
      <c r="O6025" s="5" t="s">
        <v>39</v>
      </c>
      <c r="P6025" s="5" t="s">
        <v>40</v>
      </c>
      <c r="Q6025" s="5" t="s">
        <v>1522</v>
      </c>
      <c r="R6025" s="5" t="s">
        <v>1523</v>
      </c>
      <c r="S6025" s="5" t="s">
        <v>42</v>
      </c>
      <c r="T6025" s="2">
        <v>1.1910000000000001</v>
      </c>
      <c r="U6025" s="2">
        <v>0.83</v>
      </c>
      <c r="V6025" s="2">
        <v>10.6</v>
      </c>
      <c r="W6025" s="2">
        <v>99.1</v>
      </c>
      <c r="X6025" s="2">
        <v>7.6</v>
      </c>
      <c r="Y6025" s="2">
        <v>10.6</v>
      </c>
      <c r="Z6025" s="5"/>
      <c r="AA6025" s="5" t="s">
        <v>43</v>
      </c>
      <c r="AB6025" s="5" t="s">
        <v>44</v>
      </c>
      <c r="AC6025" s="2"/>
      <c r="AD6025" s="1"/>
    </row>
    <row r="6026" spans="1:30">
      <c r="A6026" s="5" t="s">
        <v>83578</v>
      </c>
      <c r="B6026" s="2" t="s">
        <v>102193</v>
      </c>
      <c r="C6026" s="14" t="s">
        <v>102194</v>
      </c>
      <c r="D6026" s="2" t="s">
        <v>102195</v>
      </c>
      <c r="E6026" s="2" t="s">
        <v>7559</v>
      </c>
      <c r="F6026" s="8">
        <v>117</v>
      </c>
      <c r="G6026" s="5">
        <v>6</v>
      </c>
      <c r="H6026" s="5" t="s">
        <v>1518</v>
      </c>
      <c r="I6026" s="5" t="s">
        <v>69038</v>
      </c>
      <c r="J6026" s="2" t="s">
        <v>69039</v>
      </c>
      <c r="K6026" s="5" t="s">
        <v>69038</v>
      </c>
      <c r="L6026" s="2" t="s">
        <v>69039</v>
      </c>
      <c r="M6026" s="5" t="s">
        <v>1521</v>
      </c>
      <c r="N6026" s="5" t="s">
        <v>38</v>
      </c>
      <c r="O6026" s="5" t="s">
        <v>39</v>
      </c>
      <c r="P6026" s="5" t="s">
        <v>40</v>
      </c>
      <c r="Q6026" s="5" t="s">
        <v>1522</v>
      </c>
      <c r="R6026" s="5" t="s">
        <v>1523</v>
      </c>
      <c r="S6026" s="5" t="s">
        <v>42</v>
      </c>
      <c r="T6026" s="2">
        <v>1.248</v>
      </c>
      <c r="U6026" s="2">
        <v>0.88700000000000001</v>
      </c>
      <c r="V6026" s="2">
        <v>10.6</v>
      </c>
      <c r="W6026" s="2">
        <v>99.1</v>
      </c>
      <c r="X6026" s="2">
        <v>7.6</v>
      </c>
      <c r="Y6026" s="2">
        <v>10.6</v>
      </c>
      <c r="Z6026" s="5"/>
      <c r="AA6026" s="5" t="s">
        <v>43</v>
      </c>
      <c r="AB6026" s="5" t="s">
        <v>44</v>
      </c>
      <c r="AC6026" s="2"/>
      <c r="AD6026" s="1"/>
    </row>
    <row r="6027" spans="1:30">
      <c r="A6027" s="5" t="s">
        <v>83578</v>
      </c>
      <c r="B6027" s="2" t="s">
        <v>102196</v>
      </c>
      <c r="C6027" s="14" t="s">
        <v>102197</v>
      </c>
      <c r="D6027" s="2" t="s">
        <v>102198</v>
      </c>
      <c r="E6027" s="2" t="s">
        <v>7429</v>
      </c>
      <c r="F6027" s="8">
        <v>117</v>
      </c>
      <c r="G6027" s="5">
        <v>6</v>
      </c>
      <c r="H6027" s="5" t="s">
        <v>1518</v>
      </c>
      <c r="I6027" s="5" t="s">
        <v>69038</v>
      </c>
      <c r="J6027" s="2" t="s">
        <v>69039</v>
      </c>
      <c r="K6027" s="5" t="s">
        <v>69038</v>
      </c>
      <c r="L6027" s="2" t="s">
        <v>69039</v>
      </c>
      <c r="M6027" s="5" t="s">
        <v>1521</v>
      </c>
      <c r="N6027" s="5" t="s">
        <v>38</v>
      </c>
      <c r="O6027" s="5" t="s">
        <v>39</v>
      </c>
      <c r="P6027" s="5" t="s">
        <v>40</v>
      </c>
      <c r="Q6027" s="5" t="s">
        <v>1522</v>
      </c>
      <c r="R6027" s="5" t="s">
        <v>1523</v>
      </c>
      <c r="S6027" s="5" t="s">
        <v>42</v>
      </c>
      <c r="T6027" s="2">
        <v>1.1910000000000001</v>
      </c>
      <c r="U6027" s="2">
        <v>0.83</v>
      </c>
      <c r="V6027" s="2">
        <v>10.6</v>
      </c>
      <c r="W6027" s="2">
        <v>99.1</v>
      </c>
      <c r="X6027" s="2">
        <v>7.6</v>
      </c>
      <c r="Y6027" s="2">
        <v>10.6</v>
      </c>
      <c r="Z6027" s="5"/>
      <c r="AA6027" s="5" t="s">
        <v>43</v>
      </c>
      <c r="AB6027" s="5" t="s">
        <v>44</v>
      </c>
      <c r="AC6027" s="2"/>
      <c r="AD6027" s="1"/>
    </row>
    <row r="6028" spans="1:30">
      <c r="A6028" s="5" t="s">
        <v>83578</v>
      </c>
      <c r="B6028" s="2" t="s">
        <v>102199</v>
      </c>
      <c r="C6028" s="14" t="s">
        <v>102200</v>
      </c>
      <c r="D6028" s="2" t="s">
        <v>102201</v>
      </c>
      <c r="E6028" s="2" t="s">
        <v>7574</v>
      </c>
      <c r="F6028" s="8">
        <v>117</v>
      </c>
      <c r="G6028" s="5">
        <v>6</v>
      </c>
      <c r="H6028" s="5" t="s">
        <v>1518</v>
      </c>
      <c r="I6028" s="5" t="s">
        <v>69038</v>
      </c>
      <c r="J6028" s="2" t="s">
        <v>69039</v>
      </c>
      <c r="K6028" s="5" t="s">
        <v>69038</v>
      </c>
      <c r="L6028" s="2" t="s">
        <v>69039</v>
      </c>
      <c r="M6028" s="5" t="s">
        <v>1521</v>
      </c>
      <c r="N6028" s="5" t="s">
        <v>38</v>
      </c>
      <c r="O6028" s="5" t="s">
        <v>39</v>
      </c>
      <c r="P6028" s="5" t="s">
        <v>40</v>
      </c>
      <c r="Q6028" s="5" t="s">
        <v>1522</v>
      </c>
      <c r="R6028" s="5" t="s">
        <v>1523</v>
      </c>
      <c r="S6028" s="5" t="s">
        <v>42</v>
      </c>
      <c r="T6028" s="2">
        <v>1.248</v>
      </c>
      <c r="U6028" s="2">
        <v>0.88700000000000001</v>
      </c>
      <c r="V6028" s="2">
        <v>10.6</v>
      </c>
      <c r="W6028" s="2">
        <v>99.1</v>
      </c>
      <c r="X6028" s="2">
        <v>7.6</v>
      </c>
      <c r="Y6028" s="2">
        <v>10.6</v>
      </c>
      <c r="Z6028" s="5"/>
      <c r="AA6028" s="5" t="s">
        <v>43</v>
      </c>
      <c r="AB6028" s="5" t="s">
        <v>44</v>
      </c>
      <c r="AC6028" s="2"/>
      <c r="AD6028" s="1"/>
    </row>
    <row r="6029" spans="1:30">
      <c r="A6029" s="5" t="s">
        <v>83578</v>
      </c>
      <c r="B6029" s="2" t="s">
        <v>102202</v>
      </c>
      <c r="C6029" s="14" t="s">
        <v>102203</v>
      </c>
      <c r="D6029" s="2" t="s">
        <v>102204</v>
      </c>
      <c r="E6029" s="2" t="s">
        <v>7449</v>
      </c>
      <c r="F6029" s="8">
        <v>117</v>
      </c>
      <c r="G6029" s="5">
        <v>6</v>
      </c>
      <c r="H6029" s="5" t="s">
        <v>1518</v>
      </c>
      <c r="I6029" s="5" t="s">
        <v>69038</v>
      </c>
      <c r="J6029" s="2" t="s">
        <v>69039</v>
      </c>
      <c r="K6029" s="5" t="s">
        <v>69038</v>
      </c>
      <c r="L6029" s="2" t="s">
        <v>69039</v>
      </c>
      <c r="M6029" s="5" t="s">
        <v>1521</v>
      </c>
      <c r="N6029" s="5" t="s">
        <v>38</v>
      </c>
      <c r="O6029" s="5" t="s">
        <v>39</v>
      </c>
      <c r="P6029" s="5" t="s">
        <v>40</v>
      </c>
      <c r="Q6029" s="5" t="s">
        <v>1522</v>
      </c>
      <c r="R6029" s="5" t="s">
        <v>1523</v>
      </c>
      <c r="S6029" s="5" t="s">
        <v>42</v>
      </c>
      <c r="T6029" s="2">
        <v>1.1910000000000001</v>
      </c>
      <c r="U6029" s="2">
        <v>0.83</v>
      </c>
      <c r="V6029" s="2">
        <v>10.6</v>
      </c>
      <c r="W6029" s="2">
        <v>99.1</v>
      </c>
      <c r="X6029" s="2">
        <v>7.6</v>
      </c>
      <c r="Y6029" s="2">
        <v>10.6</v>
      </c>
      <c r="Z6029" s="5"/>
      <c r="AA6029" s="5" t="s">
        <v>43</v>
      </c>
      <c r="AB6029" s="5" t="s">
        <v>44</v>
      </c>
      <c r="AC6029" s="2"/>
      <c r="AD6029" s="1"/>
    </row>
    <row r="6030" spans="1:30">
      <c r="A6030" s="5" t="s">
        <v>83578</v>
      </c>
      <c r="B6030" s="2" t="s">
        <v>102205</v>
      </c>
      <c r="C6030" s="14" t="s">
        <v>102206</v>
      </c>
      <c r="D6030" s="2" t="s">
        <v>102207</v>
      </c>
      <c r="E6030" s="2" t="s">
        <v>7581</v>
      </c>
      <c r="F6030" s="8">
        <v>117</v>
      </c>
      <c r="G6030" s="5">
        <v>6</v>
      </c>
      <c r="H6030" s="5" t="s">
        <v>1518</v>
      </c>
      <c r="I6030" s="5" t="s">
        <v>69038</v>
      </c>
      <c r="J6030" s="2" t="s">
        <v>69039</v>
      </c>
      <c r="K6030" s="5" t="s">
        <v>69038</v>
      </c>
      <c r="L6030" s="2" t="s">
        <v>69039</v>
      </c>
      <c r="M6030" s="5" t="s">
        <v>1521</v>
      </c>
      <c r="N6030" s="5" t="s">
        <v>38</v>
      </c>
      <c r="O6030" s="5" t="s">
        <v>39</v>
      </c>
      <c r="P6030" s="5" t="s">
        <v>40</v>
      </c>
      <c r="Q6030" s="5" t="s">
        <v>1522</v>
      </c>
      <c r="R6030" s="5" t="s">
        <v>1523</v>
      </c>
      <c r="S6030" s="5" t="s">
        <v>42</v>
      </c>
      <c r="T6030" s="2">
        <v>1.248</v>
      </c>
      <c r="U6030" s="2">
        <v>0.88700000000000001</v>
      </c>
      <c r="V6030" s="2">
        <v>10.6</v>
      </c>
      <c r="W6030" s="2">
        <v>99.1</v>
      </c>
      <c r="X6030" s="2">
        <v>7.6</v>
      </c>
      <c r="Y6030" s="2">
        <v>10.6</v>
      </c>
      <c r="Z6030" s="5"/>
      <c r="AA6030" s="5" t="s">
        <v>43</v>
      </c>
      <c r="AB6030" s="5" t="s">
        <v>44</v>
      </c>
      <c r="AC6030" s="2"/>
      <c r="AD6030" s="1"/>
    </row>
    <row r="6031" spans="1:30">
      <c r="A6031" s="5" t="s">
        <v>83578</v>
      </c>
      <c r="B6031" s="2" t="s">
        <v>102208</v>
      </c>
      <c r="C6031" s="14" t="s">
        <v>102209</v>
      </c>
      <c r="D6031" s="2" t="s">
        <v>102210</v>
      </c>
      <c r="E6031" s="2" t="s">
        <v>7585</v>
      </c>
      <c r="F6031" s="8">
        <v>117</v>
      </c>
      <c r="G6031" s="5">
        <v>6</v>
      </c>
      <c r="H6031" s="5" t="s">
        <v>1518</v>
      </c>
      <c r="I6031" s="5" t="s">
        <v>69038</v>
      </c>
      <c r="J6031" s="2" t="s">
        <v>69039</v>
      </c>
      <c r="K6031" s="5" t="s">
        <v>69038</v>
      </c>
      <c r="L6031" s="2" t="s">
        <v>69039</v>
      </c>
      <c r="M6031" s="5" t="s">
        <v>1521</v>
      </c>
      <c r="N6031" s="5" t="s">
        <v>38</v>
      </c>
      <c r="O6031" s="5" t="s">
        <v>39</v>
      </c>
      <c r="P6031" s="5" t="s">
        <v>40</v>
      </c>
      <c r="Q6031" s="5" t="s">
        <v>1522</v>
      </c>
      <c r="R6031" s="5" t="s">
        <v>1523</v>
      </c>
      <c r="S6031" s="5" t="s">
        <v>42</v>
      </c>
      <c r="T6031" s="2">
        <v>1.1910000000000001</v>
      </c>
      <c r="U6031" s="2">
        <v>0.83</v>
      </c>
      <c r="V6031" s="2">
        <v>10.6</v>
      </c>
      <c r="W6031" s="2">
        <v>99.1</v>
      </c>
      <c r="X6031" s="2">
        <v>7.6</v>
      </c>
      <c r="Y6031" s="2">
        <v>10.6</v>
      </c>
      <c r="Z6031" s="5"/>
      <c r="AA6031" s="5" t="s">
        <v>43</v>
      </c>
      <c r="AB6031" s="5" t="s">
        <v>44</v>
      </c>
      <c r="AC6031" s="2"/>
      <c r="AD6031" s="1"/>
    </row>
    <row r="6032" spans="1:30">
      <c r="A6032" s="5" t="s">
        <v>83578</v>
      </c>
      <c r="B6032" s="2" t="s">
        <v>102211</v>
      </c>
      <c r="C6032" s="14" t="s">
        <v>102212</v>
      </c>
      <c r="D6032" s="2" t="s">
        <v>102213</v>
      </c>
      <c r="E6032" s="2" t="s">
        <v>7589</v>
      </c>
      <c r="F6032" s="8">
        <v>117</v>
      </c>
      <c r="G6032" s="5">
        <v>6</v>
      </c>
      <c r="H6032" s="5" t="s">
        <v>1518</v>
      </c>
      <c r="I6032" s="5" t="s">
        <v>69038</v>
      </c>
      <c r="J6032" s="2" t="s">
        <v>69039</v>
      </c>
      <c r="K6032" s="5" t="s">
        <v>69038</v>
      </c>
      <c r="L6032" s="2" t="s">
        <v>69039</v>
      </c>
      <c r="M6032" s="5" t="s">
        <v>1521</v>
      </c>
      <c r="N6032" s="5" t="s">
        <v>38</v>
      </c>
      <c r="O6032" s="5" t="s">
        <v>39</v>
      </c>
      <c r="P6032" s="5" t="s">
        <v>40</v>
      </c>
      <c r="Q6032" s="5" t="s">
        <v>1522</v>
      </c>
      <c r="R6032" s="5" t="s">
        <v>1523</v>
      </c>
      <c r="S6032" s="5" t="s">
        <v>42</v>
      </c>
      <c r="T6032" s="2">
        <v>1.248</v>
      </c>
      <c r="U6032" s="2">
        <v>0.88700000000000001</v>
      </c>
      <c r="V6032" s="2">
        <v>10.6</v>
      </c>
      <c r="W6032" s="2">
        <v>99.1</v>
      </c>
      <c r="X6032" s="2">
        <v>7.6</v>
      </c>
      <c r="Y6032" s="2">
        <v>10.6</v>
      </c>
      <c r="Z6032" s="5"/>
      <c r="AA6032" s="5" t="s">
        <v>43</v>
      </c>
      <c r="AB6032" s="5" t="s">
        <v>44</v>
      </c>
      <c r="AC6032" s="2"/>
      <c r="AD6032" s="1"/>
    </row>
    <row r="6033" spans="1:30">
      <c r="A6033" s="5" t="s">
        <v>83578</v>
      </c>
      <c r="B6033" s="2" t="s">
        <v>102214</v>
      </c>
      <c r="C6033" s="14" t="s">
        <v>102215</v>
      </c>
      <c r="D6033" s="2" t="s">
        <v>102216</v>
      </c>
      <c r="E6033" s="2" t="s">
        <v>7593</v>
      </c>
      <c r="F6033" s="8">
        <v>117</v>
      </c>
      <c r="G6033" s="5">
        <v>6</v>
      </c>
      <c r="H6033" s="5" t="s">
        <v>1518</v>
      </c>
      <c r="I6033" s="5" t="s">
        <v>69038</v>
      </c>
      <c r="J6033" s="2" t="s">
        <v>69039</v>
      </c>
      <c r="K6033" s="5" t="s">
        <v>69038</v>
      </c>
      <c r="L6033" s="2" t="s">
        <v>69039</v>
      </c>
      <c r="M6033" s="5" t="s">
        <v>1521</v>
      </c>
      <c r="N6033" s="5" t="s">
        <v>38</v>
      </c>
      <c r="O6033" s="5" t="s">
        <v>39</v>
      </c>
      <c r="P6033" s="5" t="s">
        <v>40</v>
      </c>
      <c r="Q6033" s="5" t="s">
        <v>1522</v>
      </c>
      <c r="R6033" s="5" t="s">
        <v>1523</v>
      </c>
      <c r="S6033" s="5" t="s">
        <v>42</v>
      </c>
      <c r="T6033" s="2">
        <v>1.1910000000000001</v>
      </c>
      <c r="U6033" s="2">
        <v>0.83</v>
      </c>
      <c r="V6033" s="2">
        <v>10.6</v>
      </c>
      <c r="W6033" s="2">
        <v>99.1</v>
      </c>
      <c r="X6033" s="2">
        <v>7.6</v>
      </c>
      <c r="Y6033" s="2">
        <v>10.6</v>
      </c>
      <c r="Z6033" s="5"/>
      <c r="AA6033" s="5" t="s">
        <v>43</v>
      </c>
      <c r="AB6033" s="5" t="s">
        <v>44</v>
      </c>
      <c r="AC6033" s="2"/>
      <c r="AD6033" s="1"/>
    </row>
    <row r="6034" spans="1:30">
      <c r="A6034" s="5" t="s">
        <v>83578</v>
      </c>
      <c r="B6034" s="2" t="s">
        <v>102217</v>
      </c>
      <c r="C6034" s="14" t="s">
        <v>102218</v>
      </c>
      <c r="D6034" s="2" t="s">
        <v>102219</v>
      </c>
      <c r="E6034" s="2" t="s">
        <v>7597</v>
      </c>
      <c r="F6034" s="8">
        <v>117</v>
      </c>
      <c r="G6034" s="5">
        <v>6</v>
      </c>
      <c r="H6034" s="5" t="s">
        <v>1518</v>
      </c>
      <c r="I6034" s="5" t="s">
        <v>69038</v>
      </c>
      <c r="J6034" s="2" t="s">
        <v>69039</v>
      </c>
      <c r="K6034" s="5" t="s">
        <v>69038</v>
      </c>
      <c r="L6034" s="2" t="s">
        <v>69039</v>
      </c>
      <c r="M6034" s="5" t="s">
        <v>1521</v>
      </c>
      <c r="N6034" s="5" t="s">
        <v>38</v>
      </c>
      <c r="O6034" s="5" t="s">
        <v>39</v>
      </c>
      <c r="P6034" s="5" t="s">
        <v>40</v>
      </c>
      <c r="Q6034" s="5" t="s">
        <v>1522</v>
      </c>
      <c r="R6034" s="5" t="s">
        <v>1523</v>
      </c>
      <c r="S6034" s="5" t="s">
        <v>42</v>
      </c>
      <c r="T6034" s="2">
        <v>1.248</v>
      </c>
      <c r="U6034" s="2">
        <v>0.88700000000000001</v>
      </c>
      <c r="V6034" s="2">
        <v>10.6</v>
      </c>
      <c r="W6034" s="2">
        <v>99.1</v>
      </c>
      <c r="X6034" s="2">
        <v>7.6</v>
      </c>
      <c r="Y6034" s="2">
        <v>10.6</v>
      </c>
      <c r="Z6034" s="5"/>
      <c r="AA6034" s="5" t="s">
        <v>43</v>
      </c>
      <c r="AB6034" s="5" t="s">
        <v>44</v>
      </c>
      <c r="AC6034" s="2"/>
      <c r="AD6034" s="1"/>
    </row>
    <row r="6035" spans="1:30">
      <c r="A6035" s="5" t="s">
        <v>83578</v>
      </c>
      <c r="B6035" s="2" t="s">
        <v>102220</v>
      </c>
      <c r="C6035" s="14" t="s">
        <v>102221</v>
      </c>
      <c r="D6035" s="2" t="s">
        <v>102222</v>
      </c>
      <c r="E6035" s="2" t="s">
        <v>7433</v>
      </c>
      <c r="F6035" s="8">
        <v>117</v>
      </c>
      <c r="G6035" s="5">
        <v>6</v>
      </c>
      <c r="H6035" s="5" t="s">
        <v>1518</v>
      </c>
      <c r="I6035" s="5" t="s">
        <v>69038</v>
      </c>
      <c r="J6035" s="2" t="s">
        <v>69039</v>
      </c>
      <c r="K6035" s="5" t="s">
        <v>69038</v>
      </c>
      <c r="L6035" s="2" t="s">
        <v>69039</v>
      </c>
      <c r="M6035" s="5" t="s">
        <v>1521</v>
      </c>
      <c r="N6035" s="5" t="s">
        <v>38</v>
      </c>
      <c r="O6035" s="5" t="s">
        <v>39</v>
      </c>
      <c r="P6035" s="5" t="s">
        <v>40</v>
      </c>
      <c r="Q6035" s="5" t="s">
        <v>1522</v>
      </c>
      <c r="R6035" s="5" t="s">
        <v>1523</v>
      </c>
      <c r="S6035" s="5" t="s">
        <v>42</v>
      </c>
      <c r="T6035" s="2">
        <v>1.1910000000000001</v>
      </c>
      <c r="U6035" s="2">
        <v>0.83</v>
      </c>
      <c r="V6035" s="2">
        <v>10.6</v>
      </c>
      <c r="W6035" s="2">
        <v>99.1</v>
      </c>
      <c r="X6035" s="2">
        <v>7.6</v>
      </c>
      <c r="Y6035" s="2">
        <v>10.6</v>
      </c>
      <c r="Z6035" s="5"/>
      <c r="AA6035" s="5" t="s">
        <v>43</v>
      </c>
      <c r="AB6035" s="5" t="s">
        <v>44</v>
      </c>
      <c r="AC6035" s="2"/>
      <c r="AD6035" s="1"/>
    </row>
    <row r="6036" spans="1:30">
      <c r="A6036" s="5" t="s">
        <v>83578</v>
      </c>
      <c r="B6036" s="2" t="s">
        <v>102223</v>
      </c>
      <c r="C6036" s="14" t="s">
        <v>102224</v>
      </c>
      <c r="D6036" s="2" t="s">
        <v>102225</v>
      </c>
      <c r="E6036" s="2" t="s">
        <v>7611</v>
      </c>
      <c r="F6036" s="8">
        <v>117</v>
      </c>
      <c r="G6036" s="5">
        <v>6</v>
      </c>
      <c r="H6036" s="5" t="s">
        <v>1518</v>
      </c>
      <c r="I6036" s="5" t="s">
        <v>69038</v>
      </c>
      <c r="J6036" s="2" t="s">
        <v>69039</v>
      </c>
      <c r="K6036" s="5" t="s">
        <v>69038</v>
      </c>
      <c r="L6036" s="2" t="s">
        <v>69039</v>
      </c>
      <c r="M6036" s="5" t="s">
        <v>1521</v>
      </c>
      <c r="N6036" s="5" t="s">
        <v>38</v>
      </c>
      <c r="O6036" s="5" t="s">
        <v>39</v>
      </c>
      <c r="P6036" s="5" t="s">
        <v>40</v>
      </c>
      <c r="Q6036" s="5" t="s">
        <v>1522</v>
      </c>
      <c r="R6036" s="5" t="s">
        <v>1523</v>
      </c>
      <c r="S6036" s="5" t="s">
        <v>42</v>
      </c>
      <c r="T6036" s="2">
        <v>1.248</v>
      </c>
      <c r="U6036" s="2">
        <v>0.88700000000000001</v>
      </c>
      <c r="V6036" s="2">
        <v>10.6</v>
      </c>
      <c r="W6036" s="2">
        <v>99.1</v>
      </c>
      <c r="X6036" s="2">
        <v>7.6</v>
      </c>
      <c r="Y6036" s="2">
        <v>10.6</v>
      </c>
      <c r="Z6036" s="5"/>
      <c r="AA6036" s="5" t="s">
        <v>43</v>
      </c>
      <c r="AB6036" s="5" t="s">
        <v>44</v>
      </c>
      <c r="AC6036" s="2"/>
      <c r="AD6036" s="1"/>
    </row>
    <row r="6037" spans="1:30">
      <c r="A6037" s="5" t="s">
        <v>83578</v>
      </c>
      <c r="B6037" s="2" t="s">
        <v>102226</v>
      </c>
      <c r="C6037" s="14" t="s">
        <v>102227</v>
      </c>
      <c r="D6037" s="2" t="s">
        <v>102228</v>
      </c>
      <c r="E6037" s="2" t="s">
        <v>7615</v>
      </c>
      <c r="F6037" s="8">
        <v>117</v>
      </c>
      <c r="G6037" s="5">
        <v>6</v>
      </c>
      <c r="H6037" s="5" t="s">
        <v>1518</v>
      </c>
      <c r="I6037" s="5" t="s">
        <v>69038</v>
      </c>
      <c r="J6037" s="2" t="s">
        <v>69039</v>
      </c>
      <c r="K6037" s="5" t="s">
        <v>69038</v>
      </c>
      <c r="L6037" s="2" t="s">
        <v>69039</v>
      </c>
      <c r="M6037" s="5" t="s">
        <v>1521</v>
      </c>
      <c r="N6037" s="5" t="s">
        <v>38</v>
      </c>
      <c r="O6037" s="5" t="s">
        <v>39</v>
      </c>
      <c r="P6037" s="5" t="s">
        <v>40</v>
      </c>
      <c r="Q6037" s="5" t="s">
        <v>1522</v>
      </c>
      <c r="R6037" s="5" t="s">
        <v>1523</v>
      </c>
      <c r="S6037" s="5" t="s">
        <v>42</v>
      </c>
      <c r="T6037" s="2">
        <v>1.1910000000000001</v>
      </c>
      <c r="U6037" s="2">
        <v>0.83</v>
      </c>
      <c r="V6037" s="2">
        <v>10.6</v>
      </c>
      <c r="W6037" s="2">
        <v>99.1</v>
      </c>
      <c r="X6037" s="2">
        <v>7.6</v>
      </c>
      <c r="Y6037" s="2">
        <v>10.6</v>
      </c>
      <c r="Z6037" s="5"/>
      <c r="AA6037" s="5" t="s">
        <v>43</v>
      </c>
      <c r="AB6037" s="5" t="s">
        <v>44</v>
      </c>
      <c r="AC6037" s="2"/>
      <c r="AD6037" s="1"/>
    </row>
    <row r="6038" spans="1:30">
      <c r="A6038" s="5" t="s">
        <v>83578</v>
      </c>
      <c r="B6038" s="2" t="s">
        <v>102229</v>
      </c>
      <c r="C6038" s="14" t="s">
        <v>102230</v>
      </c>
      <c r="D6038" s="2" t="s">
        <v>102231</v>
      </c>
      <c r="E6038" s="2" t="s">
        <v>7619</v>
      </c>
      <c r="F6038" s="8">
        <v>117</v>
      </c>
      <c r="G6038" s="5">
        <v>6</v>
      </c>
      <c r="H6038" s="5" t="s">
        <v>1518</v>
      </c>
      <c r="I6038" s="5" t="s">
        <v>69038</v>
      </c>
      <c r="J6038" s="2" t="s">
        <v>69039</v>
      </c>
      <c r="K6038" s="5" t="s">
        <v>69038</v>
      </c>
      <c r="L6038" s="2" t="s">
        <v>69039</v>
      </c>
      <c r="M6038" s="5" t="s">
        <v>1521</v>
      </c>
      <c r="N6038" s="5" t="s">
        <v>38</v>
      </c>
      <c r="O6038" s="5" t="s">
        <v>39</v>
      </c>
      <c r="P6038" s="5" t="s">
        <v>40</v>
      </c>
      <c r="Q6038" s="5" t="s">
        <v>1522</v>
      </c>
      <c r="R6038" s="5" t="s">
        <v>1523</v>
      </c>
      <c r="S6038" s="5" t="s">
        <v>42</v>
      </c>
      <c r="T6038" s="2">
        <v>1.248</v>
      </c>
      <c r="U6038" s="2">
        <v>0.88700000000000001</v>
      </c>
      <c r="V6038" s="2">
        <v>10.6</v>
      </c>
      <c r="W6038" s="2">
        <v>99.1</v>
      </c>
      <c r="X6038" s="2">
        <v>7.6</v>
      </c>
      <c r="Y6038" s="2">
        <v>10.6</v>
      </c>
      <c r="Z6038" s="5"/>
      <c r="AA6038" s="5" t="s">
        <v>43</v>
      </c>
      <c r="AB6038" s="5" t="s">
        <v>44</v>
      </c>
      <c r="AC6038" s="2"/>
      <c r="AD6038" s="1"/>
    </row>
    <row r="6039" spans="1:30">
      <c r="A6039" s="5" t="s">
        <v>83578</v>
      </c>
      <c r="B6039" s="2" t="s">
        <v>102232</v>
      </c>
      <c r="C6039" s="14" t="s">
        <v>102233</v>
      </c>
      <c r="D6039" s="2" t="s">
        <v>102234</v>
      </c>
      <c r="E6039" s="2" t="s">
        <v>7410</v>
      </c>
      <c r="F6039" s="8">
        <v>117</v>
      </c>
      <c r="G6039" s="5">
        <v>6</v>
      </c>
      <c r="H6039" s="5" t="s">
        <v>1518</v>
      </c>
      <c r="I6039" s="5" t="s">
        <v>69038</v>
      </c>
      <c r="J6039" s="2" t="s">
        <v>69039</v>
      </c>
      <c r="K6039" s="5" t="s">
        <v>69038</v>
      </c>
      <c r="L6039" s="2" t="s">
        <v>69039</v>
      </c>
      <c r="M6039" s="5" t="s">
        <v>1521</v>
      </c>
      <c r="N6039" s="5" t="s">
        <v>38</v>
      </c>
      <c r="O6039" s="5" t="s">
        <v>39</v>
      </c>
      <c r="P6039" s="5" t="s">
        <v>40</v>
      </c>
      <c r="Q6039" s="5" t="s">
        <v>1522</v>
      </c>
      <c r="R6039" s="5" t="s">
        <v>1523</v>
      </c>
      <c r="S6039" s="5" t="s">
        <v>42</v>
      </c>
      <c r="T6039" s="2">
        <v>1.1910000000000001</v>
      </c>
      <c r="U6039" s="2">
        <v>0.83</v>
      </c>
      <c r="V6039" s="2">
        <v>10.6</v>
      </c>
      <c r="W6039" s="2">
        <v>99.1</v>
      </c>
      <c r="X6039" s="2">
        <v>7.6</v>
      </c>
      <c r="Y6039" s="2">
        <v>10.6</v>
      </c>
      <c r="Z6039" s="5"/>
      <c r="AA6039" s="5" t="s">
        <v>43</v>
      </c>
      <c r="AB6039" s="5" t="s">
        <v>44</v>
      </c>
      <c r="AC6039" s="2"/>
      <c r="AD6039" s="1"/>
    </row>
    <row r="6040" spans="1:30">
      <c r="A6040" s="5" t="s">
        <v>83578</v>
      </c>
      <c r="B6040" s="2" t="s">
        <v>102235</v>
      </c>
      <c r="C6040" s="14" t="s">
        <v>102236</v>
      </c>
      <c r="D6040" s="2" t="s">
        <v>102237</v>
      </c>
      <c r="E6040" s="2" t="s">
        <v>7604</v>
      </c>
      <c r="F6040" s="8">
        <v>117</v>
      </c>
      <c r="G6040" s="5">
        <v>6</v>
      </c>
      <c r="H6040" s="5" t="s">
        <v>1518</v>
      </c>
      <c r="I6040" s="5" t="s">
        <v>69038</v>
      </c>
      <c r="J6040" s="2" t="s">
        <v>69039</v>
      </c>
      <c r="K6040" s="5" t="s">
        <v>69038</v>
      </c>
      <c r="L6040" s="2" t="s">
        <v>69039</v>
      </c>
      <c r="M6040" s="5" t="s">
        <v>1521</v>
      </c>
      <c r="N6040" s="5" t="s">
        <v>38</v>
      </c>
      <c r="O6040" s="5" t="s">
        <v>39</v>
      </c>
      <c r="P6040" s="5" t="s">
        <v>40</v>
      </c>
      <c r="Q6040" s="5" t="s">
        <v>1522</v>
      </c>
      <c r="R6040" s="5" t="s">
        <v>1523</v>
      </c>
      <c r="S6040" s="5" t="s">
        <v>42</v>
      </c>
      <c r="T6040" s="2">
        <v>1.248</v>
      </c>
      <c r="U6040" s="2">
        <v>0.88700000000000001</v>
      </c>
      <c r="V6040" s="2">
        <v>10.6</v>
      </c>
      <c r="W6040" s="2">
        <v>99.1</v>
      </c>
      <c r="X6040" s="2">
        <v>7.6</v>
      </c>
      <c r="Y6040" s="2">
        <v>10.6</v>
      </c>
      <c r="Z6040" s="5"/>
      <c r="AA6040" s="5" t="s">
        <v>43</v>
      </c>
      <c r="AB6040" s="5" t="s">
        <v>44</v>
      </c>
      <c r="AC6040" s="2"/>
      <c r="AD6040" s="1"/>
    </row>
    <row r="6041" spans="1:30">
      <c r="A6041" s="5" t="s">
        <v>83578</v>
      </c>
      <c r="B6041" s="2" t="s">
        <v>102238</v>
      </c>
      <c r="C6041" s="14" t="s">
        <v>102239</v>
      </c>
      <c r="D6041" s="2" t="s">
        <v>102240</v>
      </c>
      <c r="E6041" s="2" t="s">
        <v>7212</v>
      </c>
      <c r="F6041" s="8">
        <v>101</v>
      </c>
      <c r="G6041" s="5">
        <v>6</v>
      </c>
      <c r="H6041" s="5" t="s">
        <v>1518</v>
      </c>
      <c r="I6041" s="5" t="s">
        <v>69038</v>
      </c>
      <c r="J6041" s="2" t="s">
        <v>69039</v>
      </c>
      <c r="K6041" s="5" t="s">
        <v>69038</v>
      </c>
      <c r="L6041" s="2" t="s">
        <v>69039</v>
      </c>
      <c r="M6041" s="5" t="s">
        <v>1521</v>
      </c>
      <c r="N6041" s="5" t="s">
        <v>38</v>
      </c>
      <c r="O6041" s="5" t="s">
        <v>39</v>
      </c>
      <c r="P6041" s="5" t="s">
        <v>40</v>
      </c>
      <c r="Q6041" s="5" t="s">
        <v>1522</v>
      </c>
      <c r="R6041" s="5" t="s">
        <v>1523</v>
      </c>
      <c r="S6041" s="5" t="s">
        <v>42</v>
      </c>
      <c r="T6041" s="2">
        <v>1.1910000000000001</v>
      </c>
      <c r="U6041" s="2">
        <v>0.83</v>
      </c>
      <c r="V6041" s="2">
        <v>10.6</v>
      </c>
      <c r="W6041" s="2">
        <v>99.1</v>
      </c>
      <c r="X6041" s="2">
        <v>7.6</v>
      </c>
      <c r="Y6041" s="2">
        <v>10.6</v>
      </c>
      <c r="Z6041" s="5"/>
      <c r="AA6041" s="5" t="s">
        <v>43</v>
      </c>
      <c r="AB6041" s="5" t="s">
        <v>44</v>
      </c>
      <c r="AC6041" s="2"/>
      <c r="AD6041" s="1"/>
    </row>
    <row r="6042" spans="1:30">
      <c r="A6042" s="5" t="s">
        <v>83578</v>
      </c>
      <c r="B6042" s="2" t="s">
        <v>102241</v>
      </c>
      <c r="C6042" s="14" t="s">
        <v>102242</v>
      </c>
      <c r="D6042" s="2" t="s">
        <v>102243</v>
      </c>
      <c r="E6042" s="2" t="s">
        <v>7528</v>
      </c>
      <c r="F6042" s="8">
        <v>101</v>
      </c>
      <c r="G6042" s="5">
        <v>6</v>
      </c>
      <c r="H6042" s="5" t="s">
        <v>1518</v>
      </c>
      <c r="I6042" s="5" t="s">
        <v>69038</v>
      </c>
      <c r="J6042" s="2" t="s">
        <v>69039</v>
      </c>
      <c r="K6042" s="5" t="s">
        <v>69038</v>
      </c>
      <c r="L6042" s="2" t="s">
        <v>69039</v>
      </c>
      <c r="M6042" s="5" t="s">
        <v>1521</v>
      </c>
      <c r="N6042" s="5" t="s">
        <v>38</v>
      </c>
      <c r="O6042" s="5" t="s">
        <v>39</v>
      </c>
      <c r="P6042" s="5" t="s">
        <v>40</v>
      </c>
      <c r="Q6042" s="5" t="s">
        <v>1522</v>
      </c>
      <c r="R6042" s="5" t="s">
        <v>1523</v>
      </c>
      <c r="S6042" s="5" t="s">
        <v>42</v>
      </c>
      <c r="T6042" s="2">
        <v>1.248</v>
      </c>
      <c r="U6042" s="2">
        <v>0.88700000000000001</v>
      </c>
      <c r="V6042" s="2">
        <v>10.6</v>
      </c>
      <c r="W6042" s="2">
        <v>99.1</v>
      </c>
      <c r="X6042" s="2">
        <v>7.6</v>
      </c>
      <c r="Y6042" s="2">
        <v>10.6</v>
      </c>
      <c r="Z6042" s="5"/>
      <c r="AA6042" s="5" t="s">
        <v>43</v>
      </c>
      <c r="AB6042" s="5" t="s">
        <v>44</v>
      </c>
      <c r="AC6042" s="2"/>
      <c r="AD6042" s="1"/>
    </row>
    <row r="6043" spans="1:30">
      <c r="A6043" s="5" t="s">
        <v>83578</v>
      </c>
      <c r="B6043" s="2" t="s">
        <v>102244</v>
      </c>
      <c r="C6043" s="14" t="s">
        <v>102245</v>
      </c>
      <c r="D6043" s="2" t="s">
        <v>102246</v>
      </c>
      <c r="E6043" s="2" t="s">
        <v>7547</v>
      </c>
      <c r="F6043" s="8">
        <v>92</v>
      </c>
      <c r="G6043" s="5">
        <v>6</v>
      </c>
      <c r="H6043" s="5" t="s">
        <v>1518</v>
      </c>
      <c r="I6043" s="5" t="s">
        <v>69038</v>
      </c>
      <c r="J6043" s="2" t="s">
        <v>69039</v>
      </c>
      <c r="K6043" s="5" t="s">
        <v>69038</v>
      </c>
      <c r="L6043" s="2" t="s">
        <v>69039</v>
      </c>
      <c r="M6043" s="5" t="s">
        <v>1521</v>
      </c>
      <c r="N6043" s="5" t="s">
        <v>38</v>
      </c>
      <c r="O6043" s="5" t="s">
        <v>39</v>
      </c>
      <c r="P6043" s="5" t="s">
        <v>40</v>
      </c>
      <c r="Q6043" s="5" t="s">
        <v>1522</v>
      </c>
      <c r="R6043" s="5" t="s">
        <v>1523</v>
      </c>
      <c r="S6043" s="5" t="s">
        <v>42</v>
      </c>
      <c r="T6043" s="2">
        <v>0.92</v>
      </c>
      <c r="U6043" s="2">
        <v>0.66300000000000003</v>
      </c>
      <c r="V6043" s="2">
        <v>10.6</v>
      </c>
      <c r="W6043" s="2">
        <v>76.900000000000006</v>
      </c>
      <c r="X6043" s="2">
        <v>7.6</v>
      </c>
      <c r="Y6043" s="2">
        <v>10.6</v>
      </c>
      <c r="Z6043" s="5"/>
      <c r="AA6043" s="5" t="s">
        <v>43</v>
      </c>
      <c r="AB6043" s="5" t="s">
        <v>44</v>
      </c>
      <c r="AC6043" s="2"/>
      <c r="AD6043" s="1"/>
    </row>
    <row r="6044" spans="1:30">
      <c r="A6044" s="5" t="s">
        <v>83578</v>
      </c>
      <c r="B6044" s="2" t="s">
        <v>102247</v>
      </c>
      <c r="C6044" s="14" t="s">
        <v>102248</v>
      </c>
      <c r="D6044" s="2" t="s">
        <v>102249</v>
      </c>
      <c r="E6044" s="2" t="s">
        <v>7551</v>
      </c>
      <c r="F6044" s="8">
        <v>92</v>
      </c>
      <c r="G6044" s="5">
        <v>6</v>
      </c>
      <c r="H6044" s="5" t="s">
        <v>1518</v>
      </c>
      <c r="I6044" s="5" t="s">
        <v>69038</v>
      </c>
      <c r="J6044" s="2" t="s">
        <v>69039</v>
      </c>
      <c r="K6044" s="5" t="s">
        <v>69038</v>
      </c>
      <c r="L6044" s="2" t="s">
        <v>69039</v>
      </c>
      <c r="M6044" s="5" t="s">
        <v>1521</v>
      </c>
      <c r="N6044" s="5" t="s">
        <v>38</v>
      </c>
      <c r="O6044" s="5" t="s">
        <v>39</v>
      </c>
      <c r="P6044" s="5" t="s">
        <v>40</v>
      </c>
      <c r="Q6044" s="5" t="s">
        <v>1522</v>
      </c>
      <c r="R6044" s="5" t="s">
        <v>1523</v>
      </c>
      <c r="S6044" s="5" t="s">
        <v>42</v>
      </c>
      <c r="T6044" s="2">
        <v>0.96</v>
      </c>
      <c r="U6044" s="2">
        <v>0.70299999999999996</v>
      </c>
      <c r="V6044" s="2">
        <v>10.6</v>
      </c>
      <c r="W6044" s="2">
        <v>76.900000000000006</v>
      </c>
      <c r="X6044" s="2">
        <v>7.6</v>
      </c>
      <c r="Y6044" s="2">
        <v>10.6</v>
      </c>
      <c r="Z6044" s="5"/>
      <c r="AA6044" s="5" t="s">
        <v>43</v>
      </c>
      <c r="AB6044" s="5" t="s">
        <v>44</v>
      </c>
      <c r="AC6044" s="2"/>
      <c r="AD6044" s="1"/>
    </row>
    <row r="6045" spans="1:30">
      <c r="A6045" s="5" t="s">
        <v>83578</v>
      </c>
      <c r="B6045" s="2" t="s">
        <v>102250</v>
      </c>
      <c r="C6045" s="14" t="s">
        <v>102251</v>
      </c>
      <c r="D6045" s="2" t="s">
        <v>102252</v>
      </c>
      <c r="E6045" s="2" t="s">
        <v>7559</v>
      </c>
      <c r="F6045" s="8">
        <v>92</v>
      </c>
      <c r="G6045" s="5">
        <v>6</v>
      </c>
      <c r="H6045" s="5" t="s">
        <v>1518</v>
      </c>
      <c r="I6045" s="5" t="s">
        <v>69038</v>
      </c>
      <c r="J6045" s="2" t="s">
        <v>69039</v>
      </c>
      <c r="K6045" s="5" t="s">
        <v>69038</v>
      </c>
      <c r="L6045" s="2" t="s">
        <v>69039</v>
      </c>
      <c r="M6045" s="5" t="s">
        <v>1521</v>
      </c>
      <c r="N6045" s="5" t="s">
        <v>38</v>
      </c>
      <c r="O6045" s="5" t="s">
        <v>39</v>
      </c>
      <c r="P6045" s="5" t="s">
        <v>40</v>
      </c>
      <c r="Q6045" s="5" t="s">
        <v>1522</v>
      </c>
      <c r="R6045" s="5" t="s">
        <v>1523</v>
      </c>
      <c r="S6045" s="5" t="s">
        <v>42</v>
      </c>
      <c r="T6045" s="2">
        <v>0.96</v>
      </c>
      <c r="U6045" s="2">
        <v>0.70299999999999996</v>
      </c>
      <c r="V6045" s="2">
        <v>10.6</v>
      </c>
      <c r="W6045" s="2">
        <v>76.900000000000006</v>
      </c>
      <c r="X6045" s="2">
        <v>7.6</v>
      </c>
      <c r="Y6045" s="2">
        <v>10.6</v>
      </c>
      <c r="Z6045" s="5"/>
      <c r="AA6045" s="5" t="s">
        <v>43</v>
      </c>
      <c r="AB6045" s="5" t="s">
        <v>44</v>
      </c>
      <c r="AC6045" s="2"/>
      <c r="AD6045" s="1"/>
    </row>
    <row r="6046" spans="1:30">
      <c r="A6046" s="5" t="s">
        <v>83578</v>
      </c>
      <c r="B6046" s="2" t="s">
        <v>102253</v>
      </c>
      <c r="C6046" s="14" t="s">
        <v>102254</v>
      </c>
      <c r="D6046" s="2" t="s">
        <v>102255</v>
      </c>
      <c r="E6046" s="2" t="s">
        <v>7429</v>
      </c>
      <c r="F6046" s="8">
        <v>92</v>
      </c>
      <c r="G6046" s="5">
        <v>6</v>
      </c>
      <c r="H6046" s="5" t="s">
        <v>1518</v>
      </c>
      <c r="I6046" s="5" t="s">
        <v>69038</v>
      </c>
      <c r="J6046" s="2" t="s">
        <v>69039</v>
      </c>
      <c r="K6046" s="5" t="s">
        <v>69038</v>
      </c>
      <c r="L6046" s="2" t="s">
        <v>69039</v>
      </c>
      <c r="M6046" s="5" t="s">
        <v>1521</v>
      </c>
      <c r="N6046" s="5" t="s">
        <v>38</v>
      </c>
      <c r="O6046" s="5" t="s">
        <v>39</v>
      </c>
      <c r="P6046" s="5" t="s">
        <v>40</v>
      </c>
      <c r="Q6046" s="5" t="s">
        <v>1522</v>
      </c>
      <c r="R6046" s="5" t="s">
        <v>1523</v>
      </c>
      <c r="S6046" s="5" t="s">
        <v>42</v>
      </c>
      <c r="T6046" s="2">
        <v>0.92</v>
      </c>
      <c r="U6046" s="2">
        <v>0.66300000000000003</v>
      </c>
      <c r="V6046" s="2">
        <v>10.6</v>
      </c>
      <c r="W6046" s="2">
        <v>76.900000000000006</v>
      </c>
      <c r="X6046" s="2">
        <v>7.6</v>
      </c>
      <c r="Y6046" s="2">
        <v>10.6</v>
      </c>
      <c r="Z6046" s="5"/>
      <c r="AA6046" s="5" t="s">
        <v>43</v>
      </c>
      <c r="AB6046" s="5" t="s">
        <v>44</v>
      </c>
      <c r="AC6046" s="2"/>
      <c r="AD6046" s="1"/>
    </row>
    <row r="6047" spans="1:30">
      <c r="A6047" s="5" t="s">
        <v>83578</v>
      </c>
      <c r="B6047" s="2" t="s">
        <v>102256</v>
      </c>
      <c r="C6047" s="14" t="s">
        <v>102257</v>
      </c>
      <c r="D6047" s="2" t="s">
        <v>102258</v>
      </c>
      <c r="E6047" s="2" t="s">
        <v>7585</v>
      </c>
      <c r="F6047" s="8">
        <v>92</v>
      </c>
      <c r="G6047" s="5">
        <v>6</v>
      </c>
      <c r="H6047" s="5" t="s">
        <v>1518</v>
      </c>
      <c r="I6047" s="5" t="s">
        <v>69038</v>
      </c>
      <c r="J6047" s="2" t="s">
        <v>69039</v>
      </c>
      <c r="K6047" s="5" t="s">
        <v>69038</v>
      </c>
      <c r="L6047" s="2" t="s">
        <v>69039</v>
      </c>
      <c r="M6047" s="5" t="s">
        <v>1521</v>
      </c>
      <c r="N6047" s="5" t="s">
        <v>38</v>
      </c>
      <c r="O6047" s="5" t="s">
        <v>39</v>
      </c>
      <c r="P6047" s="5" t="s">
        <v>40</v>
      </c>
      <c r="Q6047" s="5" t="s">
        <v>1522</v>
      </c>
      <c r="R6047" s="5" t="s">
        <v>1523</v>
      </c>
      <c r="S6047" s="5" t="s">
        <v>42</v>
      </c>
      <c r="T6047" s="2">
        <v>0.92</v>
      </c>
      <c r="U6047" s="2">
        <v>0.66300000000000003</v>
      </c>
      <c r="V6047" s="2">
        <v>10.6</v>
      </c>
      <c r="W6047" s="2">
        <v>76.900000000000006</v>
      </c>
      <c r="X6047" s="2">
        <v>7.6</v>
      </c>
      <c r="Y6047" s="2">
        <v>10.6</v>
      </c>
      <c r="Z6047" s="5"/>
      <c r="AA6047" s="5" t="s">
        <v>43</v>
      </c>
      <c r="AB6047" s="5" t="s">
        <v>44</v>
      </c>
      <c r="AC6047" s="2"/>
      <c r="AD6047" s="1"/>
    </row>
    <row r="6048" spans="1:30">
      <c r="A6048" s="5" t="s">
        <v>83578</v>
      </c>
      <c r="B6048" s="2" t="s">
        <v>102259</v>
      </c>
      <c r="C6048" s="14" t="s">
        <v>102260</v>
      </c>
      <c r="D6048" s="2" t="s">
        <v>102261</v>
      </c>
      <c r="E6048" s="2" t="s">
        <v>7589</v>
      </c>
      <c r="F6048" s="8">
        <v>92</v>
      </c>
      <c r="G6048" s="5">
        <v>6</v>
      </c>
      <c r="H6048" s="5" t="s">
        <v>1518</v>
      </c>
      <c r="I6048" s="5" t="s">
        <v>69038</v>
      </c>
      <c r="J6048" s="2" t="s">
        <v>69039</v>
      </c>
      <c r="K6048" s="5" t="s">
        <v>69038</v>
      </c>
      <c r="L6048" s="2" t="s">
        <v>69039</v>
      </c>
      <c r="M6048" s="5" t="s">
        <v>1521</v>
      </c>
      <c r="N6048" s="5" t="s">
        <v>38</v>
      </c>
      <c r="O6048" s="5" t="s">
        <v>39</v>
      </c>
      <c r="P6048" s="5" t="s">
        <v>40</v>
      </c>
      <c r="Q6048" s="5" t="s">
        <v>1522</v>
      </c>
      <c r="R6048" s="5" t="s">
        <v>1523</v>
      </c>
      <c r="S6048" s="5" t="s">
        <v>42</v>
      </c>
      <c r="T6048" s="2">
        <v>0.96</v>
      </c>
      <c r="U6048" s="2">
        <v>0.70299999999999996</v>
      </c>
      <c r="V6048" s="2">
        <v>10.6</v>
      </c>
      <c r="W6048" s="2">
        <v>76.900000000000006</v>
      </c>
      <c r="X6048" s="2">
        <v>7.6</v>
      </c>
      <c r="Y6048" s="2">
        <v>10.6</v>
      </c>
      <c r="Z6048" s="5"/>
      <c r="AA6048" s="5" t="s">
        <v>43</v>
      </c>
      <c r="AB6048" s="5" t="s">
        <v>44</v>
      </c>
      <c r="AC6048" s="2"/>
      <c r="AD6048" s="1"/>
    </row>
    <row r="6049" spans="1:30">
      <c r="A6049" s="5" t="s">
        <v>83578</v>
      </c>
      <c r="B6049" s="2" t="s">
        <v>102262</v>
      </c>
      <c r="C6049" s="14" t="s">
        <v>102263</v>
      </c>
      <c r="D6049" s="2" t="s">
        <v>102264</v>
      </c>
      <c r="E6049" s="2" t="s">
        <v>7593</v>
      </c>
      <c r="F6049" s="8">
        <v>92</v>
      </c>
      <c r="G6049" s="5">
        <v>6</v>
      </c>
      <c r="H6049" s="5" t="s">
        <v>1518</v>
      </c>
      <c r="I6049" s="5" t="s">
        <v>69038</v>
      </c>
      <c r="J6049" s="2" t="s">
        <v>69039</v>
      </c>
      <c r="K6049" s="5" t="s">
        <v>69038</v>
      </c>
      <c r="L6049" s="2" t="s">
        <v>69039</v>
      </c>
      <c r="M6049" s="5" t="s">
        <v>1521</v>
      </c>
      <c r="N6049" s="5" t="s">
        <v>38</v>
      </c>
      <c r="O6049" s="5" t="s">
        <v>39</v>
      </c>
      <c r="P6049" s="5" t="s">
        <v>40</v>
      </c>
      <c r="Q6049" s="5" t="s">
        <v>1522</v>
      </c>
      <c r="R6049" s="5" t="s">
        <v>1523</v>
      </c>
      <c r="S6049" s="5" t="s">
        <v>42</v>
      </c>
      <c r="T6049" s="2">
        <v>0.92</v>
      </c>
      <c r="U6049" s="2">
        <v>0.66300000000000003</v>
      </c>
      <c r="V6049" s="2">
        <v>10.6</v>
      </c>
      <c r="W6049" s="2">
        <v>76.900000000000006</v>
      </c>
      <c r="X6049" s="2">
        <v>7.6</v>
      </c>
      <c r="Y6049" s="2">
        <v>10.6</v>
      </c>
      <c r="Z6049" s="5"/>
      <c r="AA6049" s="5" t="s">
        <v>43</v>
      </c>
      <c r="AB6049" s="5" t="s">
        <v>44</v>
      </c>
      <c r="AC6049" s="2"/>
      <c r="AD6049" s="1"/>
    </row>
    <row r="6050" spans="1:30">
      <c r="A6050" s="5" t="s">
        <v>83578</v>
      </c>
      <c r="B6050" s="2" t="s">
        <v>102265</v>
      </c>
      <c r="C6050" s="14" t="s">
        <v>102266</v>
      </c>
      <c r="D6050" s="2" t="s">
        <v>102267</v>
      </c>
      <c r="E6050" s="2" t="s">
        <v>7615</v>
      </c>
      <c r="F6050" s="8">
        <v>92</v>
      </c>
      <c r="G6050" s="5">
        <v>6</v>
      </c>
      <c r="H6050" s="5" t="s">
        <v>1518</v>
      </c>
      <c r="I6050" s="5" t="s">
        <v>69038</v>
      </c>
      <c r="J6050" s="2" t="s">
        <v>69039</v>
      </c>
      <c r="K6050" s="5" t="s">
        <v>69038</v>
      </c>
      <c r="L6050" s="2" t="s">
        <v>69039</v>
      </c>
      <c r="M6050" s="5" t="s">
        <v>1521</v>
      </c>
      <c r="N6050" s="5" t="s">
        <v>38</v>
      </c>
      <c r="O6050" s="5" t="s">
        <v>39</v>
      </c>
      <c r="P6050" s="5" t="s">
        <v>40</v>
      </c>
      <c r="Q6050" s="5" t="s">
        <v>1522</v>
      </c>
      <c r="R6050" s="5" t="s">
        <v>1523</v>
      </c>
      <c r="S6050" s="5" t="s">
        <v>42</v>
      </c>
      <c r="T6050" s="2">
        <v>0.92</v>
      </c>
      <c r="U6050" s="2">
        <v>0.66300000000000003</v>
      </c>
      <c r="V6050" s="2">
        <v>10.6</v>
      </c>
      <c r="W6050" s="2">
        <v>76.900000000000006</v>
      </c>
      <c r="X6050" s="2">
        <v>7.6</v>
      </c>
      <c r="Y6050" s="2">
        <v>10.6</v>
      </c>
      <c r="Z6050" s="5"/>
      <c r="AA6050" s="5" t="s">
        <v>43</v>
      </c>
      <c r="AB6050" s="5" t="s">
        <v>44</v>
      </c>
      <c r="AC6050" s="2"/>
      <c r="AD6050" s="1"/>
    </row>
    <row r="6051" spans="1:30">
      <c r="A6051" s="5" t="s">
        <v>83578</v>
      </c>
      <c r="B6051" s="2" t="s">
        <v>102268</v>
      </c>
      <c r="C6051" s="14" t="s">
        <v>102269</v>
      </c>
      <c r="D6051" s="2" t="s">
        <v>102270</v>
      </c>
      <c r="E6051" s="2" t="s">
        <v>7547</v>
      </c>
      <c r="F6051" s="8">
        <v>105</v>
      </c>
      <c r="G6051" s="5">
        <v>6</v>
      </c>
      <c r="H6051" s="5" t="s">
        <v>1518</v>
      </c>
      <c r="I6051" s="5" t="s">
        <v>69038</v>
      </c>
      <c r="J6051" s="2" t="s">
        <v>69039</v>
      </c>
      <c r="K6051" s="5" t="s">
        <v>69038</v>
      </c>
      <c r="L6051" s="2" t="s">
        <v>69039</v>
      </c>
      <c r="M6051" s="5" t="s">
        <v>1521</v>
      </c>
      <c r="N6051" s="5" t="s">
        <v>38</v>
      </c>
      <c r="O6051" s="5" t="s">
        <v>39</v>
      </c>
      <c r="P6051" s="5" t="s">
        <v>40</v>
      </c>
      <c r="Q6051" s="5" t="s">
        <v>1522</v>
      </c>
      <c r="R6051" s="5" t="s">
        <v>1523</v>
      </c>
      <c r="S6051" s="5" t="s">
        <v>42</v>
      </c>
      <c r="T6051" s="2">
        <v>1.069</v>
      </c>
      <c r="U6051" s="2">
        <v>0.76</v>
      </c>
      <c r="V6051" s="2">
        <v>10.6</v>
      </c>
      <c r="W6051" s="2">
        <v>82.9</v>
      </c>
      <c r="X6051" s="2">
        <v>7.6</v>
      </c>
      <c r="Y6051" s="2">
        <v>10.6</v>
      </c>
      <c r="Z6051" s="5"/>
      <c r="AA6051" s="5" t="s">
        <v>43</v>
      </c>
      <c r="AB6051" s="5" t="s">
        <v>44</v>
      </c>
      <c r="AC6051" s="2"/>
      <c r="AD6051" s="1"/>
    </row>
    <row r="6052" spans="1:30">
      <c r="A6052" s="5" t="s">
        <v>83578</v>
      </c>
      <c r="B6052" s="2" t="s">
        <v>102271</v>
      </c>
      <c r="C6052" s="14" t="s">
        <v>102272</v>
      </c>
      <c r="D6052" s="2" t="s">
        <v>102273</v>
      </c>
      <c r="E6052" s="2" t="s">
        <v>7551</v>
      </c>
      <c r="F6052" s="8">
        <v>105</v>
      </c>
      <c r="G6052" s="5">
        <v>6</v>
      </c>
      <c r="H6052" s="5" t="s">
        <v>1518</v>
      </c>
      <c r="I6052" s="5" t="s">
        <v>69038</v>
      </c>
      <c r="J6052" s="2" t="s">
        <v>69039</v>
      </c>
      <c r="K6052" s="5" t="s">
        <v>69038</v>
      </c>
      <c r="L6052" s="2" t="s">
        <v>69039</v>
      </c>
      <c r="M6052" s="5" t="s">
        <v>1521</v>
      </c>
      <c r="N6052" s="5" t="s">
        <v>38</v>
      </c>
      <c r="O6052" s="5" t="s">
        <v>39</v>
      </c>
      <c r="P6052" s="5" t="s">
        <v>40</v>
      </c>
      <c r="Q6052" s="5" t="s">
        <v>1522</v>
      </c>
      <c r="R6052" s="5" t="s">
        <v>1523</v>
      </c>
      <c r="S6052" s="5" t="s">
        <v>42</v>
      </c>
      <c r="T6052" s="2">
        <v>1.119</v>
      </c>
      <c r="U6052" s="2">
        <v>0.81</v>
      </c>
      <c r="V6052" s="2">
        <v>10.6</v>
      </c>
      <c r="W6052" s="2">
        <v>82.9</v>
      </c>
      <c r="X6052" s="2">
        <v>7.6</v>
      </c>
      <c r="Y6052" s="2">
        <v>10.6</v>
      </c>
      <c r="Z6052" s="5"/>
      <c r="AA6052" s="5" t="s">
        <v>43</v>
      </c>
      <c r="AB6052" s="5" t="s">
        <v>44</v>
      </c>
      <c r="AC6052" s="2"/>
      <c r="AD6052" s="1"/>
    </row>
    <row r="6053" spans="1:30">
      <c r="A6053" s="5" t="s">
        <v>83578</v>
      </c>
      <c r="B6053" s="2" t="s">
        <v>102274</v>
      </c>
      <c r="C6053" s="14" t="s">
        <v>102275</v>
      </c>
      <c r="D6053" s="2" t="s">
        <v>102276</v>
      </c>
      <c r="E6053" s="2" t="s">
        <v>7574</v>
      </c>
      <c r="F6053" s="8">
        <v>105</v>
      </c>
      <c r="G6053" s="5">
        <v>6</v>
      </c>
      <c r="H6053" s="5" t="s">
        <v>1518</v>
      </c>
      <c r="I6053" s="5" t="s">
        <v>69038</v>
      </c>
      <c r="J6053" s="2" t="s">
        <v>69039</v>
      </c>
      <c r="K6053" s="5" t="s">
        <v>69038</v>
      </c>
      <c r="L6053" s="2" t="s">
        <v>69039</v>
      </c>
      <c r="M6053" s="5" t="s">
        <v>1521</v>
      </c>
      <c r="N6053" s="5" t="s">
        <v>38</v>
      </c>
      <c r="O6053" s="5" t="s">
        <v>39</v>
      </c>
      <c r="P6053" s="5" t="s">
        <v>40</v>
      </c>
      <c r="Q6053" s="5" t="s">
        <v>1522</v>
      </c>
      <c r="R6053" s="5" t="s">
        <v>1523</v>
      </c>
      <c r="S6053" s="5" t="s">
        <v>42</v>
      </c>
      <c r="T6053" s="2">
        <v>1.119</v>
      </c>
      <c r="U6053" s="2">
        <v>0.81</v>
      </c>
      <c r="V6053" s="2">
        <v>10.6</v>
      </c>
      <c r="W6053" s="2">
        <v>82.9</v>
      </c>
      <c r="X6053" s="2">
        <v>7.6</v>
      </c>
      <c r="Y6053" s="2">
        <v>10.6</v>
      </c>
      <c r="Z6053" s="5"/>
      <c r="AA6053" s="5" t="s">
        <v>43</v>
      </c>
      <c r="AB6053" s="5" t="s">
        <v>44</v>
      </c>
      <c r="AC6053" s="2"/>
      <c r="AD6053" s="1"/>
    </row>
    <row r="6054" spans="1:30">
      <c r="A6054" s="5" t="s">
        <v>83578</v>
      </c>
      <c r="B6054" s="2" t="s">
        <v>102277</v>
      </c>
      <c r="C6054" s="14" t="s">
        <v>102278</v>
      </c>
      <c r="D6054" s="2" t="s">
        <v>102279</v>
      </c>
      <c r="E6054" s="2" t="s">
        <v>7585</v>
      </c>
      <c r="F6054" s="8">
        <v>105</v>
      </c>
      <c r="G6054" s="5">
        <v>6</v>
      </c>
      <c r="H6054" s="5" t="s">
        <v>1518</v>
      </c>
      <c r="I6054" s="5" t="s">
        <v>69038</v>
      </c>
      <c r="J6054" s="2" t="s">
        <v>69039</v>
      </c>
      <c r="K6054" s="5" t="s">
        <v>69038</v>
      </c>
      <c r="L6054" s="2" t="s">
        <v>69039</v>
      </c>
      <c r="M6054" s="5" t="s">
        <v>1521</v>
      </c>
      <c r="N6054" s="5" t="s">
        <v>38</v>
      </c>
      <c r="O6054" s="5" t="s">
        <v>39</v>
      </c>
      <c r="P6054" s="5" t="s">
        <v>40</v>
      </c>
      <c r="Q6054" s="5" t="s">
        <v>1522</v>
      </c>
      <c r="R6054" s="5" t="s">
        <v>1523</v>
      </c>
      <c r="S6054" s="5" t="s">
        <v>42</v>
      </c>
      <c r="T6054" s="2">
        <v>1.069</v>
      </c>
      <c r="U6054" s="2">
        <v>0.76</v>
      </c>
      <c r="V6054" s="2">
        <v>10.6</v>
      </c>
      <c r="W6054" s="2">
        <v>82.9</v>
      </c>
      <c r="X6054" s="2">
        <v>7.6</v>
      </c>
      <c r="Y6054" s="2">
        <v>10.6</v>
      </c>
      <c r="Z6054" s="5"/>
      <c r="AA6054" s="5" t="s">
        <v>43</v>
      </c>
      <c r="AB6054" s="5" t="s">
        <v>44</v>
      </c>
      <c r="AC6054" s="2"/>
      <c r="AD6054" s="1"/>
    </row>
    <row r="6055" spans="1:30">
      <c r="A6055" s="5" t="s">
        <v>83578</v>
      </c>
      <c r="B6055" s="2" t="s">
        <v>102280</v>
      </c>
      <c r="C6055" s="14" t="s">
        <v>102281</v>
      </c>
      <c r="D6055" s="2" t="s">
        <v>102282</v>
      </c>
      <c r="E6055" s="2" t="s">
        <v>7593</v>
      </c>
      <c r="F6055" s="8">
        <v>105</v>
      </c>
      <c r="G6055" s="5">
        <v>6</v>
      </c>
      <c r="H6055" s="5" t="s">
        <v>1518</v>
      </c>
      <c r="I6055" s="5" t="s">
        <v>69038</v>
      </c>
      <c r="J6055" s="2" t="s">
        <v>69039</v>
      </c>
      <c r="K6055" s="5" t="s">
        <v>69038</v>
      </c>
      <c r="L6055" s="2" t="s">
        <v>69039</v>
      </c>
      <c r="M6055" s="5" t="s">
        <v>1521</v>
      </c>
      <c r="N6055" s="5" t="s">
        <v>38</v>
      </c>
      <c r="O6055" s="5" t="s">
        <v>39</v>
      </c>
      <c r="P6055" s="5" t="s">
        <v>40</v>
      </c>
      <c r="Q6055" s="5" t="s">
        <v>1522</v>
      </c>
      <c r="R6055" s="5" t="s">
        <v>1523</v>
      </c>
      <c r="S6055" s="5" t="s">
        <v>42</v>
      </c>
      <c r="T6055" s="2">
        <v>1.069</v>
      </c>
      <c r="U6055" s="2">
        <v>0.76</v>
      </c>
      <c r="V6055" s="2">
        <v>10.6</v>
      </c>
      <c r="W6055" s="2">
        <v>82.9</v>
      </c>
      <c r="X6055" s="2">
        <v>7.6</v>
      </c>
      <c r="Y6055" s="2">
        <v>10.6</v>
      </c>
      <c r="Z6055" s="5"/>
      <c r="AA6055" s="5" t="s">
        <v>43</v>
      </c>
      <c r="AB6055" s="5" t="s">
        <v>44</v>
      </c>
      <c r="AC6055" s="2"/>
      <c r="AD6055" s="1"/>
    </row>
    <row r="6056" spans="1:30">
      <c r="A6056" s="5" t="s">
        <v>83578</v>
      </c>
      <c r="B6056" s="2" t="s">
        <v>102283</v>
      </c>
      <c r="C6056" s="14" t="s">
        <v>102284</v>
      </c>
      <c r="D6056" s="2" t="s">
        <v>102285</v>
      </c>
      <c r="E6056" s="2" t="s">
        <v>7597</v>
      </c>
      <c r="F6056" s="8">
        <v>105</v>
      </c>
      <c r="G6056" s="5">
        <v>6</v>
      </c>
      <c r="H6056" s="5" t="s">
        <v>1518</v>
      </c>
      <c r="I6056" s="5" t="s">
        <v>69038</v>
      </c>
      <c r="J6056" s="2" t="s">
        <v>69039</v>
      </c>
      <c r="K6056" s="5" t="s">
        <v>69038</v>
      </c>
      <c r="L6056" s="2" t="s">
        <v>69039</v>
      </c>
      <c r="M6056" s="5" t="s">
        <v>1521</v>
      </c>
      <c r="N6056" s="5" t="s">
        <v>38</v>
      </c>
      <c r="O6056" s="5" t="s">
        <v>39</v>
      </c>
      <c r="P6056" s="5" t="s">
        <v>40</v>
      </c>
      <c r="Q6056" s="5" t="s">
        <v>1522</v>
      </c>
      <c r="R6056" s="5" t="s">
        <v>1523</v>
      </c>
      <c r="S6056" s="5" t="s">
        <v>42</v>
      </c>
      <c r="T6056" s="2">
        <v>1.119</v>
      </c>
      <c r="U6056" s="2">
        <v>0.81</v>
      </c>
      <c r="V6056" s="2">
        <v>10.6</v>
      </c>
      <c r="W6056" s="2">
        <v>82.9</v>
      </c>
      <c r="X6056" s="2">
        <v>7.6</v>
      </c>
      <c r="Y6056" s="2">
        <v>10.6</v>
      </c>
      <c r="Z6056" s="5"/>
      <c r="AA6056" s="5" t="s">
        <v>43</v>
      </c>
      <c r="AB6056" s="5" t="s">
        <v>44</v>
      </c>
      <c r="AC6056" s="2"/>
      <c r="AD6056" s="1"/>
    </row>
    <row r="6057" spans="1:30">
      <c r="A6057" s="5" t="s">
        <v>83578</v>
      </c>
      <c r="B6057" s="2" t="s">
        <v>102286</v>
      </c>
      <c r="C6057" s="14" t="s">
        <v>102287</v>
      </c>
      <c r="D6057" s="2" t="s">
        <v>102288</v>
      </c>
      <c r="E6057" s="2" t="s">
        <v>7406</v>
      </c>
      <c r="F6057" s="8">
        <v>117</v>
      </c>
      <c r="G6057" s="5">
        <v>6</v>
      </c>
      <c r="H6057" s="5" t="s">
        <v>1518</v>
      </c>
      <c r="I6057" s="5" t="s">
        <v>69038</v>
      </c>
      <c r="J6057" s="2" t="s">
        <v>69039</v>
      </c>
      <c r="K6057" s="5" t="s">
        <v>69038</v>
      </c>
      <c r="L6057" s="2" t="s">
        <v>69039</v>
      </c>
      <c r="M6057" s="5" t="s">
        <v>1521</v>
      </c>
      <c r="N6057" s="5" t="s">
        <v>38</v>
      </c>
      <c r="O6057" s="5" t="s">
        <v>39</v>
      </c>
      <c r="P6057" s="5" t="s">
        <v>40</v>
      </c>
      <c r="Q6057" s="5" t="s">
        <v>1522</v>
      </c>
      <c r="R6057" s="5" t="s">
        <v>1523</v>
      </c>
      <c r="S6057" s="5" t="s">
        <v>42</v>
      </c>
      <c r="T6057" s="2">
        <v>1.222</v>
      </c>
      <c r="U6057" s="2">
        <v>0.85499999999999998</v>
      </c>
      <c r="V6057" s="2">
        <v>10.6</v>
      </c>
      <c r="W6057" s="2">
        <v>118.9</v>
      </c>
      <c r="X6057" s="2">
        <v>7.6</v>
      </c>
      <c r="Y6057" s="2">
        <v>10.6</v>
      </c>
      <c r="Z6057" s="5"/>
      <c r="AA6057" s="5" t="s">
        <v>43</v>
      </c>
      <c r="AB6057" s="5" t="s">
        <v>44</v>
      </c>
      <c r="AC6057" s="2"/>
      <c r="AD6057" s="1"/>
    </row>
    <row r="6058" spans="1:30">
      <c r="A6058" s="5" t="s">
        <v>83578</v>
      </c>
      <c r="B6058" s="2" t="s">
        <v>102289</v>
      </c>
      <c r="C6058" s="14" t="s">
        <v>102290</v>
      </c>
      <c r="D6058" s="2" t="s">
        <v>102291</v>
      </c>
      <c r="E6058" s="2" t="s">
        <v>7547</v>
      </c>
      <c r="F6058" s="8">
        <v>117</v>
      </c>
      <c r="G6058" s="5">
        <v>6</v>
      </c>
      <c r="H6058" s="5" t="s">
        <v>1518</v>
      </c>
      <c r="I6058" s="5" t="s">
        <v>69038</v>
      </c>
      <c r="J6058" s="2" t="s">
        <v>69039</v>
      </c>
      <c r="K6058" s="5" t="s">
        <v>69038</v>
      </c>
      <c r="L6058" s="2" t="s">
        <v>69039</v>
      </c>
      <c r="M6058" s="5" t="s">
        <v>1521</v>
      </c>
      <c r="N6058" s="5" t="s">
        <v>38</v>
      </c>
      <c r="O6058" s="5" t="s">
        <v>39</v>
      </c>
      <c r="P6058" s="5" t="s">
        <v>40</v>
      </c>
      <c r="Q6058" s="5" t="s">
        <v>1522</v>
      </c>
      <c r="R6058" s="5" t="s">
        <v>1523</v>
      </c>
      <c r="S6058" s="5" t="s">
        <v>42</v>
      </c>
      <c r="T6058" s="2">
        <v>1.222</v>
      </c>
      <c r="U6058" s="2">
        <v>0.85499999999999998</v>
      </c>
      <c r="V6058" s="2">
        <v>10.6</v>
      </c>
      <c r="W6058" s="2">
        <v>118.9</v>
      </c>
      <c r="X6058" s="2">
        <v>7.6</v>
      </c>
      <c r="Y6058" s="2">
        <v>10.6</v>
      </c>
      <c r="Z6058" s="5"/>
      <c r="AA6058" s="5" t="s">
        <v>43</v>
      </c>
      <c r="AB6058" s="5" t="s">
        <v>44</v>
      </c>
      <c r="AC6058" s="2"/>
      <c r="AD6058" s="1"/>
    </row>
    <row r="6059" spans="1:30">
      <c r="A6059" s="5" t="s">
        <v>83578</v>
      </c>
      <c r="B6059" s="2" t="s">
        <v>102292</v>
      </c>
      <c r="C6059" s="14" t="s">
        <v>102293</v>
      </c>
      <c r="D6059" s="2" t="s">
        <v>102294</v>
      </c>
      <c r="E6059" s="2" t="s">
        <v>7551</v>
      </c>
      <c r="F6059" s="8">
        <v>117</v>
      </c>
      <c r="G6059" s="5">
        <v>6</v>
      </c>
      <c r="H6059" s="5" t="s">
        <v>1518</v>
      </c>
      <c r="I6059" s="5" t="s">
        <v>69038</v>
      </c>
      <c r="J6059" s="2" t="s">
        <v>69039</v>
      </c>
      <c r="K6059" s="5" t="s">
        <v>69038</v>
      </c>
      <c r="L6059" s="2" t="s">
        <v>69039</v>
      </c>
      <c r="M6059" s="5" t="s">
        <v>1521</v>
      </c>
      <c r="N6059" s="5" t="s">
        <v>38</v>
      </c>
      <c r="O6059" s="5" t="s">
        <v>39</v>
      </c>
      <c r="P6059" s="5" t="s">
        <v>40</v>
      </c>
      <c r="Q6059" s="5" t="s">
        <v>1522</v>
      </c>
      <c r="R6059" s="5" t="s">
        <v>1523</v>
      </c>
      <c r="S6059" s="5" t="s">
        <v>42</v>
      </c>
      <c r="T6059" s="2">
        <v>1.282</v>
      </c>
      <c r="U6059" s="2">
        <v>0.91500000000000004</v>
      </c>
      <c r="V6059" s="2">
        <v>10.6</v>
      </c>
      <c r="W6059" s="2">
        <v>118.9</v>
      </c>
      <c r="X6059" s="2">
        <v>7.6</v>
      </c>
      <c r="Y6059" s="2">
        <v>10.6</v>
      </c>
      <c r="Z6059" s="5"/>
      <c r="AA6059" s="5" t="s">
        <v>43</v>
      </c>
      <c r="AB6059" s="5" t="s">
        <v>44</v>
      </c>
      <c r="AC6059" s="2"/>
      <c r="AD6059" s="1"/>
    </row>
    <row r="6060" spans="1:30">
      <c r="A6060" s="5" t="s">
        <v>83578</v>
      </c>
      <c r="B6060" s="2" t="s">
        <v>102295</v>
      </c>
      <c r="C6060" s="14" t="s">
        <v>102296</v>
      </c>
      <c r="D6060" s="2" t="s">
        <v>102297</v>
      </c>
      <c r="E6060" s="2" t="s">
        <v>7563</v>
      </c>
      <c r="F6060" s="8">
        <v>117</v>
      </c>
      <c r="G6060" s="5">
        <v>6</v>
      </c>
      <c r="H6060" s="5" t="s">
        <v>1518</v>
      </c>
      <c r="I6060" s="5" t="s">
        <v>69038</v>
      </c>
      <c r="J6060" s="2" t="s">
        <v>69039</v>
      </c>
      <c r="K6060" s="5" t="s">
        <v>69038</v>
      </c>
      <c r="L6060" s="2" t="s">
        <v>69039</v>
      </c>
      <c r="M6060" s="5" t="s">
        <v>1521</v>
      </c>
      <c r="N6060" s="5" t="s">
        <v>38</v>
      </c>
      <c r="O6060" s="5" t="s">
        <v>39</v>
      </c>
      <c r="P6060" s="5" t="s">
        <v>40</v>
      </c>
      <c r="Q6060" s="5" t="s">
        <v>1522</v>
      </c>
      <c r="R6060" s="5" t="s">
        <v>1523</v>
      </c>
      <c r="S6060" s="5" t="s">
        <v>42</v>
      </c>
      <c r="T6060" s="2">
        <v>1.222</v>
      </c>
      <c r="U6060" s="2">
        <v>0.85499999999999998</v>
      </c>
      <c r="V6060" s="2">
        <v>10.6</v>
      </c>
      <c r="W6060" s="2">
        <v>118.9</v>
      </c>
      <c r="X6060" s="2">
        <v>7.6</v>
      </c>
      <c r="Y6060" s="2">
        <v>10.6</v>
      </c>
      <c r="Z6060" s="5"/>
      <c r="AA6060" s="5" t="s">
        <v>43</v>
      </c>
      <c r="AB6060" s="5" t="s">
        <v>44</v>
      </c>
      <c r="AC6060" s="2"/>
      <c r="AD6060" s="1"/>
    </row>
    <row r="6061" spans="1:30">
      <c r="A6061" s="5" t="s">
        <v>83578</v>
      </c>
      <c r="B6061" s="2" t="s">
        <v>102298</v>
      </c>
      <c r="C6061" s="14" t="s">
        <v>102299</v>
      </c>
      <c r="D6061" s="2" t="s">
        <v>102300</v>
      </c>
      <c r="E6061" s="2" t="s">
        <v>7567</v>
      </c>
      <c r="F6061" s="8">
        <v>117</v>
      </c>
      <c r="G6061" s="5">
        <v>6</v>
      </c>
      <c r="H6061" s="5" t="s">
        <v>1518</v>
      </c>
      <c r="I6061" s="5" t="s">
        <v>69038</v>
      </c>
      <c r="J6061" s="2" t="s">
        <v>69039</v>
      </c>
      <c r="K6061" s="5" t="s">
        <v>69038</v>
      </c>
      <c r="L6061" s="2" t="s">
        <v>69039</v>
      </c>
      <c r="M6061" s="5" t="s">
        <v>1521</v>
      </c>
      <c r="N6061" s="5" t="s">
        <v>38</v>
      </c>
      <c r="O6061" s="5" t="s">
        <v>39</v>
      </c>
      <c r="P6061" s="5" t="s">
        <v>40</v>
      </c>
      <c r="Q6061" s="5" t="s">
        <v>1522</v>
      </c>
      <c r="R6061" s="5" t="s">
        <v>1523</v>
      </c>
      <c r="S6061" s="5" t="s">
        <v>42</v>
      </c>
      <c r="T6061" s="2">
        <v>1.282</v>
      </c>
      <c r="U6061" s="2">
        <v>0.91500000000000004</v>
      </c>
      <c r="V6061" s="2">
        <v>10.6</v>
      </c>
      <c r="W6061" s="2">
        <v>118.9</v>
      </c>
      <c r="X6061" s="2">
        <v>7.6</v>
      </c>
      <c r="Y6061" s="2">
        <v>10.6</v>
      </c>
      <c r="Z6061" s="5"/>
      <c r="AA6061" s="5" t="s">
        <v>43</v>
      </c>
      <c r="AB6061" s="5" t="s">
        <v>44</v>
      </c>
      <c r="AC6061" s="2"/>
      <c r="AD6061" s="1"/>
    </row>
    <row r="6062" spans="1:30">
      <c r="A6062" s="5" t="s">
        <v>83578</v>
      </c>
      <c r="B6062" s="2" t="s">
        <v>102301</v>
      </c>
      <c r="C6062" s="14" t="s">
        <v>102302</v>
      </c>
      <c r="D6062" s="2" t="s">
        <v>102303</v>
      </c>
      <c r="E6062" s="2" t="s">
        <v>7555</v>
      </c>
      <c r="F6062" s="8">
        <v>117</v>
      </c>
      <c r="G6062" s="5">
        <v>6</v>
      </c>
      <c r="H6062" s="5" t="s">
        <v>1518</v>
      </c>
      <c r="I6062" s="5" t="s">
        <v>69038</v>
      </c>
      <c r="J6062" s="2" t="s">
        <v>69039</v>
      </c>
      <c r="K6062" s="5" t="s">
        <v>69038</v>
      </c>
      <c r="L6062" s="2" t="s">
        <v>69039</v>
      </c>
      <c r="M6062" s="5" t="s">
        <v>1521</v>
      </c>
      <c r="N6062" s="5" t="s">
        <v>38</v>
      </c>
      <c r="O6062" s="5" t="s">
        <v>39</v>
      </c>
      <c r="P6062" s="5" t="s">
        <v>40</v>
      </c>
      <c r="Q6062" s="5" t="s">
        <v>1522</v>
      </c>
      <c r="R6062" s="5" t="s">
        <v>1523</v>
      </c>
      <c r="S6062" s="5" t="s">
        <v>42</v>
      </c>
      <c r="T6062" s="2">
        <v>1.222</v>
      </c>
      <c r="U6062" s="2">
        <v>0.85499999999999998</v>
      </c>
      <c r="V6062" s="2">
        <v>10.6</v>
      </c>
      <c r="W6062" s="2">
        <v>118.9</v>
      </c>
      <c r="X6062" s="2">
        <v>7.6</v>
      </c>
      <c r="Y6062" s="2">
        <v>10.6</v>
      </c>
      <c r="Z6062" s="5"/>
      <c r="AA6062" s="5" t="s">
        <v>43</v>
      </c>
      <c r="AB6062" s="5" t="s">
        <v>44</v>
      </c>
      <c r="AC6062" s="2"/>
      <c r="AD6062" s="1"/>
    </row>
    <row r="6063" spans="1:30">
      <c r="A6063" s="5" t="s">
        <v>83578</v>
      </c>
      <c r="B6063" s="2" t="s">
        <v>102304</v>
      </c>
      <c r="C6063" s="14" t="s">
        <v>102305</v>
      </c>
      <c r="D6063" s="2" t="s">
        <v>102306</v>
      </c>
      <c r="E6063" s="2" t="s">
        <v>7559</v>
      </c>
      <c r="F6063" s="8">
        <v>117</v>
      </c>
      <c r="G6063" s="5">
        <v>6</v>
      </c>
      <c r="H6063" s="5" t="s">
        <v>1518</v>
      </c>
      <c r="I6063" s="5" t="s">
        <v>69038</v>
      </c>
      <c r="J6063" s="2" t="s">
        <v>69039</v>
      </c>
      <c r="K6063" s="5" t="s">
        <v>69038</v>
      </c>
      <c r="L6063" s="2" t="s">
        <v>69039</v>
      </c>
      <c r="M6063" s="5" t="s">
        <v>1521</v>
      </c>
      <c r="N6063" s="5" t="s">
        <v>38</v>
      </c>
      <c r="O6063" s="5" t="s">
        <v>39</v>
      </c>
      <c r="P6063" s="5" t="s">
        <v>40</v>
      </c>
      <c r="Q6063" s="5" t="s">
        <v>1522</v>
      </c>
      <c r="R6063" s="5" t="s">
        <v>1523</v>
      </c>
      <c r="S6063" s="5" t="s">
        <v>42</v>
      </c>
      <c r="T6063" s="2">
        <v>1.282</v>
      </c>
      <c r="U6063" s="2">
        <v>0.91500000000000004</v>
      </c>
      <c r="V6063" s="2">
        <v>10.6</v>
      </c>
      <c r="W6063" s="2">
        <v>118.9</v>
      </c>
      <c r="X6063" s="2">
        <v>7.6</v>
      </c>
      <c r="Y6063" s="2">
        <v>10.6</v>
      </c>
      <c r="Z6063" s="5"/>
      <c r="AA6063" s="5" t="s">
        <v>43</v>
      </c>
      <c r="AB6063" s="5" t="s">
        <v>44</v>
      </c>
      <c r="AC6063" s="2"/>
      <c r="AD6063" s="1"/>
    </row>
    <row r="6064" spans="1:30">
      <c r="A6064" s="5" t="s">
        <v>83578</v>
      </c>
      <c r="B6064" s="2" t="s">
        <v>102307</v>
      </c>
      <c r="C6064" s="14" t="s">
        <v>102308</v>
      </c>
      <c r="D6064" s="2" t="s">
        <v>102309</v>
      </c>
      <c r="E6064" s="2" t="s">
        <v>7429</v>
      </c>
      <c r="F6064" s="8">
        <v>117</v>
      </c>
      <c r="G6064" s="5">
        <v>6</v>
      </c>
      <c r="H6064" s="5" t="s">
        <v>1518</v>
      </c>
      <c r="I6064" s="5" t="s">
        <v>69038</v>
      </c>
      <c r="J6064" s="2" t="s">
        <v>69039</v>
      </c>
      <c r="K6064" s="5" t="s">
        <v>69038</v>
      </c>
      <c r="L6064" s="2" t="s">
        <v>69039</v>
      </c>
      <c r="M6064" s="5" t="s">
        <v>1521</v>
      </c>
      <c r="N6064" s="5" t="s">
        <v>38</v>
      </c>
      <c r="O6064" s="5" t="s">
        <v>39</v>
      </c>
      <c r="P6064" s="5" t="s">
        <v>40</v>
      </c>
      <c r="Q6064" s="5" t="s">
        <v>1522</v>
      </c>
      <c r="R6064" s="5" t="s">
        <v>1523</v>
      </c>
      <c r="S6064" s="5" t="s">
        <v>42</v>
      </c>
      <c r="T6064" s="2">
        <v>1.222</v>
      </c>
      <c r="U6064" s="2">
        <v>0.85499999999999998</v>
      </c>
      <c r="V6064" s="2">
        <v>10.6</v>
      </c>
      <c r="W6064" s="2">
        <v>118.9</v>
      </c>
      <c r="X6064" s="2">
        <v>7.6</v>
      </c>
      <c r="Y6064" s="2">
        <v>10.6</v>
      </c>
      <c r="Z6064" s="5"/>
      <c r="AA6064" s="5" t="s">
        <v>43</v>
      </c>
      <c r="AB6064" s="5" t="s">
        <v>44</v>
      </c>
      <c r="AC6064" s="2"/>
      <c r="AD6064" s="1"/>
    </row>
    <row r="6065" spans="1:30">
      <c r="A6065" s="5" t="s">
        <v>83578</v>
      </c>
      <c r="B6065" s="2" t="s">
        <v>102310</v>
      </c>
      <c r="C6065" s="14" t="s">
        <v>102311</v>
      </c>
      <c r="D6065" s="2" t="s">
        <v>102312</v>
      </c>
      <c r="E6065" s="2" t="s">
        <v>7574</v>
      </c>
      <c r="F6065" s="8">
        <v>117</v>
      </c>
      <c r="G6065" s="5">
        <v>6</v>
      </c>
      <c r="H6065" s="5" t="s">
        <v>1518</v>
      </c>
      <c r="I6065" s="5" t="s">
        <v>69038</v>
      </c>
      <c r="J6065" s="2" t="s">
        <v>69039</v>
      </c>
      <c r="K6065" s="5" t="s">
        <v>69038</v>
      </c>
      <c r="L6065" s="2" t="s">
        <v>69039</v>
      </c>
      <c r="M6065" s="5" t="s">
        <v>1521</v>
      </c>
      <c r="N6065" s="5" t="s">
        <v>38</v>
      </c>
      <c r="O6065" s="5" t="s">
        <v>39</v>
      </c>
      <c r="P6065" s="5" t="s">
        <v>40</v>
      </c>
      <c r="Q6065" s="5" t="s">
        <v>1522</v>
      </c>
      <c r="R6065" s="5" t="s">
        <v>1523</v>
      </c>
      <c r="S6065" s="5" t="s">
        <v>42</v>
      </c>
      <c r="T6065" s="2">
        <v>1.282</v>
      </c>
      <c r="U6065" s="2">
        <v>0.91500000000000004</v>
      </c>
      <c r="V6065" s="2">
        <v>10.6</v>
      </c>
      <c r="W6065" s="2">
        <v>118.9</v>
      </c>
      <c r="X6065" s="2">
        <v>7.6</v>
      </c>
      <c r="Y6065" s="2">
        <v>10.6</v>
      </c>
      <c r="Z6065" s="5"/>
      <c r="AA6065" s="5" t="s">
        <v>43</v>
      </c>
      <c r="AB6065" s="5" t="s">
        <v>44</v>
      </c>
      <c r="AC6065" s="2"/>
      <c r="AD6065" s="1"/>
    </row>
    <row r="6066" spans="1:30">
      <c r="A6066" s="5" t="s">
        <v>83578</v>
      </c>
      <c r="B6066" s="2" t="s">
        <v>102313</v>
      </c>
      <c r="C6066" s="14" t="s">
        <v>102314</v>
      </c>
      <c r="D6066" s="2" t="s">
        <v>102315</v>
      </c>
      <c r="E6066" s="2" t="s">
        <v>7449</v>
      </c>
      <c r="F6066" s="8">
        <v>117</v>
      </c>
      <c r="G6066" s="5">
        <v>6</v>
      </c>
      <c r="H6066" s="5" t="s">
        <v>1518</v>
      </c>
      <c r="I6066" s="5" t="s">
        <v>69038</v>
      </c>
      <c r="J6066" s="2" t="s">
        <v>69039</v>
      </c>
      <c r="K6066" s="5" t="s">
        <v>69038</v>
      </c>
      <c r="L6066" s="2" t="s">
        <v>69039</v>
      </c>
      <c r="M6066" s="5" t="s">
        <v>1521</v>
      </c>
      <c r="N6066" s="5" t="s">
        <v>38</v>
      </c>
      <c r="O6066" s="5" t="s">
        <v>39</v>
      </c>
      <c r="P6066" s="5" t="s">
        <v>40</v>
      </c>
      <c r="Q6066" s="5" t="s">
        <v>1522</v>
      </c>
      <c r="R6066" s="5" t="s">
        <v>1523</v>
      </c>
      <c r="S6066" s="5" t="s">
        <v>42</v>
      </c>
      <c r="T6066" s="2">
        <v>1.222</v>
      </c>
      <c r="U6066" s="2">
        <v>0.85499999999999998</v>
      </c>
      <c r="V6066" s="2">
        <v>10.6</v>
      </c>
      <c r="W6066" s="2">
        <v>118.9</v>
      </c>
      <c r="X6066" s="2">
        <v>7.6</v>
      </c>
      <c r="Y6066" s="2">
        <v>10.6</v>
      </c>
      <c r="Z6066" s="5"/>
      <c r="AA6066" s="5" t="s">
        <v>43</v>
      </c>
      <c r="AB6066" s="5" t="s">
        <v>44</v>
      </c>
      <c r="AC6066" s="2"/>
      <c r="AD6066" s="1"/>
    </row>
    <row r="6067" spans="1:30">
      <c r="A6067" s="5" t="s">
        <v>83578</v>
      </c>
      <c r="B6067" s="2" t="s">
        <v>102316</v>
      </c>
      <c r="C6067" s="14" t="s">
        <v>102317</v>
      </c>
      <c r="D6067" s="2" t="s">
        <v>102318</v>
      </c>
      <c r="E6067" s="2" t="s">
        <v>7585</v>
      </c>
      <c r="F6067" s="8">
        <v>117</v>
      </c>
      <c r="G6067" s="5">
        <v>6</v>
      </c>
      <c r="H6067" s="5" t="s">
        <v>1518</v>
      </c>
      <c r="I6067" s="5" t="s">
        <v>69038</v>
      </c>
      <c r="J6067" s="2" t="s">
        <v>69039</v>
      </c>
      <c r="K6067" s="5" t="s">
        <v>69038</v>
      </c>
      <c r="L6067" s="2" t="s">
        <v>69039</v>
      </c>
      <c r="M6067" s="5" t="s">
        <v>1521</v>
      </c>
      <c r="N6067" s="5" t="s">
        <v>38</v>
      </c>
      <c r="O6067" s="5" t="s">
        <v>39</v>
      </c>
      <c r="P6067" s="5" t="s">
        <v>40</v>
      </c>
      <c r="Q6067" s="5" t="s">
        <v>1522</v>
      </c>
      <c r="R6067" s="5" t="s">
        <v>1523</v>
      </c>
      <c r="S6067" s="5" t="s">
        <v>42</v>
      </c>
      <c r="T6067" s="2">
        <v>1.222</v>
      </c>
      <c r="U6067" s="2">
        <v>0.85499999999999998</v>
      </c>
      <c r="V6067" s="2">
        <v>10.6</v>
      </c>
      <c r="W6067" s="2">
        <v>118.9</v>
      </c>
      <c r="X6067" s="2">
        <v>7.6</v>
      </c>
      <c r="Y6067" s="2">
        <v>10.6</v>
      </c>
      <c r="Z6067" s="5"/>
      <c r="AA6067" s="5" t="s">
        <v>43</v>
      </c>
      <c r="AB6067" s="5" t="s">
        <v>44</v>
      </c>
      <c r="AC6067" s="2"/>
      <c r="AD6067" s="1"/>
    </row>
    <row r="6068" spans="1:30">
      <c r="A6068" s="5" t="s">
        <v>83578</v>
      </c>
      <c r="B6068" s="2" t="s">
        <v>102319</v>
      </c>
      <c r="C6068" s="14" t="s">
        <v>102320</v>
      </c>
      <c r="D6068" s="2" t="s">
        <v>102321</v>
      </c>
      <c r="E6068" s="2" t="s">
        <v>7589</v>
      </c>
      <c r="F6068" s="8">
        <v>117</v>
      </c>
      <c r="G6068" s="5">
        <v>6</v>
      </c>
      <c r="H6068" s="5" t="s">
        <v>1518</v>
      </c>
      <c r="I6068" s="5" t="s">
        <v>69038</v>
      </c>
      <c r="J6068" s="2" t="s">
        <v>69039</v>
      </c>
      <c r="K6068" s="5" t="s">
        <v>69038</v>
      </c>
      <c r="L6068" s="2" t="s">
        <v>69039</v>
      </c>
      <c r="M6068" s="5" t="s">
        <v>1521</v>
      </c>
      <c r="N6068" s="5" t="s">
        <v>38</v>
      </c>
      <c r="O6068" s="5" t="s">
        <v>39</v>
      </c>
      <c r="P6068" s="5" t="s">
        <v>40</v>
      </c>
      <c r="Q6068" s="5" t="s">
        <v>1522</v>
      </c>
      <c r="R6068" s="5" t="s">
        <v>1523</v>
      </c>
      <c r="S6068" s="5" t="s">
        <v>42</v>
      </c>
      <c r="T6068" s="2">
        <v>1.282</v>
      </c>
      <c r="U6068" s="2">
        <v>0.91500000000000004</v>
      </c>
      <c r="V6068" s="2">
        <v>10.6</v>
      </c>
      <c r="W6068" s="2">
        <v>118.9</v>
      </c>
      <c r="X6068" s="2">
        <v>7.6</v>
      </c>
      <c r="Y6068" s="2">
        <v>10.6</v>
      </c>
      <c r="Z6068" s="5"/>
      <c r="AA6068" s="5" t="s">
        <v>43</v>
      </c>
      <c r="AB6068" s="5" t="s">
        <v>44</v>
      </c>
      <c r="AC6068" s="2"/>
      <c r="AD6068" s="1"/>
    </row>
    <row r="6069" spans="1:30">
      <c r="A6069" s="5" t="s">
        <v>83578</v>
      </c>
      <c r="B6069" s="2" t="s">
        <v>102322</v>
      </c>
      <c r="C6069" s="14" t="s">
        <v>102323</v>
      </c>
      <c r="D6069" s="2" t="s">
        <v>102324</v>
      </c>
      <c r="E6069" s="2" t="s">
        <v>7593</v>
      </c>
      <c r="F6069" s="8">
        <v>117</v>
      </c>
      <c r="G6069" s="5">
        <v>6</v>
      </c>
      <c r="H6069" s="5" t="s">
        <v>1518</v>
      </c>
      <c r="I6069" s="5" t="s">
        <v>69038</v>
      </c>
      <c r="J6069" s="2" t="s">
        <v>69039</v>
      </c>
      <c r="K6069" s="5" t="s">
        <v>69038</v>
      </c>
      <c r="L6069" s="2" t="s">
        <v>69039</v>
      </c>
      <c r="M6069" s="5" t="s">
        <v>1521</v>
      </c>
      <c r="N6069" s="5" t="s">
        <v>38</v>
      </c>
      <c r="O6069" s="5" t="s">
        <v>39</v>
      </c>
      <c r="P6069" s="5" t="s">
        <v>40</v>
      </c>
      <c r="Q6069" s="5" t="s">
        <v>1522</v>
      </c>
      <c r="R6069" s="5" t="s">
        <v>1523</v>
      </c>
      <c r="S6069" s="5" t="s">
        <v>42</v>
      </c>
      <c r="T6069" s="2">
        <v>1.222</v>
      </c>
      <c r="U6069" s="2">
        <v>0.85499999999999998</v>
      </c>
      <c r="V6069" s="2">
        <v>10.6</v>
      </c>
      <c r="W6069" s="2">
        <v>118.9</v>
      </c>
      <c r="X6069" s="2">
        <v>7.6</v>
      </c>
      <c r="Y6069" s="2">
        <v>10.6</v>
      </c>
      <c r="Z6069" s="5"/>
      <c r="AA6069" s="5" t="s">
        <v>43</v>
      </c>
      <c r="AB6069" s="5" t="s">
        <v>44</v>
      </c>
      <c r="AC6069" s="2"/>
      <c r="AD6069" s="1"/>
    </row>
    <row r="6070" spans="1:30">
      <c r="A6070" s="5" t="s">
        <v>83578</v>
      </c>
      <c r="B6070" s="2" t="s">
        <v>102325</v>
      </c>
      <c r="C6070" s="14" t="s">
        <v>102326</v>
      </c>
      <c r="D6070" s="2" t="s">
        <v>102327</v>
      </c>
      <c r="E6070" s="2" t="s">
        <v>7597</v>
      </c>
      <c r="F6070" s="8">
        <v>117</v>
      </c>
      <c r="G6070" s="5">
        <v>6</v>
      </c>
      <c r="H6070" s="5" t="s">
        <v>1518</v>
      </c>
      <c r="I6070" s="5" t="s">
        <v>69038</v>
      </c>
      <c r="J6070" s="2" t="s">
        <v>69039</v>
      </c>
      <c r="K6070" s="5" t="s">
        <v>69038</v>
      </c>
      <c r="L6070" s="2" t="s">
        <v>69039</v>
      </c>
      <c r="M6070" s="5" t="s">
        <v>1521</v>
      </c>
      <c r="N6070" s="5" t="s">
        <v>38</v>
      </c>
      <c r="O6070" s="5" t="s">
        <v>39</v>
      </c>
      <c r="P6070" s="5" t="s">
        <v>40</v>
      </c>
      <c r="Q6070" s="5" t="s">
        <v>1522</v>
      </c>
      <c r="R6070" s="5" t="s">
        <v>1523</v>
      </c>
      <c r="S6070" s="5" t="s">
        <v>42</v>
      </c>
      <c r="T6070" s="2">
        <v>1.282</v>
      </c>
      <c r="U6070" s="2">
        <v>0.91500000000000004</v>
      </c>
      <c r="V6070" s="2">
        <v>10.6</v>
      </c>
      <c r="W6070" s="2">
        <v>118.9</v>
      </c>
      <c r="X6070" s="2">
        <v>7.6</v>
      </c>
      <c r="Y6070" s="2">
        <v>10.6</v>
      </c>
      <c r="Z6070" s="5"/>
      <c r="AA6070" s="5" t="s">
        <v>43</v>
      </c>
      <c r="AB6070" s="5" t="s">
        <v>44</v>
      </c>
      <c r="AC6070" s="2"/>
      <c r="AD6070" s="1"/>
    </row>
    <row r="6071" spans="1:30">
      <c r="A6071" s="5" t="s">
        <v>83578</v>
      </c>
      <c r="B6071" s="2" t="s">
        <v>102328</v>
      </c>
      <c r="C6071" s="14" t="s">
        <v>102329</v>
      </c>
      <c r="D6071" s="2" t="s">
        <v>102330</v>
      </c>
      <c r="E6071" s="2" t="s">
        <v>7433</v>
      </c>
      <c r="F6071" s="8">
        <v>117</v>
      </c>
      <c r="G6071" s="5">
        <v>6</v>
      </c>
      <c r="H6071" s="5" t="s">
        <v>1518</v>
      </c>
      <c r="I6071" s="5" t="s">
        <v>69038</v>
      </c>
      <c r="J6071" s="2" t="s">
        <v>69039</v>
      </c>
      <c r="K6071" s="5" t="s">
        <v>69038</v>
      </c>
      <c r="L6071" s="2" t="s">
        <v>69039</v>
      </c>
      <c r="M6071" s="5" t="s">
        <v>1521</v>
      </c>
      <c r="N6071" s="5" t="s">
        <v>38</v>
      </c>
      <c r="O6071" s="5" t="s">
        <v>39</v>
      </c>
      <c r="P6071" s="5" t="s">
        <v>40</v>
      </c>
      <c r="Q6071" s="5" t="s">
        <v>1522</v>
      </c>
      <c r="R6071" s="5" t="s">
        <v>1523</v>
      </c>
      <c r="S6071" s="5" t="s">
        <v>42</v>
      </c>
      <c r="T6071" s="2">
        <v>1.222</v>
      </c>
      <c r="U6071" s="2">
        <v>0.85499999999999998</v>
      </c>
      <c r="V6071" s="2">
        <v>10.6</v>
      </c>
      <c r="W6071" s="2">
        <v>118.9</v>
      </c>
      <c r="X6071" s="2">
        <v>7.6</v>
      </c>
      <c r="Y6071" s="2">
        <v>10.6</v>
      </c>
      <c r="Z6071" s="5"/>
      <c r="AA6071" s="5" t="s">
        <v>43</v>
      </c>
      <c r="AB6071" s="5" t="s">
        <v>44</v>
      </c>
      <c r="AC6071" s="2"/>
      <c r="AD6071" s="1"/>
    </row>
    <row r="6072" spans="1:30">
      <c r="A6072" s="5" t="s">
        <v>83578</v>
      </c>
      <c r="B6072" s="2" t="s">
        <v>102331</v>
      </c>
      <c r="C6072" s="14" t="s">
        <v>102332</v>
      </c>
      <c r="D6072" s="2" t="s">
        <v>102333</v>
      </c>
      <c r="E6072" s="2" t="s">
        <v>7615</v>
      </c>
      <c r="F6072" s="8">
        <v>117</v>
      </c>
      <c r="G6072" s="5">
        <v>6</v>
      </c>
      <c r="H6072" s="5" t="s">
        <v>1518</v>
      </c>
      <c r="I6072" s="5" t="s">
        <v>69038</v>
      </c>
      <c r="J6072" s="2" t="s">
        <v>69039</v>
      </c>
      <c r="K6072" s="5" t="s">
        <v>69038</v>
      </c>
      <c r="L6072" s="2" t="s">
        <v>69039</v>
      </c>
      <c r="M6072" s="5" t="s">
        <v>1521</v>
      </c>
      <c r="N6072" s="5" t="s">
        <v>38</v>
      </c>
      <c r="O6072" s="5" t="s">
        <v>39</v>
      </c>
      <c r="P6072" s="5" t="s">
        <v>40</v>
      </c>
      <c r="Q6072" s="5" t="s">
        <v>1522</v>
      </c>
      <c r="R6072" s="5" t="s">
        <v>1523</v>
      </c>
      <c r="S6072" s="5" t="s">
        <v>42</v>
      </c>
      <c r="T6072" s="2">
        <v>1.222</v>
      </c>
      <c r="U6072" s="2">
        <v>0.85499999999999998</v>
      </c>
      <c r="V6072" s="2">
        <v>10.6</v>
      </c>
      <c r="W6072" s="2">
        <v>118.9</v>
      </c>
      <c r="X6072" s="2">
        <v>7.6</v>
      </c>
      <c r="Y6072" s="2">
        <v>10.6</v>
      </c>
      <c r="Z6072" s="5"/>
      <c r="AA6072" s="5" t="s">
        <v>43</v>
      </c>
      <c r="AB6072" s="5" t="s">
        <v>44</v>
      </c>
      <c r="AC6072" s="2"/>
      <c r="AD6072" s="1"/>
    </row>
    <row r="6073" spans="1:30">
      <c r="A6073" s="5" t="s">
        <v>83578</v>
      </c>
      <c r="B6073" s="2" t="s">
        <v>102334</v>
      </c>
      <c r="C6073" s="14" t="s">
        <v>102335</v>
      </c>
      <c r="D6073" s="2" t="s">
        <v>102336</v>
      </c>
      <c r="E6073" s="2" t="s">
        <v>7410</v>
      </c>
      <c r="F6073" s="8">
        <v>117</v>
      </c>
      <c r="G6073" s="5">
        <v>6</v>
      </c>
      <c r="H6073" s="5" t="s">
        <v>1518</v>
      </c>
      <c r="I6073" s="5" t="s">
        <v>69038</v>
      </c>
      <c r="J6073" s="2" t="s">
        <v>69039</v>
      </c>
      <c r="K6073" s="5" t="s">
        <v>69038</v>
      </c>
      <c r="L6073" s="2" t="s">
        <v>69039</v>
      </c>
      <c r="M6073" s="5" t="s">
        <v>1521</v>
      </c>
      <c r="N6073" s="5" t="s">
        <v>38</v>
      </c>
      <c r="O6073" s="5" t="s">
        <v>39</v>
      </c>
      <c r="P6073" s="5" t="s">
        <v>40</v>
      </c>
      <c r="Q6073" s="5" t="s">
        <v>1522</v>
      </c>
      <c r="R6073" s="5" t="s">
        <v>1523</v>
      </c>
      <c r="S6073" s="5" t="s">
        <v>42</v>
      </c>
      <c r="T6073" s="2">
        <v>1.222</v>
      </c>
      <c r="U6073" s="2">
        <v>0.85499999999999998</v>
      </c>
      <c r="V6073" s="2">
        <v>10.6</v>
      </c>
      <c r="W6073" s="2">
        <v>118.9</v>
      </c>
      <c r="X6073" s="2">
        <v>7.6</v>
      </c>
      <c r="Y6073" s="2">
        <v>10.6</v>
      </c>
      <c r="Z6073" s="5"/>
      <c r="AA6073" s="5" t="s">
        <v>43</v>
      </c>
      <c r="AB6073" s="5" t="s">
        <v>44</v>
      </c>
      <c r="AC6073" s="2"/>
      <c r="AD6073" s="1"/>
    </row>
    <row r="6074" spans="1:30">
      <c r="A6074" s="5" t="s">
        <v>83578</v>
      </c>
      <c r="B6074" s="2" t="s">
        <v>102337</v>
      </c>
      <c r="C6074" s="14" t="s">
        <v>102338</v>
      </c>
      <c r="D6074" s="2" t="s">
        <v>102339</v>
      </c>
      <c r="E6074" s="2" t="s">
        <v>7604</v>
      </c>
      <c r="F6074" s="8">
        <v>117</v>
      </c>
      <c r="G6074" s="5">
        <v>6</v>
      </c>
      <c r="H6074" s="5" t="s">
        <v>1518</v>
      </c>
      <c r="I6074" s="5" t="s">
        <v>69038</v>
      </c>
      <c r="J6074" s="2" t="s">
        <v>69039</v>
      </c>
      <c r="K6074" s="5" t="s">
        <v>69038</v>
      </c>
      <c r="L6074" s="2" t="s">
        <v>69039</v>
      </c>
      <c r="M6074" s="5" t="s">
        <v>1521</v>
      </c>
      <c r="N6074" s="5" t="s">
        <v>38</v>
      </c>
      <c r="O6074" s="5" t="s">
        <v>39</v>
      </c>
      <c r="P6074" s="5" t="s">
        <v>40</v>
      </c>
      <c r="Q6074" s="5" t="s">
        <v>1522</v>
      </c>
      <c r="R6074" s="5" t="s">
        <v>1523</v>
      </c>
      <c r="S6074" s="5" t="s">
        <v>42</v>
      </c>
      <c r="T6074" s="2">
        <v>1.282</v>
      </c>
      <c r="U6074" s="2">
        <v>0.91500000000000004</v>
      </c>
      <c r="V6074" s="2">
        <v>10.6</v>
      </c>
      <c r="W6074" s="2">
        <v>118.9</v>
      </c>
      <c r="X6074" s="2">
        <v>7.6</v>
      </c>
      <c r="Y6074" s="2">
        <v>10.6</v>
      </c>
      <c r="Z6074" s="5"/>
      <c r="AA6074" s="5" t="s">
        <v>43</v>
      </c>
      <c r="AB6074" s="5" t="s">
        <v>44</v>
      </c>
      <c r="AC6074" s="2"/>
      <c r="AD6074" s="1"/>
    </row>
    <row r="6075" spans="1:30">
      <c r="A6075" s="5" t="s">
        <v>83578</v>
      </c>
      <c r="B6075" s="2" t="s">
        <v>102340</v>
      </c>
      <c r="C6075" s="14" t="s">
        <v>102341</v>
      </c>
      <c r="D6075" s="2" t="s">
        <v>102342</v>
      </c>
      <c r="E6075" s="2" t="s">
        <v>7406</v>
      </c>
      <c r="F6075" s="8">
        <v>115</v>
      </c>
      <c r="G6075" s="5">
        <v>6</v>
      </c>
      <c r="H6075" s="5" t="s">
        <v>1518</v>
      </c>
      <c r="I6075" s="5" t="s">
        <v>69038</v>
      </c>
      <c r="J6075" s="2" t="s">
        <v>69039</v>
      </c>
      <c r="K6075" s="5" t="s">
        <v>69038</v>
      </c>
      <c r="L6075" s="2" t="s">
        <v>69039</v>
      </c>
      <c r="M6075" s="5" t="s">
        <v>1521</v>
      </c>
      <c r="N6075" s="5" t="s">
        <v>38</v>
      </c>
      <c r="O6075" s="5" t="s">
        <v>39</v>
      </c>
      <c r="P6075" s="5" t="s">
        <v>40</v>
      </c>
      <c r="Q6075" s="5" t="s">
        <v>1522</v>
      </c>
      <c r="R6075" s="5" t="s">
        <v>1523</v>
      </c>
      <c r="S6075" s="5" t="s">
        <v>42</v>
      </c>
      <c r="T6075" s="2">
        <v>1.0820000000000001</v>
      </c>
      <c r="U6075" s="2">
        <v>0.83299999999999996</v>
      </c>
      <c r="V6075" s="2">
        <v>10.6</v>
      </c>
      <c r="W6075" s="2">
        <v>76.900000000000006</v>
      </c>
      <c r="X6075" s="2">
        <v>7.6</v>
      </c>
      <c r="Y6075" s="2">
        <v>10.6</v>
      </c>
      <c r="Z6075" s="5"/>
      <c r="AA6075" s="5" t="s">
        <v>43</v>
      </c>
      <c r="AB6075" s="5" t="s">
        <v>44</v>
      </c>
      <c r="AC6075" s="2"/>
      <c r="AD6075" s="1"/>
    </row>
    <row r="6076" spans="1:30">
      <c r="A6076" s="5" t="s">
        <v>83578</v>
      </c>
      <c r="B6076" s="2" t="s">
        <v>102343</v>
      </c>
      <c r="C6076" s="14" t="s">
        <v>102344</v>
      </c>
      <c r="D6076" s="2" t="s">
        <v>102345</v>
      </c>
      <c r="E6076" s="2" t="s">
        <v>7535</v>
      </c>
      <c r="F6076" s="8">
        <v>115</v>
      </c>
      <c r="G6076" s="5">
        <v>6</v>
      </c>
      <c r="H6076" s="5" t="s">
        <v>1518</v>
      </c>
      <c r="I6076" s="5" t="s">
        <v>69038</v>
      </c>
      <c r="J6076" s="2" t="s">
        <v>69039</v>
      </c>
      <c r="K6076" s="5" t="s">
        <v>69038</v>
      </c>
      <c r="L6076" s="2" t="s">
        <v>69039</v>
      </c>
      <c r="M6076" s="5" t="s">
        <v>1521</v>
      </c>
      <c r="N6076" s="5" t="s">
        <v>38</v>
      </c>
      <c r="O6076" s="5" t="s">
        <v>39</v>
      </c>
      <c r="P6076" s="5" t="s">
        <v>40</v>
      </c>
      <c r="Q6076" s="5" t="s">
        <v>1522</v>
      </c>
      <c r="R6076" s="5" t="s">
        <v>1523</v>
      </c>
      <c r="S6076" s="5" t="s">
        <v>42</v>
      </c>
      <c r="T6076" s="2">
        <v>1.131</v>
      </c>
      <c r="U6076" s="2">
        <v>0.88200000000000001</v>
      </c>
      <c r="V6076" s="2">
        <v>10.6</v>
      </c>
      <c r="W6076" s="2">
        <v>76.900000000000006</v>
      </c>
      <c r="X6076" s="2">
        <v>7.6</v>
      </c>
      <c r="Y6076" s="2">
        <v>10.6</v>
      </c>
      <c r="Z6076" s="5"/>
      <c r="AA6076" s="5" t="s">
        <v>43</v>
      </c>
      <c r="AB6076" s="5" t="s">
        <v>44</v>
      </c>
      <c r="AC6076" s="2"/>
      <c r="AD6076" s="1"/>
    </row>
    <row r="6077" spans="1:30">
      <c r="A6077" s="5" t="s">
        <v>83578</v>
      </c>
      <c r="B6077" s="2" t="s">
        <v>102346</v>
      </c>
      <c r="C6077" s="14" t="s">
        <v>102347</v>
      </c>
      <c r="D6077" s="2" t="s">
        <v>102348</v>
      </c>
      <c r="E6077" s="2" t="s">
        <v>7539</v>
      </c>
      <c r="F6077" s="8">
        <v>115</v>
      </c>
      <c r="G6077" s="5">
        <v>6</v>
      </c>
      <c r="H6077" s="5" t="s">
        <v>1518</v>
      </c>
      <c r="I6077" s="5" t="s">
        <v>69038</v>
      </c>
      <c r="J6077" s="2" t="s">
        <v>69039</v>
      </c>
      <c r="K6077" s="5" t="s">
        <v>69038</v>
      </c>
      <c r="L6077" s="2" t="s">
        <v>69039</v>
      </c>
      <c r="M6077" s="5" t="s">
        <v>1521</v>
      </c>
      <c r="N6077" s="5" t="s">
        <v>38</v>
      </c>
      <c r="O6077" s="5" t="s">
        <v>39</v>
      </c>
      <c r="P6077" s="5" t="s">
        <v>40</v>
      </c>
      <c r="Q6077" s="5" t="s">
        <v>1522</v>
      </c>
      <c r="R6077" s="5" t="s">
        <v>1523</v>
      </c>
      <c r="S6077" s="5" t="s">
        <v>42</v>
      </c>
      <c r="T6077" s="2">
        <v>1.0820000000000001</v>
      </c>
      <c r="U6077" s="2">
        <v>0.83299999999999996</v>
      </c>
      <c r="V6077" s="2">
        <v>10.6</v>
      </c>
      <c r="W6077" s="2">
        <v>76.900000000000006</v>
      </c>
      <c r="X6077" s="2">
        <v>7.6</v>
      </c>
      <c r="Y6077" s="2">
        <v>10.6</v>
      </c>
      <c r="Z6077" s="5"/>
      <c r="AA6077" s="5" t="s">
        <v>43</v>
      </c>
      <c r="AB6077" s="5" t="s">
        <v>44</v>
      </c>
      <c r="AC6077" s="2"/>
      <c r="AD6077" s="1"/>
    </row>
    <row r="6078" spans="1:30">
      <c r="A6078" s="5" t="s">
        <v>83578</v>
      </c>
      <c r="B6078" s="2" t="s">
        <v>102349</v>
      </c>
      <c r="C6078" s="14" t="s">
        <v>102350</v>
      </c>
      <c r="D6078" s="2" t="s">
        <v>102351</v>
      </c>
      <c r="E6078" s="2" t="s">
        <v>7543</v>
      </c>
      <c r="F6078" s="8">
        <v>115</v>
      </c>
      <c r="G6078" s="5">
        <v>6</v>
      </c>
      <c r="H6078" s="5" t="s">
        <v>1518</v>
      </c>
      <c r="I6078" s="5" t="s">
        <v>69038</v>
      </c>
      <c r="J6078" s="2" t="s">
        <v>69039</v>
      </c>
      <c r="K6078" s="5" t="s">
        <v>69038</v>
      </c>
      <c r="L6078" s="2" t="s">
        <v>69039</v>
      </c>
      <c r="M6078" s="5" t="s">
        <v>1521</v>
      </c>
      <c r="N6078" s="5" t="s">
        <v>38</v>
      </c>
      <c r="O6078" s="5" t="s">
        <v>39</v>
      </c>
      <c r="P6078" s="5" t="s">
        <v>40</v>
      </c>
      <c r="Q6078" s="5" t="s">
        <v>1522</v>
      </c>
      <c r="R6078" s="5" t="s">
        <v>1523</v>
      </c>
      <c r="S6078" s="5" t="s">
        <v>42</v>
      </c>
      <c r="T6078" s="2">
        <v>1.131</v>
      </c>
      <c r="U6078" s="2">
        <v>0.88200000000000001</v>
      </c>
      <c r="V6078" s="2">
        <v>10.6</v>
      </c>
      <c r="W6078" s="2">
        <v>76.900000000000006</v>
      </c>
      <c r="X6078" s="2">
        <v>7.6</v>
      </c>
      <c r="Y6078" s="2">
        <v>10.6</v>
      </c>
      <c r="Z6078" s="5"/>
      <c r="AA6078" s="5" t="s">
        <v>43</v>
      </c>
      <c r="AB6078" s="5" t="s">
        <v>44</v>
      </c>
      <c r="AC6078" s="2"/>
      <c r="AD6078" s="1"/>
    </row>
    <row r="6079" spans="1:30">
      <c r="A6079" s="5" t="s">
        <v>83578</v>
      </c>
      <c r="B6079" s="2" t="s">
        <v>102352</v>
      </c>
      <c r="C6079" s="14" t="s">
        <v>102353</v>
      </c>
      <c r="D6079" s="2" t="s">
        <v>102354</v>
      </c>
      <c r="E6079" s="2" t="s">
        <v>7547</v>
      </c>
      <c r="F6079" s="8">
        <v>115</v>
      </c>
      <c r="G6079" s="5">
        <v>6</v>
      </c>
      <c r="H6079" s="5" t="s">
        <v>1518</v>
      </c>
      <c r="I6079" s="5" t="s">
        <v>69038</v>
      </c>
      <c r="J6079" s="2" t="s">
        <v>69039</v>
      </c>
      <c r="K6079" s="5" t="s">
        <v>69038</v>
      </c>
      <c r="L6079" s="2" t="s">
        <v>69039</v>
      </c>
      <c r="M6079" s="5" t="s">
        <v>1521</v>
      </c>
      <c r="N6079" s="5" t="s">
        <v>38</v>
      </c>
      <c r="O6079" s="5" t="s">
        <v>39</v>
      </c>
      <c r="P6079" s="5" t="s">
        <v>40</v>
      </c>
      <c r="Q6079" s="5" t="s">
        <v>1522</v>
      </c>
      <c r="R6079" s="5" t="s">
        <v>1523</v>
      </c>
      <c r="S6079" s="5" t="s">
        <v>42</v>
      </c>
      <c r="T6079" s="2">
        <v>1.0820000000000001</v>
      </c>
      <c r="U6079" s="2">
        <v>0.83299999999999996</v>
      </c>
      <c r="V6079" s="2">
        <v>10.6</v>
      </c>
      <c r="W6079" s="2">
        <v>76.900000000000006</v>
      </c>
      <c r="X6079" s="2">
        <v>7.6</v>
      </c>
      <c r="Y6079" s="2">
        <v>10.6</v>
      </c>
      <c r="Z6079" s="5"/>
      <c r="AA6079" s="5" t="s">
        <v>43</v>
      </c>
      <c r="AB6079" s="5" t="s">
        <v>44</v>
      </c>
      <c r="AC6079" s="2"/>
      <c r="AD6079" s="1"/>
    </row>
    <row r="6080" spans="1:30">
      <c r="A6080" s="5" t="s">
        <v>83578</v>
      </c>
      <c r="B6080" s="2" t="s">
        <v>102355</v>
      </c>
      <c r="C6080" s="14" t="s">
        <v>102356</v>
      </c>
      <c r="D6080" s="2" t="s">
        <v>102357</v>
      </c>
      <c r="E6080" s="2" t="s">
        <v>7551</v>
      </c>
      <c r="F6080" s="8">
        <v>115</v>
      </c>
      <c r="G6080" s="5">
        <v>6</v>
      </c>
      <c r="H6080" s="5" t="s">
        <v>1518</v>
      </c>
      <c r="I6080" s="5" t="s">
        <v>69038</v>
      </c>
      <c r="J6080" s="2" t="s">
        <v>69039</v>
      </c>
      <c r="K6080" s="5" t="s">
        <v>69038</v>
      </c>
      <c r="L6080" s="2" t="s">
        <v>69039</v>
      </c>
      <c r="M6080" s="5" t="s">
        <v>1521</v>
      </c>
      <c r="N6080" s="5" t="s">
        <v>38</v>
      </c>
      <c r="O6080" s="5" t="s">
        <v>39</v>
      </c>
      <c r="P6080" s="5" t="s">
        <v>40</v>
      </c>
      <c r="Q6080" s="5" t="s">
        <v>1522</v>
      </c>
      <c r="R6080" s="5" t="s">
        <v>1523</v>
      </c>
      <c r="S6080" s="5" t="s">
        <v>42</v>
      </c>
      <c r="T6080" s="2">
        <v>1.131</v>
      </c>
      <c r="U6080" s="2">
        <v>0.88200000000000001</v>
      </c>
      <c r="V6080" s="2">
        <v>10.6</v>
      </c>
      <c r="W6080" s="2">
        <v>76.900000000000006</v>
      </c>
      <c r="X6080" s="2">
        <v>7.6</v>
      </c>
      <c r="Y6080" s="2">
        <v>10.6</v>
      </c>
      <c r="Z6080" s="5"/>
      <c r="AA6080" s="5" t="s">
        <v>43</v>
      </c>
      <c r="AB6080" s="5" t="s">
        <v>44</v>
      </c>
      <c r="AC6080" s="2"/>
      <c r="AD6080" s="1"/>
    </row>
    <row r="6081" spans="1:30">
      <c r="A6081" s="5" t="s">
        <v>83578</v>
      </c>
      <c r="B6081" s="2" t="s">
        <v>102358</v>
      </c>
      <c r="C6081" s="14" t="s">
        <v>102359</v>
      </c>
      <c r="D6081" s="2" t="s">
        <v>102360</v>
      </c>
      <c r="E6081" s="2" t="s">
        <v>7563</v>
      </c>
      <c r="F6081" s="8">
        <v>115</v>
      </c>
      <c r="G6081" s="5">
        <v>6</v>
      </c>
      <c r="H6081" s="5" t="s">
        <v>1518</v>
      </c>
      <c r="I6081" s="5" t="s">
        <v>69038</v>
      </c>
      <c r="J6081" s="2" t="s">
        <v>69039</v>
      </c>
      <c r="K6081" s="5" t="s">
        <v>69038</v>
      </c>
      <c r="L6081" s="2" t="s">
        <v>69039</v>
      </c>
      <c r="M6081" s="5" t="s">
        <v>1521</v>
      </c>
      <c r="N6081" s="5" t="s">
        <v>38</v>
      </c>
      <c r="O6081" s="5" t="s">
        <v>39</v>
      </c>
      <c r="P6081" s="5" t="s">
        <v>40</v>
      </c>
      <c r="Q6081" s="5" t="s">
        <v>1522</v>
      </c>
      <c r="R6081" s="5" t="s">
        <v>1523</v>
      </c>
      <c r="S6081" s="5" t="s">
        <v>42</v>
      </c>
      <c r="T6081" s="2">
        <v>1.0820000000000001</v>
      </c>
      <c r="U6081" s="2">
        <v>0.83299999999999996</v>
      </c>
      <c r="V6081" s="2">
        <v>10.6</v>
      </c>
      <c r="W6081" s="2">
        <v>76.900000000000006</v>
      </c>
      <c r="X6081" s="2">
        <v>7.6</v>
      </c>
      <c r="Y6081" s="2">
        <v>10.6</v>
      </c>
      <c r="Z6081" s="5"/>
      <c r="AA6081" s="5" t="s">
        <v>43</v>
      </c>
      <c r="AB6081" s="5" t="s">
        <v>44</v>
      </c>
      <c r="AC6081" s="2"/>
      <c r="AD6081" s="1"/>
    </row>
    <row r="6082" spans="1:30">
      <c r="A6082" s="5" t="s">
        <v>83578</v>
      </c>
      <c r="B6082" s="2" t="s">
        <v>102361</v>
      </c>
      <c r="C6082" s="14" t="s">
        <v>102362</v>
      </c>
      <c r="D6082" s="2" t="s">
        <v>102363</v>
      </c>
      <c r="E6082" s="2" t="s">
        <v>7567</v>
      </c>
      <c r="F6082" s="8">
        <v>115</v>
      </c>
      <c r="G6082" s="5">
        <v>6</v>
      </c>
      <c r="H6082" s="5" t="s">
        <v>1518</v>
      </c>
      <c r="I6082" s="5" t="s">
        <v>69038</v>
      </c>
      <c r="J6082" s="2" t="s">
        <v>69039</v>
      </c>
      <c r="K6082" s="5" t="s">
        <v>69038</v>
      </c>
      <c r="L6082" s="2" t="s">
        <v>69039</v>
      </c>
      <c r="M6082" s="5" t="s">
        <v>1521</v>
      </c>
      <c r="N6082" s="5" t="s">
        <v>38</v>
      </c>
      <c r="O6082" s="5" t="s">
        <v>39</v>
      </c>
      <c r="P6082" s="5" t="s">
        <v>40</v>
      </c>
      <c r="Q6082" s="5" t="s">
        <v>1522</v>
      </c>
      <c r="R6082" s="5" t="s">
        <v>1523</v>
      </c>
      <c r="S6082" s="5" t="s">
        <v>42</v>
      </c>
      <c r="T6082" s="2">
        <v>1.131</v>
      </c>
      <c r="U6082" s="2">
        <v>0.88200000000000001</v>
      </c>
      <c r="V6082" s="2">
        <v>10.6</v>
      </c>
      <c r="W6082" s="2">
        <v>76.900000000000006</v>
      </c>
      <c r="X6082" s="2">
        <v>7.6</v>
      </c>
      <c r="Y6082" s="2">
        <v>10.6</v>
      </c>
      <c r="Z6082" s="5"/>
      <c r="AA6082" s="5" t="s">
        <v>43</v>
      </c>
      <c r="AB6082" s="5" t="s">
        <v>44</v>
      </c>
      <c r="AC6082" s="2"/>
      <c r="AD6082" s="1"/>
    </row>
    <row r="6083" spans="1:30">
      <c r="A6083" s="5" t="s">
        <v>83578</v>
      </c>
      <c r="B6083" s="2" t="s">
        <v>102364</v>
      </c>
      <c r="C6083" s="14" t="s">
        <v>102365</v>
      </c>
      <c r="D6083" s="2" t="s">
        <v>102366</v>
      </c>
      <c r="E6083" s="2" t="s">
        <v>7555</v>
      </c>
      <c r="F6083" s="8">
        <v>115</v>
      </c>
      <c r="G6083" s="5">
        <v>6</v>
      </c>
      <c r="H6083" s="5" t="s">
        <v>1518</v>
      </c>
      <c r="I6083" s="5" t="s">
        <v>69038</v>
      </c>
      <c r="J6083" s="2" t="s">
        <v>69039</v>
      </c>
      <c r="K6083" s="5" t="s">
        <v>69038</v>
      </c>
      <c r="L6083" s="2" t="s">
        <v>69039</v>
      </c>
      <c r="M6083" s="5" t="s">
        <v>1521</v>
      </c>
      <c r="N6083" s="5" t="s">
        <v>38</v>
      </c>
      <c r="O6083" s="5" t="s">
        <v>39</v>
      </c>
      <c r="P6083" s="5" t="s">
        <v>40</v>
      </c>
      <c r="Q6083" s="5" t="s">
        <v>1522</v>
      </c>
      <c r="R6083" s="5" t="s">
        <v>1523</v>
      </c>
      <c r="S6083" s="5" t="s">
        <v>42</v>
      </c>
      <c r="T6083" s="2">
        <v>1.0820000000000001</v>
      </c>
      <c r="U6083" s="2">
        <v>0.83299999999999996</v>
      </c>
      <c r="V6083" s="2">
        <v>10.6</v>
      </c>
      <c r="W6083" s="2">
        <v>76.900000000000006</v>
      </c>
      <c r="X6083" s="2">
        <v>7.6</v>
      </c>
      <c r="Y6083" s="2">
        <v>10.6</v>
      </c>
      <c r="Z6083" s="5"/>
      <c r="AA6083" s="5" t="s">
        <v>43</v>
      </c>
      <c r="AB6083" s="5" t="s">
        <v>44</v>
      </c>
      <c r="AC6083" s="2"/>
      <c r="AD6083" s="1"/>
    </row>
    <row r="6084" spans="1:30">
      <c r="A6084" s="5" t="s">
        <v>83578</v>
      </c>
      <c r="B6084" s="2" t="s">
        <v>102367</v>
      </c>
      <c r="C6084" s="14" t="s">
        <v>102368</v>
      </c>
      <c r="D6084" s="2" t="s">
        <v>102369</v>
      </c>
      <c r="E6084" s="2" t="s">
        <v>7559</v>
      </c>
      <c r="F6084" s="8">
        <v>115</v>
      </c>
      <c r="G6084" s="5">
        <v>6</v>
      </c>
      <c r="H6084" s="5" t="s">
        <v>1518</v>
      </c>
      <c r="I6084" s="5" t="s">
        <v>69038</v>
      </c>
      <c r="J6084" s="2" t="s">
        <v>69039</v>
      </c>
      <c r="K6084" s="5" t="s">
        <v>69038</v>
      </c>
      <c r="L6084" s="2" t="s">
        <v>69039</v>
      </c>
      <c r="M6084" s="5" t="s">
        <v>1521</v>
      </c>
      <c r="N6084" s="5" t="s">
        <v>38</v>
      </c>
      <c r="O6084" s="5" t="s">
        <v>39</v>
      </c>
      <c r="P6084" s="5" t="s">
        <v>40</v>
      </c>
      <c r="Q6084" s="5" t="s">
        <v>1522</v>
      </c>
      <c r="R6084" s="5" t="s">
        <v>1523</v>
      </c>
      <c r="S6084" s="5" t="s">
        <v>42</v>
      </c>
      <c r="T6084" s="2">
        <v>1.131</v>
      </c>
      <c r="U6084" s="2">
        <v>0.88200000000000001</v>
      </c>
      <c r="V6084" s="2">
        <v>10.6</v>
      </c>
      <c r="W6084" s="2">
        <v>76.900000000000006</v>
      </c>
      <c r="X6084" s="2">
        <v>7.6</v>
      </c>
      <c r="Y6084" s="2">
        <v>10.6</v>
      </c>
      <c r="Z6084" s="5"/>
      <c r="AA6084" s="5" t="s">
        <v>43</v>
      </c>
      <c r="AB6084" s="5" t="s">
        <v>44</v>
      </c>
      <c r="AC6084" s="2"/>
      <c r="AD6084" s="1"/>
    </row>
    <row r="6085" spans="1:30">
      <c r="A6085" s="5" t="s">
        <v>83578</v>
      </c>
      <c r="B6085" s="2" t="s">
        <v>102370</v>
      </c>
      <c r="C6085" s="14" t="s">
        <v>102371</v>
      </c>
      <c r="D6085" s="2" t="s">
        <v>102372</v>
      </c>
      <c r="E6085" s="2" t="s">
        <v>7429</v>
      </c>
      <c r="F6085" s="8">
        <v>115</v>
      </c>
      <c r="G6085" s="5">
        <v>6</v>
      </c>
      <c r="H6085" s="5" t="s">
        <v>1518</v>
      </c>
      <c r="I6085" s="5" t="s">
        <v>69038</v>
      </c>
      <c r="J6085" s="2" t="s">
        <v>69039</v>
      </c>
      <c r="K6085" s="5" t="s">
        <v>69038</v>
      </c>
      <c r="L6085" s="2" t="s">
        <v>69039</v>
      </c>
      <c r="M6085" s="5" t="s">
        <v>1521</v>
      </c>
      <c r="N6085" s="5" t="s">
        <v>38</v>
      </c>
      <c r="O6085" s="5" t="s">
        <v>39</v>
      </c>
      <c r="P6085" s="5" t="s">
        <v>40</v>
      </c>
      <c r="Q6085" s="5" t="s">
        <v>1522</v>
      </c>
      <c r="R6085" s="5" t="s">
        <v>1523</v>
      </c>
      <c r="S6085" s="5" t="s">
        <v>42</v>
      </c>
      <c r="T6085" s="2">
        <v>1.0820000000000001</v>
      </c>
      <c r="U6085" s="2">
        <v>0.83299999999999996</v>
      </c>
      <c r="V6085" s="2">
        <v>10.6</v>
      </c>
      <c r="W6085" s="2">
        <v>76.900000000000006</v>
      </c>
      <c r="X6085" s="2">
        <v>7.6</v>
      </c>
      <c r="Y6085" s="2">
        <v>10.6</v>
      </c>
      <c r="Z6085" s="5"/>
      <c r="AA6085" s="5" t="s">
        <v>43</v>
      </c>
      <c r="AB6085" s="5" t="s">
        <v>44</v>
      </c>
      <c r="AC6085" s="2"/>
      <c r="AD6085" s="1"/>
    </row>
    <row r="6086" spans="1:30">
      <c r="A6086" s="5" t="s">
        <v>83578</v>
      </c>
      <c r="B6086" s="2" t="s">
        <v>102373</v>
      </c>
      <c r="C6086" s="14" t="s">
        <v>102374</v>
      </c>
      <c r="D6086" s="2" t="s">
        <v>102375</v>
      </c>
      <c r="E6086" s="2" t="s">
        <v>7574</v>
      </c>
      <c r="F6086" s="8">
        <v>115</v>
      </c>
      <c r="G6086" s="5">
        <v>6</v>
      </c>
      <c r="H6086" s="5" t="s">
        <v>1518</v>
      </c>
      <c r="I6086" s="5" t="s">
        <v>69038</v>
      </c>
      <c r="J6086" s="2" t="s">
        <v>69039</v>
      </c>
      <c r="K6086" s="5" t="s">
        <v>69038</v>
      </c>
      <c r="L6086" s="2" t="s">
        <v>69039</v>
      </c>
      <c r="M6086" s="5" t="s">
        <v>1521</v>
      </c>
      <c r="N6086" s="5" t="s">
        <v>38</v>
      </c>
      <c r="O6086" s="5" t="s">
        <v>39</v>
      </c>
      <c r="P6086" s="5" t="s">
        <v>40</v>
      </c>
      <c r="Q6086" s="5" t="s">
        <v>1522</v>
      </c>
      <c r="R6086" s="5" t="s">
        <v>1523</v>
      </c>
      <c r="S6086" s="5" t="s">
        <v>42</v>
      </c>
      <c r="T6086" s="2">
        <v>1.131</v>
      </c>
      <c r="U6086" s="2">
        <v>0.88200000000000001</v>
      </c>
      <c r="V6086" s="2">
        <v>10.6</v>
      </c>
      <c r="W6086" s="2">
        <v>76.900000000000006</v>
      </c>
      <c r="X6086" s="2">
        <v>7.6</v>
      </c>
      <c r="Y6086" s="2">
        <v>10.6</v>
      </c>
      <c r="Z6086" s="5"/>
      <c r="AA6086" s="5" t="s">
        <v>43</v>
      </c>
      <c r="AB6086" s="5" t="s">
        <v>44</v>
      </c>
      <c r="AC6086" s="2"/>
      <c r="AD6086" s="1"/>
    </row>
    <row r="6087" spans="1:30">
      <c r="A6087" s="5" t="s">
        <v>83578</v>
      </c>
      <c r="B6087" s="2" t="s">
        <v>102376</v>
      </c>
      <c r="C6087" s="14" t="s">
        <v>102377</v>
      </c>
      <c r="D6087" s="2" t="s">
        <v>102378</v>
      </c>
      <c r="E6087" s="2" t="s">
        <v>7449</v>
      </c>
      <c r="F6087" s="8">
        <v>115</v>
      </c>
      <c r="G6087" s="5">
        <v>6</v>
      </c>
      <c r="H6087" s="5" t="s">
        <v>1518</v>
      </c>
      <c r="I6087" s="5" t="s">
        <v>69038</v>
      </c>
      <c r="J6087" s="2" t="s">
        <v>69039</v>
      </c>
      <c r="K6087" s="5" t="s">
        <v>69038</v>
      </c>
      <c r="L6087" s="2" t="s">
        <v>69039</v>
      </c>
      <c r="M6087" s="5" t="s">
        <v>1521</v>
      </c>
      <c r="N6087" s="5" t="s">
        <v>38</v>
      </c>
      <c r="O6087" s="5" t="s">
        <v>39</v>
      </c>
      <c r="P6087" s="5" t="s">
        <v>40</v>
      </c>
      <c r="Q6087" s="5" t="s">
        <v>1522</v>
      </c>
      <c r="R6087" s="5" t="s">
        <v>1523</v>
      </c>
      <c r="S6087" s="5" t="s">
        <v>42</v>
      </c>
      <c r="T6087" s="2">
        <v>1.0820000000000001</v>
      </c>
      <c r="U6087" s="2">
        <v>0.83299999999999996</v>
      </c>
      <c r="V6087" s="2">
        <v>10.6</v>
      </c>
      <c r="W6087" s="2">
        <v>76.900000000000006</v>
      </c>
      <c r="X6087" s="2">
        <v>7.6</v>
      </c>
      <c r="Y6087" s="2">
        <v>10.6</v>
      </c>
      <c r="Z6087" s="5"/>
      <c r="AA6087" s="5" t="s">
        <v>43</v>
      </c>
      <c r="AB6087" s="5" t="s">
        <v>44</v>
      </c>
      <c r="AC6087" s="2"/>
      <c r="AD6087" s="1"/>
    </row>
    <row r="6088" spans="1:30">
      <c r="A6088" s="5" t="s">
        <v>83578</v>
      </c>
      <c r="B6088" s="2" t="s">
        <v>102379</v>
      </c>
      <c r="C6088" s="14" t="s">
        <v>102380</v>
      </c>
      <c r="D6088" s="2" t="s">
        <v>102381</v>
      </c>
      <c r="E6088" s="2" t="s">
        <v>7581</v>
      </c>
      <c r="F6088" s="8">
        <v>115</v>
      </c>
      <c r="G6088" s="5">
        <v>6</v>
      </c>
      <c r="H6088" s="5" t="s">
        <v>1518</v>
      </c>
      <c r="I6088" s="5" t="s">
        <v>69038</v>
      </c>
      <c r="J6088" s="2" t="s">
        <v>69039</v>
      </c>
      <c r="K6088" s="5" t="s">
        <v>69038</v>
      </c>
      <c r="L6088" s="2" t="s">
        <v>69039</v>
      </c>
      <c r="M6088" s="5" t="s">
        <v>1521</v>
      </c>
      <c r="N6088" s="5" t="s">
        <v>38</v>
      </c>
      <c r="O6088" s="5" t="s">
        <v>39</v>
      </c>
      <c r="P6088" s="5" t="s">
        <v>40</v>
      </c>
      <c r="Q6088" s="5" t="s">
        <v>1522</v>
      </c>
      <c r="R6088" s="5" t="s">
        <v>1523</v>
      </c>
      <c r="S6088" s="5" t="s">
        <v>42</v>
      </c>
      <c r="T6088" s="2">
        <v>1.131</v>
      </c>
      <c r="U6088" s="2">
        <v>0.88200000000000001</v>
      </c>
      <c r="V6088" s="2">
        <v>10.6</v>
      </c>
      <c r="W6088" s="2">
        <v>76.900000000000006</v>
      </c>
      <c r="X6088" s="2">
        <v>7.6</v>
      </c>
      <c r="Y6088" s="2">
        <v>10.6</v>
      </c>
      <c r="Z6088" s="5"/>
      <c r="AA6088" s="5" t="s">
        <v>43</v>
      </c>
      <c r="AB6088" s="5" t="s">
        <v>44</v>
      </c>
      <c r="AC6088" s="2"/>
      <c r="AD6088" s="1"/>
    </row>
    <row r="6089" spans="1:30">
      <c r="A6089" s="5" t="s">
        <v>83578</v>
      </c>
      <c r="B6089" s="2" t="s">
        <v>102382</v>
      </c>
      <c r="C6089" s="14" t="s">
        <v>102383</v>
      </c>
      <c r="D6089" s="2" t="s">
        <v>102384</v>
      </c>
      <c r="E6089" s="2" t="s">
        <v>7585</v>
      </c>
      <c r="F6089" s="8">
        <v>115</v>
      </c>
      <c r="G6089" s="5">
        <v>6</v>
      </c>
      <c r="H6089" s="5" t="s">
        <v>1518</v>
      </c>
      <c r="I6089" s="5" t="s">
        <v>69038</v>
      </c>
      <c r="J6089" s="2" t="s">
        <v>69039</v>
      </c>
      <c r="K6089" s="5" t="s">
        <v>69038</v>
      </c>
      <c r="L6089" s="2" t="s">
        <v>69039</v>
      </c>
      <c r="M6089" s="5" t="s">
        <v>1521</v>
      </c>
      <c r="N6089" s="5" t="s">
        <v>38</v>
      </c>
      <c r="O6089" s="5" t="s">
        <v>39</v>
      </c>
      <c r="P6089" s="5" t="s">
        <v>40</v>
      </c>
      <c r="Q6089" s="5" t="s">
        <v>1522</v>
      </c>
      <c r="R6089" s="5" t="s">
        <v>1523</v>
      </c>
      <c r="S6089" s="5" t="s">
        <v>42</v>
      </c>
      <c r="T6089" s="2">
        <v>1.0820000000000001</v>
      </c>
      <c r="U6089" s="2">
        <v>0.83299999999999996</v>
      </c>
      <c r="V6089" s="2">
        <v>10.6</v>
      </c>
      <c r="W6089" s="2">
        <v>76.900000000000006</v>
      </c>
      <c r="X6089" s="2">
        <v>7.6</v>
      </c>
      <c r="Y6089" s="2">
        <v>10.6</v>
      </c>
      <c r="Z6089" s="5"/>
      <c r="AA6089" s="5" t="s">
        <v>43</v>
      </c>
      <c r="AB6089" s="5" t="s">
        <v>44</v>
      </c>
      <c r="AC6089" s="2"/>
      <c r="AD6089" s="1"/>
    </row>
    <row r="6090" spans="1:30">
      <c r="A6090" s="5" t="s">
        <v>83578</v>
      </c>
      <c r="B6090" s="2" t="s">
        <v>102385</v>
      </c>
      <c r="C6090" s="14" t="s">
        <v>102386</v>
      </c>
      <c r="D6090" s="2" t="s">
        <v>102387</v>
      </c>
      <c r="E6090" s="2" t="s">
        <v>7589</v>
      </c>
      <c r="F6090" s="8">
        <v>115</v>
      </c>
      <c r="G6090" s="5">
        <v>6</v>
      </c>
      <c r="H6090" s="5" t="s">
        <v>1518</v>
      </c>
      <c r="I6090" s="5" t="s">
        <v>69038</v>
      </c>
      <c r="J6090" s="2" t="s">
        <v>69039</v>
      </c>
      <c r="K6090" s="5" t="s">
        <v>69038</v>
      </c>
      <c r="L6090" s="2" t="s">
        <v>69039</v>
      </c>
      <c r="M6090" s="5" t="s">
        <v>1521</v>
      </c>
      <c r="N6090" s="5" t="s">
        <v>38</v>
      </c>
      <c r="O6090" s="5" t="s">
        <v>39</v>
      </c>
      <c r="P6090" s="5" t="s">
        <v>40</v>
      </c>
      <c r="Q6090" s="5" t="s">
        <v>1522</v>
      </c>
      <c r="R6090" s="5" t="s">
        <v>1523</v>
      </c>
      <c r="S6090" s="5" t="s">
        <v>42</v>
      </c>
      <c r="T6090" s="2">
        <v>1.131</v>
      </c>
      <c r="U6090" s="2">
        <v>0.88200000000000001</v>
      </c>
      <c r="V6090" s="2">
        <v>10.6</v>
      </c>
      <c r="W6090" s="2">
        <v>76.900000000000006</v>
      </c>
      <c r="X6090" s="2">
        <v>7.6</v>
      </c>
      <c r="Y6090" s="2">
        <v>10.6</v>
      </c>
      <c r="Z6090" s="5"/>
      <c r="AA6090" s="5" t="s">
        <v>43</v>
      </c>
      <c r="AB6090" s="5" t="s">
        <v>44</v>
      </c>
      <c r="AC6090" s="2"/>
      <c r="AD6090" s="1"/>
    </row>
    <row r="6091" spans="1:30">
      <c r="A6091" s="5" t="s">
        <v>83578</v>
      </c>
      <c r="B6091" s="2" t="s">
        <v>102388</v>
      </c>
      <c r="C6091" s="14" t="s">
        <v>102389</v>
      </c>
      <c r="D6091" s="2" t="s">
        <v>102390</v>
      </c>
      <c r="E6091" s="2" t="s">
        <v>7593</v>
      </c>
      <c r="F6091" s="8">
        <v>115</v>
      </c>
      <c r="G6091" s="5">
        <v>6</v>
      </c>
      <c r="H6091" s="5" t="s">
        <v>1518</v>
      </c>
      <c r="I6091" s="5" t="s">
        <v>69038</v>
      </c>
      <c r="J6091" s="2" t="s">
        <v>69039</v>
      </c>
      <c r="K6091" s="5" t="s">
        <v>69038</v>
      </c>
      <c r="L6091" s="2" t="s">
        <v>69039</v>
      </c>
      <c r="M6091" s="5" t="s">
        <v>1521</v>
      </c>
      <c r="N6091" s="5" t="s">
        <v>38</v>
      </c>
      <c r="O6091" s="5" t="s">
        <v>39</v>
      </c>
      <c r="P6091" s="5" t="s">
        <v>40</v>
      </c>
      <c r="Q6091" s="5" t="s">
        <v>1522</v>
      </c>
      <c r="R6091" s="5" t="s">
        <v>1523</v>
      </c>
      <c r="S6091" s="5" t="s">
        <v>42</v>
      </c>
      <c r="T6091" s="2">
        <v>1.0820000000000001</v>
      </c>
      <c r="U6091" s="2">
        <v>0.83299999999999996</v>
      </c>
      <c r="V6091" s="2">
        <v>10.6</v>
      </c>
      <c r="W6091" s="2">
        <v>76.900000000000006</v>
      </c>
      <c r="X6091" s="2">
        <v>7.6</v>
      </c>
      <c r="Y6091" s="2">
        <v>10.6</v>
      </c>
      <c r="Z6091" s="5"/>
      <c r="AA6091" s="5" t="s">
        <v>43</v>
      </c>
      <c r="AB6091" s="5" t="s">
        <v>44</v>
      </c>
      <c r="AC6091" s="2"/>
      <c r="AD6091" s="1"/>
    </row>
    <row r="6092" spans="1:30">
      <c r="A6092" s="5" t="s">
        <v>83578</v>
      </c>
      <c r="B6092" s="2" t="s">
        <v>102391</v>
      </c>
      <c r="C6092" s="14" t="s">
        <v>102392</v>
      </c>
      <c r="D6092" s="2" t="s">
        <v>102393</v>
      </c>
      <c r="E6092" s="2" t="s">
        <v>7597</v>
      </c>
      <c r="F6092" s="8">
        <v>115</v>
      </c>
      <c r="G6092" s="5">
        <v>6</v>
      </c>
      <c r="H6092" s="5" t="s">
        <v>1518</v>
      </c>
      <c r="I6092" s="5" t="s">
        <v>69038</v>
      </c>
      <c r="J6092" s="2" t="s">
        <v>69039</v>
      </c>
      <c r="K6092" s="5" t="s">
        <v>69038</v>
      </c>
      <c r="L6092" s="2" t="s">
        <v>69039</v>
      </c>
      <c r="M6092" s="5" t="s">
        <v>1521</v>
      </c>
      <c r="N6092" s="5" t="s">
        <v>38</v>
      </c>
      <c r="O6092" s="5" t="s">
        <v>39</v>
      </c>
      <c r="P6092" s="5" t="s">
        <v>40</v>
      </c>
      <c r="Q6092" s="5" t="s">
        <v>1522</v>
      </c>
      <c r="R6092" s="5" t="s">
        <v>1523</v>
      </c>
      <c r="S6092" s="5" t="s">
        <v>42</v>
      </c>
      <c r="T6092" s="2">
        <v>1.131</v>
      </c>
      <c r="U6092" s="2">
        <v>0.88200000000000001</v>
      </c>
      <c r="V6092" s="2">
        <v>10.6</v>
      </c>
      <c r="W6092" s="2">
        <v>76.900000000000006</v>
      </c>
      <c r="X6092" s="2">
        <v>7.6</v>
      </c>
      <c r="Y6092" s="2">
        <v>10.6</v>
      </c>
      <c r="Z6092" s="5"/>
      <c r="AA6092" s="5" t="s">
        <v>43</v>
      </c>
      <c r="AB6092" s="5" t="s">
        <v>44</v>
      </c>
      <c r="AC6092" s="2"/>
      <c r="AD6092" s="1"/>
    </row>
    <row r="6093" spans="1:30">
      <c r="A6093" s="5" t="s">
        <v>83578</v>
      </c>
      <c r="B6093" s="2" t="s">
        <v>102394</v>
      </c>
      <c r="C6093" s="14" t="s">
        <v>102395</v>
      </c>
      <c r="D6093" s="2" t="s">
        <v>102396</v>
      </c>
      <c r="E6093" s="2" t="s">
        <v>7433</v>
      </c>
      <c r="F6093" s="8">
        <v>115</v>
      </c>
      <c r="G6093" s="5">
        <v>6</v>
      </c>
      <c r="H6093" s="5" t="s">
        <v>1518</v>
      </c>
      <c r="I6093" s="5" t="s">
        <v>69038</v>
      </c>
      <c r="J6093" s="2" t="s">
        <v>69039</v>
      </c>
      <c r="K6093" s="5" t="s">
        <v>69038</v>
      </c>
      <c r="L6093" s="2" t="s">
        <v>69039</v>
      </c>
      <c r="M6093" s="5" t="s">
        <v>1521</v>
      </c>
      <c r="N6093" s="5" t="s">
        <v>38</v>
      </c>
      <c r="O6093" s="5" t="s">
        <v>39</v>
      </c>
      <c r="P6093" s="5" t="s">
        <v>40</v>
      </c>
      <c r="Q6093" s="5" t="s">
        <v>1522</v>
      </c>
      <c r="R6093" s="5" t="s">
        <v>1523</v>
      </c>
      <c r="S6093" s="5" t="s">
        <v>42</v>
      </c>
      <c r="T6093" s="2">
        <v>1.0820000000000001</v>
      </c>
      <c r="U6093" s="2">
        <v>0.83299999999999996</v>
      </c>
      <c r="V6093" s="2">
        <v>10.6</v>
      </c>
      <c r="W6093" s="2">
        <v>76.900000000000006</v>
      </c>
      <c r="X6093" s="2">
        <v>7.6</v>
      </c>
      <c r="Y6093" s="2">
        <v>10.6</v>
      </c>
      <c r="Z6093" s="5"/>
      <c r="AA6093" s="5" t="s">
        <v>43</v>
      </c>
      <c r="AB6093" s="5" t="s">
        <v>44</v>
      </c>
      <c r="AC6093" s="2"/>
      <c r="AD6093" s="1"/>
    </row>
    <row r="6094" spans="1:30">
      <c r="A6094" s="5" t="s">
        <v>83578</v>
      </c>
      <c r="B6094" s="2" t="s">
        <v>102397</v>
      </c>
      <c r="C6094" s="14" t="s">
        <v>102398</v>
      </c>
      <c r="D6094" s="2" t="s">
        <v>102399</v>
      </c>
      <c r="E6094" s="2" t="s">
        <v>7611</v>
      </c>
      <c r="F6094" s="8">
        <v>115</v>
      </c>
      <c r="G6094" s="5">
        <v>6</v>
      </c>
      <c r="H6094" s="5" t="s">
        <v>1518</v>
      </c>
      <c r="I6094" s="5" t="s">
        <v>69038</v>
      </c>
      <c r="J6094" s="2" t="s">
        <v>69039</v>
      </c>
      <c r="K6094" s="5" t="s">
        <v>69038</v>
      </c>
      <c r="L6094" s="2" t="s">
        <v>69039</v>
      </c>
      <c r="M6094" s="5" t="s">
        <v>1521</v>
      </c>
      <c r="N6094" s="5" t="s">
        <v>38</v>
      </c>
      <c r="O6094" s="5" t="s">
        <v>39</v>
      </c>
      <c r="P6094" s="5" t="s">
        <v>40</v>
      </c>
      <c r="Q6094" s="5" t="s">
        <v>1522</v>
      </c>
      <c r="R6094" s="5" t="s">
        <v>1523</v>
      </c>
      <c r="S6094" s="5" t="s">
        <v>42</v>
      </c>
      <c r="T6094" s="2">
        <v>1.131</v>
      </c>
      <c r="U6094" s="2">
        <v>0.88200000000000001</v>
      </c>
      <c r="V6094" s="2">
        <v>10.6</v>
      </c>
      <c r="W6094" s="2">
        <v>76.900000000000006</v>
      </c>
      <c r="X6094" s="2">
        <v>7.6</v>
      </c>
      <c r="Y6094" s="2">
        <v>10.6</v>
      </c>
      <c r="Z6094" s="5"/>
      <c r="AA6094" s="5" t="s">
        <v>43</v>
      </c>
      <c r="AB6094" s="5" t="s">
        <v>44</v>
      </c>
      <c r="AC6094" s="2"/>
      <c r="AD6094" s="1"/>
    </row>
    <row r="6095" spans="1:30">
      <c r="A6095" s="5" t="s">
        <v>83578</v>
      </c>
      <c r="B6095" s="2" t="s">
        <v>102400</v>
      </c>
      <c r="C6095" s="14" t="s">
        <v>102401</v>
      </c>
      <c r="D6095" s="2" t="s">
        <v>102402</v>
      </c>
      <c r="E6095" s="2" t="s">
        <v>7615</v>
      </c>
      <c r="F6095" s="8">
        <v>115</v>
      </c>
      <c r="G6095" s="5">
        <v>6</v>
      </c>
      <c r="H6095" s="5" t="s">
        <v>1518</v>
      </c>
      <c r="I6095" s="5" t="s">
        <v>69038</v>
      </c>
      <c r="J6095" s="2" t="s">
        <v>69039</v>
      </c>
      <c r="K6095" s="5" t="s">
        <v>69038</v>
      </c>
      <c r="L6095" s="2" t="s">
        <v>69039</v>
      </c>
      <c r="M6095" s="5" t="s">
        <v>1521</v>
      </c>
      <c r="N6095" s="5" t="s">
        <v>38</v>
      </c>
      <c r="O6095" s="5" t="s">
        <v>39</v>
      </c>
      <c r="P6095" s="5" t="s">
        <v>40</v>
      </c>
      <c r="Q6095" s="5" t="s">
        <v>1522</v>
      </c>
      <c r="R6095" s="5" t="s">
        <v>1523</v>
      </c>
      <c r="S6095" s="5" t="s">
        <v>42</v>
      </c>
      <c r="T6095" s="2">
        <v>1.0820000000000001</v>
      </c>
      <c r="U6095" s="2">
        <v>0.83299999999999996</v>
      </c>
      <c r="V6095" s="2">
        <v>10.6</v>
      </c>
      <c r="W6095" s="2">
        <v>76.900000000000006</v>
      </c>
      <c r="X6095" s="2">
        <v>7.6</v>
      </c>
      <c r="Y6095" s="2">
        <v>10.6</v>
      </c>
      <c r="Z6095" s="5"/>
      <c r="AA6095" s="5" t="s">
        <v>43</v>
      </c>
      <c r="AB6095" s="5" t="s">
        <v>44</v>
      </c>
      <c r="AC6095" s="2"/>
      <c r="AD6095" s="1"/>
    </row>
    <row r="6096" spans="1:30">
      <c r="A6096" s="5" t="s">
        <v>83578</v>
      </c>
      <c r="B6096" s="2" t="s">
        <v>102403</v>
      </c>
      <c r="C6096" s="14" t="s">
        <v>102404</v>
      </c>
      <c r="D6096" s="2" t="s">
        <v>102405</v>
      </c>
      <c r="E6096" s="2" t="s">
        <v>7619</v>
      </c>
      <c r="F6096" s="8">
        <v>115</v>
      </c>
      <c r="G6096" s="5">
        <v>6</v>
      </c>
      <c r="H6096" s="5" t="s">
        <v>1518</v>
      </c>
      <c r="I6096" s="5" t="s">
        <v>69038</v>
      </c>
      <c r="J6096" s="2" t="s">
        <v>69039</v>
      </c>
      <c r="K6096" s="5" t="s">
        <v>69038</v>
      </c>
      <c r="L6096" s="2" t="s">
        <v>69039</v>
      </c>
      <c r="M6096" s="5" t="s">
        <v>1521</v>
      </c>
      <c r="N6096" s="5" t="s">
        <v>38</v>
      </c>
      <c r="O6096" s="5" t="s">
        <v>39</v>
      </c>
      <c r="P6096" s="5" t="s">
        <v>40</v>
      </c>
      <c r="Q6096" s="5" t="s">
        <v>1522</v>
      </c>
      <c r="R6096" s="5" t="s">
        <v>1523</v>
      </c>
      <c r="S6096" s="5" t="s">
        <v>42</v>
      </c>
      <c r="T6096" s="2">
        <v>1.131</v>
      </c>
      <c r="U6096" s="2">
        <v>0.88200000000000001</v>
      </c>
      <c r="V6096" s="2">
        <v>10.6</v>
      </c>
      <c r="W6096" s="2">
        <v>76.900000000000006</v>
      </c>
      <c r="X6096" s="2">
        <v>7.6</v>
      </c>
      <c r="Y6096" s="2">
        <v>10.6</v>
      </c>
      <c r="Z6096" s="5"/>
      <c r="AA6096" s="5" t="s">
        <v>43</v>
      </c>
      <c r="AB6096" s="5" t="s">
        <v>44</v>
      </c>
      <c r="AC6096" s="2"/>
      <c r="AD6096" s="1"/>
    </row>
    <row r="6097" spans="1:30">
      <c r="A6097" s="5" t="s">
        <v>83578</v>
      </c>
      <c r="B6097" s="2" t="s">
        <v>102406</v>
      </c>
      <c r="C6097" s="14" t="s">
        <v>102407</v>
      </c>
      <c r="D6097" s="2" t="s">
        <v>102408</v>
      </c>
      <c r="E6097" s="2" t="s">
        <v>7410</v>
      </c>
      <c r="F6097" s="8">
        <v>115</v>
      </c>
      <c r="G6097" s="5">
        <v>6</v>
      </c>
      <c r="H6097" s="5" t="s">
        <v>1518</v>
      </c>
      <c r="I6097" s="5" t="s">
        <v>69038</v>
      </c>
      <c r="J6097" s="2" t="s">
        <v>69039</v>
      </c>
      <c r="K6097" s="5" t="s">
        <v>69038</v>
      </c>
      <c r="L6097" s="2" t="s">
        <v>69039</v>
      </c>
      <c r="M6097" s="5" t="s">
        <v>1521</v>
      </c>
      <c r="N6097" s="5" t="s">
        <v>38</v>
      </c>
      <c r="O6097" s="5" t="s">
        <v>39</v>
      </c>
      <c r="P6097" s="5" t="s">
        <v>40</v>
      </c>
      <c r="Q6097" s="5" t="s">
        <v>1522</v>
      </c>
      <c r="R6097" s="5" t="s">
        <v>1523</v>
      </c>
      <c r="S6097" s="5" t="s">
        <v>42</v>
      </c>
      <c r="T6097" s="2">
        <v>1.0820000000000001</v>
      </c>
      <c r="U6097" s="2">
        <v>0.83299999999999996</v>
      </c>
      <c r="V6097" s="2">
        <v>10.6</v>
      </c>
      <c r="W6097" s="2">
        <v>76.900000000000006</v>
      </c>
      <c r="X6097" s="2">
        <v>7.6</v>
      </c>
      <c r="Y6097" s="2">
        <v>10.6</v>
      </c>
      <c r="Z6097" s="5"/>
      <c r="AA6097" s="5" t="s">
        <v>43</v>
      </c>
      <c r="AB6097" s="5" t="s">
        <v>44</v>
      </c>
      <c r="AC6097" s="2"/>
      <c r="AD6097" s="1"/>
    </row>
    <row r="6098" spans="1:30">
      <c r="A6098" s="5" t="s">
        <v>83578</v>
      </c>
      <c r="B6098" s="2" t="s">
        <v>102409</v>
      </c>
      <c r="C6098" s="14" t="s">
        <v>102410</v>
      </c>
      <c r="D6098" s="2" t="s">
        <v>102411</v>
      </c>
      <c r="E6098" s="2" t="s">
        <v>7604</v>
      </c>
      <c r="F6098" s="8">
        <v>115</v>
      </c>
      <c r="G6098" s="5">
        <v>6</v>
      </c>
      <c r="H6098" s="5" t="s">
        <v>1518</v>
      </c>
      <c r="I6098" s="5" t="s">
        <v>69038</v>
      </c>
      <c r="J6098" s="2" t="s">
        <v>69039</v>
      </c>
      <c r="K6098" s="5" t="s">
        <v>69038</v>
      </c>
      <c r="L6098" s="2" t="s">
        <v>69039</v>
      </c>
      <c r="M6098" s="5" t="s">
        <v>1521</v>
      </c>
      <c r="N6098" s="5" t="s">
        <v>38</v>
      </c>
      <c r="O6098" s="5" t="s">
        <v>39</v>
      </c>
      <c r="P6098" s="5" t="s">
        <v>40</v>
      </c>
      <c r="Q6098" s="5" t="s">
        <v>1522</v>
      </c>
      <c r="R6098" s="5" t="s">
        <v>1523</v>
      </c>
      <c r="S6098" s="5" t="s">
        <v>42</v>
      </c>
      <c r="T6098" s="2">
        <v>1.131</v>
      </c>
      <c r="U6098" s="2">
        <v>0.88200000000000001</v>
      </c>
      <c r="V6098" s="2">
        <v>10.6</v>
      </c>
      <c r="W6098" s="2">
        <v>76.900000000000006</v>
      </c>
      <c r="X6098" s="2">
        <v>7.6</v>
      </c>
      <c r="Y6098" s="2">
        <v>10.6</v>
      </c>
      <c r="Z6098" s="5"/>
      <c r="AA6098" s="5" t="s">
        <v>43</v>
      </c>
      <c r="AB6098" s="5" t="s">
        <v>44</v>
      </c>
      <c r="AC6098" s="2"/>
      <c r="AD6098" s="1"/>
    </row>
    <row r="6099" spans="1:30">
      <c r="A6099" s="5" t="s">
        <v>83578</v>
      </c>
      <c r="B6099" s="2" t="s">
        <v>102412</v>
      </c>
      <c r="C6099" s="14" t="s">
        <v>102413</v>
      </c>
      <c r="D6099" s="2" t="s">
        <v>102414</v>
      </c>
      <c r="E6099" s="2" t="s">
        <v>7212</v>
      </c>
      <c r="F6099" s="8">
        <v>100</v>
      </c>
      <c r="G6099" s="5">
        <v>6</v>
      </c>
      <c r="H6099" s="5" t="s">
        <v>1518</v>
      </c>
      <c r="I6099" s="5" t="s">
        <v>69038</v>
      </c>
      <c r="J6099" s="2" t="s">
        <v>69039</v>
      </c>
      <c r="K6099" s="5" t="s">
        <v>69038</v>
      </c>
      <c r="L6099" s="2" t="s">
        <v>69039</v>
      </c>
      <c r="M6099" s="5" t="s">
        <v>1521</v>
      </c>
      <c r="N6099" s="5" t="s">
        <v>38</v>
      </c>
      <c r="O6099" s="5" t="s">
        <v>39</v>
      </c>
      <c r="P6099" s="5" t="s">
        <v>40</v>
      </c>
      <c r="Q6099" s="5" t="s">
        <v>1522</v>
      </c>
      <c r="R6099" s="5" t="s">
        <v>1523</v>
      </c>
      <c r="S6099" s="5" t="s">
        <v>42</v>
      </c>
      <c r="T6099" s="2">
        <v>1.0820000000000001</v>
      </c>
      <c r="U6099" s="2">
        <v>0.83299999999999996</v>
      </c>
      <c r="V6099" s="2">
        <v>10.6</v>
      </c>
      <c r="W6099" s="2">
        <v>76.900000000000006</v>
      </c>
      <c r="X6099" s="2">
        <v>7.6</v>
      </c>
      <c r="Y6099" s="2">
        <v>10.6</v>
      </c>
      <c r="Z6099" s="5"/>
      <c r="AA6099" s="5" t="s">
        <v>43</v>
      </c>
      <c r="AB6099" s="5" t="s">
        <v>44</v>
      </c>
      <c r="AC6099" s="2"/>
      <c r="AD6099" s="1"/>
    </row>
    <row r="6100" spans="1:30">
      <c r="A6100" s="5" t="s">
        <v>83578</v>
      </c>
      <c r="B6100" s="2" t="s">
        <v>102415</v>
      </c>
      <c r="C6100" s="14" t="s">
        <v>102416</v>
      </c>
      <c r="D6100" s="2" t="s">
        <v>102417</v>
      </c>
      <c r="E6100" s="2" t="s">
        <v>7528</v>
      </c>
      <c r="F6100" s="8">
        <v>100</v>
      </c>
      <c r="G6100" s="5">
        <v>6</v>
      </c>
      <c r="H6100" s="5" t="s">
        <v>1518</v>
      </c>
      <c r="I6100" s="5" t="s">
        <v>69038</v>
      </c>
      <c r="J6100" s="2" t="s">
        <v>69039</v>
      </c>
      <c r="K6100" s="5" t="s">
        <v>69038</v>
      </c>
      <c r="L6100" s="2" t="s">
        <v>69039</v>
      </c>
      <c r="M6100" s="5" t="s">
        <v>1521</v>
      </c>
      <c r="N6100" s="5" t="s">
        <v>38</v>
      </c>
      <c r="O6100" s="5" t="s">
        <v>39</v>
      </c>
      <c r="P6100" s="5" t="s">
        <v>40</v>
      </c>
      <c r="Q6100" s="5" t="s">
        <v>1522</v>
      </c>
      <c r="R6100" s="5" t="s">
        <v>1523</v>
      </c>
      <c r="S6100" s="5" t="s">
        <v>42</v>
      </c>
      <c r="T6100" s="2">
        <v>1.131</v>
      </c>
      <c r="U6100" s="2">
        <v>0.88200000000000001</v>
      </c>
      <c r="V6100" s="2">
        <v>10.6</v>
      </c>
      <c r="W6100" s="2">
        <v>76.900000000000006</v>
      </c>
      <c r="X6100" s="2">
        <v>7.6</v>
      </c>
      <c r="Y6100" s="2">
        <v>10.6</v>
      </c>
      <c r="Z6100" s="5"/>
      <c r="AA6100" s="5" t="s">
        <v>43</v>
      </c>
      <c r="AB6100" s="5" t="s">
        <v>44</v>
      </c>
      <c r="AC6100" s="2"/>
      <c r="AD6100" s="1"/>
    </row>
    <row r="6101" spans="1:30">
      <c r="A6101" s="5" t="s">
        <v>83578</v>
      </c>
      <c r="B6101" s="2" t="s">
        <v>102418</v>
      </c>
      <c r="C6101" s="14" t="s">
        <v>102419</v>
      </c>
      <c r="D6101" s="2" t="s">
        <v>102420</v>
      </c>
      <c r="E6101" s="2" t="s">
        <v>7535</v>
      </c>
      <c r="F6101" s="8">
        <v>127</v>
      </c>
      <c r="G6101" s="5">
        <v>6</v>
      </c>
      <c r="H6101" s="5" t="s">
        <v>1518</v>
      </c>
      <c r="I6101" s="5" t="s">
        <v>69038</v>
      </c>
      <c r="J6101" s="2" t="s">
        <v>69039</v>
      </c>
      <c r="K6101" s="5" t="s">
        <v>69038</v>
      </c>
      <c r="L6101" s="2" t="s">
        <v>69039</v>
      </c>
      <c r="M6101" s="5" t="s">
        <v>1521</v>
      </c>
      <c r="N6101" s="5" t="s">
        <v>38</v>
      </c>
      <c r="O6101" s="5" t="s">
        <v>39</v>
      </c>
      <c r="P6101" s="5" t="s">
        <v>40</v>
      </c>
      <c r="Q6101" s="5" t="s">
        <v>1522</v>
      </c>
      <c r="R6101" s="5" t="s">
        <v>1523</v>
      </c>
      <c r="S6101" s="5" t="s">
        <v>42</v>
      </c>
      <c r="T6101" s="2">
        <v>1.3440000000000001</v>
      </c>
      <c r="U6101" s="2">
        <v>0.99099999999999999</v>
      </c>
      <c r="V6101" s="2">
        <v>10.6</v>
      </c>
      <c r="W6101" s="2">
        <v>99.1</v>
      </c>
      <c r="X6101" s="2">
        <v>7.6</v>
      </c>
      <c r="Y6101" s="2">
        <v>10.6</v>
      </c>
      <c r="Z6101" s="5"/>
      <c r="AA6101" s="5" t="s">
        <v>43</v>
      </c>
      <c r="AB6101" s="5" t="s">
        <v>44</v>
      </c>
      <c r="AC6101" s="2"/>
      <c r="AD6101" s="1"/>
    </row>
    <row r="6102" spans="1:30">
      <c r="A6102" s="5" t="s">
        <v>83578</v>
      </c>
      <c r="B6102" s="2" t="s">
        <v>102421</v>
      </c>
      <c r="C6102" s="14" t="s">
        <v>102422</v>
      </c>
      <c r="D6102" s="2" t="s">
        <v>102423</v>
      </c>
      <c r="E6102" s="2" t="s">
        <v>7547</v>
      </c>
      <c r="F6102" s="8">
        <v>127</v>
      </c>
      <c r="G6102" s="5">
        <v>6</v>
      </c>
      <c r="H6102" s="5" t="s">
        <v>1518</v>
      </c>
      <c r="I6102" s="5" t="s">
        <v>69038</v>
      </c>
      <c r="J6102" s="2" t="s">
        <v>69039</v>
      </c>
      <c r="K6102" s="5" t="s">
        <v>69038</v>
      </c>
      <c r="L6102" s="2" t="s">
        <v>69039</v>
      </c>
      <c r="M6102" s="5" t="s">
        <v>1521</v>
      </c>
      <c r="N6102" s="5" t="s">
        <v>38</v>
      </c>
      <c r="O6102" s="5" t="s">
        <v>39</v>
      </c>
      <c r="P6102" s="5" t="s">
        <v>40</v>
      </c>
      <c r="Q6102" s="5" t="s">
        <v>1522</v>
      </c>
      <c r="R6102" s="5" t="s">
        <v>1523</v>
      </c>
      <c r="S6102" s="5" t="s">
        <v>42</v>
      </c>
      <c r="T6102" s="2">
        <v>1.2849999999999999</v>
      </c>
      <c r="U6102" s="2">
        <v>0.93200000000000005</v>
      </c>
      <c r="V6102" s="2">
        <v>10.6</v>
      </c>
      <c r="W6102" s="2">
        <v>99.1</v>
      </c>
      <c r="X6102" s="2">
        <v>7.6</v>
      </c>
      <c r="Y6102" s="2">
        <v>10.6</v>
      </c>
      <c r="Z6102" s="5"/>
      <c r="AA6102" s="5" t="s">
        <v>43</v>
      </c>
      <c r="AB6102" s="5" t="s">
        <v>44</v>
      </c>
      <c r="AC6102" s="2"/>
      <c r="AD6102" s="1"/>
    </row>
    <row r="6103" spans="1:30">
      <c r="A6103" s="5" t="s">
        <v>83578</v>
      </c>
      <c r="B6103" s="2" t="s">
        <v>102424</v>
      </c>
      <c r="C6103" s="14" t="s">
        <v>102425</v>
      </c>
      <c r="D6103" s="2" t="s">
        <v>102426</v>
      </c>
      <c r="E6103" s="2" t="s">
        <v>7551</v>
      </c>
      <c r="F6103" s="8">
        <v>127</v>
      </c>
      <c r="G6103" s="5">
        <v>6</v>
      </c>
      <c r="H6103" s="5" t="s">
        <v>1518</v>
      </c>
      <c r="I6103" s="5" t="s">
        <v>69038</v>
      </c>
      <c r="J6103" s="2" t="s">
        <v>69039</v>
      </c>
      <c r="K6103" s="5" t="s">
        <v>69038</v>
      </c>
      <c r="L6103" s="2" t="s">
        <v>69039</v>
      </c>
      <c r="M6103" s="5" t="s">
        <v>1521</v>
      </c>
      <c r="N6103" s="5" t="s">
        <v>38</v>
      </c>
      <c r="O6103" s="5" t="s">
        <v>39</v>
      </c>
      <c r="P6103" s="5" t="s">
        <v>40</v>
      </c>
      <c r="Q6103" s="5" t="s">
        <v>1522</v>
      </c>
      <c r="R6103" s="5" t="s">
        <v>1523</v>
      </c>
      <c r="S6103" s="5" t="s">
        <v>42</v>
      </c>
      <c r="T6103" s="2">
        <v>1.3440000000000001</v>
      </c>
      <c r="U6103" s="2">
        <v>0.99099999999999999</v>
      </c>
      <c r="V6103" s="2">
        <v>10.6</v>
      </c>
      <c r="W6103" s="2">
        <v>99.1</v>
      </c>
      <c r="X6103" s="2">
        <v>7.6</v>
      </c>
      <c r="Y6103" s="2">
        <v>10.6</v>
      </c>
      <c r="Z6103" s="5"/>
      <c r="AA6103" s="5" t="s">
        <v>43</v>
      </c>
      <c r="AB6103" s="5" t="s">
        <v>44</v>
      </c>
      <c r="AC6103" s="2"/>
      <c r="AD6103" s="1"/>
    </row>
    <row r="6104" spans="1:30">
      <c r="A6104" s="5" t="s">
        <v>83578</v>
      </c>
      <c r="B6104" s="2" t="s">
        <v>102427</v>
      </c>
      <c r="C6104" s="14" t="s">
        <v>102428</v>
      </c>
      <c r="D6104" s="2" t="s">
        <v>102429</v>
      </c>
      <c r="E6104" s="2" t="s">
        <v>7567</v>
      </c>
      <c r="F6104" s="8">
        <v>127</v>
      </c>
      <c r="G6104" s="5">
        <v>6</v>
      </c>
      <c r="H6104" s="5" t="s">
        <v>1518</v>
      </c>
      <c r="I6104" s="5" t="s">
        <v>69038</v>
      </c>
      <c r="J6104" s="2" t="s">
        <v>69039</v>
      </c>
      <c r="K6104" s="5" t="s">
        <v>69038</v>
      </c>
      <c r="L6104" s="2" t="s">
        <v>69039</v>
      </c>
      <c r="M6104" s="5" t="s">
        <v>1521</v>
      </c>
      <c r="N6104" s="5" t="s">
        <v>38</v>
      </c>
      <c r="O6104" s="5" t="s">
        <v>39</v>
      </c>
      <c r="P6104" s="5" t="s">
        <v>40</v>
      </c>
      <c r="Q6104" s="5" t="s">
        <v>1522</v>
      </c>
      <c r="R6104" s="5" t="s">
        <v>1523</v>
      </c>
      <c r="S6104" s="5" t="s">
        <v>42</v>
      </c>
      <c r="T6104" s="2">
        <v>1.3440000000000001</v>
      </c>
      <c r="U6104" s="2">
        <v>0.99099999999999999</v>
      </c>
      <c r="V6104" s="2">
        <v>10.6</v>
      </c>
      <c r="W6104" s="2">
        <v>99.1</v>
      </c>
      <c r="X6104" s="2">
        <v>7.6</v>
      </c>
      <c r="Y6104" s="2">
        <v>10.6</v>
      </c>
      <c r="Z6104" s="5"/>
      <c r="AA6104" s="5" t="s">
        <v>43</v>
      </c>
      <c r="AB6104" s="5" t="s">
        <v>44</v>
      </c>
      <c r="AC6104" s="2"/>
      <c r="AD6104" s="1"/>
    </row>
    <row r="6105" spans="1:30">
      <c r="A6105" s="5" t="s">
        <v>83578</v>
      </c>
      <c r="B6105" s="2" t="s">
        <v>102430</v>
      </c>
      <c r="C6105" s="14" t="s">
        <v>102431</v>
      </c>
      <c r="D6105" s="2" t="s">
        <v>102432</v>
      </c>
      <c r="E6105" s="2" t="s">
        <v>7429</v>
      </c>
      <c r="F6105" s="8">
        <v>127</v>
      </c>
      <c r="G6105" s="5">
        <v>6</v>
      </c>
      <c r="H6105" s="5" t="s">
        <v>1518</v>
      </c>
      <c r="I6105" s="5" t="s">
        <v>69038</v>
      </c>
      <c r="J6105" s="2" t="s">
        <v>69039</v>
      </c>
      <c r="K6105" s="5" t="s">
        <v>69038</v>
      </c>
      <c r="L6105" s="2" t="s">
        <v>69039</v>
      </c>
      <c r="M6105" s="5" t="s">
        <v>1521</v>
      </c>
      <c r="N6105" s="5" t="s">
        <v>38</v>
      </c>
      <c r="O6105" s="5" t="s">
        <v>39</v>
      </c>
      <c r="P6105" s="5" t="s">
        <v>40</v>
      </c>
      <c r="Q6105" s="5" t="s">
        <v>1522</v>
      </c>
      <c r="R6105" s="5" t="s">
        <v>1523</v>
      </c>
      <c r="S6105" s="5" t="s">
        <v>42</v>
      </c>
      <c r="T6105" s="2">
        <v>1.2849999999999999</v>
      </c>
      <c r="U6105" s="2">
        <v>0.93200000000000005</v>
      </c>
      <c r="V6105" s="2">
        <v>10.6</v>
      </c>
      <c r="W6105" s="2">
        <v>99.1</v>
      </c>
      <c r="X6105" s="2">
        <v>7.6</v>
      </c>
      <c r="Y6105" s="2">
        <v>10.6</v>
      </c>
      <c r="Z6105" s="5"/>
      <c r="AA6105" s="5" t="s">
        <v>43</v>
      </c>
      <c r="AB6105" s="5" t="s">
        <v>44</v>
      </c>
      <c r="AC6105" s="2"/>
      <c r="AD6105" s="1"/>
    </row>
    <row r="6106" spans="1:30">
      <c r="A6106" s="5" t="s">
        <v>83578</v>
      </c>
      <c r="B6106" s="2" t="s">
        <v>102433</v>
      </c>
      <c r="C6106" s="14" t="s">
        <v>102434</v>
      </c>
      <c r="D6106" s="2" t="s">
        <v>102435</v>
      </c>
      <c r="E6106" s="2" t="s">
        <v>7574</v>
      </c>
      <c r="F6106" s="8">
        <v>127</v>
      </c>
      <c r="G6106" s="5">
        <v>6</v>
      </c>
      <c r="H6106" s="5" t="s">
        <v>1518</v>
      </c>
      <c r="I6106" s="5" t="s">
        <v>69038</v>
      </c>
      <c r="J6106" s="2" t="s">
        <v>69039</v>
      </c>
      <c r="K6106" s="5" t="s">
        <v>69038</v>
      </c>
      <c r="L6106" s="2" t="s">
        <v>69039</v>
      </c>
      <c r="M6106" s="5" t="s">
        <v>1521</v>
      </c>
      <c r="N6106" s="5" t="s">
        <v>38</v>
      </c>
      <c r="O6106" s="5" t="s">
        <v>39</v>
      </c>
      <c r="P6106" s="5" t="s">
        <v>40</v>
      </c>
      <c r="Q6106" s="5" t="s">
        <v>1522</v>
      </c>
      <c r="R6106" s="5" t="s">
        <v>1523</v>
      </c>
      <c r="S6106" s="5" t="s">
        <v>42</v>
      </c>
      <c r="T6106" s="2">
        <v>1.3440000000000001</v>
      </c>
      <c r="U6106" s="2">
        <v>0.99099999999999999</v>
      </c>
      <c r="V6106" s="2">
        <v>10.6</v>
      </c>
      <c r="W6106" s="2">
        <v>99.1</v>
      </c>
      <c r="X6106" s="2">
        <v>7.6</v>
      </c>
      <c r="Y6106" s="2">
        <v>10.6</v>
      </c>
      <c r="Z6106" s="5"/>
      <c r="AA6106" s="5" t="s">
        <v>43</v>
      </c>
      <c r="AB6106" s="5" t="s">
        <v>44</v>
      </c>
      <c r="AC6106" s="2"/>
      <c r="AD6106" s="1"/>
    </row>
    <row r="6107" spans="1:30">
      <c r="A6107" s="5" t="s">
        <v>83578</v>
      </c>
      <c r="B6107" s="2" t="s">
        <v>102436</v>
      </c>
      <c r="C6107" s="14" t="s">
        <v>102437</v>
      </c>
      <c r="D6107" s="2" t="s">
        <v>102438</v>
      </c>
      <c r="E6107" s="2" t="s">
        <v>7589</v>
      </c>
      <c r="F6107" s="8">
        <v>127</v>
      </c>
      <c r="G6107" s="5">
        <v>6</v>
      </c>
      <c r="H6107" s="5" t="s">
        <v>1518</v>
      </c>
      <c r="I6107" s="5" t="s">
        <v>69038</v>
      </c>
      <c r="J6107" s="2" t="s">
        <v>69039</v>
      </c>
      <c r="K6107" s="5" t="s">
        <v>69038</v>
      </c>
      <c r="L6107" s="2" t="s">
        <v>69039</v>
      </c>
      <c r="M6107" s="5" t="s">
        <v>1521</v>
      </c>
      <c r="N6107" s="5" t="s">
        <v>38</v>
      </c>
      <c r="O6107" s="5" t="s">
        <v>39</v>
      </c>
      <c r="P6107" s="5" t="s">
        <v>40</v>
      </c>
      <c r="Q6107" s="5" t="s">
        <v>1522</v>
      </c>
      <c r="R6107" s="5" t="s">
        <v>1523</v>
      </c>
      <c r="S6107" s="5" t="s">
        <v>42</v>
      </c>
      <c r="T6107" s="2">
        <v>1.3440000000000001</v>
      </c>
      <c r="U6107" s="2">
        <v>0.99099999999999999</v>
      </c>
      <c r="V6107" s="2">
        <v>10.6</v>
      </c>
      <c r="W6107" s="2">
        <v>99.1</v>
      </c>
      <c r="X6107" s="2">
        <v>7.6</v>
      </c>
      <c r="Y6107" s="2">
        <v>10.6</v>
      </c>
      <c r="Z6107" s="5"/>
      <c r="AA6107" s="5" t="s">
        <v>43</v>
      </c>
      <c r="AB6107" s="5" t="s">
        <v>44</v>
      </c>
      <c r="AC6107" s="2"/>
      <c r="AD6107" s="1"/>
    </row>
    <row r="6108" spans="1:30">
      <c r="A6108" s="5" t="s">
        <v>83578</v>
      </c>
      <c r="B6108" s="2" t="s">
        <v>102439</v>
      </c>
      <c r="C6108" s="14" t="s">
        <v>102440</v>
      </c>
      <c r="D6108" s="2" t="s">
        <v>102441</v>
      </c>
      <c r="E6108" s="2" t="s">
        <v>7597</v>
      </c>
      <c r="F6108" s="8">
        <v>127</v>
      </c>
      <c r="G6108" s="5">
        <v>6</v>
      </c>
      <c r="H6108" s="5" t="s">
        <v>1518</v>
      </c>
      <c r="I6108" s="5" t="s">
        <v>69038</v>
      </c>
      <c r="J6108" s="2" t="s">
        <v>69039</v>
      </c>
      <c r="K6108" s="5" t="s">
        <v>69038</v>
      </c>
      <c r="L6108" s="2" t="s">
        <v>69039</v>
      </c>
      <c r="M6108" s="5" t="s">
        <v>1521</v>
      </c>
      <c r="N6108" s="5" t="s">
        <v>38</v>
      </c>
      <c r="O6108" s="5" t="s">
        <v>39</v>
      </c>
      <c r="P6108" s="5" t="s">
        <v>40</v>
      </c>
      <c r="Q6108" s="5" t="s">
        <v>1522</v>
      </c>
      <c r="R6108" s="5" t="s">
        <v>1523</v>
      </c>
      <c r="S6108" s="5" t="s">
        <v>42</v>
      </c>
      <c r="T6108" s="2">
        <v>1.3440000000000001</v>
      </c>
      <c r="U6108" s="2">
        <v>0.99099999999999999</v>
      </c>
      <c r="V6108" s="2">
        <v>10.6</v>
      </c>
      <c r="W6108" s="2">
        <v>99.1</v>
      </c>
      <c r="X6108" s="2">
        <v>7.6</v>
      </c>
      <c r="Y6108" s="2">
        <v>10.6</v>
      </c>
      <c r="Z6108" s="5"/>
      <c r="AA6108" s="5" t="s">
        <v>43</v>
      </c>
      <c r="AB6108" s="5" t="s">
        <v>44</v>
      </c>
      <c r="AC6108" s="2"/>
      <c r="AD6108" s="1"/>
    </row>
    <row r="6109" spans="1:30">
      <c r="A6109" s="5" t="s">
        <v>83578</v>
      </c>
      <c r="B6109" s="2" t="s">
        <v>102442</v>
      </c>
      <c r="C6109" s="14" t="s">
        <v>102443</v>
      </c>
      <c r="D6109" s="2" t="s">
        <v>102444</v>
      </c>
      <c r="E6109" s="2" t="s">
        <v>7604</v>
      </c>
      <c r="F6109" s="8">
        <v>127</v>
      </c>
      <c r="G6109" s="5">
        <v>6</v>
      </c>
      <c r="H6109" s="5" t="s">
        <v>1518</v>
      </c>
      <c r="I6109" s="5" t="s">
        <v>69038</v>
      </c>
      <c r="J6109" s="2" t="s">
        <v>69039</v>
      </c>
      <c r="K6109" s="5" t="s">
        <v>69038</v>
      </c>
      <c r="L6109" s="2" t="s">
        <v>69039</v>
      </c>
      <c r="M6109" s="5" t="s">
        <v>1521</v>
      </c>
      <c r="N6109" s="5" t="s">
        <v>38</v>
      </c>
      <c r="O6109" s="5" t="s">
        <v>39</v>
      </c>
      <c r="P6109" s="5" t="s">
        <v>40</v>
      </c>
      <c r="Q6109" s="5" t="s">
        <v>1522</v>
      </c>
      <c r="R6109" s="5" t="s">
        <v>1523</v>
      </c>
      <c r="S6109" s="5" t="s">
        <v>42</v>
      </c>
      <c r="T6109" s="2">
        <v>1.3440000000000001</v>
      </c>
      <c r="U6109" s="2">
        <v>0.99099999999999999</v>
      </c>
      <c r="V6109" s="2">
        <v>10.6</v>
      </c>
      <c r="W6109" s="2">
        <v>99.1</v>
      </c>
      <c r="X6109" s="2">
        <v>7.6</v>
      </c>
      <c r="Y6109" s="2">
        <v>10.6</v>
      </c>
      <c r="Z6109" s="5"/>
      <c r="AA6109" s="5" t="s">
        <v>43</v>
      </c>
      <c r="AB6109" s="5" t="s">
        <v>44</v>
      </c>
      <c r="AC6109" s="2"/>
      <c r="AD6109" s="1"/>
    </row>
    <row r="6110" spans="1:30">
      <c r="A6110" s="5" t="s">
        <v>83578</v>
      </c>
      <c r="B6110" s="2" t="s">
        <v>102445</v>
      </c>
      <c r="C6110" s="14" t="s">
        <v>102446</v>
      </c>
      <c r="D6110" s="2" t="s">
        <v>102447</v>
      </c>
      <c r="E6110" s="2" t="s">
        <v>7521</v>
      </c>
      <c r="F6110" s="8">
        <v>114</v>
      </c>
      <c r="G6110" s="5">
        <v>6</v>
      </c>
      <c r="H6110" s="5" t="s">
        <v>1518</v>
      </c>
      <c r="I6110" s="5" t="s">
        <v>69038</v>
      </c>
      <c r="J6110" s="2" t="s">
        <v>69039</v>
      </c>
      <c r="K6110" s="5" t="s">
        <v>69038</v>
      </c>
      <c r="L6110" s="2" t="s">
        <v>69039</v>
      </c>
      <c r="M6110" s="5" t="s">
        <v>1521</v>
      </c>
      <c r="N6110" s="5" t="s">
        <v>38</v>
      </c>
      <c r="O6110" s="5" t="s">
        <v>39</v>
      </c>
      <c r="P6110" s="5" t="s">
        <v>40</v>
      </c>
      <c r="Q6110" s="5" t="s">
        <v>1522</v>
      </c>
      <c r="R6110" s="5" t="s">
        <v>1523</v>
      </c>
      <c r="S6110" s="5" t="s">
        <v>42</v>
      </c>
      <c r="T6110" s="2">
        <v>1.4710000000000001</v>
      </c>
      <c r="U6110" s="2">
        <v>1.1120000000000001</v>
      </c>
      <c r="V6110" s="2">
        <v>10.6</v>
      </c>
      <c r="W6110" s="2">
        <v>118.9</v>
      </c>
      <c r="X6110" s="2">
        <v>7.6</v>
      </c>
      <c r="Y6110" s="2">
        <v>10.6</v>
      </c>
      <c r="Z6110" s="5"/>
      <c r="AA6110" s="5" t="s">
        <v>43</v>
      </c>
      <c r="AB6110" s="5" t="s">
        <v>44</v>
      </c>
      <c r="AC6110" s="2"/>
      <c r="AD6110" s="1"/>
    </row>
    <row r="6111" spans="1:30">
      <c r="A6111" s="5" t="s">
        <v>83578</v>
      </c>
      <c r="B6111" s="2" t="s">
        <v>102448</v>
      </c>
      <c r="C6111" s="14" t="s">
        <v>102449</v>
      </c>
      <c r="D6111" s="2" t="s">
        <v>102450</v>
      </c>
      <c r="E6111" s="2" t="s">
        <v>7406</v>
      </c>
      <c r="F6111" s="8">
        <v>131</v>
      </c>
      <c r="G6111" s="5">
        <v>6</v>
      </c>
      <c r="H6111" s="5" t="s">
        <v>1518</v>
      </c>
      <c r="I6111" s="5" t="s">
        <v>69038</v>
      </c>
      <c r="J6111" s="2" t="s">
        <v>69039</v>
      </c>
      <c r="K6111" s="5" t="s">
        <v>69038</v>
      </c>
      <c r="L6111" s="2" t="s">
        <v>69039</v>
      </c>
      <c r="M6111" s="5" t="s">
        <v>1521</v>
      </c>
      <c r="N6111" s="5" t="s">
        <v>38</v>
      </c>
      <c r="O6111" s="5" t="s">
        <v>39</v>
      </c>
      <c r="P6111" s="5" t="s">
        <v>40</v>
      </c>
      <c r="Q6111" s="5" t="s">
        <v>1522</v>
      </c>
      <c r="R6111" s="5" t="s">
        <v>1523</v>
      </c>
      <c r="S6111" s="5" t="s">
        <v>42</v>
      </c>
      <c r="T6111" s="2">
        <v>1.401</v>
      </c>
      <c r="U6111" s="2">
        <v>1.042</v>
      </c>
      <c r="V6111" s="2">
        <v>10.6</v>
      </c>
      <c r="W6111" s="2">
        <v>118.9</v>
      </c>
      <c r="X6111" s="2">
        <v>7.6</v>
      </c>
      <c r="Y6111" s="2">
        <v>10.6</v>
      </c>
      <c r="Z6111" s="5"/>
      <c r="AA6111" s="5" t="s">
        <v>43</v>
      </c>
      <c r="AB6111" s="5" t="s">
        <v>44</v>
      </c>
      <c r="AC6111" s="2"/>
      <c r="AD6111" s="1"/>
    </row>
    <row r="6112" spans="1:30">
      <c r="A6112" s="5" t="s">
        <v>83578</v>
      </c>
      <c r="B6112" s="2" t="s">
        <v>102451</v>
      </c>
      <c r="C6112" s="14" t="s">
        <v>102452</v>
      </c>
      <c r="D6112" s="2" t="s">
        <v>102453</v>
      </c>
      <c r="E6112" s="2" t="s">
        <v>7535</v>
      </c>
      <c r="F6112" s="8">
        <v>131</v>
      </c>
      <c r="G6112" s="5">
        <v>6</v>
      </c>
      <c r="H6112" s="5" t="s">
        <v>1518</v>
      </c>
      <c r="I6112" s="5" t="s">
        <v>69038</v>
      </c>
      <c r="J6112" s="2" t="s">
        <v>69039</v>
      </c>
      <c r="K6112" s="5" t="s">
        <v>69038</v>
      </c>
      <c r="L6112" s="2" t="s">
        <v>69039</v>
      </c>
      <c r="M6112" s="5" t="s">
        <v>1521</v>
      </c>
      <c r="N6112" s="5" t="s">
        <v>38</v>
      </c>
      <c r="O6112" s="5" t="s">
        <v>39</v>
      </c>
      <c r="P6112" s="5" t="s">
        <v>40</v>
      </c>
      <c r="Q6112" s="5" t="s">
        <v>1522</v>
      </c>
      <c r="R6112" s="5" t="s">
        <v>1523</v>
      </c>
      <c r="S6112" s="5" t="s">
        <v>42</v>
      </c>
      <c r="T6112" s="2">
        <v>1.4710000000000001</v>
      </c>
      <c r="U6112" s="2">
        <v>1.1120000000000001</v>
      </c>
      <c r="V6112" s="2">
        <v>10.6</v>
      </c>
      <c r="W6112" s="2">
        <v>118.9</v>
      </c>
      <c r="X6112" s="2">
        <v>7.6</v>
      </c>
      <c r="Y6112" s="2">
        <v>10.6</v>
      </c>
      <c r="Z6112" s="5"/>
      <c r="AA6112" s="5" t="s">
        <v>43</v>
      </c>
      <c r="AB6112" s="5" t="s">
        <v>44</v>
      </c>
      <c r="AC6112" s="2"/>
      <c r="AD6112" s="1"/>
    </row>
    <row r="6113" spans="1:30">
      <c r="A6113" s="5" t="s">
        <v>83578</v>
      </c>
      <c r="B6113" s="2" t="s">
        <v>102454</v>
      </c>
      <c r="C6113" s="14" t="s">
        <v>102455</v>
      </c>
      <c r="D6113" s="2" t="s">
        <v>102456</v>
      </c>
      <c r="E6113" s="2" t="s">
        <v>7539</v>
      </c>
      <c r="F6113" s="8">
        <v>131</v>
      </c>
      <c r="G6113" s="5">
        <v>6</v>
      </c>
      <c r="H6113" s="5" t="s">
        <v>1518</v>
      </c>
      <c r="I6113" s="5" t="s">
        <v>69038</v>
      </c>
      <c r="J6113" s="2" t="s">
        <v>69039</v>
      </c>
      <c r="K6113" s="5" t="s">
        <v>69038</v>
      </c>
      <c r="L6113" s="2" t="s">
        <v>69039</v>
      </c>
      <c r="M6113" s="5" t="s">
        <v>1521</v>
      </c>
      <c r="N6113" s="5" t="s">
        <v>38</v>
      </c>
      <c r="O6113" s="5" t="s">
        <v>39</v>
      </c>
      <c r="P6113" s="5" t="s">
        <v>40</v>
      </c>
      <c r="Q6113" s="5" t="s">
        <v>1522</v>
      </c>
      <c r="R6113" s="5" t="s">
        <v>1523</v>
      </c>
      <c r="S6113" s="5" t="s">
        <v>42</v>
      </c>
      <c r="T6113" s="2">
        <v>1.401</v>
      </c>
      <c r="U6113" s="2">
        <v>1.042</v>
      </c>
      <c r="V6113" s="2">
        <v>10.6</v>
      </c>
      <c r="W6113" s="2">
        <v>118.9</v>
      </c>
      <c r="X6113" s="2">
        <v>7.6</v>
      </c>
      <c r="Y6113" s="2">
        <v>10.6</v>
      </c>
      <c r="Z6113" s="5"/>
      <c r="AA6113" s="5" t="s">
        <v>43</v>
      </c>
      <c r="AB6113" s="5" t="s">
        <v>44</v>
      </c>
      <c r="AC6113" s="2"/>
      <c r="AD6113" s="1"/>
    </row>
    <row r="6114" spans="1:30">
      <c r="A6114" s="5" t="s">
        <v>83578</v>
      </c>
      <c r="B6114" s="2" t="s">
        <v>102457</v>
      </c>
      <c r="C6114" s="14" t="s">
        <v>102458</v>
      </c>
      <c r="D6114" s="2" t="s">
        <v>102459</v>
      </c>
      <c r="E6114" s="2" t="s">
        <v>7543</v>
      </c>
      <c r="F6114" s="8">
        <v>131</v>
      </c>
      <c r="G6114" s="5">
        <v>6</v>
      </c>
      <c r="H6114" s="5" t="s">
        <v>1518</v>
      </c>
      <c r="I6114" s="5" t="s">
        <v>69038</v>
      </c>
      <c r="J6114" s="2" t="s">
        <v>69039</v>
      </c>
      <c r="K6114" s="5" t="s">
        <v>69038</v>
      </c>
      <c r="L6114" s="2" t="s">
        <v>69039</v>
      </c>
      <c r="M6114" s="5" t="s">
        <v>1521</v>
      </c>
      <c r="N6114" s="5" t="s">
        <v>38</v>
      </c>
      <c r="O6114" s="5" t="s">
        <v>39</v>
      </c>
      <c r="P6114" s="5" t="s">
        <v>40</v>
      </c>
      <c r="Q6114" s="5" t="s">
        <v>1522</v>
      </c>
      <c r="R6114" s="5" t="s">
        <v>1523</v>
      </c>
      <c r="S6114" s="5" t="s">
        <v>42</v>
      </c>
      <c r="T6114" s="2">
        <v>1.4710000000000001</v>
      </c>
      <c r="U6114" s="2">
        <v>1.1120000000000001</v>
      </c>
      <c r="V6114" s="2">
        <v>10.6</v>
      </c>
      <c r="W6114" s="2">
        <v>118.9</v>
      </c>
      <c r="X6114" s="2">
        <v>7.6</v>
      </c>
      <c r="Y6114" s="2">
        <v>10.6</v>
      </c>
      <c r="Z6114" s="5"/>
      <c r="AA6114" s="5" t="s">
        <v>43</v>
      </c>
      <c r="AB6114" s="5" t="s">
        <v>44</v>
      </c>
      <c r="AC6114" s="2"/>
      <c r="AD6114" s="1"/>
    </row>
    <row r="6115" spans="1:30">
      <c r="A6115" s="5" t="s">
        <v>83578</v>
      </c>
      <c r="B6115" s="2" t="s">
        <v>102460</v>
      </c>
      <c r="C6115" s="14" t="s">
        <v>102461</v>
      </c>
      <c r="D6115" s="2" t="s">
        <v>102462</v>
      </c>
      <c r="E6115" s="2" t="s">
        <v>7396</v>
      </c>
      <c r="F6115" s="8">
        <v>114</v>
      </c>
      <c r="G6115" s="5">
        <v>6</v>
      </c>
      <c r="H6115" s="5" t="s">
        <v>1518</v>
      </c>
      <c r="I6115" s="5" t="s">
        <v>69038</v>
      </c>
      <c r="J6115" s="2" t="s">
        <v>69039</v>
      </c>
      <c r="K6115" s="5" t="s">
        <v>69038</v>
      </c>
      <c r="L6115" s="2" t="s">
        <v>69039</v>
      </c>
      <c r="M6115" s="5" t="s">
        <v>1521</v>
      </c>
      <c r="N6115" s="5" t="s">
        <v>38</v>
      </c>
      <c r="O6115" s="5" t="s">
        <v>39</v>
      </c>
      <c r="P6115" s="5" t="s">
        <v>40</v>
      </c>
      <c r="Q6115" s="5" t="s">
        <v>1522</v>
      </c>
      <c r="R6115" s="5" t="s">
        <v>1523</v>
      </c>
      <c r="S6115" s="5" t="s">
        <v>42</v>
      </c>
      <c r="T6115" s="2">
        <v>1.401</v>
      </c>
      <c r="U6115" s="2">
        <v>1.042</v>
      </c>
      <c r="V6115" s="2">
        <v>10.6</v>
      </c>
      <c r="W6115" s="2">
        <v>118.9</v>
      </c>
      <c r="X6115" s="2">
        <v>7.6</v>
      </c>
      <c r="Y6115" s="2">
        <v>10.6</v>
      </c>
      <c r="Z6115" s="5"/>
      <c r="AA6115" s="5" t="s">
        <v>43</v>
      </c>
      <c r="AB6115" s="5" t="s">
        <v>44</v>
      </c>
      <c r="AC6115" s="2"/>
      <c r="AD6115" s="1"/>
    </row>
    <row r="6116" spans="1:30">
      <c r="A6116" s="5" t="s">
        <v>83578</v>
      </c>
      <c r="B6116" s="2" t="s">
        <v>102463</v>
      </c>
      <c r="C6116" s="14" t="s">
        <v>102464</v>
      </c>
      <c r="D6116" s="2" t="s">
        <v>102465</v>
      </c>
      <c r="E6116" s="2" t="s">
        <v>69112</v>
      </c>
      <c r="F6116" s="8">
        <v>114</v>
      </c>
      <c r="G6116" s="5">
        <v>6</v>
      </c>
      <c r="H6116" s="5" t="s">
        <v>1518</v>
      </c>
      <c r="I6116" s="5" t="s">
        <v>69038</v>
      </c>
      <c r="J6116" s="2" t="s">
        <v>69039</v>
      </c>
      <c r="K6116" s="5" t="s">
        <v>69038</v>
      </c>
      <c r="L6116" s="2" t="s">
        <v>69039</v>
      </c>
      <c r="M6116" s="5" t="s">
        <v>1521</v>
      </c>
      <c r="N6116" s="5" t="s">
        <v>38</v>
      </c>
      <c r="O6116" s="5" t="s">
        <v>39</v>
      </c>
      <c r="P6116" s="5" t="s">
        <v>40</v>
      </c>
      <c r="Q6116" s="5" t="s">
        <v>1522</v>
      </c>
      <c r="R6116" s="5" t="s">
        <v>1523</v>
      </c>
      <c r="S6116" s="5" t="s">
        <v>42</v>
      </c>
      <c r="T6116" s="2">
        <v>1.4710000000000001</v>
      </c>
      <c r="U6116" s="2">
        <v>1.1120000000000001</v>
      </c>
      <c r="V6116" s="2">
        <v>10.6</v>
      </c>
      <c r="W6116" s="2">
        <v>118.9</v>
      </c>
      <c r="X6116" s="2">
        <v>7.6</v>
      </c>
      <c r="Y6116" s="2">
        <v>10.6</v>
      </c>
      <c r="Z6116" s="5"/>
      <c r="AA6116" s="5" t="s">
        <v>43</v>
      </c>
      <c r="AB6116" s="5" t="s">
        <v>44</v>
      </c>
      <c r="AC6116" s="2"/>
      <c r="AD6116" s="1"/>
    </row>
    <row r="6117" spans="1:30">
      <c r="A6117" s="5" t="s">
        <v>83578</v>
      </c>
      <c r="B6117" s="2" t="s">
        <v>102466</v>
      </c>
      <c r="C6117" s="14" t="s">
        <v>102467</v>
      </c>
      <c r="D6117" s="2" t="s">
        <v>102468</v>
      </c>
      <c r="E6117" s="2" t="s">
        <v>7547</v>
      </c>
      <c r="F6117" s="8">
        <v>131</v>
      </c>
      <c r="G6117" s="5">
        <v>6</v>
      </c>
      <c r="H6117" s="5" t="s">
        <v>1518</v>
      </c>
      <c r="I6117" s="5" t="s">
        <v>69038</v>
      </c>
      <c r="J6117" s="2" t="s">
        <v>69039</v>
      </c>
      <c r="K6117" s="5" t="s">
        <v>69038</v>
      </c>
      <c r="L6117" s="2" t="s">
        <v>69039</v>
      </c>
      <c r="M6117" s="5" t="s">
        <v>1521</v>
      </c>
      <c r="N6117" s="5" t="s">
        <v>38</v>
      </c>
      <c r="O6117" s="5" t="s">
        <v>39</v>
      </c>
      <c r="P6117" s="5" t="s">
        <v>40</v>
      </c>
      <c r="Q6117" s="5" t="s">
        <v>1522</v>
      </c>
      <c r="R6117" s="5" t="s">
        <v>1523</v>
      </c>
      <c r="S6117" s="5" t="s">
        <v>42</v>
      </c>
      <c r="T6117" s="2">
        <v>1.401</v>
      </c>
      <c r="U6117" s="2">
        <v>1.042</v>
      </c>
      <c r="V6117" s="2">
        <v>10.6</v>
      </c>
      <c r="W6117" s="2">
        <v>118.9</v>
      </c>
      <c r="X6117" s="2">
        <v>7.6</v>
      </c>
      <c r="Y6117" s="2">
        <v>10.6</v>
      </c>
      <c r="Z6117" s="5"/>
      <c r="AA6117" s="5" t="s">
        <v>43</v>
      </c>
      <c r="AB6117" s="5" t="s">
        <v>44</v>
      </c>
      <c r="AC6117" s="2"/>
      <c r="AD6117" s="1"/>
    </row>
    <row r="6118" spans="1:30">
      <c r="A6118" s="5" t="s">
        <v>83578</v>
      </c>
      <c r="B6118" s="2" t="s">
        <v>102469</v>
      </c>
      <c r="C6118" s="14" t="s">
        <v>102470</v>
      </c>
      <c r="D6118" s="2" t="s">
        <v>102471</v>
      </c>
      <c r="E6118" s="2" t="s">
        <v>7551</v>
      </c>
      <c r="F6118" s="8">
        <v>131</v>
      </c>
      <c r="G6118" s="5">
        <v>6</v>
      </c>
      <c r="H6118" s="5" t="s">
        <v>1518</v>
      </c>
      <c r="I6118" s="5" t="s">
        <v>69038</v>
      </c>
      <c r="J6118" s="2" t="s">
        <v>69039</v>
      </c>
      <c r="K6118" s="5" t="s">
        <v>69038</v>
      </c>
      <c r="L6118" s="2" t="s">
        <v>69039</v>
      </c>
      <c r="M6118" s="5" t="s">
        <v>1521</v>
      </c>
      <c r="N6118" s="5" t="s">
        <v>38</v>
      </c>
      <c r="O6118" s="5" t="s">
        <v>39</v>
      </c>
      <c r="P6118" s="5" t="s">
        <v>40</v>
      </c>
      <c r="Q6118" s="5" t="s">
        <v>1522</v>
      </c>
      <c r="R6118" s="5" t="s">
        <v>1523</v>
      </c>
      <c r="S6118" s="5" t="s">
        <v>42</v>
      </c>
      <c r="T6118" s="2">
        <v>1.4710000000000001</v>
      </c>
      <c r="U6118" s="2">
        <v>1.1120000000000001</v>
      </c>
      <c r="V6118" s="2">
        <v>10.6</v>
      </c>
      <c r="W6118" s="2">
        <v>118.9</v>
      </c>
      <c r="X6118" s="2">
        <v>7.6</v>
      </c>
      <c r="Y6118" s="2">
        <v>10.6</v>
      </c>
      <c r="Z6118" s="5"/>
      <c r="AA6118" s="5" t="s">
        <v>43</v>
      </c>
      <c r="AB6118" s="5" t="s">
        <v>44</v>
      </c>
      <c r="AC6118" s="2"/>
      <c r="AD6118" s="1"/>
    </row>
    <row r="6119" spans="1:30">
      <c r="A6119" s="5" t="s">
        <v>83578</v>
      </c>
      <c r="B6119" s="2" t="s">
        <v>102472</v>
      </c>
      <c r="C6119" s="14" t="s">
        <v>102473</v>
      </c>
      <c r="D6119" s="2" t="s">
        <v>102474</v>
      </c>
      <c r="E6119" s="2" t="s">
        <v>7563</v>
      </c>
      <c r="F6119" s="8">
        <v>131</v>
      </c>
      <c r="G6119" s="5">
        <v>6</v>
      </c>
      <c r="H6119" s="5" t="s">
        <v>1518</v>
      </c>
      <c r="I6119" s="5" t="s">
        <v>69038</v>
      </c>
      <c r="J6119" s="2" t="s">
        <v>69039</v>
      </c>
      <c r="K6119" s="5" t="s">
        <v>69038</v>
      </c>
      <c r="L6119" s="2" t="s">
        <v>69039</v>
      </c>
      <c r="M6119" s="5" t="s">
        <v>1521</v>
      </c>
      <c r="N6119" s="5" t="s">
        <v>38</v>
      </c>
      <c r="O6119" s="5" t="s">
        <v>39</v>
      </c>
      <c r="P6119" s="5" t="s">
        <v>40</v>
      </c>
      <c r="Q6119" s="5" t="s">
        <v>1522</v>
      </c>
      <c r="R6119" s="5" t="s">
        <v>1523</v>
      </c>
      <c r="S6119" s="5" t="s">
        <v>42</v>
      </c>
      <c r="T6119" s="2">
        <v>1.401</v>
      </c>
      <c r="U6119" s="2">
        <v>1.042</v>
      </c>
      <c r="V6119" s="2">
        <v>10.6</v>
      </c>
      <c r="W6119" s="2">
        <v>118.9</v>
      </c>
      <c r="X6119" s="2">
        <v>7.6</v>
      </c>
      <c r="Y6119" s="2">
        <v>10.6</v>
      </c>
      <c r="Z6119" s="5"/>
      <c r="AA6119" s="5" t="s">
        <v>43</v>
      </c>
      <c r="AB6119" s="5" t="s">
        <v>44</v>
      </c>
      <c r="AC6119" s="2"/>
      <c r="AD6119" s="1"/>
    </row>
    <row r="6120" spans="1:30">
      <c r="A6120" s="5" t="s">
        <v>83578</v>
      </c>
      <c r="B6120" s="2" t="s">
        <v>102475</v>
      </c>
      <c r="C6120" s="14" t="s">
        <v>102476</v>
      </c>
      <c r="D6120" s="2" t="s">
        <v>102477</v>
      </c>
      <c r="E6120" s="2" t="s">
        <v>7567</v>
      </c>
      <c r="F6120" s="8">
        <v>131</v>
      </c>
      <c r="G6120" s="5">
        <v>6</v>
      </c>
      <c r="H6120" s="5" t="s">
        <v>1518</v>
      </c>
      <c r="I6120" s="5" t="s">
        <v>69038</v>
      </c>
      <c r="J6120" s="2" t="s">
        <v>69039</v>
      </c>
      <c r="K6120" s="5" t="s">
        <v>69038</v>
      </c>
      <c r="L6120" s="2" t="s">
        <v>69039</v>
      </c>
      <c r="M6120" s="5" t="s">
        <v>1521</v>
      </c>
      <c r="N6120" s="5" t="s">
        <v>38</v>
      </c>
      <c r="O6120" s="5" t="s">
        <v>39</v>
      </c>
      <c r="P6120" s="5" t="s">
        <v>40</v>
      </c>
      <c r="Q6120" s="5" t="s">
        <v>1522</v>
      </c>
      <c r="R6120" s="5" t="s">
        <v>1523</v>
      </c>
      <c r="S6120" s="5" t="s">
        <v>42</v>
      </c>
      <c r="T6120" s="2">
        <v>1.4710000000000001</v>
      </c>
      <c r="U6120" s="2">
        <v>1.1120000000000001</v>
      </c>
      <c r="V6120" s="2">
        <v>10.6</v>
      </c>
      <c r="W6120" s="2">
        <v>118.9</v>
      </c>
      <c r="X6120" s="2">
        <v>7.6</v>
      </c>
      <c r="Y6120" s="2">
        <v>10.6</v>
      </c>
      <c r="Z6120" s="5"/>
      <c r="AA6120" s="5" t="s">
        <v>43</v>
      </c>
      <c r="AB6120" s="5" t="s">
        <v>44</v>
      </c>
      <c r="AC6120" s="2"/>
      <c r="AD6120" s="1"/>
    </row>
    <row r="6121" spans="1:30">
      <c r="A6121" s="5" t="s">
        <v>83578</v>
      </c>
      <c r="B6121" s="2" t="s">
        <v>102478</v>
      </c>
      <c r="C6121" s="14" t="s">
        <v>102479</v>
      </c>
      <c r="D6121" s="2" t="s">
        <v>102480</v>
      </c>
      <c r="E6121" s="2" t="s">
        <v>7555</v>
      </c>
      <c r="F6121" s="8">
        <v>131</v>
      </c>
      <c r="G6121" s="5">
        <v>6</v>
      </c>
      <c r="H6121" s="5" t="s">
        <v>1518</v>
      </c>
      <c r="I6121" s="5" t="s">
        <v>69038</v>
      </c>
      <c r="J6121" s="2" t="s">
        <v>69039</v>
      </c>
      <c r="K6121" s="5" t="s">
        <v>69038</v>
      </c>
      <c r="L6121" s="2" t="s">
        <v>69039</v>
      </c>
      <c r="M6121" s="5" t="s">
        <v>1521</v>
      </c>
      <c r="N6121" s="5" t="s">
        <v>38</v>
      </c>
      <c r="O6121" s="5" t="s">
        <v>39</v>
      </c>
      <c r="P6121" s="5" t="s">
        <v>40</v>
      </c>
      <c r="Q6121" s="5" t="s">
        <v>1522</v>
      </c>
      <c r="R6121" s="5" t="s">
        <v>1523</v>
      </c>
      <c r="S6121" s="5" t="s">
        <v>42</v>
      </c>
      <c r="T6121" s="2">
        <v>1.401</v>
      </c>
      <c r="U6121" s="2">
        <v>1.042</v>
      </c>
      <c r="V6121" s="2">
        <v>10.6</v>
      </c>
      <c r="W6121" s="2">
        <v>118.9</v>
      </c>
      <c r="X6121" s="2">
        <v>7.6</v>
      </c>
      <c r="Y6121" s="2">
        <v>10.6</v>
      </c>
      <c r="Z6121" s="5"/>
      <c r="AA6121" s="5" t="s">
        <v>43</v>
      </c>
      <c r="AB6121" s="5" t="s">
        <v>44</v>
      </c>
      <c r="AC6121" s="2"/>
      <c r="AD6121" s="1"/>
    </row>
    <row r="6122" spans="1:30">
      <c r="A6122" s="5" t="s">
        <v>83578</v>
      </c>
      <c r="B6122" s="2" t="s">
        <v>102481</v>
      </c>
      <c r="C6122" s="14" t="s">
        <v>102482</v>
      </c>
      <c r="D6122" s="2" t="s">
        <v>102483</v>
      </c>
      <c r="E6122" s="2" t="s">
        <v>7559</v>
      </c>
      <c r="F6122" s="8">
        <v>131</v>
      </c>
      <c r="G6122" s="5">
        <v>6</v>
      </c>
      <c r="H6122" s="5" t="s">
        <v>1518</v>
      </c>
      <c r="I6122" s="5" t="s">
        <v>69038</v>
      </c>
      <c r="J6122" s="2" t="s">
        <v>69039</v>
      </c>
      <c r="K6122" s="5" t="s">
        <v>69038</v>
      </c>
      <c r="L6122" s="2" t="s">
        <v>69039</v>
      </c>
      <c r="M6122" s="5" t="s">
        <v>1521</v>
      </c>
      <c r="N6122" s="5" t="s">
        <v>38</v>
      </c>
      <c r="O6122" s="5" t="s">
        <v>39</v>
      </c>
      <c r="P6122" s="5" t="s">
        <v>40</v>
      </c>
      <c r="Q6122" s="5" t="s">
        <v>1522</v>
      </c>
      <c r="R6122" s="5" t="s">
        <v>1523</v>
      </c>
      <c r="S6122" s="5" t="s">
        <v>42</v>
      </c>
      <c r="T6122" s="2">
        <v>1.4710000000000001</v>
      </c>
      <c r="U6122" s="2">
        <v>1.1120000000000001</v>
      </c>
      <c r="V6122" s="2">
        <v>10.6</v>
      </c>
      <c r="W6122" s="2">
        <v>118.9</v>
      </c>
      <c r="X6122" s="2">
        <v>7.6</v>
      </c>
      <c r="Y6122" s="2">
        <v>10.6</v>
      </c>
      <c r="Z6122" s="5"/>
      <c r="AA6122" s="5" t="s">
        <v>43</v>
      </c>
      <c r="AB6122" s="5" t="s">
        <v>44</v>
      </c>
      <c r="AC6122" s="2"/>
      <c r="AD6122" s="1"/>
    </row>
    <row r="6123" spans="1:30">
      <c r="A6123" s="5" t="s">
        <v>83578</v>
      </c>
      <c r="B6123" s="2" t="s">
        <v>102484</v>
      </c>
      <c r="C6123" s="14" t="s">
        <v>102485</v>
      </c>
      <c r="D6123" s="2" t="s">
        <v>102486</v>
      </c>
      <c r="E6123" s="2" t="s">
        <v>7429</v>
      </c>
      <c r="F6123" s="8">
        <v>131</v>
      </c>
      <c r="G6123" s="5">
        <v>6</v>
      </c>
      <c r="H6123" s="5" t="s">
        <v>1518</v>
      </c>
      <c r="I6123" s="5" t="s">
        <v>69038</v>
      </c>
      <c r="J6123" s="2" t="s">
        <v>69039</v>
      </c>
      <c r="K6123" s="5" t="s">
        <v>69038</v>
      </c>
      <c r="L6123" s="2" t="s">
        <v>69039</v>
      </c>
      <c r="M6123" s="5" t="s">
        <v>1521</v>
      </c>
      <c r="N6123" s="5" t="s">
        <v>38</v>
      </c>
      <c r="O6123" s="5" t="s">
        <v>39</v>
      </c>
      <c r="P6123" s="5" t="s">
        <v>40</v>
      </c>
      <c r="Q6123" s="5" t="s">
        <v>1522</v>
      </c>
      <c r="R6123" s="5" t="s">
        <v>1523</v>
      </c>
      <c r="S6123" s="5" t="s">
        <v>42</v>
      </c>
      <c r="T6123" s="2">
        <v>1.401</v>
      </c>
      <c r="U6123" s="2">
        <v>1.042</v>
      </c>
      <c r="V6123" s="2">
        <v>10.6</v>
      </c>
      <c r="W6123" s="2">
        <v>118.9</v>
      </c>
      <c r="X6123" s="2">
        <v>7.6</v>
      </c>
      <c r="Y6123" s="2">
        <v>10.6</v>
      </c>
      <c r="Z6123" s="5"/>
      <c r="AA6123" s="5" t="s">
        <v>43</v>
      </c>
      <c r="AB6123" s="5" t="s">
        <v>44</v>
      </c>
      <c r="AC6123" s="2"/>
      <c r="AD6123" s="1"/>
    </row>
    <row r="6124" spans="1:30">
      <c r="A6124" s="5" t="s">
        <v>83578</v>
      </c>
      <c r="B6124" s="2" t="s">
        <v>102487</v>
      </c>
      <c r="C6124" s="14" t="s">
        <v>102488</v>
      </c>
      <c r="D6124" s="2" t="s">
        <v>102489</v>
      </c>
      <c r="E6124" s="2" t="s">
        <v>7574</v>
      </c>
      <c r="F6124" s="8">
        <v>131</v>
      </c>
      <c r="G6124" s="5">
        <v>6</v>
      </c>
      <c r="H6124" s="5" t="s">
        <v>1518</v>
      </c>
      <c r="I6124" s="5" t="s">
        <v>69038</v>
      </c>
      <c r="J6124" s="2" t="s">
        <v>69039</v>
      </c>
      <c r="K6124" s="5" t="s">
        <v>69038</v>
      </c>
      <c r="L6124" s="2" t="s">
        <v>69039</v>
      </c>
      <c r="M6124" s="5" t="s">
        <v>1521</v>
      </c>
      <c r="N6124" s="5" t="s">
        <v>38</v>
      </c>
      <c r="O6124" s="5" t="s">
        <v>39</v>
      </c>
      <c r="P6124" s="5" t="s">
        <v>40</v>
      </c>
      <c r="Q6124" s="5" t="s">
        <v>1522</v>
      </c>
      <c r="R6124" s="5" t="s">
        <v>1523</v>
      </c>
      <c r="S6124" s="5" t="s">
        <v>42</v>
      </c>
      <c r="T6124" s="2">
        <v>1.4710000000000001</v>
      </c>
      <c r="U6124" s="2">
        <v>1.1120000000000001</v>
      </c>
      <c r="V6124" s="2">
        <v>10.6</v>
      </c>
      <c r="W6124" s="2">
        <v>118.9</v>
      </c>
      <c r="X6124" s="2">
        <v>7.6</v>
      </c>
      <c r="Y6124" s="2">
        <v>10.6</v>
      </c>
      <c r="Z6124" s="5"/>
      <c r="AA6124" s="5" t="s">
        <v>43</v>
      </c>
      <c r="AB6124" s="5" t="s">
        <v>44</v>
      </c>
      <c r="AC6124" s="2"/>
      <c r="AD6124" s="1"/>
    </row>
    <row r="6125" spans="1:30">
      <c r="A6125" s="5" t="s">
        <v>83578</v>
      </c>
      <c r="B6125" s="2" t="s">
        <v>102490</v>
      </c>
      <c r="C6125" s="14" t="s">
        <v>102491</v>
      </c>
      <c r="D6125" s="2" t="s">
        <v>102492</v>
      </c>
      <c r="E6125" s="2" t="s">
        <v>7449</v>
      </c>
      <c r="F6125" s="8">
        <v>131</v>
      </c>
      <c r="G6125" s="5">
        <v>6</v>
      </c>
      <c r="H6125" s="5" t="s">
        <v>1518</v>
      </c>
      <c r="I6125" s="5" t="s">
        <v>69038</v>
      </c>
      <c r="J6125" s="2" t="s">
        <v>69039</v>
      </c>
      <c r="K6125" s="5" t="s">
        <v>69038</v>
      </c>
      <c r="L6125" s="2" t="s">
        <v>69039</v>
      </c>
      <c r="M6125" s="5" t="s">
        <v>1521</v>
      </c>
      <c r="N6125" s="5" t="s">
        <v>38</v>
      </c>
      <c r="O6125" s="5" t="s">
        <v>39</v>
      </c>
      <c r="P6125" s="5" t="s">
        <v>40</v>
      </c>
      <c r="Q6125" s="5" t="s">
        <v>1522</v>
      </c>
      <c r="R6125" s="5" t="s">
        <v>1523</v>
      </c>
      <c r="S6125" s="5" t="s">
        <v>42</v>
      </c>
      <c r="T6125" s="2">
        <v>1.401</v>
      </c>
      <c r="U6125" s="2">
        <v>1.042</v>
      </c>
      <c r="V6125" s="2">
        <v>10.6</v>
      </c>
      <c r="W6125" s="2">
        <v>118.9</v>
      </c>
      <c r="X6125" s="2">
        <v>7.6</v>
      </c>
      <c r="Y6125" s="2">
        <v>10.6</v>
      </c>
      <c r="Z6125" s="5"/>
      <c r="AA6125" s="5" t="s">
        <v>43</v>
      </c>
      <c r="AB6125" s="5" t="s">
        <v>44</v>
      </c>
      <c r="AC6125" s="2"/>
      <c r="AD6125" s="1"/>
    </row>
    <row r="6126" spans="1:30">
      <c r="A6126" s="5" t="s">
        <v>83578</v>
      </c>
      <c r="B6126" s="2" t="s">
        <v>102493</v>
      </c>
      <c r="C6126" s="14" t="s">
        <v>102494</v>
      </c>
      <c r="D6126" s="2" t="s">
        <v>102495</v>
      </c>
      <c r="E6126" s="2" t="s">
        <v>7581</v>
      </c>
      <c r="F6126" s="8">
        <v>131</v>
      </c>
      <c r="G6126" s="5">
        <v>6</v>
      </c>
      <c r="H6126" s="5" t="s">
        <v>1518</v>
      </c>
      <c r="I6126" s="5" t="s">
        <v>69038</v>
      </c>
      <c r="J6126" s="2" t="s">
        <v>69039</v>
      </c>
      <c r="K6126" s="5" t="s">
        <v>69038</v>
      </c>
      <c r="L6126" s="2" t="s">
        <v>69039</v>
      </c>
      <c r="M6126" s="5" t="s">
        <v>1521</v>
      </c>
      <c r="N6126" s="5" t="s">
        <v>38</v>
      </c>
      <c r="O6126" s="5" t="s">
        <v>39</v>
      </c>
      <c r="P6126" s="5" t="s">
        <v>40</v>
      </c>
      <c r="Q6126" s="5" t="s">
        <v>1522</v>
      </c>
      <c r="R6126" s="5" t="s">
        <v>1523</v>
      </c>
      <c r="S6126" s="5" t="s">
        <v>42</v>
      </c>
      <c r="T6126" s="2">
        <v>1.4710000000000001</v>
      </c>
      <c r="U6126" s="2">
        <v>1.1120000000000001</v>
      </c>
      <c r="V6126" s="2">
        <v>10.6</v>
      </c>
      <c r="W6126" s="2">
        <v>118.9</v>
      </c>
      <c r="X6126" s="2">
        <v>7.6</v>
      </c>
      <c r="Y6126" s="2">
        <v>10.6</v>
      </c>
      <c r="Z6126" s="5"/>
      <c r="AA6126" s="5" t="s">
        <v>43</v>
      </c>
      <c r="AB6126" s="5" t="s">
        <v>44</v>
      </c>
      <c r="AC6126" s="2"/>
      <c r="AD6126" s="1"/>
    </row>
    <row r="6127" spans="1:30">
      <c r="A6127" s="5" t="s">
        <v>83578</v>
      </c>
      <c r="B6127" s="2" t="s">
        <v>102496</v>
      </c>
      <c r="C6127" s="14" t="s">
        <v>102497</v>
      </c>
      <c r="D6127" s="2" t="s">
        <v>102498</v>
      </c>
      <c r="E6127" s="2" t="s">
        <v>7585</v>
      </c>
      <c r="F6127" s="8">
        <v>131</v>
      </c>
      <c r="G6127" s="5">
        <v>6</v>
      </c>
      <c r="H6127" s="5" t="s">
        <v>1518</v>
      </c>
      <c r="I6127" s="5" t="s">
        <v>69038</v>
      </c>
      <c r="J6127" s="2" t="s">
        <v>69039</v>
      </c>
      <c r="K6127" s="5" t="s">
        <v>69038</v>
      </c>
      <c r="L6127" s="2" t="s">
        <v>69039</v>
      </c>
      <c r="M6127" s="5" t="s">
        <v>1521</v>
      </c>
      <c r="N6127" s="5" t="s">
        <v>38</v>
      </c>
      <c r="O6127" s="5" t="s">
        <v>39</v>
      </c>
      <c r="P6127" s="5" t="s">
        <v>40</v>
      </c>
      <c r="Q6127" s="5" t="s">
        <v>1522</v>
      </c>
      <c r="R6127" s="5" t="s">
        <v>1523</v>
      </c>
      <c r="S6127" s="5" t="s">
        <v>42</v>
      </c>
      <c r="T6127" s="2">
        <v>1.401</v>
      </c>
      <c r="U6127" s="2">
        <v>1.042</v>
      </c>
      <c r="V6127" s="2">
        <v>10.6</v>
      </c>
      <c r="W6127" s="2">
        <v>118.9</v>
      </c>
      <c r="X6127" s="2">
        <v>7.6</v>
      </c>
      <c r="Y6127" s="2">
        <v>10.6</v>
      </c>
      <c r="Z6127" s="5"/>
      <c r="AA6127" s="5" t="s">
        <v>43</v>
      </c>
      <c r="AB6127" s="5" t="s">
        <v>44</v>
      </c>
      <c r="AC6127" s="2"/>
      <c r="AD6127" s="1"/>
    </row>
    <row r="6128" spans="1:30">
      <c r="A6128" s="5" t="s">
        <v>83578</v>
      </c>
      <c r="B6128" s="2" t="s">
        <v>102499</v>
      </c>
      <c r="C6128" s="14" t="s">
        <v>102500</v>
      </c>
      <c r="D6128" s="2" t="s">
        <v>102501</v>
      </c>
      <c r="E6128" s="2" t="s">
        <v>7589</v>
      </c>
      <c r="F6128" s="8">
        <v>131</v>
      </c>
      <c r="G6128" s="5">
        <v>6</v>
      </c>
      <c r="H6128" s="5" t="s">
        <v>1518</v>
      </c>
      <c r="I6128" s="5" t="s">
        <v>69038</v>
      </c>
      <c r="J6128" s="2" t="s">
        <v>69039</v>
      </c>
      <c r="K6128" s="5" t="s">
        <v>69038</v>
      </c>
      <c r="L6128" s="2" t="s">
        <v>69039</v>
      </c>
      <c r="M6128" s="5" t="s">
        <v>1521</v>
      </c>
      <c r="N6128" s="5" t="s">
        <v>38</v>
      </c>
      <c r="O6128" s="5" t="s">
        <v>39</v>
      </c>
      <c r="P6128" s="5" t="s">
        <v>40</v>
      </c>
      <c r="Q6128" s="5" t="s">
        <v>1522</v>
      </c>
      <c r="R6128" s="5" t="s">
        <v>1523</v>
      </c>
      <c r="S6128" s="5" t="s">
        <v>42</v>
      </c>
      <c r="T6128" s="2">
        <v>1.4710000000000001</v>
      </c>
      <c r="U6128" s="2">
        <v>1.1120000000000001</v>
      </c>
      <c r="V6128" s="2">
        <v>10.6</v>
      </c>
      <c r="W6128" s="2">
        <v>118.9</v>
      </c>
      <c r="X6128" s="2">
        <v>7.6</v>
      </c>
      <c r="Y6128" s="2">
        <v>10.6</v>
      </c>
      <c r="Z6128" s="5"/>
      <c r="AA6128" s="5" t="s">
        <v>43</v>
      </c>
      <c r="AB6128" s="5" t="s">
        <v>44</v>
      </c>
      <c r="AC6128" s="2"/>
      <c r="AD6128" s="1"/>
    </row>
    <row r="6129" spans="1:30">
      <c r="A6129" s="5" t="s">
        <v>83578</v>
      </c>
      <c r="B6129" s="2" t="s">
        <v>102502</v>
      </c>
      <c r="C6129" s="14" t="s">
        <v>102503</v>
      </c>
      <c r="D6129" s="2" t="s">
        <v>102504</v>
      </c>
      <c r="E6129" s="2" t="s">
        <v>7593</v>
      </c>
      <c r="F6129" s="8">
        <v>131</v>
      </c>
      <c r="G6129" s="5">
        <v>6</v>
      </c>
      <c r="H6129" s="5" t="s">
        <v>1518</v>
      </c>
      <c r="I6129" s="5" t="s">
        <v>69038</v>
      </c>
      <c r="J6129" s="2" t="s">
        <v>69039</v>
      </c>
      <c r="K6129" s="5" t="s">
        <v>69038</v>
      </c>
      <c r="L6129" s="2" t="s">
        <v>69039</v>
      </c>
      <c r="M6129" s="5" t="s">
        <v>1521</v>
      </c>
      <c r="N6129" s="5" t="s">
        <v>38</v>
      </c>
      <c r="O6129" s="5" t="s">
        <v>39</v>
      </c>
      <c r="P6129" s="5" t="s">
        <v>40</v>
      </c>
      <c r="Q6129" s="5" t="s">
        <v>1522</v>
      </c>
      <c r="R6129" s="5" t="s">
        <v>1523</v>
      </c>
      <c r="S6129" s="5" t="s">
        <v>42</v>
      </c>
      <c r="T6129" s="2">
        <v>1.401</v>
      </c>
      <c r="U6129" s="2">
        <v>1.042</v>
      </c>
      <c r="V6129" s="2">
        <v>10.6</v>
      </c>
      <c r="W6129" s="2">
        <v>118.9</v>
      </c>
      <c r="X6129" s="2">
        <v>7.6</v>
      </c>
      <c r="Y6129" s="2">
        <v>10.6</v>
      </c>
      <c r="Z6129" s="5"/>
      <c r="AA6129" s="5" t="s">
        <v>43</v>
      </c>
      <c r="AB6129" s="5" t="s">
        <v>44</v>
      </c>
      <c r="AC6129" s="2"/>
      <c r="AD6129" s="1"/>
    </row>
    <row r="6130" spans="1:30">
      <c r="A6130" s="5" t="s">
        <v>83578</v>
      </c>
      <c r="B6130" s="2" t="s">
        <v>102505</v>
      </c>
      <c r="C6130" s="14" t="s">
        <v>102506</v>
      </c>
      <c r="D6130" s="2" t="s">
        <v>102507</v>
      </c>
      <c r="E6130" s="2" t="s">
        <v>7597</v>
      </c>
      <c r="F6130" s="8">
        <v>131</v>
      </c>
      <c r="G6130" s="5">
        <v>6</v>
      </c>
      <c r="H6130" s="5" t="s">
        <v>1518</v>
      </c>
      <c r="I6130" s="5" t="s">
        <v>69038</v>
      </c>
      <c r="J6130" s="2" t="s">
        <v>69039</v>
      </c>
      <c r="K6130" s="5" t="s">
        <v>69038</v>
      </c>
      <c r="L6130" s="2" t="s">
        <v>69039</v>
      </c>
      <c r="M6130" s="5" t="s">
        <v>1521</v>
      </c>
      <c r="N6130" s="5" t="s">
        <v>38</v>
      </c>
      <c r="O6130" s="5" t="s">
        <v>39</v>
      </c>
      <c r="P6130" s="5" t="s">
        <v>40</v>
      </c>
      <c r="Q6130" s="5" t="s">
        <v>1522</v>
      </c>
      <c r="R6130" s="5" t="s">
        <v>1523</v>
      </c>
      <c r="S6130" s="5" t="s">
        <v>42</v>
      </c>
      <c r="T6130" s="2">
        <v>1.4710000000000001</v>
      </c>
      <c r="U6130" s="2">
        <v>1.1120000000000001</v>
      </c>
      <c r="V6130" s="2">
        <v>10.6</v>
      </c>
      <c r="W6130" s="2">
        <v>118.9</v>
      </c>
      <c r="X6130" s="2">
        <v>7.6</v>
      </c>
      <c r="Y6130" s="2">
        <v>10.6</v>
      </c>
      <c r="Z6130" s="5"/>
      <c r="AA6130" s="5" t="s">
        <v>43</v>
      </c>
      <c r="AB6130" s="5" t="s">
        <v>44</v>
      </c>
      <c r="AC6130" s="2"/>
      <c r="AD6130" s="1"/>
    </row>
    <row r="6131" spans="1:30">
      <c r="A6131" s="5" t="s">
        <v>83578</v>
      </c>
      <c r="B6131" s="2" t="s">
        <v>102508</v>
      </c>
      <c r="C6131" s="14" t="s">
        <v>102509</v>
      </c>
      <c r="D6131" s="2" t="s">
        <v>102510</v>
      </c>
      <c r="E6131" s="2" t="s">
        <v>7433</v>
      </c>
      <c r="F6131" s="8">
        <v>131</v>
      </c>
      <c r="G6131" s="5">
        <v>6</v>
      </c>
      <c r="H6131" s="5" t="s">
        <v>1518</v>
      </c>
      <c r="I6131" s="5" t="s">
        <v>69038</v>
      </c>
      <c r="J6131" s="2" t="s">
        <v>69039</v>
      </c>
      <c r="K6131" s="5" t="s">
        <v>69038</v>
      </c>
      <c r="L6131" s="2" t="s">
        <v>69039</v>
      </c>
      <c r="M6131" s="5" t="s">
        <v>1521</v>
      </c>
      <c r="N6131" s="5" t="s">
        <v>38</v>
      </c>
      <c r="O6131" s="5" t="s">
        <v>39</v>
      </c>
      <c r="P6131" s="5" t="s">
        <v>40</v>
      </c>
      <c r="Q6131" s="5" t="s">
        <v>1522</v>
      </c>
      <c r="R6131" s="5" t="s">
        <v>1523</v>
      </c>
      <c r="S6131" s="5" t="s">
        <v>42</v>
      </c>
      <c r="T6131" s="2">
        <v>1.401</v>
      </c>
      <c r="U6131" s="2">
        <v>1.042</v>
      </c>
      <c r="V6131" s="2">
        <v>10.6</v>
      </c>
      <c r="W6131" s="2">
        <v>118.9</v>
      </c>
      <c r="X6131" s="2">
        <v>7.6</v>
      </c>
      <c r="Y6131" s="2">
        <v>10.6</v>
      </c>
      <c r="Z6131" s="5"/>
      <c r="AA6131" s="5" t="s">
        <v>43</v>
      </c>
      <c r="AB6131" s="5" t="s">
        <v>44</v>
      </c>
      <c r="AC6131" s="2"/>
      <c r="AD6131" s="1"/>
    </row>
    <row r="6132" spans="1:30">
      <c r="A6132" s="5" t="s">
        <v>83578</v>
      </c>
      <c r="B6132" s="2" t="s">
        <v>102511</v>
      </c>
      <c r="C6132" s="14" t="s">
        <v>102512</v>
      </c>
      <c r="D6132" s="2" t="s">
        <v>102513</v>
      </c>
      <c r="E6132" s="2" t="s">
        <v>7611</v>
      </c>
      <c r="F6132" s="8">
        <v>131</v>
      </c>
      <c r="G6132" s="5">
        <v>6</v>
      </c>
      <c r="H6132" s="5" t="s">
        <v>1518</v>
      </c>
      <c r="I6132" s="5" t="s">
        <v>69038</v>
      </c>
      <c r="J6132" s="2" t="s">
        <v>69039</v>
      </c>
      <c r="K6132" s="5" t="s">
        <v>69038</v>
      </c>
      <c r="L6132" s="2" t="s">
        <v>69039</v>
      </c>
      <c r="M6132" s="5" t="s">
        <v>1521</v>
      </c>
      <c r="N6132" s="5" t="s">
        <v>38</v>
      </c>
      <c r="O6132" s="5" t="s">
        <v>39</v>
      </c>
      <c r="P6132" s="5" t="s">
        <v>40</v>
      </c>
      <c r="Q6132" s="5" t="s">
        <v>1522</v>
      </c>
      <c r="R6132" s="5" t="s">
        <v>1523</v>
      </c>
      <c r="S6132" s="5" t="s">
        <v>42</v>
      </c>
      <c r="T6132" s="2">
        <v>1.4710000000000001</v>
      </c>
      <c r="U6132" s="2">
        <v>1.1120000000000001</v>
      </c>
      <c r="V6132" s="2">
        <v>10.6</v>
      </c>
      <c r="W6132" s="2">
        <v>118.9</v>
      </c>
      <c r="X6132" s="2">
        <v>7.6</v>
      </c>
      <c r="Y6132" s="2">
        <v>10.6</v>
      </c>
      <c r="Z6132" s="5"/>
      <c r="AA6132" s="5" t="s">
        <v>43</v>
      </c>
      <c r="AB6132" s="5" t="s">
        <v>44</v>
      </c>
      <c r="AC6132" s="2"/>
      <c r="AD6132" s="1"/>
    </row>
    <row r="6133" spans="1:30">
      <c r="A6133" s="5" t="s">
        <v>83578</v>
      </c>
      <c r="B6133" s="2" t="s">
        <v>102514</v>
      </c>
      <c r="C6133" s="14" t="s">
        <v>102515</v>
      </c>
      <c r="D6133" s="2" t="s">
        <v>102516</v>
      </c>
      <c r="E6133" s="2" t="s">
        <v>7615</v>
      </c>
      <c r="F6133" s="8">
        <v>131</v>
      </c>
      <c r="G6133" s="5">
        <v>6</v>
      </c>
      <c r="H6133" s="5" t="s">
        <v>1518</v>
      </c>
      <c r="I6133" s="5" t="s">
        <v>69038</v>
      </c>
      <c r="J6133" s="2" t="s">
        <v>69039</v>
      </c>
      <c r="K6133" s="5" t="s">
        <v>69038</v>
      </c>
      <c r="L6133" s="2" t="s">
        <v>69039</v>
      </c>
      <c r="M6133" s="5" t="s">
        <v>1521</v>
      </c>
      <c r="N6133" s="5" t="s">
        <v>38</v>
      </c>
      <c r="O6133" s="5" t="s">
        <v>39</v>
      </c>
      <c r="P6133" s="5" t="s">
        <v>40</v>
      </c>
      <c r="Q6133" s="5" t="s">
        <v>1522</v>
      </c>
      <c r="R6133" s="5" t="s">
        <v>1523</v>
      </c>
      <c r="S6133" s="5" t="s">
        <v>42</v>
      </c>
      <c r="T6133" s="2">
        <v>1.401</v>
      </c>
      <c r="U6133" s="2">
        <v>1.042</v>
      </c>
      <c r="V6133" s="2">
        <v>10.6</v>
      </c>
      <c r="W6133" s="2">
        <v>118.9</v>
      </c>
      <c r="X6133" s="2">
        <v>7.6</v>
      </c>
      <c r="Y6133" s="2">
        <v>10.6</v>
      </c>
      <c r="Z6133" s="5"/>
      <c r="AA6133" s="5" t="s">
        <v>43</v>
      </c>
      <c r="AB6133" s="5" t="s">
        <v>44</v>
      </c>
      <c r="AC6133" s="2"/>
      <c r="AD6133" s="1"/>
    </row>
    <row r="6134" spans="1:30">
      <c r="A6134" s="5" t="s">
        <v>83578</v>
      </c>
      <c r="B6134" s="2" t="s">
        <v>102517</v>
      </c>
      <c r="C6134" s="14" t="s">
        <v>102518</v>
      </c>
      <c r="D6134" s="2" t="s">
        <v>102519</v>
      </c>
      <c r="E6134" s="2" t="s">
        <v>7619</v>
      </c>
      <c r="F6134" s="8">
        <v>131</v>
      </c>
      <c r="G6134" s="5">
        <v>6</v>
      </c>
      <c r="H6134" s="5" t="s">
        <v>1518</v>
      </c>
      <c r="I6134" s="5" t="s">
        <v>69038</v>
      </c>
      <c r="J6134" s="2" t="s">
        <v>69039</v>
      </c>
      <c r="K6134" s="5" t="s">
        <v>69038</v>
      </c>
      <c r="L6134" s="2" t="s">
        <v>69039</v>
      </c>
      <c r="M6134" s="5" t="s">
        <v>1521</v>
      </c>
      <c r="N6134" s="5" t="s">
        <v>38</v>
      </c>
      <c r="O6134" s="5" t="s">
        <v>39</v>
      </c>
      <c r="P6134" s="5" t="s">
        <v>40</v>
      </c>
      <c r="Q6134" s="5" t="s">
        <v>1522</v>
      </c>
      <c r="R6134" s="5" t="s">
        <v>1523</v>
      </c>
      <c r="S6134" s="5" t="s">
        <v>42</v>
      </c>
      <c r="T6134" s="2">
        <v>1.4710000000000001</v>
      </c>
      <c r="U6134" s="2">
        <v>1.1120000000000001</v>
      </c>
      <c r="V6134" s="2">
        <v>10.6</v>
      </c>
      <c r="W6134" s="2">
        <v>118.9</v>
      </c>
      <c r="X6134" s="2">
        <v>7.6</v>
      </c>
      <c r="Y6134" s="2">
        <v>10.6</v>
      </c>
      <c r="Z6134" s="5"/>
      <c r="AA6134" s="5" t="s">
        <v>43</v>
      </c>
      <c r="AB6134" s="5" t="s">
        <v>44</v>
      </c>
      <c r="AC6134" s="2"/>
      <c r="AD6134" s="1"/>
    </row>
    <row r="6135" spans="1:30">
      <c r="A6135" s="5" t="s">
        <v>83578</v>
      </c>
      <c r="B6135" s="2" t="s">
        <v>102520</v>
      </c>
      <c r="C6135" s="14" t="s">
        <v>102521</v>
      </c>
      <c r="D6135" s="2" t="s">
        <v>102522</v>
      </c>
      <c r="E6135" s="2" t="s">
        <v>7410</v>
      </c>
      <c r="F6135" s="8">
        <v>131</v>
      </c>
      <c r="G6135" s="5">
        <v>6</v>
      </c>
      <c r="H6135" s="5" t="s">
        <v>1518</v>
      </c>
      <c r="I6135" s="5" t="s">
        <v>69038</v>
      </c>
      <c r="J6135" s="2" t="s">
        <v>69039</v>
      </c>
      <c r="K6135" s="5" t="s">
        <v>69038</v>
      </c>
      <c r="L6135" s="2" t="s">
        <v>69039</v>
      </c>
      <c r="M6135" s="5" t="s">
        <v>1521</v>
      </c>
      <c r="N6135" s="5" t="s">
        <v>38</v>
      </c>
      <c r="O6135" s="5" t="s">
        <v>39</v>
      </c>
      <c r="P6135" s="5" t="s">
        <v>40</v>
      </c>
      <c r="Q6135" s="5" t="s">
        <v>1522</v>
      </c>
      <c r="R6135" s="5" t="s">
        <v>1523</v>
      </c>
      <c r="S6135" s="5" t="s">
        <v>42</v>
      </c>
      <c r="T6135" s="2">
        <v>1.401</v>
      </c>
      <c r="U6135" s="2">
        <v>1.042</v>
      </c>
      <c r="V6135" s="2">
        <v>10.6</v>
      </c>
      <c r="W6135" s="2">
        <v>118.9</v>
      </c>
      <c r="X6135" s="2">
        <v>7.6</v>
      </c>
      <c r="Y6135" s="2">
        <v>10.6</v>
      </c>
      <c r="Z6135" s="5"/>
      <c r="AA6135" s="5" t="s">
        <v>43</v>
      </c>
      <c r="AB6135" s="5" t="s">
        <v>44</v>
      </c>
      <c r="AC6135" s="2"/>
      <c r="AD6135" s="1"/>
    </row>
    <row r="6136" spans="1:30">
      <c r="A6136" s="5" t="s">
        <v>83578</v>
      </c>
      <c r="B6136" s="2" t="s">
        <v>102523</v>
      </c>
      <c r="C6136" s="14" t="s">
        <v>102524</v>
      </c>
      <c r="D6136" s="2" t="s">
        <v>102525</v>
      </c>
      <c r="E6136" s="2" t="s">
        <v>7604</v>
      </c>
      <c r="F6136" s="8">
        <v>131</v>
      </c>
      <c r="G6136" s="5">
        <v>6</v>
      </c>
      <c r="H6136" s="5" t="s">
        <v>1518</v>
      </c>
      <c r="I6136" s="5" t="s">
        <v>69038</v>
      </c>
      <c r="J6136" s="2" t="s">
        <v>69039</v>
      </c>
      <c r="K6136" s="5" t="s">
        <v>69038</v>
      </c>
      <c r="L6136" s="2" t="s">
        <v>69039</v>
      </c>
      <c r="M6136" s="5" t="s">
        <v>1521</v>
      </c>
      <c r="N6136" s="5" t="s">
        <v>38</v>
      </c>
      <c r="O6136" s="5" t="s">
        <v>39</v>
      </c>
      <c r="P6136" s="5" t="s">
        <v>40</v>
      </c>
      <c r="Q6136" s="5" t="s">
        <v>1522</v>
      </c>
      <c r="R6136" s="5" t="s">
        <v>1523</v>
      </c>
      <c r="S6136" s="5" t="s">
        <v>42</v>
      </c>
      <c r="T6136" s="2">
        <v>1.4710000000000001</v>
      </c>
      <c r="U6136" s="2">
        <v>1.1120000000000001</v>
      </c>
      <c r="V6136" s="2">
        <v>10.6</v>
      </c>
      <c r="W6136" s="2">
        <v>118.9</v>
      </c>
      <c r="X6136" s="2">
        <v>7.6</v>
      </c>
      <c r="Y6136" s="2">
        <v>10.6</v>
      </c>
      <c r="Z6136" s="5"/>
      <c r="AA6136" s="5" t="s">
        <v>43</v>
      </c>
      <c r="AB6136" s="5" t="s">
        <v>44</v>
      </c>
      <c r="AC6136" s="2"/>
      <c r="AD6136" s="1"/>
    </row>
    <row r="6137" spans="1:30">
      <c r="A6137" s="5" t="s">
        <v>83578</v>
      </c>
      <c r="B6137" s="2" t="s">
        <v>102526</v>
      </c>
      <c r="C6137" s="14" t="s">
        <v>102527</v>
      </c>
      <c r="D6137" s="2" t="s">
        <v>102528</v>
      </c>
      <c r="E6137" s="2" t="s">
        <v>7212</v>
      </c>
      <c r="F6137" s="8">
        <v>114</v>
      </c>
      <c r="G6137" s="5">
        <v>6</v>
      </c>
      <c r="H6137" s="5" t="s">
        <v>1518</v>
      </c>
      <c r="I6137" s="5" t="s">
        <v>69038</v>
      </c>
      <c r="J6137" s="2" t="s">
        <v>69039</v>
      </c>
      <c r="K6137" s="5" t="s">
        <v>69038</v>
      </c>
      <c r="L6137" s="2" t="s">
        <v>69039</v>
      </c>
      <c r="M6137" s="5" t="s">
        <v>1521</v>
      </c>
      <c r="N6137" s="5" t="s">
        <v>38</v>
      </c>
      <c r="O6137" s="5" t="s">
        <v>39</v>
      </c>
      <c r="P6137" s="5" t="s">
        <v>40</v>
      </c>
      <c r="Q6137" s="5" t="s">
        <v>1522</v>
      </c>
      <c r="R6137" s="5" t="s">
        <v>1523</v>
      </c>
      <c r="S6137" s="5" t="s">
        <v>42</v>
      </c>
      <c r="T6137" s="2">
        <v>1.401</v>
      </c>
      <c r="U6137" s="2">
        <v>1.042</v>
      </c>
      <c r="V6137" s="2">
        <v>10.6</v>
      </c>
      <c r="W6137" s="2">
        <v>118.9</v>
      </c>
      <c r="X6137" s="2">
        <v>7.6</v>
      </c>
      <c r="Y6137" s="2">
        <v>10.6</v>
      </c>
      <c r="Z6137" s="5"/>
      <c r="AA6137" s="5" t="s">
        <v>43</v>
      </c>
      <c r="AB6137" s="5" t="s">
        <v>44</v>
      </c>
      <c r="AC6137" s="2"/>
      <c r="AD6137" s="1"/>
    </row>
    <row r="6138" spans="1:30">
      <c r="A6138" s="5" t="s">
        <v>83578</v>
      </c>
      <c r="B6138" s="2" t="s">
        <v>102529</v>
      </c>
      <c r="C6138" s="14" t="s">
        <v>102530</v>
      </c>
      <c r="D6138" s="2" t="s">
        <v>102531</v>
      </c>
      <c r="E6138" s="2" t="s">
        <v>7528</v>
      </c>
      <c r="F6138" s="8">
        <v>114</v>
      </c>
      <c r="G6138" s="5">
        <v>6</v>
      </c>
      <c r="H6138" s="5" t="s">
        <v>1518</v>
      </c>
      <c r="I6138" s="5" t="s">
        <v>69038</v>
      </c>
      <c r="J6138" s="2" t="s">
        <v>69039</v>
      </c>
      <c r="K6138" s="5" t="s">
        <v>69038</v>
      </c>
      <c r="L6138" s="2" t="s">
        <v>69039</v>
      </c>
      <c r="M6138" s="5" t="s">
        <v>1521</v>
      </c>
      <c r="N6138" s="5" t="s">
        <v>38</v>
      </c>
      <c r="O6138" s="5" t="s">
        <v>39</v>
      </c>
      <c r="P6138" s="5" t="s">
        <v>40</v>
      </c>
      <c r="Q6138" s="5" t="s">
        <v>1522</v>
      </c>
      <c r="R6138" s="5" t="s">
        <v>1523</v>
      </c>
      <c r="S6138" s="5" t="s">
        <v>42</v>
      </c>
      <c r="T6138" s="2">
        <v>1.4710000000000001</v>
      </c>
      <c r="U6138" s="2">
        <v>1.1120000000000001</v>
      </c>
      <c r="V6138" s="2">
        <v>10.6</v>
      </c>
      <c r="W6138" s="2">
        <v>118.9</v>
      </c>
      <c r="X6138" s="2">
        <v>7.6</v>
      </c>
      <c r="Y6138" s="2">
        <v>10.6</v>
      </c>
      <c r="Z6138" s="5"/>
      <c r="AA6138" s="5" t="s">
        <v>43</v>
      </c>
      <c r="AB6138" s="5" t="s">
        <v>44</v>
      </c>
      <c r="AC6138" s="2"/>
      <c r="AD6138" s="1"/>
    </row>
    <row r="6139" spans="1:30">
      <c r="A6139" s="5" t="s">
        <v>83578</v>
      </c>
      <c r="B6139" s="2" t="s">
        <v>102532</v>
      </c>
      <c r="C6139" s="14" t="s">
        <v>102533</v>
      </c>
      <c r="D6139" s="2" t="s">
        <v>102534</v>
      </c>
      <c r="E6139" s="2" t="s">
        <v>7406</v>
      </c>
      <c r="F6139" s="8">
        <v>115</v>
      </c>
      <c r="G6139" s="5">
        <v>6</v>
      </c>
      <c r="H6139" s="5" t="s">
        <v>1518</v>
      </c>
      <c r="I6139" s="5" t="s">
        <v>69038</v>
      </c>
      <c r="J6139" s="2" t="s">
        <v>69039</v>
      </c>
      <c r="K6139" s="5" t="s">
        <v>69038</v>
      </c>
      <c r="L6139" s="2" t="s">
        <v>69039</v>
      </c>
      <c r="M6139" s="5" t="s">
        <v>1521</v>
      </c>
      <c r="N6139" s="5" t="s">
        <v>38</v>
      </c>
      <c r="O6139" s="5" t="s">
        <v>39</v>
      </c>
      <c r="P6139" s="5" t="s">
        <v>40</v>
      </c>
      <c r="Q6139" s="5" t="s">
        <v>1522</v>
      </c>
      <c r="R6139" s="5" t="s">
        <v>1523</v>
      </c>
      <c r="S6139" s="5" t="s">
        <v>42</v>
      </c>
      <c r="T6139" s="2">
        <v>1.1599999999999999</v>
      </c>
      <c r="U6139" s="2">
        <v>0.85899999999999999</v>
      </c>
      <c r="V6139" s="2">
        <v>10.6</v>
      </c>
      <c r="W6139" s="2">
        <v>82.9</v>
      </c>
      <c r="X6139" s="2">
        <v>7.6</v>
      </c>
      <c r="Y6139" s="2">
        <v>10.6</v>
      </c>
      <c r="Z6139" s="5"/>
      <c r="AA6139" s="5" t="s">
        <v>43</v>
      </c>
      <c r="AB6139" s="5" t="s">
        <v>44</v>
      </c>
      <c r="AC6139" s="2"/>
      <c r="AD6139" s="1"/>
    </row>
    <row r="6140" spans="1:30">
      <c r="A6140" s="5" t="s">
        <v>83578</v>
      </c>
      <c r="B6140" s="2" t="s">
        <v>102535</v>
      </c>
      <c r="C6140" s="14" t="s">
        <v>102536</v>
      </c>
      <c r="D6140" s="2" t="s">
        <v>102537</v>
      </c>
      <c r="E6140" s="2" t="s">
        <v>7535</v>
      </c>
      <c r="F6140" s="8">
        <v>115</v>
      </c>
      <c r="G6140" s="5">
        <v>6</v>
      </c>
      <c r="H6140" s="5" t="s">
        <v>1518</v>
      </c>
      <c r="I6140" s="5" t="s">
        <v>69038</v>
      </c>
      <c r="J6140" s="2" t="s">
        <v>69039</v>
      </c>
      <c r="K6140" s="5" t="s">
        <v>69038</v>
      </c>
      <c r="L6140" s="2" t="s">
        <v>69039</v>
      </c>
      <c r="M6140" s="5" t="s">
        <v>1521</v>
      </c>
      <c r="N6140" s="5" t="s">
        <v>38</v>
      </c>
      <c r="O6140" s="5" t="s">
        <v>39</v>
      </c>
      <c r="P6140" s="5" t="s">
        <v>40</v>
      </c>
      <c r="Q6140" s="5" t="s">
        <v>1522</v>
      </c>
      <c r="R6140" s="5" t="s">
        <v>1523</v>
      </c>
      <c r="S6140" s="5" t="s">
        <v>42</v>
      </c>
      <c r="T6140" s="2">
        <v>1.212</v>
      </c>
      <c r="U6140" s="2">
        <v>0.91100000000000003</v>
      </c>
      <c r="V6140" s="2">
        <v>10.6</v>
      </c>
      <c r="W6140" s="2">
        <v>82.9</v>
      </c>
      <c r="X6140" s="2">
        <v>7.6</v>
      </c>
      <c r="Y6140" s="2">
        <v>10.6</v>
      </c>
      <c r="Z6140" s="5"/>
      <c r="AA6140" s="5" t="s">
        <v>43</v>
      </c>
      <c r="AB6140" s="5" t="s">
        <v>44</v>
      </c>
      <c r="AC6140" s="2"/>
      <c r="AD6140" s="1"/>
    </row>
    <row r="6141" spans="1:30">
      <c r="A6141" s="5" t="s">
        <v>83578</v>
      </c>
      <c r="B6141" s="2" t="s">
        <v>102538</v>
      </c>
      <c r="C6141" s="14" t="s">
        <v>102539</v>
      </c>
      <c r="D6141" s="2" t="s">
        <v>102540</v>
      </c>
      <c r="E6141" s="2" t="s">
        <v>7547</v>
      </c>
      <c r="F6141" s="8">
        <v>115</v>
      </c>
      <c r="G6141" s="5">
        <v>6</v>
      </c>
      <c r="H6141" s="5" t="s">
        <v>1518</v>
      </c>
      <c r="I6141" s="5" t="s">
        <v>69038</v>
      </c>
      <c r="J6141" s="2" t="s">
        <v>69039</v>
      </c>
      <c r="K6141" s="5" t="s">
        <v>69038</v>
      </c>
      <c r="L6141" s="2" t="s">
        <v>69039</v>
      </c>
      <c r="M6141" s="5" t="s">
        <v>1521</v>
      </c>
      <c r="N6141" s="5" t="s">
        <v>38</v>
      </c>
      <c r="O6141" s="5" t="s">
        <v>39</v>
      </c>
      <c r="P6141" s="5" t="s">
        <v>40</v>
      </c>
      <c r="Q6141" s="5" t="s">
        <v>1522</v>
      </c>
      <c r="R6141" s="5" t="s">
        <v>1523</v>
      </c>
      <c r="S6141" s="5" t="s">
        <v>42</v>
      </c>
      <c r="T6141" s="2">
        <v>1.1599999999999999</v>
      </c>
      <c r="U6141" s="2">
        <v>0.85899999999999999</v>
      </c>
      <c r="V6141" s="2">
        <v>10.6</v>
      </c>
      <c r="W6141" s="2">
        <v>82.9</v>
      </c>
      <c r="X6141" s="2">
        <v>7.6</v>
      </c>
      <c r="Y6141" s="2">
        <v>10.6</v>
      </c>
      <c r="Z6141" s="5"/>
      <c r="AA6141" s="5" t="s">
        <v>43</v>
      </c>
      <c r="AB6141" s="5" t="s">
        <v>44</v>
      </c>
      <c r="AC6141" s="2"/>
      <c r="AD6141" s="1"/>
    </row>
    <row r="6142" spans="1:30">
      <c r="A6142" s="5" t="s">
        <v>83578</v>
      </c>
      <c r="B6142" s="2" t="s">
        <v>102541</v>
      </c>
      <c r="C6142" s="14" t="s">
        <v>102542</v>
      </c>
      <c r="D6142" s="2" t="s">
        <v>102543</v>
      </c>
      <c r="E6142" s="2" t="s">
        <v>7551</v>
      </c>
      <c r="F6142" s="8">
        <v>115</v>
      </c>
      <c r="G6142" s="5">
        <v>6</v>
      </c>
      <c r="H6142" s="5" t="s">
        <v>1518</v>
      </c>
      <c r="I6142" s="5" t="s">
        <v>69038</v>
      </c>
      <c r="J6142" s="2" t="s">
        <v>69039</v>
      </c>
      <c r="K6142" s="5" t="s">
        <v>69038</v>
      </c>
      <c r="L6142" s="2" t="s">
        <v>69039</v>
      </c>
      <c r="M6142" s="5" t="s">
        <v>1521</v>
      </c>
      <c r="N6142" s="5" t="s">
        <v>38</v>
      </c>
      <c r="O6142" s="5" t="s">
        <v>39</v>
      </c>
      <c r="P6142" s="5" t="s">
        <v>40</v>
      </c>
      <c r="Q6142" s="5" t="s">
        <v>1522</v>
      </c>
      <c r="R6142" s="5" t="s">
        <v>1523</v>
      </c>
      <c r="S6142" s="5" t="s">
        <v>42</v>
      </c>
      <c r="T6142" s="2">
        <v>1.212</v>
      </c>
      <c r="U6142" s="2">
        <v>0.91100000000000003</v>
      </c>
      <c r="V6142" s="2">
        <v>10.6</v>
      </c>
      <c r="W6142" s="2">
        <v>82.9</v>
      </c>
      <c r="X6142" s="2">
        <v>7.6</v>
      </c>
      <c r="Y6142" s="2">
        <v>10.6</v>
      </c>
      <c r="Z6142" s="5"/>
      <c r="AA6142" s="5" t="s">
        <v>43</v>
      </c>
      <c r="AB6142" s="5" t="s">
        <v>44</v>
      </c>
      <c r="AC6142" s="2"/>
      <c r="AD6142" s="1"/>
    </row>
    <row r="6143" spans="1:30">
      <c r="A6143" s="5" t="s">
        <v>83578</v>
      </c>
      <c r="B6143" s="2" t="s">
        <v>102544</v>
      </c>
      <c r="C6143" s="14" t="s">
        <v>102545</v>
      </c>
      <c r="D6143" s="2" t="s">
        <v>102546</v>
      </c>
      <c r="E6143" s="2" t="s">
        <v>7563</v>
      </c>
      <c r="F6143" s="8">
        <v>115</v>
      </c>
      <c r="G6143" s="5">
        <v>6</v>
      </c>
      <c r="H6143" s="5" t="s">
        <v>1518</v>
      </c>
      <c r="I6143" s="5" t="s">
        <v>69038</v>
      </c>
      <c r="J6143" s="2" t="s">
        <v>69039</v>
      </c>
      <c r="K6143" s="5" t="s">
        <v>69038</v>
      </c>
      <c r="L6143" s="2" t="s">
        <v>69039</v>
      </c>
      <c r="M6143" s="5" t="s">
        <v>1521</v>
      </c>
      <c r="N6143" s="5" t="s">
        <v>38</v>
      </c>
      <c r="O6143" s="5" t="s">
        <v>39</v>
      </c>
      <c r="P6143" s="5" t="s">
        <v>40</v>
      </c>
      <c r="Q6143" s="5" t="s">
        <v>1522</v>
      </c>
      <c r="R6143" s="5" t="s">
        <v>1523</v>
      </c>
      <c r="S6143" s="5" t="s">
        <v>42</v>
      </c>
      <c r="T6143" s="2">
        <v>1.1599999999999999</v>
      </c>
      <c r="U6143" s="2">
        <v>0.85899999999999999</v>
      </c>
      <c r="V6143" s="2">
        <v>10.6</v>
      </c>
      <c r="W6143" s="2">
        <v>82.9</v>
      </c>
      <c r="X6143" s="2">
        <v>7.6</v>
      </c>
      <c r="Y6143" s="2">
        <v>10.6</v>
      </c>
      <c r="Z6143" s="5"/>
      <c r="AA6143" s="5" t="s">
        <v>43</v>
      </c>
      <c r="AB6143" s="5" t="s">
        <v>44</v>
      </c>
      <c r="AC6143" s="2"/>
      <c r="AD6143" s="1"/>
    </row>
    <row r="6144" spans="1:30">
      <c r="A6144" s="5" t="s">
        <v>83578</v>
      </c>
      <c r="B6144" s="2" t="s">
        <v>102547</v>
      </c>
      <c r="C6144" s="14" t="s">
        <v>102548</v>
      </c>
      <c r="D6144" s="2" t="s">
        <v>102549</v>
      </c>
      <c r="E6144" s="2" t="s">
        <v>7567</v>
      </c>
      <c r="F6144" s="8">
        <v>115</v>
      </c>
      <c r="G6144" s="5">
        <v>6</v>
      </c>
      <c r="H6144" s="5" t="s">
        <v>1518</v>
      </c>
      <c r="I6144" s="5" t="s">
        <v>69038</v>
      </c>
      <c r="J6144" s="2" t="s">
        <v>69039</v>
      </c>
      <c r="K6144" s="5" t="s">
        <v>69038</v>
      </c>
      <c r="L6144" s="2" t="s">
        <v>69039</v>
      </c>
      <c r="M6144" s="5" t="s">
        <v>1521</v>
      </c>
      <c r="N6144" s="5" t="s">
        <v>38</v>
      </c>
      <c r="O6144" s="5" t="s">
        <v>39</v>
      </c>
      <c r="P6144" s="5" t="s">
        <v>40</v>
      </c>
      <c r="Q6144" s="5" t="s">
        <v>1522</v>
      </c>
      <c r="R6144" s="5" t="s">
        <v>1523</v>
      </c>
      <c r="S6144" s="5" t="s">
        <v>42</v>
      </c>
      <c r="T6144" s="2">
        <v>1.212</v>
      </c>
      <c r="U6144" s="2">
        <v>0.91100000000000003</v>
      </c>
      <c r="V6144" s="2">
        <v>10.6</v>
      </c>
      <c r="W6144" s="2">
        <v>82.9</v>
      </c>
      <c r="X6144" s="2">
        <v>7.6</v>
      </c>
      <c r="Y6144" s="2">
        <v>10.6</v>
      </c>
      <c r="Z6144" s="5"/>
      <c r="AA6144" s="5" t="s">
        <v>43</v>
      </c>
      <c r="AB6144" s="5" t="s">
        <v>44</v>
      </c>
      <c r="AC6144" s="2"/>
      <c r="AD6144" s="1"/>
    </row>
    <row r="6145" spans="1:30">
      <c r="A6145" s="5" t="s">
        <v>83578</v>
      </c>
      <c r="B6145" s="2" t="s">
        <v>102550</v>
      </c>
      <c r="C6145" s="14" t="s">
        <v>102551</v>
      </c>
      <c r="D6145" s="2" t="s">
        <v>102552</v>
      </c>
      <c r="E6145" s="2" t="s">
        <v>7555</v>
      </c>
      <c r="F6145" s="8">
        <v>115</v>
      </c>
      <c r="G6145" s="5">
        <v>6</v>
      </c>
      <c r="H6145" s="5" t="s">
        <v>1518</v>
      </c>
      <c r="I6145" s="5" t="s">
        <v>69038</v>
      </c>
      <c r="J6145" s="2" t="s">
        <v>69039</v>
      </c>
      <c r="K6145" s="5" t="s">
        <v>69038</v>
      </c>
      <c r="L6145" s="2" t="s">
        <v>69039</v>
      </c>
      <c r="M6145" s="5" t="s">
        <v>1521</v>
      </c>
      <c r="N6145" s="5" t="s">
        <v>38</v>
      </c>
      <c r="O6145" s="5" t="s">
        <v>39</v>
      </c>
      <c r="P6145" s="5" t="s">
        <v>40</v>
      </c>
      <c r="Q6145" s="5" t="s">
        <v>1522</v>
      </c>
      <c r="R6145" s="5" t="s">
        <v>1523</v>
      </c>
      <c r="S6145" s="5" t="s">
        <v>42</v>
      </c>
      <c r="T6145" s="2">
        <v>1.1599999999999999</v>
      </c>
      <c r="U6145" s="2">
        <v>0.85899999999999999</v>
      </c>
      <c r="V6145" s="2">
        <v>10.6</v>
      </c>
      <c r="W6145" s="2">
        <v>82.9</v>
      </c>
      <c r="X6145" s="2">
        <v>7.6</v>
      </c>
      <c r="Y6145" s="2">
        <v>10.6</v>
      </c>
      <c r="Z6145" s="5"/>
      <c r="AA6145" s="5" t="s">
        <v>43</v>
      </c>
      <c r="AB6145" s="5" t="s">
        <v>44</v>
      </c>
      <c r="AC6145" s="2"/>
      <c r="AD6145" s="1"/>
    </row>
    <row r="6146" spans="1:30">
      <c r="A6146" s="5" t="s">
        <v>83578</v>
      </c>
      <c r="B6146" s="2" t="s">
        <v>102553</v>
      </c>
      <c r="C6146" s="14" t="s">
        <v>102554</v>
      </c>
      <c r="D6146" s="2" t="s">
        <v>102555</v>
      </c>
      <c r="E6146" s="2" t="s">
        <v>7559</v>
      </c>
      <c r="F6146" s="8">
        <v>115</v>
      </c>
      <c r="G6146" s="5">
        <v>6</v>
      </c>
      <c r="H6146" s="5" t="s">
        <v>1518</v>
      </c>
      <c r="I6146" s="5" t="s">
        <v>69038</v>
      </c>
      <c r="J6146" s="2" t="s">
        <v>69039</v>
      </c>
      <c r="K6146" s="5" t="s">
        <v>69038</v>
      </c>
      <c r="L6146" s="2" t="s">
        <v>69039</v>
      </c>
      <c r="M6146" s="5" t="s">
        <v>1521</v>
      </c>
      <c r="N6146" s="5" t="s">
        <v>38</v>
      </c>
      <c r="O6146" s="5" t="s">
        <v>39</v>
      </c>
      <c r="P6146" s="5" t="s">
        <v>40</v>
      </c>
      <c r="Q6146" s="5" t="s">
        <v>1522</v>
      </c>
      <c r="R6146" s="5" t="s">
        <v>1523</v>
      </c>
      <c r="S6146" s="5" t="s">
        <v>42</v>
      </c>
      <c r="T6146" s="2">
        <v>1.212</v>
      </c>
      <c r="U6146" s="2">
        <v>0.91100000000000003</v>
      </c>
      <c r="V6146" s="2">
        <v>10.6</v>
      </c>
      <c r="W6146" s="2">
        <v>82.9</v>
      </c>
      <c r="X6146" s="2">
        <v>7.6</v>
      </c>
      <c r="Y6146" s="2">
        <v>10.6</v>
      </c>
      <c r="Z6146" s="5"/>
      <c r="AA6146" s="5" t="s">
        <v>43</v>
      </c>
      <c r="AB6146" s="5" t="s">
        <v>44</v>
      </c>
      <c r="AC6146" s="2"/>
      <c r="AD6146" s="1"/>
    </row>
    <row r="6147" spans="1:30">
      <c r="A6147" s="5" t="s">
        <v>83578</v>
      </c>
      <c r="B6147" s="2" t="s">
        <v>102556</v>
      </c>
      <c r="C6147" s="14" t="s">
        <v>102557</v>
      </c>
      <c r="D6147" s="2" t="s">
        <v>102558</v>
      </c>
      <c r="E6147" s="2" t="s">
        <v>7429</v>
      </c>
      <c r="F6147" s="8">
        <v>115</v>
      </c>
      <c r="G6147" s="5">
        <v>6</v>
      </c>
      <c r="H6147" s="5" t="s">
        <v>1518</v>
      </c>
      <c r="I6147" s="5" t="s">
        <v>69038</v>
      </c>
      <c r="J6147" s="2" t="s">
        <v>69039</v>
      </c>
      <c r="K6147" s="5" t="s">
        <v>69038</v>
      </c>
      <c r="L6147" s="2" t="s">
        <v>69039</v>
      </c>
      <c r="M6147" s="5" t="s">
        <v>1521</v>
      </c>
      <c r="N6147" s="5" t="s">
        <v>38</v>
      </c>
      <c r="O6147" s="5" t="s">
        <v>39</v>
      </c>
      <c r="P6147" s="5" t="s">
        <v>40</v>
      </c>
      <c r="Q6147" s="5" t="s">
        <v>1522</v>
      </c>
      <c r="R6147" s="5" t="s">
        <v>1523</v>
      </c>
      <c r="S6147" s="5" t="s">
        <v>42</v>
      </c>
      <c r="T6147" s="2">
        <v>1.1599999999999999</v>
      </c>
      <c r="U6147" s="2">
        <v>0.85899999999999999</v>
      </c>
      <c r="V6147" s="2">
        <v>10.6</v>
      </c>
      <c r="W6147" s="2">
        <v>82.9</v>
      </c>
      <c r="X6147" s="2">
        <v>7.6</v>
      </c>
      <c r="Y6147" s="2">
        <v>10.6</v>
      </c>
      <c r="Z6147" s="5"/>
      <c r="AA6147" s="5" t="s">
        <v>43</v>
      </c>
      <c r="AB6147" s="5" t="s">
        <v>44</v>
      </c>
      <c r="AC6147" s="2"/>
      <c r="AD6147" s="1"/>
    </row>
    <row r="6148" spans="1:30">
      <c r="A6148" s="5" t="s">
        <v>83578</v>
      </c>
      <c r="B6148" s="2" t="s">
        <v>102559</v>
      </c>
      <c r="C6148" s="14" t="s">
        <v>102560</v>
      </c>
      <c r="D6148" s="2" t="s">
        <v>102561</v>
      </c>
      <c r="E6148" s="2" t="s">
        <v>7574</v>
      </c>
      <c r="F6148" s="8">
        <v>115</v>
      </c>
      <c r="G6148" s="5">
        <v>6</v>
      </c>
      <c r="H6148" s="5" t="s">
        <v>1518</v>
      </c>
      <c r="I6148" s="5" t="s">
        <v>69038</v>
      </c>
      <c r="J6148" s="2" t="s">
        <v>69039</v>
      </c>
      <c r="K6148" s="5" t="s">
        <v>69038</v>
      </c>
      <c r="L6148" s="2" t="s">
        <v>69039</v>
      </c>
      <c r="M6148" s="5" t="s">
        <v>1521</v>
      </c>
      <c r="N6148" s="5" t="s">
        <v>38</v>
      </c>
      <c r="O6148" s="5" t="s">
        <v>39</v>
      </c>
      <c r="P6148" s="5" t="s">
        <v>40</v>
      </c>
      <c r="Q6148" s="5" t="s">
        <v>1522</v>
      </c>
      <c r="R6148" s="5" t="s">
        <v>1523</v>
      </c>
      <c r="S6148" s="5" t="s">
        <v>42</v>
      </c>
      <c r="T6148" s="2">
        <v>1.212</v>
      </c>
      <c r="U6148" s="2">
        <v>0.91100000000000003</v>
      </c>
      <c r="V6148" s="2">
        <v>10.6</v>
      </c>
      <c r="W6148" s="2">
        <v>82.9</v>
      </c>
      <c r="X6148" s="2">
        <v>7.6</v>
      </c>
      <c r="Y6148" s="2">
        <v>10.6</v>
      </c>
      <c r="Z6148" s="5"/>
      <c r="AA6148" s="5" t="s">
        <v>43</v>
      </c>
      <c r="AB6148" s="5" t="s">
        <v>44</v>
      </c>
      <c r="AC6148" s="2"/>
      <c r="AD6148" s="1"/>
    </row>
    <row r="6149" spans="1:30">
      <c r="A6149" s="5" t="s">
        <v>83578</v>
      </c>
      <c r="B6149" s="2" t="s">
        <v>102562</v>
      </c>
      <c r="C6149" s="14" t="s">
        <v>102563</v>
      </c>
      <c r="D6149" s="2" t="s">
        <v>102564</v>
      </c>
      <c r="E6149" s="2" t="s">
        <v>7449</v>
      </c>
      <c r="F6149" s="8">
        <v>115</v>
      </c>
      <c r="G6149" s="5">
        <v>6</v>
      </c>
      <c r="H6149" s="5" t="s">
        <v>1518</v>
      </c>
      <c r="I6149" s="5" t="s">
        <v>69038</v>
      </c>
      <c r="J6149" s="2" t="s">
        <v>69039</v>
      </c>
      <c r="K6149" s="5" t="s">
        <v>69038</v>
      </c>
      <c r="L6149" s="2" t="s">
        <v>69039</v>
      </c>
      <c r="M6149" s="5" t="s">
        <v>1521</v>
      </c>
      <c r="N6149" s="5" t="s">
        <v>38</v>
      </c>
      <c r="O6149" s="5" t="s">
        <v>39</v>
      </c>
      <c r="P6149" s="5" t="s">
        <v>40</v>
      </c>
      <c r="Q6149" s="5" t="s">
        <v>1522</v>
      </c>
      <c r="R6149" s="5" t="s">
        <v>1523</v>
      </c>
      <c r="S6149" s="5" t="s">
        <v>42</v>
      </c>
      <c r="T6149" s="2">
        <v>1.1599999999999999</v>
      </c>
      <c r="U6149" s="2">
        <v>0.85899999999999999</v>
      </c>
      <c r="V6149" s="2">
        <v>10.6</v>
      </c>
      <c r="W6149" s="2">
        <v>82.9</v>
      </c>
      <c r="X6149" s="2">
        <v>7.6</v>
      </c>
      <c r="Y6149" s="2">
        <v>10.6</v>
      </c>
      <c r="Z6149" s="5"/>
      <c r="AA6149" s="5" t="s">
        <v>43</v>
      </c>
      <c r="AB6149" s="5" t="s">
        <v>44</v>
      </c>
      <c r="AC6149" s="2"/>
      <c r="AD6149" s="1"/>
    </row>
    <row r="6150" spans="1:30">
      <c r="A6150" s="5" t="s">
        <v>83578</v>
      </c>
      <c r="B6150" s="2" t="s">
        <v>102565</v>
      </c>
      <c r="C6150" s="14" t="s">
        <v>102566</v>
      </c>
      <c r="D6150" s="2" t="s">
        <v>102567</v>
      </c>
      <c r="E6150" s="2" t="s">
        <v>7585</v>
      </c>
      <c r="F6150" s="8">
        <v>115</v>
      </c>
      <c r="G6150" s="5">
        <v>6</v>
      </c>
      <c r="H6150" s="5" t="s">
        <v>1518</v>
      </c>
      <c r="I6150" s="5" t="s">
        <v>69038</v>
      </c>
      <c r="J6150" s="2" t="s">
        <v>69039</v>
      </c>
      <c r="K6150" s="5" t="s">
        <v>69038</v>
      </c>
      <c r="L6150" s="2" t="s">
        <v>69039</v>
      </c>
      <c r="M6150" s="5" t="s">
        <v>1521</v>
      </c>
      <c r="N6150" s="5" t="s">
        <v>38</v>
      </c>
      <c r="O6150" s="5" t="s">
        <v>39</v>
      </c>
      <c r="P6150" s="5" t="s">
        <v>40</v>
      </c>
      <c r="Q6150" s="5" t="s">
        <v>1522</v>
      </c>
      <c r="R6150" s="5" t="s">
        <v>1523</v>
      </c>
      <c r="S6150" s="5" t="s">
        <v>42</v>
      </c>
      <c r="T6150" s="2">
        <v>1.1599999999999999</v>
      </c>
      <c r="U6150" s="2">
        <v>0.85899999999999999</v>
      </c>
      <c r="V6150" s="2">
        <v>10.6</v>
      </c>
      <c r="W6150" s="2">
        <v>82.9</v>
      </c>
      <c r="X6150" s="2">
        <v>7.6</v>
      </c>
      <c r="Y6150" s="2">
        <v>10.6</v>
      </c>
      <c r="Z6150" s="5"/>
      <c r="AA6150" s="5" t="s">
        <v>43</v>
      </c>
      <c r="AB6150" s="5" t="s">
        <v>44</v>
      </c>
      <c r="AC6150" s="2"/>
      <c r="AD6150" s="1"/>
    </row>
    <row r="6151" spans="1:30">
      <c r="A6151" s="5" t="s">
        <v>83578</v>
      </c>
      <c r="B6151" s="2" t="s">
        <v>102568</v>
      </c>
      <c r="C6151" s="14" t="s">
        <v>102569</v>
      </c>
      <c r="D6151" s="2" t="s">
        <v>102570</v>
      </c>
      <c r="E6151" s="2" t="s">
        <v>7589</v>
      </c>
      <c r="F6151" s="8">
        <v>115</v>
      </c>
      <c r="G6151" s="5">
        <v>6</v>
      </c>
      <c r="H6151" s="5" t="s">
        <v>1518</v>
      </c>
      <c r="I6151" s="5" t="s">
        <v>69038</v>
      </c>
      <c r="J6151" s="2" t="s">
        <v>69039</v>
      </c>
      <c r="K6151" s="5" t="s">
        <v>69038</v>
      </c>
      <c r="L6151" s="2" t="s">
        <v>69039</v>
      </c>
      <c r="M6151" s="5" t="s">
        <v>1521</v>
      </c>
      <c r="N6151" s="5" t="s">
        <v>38</v>
      </c>
      <c r="O6151" s="5" t="s">
        <v>39</v>
      </c>
      <c r="P6151" s="5" t="s">
        <v>40</v>
      </c>
      <c r="Q6151" s="5" t="s">
        <v>1522</v>
      </c>
      <c r="R6151" s="5" t="s">
        <v>1523</v>
      </c>
      <c r="S6151" s="5" t="s">
        <v>42</v>
      </c>
      <c r="T6151" s="2">
        <v>1.212</v>
      </c>
      <c r="U6151" s="2">
        <v>0.91100000000000003</v>
      </c>
      <c r="V6151" s="2">
        <v>10.6</v>
      </c>
      <c r="W6151" s="2">
        <v>82.9</v>
      </c>
      <c r="X6151" s="2">
        <v>7.6</v>
      </c>
      <c r="Y6151" s="2">
        <v>10.6</v>
      </c>
      <c r="Z6151" s="5"/>
      <c r="AA6151" s="5" t="s">
        <v>43</v>
      </c>
      <c r="AB6151" s="5" t="s">
        <v>44</v>
      </c>
      <c r="AC6151" s="2"/>
      <c r="AD6151" s="1"/>
    </row>
    <row r="6152" spans="1:30">
      <c r="A6152" s="5" t="s">
        <v>83578</v>
      </c>
      <c r="B6152" s="2" t="s">
        <v>102571</v>
      </c>
      <c r="C6152" s="14" t="s">
        <v>102572</v>
      </c>
      <c r="D6152" s="2" t="s">
        <v>102573</v>
      </c>
      <c r="E6152" s="2" t="s">
        <v>7593</v>
      </c>
      <c r="F6152" s="8">
        <v>115</v>
      </c>
      <c r="G6152" s="5">
        <v>6</v>
      </c>
      <c r="H6152" s="5" t="s">
        <v>1518</v>
      </c>
      <c r="I6152" s="5" t="s">
        <v>69038</v>
      </c>
      <c r="J6152" s="2" t="s">
        <v>69039</v>
      </c>
      <c r="K6152" s="5" t="s">
        <v>69038</v>
      </c>
      <c r="L6152" s="2" t="s">
        <v>69039</v>
      </c>
      <c r="M6152" s="5" t="s">
        <v>1521</v>
      </c>
      <c r="N6152" s="5" t="s">
        <v>38</v>
      </c>
      <c r="O6152" s="5" t="s">
        <v>39</v>
      </c>
      <c r="P6152" s="5" t="s">
        <v>40</v>
      </c>
      <c r="Q6152" s="5" t="s">
        <v>1522</v>
      </c>
      <c r="R6152" s="5" t="s">
        <v>1523</v>
      </c>
      <c r="S6152" s="5" t="s">
        <v>42</v>
      </c>
      <c r="T6152" s="2">
        <v>1.1599999999999999</v>
      </c>
      <c r="U6152" s="2">
        <v>0.85899999999999999</v>
      </c>
      <c r="V6152" s="2">
        <v>10.6</v>
      </c>
      <c r="W6152" s="2">
        <v>82.9</v>
      </c>
      <c r="X6152" s="2">
        <v>7.6</v>
      </c>
      <c r="Y6152" s="2">
        <v>10.6</v>
      </c>
      <c r="Z6152" s="5"/>
      <c r="AA6152" s="5" t="s">
        <v>43</v>
      </c>
      <c r="AB6152" s="5" t="s">
        <v>44</v>
      </c>
      <c r="AC6152" s="2"/>
      <c r="AD6152" s="1"/>
    </row>
    <row r="6153" spans="1:30">
      <c r="A6153" s="5" t="s">
        <v>83578</v>
      </c>
      <c r="B6153" s="2" t="s">
        <v>102574</v>
      </c>
      <c r="C6153" s="14" t="s">
        <v>102575</v>
      </c>
      <c r="D6153" s="2" t="s">
        <v>102576</v>
      </c>
      <c r="E6153" s="2" t="s">
        <v>7597</v>
      </c>
      <c r="F6153" s="8">
        <v>115</v>
      </c>
      <c r="G6153" s="5">
        <v>6</v>
      </c>
      <c r="H6153" s="5" t="s">
        <v>1518</v>
      </c>
      <c r="I6153" s="5" t="s">
        <v>69038</v>
      </c>
      <c r="J6153" s="2" t="s">
        <v>69039</v>
      </c>
      <c r="K6153" s="5" t="s">
        <v>69038</v>
      </c>
      <c r="L6153" s="2" t="s">
        <v>69039</v>
      </c>
      <c r="M6153" s="5" t="s">
        <v>1521</v>
      </c>
      <c r="N6153" s="5" t="s">
        <v>38</v>
      </c>
      <c r="O6153" s="5" t="s">
        <v>39</v>
      </c>
      <c r="P6153" s="5" t="s">
        <v>40</v>
      </c>
      <c r="Q6153" s="5" t="s">
        <v>1522</v>
      </c>
      <c r="R6153" s="5" t="s">
        <v>1523</v>
      </c>
      <c r="S6153" s="5" t="s">
        <v>42</v>
      </c>
      <c r="T6153" s="2">
        <v>1.212</v>
      </c>
      <c r="U6153" s="2">
        <v>0.91100000000000003</v>
      </c>
      <c r="V6153" s="2">
        <v>10.6</v>
      </c>
      <c r="W6153" s="2">
        <v>82.9</v>
      </c>
      <c r="X6153" s="2">
        <v>7.6</v>
      </c>
      <c r="Y6153" s="2">
        <v>10.6</v>
      </c>
      <c r="Z6153" s="5"/>
      <c r="AA6153" s="5" t="s">
        <v>43</v>
      </c>
      <c r="AB6153" s="5" t="s">
        <v>44</v>
      </c>
      <c r="AC6153" s="2"/>
      <c r="AD6153" s="1"/>
    </row>
    <row r="6154" spans="1:30">
      <c r="A6154" s="5" t="s">
        <v>83578</v>
      </c>
      <c r="B6154" s="2" t="s">
        <v>102577</v>
      </c>
      <c r="C6154" s="14" t="s">
        <v>102578</v>
      </c>
      <c r="D6154" s="2" t="s">
        <v>102579</v>
      </c>
      <c r="E6154" s="2" t="s">
        <v>7433</v>
      </c>
      <c r="F6154" s="8">
        <v>115</v>
      </c>
      <c r="G6154" s="5">
        <v>6</v>
      </c>
      <c r="H6154" s="5" t="s">
        <v>1518</v>
      </c>
      <c r="I6154" s="5" t="s">
        <v>69038</v>
      </c>
      <c r="J6154" s="2" t="s">
        <v>69039</v>
      </c>
      <c r="K6154" s="5" t="s">
        <v>69038</v>
      </c>
      <c r="L6154" s="2" t="s">
        <v>69039</v>
      </c>
      <c r="M6154" s="5" t="s">
        <v>1521</v>
      </c>
      <c r="N6154" s="5" t="s">
        <v>38</v>
      </c>
      <c r="O6154" s="5" t="s">
        <v>39</v>
      </c>
      <c r="P6154" s="5" t="s">
        <v>40</v>
      </c>
      <c r="Q6154" s="5" t="s">
        <v>1522</v>
      </c>
      <c r="R6154" s="5" t="s">
        <v>1523</v>
      </c>
      <c r="S6154" s="5" t="s">
        <v>42</v>
      </c>
      <c r="T6154" s="2">
        <v>1.1599999999999999</v>
      </c>
      <c r="U6154" s="2">
        <v>0.85899999999999999</v>
      </c>
      <c r="V6154" s="2">
        <v>10.6</v>
      </c>
      <c r="W6154" s="2">
        <v>82.9</v>
      </c>
      <c r="X6154" s="2">
        <v>7.6</v>
      </c>
      <c r="Y6154" s="2">
        <v>10.6</v>
      </c>
      <c r="Z6154" s="5"/>
      <c r="AA6154" s="5" t="s">
        <v>43</v>
      </c>
      <c r="AB6154" s="5" t="s">
        <v>44</v>
      </c>
      <c r="AC6154" s="2"/>
      <c r="AD6154" s="1"/>
    </row>
    <row r="6155" spans="1:30">
      <c r="A6155" s="5" t="s">
        <v>83578</v>
      </c>
      <c r="B6155" s="2" t="s">
        <v>102580</v>
      </c>
      <c r="C6155" s="14" t="s">
        <v>102581</v>
      </c>
      <c r="D6155" s="2" t="s">
        <v>102582</v>
      </c>
      <c r="E6155" s="2" t="s">
        <v>7615</v>
      </c>
      <c r="F6155" s="8">
        <v>115</v>
      </c>
      <c r="G6155" s="5">
        <v>6</v>
      </c>
      <c r="H6155" s="5" t="s">
        <v>1518</v>
      </c>
      <c r="I6155" s="5" t="s">
        <v>69038</v>
      </c>
      <c r="J6155" s="2" t="s">
        <v>69039</v>
      </c>
      <c r="K6155" s="5" t="s">
        <v>69038</v>
      </c>
      <c r="L6155" s="2" t="s">
        <v>69039</v>
      </c>
      <c r="M6155" s="5" t="s">
        <v>1521</v>
      </c>
      <c r="N6155" s="5" t="s">
        <v>38</v>
      </c>
      <c r="O6155" s="5" t="s">
        <v>39</v>
      </c>
      <c r="P6155" s="5" t="s">
        <v>40</v>
      </c>
      <c r="Q6155" s="5" t="s">
        <v>1522</v>
      </c>
      <c r="R6155" s="5" t="s">
        <v>1523</v>
      </c>
      <c r="S6155" s="5" t="s">
        <v>42</v>
      </c>
      <c r="T6155" s="2">
        <v>1.1599999999999999</v>
      </c>
      <c r="U6155" s="2">
        <v>0.85899999999999999</v>
      </c>
      <c r="V6155" s="2">
        <v>10.6</v>
      </c>
      <c r="W6155" s="2">
        <v>82.9</v>
      </c>
      <c r="X6155" s="2">
        <v>7.6</v>
      </c>
      <c r="Y6155" s="2">
        <v>10.6</v>
      </c>
      <c r="Z6155" s="5"/>
      <c r="AA6155" s="5" t="s">
        <v>43</v>
      </c>
      <c r="AB6155" s="5" t="s">
        <v>44</v>
      </c>
      <c r="AC6155" s="2"/>
      <c r="AD6155" s="1"/>
    </row>
    <row r="6156" spans="1:30">
      <c r="A6156" s="5" t="s">
        <v>83578</v>
      </c>
      <c r="B6156" s="2" t="s">
        <v>102583</v>
      </c>
      <c r="C6156" s="14" t="s">
        <v>102584</v>
      </c>
      <c r="D6156" s="2" t="s">
        <v>102585</v>
      </c>
      <c r="E6156" s="2" t="s">
        <v>7619</v>
      </c>
      <c r="F6156" s="8">
        <v>115</v>
      </c>
      <c r="G6156" s="5">
        <v>6</v>
      </c>
      <c r="H6156" s="5" t="s">
        <v>1518</v>
      </c>
      <c r="I6156" s="5" t="s">
        <v>69038</v>
      </c>
      <c r="J6156" s="2" t="s">
        <v>69039</v>
      </c>
      <c r="K6156" s="5" t="s">
        <v>69038</v>
      </c>
      <c r="L6156" s="2" t="s">
        <v>69039</v>
      </c>
      <c r="M6156" s="5" t="s">
        <v>1521</v>
      </c>
      <c r="N6156" s="5" t="s">
        <v>38</v>
      </c>
      <c r="O6156" s="5" t="s">
        <v>39</v>
      </c>
      <c r="P6156" s="5" t="s">
        <v>40</v>
      </c>
      <c r="Q6156" s="5" t="s">
        <v>1522</v>
      </c>
      <c r="R6156" s="5" t="s">
        <v>1523</v>
      </c>
      <c r="S6156" s="5" t="s">
        <v>42</v>
      </c>
      <c r="T6156" s="2">
        <v>1.212</v>
      </c>
      <c r="U6156" s="2">
        <v>0.91100000000000003</v>
      </c>
      <c r="V6156" s="2">
        <v>10.6</v>
      </c>
      <c r="W6156" s="2">
        <v>82.9</v>
      </c>
      <c r="X6156" s="2">
        <v>7.6</v>
      </c>
      <c r="Y6156" s="2">
        <v>10.6</v>
      </c>
      <c r="Z6156" s="5"/>
      <c r="AA6156" s="5" t="s">
        <v>43</v>
      </c>
      <c r="AB6156" s="5" t="s">
        <v>44</v>
      </c>
      <c r="AC6156" s="2"/>
      <c r="AD6156" s="1"/>
    </row>
    <row r="6157" spans="1:30">
      <c r="A6157" s="5" t="s">
        <v>83578</v>
      </c>
      <c r="B6157" s="2" t="s">
        <v>102586</v>
      </c>
      <c r="C6157" s="14" t="s">
        <v>102587</v>
      </c>
      <c r="D6157" s="2" t="s">
        <v>102588</v>
      </c>
      <c r="E6157" s="2" t="s">
        <v>7410</v>
      </c>
      <c r="F6157" s="8">
        <v>115</v>
      </c>
      <c r="G6157" s="5">
        <v>6</v>
      </c>
      <c r="H6157" s="5" t="s">
        <v>1518</v>
      </c>
      <c r="I6157" s="5" t="s">
        <v>69038</v>
      </c>
      <c r="J6157" s="2" t="s">
        <v>69039</v>
      </c>
      <c r="K6157" s="5" t="s">
        <v>69038</v>
      </c>
      <c r="L6157" s="2" t="s">
        <v>69039</v>
      </c>
      <c r="M6157" s="5" t="s">
        <v>1521</v>
      </c>
      <c r="N6157" s="5" t="s">
        <v>38</v>
      </c>
      <c r="O6157" s="5" t="s">
        <v>39</v>
      </c>
      <c r="P6157" s="5" t="s">
        <v>40</v>
      </c>
      <c r="Q6157" s="5" t="s">
        <v>1522</v>
      </c>
      <c r="R6157" s="5" t="s">
        <v>1523</v>
      </c>
      <c r="S6157" s="5" t="s">
        <v>42</v>
      </c>
      <c r="T6157" s="2">
        <v>1.1599999999999999</v>
      </c>
      <c r="U6157" s="2">
        <v>0.85899999999999999</v>
      </c>
      <c r="V6157" s="2">
        <v>10.6</v>
      </c>
      <c r="W6157" s="2">
        <v>82.9</v>
      </c>
      <c r="X6157" s="2">
        <v>7.6</v>
      </c>
      <c r="Y6157" s="2">
        <v>10.6</v>
      </c>
      <c r="Z6157" s="5"/>
      <c r="AA6157" s="5" t="s">
        <v>43</v>
      </c>
      <c r="AB6157" s="5" t="s">
        <v>44</v>
      </c>
      <c r="AC6157" s="2"/>
      <c r="AD6157" s="1"/>
    </row>
    <row r="6158" spans="1:30">
      <c r="A6158" s="5" t="s">
        <v>83578</v>
      </c>
      <c r="B6158" s="2" t="s">
        <v>102589</v>
      </c>
      <c r="C6158" s="14" t="s">
        <v>102590</v>
      </c>
      <c r="D6158" s="2" t="s">
        <v>102591</v>
      </c>
      <c r="E6158" s="2" t="s">
        <v>7604</v>
      </c>
      <c r="F6158" s="8">
        <v>115</v>
      </c>
      <c r="G6158" s="5">
        <v>6</v>
      </c>
      <c r="H6158" s="5" t="s">
        <v>1518</v>
      </c>
      <c r="I6158" s="5" t="s">
        <v>69038</v>
      </c>
      <c r="J6158" s="2" t="s">
        <v>69039</v>
      </c>
      <c r="K6158" s="5" t="s">
        <v>69038</v>
      </c>
      <c r="L6158" s="2" t="s">
        <v>69039</v>
      </c>
      <c r="M6158" s="5" t="s">
        <v>1521</v>
      </c>
      <c r="N6158" s="5" t="s">
        <v>38</v>
      </c>
      <c r="O6158" s="5" t="s">
        <v>39</v>
      </c>
      <c r="P6158" s="5" t="s">
        <v>40</v>
      </c>
      <c r="Q6158" s="5" t="s">
        <v>1522</v>
      </c>
      <c r="R6158" s="5" t="s">
        <v>1523</v>
      </c>
      <c r="S6158" s="5" t="s">
        <v>42</v>
      </c>
      <c r="T6158" s="2">
        <v>1.212</v>
      </c>
      <c r="U6158" s="2">
        <v>0.91100000000000003</v>
      </c>
      <c r="V6158" s="2">
        <v>10.6</v>
      </c>
      <c r="W6158" s="2">
        <v>82.9</v>
      </c>
      <c r="X6158" s="2">
        <v>7.6</v>
      </c>
      <c r="Y6158" s="2">
        <v>10.6</v>
      </c>
      <c r="Z6158" s="5"/>
      <c r="AA6158" s="5" t="s">
        <v>43</v>
      </c>
      <c r="AB6158" s="5" t="s">
        <v>44</v>
      </c>
      <c r="AC6158" s="2"/>
      <c r="AD6158" s="1"/>
    </row>
    <row r="6159" spans="1:30">
      <c r="A6159" s="5" t="s">
        <v>83578</v>
      </c>
      <c r="B6159" s="2" t="s">
        <v>102592</v>
      </c>
      <c r="C6159" s="14" t="s">
        <v>102593</v>
      </c>
      <c r="D6159" s="2" t="s">
        <v>102594</v>
      </c>
      <c r="E6159" s="2" t="s">
        <v>7429</v>
      </c>
      <c r="F6159" s="8">
        <v>127</v>
      </c>
      <c r="G6159" s="5">
        <v>6</v>
      </c>
      <c r="H6159" s="5" t="s">
        <v>1518</v>
      </c>
      <c r="I6159" s="5" t="s">
        <v>69038</v>
      </c>
      <c r="J6159" s="2" t="s">
        <v>69039</v>
      </c>
      <c r="K6159" s="5" t="s">
        <v>69038</v>
      </c>
      <c r="L6159" s="2" t="s">
        <v>69039</v>
      </c>
      <c r="M6159" s="5" t="s">
        <v>1521</v>
      </c>
      <c r="N6159" s="5" t="s">
        <v>38</v>
      </c>
      <c r="O6159" s="5" t="s">
        <v>39</v>
      </c>
      <c r="P6159" s="5" t="s">
        <v>40</v>
      </c>
      <c r="Q6159" s="5" t="s">
        <v>1522</v>
      </c>
      <c r="R6159" s="5" t="s">
        <v>1523</v>
      </c>
      <c r="S6159" s="5" t="s">
        <v>42</v>
      </c>
      <c r="T6159" s="2">
        <v>1.319</v>
      </c>
      <c r="U6159" s="2">
        <v>0.96</v>
      </c>
      <c r="V6159" s="2">
        <v>10.6</v>
      </c>
      <c r="W6159" s="2">
        <v>118.9</v>
      </c>
      <c r="X6159" s="2">
        <v>7.6</v>
      </c>
      <c r="Y6159" s="2">
        <v>10.6</v>
      </c>
      <c r="Z6159" s="5"/>
      <c r="AA6159" s="5" t="s">
        <v>43</v>
      </c>
      <c r="AB6159" s="5" t="s">
        <v>44</v>
      </c>
      <c r="AC6159" s="2"/>
      <c r="AD6159" s="1"/>
    </row>
    <row r="6160" spans="1:30">
      <c r="A6160" s="5" t="s">
        <v>83578</v>
      </c>
      <c r="B6160" s="2" t="s">
        <v>102595</v>
      </c>
      <c r="C6160" s="14" t="s">
        <v>102596</v>
      </c>
      <c r="D6160" s="2" t="s">
        <v>102597</v>
      </c>
      <c r="E6160" s="2" t="s">
        <v>7535</v>
      </c>
      <c r="F6160" s="8">
        <v>131</v>
      </c>
      <c r="G6160" s="5">
        <v>6</v>
      </c>
      <c r="H6160" s="5" t="s">
        <v>1518</v>
      </c>
      <c r="I6160" s="5" t="s">
        <v>69038</v>
      </c>
      <c r="J6160" s="2" t="s">
        <v>69039</v>
      </c>
      <c r="K6160" s="5" t="s">
        <v>69038</v>
      </c>
      <c r="L6160" s="2" t="s">
        <v>69039</v>
      </c>
      <c r="M6160" s="5" t="s">
        <v>1521</v>
      </c>
      <c r="N6160" s="5" t="s">
        <v>38</v>
      </c>
      <c r="O6160" s="5" t="s">
        <v>39</v>
      </c>
      <c r="P6160" s="5" t="s">
        <v>40</v>
      </c>
      <c r="Q6160" s="5" t="s">
        <v>1522</v>
      </c>
      <c r="R6160" s="5" t="s">
        <v>1523</v>
      </c>
      <c r="S6160" s="5" t="s">
        <v>42</v>
      </c>
      <c r="T6160" s="2">
        <v>1.5529999999999999</v>
      </c>
      <c r="U6160" s="2">
        <v>1.1419999999999999</v>
      </c>
      <c r="V6160" s="2">
        <v>10.6</v>
      </c>
      <c r="W6160" s="2">
        <v>139.1</v>
      </c>
      <c r="X6160" s="2">
        <v>7.6</v>
      </c>
      <c r="Y6160" s="2">
        <v>10.6</v>
      </c>
      <c r="Z6160" s="5"/>
      <c r="AA6160" s="5" t="s">
        <v>43</v>
      </c>
      <c r="AB6160" s="5" t="s">
        <v>44</v>
      </c>
      <c r="AC6160" s="2"/>
      <c r="AD6160" s="1"/>
    </row>
    <row r="6161" spans="1:30">
      <c r="A6161" s="5" t="s">
        <v>83578</v>
      </c>
      <c r="B6161" s="2" t="s">
        <v>102598</v>
      </c>
      <c r="C6161" s="14" t="s">
        <v>102599</v>
      </c>
      <c r="D6161" s="2" t="s">
        <v>102600</v>
      </c>
      <c r="E6161" s="2" t="s">
        <v>7547</v>
      </c>
      <c r="F6161" s="8">
        <v>131</v>
      </c>
      <c r="G6161" s="5">
        <v>6</v>
      </c>
      <c r="H6161" s="5" t="s">
        <v>1518</v>
      </c>
      <c r="I6161" s="5" t="s">
        <v>69038</v>
      </c>
      <c r="J6161" s="2" t="s">
        <v>69039</v>
      </c>
      <c r="K6161" s="5" t="s">
        <v>69038</v>
      </c>
      <c r="L6161" s="2" t="s">
        <v>69039</v>
      </c>
      <c r="M6161" s="5" t="s">
        <v>1521</v>
      </c>
      <c r="N6161" s="5" t="s">
        <v>38</v>
      </c>
      <c r="O6161" s="5" t="s">
        <v>39</v>
      </c>
      <c r="P6161" s="5" t="s">
        <v>40</v>
      </c>
      <c r="Q6161" s="5" t="s">
        <v>1522</v>
      </c>
      <c r="R6161" s="5" t="s">
        <v>1523</v>
      </c>
      <c r="S6161" s="5" t="s">
        <v>42</v>
      </c>
      <c r="T6161" s="2">
        <v>1.48</v>
      </c>
      <c r="U6161" s="2">
        <v>1.069</v>
      </c>
      <c r="V6161" s="2">
        <v>10.6</v>
      </c>
      <c r="W6161" s="2">
        <v>139.1</v>
      </c>
      <c r="X6161" s="2">
        <v>7.6</v>
      </c>
      <c r="Y6161" s="2">
        <v>10.6</v>
      </c>
      <c r="Z6161" s="5"/>
      <c r="AA6161" s="5" t="s">
        <v>43</v>
      </c>
      <c r="AB6161" s="5" t="s">
        <v>44</v>
      </c>
      <c r="AC6161" s="2"/>
      <c r="AD6161" s="1"/>
    </row>
    <row r="6162" spans="1:30">
      <c r="A6162" s="5" t="s">
        <v>83578</v>
      </c>
      <c r="B6162" s="2" t="s">
        <v>102601</v>
      </c>
      <c r="C6162" s="14" t="s">
        <v>102602</v>
      </c>
      <c r="D6162" s="2" t="s">
        <v>102603</v>
      </c>
      <c r="E6162" s="2" t="s">
        <v>7551</v>
      </c>
      <c r="F6162" s="8">
        <v>131</v>
      </c>
      <c r="G6162" s="5">
        <v>6</v>
      </c>
      <c r="H6162" s="5" t="s">
        <v>1518</v>
      </c>
      <c r="I6162" s="5" t="s">
        <v>69038</v>
      </c>
      <c r="J6162" s="2" t="s">
        <v>69039</v>
      </c>
      <c r="K6162" s="5" t="s">
        <v>69038</v>
      </c>
      <c r="L6162" s="2" t="s">
        <v>69039</v>
      </c>
      <c r="M6162" s="5" t="s">
        <v>1521</v>
      </c>
      <c r="N6162" s="5" t="s">
        <v>38</v>
      </c>
      <c r="O6162" s="5" t="s">
        <v>39</v>
      </c>
      <c r="P6162" s="5" t="s">
        <v>40</v>
      </c>
      <c r="Q6162" s="5" t="s">
        <v>1522</v>
      </c>
      <c r="R6162" s="5" t="s">
        <v>1523</v>
      </c>
      <c r="S6162" s="5" t="s">
        <v>42</v>
      </c>
      <c r="T6162" s="2">
        <v>1.5529999999999999</v>
      </c>
      <c r="U6162" s="2">
        <v>1.1419999999999999</v>
      </c>
      <c r="V6162" s="2">
        <v>10.6</v>
      </c>
      <c r="W6162" s="2">
        <v>139.1</v>
      </c>
      <c r="X6162" s="2">
        <v>7.6</v>
      </c>
      <c r="Y6162" s="2">
        <v>10.6</v>
      </c>
      <c r="Z6162" s="5"/>
      <c r="AA6162" s="5" t="s">
        <v>43</v>
      </c>
      <c r="AB6162" s="5" t="s">
        <v>44</v>
      </c>
      <c r="AC6162" s="2"/>
      <c r="AD6162" s="1"/>
    </row>
    <row r="6163" spans="1:30">
      <c r="A6163" s="5" t="s">
        <v>83578</v>
      </c>
      <c r="B6163" s="2" t="s">
        <v>102604</v>
      </c>
      <c r="C6163" s="14" t="s">
        <v>102605</v>
      </c>
      <c r="D6163" s="2" t="s">
        <v>102606</v>
      </c>
      <c r="E6163" s="2" t="s">
        <v>7563</v>
      </c>
      <c r="F6163" s="8">
        <v>131</v>
      </c>
      <c r="G6163" s="5">
        <v>6</v>
      </c>
      <c r="H6163" s="5" t="s">
        <v>1518</v>
      </c>
      <c r="I6163" s="5" t="s">
        <v>69038</v>
      </c>
      <c r="J6163" s="2" t="s">
        <v>69039</v>
      </c>
      <c r="K6163" s="5" t="s">
        <v>69038</v>
      </c>
      <c r="L6163" s="2" t="s">
        <v>69039</v>
      </c>
      <c r="M6163" s="5" t="s">
        <v>1521</v>
      </c>
      <c r="N6163" s="5" t="s">
        <v>38</v>
      </c>
      <c r="O6163" s="5" t="s">
        <v>39</v>
      </c>
      <c r="P6163" s="5" t="s">
        <v>40</v>
      </c>
      <c r="Q6163" s="5" t="s">
        <v>1522</v>
      </c>
      <c r="R6163" s="5" t="s">
        <v>1523</v>
      </c>
      <c r="S6163" s="5" t="s">
        <v>42</v>
      </c>
      <c r="T6163" s="2">
        <v>1.48</v>
      </c>
      <c r="U6163" s="2">
        <v>1.069</v>
      </c>
      <c r="V6163" s="2">
        <v>10.6</v>
      </c>
      <c r="W6163" s="2">
        <v>139.1</v>
      </c>
      <c r="X6163" s="2">
        <v>7.6</v>
      </c>
      <c r="Y6163" s="2">
        <v>10.6</v>
      </c>
      <c r="Z6163" s="5"/>
      <c r="AA6163" s="5" t="s">
        <v>43</v>
      </c>
      <c r="AB6163" s="5" t="s">
        <v>44</v>
      </c>
      <c r="AC6163" s="2"/>
      <c r="AD6163" s="1"/>
    </row>
    <row r="6164" spans="1:30">
      <c r="A6164" s="5" t="s">
        <v>83578</v>
      </c>
      <c r="B6164" s="2" t="s">
        <v>102607</v>
      </c>
      <c r="C6164" s="14" t="s">
        <v>102608</v>
      </c>
      <c r="D6164" s="2" t="s">
        <v>102609</v>
      </c>
      <c r="E6164" s="2" t="s">
        <v>7567</v>
      </c>
      <c r="F6164" s="8">
        <v>131</v>
      </c>
      <c r="G6164" s="5">
        <v>6</v>
      </c>
      <c r="H6164" s="5" t="s">
        <v>1518</v>
      </c>
      <c r="I6164" s="5" t="s">
        <v>69038</v>
      </c>
      <c r="J6164" s="2" t="s">
        <v>69039</v>
      </c>
      <c r="K6164" s="5" t="s">
        <v>69038</v>
      </c>
      <c r="L6164" s="2" t="s">
        <v>69039</v>
      </c>
      <c r="M6164" s="5" t="s">
        <v>1521</v>
      </c>
      <c r="N6164" s="5" t="s">
        <v>38</v>
      </c>
      <c r="O6164" s="5" t="s">
        <v>39</v>
      </c>
      <c r="P6164" s="5" t="s">
        <v>40</v>
      </c>
      <c r="Q6164" s="5" t="s">
        <v>1522</v>
      </c>
      <c r="R6164" s="5" t="s">
        <v>1523</v>
      </c>
      <c r="S6164" s="5" t="s">
        <v>42</v>
      </c>
      <c r="T6164" s="2">
        <v>1.5529999999999999</v>
      </c>
      <c r="U6164" s="2">
        <v>1.1419999999999999</v>
      </c>
      <c r="V6164" s="2">
        <v>10.6</v>
      </c>
      <c r="W6164" s="2">
        <v>139.1</v>
      </c>
      <c r="X6164" s="2">
        <v>7.6</v>
      </c>
      <c r="Y6164" s="2">
        <v>10.6</v>
      </c>
      <c r="Z6164" s="5"/>
      <c r="AA6164" s="5" t="s">
        <v>43</v>
      </c>
      <c r="AB6164" s="5" t="s">
        <v>44</v>
      </c>
      <c r="AC6164" s="2"/>
      <c r="AD6164" s="1"/>
    </row>
    <row r="6165" spans="1:30">
      <c r="A6165" s="5" t="s">
        <v>83578</v>
      </c>
      <c r="B6165" s="2" t="s">
        <v>102610</v>
      </c>
      <c r="C6165" s="14" t="s">
        <v>102611</v>
      </c>
      <c r="D6165" s="2" t="s">
        <v>102612</v>
      </c>
      <c r="E6165" s="2" t="s">
        <v>7555</v>
      </c>
      <c r="F6165" s="8">
        <v>131</v>
      </c>
      <c r="G6165" s="5">
        <v>6</v>
      </c>
      <c r="H6165" s="5" t="s">
        <v>1518</v>
      </c>
      <c r="I6165" s="5" t="s">
        <v>69038</v>
      </c>
      <c r="J6165" s="2" t="s">
        <v>69039</v>
      </c>
      <c r="K6165" s="5" t="s">
        <v>69038</v>
      </c>
      <c r="L6165" s="2" t="s">
        <v>69039</v>
      </c>
      <c r="M6165" s="5" t="s">
        <v>1521</v>
      </c>
      <c r="N6165" s="5" t="s">
        <v>38</v>
      </c>
      <c r="O6165" s="5" t="s">
        <v>39</v>
      </c>
      <c r="P6165" s="5" t="s">
        <v>40</v>
      </c>
      <c r="Q6165" s="5" t="s">
        <v>1522</v>
      </c>
      <c r="R6165" s="5" t="s">
        <v>1523</v>
      </c>
      <c r="S6165" s="5" t="s">
        <v>42</v>
      </c>
      <c r="T6165" s="2">
        <v>1.48</v>
      </c>
      <c r="U6165" s="2">
        <v>1.069</v>
      </c>
      <c r="V6165" s="2">
        <v>10.6</v>
      </c>
      <c r="W6165" s="2">
        <v>139.1</v>
      </c>
      <c r="X6165" s="2">
        <v>7.6</v>
      </c>
      <c r="Y6165" s="2">
        <v>10.6</v>
      </c>
      <c r="Z6165" s="5"/>
      <c r="AA6165" s="5" t="s">
        <v>43</v>
      </c>
      <c r="AB6165" s="5" t="s">
        <v>44</v>
      </c>
      <c r="AC6165" s="2"/>
      <c r="AD6165" s="1"/>
    </row>
    <row r="6166" spans="1:30">
      <c r="A6166" s="5" t="s">
        <v>83578</v>
      </c>
      <c r="B6166" s="2" t="s">
        <v>102613</v>
      </c>
      <c r="C6166" s="14" t="s">
        <v>102614</v>
      </c>
      <c r="D6166" s="2" t="s">
        <v>102615</v>
      </c>
      <c r="E6166" s="2" t="s">
        <v>7559</v>
      </c>
      <c r="F6166" s="8">
        <v>131</v>
      </c>
      <c r="G6166" s="5">
        <v>6</v>
      </c>
      <c r="H6166" s="5" t="s">
        <v>1518</v>
      </c>
      <c r="I6166" s="5" t="s">
        <v>69038</v>
      </c>
      <c r="J6166" s="2" t="s">
        <v>69039</v>
      </c>
      <c r="K6166" s="5" t="s">
        <v>69038</v>
      </c>
      <c r="L6166" s="2" t="s">
        <v>69039</v>
      </c>
      <c r="M6166" s="5" t="s">
        <v>1521</v>
      </c>
      <c r="N6166" s="5" t="s">
        <v>38</v>
      </c>
      <c r="O6166" s="5" t="s">
        <v>39</v>
      </c>
      <c r="P6166" s="5" t="s">
        <v>40</v>
      </c>
      <c r="Q6166" s="5" t="s">
        <v>1522</v>
      </c>
      <c r="R6166" s="5" t="s">
        <v>1523</v>
      </c>
      <c r="S6166" s="5" t="s">
        <v>42</v>
      </c>
      <c r="T6166" s="2">
        <v>1.5529999999999999</v>
      </c>
      <c r="U6166" s="2">
        <v>1.1419999999999999</v>
      </c>
      <c r="V6166" s="2">
        <v>10.6</v>
      </c>
      <c r="W6166" s="2">
        <v>139.1</v>
      </c>
      <c r="X6166" s="2">
        <v>7.6</v>
      </c>
      <c r="Y6166" s="2">
        <v>10.6</v>
      </c>
      <c r="Z6166" s="5"/>
      <c r="AA6166" s="5" t="s">
        <v>43</v>
      </c>
      <c r="AB6166" s="5" t="s">
        <v>44</v>
      </c>
      <c r="AC6166" s="2"/>
      <c r="AD6166" s="1"/>
    </row>
    <row r="6167" spans="1:30">
      <c r="A6167" s="5" t="s">
        <v>83578</v>
      </c>
      <c r="B6167" s="2" t="s">
        <v>102616</v>
      </c>
      <c r="C6167" s="14" t="s">
        <v>102617</v>
      </c>
      <c r="D6167" s="2" t="s">
        <v>102618</v>
      </c>
      <c r="E6167" s="2" t="s">
        <v>7429</v>
      </c>
      <c r="F6167" s="8">
        <v>131</v>
      </c>
      <c r="G6167" s="5">
        <v>6</v>
      </c>
      <c r="H6167" s="5" t="s">
        <v>1518</v>
      </c>
      <c r="I6167" s="5" t="s">
        <v>69038</v>
      </c>
      <c r="J6167" s="2" t="s">
        <v>69039</v>
      </c>
      <c r="K6167" s="5" t="s">
        <v>69038</v>
      </c>
      <c r="L6167" s="2" t="s">
        <v>69039</v>
      </c>
      <c r="M6167" s="5" t="s">
        <v>1521</v>
      </c>
      <c r="N6167" s="5" t="s">
        <v>38</v>
      </c>
      <c r="O6167" s="5" t="s">
        <v>39</v>
      </c>
      <c r="P6167" s="5" t="s">
        <v>40</v>
      </c>
      <c r="Q6167" s="5" t="s">
        <v>1522</v>
      </c>
      <c r="R6167" s="5" t="s">
        <v>1523</v>
      </c>
      <c r="S6167" s="5" t="s">
        <v>42</v>
      </c>
      <c r="T6167" s="2">
        <v>1.48</v>
      </c>
      <c r="U6167" s="2">
        <v>1.069</v>
      </c>
      <c r="V6167" s="2">
        <v>10.6</v>
      </c>
      <c r="W6167" s="2">
        <v>139.1</v>
      </c>
      <c r="X6167" s="2">
        <v>7.6</v>
      </c>
      <c r="Y6167" s="2">
        <v>10.6</v>
      </c>
      <c r="Z6167" s="5"/>
      <c r="AA6167" s="5" t="s">
        <v>43</v>
      </c>
      <c r="AB6167" s="5" t="s">
        <v>44</v>
      </c>
      <c r="AC6167" s="2"/>
      <c r="AD6167" s="1"/>
    </row>
    <row r="6168" spans="1:30">
      <c r="A6168" s="5" t="s">
        <v>83578</v>
      </c>
      <c r="B6168" s="2" t="s">
        <v>102619</v>
      </c>
      <c r="C6168" s="14" t="s">
        <v>102620</v>
      </c>
      <c r="D6168" s="2" t="s">
        <v>102621</v>
      </c>
      <c r="E6168" s="2" t="s">
        <v>7574</v>
      </c>
      <c r="F6168" s="8">
        <v>131</v>
      </c>
      <c r="G6168" s="5">
        <v>6</v>
      </c>
      <c r="H6168" s="5" t="s">
        <v>1518</v>
      </c>
      <c r="I6168" s="5" t="s">
        <v>69038</v>
      </c>
      <c r="J6168" s="2" t="s">
        <v>69039</v>
      </c>
      <c r="K6168" s="5" t="s">
        <v>69038</v>
      </c>
      <c r="L6168" s="2" t="s">
        <v>69039</v>
      </c>
      <c r="M6168" s="5" t="s">
        <v>1521</v>
      </c>
      <c r="N6168" s="5" t="s">
        <v>38</v>
      </c>
      <c r="O6168" s="5" t="s">
        <v>39</v>
      </c>
      <c r="P6168" s="5" t="s">
        <v>40</v>
      </c>
      <c r="Q6168" s="5" t="s">
        <v>1522</v>
      </c>
      <c r="R6168" s="5" t="s">
        <v>1523</v>
      </c>
      <c r="S6168" s="5" t="s">
        <v>42</v>
      </c>
      <c r="T6168" s="2">
        <v>1.5529999999999999</v>
      </c>
      <c r="U6168" s="2">
        <v>1.1419999999999999</v>
      </c>
      <c r="V6168" s="2">
        <v>10.6</v>
      </c>
      <c r="W6168" s="2">
        <v>139.1</v>
      </c>
      <c r="X6168" s="2">
        <v>7.6</v>
      </c>
      <c r="Y6168" s="2">
        <v>10.6</v>
      </c>
      <c r="Z6168" s="5"/>
      <c r="AA6168" s="5" t="s">
        <v>43</v>
      </c>
      <c r="AB6168" s="5" t="s">
        <v>44</v>
      </c>
      <c r="AC6168" s="2"/>
      <c r="AD6168" s="1"/>
    </row>
    <row r="6169" spans="1:30">
      <c r="A6169" s="5" t="s">
        <v>83578</v>
      </c>
      <c r="B6169" s="2" t="s">
        <v>102622</v>
      </c>
      <c r="C6169" s="14" t="s">
        <v>102623</v>
      </c>
      <c r="D6169" s="2" t="s">
        <v>102624</v>
      </c>
      <c r="E6169" s="2" t="s">
        <v>7449</v>
      </c>
      <c r="F6169" s="8">
        <v>131</v>
      </c>
      <c r="G6169" s="5">
        <v>6</v>
      </c>
      <c r="H6169" s="5" t="s">
        <v>1518</v>
      </c>
      <c r="I6169" s="5" t="s">
        <v>69038</v>
      </c>
      <c r="J6169" s="2" t="s">
        <v>69039</v>
      </c>
      <c r="K6169" s="5" t="s">
        <v>69038</v>
      </c>
      <c r="L6169" s="2" t="s">
        <v>69039</v>
      </c>
      <c r="M6169" s="5" t="s">
        <v>1521</v>
      </c>
      <c r="N6169" s="5" t="s">
        <v>38</v>
      </c>
      <c r="O6169" s="5" t="s">
        <v>39</v>
      </c>
      <c r="P6169" s="5" t="s">
        <v>40</v>
      </c>
      <c r="Q6169" s="5" t="s">
        <v>1522</v>
      </c>
      <c r="R6169" s="5" t="s">
        <v>1523</v>
      </c>
      <c r="S6169" s="5" t="s">
        <v>42</v>
      </c>
      <c r="T6169" s="2">
        <v>1.48</v>
      </c>
      <c r="U6169" s="2">
        <v>1.069</v>
      </c>
      <c r="V6169" s="2">
        <v>10.6</v>
      </c>
      <c r="W6169" s="2">
        <v>139.1</v>
      </c>
      <c r="X6169" s="2">
        <v>7.6</v>
      </c>
      <c r="Y6169" s="2">
        <v>10.6</v>
      </c>
      <c r="Z6169" s="5"/>
      <c r="AA6169" s="5" t="s">
        <v>43</v>
      </c>
      <c r="AB6169" s="5" t="s">
        <v>44</v>
      </c>
      <c r="AC6169" s="2"/>
      <c r="AD6169" s="1"/>
    </row>
    <row r="6170" spans="1:30">
      <c r="A6170" s="5" t="s">
        <v>83578</v>
      </c>
      <c r="B6170" s="2" t="s">
        <v>102625</v>
      </c>
      <c r="C6170" s="14" t="s">
        <v>102626</v>
      </c>
      <c r="D6170" s="2" t="s">
        <v>102627</v>
      </c>
      <c r="E6170" s="2" t="s">
        <v>7585</v>
      </c>
      <c r="F6170" s="8">
        <v>131</v>
      </c>
      <c r="G6170" s="5">
        <v>6</v>
      </c>
      <c r="H6170" s="5" t="s">
        <v>1518</v>
      </c>
      <c r="I6170" s="5" t="s">
        <v>69038</v>
      </c>
      <c r="J6170" s="2" t="s">
        <v>69039</v>
      </c>
      <c r="K6170" s="5" t="s">
        <v>69038</v>
      </c>
      <c r="L6170" s="2" t="s">
        <v>69039</v>
      </c>
      <c r="M6170" s="5" t="s">
        <v>1521</v>
      </c>
      <c r="N6170" s="5" t="s">
        <v>38</v>
      </c>
      <c r="O6170" s="5" t="s">
        <v>39</v>
      </c>
      <c r="P6170" s="5" t="s">
        <v>40</v>
      </c>
      <c r="Q6170" s="5" t="s">
        <v>1522</v>
      </c>
      <c r="R6170" s="5" t="s">
        <v>1523</v>
      </c>
      <c r="S6170" s="5" t="s">
        <v>42</v>
      </c>
      <c r="T6170" s="2">
        <v>1.48</v>
      </c>
      <c r="U6170" s="2">
        <v>1.069</v>
      </c>
      <c r="V6170" s="2">
        <v>10.6</v>
      </c>
      <c r="W6170" s="2">
        <v>139.1</v>
      </c>
      <c r="X6170" s="2">
        <v>7.6</v>
      </c>
      <c r="Y6170" s="2">
        <v>10.6</v>
      </c>
      <c r="Z6170" s="5"/>
      <c r="AA6170" s="5" t="s">
        <v>43</v>
      </c>
      <c r="AB6170" s="5" t="s">
        <v>44</v>
      </c>
      <c r="AC6170" s="2"/>
      <c r="AD6170" s="1"/>
    </row>
    <row r="6171" spans="1:30">
      <c r="A6171" s="5" t="s">
        <v>83578</v>
      </c>
      <c r="B6171" s="2" t="s">
        <v>102628</v>
      </c>
      <c r="C6171" s="14" t="s">
        <v>102629</v>
      </c>
      <c r="D6171" s="2" t="s">
        <v>102630</v>
      </c>
      <c r="E6171" s="2" t="s">
        <v>7593</v>
      </c>
      <c r="F6171" s="8">
        <v>131</v>
      </c>
      <c r="G6171" s="5">
        <v>6</v>
      </c>
      <c r="H6171" s="5" t="s">
        <v>1518</v>
      </c>
      <c r="I6171" s="5" t="s">
        <v>69038</v>
      </c>
      <c r="J6171" s="2" t="s">
        <v>69039</v>
      </c>
      <c r="K6171" s="5" t="s">
        <v>69038</v>
      </c>
      <c r="L6171" s="2" t="s">
        <v>69039</v>
      </c>
      <c r="M6171" s="5" t="s">
        <v>1521</v>
      </c>
      <c r="N6171" s="5" t="s">
        <v>38</v>
      </c>
      <c r="O6171" s="5" t="s">
        <v>39</v>
      </c>
      <c r="P6171" s="5" t="s">
        <v>40</v>
      </c>
      <c r="Q6171" s="5" t="s">
        <v>1522</v>
      </c>
      <c r="R6171" s="5" t="s">
        <v>1523</v>
      </c>
      <c r="S6171" s="5" t="s">
        <v>42</v>
      </c>
      <c r="T6171" s="2">
        <v>1.48</v>
      </c>
      <c r="U6171" s="2">
        <v>1.069</v>
      </c>
      <c r="V6171" s="2">
        <v>10.6</v>
      </c>
      <c r="W6171" s="2">
        <v>139.1</v>
      </c>
      <c r="X6171" s="2">
        <v>7.6</v>
      </c>
      <c r="Y6171" s="2">
        <v>10.6</v>
      </c>
      <c r="Z6171" s="5"/>
      <c r="AA6171" s="5" t="s">
        <v>43</v>
      </c>
      <c r="AB6171" s="5" t="s">
        <v>44</v>
      </c>
      <c r="AC6171" s="2"/>
      <c r="AD6171" s="1"/>
    </row>
    <row r="6172" spans="1:30">
      <c r="A6172" s="5" t="s">
        <v>83578</v>
      </c>
      <c r="B6172" s="2" t="s">
        <v>102631</v>
      </c>
      <c r="C6172" s="14" t="s">
        <v>102632</v>
      </c>
      <c r="D6172" s="2" t="s">
        <v>102633</v>
      </c>
      <c r="E6172" s="2" t="s">
        <v>7597</v>
      </c>
      <c r="F6172" s="8">
        <v>131</v>
      </c>
      <c r="G6172" s="5">
        <v>6</v>
      </c>
      <c r="H6172" s="5" t="s">
        <v>1518</v>
      </c>
      <c r="I6172" s="5" t="s">
        <v>69038</v>
      </c>
      <c r="J6172" s="2" t="s">
        <v>69039</v>
      </c>
      <c r="K6172" s="5" t="s">
        <v>69038</v>
      </c>
      <c r="L6172" s="2" t="s">
        <v>69039</v>
      </c>
      <c r="M6172" s="5" t="s">
        <v>1521</v>
      </c>
      <c r="N6172" s="5" t="s">
        <v>38</v>
      </c>
      <c r="O6172" s="5" t="s">
        <v>39</v>
      </c>
      <c r="P6172" s="5" t="s">
        <v>40</v>
      </c>
      <c r="Q6172" s="5" t="s">
        <v>1522</v>
      </c>
      <c r="R6172" s="5" t="s">
        <v>1523</v>
      </c>
      <c r="S6172" s="5" t="s">
        <v>42</v>
      </c>
      <c r="T6172" s="2">
        <v>1.5529999999999999</v>
      </c>
      <c r="U6172" s="2">
        <v>1.1419999999999999</v>
      </c>
      <c r="V6172" s="2">
        <v>10.6</v>
      </c>
      <c r="W6172" s="2">
        <v>139.1</v>
      </c>
      <c r="X6172" s="2">
        <v>7.6</v>
      </c>
      <c r="Y6172" s="2">
        <v>10.6</v>
      </c>
      <c r="Z6172" s="5"/>
      <c r="AA6172" s="5" t="s">
        <v>43</v>
      </c>
      <c r="AB6172" s="5" t="s">
        <v>44</v>
      </c>
      <c r="AC6172" s="2"/>
      <c r="AD6172" s="1"/>
    </row>
    <row r="6173" spans="1:30">
      <c r="A6173" s="5" t="s">
        <v>83578</v>
      </c>
      <c r="B6173" s="2" t="s">
        <v>102634</v>
      </c>
      <c r="C6173" s="14" t="s">
        <v>102635</v>
      </c>
      <c r="D6173" s="2" t="s">
        <v>102636</v>
      </c>
      <c r="E6173" s="2" t="s">
        <v>7615</v>
      </c>
      <c r="F6173" s="8">
        <v>131</v>
      </c>
      <c r="G6173" s="5">
        <v>6</v>
      </c>
      <c r="H6173" s="5" t="s">
        <v>1518</v>
      </c>
      <c r="I6173" s="5" t="s">
        <v>69038</v>
      </c>
      <c r="J6173" s="2" t="s">
        <v>69039</v>
      </c>
      <c r="K6173" s="5" t="s">
        <v>69038</v>
      </c>
      <c r="L6173" s="2" t="s">
        <v>69039</v>
      </c>
      <c r="M6173" s="5" t="s">
        <v>1521</v>
      </c>
      <c r="N6173" s="5" t="s">
        <v>38</v>
      </c>
      <c r="O6173" s="5" t="s">
        <v>39</v>
      </c>
      <c r="P6173" s="5" t="s">
        <v>40</v>
      </c>
      <c r="Q6173" s="5" t="s">
        <v>1522</v>
      </c>
      <c r="R6173" s="5" t="s">
        <v>1523</v>
      </c>
      <c r="S6173" s="5" t="s">
        <v>42</v>
      </c>
      <c r="T6173" s="2">
        <v>1.48</v>
      </c>
      <c r="U6173" s="2">
        <v>1.069</v>
      </c>
      <c r="V6173" s="2">
        <v>10.6</v>
      </c>
      <c r="W6173" s="2">
        <v>139.1</v>
      </c>
      <c r="X6173" s="2">
        <v>7.6</v>
      </c>
      <c r="Y6173" s="2">
        <v>10.6</v>
      </c>
      <c r="Z6173" s="5"/>
      <c r="AA6173" s="5" t="s">
        <v>43</v>
      </c>
      <c r="AB6173" s="5" t="s">
        <v>44</v>
      </c>
      <c r="AC6173" s="2"/>
      <c r="AD6173" s="1"/>
    </row>
    <row r="6174" spans="1:30">
      <c r="A6174" s="5" t="s">
        <v>83578</v>
      </c>
      <c r="B6174" s="2" t="s">
        <v>102637</v>
      </c>
      <c r="C6174" s="14" t="s">
        <v>102638</v>
      </c>
      <c r="D6174" s="2" t="s">
        <v>102639</v>
      </c>
      <c r="E6174" s="2" t="s">
        <v>7619</v>
      </c>
      <c r="F6174" s="8">
        <v>131</v>
      </c>
      <c r="G6174" s="5">
        <v>6</v>
      </c>
      <c r="H6174" s="5" t="s">
        <v>1518</v>
      </c>
      <c r="I6174" s="5" t="s">
        <v>69038</v>
      </c>
      <c r="J6174" s="2" t="s">
        <v>69039</v>
      </c>
      <c r="K6174" s="5" t="s">
        <v>69038</v>
      </c>
      <c r="L6174" s="2" t="s">
        <v>69039</v>
      </c>
      <c r="M6174" s="5" t="s">
        <v>1521</v>
      </c>
      <c r="N6174" s="5" t="s">
        <v>38</v>
      </c>
      <c r="O6174" s="5" t="s">
        <v>39</v>
      </c>
      <c r="P6174" s="5" t="s">
        <v>40</v>
      </c>
      <c r="Q6174" s="5" t="s">
        <v>1522</v>
      </c>
      <c r="R6174" s="5" t="s">
        <v>1523</v>
      </c>
      <c r="S6174" s="5" t="s">
        <v>42</v>
      </c>
      <c r="T6174" s="2">
        <v>1.5529999999999999</v>
      </c>
      <c r="U6174" s="2">
        <v>1.1419999999999999</v>
      </c>
      <c r="V6174" s="2">
        <v>10.6</v>
      </c>
      <c r="W6174" s="2">
        <v>139.1</v>
      </c>
      <c r="X6174" s="2">
        <v>7.6</v>
      </c>
      <c r="Y6174" s="2">
        <v>10.6</v>
      </c>
      <c r="Z6174" s="5"/>
      <c r="AA6174" s="5" t="s">
        <v>43</v>
      </c>
      <c r="AB6174" s="5" t="s">
        <v>44</v>
      </c>
      <c r="AC6174" s="2"/>
      <c r="AD6174" s="1"/>
    </row>
    <row r="6175" spans="1:30">
      <c r="A6175" s="5" t="s">
        <v>83578</v>
      </c>
      <c r="B6175" s="2" t="s">
        <v>102640</v>
      </c>
      <c r="C6175" s="14" t="s">
        <v>102641</v>
      </c>
      <c r="D6175" s="2" t="s">
        <v>102642</v>
      </c>
      <c r="E6175" s="2" t="s">
        <v>7410</v>
      </c>
      <c r="F6175" s="8">
        <v>131</v>
      </c>
      <c r="G6175" s="5">
        <v>6</v>
      </c>
      <c r="H6175" s="5" t="s">
        <v>1518</v>
      </c>
      <c r="I6175" s="5" t="s">
        <v>69038</v>
      </c>
      <c r="J6175" s="2" t="s">
        <v>69039</v>
      </c>
      <c r="K6175" s="5" t="s">
        <v>69038</v>
      </c>
      <c r="L6175" s="2" t="s">
        <v>69039</v>
      </c>
      <c r="M6175" s="5" t="s">
        <v>1521</v>
      </c>
      <c r="N6175" s="5" t="s">
        <v>38</v>
      </c>
      <c r="O6175" s="5" t="s">
        <v>39</v>
      </c>
      <c r="P6175" s="5" t="s">
        <v>40</v>
      </c>
      <c r="Q6175" s="5" t="s">
        <v>1522</v>
      </c>
      <c r="R6175" s="5" t="s">
        <v>1523</v>
      </c>
      <c r="S6175" s="5" t="s">
        <v>42</v>
      </c>
      <c r="T6175" s="2">
        <v>1.48</v>
      </c>
      <c r="U6175" s="2">
        <v>1.069</v>
      </c>
      <c r="V6175" s="2">
        <v>10.6</v>
      </c>
      <c r="W6175" s="2">
        <v>139.1</v>
      </c>
      <c r="X6175" s="2">
        <v>7.6</v>
      </c>
      <c r="Y6175" s="2">
        <v>10.6</v>
      </c>
      <c r="Z6175" s="5"/>
      <c r="AA6175" s="5" t="s">
        <v>43</v>
      </c>
      <c r="AB6175" s="5" t="s">
        <v>44</v>
      </c>
      <c r="AC6175" s="2"/>
      <c r="AD6175" s="1"/>
    </row>
    <row r="6176" spans="1:30">
      <c r="A6176" s="5" t="s">
        <v>83578</v>
      </c>
      <c r="B6176" s="2" t="s">
        <v>102643</v>
      </c>
      <c r="C6176" s="14" t="s">
        <v>102644</v>
      </c>
      <c r="D6176" s="2" t="s">
        <v>102645</v>
      </c>
      <c r="E6176" s="2" t="s">
        <v>7604</v>
      </c>
      <c r="F6176" s="8">
        <v>131</v>
      </c>
      <c r="G6176" s="5">
        <v>6</v>
      </c>
      <c r="H6176" s="5" t="s">
        <v>1518</v>
      </c>
      <c r="I6176" s="5" t="s">
        <v>69038</v>
      </c>
      <c r="J6176" s="2" t="s">
        <v>69039</v>
      </c>
      <c r="K6176" s="5" t="s">
        <v>69038</v>
      </c>
      <c r="L6176" s="2" t="s">
        <v>69039</v>
      </c>
      <c r="M6176" s="5" t="s">
        <v>1521</v>
      </c>
      <c r="N6176" s="5" t="s">
        <v>38</v>
      </c>
      <c r="O6176" s="5" t="s">
        <v>39</v>
      </c>
      <c r="P6176" s="5" t="s">
        <v>40</v>
      </c>
      <c r="Q6176" s="5" t="s">
        <v>1522</v>
      </c>
      <c r="R6176" s="5" t="s">
        <v>1523</v>
      </c>
      <c r="S6176" s="5" t="s">
        <v>42</v>
      </c>
      <c r="T6176" s="2">
        <v>1.5529999999999999</v>
      </c>
      <c r="U6176" s="2">
        <v>1.1419999999999999</v>
      </c>
      <c r="V6176" s="2">
        <v>10.6</v>
      </c>
      <c r="W6176" s="2">
        <v>139.1</v>
      </c>
      <c r="X6176" s="2">
        <v>7.6</v>
      </c>
      <c r="Y6176" s="2">
        <v>10.6</v>
      </c>
      <c r="Z6176" s="5"/>
      <c r="AA6176" s="5" t="s">
        <v>43</v>
      </c>
      <c r="AB6176" s="5" t="s">
        <v>44</v>
      </c>
      <c r="AC6176" s="2"/>
      <c r="AD6176" s="1"/>
    </row>
    <row r="6177" spans="1:30">
      <c r="A6177" s="5" t="s">
        <v>83578</v>
      </c>
      <c r="B6177" s="2" t="s">
        <v>102646</v>
      </c>
      <c r="C6177" s="14" t="s">
        <v>102647</v>
      </c>
      <c r="D6177" s="2" t="s">
        <v>102648</v>
      </c>
      <c r="E6177" s="2" t="s">
        <v>7551</v>
      </c>
      <c r="F6177" s="8">
        <v>121</v>
      </c>
      <c r="G6177" s="5">
        <v>6</v>
      </c>
      <c r="H6177" s="5" t="s">
        <v>1518</v>
      </c>
      <c r="I6177" s="5" t="s">
        <v>69038</v>
      </c>
      <c r="J6177" s="2" t="s">
        <v>69039</v>
      </c>
      <c r="K6177" s="5" t="s">
        <v>69038</v>
      </c>
      <c r="L6177" s="2" t="s">
        <v>69039</v>
      </c>
      <c r="M6177" s="5" t="s">
        <v>1521</v>
      </c>
      <c r="N6177" s="5" t="s">
        <v>38</v>
      </c>
      <c r="O6177" s="5" t="s">
        <v>39</v>
      </c>
      <c r="P6177" s="5" t="s">
        <v>40</v>
      </c>
      <c r="Q6177" s="5" t="s">
        <v>1522</v>
      </c>
      <c r="R6177" s="5" t="s">
        <v>1523</v>
      </c>
      <c r="S6177" s="5" t="s">
        <v>42</v>
      </c>
      <c r="T6177" s="2">
        <v>1.3080000000000001</v>
      </c>
      <c r="U6177" s="2">
        <v>1.016</v>
      </c>
      <c r="V6177" s="2">
        <v>10.6</v>
      </c>
      <c r="W6177" s="2">
        <v>82.9</v>
      </c>
      <c r="X6177" s="2">
        <v>7.6</v>
      </c>
      <c r="Y6177" s="2">
        <v>10.6</v>
      </c>
      <c r="Z6177" s="5"/>
      <c r="AA6177" s="5" t="s">
        <v>43</v>
      </c>
      <c r="AB6177" s="5" t="s">
        <v>44</v>
      </c>
      <c r="AC6177" s="2"/>
      <c r="AD6177" s="1"/>
    </row>
    <row r="6178" spans="1:30">
      <c r="A6178" s="5" t="s">
        <v>83578</v>
      </c>
      <c r="B6178" s="2" t="s">
        <v>102649</v>
      </c>
      <c r="C6178" s="14" t="s">
        <v>102650</v>
      </c>
      <c r="D6178" s="2" t="s">
        <v>102651</v>
      </c>
      <c r="E6178" s="2" t="s">
        <v>7574</v>
      </c>
      <c r="F6178" s="8">
        <v>121</v>
      </c>
      <c r="G6178" s="5">
        <v>6</v>
      </c>
      <c r="H6178" s="5" t="s">
        <v>1518</v>
      </c>
      <c r="I6178" s="5" t="s">
        <v>69038</v>
      </c>
      <c r="J6178" s="2" t="s">
        <v>69039</v>
      </c>
      <c r="K6178" s="5" t="s">
        <v>69038</v>
      </c>
      <c r="L6178" s="2" t="s">
        <v>69039</v>
      </c>
      <c r="M6178" s="5" t="s">
        <v>1521</v>
      </c>
      <c r="N6178" s="5" t="s">
        <v>38</v>
      </c>
      <c r="O6178" s="5" t="s">
        <v>39</v>
      </c>
      <c r="P6178" s="5" t="s">
        <v>40</v>
      </c>
      <c r="Q6178" s="5" t="s">
        <v>1522</v>
      </c>
      <c r="R6178" s="5" t="s">
        <v>1523</v>
      </c>
      <c r="S6178" s="5" t="s">
        <v>42</v>
      </c>
      <c r="T6178" s="2">
        <v>1.3080000000000001</v>
      </c>
      <c r="U6178" s="2">
        <v>1.016</v>
      </c>
      <c r="V6178" s="2">
        <v>10.6</v>
      </c>
      <c r="W6178" s="2">
        <v>82.9</v>
      </c>
      <c r="X6178" s="2">
        <v>7.6</v>
      </c>
      <c r="Y6178" s="2">
        <v>10.6</v>
      </c>
      <c r="Z6178" s="5"/>
      <c r="AA6178" s="5" t="s">
        <v>43</v>
      </c>
      <c r="AB6178" s="5" t="s">
        <v>44</v>
      </c>
      <c r="AC6178" s="2"/>
      <c r="AD6178" s="1"/>
    </row>
    <row r="6179" spans="1:30">
      <c r="A6179" s="5" t="s">
        <v>83578</v>
      </c>
      <c r="B6179" s="2" t="s">
        <v>102652</v>
      </c>
      <c r="C6179" s="14" t="s">
        <v>102653</v>
      </c>
      <c r="D6179" s="2" t="s">
        <v>102654</v>
      </c>
      <c r="E6179" s="2" t="s">
        <v>7551</v>
      </c>
      <c r="F6179" s="8">
        <v>131</v>
      </c>
      <c r="G6179" s="5">
        <v>6</v>
      </c>
      <c r="H6179" s="5" t="s">
        <v>1518</v>
      </c>
      <c r="I6179" s="5" t="s">
        <v>69038</v>
      </c>
      <c r="J6179" s="2" t="s">
        <v>69039</v>
      </c>
      <c r="K6179" s="5" t="s">
        <v>69038</v>
      </c>
      <c r="L6179" s="2" t="s">
        <v>69039</v>
      </c>
      <c r="M6179" s="5" t="s">
        <v>1521</v>
      </c>
      <c r="N6179" s="5" t="s">
        <v>38</v>
      </c>
      <c r="O6179" s="5" t="s">
        <v>39</v>
      </c>
      <c r="P6179" s="5" t="s">
        <v>40</v>
      </c>
      <c r="Q6179" s="5" t="s">
        <v>1522</v>
      </c>
      <c r="R6179" s="5" t="s">
        <v>1523</v>
      </c>
      <c r="S6179" s="5" t="s">
        <v>42</v>
      </c>
      <c r="T6179" s="2">
        <v>1.4750000000000001</v>
      </c>
      <c r="U6179" s="2">
        <v>1.131</v>
      </c>
      <c r="V6179" s="2">
        <v>10.6</v>
      </c>
      <c r="W6179" s="2">
        <v>99.1</v>
      </c>
      <c r="X6179" s="2">
        <v>7.6</v>
      </c>
      <c r="Y6179" s="2">
        <v>10.6</v>
      </c>
      <c r="Z6179" s="5"/>
      <c r="AA6179" s="5" t="s">
        <v>43</v>
      </c>
      <c r="AB6179" s="5" t="s">
        <v>44</v>
      </c>
      <c r="AC6179" s="2"/>
      <c r="AD6179" s="1"/>
    </row>
    <row r="6180" spans="1:30">
      <c r="A6180" s="5" t="s">
        <v>83578</v>
      </c>
      <c r="B6180" s="2" t="s">
        <v>102655</v>
      </c>
      <c r="C6180" s="14" t="s">
        <v>102656</v>
      </c>
      <c r="D6180" s="2" t="s">
        <v>102657</v>
      </c>
      <c r="E6180" s="2" t="s">
        <v>7574</v>
      </c>
      <c r="F6180" s="8">
        <v>131</v>
      </c>
      <c r="G6180" s="5">
        <v>6</v>
      </c>
      <c r="H6180" s="5" t="s">
        <v>1518</v>
      </c>
      <c r="I6180" s="5" t="s">
        <v>69038</v>
      </c>
      <c r="J6180" s="2" t="s">
        <v>69039</v>
      </c>
      <c r="K6180" s="5" t="s">
        <v>69038</v>
      </c>
      <c r="L6180" s="2" t="s">
        <v>69039</v>
      </c>
      <c r="M6180" s="5" t="s">
        <v>1521</v>
      </c>
      <c r="N6180" s="5" t="s">
        <v>38</v>
      </c>
      <c r="O6180" s="5" t="s">
        <v>39</v>
      </c>
      <c r="P6180" s="5" t="s">
        <v>40</v>
      </c>
      <c r="Q6180" s="5" t="s">
        <v>1522</v>
      </c>
      <c r="R6180" s="5" t="s">
        <v>1523</v>
      </c>
      <c r="S6180" s="5" t="s">
        <v>42</v>
      </c>
      <c r="T6180" s="2">
        <v>1.4750000000000001</v>
      </c>
      <c r="U6180" s="2">
        <v>1.131</v>
      </c>
      <c r="V6180" s="2">
        <v>10.6</v>
      </c>
      <c r="W6180" s="2">
        <v>99.1</v>
      </c>
      <c r="X6180" s="2">
        <v>7.6</v>
      </c>
      <c r="Y6180" s="2">
        <v>10.6</v>
      </c>
      <c r="Z6180" s="5"/>
      <c r="AA6180" s="5" t="s">
        <v>43</v>
      </c>
      <c r="AB6180" s="5" t="s">
        <v>44</v>
      </c>
      <c r="AC6180" s="2"/>
      <c r="AD6180" s="1"/>
    </row>
    <row r="6181" spans="1:30">
      <c r="A6181" s="5" t="s">
        <v>83578</v>
      </c>
      <c r="B6181" s="2" t="s">
        <v>102658</v>
      </c>
      <c r="C6181" s="14" t="s">
        <v>102659</v>
      </c>
      <c r="D6181" s="2" t="s">
        <v>102660</v>
      </c>
      <c r="E6181" s="2" t="s">
        <v>7597</v>
      </c>
      <c r="F6181" s="8">
        <v>131</v>
      </c>
      <c r="G6181" s="5">
        <v>6</v>
      </c>
      <c r="H6181" s="5" t="s">
        <v>1518</v>
      </c>
      <c r="I6181" s="5" t="s">
        <v>69038</v>
      </c>
      <c r="J6181" s="2" t="s">
        <v>69039</v>
      </c>
      <c r="K6181" s="5" t="s">
        <v>69038</v>
      </c>
      <c r="L6181" s="2" t="s">
        <v>69039</v>
      </c>
      <c r="M6181" s="5" t="s">
        <v>1521</v>
      </c>
      <c r="N6181" s="5" t="s">
        <v>38</v>
      </c>
      <c r="O6181" s="5" t="s">
        <v>39</v>
      </c>
      <c r="P6181" s="5" t="s">
        <v>40</v>
      </c>
      <c r="Q6181" s="5" t="s">
        <v>1522</v>
      </c>
      <c r="R6181" s="5" t="s">
        <v>1523</v>
      </c>
      <c r="S6181" s="5" t="s">
        <v>42</v>
      </c>
      <c r="T6181" s="2">
        <v>1.4750000000000001</v>
      </c>
      <c r="U6181" s="2">
        <v>1.131</v>
      </c>
      <c r="V6181" s="2">
        <v>10.6</v>
      </c>
      <c r="W6181" s="2">
        <v>99.1</v>
      </c>
      <c r="X6181" s="2">
        <v>7.6</v>
      </c>
      <c r="Y6181" s="2">
        <v>10.6</v>
      </c>
      <c r="Z6181" s="5"/>
      <c r="AA6181" s="5" t="s">
        <v>43</v>
      </c>
      <c r="AB6181" s="5" t="s">
        <v>44</v>
      </c>
      <c r="AC6181" s="2"/>
      <c r="AD6181" s="1"/>
    </row>
    <row r="6182" spans="1:30">
      <c r="A6182" s="5" t="s">
        <v>83578</v>
      </c>
      <c r="B6182" s="2" t="s">
        <v>102661</v>
      </c>
      <c r="C6182" s="14" t="s">
        <v>102662</v>
      </c>
      <c r="D6182" s="2" t="s">
        <v>102663</v>
      </c>
      <c r="E6182" s="2" t="s">
        <v>7406</v>
      </c>
      <c r="F6182" s="8">
        <v>143</v>
      </c>
      <c r="G6182" s="5">
        <v>6</v>
      </c>
      <c r="H6182" s="5" t="s">
        <v>1518</v>
      </c>
      <c r="I6182" s="5" t="s">
        <v>69038</v>
      </c>
      <c r="J6182" s="2" t="s">
        <v>69039</v>
      </c>
      <c r="K6182" s="5" t="s">
        <v>69038</v>
      </c>
      <c r="L6182" s="2" t="s">
        <v>69039</v>
      </c>
      <c r="M6182" s="5" t="s">
        <v>1521</v>
      </c>
      <c r="N6182" s="5" t="s">
        <v>38</v>
      </c>
      <c r="O6182" s="5" t="s">
        <v>39</v>
      </c>
      <c r="P6182" s="5" t="s">
        <v>40</v>
      </c>
      <c r="Q6182" s="5" t="s">
        <v>1522</v>
      </c>
      <c r="R6182" s="5" t="s">
        <v>1523</v>
      </c>
      <c r="S6182" s="5" t="s">
        <v>42</v>
      </c>
      <c r="T6182" s="2">
        <v>1.6910000000000001</v>
      </c>
      <c r="U6182" s="2">
        <v>1.288</v>
      </c>
      <c r="V6182" s="2">
        <v>10.6</v>
      </c>
      <c r="W6182" s="2">
        <v>139.1</v>
      </c>
      <c r="X6182" s="2">
        <v>7.6</v>
      </c>
      <c r="Y6182" s="2">
        <v>10.6</v>
      </c>
      <c r="Z6182" s="5"/>
      <c r="AA6182" s="5" t="s">
        <v>43</v>
      </c>
      <c r="AB6182" s="5" t="s">
        <v>44</v>
      </c>
      <c r="AC6182" s="2"/>
      <c r="AD6182" s="1"/>
    </row>
    <row r="6183" spans="1:30">
      <c r="A6183" s="5" t="s">
        <v>83578</v>
      </c>
      <c r="B6183" s="2" t="s">
        <v>102664</v>
      </c>
      <c r="C6183" s="14" t="s">
        <v>102665</v>
      </c>
      <c r="D6183" s="2" t="s">
        <v>102666</v>
      </c>
      <c r="E6183" s="2" t="s">
        <v>7535</v>
      </c>
      <c r="F6183" s="8">
        <v>143</v>
      </c>
      <c r="G6183" s="5">
        <v>6</v>
      </c>
      <c r="H6183" s="5" t="s">
        <v>1518</v>
      </c>
      <c r="I6183" s="5" t="s">
        <v>69038</v>
      </c>
      <c r="J6183" s="2" t="s">
        <v>69039</v>
      </c>
      <c r="K6183" s="5" t="s">
        <v>69038</v>
      </c>
      <c r="L6183" s="2" t="s">
        <v>69039</v>
      </c>
      <c r="M6183" s="5" t="s">
        <v>1521</v>
      </c>
      <c r="N6183" s="5" t="s">
        <v>38</v>
      </c>
      <c r="O6183" s="5" t="s">
        <v>39</v>
      </c>
      <c r="P6183" s="5" t="s">
        <v>40</v>
      </c>
      <c r="Q6183" s="5" t="s">
        <v>1522</v>
      </c>
      <c r="R6183" s="5" t="s">
        <v>1523</v>
      </c>
      <c r="S6183" s="5" t="s">
        <v>42</v>
      </c>
      <c r="T6183" s="2">
        <v>1.774</v>
      </c>
      <c r="U6183" s="2">
        <v>1.371</v>
      </c>
      <c r="V6183" s="2">
        <v>10.6</v>
      </c>
      <c r="W6183" s="2">
        <v>139.1</v>
      </c>
      <c r="X6183" s="2">
        <v>7.6</v>
      </c>
      <c r="Y6183" s="2">
        <v>10.6</v>
      </c>
      <c r="Z6183" s="5"/>
      <c r="AA6183" s="5" t="s">
        <v>43</v>
      </c>
      <c r="AB6183" s="5" t="s">
        <v>44</v>
      </c>
      <c r="AC6183" s="2"/>
      <c r="AD6183" s="1"/>
    </row>
    <row r="6184" spans="1:30">
      <c r="A6184" s="5" t="s">
        <v>83578</v>
      </c>
      <c r="B6184" s="2" t="s">
        <v>102667</v>
      </c>
      <c r="C6184" s="14" t="s">
        <v>102668</v>
      </c>
      <c r="D6184" s="2" t="s">
        <v>102669</v>
      </c>
      <c r="E6184" s="2" t="s">
        <v>7543</v>
      </c>
      <c r="F6184" s="8">
        <v>143</v>
      </c>
      <c r="G6184" s="5">
        <v>6</v>
      </c>
      <c r="H6184" s="5" t="s">
        <v>1518</v>
      </c>
      <c r="I6184" s="5" t="s">
        <v>69038</v>
      </c>
      <c r="J6184" s="2" t="s">
        <v>69039</v>
      </c>
      <c r="K6184" s="5" t="s">
        <v>69038</v>
      </c>
      <c r="L6184" s="2" t="s">
        <v>69039</v>
      </c>
      <c r="M6184" s="5" t="s">
        <v>1521</v>
      </c>
      <c r="N6184" s="5" t="s">
        <v>38</v>
      </c>
      <c r="O6184" s="5" t="s">
        <v>39</v>
      </c>
      <c r="P6184" s="5" t="s">
        <v>40</v>
      </c>
      <c r="Q6184" s="5" t="s">
        <v>1522</v>
      </c>
      <c r="R6184" s="5" t="s">
        <v>1523</v>
      </c>
      <c r="S6184" s="5" t="s">
        <v>42</v>
      </c>
      <c r="T6184" s="2">
        <v>1.774</v>
      </c>
      <c r="U6184" s="2">
        <v>1.371</v>
      </c>
      <c r="V6184" s="2">
        <v>10.6</v>
      </c>
      <c r="W6184" s="2">
        <v>139.1</v>
      </c>
      <c r="X6184" s="2">
        <v>7.6</v>
      </c>
      <c r="Y6184" s="2">
        <v>10.6</v>
      </c>
      <c r="Z6184" s="5"/>
      <c r="AA6184" s="5" t="s">
        <v>43</v>
      </c>
      <c r="AB6184" s="5" t="s">
        <v>44</v>
      </c>
      <c r="AC6184" s="2"/>
      <c r="AD6184" s="1"/>
    </row>
    <row r="6185" spans="1:30">
      <c r="A6185" s="5" t="s">
        <v>83578</v>
      </c>
      <c r="B6185" s="2" t="s">
        <v>102670</v>
      </c>
      <c r="C6185" s="14" t="s">
        <v>102671</v>
      </c>
      <c r="D6185" s="2" t="s">
        <v>102672</v>
      </c>
      <c r="E6185" s="2" t="s">
        <v>7547</v>
      </c>
      <c r="F6185" s="8">
        <v>143</v>
      </c>
      <c r="G6185" s="5">
        <v>6</v>
      </c>
      <c r="H6185" s="5" t="s">
        <v>1518</v>
      </c>
      <c r="I6185" s="5" t="s">
        <v>69038</v>
      </c>
      <c r="J6185" s="2" t="s">
        <v>69039</v>
      </c>
      <c r="K6185" s="5" t="s">
        <v>69038</v>
      </c>
      <c r="L6185" s="2" t="s">
        <v>69039</v>
      </c>
      <c r="M6185" s="5" t="s">
        <v>1521</v>
      </c>
      <c r="N6185" s="5" t="s">
        <v>38</v>
      </c>
      <c r="O6185" s="5" t="s">
        <v>39</v>
      </c>
      <c r="P6185" s="5" t="s">
        <v>40</v>
      </c>
      <c r="Q6185" s="5" t="s">
        <v>1522</v>
      </c>
      <c r="R6185" s="5" t="s">
        <v>1523</v>
      </c>
      <c r="S6185" s="5" t="s">
        <v>42</v>
      </c>
      <c r="T6185" s="2">
        <v>1.6910000000000001</v>
      </c>
      <c r="U6185" s="2">
        <v>1.288</v>
      </c>
      <c r="V6185" s="2">
        <v>10.6</v>
      </c>
      <c r="W6185" s="2">
        <v>139.1</v>
      </c>
      <c r="X6185" s="2">
        <v>7.6</v>
      </c>
      <c r="Y6185" s="2">
        <v>10.6</v>
      </c>
      <c r="Z6185" s="5"/>
      <c r="AA6185" s="5" t="s">
        <v>43</v>
      </c>
      <c r="AB6185" s="5" t="s">
        <v>44</v>
      </c>
      <c r="AC6185" s="2"/>
      <c r="AD6185" s="1"/>
    </row>
    <row r="6186" spans="1:30">
      <c r="A6186" s="5" t="s">
        <v>83578</v>
      </c>
      <c r="B6186" s="2" t="s">
        <v>102673</v>
      </c>
      <c r="C6186" s="14" t="s">
        <v>102674</v>
      </c>
      <c r="D6186" s="2" t="s">
        <v>102675</v>
      </c>
      <c r="E6186" s="2" t="s">
        <v>7551</v>
      </c>
      <c r="F6186" s="8">
        <v>143</v>
      </c>
      <c r="G6186" s="5">
        <v>6</v>
      </c>
      <c r="H6186" s="5" t="s">
        <v>1518</v>
      </c>
      <c r="I6186" s="5" t="s">
        <v>69038</v>
      </c>
      <c r="J6186" s="2" t="s">
        <v>69039</v>
      </c>
      <c r="K6186" s="5" t="s">
        <v>69038</v>
      </c>
      <c r="L6186" s="2" t="s">
        <v>69039</v>
      </c>
      <c r="M6186" s="5" t="s">
        <v>1521</v>
      </c>
      <c r="N6186" s="5" t="s">
        <v>38</v>
      </c>
      <c r="O6186" s="5" t="s">
        <v>39</v>
      </c>
      <c r="P6186" s="5" t="s">
        <v>40</v>
      </c>
      <c r="Q6186" s="5" t="s">
        <v>1522</v>
      </c>
      <c r="R6186" s="5" t="s">
        <v>1523</v>
      </c>
      <c r="S6186" s="5" t="s">
        <v>42</v>
      </c>
      <c r="T6186" s="2">
        <v>1.774</v>
      </c>
      <c r="U6186" s="2">
        <v>1.371</v>
      </c>
      <c r="V6186" s="2">
        <v>10.6</v>
      </c>
      <c r="W6186" s="2">
        <v>139.1</v>
      </c>
      <c r="X6186" s="2">
        <v>7.6</v>
      </c>
      <c r="Y6186" s="2">
        <v>10.6</v>
      </c>
      <c r="Z6186" s="5"/>
      <c r="AA6186" s="5" t="s">
        <v>43</v>
      </c>
      <c r="AB6186" s="5" t="s">
        <v>44</v>
      </c>
      <c r="AC6186" s="2"/>
      <c r="AD6186" s="1"/>
    </row>
    <row r="6187" spans="1:30">
      <c r="A6187" s="5" t="s">
        <v>83578</v>
      </c>
      <c r="B6187" s="2" t="s">
        <v>102676</v>
      </c>
      <c r="C6187" s="14" t="s">
        <v>102677</v>
      </c>
      <c r="D6187" s="2" t="s">
        <v>102678</v>
      </c>
      <c r="E6187" s="2" t="s">
        <v>7567</v>
      </c>
      <c r="F6187" s="8">
        <v>143</v>
      </c>
      <c r="G6187" s="5">
        <v>6</v>
      </c>
      <c r="H6187" s="5" t="s">
        <v>1518</v>
      </c>
      <c r="I6187" s="5" t="s">
        <v>69038</v>
      </c>
      <c r="J6187" s="2" t="s">
        <v>69039</v>
      </c>
      <c r="K6187" s="5" t="s">
        <v>69038</v>
      </c>
      <c r="L6187" s="2" t="s">
        <v>69039</v>
      </c>
      <c r="M6187" s="5" t="s">
        <v>1521</v>
      </c>
      <c r="N6187" s="5" t="s">
        <v>38</v>
      </c>
      <c r="O6187" s="5" t="s">
        <v>39</v>
      </c>
      <c r="P6187" s="5" t="s">
        <v>40</v>
      </c>
      <c r="Q6187" s="5" t="s">
        <v>1522</v>
      </c>
      <c r="R6187" s="5" t="s">
        <v>1523</v>
      </c>
      <c r="S6187" s="5" t="s">
        <v>42</v>
      </c>
      <c r="T6187" s="2">
        <v>1.774</v>
      </c>
      <c r="U6187" s="2">
        <v>1.371</v>
      </c>
      <c r="V6187" s="2">
        <v>10.6</v>
      </c>
      <c r="W6187" s="2">
        <v>139.1</v>
      </c>
      <c r="X6187" s="2">
        <v>7.6</v>
      </c>
      <c r="Y6187" s="2">
        <v>10.6</v>
      </c>
      <c r="Z6187" s="5"/>
      <c r="AA6187" s="5" t="s">
        <v>43</v>
      </c>
      <c r="AB6187" s="5" t="s">
        <v>44</v>
      </c>
      <c r="AC6187" s="2"/>
      <c r="AD6187" s="1"/>
    </row>
    <row r="6188" spans="1:30">
      <c r="A6188" s="5" t="s">
        <v>83578</v>
      </c>
      <c r="B6188" s="2" t="s">
        <v>102679</v>
      </c>
      <c r="C6188" s="14" t="s">
        <v>102680</v>
      </c>
      <c r="D6188" s="2" t="s">
        <v>102681</v>
      </c>
      <c r="E6188" s="2" t="s">
        <v>7555</v>
      </c>
      <c r="F6188" s="8">
        <v>143</v>
      </c>
      <c r="G6188" s="5">
        <v>6</v>
      </c>
      <c r="H6188" s="5" t="s">
        <v>1518</v>
      </c>
      <c r="I6188" s="5" t="s">
        <v>69038</v>
      </c>
      <c r="J6188" s="2" t="s">
        <v>69039</v>
      </c>
      <c r="K6188" s="5" t="s">
        <v>69038</v>
      </c>
      <c r="L6188" s="2" t="s">
        <v>69039</v>
      </c>
      <c r="M6188" s="5" t="s">
        <v>1521</v>
      </c>
      <c r="N6188" s="5" t="s">
        <v>38</v>
      </c>
      <c r="O6188" s="5" t="s">
        <v>39</v>
      </c>
      <c r="P6188" s="5" t="s">
        <v>40</v>
      </c>
      <c r="Q6188" s="5" t="s">
        <v>1522</v>
      </c>
      <c r="R6188" s="5" t="s">
        <v>1523</v>
      </c>
      <c r="S6188" s="5" t="s">
        <v>42</v>
      </c>
      <c r="T6188" s="2">
        <v>1.6910000000000001</v>
      </c>
      <c r="U6188" s="2">
        <v>1.288</v>
      </c>
      <c r="V6188" s="2">
        <v>10.6</v>
      </c>
      <c r="W6188" s="2">
        <v>139.1</v>
      </c>
      <c r="X6188" s="2">
        <v>7.6</v>
      </c>
      <c r="Y6188" s="2">
        <v>10.6</v>
      </c>
      <c r="Z6188" s="5"/>
      <c r="AA6188" s="5" t="s">
        <v>43</v>
      </c>
      <c r="AB6188" s="5" t="s">
        <v>44</v>
      </c>
      <c r="AC6188" s="2"/>
      <c r="AD6188" s="1"/>
    </row>
    <row r="6189" spans="1:30">
      <c r="A6189" s="5" t="s">
        <v>83578</v>
      </c>
      <c r="B6189" s="2" t="s">
        <v>102682</v>
      </c>
      <c r="C6189" s="14" t="s">
        <v>102683</v>
      </c>
      <c r="D6189" s="2" t="s">
        <v>102684</v>
      </c>
      <c r="E6189" s="2" t="s">
        <v>7559</v>
      </c>
      <c r="F6189" s="8">
        <v>143</v>
      </c>
      <c r="G6189" s="5">
        <v>6</v>
      </c>
      <c r="H6189" s="5" t="s">
        <v>1518</v>
      </c>
      <c r="I6189" s="5" t="s">
        <v>69038</v>
      </c>
      <c r="J6189" s="2" t="s">
        <v>69039</v>
      </c>
      <c r="K6189" s="5" t="s">
        <v>69038</v>
      </c>
      <c r="L6189" s="2" t="s">
        <v>69039</v>
      </c>
      <c r="M6189" s="5" t="s">
        <v>1521</v>
      </c>
      <c r="N6189" s="5" t="s">
        <v>38</v>
      </c>
      <c r="O6189" s="5" t="s">
        <v>39</v>
      </c>
      <c r="P6189" s="5" t="s">
        <v>40</v>
      </c>
      <c r="Q6189" s="5" t="s">
        <v>1522</v>
      </c>
      <c r="R6189" s="5" t="s">
        <v>1523</v>
      </c>
      <c r="S6189" s="5" t="s">
        <v>42</v>
      </c>
      <c r="T6189" s="2">
        <v>1.774</v>
      </c>
      <c r="U6189" s="2">
        <v>1.371</v>
      </c>
      <c r="V6189" s="2">
        <v>10.6</v>
      </c>
      <c r="W6189" s="2">
        <v>139.1</v>
      </c>
      <c r="X6189" s="2">
        <v>7.6</v>
      </c>
      <c r="Y6189" s="2">
        <v>10.6</v>
      </c>
      <c r="Z6189" s="5"/>
      <c r="AA6189" s="5" t="s">
        <v>43</v>
      </c>
      <c r="AB6189" s="5" t="s">
        <v>44</v>
      </c>
      <c r="AC6189" s="2"/>
      <c r="AD6189" s="1"/>
    </row>
    <row r="6190" spans="1:30">
      <c r="A6190" s="5" t="s">
        <v>83578</v>
      </c>
      <c r="B6190" s="2" t="s">
        <v>102685</v>
      </c>
      <c r="C6190" s="14" t="s">
        <v>102686</v>
      </c>
      <c r="D6190" s="2" t="s">
        <v>102687</v>
      </c>
      <c r="E6190" s="2" t="s">
        <v>7429</v>
      </c>
      <c r="F6190" s="8">
        <v>143</v>
      </c>
      <c r="G6190" s="5">
        <v>6</v>
      </c>
      <c r="H6190" s="5" t="s">
        <v>1518</v>
      </c>
      <c r="I6190" s="5" t="s">
        <v>69038</v>
      </c>
      <c r="J6190" s="2" t="s">
        <v>69039</v>
      </c>
      <c r="K6190" s="5" t="s">
        <v>69038</v>
      </c>
      <c r="L6190" s="2" t="s">
        <v>69039</v>
      </c>
      <c r="M6190" s="5" t="s">
        <v>1521</v>
      </c>
      <c r="N6190" s="5" t="s">
        <v>38</v>
      </c>
      <c r="O6190" s="5" t="s">
        <v>39</v>
      </c>
      <c r="P6190" s="5" t="s">
        <v>40</v>
      </c>
      <c r="Q6190" s="5" t="s">
        <v>1522</v>
      </c>
      <c r="R6190" s="5" t="s">
        <v>1523</v>
      </c>
      <c r="S6190" s="5" t="s">
        <v>42</v>
      </c>
      <c r="T6190" s="2">
        <v>1.6910000000000001</v>
      </c>
      <c r="U6190" s="2">
        <v>1.288</v>
      </c>
      <c r="V6190" s="2">
        <v>10.6</v>
      </c>
      <c r="W6190" s="2">
        <v>139.1</v>
      </c>
      <c r="X6190" s="2">
        <v>7.6</v>
      </c>
      <c r="Y6190" s="2">
        <v>10.6</v>
      </c>
      <c r="Z6190" s="5"/>
      <c r="AA6190" s="5" t="s">
        <v>43</v>
      </c>
      <c r="AB6190" s="5" t="s">
        <v>44</v>
      </c>
      <c r="AC6190" s="2"/>
      <c r="AD6190" s="1"/>
    </row>
    <row r="6191" spans="1:30">
      <c r="A6191" s="5" t="s">
        <v>83578</v>
      </c>
      <c r="B6191" s="2" t="s">
        <v>102688</v>
      </c>
      <c r="C6191" s="14" t="s">
        <v>102689</v>
      </c>
      <c r="D6191" s="2" t="s">
        <v>102690</v>
      </c>
      <c r="E6191" s="2" t="s">
        <v>7574</v>
      </c>
      <c r="F6191" s="8">
        <v>143</v>
      </c>
      <c r="G6191" s="5">
        <v>6</v>
      </c>
      <c r="H6191" s="5" t="s">
        <v>1518</v>
      </c>
      <c r="I6191" s="5" t="s">
        <v>69038</v>
      </c>
      <c r="J6191" s="2" t="s">
        <v>69039</v>
      </c>
      <c r="K6191" s="5" t="s">
        <v>69038</v>
      </c>
      <c r="L6191" s="2" t="s">
        <v>69039</v>
      </c>
      <c r="M6191" s="5" t="s">
        <v>1521</v>
      </c>
      <c r="N6191" s="5" t="s">
        <v>38</v>
      </c>
      <c r="O6191" s="5" t="s">
        <v>39</v>
      </c>
      <c r="P6191" s="5" t="s">
        <v>40</v>
      </c>
      <c r="Q6191" s="5" t="s">
        <v>1522</v>
      </c>
      <c r="R6191" s="5" t="s">
        <v>1523</v>
      </c>
      <c r="S6191" s="5" t="s">
        <v>42</v>
      </c>
      <c r="T6191" s="2">
        <v>1.774</v>
      </c>
      <c r="U6191" s="2">
        <v>1.371</v>
      </c>
      <c r="V6191" s="2">
        <v>10.6</v>
      </c>
      <c r="W6191" s="2">
        <v>139.1</v>
      </c>
      <c r="X6191" s="2">
        <v>7.6</v>
      </c>
      <c r="Y6191" s="2">
        <v>10.6</v>
      </c>
      <c r="Z6191" s="5"/>
      <c r="AA6191" s="5" t="s">
        <v>43</v>
      </c>
      <c r="AB6191" s="5" t="s">
        <v>44</v>
      </c>
      <c r="AC6191" s="2"/>
      <c r="AD6191" s="1"/>
    </row>
    <row r="6192" spans="1:30">
      <c r="A6192" s="5" t="s">
        <v>83578</v>
      </c>
      <c r="B6192" s="2" t="s">
        <v>102691</v>
      </c>
      <c r="C6192" s="14" t="s">
        <v>102692</v>
      </c>
      <c r="D6192" s="2" t="s">
        <v>102693</v>
      </c>
      <c r="E6192" s="2" t="s">
        <v>7581</v>
      </c>
      <c r="F6192" s="8">
        <v>143</v>
      </c>
      <c r="G6192" s="5">
        <v>6</v>
      </c>
      <c r="H6192" s="5" t="s">
        <v>1518</v>
      </c>
      <c r="I6192" s="5" t="s">
        <v>69038</v>
      </c>
      <c r="J6192" s="2" t="s">
        <v>69039</v>
      </c>
      <c r="K6192" s="5" t="s">
        <v>69038</v>
      </c>
      <c r="L6192" s="2" t="s">
        <v>69039</v>
      </c>
      <c r="M6192" s="5" t="s">
        <v>1521</v>
      </c>
      <c r="N6192" s="5" t="s">
        <v>38</v>
      </c>
      <c r="O6192" s="5" t="s">
        <v>39</v>
      </c>
      <c r="P6192" s="5" t="s">
        <v>40</v>
      </c>
      <c r="Q6192" s="5" t="s">
        <v>1522</v>
      </c>
      <c r="R6192" s="5" t="s">
        <v>1523</v>
      </c>
      <c r="S6192" s="5" t="s">
        <v>42</v>
      </c>
      <c r="T6192" s="2">
        <v>1.774</v>
      </c>
      <c r="U6192" s="2">
        <v>1.371</v>
      </c>
      <c r="V6192" s="2">
        <v>10.6</v>
      </c>
      <c r="W6192" s="2">
        <v>139.1</v>
      </c>
      <c r="X6192" s="2">
        <v>7.6</v>
      </c>
      <c r="Y6192" s="2">
        <v>10.6</v>
      </c>
      <c r="Z6192" s="5"/>
      <c r="AA6192" s="5" t="s">
        <v>43</v>
      </c>
      <c r="AB6192" s="5" t="s">
        <v>44</v>
      </c>
      <c r="AC6192" s="2"/>
      <c r="AD6192" s="1"/>
    </row>
    <row r="6193" spans="1:30">
      <c r="A6193" s="5" t="s">
        <v>83578</v>
      </c>
      <c r="B6193" s="2" t="s">
        <v>102694</v>
      </c>
      <c r="C6193" s="14" t="s">
        <v>102695</v>
      </c>
      <c r="D6193" s="2" t="s">
        <v>102696</v>
      </c>
      <c r="E6193" s="2" t="s">
        <v>7585</v>
      </c>
      <c r="F6193" s="8">
        <v>143</v>
      </c>
      <c r="G6193" s="5">
        <v>6</v>
      </c>
      <c r="H6193" s="5" t="s">
        <v>1518</v>
      </c>
      <c r="I6193" s="5" t="s">
        <v>69038</v>
      </c>
      <c r="J6193" s="2" t="s">
        <v>69039</v>
      </c>
      <c r="K6193" s="5" t="s">
        <v>69038</v>
      </c>
      <c r="L6193" s="2" t="s">
        <v>69039</v>
      </c>
      <c r="M6193" s="5" t="s">
        <v>1521</v>
      </c>
      <c r="N6193" s="5" t="s">
        <v>38</v>
      </c>
      <c r="O6193" s="5" t="s">
        <v>39</v>
      </c>
      <c r="P6193" s="5" t="s">
        <v>40</v>
      </c>
      <c r="Q6193" s="5" t="s">
        <v>1522</v>
      </c>
      <c r="R6193" s="5" t="s">
        <v>1523</v>
      </c>
      <c r="S6193" s="5" t="s">
        <v>42</v>
      </c>
      <c r="T6193" s="2">
        <v>1.6910000000000001</v>
      </c>
      <c r="U6193" s="2">
        <v>1.288</v>
      </c>
      <c r="V6193" s="2">
        <v>10.6</v>
      </c>
      <c r="W6193" s="2">
        <v>139.1</v>
      </c>
      <c r="X6193" s="2">
        <v>7.6</v>
      </c>
      <c r="Y6193" s="2">
        <v>10.6</v>
      </c>
      <c r="Z6193" s="5"/>
      <c r="AA6193" s="5" t="s">
        <v>43</v>
      </c>
      <c r="AB6193" s="5" t="s">
        <v>44</v>
      </c>
      <c r="AC6193" s="2"/>
      <c r="AD6193" s="1"/>
    </row>
    <row r="6194" spans="1:30">
      <c r="A6194" s="5" t="s">
        <v>83578</v>
      </c>
      <c r="B6194" s="2" t="s">
        <v>102697</v>
      </c>
      <c r="C6194" s="14" t="s">
        <v>102698</v>
      </c>
      <c r="D6194" s="2" t="s">
        <v>102699</v>
      </c>
      <c r="E6194" s="2" t="s">
        <v>7589</v>
      </c>
      <c r="F6194" s="8">
        <v>143</v>
      </c>
      <c r="G6194" s="5">
        <v>6</v>
      </c>
      <c r="H6194" s="5" t="s">
        <v>1518</v>
      </c>
      <c r="I6194" s="5" t="s">
        <v>69038</v>
      </c>
      <c r="J6194" s="2" t="s">
        <v>69039</v>
      </c>
      <c r="K6194" s="5" t="s">
        <v>69038</v>
      </c>
      <c r="L6194" s="2" t="s">
        <v>69039</v>
      </c>
      <c r="M6194" s="5" t="s">
        <v>1521</v>
      </c>
      <c r="N6194" s="5" t="s">
        <v>38</v>
      </c>
      <c r="O6194" s="5" t="s">
        <v>39</v>
      </c>
      <c r="P6194" s="5" t="s">
        <v>40</v>
      </c>
      <c r="Q6194" s="5" t="s">
        <v>1522</v>
      </c>
      <c r="R6194" s="5" t="s">
        <v>1523</v>
      </c>
      <c r="S6194" s="5" t="s">
        <v>42</v>
      </c>
      <c r="T6194" s="2">
        <v>1.774</v>
      </c>
      <c r="U6194" s="2">
        <v>1.371</v>
      </c>
      <c r="V6194" s="2">
        <v>10.6</v>
      </c>
      <c r="W6194" s="2">
        <v>139.1</v>
      </c>
      <c r="X6194" s="2">
        <v>7.6</v>
      </c>
      <c r="Y6194" s="2">
        <v>10.6</v>
      </c>
      <c r="Z6194" s="5"/>
      <c r="AA6194" s="5" t="s">
        <v>43</v>
      </c>
      <c r="AB6194" s="5" t="s">
        <v>44</v>
      </c>
      <c r="AC6194" s="2"/>
      <c r="AD6194" s="1"/>
    </row>
    <row r="6195" spans="1:30">
      <c r="A6195" s="5" t="s">
        <v>83578</v>
      </c>
      <c r="B6195" s="2" t="s">
        <v>102700</v>
      </c>
      <c r="C6195" s="14" t="s">
        <v>102701</v>
      </c>
      <c r="D6195" s="2" t="s">
        <v>102702</v>
      </c>
      <c r="E6195" s="2" t="s">
        <v>7593</v>
      </c>
      <c r="F6195" s="8">
        <v>143</v>
      </c>
      <c r="G6195" s="5">
        <v>6</v>
      </c>
      <c r="H6195" s="5" t="s">
        <v>1518</v>
      </c>
      <c r="I6195" s="5" t="s">
        <v>69038</v>
      </c>
      <c r="J6195" s="2" t="s">
        <v>69039</v>
      </c>
      <c r="K6195" s="5" t="s">
        <v>69038</v>
      </c>
      <c r="L6195" s="2" t="s">
        <v>69039</v>
      </c>
      <c r="M6195" s="5" t="s">
        <v>1521</v>
      </c>
      <c r="N6195" s="5" t="s">
        <v>38</v>
      </c>
      <c r="O6195" s="5" t="s">
        <v>39</v>
      </c>
      <c r="P6195" s="5" t="s">
        <v>40</v>
      </c>
      <c r="Q6195" s="5" t="s">
        <v>1522</v>
      </c>
      <c r="R6195" s="5" t="s">
        <v>1523</v>
      </c>
      <c r="S6195" s="5" t="s">
        <v>42</v>
      </c>
      <c r="T6195" s="2">
        <v>1.6910000000000001</v>
      </c>
      <c r="U6195" s="2">
        <v>1.288</v>
      </c>
      <c r="V6195" s="2">
        <v>10.6</v>
      </c>
      <c r="W6195" s="2">
        <v>139.1</v>
      </c>
      <c r="X6195" s="2">
        <v>7.6</v>
      </c>
      <c r="Y6195" s="2">
        <v>10.6</v>
      </c>
      <c r="Z6195" s="5"/>
      <c r="AA6195" s="5" t="s">
        <v>43</v>
      </c>
      <c r="AB6195" s="5" t="s">
        <v>44</v>
      </c>
      <c r="AC6195" s="2"/>
      <c r="AD6195" s="1"/>
    </row>
    <row r="6196" spans="1:30">
      <c r="A6196" s="5" t="s">
        <v>83578</v>
      </c>
      <c r="B6196" s="2" t="s">
        <v>102703</v>
      </c>
      <c r="C6196" s="14" t="s">
        <v>102704</v>
      </c>
      <c r="D6196" s="2" t="s">
        <v>102705</v>
      </c>
      <c r="E6196" s="2" t="s">
        <v>7597</v>
      </c>
      <c r="F6196" s="8">
        <v>143</v>
      </c>
      <c r="G6196" s="5">
        <v>6</v>
      </c>
      <c r="H6196" s="5" t="s">
        <v>1518</v>
      </c>
      <c r="I6196" s="5" t="s">
        <v>69038</v>
      </c>
      <c r="J6196" s="2" t="s">
        <v>69039</v>
      </c>
      <c r="K6196" s="5" t="s">
        <v>69038</v>
      </c>
      <c r="L6196" s="2" t="s">
        <v>69039</v>
      </c>
      <c r="M6196" s="5" t="s">
        <v>1521</v>
      </c>
      <c r="N6196" s="5" t="s">
        <v>38</v>
      </c>
      <c r="O6196" s="5" t="s">
        <v>39</v>
      </c>
      <c r="P6196" s="5" t="s">
        <v>40</v>
      </c>
      <c r="Q6196" s="5" t="s">
        <v>1522</v>
      </c>
      <c r="R6196" s="5" t="s">
        <v>1523</v>
      </c>
      <c r="S6196" s="5" t="s">
        <v>42</v>
      </c>
      <c r="T6196" s="2">
        <v>1.774</v>
      </c>
      <c r="U6196" s="2">
        <v>1.371</v>
      </c>
      <c r="V6196" s="2">
        <v>10.6</v>
      </c>
      <c r="W6196" s="2">
        <v>139.1</v>
      </c>
      <c r="X6196" s="2">
        <v>7.6</v>
      </c>
      <c r="Y6196" s="2">
        <v>10.6</v>
      </c>
      <c r="Z6196" s="5"/>
      <c r="AA6196" s="5" t="s">
        <v>43</v>
      </c>
      <c r="AB6196" s="5" t="s">
        <v>44</v>
      </c>
      <c r="AC6196" s="2"/>
      <c r="AD6196" s="1"/>
    </row>
    <row r="6197" spans="1:30">
      <c r="A6197" s="5" t="s">
        <v>83578</v>
      </c>
      <c r="B6197" s="2" t="s">
        <v>102706</v>
      </c>
      <c r="C6197" s="14" t="s">
        <v>102707</v>
      </c>
      <c r="D6197" s="2" t="s">
        <v>102708</v>
      </c>
      <c r="E6197" s="2" t="s">
        <v>7433</v>
      </c>
      <c r="F6197" s="8">
        <v>143</v>
      </c>
      <c r="G6197" s="5">
        <v>6</v>
      </c>
      <c r="H6197" s="5" t="s">
        <v>1518</v>
      </c>
      <c r="I6197" s="5" t="s">
        <v>69038</v>
      </c>
      <c r="J6197" s="2" t="s">
        <v>69039</v>
      </c>
      <c r="K6197" s="5" t="s">
        <v>69038</v>
      </c>
      <c r="L6197" s="2" t="s">
        <v>69039</v>
      </c>
      <c r="M6197" s="5" t="s">
        <v>1521</v>
      </c>
      <c r="N6197" s="5" t="s">
        <v>38</v>
      </c>
      <c r="O6197" s="5" t="s">
        <v>39</v>
      </c>
      <c r="P6197" s="5" t="s">
        <v>40</v>
      </c>
      <c r="Q6197" s="5" t="s">
        <v>1522</v>
      </c>
      <c r="R6197" s="5" t="s">
        <v>1523</v>
      </c>
      <c r="S6197" s="5" t="s">
        <v>42</v>
      </c>
      <c r="T6197" s="2">
        <v>1.6910000000000001</v>
      </c>
      <c r="U6197" s="2">
        <v>1.288</v>
      </c>
      <c r="V6197" s="2">
        <v>10.6</v>
      </c>
      <c r="W6197" s="2">
        <v>139.1</v>
      </c>
      <c r="X6197" s="2">
        <v>7.6</v>
      </c>
      <c r="Y6197" s="2">
        <v>10.6</v>
      </c>
      <c r="Z6197" s="5"/>
      <c r="AA6197" s="5" t="s">
        <v>43</v>
      </c>
      <c r="AB6197" s="5" t="s">
        <v>44</v>
      </c>
      <c r="AC6197" s="2"/>
      <c r="AD6197" s="1"/>
    </row>
    <row r="6198" spans="1:30">
      <c r="A6198" s="5" t="s">
        <v>83578</v>
      </c>
      <c r="B6198" s="2" t="s">
        <v>102709</v>
      </c>
      <c r="C6198" s="14" t="s">
        <v>102710</v>
      </c>
      <c r="D6198" s="2" t="s">
        <v>102711</v>
      </c>
      <c r="E6198" s="2" t="s">
        <v>7611</v>
      </c>
      <c r="F6198" s="8">
        <v>143</v>
      </c>
      <c r="G6198" s="5">
        <v>6</v>
      </c>
      <c r="H6198" s="5" t="s">
        <v>1518</v>
      </c>
      <c r="I6198" s="5" t="s">
        <v>69038</v>
      </c>
      <c r="J6198" s="2" t="s">
        <v>69039</v>
      </c>
      <c r="K6198" s="5" t="s">
        <v>69038</v>
      </c>
      <c r="L6198" s="2" t="s">
        <v>69039</v>
      </c>
      <c r="M6198" s="5" t="s">
        <v>1521</v>
      </c>
      <c r="N6198" s="5" t="s">
        <v>38</v>
      </c>
      <c r="O6198" s="5" t="s">
        <v>39</v>
      </c>
      <c r="P6198" s="5" t="s">
        <v>40</v>
      </c>
      <c r="Q6198" s="5" t="s">
        <v>1522</v>
      </c>
      <c r="R6198" s="5" t="s">
        <v>1523</v>
      </c>
      <c r="S6198" s="5" t="s">
        <v>42</v>
      </c>
      <c r="T6198" s="2">
        <v>1.774</v>
      </c>
      <c r="U6198" s="2">
        <v>1.371</v>
      </c>
      <c r="V6198" s="2">
        <v>10.6</v>
      </c>
      <c r="W6198" s="2">
        <v>139.1</v>
      </c>
      <c r="X6198" s="2">
        <v>7.6</v>
      </c>
      <c r="Y6198" s="2">
        <v>10.6</v>
      </c>
      <c r="Z6198" s="5"/>
      <c r="AA6198" s="5" t="s">
        <v>43</v>
      </c>
      <c r="AB6198" s="5" t="s">
        <v>44</v>
      </c>
      <c r="AC6198" s="2"/>
      <c r="AD6198" s="1"/>
    </row>
    <row r="6199" spans="1:30">
      <c r="A6199" s="5" t="s">
        <v>83578</v>
      </c>
      <c r="B6199" s="2" t="s">
        <v>102712</v>
      </c>
      <c r="C6199" s="14" t="s">
        <v>102713</v>
      </c>
      <c r="D6199" s="2" t="s">
        <v>102714</v>
      </c>
      <c r="E6199" s="2" t="s">
        <v>7615</v>
      </c>
      <c r="F6199" s="8">
        <v>143</v>
      </c>
      <c r="G6199" s="5">
        <v>6</v>
      </c>
      <c r="H6199" s="5" t="s">
        <v>1518</v>
      </c>
      <c r="I6199" s="5" t="s">
        <v>69038</v>
      </c>
      <c r="J6199" s="2" t="s">
        <v>69039</v>
      </c>
      <c r="K6199" s="5" t="s">
        <v>69038</v>
      </c>
      <c r="L6199" s="2" t="s">
        <v>69039</v>
      </c>
      <c r="M6199" s="5" t="s">
        <v>1521</v>
      </c>
      <c r="N6199" s="5" t="s">
        <v>38</v>
      </c>
      <c r="O6199" s="5" t="s">
        <v>39</v>
      </c>
      <c r="P6199" s="5" t="s">
        <v>40</v>
      </c>
      <c r="Q6199" s="5" t="s">
        <v>1522</v>
      </c>
      <c r="R6199" s="5" t="s">
        <v>1523</v>
      </c>
      <c r="S6199" s="5" t="s">
        <v>42</v>
      </c>
      <c r="T6199" s="2">
        <v>1.6910000000000001</v>
      </c>
      <c r="U6199" s="2">
        <v>1.288</v>
      </c>
      <c r="V6199" s="2">
        <v>10.6</v>
      </c>
      <c r="W6199" s="2">
        <v>139.1</v>
      </c>
      <c r="X6199" s="2">
        <v>7.6</v>
      </c>
      <c r="Y6199" s="2">
        <v>10.6</v>
      </c>
      <c r="Z6199" s="5"/>
      <c r="AA6199" s="5" t="s">
        <v>43</v>
      </c>
      <c r="AB6199" s="5" t="s">
        <v>44</v>
      </c>
      <c r="AC6199" s="2"/>
      <c r="AD6199" s="1"/>
    </row>
    <row r="6200" spans="1:30">
      <c r="A6200" s="5" t="s">
        <v>83578</v>
      </c>
      <c r="B6200" s="2" t="s">
        <v>102715</v>
      </c>
      <c r="C6200" s="14" t="s">
        <v>102716</v>
      </c>
      <c r="D6200" s="2" t="s">
        <v>102717</v>
      </c>
      <c r="E6200" s="2" t="s">
        <v>7619</v>
      </c>
      <c r="F6200" s="8">
        <v>143</v>
      </c>
      <c r="G6200" s="5">
        <v>6</v>
      </c>
      <c r="H6200" s="5" t="s">
        <v>1518</v>
      </c>
      <c r="I6200" s="5" t="s">
        <v>69038</v>
      </c>
      <c r="J6200" s="2" t="s">
        <v>69039</v>
      </c>
      <c r="K6200" s="5" t="s">
        <v>69038</v>
      </c>
      <c r="L6200" s="2" t="s">
        <v>69039</v>
      </c>
      <c r="M6200" s="5" t="s">
        <v>1521</v>
      </c>
      <c r="N6200" s="5" t="s">
        <v>38</v>
      </c>
      <c r="O6200" s="5" t="s">
        <v>39</v>
      </c>
      <c r="P6200" s="5" t="s">
        <v>40</v>
      </c>
      <c r="Q6200" s="5" t="s">
        <v>1522</v>
      </c>
      <c r="R6200" s="5" t="s">
        <v>1523</v>
      </c>
      <c r="S6200" s="5" t="s">
        <v>42</v>
      </c>
      <c r="T6200" s="2">
        <v>1.774</v>
      </c>
      <c r="U6200" s="2">
        <v>1.371</v>
      </c>
      <c r="V6200" s="2">
        <v>10.6</v>
      </c>
      <c r="W6200" s="2">
        <v>139.1</v>
      </c>
      <c r="X6200" s="2">
        <v>7.6</v>
      </c>
      <c r="Y6200" s="2">
        <v>10.6</v>
      </c>
      <c r="Z6200" s="5"/>
      <c r="AA6200" s="5" t="s">
        <v>43</v>
      </c>
      <c r="AB6200" s="5" t="s">
        <v>44</v>
      </c>
      <c r="AC6200" s="2"/>
      <c r="AD6200" s="1"/>
    </row>
    <row r="6201" spans="1:30">
      <c r="A6201" s="5" t="s">
        <v>83578</v>
      </c>
      <c r="B6201" s="2" t="s">
        <v>102718</v>
      </c>
      <c r="C6201" s="14" t="s">
        <v>102719</v>
      </c>
      <c r="D6201" s="2" t="s">
        <v>102720</v>
      </c>
      <c r="E6201" s="2" t="s">
        <v>7604</v>
      </c>
      <c r="F6201" s="8">
        <v>143</v>
      </c>
      <c r="G6201" s="5">
        <v>6</v>
      </c>
      <c r="H6201" s="5" t="s">
        <v>1518</v>
      </c>
      <c r="I6201" s="5" t="s">
        <v>69038</v>
      </c>
      <c r="J6201" s="2" t="s">
        <v>69039</v>
      </c>
      <c r="K6201" s="5" t="s">
        <v>69038</v>
      </c>
      <c r="L6201" s="2" t="s">
        <v>69039</v>
      </c>
      <c r="M6201" s="5" t="s">
        <v>1521</v>
      </c>
      <c r="N6201" s="5" t="s">
        <v>38</v>
      </c>
      <c r="O6201" s="5" t="s">
        <v>39</v>
      </c>
      <c r="P6201" s="5" t="s">
        <v>40</v>
      </c>
      <c r="Q6201" s="5" t="s">
        <v>1522</v>
      </c>
      <c r="R6201" s="5" t="s">
        <v>1523</v>
      </c>
      <c r="S6201" s="5" t="s">
        <v>42</v>
      </c>
      <c r="T6201" s="2">
        <v>1.774</v>
      </c>
      <c r="U6201" s="2">
        <v>1.371</v>
      </c>
      <c r="V6201" s="2">
        <v>10.6</v>
      </c>
      <c r="W6201" s="2">
        <v>139.1</v>
      </c>
      <c r="X6201" s="2">
        <v>7.6</v>
      </c>
      <c r="Y6201" s="2">
        <v>10.6</v>
      </c>
      <c r="Z6201" s="5"/>
      <c r="AA6201" s="5" t="s">
        <v>43</v>
      </c>
      <c r="AB6201" s="5" t="s">
        <v>44</v>
      </c>
      <c r="AC6201" s="2"/>
      <c r="AD6201" s="1"/>
    </row>
    <row r="6202" spans="1:30">
      <c r="A6202" s="5" t="s">
        <v>83578</v>
      </c>
      <c r="B6202" s="2" t="s">
        <v>102721</v>
      </c>
      <c r="C6202" s="14" t="s">
        <v>102722</v>
      </c>
      <c r="D6202" s="2" t="s">
        <v>102723</v>
      </c>
      <c r="E6202" s="2" t="s">
        <v>7528</v>
      </c>
      <c r="F6202" s="8">
        <v>124</v>
      </c>
      <c r="G6202" s="5">
        <v>6</v>
      </c>
      <c r="H6202" s="5" t="s">
        <v>1518</v>
      </c>
      <c r="I6202" s="5" t="s">
        <v>69038</v>
      </c>
      <c r="J6202" s="2" t="s">
        <v>69039</v>
      </c>
      <c r="K6202" s="5" t="s">
        <v>69038</v>
      </c>
      <c r="L6202" s="2" t="s">
        <v>69039</v>
      </c>
      <c r="M6202" s="5" t="s">
        <v>1521</v>
      </c>
      <c r="N6202" s="5" t="s">
        <v>38</v>
      </c>
      <c r="O6202" s="5" t="s">
        <v>39</v>
      </c>
      <c r="P6202" s="5" t="s">
        <v>40</v>
      </c>
      <c r="Q6202" s="5" t="s">
        <v>1522</v>
      </c>
      <c r="R6202" s="5" t="s">
        <v>1523</v>
      </c>
      <c r="S6202" s="5" t="s">
        <v>42</v>
      </c>
      <c r="T6202" s="2">
        <v>1.774</v>
      </c>
      <c r="U6202" s="2">
        <v>1.371</v>
      </c>
      <c r="V6202" s="2">
        <v>10.6</v>
      </c>
      <c r="W6202" s="2">
        <v>139.1</v>
      </c>
      <c r="X6202" s="2">
        <v>7.6</v>
      </c>
      <c r="Y6202" s="2">
        <v>10.6</v>
      </c>
      <c r="Z6202" s="5"/>
      <c r="AA6202" s="5" t="s">
        <v>43</v>
      </c>
      <c r="AB6202" s="5" t="s">
        <v>44</v>
      </c>
      <c r="AC6202" s="2"/>
      <c r="AD6202" s="1"/>
    </row>
    <row r="6203" spans="1:30">
      <c r="A6203" s="5" t="s">
        <v>83578</v>
      </c>
      <c r="B6203" s="2" t="s">
        <v>102724</v>
      </c>
      <c r="C6203" s="14" t="s">
        <v>102725</v>
      </c>
      <c r="D6203" s="2" t="s">
        <v>102726</v>
      </c>
      <c r="E6203" s="2" t="s">
        <v>7521</v>
      </c>
      <c r="F6203" s="8">
        <v>105</v>
      </c>
      <c r="G6203" s="5">
        <v>6</v>
      </c>
      <c r="H6203" s="5" t="s">
        <v>1518</v>
      </c>
      <c r="I6203" s="5" t="s">
        <v>69038</v>
      </c>
      <c r="J6203" s="2" t="s">
        <v>69039</v>
      </c>
      <c r="K6203" s="5" t="s">
        <v>69038</v>
      </c>
      <c r="L6203" s="2" t="s">
        <v>69039</v>
      </c>
      <c r="M6203" s="5" t="s">
        <v>1521</v>
      </c>
      <c r="N6203" s="5" t="s">
        <v>38</v>
      </c>
      <c r="O6203" s="5" t="s">
        <v>39</v>
      </c>
      <c r="P6203" s="5" t="s">
        <v>40</v>
      </c>
      <c r="Q6203" s="5" t="s">
        <v>1522</v>
      </c>
      <c r="R6203" s="5" t="s">
        <v>1523</v>
      </c>
      <c r="S6203" s="5" t="s">
        <v>42</v>
      </c>
      <c r="T6203" s="2">
        <v>1.111</v>
      </c>
      <c r="U6203" s="2">
        <v>0.81899999999999995</v>
      </c>
      <c r="V6203" s="2">
        <v>10.6</v>
      </c>
      <c r="W6203" s="2">
        <v>82.9</v>
      </c>
      <c r="X6203" s="2">
        <v>7.6</v>
      </c>
      <c r="Y6203" s="2">
        <v>10.6</v>
      </c>
      <c r="Z6203" s="5"/>
      <c r="AA6203" s="5" t="s">
        <v>43</v>
      </c>
      <c r="AB6203" s="5" t="s">
        <v>44</v>
      </c>
      <c r="AC6203" s="2"/>
      <c r="AD6203" s="1"/>
    </row>
    <row r="6204" spans="1:30">
      <c r="A6204" s="5" t="s">
        <v>83578</v>
      </c>
      <c r="B6204" s="2" t="s">
        <v>102727</v>
      </c>
      <c r="C6204" s="14" t="s">
        <v>102728</v>
      </c>
      <c r="D6204" s="2" t="s">
        <v>102729</v>
      </c>
      <c r="E6204" s="2" t="s">
        <v>7406</v>
      </c>
      <c r="F6204" s="8">
        <v>121</v>
      </c>
      <c r="G6204" s="5">
        <v>6</v>
      </c>
      <c r="H6204" s="5" t="s">
        <v>1518</v>
      </c>
      <c r="I6204" s="5" t="s">
        <v>69038</v>
      </c>
      <c r="J6204" s="2" t="s">
        <v>69039</v>
      </c>
      <c r="K6204" s="5" t="s">
        <v>69038</v>
      </c>
      <c r="L6204" s="2" t="s">
        <v>69039</v>
      </c>
      <c r="M6204" s="5" t="s">
        <v>1521</v>
      </c>
      <c r="N6204" s="5" t="s">
        <v>38</v>
      </c>
      <c r="O6204" s="5" t="s">
        <v>39</v>
      </c>
      <c r="P6204" s="5" t="s">
        <v>40</v>
      </c>
      <c r="Q6204" s="5" t="s">
        <v>1522</v>
      </c>
      <c r="R6204" s="5" t="s">
        <v>1523</v>
      </c>
      <c r="S6204" s="5" t="s">
        <v>42</v>
      </c>
      <c r="T6204" s="2">
        <v>1.077</v>
      </c>
      <c r="U6204" s="2">
        <v>0.78500000000000003</v>
      </c>
      <c r="V6204" s="2">
        <v>10.6</v>
      </c>
      <c r="W6204" s="2">
        <v>82.9</v>
      </c>
      <c r="X6204" s="2">
        <v>7.6</v>
      </c>
      <c r="Y6204" s="2">
        <v>10.6</v>
      </c>
      <c r="Z6204" s="5"/>
      <c r="AA6204" s="5" t="s">
        <v>43</v>
      </c>
      <c r="AB6204" s="5" t="s">
        <v>44</v>
      </c>
      <c r="AC6204" s="2"/>
      <c r="AD6204" s="1"/>
    </row>
    <row r="6205" spans="1:30">
      <c r="A6205" s="5" t="s">
        <v>83578</v>
      </c>
      <c r="B6205" s="2" t="s">
        <v>102730</v>
      </c>
      <c r="C6205" s="14" t="s">
        <v>102731</v>
      </c>
      <c r="D6205" s="2" t="s">
        <v>102732</v>
      </c>
      <c r="E6205" s="2" t="s">
        <v>7535</v>
      </c>
      <c r="F6205" s="8">
        <v>121</v>
      </c>
      <c r="G6205" s="5">
        <v>6</v>
      </c>
      <c r="H6205" s="5" t="s">
        <v>1518</v>
      </c>
      <c r="I6205" s="5" t="s">
        <v>69038</v>
      </c>
      <c r="J6205" s="2" t="s">
        <v>69039</v>
      </c>
      <c r="K6205" s="5" t="s">
        <v>69038</v>
      </c>
      <c r="L6205" s="2" t="s">
        <v>69039</v>
      </c>
      <c r="M6205" s="5" t="s">
        <v>1521</v>
      </c>
      <c r="N6205" s="5" t="s">
        <v>38</v>
      </c>
      <c r="O6205" s="5" t="s">
        <v>39</v>
      </c>
      <c r="P6205" s="5" t="s">
        <v>40</v>
      </c>
      <c r="Q6205" s="5" t="s">
        <v>1522</v>
      </c>
      <c r="R6205" s="5" t="s">
        <v>1523</v>
      </c>
      <c r="S6205" s="5" t="s">
        <v>42</v>
      </c>
      <c r="T6205" s="2">
        <v>1.111</v>
      </c>
      <c r="U6205" s="2">
        <v>0.81899999999999995</v>
      </c>
      <c r="V6205" s="2">
        <v>10.6</v>
      </c>
      <c r="W6205" s="2">
        <v>82.9</v>
      </c>
      <c r="X6205" s="2">
        <v>7.6</v>
      </c>
      <c r="Y6205" s="2">
        <v>10.6</v>
      </c>
      <c r="Z6205" s="5"/>
      <c r="AA6205" s="5" t="s">
        <v>43</v>
      </c>
      <c r="AB6205" s="5" t="s">
        <v>44</v>
      </c>
      <c r="AC6205" s="2"/>
      <c r="AD6205" s="1"/>
    </row>
    <row r="6206" spans="1:30">
      <c r="A6206" s="5" t="s">
        <v>83578</v>
      </c>
      <c r="B6206" s="2" t="s">
        <v>102733</v>
      </c>
      <c r="C6206" s="14" t="s">
        <v>102734</v>
      </c>
      <c r="D6206" s="2" t="s">
        <v>102735</v>
      </c>
      <c r="E6206" s="2" t="s">
        <v>7539</v>
      </c>
      <c r="F6206" s="8">
        <v>121</v>
      </c>
      <c r="G6206" s="5">
        <v>6</v>
      </c>
      <c r="H6206" s="5" t="s">
        <v>1518</v>
      </c>
      <c r="I6206" s="5" t="s">
        <v>69038</v>
      </c>
      <c r="J6206" s="2" t="s">
        <v>69039</v>
      </c>
      <c r="K6206" s="5" t="s">
        <v>69038</v>
      </c>
      <c r="L6206" s="2" t="s">
        <v>69039</v>
      </c>
      <c r="M6206" s="5" t="s">
        <v>1521</v>
      </c>
      <c r="N6206" s="5" t="s">
        <v>38</v>
      </c>
      <c r="O6206" s="5" t="s">
        <v>39</v>
      </c>
      <c r="P6206" s="5" t="s">
        <v>40</v>
      </c>
      <c r="Q6206" s="5" t="s">
        <v>1522</v>
      </c>
      <c r="R6206" s="5" t="s">
        <v>1523</v>
      </c>
      <c r="S6206" s="5" t="s">
        <v>42</v>
      </c>
      <c r="T6206" s="2">
        <v>1.077</v>
      </c>
      <c r="U6206" s="2">
        <v>0.78500000000000003</v>
      </c>
      <c r="V6206" s="2">
        <v>10.6</v>
      </c>
      <c r="W6206" s="2">
        <v>82.9</v>
      </c>
      <c r="X6206" s="2">
        <v>7.6</v>
      </c>
      <c r="Y6206" s="2">
        <v>10.6</v>
      </c>
      <c r="Z6206" s="5"/>
      <c r="AA6206" s="5" t="s">
        <v>43</v>
      </c>
      <c r="AB6206" s="5" t="s">
        <v>44</v>
      </c>
      <c r="AC6206" s="2"/>
      <c r="AD6206" s="1"/>
    </row>
    <row r="6207" spans="1:30">
      <c r="A6207" s="5" t="s">
        <v>83578</v>
      </c>
      <c r="B6207" s="2" t="s">
        <v>102736</v>
      </c>
      <c r="C6207" s="14" t="s">
        <v>102737</v>
      </c>
      <c r="D6207" s="2" t="s">
        <v>102738</v>
      </c>
      <c r="E6207" s="2" t="s">
        <v>7543</v>
      </c>
      <c r="F6207" s="8">
        <v>121</v>
      </c>
      <c r="G6207" s="5">
        <v>6</v>
      </c>
      <c r="H6207" s="5" t="s">
        <v>1518</v>
      </c>
      <c r="I6207" s="5" t="s">
        <v>69038</v>
      </c>
      <c r="J6207" s="2" t="s">
        <v>69039</v>
      </c>
      <c r="K6207" s="5" t="s">
        <v>69038</v>
      </c>
      <c r="L6207" s="2" t="s">
        <v>69039</v>
      </c>
      <c r="M6207" s="5" t="s">
        <v>1521</v>
      </c>
      <c r="N6207" s="5" t="s">
        <v>38</v>
      </c>
      <c r="O6207" s="5" t="s">
        <v>39</v>
      </c>
      <c r="P6207" s="5" t="s">
        <v>40</v>
      </c>
      <c r="Q6207" s="5" t="s">
        <v>1522</v>
      </c>
      <c r="R6207" s="5" t="s">
        <v>1523</v>
      </c>
      <c r="S6207" s="5" t="s">
        <v>42</v>
      </c>
      <c r="T6207" s="2">
        <v>1.111</v>
      </c>
      <c r="U6207" s="2">
        <v>0.81899999999999995</v>
      </c>
      <c r="V6207" s="2">
        <v>10.6</v>
      </c>
      <c r="W6207" s="2">
        <v>82.9</v>
      </c>
      <c r="X6207" s="2">
        <v>7.6</v>
      </c>
      <c r="Y6207" s="2">
        <v>10.6</v>
      </c>
      <c r="Z6207" s="5"/>
      <c r="AA6207" s="5" t="s">
        <v>43</v>
      </c>
      <c r="AB6207" s="5" t="s">
        <v>44</v>
      </c>
      <c r="AC6207" s="2"/>
      <c r="AD6207" s="1"/>
    </row>
    <row r="6208" spans="1:30">
      <c r="A6208" s="5" t="s">
        <v>83578</v>
      </c>
      <c r="B6208" s="2" t="s">
        <v>102739</v>
      </c>
      <c r="C6208" s="14" t="s">
        <v>102740</v>
      </c>
      <c r="D6208" s="2" t="s">
        <v>102741</v>
      </c>
      <c r="E6208" s="2" t="s">
        <v>7396</v>
      </c>
      <c r="F6208" s="8">
        <v>105</v>
      </c>
      <c r="G6208" s="5">
        <v>6</v>
      </c>
      <c r="H6208" s="5" t="s">
        <v>1518</v>
      </c>
      <c r="I6208" s="5" t="s">
        <v>69038</v>
      </c>
      <c r="J6208" s="2" t="s">
        <v>69039</v>
      </c>
      <c r="K6208" s="5" t="s">
        <v>69038</v>
      </c>
      <c r="L6208" s="2" t="s">
        <v>69039</v>
      </c>
      <c r="M6208" s="5" t="s">
        <v>1521</v>
      </c>
      <c r="N6208" s="5" t="s">
        <v>38</v>
      </c>
      <c r="O6208" s="5" t="s">
        <v>39</v>
      </c>
      <c r="P6208" s="5" t="s">
        <v>40</v>
      </c>
      <c r="Q6208" s="5" t="s">
        <v>1522</v>
      </c>
      <c r="R6208" s="5" t="s">
        <v>1523</v>
      </c>
      <c r="S6208" s="5" t="s">
        <v>42</v>
      </c>
      <c r="T6208" s="2">
        <v>1.077</v>
      </c>
      <c r="U6208" s="2">
        <v>0.78500000000000003</v>
      </c>
      <c r="V6208" s="2">
        <v>10.6</v>
      </c>
      <c r="W6208" s="2">
        <v>82.9</v>
      </c>
      <c r="X6208" s="2">
        <v>7.6</v>
      </c>
      <c r="Y6208" s="2">
        <v>10.6</v>
      </c>
      <c r="Z6208" s="5"/>
      <c r="AA6208" s="5" t="s">
        <v>43</v>
      </c>
      <c r="AB6208" s="5" t="s">
        <v>44</v>
      </c>
      <c r="AC6208" s="2"/>
      <c r="AD6208" s="1"/>
    </row>
    <row r="6209" spans="1:30">
      <c r="A6209" s="5" t="s">
        <v>83578</v>
      </c>
      <c r="B6209" s="2" t="s">
        <v>102742</v>
      </c>
      <c r="C6209" s="14" t="s">
        <v>102743</v>
      </c>
      <c r="D6209" s="2" t="s">
        <v>102744</v>
      </c>
      <c r="E6209" s="2" t="s">
        <v>69112</v>
      </c>
      <c r="F6209" s="8">
        <v>105</v>
      </c>
      <c r="G6209" s="5">
        <v>6</v>
      </c>
      <c r="H6209" s="5" t="s">
        <v>1518</v>
      </c>
      <c r="I6209" s="5" t="s">
        <v>69038</v>
      </c>
      <c r="J6209" s="2" t="s">
        <v>69039</v>
      </c>
      <c r="K6209" s="5" t="s">
        <v>69038</v>
      </c>
      <c r="L6209" s="2" t="s">
        <v>69039</v>
      </c>
      <c r="M6209" s="5" t="s">
        <v>1521</v>
      </c>
      <c r="N6209" s="5" t="s">
        <v>38</v>
      </c>
      <c r="O6209" s="5" t="s">
        <v>39</v>
      </c>
      <c r="P6209" s="5" t="s">
        <v>40</v>
      </c>
      <c r="Q6209" s="5" t="s">
        <v>1522</v>
      </c>
      <c r="R6209" s="5" t="s">
        <v>1523</v>
      </c>
      <c r="S6209" s="5" t="s">
        <v>42</v>
      </c>
      <c r="T6209" s="2">
        <v>1.111</v>
      </c>
      <c r="U6209" s="2">
        <v>0.81899999999999995</v>
      </c>
      <c r="V6209" s="2">
        <v>10.6</v>
      </c>
      <c r="W6209" s="2">
        <v>82.9</v>
      </c>
      <c r="X6209" s="2">
        <v>7.6</v>
      </c>
      <c r="Y6209" s="2">
        <v>10.6</v>
      </c>
      <c r="Z6209" s="5"/>
      <c r="AA6209" s="5" t="s">
        <v>43</v>
      </c>
      <c r="AB6209" s="5" t="s">
        <v>44</v>
      </c>
      <c r="AC6209" s="2"/>
      <c r="AD6209" s="1"/>
    </row>
    <row r="6210" spans="1:30">
      <c r="A6210" s="5" t="s">
        <v>83578</v>
      </c>
      <c r="B6210" s="2" t="s">
        <v>102745</v>
      </c>
      <c r="C6210" s="14" t="s">
        <v>102746</v>
      </c>
      <c r="D6210" s="2" t="s">
        <v>102747</v>
      </c>
      <c r="E6210" s="2" t="s">
        <v>7547</v>
      </c>
      <c r="F6210" s="8">
        <v>121</v>
      </c>
      <c r="G6210" s="5">
        <v>6</v>
      </c>
      <c r="H6210" s="5" t="s">
        <v>1518</v>
      </c>
      <c r="I6210" s="5" t="s">
        <v>69038</v>
      </c>
      <c r="J6210" s="2" t="s">
        <v>69039</v>
      </c>
      <c r="K6210" s="5" t="s">
        <v>69038</v>
      </c>
      <c r="L6210" s="2" t="s">
        <v>69039</v>
      </c>
      <c r="M6210" s="5" t="s">
        <v>1521</v>
      </c>
      <c r="N6210" s="5" t="s">
        <v>38</v>
      </c>
      <c r="O6210" s="5" t="s">
        <v>39</v>
      </c>
      <c r="P6210" s="5" t="s">
        <v>40</v>
      </c>
      <c r="Q6210" s="5" t="s">
        <v>1522</v>
      </c>
      <c r="R6210" s="5" t="s">
        <v>1523</v>
      </c>
      <c r="S6210" s="5" t="s">
        <v>42</v>
      </c>
      <c r="T6210" s="2">
        <v>1.077</v>
      </c>
      <c r="U6210" s="2">
        <v>0.78500000000000003</v>
      </c>
      <c r="V6210" s="2">
        <v>10.6</v>
      </c>
      <c r="W6210" s="2">
        <v>82.9</v>
      </c>
      <c r="X6210" s="2">
        <v>7.6</v>
      </c>
      <c r="Y6210" s="2">
        <v>10.6</v>
      </c>
      <c r="Z6210" s="5"/>
      <c r="AA6210" s="5" t="s">
        <v>43</v>
      </c>
      <c r="AB6210" s="5" t="s">
        <v>44</v>
      </c>
      <c r="AC6210" s="2"/>
      <c r="AD6210" s="1"/>
    </row>
    <row r="6211" spans="1:30">
      <c r="A6211" s="5" t="s">
        <v>83578</v>
      </c>
      <c r="B6211" s="2" t="s">
        <v>102748</v>
      </c>
      <c r="C6211" s="14" t="s">
        <v>102749</v>
      </c>
      <c r="D6211" s="2" t="s">
        <v>102750</v>
      </c>
      <c r="E6211" s="2" t="s">
        <v>7551</v>
      </c>
      <c r="F6211" s="8">
        <v>121</v>
      </c>
      <c r="G6211" s="5">
        <v>6</v>
      </c>
      <c r="H6211" s="5" t="s">
        <v>1518</v>
      </c>
      <c r="I6211" s="5" t="s">
        <v>69038</v>
      </c>
      <c r="J6211" s="2" t="s">
        <v>69039</v>
      </c>
      <c r="K6211" s="5" t="s">
        <v>69038</v>
      </c>
      <c r="L6211" s="2" t="s">
        <v>69039</v>
      </c>
      <c r="M6211" s="5" t="s">
        <v>1521</v>
      </c>
      <c r="N6211" s="5" t="s">
        <v>38</v>
      </c>
      <c r="O6211" s="5" t="s">
        <v>39</v>
      </c>
      <c r="P6211" s="5" t="s">
        <v>40</v>
      </c>
      <c r="Q6211" s="5" t="s">
        <v>1522</v>
      </c>
      <c r="R6211" s="5" t="s">
        <v>1523</v>
      </c>
      <c r="S6211" s="5" t="s">
        <v>42</v>
      </c>
      <c r="T6211" s="2">
        <v>1.111</v>
      </c>
      <c r="U6211" s="2">
        <v>0.81899999999999995</v>
      </c>
      <c r="V6211" s="2">
        <v>10.6</v>
      </c>
      <c r="W6211" s="2">
        <v>82.9</v>
      </c>
      <c r="X6211" s="2">
        <v>7.6</v>
      </c>
      <c r="Y6211" s="2">
        <v>10.6</v>
      </c>
      <c r="Z6211" s="5"/>
      <c r="AA6211" s="5" t="s">
        <v>43</v>
      </c>
      <c r="AB6211" s="5" t="s">
        <v>44</v>
      </c>
      <c r="AC6211" s="2"/>
      <c r="AD6211" s="1"/>
    </row>
    <row r="6212" spans="1:30">
      <c r="A6212" s="5" t="s">
        <v>83578</v>
      </c>
      <c r="B6212" s="2" t="s">
        <v>102751</v>
      </c>
      <c r="C6212" s="14" t="s">
        <v>102752</v>
      </c>
      <c r="D6212" s="2" t="s">
        <v>102753</v>
      </c>
      <c r="E6212" s="2" t="s">
        <v>7563</v>
      </c>
      <c r="F6212" s="8">
        <v>121</v>
      </c>
      <c r="G6212" s="5">
        <v>6</v>
      </c>
      <c r="H6212" s="5" t="s">
        <v>1518</v>
      </c>
      <c r="I6212" s="5" t="s">
        <v>69038</v>
      </c>
      <c r="J6212" s="2" t="s">
        <v>69039</v>
      </c>
      <c r="K6212" s="5" t="s">
        <v>69038</v>
      </c>
      <c r="L6212" s="2" t="s">
        <v>69039</v>
      </c>
      <c r="M6212" s="5" t="s">
        <v>1521</v>
      </c>
      <c r="N6212" s="5" t="s">
        <v>38</v>
      </c>
      <c r="O6212" s="5" t="s">
        <v>39</v>
      </c>
      <c r="P6212" s="5" t="s">
        <v>40</v>
      </c>
      <c r="Q6212" s="5" t="s">
        <v>1522</v>
      </c>
      <c r="R6212" s="5" t="s">
        <v>1523</v>
      </c>
      <c r="S6212" s="5" t="s">
        <v>42</v>
      </c>
      <c r="T6212" s="2">
        <v>1.077</v>
      </c>
      <c r="U6212" s="2">
        <v>0.78500000000000003</v>
      </c>
      <c r="V6212" s="2">
        <v>10.6</v>
      </c>
      <c r="W6212" s="2">
        <v>82.9</v>
      </c>
      <c r="X6212" s="2">
        <v>7.6</v>
      </c>
      <c r="Y6212" s="2">
        <v>10.6</v>
      </c>
      <c r="Z6212" s="5"/>
      <c r="AA6212" s="5" t="s">
        <v>43</v>
      </c>
      <c r="AB6212" s="5" t="s">
        <v>44</v>
      </c>
      <c r="AC6212" s="2"/>
      <c r="AD6212" s="1"/>
    </row>
    <row r="6213" spans="1:30">
      <c r="A6213" s="5" t="s">
        <v>83578</v>
      </c>
      <c r="B6213" s="2" t="s">
        <v>102754</v>
      </c>
      <c r="C6213" s="14" t="s">
        <v>102755</v>
      </c>
      <c r="D6213" s="2" t="s">
        <v>102756</v>
      </c>
      <c r="E6213" s="2" t="s">
        <v>7567</v>
      </c>
      <c r="F6213" s="8">
        <v>121</v>
      </c>
      <c r="G6213" s="5">
        <v>6</v>
      </c>
      <c r="H6213" s="5" t="s">
        <v>1518</v>
      </c>
      <c r="I6213" s="5" t="s">
        <v>69038</v>
      </c>
      <c r="J6213" s="2" t="s">
        <v>69039</v>
      </c>
      <c r="K6213" s="5" t="s">
        <v>69038</v>
      </c>
      <c r="L6213" s="2" t="s">
        <v>69039</v>
      </c>
      <c r="M6213" s="5" t="s">
        <v>1521</v>
      </c>
      <c r="N6213" s="5" t="s">
        <v>38</v>
      </c>
      <c r="O6213" s="5" t="s">
        <v>39</v>
      </c>
      <c r="P6213" s="5" t="s">
        <v>40</v>
      </c>
      <c r="Q6213" s="5" t="s">
        <v>1522</v>
      </c>
      <c r="R6213" s="5" t="s">
        <v>1523</v>
      </c>
      <c r="S6213" s="5" t="s">
        <v>42</v>
      </c>
      <c r="T6213" s="2">
        <v>1.111</v>
      </c>
      <c r="U6213" s="2">
        <v>0.81899999999999995</v>
      </c>
      <c r="V6213" s="2">
        <v>10.6</v>
      </c>
      <c r="W6213" s="2">
        <v>82.9</v>
      </c>
      <c r="X6213" s="2">
        <v>7.6</v>
      </c>
      <c r="Y6213" s="2">
        <v>10.6</v>
      </c>
      <c r="Z6213" s="5"/>
      <c r="AA6213" s="5" t="s">
        <v>43</v>
      </c>
      <c r="AB6213" s="5" t="s">
        <v>44</v>
      </c>
      <c r="AC6213" s="2"/>
      <c r="AD6213" s="1"/>
    </row>
    <row r="6214" spans="1:30">
      <c r="A6214" s="5" t="s">
        <v>83578</v>
      </c>
      <c r="B6214" s="2" t="s">
        <v>102757</v>
      </c>
      <c r="C6214" s="14" t="s">
        <v>102758</v>
      </c>
      <c r="D6214" s="2" t="s">
        <v>102759</v>
      </c>
      <c r="E6214" s="2" t="s">
        <v>7555</v>
      </c>
      <c r="F6214" s="8">
        <v>121</v>
      </c>
      <c r="G6214" s="5">
        <v>6</v>
      </c>
      <c r="H6214" s="5" t="s">
        <v>1518</v>
      </c>
      <c r="I6214" s="5" t="s">
        <v>69038</v>
      </c>
      <c r="J6214" s="2" t="s">
        <v>69039</v>
      </c>
      <c r="K6214" s="5" t="s">
        <v>69038</v>
      </c>
      <c r="L6214" s="2" t="s">
        <v>69039</v>
      </c>
      <c r="M6214" s="5" t="s">
        <v>1521</v>
      </c>
      <c r="N6214" s="5" t="s">
        <v>38</v>
      </c>
      <c r="O6214" s="5" t="s">
        <v>39</v>
      </c>
      <c r="P6214" s="5" t="s">
        <v>40</v>
      </c>
      <c r="Q6214" s="5" t="s">
        <v>1522</v>
      </c>
      <c r="R6214" s="5" t="s">
        <v>1523</v>
      </c>
      <c r="S6214" s="5" t="s">
        <v>42</v>
      </c>
      <c r="T6214" s="2">
        <v>1.077</v>
      </c>
      <c r="U6214" s="2">
        <v>0.78500000000000003</v>
      </c>
      <c r="V6214" s="2">
        <v>10.6</v>
      </c>
      <c r="W6214" s="2">
        <v>82.9</v>
      </c>
      <c r="X6214" s="2">
        <v>7.6</v>
      </c>
      <c r="Y6214" s="2">
        <v>10.6</v>
      </c>
      <c r="Z6214" s="5"/>
      <c r="AA6214" s="5" t="s">
        <v>43</v>
      </c>
      <c r="AB6214" s="5" t="s">
        <v>44</v>
      </c>
      <c r="AC6214" s="2"/>
      <c r="AD6214" s="1"/>
    </row>
    <row r="6215" spans="1:30">
      <c r="A6215" s="5" t="s">
        <v>83578</v>
      </c>
      <c r="B6215" s="2" t="s">
        <v>102760</v>
      </c>
      <c r="C6215" s="14" t="s">
        <v>102761</v>
      </c>
      <c r="D6215" s="2" t="s">
        <v>102762</v>
      </c>
      <c r="E6215" s="2" t="s">
        <v>7559</v>
      </c>
      <c r="F6215" s="8">
        <v>121</v>
      </c>
      <c r="G6215" s="5">
        <v>6</v>
      </c>
      <c r="H6215" s="5" t="s">
        <v>1518</v>
      </c>
      <c r="I6215" s="5" t="s">
        <v>69038</v>
      </c>
      <c r="J6215" s="2" t="s">
        <v>69039</v>
      </c>
      <c r="K6215" s="5" t="s">
        <v>69038</v>
      </c>
      <c r="L6215" s="2" t="s">
        <v>69039</v>
      </c>
      <c r="M6215" s="5" t="s">
        <v>1521</v>
      </c>
      <c r="N6215" s="5" t="s">
        <v>38</v>
      </c>
      <c r="O6215" s="5" t="s">
        <v>39</v>
      </c>
      <c r="P6215" s="5" t="s">
        <v>40</v>
      </c>
      <c r="Q6215" s="5" t="s">
        <v>1522</v>
      </c>
      <c r="R6215" s="5" t="s">
        <v>1523</v>
      </c>
      <c r="S6215" s="5" t="s">
        <v>42</v>
      </c>
      <c r="T6215" s="2">
        <v>1.111</v>
      </c>
      <c r="U6215" s="2">
        <v>0.81899999999999995</v>
      </c>
      <c r="V6215" s="2">
        <v>10.6</v>
      </c>
      <c r="W6215" s="2">
        <v>82.9</v>
      </c>
      <c r="X6215" s="2">
        <v>7.6</v>
      </c>
      <c r="Y6215" s="2">
        <v>10.6</v>
      </c>
      <c r="Z6215" s="5"/>
      <c r="AA6215" s="5" t="s">
        <v>43</v>
      </c>
      <c r="AB6215" s="5" t="s">
        <v>44</v>
      </c>
      <c r="AC6215" s="2"/>
      <c r="AD6215" s="1"/>
    </row>
    <row r="6216" spans="1:30">
      <c r="A6216" s="5" t="s">
        <v>83578</v>
      </c>
      <c r="B6216" s="2" t="s">
        <v>102763</v>
      </c>
      <c r="C6216" s="14" t="s">
        <v>102764</v>
      </c>
      <c r="D6216" s="2" t="s">
        <v>102765</v>
      </c>
      <c r="E6216" s="2" t="s">
        <v>7429</v>
      </c>
      <c r="F6216" s="8">
        <v>121</v>
      </c>
      <c r="G6216" s="5">
        <v>6</v>
      </c>
      <c r="H6216" s="5" t="s">
        <v>1518</v>
      </c>
      <c r="I6216" s="5" t="s">
        <v>69038</v>
      </c>
      <c r="J6216" s="2" t="s">
        <v>69039</v>
      </c>
      <c r="K6216" s="5" t="s">
        <v>69038</v>
      </c>
      <c r="L6216" s="2" t="s">
        <v>69039</v>
      </c>
      <c r="M6216" s="5" t="s">
        <v>1521</v>
      </c>
      <c r="N6216" s="5" t="s">
        <v>38</v>
      </c>
      <c r="O6216" s="5" t="s">
        <v>39</v>
      </c>
      <c r="P6216" s="5" t="s">
        <v>40</v>
      </c>
      <c r="Q6216" s="5" t="s">
        <v>1522</v>
      </c>
      <c r="R6216" s="5" t="s">
        <v>1523</v>
      </c>
      <c r="S6216" s="5" t="s">
        <v>42</v>
      </c>
      <c r="T6216" s="2">
        <v>1.077</v>
      </c>
      <c r="U6216" s="2">
        <v>0.78500000000000003</v>
      </c>
      <c r="V6216" s="2">
        <v>10.6</v>
      </c>
      <c r="W6216" s="2">
        <v>82.9</v>
      </c>
      <c r="X6216" s="2">
        <v>7.6</v>
      </c>
      <c r="Y6216" s="2">
        <v>10.6</v>
      </c>
      <c r="Z6216" s="5"/>
      <c r="AA6216" s="5" t="s">
        <v>43</v>
      </c>
      <c r="AB6216" s="5" t="s">
        <v>44</v>
      </c>
      <c r="AC6216" s="2"/>
      <c r="AD6216" s="1"/>
    </row>
    <row r="6217" spans="1:30">
      <c r="A6217" s="5" t="s">
        <v>83578</v>
      </c>
      <c r="B6217" s="2" t="s">
        <v>102766</v>
      </c>
      <c r="C6217" s="14" t="s">
        <v>102767</v>
      </c>
      <c r="D6217" s="2" t="s">
        <v>102768</v>
      </c>
      <c r="E6217" s="2" t="s">
        <v>7574</v>
      </c>
      <c r="F6217" s="8">
        <v>121</v>
      </c>
      <c r="G6217" s="5">
        <v>6</v>
      </c>
      <c r="H6217" s="5" t="s">
        <v>1518</v>
      </c>
      <c r="I6217" s="5" t="s">
        <v>69038</v>
      </c>
      <c r="J6217" s="2" t="s">
        <v>69039</v>
      </c>
      <c r="K6217" s="5" t="s">
        <v>69038</v>
      </c>
      <c r="L6217" s="2" t="s">
        <v>69039</v>
      </c>
      <c r="M6217" s="5" t="s">
        <v>1521</v>
      </c>
      <c r="N6217" s="5" t="s">
        <v>38</v>
      </c>
      <c r="O6217" s="5" t="s">
        <v>39</v>
      </c>
      <c r="P6217" s="5" t="s">
        <v>40</v>
      </c>
      <c r="Q6217" s="5" t="s">
        <v>1522</v>
      </c>
      <c r="R6217" s="5" t="s">
        <v>1523</v>
      </c>
      <c r="S6217" s="5" t="s">
        <v>42</v>
      </c>
      <c r="T6217" s="2">
        <v>1.111</v>
      </c>
      <c r="U6217" s="2">
        <v>0.81899999999999995</v>
      </c>
      <c r="V6217" s="2">
        <v>10.6</v>
      </c>
      <c r="W6217" s="2">
        <v>82.9</v>
      </c>
      <c r="X6217" s="2">
        <v>7.6</v>
      </c>
      <c r="Y6217" s="2">
        <v>10.6</v>
      </c>
      <c r="Z6217" s="5"/>
      <c r="AA6217" s="5" t="s">
        <v>43</v>
      </c>
      <c r="AB6217" s="5" t="s">
        <v>44</v>
      </c>
      <c r="AC6217" s="2"/>
      <c r="AD6217" s="1"/>
    </row>
    <row r="6218" spans="1:30">
      <c r="A6218" s="5" t="s">
        <v>83578</v>
      </c>
      <c r="B6218" s="2" t="s">
        <v>102769</v>
      </c>
      <c r="C6218" s="14" t="s">
        <v>102770</v>
      </c>
      <c r="D6218" s="2" t="s">
        <v>102771</v>
      </c>
      <c r="E6218" s="2" t="s">
        <v>7449</v>
      </c>
      <c r="F6218" s="8">
        <v>121</v>
      </c>
      <c r="G6218" s="5">
        <v>6</v>
      </c>
      <c r="H6218" s="5" t="s">
        <v>1518</v>
      </c>
      <c r="I6218" s="5" t="s">
        <v>69038</v>
      </c>
      <c r="J6218" s="2" t="s">
        <v>69039</v>
      </c>
      <c r="K6218" s="5" t="s">
        <v>69038</v>
      </c>
      <c r="L6218" s="2" t="s">
        <v>69039</v>
      </c>
      <c r="M6218" s="5" t="s">
        <v>1521</v>
      </c>
      <c r="N6218" s="5" t="s">
        <v>38</v>
      </c>
      <c r="O6218" s="5" t="s">
        <v>39</v>
      </c>
      <c r="P6218" s="5" t="s">
        <v>40</v>
      </c>
      <c r="Q6218" s="5" t="s">
        <v>1522</v>
      </c>
      <c r="R6218" s="5" t="s">
        <v>1523</v>
      </c>
      <c r="S6218" s="5" t="s">
        <v>42</v>
      </c>
      <c r="T6218" s="2">
        <v>1.077</v>
      </c>
      <c r="U6218" s="2">
        <v>0.78500000000000003</v>
      </c>
      <c r="V6218" s="2">
        <v>10.6</v>
      </c>
      <c r="W6218" s="2">
        <v>82.9</v>
      </c>
      <c r="X6218" s="2">
        <v>7.6</v>
      </c>
      <c r="Y6218" s="2">
        <v>10.6</v>
      </c>
      <c r="Z6218" s="5"/>
      <c r="AA6218" s="5" t="s">
        <v>43</v>
      </c>
      <c r="AB6218" s="5" t="s">
        <v>44</v>
      </c>
      <c r="AC6218" s="2"/>
      <c r="AD6218" s="1"/>
    </row>
    <row r="6219" spans="1:30">
      <c r="A6219" s="5" t="s">
        <v>83578</v>
      </c>
      <c r="B6219" s="2" t="s">
        <v>102772</v>
      </c>
      <c r="C6219" s="14" t="s">
        <v>102773</v>
      </c>
      <c r="D6219" s="2" t="s">
        <v>102774</v>
      </c>
      <c r="E6219" s="2" t="s">
        <v>7581</v>
      </c>
      <c r="F6219" s="8">
        <v>121</v>
      </c>
      <c r="G6219" s="5">
        <v>6</v>
      </c>
      <c r="H6219" s="5" t="s">
        <v>1518</v>
      </c>
      <c r="I6219" s="5" t="s">
        <v>69038</v>
      </c>
      <c r="J6219" s="2" t="s">
        <v>69039</v>
      </c>
      <c r="K6219" s="5" t="s">
        <v>69038</v>
      </c>
      <c r="L6219" s="2" t="s">
        <v>69039</v>
      </c>
      <c r="M6219" s="5" t="s">
        <v>1521</v>
      </c>
      <c r="N6219" s="5" t="s">
        <v>38</v>
      </c>
      <c r="O6219" s="5" t="s">
        <v>39</v>
      </c>
      <c r="P6219" s="5" t="s">
        <v>40</v>
      </c>
      <c r="Q6219" s="5" t="s">
        <v>1522</v>
      </c>
      <c r="R6219" s="5" t="s">
        <v>1523</v>
      </c>
      <c r="S6219" s="5" t="s">
        <v>42</v>
      </c>
      <c r="T6219" s="2">
        <v>1.111</v>
      </c>
      <c r="U6219" s="2">
        <v>0.81899999999999995</v>
      </c>
      <c r="V6219" s="2">
        <v>10.6</v>
      </c>
      <c r="W6219" s="2">
        <v>82.9</v>
      </c>
      <c r="X6219" s="2">
        <v>7.6</v>
      </c>
      <c r="Y6219" s="2">
        <v>10.6</v>
      </c>
      <c r="Z6219" s="5"/>
      <c r="AA6219" s="5" t="s">
        <v>43</v>
      </c>
      <c r="AB6219" s="5" t="s">
        <v>44</v>
      </c>
      <c r="AC6219" s="2"/>
      <c r="AD6219" s="1"/>
    </row>
    <row r="6220" spans="1:30">
      <c r="A6220" s="5" t="s">
        <v>83578</v>
      </c>
      <c r="B6220" s="2" t="s">
        <v>102775</v>
      </c>
      <c r="C6220" s="14" t="s">
        <v>102776</v>
      </c>
      <c r="D6220" s="2" t="s">
        <v>102777</v>
      </c>
      <c r="E6220" s="2" t="s">
        <v>7585</v>
      </c>
      <c r="F6220" s="8">
        <v>121</v>
      </c>
      <c r="G6220" s="5">
        <v>6</v>
      </c>
      <c r="H6220" s="5" t="s">
        <v>1518</v>
      </c>
      <c r="I6220" s="5" t="s">
        <v>69038</v>
      </c>
      <c r="J6220" s="2" t="s">
        <v>69039</v>
      </c>
      <c r="K6220" s="5" t="s">
        <v>69038</v>
      </c>
      <c r="L6220" s="2" t="s">
        <v>69039</v>
      </c>
      <c r="M6220" s="5" t="s">
        <v>1521</v>
      </c>
      <c r="N6220" s="5" t="s">
        <v>38</v>
      </c>
      <c r="O6220" s="5" t="s">
        <v>39</v>
      </c>
      <c r="P6220" s="5" t="s">
        <v>40</v>
      </c>
      <c r="Q6220" s="5" t="s">
        <v>1522</v>
      </c>
      <c r="R6220" s="5" t="s">
        <v>1523</v>
      </c>
      <c r="S6220" s="5" t="s">
        <v>42</v>
      </c>
      <c r="T6220" s="2">
        <v>1.077</v>
      </c>
      <c r="U6220" s="2">
        <v>0.78500000000000003</v>
      </c>
      <c r="V6220" s="2">
        <v>10.6</v>
      </c>
      <c r="W6220" s="2">
        <v>82.9</v>
      </c>
      <c r="X6220" s="2">
        <v>7.6</v>
      </c>
      <c r="Y6220" s="2">
        <v>10.6</v>
      </c>
      <c r="Z6220" s="5"/>
      <c r="AA6220" s="5" t="s">
        <v>43</v>
      </c>
      <c r="AB6220" s="5" t="s">
        <v>44</v>
      </c>
      <c r="AC6220" s="2"/>
      <c r="AD6220" s="1"/>
    </row>
    <row r="6221" spans="1:30">
      <c r="A6221" s="5" t="s">
        <v>83578</v>
      </c>
      <c r="B6221" s="2" t="s">
        <v>102778</v>
      </c>
      <c r="C6221" s="14" t="s">
        <v>102779</v>
      </c>
      <c r="D6221" s="2" t="s">
        <v>102780</v>
      </c>
      <c r="E6221" s="2" t="s">
        <v>7589</v>
      </c>
      <c r="F6221" s="8">
        <v>121</v>
      </c>
      <c r="G6221" s="5">
        <v>6</v>
      </c>
      <c r="H6221" s="5" t="s">
        <v>1518</v>
      </c>
      <c r="I6221" s="5" t="s">
        <v>69038</v>
      </c>
      <c r="J6221" s="2" t="s">
        <v>69039</v>
      </c>
      <c r="K6221" s="5" t="s">
        <v>69038</v>
      </c>
      <c r="L6221" s="2" t="s">
        <v>69039</v>
      </c>
      <c r="M6221" s="5" t="s">
        <v>1521</v>
      </c>
      <c r="N6221" s="5" t="s">
        <v>38</v>
      </c>
      <c r="O6221" s="5" t="s">
        <v>39</v>
      </c>
      <c r="P6221" s="5" t="s">
        <v>40</v>
      </c>
      <c r="Q6221" s="5" t="s">
        <v>1522</v>
      </c>
      <c r="R6221" s="5" t="s">
        <v>1523</v>
      </c>
      <c r="S6221" s="5" t="s">
        <v>42</v>
      </c>
      <c r="T6221" s="2">
        <v>1.111</v>
      </c>
      <c r="U6221" s="2">
        <v>0.81899999999999995</v>
      </c>
      <c r="V6221" s="2">
        <v>10.6</v>
      </c>
      <c r="W6221" s="2">
        <v>82.9</v>
      </c>
      <c r="X6221" s="2">
        <v>7.6</v>
      </c>
      <c r="Y6221" s="2">
        <v>10.6</v>
      </c>
      <c r="Z6221" s="5"/>
      <c r="AA6221" s="5" t="s">
        <v>43</v>
      </c>
      <c r="AB6221" s="5" t="s">
        <v>44</v>
      </c>
      <c r="AC6221" s="2"/>
      <c r="AD6221" s="1"/>
    </row>
    <row r="6222" spans="1:30">
      <c r="A6222" s="5" t="s">
        <v>83578</v>
      </c>
      <c r="B6222" s="2" t="s">
        <v>102781</v>
      </c>
      <c r="C6222" s="14" t="s">
        <v>102782</v>
      </c>
      <c r="D6222" s="2" t="s">
        <v>102783</v>
      </c>
      <c r="E6222" s="2" t="s">
        <v>7593</v>
      </c>
      <c r="F6222" s="8">
        <v>121</v>
      </c>
      <c r="G6222" s="5">
        <v>6</v>
      </c>
      <c r="H6222" s="5" t="s">
        <v>1518</v>
      </c>
      <c r="I6222" s="5" t="s">
        <v>69038</v>
      </c>
      <c r="J6222" s="2" t="s">
        <v>69039</v>
      </c>
      <c r="K6222" s="5" t="s">
        <v>69038</v>
      </c>
      <c r="L6222" s="2" t="s">
        <v>69039</v>
      </c>
      <c r="M6222" s="5" t="s">
        <v>1521</v>
      </c>
      <c r="N6222" s="5" t="s">
        <v>38</v>
      </c>
      <c r="O6222" s="5" t="s">
        <v>39</v>
      </c>
      <c r="P6222" s="5" t="s">
        <v>40</v>
      </c>
      <c r="Q6222" s="5" t="s">
        <v>1522</v>
      </c>
      <c r="R6222" s="5" t="s">
        <v>1523</v>
      </c>
      <c r="S6222" s="5" t="s">
        <v>42</v>
      </c>
      <c r="T6222" s="2">
        <v>1.077</v>
      </c>
      <c r="U6222" s="2">
        <v>0.78500000000000003</v>
      </c>
      <c r="V6222" s="2">
        <v>10.6</v>
      </c>
      <c r="W6222" s="2">
        <v>82.9</v>
      </c>
      <c r="X6222" s="2">
        <v>7.6</v>
      </c>
      <c r="Y6222" s="2">
        <v>10.6</v>
      </c>
      <c r="Z6222" s="5"/>
      <c r="AA6222" s="5" t="s">
        <v>43</v>
      </c>
      <c r="AB6222" s="5" t="s">
        <v>44</v>
      </c>
      <c r="AC6222" s="2"/>
      <c r="AD6222" s="1"/>
    </row>
    <row r="6223" spans="1:30">
      <c r="A6223" s="5" t="s">
        <v>83578</v>
      </c>
      <c r="B6223" s="2" t="s">
        <v>102784</v>
      </c>
      <c r="C6223" s="14" t="s">
        <v>102785</v>
      </c>
      <c r="D6223" s="2" t="s">
        <v>102786</v>
      </c>
      <c r="E6223" s="2" t="s">
        <v>7597</v>
      </c>
      <c r="F6223" s="8">
        <v>121</v>
      </c>
      <c r="G6223" s="5">
        <v>6</v>
      </c>
      <c r="H6223" s="5" t="s">
        <v>1518</v>
      </c>
      <c r="I6223" s="5" t="s">
        <v>69038</v>
      </c>
      <c r="J6223" s="2" t="s">
        <v>69039</v>
      </c>
      <c r="K6223" s="5" t="s">
        <v>69038</v>
      </c>
      <c r="L6223" s="2" t="s">
        <v>69039</v>
      </c>
      <c r="M6223" s="5" t="s">
        <v>1521</v>
      </c>
      <c r="N6223" s="5" t="s">
        <v>38</v>
      </c>
      <c r="O6223" s="5" t="s">
        <v>39</v>
      </c>
      <c r="P6223" s="5" t="s">
        <v>40</v>
      </c>
      <c r="Q6223" s="5" t="s">
        <v>1522</v>
      </c>
      <c r="R6223" s="5" t="s">
        <v>1523</v>
      </c>
      <c r="S6223" s="5" t="s">
        <v>42</v>
      </c>
      <c r="T6223" s="2">
        <v>1.111</v>
      </c>
      <c r="U6223" s="2">
        <v>0.81899999999999995</v>
      </c>
      <c r="V6223" s="2">
        <v>10.6</v>
      </c>
      <c r="W6223" s="2">
        <v>82.9</v>
      </c>
      <c r="X6223" s="2">
        <v>7.6</v>
      </c>
      <c r="Y6223" s="2">
        <v>10.6</v>
      </c>
      <c r="Z6223" s="5"/>
      <c r="AA6223" s="5" t="s">
        <v>43</v>
      </c>
      <c r="AB6223" s="5" t="s">
        <v>44</v>
      </c>
      <c r="AC6223" s="2"/>
      <c r="AD6223" s="1"/>
    </row>
    <row r="6224" spans="1:30">
      <c r="A6224" s="5" t="s">
        <v>83578</v>
      </c>
      <c r="B6224" s="2" t="s">
        <v>102787</v>
      </c>
      <c r="C6224" s="14" t="s">
        <v>102788</v>
      </c>
      <c r="D6224" s="2" t="s">
        <v>102789</v>
      </c>
      <c r="E6224" s="2" t="s">
        <v>7433</v>
      </c>
      <c r="F6224" s="8">
        <v>121</v>
      </c>
      <c r="G6224" s="5">
        <v>6</v>
      </c>
      <c r="H6224" s="5" t="s">
        <v>1518</v>
      </c>
      <c r="I6224" s="5" t="s">
        <v>69038</v>
      </c>
      <c r="J6224" s="2" t="s">
        <v>69039</v>
      </c>
      <c r="K6224" s="5" t="s">
        <v>69038</v>
      </c>
      <c r="L6224" s="2" t="s">
        <v>69039</v>
      </c>
      <c r="M6224" s="5" t="s">
        <v>1521</v>
      </c>
      <c r="N6224" s="5" t="s">
        <v>38</v>
      </c>
      <c r="O6224" s="5" t="s">
        <v>39</v>
      </c>
      <c r="P6224" s="5" t="s">
        <v>40</v>
      </c>
      <c r="Q6224" s="5" t="s">
        <v>1522</v>
      </c>
      <c r="R6224" s="5" t="s">
        <v>1523</v>
      </c>
      <c r="S6224" s="5" t="s">
        <v>42</v>
      </c>
      <c r="T6224" s="2">
        <v>1.077</v>
      </c>
      <c r="U6224" s="2">
        <v>0.78500000000000003</v>
      </c>
      <c r="V6224" s="2">
        <v>10.6</v>
      </c>
      <c r="W6224" s="2">
        <v>82.9</v>
      </c>
      <c r="X6224" s="2">
        <v>7.6</v>
      </c>
      <c r="Y6224" s="2">
        <v>10.6</v>
      </c>
      <c r="Z6224" s="5"/>
      <c r="AA6224" s="5" t="s">
        <v>43</v>
      </c>
      <c r="AB6224" s="5" t="s">
        <v>44</v>
      </c>
      <c r="AC6224" s="2"/>
      <c r="AD6224" s="1"/>
    </row>
    <row r="6225" spans="1:30">
      <c r="A6225" s="5" t="s">
        <v>83578</v>
      </c>
      <c r="B6225" s="2" t="s">
        <v>102790</v>
      </c>
      <c r="C6225" s="14" t="s">
        <v>102791</v>
      </c>
      <c r="D6225" s="2" t="s">
        <v>102792</v>
      </c>
      <c r="E6225" s="2" t="s">
        <v>7611</v>
      </c>
      <c r="F6225" s="8">
        <v>121</v>
      </c>
      <c r="G6225" s="5">
        <v>6</v>
      </c>
      <c r="H6225" s="5" t="s">
        <v>1518</v>
      </c>
      <c r="I6225" s="5" t="s">
        <v>69038</v>
      </c>
      <c r="J6225" s="2" t="s">
        <v>69039</v>
      </c>
      <c r="K6225" s="5" t="s">
        <v>69038</v>
      </c>
      <c r="L6225" s="2" t="s">
        <v>69039</v>
      </c>
      <c r="M6225" s="5" t="s">
        <v>1521</v>
      </c>
      <c r="N6225" s="5" t="s">
        <v>38</v>
      </c>
      <c r="O6225" s="5" t="s">
        <v>39</v>
      </c>
      <c r="P6225" s="5" t="s">
        <v>40</v>
      </c>
      <c r="Q6225" s="5" t="s">
        <v>1522</v>
      </c>
      <c r="R6225" s="5" t="s">
        <v>1523</v>
      </c>
      <c r="S6225" s="5" t="s">
        <v>42</v>
      </c>
      <c r="T6225" s="2">
        <v>1.111</v>
      </c>
      <c r="U6225" s="2">
        <v>0.81899999999999995</v>
      </c>
      <c r="V6225" s="2">
        <v>10.6</v>
      </c>
      <c r="W6225" s="2">
        <v>82.9</v>
      </c>
      <c r="X6225" s="2">
        <v>7.6</v>
      </c>
      <c r="Y6225" s="2">
        <v>10.6</v>
      </c>
      <c r="Z6225" s="5"/>
      <c r="AA6225" s="5" t="s">
        <v>43</v>
      </c>
      <c r="AB6225" s="5" t="s">
        <v>44</v>
      </c>
      <c r="AC6225" s="2"/>
      <c r="AD6225" s="1"/>
    </row>
    <row r="6226" spans="1:30">
      <c r="A6226" s="5" t="s">
        <v>83578</v>
      </c>
      <c r="B6226" s="2" t="s">
        <v>102793</v>
      </c>
      <c r="C6226" s="14" t="s">
        <v>102794</v>
      </c>
      <c r="D6226" s="2" t="s">
        <v>102795</v>
      </c>
      <c r="E6226" s="2" t="s">
        <v>7615</v>
      </c>
      <c r="F6226" s="8">
        <v>121</v>
      </c>
      <c r="G6226" s="5">
        <v>6</v>
      </c>
      <c r="H6226" s="5" t="s">
        <v>1518</v>
      </c>
      <c r="I6226" s="5" t="s">
        <v>69038</v>
      </c>
      <c r="J6226" s="2" t="s">
        <v>69039</v>
      </c>
      <c r="K6226" s="5" t="s">
        <v>69038</v>
      </c>
      <c r="L6226" s="2" t="s">
        <v>69039</v>
      </c>
      <c r="M6226" s="5" t="s">
        <v>1521</v>
      </c>
      <c r="N6226" s="5" t="s">
        <v>38</v>
      </c>
      <c r="O6226" s="5" t="s">
        <v>39</v>
      </c>
      <c r="P6226" s="5" t="s">
        <v>40</v>
      </c>
      <c r="Q6226" s="5" t="s">
        <v>1522</v>
      </c>
      <c r="R6226" s="5" t="s">
        <v>1523</v>
      </c>
      <c r="S6226" s="5" t="s">
        <v>42</v>
      </c>
      <c r="T6226" s="2">
        <v>1.077</v>
      </c>
      <c r="U6226" s="2">
        <v>0.78500000000000003</v>
      </c>
      <c r="V6226" s="2">
        <v>10.6</v>
      </c>
      <c r="W6226" s="2">
        <v>82.9</v>
      </c>
      <c r="X6226" s="2">
        <v>7.6</v>
      </c>
      <c r="Y6226" s="2">
        <v>10.6</v>
      </c>
      <c r="Z6226" s="5"/>
      <c r="AA6226" s="5" t="s">
        <v>43</v>
      </c>
      <c r="AB6226" s="5" t="s">
        <v>44</v>
      </c>
      <c r="AC6226" s="2"/>
      <c r="AD6226" s="1"/>
    </row>
    <row r="6227" spans="1:30">
      <c r="A6227" s="5" t="s">
        <v>83578</v>
      </c>
      <c r="B6227" s="2" t="s">
        <v>102796</v>
      </c>
      <c r="C6227" s="14" t="s">
        <v>102797</v>
      </c>
      <c r="D6227" s="2" t="s">
        <v>102798</v>
      </c>
      <c r="E6227" s="2" t="s">
        <v>7619</v>
      </c>
      <c r="F6227" s="8">
        <v>121</v>
      </c>
      <c r="G6227" s="5">
        <v>6</v>
      </c>
      <c r="H6227" s="5" t="s">
        <v>1518</v>
      </c>
      <c r="I6227" s="5" t="s">
        <v>69038</v>
      </c>
      <c r="J6227" s="2" t="s">
        <v>69039</v>
      </c>
      <c r="K6227" s="5" t="s">
        <v>69038</v>
      </c>
      <c r="L6227" s="2" t="s">
        <v>69039</v>
      </c>
      <c r="M6227" s="5" t="s">
        <v>1521</v>
      </c>
      <c r="N6227" s="5" t="s">
        <v>38</v>
      </c>
      <c r="O6227" s="5" t="s">
        <v>39</v>
      </c>
      <c r="P6227" s="5" t="s">
        <v>40</v>
      </c>
      <c r="Q6227" s="5" t="s">
        <v>1522</v>
      </c>
      <c r="R6227" s="5" t="s">
        <v>1523</v>
      </c>
      <c r="S6227" s="5" t="s">
        <v>42</v>
      </c>
      <c r="T6227" s="2">
        <v>1.111</v>
      </c>
      <c r="U6227" s="2">
        <v>0.81899999999999995</v>
      </c>
      <c r="V6227" s="2">
        <v>10.6</v>
      </c>
      <c r="W6227" s="2">
        <v>82.9</v>
      </c>
      <c r="X6227" s="2">
        <v>7.6</v>
      </c>
      <c r="Y6227" s="2">
        <v>10.6</v>
      </c>
      <c r="Z6227" s="5"/>
      <c r="AA6227" s="5" t="s">
        <v>43</v>
      </c>
      <c r="AB6227" s="5" t="s">
        <v>44</v>
      </c>
      <c r="AC6227" s="2"/>
      <c r="AD6227" s="1"/>
    </row>
    <row r="6228" spans="1:30">
      <c r="A6228" s="5" t="s">
        <v>83578</v>
      </c>
      <c r="B6228" s="2" t="s">
        <v>102799</v>
      </c>
      <c r="C6228" s="14" t="s">
        <v>102800</v>
      </c>
      <c r="D6228" s="2" t="s">
        <v>102801</v>
      </c>
      <c r="E6228" s="2" t="s">
        <v>7410</v>
      </c>
      <c r="F6228" s="8">
        <v>121</v>
      </c>
      <c r="G6228" s="5">
        <v>6</v>
      </c>
      <c r="H6228" s="5" t="s">
        <v>1518</v>
      </c>
      <c r="I6228" s="5" t="s">
        <v>69038</v>
      </c>
      <c r="J6228" s="2" t="s">
        <v>69039</v>
      </c>
      <c r="K6228" s="5" t="s">
        <v>69038</v>
      </c>
      <c r="L6228" s="2" t="s">
        <v>69039</v>
      </c>
      <c r="M6228" s="5" t="s">
        <v>1521</v>
      </c>
      <c r="N6228" s="5" t="s">
        <v>38</v>
      </c>
      <c r="O6228" s="5" t="s">
        <v>39</v>
      </c>
      <c r="P6228" s="5" t="s">
        <v>40</v>
      </c>
      <c r="Q6228" s="5" t="s">
        <v>1522</v>
      </c>
      <c r="R6228" s="5" t="s">
        <v>1523</v>
      </c>
      <c r="S6228" s="5" t="s">
        <v>42</v>
      </c>
      <c r="T6228" s="2">
        <v>1.077</v>
      </c>
      <c r="U6228" s="2">
        <v>0.78500000000000003</v>
      </c>
      <c r="V6228" s="2">
        <v>10.6</v>
      </c>
      <c r="W6228" s="2">
        <v>82.9</v>
      </c>
      <c r="X6228" s="2">
        <v>7.6</v>
      </c>
      <c r="Y6228" s="2">
        <v>10.6</v>
      </c>
      <c r="Z6228" s="5"/>
      <c r="AA6228" s="5" t="s">
        <v>43</v>
      </c>
      <c r="AB6228" s="5" t="s">
        <v>44</v>
      </c>
      <c r="AC6228" s="2"/>
      <c r="AD6228" s="1"/>
    </row>
    <row r="6229" spans="1:30">
      <c r="A6229" s="5" t="s">
        <v>83578</v>
      </c>
      <c r="B6229" s="2" t="s">
        <v>102802</v>
      </c>
      <c r="C6229" s="14" t="s">
        <v>102803</v>
      </c>
      <c r="D6229" s="2" t="s">
        <v>102804</v>
      </c>
      <c r="E6229" s="2" t="s">
        <v>7604</v>
      </c>
      <c r="F6229" s="8">
        <v>121</v>
      </c>
      <c r="G6229" s="5">
        <v>6</v>
      </c>
      <c r="H6229" s="5" t="s">
        <v>1518</v>
      </c>
      <c r="I6229" s="5" t="s">
        <v>69038</v>
      </c>
      <c r="J6229" s="2" t="s">
        <v>69039</v>
      </c>
      <c r="K6229" s="5" t="s">
        <v>69038</v>
      </c>
      <c r="L6229" s="2" t="s">
        <v>69039</v>
      </c>
      <c r="M6229" s="5" t="s">
        <v>1521</v>
      </c>
      <c r="N6229" s="5" t="s">
        <v>38</v>
      </c>
      <c r="O6229" s="5" t="s">
        <v>39</v>
      </c>
      <c r="P6229" s="5" t="s">
        <v>40</v>
      </c>
      <c r="Q6229" s="5" t="s">
        <v>1522</v>
      </c>
      <c r="R6229" s="5" t="s">
        <v>1523</v>
      </c>
      <c r="S6229" s="5" t="s">
        <v>42</v>
      </c>
      <c r="T6229" s="2">
        <v>1.111</v>
      </c>
      <c r="U6229" s="2">
        <v>0.81899999999999995</v>
      </c>
      <c r="V6229" s="2">
        <v>10.6</v>
      </c>
      <c r="W6229" s="2">
        <v>82.9</v>
      </c>
      <c r="X6229" s="2">
        <v>7.6</v>
      </c>
      <c r="Y6229" s="2">
        <v>10.6</v>
      </c>
      <c r="Z6229" s="5"/>
      <c r="AA6229" s="5" t="s">
        <v>43</v>
      </c>
      <c r="AB6229" s="5" t="s">
        <v>44</v>
      </c>
      <c r="AC6229" s="2"/>
      <c r="AD6229" s="1"/>
    </row>
    <row r="6230" spans="1:30">
      <c r="A6230" s="5" t="s">
        <v>83578</v>
      </c>
      <c r="B6230" s="2" t="s">
        <v>102805</v>
      </c>
      <c r="C6230" s="14" t="s">
        <v>102806</v>
      </c>
      <c r="D6230" s="2" t="s">
        <v>102807</v>
      </c>
      <c r="E6230" s="2" t="s">
        <v>7212</v>
      </c>
      <c r="F6230" s="8">
        <v>105</v>
      </c>
      <c r="G6230" s="5">
        <v>6</v>
      </c>
      <c r="H6230" s="5" t="s">
        <v>1518</v>
      </c>
      <c r="I6230" s="5" t="s">
        <v>69038</v>
      </c>
      <c r="J6230" s="2" t="s">
        <v>69039</v>
      </c>
      <c r="K6230" s="5" t="s">
        <v>69038</v>
      </c>
      <c r="L6230" s="2" t="s">
        <v>69039</v>
      </c>
      <c r="M6230" s="5" t="s">
        <v>1521</v>
      </c>
      <c r="N6230" s="5" t="s">
        <v>38</v>
      </c>
      <c r="O6230" s="5" t="s">
        <v>39</v>
      </c>
      <c r="P6230" s="5" t="s">
        <v>40</v>
      </c>
      <c r="Q6230" s="5" t="s">
        <v>1522</v>
      </c>
      <c r="R6230" s="5" t="s">
        <v>1523</v>
      </c>
      <c r="S6230" s="5" t="s">
        <v>42</v>
      </c>
      <c r="T6230" s="2">
        <v>1.077</v>
      </c>
      <c r="U6230" s="2">
        <v>0.78500000000000003</v>
      </c>
      <c r="V6230" s="2">
        <v>10.6</v>
      </c>
      <c r="W6230" s="2">
        <v>82.9</v>
      </c>
      <c r="X6230" s="2">
        <v>7.6</v>
      </c>
      <c r="Y6230" s="2">
        <v>10.6</v>
      </c>
      <c r="Z6230" s="5"/>
      <c r="AA6230" s="5" t="s">
        <v>43</v>
      </c>
      <c r="AB6230" s="5" t="s">
        <v>44</v>
      </c>
      <c r="AC6230" s="2"/>
      <c r="AD6230" s="1"/>
    </row>
    <row r="6231" spans="1:30">
      <c r="A6231" s="5" t="s">
        <v>83578</v>
      </c>
      <c r="B6231" s="2" t="s">
        <v>102808</v>
      </c>
      <c r="C6231" s="14" t="s">
        <v>102809</v>
      </c>
      <c r="D6231" s="2" t="s">
        <v>102810</v>
      </c>
      <c r="E6231" s="2" t="s">
        <v>7528</v>
      </c>
      <c r="F6231" s="8">
        <v>105</v>
      </c>
      <c r="G6231" s="5">
        <v>6</v>
      </c>
      <c r="H6231" s="5" t="s">
        <v>1518</v>
      </c>
      <c r="I6231" s="5" t="s">
        <v>69038</v>
      </c>
      <c r="J6231" s="2" t="s">
        <v>69039</v>
      </c>
      <c r="K6231" s="5" t="s">
        <v>69038</v>
      </c>
      <c r="L6231" s="2" t="s">
        <v>69039</v>
      </c>
      <c r="M6231" s="5" t="s">
        <v>1521</v>
      </c>
      <c r="N6231" s="5" t="s">
        <v>38</v>
      </c>
      <c r="O6231" s="5" t="s">
        <v>39</v>
      </c>
      <c r="P6231" s="5" t="s">
        <v>40</v>
      </c>
      <c r="Q6231" s="5" t="s">
        <v>1522</v>
      </c>
      <c r="R6231" s="5" t="s">
        <v>1523</v>
      </c>
      <c r="S6231" s="5" t="s">
        <v>42</v>
      </c>
      <c r="T6231" s="2">
        <v>1.111</v>
      </c>
      <c r="U6231" s="2">
        <v>0.81899999999999995</v>
      </c>
      <c r="V6231" s="2">
        <v>10.6</v>
      </c>
      <c r="W6231" s="2">
        <v>82.9</v>
      </c>
      <c r="X6231" s="2">
        <v>7.6</v>
      </c>
      <c r="Y6231" s="2">
        <v>10.6</v>
      </c>
      <c r="Z6231" s="5"/>
      <c r="AA6231" s="5" t="s">
        <v>43</v>
      </c>
      <c r="AB6231" s="5" t="s">
        <v>44</v>
      </c>
      <c r="AC6231" s="2"/>
      <c r="AD6231" s="1"/>
    </row>
    <row r="6232" spans="1:30">
      <c r="A6232" s="5" t="s">
        <v>83578</v>
      </c>
      <c r="B6232" s="2" t="s">
        <v>102811</v>
      </c>
      <c r="C6232" s="14" t="s">
        <v>102812</v>
      </c>
      <c r="D6232" s="2" t="s">
        <v>102813</v>
      </c>
      <c r="E6232" s="2" t="s">
        <v>7547</v>
      </c>
      <c r="F6232" s="8">
        <v>143</v>
      </c>
      <c r="G6232" s="5">
        <v>6</v>
      </c>
      <c r="H6232" s="5" t="s">
        <v>1518</v>
      </c>
      <c r="I6232" s="5" t="s">
        <v>69038</v>
      </c>
      <c r="J6232" s="2" t="s">
        <v>69039</v>
      </c>
      <c r="K6232" s="5" t="s">
        <v>69038</v>
      </c>
      <c r="L6232" s="2" t="s">
        <v>69039</v>
      </c>
      <c r="M6232" s="5" t="s">
        <v>1521</v>
      </c>
      <c r="N6232" s="5" t="s">
        <v>38</v>
      </c>
      <c r="O6232" s="5" t="s">
        <v>39</v>
      </c>
      <c r="P6232" s="5" t="s">
        <v>40</v>
      </c>
      <c r="Q6232" s="5" t="s">
        <v>1522</v>
      </c>
      <c r="R6232" s="5" t="s">
        <v>1523</v>
      </c>
      <c r="S6232" s="5" t="s">
        <v>42</v>
      </c>
      <c r="T6232" s="2">
        <v>1.762</v>
      </c>
      <c r="U6232" s="2">
        <v>1.3149999999999999</v>
      </c>
      <c r="V6232" s="2">
        <v>10.6</v>
      </c>
      <c r="W6232" s="2">
        <v>159.1</v>
      </c>
      <c r="X6232" s="2">
        <v>7.6</v>
      </c>
      <c r="Y6232" s="2">
        <v>10.6</v>
      </c>
      <c r="Z6232" s="5"/>
      <c r="AA6232" s="5" t="s">
        <v>43</v>
      </c>
      <c r="AB6232" s="5" t="s">
        <v>44</v>
      </c>
      <c r="AC6232" s="2"/>
      <c r="AD6232" s="1"/>
    </row>
    <row r="6233" spans="1:30">
      <c r="A6233" s="5" t="s">
        <v>83578</v>
      </c>
      <c r="B6233" s="2" t="s">
        <v>102814</v>
      </c>
      <c r="C6233" s="14" t="s">
        <v>102815</v>
      </c>
      <c r="D6233" s="2" t="s">
        <v>102816</v>
      </c>
      <c r="E6233" s="2" t="s">
        <v>7551</v>
      </c>
      <c r="F6233" s="8">
        <v>143</v>
      </c>
      <c r="G6233" s="5">
        <v>6</v>
      </c>
      <c r="H6233" s="5" t="s">
        <v>1518</v>
      </c>
      <c r="I6233" s="5" t="s">
        <v>69038</v>
      </c>
      <c r="J6233" s="2" t="s">
        <v>69039</v>
      </c>
      <c r="K6233" s="5" t="s">
        <v>69038</v>
      </c>
      <c r="L6233" s="2" t="s">
        <v>69039</v>
      </c>
      <c r="M6233" s="5" t="s">
        <v>1521</v>
      </c>
      <c r="N6233" s="5" t="s">
        <v>38</v>
      </c>
      <c r="O6233" s="5" t="s">
        <v>39</v>
      </c>
      <c r="P6233" s="5" t="s">
        <v>40</v>
      </c>
      <c r="Q6233" s="5" t="s">
        <v>1522</v>
      </c>
      <c r="R6233" s="5" t="s">
        <v>1523</v>
      </c>
      <c r="S6233" s="5" t="s">
        <v>42</v>
      </c>
      <c r="T6233" s="2">
        <v>1.8480000000000001</v>
      </c>
      <c r="U6233" s="2">
        <v>1.401</v>
      </c>
      <c r="V6233" s="2">
        <v>10.6</v>
      </c>
      <c r="W6233" s="2">
        <v>159.1</v>
      </c>
      <c r="X6233" s="2">
        <v>7.6</v>
      </c>
      <c r="Y6233" s="2">
        <v>10.6</v>
      </c>
      <c r="Z6233" s="5"/>
      <c r="AA6233" s="5" t="s">
        <v>43</v>
      </c>
      <c r="AB6233" s="5" t="s">
        <v>44</v>
      </c>
      <c r="AC6233" s="2"/>
      <c r="AD6233" s="1"/>
    </row>
    <row r="6234" spans="1:30">
      <c r="A6234" s="5" t="s">
        <v>83578</v>
      </c>
      <c r="B6234" s="2" t="s">
        <v>102817</v>
      </c>
      <c r="C6234" s="14" t="s">
        <v>102818</v>
      </c>
      <c r="D6234" s="2" t="s">
        <v>102819</v>
      </c>
      <c r="E6234" s="2" t="s">
        <v>7555</v>
      </c>
      <c r="F6234" s="8">
        <v>143</v>
      </c>
      <c r="G6234" s="5">
        <v>6</v>
      </c>
      <c r="H6234" s="5" t="s">
        <v>1518</v>
      </c>
      <c r="I6234" s="5" t="s">
        <v>69038</v>
      </c>
      <c r="J6234" s="2" t="s">
        <v>69039</v>
      </c>
      <c r="K6234" s="5" t="s">
        <v>69038</v>
      </c>
      <c r="L6234" s="2" t="s">
        <v>69039</v>
      </c>
      <c r="M6234" s="5" t="s">
        <v>1521</v>
      </c>
      <c r="N6234" s="5" t="s">
        <v>38</v>
      </c>
      <c r="O6234" s="5" t="s">
        <v>39</v>
      </c>
      <c r="P6234" s="5" t="s">
        <v>40</v>
      </c>
      <c r="Q6234" s="5" t="s">
        <v>1522</v>
      </c>
      <c r="R6234" s="5" t="s">
        <v>1523</v>
      </c>
      <c r="S6234" s="5" t="s">
        <v>42</v>
      </c>
      <c r="T6234" s="2">
        <v>1.762</v>
      </c>
      <c r="U6234" s="2">
        <v>1.3149999999999999</v>
      </c>
      <c r="V6234" s="2">
        <v>10.6</v>
      </c>
      <c r="W6234" s="2">
        <v>159.1</v>
      </c>
      <c r="X6234" s="2">
        <v>7.6</v>
      </c>
      <c r="Y6234" s="2">
        <v>10.6</v>
      </c>
      <c r="Z6234" s="5"/>
      <c r="AA6234" s="5" t="s">
        <v>43</v>
      </c>
      <c r="AB6234" s="5" t="s">
        <v>44</v>
      </c>
      <c r="AC6234" s="2"/>
      <c r="AD6234" s="1"/>
    </row>
    <row r="6235" spans="1:30">
      <c r="A6235" s="5" t="s">
        <v>83578</v>
      </c>
      <c r="B6235" s="2" t="s">
        <v>102820</v>
      </c>
      <c r="C6235" s="14" t="s">
        <v>102821</v>
      </c>
      <c r="D6235" s="2" t="s">
        <v>102822</v>
      </c>
      <c r="E6235" s="2" t="s">
        <v>7559</v>
      </c>
      <c r="F6235" s="8">
        <v>143</v>
      </c>
      <c r="G6235" s="5">
        <v>6</v>
      </c>
      <c r="H6235" s="5" t="s">
        <v>1518</v>
      </c>
      <c r="I6235" s="5" t="s">
        <v>69038</v>
      </c>
      <c r="J6235" s="2" t="s">
        <v>69039</v>
      </c>
      <c r="K6235" s="5" t="s">
        <v>69038</v>
      </c>
      <c r="L6235" s="2" t="s">
        <v>69039</v>
      </c>
      <c r="M6235" s="5" t="s">
        <v>1521</v>
      </c>
      <c r="N6235" s="5" t="s">
        <v>38</v>
      </c>
      <c r="O6235" s="5" t="s">
        <v>39</v>
      </c>
      <c r="P6235" s="5" t="s">
        <v>40</v>
      </c>
      <c r="Q6235" s="5" t="s">
        <v>1522</v>
      </c>
      <c r="R6235" s="5" t="s">
        <v>1523</v>
      </c>
      <c r="S6235" s="5" t="s">
        <v>42</v>
      </c>
      <c r="T6235" s="2">
        <v>1.8480000000000001</v>
      </c>
      <c r="U6235" s="2">
        <v>1.401</v>
      </c>
      <c r="V6235" s="2">
        <v>10.6</v>
      </c>
      <c r="W6235" s="2">
        <v>159.1</v>
      </c>
      <c r="X6235" s="2">
        <v>7.6</v>
      </c>
      <c r="Y6235" s="2">
        <v>10.6</v>
      </c>
      <c r="Z6235" s="5"/>
      <c r="AA6235" s="5" t="s">
        <v>43</v>
      </c>
      <c r="AB6235" s="5" t="s">
        <v>44</v>
      </c>
      <c r="AC6235" s="2"/>
      <c r="AD6235" s="1"/>
    </row>
    <row r="6236" spans="1:30">
      <c r="A6236" s="5" t="s">
        <v>83578</v>
      </c>
      <c r="B6236" s="2" t="s">
        <v>102823</v>
      </c>
      <c r="C6236" s="14" t="s">
        <v>102824</v>
      </c>
      <c r="D6236" s="2" t="s">
        <v>102825</v>
      </c>
      <c r="E6236" s="2" t="s">
        <v>7429</v>
      </c>
      <c r="F6236" s="8">
        <v>143</v>
      </c>
      <c r="G6236" s="5">
        <v>6</v>
      </c>
      <c r="H6236" s="5" t="s">
        <v>1518</v>
      </c>
      <c r="I6236" s="5" t="s">
        <v>69038</v>
      </c>
      <c r="J6236" s="2" t="s">
        <v>69039</v>
      </c>
      <c r="K6236" s="5" t="s">
        <v>69038</v>
      </c>
      <c r="L6236" s="2" t="s">
        <v>69039</v>
      </c>
      <c r="M6236" s="5" t="s">
        <v>1521</v>
      </c>
      <c r="N6236" s="5" t="s">
        <v>38</v>
      </c>
      <c r="O6236" s="5" t="s">
        <v>39</v>
      </c>
      <c r="P6236" s="5" t="s">
        <v>40</v>
      </c>
      <c r="Q6236" s="5" t="s">
        <v>1522</v>
      </c>
      <c r="R6236" s="5" t="s">
        <v>1523</v>
      </c>
      <c r="S6236" s="5" t="s">
        <v>42</v>
      </c>
      <c r="T6236" s="2">
        <v>1.762</v>
      </c>
      <c r="U6236" s="2">
        <v>1.3149999999999999</v>
      </c>
      <c r="V6236" s="2">
        <v>10.6</v>
      </c>
      <c r="W6236" s="2">
        <v>159.1</v>
      </c>
      <c r="X6236" s="2">
        <v>7.6</v>
      </c>
      <c r="Y6236" s="2">
        <v>10.6</v>
      </c>
      <c r="Z6236" s="5"/>
      <c r="AA6236" s="5" t="s">
        <v>43</v>
      </c>
      <c r="AB6236" s="5" t="s">
        <v>44</v>
      </c>
      <c r="AC6236" s="2"/>
      <c r="AD6236" s="1"/>
    </row>
    <row r="6237" spans="1:30">
      <c r="A6237" s="5" t="s">
        <v>83578</v>
      </c>
      <c r="B6237" s="2" t="s">
        <v>102826</v>
      </c>
      <c r="C6237" s="14" t="s">
        <v>102827</v>
      </c>
      <c r="D6237" s="2" t="s">
        <v>102828</v>
      </c>
      <c r="E6237" s="2" t="s">
        <v>7574</v>
      </c>
      <c r="F6237" s="8">
        <v>143</v>
      </c>
      <c r="G6237" s="5">
        <v>6</v>
      </c>
      <c r="H6237" s="5" t="s">
        <v>1518</v>
      </c>
      <c r="I6237" s="5" t="s">
        <v>69038</v>
      </c>
      <c r="J6237" s="2" t="s">
        <v>69039</v>
      </c>
      <c r="K6237" s="5" t="s">
        <v>69038</v>
      </c>
      <c r="L6237" s="2" t="s">
        <v>69039</v>
      </c>
      <c r="M6237" s="5" t="s">
        <v>1521</v>
      </c>
      <c r="N6237" s="5" t="s">
        <v>38</v>
      </c>
      <c r="O6237" s="5" t="s">
        <v>39</v>
      </c>
      <c r="P6237" s="5" t="s">
        <v>40</v>
      </c>
      <c r="Q6237" s="5" t="s">
        <v>1522</v>
      </c>
      <c r="R6237" s="5" t="s">
        <v>1523</v>
      </c>
      <c r="S6237" s="5" t="s">
        <v>42</v>
      </c>
      <c r="T6237" s="2">
        <v>1.8480000000000001</v>
      </c>
      <c r="U6237" s="2">
        <v>1.401</v>
      </c>
      <c r="V6237" s="2">
        <v>10.6</v>
      </c>
      <c r="W6237" s="2">
        <v>159.1</v>
      </c>
      <c r="X6237" s="2">
        <v>7.6</v>
      </c>
      <c r="Y6237" s="2">
        <v>10.6</v>
      </c>
      <c r="Z6237" s="5"/>
      <c r="AA6237" s="5" t="s">
        <v>43</v>
      </c>
      <c r="AB6237" s="5" t="s">
        <v>44</v>
      </c>
      <c r="AC6237" s="2"/>
      <c r="AD6237" s="1"/>
    </row>
    <row r="6238" spans="1:30">
      <c r="A6238" s="5" t="s">
        <v>83578</v>
      </c>
      <c r="B6238" s="2" t="s">
        <v>102829</v>
      </c>
      <c r="C6238" s="14" t="s">
        <v>102830</v>
      </c>
      <c r="D6238" s="2" t="s">
        <v>102831</v>
      </c>
      <c r="E6238" s="2" t="s">
        <v>7585</v>
      </c>
      <c r="F6238" s="8">
        <v>143</v>
      </c>
      <c r="G6238" s="5">
        <v>6</v>
      </c>
      <c r="H6238" s="5" t="s">
        <v>1518</v>
      </c>
      <c r="I6238" s="5" t="s">
        <v>69038</v>
      </c>
      <c r="J6238" s="2" t="s">
        <v>69039</v>
      </c>
      <c r="K6238" s="5" t="s">
        <v>69038</v>
      </c>
      <c r="L6238" s="2" t="s">
        <v>69039</v>
      </c>
      <c r="M6238" s="5" t="s">
        <v>1521</v>
      </c>
      <c r="N6238" s="5" t="s">
        <v>38</v>
      </c>
      <c r="O6238" s="5" t="s">
        <v>39</v>
      </c>
      <c r="P6238" s="5" t="s">
        <v>40</v>
      </c>
      <c r="Q6238" s="5" t="s">
        <v>1522</v>
      </c>
      <c r="R6238" s="5" t="s">
        <v>1523</v>
      </c>
      <c r="S6238" s="5" t="s">
        <v>42</v>
      </c>
      <c r="T6238" s="2">
        <v>1.762</v>
      </c>
      <c r="U6238" s="2">
        <v>1.3149999999999999</v>
      </c>
      <c r="V6238" s="2">
        <v>10.6</v>
      </c>
      <c r="W6238" s="2">
        <v>159.1</v>
      </c>
      <c r="X6238" s="2">
        <v>7.6</v>
      </c>
      <c r="Y6238" s="2">
        <v>10.6</v>
      </c>
      <c r="Z6238" s="5"/>
      <c r="AA6238" s="5" t="s">
        <v>43</v>
      </c>
      <c r="AB6238" s="5" t="s">
        <v>44</v>
      </c>
      <c r="AC6238" s="2"/>
      <c r="AD6238" s="1"/>
    </row>
    <row r="6239" spans="1:30">
      <c r="A6239" s="5" t="s">
        <v>83578</v>
      </c>
      <c r="B6239" s="2" t="s">
        <v>102832</v>
      </c>
      <c r="C6239" s="14" t="s">
        <v>102833</v>
      </c>
      <c r="D6239" s="2" t="s">
        <v>102834</v>
      </c>
      <c r="E6239" s="2" t="s">
        <v>7593</v>
      </c>
      <c r="F6239" s="8">
        <v>143</v>
      </c>
      <c r="G6239" s="5">
        <v>6</v>
      </c>
      <c r="H6239" s="5" t="s">
        <v>1518</v>
      </c>
      <c r="I6239" s="5" t="s">
        <v>69038</v>
      </c>
      <c r="J6239" s="2" t="s">
        <v>69039</v>
      </c>
      <c r="K6239" s="5" t="s">
        <v>69038</v>
      </c>
      <c r="L6239" s="2" t="s">
        <v>69039</v>
      </c>
      <c r="M6239" s="5" t="s">
        <v>1521</v>
      </c>
      <c r="N6239" s="5" t="s">
        <v>38</v>
      </c>
      <c r="O6239" s="5" t="s">
        <v>39</v>
      </c>
      <c r="P6239" s="5" t="s">
        <v>40</v>
      </c>
      <c r="Q6239" s="5" t="s">
        <v>1522</v>
      </c>
      <c r="R6239" s="5" t="s">
        <v>1523</v>
      </c>
      <c r="S6239" s="5" t="s">
        <v>42</v>
      </c>
      <c r="T6239" s="2">
        <v>1.762</v>
      </c>
      <c r="U6239" s="2">
        <v>1.3149999999999999</v>
      </c>
      <c r="V6239" s="2">
        <v>10.6</v>
      </c>
      <c r="W6239" s="2">
        <v>159.1</v>
      </c>
      <c r="X6239" s="2">
        <v>7.6</v>
      </c>
      <c r="Y6239" s="2">
        <v>10.6</v>
      </c>
      <c r="Z6239" s="5"/>
      <c r="AA6239" s="5" t="s">
        <v>43</v>
      </c>
      <c r="AB6239" s="5" t="s">
        <v>44</v>
      </c>
      <c r="AC6239" s="2"/>
      <c r="AD6239" s="1"/>
    </row>
    <row r="6240" spans="1:30">
      <c r="A6240" s="5" t="s">
        <v>83578</v>
      </c>
      <c r="B6240" s="2" t="s">
        <v>102835</v>
      </c>
      <c r="C6240" s="14" t="s">
        <v>102836</v>
      </c>
      <c r="D6240" s="2" t="s">
        <v>102837</v>
      </c>
      <c r="E6240" s="2" t="s">
        <v>7597</v>
      </c>
      <c r="F6240" s="8">
        <v>143</v>
      </c>
      <c r="G6240" s="5">
        <v>6</v>
      </c>
      <c r="H6240" s="5" t="s">
        <v>1518</v>
      </c>
      <c r="I6240" s="5" t="s">
        <v>69038</v>
      </c>
      <c r="J6240" s="2" t="s">
        <v>69039</v>
      </c>
      <c r="K6240" s="5" t="s">
        <v>69038</v>
      </c>
      <c r="L6240" s="2" t="s">
        <v>69039</v>
      </c>
      <c r="M6240" s="5" t="s">
        <v>1521</v>
      </c>
      <c r="N6240" s="5" t="s">
        <v>38</v>
      </c>
      <c r="O6240" s="5" t="s">
        <v>39</v>
      </c>
      <c r="P6240" s="5" t="s">
        <v>40</v>
      </c>
      <c r="Q6240" s="5" t="s">
        <v>1522</v>
      </c>
      <c r="R6240" s="5" t="s">
        <v>1523</v>
      </c>
      <c r="S6240" s="5" t="s">
        <v>42</v>
      </c>
      <c r="T6240" s="2">
        <v>1.8480000000000001</v>
      </c>
      <c r="U6240" s="2">
        <v>1.401</v>
      </c>
      <c r="V6240" s="2">
        <v>10.6</v>
      </c>
      <c r="W6240" s="2">
        <v>159.1</v>
      </c>
      <c r="X6240" s="2">
        <v>7.6</v>
      </c>
      <c r="Y6240" s="2">
        <v>10.6</v>
      </c>
      <c r="Z6240" s="5"/>
      <c r="AA6240" s="5" t="s">
        <v>43</v>
      </c>
      <c r="AB6240" s="5" t="s">
        <v>44</v>
      </c>
      <c r="AC6240" s="2"/>
      <c r="AD6240" s="1"/>
    </row>
    <row r="6241" spans="1:30">
      <c r="A6241" s="5" t="s">
        <v>83578</v>
      </c>
      <c r="B6241" s="2" t="s">
        <v>102838</v>
      </c>
      <c r="C6241" s="14" t="s">
        <v>102839</v>
      </c>
      <c r="D6241" s="2" t="s">
        <v>102840</v>
      </c>
      <c r="E6241" s="2" t="s">
        <v>7615</v>
      </c>
      <c r="F6241" s="8">
        <v>143</v>
      </c>
      <c r="G6241" s="5">
        <v>6</v>
      </c>
      <c r="H6241" s="5" t="s">
        <v>1518</v>
      </c>
      <c r="I6241" s="5" t="s">
        <v>69038</v>
      </c>
      <c r="J6241" s="2" t="s">
        <v>69039</v>
      </c>
      <c r="K6241" s="5" t="s">
        <v>69038</v>
      </c>
      <c r="L6241" s="2" t="s">
        <v>69039</v>
      </c>
      <c r="M6241" s="5" t="s">
        <v>1521</v>
      </c>
      <c r="N6241" s="5" t="s">
        <v>38</v>
      </c>
      <c r="O6241" s="5" t="s">
        <v>39</v>
      </c>
      <c r="P6241" s="5" t="s">
        <v>40</v>
      </c>
      <c r="Q6241" s="5" t="s">
        <v>1522</v>
      </c>
      <c r="R6241" s="5" t="s">
        <v>1523</v>
      </c>
      <c r="S6241" s="5" t="s">
        <v>42</v>
      </c>
      <c r="T6241" s="2">
        <v>1.762</v>
      </c>
      <c r="U6241" s="2">
        <v>1.3149999999999999</v>
      </c>
      <c r="V6241" s="2">
        <v>10.6</v>
      </c>
      <c r="W6241" s="2">
        <v>159.1</v>
      </c>
      <c r="X6241" s="2">
        <v>7.6</v>
      </c>
      <c r="Y6241" s="2">
        <v>10.6</v>
      </c>
      <c r="Z6241" s="5"/>
      <c r="AA6241" s="5" t="s">
        <v>43</v>
      </c>
      <c r="AB6241" s="5" t="s">
        <v>44</v>
      </c>
      <c r="AC6241" s="2"/>
      <c r="AD6241" s="1"/>
    </row>
    <row r="6242" spans="1:30">
      <c r="A6242" s="5" t="s">
        <v>83578</v>
      </c>
      <c r="B6242" s="2" t="s">
        <v>102841</v>
      </c>
      <c r="C6242" s="14" t="s">
        <v>102842</v>
      </c>
      <c r="D6242" s="2" t="s">
        <v>102843</v>
      </c>
      <c r="E6242" s="2" t="s">
        <v>7410</v>
      </c>
      <c r="F6242" s="8">
        <v>143</v>
      </c>
      <c r="G6242" s="5">
        <v>6</v>
      </c>
      <c r="H6242" s="5" t="s">
        <v>1518</v>
      </c>
      <c r="I6242" s="5" t="s">
        <v>69038</v>
      </c>
      <c r="J6242" s="2" t="s">
        <v>69039</v>
      </c>
      <c r="K6242" s="5" t="s">
        <v>69038</v>
      </c>
      <c r="L6242" s="2" t="s">
        <v>69039</v>
      </c>
      <c r="M6242" s="5" t="s">
        <v>1521</v>
      </c>
      <c r="N6242" s="5" t="s">
        <v>38</v>
      </c>
      <c r="O6242" s="5" t="s">
        <v>39</v>
      </c>
      <c r="P6242" s="5" t="s">
        <v>40</v>
      </c>
      <c r="Q6242" s="5" t="s">
        <v>1522</v>
      </c>
      <c r="R6242" s="5" t="s">
        <v>1523</v>
      </c>
      <c r="S6242" s="5" t="s">
        <v>42</v>
      </c>
      <c r="T6242" s="2">
        <v>1.762</v>
      </c>
      <c r="U6242" s="2">
        <v>1.3149999999999999</v>
      </c>
      <c r="V6242" s="2">
        <v>10.6</v>
      </c>
      <c r="W6242" s="2">
        <v>159.1</v>
      </c>
      <c r="X6242" s="2">
        <v>7.6</v>
      </c>
      <c r="Y6242" s="2">
        <v>10.6</v>
      </c>
      <c r="Z6242" s="5"/>
      <c r="AA6242" s="5" t="s">
        <v>43</v>
      </c>
      <c r="AB6242" s="5" t="s">
        <v>44</v>
      </c>
      <c r="AC6242" s="2"/>
      <c r="AD6242" s="1"/>
    </row>
    <row r="6243" spans="1:30">
      <c r="A6243" s="5" t="s">
        <v>83578</v>
      </c>
      <c r="B6243" s="2" t="s">
        <v>102844</v>
      </c>
      <c r="C6243" s="14" t="s">
        <v>102845</v>
      </c>
      <c r="D6243" s="2" t="s">
        <v>102846</v>
      </c>
      <c r="E6243" s="2" t="s">
        <v>7604</v>
      </c>
      <c r="F6243" s="8">
        <v>143</v>
      </c>
      <c r="G6243" s="5">
        <v>6</v>
      </c>
      <c r="H6243" s="5" t="s">
        <v>1518</v>
      </c>
      <c r="I6243" s="5" t="s">
        <v>69038</v>
      </c>
      <c r="J6243" s="2" t="s">
        <v>69039</v>
      </c>
      <c r="K6243" s="5" t="s">
        <v>69038</v>
      </c>
      <c r="L6243" s="2" t="s">
        <v>69039</v>
      </c>
      <c r="M6243" s="5" t="s">
        <v>1521</v>
      </c>
      <c r="N6243" s="5" t="s">
        <v>38</v>
      </c>
      <c r="O6243" s="5" t="s">
        <v>39</v>
      </c>
      <c r="P6243" s="5" t="s">
        <v>40</v>
      </c>
      <c r="Q6243" s="5" t="s">
        <v>1522</v>
      </c>
      <c r="R6243" s="5" t="s">
        <v>1523</v>
      </c>
      <c r="S6243" s="5" t="s">
        <v>42</v>
      </c>
      <c r="T6243" s="2">
        <v>1.8480000000000001</v>
      </c>
      <c r="U6243" s="2">
        <v>1.401</v>
      </c>
      <c r="V6243" s="2">
        <v>10.6</v>
      </c>
      <c r="W6243" s="2">
        <v>159.1</v>
      </c>
      <c r="X6243" s="2">
        <v>7.6</v>
      </c>
      <c r="Y6243" s="2">
        <v>10.6</v>
      </c>
      <c r="Z6243" s="5"/>
      <c r="AA6243" s="5" t="s">
        <v>43</v>
      </c>
      <c r="AB6243" s="5" t="s">
        <v>44</v>
      </c>
      <c r="AC6243" s="2"/>
      <c r="AD6243" s="1"/>
    </row>
    <row r="6244" spans="1:30">
      <c r="A6244" s="5" t="s">
        <v>83578</v>
      </c>
      <c r="B6244" s="2" t="s">
        <v>102847</v>
      </c>
      <c r="C6244" s="14" t="s">
        <v>102848</v>
      </c>
      <c r="D6244" s="2" t="s">
        <v>102849</v>
      </c>
      <c r="E6244" s="2" t="s">
        <v>7521</v>
      </c>
      <c r="F6244" s="8">
        <v>135</v>
      </c>
      <c r="G6244" s="5">
        <v>6</v>
      </c>
      <c r="H6244" s="5" t="s">
        <v>1518</v>
      </c>
      <c r="I6244" s="5" t="s">
        <v>69038</v>
      </c>
      <c r="J6244" s="2" t="s">
        <v>69039</v>
      </c>
      <c r="K6244" s="5" t="s">
        <v>69038</v>
      </c>
      <c r="L6244" s="2" t="s">
        <v>69039</v>
      </c>
      <c r="M6244" s="5" t="s">
        <v>1521</v>
      </c>
      <c r="N6244" s="5" t="s">
        <v>38</v>
      </c>
      <c r="O6244" s="5" t="s">
        <v>39</v>
      </c>
      <c r="P6244" s="5" t="s">
        <v>40</v>
      </c>
      <c r="Q6244" s="5" t="s">
        <v>1522</v>
      </c>
      <c r="R6244" s="5" t="s">
        <v>1523</v>
      </c>
      <c r="S6244" s="5" t="s">
        <v>42</v>
      </c>
      <c r="T6244" s="2">
        <v>2.0299999999999998</v>
      </c>
      <c r="U6244" s="2">
        <v>1.5129999999999999</v>
      </c>
      <c r="V6244" s="2">
        <v>10.6</v>
      </c>
      <c r="W6244" s="2">
        <v>165.1</v>
      </c>
      <c r="X6244" s="2">
        <v>7.6</v>
      </c>
      <c r="Y6244" s="2">
        <v>10.6</v>
      </c>
      <c r="Z6244" s="5"/>
      <c r="AA6244" s="5" t="s">
        <v>43</v>
      </c>
      <c r="AB6244" s="5" t="s">
        <v>44</v>
      </c>
      <c r="AC6244" s="2"/>
      <c r="AD6244" s="1"/>
    </row>
    <row r="6245" spans="1:30">
      <c r="A6245" s="5" t="s">
        <v>83578</v>
      </c>
      <c r="B6245" s="2" t="s">
        <v>102850</v>
      </c>
      <c r="C6245" s="14" t="s">
        <v>102851</v>
      </c>
      <c r="D6245" s="2" t="s">
        <v>102852</v>
      </c>
      <c r="E6245" s="2" t="s">
        <v>7406</v>
      </c>
      <c r="F6245" s="8">
        <v>155</v>
      </c>
      <c r="G6245" s="5">
        <v>6</v>
      </c>
      <c r="H6245" s="5" t="s">
        <v>1518</v>
      </c>
      <c r="I6245" s="5" t="s">
        <v>69038</v>
      </c>
      <c r="J6245" s="2" t="s">
        <v>69039</v>
      </c>
      <c r="K6245" s="5" t="s">
        <v>69038</v>
      </c>
      <c r="L6245" s="2" t="s">
        <v>69039</v>
      </c>
      <c r="M6245" s="5" t="s">
        <v>1521</v>
      </c>
      <c r="N6245" s="5" t="s">
        <v>38</v>
      </c>
      <c r="O6245" s="5" t="s">
        <v>39</v>
      </c>
      <c r="P6245" s="5" t="s">
        <v>40</v>
      </c>
      <c r="Q6245" s="5" t="s">
        <v>1522</v>
      </c>
      <c r="R6245" s="5" t="s">
        <v>1523</v>
      </c>
      <c r="S6245" s="5" t="s">
        <v>42</v>
      </c>
      <c r="T6245" s="2">
        <v>1.9339999999999999</v>
      </c>
      <c r="U6245" s="2">
        <v>1.417</v>
      </c>
      <c r="V6245" s="2">
        <v>10.6</v>
      </c>
      <c r="W6245" s="2">
        <v>165.1</v>
      </c>
      <c r="X6245" s="2">
        <v>7.6</v>
      </c>
      <c r="Y6245" s="2">
        <v>10.6</v>
      </c>
      <c r="Z6245" s="5"/>
      <c r="AA6245" s="5" t="s">
        <v>43</v>
      </c>
      <c r="AB6245" s="5" t="s">
        <v>44</v>
      </c>
      <c r="AC6245" s="2"/>
      <c r="AD6245" s="1"/>
    </row>
    <row r="6246" spans="1:30">
      <c r="A6246" s="5" t="s">
        <v>83578</v>
      </c>
      <c r="B6246" s="2" t="s">
        <v>102853</v>
      </c>
      <c r="C6246" s="14" t="s">
        <v>102854</v>
      </c>
      <c r="D6246" s="2" t="s">
        <v>102855</v>
      </c>
      <c r="E6246" s="2" t="s">
        <v>7535</v>
      </c>
      <c r="F6246" s="8">
        <v>155</v>
      </c>
      <c r="G6246" s="5">
        <v>6</v>
      </c>
      <c r="H6246" s="5" t="s">
        <v>1518</v>
      </c>
      <c r="I6246" s="5" t="s">
        <v>69038</v>
      </c>
      <c r="J6246" s="2" t="s">
        <v>69039</v>
      </c>
      <c r="K6246" s="5" t="s">
        <v>69038</v>
      </c>
      <c r="L6246" s="2" t="s">
        <v>69039</v>
      </c>
      <c r="M6246" s="5" t="s">
        <v>1521</v>
      </c>
      <c r="N6246" s="5" t="s">
        <v>38</v>
      </c>
      <c r="O6246" s="5" t="s">
        <v>39</v>
      </c>
      <c r="P6246" s="5" t="s">
        <v>40</v>
      </c>
      <c r="Q6246" s="5" t="s">
        <v>1522</v>
      </c>
      <c r="R6246" s="5" t="s">
        <v>1523</v>
      </c>
      <c r="S6246" s="5" t="s">
        <v>42</v>
      </c>
      <c r="T6246" s="2">
        <v>2.0299999999999998</v>
      </c>
      <c r="U6246" s="2">
        <v>1.5129999999999999</v>
      </c>
      <c r="V6246" s="2">
        <v>10.6</v>
      </c>
      <c r="W6246" s="2">
        <v>165.1</v>
      </c>
      <c r="X6246" s="2">
        <v>7.6</v>
      </c>
      <c r="Y6246" s="2">
        <v>10.6</v>
      </c>
      <c r="Z6246" s="5"/>
      <c r="AA6246" s="5" t="s">
        <v>43</v>
      </c>
      <c r="AB6246" s="5" t="s">
        <v>44</v>
      </c>
      <c r="AC6246" s="2"/>
      <c r="AD6246" s="1"/>
    </row>
    <row r="6247" spans="1:30">
      <c r="A6247" s="5" t="s">
        <v>83578</v>
      </c>
      <c r="B6247" s="2" t="s">
        <v>102856</v>
      </c>
      <c r="C6247" s="14" t="s">
        <v>102857</v>
      </c>
      <c r="D6247" s="2" t="s">
        <v>102858</v>
      </c>
      <c r="E6247" s="2" t="s">
        <v>7539</v>
      </c>
      <c r="F6247" s="8">
        <v>155</v>
      </c>
      <c r="G6247" s="5">
        <v>6</v>
      </c>
      <c r="H6247" s="5" t="s">
        <v>1518</v>
      </c>
      <c r="I6247" s="5" t="s">
        <v>69038</v>
      </c>
      <c r="J6247" s="2" t="s">
        <v>69039</v>
      </c>
      <c r="K6247" s="5" t="s">
        <v>69038</v>
      </c>
      <c r="L6247" s="2" t="s">
        <v>69039</v>
      </c>
      <c r="M6247" s="5" t="s">
        <v>1521</v>
      </c>
      <c r="N6247" s="5" t="s">
        <v>38</v>
      </c>
      <c r="O6247" s="5" t="s">
        <v>39</v>
      </c>
      <c r="P6247" s="5" t="s">
        <v>40</v>
      </c>
      <c r="Q6247" s="5" t="s">
        <v>1522</v>
      </c>
      <c r="R6247" s="5" t="s">
        <v>1523</v>
      </c>
      <c r="S6247" s="5" t="s">
        <v>42</v>
      </c>
      <c r="T6247" s="2">
        <v>1.9339999999999999</v>
      </c>
      <c r="U6247" s="2">
        <v>1.417</v>
      </c>
      <c r="V6247" s="2">
        <v>10.6</v>
      </c>
      <c r="W6247" s="2">
        <v>165.1</v>
      </c>
      <c r="X6247" s="2">
        <v>7.6</v>
      </c>
      <c r="Y6247" s="2">
        <v>10.6</v>
      </c>
      <c r="Z6247" s="5"/>
      <c r="AA6247" s="5" t="s">
        <v>43</v>
      </c>
      <c r="AB6247" s="5" t="s">
        <v>44</v>
      </c>
      <c r="AC6247" s="2"/>
      <c r="AD6247" s="1"/>
    </row>
    <row r="6248" spans="1:30">
      <c r="A6248" s="5" t="s">
        <v>83578</v>
      </c>
      <c r="B6248" s="2" t="s">
        <v>102859</v>
      </c>
      <c r="C6248" s="14" t="s">
        <v>102860</v>
      </c>
      <c r="D6248" s="2" t="s">
        <v>102861</v>
      </c>
      <c r="E6248" s="2" t="s">
        <v>7543</v>
      </c>
      <c r="F6248" s="8">
        <v>155</v>
      </c>
      <c r="G6248" s="5">
        <v>6</v>
      </c>
      <c r="H6248" s="5" t="s">
        <v>1518</v>
      </c>
      <c r="I6248" s="5" t="s">
        <v>69038</v>
      </c>
      <c r="J6248" s="2" t="s">
        <v>69039</v>
      </c>
      <c r="K6248" s="5" t="s">
        <v>69038</v>
      </c>
      <c r="L6248" s="2" t="s">
        <v>69039</v>
      </c>
      <c r="M6248" s="5" t="s">
        <v>1521</v>
      </c>
      <c r="N6248" s="5" t="s">
        <v>38</v>
      </c>
      <c r="O6248" s="5" t="s">
        <v>39</v>
      </c>
      <c r="P6248" s="5" t="s">
        <v>40</v>
      </c>
      <c r="Q6248" s="5" t="s">
        <v>1522</v>
      </c>
      <c r="R6248" s="5" t="s">
        <v>1523</v>
      </c>
      <c r="S6248" s="5" t="s">
        <v>42</v>
      </c>
      <c r="T6248" s="2">
        <v>2.0299999999999998</v>
      </c>
      <c r="U6248" s="2">
        <v>1.5129999999999999</v>
      </c>
      <c r="V6248" s="2">
        <v>10.6</v>
      </c>
      <c r="W6248" s="2">
        <v>165.1</v>
      </c>
      <c r="X6248" s="2">
        <v>7.6</v>
      </c>
      <c r="Y6248" s="2">
        <v>10.6</v>
      </c>
      <c r="Z6248" s="5"/>
      <c r="AA6248" s="5" t="s">
        <v>43</v>
      </c>
      <c r="AB6248" s="5" t="s">
        <v>44</v>
      </c>
      <c r="AC6248" s="2"/>
      <c r="AD6248" s="1"/>
    </row>
    <row r="6249" spans="1:30">
      <c r="A6249" s="5" t="s">
        <v>83578</v>
      </c>
      <c r="B6249" s="2" t="s">
        <v>102862</v>
      </c>
      <c r="C6249" s="14" t="s">
        <v>102863</v>
      </c>
      <c r="D6249" s="2" t="s">
        <v>102864</v>
      </c>
      <c r="E6249" s="2" t="s">
        <v>7396</v>
      </c>
      <c r="F6249" s="8">
        <v>135</v>
      </c>
      <c r="G6249" s="5">
        <v>6</v>
      </c>
      <c r="H6249" s="5" t="s">
        <v>1518</v>
      </c>
      <c r="I6249" s="5" t="s">
        <v>69038</v>
      </c>
      <c r="J6249" s="2" t="s">
        <v>69039</v>
      </c>
      <c r="K6249" s="5" t="s">
        <v>69038</v>
      </c>
      <c r="L6249" s="2" t="s">
        <v>69039</v>
      </c>
      <c r="M6249" s="5" t="s">
        <v>1521</v>
      </c>
      <c r="N6249" s="5" t="s">
        <v>38</v>
      </c>
      <c r="O6249" s="5" t="s">
        <v>39</v>
      </c>
      <c r="P6249" s="5" t="s">
        <v>40</v>
      </c>
      <c r="Q6249" s="5" t="s">
        <v>1522</v>
      </c>
      <c r="R6249" s="5" t="s">
        <v>1523</v>
      </c>
      <c r="S6249" s="5" t="s">
        <v>42</v>
      </c>
      <c r="T6249" s="2">
        <v>1.9339999999999999</v>
      </c>
      <c r="U6249" s="2">
        <v>1.417</v>
      </c>
      <c r="V6249" s="2">
        <v>10.6</v>
      </c>
      <c r="W6249" s="2">
        <v>165.1</v>
      </c>
      <c r="X6249" s="2">
        <v>7.6</v>
      </c>
      <c r="Y6249" s="2">
        <v>10.6</v>
      </c>
      <c r="Z6249" s="5"/>
      <c r="AA6249" s="5" t="s">
        <v>43</v>
      </c>
      <c r="AB6249" s="5" t="s">
        <v>44</v>
      </c>
      <c r="AC6249" s="2"/>
      <c r="AD6249" s="1"/>
    </row>
    <row r="6250" spans="1:30">
      <c r="A6250" s="5" t="s">
        <v>83578</v>
      </c>
      <c r="B6250" s="2" t="s">
        <v>102865</v>
      </c>
      <c r="C6250" s="14" t="s">
        <v>102866</v>
      </c>
      <c r="D6250" s="2" t="s">
        <v>102867</v>
      </c>
      <c r="E6250" s="2" t="s">
        <v>7547</v>
      </c>
      <c r="F6250" s="8">
        <v>155</v>
      </c>
      <c r="G6250" s="5">
        <v>6</v>
      </c>
      <c r="H6250" s="5" t="s">
        <v>1518</v>
      </c>
      <c r="I6250" s="5" t="s">
        <v>69038</v>
      </c>
      <c r="J6250" s="2" t="s">
        <v>69039</v>
      </c>
      <c r="K6250" s="5" t="s">
        <v>69038</v>
      </c>
      <c r="L6250" s="2" t="s">
        <v>69039</v>
      </c>
      <c r="M6250" s="5" t="s">
        <v>1521</v>
      </c>
      <c r="N6250" s="5" t="s">
        <v>38</v>
      </c>
      <c r="O6250" s="5" t="s">
        <v>39</v>
      </c>
      <c r="P6250" s="5" t="s">
        <v>40</v>
      </c>
      <c r="Q6250" s="5" t="s">
        <v>1522</v>
      </c>
      <c r="R6250" s="5" t="s">
        <v>1523</v>
      </c>
      <c r="S6250" s="5" t="s">
        <v>42</v>
      </c>
      <c r="T6250" s="2">
        <v>1.9339999999999999</v>
      </c>
      <c r="U6250" s="2">
        <v>1.417</v>
      </c>
      <c r="V6250" s="2">
        <v>10.6</v>
      </c>
      <c r="W6250" s="2">
        <v>165.1</v>
      </c>
      <c r="X6250" s="2">
        <v>7.6</v>
      </c>
      <c r="Y6250" s="2">
        <v>10.6</v>
      </c>
      <c r="Z6250" s="5"/>
      <c r="AA6250" s="5" t="s">
        <v>43</v>
      </c>
      <c r="AB6250" s="5" t="s">
        <v>44</v>
      </c>
      <c r="AC6250" s="2"/>
      <c r="AD6250" s="1"/>
    </row>
    <row r="6251" spans="1:30">
      <c r="A6251" s="5" t="s">
        <v>83578</v>
      </c>
      <c r="B6251" s="2" t="s">
        <v>102868</v>
      </c>
      <c r="C6251" s="14" t="s">
        <v>102869</v>
      </c>
      <c r="D6251" s="2" t="s">
        <v>102870</v>
      </c>
      <c r="E6251" s="2" t="s">
        <v>7551</v>
      </c>
      <c r="F6251" s="8">
        <v>155</v>
      </c>
      <c r="G6251" s="5">
        <v>6</v>
      </c>
      <c r="H6251" s="5" t="s">
        <v>1518</v>
      </c>
      <c r="I6251" s="5" t="s">
        <v>69038</v>
      </c>
      <c r="J6251" s="2" t="s">
        <v>69039</v>
      </c>
      <c r="K6251" s="5" t="s">
        <v>69038</v>
      </c>
      <c r="L6251" s="2" t="s">
        <v>69039</v>
      </c>
      <c r="M6251" s="5" t="s">
        <v>1521</v>
      </c>
      <c r="N6251" s="5" t="s">
        <v>38</v>
      </c>
      <c r="O6251" s="5" t="s">
        <v>39</v>
      </c>
      <c r="P6251" s="5" t="s">
        <v>40</v>
      </c>
      <c r="Q6251" s="5" t="s">
        <v>1522</v>
      </c>
      <c r="R6251" s="5" t="s">
        <v>1523</v>
      </c>
      <c r="S6251" s="5" t="s">
        <v>42</v>
      </c>
      <c r="T6251" s="2">
        <v>2.0299999999999998</v>
      </c>
      <c r="U6251" s="2">
        <v>1.5129999999999999</v>
      </c>
      <c r="V6251" s="2">
        <v>10.6</v>
      </c>
      <c r="W6251" s="2">
        <v>165.1</v>
      </c>
      <c r="X6251" s="2">
        <v>7.6</v>
      </c>
      <c r="Y6251" s="2">
        <v>10.6</v>
      </c>
      <c r="Z6251" s="5"/>
      <c r="AA6251" s="5" t="s">
        <v>43</v>
      </c>
      <c r="AB6251" s="5" t="s">
        <v>44</v>
      </c>
      <c r="AC6251" s="2"/>
      <c r="AD6251" s="1"/>
    </row>
    <row r="6252" spans="1:30">
      <c r="A6252" s="5" t="s">
        <v>83578</v>
      </c>
      <c r="B6252" s="2" t="s">
        <v>102871</v>
      </c>
      <c r="C6252" s="14" t="s">
        <v>102872</v>
      </c>
      <c r="D6252" s="2" t="s">
        <v>102873</v>
      </c>
      <c r="E6252" s="2" t="s">
        <v>7563</v>
      </c>
      <c r="F6252" s="8">
        <v>155</v>
      </c>
      <c r="G6252" s="5">
        <v>6</v>
      </c>
      <c r="H6252" s="5" t="s">
        <v>1518</v>
      </c>
      <c r="I6252" s="5" t="s">
        <v>69038</v>
      </c>
      <c r="J6252" s="2" t="s">
        <v>69039</v>
      </c>
      <c r="K6252" s="5" t="s">
        <v>69038</v>
      </c>
      <c r="L6252" s="2" t="s">
        <v>69039</v>
      </c>
      <c r="M6252" s="5" t="s">
        <v>1521</v>
      </c>
      <c r="N6252" s="5" t="s">
        <v>38</v>
      </c>
      <c r="O6252" s="5" t="s">
        <v>39</v>
      </c>
      <c r="P6252" s="5" t="s">
        <v>40</v>
      </c>
      <c r="Q6252" s="5" t="s">
        <v>1522</v>
      </c>
      <c r="R6252" s="5" t="s">
        <v>1523</v>
      </c>
      <c r="S6252" s="5" t="s">
        <v>42</v>
      </c>
      <c r="T6252" s="2">
        <v>1.9339999999999999</v>
      </c>
      <c r="U6252" s="2">
        <v>1.417</v>
      </c>
      <c r="V6252" s="2">
        <v>10.6</v>
      </c>
      <c r="W6252" s="2">
        <v>165.1</v>
      </c>
      <c r="X6252" s="2">
        <v>7.6</v>
      </c>
      <c r="Y6252" s="2">
        <v>10.6</v>
      </c>
      <c r="Z6252" s="5"/>
      <c r="AA6252" s="5" t="s">
        <v>43</v>
      </c>
      <c r="AB6252" s="5" t="s">
        <v>44</v>
      </c>
      <c r="AC6252" s="2"/>
      <c r="AD6252" s="1"/>
    </row>
    <row r="6253" spans="1:30">
      <c r="A6253" s="5" t="s">
        <v>83578</v>
      </c>
      <c r="B6253" s="2" t="s">
        <v>102874</v>
      </c>
      <c r="C6253" s="14" t="s">
        <v>102875</v>
      </c>
      <c r="D6253" s="2" t="s">
        <v>102876</v>
      </c>
      <c r="E6253" s="2" t="s">
        <v>7567</v>
      </c>
      <c r="F6253" s="8">
        <v>155</v>
      </c>
      <c r="G6253" s="5">
        <v>6</v>
      </c>
      <c r="H6253" s="5" t="s">
        <v>1518</v>
      </c>
      <c r="I6253" s="5" t="s">
        <v>69038</v>
      </c>
      <c r="J6253" s="2" t="s">
        <v>69039</v>
      </c>
      <c r="K6253" s="5" t="s">
        <v>69038</v>
      </c>
      <c r="L6253" s="2" t="s">
        <v>69039</v>
      </c>
      <c r="M6253" s="5" t="s">
        <v>1521</v>
      </c>
      <c r="N6253" s="5" t="s">
        <v>38</v>
      </c>
      <c r="O6253" s="5" t="s">
        <v>39</v>
      </c>
      <c r="P6253" s="5" t="s">
        <v>40</v>
      </c>
      <c r="Q6253" s="5" t="s">
        <v>1522</v>
      </c>
      <c r="R6253" s="5" t="s">
        <v>1523</v>
      </c>
      <c r="S6253" s="5" t="s">
        <v>42</v>
      </c>
      <c r="T6253" s="2">
        <v>2.0299999999999998</v>
      </c>
      <c r="U6253" s="2">
        <v>1.5129999999999999</v>
      </c>
      <c r="V6253" s="2">
        <v>10.6</v>
      </c>
      <c r="W6253" s="2">
        <v>165.1</v>
      </c>
      <c r="X6253" s="2">
        <v>7.6</v>
      </c>
      <c r="Y6253" s="2">
        <v>10.6</v>
      </c>
      <c r="Z6253" s="5"/>
      <c r="AA6253" s="5" t="s">
        <v>43</v>
      </c>
      <c r="AB6253" s="5" t="s">
        <v>44</v>
      </c>
      <c r="AC6253" s="2"/>
      <c r="AD6253" s="1"/>
    </row>
    <row r="6254" spans="1:30">
      <c r="A6254" s="5" t="s">
        <v>83578</v>
      </c>
      <c r="B6254" s="2" t="s">
        <v>102877</v>
      </c>
      <c r="C6254" s="14" t="s">
        <v>102878</v>
      </c>
      <c r="D6254" s="2" t="s">
        <v>102879</v>
      </c>
      <c r="E6254" s="2" t="s">
        <v>7555</v>
      </c>
      <c r="F6254" s="8">
        <v>155</v>
      </c>
      <c r="G6254" s="5">
        <v>6</v>
      </c>
      <c r="H6254" s="5" t="s">
        <v>1518</v>
      </c>
      <c r="I6254" s="5" t="s">
        <v>69038</v>
      </c>
      <c r="J6254" s="2" t="s">
        <v>69039</v>
      </c>
      <c r="K6254" s="5" t="s">
        <v>69038</v>
      </c>
      <c r="L6254" s="2" t="s">
        <v>69039</v>
      </c>
      <c r="M6254" s="5" t="s">
        <v>1521</v>
      </c>
      <c r="N6254" s="5" t="s">
        <v>38</v>
      </c>
      <c r="O6254" s="5" t="s">
        <v>39</v>
      </c>
      <c r="P6254" s="5" t="s">
        <v>40</v>
      </c>
      <c r="Q6254" s="5" t="s">
        <v>1522</v>
      </c>
      <c r="R6254" s="5" t="s">
        <v>1523</v>
      </c>
      <c r="S6254" s="5" t="s">
        <v>42</v>
      </c>
      <c r="T6254" s="2">
        <v>1.9339999999999999</v>
      </c>
      <c r="U6254" s="2">
        <v>1.417</v>
      </c>
      <c r="V6254" s="2">
        <v>10.6</v>
      </c>
      <c r="W6254" s="2">
        <v>165.1</v>
      </c>
      <c r="X6254" s="2">
        <v>7.6</v>
      </c>
      <c r="Y6254" s="2">
        <v>10.6</v>
      </c>
      <c r="Z6254" s="5"/>
      <c r="AA6254" s="5" t="s">
        <v>43</v>
      </c>
      <c r="AB6254" s="5" t="s">
        <v>44</v>
      </c>
      <c r="AC6254" s="2"/>
      <c r="AD6254" s="1"/>
    </row>
    <row r="6255" spans="1:30">
      <c r="A6255" s="5" t="s">
        <v>83578</v>
      </c>
      <c r="B6255" s="2" t="s">
        <v>102880</v>
      </c>
      <c r="C6255" s="14" t="s">
        <v>102881</v>
      </c>
      <c r="D6255" s="2" t="s">
        <v>102882</v>
      </c>
      <c r="E6255" s="2" t="s">
        <v>7559</v>
      </c>
      <c r="F6255" s="8">
        <v>155</v>
      </c>
      <c r="G6255" s="5">
        <v>6</v>
      </c>
      <c r="H6255" s="5" t="s">
        <v>1518</v>
      </c>
      <c r="I6255" s="5" t="s">
        <v>69038</v>
      </c>
      <c r="J6255" s="2" t="s">
        <v>69039</v>
      </c>
      <c r="K6255" s="5" t="s">
        <v>69038</v>
      </c>
      <c r="L6255" s="2" t="s">
        <v>69039</v>
      </c>
      <c r="M6255" s="5" t="s">
        <v>1521</v>
      </c>
      <c r="N6255" s="5" t="s">
        <v>38</v>
      </c>
      <c r="O6255" s="5" t="s">
        <v>39</v>
      </c>
      <c r="P6255" s="5" t="s">
        <v>40</v>
      </c>
      <c r="Q6255" s="5" t="s">
        <v>1522</v>
      </c>
      <c r="R6255" s="5" t="s">
        <v>1523</v>
      </c>
      <c r="S6255" s="5" t="s">
        <v>42</v>
      </c>
      <c r="T6255" s="2">
        <v>2.0299999999999998</v>
      </c>
      <c r="U6255" s="2">
        <v>1.5129999999999999</v>
      </c>
      <c r="V6255" s="2">
        <v>10.6</v>
      </c>
      <c r="W6255" s="2">
        <v>165.1</v>
      </c>
      <c r="X6255" s="2">
        <v>7.6</v>
      </c>
      <c r="Y6255" s="2">
        <v>10.6</v>
      </c>
      <c r="Z6255" s="5"/>
      <c r="AA6255" s="5" t="s">
        <v>43</v>
      </c>
      <c r="AB6255" s="5" t="s">
        <v>44</v>
      </c>
      <c r="AC6255" s="2"/>
      <c r="AD6255" s="1"/>
    </row>
    <row r="6256" spans="1:30">
      <c r="A6256" s="5" t="s">
        <v>83578</v>
      </c>
      <c r="B6256" s="2" t="s">
        <v>102883</v>
      </c>
      <c r="C6256" s="14" t="s">
        <v>102884</v>
      </c>
      <c r="D6256" s="2" t="s">
        <v>102885</v>
      </c>
      <c r="E6256" s="2" t="s">
        <v>7429</v>
      </c>
      <c r="F6256" s="8">
        <v>155</v>
      </c>
      <c r="G6256" s="5">
        <v>6</v>
      </c>
      <c r="H6256" s="5" t="s">
        <v>1518</v>
      </c>
      <c r="I6256" s="5" t="s">
        <v>69038</v>
      </c>
      <c r="J6256" s="2" t="s">
        <v>69039</v>
      </c>
      <c r="K6256" s="5" t="s">
        <v>69038</v>
      </c>
      <c r="L6256" s="2" t="s">
        <v>69039</v>
      </c>
      <c r="M6256" s="5" t="s">
        <v>1521</v>
      </c>
      <c r="N6256" s="5" t="s">
        <v>38</v>
      </c>
      <c r="O6256" s="5" t="s">
        <v>39</v>
      </c>
      <c r="P6256" s="5" t="s">
        <v>40</v>
      </c>
      <c r="Q6256" s="5" t="s">
        <v>1522</v>
      </c>
      <c r="R6256" s="5" t="s">
        <v>1523</v>
      </c>
      <c r="S6256" s="5" t="s">
        <v>42</v>
      </c>
      <c r="T6256" s="2">
        <v>1.9339999999999999</v>
      </c>
      <c r="U6256" s="2">
        <v>1.417</v>
      </c>
      <c r="V6256" s="2">
        <v>10.6</v>
      </c>
      <c r="W6256" s="2">
        <v>165.1</v>
      </c>
      <c r="X6256" s="2">
        <v>7.6</v>
      </c>
      <c r="Y6256" s="2">
        <v>10.6</v>
      </c>
      <c r="Z6256" s="5"/>
      <c r="AA6256" s="5" t="s">
        <v>43</v>
      </c>
      <c r="AB6256" s="5" t="s">
        <v>44</v>
      </c>
      <c r="AC6256" s="2"/>
      <c r="AD6256" s="1"/>
    </row>
    <row r="6257" spans="1:30">
      <c r="A6257" s="5" t="s">
        <v>83578</v>
      </c>
      <c r="B6257" s="2" t="s">
        <v>102886</v>
      </c>
      <c r="C6257" s="14" t="s">
        <v>102887</v>
      </c>
      <c r="D6257" s="2" t="s">
        <v>102888</v>
      </c>
      <c r="E6257" s="2" t="s">
        <v>7574</v>
      </c>
      <c r="F6257" s="8">
        <v>155</v>
      </c>
      <c r="G6257" s="5">
        <v>6</v>
      </c>
      <c r="H6257" s="5" t="s">
        <v>1518</v>
      </c>
      <c r="I6257" s="5" t="s">
        <v>69038</v>
      </c>
      <c r="J6257" s="2" t="s">
        <v>69039</v>
      </c>
      <c r="K6257" s="5" t="s">
        <v>69038</v>
      </c>
      <c r="L6257" s="2" t="s">
        <v>69039</v>
      </c>
      <c r="M6257" s="5" t="s">
        <v>1521</v>
      </c>
      <c r="N6257" s="5" t="s">
        <v>38</v>
      </c>
      <c r="O6257" s="5" t="s">
        <v>39</v>
      </c>
      <c r="P6257" s="5" t="s">
        <v>40</v>
      </c>
      <c r="Q6257" s="5" t="s">
        <v>1522</v>
      </c>
      <c r="R6257" s="5" t="s">
        <v>1523</v>
      </c>
      <c r="S6257" s="5" t="s">
        <v>42</v>
      </c>
      <c r="T6257" s="2">
        <v>2.0299999999999998</v>
      </c>
      <c r="U6257" s="2">
        <v>1.5129999999999999</v>
      </c>
      <c r="V6257" s="2">
        <v>10.6</v>
      </c>
      <c r="W6257" s="2">
        <v>165.1</v>
      </c>
      <c r="X6257" s="2">
        <v>7.6</v>
      </c>
      <c r="Y6257" s="2">
        <v>10.6</v>
      </c>
      <c r="Z6257" s="5"/>
      <c r="AA6257" s="5" t="s">
        <v>43</v>
      </c>
      <c r="AB6257" s="5" t="s">
        <v>44</v>
      </c>
      <c r="AC6257" s="2"/>
      <c r="AD6257" s="1"/>
    </row>
    <row r="6258" spans="1:30">
      <c r="A6258" s="5" t="s">
        <v>83578</v>
      </c>
      <c r="B6258" s="2" t="s">
        <v>102889</v>
      </c>
      <c r="C6258" s="14" t="s">
        <v>102890</v>
      </c>
      <c r="D6258" s="2" t="s">
        <v>102891</v>
      </c>
      <c r="E6258" s="2" t="s">
        <v>7449</v>
      </c>
      <c r="F6258" s="8">
        <v>155</v>
      </c>
      <c r="G6258" s="5">
        <v>6</v>
      </c>
      <c r="H6258" s="5" t="s">
        <v>1518</v>
      </c>
      <c r="I6258" s="5" t="s">
        <v>69038</v>
      </c>
      <c r="J6258" s="2" t="s">
        <v>69039</v>
      </c>
      <c r="K6258" s="5" t="s">
        <v>69038</v>
      </c>
      <c r="L6258" s="2" t="s">
        <v>69039</v>
      </c>
      <c r="M6258" s="5" t="s">
        <v>1521</v>
      </c>
      <c r="N6258" s="5" t="s">
        <v>38</v>
      </c>
      <c r="O6258" s="5" t="s">
        <v>39</v>
      </c>
      <c r="P6258" s="5" t="s">
        <v>40</v>
      </c>
      <c r="Q6258" s="5" t="s">
        <v>1522</v>
      </c>
      <c r="R6258" s="5" t="s">
        <v>1523</v>
      </c>
      <c r="S6258" s="5" t="s">
        <v>42</v>
      </c>
      <c r="T6258" s="2">
        <v>1.9339999999999999</v>
      </c>
      <c r="U6258" s="2">
        <v>1.417</v>
      </c>
      <c r="V6258" s="2">
        <v>10.6</v>
      </c>
      <c r="W6258" s="2">
        <v>165.1</v>
      </c>
      <c r="X6258" s="2">
        <v>7.6</v>
      </c>
      <c r="Y6258" s="2">
        <v>10.6</v>
      </c>
      <c r="Z6258" s="5"/>
      <c r="AA6258" s="5" t="s">
        <v>43</v>
      </c>
      <c r="AB6258" s="5" t="s">
        <v>44</v>
      </c>
      <c r="AC6258" s="2"/>
      <c r="AD6258" s="1"/>
    </row>
    <row r="6259" spans="1:30">
      <c r="A6259" s="5" t="s">
        <v>83578</v>
      </c>
      <c r="B6259" s="2" t="s">
        <v>102892</v>
      </c>
      <c r="C6259" s="14" t="s">
        <v>102893</v>
      </c>
      <c r="D6259" s="2" t="s">
        <v>102894</v>
      </c>
      <c r="E6259" s="2" t="s">
        <v>7581</v>
      </c>
      <c r="F6259" s="8">
        <v>155</v>
      </c>
      <c r="G6259" s="5">
        <v>6</v>
      </c>
      <c r="H6259" s="5" t="s">
        <v>1518</v>
      </c>
      <c r="I6259" s="5" t="s">
        <v>69038</v>
      </c>
      <c r="J6259" s="2" t="s">
        <v>69039</v>
      </c>
      <c r="K6259" s="5" t="s">
        <v>69038</v>
      </c>
      <c r="L6259" s="2" t="s">
        <v>69039</v>
      </c>
      <c r="M6259" s="5" t="s">
        <v>1521</v>
      </c>
      <c r="N6259" s="5" t="s">
        <v>38</v>
      </c>
      <c r="O6259" s="5" t="s">
        <v>39</v>
      </c>
      <c r="P6259" s="5" t="s">
        <v>40</v>
      </c>
      <c r="Q6259" s="5" t="s">
        <v>1522</v>
      </c>
      <c r="R6259" s="5" t="s">
        <v>1523</v>
      </c>
      <c r="S6259" s="5" t="s">
        <v>42</v>
      </c>
      <c r="T6259" s="2">
        <v>2.0299999999999998</v>
      </c>
      <c r="U6259" s="2">
        <v>1.5129999999999999</v>
      </c>
      <c r="V6259" s="2">
        <v>10.6</v>
      </c>
      <c r="W6259" s="2">
        <v>165.1</v>
      </c>
      <c r="X6259" s="2">
        <v>7.6</v>
      </c>
      <c r="Y6259" s="2">
        <v>10.6</v>
      </c>
      <c r="Z6259" s="5"/>
      <c r="AA6259" s="5" t="s">
        <v>43</v>
      </c>
      <c r="AB6259" s="5" t="s">
        <v>44</v>
      </c>
      <c r="AC6259" s="2"/>
      <c r="AD6259" s="1"/>
    </row>
    <row r="6260" spans="1:30">
      <c r="A6260" s="5" t="s">
        <v>83578</v>
      </c>
      <c r="B6260" s="2" t="s">
        <v>102895</v>
      </c>
      <c r="C6260" s="14" t="s">
        <v>102896</v>
      </c>
      <c r="D6260" s="2" t="s">
        <v>102897</v>
      </c>
      <c r="E6260" s="2" t="s">
        <v>7585</v>
      </c>
      <c r="F6260" s="8">
        <v>155</v>
      </c>
      <c r="G6260" s="5">
        <v>6</v>
      </c>
      <c r="H6260" s="5" t="s">
        <v>1518</v>
      </c>
      <c r="I6260" s="5" t="s">
        <v>69038</v>
      </c>
      <c r="J6260" s="2" t="s">
        <v>69039</v>
      </c>
      <c r="K6260" s="5" t="s">
        <v>69038</v>
      </c>
      <c r="L6260" s="2" t="s">
        <v>69039</v>
      </c>
      <c r="M6260" s="5" t="s">
        <v>1521</v>
      </c>
      <c r="N6260" s="5" t="s">
        <v>38</v>
      </c>
      <c r="O6260" s="5" t="s">
        <v>39</v>
      </c>
      <c r="P6260" s="5" t="s">
        <v>40</v>
      </c>
      <c r="Q6260" s="5" t="s">
        <v>1522</v>
      </c>
      <c r="R6260" s="5" t="s">
        <v>1523</v>
      </c>
      <c r="S6260" s="5" t="s">
        <v>42</v>
      </c>
      <c r="T6260" s="2">
        <v>1.9339999999999999</v>
      </c>
      <c r="U6260" s="2">
        <v>1.417</v>
      </c>
      <c r="V6260" s="2">
        <v>10.6</v>
      </c>
      <c r="W6260" s="2">
        <v>165.1</v>
      </c>
      <c r="X6260" s="2">
        <v>7.6</v>
      </c>
      <c r="Y6260" s="2">
        <v>10.6</v>
      </c>
      <c r="Z6260" s="5"/>
      <c r="AA6260" s="5" t="s">
        <v>43</v>
      </c>
      <c r="AB6260" s="5" t="s">
        <v>44</v>
      </c>
      <c r="AC6260" s="2"/>
      <c r="AD6260" s="1"/>
    </row>
    <row r="6261" spans="1:30">
      <c r="A6261" s="5" t="s">
        <v>83578</v>
      </c>
      <c r="B6261" s="2" t="s">
        <v>102898</v>
      </c>
      <c r="C6261" s="14" t="s">
        <v>102899</v>
      </c>
      <c r="D6261" s="2" t="s">
        <v>102900</v>
      </c>
      <c r="E6261" s="2" t="s">
        <v>7589</v>
      </c>
      <c r="F6261" s="8">
        <v>155</v>
      </c>
      <c r="G6261" s="5">
        <v>6</v>
      </c>
      <c r="H6261" s="5" t="s">
        <v>1518</v>
      </c>
      <c r="I6261" s="5" t="s">
        <v>69038</v>
      </c>
      <c r="J6261" s="2" t="s">
        <v>69039</v>
      </c>
      <c r="K6261" s="5" t="s">
        <v>69038</v>
      </c>
      <c r="L6261" s="2" t="s">
        <v>69039</v>
      </c>
      <c r="M6261" s="5" t="s">
        <v>1521</v>
      </c>
      <c r="N6261" s="5" t="s">
        <v>38</v>
      </c>
      <c r="O6261" s="5" t="s">
        <v>39</v>
      </c>
      <c r="P6261" s="5" t="s">
        <v>40</v>
      </c>
      <c r="Q6261" s="5" t="s">
        <v>1522</v>
      </c>
      <c r="R6261" s="5" t="s">
        <v>1523</v>
      </c>
      <c r="S6261" s="5" t="s">
        <v>42</v>
      </c>
      <c r="T6261" s="2">
        <v>2.0299999999999998</v>
      </c>
      <c r="U6261" s="2">
        <v>1.5129999999999999</v>
      </c>
      <c r="V6261" s="2">
        <v>10.6</v>
      </c>
      <c r="W6261" s="2">
        <v>165.1</v>
      </c>
      <c r="X6261" s="2">
        <v>7.6</v>
      </c>
      <c r="Y6261" s="2">
        <v>10.6</v>
      </c>
      <c r="Z6261" s="5"/>
      <c r="AA6261" s="5" t="s">
        <v>43</v>
      </c>
      <c r="AB6261" s="5" t="s">
        <v>44</v>
      </c>
      <c r="AC6261" s="2"/>
      <c r="AD6261" s="1"/>
    </row>
    <row r="6262" spans="1:30">
      <c r="A6262" s="5" t="s">
        <v>83578</v>
      </c>
      <c r="B6262" s="2" t="s">
        <v>102901</v>
      </c>
      <c r="C6262" s="14" t="s">
        <v>102902</v>
      </c>
      <c r="D6262" s="2" t="s">
        <v>102903</v>
      </c>
      <c r="E6262" s="2" t="s">
        <v>7593</v>
      </c>
      <c r="F6262" s="8">
        <v>155</v>
      </c>
      <c r="G6262" s="5">
        <v>6</v>
      </c>
      <c r="H6262" s="5" t="s">
        <v>1518</v>
      </c>
      <c r="I6262" s="5" t="s">
        <v>69038</v>
      </c>
      <c r="J6262" s="2" t="s">
        <v>69039</v>
      </c>
      <c r="K6262" s="5" t="s">
        <v>69038</v>
      </c>
      <c r="L6262" s="2" t="s">
        <v>69039</v>
      </c>
      <c r="M6262" s="5" t="s">
        <v>1521</v>
      </c>
      <c r="N6262" s="5" t="s">
        <v>38</v>
      </c>
      <c r="O6262" s="5" t="s">
        <v>39</v>
      </c>
      <c r="P6262" s="5" t="s">
        <v>40</v>
      </c>
      <c r="Q6262" s="5" t="s">
        <v>1522</v>
      </c>
      <c r="R6262" s="5" t="s">
        <v>1523</v>
      </c>
      <c r="S6262" s="5" t="s">
        <v>42</v>
      </c>
      <c r="T6262" s="2">
        <v>1.9339999999999999</v>
      </c>
      <c r="U6262" s="2">
        <v>1.417</v>
      </c>
      <c r="V6262" s="2">
        <v>10.6</v>
      </c>
      <c r="W6262" s="2">
        <v>165.1</v>
      </c>
      <c r="X6262" s="2">
        <v>7.6</v>
      </c>
      <c r="Y6262" s="2">
        <v>10.6</v>
      </c>
      <c r="Z6262" s="5"/>
      <c r="AA6262" s="5" t="s">
        <v>43</v>
      </c>
      <c r="AB6262" s="5" t="s">
        <v>44</v>
      </c>
      <c r="AC6262" s="2"/>
      <c r="AD6262" s="1"/>
    </row>
    <row r="6263" spans="1:30">
      <c r="A6263" s="5" t="s">
        <v>83578</v>
      </c>
      <c r="B6263" s="2" t="s">
        <v>102904</v>
      </c>
      <c r="C6263" s="14" t="s">
        <v>102905</v>
      </c>
      <c r="D6263" s="2" t="s">
        <v>102906</v>
      </c>
      <c r="E6263" s="2" t="s">
        <v>7597</v>
      </c>
      <c r="F6263" s="8">
        <v>155</v>
      </c>
      <c r="G6263" s="5">
        <v>6</v>
      </c>
      <c r="H6263" s="5" t="s">
        <v>1518</v>
      </c>
      <c r="I6263" s="5" t="s">
        <v>69038</v>
      </c>
      <c r="J6263" s="2" t="s">
        <v>69039</v>
      </c>
      <c r="K6263" s="5" t="s">
        <v>69038</v>
      </c>
      <c r="L6263" s="2" t="s">
        <v>69039</v>
      </c>
      <c r="M6263" s="5" t="s">
        <v>1521</v>
      </c>
      <c r="N6263" s="5" t="s">
        <v>38</v>
      </c>
      <c r="O6263" s="5" t="s">
        <v>39</v>
      </c>
      <c r="P6263" s="5" t="s">
        <v>40</v>
      </c>
      <c r="Q6263" s="5" t="s">
        <v>1522</v>
      </c>
      <c r="R6263" s="5" t="s">
        <v>1523</v>
      </c>
      <c r="S6263" s="5" t="s">
        <v>42</v>
      </c>
      <c r="T6263" s="2">
        <v>2.0299999999999998</v>
      </c>
      <c r="U6263" s="2">
        <v>1.5129999999999999</v>
      </c>
      <c r="V6263" s="2">
        <v>10.6</v>
      </c>
      <c r="W6263" s="2">
        <v>165.1</v>
      </c>
      <c r="X6263" s="2">
        <v>7.6</v>
      </c>
      <c r="Y6263" s="2">
        <v>10.6</v>
      </c>
      <c r="Z6263" s="5"/>
      <c r="AA6263" s="5" t="s">
        <v>43</v>
      </c>
      <c r="AB6263" s="5" t="s">
        <v>44</v>
      </c>
      <c r="AC6263" s="2"/>
      <c r="AD6263" s="1"/>
    </row>
    <row r="6264" spans="1:30">
      <c r="A6264" s="5" t="s">
        <v>83578</v>
      </c>
      <c r="B6264" s="2" t="s">
        <v>102907</v>
      </c>
      <c r="C6264" s="14" t="s">
        <v>102908</v>
      </c>
      <c r="D6264" s="2" t="s">
        <v>102909</v>
      </c>
      <c r="E6264" s="2" t="s">
        <v>7433</v>
      </c>
      <c r="F6264" s="8">
        <v>155</v>
      </c>
      <c r="G6264" s="5">
        <v>6</v>
      </c>
      <c r="H6264" s="5" t="s">
        <v>1518</v>
      </c>
      <c r="I6264" s="5" t="s">
        <v>69038</v>
      </c>
      <c r="J6264" s="2" t="s">
        <v>69039</v>
      </c>
      <c r="K6264" s="5" t="s">
        <v>69038</v>
      </c>
      <c r="L6264" s="2" t="s">
        <v>69039</v>
      </c>
      <c r="M6264" s="5" t="s">
        <v>1521</v>
      </c>
      <c r="N6264" s="5" t="s">
        <v>38</v>
      </c>
      <c r="O6264" s="5" t="s">
        <v>39</v>
      </c>
      <c r="P6264" s="5" t="s">
        <v>40</v>
      </c>
      <c r="Q6264" s="5" t="s">
        <v>1522</v>
      </c>
      <c r="R6264" s="5" t="s">
        <v>1523</v>
      </c>
      <c r="S6264" s="5" t="s">
        <v>42</v>
      </c>
      <c r="T6264" s="2">
        <v>1.9339999999999999</v>
      </c>
      <c r="U6264" s="2">
        <v>1.417</v>
      </c>
      <c r="V6264" s="2">
        <v>10.6</v>
      </c>
      <c r="W6264" s="2">
        <v>165.1</v>
      </c>
      <c r="X6264" s="2">
        <v>7.6</v>
      </c>
      <c r="Y6264" s="2">
        <v>10.6</v>
      </c>
      <c r="Z6264" s="5"/>
      <c r="AA6264" s="5" t="s">
        <v>43</v>
      </c>
      <c r="AB6264" s="5" t="s">
        <v>44</v>
      </c>
      <c r="AC6264" s="2"/>
      <c r="AD6264" s="1"/>
    </row>
    <row r="6265" spans="1:30">
      <c r="A6265" s="5" t="s">
        <v>83578</v>
      </c>
      <c r="B6265" s="2" t="s">
        <v>102910</v>
      </c>
      <c r="C6265" s="14" t="s">
        <v>102911</v>
      </c>
      <c r="D6265" s="2" t="s">
        <v>102912</v>
      </c>
      <c r="E6265" s="2" t="s">
        <v>7615</v>
      </c>
      <c r="F6265" s="8">
        <v>155</v>
      </c>
      <c r="G6265" s="5">
        <v>6</v>
      </c>
      <c r="H6265" s="5" t="s">
        <v>1518</v>
      </c>
      <c r="I6265" s="5" t="s">
        <v>69038</v>
      </c>
      <c r="J6265" s="2" t="s">
        <v>69039</v>
      </c>
      <c r="K6265" s="5" t="s">
        <v>69038</v>
      </c>
      <c r="L6265" s="2" t="s">
        <v>69039</v>
      </c>
      <c r="M6265" s="5" t="s">
        <v>1521</v>
      </c>
      <c r="N6265" s="5" t="s">
        <v>38</v>
      </c>
      <c r="O6265" s="5" t="s">
        <v>39</v>
      </c>
      <c r="P6265" s="5" t="s">
        <v>40</v>
      </c>
      <c r="Q6265" s="5" t="s">
        <v>1522</v>
      </c>
      <c r="R6265" s="5" t="s">
        <v>1523</v>
      </c>
      <c r="S6265" s="5" t="s">
        <v>42</v>
      </c>
      <c r="T6265" s="2">
        <v>1.9339999999999999</v>
      </c>
      <c r="U6265" s="2">
        <v>1.417</v>
      </c>
      <c r="V6265" s="2">
        <v>10.6</v>
      </c>
      <c r="W6265" s="2">
        <v>165.1</v>
      </c>
      <c r="X6265" s="2">
        <v>7.6</v>
      </c>
      <c r="Y6265" s="2">
        <v>10.6</v>
      </c>
      <c r="Z6265" s="5"/>
      <c r="AA6265" s="5" t="s">
        <v>43</v>
      </c>
      <c r="AB6265" s="5" t="s">
        <v>44</v>
      </c>
      <c r="AC6265" s="2"/>
      <c r="AD6265" s="1"/>
    </row>
    <row r="6266" spans="1:30">
      <c r="A6266" s="5" t="s">
        <v>83578</v>
      </c>
      <c r="B6266" s="2" t="s">
        <v>102913</v>
      </c>
      <c r="C6266" s="14" t="s">
        <v>102914</v>
      </c>
      <c r="D6266" s="2" t="s">
        <v>102915</v>
      </c>
      <c r="E6266" s="2" t="s">
        <v>7619</v>
      </c>
      <c r="F6266" s="8">
        <v>155</v>
      </c>
      <c r="G6266" s="5">
        <v>6</v>
      </c>
      <c r="H6266" s="5" t="s">
        <v>1518</v>
      </c>
      <c r="I6266" s="5" t="s">
        <v>69038</v>
      </c>
      <c r="J6266" s="2" t="s">
        <v>69039</v>
      </c>
      <c r="K6266" s="5" t="s">
        <v>69038</v>
      </c>
      <c r="L6266" s="2" t="s">
        <v>69039</v>
      </c>
      <c r="M6266" s="5" t="s">
        <v>1521</v>
      </c>
      <c r="N6266" s="5" t="s">
        <v>38</v>
      </c>
      <c r="O6266" s="5" t="s">
        <v>39</v>
      </c>
      <c r="P6266" s="5" t="s">
        <v>40</v>
      </c>
      <c r="Q6266" s="5" t="s">
        <v>1522</v>
      </c>
      <c r="R6266" s="5" t="s">
        <v>1523</v>
      </c>
      <c r="S6266" s="5" t="s">
        <v>42</v>
      </c>
      <c r="T6266" s="2">
        <v>2.0299999999999998</v>
      </c>
      <c r="U6266" s="2">
        <v>1.5129999999999999</v>
      </c>
      <c r="V6266" s="2">
        <v>10.6</v>
      </c>
      <c r="W6266" s="2">
        <v>165.1</v>
      </c>
      <c r="X6266" s="2">
        <v>7.6</v>
      </c>
      <c r="Y6266" s="2">
        <v>10.6</v>
      </c>
      <c r="Z6266" s="5"/>
      <c r="AA6266" s="5" t="s">
        <v>43</v>
      </c>
      <c r="AB6266" s="5" t="s">
        <v>44</v>
      </c>
      <c r="AC6266" s="2"/>
      <c r="AD6266" s="1"/>
    </row>
    <row r="6267" spans="1:30">
      <c r="A6267" s="5" t="s">
        <v>83578</v>
      </c>
      <c r="B6267" s="2" t="s">
        <v>102916</v>
      </c>
      <c r="C6267" s="14" t="s">
        <v>102917</v>
      </c>
      <c r="D6267" s="2" t="s">
        <v>102918</v>
      </c>
      <c r="E6267" s="2" t="s">
        <v>7410</v>
      </c>
      <c r="F6267" s="8">
        <v>155</v>
      </c>
      <c r="G6267" s="5">
        <v>6</v>
      </c>
      <c r="H6267" s="5" t="s">
        <v>1518</v>
      </c>
      <c r="I6267" s="5" t="s">
        <v>69038</v>
      </c>
      <c r="J6267" s="2" t="s">
        <v>69039</v>
      </c>
      <c r="K6267" s="5" t="s">
        <v>69038</v>
      </c>
      <c r="L6267" s="2" t="s">
        <v>69039</v>
      </c>
      <c r="M6267" s="5" t="s">
        <v>1521</v>
      </c>
      <c r="N6267" s="5" t="s">
        <v>38</v>
      </c>
      <c r="O6267" s="5" t="s">
        <v>39</v>
      </c>
      <c r="P6267" s="5" t="s">
        <v>40</v>
      </c>
      <c r="Q6267" s="5" t="s">
        <v>1522</v>
      </c>
      <c r="R6267" s="5" t="s">
        <v>1523</v>
      </c>
      <c r="S6267" s="5" t="s">
        <v>42</v>
      </c>
      <c r="T6267" s="2">
        <v>1.9339999999999999</v>
      </c>
      <c r="U6267" s="2">
        <v>1.417</v>
      </c>
      <c r="V6267" s="2">
        <v>10.6</v>
      </c>
      <c r="W6267" s="2">
        <v>165.1</v>
      </c>
      <c r="X6267" s="2">
        <v>7.6</v>
      </c>
      <c r="Y6267" s="2">
        <v>10.6</v>
      </c>
      <c r="Z6267" s="5"/>
      <c r="AA6267" s="5" t="s">
        <v>43</v>
      </c>
      <c r="AB6267" s="5" t="s">
        <v>44</v>
      </c>
      <c r="AC6267" s="2"/>
      <c r="AD6267" s="1"/>
    </row>
    <row r="6268" spans="1:30">
      <c r="A6268" s="5" t="s">
        <v>83578</v>
      </c>
      <c r="B6268" s="2" t="s">
        <v>102919</v>
      </c>
      <c r="C6268" s="14" t="s">
        <v>102920</v>
      </c>
      <c r="D6268" s="2" t="s">
        <v>102921</v>
      </c>
      <c r="E6268" s="2" t="s">
        <v>7604</v>
      </c>
      <c r="F6268" s="8">
        <v>155</v>
      </c>
      <c r="G6268" s="5">
        <v>6</v>
      </c>
      <c r="H6268" s="5" t="s">
        <v>1518</v>
      </c>
      <c r="I6268" s="5" t="s">
        <v>69038</v>
      </c>
      <c r="J6268" s="2" t="s">
        <v>69039</v>
      </c>
      <c r="K6268" s="5" t="s">
        <v>69038</v>
      </c>
      <c r="L6268" s="2" t="s">
        <v>69039</v>
      </c>
      <c r="M6268" s="5" t="s">
        <v>1521</v>
      </c>
      <c r="N6268" s="5" t="s">
        <v>38</v>
      </c>
      <c r="O6268" s="5" t="s">
        <v>39</v>
      </c>
      <c r="P6268" s="5" t="s">
        <v>40</v>
      </c>
      <c r="Q6268" s="5" t="s">
        <v>1522</v>
      </c>
      <c r="R6268" s="5" t="s">
        <v>1523</v>
      </c>
      <c r="S6268" s="5" t="s">
        <v>42</v>
      </c>
      <c r="T6268" s="2">
        <v>2.0299999999999998</v>
      </c>
      <c r="U6268" s="2">
        <v>1.5129999999999999</v>
      </c>
      <c r="V6268" s="2">
        <v>10.6</v>
      </c>
      <c r="W6268" s="2">
        <v>165.1</v>
      </c>
      <c r="X6268" s="2">
        <v>7.6</v>
      </c>
      <c r="Y6268" s="2">
        <v>10.6</v>
      </c>
      <c r="Z6268" s="5"/>
      <c r="AA6268" s="5" t="s">
        <v>43</v>
      </c>
      <c r="AB6268" s="5" t="s">
        <v>44</v>
      </c>
      <c r="AC6268" s="2"/>
      <c r="AD6268" s="1"/>
    </row>
    <row r="6269" spans="1:30">
      <c r="A6269" s="5" t="s">
        <v>83578</v>
      </c>
      <c r="B6269" s="2" t="s">
        <v>102922</v>
      </c>
      <c r="C6269" s="14" t="s">
        <v>102923</v>
      </c>
      <c r="D6269" s="2" t="s">
        <v>102924</v>
      </c>
      <c r="E6269" s="2" t="s">
        <v>7212</v>
      </c>
      <c r="F6269" s="8">
        <v>135</v>
      </c>
      <c r="G6269" s="5">
        <v>6</v>
      </c>
      <c r="H6269" s="5" t="s">
        <v>1518</v>
      </c>
      <c r="I6269" s="5" t="s">
        <v>69038</v>
      </c>
      <c r="J6269" s="2" t="s">
        <v>69039</v>
      </c>
      <c r="K6269" s="5" t="s">
        <v>69038</v>
      </c>
      <c r="L6269" s="2" t="s">
        <v>69039</v>
      </c>
      <c r="M6269" s="5" t="s">
        <v>1521</v>
      </c>
      <c r="N6269" s="5" t="s">
        <v>38</v>
      </c>
      <c r="O6269" s="5" t="s">
        <v>39</v>
      </c>
      <c r="P6269" s="5" t="s">
        <v>40</v>
      </c>
      <c r="Q6269" s="5" t="s">
        <v>1522</v>
      </c>
      <c r="R6269" s="5" t="s">
        <v>1523</v>
      </c>
      <c r="S6269" s="5" t="s">
        <v>42</v>
      </c>
      <c r="T6269" s="2">
        <v>1.9339999999999999</v>
      </c>
      <c r="U6269" s="2">
        <v>1.417</v>
      </c>
      <c r="V6269" s="2">
        <v>10.6</v>
      </c>
      <c r="W6269" s="2">
        <v>165.1</v>
      </c>
      <c r="X6269" s="2">
        <v>7.6</v>
      </c>
      <c r="Y6269" s="2">
        <v>10.6</v>
      </c>
      <c r="Z6269" s="5"/>
      <c r="AA6269" s="5" t="s">
        <v>43</v>
      </c>
      <c r="AB6269" s="5" t="s">
        <v>44</v>
      </c>
      <c r="AC6269" s="2"/>
      <c r="AD6269" s="1"/>
    </row>
    <row r="6270" spans="1:30">
      <c r="A6270" s="5" t="s">
        <v>83578</v>
      </c>
      <c r="B6270" s="2" t="s">
        <v>102925</v>
      </c>
      <c r="C6270" s="14" t="s">
        <v>102926</v>
      </c>
      <c r="D6270" s="2" t="s">
        <v>102927</v>
      </c>
      <c r="E6270" s="2" t="s">
        <v>7528</v>
      </c>
      <c r="F6270" s="8">
        <v>135</v>
      </c>
      <c r="G6270" s="5">
        <v>6</v>
      </c>
      <c r="H6270" s="5" t="s">
        <v>1518</v>
      </c>
      <c r="I6270" s="5" t="s">
        <v>69038</v>
      </c>
      <c r="J6270" s="2" t="s">
        <v>69039</v>
      </c>
      <c r="K6270" s="5" t="s">
        <v>69038</v>
      </c>
      <c r="L6270" s="2" t="s">
        <v>69039</v>
      </c>
      <c r="M6270" s="5" t="s">
        <v>1521</v>
      </c>
      <c r="N6270" s="5" t="s">
        <v>38</v>
      </c>
      <c r="O6270" s="5" t="s">
        <v>39</v>
      </c>
      <c r="P6270" s="5" t="s">
        <v>40</v>
      </c>
      <c r="Q6270" s="5" t="s">
        <v>1522</v>
      </c>
      <c r="R6270" s="5" t="s">
        <v>1523</v>
      </c>
      <c r="S6270" s="5" t="s">
        <v>42</v>
      </c>
      <c r="T6270" s="2">
        <v>2.0299999999999998</v>
      </c>
      <c r="U6270" s="2">
        <v>1.5129999999999999</v>
      </c>
      <c r="V6270" s="2">
        <v>10.6</v>
      </c>
      <c r="W6270" s="2">
        <v>165.1</v>
      </c>
      <c r="X6270" s="2">
        <v>7.6</v>
      </c>
      <c r="Y6270" s="2">
        <v>10.6</v>
      </c>
      <c r="Z6270" s="5"/>
      <c r="AA6270" s="5" t="s">
        <v>43</v>
      </c>
      <c r="AB6270" s="5" t="s">
        <v>44</v>
      </c>
      <c r="AC6270" s="2"/>
      <c r="AD6270" s="1"/>
    </row>
    <row r="6271" spans="1:30">
      <c r="A6271" s="5" t="s">
        <v>83578</v>
      </c>
      <c r="B6271" s="2" t="s">
        <v>102928</v>
      </c>
      <c r="C6271" s="14" t="s">
        <v>102929</v>
      </c>
      <c r="D6271" s="2" t="s">
        <v>102930</v>
      </c>
      <c r="E6271" s="2" t="s">
        <v>7406</v>
      </c>
      <c r="F6271" s="8">
        <v>140</v>
      </c>
      <c r="G6271" s="5">
        <v>6</v>
      </c>
      <c r="H6271" s="5" t="s">
        <v>1518</v>
      </c>
      <c r="I6271" s="5" t="s">
        <v>69038</v>
      </c>
      <c r="J6271" s="2" t="s">
        <v>69039</v>
      </c>
      <c r="K6271" s="5" t="s">
        <v>69038</v>
      </c>
      <c r="L6271" s="2" t="s">
        <v>69039</v>
      </c>
      <c r="M6271" s="5" t="s">
        <v>1521</v>
      </c>
      <c r="N6271" s="5" t="s">
        <v>38</v>
      </c>
      <c r="O6271" s="5" t="s">
        <v>39</v>
      </c>
      <c r="P6271" s="5" t="s">
        <v>40</v>
      </c>
      <c r="Q6271" s="5" t="s">
        <v>1522</v>
      </c>
      <c r="R6271" s="5" t="s">
        <v>1523</v>
      </c>
      <c r="S6271" s="5" t="s">
        <v>42</v>
      </c>
      <c r="T6271" s="2">
        <v>1.4379999999999999</v>
      </c>
      <c r="U6271" s="2">
        <v>1.1060000000000001</v>
      </c>
      <c r="V6271" s="2">
        <v>10.6</v>
      </c>
      <c r="W6271" s="2">
        <v>99.1</v>
      </c>
      <c r="X6271" s="2">
        <v>7.6</v>
      </c>
      <c r="Y6271" s="2">
        <v>10.6</v>
      </c>
      <c r="Z6271" s="5"/>
      <c r="AA6271" s="5" t="s">
        <v>43</v>
      </c>
      <c r="AB6271" s="5" t="s">
        <v>44</v>
      </c>
      <c r="AC6271" s="2"/>
      <c r="AD6271" s="1"/>
    </row>
    <row r="6272" spans="1:30">
      <c r="A6272" s="5" t="s">
        <v>83578</v>
      </c>
      <c r="B6272" s="2" t="s">
        <v>102931</v>
      </c>
      <c r="C6272" s="14" t="s">
        <v>102932</v>
      </c>
      <c r="D6272" s="2" t="s">
        <v>102933</v>
      </c>
      <c r="E6272" s="2" t="s">
        <v>7535</v>
      </c>
      <c r="F6272" s="8">
        <v>140</v>
      </c>
      <c r="G6272" s="5">
        <v>6</v>
      </c>
      <c r="H6272" s="5" t="s">
        <v>1518</v>
      </c>
      <c r="I6272" s="5" t="s">
        <v>69038</v>
      </c>
      <c r="J6272" s="2" t="s">
        <v>69039</v>
      </c>
      <c r="K6272" s="5" t="s">
        <v>69038</v>
      </c>
      <c r="L6272" s="2" t="s">
        <v>69039</v>
      </c>
      <c r="M6272" s="5" t="s">
        <v>1521</v>
      </c>
      <c r="N6272" s="5" t="s">
        <v>38</v>
      </c>
      <c r="O6272" s="5" t="s">
        <v>39</v>
      </c>
      <c r="P6272" s="5" t="s">
        <v>40</v>
      </c>
      <c r="Q6272" s="5" t="s">
        <v>1522</v>
      </c>
      <c r="R6272" s="5" t="s">
        <v>1523</v>
      </c>
      <c r="S6272" s="5" t="s">
        <v>42</v>
      </c>
      <c r="T6272" s="2">
        <v>1.4950000000000001</v>
      </c>
      <c r="U6272" s="2">
        <v>1.163</v>
      </c>
      <c r="V6272" s="2">
        <v>10.6</v>
      </c>
      <c r="W6272" s="2">
        <v>99.1</v>
      </c>
      <c r="X6272" s="2">
        <v>7.6</v>
      </c>
      <c r="Y6272" s="2">
        <v>10.6</v>
      </c>
      <c r="Z6272" s="5"/>
      <c r="AA6272" s="5" t="s">
        <v>43</v>
      </c>
      <c r="AB6272" s="5" t="s">
        <v>44</v>
      </c>
      <c r="AC6272" s="2"/>
      <c r="AD6272" s="1"/>
    </row>
    <row r="6273" spans="1:30">
      <c r="A6273" s="5" t="s">
        <v>83578</v>
      </c>
      <c r="B6273" s="2" t="s">
        <v>102934</v>
      </c>
      <c r="C6273" s="14" t="s">
        <v>102935</v>
      </c>
      <c r="D6273" s="2" t="s">
        <v>102936</v>
      </c>
      <c r="E6273" s="2" t="s">
        <v>7547</v>
      </c>
      <c r="F6273" s="8">
        <v>140</v>
      </c>
      <c r="G6273" s="5">
        <v>6</v>
      </c>
      <c r="H6273" s="5" t="s">
        <v>1518</v>
      </c>
      <c r="I6273" s="5" t="s">
        <v>69038</v>
      </c>
      <c r="J6273" s="2" t="s">
        <v>69039</v>
      </c>
      <c r="K6273" s="5" t="s">
        <v>69038</v>
      </c>
      <c r="L6273" s="2" t="s">
        <v>69039</v>
      </c>
      <c r="M6273" s="5" t="s">
        <v>1521</v>
      </c>
      <c r="N6273" s="5" t="s">
        <v>38</v>
      </c>
      <c r="O6273" s="5" t="s">
        <v>39</v>
      </c>
      <c r="P6273" s="5" t="s">
        <v>40</v>
      </c>
      <c r="Q6273" s="5" t="s">
        <v>1522</v>
      </c>
      <c r="R6273" s="5" t="s">
        <v>1523</v>
      </c>
      <c r="S6273" s="5" t="s">
        <v>42</v>
      </c>
      <c r="T6273" s="2">
        <v>1.4379999999999999</v>
      </c>
      <c r="U6273" s="2">
        <v>1.1060000000000001</v>
      </c>
      <c r="V6273" s="2">
        <v>10.6</v>
      </c>
      <c r="W6273" s="2">
        <v>99.1</v>
      </c>
      <c r="X6273" s="2">
        <v>7.6</v>
      </c>
      <c r="Y6273" s="2">
        <v>10.6</v>
      </c>
      <c r="Z6273" s="5"/>
      <c r="AA6273" s="5" t="s">
        <v>43</v>
      </c>
      <c r="AB6273" s="5" t="s">
        <v>44</v>
      </c>
      <c r="AC6273" s="2"/>
      <c r="AD6273" s="1"/>
    </row>
    <row r="6274" spans="1:30">
      <c r="A6274" s="5" t="s">
        <v>83578</v>
      </c>
      <c r="B6274" s="2" t="s">
        <v>102937</v>
      </c>
      <c r="C6274" s="14" t="s">
        <v>102938</v>
      </c>
      <c r="D6274" s="2" t="s">
        <v>102939</v>
      </c>
      <c r="E6274" s="2" t="s">
        <v>7551</v>
      </c>
      <c r="F6274" s="8">
        <v>140</v>
      </c>
      <c r="G6274" s="5">
        <v>6</v>
      </c>
      <c r="H6274" s="5" t="s">
        <v>1518</v>
      </c>
      <c r="I6274" s="5" t="s">
        <v>69038</v>
      </c>
      <c r="J6274" s="2" t="s">
        <v>69039</v>
      </c>
      <c r="K6274" s="5" t="s">
        <v>69038</v>
      </c>
      <c r="L6274" s="2" t="s">
        <v>69039</v>
      </c>
      <c r="M6274" s="5" t="s">
        <v>1521</v>
      </c>
      <c r="N6274" s="5" t="s">
        <v>38</v>
      </c>
      <c r="O6274" s="5" t="s">
        <v>39</v>
      </c>
      <c r="P6274" s="5" t="s">
        <v>40</v>
      </c>
      <c r="Q6274" s="5" t="s">
        <v>1522</v>
      </c>
      <c r="R6274" s="5" t="s">
        <v>1523</v>
      </c>
      <c r="S6274" s="5" t="s">
        <v>42</v>
      </c>
      <c r="T6274" s="2">
        <v>1.4950000000000001</v>
      </c>
      <c r="U6274" s="2">
        <v>1.163</v>
      </c>
      <c r="V6274" s="2">
        <v>10.6</v>
      </c>
      <c r="W6274" s="2">
        <v>99.1</v>
      </c>
      <c r="X6274" s="2">
        <v>7.6</v>
      </c>
      <c r="Y6274" s="2">
        <v>10.6</v>
      </c>
      <c r="Z6274" s="5"/>
      <c r="AA6274" s="5" t="s">
        <v>43</v>
      </c>
      <c r="AB6274" s="5" t="s">
        <v>44</v>
      </c>
      <c r="AC6274" s="2"/>
      <c r="AD6274" s="1"/>
    </row>
    <row r="6275" spans="1:30">
      <c r="A6275" s="5" t="s">
        <v>83578</v>
      </c>
      <c r="B6275" s="2" t="s">
        <v>102940</v>
      </c>
      <c r="C6275" s="14" t="s">
        <v>102941</v>
      </c>
      <c r="D6275" s="2" t="s">
        <v>102942</v>
      </c>
      <c r="E6275" s="2" t="s">
        <v>7563</v>
      </c>
      <c r="F6275" s="8">
        <v>140</v>
      </c>
      <c r="G6275" s="5">
        <v>6</v>
      </c>
      <c r="H6275" s="5" t="s">
        <v>1518</v>
      </c>
      <c r="I6275" s="5" t="s">
        <v>69038</v>
      </c>
      <c r="J6275" s="2" t="s">
        <v>69039</v>
      </c>
      <c r="K6275" s="5" t="s">
        <v>69038</v>
      </c>
      <c r="L6275" s="2" t="s">
        <v>69039</v>
      </c>
      <c r="M6275" s="5" t="s">
        <v>1521</v>
      </c>
      <c r="N6275" s="5" t="s">
        <v>38</v>
      </c>
      <c r="O6275" s="5" t="s">
        <v>39</v>
      </c>
      <c r="P6275" s="5" t="s">
        <v>40</v>
      </c>
      <c r="Q6275" s="5" t="s">
        <v>1522</v>
      </c>
      <c r="R6275" s="5" t="s">
        <v>1523</v>
      </c>
      <c r="S6275" s="5" t="s">
        <v>42</v>
      </c>
      <c r="T6275" s="2">
        <v>1.4379999999999999</v>
      </c>
      <c r="U6275" s="2">
        <v>1.1060000000000001</v>
      </c>
      <c r="V6275" s="2">
        <v>10.6</v>
      </c>
      <c r="W6275" s="2">
        <v>99.1</v>
      </c>
      <c r="X6275" s="2">
        <v>7.6</v>
      </c>
      <c r="Y6275" s="2">
        <v>10.6</v>
      </c>
      <c r="Z6275" s="5"/>
      <c r="AA6275" s="5" t="s">
        <v>43</v>
      </c>
      <c r="AB6275" s="5" t="s">
        <v>44</v>
      </c>
      <c r="AC6275" s="2"/>
      <c r="AD6275" s="1"/>
    </row>
    <row r="6276" spans="1:30">
      <c r="A6276" s="5" t="s">
        <v>83578</v>
      </c>
      <c r="B6276" s="2" t="s">
        <v>102943</v>
      </c>
      <c r="C6276" s="14" t="s">
        <v>102944</v>
      </c>
      <c r="D6276" s="2" t="s">
        <v>102945</v>
      </c>
      <c r="E6276" s="2" t="s">
        <v>7567</v>
      </c>
      <c r="F6276" s="8">
        <v>140</v>
      </c>
      <c r="G6276" s="5">
        <v>6</v>
      </c>
      <c r="H6276" s="5" t="s">
        <v>1518</v>
      </c>
      <c r="I6276" s="5" t="s">
        <v>69038</v>
      </c>
      <c r="J6276" s="2" t="s">
        <v>69039</v>
      </c>
      <c r="K6276" s="5" t="s">
        <v>69038</v>
      </c>
      <c r="L6276" s="2" t="s">
        <v>69039</v>
      </c>
      <c r="M6276" s="5" t="s">
        <v>1521</v>
      </c>
      <c r="N6276" s="5" t="s">
        <v>38</v>
      </c>
      <c r="O6276" s="5" t="s">
        <v>39</v>
      </c>
      <c r="P6276" s="5" t="s">
        <v>40</v>
      </c>
      <c r="Q6276" s="5" t="s">
        <v>1522</v>
      </c>
      <c r="R6276" s="5" t="s">
        <v>1523</v>
      </c>
      <c r="S6276" s="5" t="s">
        <v>42</v>
      </c>
      <c r="T6276" s="2">
        <v>1.4950000000000001</v>
      </c>
      <c r="U6276" s="2">
        <v>1.163</v>
      </c>
      <c r="V6276" s="2">
        <v>10.6</v>
      </c>
      <c r="W6276" s="2">
        <v>99.1</v>
      </c>
      <c r="X6276" s="2">
        <v>7.6</v>
      </c>
      <c r="Y6276" s="2">
        <v>10.6</v>
      </c>
      <c r="Z6276" s="5"/>
      <c r="AA6276" s="5" t="s">
        <v>43</v>
      </c>
      <c r="AB6276" s="5" t="s">
        <v>44</v>
      </c>
      <c r="AC6276" s="2"/>
      <c r="AD6276" s="1"/>
    </row>
    <row r="6277" spans="1:30">
      <c r="A6277" s="5" t="s">
        <v>83578</v>
      </c>
      <c r="B6277" s="2" t="s">
        <v>102946</v>
      </c>
      <c r="C6277" s="14" t="s">
        <v>102947</v>
      </c>
      <c r="D6277" s="2" t="s">
        <v>102948</v>
      </c>
      <c r="E6277" s="2" t="s">
        <v>7555</v>
      </c>
      <c r="F6277" s="8">
        <v>140</v>
      </c>
      <c r="G6277" s="5">
        <v>6</v>
      </c>
      <c r="H6277" s="5" t="s">
        <v>1518</v>
      </c>
      <c r="I6277" s="5" t="s">
        <v>69038</v>
      </c>
      <c r="J6277" s="2" t="s">
        <v>69039</v>
      </c>
      <c r="K6277" s="5" t="s">
        <v>69038</v>
      </c>
      <c r="L6277" s="2" t="s">
        <v>69039</v>
      </c>
      <c r="M6277" s="5" t="s">
        <v>1521</v>
      </c>
      <c r="N6277" s="5" t="s">
        <v>38</v>
      </c>
      <c r="O6277" s="5" t="s">
        <v>39</v>
      </c>
      <c r="P6277" s="5" t="s">
        <v>40</v>
      </c>
      <c r="Q6277" s="5" t="s">
        <v>1522</v>
      </c>
      <c r="R6277" s="5" t="s">
        <v>1523</v>
      </c>
      <c r="S6277" s="5" t="s">
        <v>42</v>
      </c>
      <c r="T6277" s="2">
        <v>1.4379999999999999</v>
      </c>
      <c r="U6277" s="2">
        <v>1.1060000000000001</v>
      </c>
      <c r="V6277" s="2">
        <v>10.6</v>
      </c>
      <c r="W6277" s="2">
        <v>99.1</v>
      </c>
      <c r="X6277" s="2">
        <v>7.6</v>
      </c>
      <c r="Y6277" s="2">
        <v>10.6</v>
      </c>
      <c r="Z6277" s="5"/>
      <c r="AA6277" s="5" t="s">
        <v>43</v>
      </c>
      <c r="AB6277" s="5" t="s">
        <v>44</v>
      </c>
      <c r="AC6277" s="2"/>
      <c r="AD6277" s="1"/>
    </row>
    <row r="6278" spans="1:30">
      <c r="A6278" s="5" t="s">
        <v>83578</v>
      </c>
      <c r="B6278" s="2" t="s">
        <v>102949</v>
      </c>
      <c r="C6278" s="14" t="s">
        <v>102950</v>
      </c>
      <c r="D6278" s="2" t="s">
        <v>102951</v>
      </c>
      <c r="E6278" s="2" t="s">
        <v>7559</v>
      </c>
      <c r="F6278" s="8">
        <v>140</v>
      </c>
      <c r="G6278" s="5">
        <v>6</v>
      </c>
      <c r="H6278" s="5" t="s">
        <v>1518</v>
      </c>
      <c r="I6278" s="5" t="s">
        <v>69038</v>
      </c>
      <c r="J6278" s="2" t="s">
        <v>69039</v>
      </c>
      <c r="K6278" s="5" t="s">
        <v>69038</v>
      </c>
      <c r="L6278" s="2" t="s">
        <v>69039</v>
      </c>
      <c r="M6278" s="5" t="s">
        <v>1521</v>
      </c>
      <c r="N6278" s="5" t="s">
        <v>38</v>
      </c>
      <c r="O6278" s="5" t="s">
        <v>39</v>
      </c>
      <c r="P6278" s="5" t="s">
        <v>40</v>
      </c>
      <c r="Q6278" s="5" t="s">
        <v>1522</v>
      </c>
      <c r="R6278" s="5" t="s">
        <v>1523</v>
      </c>
      <c r="S6278" s="5" t="s">
        <v>42</v>
      </c>
      <c r="T6278" s="2">
        <v>1.4950000000000001</v>
      </c>
      <c r="U6278" s="2">
        <v>1.163</v>
      </c>
      <c r="V6278" s="2">
        <v>10.6</v>
      </c>
      <c r="W6278" s="2">
        <v>99.1</v>
      </c>
      <c r="X6278" s="2">
        <v>7.6</v>
      </c>
      <c r="Y6278" s="2">
        <v>10.6</v>
      </c>
      <c r="Z6278" s="5"/>
      <c r="AA6278" s="5" t="s">
        <v>43</v>
      </c>
      <c r="AB6278" s="5" t="s">
        <v>44</v>
      </c>
      <c r="AC6278" s="2"/>
      <c r="AD6278" s="1"/>
    </row>
    <row r="6279" spans="1:30">
      <c r="A6279" s="5" t="s">
        <v>83578</v>
      </c>
      <c r="B6279" s="2" t="s">
        <v>102952</v>
      </c>
      <c r="C6279" s="14" t="s">
        <v>102953</v>
      </c>
      <c r="D6279" s="2" t="s">
        <v>102954</v>
      </c>
      <c r="E6279" s="2" t="s">
        <v>7429</v>
      </c>
      <c r="F6279" s="8">
        <v>140</v>
      </c>
      <c r="G6279" s="5">
        <v>6</v>
      </c>
      <c r="H6279" s="5" t="s">
        <v>1518</v>
      </c>
      <c r="I6279" s="5" t="s">
        <v>69038</v>
      </c>
      <c r="J6279" s="2" t="s">
        <v>69039</v>
      </c>
      <c r="K6279" s="5" t="s">
        <v>69038</v>
      </c>
      <c r="L6279" s="2" t="s">
        <v>69039</v>
      </c>
      <c r="M6279" s="5" t="s">
        <v>1521</v>
      </c>
      <c r="N6279" s="5" t="s">
        <v>38</v>
      </c>
      <c r="O6279" s="5" t="s">
        <v>39</v>
      </c>
      <c r="P6279" s="5" t="s">
        <v>40</v>
      </c>
      <c r="Q6279" s="5" t="s">
        <v>1522</v>
      </c>
      <c r="R6279" s="5" t="s">
        <v>1523</v>
      </c>
      <c r="S6279" s="5" t="s">
        <v>42</v>
      </c>
      <c r="T6279" s="2">
        <v>1.4379999999999999</v>
      </c>
      <c r="U6279" s="2">
        <v>1.1060000000000001</v>
      </c>
      <c r="V6279" s="2">
        <v>10.6</v>
      </c>
      <c r="W6279" s="2">
        <v>99.1</v>
      </c>
      <c r="X6279" s="2">
        <v>7.6</v>
      </c>
      <c r="Y6279" s="2">
        <v>10.6</v>
      </c>
      <c r="Z6279" s="5"/>
      <c r="AA6279" s="5" t="s">
        <v>43</v>
      </c>
      <c r="AB6279" s="5" t="s">
        <v>44</v>
      </c>
      <c r="AC6279" s="2"/>
      <c r="AD6279" s="1"/>
    </row>
    <row r="6280" spans="1:30">
      <c r="A6280" s="5" t="s">
        <v>83578</v>
      </c>
      <c r="B6280" s="2" t="s">
        <v>102955</v>
      </c>
      <c r="C6280" s="14" t="s">
        <v>102956</v>
      </c>
      <c r="D6280" s="2" t="s">
        <v>102957</v>
      </c>
      <c r="E6280" s="2" t="s">
        <v>7574</v>
      </c>
      <c r="F6280" s="8">
        <v>140</v>
      </c>
      <c r="G6280" s="5">
        <v>6</v>
      </c>
      <c r="H6280" s="5" t="s">
        <v>1518</v>
      </c>
      <c r="I6280" s="5" t="s">
        <v>69038</v>
      </c>
      <c r="J6280" s="2" t="s">
        <v>69039</v>
      </c>
      <c r="K6280" s="5" t="s">
        <v>69038</v>
      </c>
      <c r="L6280" s="2" t="s">
        <v>69039</v>
      </c>
      <c r="M6280" s="5" t="s">
        <v>1521</v>
      </c>
      <c r="N6280" s="5" t="s">
        <v>38</v>
      </c>
      <c r="O6280" s="5" t="s">
        <v>39</v>
      </c>
      <c r="P6280" s="5" t="s">
        <v>40</v>
      </c>
      <c r="Q6280" s="5" t="s">
        <v>1522</v>
      </c>
      <c r="R6280" s="5" t="s">
        <v>1523</v>
      </c>
      <c r="S6280" s="5" t="s">
        <v>42</v>
      </c>
      <c r="T6280" s="2">
        <v>1.4950000000000001</v>
      </c>
      <c r="U6280" s="2">
        <v>1.163</v>
      </c>
      <c r="V6280" s="2">
        <v>10.6</v>
      </c>
      <c r="W6280" s="2">
        <v>99.1</v>
      </c>
      <c r="X6280" s="2">
        <v>7.6</v>
      </c>
      <c r="Y6280" s="2">
        <v>10.6</v>
      </c>
      <c r="Z6280" s="5"/>
      <c r="AA6280" s="5" t="s">
        <v>43</v>
      </c>
      <c r="AB6280" s="5" t="s">
        <v>44</v>
      </c>
      <c r="AC6280" s="2"/>
      <c r="AD6280" s="1"/>
    </row>
    <row r="6281" spans="1:30">
      <c r="A6281" s="5" t="s">
        <v>83578</v>
      </c>
      <c r="B6281" s="2" t="s">
        <v>102958</v>
      </c>
      <c r="C6281" s="14" t="s">
        <v>102959</v>
      </c>
      <c r="D6281" s="2" t="s">
        <v>102960</v>
      </c>
      <c r="E6281" s="2" t="s">
        <v>7449</v>
      </c>
      <c r="F6281" s="8">
        <v>140</v>
      </c>
      <c r="G6281" s="5">
        <v>6</v>
      </c>
      <c r="H6281" s="5" t="s">
        <v>1518</v>
      </c>
      <c r="I6281" s="5" t="s">
        <v>69038</v>
      </c>
      <c r="J6281" s="2" t="s">
        <v>69039</v>
      </c>
      <c r="K6281" s="5" t="s">
        <v>69038</v>
      </c>
      <c r="L6281" s="2" t="s">
        <v>69039</v>
      </c>
      <c r="M6281" s="5" t="s">
        <v>1521</v>
      </c>
      <c r="N6281" s="5" t="s">
        <v>38</v>
      </c>
      <c r="O6281" s="5" t="s">
        <v>39</v>
      </c>
      <c r="P6281" s="5" t="s">
        <v>40</v>
      </c>
      <c r="Q6281" s="5" t="s">
        <v>1522</v>
      </c>
      <c r="R6281" s="5" t="s">
        <v>1523</v>
      </c>
      <c r="S6281" s="5" t="s">
        <v>42</v>
      </c>
      <c r="T6281" s="2">
        <v>1.4379999999999999</v>
      </c>
      <c r="U6281" s="2">
        <v>1.1060000000000001</v>
      </c>
      <c r="V6281" s="2">
        <v>10.6</v>
      </c>
      <c r="W6281" s="2">
        <v>99.1</v>
      </c>
      <c r="X6281" s="2">
        <v>7.6</v>
      </c>
      <c r="Y6281" s="2">
        <v>10.6</v>
      </c>
      <c r="Z6281" s="5"/>
      <c r="AA6281" s="5" t="s">
        <v>43</v>
      </c>
      <c r="AB6281" s="5" t="s">
        <v>44</v>
      </c>
      <c r="AC6281" s="2"/>
      <c r="AD6281" s="1"/>
    </row>
    <row r="6282" spans="1:30">
      <c r="A6282" s="5" t="s">
        <v>83578</v>
      </c>
      <c r="B6282" s="2" t="s">
        <v>102961</v>
      </c>
      <c r="C6282" s="14" t="s">
        <v>102962</v>
      </c>
      <c r="D6282" s="2" t="s">
        <v>102963</v>
      </c>
      <c r="E6282" s="2" t="s">
        <v>7581</v>
      </c>
      <c r="F6282" s="8">
        <v>140</v>
      </c>
      <c r="G6282" s="5">
        <v>6</v>
      </c>
      <c r="H6282" s="5" t="s">
        <v>1518</v>
      </c>
      <c r="I6282" s="5" t="s">
        <v>69038</v>
      </c>
      <c r="J6282" s="2" t="s">
        <v>69039</v>
      </c>
      <c r="K6282" s="5" t="s">
        <v>69038</v>
      </c>
      <c r="L6282" s="2" t="s">
        <v>69039</v>
      </c>
      <c r="M6282" s="5" t="s">
        <v>1521</v>
      </c>
      <c r="N6282" s="5" t="s">
        <v>38</v>
      </c>
      <c r="O6282" s="5" t="s">
        <v>39</v>
      </c>
      <c r="P6282" s="5" t="s">
        <v>40</v>
      </c>
      <c r="Q6282" s="5" t="s">
        <v>1522</v>
      </c>
      <c r="R6282" s="5" t="s">
        <v>1523</v>
      </c>
      <c r="S6282" s="5" t="s">
        <v>42</v>
      </c>
      <c r="T6282" s="2">
        <v>1.4950000000000001</v>
      </c>
      <c r="U6282" s="2">
        <v>1.163</v>
      </c>
      <c r="V6282" s="2">
        <v>10.6</v>
      </c>
      <c r="W6282" s="2">
        <v>99.1</v>
      </c>
      <c r="X6282" s="2">
        <v>7.6</v>
      </c>
      <c r="Y6282" s="2">
        <v>10.6</v>
      </c>
      <c r="Z6282" s="5"/>
      <c r="AA6282" s="5" t="s">
        <v>43</v>
      </c>
      <c r="AB6282" s="5" t="s">
        <v>44</v>
      </c>
      <c r="AC6282" s="2"/>
      <c r="AD6282" s="1"/>
    </row>
    <row r="6283" spans="1:30">
      <c r="A6283" s="5" t="s">
        <v>83578</v>
      </c>
      <c r="B6283" s="2" t="s">
        <v>102964</v>
      </c>
      <c r="C6283" s="14" t="s">
        <v>102965</v>
      </c>
      <c r="D6283" s="2" t="s">
        <v>102966</v>
      </c>
      <c r="E6283" s="2" t="s">
        <v>7585</v>
      </c>
      <c r="F6283" s="8">
        <v>140</v>
      </c>
      <c r="G6283" s="5">
        <v>6</v>
      </c>
      <c r="H6283" s="5" t="s">
        <v>1518</v>
      </c>
      <c r="I6283" s="5" t="s">
        <v>69038</v>
      </c>
      <c r="J6283" s="2" t="s">
        <v>69039</v>
      </c>
      <c r="K6283" s="5" t="s">
        <v>69038</v>
      </c>
      <c r="L6283" s="2" t="s">
        <v>69039</v>
      </c>
      <c r="M6283" s="5" t="s">
        <v>1521</v>
      </c>
      <c r="N6283" s="5" t="s">
        <v>38</v>
      </c>
      <c r="O6283" s="5" t="s">
        <v>39</v>
      </c>
      <c r="P6283" s="5" t="s">
        <v>40</v>
      </c>
      <c r="Q6283" s="5" t="s">
        <v>1522</v>
      </c>
      <c r="R6283" s="5" t="s">
        <v>1523</v>
      </c>
      <c r="S6283" s="5" t="s">
        <v>42</v>
      </c>
      <c r="T6283" s="2">
        <v>1.4379999999999999</v>
      </c>
      <c r="U6283" s="2">
        <v>1.1060000000000001</v>
      </c>
      <c r="V6283" s="2">
        <v>10.6</v>
      </c>
      <c r="W6283" s="2">
        <v>99.1</v>
      </c>
      <c r="X6283" s="2">
        <v>7.6</v>
      </c>
      <c r="Y6283" s="2">
        <v>10.6</v>
      </c>
      <c r="Z6283" s="5"/>
      <c r="AA6283" s="5" t="s">
        <v>43</v>
      </c>
      <c r="AB6283" s="5" t="s">
        <v>44</v>
      </c>
      <c r="AC6283" s="2"/>
      <c r="AD6283" s="1"/>
    </row>
    <row r="6284" spans="1:30">
      <c r="A6284" s="5" t="s">
        <v>83578</v>
      </c>
      <c r="B6284" s="2" t="s">
        <v>102967</v>
      </c>
      <c r="C6284" s="14" t="s">
        <v>102968</v>
      </c>
      <c r="D6284" s="2" t="s">
        <v>102969</v>
      </c>
      <c r="E6284" s="2" t="s">
        <v>7589</v>
      </c>
      <c r="F6284" s="8">
        <v>140</v>
      </c>
      <c r="G6284" s="5">
        <v>6</v>
      </c>
      <c r="H6284" s="5" t="s">
        <v>1518</v>
      </c>
      <c r="I6284" s="5" t="s">
        <v>69038</v>
      </c>
      <c r="J6284" s="2" t="s">
        <v>69039</v>
      </c>
      <c r="K6284" s="5" t="s">
        <v>69038</v>
      </c>
      <c r="L6284" s="2" t="s">
        <v>69039</v>
      </c>
      <c r="M6284" s="5" t="s">
        <v>1521</v>
      </c>
      <c r="N6284" s="5" t="s">
        <v>38</v>
      </c>
      <c r="O6284" s="5" t="s">
        <v>39</v>
      </c>
      <c r="P6284" s="5" t="s">
        <v>40</v>
      </c>
      <c r="Q6284" s="5" t="s">
        <v>1522</v>
      </c>
      <c r="R6284" s="5" t="s">
        <v>1523</v>
      </c>
      <c r="S6284" s="5" t="s">
        <v>42</v>
      </c>
      <c r="T6284" s="2">
        <v>1.4950000000000001</v>
      </c>
      <c r="U6284" s="2">
        <v>1.163</v>
      </c>
      <c r="V6284" s="2">
        <v>10.6</v>
      </c>
      <c r="W6284" s="2">
        <v>99.1</v>
      </c>
      <c r="X6284" s="2">
        <v>7.6</v>
      </c>
      <c r="Y6284" s="2">
        <v>10.6</v>
      </c>
      <c r="Z6284" s="5"/>
      <c r="AA6284" s="5" t="s">
        <v>43</v>
      </c>
      <c r="AB6284" s="5" t="s">
        <v>44</v>
      </c>
      <c r="AC6284" s="2"/>
      <c r="AD6284" s="1"/>
    </row>
    <row r="6285" spans="1:30">
      <c r="A6285" s="5" t="s">
        <v>83578</v>
      </c>
      <c r="B6285" s="2" t="s">
        <v>102970</v>
      </c>
      <c r="C6285" s="14" t="s">
        <v>102971</v>
      </c>
      <c r="D6285" s="2" t="s">
        <v>102972</v>
      </c>
      <c r="E6285" s="2" t="s">
        <v>7593</v>
      </c>
      <c r="F6285" s="8">
        <v>140</v>
      </c>
      <c r="G6285" s="5">
        <v>6</v>
      </c>
      <c r="H6285" s="5" t="s">
        <v>1518</v>
      </c>
      <c r="I6285" s="5" t="s">
        <v>69038</v>
      </c>
      <c r="J6285" s="2" t="s">
        <v>69039</v>
      </c>
      <c r="K6285" s="5" t="s">
        <v>69038</v>
      </c>
      <c r="L6285" s="2" t="s">
        <v>69039</v>
      </c>
      <c r="M6285" s="5" t="s">
        <v>1521</v>
      </c>
      <c r="N6285" s="5" t="s">
        <v>38</v>
      </c>
      <c r="O6285" s="5" t="s">
        <v>39</v>
      </c>
      <c r="P6285" s="5" t="s">
        <v>40</v>
      </c>
      <c r="Q6285" s="5" t="s">
        <v>1522</v>
      </c>
      <c r="R6285" s="5" t="s">
        <v>1523</v>
      </c>
      <c r="S6285" s="5" t="s">
        <v>42</v>
      </c>
      <c r="T6285" s="2">
        <v>1.4379999999999999</v>
      </c>
      <c r="U6285" s="2">
        <v>1.1060000000000001</v>
      </c>
      <c r="V6285" s="2">
        <v>10.6</v>
      </c>
      <c r="W6285" s="2">
        <v>99.1</v>
      </c>
      <c r="X6285" s="2">
        <v>7.6</v>
      </c>
      <c r="Y6285" s="2">
        <v>10.6</v>
      </c>
      <c r="Z6285" s="5"/>
      <c r="AA6285" s="5" t="s">
        <v>43</v>
      </c>
      <c r="AB6285" s="5" t="s">
        <v>44</v>
      </c>
      <c r="AC6285" s="2"/>
      <c r="AD6285" s="1"/>
    </row>
    <row r="6286" spans="1:30">
      <c r="A6286" s="5" t="s">
        <v>83578</v>
      </c>
      <c r="B6286" s="2" t="s">
        <v>102973</v>
      </c>
      <c r="C6286" s="14" t="s">
        <v>102974</v>
      </c>
      <c r="D6286" s="2" t="s">
        <v>102975</v>
      </c>
      <c r="E6286" s="2" t="s">
        <v>7597</v>
      </c>
      <c r="F6286" s="8">
        <v>140</v>
      </c>
      <c r="G6286" s="5">
        <v>6</v>
      </c>
      <c r="H6286" s="5" t="s">
        <v>1518</v>
      </c>
      <c r="I6286" s="5" t="s">
        <v>69038</v>
      </c>
      <c r="J6286" s="2" t="s">
        <v>69039</v>
      </c>
      <c r="K6286" s="5" t="s">
        <v>69038</v>
      </c>
      <c r="L6286" s="2" t="s">
        <v>69039</v>
      </c>
      <c r="M6286" s="5" t="s">
        <v>1521</v>
      </c>
      <c r="N6286" s="5" t="s">
        <v>38</v>
      </c>
      <c r="O6286" s="5" t="s">
        <v>39</v>
      </c>
      <c r="P6286" s="5" t="s">
        <v>40</v>
      </c>
      <c r="Q6286" s="5" t="s">
        <v>1522</v>
      </c>
      <c r="R6286" s="5" t="s">
        <v>1523</v>
      </c>
      <c r="S6286" s="5" t="s">
        <v>42</v>
      </c>
      <c r="T6286" s="2">
        <v>1.4950000000000001</v>
      </c>
      <c r="U6286" s="2">
        <v>1.163</v>
      </c>
      <c r="V6286" s="2">
        <v>10.6</v>
      </c>
      <c r="W6286" s="2">
        <v>99.1</v>
      </c>
      <c r="X6286" s="2">
        <v>7.6</v>
      </c>
      <c r="Y6286" s="2">
        <v>10.6</v>
      </c>
      <c r="Z6286" s="5"/>
      <c r="AA6286" s="5" t="s">
        <v>43</v>
      </c>
      <c r="AB6286" s="5" t="s">
        <v>44</v>
      </c>
      <c r="AC6286" s="2"/>
      <c r="AD6286" s="1"/>
    </row>
    <row r="6287" spans="1:30">
      <c r="A6287" s="5" t="s">
        <v>83578</v>
      </c>
      <c r="B6287" s="2" t="s">
        <v>102976</v>
      </c>
      <c r="C6287" s="14" t="s">
        <v>102977</v>
      </c>
      <c r="D6287" s="2" t="s">
        <v>102978</v>
      </c>
      <c r="E6287" s="2" t="s">
        <v>7611</v>
      </c>
      <c r="F6287" s="8">
        <v>140</v>
      </c>
      <c r="G6287" s="5">
        <v>6</v>
      </c>
      <c r="H6287" s="5" t="s">
        <v>1518</v>
      </c>
      <c r="I6287" s="5" t="s">
        <v>69038</v>
      </c>
      <c r="J6287" s="2" t="s">
        <v>69039</v>
      </c>
      <c r="K6287" s="5" t="s">
        <v>69038</v>
      </c>
      <c r="L6287" s="2" t="s">
        <v>69039</v>
      </c>
      <c r="M6287" s="5" t="s">
        <v>1521</v>
      </c>
      <c r="N6287" s="5" t="s">
        <v>38</v>
      </c>
      <c r="O6287" s="5" t="s">
        <v>39</v>
      </c>
      <c r="P6287" s="5" t="s">
        <v>40</v>
      </c>
      <c r="Q6287" s="5" t="s">
        <v>1522</v>
      </c>
      <c r="R6287" s="5" t="s">
        <v>1523</v>
      </c>
      <c r="S6287" s="5" t="s">
        <v>42</v>
      </c>
      <c r="T6287" s="2">
        <v>1.4950000000000001</v>
      </c>
      <c r="U6287" s="2">
        <v>1.163</v>
      </c>
      <c r="V6287" s="2">
        <v>10.6</v>
      </c>
      <c r="W6287" s="2">
        <v>99.1</v>
      </c>
      <c r="X6287" s="2">
        <v>7.6</v>
      </c>
      <c r="Y6287" s="2">
        <v>10.6</v>
      </c>
      <c r="Z6287" s="5"/>
      <c r="AA6287" s="5" t="s">
        <v>43</v>
      </c>
      <c r="AB6287" s="5" t="s">
        <v>44</v>
      </c>
      <c r="AC6287" s="2"/>
      <c r="AD6287" s="1"/>
    </row>
    <row r="6288" spans="1:30">
      <c r="A6288" s="5" t="s">
        <v>83578</v>
      </c>
      <c r="B6288" s="2" t="s">
        <v>102979</v>
      </c>
      <c r="C6288" s="14" t="s">
        <v>102980</v>
      </c>
      <c r="D6288" s="2" t="s">
        <v>102981</v>
      </c>
      <c r="E6288" s="2" t="s">
        <v>7619</v>
      </c>
      <c r="F6288" s="8">
        <v>140</v>
      </c>
      <c r="G6288" s="5">
        <v>6</v>
      </c>
      <c r="H6288" s="5" t="s">
        <v>1518</v>
      </c>
      <c r="I6288" s="5" t="s">
        <v>69038</v>
      </c>
      <c r="J6288" s="2" t="s">
        <v>69039</v>
      </c>
      <c r="K6288" s="5" t="s">
        <v>69038</v>
      </c>
      <c r="L6288" s="2" t="s">
        <v>69039</v>
      </c>
      <c r="M6288" s="5" t="s">
        <v>1521</v>
      </c>
      <c r="N6288" s="5" t="s">
        <v>38</v>
      </c>
      <c r="O6288" s="5" t="s">
        <v>39</v>
      </c>
      <c r="P6288" s="5" t="s">
        <v>40</v>
      </c>
      <c r="Q6288" s="5" t="s">
        <v>1522</v>
      </c>
      <c r="R6288" s="5" t="s">
        <v>1523</v>
      </c>
      <c r="S6288" s="5" t="s">
        <v>42</v>
      </c>
      <c r="T6288" s="2">
        <v>1.4950000000000001</v>
      </c>
      <c r="U6288" s="2">
        <v>1.163</v>
      </c>
      <c r="V6288" s="2">
        <v>10.6</v>
      </c>
      <c r="W6288" s="2">
        <v>99.1</v>
      </c>
      <c r="X6288" s="2">
        <v>7.6</v>
      </c>
      <c r="Y6288" s="2">
        <v>10.6</v>
      </c>
      <c r="Z6288" s="5"/>
      <c r="AA6288" s="5" t="s">
        <v>43</v>
      </c>
      <c r="AB6288" s="5" t="s">
        <v>44</v>
      </c>
      <c r="AC6288" s="2"/>
      <c r="AD6288" s="1"/>
    </row>
    <row r="6289" spans="1:30">
      <c r="A6289" s="5" t="s">
        <v>83578</v>
      </c>
      <c r="B6289" s="2" t="s">
        <v>102982</v>
      </c>
      <c r="C6289" s="14" t="s">
        <v>102983</v>
      </c>
      <c r="D6289" s="2" t="s">
        <v>102984</v>
      </c>
      <c r="E6289" s="2" t="s">
        <v>7410</v>
      </c>
      <c r="F6289" s="8">
        <v>140</v>
      </c>
      <c r="G6289" s="5">
        <v>6</v>
      </c>
      <c r="H6289" s="5" t="s">
        <v>1518</v>
      </c>
      <c r="I6289" s="5" t="s">
        <v>69038</v>
      </c>
      <c r="J6289" s="2" t="s">
        <v>69039</v>
      </c>
      <c r="K6289" s="5" t="s">
        <v>69038</v>
      </c>
      <c r="L6289" s="2" t="s">
        <v>69039</v>
      </c>
      <c r="M6289" s="5" t="s">
        <v>1521</v>
      </c>
      <c r="N6289" s="5" t="s">
        <v>38</v>
      </c>
      <c r="O6289" s="5" t="s">
        <v>39</v>
      </c>
      <c r="P6289" s="5" t="s">
        <v>40</v>
      </c>
      <c r="Q6289" s="5" t="s">
        <v>1522</v>
      </c>
      <c r="R6289" s="5" t="s">
        <v>1523</v>
      </c>
      <c r="S6289" s="5" t="s">
        <v>42</v>
      </c>
      <c r="T6289" s="2">
        <v>1.4379999999999999</v>
      </c>
      <c r="U6289" s="2">
        <v>1.1060000000000001</v>
      </c>
      <c r="V6289" s="2">
        <v>10.6</v>
      </c>
      <c r="W6289" s="2">
        <v>99.1</v>
      </c>
      <c r="X6289" s="2">
        <v>7.6</v>
      </c>
      <c r="Y6289" s="2">
        <v>10.6</v>
      </c>
      <c r="Z6289" s="5"/>
      <c r="AA6289" s="5" t="s">
        <v>43</v>
      </c>
      <c r="AB6289" s="5" t="s">
        <v>44</v>
      </c>
      <c r="AC6289" s="2"/>
      <c r="AD6289" s="1"/>
    </row>
    <row r="6290" spans="1:30">
      <c r="A6290" s="5" t="s">
        <v>83578</v>
      </c>
      <c r="B6290" s="2" t="s">
        <v>102985</v>
      </c>
      <c r="C6290" s="14" t="s">
        <v>102986</v>
      </c>
      <c r="D6290" s="2" t="s">
        <v>102987</v>
      </c>
      <c r="E6290" s="2" t="s">
        <v>7604</v>
      </c>
      <c r="F6290" s="8">
        <v>140</v>
      </c>
      <c r="G6290" s="5">
        <v>6</v>
      </c>
      <c r="H6290" s="5" t="s">
        <v>1518</v>
      </c>
      <c r="I6290" s="5" t="s">
        <v>69038</v>
      </c>
      <c r="J6290" s="2" t="s">
        <v>69039</v>
      </c>
      <c r="K6290" s="5" t="s">
        <v>69038</v>
      </c>
      <c r="L6290" s="2" t="s">
        <v>69039</v>
      </c>
      <c r="M6290" s="5" t="s">
        <v>1521</v>
      </c>
      <c r="N6290" s="5" t="s">
        <v>38</v>
      </c>
      <c r="O6290" s="5" t="s">
        <v>39</v>
      </c>
      <c r="P6290" s="5" t="s">
        <v>40</v>
      </c>
      <c r="Q6290" s="5" t="s">
        <v>1522</v>
      </c>
      <c r="R6290" s="5" t="s">
        <v>1523</v>
      </c>
      <c r="S6290" s="5" t="s">
        <v>42</v>
      </c>
      <c r="T6290" s="2">
        <v>1.4950000000000001</v>
      </c>
      <c r="U6290" s="2">
        <v>1.163</v>
      </c>
      <c r="V6290" s="2">
        <v>10.6</v>
      </c>
      <c r="W6290" s="2">
        <v>99.1</v>
      </c>
      <c r="X6290" s="2">
        <v>7.6</v>
      </c>
      <c r="Y6290" s="2">
        <v>10.6</v>
      </c>
      <c r="Z6290" s="5"/>
      <c r="AA6290" s="5" t="s">
        <v>43</v>
      </c>
      <c r="AB6290" s="5" t="s">
        <v>44</v>
      </c>
      <c r="AC6290" s="2"/>
      <c r="AD6290" s="1"/>
    </row>
    <row r="6291" spans="1:30">
      <c r="A6291" s="5" t="s">
        <v>83578</v>
      </c>
      <c r="B6291" s="2" t="s">
        <v>102988</v>
      </c>
      <c r="C6291" s="14" t="s">
        <v>102989</v>
      </c>
      <c r="D6291" s="2" t="s">
        <v>102990</v>
      </c>
      <c r="E6291" s="2" t="s">
        <v>7535</v>
      </c>
      <c r="F6291" s="8">
        <v>140</v>
      </c>
      <c r="G6291" s="5">
        <v>6</v>
      </c>
      <c r="H6291" s="5" t="s">
        <v>1518</v>
      </c>
      <c r="I6291" s="5" t="s">
        <v>69038</v>
      </c>
      <c r="J6291" s="2" t="s">
        <v>69039</v>
      </c>
      <c r="K6291" s="5" t="s">
        <v>69038</v>
      </c>
      <c r="L6291" s="2" t="s">
        <v>69039</v>
      </c>
      <c r="M6291" s="5" t="s">
        <v>1521</v>
      </c>
      <c r="N6291" s="5" t="s">
        <v>38</v>
      </c>
      <c r="O6291" s="5" t="s">
        <v>39</v>
      </c>
      <c r="P6291" s="5" t="s">
        <v>40</v>
      </c>
      <c r="Q6291" s="5" t="s">
        <v>1522</v>
      </c>
      <c r="R6291" s="5" t="s">
        <v>1523</v>
      </c>
      <c r="S6291" s="5" t="s">
        <v>42</v>
      </c>
      <c r="T6291" s="2">
        <v>1.6140000000000001</v>
      </c>
      <c r="U6291" s="2">
        <v>1.282</v>
      </c>
      <c r="V6291" s="2">
        <v>10.6</v>
      </c>
      <c r="W6291" s="2">
        <v>99.1</v>
      </c>
      <c r="X6291" s="2">
        <v>7.6</v>
      </c>
      <c r="Y6291" s="2">
        <v>10.6</v>
      </c>
      <c r="Z6291" s="5"/>
      <c r="AA6291" s="5" t="s">
        <v>43</v>
      </c>
      <c r="AB6291" s="5" t="s">
        <v>44</v>
      </c>
      <c r="AC6291" s="2"/>
      <c r="AD6291" s="1"/>
    </row>
    <row r="6292" spans="1:30">
      <c r="A6292" s="5" t="s">
        <v>83578</v>
      </c>
      <c r="B6292" s="2" t="s">
        <v>102991</v>
      </c>
      <c r="C6292" s="14" t="s">
        <v>102992</v>
      </c>
      <c r="D6292" s="2" t="s">
        <v>102993</v>
      </c>
      <c r="E6292" s="2" t="s">
        <v>7547</v>
      </c>
      <c r="F6292" s="8">
        <v>140</v>
      </c>
      <c r="G6292" s="5">
        <v>6</v>
      </c>
      <c r="H6292" s="5" t="s">
        <v>1518</v>
      </c>
      <c r="I6292" s="5" t="s">
        <v>69038</v>
      </c>
      <c r="J6292" s="2" t="s">
        <v>69039</v>
      </c>
      <c r="K6292" s="5" t="s">
        <v>69038</v>
      </c>
      <c r="L6292" s="2" t="s">
        <v>69039</v>
      </c>
      <c r="M6292" s="5" t="s">
        <v>1521</v>
      </c>
      <c r="N6292" s="5" t="s">
        <v>38</v>
      </c>
      <c r="O6292" s="5" t="s">
        <v>39</v>
      </c>
      <c r="P6292" s="5" t="s">
        <v>40</v>
      </c>
      <c r="Q6292" s="5" t="s">
        <v>1522</v>
      </c>
      <c r="R6292" s="5" t="s">
        <v>1523</v>
      </c>
      <c r="S6292" s="5" t="s">
        <v>42</v>
      </c>
      <c r="T6292" s="2">
        <v>1.5469999999999999</v>
      </c>
      <c r="U6292" s="2">
        <v>1.2150000000000001</v>
      </c>
      <c r="V6292" s="2">
        <v>10.6</v>
      </c>
      <c r="W6292" s="2">
        <v>99.1</v>
      </c>
      <c r="X6292" s="2">
        <v>7.6</v>
      </c>
      <c r="Y6292" s="2">
        <v>10.6</v>
      </c>
      <c r="Z6292" s="5"/>
      <c r="AA6292" s="5" t="s">
        <v>43</v>
      </c>
      <c r="AB6292" s="5" t="s">
        <v>44</v>
      </c>
      <c r="AC6292" s="2"/>
      <c r="AD6292" s="1"/>
    </row>
    <row r="6293" spans="1:30">
      <c r="A6293" s="5" t="s">
        <v>83578</v>
      </c>
      <c r="B6293" s="2" t="s">
        <v>102994</v>
      </c>
      <c r="C6293" s="14" t="s">
        <v>102995</v>
      </c>
      <c r="D6293" s="2" t="s">
        <v>102996</v>
      </c>
      <c r="E6293" s="2" t="s">
        <v>7551</v>
      </c>
      <c r="F6293" s="8">
        <v>140</v>
      </c>
      <c r="G6293" s="5">
        <v>6</v>
      </c>
      <c r="H6293" s="5" t="s">
        <v>1518</v>
      </c>
      <c r="I6293" s="5" t="s">
        <v>69038</v>
      </c>
      <c r="J6293" s="2" t="s">
        <v>69039</v>
      </c>
      <c r="K6293" s="5" t="s">
        <v>69038</v>
      </c>
      <c r="L6293" s="2" t="s">
        <v>69039</v>
      </c>
      <c r="M6293" s="5" t="s">
        <v>1521</v>
      </c>
      <c r="N6293" s="5" t="s">
        <v>38</v>
      </c>
      <c r="O6293" s="5" t="s">
        <v>39</v>
      </c>
      <c r="P6293" s="5" t="s">
        <v>40</v>
      </c>
      <c r="Q6293" s="5" t="s">
        <v>1522</v>
      </c>
      <c r="R6293" s="5" t="s">
        <v>1523</v>
      </c>
      <c r="S6293" s="5" t="s">
        <v>42</v>
      </c>
      <c r="T6293" s="2">
        <v>1.6140000000000001</v>
      </c>
      <c r="U6293" s="2">
        <v>1.282</v>
      </c>
      <c r="V6293" s="2">
        <v>10.6</v>
      </c>
      <c r="W6293" s="2">
        <v>99.1</v>
      </c>
      <c r="X6293" s="2">
        <v>7.6</v>
      </c>
      <c r="Y6293" s="2">
        <v>10.6</v>
      </c>
      <c r="Z6293" s="5"/>
      <c r="AA6293" s="5" t="s">
        <v>43</v>
      </c>
      <c r="AB6293" s="5" t="s">
        <v>44</v>
      </c>
      <c r="AC6293" s="2"/>
      <c r="AD6293" s="1"/>
    </row>
    <row r="6294" spans="1:30">
      <c r="A6294" s="5" t="s">
        <v>83578</v>
      </c>
      <c r="B6294" s="2" t="s">
        <v>102997</v>
      </c>
      <c r="C6294" s="14" t="s">
        <v>102998</v>
      </c>
      <c r="D6294" s="2" t="s">
        <v>102999</v>
      </c>
      <c r="E6294" s="2" t="s">
        <v>7563</v>
      </c>
      <c r="F6294" s="8">
        <v>140</v>
      </c>
      <c r="G6294" s="5">
        <v>6</v>
      </c>
      <c r="H6294" s="5" t="s">
        <v>1518</v>
      </c>
      <c r="I6294" s="5" t="s">
        <v>69038</v>
      </c>
      <c r="J6294" s="2" t="s">
        <v>69039</v>
      </c>
      <c r="K6294" s="5" t="s">
        <v>69038</v>
      </c>
      <c r="L6294" s="2" t="s">
        <v>69039</v>
      </c>
      <c r="M6294" s="5" t="s">
        <v>1521</v>
      </c>
      <c r="N6294" s="5" t="s">
        <v>38</v>
      </c>
      <c r="O6294" s="5" t="s">
        <v>39</v>
      </c>
      <c r="P6294" s="5" t="s">
        <v>40</v>
      </c>
      <c r="Q6294" s="5" t="s">
        <v>1522</v>
      </c>
      <c r="R6294" s="5" t="s">
        <v>1523</v>
      </c>
      <c r="S6294" s="5" t="s">
        <v>42</v>
      </c>
      <c r="T6294" s="2">
        <v>1.5469999999999999</v>
      </c>
      <c r="U6294" s="2">
        <v>1.2150000000000001</v>
      </c>
      <c r="V6294" s="2">
        <v>10.6</v>
      </c>
      <c r="W6294" s="2">
        <v>99.1</v>
      </c>
      <c r="X6294" s="2">
        <v>7.6</v>
      </c>
      <c r="Y6294" s="2">
        <v>10.6</v>
      </c>
      <c r="Z6294" s="5"/>
      <c r="AA6294" s="5" t="s">
        <v>43</v>
      </c>
      <c r="AB6294" s="5" t="s">
        <v>44</v>
      </c>
      <c r="AC6294" s="2"/>
      <c r="AD6294" s="1"/>
    </row>
    <row r="6295" spans="1:30">
      <c r="A6295" s="5" t="s">
        <v>83578</v>
      </c>
      <c r="B6295" s="2" t="s">
        <v>103000</v>
      </c>
      <c r="C6295" s="14" t="s">
        <v>103001</v>
      </c>
      <c r="D6295" s="2" t="s">
        <v>103002</v>
      </c>
      <c r="E6295" s="2" t="s">
        <v>7567</v>
      </c>
      <c r="F6295" s="8">
        <v>140</v>
      </c>
      <c r="G6295" s="5">
        <v>6</v>
      </c>
      <c r="H6295" s="5" t="s">
        <v>1518</v>
      </c>
      <c r="I6295" s="5" t="s">
        <v>69038</v>
      </c>
      <c r="J6295" s="2" t="s">
        <v>69039</v>
      </c>
      <c r="K6295" s="5" t="s">
        <v>69038</v>
      </c>
      <c r="L6295" s="2" t="s">
        <v>69039</v>
      </c>
      <c r="M6295" s="5" t="s">
        <v>1521</v>
      </c>
      <c r="N6295" s="5" t="s">
        <v>38</v>
      </c>
      <c r="O6295" s="5" t="s">
        <v>39</v>
      </c>
      <c r="P6295" s="5" t="s">
        <v>40</v>
      </c>
      <c r="Q6295" s="5" t="s">
        <v>1522</v>
      </c>
      <c r="R6295" s="5" t="s">
        <v>1523</v>
      </c>
      <c r="S6295" s="5" t="s">
        <v>42</v>
      </c>
      <c r="T6295" s="2">
        <v>1.6140000000000001</v>
      </c>
      <c r="U6295" s="2">
        <v>1.282</v>
      </c>
      <c r="V6295" s="2">
        <v>10.6</v>
      </c>
      <c r="W6295" s="2">
        <v>99.1</v>
      </c>
      <c r="X6295" s="2">
        <v>7.6</v>
      </c>
      <c r="Y6295" s="2">
        <v>10.6</v>
      </c>
      <c r="Z6295" s="5"/>
      <c r="AA6295" s="5" t="s">
        <v>43</v>
      </c>
      <c r="AB6295" s="5" t="s">
        <v>44</v>
      </c>
      <c r="AC6295" s="2"/>
      <c r="AD6295" s="1"/>
    </row>
    <row r="6296" spans="1:30">
      <c r="A6296" s="5" t="s">
        <v>83578</v>
      </c>
      <c r="B6296" s="2" t="s">
        <v>103003</v>
      </c>
      <c r="C6296" s="14" t="s">
        <v>103004</v>
      </c>
      <c r="D6296" s="2" t="s">
        <v>103005</v>
      </c>
      <c r="E6296" s="2" t="s">
        <v>7555</v>
      </c>
      <c r="F6296" s="8">
        <v>140</v>
      </c>
      <c r="G6296" s="5">
        <v>6</v>
      </c>
      <c r="H6296" s="5" t="s">
        <v>1518</v>
      </c>
      <c r="I6296" s="5" t="s">
        <v>69038</v>
      </c>
      <c r="J6296" s="2" t="s">
        <v>69039</v>
      </c>
      <c r="K6296" s="5" t="s">
        <v>69038</v>
      </c>
      <c r="L6296" s="2" t="s">
        <v>69039</v>
      </c>
      <c r="M6296" s="5" t="s">
        <v>1521</v>
      </c>
      <c r="N6296" s="5" t="s">
        <v>38</v>
      </c>
      <c r="O6296" s="5" t="s">
        <v>39</v>
      </c>
      <c r="P6296" s="5" t="s">
        <v>40</v>
      </c>
      <c r="Q6296" s="5" t="s">
        <v>1522</v>
      </c>
      <c r="R6296" s="5" t="s">
        <v>1523</v>
      </c>
      <c r="S6296" s="5" t="s">
        <v>42</v>
      </c>
      <c r="T6296" s="2">
        <v>1.5469999999999999</v>
      </c>
      <c r="U6296" s="2">
        <v>1.2150000000000001</v>
      </c>
      <c r="V6296" s="2">
        <v>10.6</v>
      </c>
      <c r="W6296" s="2">
        <v>99.1</v>
      </c>
      <c r="X6296" s="2">
        <v>7.6</v>
      </c>
      <c r="Y6296" s="2">
        <v>10.6</v>
      </c>
      <c r="Z6296" s="5"/>
      <c r="AA6296" s="5" t="s">
        <v>43</v>
      </c>
      <c r="AB6296" s="5" t="s">
        <v>44</v>
      </c>
      <c r="AC6296" s="2"/>
      <c r="AD6296" s="1"/>
    </row>
    <row r="6297" spans="1:30">
      <c r="A6297" s="5" t="s">
        <v>83578</v>
      </c>
      <c r="B6297" s="2" t="s">
        <v>103006</v>
      </c>
      <c r="C6297" s="14" t="s">
        <v>103007</v>
      </c>
      <c r="D6297" s="2" t="s">
        <v>103008</v>
      </c>
      <c r="E6297" s="2" t="s">
        <v>7559</v>
      </c>
      <c r="F6297" s="8">
        <v>140</v>
      </c>
      <c r="G6297" s="5">
        <v>6</v>
      </c>
      <c r="H6297" s="5" t="s">
        <v>1518</v>
      </c>
      <c r="I6297" s="5" t="s">
        <v>69038</v>
      </c>
      <c r="J6297" s="2" t="s">
        <v>69039</v>
      </c>
      <c r="K6297" s="5" t="s">
        <v>69038</v>
      </c>
      <c r="L6297" s="2" t="s">
        <v>69039</v>
      </c>
      <c r="M6297" s="5" t="s">
        <v>1521</v>
      </c>
      <c r="N6297" s="5" t="s">
        <v>38</v>
      </c>
      <c r="O6297" s="5" t="s">
        <v>39</v>
      </c>
      <c r="P6297" s="5" t="s">
        <v>40</v>
      </c>
      <c r="Q6297" s="5" t="s">
        <v>1522</v>
      </c>
      <c r="R6297" s="5" t="s">
        <v>1523</v>
      </c>
      <c r="S6297" s="5" t="s">
        <v>42</v>
      </c>
      <c r="T6297" s="2">
        <v>1.6140000000000001</v>
      </c>
      <c r="U6297" s="2">
        <v>1.282</v>
      </c>
      <c r="V6297" s="2">
        <v>10.6</v>
      </c>
      <c r="W6297" s="2">
        <v>99.1</v>
      </c>
      <c r="X6297" s="2">
        <v>7.6</v>
      </c>
      <c r="Y6297" s="2">
        <v>10.6</v>
      </c>
      <c r="Z6297" s="5"/>
      <c r="AA6297" s="5" t="s">
        <v>43</v>
      </c>
      <c r="AB6297" s="5" t="s">
        <v>44</v>
      </c>
      <c r="AC6297" s="2"/>
      <c r="AD6297" s="1"/>
    </row>
    <row r="6298" spans="1:30">
      <c r="A6298" s="5" t="s">
        <v>83578</v>
      </c>
      <c r="B6298" s="2" t="s">
        <v>103009</v>
      </c>
      <c r="C6298" s="14" t="s">
        <v>103010</v>
      </c>
      <c r="D6298" s="2" t="s">
        <v>103011</v>
      </c>
      <c r="E6298" s="2" t="s">
        <v>7429</v>
      </c>
      <c r="F6298" s="8">
        <v>140</v>
      </c>
      <c r="G6298" s="5">
        <v>6</v>
      </c>
      <c r="H6298" s="5" t="s">
        <v>1518</v>
      </c>
      <c r="I6298" s="5" t="s">
        <v>69038</v>
      </c>
      <c r="J6298" s="2" t="s">
        <v>69039</v>
      </c>
      <c r="K6298" s="5" t="s">
        <v>69038</v>
      </c>
      <c r="L6298" s="2" t="s">
        <v>69039</v>
      </c>
      <c r="M6298" s="5" t="s">
        <v>1521</v>
      </c>
      <c r="N6298" s="5" t="s">
        <v>38</v>
      </c>
      <c r="O6298" s="5" t="s">
        <v>39</v>
      </c>
      <c r="P6298" s="5" t="s">
        <v>40</v>
      </c>
      <c r="Q6298" s="5" t="s">
        <v>1522</v>
      </c>
      <c r="R6298" s="5" t="s">
        <v>1523</v>
      </c>
      <c r="S6298" s="5" t="s">
        <v>42</v>
      </c>
      <c r="T6298" s="2">
        <v>1.5469999999999999</v>
      </c>
      <c r="U6298" s="2">
        <v>1.2150000000000001</v>
      </c>
      <c r="V6298" s="2">
        <v>10.6</v>
      </c>
      <c r="W6298" s="2">
        <v>99.1</v>
      </c>
      <c r="X6298" s="2">
        <v>7.6</v>
      </c>
      <c r="Y6298" s="2">
        <v>10.6</v>
      </c>
      <c r="Z6298" s="5"/>
      <c r="AA6298" s="5" t="s">
        <v>43</v>
      </c>
      <c r="AB6298" s="5" t="s">
        <v>44</v>
      </c>
      <c r="AC6298" s="2"/>
      <c r="AD6298" s="1"/>
    </row>
    <row r="6299" spans="1:30">
      <c r="A6299" s="5" t="s">
        <v>83578</v>
      </c>
      <c r="B6299" s="2" t="s">
        <v>103012</v>
      </c>
      <c r="C6299" s="14" t="s">
        <v>103013</v>
      </c>
      <c r="D6299" s="2" t="s">
        <v>103014</v>
      </c>
      <c r="E6299" s="2" t="s">
        <v>7574</v>
      </c>
      <c r="F6299" s="8">
        <v>140</v>
      </c>
      <c r="G6299" s="5">
        <v>6</v>
      </c>
      <c r="H6299" s="5" t="s">
        <v>1518</v>
      </c>
      <c r="I6299" s="5" t="s">
        <v>69038</v>
      </c>
      <c r="J6299" s="2" t="s">
        <v>69039</v>
      </c>
      <c r="K6299" s="5" t="s">
        <v>69038</v>
      </c>
      <c r="L6299" s="2" t="s">
        <v>69039</v>
      </c>
      <c r="M6299" s="5" t="s">
        <v>1521</v>
      </c>
      <c r="N6299" s="5" t="s">
        <v>38</v>
      </c>
      <c r="O6299" s="5" t="s">
        <v>39</v>
      </c>
      <c r="P6299" s="5" t="s">
        <v>40</v>
      </c>
      <c r="Q6299" s="5" t="s">
        <v>1522</v>
      </c>
      <c r="R6299" s="5" t="s">
        <v>1523</v>
      </c>
      <c r="S6299" s="5" t="s">
        <v>42</v>
      </c>
      <c r="T6299" s="2">
        <v>1.6140000000000001</v>
      </c>
      <c r="U6299" s="2">
        <v>1.282</v>
      </c>
      <c r="V6299" s="2">
        <v>10.6</v>
      </c>
      <c r="W6299" s="2">
        <v>99.1</v>
      </c>
      <c r="X6299" s="2">
        <v>7.6</v>
      </c>
      <c r="Y6299" s="2">
        <v>10.6</v>
      </c>
      <c r="Z6299" s="5"/>
      <c r="AA6299" s="5" t="s">
        <v>43</v>
      </c>
      <c r="AB6299" s="5" t="s">
        <v>44</v>
      </c>
      <c r="AC6299" s="2"/>
      <c r="AD6299" s="1"/>
    </row>
    <row r="6300" spans="1:30">
      <c r="A6300" s="5" t="s">
        <v>83578</v>
      </c>
      <c r="B6300" s="2" t="s">
        <v>103015</v>
      </c>
      <c r="C6300" s="14" t="s">
        <v>103016</v>
      </c>
      <c r="D6300" s="2" t="s">
        <v>103017</v>
      </c>
      <c r="E6300" s="2" t="s">
        <v>7449</v>
      </c>
      <c r="F6300" s="8">
        <v>140</v>
      </c>
      <c r="G6300" s="5">
        <v>6</v>
      </c>
      <c r="H6300" s="5" t="s">
        <v>1518</v>
      </c>
      <c r="I6300" s="5" t="s">
        <v>69038</v>
      </c>
      <c r="J6300" s="2" t="s">
        <v>69039</v>
      </c>
      <c r="K6300" s="5" t="s">
        <v>69038</v>
      </c>
      <c r="L6300" s="2" t="s">
        <v>69039</v>
      </c>
      <c r="M6300" s="5" t="s">
        <v>1521</v>
      </c>
      <c r="N6300" s="5" t="s">
        <v>38</v>
      </c>
      <c r="O6300" s="5" t="s">
        <v>39</v>
      </c>
      <c r="P6300" s="5" t="s">
        <v>40</v>
      </c>
      <c r="Q6300" s="5" t="s">
        <v>1522</v>
      </c>
      <c r="R6300" s="5" t="s">
        <v>1523</v>
      </c>
      <c r="S6300" s="5" t="s">
        <v>42</v>
      </c>
      <c r="T6300" s="2">
        <v>1.5469999999999999</v>
      </c>
      <c r="U6300" s="2">
        <v>1.2150000000000001</v>
      </c>
      <c r="V6300" s="2">
        <v>10.6</v>
      </c>
      <c r="W6300" s="2">
        <v>99.1</v>
      </c>
      <c r="X6300" s="2">
        <v>7.6</v>
      </c>
      <c r="Y6300" s="2">
        <v>10.6</v>
      </c>
      <c r="Z6300" s="5"/>
      <c r="AA6300" s="5" t="s">
        <v>43</v>
      </c>
      <c r="AB6300" s="5" t="s">
        <v>44</v>
      </c>
      <c r="AC6300" s="2"/>
      <c r="AD6300" s="1"/>
    </row>
    <row r="6301" spans="1:30">
      <c r="A6301" s="5" t="s">
        <v>83578</v>
      </c>
      <c r="B6301" s="2" t="s">
        <v>103018</v>
      </c>
      <c r="C6301" s="14" t="s">
        <v>103019</v>
      </c>
      <c r="D6301" s="2" t="s">
        <v>103020</v>
      </c>
      <c r="E6301" s="2" t="s">
        <v>7585</v>
      </c>
      <c r="F6301" s="8">
        <v>140</v>
      </c>
      <c r="G6301" s="5">
        <v>6</v>
      </c>
      <c r="H6301" s="5" t="s">
        <v>1518</v>
      </c>
      <c r="I6301" s="5" t="s">
        <v>69038</v>
      </c>
      <c r="J6301" s="2" t="s">
        <v>69039</v>
      </c>
      <c r="K6301" s="5" t="s">
        <v>69038</v>
      </c>
      <c r="L6301" s="2" t="s">
        <v>69039</v>
      </c>
      <c r="M6301" s="5" t="s">
        <v>1521</v>
      </c>
      <c r="N6301" s="5" t="s">
        <v>38</v>
      </c>
      <c r="O6301" s="5" t="s">
        <v>39</v>
      </c>
      <c r="P6301" s="5" t="s">
        <v>40</v>
      </c>
      <c r="Q6301" s="5" t="s">
        <v>1522</v>
      </c>
      <c r="R6301" s="5" t="s">
        <v>1523</v>
      </c>
      <c r="S6301" s="5" t="s">
        <v>42</v>
      </c>
      <c r="T6301" s="2">
        <v>1.5469999999999999</v>
      </c>
      <c r="U6301" s="2">
        <v>1.2150000000000001</v>
      </c>
      <c r="V6301" s="2">
        <v>10.6</v>
      </c>
      <c r="W6301" s="2">
        <v>99.1</v>
      </c>
      <c r="X6301" s="2">
        <v>7.6</v>
      </c>
      <c r="Y6301" s="2">
        <v>10.6</v>
      </c>
      <c r="Z6301" s="5"/>
      <c r="AA6301" s="5" t="s">
        <v>43</v>
      </c>
      <c r="AB6301" s="5" t="s">
        <v>44</v>
      </c>
      <c r="AC6301" s="2"/>
      <c r="AD6301" s="1"/>
    </row>
    <row r="6302" spans="1:30">
      <c r="A6302" s="5" t="s">
        <v>83578</v>
      </c>
      <c r="B6302" s="2" t="s">
        <v>103021</v>
      </c>
      <c r="C6302" s="14" t="s">
        <v>103022</v>
      </c>
      <c r="D6302" s="2" t="s">
        <v>103023</v>
      </c>
      <c r="E6302" s="2" t="s">
        <v>7589</v>
      </c>
      <c r="F6302" s="8">
        <v>140</v>
      </c>
      <c r="G6302" s="5">
        <v>6</v>
      </c>
      <c r="H6302" s="5" t="s">
        <v>1518</v>
      </c>
      <c r="I6302" s="5" t="s">
        <v>69038</v>
      </c>
      <c r="J6302" s="2" t="s">
        <v>69039</v>
      </c>
      <c r="K6302" s="5" t="s">
        <v>69038</v>
      </c>
      <c r="L6302" s="2" t="s">
        <v>69039</v>
      </c>
      <c r="M6302" s="5" t="s">
        <v>1521</v>
      </c>
      <c r="N6302" s="5" t="s">
        <v>38</v>
      </c>
      <c r="O6302" s="5" t="s">
        <v>39</v>
      </c>
      <c r="P6302" s="5" t="s">
        <v>40</v>
      </c>
      <c r="Q6302" s="5" t="s">
        <v>1522</v>
      </c>
      <c r="R6302" s="5" t="s">
        <v>1523</v>
      </c>
      <c r="S6302" s="5" t="s">
        <v>42</v>
      </c>
      <c r="T6302" s="2">
        <v>1.6140000000000001</v>
      </c>
      <c r="U6302" s="2">
        <v>1.282</v>
      </c>
      <c r="V6302" s="2">
        <v>10.6</v>
      </c>
      <c r="W6302" s="2">
        <v>99.1</v>
      </c>
      <c r="X6302" s="2">
        <v>7.6</v>
      </c>
      <c r="Y6302" s="2">
        <v>10.6</v>
      </c>
      <c r="Z6302" s="5"/>
      <c r="AA6302" s="5" t="s">
        <v>43</v>
      </c>
      <c r="AB6302" s="5" t="s">
        <v>44</v>
      </c>
      <c r="AC6302" s="2"/>
      <c r="AD6302" s="1"/>
    </row>
    <row r="6303" spans="1:30">
      <c r="A6303" s="5" t="s">
        <v>83578</v>
      </c>
      <c r="B6303" s="2" t="s">
        <v>103024</v>
      </c>
      <c r="C6303" s="14" t="s">
        <v>103025</v>
      </c>
      <c r="D6303" s="2" t="s">
        <v>103026</v>
      </c>
      <c r="E6303" s="2" t="s">
        <v>7593</v>
      </c>
      <c r="F6303" s="8">
        <v>140</v>
      </c>
      <c r="G6303" s="5">
        <v>6</v>
      </c>
      <c r="H6303" s="5" t="s">
        <v>1518</v>
      </c>
      <c r="I6303" s="5" t="s">
        <v>69038</v>
      </c>
      <c r="J6303" s="2" t="s">
        <v>69039</v>
      </c>
      <c r="K6303" s="5" t="s">
        <v>69038</v>
      </c>
      <c r="L6303" s="2" t="s">
        <v>69039</v>
      </c>
      <c r="M6303" s="5" t="s">
        <v>1521</v>
      </c>
      <c r="N6303" s="5" t="s">
        <v>38</v>
      </c>
      <c r="O6303" s="5" t="s">
        <v>39</v>
      </c>
      <c r="P6303" s="5" t="s">
        <v>40</v>
      </c>
      <c r="Q6303" s="5" t="s">
        <v>1522</v>
      </c>
      <c r="R6303" s="5" t="s">
        <v>1523</v>
      </c>
      <c r="S6303" s="5" t="s">
        <v>42</v>
      </c>
      <c r="T6303" s="2">
        <v>1.5469999999999999</v>
      </c>
      <c r="U6303" s="2">
        <v>1.2150000000000001</v>
      </c>
      <c r="V6303" s="2">
        <v>10.6</v>
      </c>
      <c r="W6303" s="2">
        <v>99.1</v>
      </c>
      <c r="X6303" s="2">
        <v>7.6</v>
      </c>
      <c r="Y6303" s="2">
        <v>10.6</v>
      </c>
      <c r="Z6303" s="5"/>
      <c r="AA6303" s="5" t="s">
        <v>43</v>
      </c>
      <c r="AB6303" s="5" t="s">
        <v>44</v>
      </c>
      <c r="AC6303" s="2"/>
      <c r="AD6303" s="1"/>
    </row>
    <row r="6304" spans="1:30">
      <c r="A6304" s="5" t="s">
        <v>83578</v>
      </c>
      <c r="B6304" s="2" t="s">
        <v>103027</v>
      </c>
      <c r="C6304" s="14" t="s">
        <v>103028</v>
      </c>
      <c r="D6304" s="2" t="s">
        <v>103029</v>
      </c>
      <c r="E6304" s="2" t="s">
        <v>7597</v>
      </c>
      <c r="F6304" s="8">
        <v>140</v>
      </c>
      <c r="G6304" s="5">
        <v>6</v>
      </c>
      <c r="H6304" s="5" t="s">
        <v>1518</v>
      </c>
      <c r="I6304" s="5" t="s">
        <v>69038</v>
      </c>
      <c r="J6304" s="2" t="s">
        <v>69039</v>
      </c>
      <c r="K6304" s="5" t="s">
        <v>69038</v>
      </c>
      <c r="L6304" s="2" t="s">
        <v>69039</v>
      </c>
      <c r="M6304" s="5" t="s">
        <v>1521</v>
      </c>
      <c r="N6304" s="5" t="s">
        <v>38</v>
      </c>
      <c r="O6304" s="5" t="s">
        <v>39</v>
      </c>
      <c r="P6304" s="5" t="s">
        <v>40</v>
      </c>
      <c r="Q6304" s="5" t="s">
        <v>1522</v>
      </c>
      <c r="R6304" s="5" t="s">
        <v>1523</v>
      </c>
      <c r="S6304" s="5" t="s">
        <v>42</v>
      </c>
      <c r="T6304" s="2">
        <v>1.6140000000000001</v>
      </c>
      <c r="U6304" s="2">
        <v>1.282</v>
      </c>
      <c r="V6304" s="2">
        <v>10.6</v>
      </c>
      <c r="W6304" s="2">
        <v>99.1</v>
      </c>
      <c r="X6304" s="2">
        <v>7.6</v>
      </c>
      <c r="Y6304" s="2">
        <v>10.6</v>
      </c>
      <c r="Z6304" s="5"/>
      <c r="AA6304" s="5" t="s">
        <v>43</v>
      </c>
      <c r="AB6304" s="5" t="s">
        <v>44</v>
      </c>
      <c r="AC6304" s="2"/>
      <c r="AD6304" s="1"/>
    </row>
    <row r="6305" spans="1:30">
      <c r="A6305" s="5" t="s">
        <v>83578</v>
      </c>
      <c r="B6305" s="2" t="s">
        <v>103030</v>
      </c>
      <c r="C6305" s="14" t="s">
        <v>103031</v>
      </c>
      <c r="D6305" s="2" t="s">
        <v>103032</v>
      </c>
      <c r="E6305" s="2" t="s">
        <v>7604</v>
      </c>
      <c r="F6305" s="8">
        <v>140</v>
      </c>
      <c r="G6305" s="5">
        <v>6</v>
      </c>
      <c r="H6305" s="5" t="s">
        <v>1518</v>
      </c>
      <c r="I6305" s="5" t="s">
        <v>69038</v>
      </c>
      <c r="J6305" s="2" t="s">
        <v>69039</v>
      </c>
      <c r="K6305" s="5" t="s">
        <v>69038</v>
      </c>
      <c r="L6305" s="2" t="s">
        <v>69039</v>
      </c>
      <c r="M6305" s="5" t="s">
        <v>1521</v>
      </c>
      <c r="N6305" s="5" t="s">
        <v>38</v>
      </c>
      <c r="O6305" s="5" t="s">
        <v>39</v>
      </c>
      <c r="P6305" s="5" t="s">
        <v>40</v>
      </c>
      <c r="Q6305" s="5" t="s">
        <v>1522</v>
      </c>
      <c r="R6305" s="5" t="s">
        <v>1523</v>
      </c>
      <c r="S6305" s="5" t="s">
        <v>42</v>
      </c>
      <c r="T6305" s="2">
        <v>1.6140000000000001</v>
      </c>
      <c r="U6305" s="2">
        <v>1.282</v>
      </c>
      <c r="V6305" s="2">
        <v>10.6</v>
      </c>
      <c r="W6305" s="2">
        <v>99.1</v>
      </c>
      <c r="X6305" s="2">
        <v>7.6</v>
      </c>
      <c r="Y6305" s="2">
        <v>10.6</v>
      </c>
      <c r="Z6305" s="5"/>
      <c r="AA6305" s="5" t="s">
        <v>43</v>
      </c>
      <c r="AB6305" s="5" t="s">
        <v>44</v>
      </c>
      <c r="AC6305" s="2"/>
      <c r="AD6305" s="1"/>
    </row>
    <row r="6306" spans="1:30">
      <c r="A6306" s="5" t="s">
        <v>83578</v>
      </c>
      <c r="B6306" s="2" t="s">
        <v>103033</v>
      </c>
      <c r="C6306" s="14" t="s">
        <v>103034</v>
      </c>
      <c r="D6306" s="2" t="s">
        <v>103035</v>
      </c>
      <c r="E6306" s="2" t="s">
        <v>7535</v>
      </c>
      <c r="F6306" s="8">
        <v>151</v>
      </c>
      <c r="G6306" s="5">
        <v>6</v>
      </c>
      <c r="H6306" s="5" t="s">
        <v>1518</v>
      </c>
      <c r="I6306" s="5" t="s">
        <v>69038</v>
      </c>
      <c r="J6306" s="2" t="s">
        <v>69039</v>
      </c>
      <c r="K6306" s="5" t="s">
        <v>69038</v>
      </c>
      <c r="L6306" s="2" t="s">
        <v>69039</v>
      </c>
      <c r="M6306" s="5" t="s">
        <v>1521</v>
      </c>
      <c r="N6306" s="5" t="s">
        <v>38</v>
      </c>
      <c r="O6306" s="5" t="s">
        <v>39</v>
      </c>
      <c r="P6306" s="5" t="s">
        <v>40</v>
      </c>
      <c r="Q6306" s="5" t="s">
        <v>1522</v>
      </c>
      <c r="R6306" s="5" t="s">
        <v>1523</v>
      </c>
      <c r="S6306" s="5" t="s">
        <v>42</v>
      </c>
      <c r="T6306" s="2">
        <v>1.752</v>
      </c>
      <c r="U6306" s="2">
        <v>1.413</v>
      </c>
      <c r="V6306" s="2">
        <v>10.6</v>
      </c>
      <c r="W6306" s="2">
        <v>118.9</v>
      </c>
      <c r="X6306" s="2">
        <v>7.6</v>
      </c>
      <c r="Y6306" s="2">
        <v>10.6</v>
      </c>
      <c r="Z6306" s="5"/>
      <c r="AA6306" s="5" t="s">
        <v>43</v>
      </c>
      <c r="AB6306" s="5" t="s">
        <v>44</v>
      </c>
      <c r="AC6306" s="2"/>
      <c r="AD6306" s="1"/>
    </row>
    <row r="6307" spans="1:30">
      <c r="A6307" s="5" t="s">
        <v>83578</v>
      </c>
      <c r="B6307" s="2" t="s">
        <v>103036</v>
      </c>
      <c r="C6307" s="14" t="s">
        <v>103037</v>
      </c>
      <c r="D6307" s="2" t="s">
        <v>103038</v>
      </c>
      <c r="E6307" s="2" t="s">
        <v>7547</v>
      </c>
      <c r="F6307" s="8">
        <v>151</v>
      </c>
      <c r="G6307" s="5">
        <v>6</v>
      </c>
      <c r="H6307" s="5" t="s">
        <v>1518</v>
      </c>
      <c r="I6307" s="5" t="s">
        <v>69038</v>
      </c>
      <c r="J6307" s="2" t="s">
        <v>69039</v>
      </c>
      <c r="K6307" s="5" t="s">
        <v>69038</v>
      </c>
      <c r="L6307" s="2" t="s">
        <v>69039</v>
      </c>
      <c r="M6307" s="5" t="s">
        <v>1521</v>
      </c>
      <c r="N6307" s="5" t="s">
        <v>38</v>
      </c>
      <c r="O6307" s="5" t="s">
        <v>39</v>
      </c>
      <c r="P6307" s="5" t="s">
        <v>40</v>
      </c>
      <c r="Q6307" s="5" t="s">
        <v>1522</v>
      </c>
      <c r="R6307" s="5" t="s">
        <v>1523</v>
      </c>
      <c r="S6307" s="5" t="s">
        <v>42</v>
      </c>
      <c r="T6307" s="2">
        <v>1.6739999999999999</v>
      </c>
      <c r="U6307" s="2">
        <v>1.335</v>
      </c>
      <c r="V6307" s="2">
        <v>10.6</v>
      </c>
      <c r="W6307" s="2">
        <v>118.9</v>
      </c>
      <c r="X6307" s="2">
        <v>7.6</v>
      </c>
      <c r="Y6307" s="2">
        <v>10.6</v>
      </c>
      <c r="Z6307" s="5"/>
      <c r="AA6307" s="5" t="s">
        <v>43</v>
      </c>
      <c r="AB6307" s="5" t="s">
        <v>44</v>
      </c>
      <c r="AC6307" s="2"/>
      <c r="AD6307" s="1"/>
    </row>
    <row r="6308" spans="1:30">
      <c r="A6308" s="5" t="s">
        <v>83578</v>
      </c>
      <c r="B6308" s="2" t="s">
        <v>103039</v>
      </c>
      <c r="C6308" s="14" t="s">
        <v>103040</v>
      </c>
      <c r="D6308" s="2" t="s">
        <v>103041</v>
      </c>
      <c r="E6308" s="2" t="s">
        <v>7551</v>
      </c>
      <c r="F6308" s="8">
        <v>151</v>
      </c>
      <c r="G6308" s="5">
        <v>6</v>
      </c>
      <c r="H6308" s="5" t="s">
        <v>1518</v>
      </c>
      <c r="I6308" s="5" t="s">
        <v>69038</v>
      </c>
      <c r="J6308" s="2" t="s">
        <v>69039</v>
      </c>
      <c r="K6308" s="5" t="s">
        <v>69038</v>
      </c>
      <c r="L6308" s="2" t="s">
        <v>69039</v>
      </c>
      <c r="M6308" s="5" t="s">
        <v>1521</v>
      </c>
      <c r="N6308" s="5" t="s">
        <v>38</v>
      </c>
      <c r="O6308" s="5" t="s">
        <v>39</v>
      </c>
      <c r="P6308" s="5" t="s">
        <v>40</v>
      </c>
      <c r="Q6308" s="5" t="s">
        <v>1522</v>
      </c>
      <c r="R6308" s="5" t="s">
        <v>1523</v>
      </c>
      <c r="S6308" s="5" t="s">
        <v>42</v>
      </c>
      <c r="T6308" s="2">
        <v>1.752</v>
      </c>
      <c r="U6308" s="2">
        <v>1.413</v>
      </c>
      <c r="V6308" s="2">
        <v>10.6</v>
      </c>
      <c r="W6308" s="2">
        <v>118.9</v>
      </c>
      <c r="X6308" s="2">
        <v>7.6</v>
      </c>
      <c r="Y6308" s="2">
        <v>10.6</v>
      </c>
      <c r="Z6308" s="5"/>
      <c r="AA6308" s="5" t="s">
        <v>43</v>
      </c>
      <c r="AB6308" s="5" t="s">
        <v>44</v>
      </c>
      <c r="AC6308" s="2"/>
      <c r="AD6308" s="1"/>
    </row>
    <row r="6309" spans="1:30">
      <c r="A6309" s="5" t="s">
        <v>83578</v>
      </c>
      <c r="B6309" s="2" t="s">
        <v>103042</v>
      </c>
      <c r="C6309" s="14" t="s">
        <v>103043</v>
      </c>
      <c r="D6309" s="2" t="s">
        <v>103044</v>
      </c>
      <c r="E6309" s="2" t="s">
        <v>7567</v>
      </c>
      <c r="F6309" s="8">
        <v>151</v>
      </c>
      <c r="G6309" s="5">
        <v>6</v>
      </c>
      <c r="H6309" s="5" t="s">
        <v>1518</v>
      </c>
      <c r="I6309" s="5" t="s">
        <v>69038</v>
      </c>
      <c r="J6309" s="2" t="s">
        <v>69039</v>
      </c>
      <c r="K6309" s="5" t="s">
        <v>69038</v>
      </c>
      <c r="L6309" s="2" t="s">
        <v>69039</v>
      </c>
      <c r="M6309" s="5" t="s">
        <v>1521</v>
      </c>
      <c r="N6309" s="5" t="s">
        <v>38</v>
      </c>
      <c r="O6309" s="5" t="s">
        <v>39</v>
      </c>
      <c r="P6309" s="5" t="s">
        <v>40</v>
      </c>
      <c r="Q6309" s="5" t="s">
        <v>1522</v>
      </c>
      <c r="R6309" s="5" t="s">
        <v>1523</v>
      </c>
      <c r="S6309" s="5" t="s">
        <v>42</v>
      </c>
      <c r="T6309" s="2">
        <v>1.752</v>
      </c>
      <c r="U6309" s="2">
        <v>1.413</v>
      </c>
      <c r="V6309" s="2">
        <v>10.6</v>
      </c>
      <c r="W6309" s="2">
        <v>118.9</v>
      </c>
      <c r="X6309" s="2">
        <v>7.6</v>
      </c>
      <c r="Y6309" s="2">
        <v>10.6</v>
      </c>
      <c r="Z6309" s="5"/>
      <c r="AA6309" s="5" t="s">
        <v>43</v>
      </c>
      <c r="AB6309" s="5" t="s">
        <v>44</v>
      </c>
      <c r="AC6309" s="2"/>
      <c r="AD6309" s="1"/>
    </row>
    <row r="6310" spans="1:30">
      <c r="A6310" s="5" t="s">
        <v>83578</v>
      </c>
      <c r="B6310" s="2" t="s">
        <v>103045</v>
      </c>
      <c r="C6310" s="14" t="s">
        <v>103046</v>
      </c>
      <c r="D6310" s="2" t="s">
        <v>103047</v>
      </c>
      <c r="E6310" s="2" t="s">
        <v>7559</v>
      </c>
      <c r="F6310" s="8">
        <v>151</v>
      </c>
      <c r="G6310" s="5">
        <v>6</v>
      </c>
      <c r="H6310" s="5" t="s">
        <v>1518</v>
      </c>
      <c r="I6310" s="5" t="s">
        <v>69038</v>
      </c>
      <c r="J6310" s="2" t="s">
        <v>69039</v>
      </c>
      <c r="K6310" s="5" t="s">
        <v>69038</v>
      </c>
      <c r="L6310" s="2" t="s">
        <v>69039</v>
      </c>
      <c r="M6310" s="5" t="s">
        <v>1521</v>
      </c>
      <c r="N6310" s="5" t="s">
        <v>38</v>
      </c>
      <c r="O6310" s="5" t="s">
        <v>39</v>
      </c>
      <c r="P6310" s="5" t="s">
        <v>40</v>
      </c>
      <c r="Q6310" s="5" t="s">
        <v>1522</v>
      </c>
      <c r="R6310" s="5" t="s">
        <v>1523</v>
      </c>
      <c r="S6310" s="5" t="s">
        <v>42</v>
      </c>
      <c r="T6310" s="2">
        <v>1.752</v>
      </c>
      <c r="U6310" s="2">
        <v>1.413</v>
      </c>
      <c r="V6310" s="2">
        <v>10.6</v>
      </c>
      <c r="W6310" s="2">
        <v>118.9</v>
      </c>
      <c r="X6310" s="2">
        <v>7.6</v>
      </c>
      <c r="Y6310" s="2">
        <v>10.6</v>
      </c>
      <c r="Z6310" s="5"/>
      <c r="AA6310" s="5" t="s">
        <v>43</v>
      </c>
      <c r="AB6310" s="5" t="s">
        <v>44</v>
      </c>
      <c r="AC6310" s="2"/>
      <c r="AD6310" s="1"/>
    </row>
    <row r="6311" spans="1:30">
      <c r="A6311" s="5" t="s">
        <v>83578</v>
      </c>
      <c r="B6311" s="2" t="s">
        <v>103048</v>
      </c>
      <c r="C6311" s="14" t="s">
        <v>103049</v>
      </c>
      <c r="D6311" s="2" t="s">
        <v>103050</v>
      </c>
      <c r="E6311" s="2" t="s">
        <v>7429</v>
      </c>
      <c r="F6311" s="8">
        <v>151</v>
      </c>
      <c r="G6311" s="5">
        <v>6</v>
      </c>
      <c r="H6311" s="5" t="s">
        <v>1518</v>
      </c>
      <c r="I6311" s="5" t="s">
        <v>69038</v>
      </c>
      <c r="J6311" s="2" t="s">
        <v>69039</v>
      </c>
      <c r="K6311" s="5" t="s">
        <v>69038</v>
      </c>
      <c r="L6311" s="2" t="s">
        <v>69039</v>
      </c>
      <c r="M6311" s="5" t="s">
        <v>1521</v>
      </c>
      <c r="N6311" s="5" t="s">
        <v>38</v>
      </c>
      <c r="O6311" s="5" t="s">
        <v>39</v>
      </c>
      <c r="P6311" s="5" t="s">
        <v>40</v>
      </c>
      <c r="Q6311" s="5" t="s">
        <v>1522</v>
      </c>
      <c r="R6311" s="5" t="s">
        <v>1523</v>
      </c>
      <c r="S6311" s="5" t="s">
        <v>42</v>
      </c>
      <c r="T6311" s="2">
        <v>1.6739999999999999</v>
      </c>
      <c r="U6311" s="2">
        <v>1.335</v>
      </c>
      <c r="V6311" s="2">
        <v>10.6</v>
      </c>
      <c r="W6311" s="2">
        <v>118.9</v>
      </c>
      <c r="X6311" s="2">
        <v>7.6</v>
      </c>
      <c r="Y6311" s="2">
        <v>10.6</v>
      </c>
      <c r="Z6311" s="5"/>
      <c r="AA6311" s="5" t="s">
        <v>43</v>
      </c>
      <c r="AB6311" s="5" t="s">
        <v>44</v>
      </c>
      <c r="AC6311" s="2"/>
      <c r="AD6311" s="1"/>
    </row>
    <row r="6312" spans="1:30">
      <c r="A6312" s="5" t="s">
        <v>83578</v>
      </c>
      <c r="B6312" s="2" t="s">
        <v>103051</v>
      </c>
      <c r="C6312" s="14" t="s">
        <v>103052</v>
      </c>
      <c r="D6312" s="2" t="s">
        <v>103053</v>
      </c>
      <c r="E6312" s="2" t="s">
        <v>7574</v>
      </c>
      <c r="F6312" s="8">
        <v>151</v>
      </c>
      <c r="G6312" s="5">
        <v>6</v>
      </c>
      <c r="H6312" s="5" t="s">
        <v>1518</v>
      </c>
      <c r="I6312" s="5" t="s">
        <v>69038</v>
      </c>
      <c r="J6312" s="2" t="s">
        <v>69039</v>
      </c>
      <c r="K6312" s="5" t="s">
        <v>69038</v>
      </c>
      <c r="L6312" s="2" t="s">
        <v>69039</v>
      </c>
      <c r="M6312" s="5" t="s">
        <v>1521</v>
      </c>
      <c r="N6312" s="5" t="s">
        <v>38</v>
      </c>
      <c r="O6312" s="5" t="s">
        <v>39</v>
      </c>
      <c r="P6312" s="5" t="s">
        <v>40</v>
      </c>
      <c r="Q6312" s="5" t="s">
        <v>1522</v>
      </c>
      <c r="R6312" s="5" t="s">
        <v>1523</v>
      </c>
      <c r="S6312" s="5" t="s">
        <v>42</v>
      </c>
      <c r="T6312" s="2">
        <v>1.752</v>
      </c>
      <c r="U6312" s="2">
        <v>1.413</v>
      </c>
      <c r="V6312" s="2">
        <v>10.6</v>
      </c>
      <c r="W6312" s="2">
        <v>118.9</v>
      </c>
      <c r="X6312" s="2">
        <v>7.6</v>
      </c>
      <c r="Y6312" s="2">
        <v>10.6</v>
      </c>
      <c r="Z6312" s="5"/>
      <c r="AA6312" s="5" t="s">
        <v>43</v>
      </c>
      <c r="AB6312" s="5" t="s">
        <v>44</v>
      </c>
      <c r="AC6312" s="2"/>
      <c r="AD6312" s="1"/>
    </row>
    <row r="6313" spans="1:30">
      <c r="A6313" s="5" t="s">
        <v>83578</v>
      </c>
      <c r="B6313" s="2" t="s">
        <v>103054</v>
      </c>
      <c r="C6313" s="14" t="s">
        <v>103055</v>
      </c>
      <c r="D6313" s="2" t="s">
        <v>103056</v>
      </c>
      <c r="E6313" s="2" t="s">
        <v>7581</v>
      </c>
      <c r="F6313" s="8">
        <v>151</v>
      </c>
      <c r="G6313" s="5">
        <v>6</v>
      </c>
      <c r="H6313" s="5" t="s">
        <v>1518</v>
      </c>
      <c r="I6313" s="5" t="s">
        <v>69038</v>
      </c>
      <c r="J6313" s="2" t="s">
        <v>69039</v>
      </c>
      <c r="K6313" s="5" t="s">
        <v>69038</v>
      </c>
      <c r="L6313" s="2" t="s">
        <v>69039</v>
      </c>
      <c r="M6313" s="5" t="s">
        <v>1521</v>
      </c>
      <c r="N6313" s="5" t="s">
        <v>38</v>
      </c>
      <c r="O6313" s="5" t="s">
        <v>39</v>
      </c>
      <c r="P6313" s="5" t="s">
        <v>40</v>
      </c>
      <c r="Q6313" s="5" t="s">
        <v>1522</v>
      </c>
      <c r="R6313" s="5" t="s">
        <v>1523</v>
      </c>
      <c r="S6313" s="5" t="s">
        <v>42</v>
      </c>
      <c r="T6313" s="2">
        <v>1.752</v>
      </c>
      <c r="U6313" s="2">
        <v>1.413</v>
      </c>
      <c r="V6313" s="2">
        <v>10.6</v>
      </c>
      <c r="W6313" s="2">
        <v>118.9</v>
      </c>
      <c r="X6313" s="2">
        <v>7.6</v>
      </c>
      <c r="Y6313" s="2">
        <v>10.6</v>
      </c>
      <c r="Z6313" s="5"/>
      <c r="AA6313" s="5" t="s">
        <v>43</v>
      </c>
      <c r="AB6313" s="5" t="s">
        <v>44</v>
      </c>
      <c r="AC6313" s="2"/>
      <c r="AD6313" s="1"/>
    </row>
    <row r="6314" spans="1:30">
      <c r="A6314" s="5" t="s">
        <v>83578</v>
      </c>
      <c r="B6314" s="2" t="s">
        <v>103057</v>
      </c>
      <c r="C6314" s="14" t="s">
        <v>103058</v>
      </c>
      <c r="D6314" s="2" t="s">
        <v>103059</v>
      </c>
      <c r="E6314" s="2" t="s">
        <v>7589</v>
      </c>
      <c r="F6314" s="8">
        <v>151</v>
      </c>
      <c r="G6314" s="5">
        <v>6</v>
      </c>
      <c r="H6314" s="5" t="s">
        <v>1518</v>
      </c>
      <c r="I6314" s="5" t="s">
        <v>69038</v>
      </c>
      <c r="J6314" s="2" t="s">
        <v>69039</v>
      </c>
      <c r="K6314" s="5" t="s">
        <v>69038</v>
      </c>
      <c r="L6314" s="2" t="s">
        <v>69039</v>
      </c>
      <c r="M6314" s="5" t="s">
        <v>1521</v>
      </c>
      <c r="N6314" s="5" t="s">
        <v>38</v>
      </c>
      <c r="O6314" s="5" t="s">
        <v>39</v>
      </c>
      <c r="P6314" s="5" t="s">
        <v>40</v>
      </c>
      <c r="Q6314" s="5" t="s">
        <v>1522</v>
      </c>
      <c r="R6314" s="5" t="s">
        <v>1523</v>
      </c>
      <c r="S6314" s="5" t="s">
        <v>42</v>
      </c>
      <c r="T6314" s="2">
        <v>1.752</v>
      </c>
      <c r="U6314" s="2">
        <v>1.413</v>
      </c>
      <c r="V6314" s="2">
        <v>10.6</v>
      </c>
      <c r="W6314" s="2">
        <v>118.9</v>
      </c>
      <c r="X6314" s="2">
        <v>7.6</v>
      </c>
      <c r="Y6314" s="2">
        <v>10.6</v>
      </c>
      <c r="Z6314" s="5"/>
      <c r="AA6314" s="5" t="s">
        <v>43</v>
      </c>
      <c r="AB6314" s="5" t="s">
        <v>44</v>
      </c>
      <c r="AC6314" s="2"/>
      <c r="AD6314" s="1"/>
    </row>
    <row r="6315" spans="1:30">
      <c r="A6315" s="5" t="s">
        <v>83578</v>
      </c>
      <c r="B6315" s="2" t="s">
        <v>103060</v>
      </c>
      <c r="C6315" s="14" t="s">
        <v>103061</v>
      </c>
      <c r="D6315" s="2" t="s">
        <v>103062</v>
      </c>
      <c r="E6315" s="2" t="s">
        <v>7593</v>
      </c>
      <c r="F6315" s="8">
        <v>151</v>
      </c>
      <c r="G6315" s="5">
        <v>6</v>
      </c>
      <c r="H6315" s="5" t="s">
        <v>1518</v>
      </c>
      <c r="I6315" s="5" t="s">
        <v>69038</v>
      </c>
      <c r="J6315" s="2" t="s">
        <v>69039</v>
      </c>
      <c r="K6315" s="5" t="s">
        <v>69038</v>
      </c>
      <c r="L6315" s="2" t="s">
        <v>69039</v>
      </c>
      <c r="M6315" s="5" t="s">
        <v>1521</v>
      </c>
      <c r="N6315" s="5" t="s">
        <v>38</v>
      </c>
      <c r="O6315" s="5" t="s">
        <v>39</v>
      </c>
      <c r="P6315" s="5" t="s">
        <v>40</v>
      </c>
      <c r="Q6315" s="5" t="s">
        <v>1522</v>
      </c>
      <c r="R6315" s="5" t="s">
        <v>1523</v>
      </c>
      <c r="S6315" s="5" t="s">
        <v>42</v>
      </c>
      <c r="T6315" s="2">
        <v>1.6739999999999999</v>
      </c>
      <c r="U6315" s="2">
        <v>1.335</v>
      </c>
      <c r="V6315" s="2">
        <v>10.6</v>
      </c>
      <c r="W6315" s="2">
        <v>118.9</v>
      </c>
      <c r="X6315" s="2">
        <v>7.6</v>
      </c>
      <c r="Y6315" s="2">
        <v>10.6</v>
      </c>
      <c r="Z6315" s="5"/>
      <c r="AA6315" s="5" t="s">
        <v>43</v>
      </c>
      <c r="AB6315" s="5" t="s">
        <v>44</v>
      </c>
      <c r="AC6315" s="2"/>
      <c r="AD6315" s="1"/>
    </row>
    <row r="6316" spans="1:30">
      <c r="A6316" s="5" t="s">
        <v>83578</v>
      </c>
      <c r="B6316" s="2" t="s">
        <v>103063</v>
      </c>
      <c r="C6316" s="14" t="s">
        <v>103064</v>
      </c>
      <c r="D6316" s="2" t="s">
        <v>103065</v>
      </c>
      <c r="E6316" s="2" t="s">
        <v>7597</v>
      </c>
      <c r="F6316" s="8">
        <v>151</v>
      </c>
      <c r="G6316" s="5">
        <v>6</v>
      </c>
      <c r="H6316" s="5" t="s">
        <v>1518</v>
      </c>
      <c r="I6316" s="5" t="s">
        <v>69038</v>
      </c>
      <c r="J6316" s="2" t="s">
        <v>69039</v>
      </c>
      <c r="K6316" s="5" t="s">
        <v>69038</v>
      </c>
      <c r="L6316" s="2" t="s">
        <v>69039</v>
      </c>
      <c r="M6316" s="5" t="s">
        <v>1521</v>
      </c>
      <c r="N6316" s="5" t="s">
        <v>38</v>
      </c>
      <c r="O6316" s="5" t="s">
        <v>39</v>
      </c>
      <c r="P6316" s="5" t="s">
        <v>40</v>
      </c>
      <c r="Q6316" s="5" t="s">
        <v>1522</v>
      </c>
      <c r="R6316" s="5" t="s">
        <v>1523</v>
      </c>
      <c r="S6316" s="5" t="s">
        <v>42</v>
      </c>
      <c r="T6316" s="2">
        <v>1.752</v>
      </c>
      <c r="U6316" s="2">
        <v>1.413</v>
      </c>
      <c r="V6316" s="2">
        <v>10.6</v>
      </c>
      <c r="W6316" s="2">
        <v>118.9</v>
      </c>
      <c r="X6316" s="2">
        <v>7.6</v>
      </c>
      <c r="Y6316" s="2">
        <v>10.6</v>
      </c>
      <c r="Z6316" s="5"/>
      <c r="AA6316" s="5" t="s">
        <v>43</v>
      </c>
      <c r="AB6316" s="5" t="s">
        <v>44</v>
      </c>
      <c r="AC6316" s="2"/>
      <c r="AD6316" s="1"/>
    </row>
    <row r="6317" spans="1:30">
      <c r="A6317" s="5" t="s">
        <v>83578</v>
      </c>
      <c r="B6317" s="2" t="s">
        <v>103066</v>
      </c>
      <c r="C6317" s="14" t="s">
        <v>103067</v>
      </c>
      <c r="D6317" s="2" t="s">
        <v>103068</v>
      </c>
      <c r="E6317" s="2" t="s">
        <v>7619</v>
      </c>
      <c r="F6317" s="8">
        <v>151</v>
      </c>
      <c r="G6317" s="5">
        <v>6</v>
      </c>
      <c r="H6317" s="5" t="s">
        <v>1518</v>
      </c>
      <c r="I6317" s="5" t="s">
        <v>69038</v>
      </c>
      <c r="J6317" s="2" t="s">
        <v>69039</v>
      </c>
      <c r="K6317" s="5" t="s">
        <v>69038</v>
      </c>
      <c r="L6317" s="2" t="s">
        <v>69039</v>
      </c>
      <c r="M6317" s="5" t="s">
        <v>1521</v>
      </c>
      <c r="N6317" s="5" t="s">
        <v>38</v>
      </c>
      <c r="O6317" s="5" t="s">
        <v>39</v>
      </c>
      <c r="P6317" s="5" t="s">
        <v>40</v>
      </c>
      <c r="Q6317" s="5" t="s">
        <v>1522</v>
      </c>
      <c r="R6317" s="5" t="s">
        <v>1523</v>
      </c>
      <c r="S6317" s="5" t="s">
        <v>42</v>
      </c>
      <c r="T6317" s="2">
        <v>1.752</v>
      </c>
      <c r="U6317" s="2">
        <v>1.413</v>
      </c>
      <c r="V6317" s="2">
        <v>10.6</v>
      </c>
      <c r="W6317" s="2">
        <v>118.9</v>
      </c>
      <c r="X6317" s="2">
        <v>7.6</v>
      </c>
      <c r="Y6317" s="2">
        <v>10.6</v>
      </c>
      <c r="Z6317" s="5"/>
      <c r="AA6317" s="5" t="s">
        <v>43</v>
      </c>
      <c r="AB6317" s="5" t="s">
        <v>44</v>
      </c>
      <c r="AC6317" s="2"/>
      <c r="AD6317" s="1"/>
    </row>
    <row r="6318" spans="1:30">
      <c r="A6318" s="5" t="s">
        <v>83578</v>
      </c>
      <c r="B6318" s="2" t="s">
        <v>103069</v>
      </c>
      <c r="C6318" s="14" t="s">
        <v>103070</v>
      </c>
      <c r="D6318" s="2" t="s">
        <v>103071</v>
      </c>
      <c r="E6318" s="2" t="s">
        <v>7547</v>
      </c>
      <c r="F6318" s="8">
        <v>164</v>
      </c>
      <c r="G6318" s="5">
        <v>6</v>
      </c>
      <c r="H6318" s="5" t="s">
        <v>1518</v>
      </c>
      <c r="I6318" s="5" t="s">
        <v>69038</v>
      </c>
      <c r="J6318" s="2" t="s">
        <v>69039</v>
      </c>
      <c r="K6318" s="5" t="s">
        <v>69038</v>
      </c>
      <c r="L6318" s="2" t="s">
        <v>69039</v>
      </c>
      <c r="M6318" s="5" t="s">
        <v>1521</v>
      </c>
      <c r="N6318" s="5" t="s">
        <v>38</v>
      </c>
      <c r="O6318" s="5" t="s">
        <v>39</v>
      </c>
      <c r="P6318" s="5" t="s">
        <v>40</v>
      </c>
      <c r="Q6318" s="5" t="s">
        <v>1522</v>
      </c>
      <c r="R6318" s="5" t="s">
        <v>1523</v>
      </c>
      <c r="S6318" s="5" t="s">
        <v>42</v>
      </c>
      <c r="T6318" s="2">
        <v>1.837</v>
      </c>
      <c r="U6318" s="2">
        <v>1.446</v>
      </c>
      <c r="V6318" s="2">
        <v>10.6</v>
      </c>
      <c r="W6318" s="2">
        <v>139.1</v>
      </c>
      <c r="X6318" s="2">
        <v>7.6</v>
      </c>
      <c r="Y6318" s="2">
        <v>10.6</v>
      </c>
      <c r="Z6318" s="5"/>
      <c r="AA6318" s="5" t="s">
        <v>43</v>
      </c>
      <c r="AB6318" s="5" t="s">
        <v>44</v>
      </c>
      <c r="AC6318" s="2"/>
      <c r="AD6318" s="1"/>
    </row>
    <row r="6319" spans="1:30">
      <c r="A6319" s="5" t="s">
        <v>83578</v>
      </c>
      <c r="B6319" s="2" t="s">
        <v>103072</v>
      </c>
      <c r="C6319" s="14" t="s">
        <v>103073</v>
      </c>
      <c r="D6319" s="2" t="s">
        <v>103074</v>
      </c>
      <c r="E6319" s="2" t="s">
        <v>7551</v>
      </c>
      <c r="F6319" s="8">
        <v>164</v>
      </c>
      <c r="G6319" s="5">
        <v>6</v>
      </c>
      <c r="H6319" s="5" t="s">
        <v>1518</v>
      </c>
      <c r="I6319" s="5" t="s">
        <v>69038</v>
      </c>
      <c r="J6319" s="2" t="s">
        <v>69039</v>
      </c>
      <c r="K6319" s="5" t="s">
        <v>69038</v>
      </c>
      <c r="L6319" s="2" t="s">
        <v>69039</v>
      </c>
      <c r="M6319" s="5" t="s">
        <v>1521</v>
      </c>
      <c r="N6319" s="5" t="s">
        <v>38</v>
      </c>
      <c r="O6319" s="5" t="s">
        <v>39</v>
      </c>
      <c r="P6319" s="5" t="s">
        <v>40</v>
      </c>
      <c r="Q6319" s="5" t="s">
        <v>1522</v>
      </c>
      <c r="R6319" s="5" t="s">
        <v>1523</v>
      </c>
      <c r="S6319" s="5" t="s">
        <v>42</v>
      </c>
      <c r="T6319" s="2">
        <v>1.925</v>
      </c>
      <c r="U6319" s="2">
        <v>1.534</v>
      </c>
      <c r="V6319" s="2">
        <v>10.6</v>
      </c>
      <c r="W6319" s="2">
        <v>139.1</v>
      </c>
      <c r="X6319" s="2">
        <v>7.6</v>
      </c>
      <c r="Y6319" s="2">
        <v>10.6</v>
      </c>
      <c r="Z6319" s="5"/>
      <c r="AA6319" s="5" t="s">
        <v>43</v>
      </c>
      <c r="AB6319" s="5" t="s">
        <v>44</v>
      </c>
      <c r="AC6319" s="2"/>
      <c r="AD6319" s="1"/>
    </row>
    <row r="6320" spans="1:30">
      <c r="A6320" s="5" t="s">
        <v>83578</v>
      </c>
      <c r="B6320" s="2" t="s">
        <v>103075</v>
      </c>
      <c r="C6320" s="14" t="s">
        <v>103076</v>
      </c>
      <c r="D6320" s="2" t="s">
        <v>103077</v>
      </c>
      <c r="E6320" s="2" t="s">
        <v>7567</v>
      </c>
      <c r="F6320" s="8">
        <v>164</v>
      </c>
      <c r="G6320" s="5">
        <v>6</v>
      </c>
      <c r="H6320" s="5" t="s">
        <v>1518</v>
      </c>
      <c r="I6320" s="5" t="s">
        <v>69038</v>
      </c>
      <c r="J6320" s="2" t="s">
        <v>69039</v>
      </c>
      <c r="K6320" s="5" t="s">
        <v>69038</v>
      </c>
      <c r="L6320" s="2" t="s">
        <v>69039</v>
      </c>
      <c r="M6320" s="5" t="s">
        <v>1521</v>
      </c>
      <c r="N6320" s="5" t="s">
        <v>38</v>
      </c>
      <c r="O6320" s="5" t="s">
        <v>39</v>
      </c>
      <c r="P6320" s="5" t="s">
        <v>40</v>
      </c>
      <c r="Q6320" s="5" t="s">
        <v>1522</v>
      </c>
      <c r="R6320" s="5" t="s">
        <v>1523</v>
      </c>
      <c r="S6320" s="5" t="s">
        <v>42</v>
      </c>
      <c r="T6320" s="2">
        <v>1.925</v>
      </c>
      <c r="U6320" s="2">
        <v>1.534</v>
      </c>
      <c r="V6320" s="2">
        <v>10.6</v>
      </c>
      <c r="W6320" s="2">
        <v>139.1</v>
      </c>
      <c r="X6320" s="2">
        <v>7.6</v>
      </c>
      <c r="Y6320" s="2">
        <v>10.6</v>
      </c>
      <c r="Z6320" s="5"/>
      <c r="AA6320" s="5" t="s">
        <v>43</v>
      </c>
      <c r="AB6320" s="5" t="s">
        <v>44</v>
      </c>
      <c r="AC6320" s="2"/>
      <c r="AD6320" s="1"/>
    </row>
    <row r="6321" spans="1:30">
      <c r="A6321" s="5" t="s">
        <v>83578</v>
      </c>
      <c r="B6321" s="2" t="s">
        <v>103078</v>
      </c>
      <c r="C6321" s="14" t="s">
        <v>103079</v>
      </c>
      <c r="D6321" s="2" t="s">
        <v>103080</v>
      </c>
      <c r="E6321" s="2" t="s">
        <v>7559</v>
      </c>
      <c r="F6321" s="8">
        <v>164</v>
      </c>
      <c r="G6321" s="5">
        <v>6</v>
      </c>
      <c r="H6321" s="5" t="s">
        <v>1518</v>
      </c>
      <c r="I6321" s="5" t="s">
        <v>69038</v>
      </c>
      <c r="J6321" s="2" t="s">
        <v>69039</v>
      </c>
      <c r="K6321" s="5" t="s">
        <v>69038</v>
      </c>
      <c r="L6321" s="2" t="s">
        <v>69039</v>
      </c>
      <c r="M6321" s="5" t="s">
        <v>1521</v>
      </c>
      <c r="N6321" s="5" t="s">
        <v>38</v>
      </c>
      <c r="O6321" s="5" t="s">
        <v>39</v>
      </c>
      <c r="P6321" s="5" t="s">
        <v>40</v>
      </c>
      <c r="Q6321" s="5" t="s">
        <v>1522</v>
      </c>
      <c r="R6321" s="5" t="s">
        <v>1523</v>
      </c>
      <c r="S6321" s="5" t="s">
        <v>42</v>
      </c>
      <c r="T6321" s="2">
        <v>1.925</v>
      </c>
      <c r="U6321" s="2">
        <v>1.534</v>
      </c>
      <c r="V6321" s="2">
        <v>10.6</v>
      </c>
      <c r="W6321" s="2">
        <v>139.1</v>
      </c>
      <c r="X6321" s="2">
        <v>7.6</v>
      </c>
      <c r="Y6321" s="2">
        <v>10.6</v>
      </c>
      <c r="Z6321" s="5"/>
      <c r="AA6321" s="5" t="s">
        <v>43</v>
      </c>
      <c r="AB6321" s="5" t="s">
        <v>44</v>
      </c>
      <c r="AC6321" s="2"/>
      <c r="AD6321" s="1"/>
    </row>
    <row r="6322" spans="1:30">
      <c r="A6322" s="5" t="s">
        <v>83578</v>
      </c>
      <c r="B6322" s="2" t="s">
        <v>103081</v>
      </c>
      <c r="C6322" s="14" t="s">
        <v>103082</v>
      </c>
      <c r="D6322" s="2" t="s">
        <v>103083</v>
      </c>
      <c r="E6322" s="2" t="s">
        <v>7429</v>
      </c>
      <c r="F6322" s="8">
        <v>164</v>
      </c>
      <c r="G6322" s="5">
        <v>6</v>
      </c>
      <c r="H6322" s="5" t="s">
        <v>1518</v>
      </c>
      <c r="I6322" s="5" t="s">
        <v>69038</v>
      </c>
      <c r="J6322" s="2" t="s">
        <v>69039</v>
      </c>
      <c r="K6322" s="5" t="s">
        <v>69038</v>
      </c>
      <c r="L6322" s="2" t="s">
        <v>69039</v>
      </c>
      <c r="M6322" s="5" t="s">
        <v>1521</v>
      </c>
      <c r="N6322" s="5" t="s">
        <v>38</v>
      </c>
      <c r="O6322" s="5" t="s">
        <v>39</v>
      </c>
      <c r="P6322" s="5" t="s">
        <v>40</v>
      </c>
      <c r="Q6322" s="5" t="s">
        <v>1522</v>
      </c>
      <c r="R6322" s="5" t="s">
        <v>1523</v>
      </c>
      <c r="S6322" s="5" t="s">
        <v>42</v>
      </c>
      <c r="T6322" s="2">
        <v>1.837</v>
      </c>
      <c r="U6322" s="2">
        <v>1.446</v>
      </c>
      <c r="V6322" s="2">
        <v>10.6</v>
      </c>
      <c r="W6322" s="2">
        <v>139.1</v>
      </c>
      <c r="X6322" s="2">
        <v>7.6</v>
      </c>
      <c r="Y6322" s="2">
        <v>10.6</v>
      </c>
      <c r="Z6322" s="5"/>
      <c r="AA6322" s="5" t="s">
        <v>43</v>
      </c>
      <c r="AB6322" s="5" t="s">
        <v>44</v>
      </c>
      <c r="AC6322" s="2"/>
      <c r="AD6322" s="1"/>
    </row>
    <row r="6323" spans="1:30">
      <c r="A6323" s="5" t="s">
        <v>83578</v>
      </c>
      <c r="B6323" s="2" t="s">
        <v>103084</v>
      </c>
      <c r="C6323" s="14" t="s">
        <v>103085</v>
      </c>
      <c r="D6323" s="2" t="s">
        <v>103086</v>
      </c>
      <c r="E6323" s="2" t="s">
        <v>7574</v>
      </c>
      <c r="F6323" s="8">
        <v>164</v>
      </c>
      <c r="G6323" s="5">
        <v>6</v>
      </c>
      <c r="H6323" s="5" t="s">
        <v>1518</v>
      </c>
      <c r="I6323" s="5" t="s">
        <v>69038</v>
      </c>
      <c r="J6323" s="2" t="s">
        <v>69039</v>
      </c>
      <c r="K6323" s="5" t="s">
        <v>69038</v>
      </c>
      <c r="L6323" s="2" t="s">
        <v>69039</v>
      </c>
      <c r="M6323" s="5" t="s">
        <v>1521</v>
      </c>
      <c r="N6323" s="5" t="s">
        <v>38</v>
      </c>
      <c r="O6323" s="5" t="s">
        <v>39</v>
      </c>
      <c r="P6323" s="5" t="s">
        <v>40</v>
      </c>
      <c r="Q6323" s="5" t="s">
        <v>1522</v>
      </c>
      <c r="R6323" s="5" t="s">
        <v>1523</v>
      </c>
      <c r="S6323" s="5" t="s">
        <v>42</v>
      </c>
      <c r="T6323" s="2">
        <v>1.925</v>
      </c>
      <c r="U6323" s="2">
        <v>1.534</v>
      </c>
      <c r="V6323" s="2">
        <v>10.6</v>
      </c>
      <c r="W6323" s="2">
        <v>139.1</v>
      </c>
      <c r="X6323" s="2">
        <v>7.6</v>
      </c>
      <c r="Y6323" s="2">
        <v>10.6</v>
      </c>
      <c r="Z6323" s="5"/>
      <c r="AA6323" s="5" t="s">
        <v>43</v>
      </c>
      <c r="AB6323" s="5" t="s">
        <v>44</v>
      </c>
      <c r="AC6323" s="2"/>
      <c r="AD6323" s="1"/>
    </row>
    <row r="6324" spans="1:30">
      <c r="A6324" s="5" t="s">
        <v>83578</v>
      </c>
      <c r="B6324" s="2" t="s">
        <v>103087</v>
      </c>
      <c r="C6324" s="14" t="s">
        <v>103088</v>
      </c>
      <c r="D6324" s="2" t="s">
        <v>103089</v>
      </c>
      <c r="E6324" s="2" t="s">
        <v>7589</v>
      </c>
      <c r="F6324" s="8">
        <v>164</v>
      </c>
      <c r="G6324" s="5">
        <v>6</v>
      </c>
      <c r="H6324" s="5" t="s">
        <v>1518</v>
      </c>
      <c r="I6324" s="5" t="s">
        <v>69038</v>
      </c>
      <c r="J6324" s="2" t="s">
        <v>69039</v>
      </c>
      <c r="K6324" s="5" t="s">
        <v>69038</v>
      </c>
      <c r="L6324" s="2" t="s">
        <v>69039</v>
      </c>
      <c r="M6324" s="5" t="s">
        <v>1521</v>
      </c>
      <c r="N6324" s="5" t="s">
        <v>38</v>
      </c>
      <c r="O6324" s="5" t="s">
        <v>39</v>
      </c>
      <c r="P6324" s="5" t="s">
        <v>40</v>
      </c>
      <c r="Q6324" s="5" t="s">
        <v>1522</v>
      </c>
      <c r="R6324" s="5" t="s">
        <v>1523</v>
      </c>
      <c r="S6324" s="5" t="s">
        <v>42</v>
      </c>
      <c r="T6324" s="2">
        <v>1.925</v>
      </c>
      <c r="U6324" s="2">
        <v>1.534</v>
      </c>
      <c r="V6324" s="2">
        <v>10.6</v>
      </c>
      <c r="W6324" s="2">
        <v>139.1</v>
      </c>
      <c r="X6324" s="2">
        <v>7.6</v>
      </c>
      <c r="Y6324" s="2">
        <v>10.6</v>
      </c>
      <c r="Z6324" s="5"/>
      <c r="AA6324" s="5" t="s">
        <v>43</v>
      </c>
      <c r="AB6324" s="5" t="s">
        <v>44</v>
      </c>
      <c r="AC6324" s="2"/>
      <c r="AD6324" s="1"/>
    </row>
    <row r="6325" spans="1:30">
      <c r="A6325" s="5" t="s">
        <v>83578</v>
      </c>
      <c r="B6325" s="2" t="s">
        <v>103090</v>
      </c>
      <c r="C6325" s="14" t="s">
        <v>103091</v>
      </c>
      <c r="D6325" s="2" t="s">
        <v>103092</v>
      </c>
      <c r="E6325" s="2" t="s">
        <v>7593</v>
      </c>
      <c r="F6325" s="8">
        <v>164</v>
      </c>
      <c r="G6325" s="5">
        <v>6</v>
      </c>
      <c r="H6325" s="5" t="s">
        <v>1518</v>
      </c>
      <c r="I6325" s="5" t="s">
        <v>69038</v>
      </c>
      <c r="J6325" s="2" t="s">
        <v>69039</v>
      </c>
      <c r="K6325" s="5" t="s">
        <v>69038</v>
      </c>
      <c r="L6325" s="2" t="s">
        <v>69039</v>
      </c>
      <c r="M6325" s="5" t="s">
        <v>1521</v>
      </c>
      <c r="N6325" s="5" t="s">
        <v>38</v>
      </c>
      <c r="O6325" s="5" t="s">
        <v>39</v>
      </c>
      <c r="P6325" s="5" t="s">
        <v>40</v>
      </c>
      <c r="Q6325" s="5" t="s">
        <v>1522</v>
      </c>
      <c r="R6325" s="5" t="s">
        <v>1523</v>
      </c>
      <c r="S6325" s="5" t="s">
        <v>42</v>
      </c>
      <c r="T6325" s="2">
        <v>1.837</v>
      </c>
      <c r="U6325" s="2">
        <v>1.446</v>
      </c>
      <c r="V6325" s="2">
        <v>10.6</v>
      </c>
      <c r="W6325" s="2">
        <v>139.1</v>
      </c>
      <c r="X6325" s="2">
        <v>7.6</v>
      </c>
      <c r="Y6325" s="2">
        <v>10.6</v>
      </c>
      <c r="Z6325" s="5"/>
      <c r="AA6325" s="5" t="s">
        <v>43</v>
      </c>
      <c r="AB6325" s="5" t="s">
        <v>44</v>
      </c>
      <c r="AC6325" s="2"/>
      <c r="AD6325" s="1"/>
    </row>
    <row r="6326" spans="1:30">
      <c r="A6326" s="5" t="s">
        <v>83578</v>
      </c>
      <c r="B6326" s="2" t="s">
        <v>103093</v>
      </c>
      <c r="C6326" s="14" t="s">
        <v>103094</v>
      </c>
      <c r="D6326" s="2" t="s">
        <v>103095</v>
      </c>
      <c r="E6326" s="2" t="s">
        <v>7597</v>
      </c>
      <c r="F6326" s="8">
        <v>164</v>
      </c>
      <c r="G6326" s="5">
        <v>6</v>
      </c>
      <c r="H6326" s="5" t="s">
        <v>1518</v>
      </c>
      <c r="I6326" s="5" t="s">
        <v>69038</v>
      </c>
      <c r="J6326" s="2" t="s">
        <v>69039</v>
      </c>
      <c r="K6326" s="5" t="s">
        <v>69038</v>
      </c>
      <c r="L6326" s="2" t="s">
        <v>69039</v>
      </c>
      <c r="M6326" s="5" t="s">
        <v>1521</v>
      </c>
      <c r="N6326" s="5" t="s">
        <v>38</v>
      </c>
      <c r="O6326" s="5" t="s">
        <v>39</v>
      </c>
      <c r="P6326" s="5" t="s">
        <v>40</v>
      </c>
      <c r="Q6326" s="5" t="s">
        <v>1522</v>
      </c>
      <c r="R6326" s="5" t="s">
        <v>1523</v>
      </c>
      <c r="S6326" s="5" t="s">
        <v>42</v>
      </c>
      <c r="T6326" s="2">
        <v>1.925</v>
      </c>
      <c r="U6326" s="2">
        <v>1.534</v>
      </c>
      <c r="V6326" s="2">
        <v>10.6</v>
      </c>
      <c r="W6326" s="2">
        <v>139.1</v>
      </c>
      <c r="X6326" s="2">
        <v>7.6</v>
      </c>
      <c r="Y6326" s="2">
        <v>10.6</v>
      </c>
      <c r="Z6326" s="5"/>
      <c r="AA6326" s="5" t="s">
        <v>43</v>
      </c>
      <c r="AB6326" s="5" t="s">
        <v>44</v>
      </c>
      <c r="AC6326" s="2"/>
      <c r="AD6326" s="1"/>
    </row>
    <row r="6327" spans="1:30">
      <c r="A6327" s="5" t="s">
        <v>83578</v>
      </c>
      <c r="B6327" s="2" t="s">
        <v>103096</v>
      </c>
      <c r="C6327" s="14" t="s">
        <v>103097</v>
      </c>
      <c r="D6327" s="2" t="s">
        <v>103098</v>
      </c>
      <c r="E6327" s="2" t="s">
        <v>7619</v>
      </c>
      <c r="F6327" s="8">
        <v>164</v>
      </c>
      <c r="G6327" s="5">
        <v>6</v>
      </c>
      <c r="H6327" s="5" t="s">
        <v>1518</v>
      </c>
      <c r="I6327" s="5" t="s">
        <v>69038</v>
      </c>
      <c r="J6327" s="2" t="s">
        <v>69039</v>
      </c>
      <c r="K6327" s="5" t="s">
        <v>69038</v>
      </c>
      <c r="L6327" s="2" t="s">
        <v>69039</v>
      </c>
      <c r="M6327" s="5" t="s">
        <v>1521</v>
      </c>
      <c r="N6327" s="5" t="s">
        <v>38</v>
      </c>
      <c r="O6327" s="5" t="s">
        <v>39</v>
      </c>
      <c r="P6327" s="5" t="s">
        <v>40</v>
      </c>
      <c r="Q6327" s="5" t="s">
        <v>1522</v>
      </c>
      <c r="R6327" s="5" t="s">
        <v>1523</v>
      </c>
      <c r="S6327" s="5" t="s">
        <v>42</v>
      </c>
      <c r="T6327" s="2">
        <v>1.925</v>
      </c>
      <c r="U6327" s="2">
        <v>1.534</v>
      </c>
      <c r="V6327" s="2">
        <v>10.6</v>
      </c>
      <c r="W6327" s="2">
        <v>139.1</v>
      </c>
      <c r="X6327" s="2">
        <v>7.6</v>
      </c>
      <c r="Y6327" s="2">
        <v>10.6</v>
      </c>
      <c r="Z6327" s="5"/>
      <c r="AA6327" s="5" t="s">
        <v>43</v>
      </c>
      <c r="AB6327" s="5" t="s">
        <v>44</v>
      </c>
      <c r="AC6327" s="2"/>
      <c r="AD6327" s="1"/>
    </row>
    <row r="6328" spans="1:30">
      <c r="A6328" s="5" t="s">
        <v>83578</v>
      </c>
      <c r="B6328" s="2" t="s">
        <v>103099</v>
      </c>
      <c r="C6328" s="14" t="s">
        <v>103100</v>
      </c>
      <c r="D6328" s="2" t="s">
        <v>103101</v>
      </c>
      <c r="E6328" s="2" t="s">
        <v>7604</v>
      </c>
      <c r="F6328" s="8">
        <v>164</v>
      </c>
      <c r="G6328" s="5">
        <v>6</v>
      </c>
      <c r="H6328" s="5" t="s">
        <v>1518</v>
      </c>
      <c r="I6328" s="5" t="s">
        <v>69038</v>
      </c>
      <c r="J6328" s="2" t="s">
        <v>69039</v>
      </c>
      <c r="K6328" s="5" t="s">
        <v>69038</v>
      </c>
      <c r="L6328" s="2" t="s">
        <v>69039</v>
      </c>
      <c r="M6328" s="5" t="s">
        <v>1521</v>
      </c>
      <c r="N6328" s="5" t="s">
        <v>38</v>
      </c>
      <c r="O6328" s="5" t="s">
        <v>39</v>
      </c>
      <c r="P6328" s="5" t="s">
        <v>40</v>
      </c>
      <c r="Q6328" s="5" t="s">
        <v>1522</v>
      </c>
      <c r="R6328" s="5" t="s">
        <v>1523</v>
      </c>
      <c r="S6328" s="5" t="s">
        <v>42</v>
      </c>
      <c r="T6328" s="2">
        <v>1.925</v>
      </c>
      <c r="U6328" s="2">
        <v>1.534</v>
      </c>
      <c r="V6328" s="2">
        <v>10.6</v>
      </c>
      <c r="W6328" s="2">
        <v>139.1</v>
      </c>
      <c r="X6328" s="2">
        <v>7.6</v>
      </c>
      <c r="Y6328" s="2">
        <v>10.6</v>
      </c>
      <c r="Z6328" s="5"/>
      <c r="AA6328" s="5" t="s">
        <v>43</v>
      </c>
      <c r="AB6328" s="5" t="s">
        <v>44</v>
      </c>
      <c r="AC6328" s="2"/>
      <c r="AD6328" s="1"/>
    </row>
    <row r="6329" spans="1:30">
      <c r="A6329" s="5" t="s">
        <v>83578</v>
      </c>
      <c r="B6329" s="2" t="s">
        <v>103102</v>
      </c>
      <c r="C6329" s="14" t="s">
        <v>103103</v>
      </c>
      <c r="D6329" s="2" t="s">
        <v>103104</v>
      </c>
      <c r="E6329" s="2" t="s">
        <v>7208</v>
      </c>
      <c r="F6329" s="8">
        <v>122</v>
      </c>
      <c r="G6329" s="5">
        <v>6</v>
      </c>
      <c r="H6329" s="5" t="s">
        <v>1518</v>
      </c>
      <c r="I6329" s="5" t="s">
        <v>69038</v>
      </c>
      <c r="J6329" s="2" t="s">
        <v>69039</v>
      </c>
      <c r="K6329" s="5" t="s">
        <v>69038</v>
      </c>
      <c r="L6329" s="2" t="s">
        <v>69039</v>
      </c>
      <c r="M6329" s="5" t="s">
        <v>1521</v>
      </c>
      <c r="N6329" s="5" t="s">
        <v>38</v>
      </c>
      <c r="O6329" s="5" t="s">
        <v>39</v>
      </c>
      <c r="P6329" s="5" t="s">
        <v>40</v>
      </c>
      <c r="Q6329" s="5" t="s">
        <v>1522</v>
      </c>
      <c r="R6329" s="5" t="s">
        <v>1523</v>
      </c>
      <c r="S6329" s="5" t="s">
        <v>42</v>
      </c>
      <c r="T6329" s="2">
        <v>1.2490000000000001</v>
      </c>
      <c r="U6329" s="2">
        <v>0.91700000000000004</v>
      </c>
      <c r="V6329" s="2">
        <v>10.6</v>
      </c>
      <c r="W6329" s="2">
        <v>99.1</v>
      </c>
      <c r="X6329" s="2">
        <v>7.6</v>
      </c>
      <c r="Y6329" s="2">
        <v>10.6</v>
      </c>
      <c r="Z6329" s="5"/>
      <c r="AA6329" s="5" t="s">
        <v>43</v>
      </c>
      <c r="AB6329" s="5" t="s">
        <v>44</v>
      </c>
      <c r="AC6329" s="2"/>
      <c r="AD6329" s="1"/>
    </row>
    <row r="6330" spans="1:30">
      <c r="A6330" s="5" t="s">
        <v>83578</v>
      </c>
      <c r="B6330" s="2" t="s">
        <v>103105</v>
      </c>
      <c r="C6330" s="14" t="s">
        <v>103106</v>
      </c>
      <c r="D6330" s="2" t="s">
        <v>103107</v>
      </c>
      <c r="E6330" s="2" t="s">
        <v>7521</v>
      </c>
      <c r="F6330" s="8">
        <v>122</v>
      </c>
      <c r="G6330" s="5">
        <v>6</v>
      </c>
      <c r="H6330" s="5" t="s">
        <v>1518</v>
      </c>
      <c r="I6330" s="5" t="s">
        <v>69038</v>
      </c>
      <c r="J6330" s="2" t="s">
        <v>69039</v>
      </c>
      <c r="K6330" s="5" t="s">
        <v>69038</v>
      </c>
      <c r="L6330" s="2" t="s">
        <v>69039</v>
      </c>
      <c r="M6330" s="5" t="s">
        <v>1521</v>
      </c>
      <c r="N6330" s="5" t="s">
        <v>38</v>
      </c>
      <c r="O6330" s="5" t="s">
        <v>39</v>
      </c>
      <c r="P6330" s="5" t="s">
        <v>40</v>
      </c>
      <c r="Q6330" s="5" t="s">
        <v>1522</v>
      </c>
      <c r="R6330" s="5" t="s">
        <v>1523</v>
      </c>
      <c r="S6330" s="5" t="s">
        <v>42</v>
      </c>
      <c r="T6330" s="2">
        <v>1.288</v>
      </c>
      <c r="U6330" s="2">
        <v>0.95599999999999996</v>
      </c>
      <c r="V6330" s="2">
        <v>10.6</v>
      </c>
      <c r="W6330" s="2">
        <v>99.1</v>
      </c>
      <c r="X6330" s="2">
        <v>7.6</v>
      </c>
      <c r="Y6330" s="2">
        <v>10.6</v>
      </c>
      <c r="Z6330" s="5"/>
      <c r="AA6330" s="5" t="s">
        <v>43</v>
      </c>
      <c r="AB6330" s="5" t="s">
        <v>44</v>
      </c>
      <c r="AC6330" s="2"/>
      <c r="AD6330" s="1"/>
    </row>
    <row r="6331" spans="1:30">
      <c r="A6331" s="5" t="s">
        <v>83578</v>
      </c>
      <c r="B6331" s="2" t="s">
        <v>103108</v>
      </c>
      <c r="C6331" s="14" t="s">
        <v>103109</v>
      </c>
      <c r="D6331" s="2" t="s">
        <v>103110</v>
      </c>
      <c r="E6331" s="2" t="s">
        <v>7406</v>
      </c>
      <c r="F6331" s="8">
        <v>140</v>
      </c>
      <c r="G6331" s="5">
        <v>6</v>
      </c>
      <c r="H6331" s="5" t="s">
        <v>1518</v>
      </c>
      <c r="I6331" s="5" t="s">
        <v>69038</v>
      </c>
      <c r="J6331" s="2" t="s">
        <v>69039</v>
      </c>
      <c r="K6331" s="5" t="s">
        <v>69038</v>
      </c>
      <c r="L6331" s="2" t="s">
        <v>69039</v>
      </c>
      <c r="M6331" s="5" t="s">
        <v>1521</v>
      </c>
      <c r="N6331" s="5" t="s">
        <v>38</v>
      </c>
      <c r="O6331" s="5" t="s">
        <v>39</v>
      </c>
      <c r="P6331" s="5" t="s">
        <v>40</v>
      </c>
      <c r="Q6331" s="5" t="s">
        <v>1522</v>
      </c>
      <c r="R6331" s="5" t="s">
        <v>1523</v>
      </c>
      <c r="S6331" s="5" t="s">
        <v>42</v>
      </c>
      <c r="T6331" s="2">
        <v>1.2490000000000001</v>
      </c>
      <c r="U6331" s="2">
        <v>0.91700000000000004</v>
      </c>
      <c r="V6331" s="2">
        <v>10.6</v>
      </c>
      <c r="W6331" s="2">
        <v>99.1</v>
      </c>
      <c r="X6331" s="2">
        <v>7.6</v>
      </c>
      <c r="Y6331" s="2">
        <v>10.6</v>
      </c>
      <c r="Z6331" s="5"/>
      <c r="AA6331" s="5" t="s">
        <v>43</v>
      </c>
      <c r="AB6331" s="5" t="s">
        <v>44</v>
      </c>
      <c r="AC6331" s="2"/>
      <c r="AD6331" s="1"/>
    </row>
    <row r="6332" spans="1:30">
      <c r="A6332" s="5" t="s">
        <v>83578</v>
      </c>
      <c r="B6332" s="2" t="s">
        <v>103111</v>
      </c>
      <c r="C6332" s="14" t="s">
        <v>103112</v>
      </c>
      <c r="D6332" s="2" t="s">
        <v>103113</v>
      </c>
      <c r="E6332" s="2" t="s">
        <v>7535</v>
      </c>
      <c r="F6332" s="8">
        <v>140</v>
      </c>
      <c r="G6332" s="5">
        <v>6</v>
      </c>
      <c r="H6332" s="5" t="s">
        <v>1518</v>
      </c>
      <c r="I6332" s="5" t="s">
        <v>69038</v>
      </c>
      <c r="J6332" s="2" t="s">
        <v>69039</v>
      </c>
      <c r="K6332" s="5" t="s">
        <v>69038</v>
      </c>
      <c r="L6332" s="2" t="s">
        <v>69039</v>
      </c>
      <c r="M6332" s="5" t="s">
        <v>1521</v>
      </c>
      <c r="N6332" s="5" t="s">
        <v>38</v>
      </c>
      <c r="O6332" s="5" t="s">
        <v>39</v>
      </c>
      <c r="P6332" s="5" t="s">
        <v>40</v>
      </c>
      <c r="Q6332" s="5" t="s">
        <v>1522</v>
      </c>
      <c r="R6332" s="5" t="s">
        <v>1523</v>
      </c>
      <c r="S6332" s="5" t="s">
        <v>42</v>
      </c>
      <c r="T6332" s="2">
        <v>1.288</v>
      </c>
      <c r="U6332" s="2">
        <v>0.95599999999999996</v>
      </c>
      <c r="V6332" s="2">
        <v>10.6</v>
      </c>
      <c r="W6332" s="2">
        <v>99.1</v>
      </c>
      <c r="X6332" s="2">
        <v>7.6</v>
      </c>
      <c r="Y6332" s="2">
        <v>10.6</v>
      </c>
      <c r="Z6332" s="5"/>
      <c r="AA6332" s="5" t="s">
        <v>43</v>
      </c>
      <c r="AB6332" s="5" t="s">
        <v>44</v>
      </c>
      <c r="AC6332" s="2"/>
      <c r="AD6332" s="1"/>
    </row>
    <row r="6333" spans="1:30">
      <c r="A6333" s="5" t="s">
        <v>83578</v>
      </c>
      <c r="B6333" s="2" t="s">
        <v>103114</v>
      </c>
      <c r="C6333" s="14" t="s">
        <v>103115</v>
      </c>
      <c r="D6333" s="2" t="s">
        <v>103116</v>
      </c>
      <c r="E6333" s="2" t="s">
        <v>7539</v>
      </c>
      <c r="F6333" s="8">
        <v>140</v>
      </c>
      <c r="G6333" s="5">
        <v>6</v>
      </c>
      <c r="H6333" s="5" t="s">
        <v>1518</v>
      </c>
      <c r="I6333" s="5" t="s">
        <v>69038</v>
      </c>
      <c r="J6333" s="2" t="s">
        <v>69039</v>
      </c>
      <c r="K6333" s="5" t="s">
        <v>69038</v>
      </c>
      <c r="L6333" s="2" t="s">
        <v>69039</v>
      </c>
      <c r="M6333" s="5" t="s">
        <v>1521</v>
      </c>
      <c r="N6333" s="5" t="s">
        <v>38</v>
      </c>
      <c r="O6333" s="5" t="s">
        <v>39</v>
      </c>
      <c r="P6333" s="5" t="s">
        <v>40</v>
      </c>
      <c r="Q6333" s="5" t="s">
        <v>1522</v>
      </c>
      <c r="R6333" s="5" t="s">
        <v>1523</v>
      </c>
      <c r="S6333" s="5" t="s">
        <v>42</v>
      </c>
      <c r="T6333" s="2">
        <v>1.2490000000000001</v>
      </c>
      <c r="U6333" s="2">
        <v>0.91700000000000004</v>
      </c>
      <c r="V6333" s="2">
        <v>10.6</v>
      </c>
      <c r="W6333" s="2">
        <v>99.1</v>
      </c>
      <c r="X6333" s="2">
        <v>7.6</v>
      </c>
      <c r="Y6333" s="2">
        <v>10.6</v>
      </c>
      <c r="Z6333" s="5"/>
      <c r="AA6333" s="5" t="s">
        <v>43</v>
      </c>
      <c r="AB6333" s="5" t="s">
        <v>44</v>
      </c>
      <c r="AC6333" s="2"/>
      <c r="AD6333" s="1"/>
    </row>
    <row r="6334" spans="1:30">
      <c r="A6334" s="5" t="s">
        <v>83578</v>
      </c>
      <c r="B6334" s="2" t="s">
        <v>103117</v>
      </c>
      <c r="C6334" s="14" t="s">
        <v>103118</v>
      </c>
      <c r="D6334" s="2" t="s">
        <v>103119</v>
      </c>
      <c r="E6334" s="2" t="s">
        <v>7543</v>
      </c>
      <c r="F6334" s="8">
        <v>140</v>
      </c>
      <c r="G6334" s="5">
        <v>6</v>
      </c>
      <c r="H6334" s="5" t="s">
        <v>1518</v>
      </c>
      <c r="I6334" s="5" t="s">
        <v>69038</v>
      </c>
      <c r="J6334" s="2" t="s">
        <v>69039</v>
      </c>
      <c r="K6334" s="5" t="s">
        <v>69038</v>
      </c>
      <c r="L6334" s="2" t="s">
        <v>69039</v>
      </c>
      <c r="M6334" s="5" t="s">
        <v>1521</v>
      </c>
      <c r="N6334" s="5" t="s">
        <v>38</v>
      </c>
      <c r="O6334" s="5" t="s">
        <v>39</v>
      </c>
      <c r="P6334" s="5" t="s">
        <v>40</v>
      </c>
      <c r="Q6334" s="5" t="s">
        <v>1522</v>
      </c>
      <c r="R6334" s="5" t="s">
        <v>1523</v>
      </c>
      <c r="S6334" s="5" t="s">
        <v>42</v>
      </c>
      <c r="T6334" s="2">
        <v>1.288</v>
      </c>
      <c r="U6334" s="2">
        <v>0.95599999999999996</v>
      </c>
      <c r="V6334" s="2">
        <v>10.6</v>
      </c>
      <c r="W6334" s="2">
        <v>99.1</v>
      </c>
      <c r="X6334" s="2">
        <v>7.6</v>
      </c>
      <c r="Y6334" s="2">
        <v>10.6</v>
      </c>
      <c r="Z6334" s="5"/>
      <c r="AA6334" s="5" t="s">
        <v>43</v>
      </c>
      <c r="AB6334" s="5" t="s">
        <v>44</v>
      </c>
      <c r="AC6334" s="2"/>
      <c r="AD6334" s="1"/>
    </row>
    <row r="6335" spans="1:30">
      <c r="A6335" s="5" t="s">
        <v>83578</v>
      </c>
      <c r="B6335" s="2" t="s">
        <v>103120</v>
      </c>
      <c r="C6335" s="14" t="s">
        <v>103121</v>
      </c>
      <c r="D6335" s="2" t="s">
        <v>103122</v>
      </c>
      <c r="E6335" s="2" t="s">
        <v>7396</v>
      </c>
      <c r="F6335" s="8">
        <v>122</v>
      </c>
      <c r="G6335" s="5">
        <v>6</v>
      </c>
      <c r="H6335" s="5" t="s">
        <v>1518</v>
      </c>
      <c r="I6335" s="5" t="s">
        <v>69038</v>
      </c>
      <c r="J6335" s="2" t="s">
        <v>69039</v>
      </c>
      <c r="K6335" s="5" t="s">
        <v>69038</v>
      </c>
      <c r="L6335" s="2" t="s">
        <v>69039</v>
      </c>
      <c r="M6335" s="5" t="s">
        <v>1521</v>
      </c>
      <c r="N6335" s="5" t="s">
        <v>38</v>
      </c>
      <c r="O6335" s="5" t="s">
        <v>39</v>
      </c>
      <c r="P6335" s="5" t="s">
        <v>40</v>
      </c>
      <c r="Q6335" s="5" t="s">
        <v>1522</v>
      </c>
      <c r="R6335" s="5" t="s">
        <v>1523</v>
      </c>
      <c r="S6335" s="5" t="s">
        <v>42</v>
      </c>
      <c r="T6335" s="2">
        <v>1.2490000000000001</v>
      </c>
      <c r="U6335" s="2">
        <v>0.91700000000000004</v>
      </c>
      <c r="V6335" s="2">
        <v>10.6</v>
      </c>
      <c r="W6335" s="2">
        <v>99.1</v>
      </c>
      <c r="X6335" s="2">
        <v>7.6</v>
      </c>
      <c r="Y6335" s="2">
        <v>10.6</v>
      </c>
      <c r="Z6335" s="5"/>
      <c r="AA6335" s="5" t="s">
        <v>43</v>
      </c>
      <c r="AB6335" s="5" t="s">
        <v>44</v>
      </c>
      <c r="AC6335" s="2"/>
      <c r="AD6335" s="1"/>
    </row>
    <row r="6336" spans="1:30">
      <c r="A6336" s="5" t="s">
        <v>83578</v>
      </c>
      <c r="B6336" s="2" t="s">
        <v>103123</v>
      </c>
      <c r="C6336" s="14" t="s">
        <v>103124</v>
      </c>
      <c r="D6336" s="2" t="s">
        <v>103125</v>
      </c>
      <c r="E6336" s="2" t="s">
        <v>69112</v>
      </c>
      <c r="F6336" s="8">
        <v>122</v>
      </c>
      <c r="G6336" s="5">
        <v>6</v>
      </c>
      <c r="H6336" s="5" t="s">
        <v>1518</v>
      </c>
      <c r="I6336" s="5" t="s">
        <v>69038</v>
      </c>
      <c r="J6336" s="2" t="s">
        <v>69039</v>
      </c>
      <c r="K6336" s="5" t="s">
        <v>69038</v>
      </c>
      <c r="L6336" s="2" t="s">
        <v>69039</v>
      </c>
      <c r="M6336" s="5" t="s">
        <v>1521</v>
      </c>
      <c r="N6336" s="5" t="s">
        <v>38</v>
      </c>
      <c r="O6336" s="5" t="s">
        <v>39</v>
      </c>
      <c r="P6336" s="5" t="s">
        <v>40</v>
      </c>
      <c r="Q6336" s="5" t="s">
        <v>1522</v>
      </c>
      <c r="R6336" s="5" t="s">
        <v>1523</v>
      </c>
      <c r="S6336" s="5" t="s">
        <v>42</v>
      </c>
      <c r="T6336" s="2">
        <v>1.288</v>
      </c>
      <c r="U6336" s="2">
        <v>0.95599999999999996</v>
      </c>
      <c r="V6336" s="2">
        <v>10.6</v>
      </c>
      <c r="W6336" s="2">
        <v>99.1</v>
      </c>
      <c r="X6336" s="2">
        <v>7.6</v>
      </c>
      <c r="Y6336" s="2">
        <v>10.6</v>
      </c>
      <c r="Z6336" s="5"/>
      <c r="AA6336" s="5" t="s">
        <v>43</v>
      </c>
      <c r="AB6336" s="5" t="s">
        <v>44</v>
      </c>
      <c r="AC6336" s="2"/>
      <c r="AD6336" s="1"/>
    </row>
    <row r="6337" spans="1:30">
      <c r="A6337" s="5" t="s">
        <v>83578</v>
      </c>
      <c r="B6337" s="2" t="s">
        <v>103126</v>
      </c>
      <c r="C6337" s="14" t="s">
        <v>103127</v>
      </c>
      <c r="D6337" s="2" t="s">
        <v>103128</v>
      </c>
      <c r="E6337" s="2" t="s">
        <v>7547</v>
      </c>
      <c r="F6337" s="8">
        <v>140</v>
      </c>
      <c r="G6337" s="5">
        <v>6</v>
      </c>
      <c r="H6337" s="5" t="s">
        <v>1518</v>
      </c>
      <c r="I6337" s="5" t="s">
        <v>69038</v>
      </c>
      <c r="J6337" s="2" t="s">
        <v>69039</v>
      </c>
      <c r="K6337" s="5" t="s">
        <v>69038</v>
      </c>
      <c r="L6337" s="2" t="s">
        <v>69039</v>
      </c>
      <c r="M6337" s="5" t="s">
        <v>1521</v>
      </c>
      <c r="N6337" s="5" t="s">
        <v>38</v>
      </c>
      <c r="O6337" s="5" t="s">
        <v>39</v>
      </c>
      <c r="P6337" s="5" t="s">
        <v>40</v>
      </c>
      <c r="Q6337" s="5" t="s">
        <v>1522</v>
      </c>
      <c r="R6337" s="5" t="s">
        <v>1523</v>
      </c>
      <c r="S6337" s="5" t="s">
        <v>42</v>
      </c>
      <c r="T6337" s="2">
        <v>1.2490000000000001</v>
      </c>
      <c r="U6337" s="2">
        <v>0.91700000000000004</v>
      </c>
      <c r="V6337" s="2">
        <v>10.6</v>
      </c>
      <c r="W6337" s="2">
        <v>99.1</v>
      </c>
      <c r="X6337" s="2">
        <v>7.6</v>
      </c>
      <c r="Y6337" s="2">
        <v>10.6</v>
      </c>
      <c r="Z6337" s="5"/>
      <c r="AA6337" s="5" t="s">
        <v>43</v>
      </c>
      <c r="AB6337" s="5" t="s">
        <v>44</v>
      </c>
      <c r="AC6337" s="2"/>
      <c r="AD6337" s="1"/>
    </row>
    <row r="6338" spans="1:30">
      <c r="A6338" s="5" t="s">
        <v>83578</v>
      </c>
      <c r="B6338" s="2" t="s">
        <v>103129</v>
      </c>
      <c r="C6338" s="14" t="s">
        <v>103130</v>
      </c>
      <c r="D6338" s="2" t="s">
        <v>103131</v>
      </c>
      <c r="E6338" s="2" t="s">
        <v>7551</v>
      </c>
      <c r="F6338" s="8">
        <v>140</v>
      </c>
      <c r="G6338" s="5">
        <v>6</v>
      </c>
      <c r="H6338" s="5" t="s">
        <v>1518</v>
      </c>
      <c r="I6338" s="5" t="s">
        <v>69038</v>
      </c>
      <c r="J6338" s="2" t="s">
        <v>69039</v>
      </c>
      <c r="K6338" s="5" t="s">
        <v>69038</v>
      </c>
      <c r="L6338" s="2" t="s">
        <v>69039</v>
      </c>
      <c r="M6338" s="5" t="s">
        <v>1521</v>
      </c>
      <c r="N6338" s="5" t="s">
        <v>38</v>
      </c>
      <c r="O6338" s="5" t="s">
        <v>39</v>
      </c>
      <c r="P6338" s="5" t="s">
        <v>40</v>
      </c>
      <c r="Q6338" s="5" t="s">
        <v>1522</v>
      </c>
      <c r="R6338" s="5" t="s">
        <v>1523</v>
      </c>
      <c r="S6338" s="5" t="s">
        <v>42</v>
      </c>
      <c r="T6338" s="2">
        <v>1.288</v>
      </c>
      <c r="U6338" s="2">
        <v>0.95599999999999996</v>
      </c>
      <c r="V6338" s="2">
        <v>10.6</v>
      </c>
      <c r="W6338" s="2">
        <v>99.1</v>
      </c>
      <c r="X6338" s="2">
        <v>7.6</v>
      </c>
      <c r="Y6338" s="2">
        <v>10.6</v>
      </c>
      <c r="Z6338" s="5"/>
      <c r="AA6338" s="5" t="s">
        <v>43</v>
      </c>
      <c r="AB6338" s="5" t="s">
        <v>44</v>
      </c>
      <c r="AC6338" s="2"/>
      <c r="AD6338" s="1"/>
    </row>
    <row r="6339" spans="1:30">
      <c r="A6339" s="5" t="s">
        <v>83578</v>
      </c>
      <c r="B6339" s="2" t="s">
        <v>103132</v>
      </c>
      <c r="C6339" s="14" t="s">
        <v>103133</v>
      </c>
      <c r="D6339" s="2" t="s">
        <v>103134</v>
      </c>
      <c r="E6339" s="2" t="s">
        <v>7563</v>
      </c>
      <c r="F6339" s="8">
        <v>140</v>
      </c>
      <c r="G6339" s="5">
        <v>6</v>
      </c>
      <c r="H6339" s="5" t="s">
        <v>1518</v>
      </c>
      <c r="I6339" s="5" t="s">
        <v>69038</v>
      </c>
      <c r="J6339" s="2" t="s">
        <v>69039</v>
      </c>
      <c r="K6339" s="5" t="s">
        <v>69038</v>
      </c>
      <c r="L6339" s="2" t="s">
        <v>69039</v>
      </c>
      <c r="M6339" s="5" t="s">
        <v>1521</v>
      </c>
      <c r="N6339" s="5" t="s">
        <v>38</v>
      </c>
      <c r="O6339" s="5" t="s">
        <v>39</v>
      </c>
      <c r="P6339" s="5" t="s">
        <v>40</v>
      </c>
      <c r="Q6339" s="5" t="s">
        <v>1522</v>
      </c>
      <c r="R6339" s="5" t="s">
        <v>1523</v>
      </c>
      <c r="S6339" s="5" t="s">
        <v>42</v>
      </c>
      <c r="T6339" s="2">
        <v>1.2490000000000001</v>
      </c>
      <c r="U6339" s="2">
        <v>0.91700000000000004</v>
      </c>
      <c r="V6339" s="2">
        <v>10.6</v>
      </c>
      <c r="W6339" s="2">
        <v>99.1</v>
      </c>
      <c r="X6339" s="2">
        <v>7.6</v>
      </c>
      <c r="Y6339" s="2">
        <v>10.6</v>
      </c>
      <c r="Z6339" s="5"/>
      <c r="AA6339" s="5" t="s">
        <v>43</v>
      </c>
      <c r="AB6339" s="5" t="s">
        <v>44</v>
      </c>
      <c r="AC6339" s="2"/>
      <c r="AD6339" s="1"/>
    </row>
    <row r="6340" spans="1:30">
      <c r="A6340" s="5" t="s">
        <v>83578</v>
      </c>
      <c r="B6340" s="2" t="s">
        <v>103135</v>
      </c>
      <c r="C6340" s="14" t="s">
        <v>103136</v>
      </c>
      <c r="D6340" s="2" t="s">
        <v>103137</v>
      </c>
      <c r="E6340" s="2" t="s">
        <v>7567</v>
      </c>
      <c r="F6340" s="8">
        <v>140</v>
      </c>
      <c r="G6340" s="5">
        <v>6</v>
      </c>
      <c r="H6340" s="5" t="s">
        <v>1518</v>
      </c>
      <c r="I6340" s="5" t="s">
        <v>69038</v>
      </c>
      <c r="J6340" s="2" t="s">
        <v>69039</v>
      </c>
      <c r="K6340" s="5" t="s">
        <v>69038</v>
      </c>
      <c r="L6340" s="2" t="s">
        <v>69039</v>
      </c>
      <c r="M6340" s="5" t="s">
        <v>1521</v>
      </c>
      <c r="N6340" s="5" t="s">
        <v>38</v>
      </c>
      <c r="O6340" s="5" t="s">
        <v>39</v>
      </c>
      <c r="P6340" s="5" t="s">
        <v>40</v>
      </c>
      <c r="Q6340" s="5" t="s">
        <v>1522</v>
      </c>
      <c r="R6340" s="5" t="s">
        <v>1523</v>
      </c>
      <c r="S6340" s="5" t="s">
        <v>42</v>
      </c>
      <c r="T6340" s="2">
        <v>1.288</v>
      </c>
      <c r="U6340" s="2">
        <v>0.95599999999999996</v>
      </c>
      <c r="V6340" s="2">
        <v>10.6</v>
      </c>
      <c r="W6340" s="2">
        <v>99.1</v>
      </c>
      <c r="X6340" s="2">
        <v>7.6</v>
      </c>
      <c r="Y6340" s="2">
        <v>10.6</v>
      </c>
      <c r="Z6340" s="5"/>
      <c r="AA6340" s="5" t="s">
        <v>43</v>
      </c>
      <c r="AB6340" s="5" t="s">
        <v>44</v>
      </c>
      <c r="AC6340" s="2"/>
      <c r="AD6340" s="1"/>
    </row>
    <row r="6341" spans="1:30">
      <c r="A6341" s="5" t="s">
        <v>83578</v>
      </c>
      <c r="B6341" s="2" t="s">
        <v>103138</v>
      </c>
      <c r="C6341" s="14" t="s">
        <v>103139</v>
      </c>
      <c r="D6341" s="2" t="s">
        <v>103140</v>
      </c>
      <c r="E6341" s="2" t="s">
        <v>7555</v>
      </c>
      <c r="F6341" s="8">
        <v>140</v>
      </c>
      <c r="G6341" s="5">
        <v>6</v>
      </c>
      <c r="H6341" s="5" t="s">
        <v>1518</v>
      </c>
      <c r="I6341" s="5" t="s">
        <v>69038</v>
      </c>
      <c r="J6341" s="2" t="s">
        <v>69039</v>
      </c>
      <c r="K6341" s="5" t="s">
        <v>69038</v>
      </c>
      <c r="L6341" s="2" t="s">
        <v>69039</v>
      </c>
      <c r="M6341" s="5" t="s">
        <v>1521</v>
      </c>
      <c r="N6341" s="5" t="s">
        <v>38</v>
      </c>
      <c r="O6341" s="5" t="s">
        <v>39</v>
      </c>
      <c r="P6341" s="5" t="s">
        <v>40</v>
      </c>
      <c r="Q6341" s="5" t="s">
        <v>1522</v>
      </c>
      <c r="R6341" s="5" t="s">
        <v>1523</v>
      </c>
      <c r="S6341" s="5" t="s">
        <v>42</v>
      </c>
      <c r="T6341" s="2">
        <v>1.2490000000000001</v>
      </c>
      <c r="U6341" s="2">
        <v>0.91700000000000004</v>
      </c>
      <c r="V6341" s="2">
        <v>10.6</v>
      </c>
      <c r="W6341" s="2">
        <v>99.1</v>
      </c>
      <c r="X6341" s="2">
        <v>7.6</v>
      </c>
      <c r="Y6341" s="2">
        <v>10.6</v>
      </c>
      <c r="Z6341" s="5"/>
      <c r="AA6341" s="5" t="s">
        <v>43</v>
      </c>
      <c r="AB6341" s="5" t="s">
        <v>44</v>
      </c>
      <c r="AC6341" s="2"/>
      <c r="AD6341" s="1"/>
    </row>
    <row r="6342" spans="1:30">
      <c r="A6342" s="5" t="s">
        <v>83578</v>
      </c>
      <c r="B6342" s="2" t="s">
        <v>103141</v>
      </c>
      <c r="C6342" s="14" t="s">
        <v>103142</v>
      </c>
      <c r="D6342" s="2" t="s">
        <v>103143</v>
      </c>
      <c r="E6342" s="2" t="s">
        <v>7559</v>
      </c>
      <c r="F6342" s="8">
        <v>140</v>
      </c>
      <c r="G6342" s="5">
        <v>6</v>
      </c>
      <c r="H6342" s="5" t="s">
        <v>1518</v>
      </c>
      <c r="I6342" s="5" t="s">
        <v>69038</v>
      </c>
      <c r="J6342" s="2" t="s">
        <v>69039</v>
      </c>
      <c r="K6342" s="5" t="s">
        <v>69038</v>
      </c>
      <c r="L6342" s="2" t="s">
        <v>69039</v>
      </c>
      <c r="M6342" s="5" t="s">
        <v>1521</v>
      </c>
      <c r="N6342" s="5" t="s">
        <v>38</v>
      </c>
      <c r="O6342" s="5" t="s">
        <v>39</v>
      </c>
      <c r="P6342" s="5" t="s">
        <v>40</v>
      </c>
      <c r="Q6342" s="5" t="s">
        <v>1522</v>
      </c>
      <c r="R6342" s="5" t="s">
        <v>1523</v>
      </c>
      <c r="S6342" s="5" t="s">
        <v>42</v>
      </c>
      <c r="T6342" s="2">
        <v>1.288</v>
      </c>
      <c r="U6342" s="2">
        <v>0.95599999999999996</v>
      </c>
      <c r="V6342" s="2">
        <v>10.6</v>
      </c>
      <c r="W6342" s="2">
        <v>99.1</v>
      </c>
      <c r="X6342" s="2">
        <v>7.6</v>
      </c>
      <c r="Y6342" s="2">
        <v>10.6</v>
      </c>
      <c r="Z6342" s="5"/>
      <c r="AA6342" s="5" t="s">
        <v>43</v>
      </c>
      <c r="AB6342" s="5" t="s">
        <v>44</v>
      </c>
      <c r="AC6342" s="2"/>
      <c r="AD6342" s="1"/>
    </row>
    <row r="6343" spans="1:30">
      <c r="A6343" s="5" t="s">
        <v>83578</v>
      </c>
      <c r="B6343" s="2" t="s">
        <v>103144</v>
      </c>
      <c r="C6343" s="14" t="s">
        <v>103145</v>
      </c>
      <c r="D6343" s="2" t="s">
        <v>103146</v>
      </c>
      <c r="E6343" s="2" t="s">
        <v>7429</v>
      </c>
      <c r="F6343" s="8">
        <v>140</v>
      </c>
      <c r="G6343" s="5">
        <v>6</v>
      </c>
      <c r="H6343" s="5" t="s">
        <v>1518</v>
      </c>
      <c r="I6343" s="5" t="s">
        <v>69038</v>
      </c>
      <c r="J6343" s="2" t="s">
        <v>69039</v>
      </c>
      <c r="K6343" s="5" t="s">
        <v>69038</v>
      </c>
      <c r="L6343" s="2" t="s">
        <v>69039</v>
      </c>
      <c r="M6343" s="5" t="s">
        <v>1521</v>
      </c>
      <c r="N6343" s="5" t="s">
        <v>38</v>
      </c>
      <c r="O6343" s="5" t="s">
        <v>39</v>
      </c>
      <c r="P6343" s="5" t="s">
        <v>40</v>
      </c>
      <c r="Q6343" s="5" t="s">
        <v>1522</v>
      </c>
      <c r="R6343" s="5" t="s">
        <v>1523</v>
      </c>
      <c r="S6343" s="5" t="s">
        <v>42</v>
      </c>
      <c r="T6343" s="2">
        <v>1.2490000000000001</v>
      </c>
      <c r="U6343" s="2">
        <v>0.91700000000000004</v>
      </c>
      <c r="V6343" s="2">
        <v>10.6</v>
      </c>
      <c r="W6343" s="2">
        <v>99.1</v>
      </c>
      <c r="X6343" s="2">
        <v>7.6</v>
      </c>
      <c r="Y6343" s="2">
        <v>10.6</v>
      </c>
      <c r="Z6343" s="5"/>
      <c r="AA6343" s="5" t="s">
        <v>43</v>
      </c>
      <c r="AB6343" s="5" t="s">
        <v>44</v>
      </c>
      <c r="AC6343" s="2"/>
      <c r="AD6343" s="1"/>
    </row>
    <row r="6344" spans="1:30">
      <c r="A6344" s="5" t="s">
        <v>83578</v>
      </c>
      <c r="B6344" s="2" t="s">
        <v>103147</v>
      </c>
      <c r="C6344" s="14" t="s">
        <v>103148</v>
      </c>
      <c r="D6344" s="2" t="s">
        <v>103149</v>
      </c>
      <c r="E6344" s="2" t="s">
        <v>7574</v>
      </c>
      <c r="F6344" s="8">
        <v>140</v>
      </c>
      <c r="G6344" s="5">
        <v>6</v>
      </c>
      <c r="H6344" s="5" t="s">
        <v>1518</v>
      </c>
      <c r="I6344" s="5" t="s">
        <v>69038</v>
      </c>
      <c r="J6344" s="2" t="s">
        <v>69039</v>
      </c>
      <c r="K6344" s="5" t="s">
        <v>69038</v>
      </c>
      <c r="L6344" s="2" t="s">
        <v>69039</v>
      </c>
      <c r="M6344" s="5" t="s">
        <v>1521</v>
      </c>
      <c r="N6344" s="5" t="s">
        <v>38</v>
      </c>
      <c r="O6344" s="5" t="s">
        <v>39</v>
      </c>
      <c r="P6344" s="5" t="s">
        <v>40</v>
      </c>
      <c r="Q6344" s="5" t="s">
        <v>1522</v>
      </c>
      <c r="R6344" s="5" t="s">
        <v>1523</v>
      </c>
      <c r="S6344" s="5" t="s">
        <v>42</v>
      </c>
      <c r="T6344" s="2">
        <v>1.288</v>
      </c>
      <c r="U6344" s="2">
        <v>0.95599999999999996</v>
      </c>
      <c r="V6344" s="2">
        <v>10.6</v>
      </c>
      <c r="W6344" s="2">
        <v>99.1</v>
      </c>
      <c r="X6344" s="2">
        <v>7.6</v>
      </c>
      <c r="Y6344" s="2">
        <v>10.6</v>
      </c>
      <c r="Z6344" s="5"/>
      <c r="AA6344" s="5" t="s">
        <v>43</v>
      </c>
      <c r="AB6344" s="5" t="s">
        <v>44</v>
      </c>
      <c r="AC6344" s="2"/>
      <c r="AD6344" s="1"/>
    </row>
    <row r="6345" spans="1:30">
      <c r="A6345" s="5" t="s">
        <v>83578</v>
      </c>
      <c r="B6345" s="2" t="s">
        <v>103150</v>
      </c>
      <c r="C6345" s="14" t="s">
        <v>103151</v>
      </c>
      <c r="D6345" s="2" t="s">
        <v>103152</v>
      </c>
      <c r="E6345" s="2" t="s">
        <v>7449</v>
      </c>
      <c r="F6345" s="8">
        <v>140</v>
      </c>
      <c r="G6345" s="5">
        <v>6</v>
      </c>
      <c r="H6345" s="5" t="s">
        <v>1518</v>
      </c>
      <c r="I6345" s="5" t="s">
        <v>69038</v>
      </c>
      <c r="J6345" s="2" t="s">
        <v>69039</v>
      </c>
      <c r="K6345" s="5" t="s">
        <v>69038</v>
      </c>
      <c r="L6345" s="2" t="s">
        <v>69039</v>
      </c>
      <c r="M6345" s="5" t="s">
        <v>1521</v>
      </c>
      <c r="N6345" s="5" t="s">
        <v>38</v>
      </c>
      <c r="O6345" s="5" t="s">
        <v>39</v>
      </c>
      <c r="P6345" s="5" t="s">
        <v>40</v>
      </c>
      <c r="Q6345" s="5" t="s">
        <v>1522</v>
      </c>
      <c r="R6345" s="5" t="s">
        <v>1523</v>
      </c>
      <c r="S6345" s="5" t="s">
        <v>42</v>
      </c>
      <c r="T6345" s="2">
        <v>1.2490000000000001</v>
      </c>
      <c r="U6345" s="2">
        <v>0.91700000000000004</v>
      </c>
      <c r="V6345" s="2">
        <v>10.6</v>
      </c>
      <c r="W6345" s="2">
        <v>99.1</v>
      </c>
      <c r="X6345" s="2">
        <v>7.6</v>
      </c>
      <c r="Y6345" s="2">
        <v>10.6</v>
      </c>
      <c r="Z6345" s="5"/>
      <c r="AA6345" s="5" t="s">
        <v>43</v>
      </c>
      <c r="AB6345" s="5" t="s">
        <v>44</v>
      </c>
      <c r="AC6345" s="2"/>
      <c r="AD6345" s="1"/>
    </row>
    <row r="6346" spans="1:30">
      <c r="A6346" s="5" t="s">
        <v>83578</v>
      </c>
      <c r="B6346" s="2" t="s">
        <v>103153</v>
      </c>
      <c r="C6346" s="14" t="s">
        <v>103154</v>
      </c>
      <c r="D6346" s="2" t="s">
        <v>103155</v>
      </c>
      <c r="E6346" s="2" t="s">
        <v>7581</v>
      </c>
      <c r="F6346" s="8">
        <v>140</v>
      </c>
      <c r="G6346" s="5">
        <v>6</v>
      </c>
      <c r="H6346" s="5" t="s">
        <v>1518</v>
      </c>
      <c r="I6346" s="5" t="s">
        <v>69038</v>
      </c>
      <c r="J6346" s="2" t="s">
        <v>69039</v>
      </c>
      <c r="K6346" s="5" t="s">
        <v>69038</v>
      </c>
      <c r="L6346" s="2" t="s">
        <v>69039</v>
      </c>
      <c r="M6346" s="5" t="s">
        <v>1521</v>
      </c>
      <c r="N6346" s="5" t="s">
        <v>38</v>
      </c>
      <c r="O6346" s="5" t="s">
        <v>39</v>
      </c>
      <c r="P6346" s="5" t="s">
        <v>40</v>
      </c>
      <c r="Q6346" s="5" t="s">
        <v>1522</v>
      </c>
      <c r="R6346" s="5" t="s">
        <v>1523</v>
      </c>
      <c r="S6346" s="5" t="s">
        <v>42</v>
      </c>
      <c r="T6346" s="2">
        <v>1.288</v>
      </c>
      <c r="U6346" s="2">
        <v>0.95599999999999996</v>
      </c>
      <c r="V6346" s="2">
        <v>10.6</v>
      </c>
      <c r="W6346" s="2">
        <v>99.1</v>
      </c>
      <c r="X6346" s="2">
        <v>7.6</v>
      </c>
      <c r="Y6346" s="2">
        <v>10.6</v>
      </c>
      <c r="Z6346" s="5"/>
      <c r="AA6346" s="5" t="s">
        <v>43</v>
      </c>
      <c r="AB6346" s="5" t="s">
        <v>44</v>
      </c>
      <c r="AC6346" s="2"/>
      <c r="AD6346" s="1"/>
    </row>
    <row r="6347" spans="1:30">
      <c r="A6347" s="5" t="s">
        <v>83578</v>
      </c>
      <c r="B6347" s="2" t="s">
        <v>103156</v>
      </c>
      <c r="C6347" s="14" t="s">
        <v>103157</v>
      </c>
      <c r="D6347" s="2" t="s">
        <v>103158</v>
      </c>
      <c r="E6347" s="2" t="s">
        <v>7585</v>
      </c>
      <c r="F6347" s="8">
        <v>140</v>
      </c>
      <c r="G6347" s="5">
        <v>6</v>
      </c>
      <c r="H6347" s="5" t="s">
        <v>1518</v>
      </c>
      <c r="I6347" s="5" t="s">
        <v>69038</v>
      </c>
      <c r="J6347" s="2" t="s">
        <v>69039</v>
      </c>
      <c r="K6347" s="5" t="s">
        <v>69038</v>
      </c>
      <c r="L6347" s="2" t="s">
        <v>69039</v>
      </c>
      <c r="M6347" s="5" t="s">
        <v>1521</v>
      </c>
      <c r="N6347" s="5" t="s">
        <v>38</v>
      </c>
      <c r="O6347" s="5" t="s">
        <v>39</v>
      </c>
      <c r="P6347" s="5" t="s">
        <v>40</v>
      </c>
      <c r="Q6347" s="5" t="s">
        <v>1522</v>
      </c>
      <c r="R6347" s="5" t="s">
        <v>1523</v>
      </c>
      <c r="S6347" s="5" t="s">
        <v>42</v>
      </c>
      <c r="T6347" s="2">
        <v>1.2490000000000001</v>
      </c>
      <c r="U6347" s="2">
        <v>0.91700000000000004</v>
      </c>
      <c r="V6347" s="2">
        <v>10.6</v>
      </c>
      <c r="W6347" s="2">
        <v>99.1</v>
      </c>
      <c r="X6347" s="2">
        <v>7.6</v>
      </c>
      <c r="Y6347" s="2">
        <v>10.6</v>
      </c>
      <c r="Z6347" s="5"/>
      <c r="AA6347" s="5" t="s">
        <v>43</v>
      </c>
      <c r="AB6347" s="5" t="s">
        <v>44</v>
      </c>
      <c r="AC6347" s="2"/>
      <c r="AD6347" s="1"/>
    </row>
    <row r="6348" spans="1:30">
      <c r="A6348" s="5" t="s">
        <v>83578</v>
      </c>
      <c r="B6348" s="2" t="s">
        <v>103159</v>
      </c>
      <c r="C6348" s="14" t="s">
        <v>103160</v>
      </c>
      <c r="D6348" s="2" t="s">
        <v>103161</v>
      </c>
      <c r="E6348" s="2" t="s">
        <v>7589</v>
      </c>
      <c r="F6348" s="8">
        <v>140</v>
      </c>
      <c r="G6348" s="5">
        <v>6</v>
      </c>
      <c r="H6348" s="5" t="s">
        <v>1518</v>
      </c>
      <c r="I6348" s="5" t="s">
        <v>69038</v>
      </c>
      <c r="J6348" s="2" t="s">
        <v>69039</v>
      </c>
      <c r="K6348" s="5" t="s">
        <v>69038</v>
      </c>
      <c r="L6348" s="2" t="s">
        <v>69039</v>
      </c>
      <c r="M6348" s="5" t="s">
        <v>1521</v>
      </c>
      <c r="N6348" s="5" t="s">
        <v>38</v>
      </c>
      <c r="O6348" s="5" t="s">
        <v>39</v>
      </c>
      <c r="P6348" s="5" t="s">
        <v>40</v>
      </c>
      <c r="Q6348" s="5" t="s">
        <v>1522</v>
      </c>
      <c r="R6348" s="5" t="s">
        <v>1523</v>
      </c>
      <c r="S6348" s="5" t="s">
        <v>42</v>
      </c>
      <c r="T6348" s="2">
        <v>1.288</v>
      </c>
      <c r="U6348" s="2">
        <v>0.95599999999999996</v>
      </c>
      <c r="V6348" s="2">
        <v>10.6</v>
      </c>
      <c r="W6348" s="2">
        <v>99.1</v>
      </c>
      <c r="X6348" s="2">
        <v>7.6</v>
      </c>
      <c r="Y6348" s="2">
        <v>10.6</v>
      </c>
      <c r="Z6348" s="5"/>
      <c r="AA6348" s="5" t="s">
        <v>43</v>
      </c>
      <c r="AB6348" s="5" t="s">
        <v>44</v>
      </c>
      <c r="AC6348" s="2"/>
      <c r="AD6348" s="1"/>
    </row>
    <row r="6349" spans="1:30">
      <c r="A6349" s="5" t="s">
        <v>83578</v>
      </c>
      <c r="B6349" s="2" t="s">
        <v>103162</v>
      </c>
      <c r="C6349" s="14" t="s">
        <v>103163</v>
      </c>
      <c r="D6349" s="2" t="s">
        <v>103164</v>
      </c>
      <c r="E6349" s="2" t="s">
        <v>7593</v>
      </c>
      <c r="F6349" s="8">
        <v>140</v>
      </c>
      <c r="G6349" s="5">
        <v>6</v>
      </c>
      <c r="H6349" s="5" t="s">
        <v>1518</v>
      </c>
      <c r="I6349" s="5" t="s">
        <v>69038</v>
      </c>
      <c r="J6349" s="2" t="s">
        <v>69039</v>
      </c>
      <c r="K6349" s="5" t="s">
        <v>69038</v>
      </c>
      <c r="L6349" s="2" t="s">
        <v>69039</v>
      </c>
      <c r="M6349" s="5" t="s">
        <v>1521</v>
      </c>
      <c r="N6349" s="5" t="s">
        <v>38</v>
      </c>
      <c r="O6349" s="5" t="s">
        <v>39</v>
      </c>
      <c r="P6349" s="5" t="s">
        <v>40</v>
      </c>
      <c r="Q6349" s="5" t="s">
        <v>1522</v>
      </c>
      <c r="R6349" s="5" t="s">
        <v>1523</v>
      </c>
      <c r="S6349" s="5" t="s">
        <v>42</v>
      </c>
      <c r="T6349" s="2">
        <v>1.2490000000000001</v>
      </c>
      <c r="U6349" s="2">
        <v>0.91700000000000004</v>
      </c>
      <c r="V6349" s="2">
        <v>10.6</v>
      </c>
      <c r="W6349" s="2">
        <v>99.1</v>
      </c>
      <c r="X6349" s="2">
        <v>7.6</v>
      </c>
      <c r="Y6349" s="2">
        <v>10.6</v>
      </c>
      <c r="Z6349" s="5"/>
      <c r="AA6349" s="5" t="s">
        <v>43</v>
      </c>
      <c r="AB6349" s="5" t="s">
        <v>44</v>
      </c>
      <c r="AC6349" s="2"/>
      <c r="AD6349" s="1"/>
    </row>
    <row r="6350" spans="1:30">
      <c r="A6350" s="5" t="s">
        <v>83578</v>
      </c>
      <c r="B6350" s="2" t="s">
        <v>103165</v>
      </c>
      <c r="C6350" s="14" t="s">
        <v>103166</v>
      </c>
      <c r="D6350" s="2" t="s">
        <v>103167</v>
      </c>
      <c r="E6350" s="2" t="s">
        <v>7597</v>
      </c>
      <c r="F6350" s="8">
        <v>140</v>
      </c>
      <c r="G6350" s="5">
        <v>6</v>
      </c>
      <c r="H6350" s="5" t="s">
        <v>1518</v>
      </c>
      <c r="I6350" s="5" t="s">
        <v>69038</v>
      </c>
      <c r="J6350" s="2" t="s">
        <v>69039</v>
      </c>
      <c r="K6350" s="5" t="s">
        <v>69038</v>
      </c>
      <c r="L6350" s="2" t="s">
        <v>69039</v>
      </c>
      <c r="M6350" s="5" t="s">
        <v>1521</v>
      </c>
      <c r="N6350" s="5" t="s">
        <v>38</v>
      </c>
      <c r="O6350" s="5" t="s">
        <v>39</v>
      </c>
      <c r="P6350" s="5" t="s">
        <v>40</v>
      </c>
      <c r="Q6350" s="5" t="s">
        <v>1522</v>
      </c>
      <c r="R6350" s="5" t="s">
        <v>1523</v>
      </c>
      <c r="S6350" s="5" t="s">
        <v>42</v>
      </c>
      <c r="T6350" s="2">
        <v>1.288</v>
      </c>
      <c r="U6350" s="2">
        <v>0.95599999999999996</v>
      </c>
      <c r="V6350" s="2">
        <v>10.6</v>
      </c>
      <c r="W6350" s="2">
        <v>99.1</v>
      </c>
      <c r="X6350" s="2">
        <v>7.6</v>
      </c>
      <c r="Y6350" s="2">
        <v>10.6</v>
      </c>
      <c r="Z6350" s="5"/>
      <c r="AA6350" s="5" t="s">
        <v>43</v>
      </c>
      <c r="AB6350" s="5" t="s">
        <v>44</v>
      </c>
      <c r="AC6350" s="2"/>
      <c r="AD6350" s="1"/>
    </row>
    <row r="6351" spans="1:30">
      <c r="A6351" s="5" t="s">
        <v>83578</v>
      </c>
      <c r="B6351" s="2" t="s">
        <v>103168</v>
      </c>
      <c r="C6351" s="14" t="s">
        <v>103169</v>
      </c>
      <c r="D6351" s="2" t="s">
        <v>103170</v>
      </c>
      <c r="E6351" s="2" t="s">
        <v>7433</v>
      </c>
      <c r="F6351" s="8">
        <v>140</v>
      </c>
      <c r="G6351" s="5">
        <v>6</v>
      </c>
      <c r="H6351" s="5" t="s">
        <v>1518</v>
      </c>
      <c r="I6351" s="5" t="s">
        <v>69038</v>
      </c>
      <c r="J6351" s="2" t="s">
        <v>69039</v>
      </c>
      <c r="K6351" s="5" t="s">
        <v>69038</v>
      </c>
      <c r="L6351" s="2" t="s">
        <v>69039</v>
      </c>
      <c r="M6351" s="5" t="s">
        <v>1521</v>
      </c>
      <c r="N6351" s="5" t="s">
        <v>38</v>
      </c>
      <c r="O6351" s="5" t="s">
        <v>39</v>
      </c>
      <c r="P6351" s="5" t="s">
        <v>40</v>
      </c>
      <c r="Q6351" s="5" t="s">
        <v>1522</v>
      </c>
      <c r="R6351" s="5" t="s">
        <v>1523</v>
      </c>
      <c r="S6351" s="5" t="s">
        <v>42</v>
      </c>
      <c r="T6351" s="2">
        <v>1.2490000000000001</v>
      </c>
      <c r="U6351" s="2">
        <v>0.91700000000000004</v>
      </c>
      <c r="V6351" s="2">
        <v>10.6</v>
      </c>
      <c r="W6351" s="2">
        <v>99.1</v>
      </c>
      <c r="X6351" s="2">
        <v>7.6</v>
      </c>
      <c r="Y6351" s="2">
        <v>10.6</v>
      </c>
      <c r="Z6351" s="5"/>
      <c r="AA6351" s="5" t="s">
        <v>43</v>
      </c>
      <c r="AB6351" s="5" t="s">
        <v>44</v>
      </c>
      <c r="AC6351" s="2"/>
      <c r="AD6351" s="1"/>
    </row>
    <row r="6352" spans="1:30">
      <c r="A6352" s="5" t="s">
        <v>83578</v>
      </c>
      <c r="B6352" s="2" t="s">
        <v>103171</v>
      </c>
      <c r="C6352" s="14" t="s">
        <v>103172</v>
      </c>
      <c r="D6352" s="2" t="s">
        <v>103173</v>
      </c>
      <c r="E6352" s="2" t="s">
        <v>7611</v>
      </c>
      <c r="F6352" s="8">
        <v>140</v>
      </c>
      <c r="G6352" s="5">
        <v>6</v>
      </c>
      <c r="H6352" s="5" t="s">
        <v>1518</v>
      </c>
      <c r="I6352" s="5" t="s">
        <v>69038</v>
      </c>
      <c r="J6352" s="2" t="s">
        <v>69039</v>
      </c>
      <c r="K6352" s="5" t="s">
        <v>69038</v>
      </c>
      <c r="L6352" s="2" t="s">
        <v>69039</v>
      </c>
      <c r="M6352" s="5" t="s">
        <v>1521</v>
      </c>
      <c r="N6352" s="5" t="s">
        <v>38</v>
      </c>
      <c r="O6352" s="5" t="s">
        <v>39</v>
      </c>
      <c r="P6352" s="5" t="s">
        <v>40</v>
      </c>
      <c r="Q6352" s="5" t="s">
        <v>1522</v>
      </c>
      <c r="R6352" s="5" t="s">
        <v>1523</v>
      </c>
      <c r="S6352" s="5" t="s">
        <v>42</v>
      </c>
      <c r="T6352" s="2">
        <v>1.288</v>
      </c>
      <c r="U6352" s="2">
        <v>0.95599999999999996</v>
      </c>
      <c r="V6352" s="2">
        <v>10.6</v>
      </c>
      <c r="W6352" s="2">
        <v>99.1</v>
      </c>
      <c r="X6352" s="2">
        <v>7.6</v>
      </c>
      <c r="Y6352" s="2">
        <v>10.6</v>
      </c>
      <c r="Z6352" s="5"/>
      <c r="AA6352" s="5" t="s">
        <v>43</v>
      </c>
      <c r="AB6352" s="5" t="s">
        <v>44</v>
      </c>
      <c r="AC6352" s="2"/>
      <c r="AD6352" s="1"/>
    </row>
    <row r="6353" spans="1:30">
      <c r="A6353" s="5" t="s">
        <v>83578</v>
      </c>
      <c r="B6353" s="2" t="s">
        <v>103174</v>
      </c>
      <c r="C6353" s="14" t="s">
        <v>103175</v>
      </c>
      <c r="D6353" s="2" t="s">
        <v>103176</v>
      </c>
      <c r="E6353" s="2" t="s">
        <v>7615</v>
      </c>
      <c r="F6353" s="8">
        <v>140</v>
      </c>
      <c r="G6353" s="5">
        <v>6</v>
      </c>
      <c r="H6353" s="5" t="s">
        <v>1518</v>
      </c>
      <c r="I6353" s="5" t="s">
        <v>69038</v>
      </c>
      <c r="J6353" s="2" t="s">
        <v>69039</v>
      </c>
      <c r="K6353" s="5" t="s">
        <v>69038</v>
      </c>
      <c r="L6353" s="2" t="s">
        <v>69039</v>
      </c>
      <c r="M6353" s="5" t="s">
        <v>1521</v>
      </c>
      <c r="N6353" s="5" t="s">
        <v>38</v>
      </c>
      <c r="O6353" s="5" t="s">
        <v>39</v>
      </c>
      <c r="P6353" s="5" t="s">
        <v>40</v>
      </c>
      <c r="Q6353" s="5" t="s">
        <v>1522</v>
      </c>
      <c r="R6353" s="5" t="s">
        <v>1523</v>
      </c>
      <c r="S6353" s="5" t="s">
        <v>42</v>
      </c>
      <c r="T6353" s="2">
        <v>1.2490000000000001</v>
      </c>
      <c r="U6353" s="2">
        <v>0.91700000000000004</v>
      </c>
      <c r="V6353" s="2">
        <v>10.6</v>
      </c>
      <c r="W6353" s="2">
        <v>99.1</v>
      </c>
      <c r="X6353" s="2">
        <v>7.6</v>
      </c>
      <c r="Y6353" s="2">
        <v>10.6</v>
      </c>
      <c r="Z6353" s="5"/>
      <c r="AA6353" s="5" t="s">
        <v>43</v>
      </c>
      <c r="AB6353" s="5" t="s">
        <v>44</v>
      </c>
      <c r="AC6353" s="2"/>
      <c r="AD6353" s="1"/>
    </row>
    <row r="6354" spans="1:30">
      <c r="A6354" s="5" t="s">
        <v>83578</v>
      </c>
      <c r="B6354" s="2" t="s">
        <v>103177</v>
      </c>
      <c r="C6354" s="14" t="s">
        <v>103178</v>
      </c>
      <c r="D6354" s="2" t="s">
        <v>103179</v>
      </c>
      <c r="E6354" s="2" t="s">
        <v>7619</v>
      </c>
      <c r="F6354" s="8">
        <v>140</v>
      </c>
      <c r="G6354" s="5">
        <v>6</v>
      </c>
      <c r="H6354" s="5" t="s">
        <v>1518</v>
      </c>
      <c r="I6354" s="5" t="s">
        <v>69038</v>
      </c>
      <c r="J6354" s="2" t="s">
        <v>69039</v>
      </c>
      <c r="K6354" s="5" t="s">
        <v>69038</v>
      </c>
      <c r="L6354" s="2" t="s">
        <v>69039</v>
      </c>
      <c r="M6354" s="5" t="s">
        <v>1521</v>
      </c>
      <c r="N6354" s="5" t="s">
        <v>38</v>
      </c>
      <c r="O6354" s="5" t="s">
        <v>39</v>
      </c>
      <c r="P6354" s="5" t="s">
        <v>40</v>
      </c>
      <c r="Q6354" s="5" t="s">
        <v>1522</v>
      </c>
      <c r="R6354" s="5" t="s">
        <v>1523</v>
      </c>
      <c r="S6354" s="5" t="s">
        <v>42</v>
      </c>
      <c r="T6354" s="2">
        <v>1.288</v>
      </c>
      <c r="U6354" s="2">
        <v>0.95599999999999996</v>
      </c>
      <c r="V6354" s="2">
        <v>10.6</v>
      </c>
      <c r="W6354" s="2">
        <v>99.1</v>
      </c>
      <c r="X6354" s="2">
        <v>7.6</v>
      </c>
      <c r="Y6354" s="2">
        <v>10.6</v>
      </c>
      <c r="Z6354" s="5"/>
      <c r="AA6354" s="5" t="s">
        <v>43</v>
      </c>
      <c r="AB6354" s="5" t="s">
        <v>44</v>
      </c>
      <c r="AC6354" s="2"/>
      <c r="AD6354" s="1"/>
    </row>
    <row r="6355" spans="1:30">
      <c r="A6355" s="5" t="s">
        <v>83578</v>
      </c>
      <c r="B6355" s="2" t="s">
        <v>103180</v>
      </c>
      <c r="C6355" s="14" t="s">
        <v>103181</v>
      </c>
      <c r="D6355" s="2" t="s">
        <v>103182</v>
      </c>
      <c r="E6355" s="2" t="s">
        <v>7410</v>
      </c>
      <c r="F6355" s="8">
        <v>140</v>
      </c>
      <c r="G6355" s="5">
        <v>6</v>
      </c>
      <c r="H6355" s="5" t="s">
        <v>1518</v>
      </c>
      <c r="I6355" s="5" t="s">
        <v>69038</v>
      </c>
      <c r="J6355" s="2" t="s">
        <v>69039</v>
      </c>
      <c r="K6355" s="5" t="s">
        <v>69038</v>
      </c>
      <c r="L6355" s="2" t="s">
        <v>69039</v>
      </c>
      <c r="M6355" s="5" t="s">
        <v>1521</v>
      </c>
      <c r="N6355" s="5" t="s">
        <v>38</v>
      </c>
      <c r="O6355" s="5" t="s">
        <v>39</v>
      </c>
      <c r="P6355" s="5" t="s">
        <v>40</v>
      </c>
      <c r="Q6355" s="5" t="s">
        <v>1522</v>
      </c>
      <c r="R6355" s="5" t="s">
        <v>1523</v>
      </c>
      <c r="S6355" s="5" t="s">
        <v>42</v>
      </c>
      <c r="T6355" s="2">
        <v>1.2490000000000001</v>
      </c>
      <c r="U6355" s="2">
        <v>0.91700000000000004</v>
      </c>
      <c r="V6355" s="2">
        <v>10.6</v>
      </c>
      <c r="W6355" s="2">
        <v>99.1</v>
      </c>
      <c r="X6355" s="2">
        <v>7.6</v>
      </c>
      <c r="Y6355" s="2">
        <v>10.6</v>
      </c>
      <c r="Z6355" s="5"/>
      <c r="AA6355" s="5" t="s">
        <v>43</v>
      </c>
      <c r="AB6355" s="5" t="s">
        <v>44</v>
      </c>
      <c r="AC6355" s="2"/>
      <c r="AD6355" s="1"/>
    </row>
    <row r="6356" spans="1:30">
      <c r="A6356" s="5" t="s">
        <v>83578</v>
      </c>
      <c r="B6356" s="2" t="s">
        <v>103183</v>
      </c>
      <c r="C6356" s="14" t="s">
        <v>103184</v>
      </c>
      <c r="D6356" s="2" t="s">
        <v>103185</v>
      </c>
      <c r="E6356" s="2" t="s">
        <v>7604</v>
      </c>
      <c r="F6356" s="8">
        <v>140</v>
      </c>
      <c r="G6356" s="5">
        <v>6</v>
      </c>
      <c r="H6356" s="5" t="s">
        <v>1518</v>
      </c>
      <c r="I6356" s="5" t="s">
        <v>69038</v>
      </c>
      <c r="J6356" s="2" t="s">
        <v>69039</v>
      </c>
      <c r="K6356" s="5" t="s">
        <v>69038</v>
      </c>
      <c r="L6356" s="2" t="s">
        <v>69039</v>
      </c>
      <c r="M6356" s="5" t="s">
        <v>1521</v>
      </c>
      <c r="N6356" s="5" t="s">
        <v>38</v>
      </c>
      <c r="O6356" s="5" t="s">
        <v>39</v>
      </c>
      <c r="P6356" s="5" t="s">
        <v>40</v>
      </c>
      <c r="Q6356" s="5" t="s">
        <v>1522</v>
      </c>
      <c r="R6356" s="5" t="s">
        <v>1523</v>
      </c>
      <c r="S6356" s="5" t="s">
        <v>42</v>
      </c>
      <c r="T6356" s="2">
        <v>1.288</v>
      </c>
      <c r="U6356" s="2">
        <v>0.95599999999999996</v>
      </c>
      <c r="V6356" s="2">
        <v>10.6</v>
      </c>
      <c r="W6356" s="2">
        <v>99.1</v>
      </c>
      <c r="X6356" s="2">
        <v>7.6</v>
      </c>
      <c r="Y6356" s="2">
        <v>10.6</v>
      </c>
      <c r="Z6356" s="5"/>
      <c r="AA6356" s="5" t="s">
        <v>43</v>
      </c>
      <c r="AB6356" s="5" t="s">
        <v>44</v>
      </c>
      <c r="AC6356" s="2"/>
      <c r="AD6356" s="1"/>
    </row>
    <row r="6357" spans="1:30">
      <c r="A6357" s="5" t="s">
        <v>83578</v>
      </c>
      <c r="B6357" s="2" t="s">
        <v>103186</v>
      </c>
      <c r="C6357" s="14" t="s">
        <v>103187</v>
      </c>
      <c r="D6357" s="2" t="s">
        <v>103188</v>
      </c>
      <c r="E6357" s="2" t="s">
        <v>7212</v>
      </c>
      <c r="F6357" s="8">
        <v>122</v>
      </c>
      <c r="G6357" s="5">
        <v>6</v>
      </c>
      <c r="H6357" s="5" t="s">
        <v>1518</v>
      </c>
      <c r="I6357" s="5" t="s">
        <v>69038</v>
      </c>
      <c r="J6357" s="2" t="s">
        <v>69039</v>
      </c>
      <c r="K6357" s="5" t="s">
        <v>69038</v>
      </c>
      <c r="L6357" s="2" t="s">
        <v>69039</v>
      </c>
      <c r="M6357" s="5" t="s">
        <v>1521</v>
      </c>
      <c r="N6357" s="5" t="s">
        <v>38</v>
      </c>
      <c r="O6357" s="5" t="s">
        <v>39</v>
      </c>
      <c r="P6357" s="5" t="s">
        <v>40</v>
      </c>
      <c r="Q6357" s="5" t="s">
        <v>1522</v>
      </c>
      <c r="R6357" s="5" t="s">
        <v>1523</v>
      </c>
      <c r="S6357" s="5" t="s">
        <v>42</v>
      </c>
      <c r="T6357" s="2">
        <v>1.2490000000000001</v>
      </c>
      <c r="U6357" s="2">
        <v>0.91700000000000004</v>
      </c>
      <c r="V6357" s="2">
        <v>10.6</v>
      </c>
      <c r="W6357" s="2">
        <v>99.1</v>
      </c>
      <c r="X6357" s="2">
        <v>7.6</v>
      </c>
      <c r="Y6357" s="2">
        <v>10.6</v>
      </c>
      <c r="Z6357" s="5"/>
      <c r="AA6357" s="5" t="s">
        <v>43</v>
      </c>
      <c r="AB6357" s="5" t="s">
        <v>44</v>
      </c>
      <c r="AC6357" s="2"/>
      <c r="AD6357" s="1"/>
    </row>
    <row r="6358" spans="1:30">
      <c r="A6358" s="5" t="s">
        <v>83578</v>
      </c>
      <c r="B6358" s="2" t="s">
        <v>103189</v>
      </c>
      <c r="C6358" s="14" t="s">
        <v>103190</v>
      </c>
      <c r="D6358" s="2" t="s">
        <v>103191</v>
      </c>
      <c r="E6358" s="2" t="s">
        <v>7528</v>
      </c>
      <c r="F6358" s="8">
        <v>122</v>
      </c>
      <c r="G6358" s="5">
        <v>6</v>
      </c>
      <c r="H6358" s="5" t="s">
        <v>1518</v>
      </c>
      <c r="I6358" s="5" t="s">
        <v>69038</v>
      </c>
      <c r="J6358" s="2" t="s">
        <v>69039</v>
      </c>
      <c r="K6358" s="5" t="s">
        <v>69038</v>
      </c>
      <c r="L6358" s="2" t="s">
        <v>69039</v>
      </c>
      <c r="M6358" s="5" t="s">
        <v>1521</v>
      </c>
      <c r="N6358" s="5" t="s">
        <v>38</v>
      </c>
      <c r="O6358" s="5" t="s">
        <v>39</v>
      </c>
      <c r="P6358" s="5" t="s">
        <v>40</v>
      </c>
      <c r="Q6358" s="5" t="s">
        <v>1522</v>
      </c>
      <c r="R6358" s="5" t="s">
        <v>1523</v>
      </c>
      <c r="S6358" s="5" t="s">
        <v>42</v>
      </c>
      <c r="T6358" s="2">
        <v>1.288</v>
      </c>
      <c r="U6358" s="2">
        <v>0.95599999999999996</v>
      </c>
      <c r="V6358" s="2">
        <v>10.6</v>
      </c>
      <c r="W6358" s="2">
        <v>99.1</v>
      </c>
      <c r="X6358" s="2">
        <v>7.6</v>
      </c>
      <c r="Y6358" s="2">
        <v>10.6</v>
      </c>
      <c r="Z6358" s="5"/>
      <c r="AA6358" s="5" t="s">
        <v>43</v>
      </c>
      <c r="AB6358" s="5" t="s">
        <v>44</v>
      </c>
      <c r="AC6358" s="2"/>
      <c r="AD6358" s="1"/>
    </row>
    <row r="6359" spans="1:30">
      <c r="A6359" s="5" t="s">
        <v>83578</v>
      </c>
      <c r="B6359" s="2" t="s">
        <v>103192</v>
      </c>
      <c r="C6359" s="14" t="s">
        <v>103193</v>
      </c>
      <c r="D6359" s="2" t="s">
        <v>103194</v>
      </c>
      <c r="E6359" s="2" t="s">
        <v>7406</v>
      </c>
      <c r="F6359" s="8">
        <v>140</v>
      </c>
      <c r="G6359" s="5">
        <v>6</v>
      </c>
      <c r="H6359" s="5" t="s">
        <v>1518</v>
      </c>
      <c r="I6359" s="5" t="s">
        <v>69038</v>
      </c>
      <c r="J6359" s="2" t="s">
        <v>69039</v>
      </c>
      <c r="K6359" s="5" t="s">
        <v>69038</v>
      </c>
      <c r="L6359" s="2" t="s">
        <v>69039</v>
      </c>
      <c r="M6359" s="5" t="s">
        <v>1521</v>
      </c>
      <c r="N6359" s="5" t="s">
        <v>38</v>
      </c>
      <c r="O6359" s="5" t="s">
        <v>39</v>
      </c>
      <c r="P6359" s="5" t="s">
        <v>40</v>
      </c>
      <c r="Q6359" s="5" t="s">
        <v>1522</v>
      </c>
      <c r="R6359" s="5" t="s">
        <v>1523</v>
      </c>
      <c r="S6359" s="5" t="s">
        <v>42</v>
      </c>
      <c r="T6359" s="2">
        <v>1.583</v>
      </c>
      <c r="U6359" s="2">
        <v>1.244</v>
      </c>
      <c r="V6359" s="2">
        <v>10.6</v>
      </c>
      <c r="W6359" s="2">
        <v>118.9</v>
      </c>
      <c r="X6359" s="2">
        <v>7.6</v>
      </c>
      <c r="Y6359" s="2">
        <v>10.6</v>
      </c>
      <c r="Z6359" s="5"/>
      <c r="AA6359" s="5" t="s">
        <v>43</v>
      </c>
      <c r="AB6359" s="5" t="s">
        <v>44</v>
      </c>
      <c r="AC6359" s="2"/>
      <c r="AD6359" s="1"/>
    </row>
    <row r="6360" spans="1:30">
      <c r="A6360" s="5" t="s">
        <v>83578</v>
      </c>
      <c r="B6360" s="2" t="s">
        <v>103195</v>
      </c>
      <c r="C6360" s="14" t="s">
        <v>103196</v>
      </c>
      <c r="D6360" s="2" t="s">
        <v>103197</v>
      </c>
      <c r="E6360" s="2" t="s">
        <v>7547</v>
      </c>
      <c r="F6360" s="8">
        <v>140</v>
      </c>
      <c r="G6360" s="5">
        <v>6</v>
      </c>
      <c r="H6360" s="5" t="s">
        <v>1518</v>
      </c>
      <c r="I6360" s="5" t="s">
        <v>69038</v>
      </c>
      <c r="J6360" s="2" t="s">
        <v>69039</v>
      </c>
      <c r="K6360" s="5" t="s">
        <v>69038</v>
      </c>
      <c r="L6360" s="2" t="s">
        <v>69039</v>
      </c>
      <c r="M6360" s="5" t="s">
        <v>1521</v>
      </c>
      <c r="N6360" s="5" t="s">
        <v>38</v>
      </c>
      <c r="O6360" s="5" t="s">
        <v>39</v>
      </c>
      <c r="P6360" s="5" t="s">
        <v>40</v>
      </c>
      <c r="Q6360" s="5" t="s">
        <v>1522</v>
      </c>
      <c r="R6360" s="5" t="s">
        <v>1523</v>
      </c>
      <c r="S6360" s="5" t="s">
        <v>42</v>
      </c>
      <c r="T6360" s="2">
        <v>1.583</v>
      </c>
      <c r="U6360" s="2">
        <v>1.244</v>
      </c>
      <c r="V6360" s="2">
        <v>10.6</v>
      </c>
      <c r="W6360" s="2">
        <v>118.9</v>
      </c>
      <c r="X6360" s="2">
        <v>7.6</v>
      </c>
      <c r="Y6360" s="2">
        <v>10.6</v>
      </c>
      <c r="Z6360" s="5"/>
      <c r="AA6360" s="5" t="s">
        <v>43</v>
      </c>
      <c r="AB6360" s="5" t="s">
        <v>44</v>
      </c>
      <c r="AC6360" s="2"/>
      <c r="AD6360" s="1"/>
    </row>
    <row r="6361" spans="1:30">
      <c r="A6361" s="5" t="s">
        <v>83578</v>
      </c>
      <c r="B6361" s="2" t="s">
        <v>103198</v>
      </c>
      <c r="C6361" s="14" t="s">
        <v>103199</v>
      </c>
      <c r="D6361" s="2" t="s">
        <v>103200</v>
      </c>
      <c r="E6361" s="2" t="s">
        <v>7551</v>
      </c>
      <c r="F6361" s="8">
        <v>140</v>
      </c>
      <c r="G6361" s="5">
        <v>6</v>
      </c>
      <c r="H6361" s="5" t="s">
        <v>1518</v>
      </c>
      <c r="I6361" s="5" t="s">
        <v>69038</v>
      </c>
      <c r="J6361" s="2" t="s">
        <v>69039</v>
      </c>
      <c r="K6361" s="5" t="s">
        <v>69038</v>
      </c>
      <c r="L6361" s="2" t="s">
        <v>69039</v>
      </c>
      <c r="M6361" s="5" t="s">
        <v>1521</v>
      </c>
      <c r="N6361" s="5" t="s">
        <v>38</v>
      </c>
      <c r="O6361" s="5" t="s">
        <v>39</v>
      </c>
      <c r="P6361" s="5" t="s">
        <v>40</v>
      </c>
      <c r="Q6361" s="5" t="s">
        <v>1522</v>
      </c>
      <c r="R6361" s="5" t="s">
        <v>1523</v>
      </c>
      <c r="S6361" s="5" t="s">
        <v>42</v>
      </c>
      <c r="T6361" s="2">
        <v>1.653</v>
      </c>
      <c r="U6361" s="2">
        <v>1.3140000000000001</v>
      </c>
      <c r="V6361" s="2">
        <v>10.6</v>
      </c>
      <c r="W6361" s="2">
        <v>118.9</v>
      </c>
      <c r="X6361" s="2">
        <v>7.6</v>
      </c>
      <c r="Y6361" s="2">
        <v>10.6</v>
      </c>
      <c r="Z6361" s="5"/>
      <c r="AA6361" s="5" t="s">
        <v>43</v>
      </c>
      <c r="AB6361" s="5" t="s">
        <v>44</v>
      </c>
      <c r="AC6361" s="2"/>
      <c r="AD6361" s="1"/>
    </row>
    <row r="6362" spans="1:30">
      <c r="A6362" s="5" t="s">
        <v>83578</v>
      </c>
      <c r="B6362" s="2" t="s">
        <v>103201</v>
      </c>
      <c r="C6362" s="14" t="s">
        <v>103202</v>
      </c>
      <c r="D6362" s="2" t="s">
        <v>103203</v>
      </c>
      <c r="E6362" s="2" t="s">
        <v>7563</v>
      </c>
      <c r="F6362" s="8">
        <v>140</v>
      </c>
      <c r="G6362" s="5">
        <v>6</v>
      </c>
      <c r="H6362" s="5" t="s">
        <v>1518</v>
      </c>
      <c r="I6362" s="5" t="s">
        <v>69038</v>
      </c>
      <c r="J6362" s="2" t="s">
        <v>69039</v>
      </c>
      <c r="K6362" s="5" t="s">
        <v>69038</v>
      </c>
      <c r="L6362" s="2" t="s">
        <v>69039</v>
      </c>
      <c r="M6362" s="5" t="s">
        <v>1521</v>
      </c>
      <c r="N6362" s="5" t="s">
        <v>38</v>
      </c>
      <c r="O6362" s="5" t="s">
        <v>39</v>
      </c>
      <c r="P6362" s="5" t="s">
        <v>40</v>
      </c>
      <c r="Q6362" s="5" t="s">
        <v>1522</v>
      </c>
      <c r="R6362" s="5" t="s">
        <v>1523</v>
      </c>
      <c r="S6362" s="5" t="s">
        <v>42</v>
      </c>
      <c r="T6362" s="2">
        <v>1.583</v>
      </c>
      <c r="U6362" s="2">
        <v>1.244</v>
      </c>
      <c r="V6362" s="2">
        <v>10.6</v>
      </c>
      <c r="W6362" s="2">
        <v>118.9</v>
      </c>
      <c r="X6362" s="2">
        <v>7.6</v>
      </c>
      <c r="Y6362" s="2">
        <v>10.6</v>
      </c>
      <c r="Z6362" s="5"/>
      <c r="AA6362" s="5" t="s">
        <v>43</v>
      </c>
      <c r="AB6362" s="5" t="s">
        <v>44</v>
      </c>
      <c r="AC6362" s="2"/>
      <c r="AD6362" s="1"/>
    </row>
    <row r="6363" spans="1:30">
      <c r="A6363" s="5" t="s">
        <v>83578</v>
      </c>
      <c r="B6363" s="2" t="s">
        <v>103204</v>
      </c>
      <c r="C6363" s="14" t="s">
        <v>103205</v>
      </c>
      <c r="D6363" s="2" t="s">
        <v>103206</v>
      </c>
      <c r="E6363" s="2" t="s">
        <v>7555</v>
      </c>
      <c r="F6363" s="8">
        <v>140</v>
      </c>
      <c r="G6363" s="5">
        <v>6</v>
      </c>
      <c r="H6363" s="5" t="s">
        <v>1518</v>
      </c>
      <c r="I6363" s="5" t="s">
        <v>69038</v>
      </c>
      <c r="J6363" s="2" t="s">
        <v>69039</v>
      </c>
      <c r="K6363" s="5" t="s">
        <v>69038</v>
      </c>
      <c r="L6363" s="2" t="s">
        <v>69039</v>
      </c>
      <c r="M6363" s="5" t="s">
        <v>1521</v>
      </c>
      <c r="N6363" s="5" t="s">
        <v>38</v>
      </c>
      <c r="O6363" s="5" t="s">
        <v>39</v>
      </c>
      <c r="P6363" s="5" t="s">
        <v>40</v>
      </c>
      <c r="Q6363" s="5" t="s">
        <v>1522</v>
      </c>
      <c r="R6363" s="5" t="s">
        <v>1523</v>
      </c>
      <c r="S6363" s="5" t="s">
        <v>42</v>
      </c>
      <c r="T6363" s="2">
        <v>1.583</v>
      </c>
      <c r="U6363" s="2">
        <v>1.244</v>
      </c>
      <c r="V6363" s="2">
        <v>10.6</v>
      </c>
      <c r="W6363" s="2">
        <v>118.9</v>
      </c>
      <c r="X6363" s="2">
        <v>7.6</v>
      </c>
      <c r="Y6363" s="2">
        <v>10.6</v>
      </c>
      <c r="Z6363" s="5"/>
      <c r="AA6363" s="5" t="s">
        <v>43</v>
      </c>
      <c r="AB6363" s="5" t="s">
        <v>44</v>
      </c>
      <c r="AC6363" s="2"/>
      <c r="AD6363" s="1"/>
    </row>
    <row r="6364" spans="1:30">
      <c r="A6364" s="5" t="s">
        <v>83578</v>
      </c>
      <c r="B6364" s="2" t="s">
        <v>103207</v>
      </c>
      <c r="C6364" s="14" t="s">
        <v>103208</v>
      </c>
      <c r="D6364" s="2" t="s">
        <v>103209</v>
      </c>
      <c r="E6364" s="2" t="s">
        <v>7429</v>
      </c>
      <c r="F6364" s="8">
        <v>140</v>
      </c>
      <c r="G6364" s="5">
        <v>6</v>
      </c>
      <c r="H6364" s="5" t="s">
        <v>1518</v>
      </c>
      <c r="I6364" s="5" t="s">
        <v>69038</v>
      </c>
      <c r="J6364" s="2" t="s">
        <v>69039</v>
      </c>
      <c r="K6364" s="5" t="s">
        <v>69038</v>
      </c>
      <c r="L6364" s="2" t="s">
        <v>69039</v>
      </c>
      <c r="M6364" s="5" t="s">
        <v>1521</v>
      </c>
      <c r="N6364" s="5" t="s">
        <v>38</v>
      </c>
      <c r="O6364" s="5" t="s">
        <v>39</v>
      </c>
      <c r="P6364" s="5" t="s">
        <v>40</v>
      </c>
      <c r="Q6364" s="5" t="s">
        <v>1522</v>
      </c>
      <c r="R6364" s="5" t="s">
        <v>1523</v>
      </c>
      <c r="S6364" s="5" t="s">
        <v>42</v>
      </c>
      <c r="T6364" s="2">
        <v>1.583</v>
      </c>
      <c r="U6364" s="2">
        <v>1.244</v>
      </c>
      <c r="V6364" s="2">
        <v>10.6</v>
      </c>
      <c r="W6364" s="2">
        <v>118.9</v>
      </c>
      <c r="X6364" s="2">
        <v>7.6</v>
      </c>
      <c r="Y6364" s="2">
        <v>10.6</v>
      </c>
      <c r="Z6364" s="5"/>
      <c r="AA6364" s="5" t="s">
        <v>43</v>
      </c>
      <c r="AB6364" s="5" t="s">
        <v>44</v>
      </c>
      <c r="AC6364" s="2"/>
      <c r="AD6364" s="1"/>
    </row>
    <row r="6365" spans="1:30">
      <c r="A6365" s="5" t="s">
        <v>83578</v>
      </c>
      <c r="B6365" s="2" t="s">
        <v>103210</v>
      </c>
      <c r="C6365" s="14" t="s">
        <v>103211</v>
      </c>
      <c r="D6365" s="2" t="s">
        <v>103212</v>
      </c>
      <c r="E6365" s="2" t="s">
        <v>7585</v>
      </c>
      <c r="F6365" s="8">
        <v>140</v>
      </c>
      <c r="G6365" s="5">
        <v>6</v>
      </c>
      <c r="H6365" s="5" t="s">
        <v>1518</v>
      </c>
      <c r="I6365" s="5" t="s">
        <v>69038</v>
      </c>
      <c r="J6365" s="2" t="s">
        <v>69039</v>
      </c>
      <c r="K6365" s="5" t="s">
        <v>69038</v>
      </c>
      <c r="L6365" s="2" t="s">
        <v>69039</v>
      </c>
      <c r="M6365" s="5" t="s">
        <v>1521</v>
      </c>
      <c r="N6365" s="5" t="s">
        <v>38</v>
      </c>
      <c r="O6365" s="5" t="s">
        <v>39</v>
      </c>
      <c r="P6365" s="5" t="s">
        <v>40</v>
      </c>
      <c r="Q6365" s="5" t="s">
        <v>1522</v>
      </c>
      <c r="R6365" s="5" t="s">
        <v>1523</v>
      </c>
      <c r="S6365" s="5" t="s">
        <v>42</v>
      </c>
      <c r="T6365" s="2">
        <v>1.583</v>
      </c>
      <c r="U6365" s="2">
        <v>1.244</v>
      </c>
      <c r="V6365" s="2">
        <v>10.6</v>
      </c>
      <c r="W6365" s="2">
        <v>118.9</v>
      </c>
      <c r="X6365" s="2">
        <v>7.6</v>
      </c>
      <c r="Y6365" s="2">
        <v>10.6</v>
      </c>
      <c r="Z6365" s="5"/>
      <c r="AA6365" s="5" t="s">
        <v>43</v>
      </c>
      <c r="AB6365" s="5" t="s">
        <v>44</v>
      </c>
      <c r="AC6365" s="2"/>
      <c r="AD6365" s="1"/>
    </row>
    <row r="6366" spans="1:30">
      <c r="A6366" s="5" t="s">
        <v>83578</v>
      </c>
      <c r="B6366" s="2" t="s">
        <v>103213</v>
      </c>
      <c r="C6366" s="14" t="s">
        <v>103214</v>
      </c>
      <c r="D6366" s="2" t="s">
        <v>103215</v>
      </c>
      <c r="E6366" s="2" t="s">
        <v>7593</v>
      </c>
      <c r="F6366" s="8">
        <v>140</v>
      </c>
      <c r="G6366" s="5">
        <v>6</v>
      </c>
      <c r="H6366" s="5" t="s">
        <v>1518</v>
      </c>
      <c r="I6366" s="5" t="s">
        <v>69038</v>
      </c>
      <c r="J6366" s="2" t="s">
        <v>69039</v>
      </c>
      <c r="K6366" s="5" t="s">
        <v>69038</v>
      </c>
      <c r="L6366" s="2" t="s">
        <v>69039</v>
      </c>
      <c r="M6366" s="5" t="s">
        <v>1521</v>
      </c>
      <c r="N6366" s="5" t="s">
        <v>38</v>
      </c>
      <c r="O6366" s="5" t="s">
        <v>39</v>
      </c>
      <c r="P6366" s="5" t="s">
        <v>40</v>
      </c>
      <c r="Q6366" s="5" t="s">
        <v>1522</v>
      </c>
      <c r="R6366" s="5" t="s">
        <v>1523</v>
      </c>
      <c r="S6366" s="5" t="s">
        <v>42</v>
      </c>
      <c r="T6366" s="2">
        <v>1.583</v>
      </c>
      <c r="U6366" s="2">
        <v>1.244</v>
      </c>
      <c r="V6366" s="2">
        <v>10.6</v>
      </c>
      <c r="W6366" s="2">
        <v>118.9</v>
      </c>
      <c r="X6366" s="2">
        <v>7.6</v>
      </c>
      <c r="Y6366" s="2">
        <v>10.6</v>
      </c>
      <c r="Z6366" s="5"/>
      <c r="AA6366" s="5" t="s">
        <v>43</v>
      </c>
      <c r="AB6366" s="5" t="s">
        <v>44</v>
      </c>
      <c r="AC6366" s="2"/>
      <c r="AD6366" s="1"/>
    </row>
    <row r="6367" spans="1:30">
      <c r="A6367" s="5" t="s">
        <v>83578</v>
      </c>
      <c r="B6367" s="2" t="s">
        <v>103216</v>
      </c>
      <c r="C6367" s="14" t="s">
        <v>103217</v>
      </c>
      <c r="D6367" s="2" t="s">
        <v>103218</v>
      </c>
      <c r="E6367" s="2" t="s">
        <v>7597</v>
      </c>
      <c r="F6367" s="8">
        <v>140</v>
      </c>
      <c r="G6367" s="5">
        <v>6</v>
      </c>
      <c r="H6367" s="5" t="s">
        <v>1518</v>
      </c>
      <c r="I6367" s="5" t="s">
        <v>69038</v>
      </c>
      <c r="J6367" s="2" t="s">
        <v>69039</v>
      </c>
      <c r="K6367" s="5" t="s">
        <v>69038</v>
      </c>
      <c r="L6367" s="2" t="s">
        <v>69039</v>
      </c>
      <c r="M6367" s="5" t="s">
        <v>1521</v>
      </c>
      <c r="N6367" s="5" t="s">
        <v>38</v>
      </c>
      <c r="O6367" s="5" t="s">
        <v>39</v>
      </c>
      <c r="P6367" s="5" t="s">
        <v>40</v>
      </c>
      <c r="Q6367" s="5" t="s">
        <v>1522</v>
      </c>
      <c r="R6367" s="5" t="s">
        <v>1523</v>
      </c>
      <c r="S6367" s="5" t="s">
        <v>42</v>
      </c>
      <c r="T6367" s="2">
        <v>1.653</v>
      </c>
      <c r="U6367" s="2">
        <v>1.3140000000000001</v>
      </c>
      <c r="V6367" s="2">
        <v>10.6</v>
      </c>
      <c r="W6367" s="2">
        <v>118.9</v>
      </c>
      <c r="X6367" s="2">
        <v>7.6</v>
      </c>
      <c r="Y6367" s="2">
        <v>10.6</v>
      </c>
      <c r="Z6367" s="5"/>
      <c r="AA6367" s="5" t="s">
        <v>43</v>
      </c>
      <c r="AB6367" s="5" t="s">
        <v>44</v>
      </c>
      <c r="AC6367" s="2"/>
      <c r="AD6367" s="1"/>
    </row>
    <row r="6368" spans="1:30">
      <c r="A6368" s="5" t="s">
        <v>83578</v>
      </c>
      <c r="B6368" s="2" t="s">
        <v>103219</v>
      </c>
      <c r="C6368" s="14" t="s">
        <v>103220</v>
      </c>
      <c r="D6368" s="2" t="s">
        <v>103221</v>
      </c>
      <c r="E6368" s="2" t="s">
        <v>7547</v>
      </c>
      <c r="F6368" s="8">
        <v>151</v>
      </c>
      <c r="G6368" s="5">
        <v>6</v>
      </c>
      <c r="H6368" s="5" t="s">
        <v>1518</v>
      </c>
      <c r="I6368" s="5" t="s">
        <v>69038</v>
      </c>
      <c r="J6368" s="2" t="s">
        <v>69039</v>
      </c>
      <c r="K6368" s="5" t="s">
        <v>69038</v>
      </c>
      <c r="L6368" s="2" t="s">
        <v>69039</v>
      </c>
      <c r="M6368" s="5" t="s">
        <v>1521</v>
      </c>
      <c r="N6368" s="5" t="s">
        <v>38</v>
      </c>
      <c r="O6368" s="5" t="s">
        <v>39</v>
      </c>
      <c r="P6368" s="5" t="s">
        <v>40</v>
      </c>
      <c r="Q6368" s="5" t="s">
        <v>1522</v>
      </c>
      <c r="R6368" s="5" t="s">
        <v>1523</v>
      </c>
      <c r="S6368" s="5" t="s">
        <v>42</v>
      </c>
      <c r="T6368" s="2">
        <v>1.7549999999999999</v>
      </c>
      <c r="U6368" s="2">
        <v>1.3640000000000001</v>
      </c>
      <c r="V6368" s="2">
        <v>10.6</v>
      </c>
      <c r="W6368" s="2">
        <v>139.1</v>
      </c>
      <c r="X6368" s="2">
        <v>7.6</v>
      </c>
      <c r="Y6368" s="2">
        <v>10.6</v>
      </c>
      <c r="Z6368" s="5"/>
      <c r="AA6368" s="5" t="s">
        <v>43</v>
      </c>
      <c r="AB6368" s="5" t="s">
        <v>44</v>
      </c>
      <c r="AC6368" s="2"/>
      <c r="AD6368" s="1"/>
    </row>
    <row r="6369" spans="1:30">
      <c r="A6369" s="5" t="s">
        <v>83578</v>
      </c>
      <c r="B6369" s="2" t="s">
        <v>103222</v>
      </c>
      <c r="C6369" s="14" t="s">
        <v>103223</v>
      </c>
      <c r="D6369" s="2" t="s">
        <v>103224</v>
      </c>
      <c r="E6369" s="2" t="s">
        <v>7551</v>
      </c>
      <c r="F6369" s="8">
        <v>151</v>
      </c>
      <c r="G6369" s="5">
        <v>6</v>
      </c>
      <c r="H6369" s="5" t="s">
        <v>1518</v>
      </c>
      <c r="I6369" s="5" t="s">
        <v>69038</v>
      </c>
      <c r="J6369" s="2" t="s">
        <v>69039</v>
      </c>
      <c r="K6369" s="5" t="s">
        <v>69038</v>
      </c>
      <c r="L6369" s="2" t="s">
        <v>69039</v>
      </c>
      <c r="M6369" s="5" t="s">
        <v>1521</v>
      </c>
      <c r="N6369" s="5" t="s">
        <v>38</v>
      </c>
      <c r="O6369" s="5" t="s">
        <v>39</v>
      </c>
      <c r="P6369" s="5" t="s">
        <v>40</v>
      </c>
      <c r="Q6369" s="5" t="s">
        <v>1522</v>
      </c>
      <c r="R6369" s="5" t="s">
        <v>1523</v>
      </c>
      <c r="S6369" s="5" t="s">
        <v>42</v>
      </c>
      <c r="T6369" s="2">
        <v>1.8360000000000001</v>
      </c>
      <c r="U6369" s="2">
        <v>1.4450000000000001</v>
      </c>
      <c r="V6369" s="2">
        <v>10.6</v>
      </c>
      <c r="W6369" s="2">
        <v>139.1</v>
      </c>
      <c r="X6369" s="2">
        <v>7.6</v>
      </c>
      <c r="Y6369" s="2">
        <v>10.6</v>
      </c>
      <c r="Z6369" s="5"/>
      <c r="AA6369" s="5" t="s">
        <v>43</v>
      </c>
      <c r="AB6369" s="5" t="s">
        <v>44</v>
      </c>
      <c r="AC6369" s="2"/>
      <c r="AD6369" s="1"/>
    </row>
    <row r="6370" spans="1:30">
      <c r="A6370" s="5" t="s">
        <v>83578</v>
      </c>
      <c r="B6370" s="2" t="s">
        <v>103225</v>
      </c>
      <c r="C6370" s="14" t="s">
        <v>103226</v>
      </c>
      <c r="D6370" s="2" t="s">
        <v>103227</v>
      </c>
      <c r="E6370" s="2" t="s">
        <v>7555</v>
      </c>
      <c r="F6370" s="8">
        <v>151</v>
      </c>
      <c r="G6370" s="5">
        <v>6</v>
      </c>
      <c r="H6370" s="5" t="s">
        <v>1518</v>
      </c>
      <c r="I6370" s="5" t="s">
        <v>69038</v>
      </c>
      <c r="J6370" s="2" t="s">
        <v>69039</v>
      </c>
      <c r="K6370" s="5" t="s">
        <v>69038</v>
      </c>
      <c r="L6370" s="2" t="s">
        <v>69039</v>
      </c>
      <c r="M6370" s="5" t="s">
        <v>1521</v>
      </c>
      <c r="N6370" s="5" t="s">
        <v>38</v>
      </c>
      <c r="O6370" s="5" t="s">
        <v>39</v>
      </c>
      <c r="P6370" s="5" t="s">
        <v>40</v>
      </c>
      <c r="Q6370" s="5" t="s">
        <v>1522</v>
      </c>
      <c r="R6370" s="5" t="s">
        <v>1523</v>
      </c>
      <c r="S6370" s="5" t="s">
        <v>42</v>
      </c>
      <c r="T6370" s="2">
        <v>1.7549999999999999</v>
      </c>
      <c r="U6370" s="2">
        <v>1.3640000000000001</v>
      </c>
      <c r="V6370" s="2">
        <v>10.6</v>
      </c>
      <c r="W6370" s="2">
        <v>139.1</v>
      </c>
      <c r="X6370" s="2">
        <v>7.6</v>
      </c>
      <c r="Y6370" s="2">
        <v>10.6</v>
      </c>
      <c r="Z6370" s="5"/>
      <c r="AA6370" s="5" t="s">
        <v>43</v>
      </c>
      <c r="AB6370" s="5" t="s">
        <v>44</v>
      </c>
      <c r="AC6370" s="2"/>
      <c r="AD6370" s="1"/>
    </row>
    <row r="6371" spans="1:30">
      <c r="A6371" s="5" t="s">
        <v>83578</v>
      </c>
      <c r="B6371" s="2" t="s">
        <v>103228</v>
      </c>
      <c r="C6371" s="14" t="s">
        <v>103229</v>
      </c>
      <c r="D6371" s="2" t="s">
        <v>103230</v>
      </c>
      <c r="E6371" s="2" t="s">
        <v>7429</v>
      </c>
      <c r="F6371" s="8">
        <v>151</v>
      </c>
      <c r="G6371" s="5">
        <v>6</v>
      </c>
      <c r="H6371" s="5" t="s">
        <v>1518</v>
      </c>
      <c r="I6371" s="5" t="s">
        <v>69038</v>
      </c>
      <c r="J6371" s="2" t="s">
        <v>69039</v>
      </c>
      <c r="K6371" s="5" t="s">
        <v>69038</v>
      </c>
      <c r="L6371" s="2" t="s">
        <v>69039</v>
      </c>
      <c r="M6371" s="5" t="s">
        <v>1521</v>
      </c>
      <c r="N6371" s="5" t="s">
        <v>38</v>
      </c>
      <c r="O6371" s="5" t="s">
        <v>39</v>
      </c>
      <c r="P6371" s="5" t="s">
        <v>40</v>
      </c>
      <c r="Q6371" s="5" t="s">
        <v>1522</v>
      </c>
      <c r="R6371" s="5" t="s">
        <v>1523</v>
      </c>
      <c r="S6371" s="5" t="s">
        <v>42</v>
      </c>
      <c r="T6371" s="2">
        <v>1.7549999999999999</v>
      </c>
      <c r="U6371" s="2">
        <v>1.3640000000000001</v>
      </c>
      <c r="V6371" s="2">
        <v>10.6</v>
      </c>
      <c r="W6371" s="2">
        <v>139.1</v>
      </c>
      <c r="X6371" s="2">
        <v>7.6</v>
      </c>
      <c r="Y6371" s="2">
        <v>10.6</v>
      </c>
      <c r="Z6371" s="5"/>
      <c r="AA6371" s="5" t="s">
        <v>43</v>
      </c>
      <c r="AB6371" s="5" t="s">
        <v>44</v>
      </c>
      <c r="AC6371" s="2"/>
      <c r="AD6371" s="1"/>
    </row>
    <row r="6372" spans="1:30">
      <c r="A6372" s="5" t="s">
        <v>83578</v>
      </c>
      <c r="B6372" s="2" t="s">
        <v>103231</v>
      </c>
      <c r="C6372" s="14" t="s">
        <v>103232</v>
      </c>
      <c r="D6372" s="2" t="s">
        <v>103233</v>
      </c>
      <c r="E6372" s="2" t="s">
        <v>7593</v>
      </c>
      <c r="F6372" s="8">
        <v>151</v>
      </c>
      <c r="G6372" s="5">
        <v>6</v>
      </c>
      <c r="H6372" s="5" t="s">
        <v>1518</v>
      </c>
      <c r="I6372" s="5" t="s">
        <v>69038</v>
      </c>
      <c r="J6372" s="2" t="s">
        <v>69039</v>
      </c>
      <c r="K6372" s="5" t="s">
        <v>69038</v>
      </c>
      <c r="L6372" s="2" t="s">
        <v>69039</v>
      </c>
      <c r="M6372" s="5" t="s">
        <v>1521</v>
      </c>
      <c r="N6372" s="5" t="s">
        <v>38</v>
      </c>
      <c r="O6372" s="5" t="s">
        <v>39</v>
      </c>
      <c r="P6372" s="5" t="s">
        <v>40</v>
      </c>
      <c r="Q6372" s="5" t="s">
        <v>1522</v>
      </c>
      <c r="R6372" s="5" t="s">
        <v>1523</v>
      </c>
      <c r="S6372" s="5" t="s">
        <v>42</v>
      </c>
      <c r="T6372" s="2">
        <v>1.7549999999999999</v>
      </c>
      <c r="U6372" s="2">
        <v>1.3640000000000001</v>
      </c>
      <c r="V6372" s="2">
        <v>10.6</v>
      </c>
      <c r="W6372" s="2">
        <v>139.1</v>
      </c>
      <c r="X6372" s="2">
        <v>7.6</v>
      </c>
      <c r="Y6372" s="2">
        <v>10.6</v>
      </c>
      <c r="Z6372" s="5"/>
      <c r="AA6372" s="5" t="s">
        <v>43</v>
      </c>
      <c r="AB6372" s="5" t="s">
        <v>44</v>
      </c>
      <c r="AC6372" s="2"/>
      <c r="AD6372" s="1"/>
    </row>
    <row r="6373" spans="1:30">
      <c r="A6373" s="5" t="s">
        <v>83578</v>
      </c>
      <c r="B6373" s="2" t="s">
        <v>103234</v>
      </c>
      <c r="C6373" s="14" t="s">
        <v>103235</v>
      </c>
      <c r="D6373" s="2" t="s">
        <v>103236</v>
      </c>
      <c r="E6373" s="2" t="s">
        <v>7597</v>
      </c>
      <c r="F6373" s="8">
        <v>151</v>
      </c>
      <c r="G6373" s="5">
        <v>6</v>
      </c>
      <c r="H6373" s="5" t="s">
        <v>1518</v>
      </c>
      <c r="I6373" s="5" t="s">
        <v>69038</v>
      </c>
      <c r="J6373" s="2" t="s">
        <v>69039</v>
      </c>
      <c r="K6373" s="5" t="s">
        <v>69038</v>
      </c>
      <c r="L6373" s="2" t="s">
        <v>69039</v>
      </c>
      <c r="M6373" s="5" t="s">
        <v>1521</v>
      </c>
      <c r="N6373" s="5" t="s">
        <v>38</v>
      </c>
      <c r="O6373" s="5" t="s">
        <v>39</v>
      </c>
      <c r="P6373" s="5" t="s">
        <v>40</v>
      </c>
      <c r="Q6373" s="5" t="s">
        <v>1522</v>
      </c>
      <c r="R6373" s="5" t="s">
        <v>1523</v>
      </c>
      <c r="S6373" s="5" t="s">
        <v>42</v>
      </c>
      <c r="T6373" s="2">
        <v>1.8360000000000001</v>
      </c>
      <c r="U6373" s="2">
        <v>1.4450000000000001</v>
      </c>
      <c r="V6373" s="2">
        <v>10.6</v>
      </c>
      <c r="W6373" s="2">
        <v>139.1</v>
      </c>
      <c r="X6373" s="2">
        <v>7.6</v>
      </c>
      <c r="Y6373" s="2">
        <v>10.6</v>
      </c>
      <c r="Z6373" s="5"/>
      <c r="AA6373" s="5" t="s">
        <v>43</v>
      </c>
      <c r="AB6373" s="5" t="s">
        <v>44</v>
      </c>
      <c r="AC6373" s="2"/>
      <c r="AD6373" s="1"/>
    </row>
    <row r="6374" spans="1:30">
      <c r="A6374" s="5" t="s">
        <v>83578</v>
      </c>
      <c r="B6374" s="2" t="s">
        <v>103237</v>
      </c>
      <c r="C6374" s="14" t="s">
        <v>103238</v>
      </c>
      <c r="D6374" s="2" t="s">
        <v>103239</v>
      </c>
      <c r="E6374" s="2" t="s">
        <v>7410</v>
      </c>
      <c r="F6374" s="8">
        <v>151</v>
      </c>
      <c r="G6374" s="5">
        <v>6</v>
      </c>
      <c r="H6374" s="5" t="s">
        <v>1518</v>
      </c>
      <c r="I6374" s="5" t="s">
        <v>69038</v>
      </c>
      <c r="J6374" s="2" t="s">
        <v>69039</v>
      </c>
      <c r="K6374" s="5" t="s">
        <v>69038</v>
      </c>
      <c r="L6374" s="2" t="s">
        <v>69039</v>
      </c>
      <c r="M6374" s="5" t="s">
        <v>1521</v>
      </c>
      <c r="N6374" s="5" t="s">
        <v>38</v>
      </c>
      <c r="O6374" s="5" t="s">
        <v>39</v>
      </c>
      <c r="P6374" s="5" t="s">
        <v>40</v>
      </c>
      <c r="Q6374" s="5" t="s">
        <v>1522</v>
      </c>
      <c r="R6374" s="5" t="s">
        <v>1523</v>
      </c>
      <c r="S6374" s="5" t="s">
        <v>42</v>
      </c>
      <c r="T6374" s="2">
        <v>1.7549999999999999</v>
      </c>
      <c r="U6374" s="2">
        <v>1.3640000000000001</v>
      </c>
      <c r="V6374" s="2">
        <v>10.6</v>
      </c>
      <c r="W6374" s="2">
        <v>139.1</v>
      </c>
      <c r="X6374" s="2">
        <v>7.6</v>
      </c>
      <c r="Y6374" s="2">
        <v>10.6</v>
      </c>
      <c r="Z6374" s="5"/>
      <c r="AA6374" s="5" t="s">
        <v>43</v>
      </c>
      <c r="AB6374" s="5" t="s">
        <v>44</v>
      </c>
      <c r="AC6374" s="2"/>
      <c r="AD6374" s="1"/>
    </row>
    <row r="6375" spans="1:30">
      <c r="A6375" s="5" t="s">
        <v>83578</v>
      </c>
      <c r="B6375" s="2" t="s">
        <v>103240</v>
      </c>
      <c r="C6375" s="14" t="s">
        <v>103241</v>
      </c>
      <c r="D6375" s="2" t="s">
        <v>103242</v>
      </c>
      <c r="E6375" s="2" t="s">
        <v>7406</v>
      </c>
      <c r="F6375" s="8">
        <v>164</v>
      </c>
      <c r="G6375" s="5">
        <v>6</v>
      </c>
      <c r="H6375" s="5" t="s">
        <v>1518</v>
      </c>
      <c r="I6375" s="5" t="s">
        <v>69038</v>
      </c>
      <c r="J6375" s="2" t="s">
        <v>69039</v>
      </c>
      <c r="K6375" s="5" t="s">
        <v>69038</v>
      </c>
      <c r="L6375" s="2" t="s">
        <v>69039</v>
      </c>
      <c r="M6375" s="5" t="s">
        <v>1521</v>
      </c>
      <c r="N6375" s="5" t="s">
        <v>38</v>
      </c>
      <c r="O6375" s="5" t="s">
        <v>39</v>
      </c>
      <c r="P6375" s="5" t="s">
        <v>40</v>
      </c>
      <c r="Q6375" s="5" t="s">
        <v>1522</v>
      </c>
      <c r="R6375" s="5" t="s">
        <v>1523</v>
      </c>
      <c r="S6375" s="5" t="s">
        <v>42</v>
      </c>
      <c r="T6375" s="2">
        <v>1.91</v>
      </c>
      <c r="U6375" s="2">
        <v>1.4750000000000001</v>
      </c>
      <c r="V6375" s="2">
        <v>10.6</v>
      </c>
      <c r="W6375" s="2">
        <v>159.1</v>
      </c>
      <c r="X6375" s="2">
        <v>7.6</v>
      </c>
      <c r="Y6375" s="2">
        <v>10.6</v>
      </c>
      <c r="Z6375" s="5"/>
      <c r="AA6375" s="5" t="s">
        <v>43</v>
      </c>
      <c r="AB6375" s="5" t="s">
        <v>44</v>
      </c>
      <c r="AC6375" s="2"/>
      <c r="AD6375" s="1"/>
    </row>
    <row r="6376" spans="1:30">
      <c r="A6376" s="5" t="s">
        <v>83578</v>
      </c>
      <c r="B6376" s="2" t="s">
        <v>103243</v>
      </c>
      <c r="C6376" s="14" t="s">
        <v>103244</v>
      </c>
      <c r="D6376" s="2" t="s">
        <v>103245</v>
      </c>
      <c r="E6376" s="2" t="s">
        <v>7547</v>
      </c>
      <c r="F6376" s="8">
        <v>164</v>
      </c>
      <c r="G6376" s="5">
        <v>6</v>
      </c>
      <c r="H6376" s="5" t="s">
        <v>1518</v>
      </c>
      <c r="I6376" s="5" t="s">
        <v>69038</v>
      </c>
      <c r="J6376" s="2" t="s">
        <v>69039</v>
      </c>
      <c r="K6376" s="5" t="s">
        <v>69038</v>
      </c>
      <c r="L6376" s="2" t="s">
        <v>69039</v>
      </c>
      <c r="M6376" s="5" t="s">
        <v>1521</v>
      </c>
      <c r="N6376" s="5" t="s">
        <v>38</v>
      </c>
      <c r="O6376" s="5" t="s">
        <v>39</v>
      </c>
      <c r="P6376" s="5" t="s">
        <v>40</v>
      </c>
      <c r="Q6376" s="5" t="s">
        <v>1522</v>
      </c>
      <c r="R6376" s="5" t="s">
        <v>1523</v>
      </c>
      <c r="S6376" s="5" t="s">
        <v>42</v>
      </c>
      <c r="T6376" s="2">
        <v>1.91</v>
      </c>
      <c r="U6376" s="2">
        <v>1.4750000000000001</v>
      </c>
      <c r="V6376" s="2">
        <v>10.6</v>
      </c>
      <c r="W6376" s="2">
        <v>159.1</v>
      </c>
      <c r="X6376" s="2">
        <v>7.6</v>
      </c>
      <c r="Y6376" s="2">
        <v>10.6</v>
      </c>
      <c r="Z6376" s="5"/>
      <c r="AA6376" s="5" t="s">
        <v>43</v>
      </c>
      <c r="AB6376" s="5" t="s">
        <v>44</v>
      </c>
      <c r="AC6376" s="2"/>
      <c r="AD6376" s="1"/>
    </row>
    <row r="6377" spans="1:30">
      <c r="A6377" s="5" t="s">
        <v>83578</v>
      </c>
      <c r="B6377" s="2" t="s">
        <v>103246</v>
      </c>
      <c r="C6377" s="14" t="s">
        <v>103247</v>
      </c>
      <c r="D6377" s="2" t="s">
        <v>103248</v>
      </c>
      <c r="E6377" s="2" t="s">
        <v>7551</v>
      </c>
      <c r="F6377" s="8">
        <v>164</v>
      </c>
      <c r="G6377" s="5">
        <v>6</v>
      </c>
      <c r="H6377" s="5" t="s">
        <v>1518</v>
      </c>
      <c r="I6377" s="5" t="s">
        <v>69038</v>
      </c>
      <c r="J6377" s="2" t="s">
        <v>69039</v>
      </c>
      <c r="K6377" s="5" t="s">
        <v>69038</v>
      </c>
      <c r="L6377" s="2" t="s">
        <v>69039</v>
      </c>
      <c r="M6377" s="5" t="s">
        <v>1521</v>
      </c>
      <c r="N6377" s="5" t="s">
        <v>38</v>
      </c>
      <c r="O6377" s="5" t="s">
        <v>39</v>
      </c>
      <c r="P6377" s="5" t="s">
        <v>40</v>
      </c>
      <c r="Q6377" s="5" t="s">
        <v>1522</v>
      </c>
      <c r="R6377" s="5" t="s">
        <v>1523</v>
      </c>
      <c r="S6377" s="5" t="s">
        <v>42</v>
      </c>
      <c r="T6377" s="2">
        <v>2.0009999999999999</v>
      </c>
      <c r="U6377" s="2">
        <v>1.5660000000000001</v>
      </c>
      <c r="V6377" s="2">
        <v>10.6</v>
      </c>
      <c r="W6377" s="2">
        <v>159.1</v>
      </c>
      <c r="X6377" s="2">
        <v>7.6</v>
      </c>
      <c r="Y6377" s="2">
        <v>10.6</v>
      </c>
      <c r="Z6377" s="5"/>
      <c r="AA6377" s="5" t="s">
        <v>43</v>
      </c>
      <c r="AB6377" s="5" t="s">
        <v>44</v>
      </c>
      <c r="AC6377" s="2"/>
      <c r="AD6377" s="1"/>
    </row>
    <row r="6378" spans="1:30">
      <c r="A6378" s="5" t="s">
        <v>83578</v>
      </c>
      <c r="B6378" s="2" t="s">
        <v>103249</v>
      </c>
      <c r="C6378" s="14" t="s">
        <v>103250</v>
      </c>
      <c r="D6378" s="2" t="s">
        <v>103251</v>
      </c>
      <c r="E6378" s="2" t="s">
        <v>7429</v>
      </c>
      <c r="F6378" s="8">
        <v>164</v>
      </c>
      <c r="G6378" s="5">
        <v>6</v>
      </c>
      <c r="H6378" s="5" t="s">
        <v>1518</v>
      </c>
      <c r="I6378" s="5" t="s">
        <v>69038</v>
      </c>
      <c r="J6378" s="2" t="s">
        <v>69039</v>
      </c>
      <c r="K6378" s="5" t="s">
        <v>69038</v>
      </c>
      <c r="L6378" s="2" t="s">
        <v>69039</v>
      </c>
      <c r="M6378" s="5" t="s">
        <v>1521</v>
      </c>
      <c r="N6378" s="5" t="s">
        <v>38</v>
      </c>
      <c r="O6378" s="5" t="s">
        <v>39</v>
      </c>
      <c r="P6378" s="5" t="s">
        <v>40</v>
      </c>
      <c r="Q6378" s="5" t="s">
        <v>1522</v>
      </c>
      <c r="R6378" s="5" t="s">
        <v>1523</v>
      </c>
      <c r="S6378" s="5" t="s">
        <v>42</v>
      </c>
      <c r="T6378" s="2">
        <v>1.91</v>
      </c>
      <c r="U6378" s="2">
        <v>1.4750000000000001</v>
      </c>
      <c r="V6378" s="2">
        <v>10.6</v>
      </c>
      <c r="W6378" s="2">
        <v>159.1</v>
      </c>
      <c r="X6378" s="2">
        <v>7.6</v>
      </c>
      <c r="Y6378" s="2">
        <v>10.6</v>
      </c>
      <c r="Z6378" s="5"/>
      <c r="AA6378" s="5" t="s">
        <v>43</v>
      </c>
      <c r="AB6378" s="5" t="s">
        <v>44</v>
      </c>
      <c r="AC6378" s="2"/>
      <c r="AD6378" s="1"/>
    </row>
    <row r="6379" spans="1:30">
      <c r="A6379" s="5" t="s">
        <v>83578</v>
      </c>
      <c r="B6379" s="2" t="s">
        <v>103252</v>
      </c>
      <c r="C6379" s="14" t="s">
        <v>103253</v>
      </c>
      <c r="D6379" s="2" t="s">
        <v>103254</v>
      </c>
      <c r="E6379" s="2" t="s">
        <v>7585</v>
      </c>
      <c r="F6379" s="8">
        <v>164</v>
      </c>
      <c r="G6379" s="5">
        <v>6</v>
      </c>
      <c r="H6379" s="5" t="s">
        <v>1518</v>
      </c>
      <c r="I6379" s="5" t="s">
        <v>69038</v>
      </c>
      <c r="J6379" s="2" t="s">
        <v>69039</v>
      </c>
      <c r="K6379" s="5" t="s">
        <v>69038</v>
      </c>
      <c r="L6379" s="2" t="s">
        <v>69039</v>
      </c>
      <c r="M6379" s="5" t="s">
        <v>1521</v>
      </c>
      <c r="N6379" s="5" t="s">
        <v>38</v>
      </c>
      <c r="O6379" s="5" t="s">
        <v>39</v>
      </c>
      <c r="P6379" s="5" t="s">
        <v>40</v>
      </c>
      <c r="Q6379" s="5" t="s">
        <v>1522</v>
      </c>
      <c r="R6379" s="5" t="s">
        <v>1523</v>
      </c>
      <c r="S6379" s="5" t="s">
        <v>42</v>
      </c>
      <c r="T6379" s="2">
        <v>1.91</v>
      </c>
      <c r="U6379" s="2">
        <v>1.4750000000000001</v>
      </c>
      <c r="V6379" s="2">
        <v>10.6</v>
      </c>
      <c r="W6379" s="2">
        <v>159.1</v>
      </c>
      <c r="X6379" s="2">
        <v>7.6</v>
      </c>
      <c r="Y6379" s="2">
        <v>10.6</v>
      </c>
      <c r="Z6379" s="5"/>
      <c r="AA6379" s="5" t="s">
        <v>43</v>
      </c>
      <c r="AB6379" s="5" t="s">
        <v>44</v>
      </c>
      <c r="AC6379" s="2"/>
      <c r="AD6379" s="1"/>
    </row>
    <row r="6380" spans="1:30">
      <c r="A6380" s="5" t="s">
        <v>83578</v>
      </c>
      <c r="B6380" s="2" t="s">
        <v>103255</v>
      </c>
      <c r="C6380" s="14" t="s">
        <v>103256</v>
      </c>
      <c r="D6380" s="2" t="s">
        <v>103257</v>
      </c>
      <c r="E6380" s="2" t="s">
        <v>7593</v>
      </c>
      <c r="F6380" s="8">
        <v>164</v>
      </c>
      <c r="G6380" s="5">
        <v>6</v>
      </c>
      <c r="H6380" s="5" t="s">
        <v>1518</v>
      </c>
      <c r="I6380" s="5" t="s">
        <v>69038</v>
      </c>
      <c r="J6380" s="2" t="s">
        <v>69039</v>
      </c>
      <c r="K6380" s="5" t="s">
        <v>69038</v>
      </c>
      <c r="L6380" s="2" t="s">
        <v>69039</v>
      </c>
      <c r="M6380" s="5" t="s">
        <v>1521</v>
      </c>
      <c r="N6380" s="5" t="s">
        <v>38</v>
      </c>
      <c r="O6380" s="5" t="s">
        <v>39</v>
      </c>
      <c r="P6380" s="5" t="s">
        <v>40</v>
      </c>
      <c r="Q6380" s="5" t="s">
        <v>1522</v>
      </c>
      <c r="R6380" s="5" t="s">
        <v>1523</v>
      </c>
      <c r="S6380" s="5" t="s">
        <v>42</v>
      </c>
      <c r="T6380" s="2">
        <v>1.91</v>
      </c>
      <c r="U6380" s="2">
        <v>1.4750000000000001</v>
      </c>
      <c r="V6380" s="2">
        <v>10.6</v>
      </c>
      <c r="W6380" s="2">
        <v>159.1</v>
      </c>
      <c r="X6380" s="2">
        <v>7.6</v>
      </c>
      <c r="Y6380" s="2">
        <v>10.6</v>
      </c>
      <c r="Z6380" s="5"/>
      <c r="AA6380" s="5" t="s">
        <v>43</v>
      </c>
      <c r="AB6380" s="5" t="s">
        <v>44</v>
      </c>
      <c r="AC6380" s="2"/>
      <c r="AD6380" s="1"/>
    </row>
    <row r="6381" spans="1:30">
      <c r="A6381" s="5" t="s">
        <v>83578</v>
      </c>
      <c r="B6381" s="2" t="s">
        <v>103258</v>
      </c>
      <c r="C6381" s="14" t="s">
        <v>103259</v>
      </c>
      <c r="D6381" s="2" t="s">
        <v>103260</v>
      </c>
      <c r="E6381" s="2" t="s">
        <v>7410</v>
      </c>
      <c r="F6381" s="8">
        <v>164</v>
      </c>
      <c r="G6381" s="5">
        <v>6</v>
      </c>
      <c r="H6381" s="5" t="s">
        <v>1518</v>
      </c>
      <c r="I6381" s="5" t="s">
        <v>69038</v>
      </c>
      <c r="J6381" s="2" t="s">
        <v>69039</v>
      </c>
      <c r="K6381" s="5" t="s">
        <v>69038</v>
      </c>
      <c r="L6381" s="2" t="s">
        <v>69039</v>
      </c>
      <c r="M6381" s="5" t="s">
        <v>1521</v>
      </c>
      <c r="N6381" s="5" t="s">
        <v>38</v>
      </c>
      <c r="O6381" s="5" t="s">
        <v>39</v>
      </c>
      <c r="P6381" s="5" t="s">
        <v>40</v>
      </c>
      <c r="Q6381" s="5" t="s">
        <v>1522</v>
      </c>
      <c r="R6381" s="5" t="s">
        <v>1523</v>
      </c>
      <c r="S6381" s="5" t="s">
        <v>42</v>
      </c>
      <c r="T6381" s="2">
        <v>1.91</v>
      </c>
      <c r="U6381" s="2">
        <v>1.4750000000000001</v>
      </c>
      <c r="V6381" s="2">
        <v>10.6</v>
      </c>
      <c r="W6381" s="2">
        <v>159.1</v>
      </c>
      <c r="X6381" s="2">
        <v>7.6</v>
      </c>
      <c r="Y6381" s="2">
        <v>10.6</v>
      </c>
      <c r="Z6381" s="5"/>
      <c r="AA6381" s="5" t="s">
        <v>43</v>
      </c>
      <c r="AB6381" s="5" t="s">
        <v>44</v>
      </c>
      <c r="AC6381" s="2"/>
      <c r="AD6381" s="1"/>
    </row>
    <row r="6382" spans="1:30">
      <c r="A6382" s="5" t="s">
        <v>83578</v>
      </c>
      <c r="B6382" s="2" t="s">
        <v>103261</v>
      </c>
      <c r="C6382" s="14" t="s">
        <v>103262</v>
      </c>
      <c r="D6382" s="2" t="s">
        <v>103263</v>
      </c>
      <c r="E6382" s="2" t="s">
        <v>7406</v>
      </c>
      <c r="F6382" s="8">
        <v>159</v>
      </c>
      <c r="G6382" s="5">
        <v>6</v>
      </c>
      <c r="H6382" s="5" t="s">
        <v>1518</v>
      </c>
      <c r="I6382" s="5" t="s">
        <v>69038</v>
      </c>
      <c r="J6382" s="2" t="s">
        <v>69039</v>
      </c>
      <c r="K6382" s="5" t="s">
        <v>69038</v>
      </c>
      <c r="L6382" s="2" t="s">
        <v>69039</v>
      </c>
      <c r="M6382" s="5" t="s">
        <v>1521</v>
      </c>
      <c r="N6382" s="5" t="s">
        <v>38</v>
      </c>
      <c r="O6382" s="5" t="s">
        <v>39</v>
      </c>
      <c r="P6382" s="5" t="s">
        <v>40</v>
      </c>
      <c r="Q6382" s="5" t="s">
        <v>1522</v>
      </c>
      <c r="R6382" s="5" t="s">
        <v>1523</v>
      </c>
      <c r="S6382" s="5" t="s">
        <v>42</v>
      </c>
      <c r="T6382" s="2">
        <v>1.607</v>
      </c>
      <c r="U6382" s="2">
        <v>1.2829999999999999</v>
      </c>
      <c r="V6382" s="2">
        <v>10.6</v>
      </c>
      <c r="W6382" s="2">
        <v>118.9</v>
      </c>
      <c r="X6382" s="2">
        <v>7.6</v>
      </c>
      <c r="Y6382" s="2">
        <v>10.6</v>
      </c>
      <c r="Z6382" s="5"/>
      <c r="AA6382" s="5" t="s">
        <v>43</v>
      </c>
      <c r="AB6382" s="5" t="s">
        <v>44</v>
      </c>
      <c r="AC6382" s="2"/>
      <c r="AD6382" s="1"/>
    </row>
    <row r="6383" spans="1:30">
      <c r="A6383" s="5" t="s">
        <v>83578</v>
      </c>
      <c r="B6383" s="2" t="s">
        <v>103264</v>
      </c>
      <c r="C6383" s="14" t="s">
        <v>103265</v>
      </c>
      <c r="D6383" s="2" t="s">
        <v>103266</v>
      </c>
      <c r="E6383" s="2" t="s">
        <v>7535</v>
      </c>
      <c r="F6383" s="8">
        <v>159</v>
      </c>
      <c r="G6383" s="5">
        <v>6</v>
      </c>
      <c r="H6383" s="5" t="s">
        <v>1518</v>
      </c>
      <c r="I6383" s="5" t="s">
        <v>69038</v>
      </c>
      <c r="J6383" s="2" t="s">
        <v>69039</v>
      </c>
      <c r="K6383" s="5" t="s">
        <v>69038</v>
      </c>
      <c r="L6383" s="2" t="s">
        <v>69039</v>
      </c>
      <c r="M6383" s="5" t="s">
        <v>1521</v>
      </c>
      <c r="N6383" s="5" t="s">
        <v>38</v>
      </c>
      <c r="O6383" s="5" t="s">
        <v>39</v>
      </c>
      <c r="P6383" s="5" t="s">
        <v>40</v>
      </c>
      <c r="Q6383" s="5" t="s">
        <v>1522</v>
      </c>
      <c r="R6383" s="5" t="s">
        <v>1523</v>
      </c>
      <c r="S6383" s="5" t="s">
        <v>42</v>
      </c>
      <c r="T6383" s="2">
        <v>1.669</v>
      </c>
      <c r="U6383" s="2">
        <v>1.345</v>
      </c>
      <c r="V6383" s="2">
        <v>10.6</v>
      </c>
      <c r="W6383" s="2">
        <v>118.9</v>
      </c>
      <c r="X6383" s="2">
        <v>7.6</v>
      </c>
      <c r="Y6383" s="2">
        <v>10.6</v>
      </c>
      <c r="Z6383" s="5"/>
      <c r="AA6383" s="5" t="s">
        <v>43</v>
      </c>
      <c r="AB6383" s="5" t="s">
        <v>44</v>
      </c>
      <c r="AC6383" s="2"/>
      <c r="AD6383" s="1"/>
    </row>
    <row r="6384" spans="1:30">
      <c r="A6384" s="5" t="s">
        <v>83578</v>
      </c>
      <c r="B6384" s="2" t="s">
        <v>103267</v>
      </c>
      <c r="C6384" s="14" t="s">
        <v>103268</v>
      </c>
      <c r="D6384" s="2" t="s">
        <v>103269</v>
      </c>
      <c r="E6384" s="2" t="s">
        <v>7539</v>
      </c>
      <c r="F6384" s="8">
        <v>159</v>
      </c>
      <c r="G6384" s="5">
        <v>6</v>
      </c>
      <c r="H6384" s="5" t="s">
        <v>1518</v>
      </c>
      <c r="I6384" s="5" t="s">
        <v>69038</v>
      </c>
      <c r="J6384" s="2" t="s">
        <v>69039</v>
      </c>
      <c r="K6384" s="5" t="s">
        <v>69038</v>
      </c>
      <c r="L6384" s="2" t="s">
        <v>69039</v>
      </c>
      <c r="M6384" s="5" t="s">
        <v>1521</v>
      </c>
      <c r="N6384" s="5" t="s">
        <v>38</v>
      </c>
      <c r="O6384" s="5" t="s">
        <v>39</v>
      </c>
      <c r="P6384" s="5" t="s">
        <v>40</v>
      </c>
      <c r="Q6384" s="5" t="s">
        <v>1522</v>
      </c>
      <c r="R6384" s="5" t="s">
        <v>1523</v>
      </c>
      <c r="S6384" s="5" t="s">
        <v>42</v>
      </c>
      <c r="T6384" s="2">
        <v>1.607</v>
      </c>
      <c r="U6384" s="2">
        <v>1.2829999999999999</v>
      </c>
      <c r="V6384" s="2">
        <v>10.6</v>
      </c>
      <c r="W6384" s="2">
        <v>118.9</v>
      </c>
      <c r="X6384" s="2">
        <v>7.6</v>
      </c>
      <c r="Y6384" s="2">
        <v>10.6</v>
      </c>
      <c r="Z6384" s="5"/>
      <c r="AA6384" s="5" t="s">
        <v>43</v>
      </c>
      <c r="AB6384" s="5" t="s">
        <v>44</v>
      </c>
      <c r="AC6384" s="2"/>
      <c r="AD6384" s="1"/>
    </row>
    <row r="6385" spans="1:30">
      <c r="A6385" s="5" t="s">
        <v>83578</v>
      </c>
      <c r="B6385" s="2" t="s">
        <v>103270</v>
      </c>
      <c r="C6385" s="14" t="s">
        <v>103271</v>
      </c>
      <c r="D6385" s="2" t="s">
        <v>103272</v>
      </c>
      <c r="E6385" s="2" t="s">
        <v>7547</v>
      </c>
      <c r="F6385" s="8">
        <v>159</v>
      </c>
      <c r="G6385" s="5">
        <v>6</v>
      </c>
      <c r="H6385" s="5" t="s">
        <v>1518</v>
      </c>
      <c r="I6385" s="5" t="s">
        <v>69038</v>
      </c>
      <c r="J6385" s="2" t="s">
        <v>69039</v>
      </c>
      <c r="K6385" s="5" t="s">
        <v>69038</v>
      </c>
      <c r="L6385" s="2" t="s">
        <v>69039</v>
      </c>
      <c r="M6385" s="5" t="s">
        <v>1521</v>
      </c>
      <c r="N6385" s="5" t="s">
        <v>38</v>
      </c>
      <c r="O6385" s="5" t="s">
        <v>39</v>
      </c>
      <c r="P6385" s="5" t="s">
        <v>40</v>
      </c>
      <c r="Q6385" s="5" t="s">
        <v>1522</v>
      </c>
      <c r="R6385" s="5" t="s">
        <v>1523</v>
      </c>
      <c r="S6385" s="5" t="s">
        <v>42</v>
      </c>
      <c r="T6385" s="2">
        <v>1.607</v>
      </c>
      <c r="U6385" s="2">
        <v>1.2829999999999999</v>
      </c>
      <c r="V6385" s="2">
        <v>10.6</v>
      </c>
      <c r="W6385" s="2">
        <v>118.9</v>
      </c>
      <c r="X6385" s="2">
        <v>7.6</v>
      </c>
      <c r="Y6385" s="2">
        <v>10.6</v>
      </c>
      <c r="Z6385" s="5"/>
      <c r="AA6385" s="5" t="s">
        <v>43</v>
      </c>
      <c r="AB6385" s="5" t="s">
        <v>44</v>
      </c>
      <c r="AC6385" s="2"/>
      <c r="AD6385" s="1"/>
    </row>
    <row r="6386" spans="1:30">
      <c r="A6386" s="5" t="s">
        <v>83578</v>
      </c>
      <c r="B6386" s="2" t="s">
        <v>103273</v>
      </c>
      <c r="C6386" s="14" t="s">
        <v>103274</v>
      </c>
      <c r="D6386" s="2" t="s">
        <v>103275</v>
      </c>
      <c r="E6386" s="2" t="s">
        <v>7551</v>
      </c>
      <c r="F6386" s="8">
        <v>159</v>
      </c>
      <c r="G6386" s="5">
        <v>6</v>
      </c>
      <c r="H6386" s="5" t="s">
        <v>1518</v>
      </c>
      <c r="I6386" s="5" t="s">
        <v>69038</v>
      </c>
      <c r="J6386" s="2" t="s">
        <v>69039</v>
      </c>
      <c r="K6386" s="5" t="s">
        <v>69038</v>
      </c>
      <c r="L6386" s="2" t="s">
        <v>69039</v>
      </c>
      <c r="M6386" s="5" t="s">
        <v>1521</v>
      </c>
      <c r="N6386" s="5" t="s">
        <v>38</v>
      </c>
      <c r="O6386" s="5" t="s">
        <v>39</v>
      </c>
      <c r="P6386" s="5" t="s">
        <v>40</v>
      </c>
      <c r="Q6386" s="5" t="s">
        <v>1522</v>
      </c>
      <c r="R6386" s="5" t="s">
        <v>1523</v>
      </c>
      <c r="S6386" s="5" t="s">
        <v>42</v>
      </c>
      <c r="T6386" s="2">
        <v>1.669</v>
      </c>
      <c r="U6386" s="2">
        <v>1.345</v>
      </c>
      <c r="V6386" s="2">
        <v>10.6</v>
      </c>
      <c r="W6386" s="2">
        <v>118.9</v>
      </c>
      <c r="X6386" s="2">
        <v>7.6</v>
      </c>
      <c r="Y6386" s="2">
        <v>10.6</v>
      </c>
      <c r="Z6386" s="5"/>
      <c r="AA6386" s="5" t="s">
        <v>43</v>
      </c>
      <c r="AB6386" s="5" t="s">
        <v>44</v>
      </c>
      <c r="AC6386" s="2"/>
      <c r="AD6386" s="1"/>
    </row>
    <row r="6387" spans="1:30">
      <c r="A6387" s="5" t="s">
        <v>83578</v>
      </c>
      <c r="B6387" s="2" t="s">
        <v>103276</v>
      </c>
      <c r="C6387" s="14" t="s">
        <v>103277</v>
      </c>
      <c r="D6387" s="2" t="s">
        <v>103278</v>
      </c>
      <c r="E6387" s="2" t="s">
        <v>7563</v>
      </c>
      <c r="F6387" s="8">
        <v>159</v>
      </c>
      <c r="G6387" s="5">
        <v>6</v>
      </c>
      <c r="H6387" s="5" t="s">
        <v>1518</v>
      </c>
      <c r="I6387" s="5" t="s">
        <v>69038</v>
      </c>
      <c r="J6387" s="2" t="s">
        <v>69039</v>
      </c>
      <c r="K6387" s="5" t="s">
        <v>69038</v>
      </c>
      <c r="L6387" s="2" t="s">
        <v>69039</v>
      </c>
      <c r="M6387" s="5" t="s">
        <v>1521</v>
      </c>
      <c r="N6387" s="5" t="s">
        <v>38</v>
      </c>
      <c r="O6387" s="5" t="s">
        <v>39</v>
      </c>
      <c r="P6387" s="5" t="s">
        <v>40</v>
      </c>
      <c r="Q6387" s="5" t="s">
        <v>1522</v>
      </c>
      <c r="R6387" s="5" t="s">
        <v>1523</v>
      </c>
      <c r="S6387" s="5" t="s">
        <v>42</v>
      </c>
      <c r="T6387" s="2">
        <v>1.607</v>
      </c>
      <c r="U6387" s="2">
        <v>1.2829999999999999</v>
      </c>
      <c r="V6387" s="2">
        <v>10.6</v>
      </c>
      <c r="W6387" s="2">
        <v>118.9</v>
      </c>
      <c r="X6387" s="2">
        <v>7.6</v>
      </c>
      <c r="Y6387" s="2">
        <v>10.6</v>
      </c>
      <c r="Z6387" s="5"/>
      <c r="AA6387" s="5" t="s">
        <v>43</v>
      </c>
      <c r="AB6387" s="5" t="s">
        <v>44</v>
      </c>
      <c r="AC6387" s="2"/>
      <c r="AD6387" s="1"/>
    </row>
    <row r="6388" spans="1:30">
      <c r="A6388" s="5" t="s">
        <v>83578</v>
      </c>
      <c r="B6388" s="2" t="s">
        <v>103279</v>
      </c>
      <c r="C6388" s="14" t="s">
        <v>103280</v>
      </c>
      <c r="D6388" s="2" t="s">
        <v>103281</v>
      </c>
      <c r="E6388" s="2" t="s">
        <v>7567</v>
      </c>
      <c r="F6388" s="8">
        <v>159</v>
      </c>
      <c r="G6388" s="5">
        <v>6</v>
      </c>
      <c r="H6388" s="5" t="s">
        <v>1518</v>
      </c>
      <c r="I6388" s="5" t="s">
        <v>69038</v>
      </c>
      <c r="J6388" s="2" t="s">
        <v>69039</v>
      </c>
      <c r="K6388" s="5" t="s">
        <v>69038</v>
      </c>
      <c r="L6388" s="2" t="s">
        <v>69039</v>
      </c>
      <c r="M6388" s="5" t="s">
        <v>1521</v>
      </c>
      <c r="N6388" s="5" t="s">
        <v>38</v>
      </c>
      <c r="O6388" s="5" t="s">
        <v>39</v>
      </c>
      <c r="P6388" s="5" t="s">
        <v>40</v>
      </c>
      <c r="Q6388" s="5" t="s">
        <v>1522</v>
      </c>
      <c r="R6388" s="5" t="s">
        <v>1523</v>
      </c>
      <c r="S6388" s="5" t="s">
        <v>42</v>
      </c>
      <c r="T6388" s="2">
        <v>1.669</v>
      </c>
      <c r="U6388" s="2">
        <v>1.345</v>
      </c>
      <c r="V6388" s="2">
        <v>10.6</v>
      </c>
      <c r="W6388" s="2">
        <v>118.9</v>
      </c>
      <c r="X6388" s="2">
        <v>7.6</v>
      </c>
      <c r="Y6388" s="2">
        <v>10.6</v>
      </c>
      <c r="Z6388" s="5"/>
      <c r="AA6388" s="5" t="s">
        <v>43</v>
      </c>
      <c r="AB6388" s="5" t="s">
        <v>44</v>
      </c>
      <c r="AC6388" s="2"/>
      <c r="AD6388" s="1"/>
    </row>
    <row r="6389" spans="1:30">
      <c r="A6389" s="5" t="s">
        <v>83578</v>
      </c>
      <c r="B6389" s="2" t="s">
        <v>103282</v>
      </c>
      <c r="C6389" s="14" t="s">
        <v>103283</v>
      </c>
      <c r="D6389" s="2" t="s">
        <v>103284</v>
      </c>
      <c r="E6389" s="2" t="s">
        <v>7555</v>
      </c>
      <c r="F6389" s="8">
        <v>159</v>
      </c>
      <c r="G6389" s="5">
        <v>6</v>
      </c>
      <c r="H6389" s="5" t="s">
        <v>1518</v>
      </c>
      <c r="I6389" s="5" t="s">
        <v>69038</v>
      </c>
      <c r="J6389" s="2" t="s">
        <v>69039</v>
      </c>
      <c r="K6389" s="5" t="s">
        <v>69038</v>
      </c>
      <c r="L6389" s="2" t="s">
        <v>69039</v>
      </c>
      <c r="M6389" s="5" t="s">
        <v>1521</v>
      </c>
      <c r="N6389" s="5" t="s">
        <v>38</v>
      </c>
      <c r="O6389" s="5" t="s">
        <v>39</v>
      </c>
      <c r="P6389" s="5" t="s">
        <v>40</v>
      </c>
      <c r="Q6389" s="5" t="s">
        <v>1522</v>
      </c>
      <c r="R6389" s="5" t="s">
        <v>1523</v>
      </c>
      <c r="S6389" s="5" t="s">
        <v>42</v>
      </c>
      <c r="T6389" s="2">
        <v>1.607</v>
      </c>
      <c r="U6389" s="2">
        <v>1.2829999999999999</v>
      </c>
      <c r="V6389" s="2">
        <v>10.6</v>
      </c>
      <c r="W6389" s="2">
        <v>118.9</v>
      </c>
      <c r="X6389" s="2">
        <v>7.6</v>
      </c>
      <c r="Y6389" s="2">
        <v>10.6</v>
      </c>
      <c r="Z6389" s="5"/>
      <c r="AA6389" s="5" t="s">
        <v>43</v>
      </c>
      <c r="AB6389" s="5" t="s">
        <v>44</v>
      </c>
      <c r="AC6389" s="2"/>
      <c r="AD6389" s="1"/>
    </row>
    <row r="6390" spans="1:30">
      <c r="A6390" s="5" t="s">
        <v>83578</v>
      </c>
      <c r="B6390" s="2" t="s">
        <v>103285</v>
      </c>
      <c r="C6390" s="14" t="s">
        <v>103286</v>
      </c>
      <c r="D6390" s="2" t="s">
        <v>103287</v>
      </c>
      <c r="E6390" s="2" t="s">
        <v>7559</v>
      </c>
      <c r="F6390" s="8">
        <v>159</v>
      </c>
      <c r="G6390" s="5">
        <v>6</v>
      </c>
      <c r="H6390" s="5" t="s">
        <v>1518</v>
      </c>
      <c r="I6390" s="5" t="s">
        <v>69038</v>
      </c>
      <c r="J6390" s="2" t="s">
        <v>69039</v>
      </c>
      <c r="K6390" s="5" t="s">
        <v>69038</v>
      </c>
      <c r="L6390" s="2" t="s">
        <v>69039</v>
      </c>
      <c r="M6390" s="5" t="s">
        <v>1521</v>
      </c>
      <c r="N6390" s="5" t="s">
        <v>38</v>
      </c>
      <c r="O6390" s="5" t="s">
        <v>39</v>
      </c>
      <c r="P6390" s="5" t="s">
        <v>40</v>
      </c>
      <c r="Q6390" s="5" t="s">
        <v>1522</v>
      </c>
      <c r="R6390" s="5" t="s">
        <v>1523</v>
      </c>
      <c r="S6390" s="5" t="s">
        <v>42</v>
      </c>
      <c r="T6390" s="2">
        <v>1.669</v>
      </c>
      <c r="U6390" s="2">
        <v>1.345</v>
      </c>
      <c r="V6390" s="2">
        <v>10.6</v>
      </c>
      <c r="W6390" s="2">
        <v>118.9</v>
      </c>
      <c r="X6390" s="2">
        <v>7.6</v>
      </c>
      <c r="Y6390" s="2">
        <v>10.6</v>
      </c>
      <c r="Z6390" s="5"/>
      <c r="AA6390" s="5" t="s">
        <v>43</v>
      </c>
      <c r="AB6390" s="5" t="s">
        <v>44</v>
      </c>
      <c r="AC6390" s="2"/>
      <c r="AD6390" s="1"/>
    </row>
    <row r="6391" spans="1:30">
      <c r="A6391" s="5" t="s">
        <v>83578</v>
      </c>
      <c r="B6391" s="2" t="s">
        <v>103288</v>
      </c>
      <c r="C6391" s="14" t="s">
        <v>103289</v>
      </c>
      <c r="D6391" s="2" t="s">
        <v>103290</v>
      </c>
      <c r="E6391" s="2" t="s">
        <v>7429</v>
      </c>
      <c r="F6391" s="8">
        <v>159</v>
      </c>
      <c r="G6391" s="5">
        <v>6</v>
      </c>
      <c r="H6391" s="5" t="s">
        <v>1518</v>
      </c>
      <c r="I6391" s="5" t="s">
        <v>69038</v>
      </c>
      <c r="J6391" s="2" t="s">
        <v>69039</v>
      </c>
      <c r="K6391" s="5" t="s">
        <v>69038</v>
      </c>
      <c r="L6391" s="2" t="s">
        <v>69039</v>
      </c>
      <c r="M6391" s="5" t="s">
        <v>1521</v>
      </c>
      <c r="N6391" s="5" t="s">
        <v>38</v>
      </c>
      <c r="O6391" s="5" t="s">
        <v>39</v>
      </c>
      <c r="P6391" s="5" t="s">
        <v>40</v>
      </c>
      <c r="Q6391" s="5" t="s">
        <v>1522</v>
      </c>
      <c r="R6391" s="5" t="s">
        <v>1523</v>
      </c>
      <c r="S6391" s="5" t="s">
        <v>42</v>
      </c>
      <c r="T6391" s="2">
        <v>1.607</v>
      </c>
      <c r="U6391" s="2">
        <v>1.2829999999999999</v>
      </c>
      <c r="V6391" s="2">
        <v>10.6</v>
      </c>
      <c r="W6391" s="2">
        <v>118.9</v>
      </c>
      <c r="X6391" s="2">
        <v>7.6</v>
      </c>
      <c r="Y6391" s="2">
        <v>10.6</v>
      </c>
      <c r="Z6391" s="5"/>
      <c r="AA6391" s="5" t="s">
        <v>43</v>
      </c>
      <c r="AB6391" s="5" t="s">
        <v>44</v>
      </c>
      <c r="AC6391" s="2"/>
      <c r="AD6391" s="1"/>
    </row>
    <row r="6392" spans="1:30">
      <c r="A6392" s="5" t="s">
        <v>83578</v>
      </c>
      <c r="B6392" s="2" t="s">
        <v>103291</v>
      </c>
      <c r="C6392" s="14" t="s">
        <v>103292</v>
      </c>
      <c r="D6392" s="2" t="s">
        <v>103293</v>
      </c>
      <c r="E6392" s="2" t="s">
        <v>7574</v>
      </c>
      <c r="F6392" s="8">
        <v>159</v>
      </c>
      <c r="G6392" s="5">
        <v>6</v>
      </c>
      <c r="H6392" s="5" t="s">
        <v>1518</v>
      </c>
      <c r="I6392" s="5" t="s">
        <v>69038</v>
      </c>
      <c r="J6392" s="2" t="s">
        <v>69039</v>
      </c>
      <c r="K6392" s="5" t="s">
        <v>69038</v>
      </c>
      <c r="L6392" s="2" t="s">
        <v>69039</v>
      </c>
      <c r="M6392" s="5" t="s">
        <v>1521</v>
      </c>
      <c r="N6392" s="5" t="s">
        <v>38</v>
      </c>
      <c r="O6392" s="5" t="s">
        <v>39</v>
      </c>
      <c r="P6392" s="5" t="s">
        <v>40</v>
      </c>
      <c r="Q6392" s="5" t="s">
        <v>1522</v>
      </c>
      <c r="R6392" s="5" t="s">
        <v>1523</v>
      </c>
      <c r="S6392" s="5" t="s">
        <v>42</v>
      </c>
      <c r="T6392" s="2">
        <v>1.669</v>
      </c>
      <c r="U6392" s="2">
        <v>1.345</v>
      </c>
      <c r="V6392" s="2">
        <v>10.6</v>
      </c>
      <c r="W6392" s="2">
        <v>118.9</v>
      </c>
      <c r="X6392" s="2">
        <v>7.6</v>
      </c>
      <c r="Y6392" s="2">
        <v>10.6</v>
      </c>
      <c r="Z6392" s="5"/>
      <c r="AA6392" s="5" t="s">
        <v>43</v>
      </c>
      <c r="AB6392" s="5" t="s">
        <v>44</v>
      </c>
      <c r="AC6392" s="2"/>
      <c r="AD6392" s="1"/>
    </row>
    <row r="6393" spans="1:30">
      <c r="A6393" s="5" t="s">
        <v>83578</v>
      </c>
      <c r="B6393" s="2" t="s">
        <v>103294</v>
      </c>
      <c r="C6393" s="14" t="s">
        <v>103295</v>
      </c>
      <c r="D6393" s="2" t="s">
        <v>103296</v>
      </c>
      <c r="E6393" s="2" t="s">
        <v>7449</v>
      </c>
      <c r="F6393" s="8">
        <v>159</v>
      </c>
      <c r="G6393" s="5">
        <v>6</v>
      </c>
      <c r="H6393" s="5" t="s">
        <v>1518</v>
      </c>
      <c r="I6393" s="5" t="s">
        <v>69038</v>
      </c>
      <c r="J6393" s="2" t="s">
        <v>69039</v>
      </c>
      <c r="K6393" s="5" t="s">
        <v>69038</v>
      </c>
      <c r="L6393" s="2" t="s">
        <v>69039</v>
      </c>
      <c r="M6393" s="5" t="s">
        <v>1521</v>
      </c>
      <c r="N6393" s="5" t="s">
        <v>38</v>
      </c>
      <c r="O6393" s="5" t="s">
        <v>39</v>
      </c>
      <c r="P6393" s="5" t="s">
        <v>40</v>
      </c>
      <c r="Q6393" s="5" t="s">
        <v>1522</v>
      </c>
      <c r="R6393" s="5" t="s">
        <v>1523</v>
      </c>
      <c r="S6393" s="5" t="s">
        <v>42</v>
      </c>
      <c r="T6393" s="2">
        <v>1.607</v>
      </c>
      <c r="U6393" s="2">
        <v>1.2829999999999999</v>
      </c>
      <c r="V6393" s="2">
        <v>10.6</v>
      </c>
      <c r="W6393" s="2">
        <v>118.9</v>
      </c>
      <c r="X6393" s="2">
        <v>7.6</v>
      </c>
      <c r="Y6393" s="2">
        <v>10.6</v>
      </c>
      <c r="Z6393" s="5"/>
      <c r="AA6393" s="5" t="s">
        <v>43</v>
      </c>
      <c r="AB6393" s="5" t="s">
        <v>44</v>
      </c>
      <c r="AC6393" s="2"/>
      <c r="AD6393" s="1"/>
    </row>
    <row r="6394" spans="1:30">
      <c r="A6394" s="5" t="s">
        <v>83578</v>
      </c>
      <c r="B6394" s="2" t="s">
        <v>103297</v>
      </c>
      <c r="C6394" s="14" t="s">
        <v>103298</v>
      </c>
      <c r="D6394" s="2" t="s">
        <v>103299</v>
      </c>
      <c r="E6394" s="2" t="s">
        <v>7581</v>
      </c>
      <c r="F6394" s="8">
        <v>159</v>
      </c>
      <c r="G6394" s="5">
        <v>6</v>
      </c>
      <c r="H6394" s="5" t="s">
        <v>1518</v>
      </c>
      <c r="I6394" s="5" t="s">
        <v>69038</v>
      </c>
      <c r="J6394" s="2" t="s">
        <v>69039</v>
      </c>
      <c r="K6394" s="5" t="s">
        <v>69038</v>
      </c>
      <c r="L6394" s="2" t="s">
        <v>69039</v>
      </c>
      <c r="M6394" s="5" t="s">
        <v>1521</v>
      </c>
      <c r="N6394" s="5" t="s">
        <v>38</v>
      </c>
      <c r="O6394" s="5" t="s">
        <v>39</v>
      </c>
      <c r="P6394" s="5" t="s">
        <v>40</v>
      </c>
      <c r="Q6394" s="5" t="s">
        <v>1522</v>
      </c>
      <c r="R6394" s="5" t="s">
        <v>1523</v>
      </c>
      <c r="S6394" s="5" t="s">
        <v>42</v>
      </c>
      <c r="T6394" s="2">
        <v>1.669</v>
      </c>
      <c r="U6394" s="2">
        <v>1.345</v>
      </c>
      <c r="V6394" s="2">
        <v>10.6</v>
      </c>
      <c r="W6394" s="2">
        <v>118.9</v>
      </c>
      <c r="X6394" s="2">
        <v>7.6</v>
      </c>
      <c r="Y6394" s="2">
        <v>10.6</v>
      </c>
      <c r="Z6394" s="5"/>
      <c r="AA6394" s="5" t="s">
        <v>43</v>
      </c>
      <c r="AB6394" s="5" t="s">
        <v>44</v>
      </c>
      <c r="AC6394" s="2"/>
      <c r="AD6394" s="1"/>
    </row>
    <row r="6395" spans="1:30">
      <c r="A6395" s="5" t="s">
        <v>83578</v>
      </c>
      <c r="B6395" s="2" t="s">
        <v>103300</v>
      </c>
      <c r="C6395" s="14" t="s">
        <v>103301</v>
      </c>
      <c r="D6395" s="2" t="s">
        <v>103302</v>
      </c>
      <c r="E6395" s="2" t="s">
        <v>7585</v>
      </c>
      <c r="F6395" s="8">
        <v>159</v>
      </c>
      <c r="G6395" s="5">
        <v>6</v>
      </c>
      <c r="H6395" s="5" t="s">
        <v>1518</v>
      </c>
      <c r="I6395" s="5" t="s">
        <v>69038</v>
      </c>
      <c r="J6395" s="2" t="s">
        <v>69039</v>
      </c>
      <c r="K6395" s="5" t="s">
        <v>69038</v>
      </c>
      <c r="L6395" s="2" t="s">
        <v>69039</v>
      </c>
      <c r="M6395" s="5" t="s">
        <v>1521</v>
      </c>
      <c r="N6395" s="5" t="s">
        <v>38</v>
      </c>
      <c r="O6395" s="5" t="s">
        <v>39</v>
      </c>
      <c r="P6395" s="5" t="s">
        <v>40</v>
      </c>
      <c r="Q6395" s="5" t="s">
        <v>1522</v>
      </c>
      <c r="R6395" s="5" t="s">
        <v>1523</v>
      </c>
      <c r="S6395" s="5" t="s">
        <v>42</v>
      </c>
      <c r="T6395" s="2">
        <v>1.607</v>
      </c>
      <c r="U6395" s="2">
        <v>1.2829999999999999</v>
      </c>
      <c r="V6395" s="2">
        <v>10.6</v>
      </c>
      <c r="W6395" s="2">
        <v>118.9</v>
      </c>
      <c r="X6395" s="2">
        <v>7.6</v>
      </c>
      <c r="Y6395" s="2">
        <v>10.6</v>
      </c>
      <c r="Z6395" s="5"/>
      <c r="AA6395" s="5" t="s">
        <v>43</v>
      </c>
      <c r="AB6395" s="5" t="s">
        <v>44</v>
      </c>
      <c r="AC6395" s="2"/>
      <c r="AD6395" s="1"/>
    </row>
    <row r="6396" spans="1:30">
      <c r="A6396" s="5" t="s">
        <v>83578</v>
      </c>
      <c r="B6396" s="2" t="s">
        <v>103303</v>
      </c>
      <c r="C6396" s="14" t="s">
        <v>103304</v>
      </c>
      <c r="D6396" s="2" t="s">
        <v>103305</v>
      </c>
      <c r="E6396" s="2" t="s">
        <v>7589</v>
      </c>
      <c r="F6396" s="8">
        <v>159</v>
      </c>
      <c r="G6396" s="5">
        <v>6</v>
      </c>
      <c r="H6396" s="5" t="s">
        <v>1518</v>
      </c>
      <c r="I6396" s="5" t="s">
        <v>69038</v>
      </c>
      <c r="J6396" s="2" t="s">
        <v>69039</v>
      </c>
      <c r="K6396" s="5" t="s">
        <v>69038</v>
      </c>
      <c r="L6396" s="2" t="s">
        <v>69039</v>
      </c>
      <c r="M6396" s="5" t="s">
        <v>1521</v>
      </c>
      <c r="N6396" s="5" t="s">
        <v>38</v>
      </c>
      <c r="O6396" s="5" t="s">
        <v>39</v>
      </c>
      <c r="P6396" s="5" t="s">
        <v>40</v>
      </c>
      <c r="Q6396" s="5" t="s">
        <v>1522</v>
      </c>
      <c r="R6396" s="5" t="s">
        <v>1523</v>
      </c>
      <c r="S6396" s="5" t="s">
        <v>42</v>
      </c>
      <c r="T6396" s="2">
        <v>1.669</v>
      </c>
      <c r="U6396" s="2">
        <v>1.345</v>
      </c>
      <c r="V6396" s="2">
        <v>10.6</v>
      </c>
      <c r="W6396" s="2">
        <v>118.9</v>
      </c>
      <c r="X6396" s="2">
        <v>7.6</v>
      </c>
      <c r="Y6396" s="2">
        <v>10.6</v>
      </c>
      <c r="Z6396" s="5"/>
      <c r="AA6396" s="5" t="s">
        <v>43</v>
      </c>
      <c r="AB6396" s="5" t="s">
        <v>44</v>
      </c>
      <c r="AC6396" s="2"/>
      <c r="AD6396" s="1"/>
    </row>
    <row r="6397" spans="1:30">
      <c r="A6397" s="5" t="s">
        <v>83578</v>
      </c>
      <c r="B6397" s="2" t="s">
        <v>103306</v>
      </c>
      <c r="C6397" s="14" t="s">
        <v>103307</v>
      </c>
      <c r="D6397" s="2" t="s">
        <v>103308</v>
      </c>
      <c r="E6397" s="2" t="s">
        <v>7593</v>
      </c>
      <c r="F6397" s="8">
        <v>159</v>
      </c>
      <c r="G6397" s="5">
        <v>6</v>
      </c>
      <c r="H6397" s="5" t="s">
        <v>1518</v>
      </c>
      <c r="I6397" s="5" t="s">
        <v>69038</v>
      </c>
      <c r="J6397" s="2" t="s">
        <v>69039</v>
      </c>
      <c r="K6397" s="5" t="s">
        <v>69038</v>
      </c>
      <c r="L6397" s="2" t="s">
        <v>69039</v>
      </c>
      <c r="M6397" s="5" t="s">
        <v>1521</v>
      </c>
      <c r="N6397" s="5" t="s">
        <v>38</v>
      </c>
      <c r="O6397" s="5" t="s">
        <v>39</v>
      </c>
      <c r="P6397" s="5" t="s">
        <v>40</v>
      </c>
      <c r="Q6397" s="5" t="s">
        <v>1522</v>
      </c>
      <c r="R6397" s="5" t="s">
        <v>1523</v>
      </c>
      <c r="S6397" s="5" t="s">
        <v>42</v>
      </c>
      <c r="T6397" s="2">
        <v>1.607</v>
      </c>
      <c r="U6397" s="2">
        <v>1.2829999999999999</v>
      </c>
      <c r="V6397" s="2">
        <v>10.6</v>
      </c>
      <c r="W6397" s="2">
        <v>118.9</v>
      </c>
      <c r="X6397" s="2">
        <v>7.6</v>
      </c>
      <c r="Y6397" s="2">
        <v>10.6</v>
      </c>
      <c r="Z6397" s="5"/>
      <c r="AA6397" s="5" t="s">
        <v>43</v>
      </c>
      <c r="AB6397" s="5" t="s">
        <v>44</v>
      </c>
      <c r="AC6397" s="2"/>
      <c r="AD6397" s="1"/>
    </row>
    <row r="6398" spans="1:30">
      <c r="A6398" s="5" t="s">
        <v>83578</v>
      </c>
      <c r="B6398" s="2" t="s">
        <v>103309</v>
      </c>
      <c r="C6398" s="14" t="s">
        <v>103310</v>
      </c>
      <c r="D6398" s="2" t="s">
        <v>103311</v>
      </c>
      <c r="E6398" s="2" t="s">
        <v>7597</v>
      </c>
      <c r="F6398" s="8">
        <v>159</v>
      </c>
      <c r="G6398" s="5">
        <v>6</v>
      </c>
      <c r="H6398" s="5" t="s">
        <v>1518</v>
      </c>
      <c r="I6398" s="5" t="s">
        <v>69038</v>
      </c>
      <c r="J6398" s="2" t="s">
        <v>69039</v>
      </c>
      <c r="K6398" s="5" t="s">
        <v>69038</v>
      </c>
      <c r="L6398" s="2" t="s">
        <v>69039</v>
      </c>
      <c r="M6398" s="5" t="s">
        <v>1521</v>
      </c>
      <c r="N6398" s="5" t="s">
        <v>38</v>
      </c>
      <c r="O6398" s="5" t="s">
        <v>39</v>
      </c>
      <c r="P6398" s="5" t="s">
        <v>40</v>
      </c>
      <c r="Q6398" s="5" t="s">
        <v>1522</v>
      </c>
      <c r="R6398" s="5" t="s">
        <v>1523</v>
      </c>
      <c r="S6398" s="5" t="s">
        <v>42</v>
      </c>
      <c r="T6398" s="2">
        <v>1.669</v>
      </c>
      <c r="U6398" s="2">
        <v>1.345</v>
      </c>
      <c r="V6398" s="2">
        <v>10.6</v>
      </c>
      <c r="W6398" s="2">
        <v>118.9</v>
      </c>
      <c r="X6398" s="2">
        <v>7.6</v>
      </c>
      <c r="Y6398" s="2">
        <v>10.6</v>
      </c>
      <c r="Z6398" s="5"/>
      <c r="AA6398" s="5" t="s">
        <v>43</v>
      </c>
      <c r="AB6398" s="5" t="s">
        <v>44</v>
      </c>
      <c r="AC6398" s="2"/>
      <c r="AD6398" s="1"/>
    </row>
    <row r="6399" spans="1:30">
      <c r="A6399" s="5" t="s">
        <v>83578</v>
      </c>
      <c r="B6399" s="2" t="s">
        <v>103312</v>
      </c>
      <c r="C6399" s="14" t="s">
        <v>103313</v>
      </c>
      <c r="D6399" s="2" t="s">
        <v>103314</v>
      </c>
      <c r="E6399" s="2" t="s">
        <v>7433</v>
      </c>
      <c r="F6399" s="8">
        <v>159</v>
      </c>
      <c r="G6399" s="5">
        <v>6</v>
      </c>
      <c r="H6399" s="5" t="s">
        <v>1518</v>
      </c>
      <c r="I6399" s="5" t="s">
        <v>69038</v>
      </c>
      <c r="J6399" s="2" t="s">
        <v>69039</v>
      </c>
      <c r="K6399" s="5" t="s">
        <v>69038</v>
      </c>
      <c r="L6399" s="2" t="s">
        <v>69039</v>
      </c>
      <c r="M6399" s="5" t="s">
        <v>1521</v>
      </c>
      <c r="N6399" s="5" t="s">
        <v>38</v>
      </c>
      <c r="O6399" s="5" t="s">
        <v>39</v>
      </c>
      <c r="P6399" s="5" t="s">
        <v>40</v>
      </c>
      <c r="Q6399" s="5" t="s">
        <v>1522</v>
      </c>
      <c r="R6399" s="5" t="s">
        <v>1523</v>
      </c>
      <c r="S6399" s="5" t="s">
        <v>42</v>
      </c>
      <c r="T6399" s="2">
        <v>1.607</v>
      </c>
      <c r="U6399" s="2">
        <v>1.2829999999999999</v>
      </c>
      <c r="V6399" s="2">
        <v>10.6</v>
      </c>
      <c r="W6399" s="2">
        <v>118.9</v>
      </c>
      <c r="X6399" s="2">
        <v>7.6</v>
      </c>
      <c r="Y6399" s="2">
        <v>10.6</v>
      </c>
      <c r="Z6399" s="5"/>
      <c r="AA6399" s="5" t="s">
        <v>43</v>
      </c>
      <c r="AB6399" s="5" t="s">
        <v>44</v>
      </c>
      <c r="AC6399" s="2"/>
      <c r="AD6399" s="1"/>
    </row>
    <row r="6400" spans="1:30">
      <c r="A6400" s="5" t="s">
        <v>83578</v>
      </c>
      <c r="B6400" s="2" t="s">
        <v>103315</v>
      </c>
      <c r="C6400" s="14" t="s">
        <v>103316</v>
      </c>
      <c r="D6400" s="2" t="s">
        <v>103317</v>
      </c>
      <c r="E6400" s="2" t="s">
        <v>7611</v>
      </c>
      <c r="F6400" s="8">
        <v>159</v>
      </c>
      <c r="G6400" s="5">
        <v>6</v>
      </c>
      <c r="H6400" s="5" t="s">
        <v>1518</v>
      </c>
      <c r="I6400" s="5" t="s">
        <v>69038</v>
      </c>
      <c r="J6400" s="2" t="s">
        <v>69039</v>
      </c>
      <c r="K6400" s="5" t="s">
        <v>69038</v>
      </c>
      <c r="L6400" s="2" t="s">
        <v>69039</v>
      </c>
      <c r="M6400" s="5" t="s">
        <v>1521</v>
      </c>
      <c r="N6400" s="5" t="s">
        <v>38</v>
      </c>
      <c r="O6400" s="5" t="s">
        <v>39</v>
      </c>
      <c r="P6400" s="5" t="s">
        <v>40</v>
      </c>
      <c r="Q6400" s="5" t="s">
        <v>1522</v>
      </c>
      <c r="R6400" s="5" t="s">
        <v>1523</v>
      </c>
      <c r="S6400" s="5" t="s">
        <v>42</v>
      </c>
      <c r="T6400" s="2">
        <v>1.669</v>
      </c>
      <c r="U6400" s="2">
        <v>1.345</v>
      </c>
      <c r="V6400" s="2">
        <v>10.6</v>
      </c>
      <c r="W6400" s="2">
        <v>118.9</v>
      </c>
      <c r="X6400" s="2">
        <v>7.6</v>
      </c>
      <c r="Y6400" s="2">
        <v>10.6</v>
      </c>
      <c r="Z6400" s="5"/>
      <c r="AA6400" s="5" t="s">
        <v>43</v>
      </c>
      <c r="AB6400" s="5" t="s">
        <v>44</v>
      </c>
      <c r="AC6400" s="2"/>
      <c r="AD6400" s="1"/>
    </row>
    <row r="6401" spans="1:30">
      <c r="A6401" s="5" t="s">
        <v>83578</v>
      </c>
      <c r="B6401" s="2" t="s">
        <v>103318</v>
      </c>
      <c r="C6401" s="14" t="s">
        <v>103319</v>
      </c>
      <c r="D6401" s="2" t="s">
        <v>103320</v>
      </c>
      <c r="E6401" s="2" t="s">
        <v>7615</v>
      </c>
      <c r="F6401" s="8">
        <v>159</v>
      </c>
      <c r="G6401" s="5">
        <v>6</v>
      </c>
      <c r="H6401" s="5" t="s">
        <v>1518</v>
      </c>
      <c r="I6401" s="5" t="s">
        <v>69038</v>
      </c>
      <c r="J6401" s="2" t="s">
        <v>69039</v>
      </c>
      <c r="K6401" s="5" t="s">
        <v>69038</v>
      </c>
      <c r="L6401" s="2" t="s">
        <v>69039</v>
      </c>
      <c r="M6401" s="5" t="s">
        <v>1521</v>
      </c>
      <c r="N6401" s="5" t="s">
        <v>38</v>
      </c>
      <c r="O6401" s="5" t="s">
        <v>39</v>
      </c>
      <c r="P6401" s="5" t="s">
        <v>40</v>
      </c>
      <c r="Q6401" s="5" t="s">
        <v>1522</v>
      </c>
      <c r="R6401" s="5" t="s">
        <v>1523</v>
      </c>
      <c r="S6401" s="5" t="s">
        <v>42</v>
      </c>
      <c r="T6401" s="2">
        <v>1.607</v>
      </c>
      <c r="U6401" s="2">
        <v>1.2829999999999999</v>
      </c>
      <c r="V6401" s="2">
        <v>10.6</v>
      </c>
      <c r="W6401" s="2">
        <v>118.9</v>
      </c>
      <c r="X6401" s="2">
        <v>7.6</v>
      </c>
      <c r="Y6401" s="2">
        <v>10.6</v>
      </c>
      <c r="Z6401" s="5"/>
      <c r="AA6401" s="5" t="s">
        <v>43</v>
      </c>
      <c r="AB6401" s="5" t="s">
        <v>44</v>
      </c>
      <c r="AC6401" s="2"/>
      <c r="AD6401" s="1"/>
    </row>
    <row r="6402" spans="1:30">
      <c r="A6402" s="5" t="s">
        <v>83578</v>
      </c>
      <c r="B6402" s="2" t="s">
        <v>103321</v>
      </c>
      <c r="C6402" s="14" t="s">
        <v>103322</v>
      </c>
      <c r="D6402" s="2" t="s">
        <v>103323</v>
      </c>
      <c r="E6402" s="2" t="s">
        <v>7619</v>
      </c>
      <c r="F6402" s="8">
        <v>159</v>
      </c>
      <c r="G6402" s="5">
        <v>6</v>
      </c>
      <c r="H6402" s="5" t="s">
        <v>1518</v>
      </c>
      <c r="I6402" s="5" t="s">
        <v>69038</v>
      </c>
      <c r="J6402" s="2" t="s">
        <v>69039</v>
      </c>
      <c r="K6402" s="5" t="s">
        <v>69038</v>
      </c>
      <c r="L6402" s="2" t="s">
        <v>69039</v>
      </c>
      <c r="M6402" s="5" t="s">
        <v>1521</v>
      </c>
      <c r="N6402" s="5" t="s">
        <v>38</v>
      </c>
      <c r="O6402" s="5" t="s">
        <v>39</v>
      </c>
      <c r="P6402" s="5" t="s">
        <v>40</v>
      </c>
      <c r="Q6402" s="5" t="s">
        <v>1522</v>
      </c>
      <c r="R6402" s="5" t="s">
        <v>1523</v>
      </c>
      <c r="S6402" s="5" t="s">
        <v>42</v>
      </c>
      <c r="T6402" s="2">
        <v>1.669</v>
      </c>
      <c r="U6402" s="2">
        <v>1.345</v>
      </c>
      <c r="V6402" s="2">
        <v>10.6</v>
      </c>
      <c r="W6402" s="2">
        <v>118.9</v>
      </c>
      <c r="X6402" s="2">
        <v>7.6</v>
      </c>
      <c r="Y6402" s="2">
        <v>10.6</v>
      </c>
      <c r="Z6402" s="5"/>
      <c r="AA6402" s="5" t="s">
        <v>43</v>
      </c>
      <c r="AB6402" s="5" t="s">
        <v>44</v>
      </c>
      <c r="AC6402" s="2"/>
      <c r="AD6402" s="1"/>
    </row>
    <row r="6403" spans="1:30">
      <c r="A6403" s="5" t="s">
        <v>83578</v>
      </c>
      <c r="B6403" s="2" t="s">
        <v>103324</v>
      </c>
      <c r="C6403" s="14" t="s">
        <v>103325</v>
      </c>
      <c r="D6403" s="2" t="s">
        <v>103326</v>
      </c>
      <c r="E6403" s="2" t="s">
        <v>7410</v>
      </c>
      <c r="F6403" s="8">
        <v>159</v>
      </c>
      <c r="G6403" s="5">
        <v>6</v>
      </c>
      <c r="H6403" s="5" t="s">
        <v>1518</v>
      </c>
      <c r="I6403" s="5" t="s">
        <v>69038</v>
      </c>
      <c r="J6403" s="2" t="s">
        <v>69039</v>
      </c>
      <c r="K6403" s="5" t="s">
        <v>69038</v>
      </c>
      <c r="L6403" s="2" t="s">
        <v>69039</v>
      </c>
      <c r="M6403" s="5" t="s">
        <v>1521</v>
      </c>
      <c r="N6403" s="5" t="s">
        <v>38</v>
      </c>
      <c r="O6403" s="5" t="s">
        <v>39</v>
      </c>
      <c r="P6403" s="5" t="s">
        <v>40</v>
      </c>
      <c r="Q6403" s="5" t="s">
        <v>1522</v>
      </c>
      <c r="R6403" s="5" t="s">
        <v>1523</v>
      </c>
      <c r="S6403" s="5" t="s">
        <v>42</v>
      </c>
      <c r="T6403" s="2">
        <v>1.607</v>
      </c>
      <c r="U6403" s="2">
        <v>1.2829999999999999</v>
      </c>
      <c r="V6403" s="2">
        <v>10.6</v>
      </c>
      <c r="W6403" s="2">
        <v>118.9</v>
      </c>
      <c r="X6403" s="2">
        <v>7.6</v>
      </c>
      <c r="Y6403" s="2">
        <v>10.6</v>
      </c>
      <c r="Z6403" s="5"/>
      <c r="AA6403" s="5" t="s">
        <v>43</v>
      </c>
      <c r="AB6403" s="5" t="s">
        <v>44</v>
      </c>
      <c r="AC6403" s="2"/>
      <c r="AD6403" s="1"/>
    </row>
    <row r="6404" spans="1:30">
      <c r="A6404" s="5" t="s">
        <v>83578</v>
      </c>
      <c r="B6404" s="2" t="s">
        <v>103327</v>
      </c>
      <c r="C6404" s="14" t="s">
        <v>103328</v>
      </c>
      <c r="D6404" s="2" t="s">
        <v>103329</v>
      </c>
      <c r="E6404" s="2" t="s">
        <v>7604</v>
      </c>
      <c r="F6404" s="8">
        <v>159</v>
      </c>
      <c r="G6404" s="5">
        <v>6</v>
      </c>
      <c r="H6404" s="5" t="s">
        <v>1518</v>
      </c>
      <c r="I6404" s="5" t="s">
        <v>69038</v>
      </c>
      <c r="J6404" s="2" t="s">
        <v>69039</v>
      </c>
      <c r="K6404" s="5" t="s">
        <v>69038</v>
      </c>
      <c r="L6404" s="2" t="s">
        <v>69039</v>
      </c>
      <c r="M6404" s="5" t="s">
        <v>1521</v>
      </c>
      <c r="N6404" s="5" t="s">
        <v>38</v>
      </c>
      <c r="O6404" s="5" t="s">
        <v>39</v>
      </c>
      <c r="P6404" s="5" t="s">
        <v>40</v>
      </c>
      <c r="Q6404" s="5" t="s">
        <v>1522</v>
      </c>
      <c r="R6404" s="5" t="s">
        <v>1523</v>
      </c>
      <c r="S6404" s="5" t="s">
        <v>42</v>
      </c>
      <c r="T6404" s="2">
        <v>1.669</v>
      </c>
      <c r="U6404" s="2">
        <v>1.345</v>
      </c>
      <c r="V6404" s="2">
        <v>10.6</v>
      </c>
      <c r="W6404" s="2">
        <v>118.9</v>
      </c>
      <c r="X6404" s="2">
        <v>7.6</v>
      </c>
      <c r="Y6404" s="2">
        <v>10.6</v>
      </c>
      <c r="Z6404" s="5"/>
      <c r="AA6404" s="5" t="s">
        <v>43</v>
      </c>
      <c r="AB6404" s="5" t="s">
        <v>44</v>
      </c>
      <c r="AC6404" s="2"/>
      <c r="AD6404" s="1"/>
    </row>
    <row r="6405" spans="1:30">
      <c r="A6405" s="5" t="s">
        <v>83578</v>
      </c>
      <c r="B6405" s="2" t="s">
        <v>103330</v>
      </c>
      <c r="C6405" s="14" t="s">
        <v>103331</v>
      </c>
      <c r="D6405" s="2" t="s">
        <v>103332</v>
      </c>
      <c r="E6405" s="2" t="s">
        <v>7212</v>
      </c>
      <c r="F6405" s="8">
        <v>138</v>
      </c>
      <c r="G6405" s="5">
        <v>6</v>
      </c>
      <c r="H6405" s="5" t="s">
        <v>1518</v>
      </c>
      <c r="I6405" s="5" t="s">
        <v>69038</v>
      </c>
      <c r="J6405" s="2" t="s">
        <v>69039</v>
      </c>
      <c r="K6405" s="5" t="s">
        <v>69038</v>
      </c>
      <c r="L6405" s="2" t="s">
        <v>69039</v>
      </c>
      <c r="M6405" s="5" t="s">
        <v>1521</v>
      </c>
      <c r="N6405" s="5" t="s">
        <v>38</v>
      </c>
      <c r="O6405" s="5" t="s">
        <v>39</v>
      </c>
      <c r="P6405" s="5" t="s">
        <v>40</v>
      </c>
      <c r="Q6405" s="5" t="s">
        <v>1522</v>
      </c>
      <c r="R6405" s="5" t="s">
        <v>1523</v>
      </c>
      <c r="S6405" s="5" t="s">
        <v>42</v>
      </c>
      <c r="T6405" s="2">
        <v>1.607</v>
      </c>
      <c r="U6405" s="2">
        <v>1.2829999999999999</v>
      </c>
      <c r="V6405" s="2">
        <v>10.6</v>
      </c>
      <c r="W6405" s="2">
        <v>118.9</v>
      </c>
      <c r="X6405" s="2">
        <v>7.6</v>
      </c>
      <c r="Y6405" s="2">
        <v>10.6</v>
      </c>
      <c r="Z6405" s="5"/>
      <c r="AA6405" s="5" t="s">
        <v>43</v>
      </c>
      <c r="AB6405" s="5" t="s">
        <v>44</v>
      </c>
      <c r="AC6405" s="2"/>
      <c r="AD6405" s="1"/>
    </row>
    <row r="6406" spans="1:30">
      <c r="A6406" s="5" t="s">
        <v>83578</v>
      </c>
      <c r="B6406" s="2" t="s">
        <v>103333</v>
      </c>
      <c r="C6406" s="14" t="s">
        <v>103334</v>
      </c>
      <c r="D6406" s="2" t="s">
        <v>103335</v>
      </c>
      <c r="E6406" s="2" t="s">
        <v>7528</v>
      </c>
      <c r="F6406" s="8">
        <v>138</v>
      </c>
      <c r="G6406" s="5">
        <v>6</v>
      </c>
      <c r="H6406" s="5" t="s">
        <v>1518</v>
      </c>
      <c r="I6406" s="5" t="s">
        <v>69038</v>
      </c>
      <c r="J6406" s="2" t="s">
        <v>69039</v>
      </c>
      <c r="K6406" s="5" t="s">
        <v>69038</v>
      </c>
      <c r="L6406" s="2" t="s">
        <v>69039</v>
      </c>
      <c r="M6406" s="5" t="s">
        <v>1521</v>
      </c>
      <c r="N6406" s="5" t="s">
        <v>38</v>
      </c>
      <c r="O6406" s="5" t="s">
        <v>39</v>
      </c>
      <c r="P6406" s="5" t="s">
        <v>40</v>
      </c>
      <c r="Q6406" s="5" t="s">
        <v>1522</v>
      </c>
      <c r="R6406" s="5" t="s">
        <v>1523</v>
      </c>
      <c r="S6406" s="5" t="s">
        <v>42</v>
      </c>
      <c r="T6406" s="2">
        <v>1.669</v>
      </c>
      <c r="U6406" s="2">
        <v>1.345</v>
      </c>
      <c r="V6406" s="2">
        <v>10.6</v>
      </c>
      <c r="W6406" s="2">
        <v>118.9</v>
      </c>
      <c r="X6406" s="2">
        <v>7.6</v>
      </c>
      <c r="Y6406" s="2">
        <v>10.6</v>
      </c>
      <c r="Z6406" s="5"/>
      <c r="AA6406" s="5" t="s">
        <v>43</v>
      </c>
      <c r="AB6406" s="5" t="s">
        <v>44</v>
      </c>
      <c r="AC6406" s="2"/>
      <c r="AD6406" s="1"/>
    </row>
    <row r="6407" spans="1:30">
      <c r="A6407" s="5" t="s">
        <v>83578</v>
      </c>
      <c r="B6407" s="2" t="s">
        <v>103336</v>
      </c>
      <c r="C6407" s="14" t="s">
        <v>103337</v>
      </c>
      <c r="D6407" s="2" t="s">
        <v>103338</v>
      </c>
      <c r="E6407" s="2" t="s">
        <v>7551</v>
      </c>
      <c r="F6407" s="8">
        <v>159</v>
      </c>
      <c r="G6407" s="5">
        <v>6</v>
      </c>
      <c r="H6407" s="5" t="s">
        <v>1518</v>
      </c>
      <c r="I6407" s="5" t="s">
        <v>69038</v>
      </c>
      <c r="J6407" s="2" t="s">
        <v>69039</v>
      </c>
      <c r="K6407" s="5" t="s">
        <v>69038</v>
      </c>
      <c r="L6407" s="2" t="s">
        <v>69039</v>
      </c>
      <c r="M6407" s="5" t="s">
        <v>1521</v>
      </c>
      <c r="N6407" s="5" t="s">
        <v>38</v>
      </c>
      <c r="O6407" s="5" t="s">
        <v>39</v>
      </c>
      <c r="P6407" s="5" t="s">
        <v>40</v>
      </c>
      <c r="Q6407" s="5" t="s">
        <v>1522</v>
      </c>
      <c r="R6407" s="5" t="s">
        <v>1523</v>
      </c>
      <c r="S6407" s="5" t="s">
        <v>42</v>
      </c>
      <c r="T6407" s="2">
        <v>1.7949999999999999</v>
      </c>
      <c r="U6407" s="2">
        <v>1.4710000000000001</v>
      </c>
      <c r="V6407" s="2">
        <v>10.6</v>
      </c>
      <c r="W6407" s="2">
        <v>118.9</v>
      </c>
      <c r="X6407" s="2">
        <v>7.6</v>
      </c>
      <c r="Y6407" s="2">
        <v>10.6</v>
      </c>
      <c r="Z6407" s="5"/>
      <c r="AA6407" s="5" t="s">
        <v>43</v>
      </c>
      <c r="AB6407" s="5" t="s">
        <v>44</v>
      </c>
      <c r="AC6407" s="2"/>
      <c r="AD6407" s="1"/>
    </row>
    <row r="6408" spans="1:30">
      <c r="A6408" s="5" t="s">
        <v>83578</v>
      </c>
      <c r="B6408" s="2" t="s">
        <v>103339</v>
      </c>
      <c r="C6408" s="14" t="s">
        <v>103340</v>
      </c>
      <c r="D6408" s="2" t="s">
        <v>103341</v>
      </c>
      <c r="E6408" s="2" t="s">
        <v>7574</v>
      </c>
      <c r="F6408" s="8">
        <v>159</v>
      </c>
      <c r="G6408" s="5">
        <v>6</v>
      </c>
      <c r="H6408" s="5" t="s">
        <v>1518</v>
      </c>
      <c r="I6408" s="5" t="s">
        <v>69038</v>
      </c>
      <c r="J6408" s="2" t="s">
        <v>69039</v>
      </c>
      <c r="K6408" s="5" t="s">
        <v>69038</v>
      </c>
      <c r="L6408" s="2" t="s">
        <v>69039</v>
      </c>
      <c r="M6408" s="5" t="s">
        <v>1521</v>
      </c>
      <c r="N6408" s="5" t="s">
        <v>38</v>
      </c>
      <c r="O6408" s="5" t="s">
        <v>39</v>
      </c>
      <c r="P6408" s="5" t="s">
        <v>40</v>
      </c>
      <c r="Q6408" s="5" t="s">
        <v>1522</v>
      </c>
      <c r="R6408" s="5" t="s">
        <v>1523</v>
      </c>
      <c r="S6408" s="5" t="s">
        <v>42</v>
      </c>
      <c r="T6408" s="2">
        <v>1.7949999999999999</v>
      </c>
      <c r="U6408" s="2">
        <v>1.4710000000000001</v>
      </c>
      <c r="V6408" s="2">
        <v>10.6</v>
      </c>
      <c r="W6408" s="2">
        <v>118.9</v>
      </c>
      <c r="X6408" s="2">
        <v>7.6</v>
      </c>
      <c r="Y6408" s="2">
        <v>10.6</v>
      </c>
      <c r="Z6408" s="5"/>
      <c r="AA6408" s="5" t="s">
        <v>43</v>
      </c>
      <c r="AB6408" s="5" t="s">
        <v>44</v>
      </c>
      <c r="AC6408" s="2"/>
      <c r="AD6408" s="1"/>
    </row>
    <row r="6409" spans="1:30">
      <c r="A6409" s="5" t="s">
        <v>83578</v>
      </c>
      <c r="B6409" s="2" t="s">
        <v>103342</v>
      </c>
      <c r="C6409" s="14" t="s">
        <v>103343</v>
      </c>
      <c r="D6409" s="2" t="s">
        <v>103344</v>
      </c>
      <c r="E6409" s="2" t="s">
        <v>7597</v>
      </c>
      <c r="F6409" s="8">
        <v>159</v>
      </c>
      <c r="G6409" s="5">
        <v>6</v>
      </c>
      <c r="H6409" s="5" t="s">
        <v>1518</v>
      </c>
      <c r="I6409" s="5" t="s">
        <v>69038</v>
      </c>
      <c r="J6409" s="2" t="s">
        <v>69039</v>
      </c>
      <c r="K6409" s="5" t="s">
        <v>69038</v>
      </c>
      <c r="L6409" s="2" t="s">
        <v>69039</v>
      </c>
      <c r="M6409" s="5" t="s">
        <v>1521</v>
      </c>
      <c r="N6409" s="5" t="s">
        <v>38</v>
      </c>
      <c r="O6409" s="5" t="s">
        <v>39</v>
      </c>
      <c r="P6409" s="5" t="s">
        <v>40</v>
      </c>
      <c r="Q6409" s="5" t="s">
        <v>1522</v>
      </c>
      <c r="R6409" s="5" t="s">
        <v>1523</v>
      </c>
      <c r="S6409" s="5" t="s">
        <v>42</v>
      </c>
      <c r="T6409" s="2">
        <v>1.7949999999999999</v>
      </c>
      <c r="U6409" s="2">
        <v>1.4710000000000001</v>
      </c>
      <c r="V6409" s="2">
        <v>10.6</v>
      </c>
      <c r="W6409" s="2">
        <v>118.9</v>
      </c>
      <c r="X6409" s="2">
        <v>7.6</v>
      </c>
      <c r="Y6409" s="2">
        <v>10.6</v>
      </c>
      <c r="Z6409" s="5"/>
      <c r="AA6409" s="5" t="s">
        <v>43</v>
      </c>
      <c r="AB6409" s="5" t="s">
        <v>44</v>
      </c>
      <c r="AC6409" s="2"/>
      <c r="AD6409" s="1"/>
    </row>
    <row r="6410" spans="1:30">
      <c r="A6410" s="5" t="s">
        <v>83578</v>
      </c>
      <c r="B6410" s="2" t="s">
        <v>103345</v>
      </c>
      <c r="C6410" s="14" t="s">
        <v>103346</v>
      </c>
      <c r="D6410" s="2" t="s">
        <v>103347</v>
      </c>
      <c r="E6410" s="2" t="s">
        <v>7547</v>
      </c>
      <c r="F6410" s="8">
        <v>168</v>
      </c>
      <c r="G6410" s="5">
        <v>6</v>
      </c>
      <c r="H6410" s="5" t="s">
        <v>1518</v>
      </c>
      <c r="I6410" s="5" t="s">
        <v>69038</v>
      </c>
      <c r="J6410" s="2" t="s">
        <v>69039</v>
      </c>
      <c r="K6410" s="5" t="s">
        <v>69038</v>
      </c>
      <c r="L6410" s="2" t="s">
        <v>69039</v>
      </c>
      <c r="M6410" s="5" t="s">
        <v>1521</v>
      </c>
      <c r="N6410" s="5" t="s">
        <v>38</v>
      </c>
      <c r="O6410" s="5" t="s">
        <v>39</v>
      </c>
      <c r="P6410" s="5" t="s">
        <v>40</v>
      </c>
      <c r="Q6410" s="5" t="s">
        <v>1522</v>
      </c>
      <c r="R6410" s="5" t="s">
        <v>1523</v>
      </c>
      <c r="S6410" s="5" t="s">
        <v>42</v>
      </c>
      <c r="T6410" s="2">
        <v>1.85</v>
      </c>
      <c r="U6410" s="2">
        <v>1.526</v>
      </c>
      <c r="V6410" s="2">
        <v>10.6</v>
      </c>
      <c r="W6410" s="2">
        <v>118.9</v>
      </c>
      <c r="X6410" s="2">
        <v>7.6</v>
      </c>
      <c r="Y6410" s="2">
        <v>10.6</v>
      </c>
      <c r="Z6410" s="5"/>
      <c r="AA6410" s="5" t="s">
        <v>43</v>
      </c>
      <c r="AB6410" s="5" t="s">
        <v>44</v>
      </c>
      <c r="AC6410" s="2"/>
      <c r="AD6410" s="1"/>
    </row>
    <row r="6411" spans="1:30">
      <c r="A6411" s="5" t="s">
        <v>83578</v>
      </c>
      <c r="B6411" s="2" t="s">
        <v>103348</v>
      </c>
      <c r="C6411" s="14" t="s">
        <v>103349</v>
      </c>
      <c r="D6411" s="2" t="s">
        <v>103350</v>
      </c>
      <c r="E6411" s="2" t="s">
        <v>7551</v>
      </c>
      <c r="F6411" s="8">
        <v>168</v>
      </c>
      <c r="G6411" s="5">
        <v>6</v>
      </c>
      <c r="H6411" s="5" t="s">
        <v>1518</v>
      </c>
      <c r="I6411" s="5" t="s">
        <v>69038</v>
      </c>
      <c r="J6411" s="2" t="s">
        <v>69039</v>
      </c>
      <c r="K6411" s="5" t="s">
        <v>69038</v>
      </c>
      <c r="L6411" s="2" t="s">
        <v>69039</v>
      </c>
      <c r="M6411" s="5" t="s">
        <v>1521</v>
      </c>
      <c r="N6411" s="5" t="s">
        <v>38</v>
      </c>
      <c r="O6411" s="5" t="s">
        <v>39</v>
      </c>
      <c r="P6411" s="5" t="s">
        <v>40</v>
      </c>
      <c r="Q6411" s="5" t="s">
        <v>1522</v>
      </c>
      <c r="R6411" s="5" t="s">
        <v>1523</v>
      </c>
      <c r="S6411" s="5" t="s">
        <v>42</v>
      </c>
      <c r="T6411" s="2">
        <v>1.9330000000000001</v>
      </c>
      <c r="U6411" s="2">
        <v>1.609</v>
      </c>
      <c r="V6411" s="2">
        <v>10.6</v>
      </c>
      <c r="W6411" s="2">
        <v>118.9</v>
      </c>
      <c r="X6411" s="2">
        <v>7.6</v>
      </c>
      <c r="Y6411" s="2">
        <v>10.6</v>
      </c>
      <c r="Z6411" s="5"/>
      <c r="AA6411" s="5" t="s">
        <v>43</v>
      </c>
      <c r="AB6411" s="5" t="s">
        <v>44</v>
      </c>
      <c r="AC6411" s="2"/>
      <c r="AD6411" s="1"/>
    </row>
    <row r="6412" spans="1:30">
      <c r="A6412" s="5" t="s">
        <v>83578</v>
      </c>
      <c r="B6412" s="2" t="s">
        <v>103351</v>
      </c>
      <c r="C6412" s="14" t="s">
        <v>103352</v>
      </c>
      <c r="D6412" s="2" t="s">
        <v>103353</v>
      </c>
      <c r="E6412" s="2" t="s">
        <v>7559</v>
      </c>
      <c r="F6412" s="8">
        <v>168</v>
      </c>
      <c r="G6412" s="5">
        <v>6</v>
      </c>
      <c r="H6412" s="5" t="s">
        <v>1518</v>
      </c>
      <c r="I6412" s="5" t="s">
        <v>69038</v>
      </c>
      <c r="J6412" s="2" t="s">
        <v>69039</v>
      </c>
      <c r="K6412" s="5" t="s">
        <v>69038</v>
      </c>
      <c r="L6412" s="2" t="s">
        <v>69039</v>
      </c>
      <c r="M6412" s="5" t="s">
        <v>1521</v>
      </c>
      <c r="N6412" s="5" t="s">
        <v>38</v>
      </c>
      <c r="O6412" s="5" t="s">
        <v>39</v>
      </c>
      <c r="P6412" s="5" t="s">
        <v>40</v>
      </c>
      <c r="Q6412" s="5" t="s">
        <v>1522</v>
      </c>
      <c r="R6412" s="5" t="s">
        <v>1523</v>
      </c>
      <c r="S6412" s="5" t="s">
        <v>42</v>
      </c>
      <c r="T6412" s="2">
        <v>1.9330000000000001</v>
      </c>
      <c r="U6412" s="2">
        <v>1.609</v>
      </c>
      <c r="V6412" s="2">
        <v>10.6</v>
      </c>
      <c r="W6412" s="2">
        <v>118.9</v>
      </c>
      <c r="X6412" s="2">
        <v>7.6</v>
      </c>
      <c r="Y6412" s="2">
        <v>10.6</v>
      </c>
      <c r="Z6412" s="5"/>
      <c r="AA6412" s="5" t="s">
        <v>43</v>
      </c>
      <c r="AB6412" s="5" t="s">
        <v>44</v>
      </c>
      <c r="AC6412" s="2"/>
      <c r="AD6412" s="1"/>
    </row>
    <row r="6413" spans="1:30">
      <c r="A6413" s="5" t="s">
        <v>83578</v>
      </c>
      <c r="B6413" s="2" t="s">
        <v>103354</v>
      </c>
      <c r="C6413" s="14" t="s">
        <v>103355</v>
      </c>
      <c r="D6413" s="2" t="s">
        <v>103356</v>
      </c>
      <c r="E6413" s="2" t="s">
        <v>7429</v>
      </c>
      <c r="F6413" s="8">
        <v>168</v>
      </c>
      <c r="G6413" s="5">
        <v>6</v>
      </c>
      <c r="H6413" s="5" t="s">
        <v>1518</v>
      </c>
      <c r="I6413" s="5" t="s">
        <v>69038</v>
      </c>
      <c r="J6413" s="2" t="s">
        <v>69039</v>
      </c>
      <c r="K6413" s="5" t="s">
        <v>69038</v>
      </c>
      <c r="L6413" s="2" t="s">
        <v>69039</v>
      </c>
      <c r="M6413" s="5" t="s">
        <v>1521</v>
      </c>
      <c r="N6413" s="5" t="s">
        <v>38</v>
      </c>
      <c r="O6413" s="5" t="s">
        <v>39</v>
      </c>
      <c r="P6413" s="5" t="s">
        <v>40</v>
      </c>
      <c r="Q6413" s="5" t="s">
        <v>1522</v>
      </c>
      <c r="R6413" s="5" t="s">
        <v>1523</v>
      </c>
      <c r="S6413" s="5" t="s">
        <v>42</v>
      </c>
      <c r="T6413" s="2">
        <v>1.85</v>
      </c>
      <c r="U6413" s="2">
        <v>1.526</v>
      </c>
      <c r="V6413" s="2">
        <v>10.6</v>
      </c>
      <c r="W6413" s="2">
        <v>118.9</v>
      </c>
      <c r="X6413" s="2">
        <v>7.6</v>
      </c>
      <c r="Y6413" s="2">
        <v>10.6</v>
      </c>
      <c r="Z6413" s="5"/>
      <c r="AA6413" s="5" t="s">
        <v>43</v>
      </c>
      <c r="AB6413" s="5" t="s">
        <v>44</v>
      </c>
      <c r="AC6413" s="2"/>
      <c r="AD6413" s="1"/>
    </row>
    <row r="6414" spans="1:30">
      <c r="A6414" s="5" t="s">
        <v>83578</v>
      </c>
      <c r="B6414" s="2" t="s">
        <v>103357</v>
      </c>
      <c r="C6414" s="14" t="s">
        <v>103358</v>
      </c>
      <c r="D6414" s="2" t="s">
        <v>103359</v>
      </c>
      <c r="E6414" s="2" t="s">
        <v>7574</v>
      </c>
      <c r="F6414" s="8">
        <v>168</v>
      </c>
      <c r="G6414" s="5">
        <v>6</v>
      </c>
      <c r="H6414" s="5" t="s">
        <v>1518</v>
      </c>
      <c r="I6414" s="5" t="s">
        <v>69038</v>
      </c>
      <c r="J6414" s="2" t="s">
        <v>69039</v>
      </c>
      <c r="K6414" s="5" t="s">
        <v>69038</v>
      </c>
      <c r="L6414" s="2" t="s">
        <v>69039</v>
      </c>
      <c r="M6414" s="5" t="s">
        <v>1521</v>
      </c>
      <c r="N6414" s="5" t="s">
        <v>38</v>
      </c>
      <c r="O6414" s="5" t="s">
        <v>39</v>
      </c>
      <c r="P6414" s="5" t="s">
        <v>40</v>
      </c>
      <c r="Q6414" s="5" t="s">
        <v>1522</v>
      </c>
      <c r="R6414" s="5" t="s">
        <v>1523</v>
      </c>
      <c r="S6414" s="5" t="s">
        <v>42</v>
      </c>
      <c r="T6414" s="2">
        <v>1.9330000000000001</v>
      </c>
      <c r="U6414" s="2">
        <v>1.609</v>
      </c>
      <c r="V6414" s="2">
        <v>10.6</v>
      </c>
      <c r="W6414" s="2">
        <v>118.9</v>
      </c>
      <c r="X6414" s="2">
        <v>7.6</v>
      </c>
      <c r="Y6414" s="2">
        <v>10.6</v>
      </c>
      <c r="Z6414" s="5"/>
      <c r="AA6414" s="5" t="s">
        <v>43</v>
      </c>
      <c r="AB6414" s="5" t="s">
        <v>44</v>
      </c>
      <c r="AC6414" s="2"/>
      <c r="AD6414" s="1"/>
    </row>
    <row r="6415" spans="1:30">
      <c r="A6415" s="5" t="s">
        <v>83578</v>
      </c>
      <c r="B6415" s="2" t="s">
        <v>103360</v>
      </c>
      <c r="C6415" s="14" t="s">
        <v>103361</v>
      </c>
      <c r="D6415" s="2" t="s">
        <v>103362</v>
      </c>
      <c r="E6415" s="2" t="s">
        <v>7585</v>
      </c>
      <c r="F6415" s="8">
        <v>168</v>
      </c>
      <c r="G6415" s="5">
        <v>6</v>
      </c>
      <c r="H6415" s="5" t="s">
        <v>1518</v>
      </c>
      <c r="I6415" s="5" t="s">
        <v>69038</v>
      </c>
      <c r="J6415" s="2" t="s">
        <v>69039</v>
      </c>
      <c r="K6415" s="5" t="s">
        <v>69038</v>
      </c>
      <c r="L6415" s="2" t="s">
        <v>69039</v>
      </c>
      <c r="M6415" s="5" t="s">
        <v>1521</v>
      </c>
      <c r="N6415" s="5" t="s">
        <v>38</v>
      </c>
      <c r="O6415" s="5" t="s">
        <v>39</v>
      </c>
      <c r="P6415" s="5" t="s">
        <v>40</v>
      </c>
      <c r="Q6415" s="5" t="s">
        <v>1522</v>
      </c>
      <c r="R6415" s="5" t="s">
        <v>1523</v>
      </c>
      <c r="S6415" s="5" t="s">
        <v>42</v>
      </c>
      <c r="T6415" s="2">
        <v>1.85</v>
      </c>
      <c r="U6415" s="2">
        <v>1.526</v>
      </c>
      <c r="V6415" s="2">
        <v>10.6</v>
      </c>
      <c r="W6415" s="2">
        <v>118.9</v>
      </c>
      <c r="X6415" s="2">
        <v>7.6</v>
      </c>
      <c r="Y6415" s="2">
        <v>10.6</v>
      </c>
      <c r="Z6415" s="5"/>
      <c r="AA6415" s="5" t="s">
        <v>43</v>
      </c>
      <c r="AB6415" s="5" t="s">
        <v>44</v>
      </c>
      <c r="AC6415" s="2"/>
      <c r="AD6415" s="1"/>
    </row>
    <row r="6416" spans="1:30">
      <c r="A6416" s="5" t="s">
        <v>83578</v>
      </c>
      <c r="B6416" s="2" t="s">
        <v>103363</v>
      </c>
      <c r="C6416" s="14" t="s">
        <v>103364</v>
      </c>
      <c r="D6416" s="2" t="s">
        <v>103365</v>
      </c>
      <c r="E6416" s="2" t="s">
        <v>7589</v>
      </c>
      <c r="F6416" s="8">
        <v>168</v>
      </c>
      <c r="G6416" s="5">
        <v>6</v>
      </c>
      <c r="H6416" s="5" t="s">
        <v>1518</v>
      </c>
      <c r="I6416" s="5" t="s">
        <v>69038</v>
      </c>
      <c r="J6416" s="2" t="s">
        <v>69039</v>
      </c>
      <c r="K6416" s="5" t="s">
        <v>69038</v>
      </c>
      <c r="L6416" s="2" t="s">
        <v>69039</v>
      </c>
      <c r="M6416" s="5" t="s">
        <v>1521</v>
      </c>
      <c r="N6416" s="5" t="s">
        <v>38</v>
      </c>
      <c r="O6416" s="5" t="s">
        <v>39</v>
      </c>
      <c r="P6416" s="5" t="s">
        <v>40</v>
      </c>
      <c r="Q6416" s="5" t="s">
        <v>1522</v>
      </c>
      <c r="R6416" s="5" t="s">
        <v>1523</v>
      </c>
      <c r="S6416" s="5" t="s">
        <v>42</v>
      </c>
      <c r="T6416" s="2">
        <v>1.9330000000000001</v>
      </c>
      <c r="U6416" s="2">
        <v>1.609</v>
      </c>
      <c r="V6416" s="2">
        <v>10.6</v>
      </c>
      <c r="W6416" s="2">
        <v>118.9</v>
      </c>
      <c r="X6416" s="2">
        <v>7.6</v>
      </c>
      <c r="Y6416" s="2">
        <v>10.6</v>
      </c>
      <c r="Z6416" s="5"/>
      <c r="AA6416" s="5" t="s">
        <v>43</v>
      </c>
      <c r="AB6416" s="5" t="s">
        <v>44</v>
      </c>
      <c r="AC6416" s="2"/>
      <c r="AD6416" s="1"/>
    </row>
    <row r="6417" spans="1:30">
      <c r="A6417" s="5" t="s">
        <v>83578</v>
      </c>
      <c r="B6417" s="2" t="s">
        <v>103366</v>
      </c>
      <c r="C6417" s="14" t="s">
        <v>103367</v>
      </c>
      <c r="D6417" s="2" t="s">
        <v>103368</v>
      </c>
      <c r="E6417" s="2" t="s">
        <v>7593</v>
      </c>
      <c r="F6417" s="8">
        <v>168</v>
      </c>
      <c r="G6417" s="5">
        <v>6</v>
      </c>
      <c r="H6417" s="5" t="s">
        <v>1518</v>
      </c>
      <c r="I6417" s="5" t="s">
        <v>69038</v>
      </c>
      <c r="J6417" s="2" t="s">
        <v>69039</v>
      </c>
      <c r="K6417" s="5" t="s">
        <v>69038</v>
      </c>
      <c r="L6417" s="2" t="s">
        <v>69039</v>
      </c>
      <c r="M6417" s="5" t="s">
        <v>1521</v>
      </c>
      <c r="N6417" s="5" t="s">
        <v>38</v>
      </c>
      <c r="O6417" s="5" t="s">
        <v>39</v>
      </c>
      <c r="P6417" s="5" t="s">
        <v>40</v>
      </c>
      <c r="Q6417" s="5" t="s">
        <v>1522</v>
      </c>
      <c r="R6417" s="5" t="s">
        <v>1523</v>
      </c>
      <c r="S6417" s="5" t="s">
        <v>42</v>
      </c>
      <c r="T6417" s="2">
        <v>1.85</v>
      </c>
      <c r="U6417" s="2">
        <v>1.526</v>
      </c>
      <c r="V6417" s="2">
        <v>10.6</v>
      </c>
      <c r="W6417" s="2">
        <v>118.9</v>
      </c>
      <c r="X6417" s="2">
        <v>7.6</v>
      </c>
      <c r="Y6417" s="2">
        <v>10.6</v>
      </c>
      <c r="Z6417" s="5"/>
      <c r="AA6417" s="5" t="s">
        <v>43</v>
      </c>
      <c r="AB6417" s="5" t="s">
        <v>44</v>
      </c>
      <c r="AC6417" s="2"/>
      <c r="AD6417" s="1"/>
    </row>
    <row r="6418" spans="1:30">
      <c r="A6418" s="5" t="s">
        <v>83578</v>
      </c>
      <c r="B6418" s="2" t="s">
        <v>103369</v>
      </c>
      <c r="C6418" s="14" t="s">
        <v>103370</v>
      </c>
      <c r="D6418" s="2" t="s">
        <v>103371</v>
      </c>
      <c r="E6418" s="2" t="s">
        <v>7597</v>
      </c>
      <c r="F6418" s="8">
        <v>168</v>
      </c>
      <c r="G6418" s="5">
        <v>6</v>
      </c>
      <c r="H6418" s="5" t="s">
        <v>1518</v>
      </c>
      <c r="I6418" s="5" t="s">
        <v>69038</v>
      </c>
      <c r="J6418" s="2" t="s">
        <v>69039</v>
      </c>
      <c r="K6418" s="5" t="s">
        <v>69038</v>
      </c>
      <c r="L6418" s="2" t="s">
        <v>69039</v>
      </c>
      <c r="M6418" s="5" t="s">
        <v>1521</v>
      </c>
      <c r="N6418" s="5" t="s">
        <v>38</v>
      </c>
      <c r="O6418" s="5" t="s">
        <v>39</v>
      </c>
      <c r="P6418" s="5" t="s">
        <v>40</v>
      </c>
      <c r="Q6418" s="5" t="s">
        <v>1522</v>
      </c>
      <c r="R6418" s="5" t="s">
        <v>1523</v>
      </c>
      <c r="S6418" s="5" t="s">
        <v>42</v>
      </c>
      <c r="T6418" s="2">
        <v>1.9330000000000001</v>
      </c>
      <c r="U6418" s="2">
        <v>1.609</v>
      </c>
      <c r="V6418" s="2">
        <v>10.6</v>
      </c>
      <c r="W6418" s="2">
        <v>118.9</v>
      </c>
      <c r="X6418" s="2">
        <v>7.6</v>
      </c>
      <c r="Y6418" s="2">
        <v>10.6</v>
      </c>
      <c r="Z6418" s="5"/>
      <c r="AA6418" s="5" t="s">
        <v>43</v>
      </c>
      <c r="AB6418" s="5" t="s">
        <v>44</v>
      </c>
      <c r="AC6418" s="2"/>
      <c r="AD6418" s="1"/>
    </row>
    <row r="6419" spans="1:30">
      <c r="A6419" s="5" t="s">
        <v>83578</v>
      </c>
      <c r="B6419" s="2" t="s">
        <v>103372</v>
      </c>
      <c r="C6419" s="14" t="s">
        <v>103373</v>
      </c>
      <c r="D6419" s="2" t="s">
        <v>103374</v>
      </c>
      <c r="E6419" s="2" t="s">
        <v>7406</v>
      </c>
      <c r="F6419" s="8">
        <v>189</v>
      </c>
      <c r="G6419" s="5">
        <v>6</v>
      </c>
      <c r="H6419" s="5" t="s">
        <v>1518</v>
      </c>
      <c r="I6419" s="5" t="s">
        <v>69038</v>
      </c>
      <c r="J6419" s="2" t="s">
        <v>69039</v>
      </c>
      <c r="K6419" s="5" t="s">
        <v>69038</v>
      </c>
      <c r="L6419" s="2" t="s">
        <v>69039</v>
      </c>
      <c r="M6419" s="5" t="s">
        <v>1521</v>
      </c>
      <c r="N6419" s="5" t="s">
        <v>38</v>
      </c>
      <c r="O6419" s="5" t="s">
        <v>39</v>
      </c>
      <c r="P6419" s="5" t="s">
        <v>40</v>
      </c>
      <c r="Q6419" s="5" t="s">
        <v>1522</v>
      </c>
      <c r="R6419" s="5" t="s">
        <v>1523</v>
      </c>
      <c r="S6419" s="5" t="s">
        <v>42</v>
      </c>
      <c r="T6419" s="2">
        <v>2.0219999999999998</v>
      </c>
      <c r="U6419" s="2">
        <v>1.645</v>
      </c>
      <c r="V6419" s="2">
        <v>10.6</v>
      </c>
      <c r="W6419" s="2">
        <v>139.1</v>
      </c>
      <c r="X6419" s="2">
        <v>7.6</v>
      </c>
      <c r="Y6419" s="2">
        <v>10.6</v>
      </c>
      <c r="Z6419" s="5"/>
      <c r="AA6419" s="5" t="s">
        <v>43</v>
      </c>
      <c r="AB6419" s="5" t="s">
        <v>44</v>
      </c>
      <c r="AC6419" s="2"/>
      <c r="AD6419" s="1"/>
    </row>
    <row r="6420" spans="1:30">
      <c r="A6420" s="5" t="s">
        <v>83578</v>
      </c>
      <c r="B6420" s="2" t="s">
        <v>103375</v>
      </c>
      <c r="C6420" s="14" t="s">
        <v>103376</v>
      </c>
      <c r="D6420" s="2" t="s">
        <v>103377</v>
      </c>
      <c r="E6420" s="2" t="s">
        <v>7535</v>
      </c>
      <c r="F6420" s="8">
        <v>189</v>
      </c>
      <c r="G6420" s="5">
        <v>6</v>
      </c>
      <c r="H6420" s="5" t="s">
        <v>1518</v>
      </c>
      <c r="I6420" s="5" t="s">
        <v>69038</v>
      </c>
      <c r="J6420" s="2" t="s">
        <v>69039</v>
      </c>
      <c r="K6420" s="5" t="s">
        <v>69038</v>
      </c>
      <c r="L6420" s="2" t="s">
        <v>69039</v>
      </c>
      <c r="M6420" s="5" t="s">
        <v>1521</v>
      </c>
      <c r="N6420" s="5" t="s">
        <v>38</v>
      </c>
      <c r="O6420" s="5" t="s">
        <v>39</v>
      </c>
      <c r="P6420" s="5" t="s">
        <v>40</v>
      </c>
      <c r="Q6420" s="5" t="s">
        <v>1522</v>
      </c>
      <c r="R6420" s="5" t="s">
        <v>1523</v>
      </c>
      <c r="S6420" s="5" t="s">
        <v>42</v>
      </c>
      <c r="T6420" s="2">
        <v>2.1150000000000002</v>
      </c>
      <c r="U6420" s="2">
        <v>1.738</v>
      </c>
      <c r="V6420" s="2">
        <v>10.6</v>
      </c>
      <c r="W6420" s="2">
        <v>139.1</v>
      </c>
      <c r="X6420" s="2">
        <v>7.6</v>
      </c>
      <c r="Y6420" s="2">
        <v>10.6</v>
      </c>
      <c r="Z6420" s="5"/>
      <c r="AA6420" s="5" t="s">
        <v>43</v>
      </c>
      <c r="AB6420" s="5" t="s">
        <v>44</v>
      </c>
      <c r="AC6420" s="2"/>
      <c r="AD6420" s="1"/>
    </row>
    <row r="6421" spans="1:30">
      <c r="A6421" s="5" t="s">
        <v>83578</v>
      </c>
      <c r="B6421" s="2" t="s">
        <v>103378</v>
      </c>
      <c r="C6421" s="14" t="s">
        <v>103379</v>
      </c>
      <c r="D6421" s="2" t="s">
        <v>103380</v>
      </c>
      <c r="E6421" s="2" t="s">
        <v>7539</v>
      </c>
      <c r="F6421" s="8">
        <v>189</v>
      </c>
      <c r="G6421" s="5">
        <v>6</v>
      </c>
      <c r="H6421" s="5" t="s">
        <v>1518</v>
      </c>
      <c r="I6421" s="5" t="s">
        <v>69038</v>
      </c>
      <c r="J6421" s="2" t="s">
        <v>69039</v>
      </c>
      <c r="K6421" s="5" t="s">
        <v>69038</v>
      </c>
      <c r="L6421" s="2" t="s">
        <v>69039</v>
      </c>
      <c r="M6421" s="5" t="s">
        <v>1521</v>
      </c>
      <c r="N6421" s="5" t="s">
        <v>38</v>
      </c>
      <c r="O6421" s="5" t="s">
        <v>39</v>
      </c>
      <c r="P6421" s="5" t="s">
        <v>40</v>
      </c>
      <c r="Q6421" s="5" t="s">
        <v>1522</v>
      </c>
      <c r="R6421" s="5" t="s">
        <v>1523</v>
      </c>
      <c r="S6421" s="5" t="s">
        <v>42</v>
      </c>
      <c r="T6421" s="2">
        <v>2.0219999999999998</v>
      </c>
      <c r="U6421" s="2">
        <v>1.645</v>
      </c>
      <c r="V6421" s="2">
        <v>10.6</v>
      </c>
      <c r="W6421" s="2">
        <v>139.1</v>
      </c>
      <c r="X6421" s="2">
        <v>7.6</v>
      </c>
      <c r="Y6421" s="2">
        <v>10.6</v>
      </c>
      <c r="Z6421" s="5"/>
      <c r="AA6421" s="5" t="s">
        <v>43</v>
      </c>
      <c r="AB6421" s="5" t="s">
        <v>44</v>
      </c>
      <c r="AC6421" s="2"/>
      <c r="AD6421" s="1"/>
    </row>
    <row r="6422" spans="1:30">
      <c r="A6422" s="5" t="s">
        <v>83578</v>
      </c>
      <c r="B6422" s="2" t="s">
        <v>103381</v>
      </c>
      <c r="C6422" s="14" t="s">
        <v>103382</v>
      </c>
      <c r="D6422" s="2" t="s">
        <v>103383</v>
      </c>
      <c r="E6422" s="2" t="s">
        <v>7543</v>
      </c>
      <c r="F6422" s="8">
        <v>189</v>
      </c>
      <c r="G6422" s="5">
        <v>6</v>
      </c>
      <c r="H6422" s="5" t="s">
        <v>1518</v>
      </c>
      <c r="I6422" s="5" t="s">
        <v>69038</v>
      </c>
      <c r="J6422" s="2" t="s">
        <v>69039</v>
      </c>
      <c r="K6422" s="5" t="s">
        <v>69038</v>
      </c>
      <c r="L6422" s="2" t="s">
        <v>69039</v>
      </c>
      <c r="M6422" s="5" t="s">
        <v>1521</v>
      </c>
      <c r="N6422" s="5" t="s">
        <v>38</v>
      </c>
      <c r="O6422" s="5" t="s">
        <v>39</v>
      </c>
      <c r="P6422" s="5" t="s">
        <v>40</v>
      </c>
      <c r="Q6422" s="5" t="s">
        <v>1522</v>
      </c>
      <c r="R6422" s="5" t="s">
        <v>1523</v>
      </c>
      <c r="S6422" s="5" t="s">
        <v>42</v>
      </c>
      <c r="T6422" s="2">
        <v>2.1150000000000002</v>
      </c>
      <c r="U6422" s="2">
        <v>1.738</v>
      </c>
      <c r="V6422" s="2">
        <v>10.6</v>
      </c>
      <c r="W6422" s="2">
        <v>139.1</v>
      </c>
      <c r="X6422" s="2">
        <v>7.6</v>
      </c>
      <c r="Y6422" s="2">
        <v>10.6</v>
      </c>
      <c r="Z6422" s="5"/>
      <c r="AA6422" s="5" t="s">
        <v>43</v>
      </c>
      <c r="AB6422" s="5" t="s">
        <v>44</v>
      </c>
      <c r="AC6422" s="2"/>
      <c r="AD6422" s="1"/>
    </row>
    <row r="6423" spans="1:30">
      <c r="A6423" s="5" t="s">
        <v>83578</v>
      </c>
      <c r="B6423" s="2" t="s">
        <v>103384</v>
      </c>
      <c r="C6423" s="14" t="s">
        <v>103385</v>
      </c>
      <c r="D6423" s="2" t="s">
        <v>103386</v>
      </c>
      <c r="E6423" s="2" t="s">
        <v>7547</v>
      </c>
      <c r="F6423" s="8">
        <v>189</v>
      </c>
      <c r="G6423" s="5">
        <v>6</v>
      </c>
      <c r="H6423" s="5" t="s">
        <v>1518</v>
      </c>
      <c r="I6423" s="5" t="s">
        <v>69038</v>
      </c>
      <c r="J6423" s="2" t="s">
        <v>69039</v>
      </c>
      <c r="K6423" s="5" t="s">
        <v>69038</v>
      </c>
      <c r="L6423" s="2" t="s">
        <v>69039</v>
      </c>
      <c r="M6423" s="5" t="s">
        <v>1521</v>
      </c>
      <c r="N6423" s="5" t="s">
        <v>38</v>
      </c>
      <c r="O6423" s="5" t="s">
        <v>39</v>
      </c>
      <c r="P6423" s="5" t="s">
        <v>40</v>
      </c>
      <c r="Q6423" s="5" t="s">
        <v>1522</v>
      </c>
      <c r="R6423" s="5" t="s">
        <v>1523</v>
      </c>
      <c r="S6423" s="5" t="s">
        <v>42</v>
      </c>
      <c r="T6423" s="2">
        <v>2.0219999999999998</v>
      </c>
      <c r="U6423" s="2">
        <v>1.645</v>
      </c>
      <c r="V6423" s="2">
        <v>10.6</v>
      </c>
      <c r="W6423" s="2">
        <v>139.1</v>
      </c>
      <c r="X6423" s="2">
        <v>7.6</v>
      </c>
      <c r="Y6423" s="2">
        <v>10.6</v>
      </c>
      <c r="Z6423" s="5"/>
      <c r="AA6423" s="5" t="s">
        <v>43</v>
      </c>
      <c r="AB6423" s="5" t="s">
        <v>44</v>
      </c>
      <c r="AC6423" s="2"/>
      <c r="AD6423" s="1"/>
    </row>
    <row r="6424" spans="1:30">
      <c r="A6424" s="5" t="s">
        <v>83578</v>
      </c>
      <c r="B6424" s="2" t="s">
        <v>103387</v>
      </c>
      <c r="C6424" s="14" t="s">
        <v>103388</v>
      </c>
      <c r="D6424" s="2" t="s">
        <v>103389</v>
      </c>
      <c r="E6424" s="2" t="s">
        <v>7551</v>
      </c>
      <c r="F6424" s="8">
        <v>189</v>
      </c>
      <c r="G6424" s="5">
        <v>6</v>
      </c>
      <c r="H6424" s="5" t="s">
        <v>1518</v>
      </c>
      <c r="I6424" s="5" t="s">
        <v>69038</v>
      </c>
      <c r="J6424" s="2" t="s">
        <v>69039</v>
      </c>
      <c r="K6424" s="5" t="s">
        <v>69038</v>
      </c>
      <c r="L6424" s="2" t="s">
        <v>69039</v>
      </c>
      <c r="M6424" s="5" t="s">
        <v>1521</v>
      </c>
      <c r="N6424" s="5" t="s">
        <v>38</v>
      </c>
      <c r="O6424" s="5" t="s">
        <v>39</v>
      </c>
      <c r="P6424" s="5" t="s">
        <v>40</v>
      </c>
      <c r="Q6424" s="5" t="s">
        <v>1522</v>
      </c>
      <c r="R6424" s="5" t="s">
        <v>1523</v>
      </c>
      <c r="S6424" s="5" t="s">
        <v>42</v>
      </c>
      <c r="T6424" s="2">
        <v>2.1150000000000002</v>
      </c>
      <c r="U6424" s="2">
        <v>1.738</v>
      </c>
      <c r="V6424" s="2">
        <v>10.6</v>
      </c>
      <c r="W6424" s="2">
        <v>139.1</v>
      </c>
      <c r="X6424" s="2">
        <v>7.6</v>
      </c>
      <c r="Y6424" s="2">
        <v>10.6</v>
      </c>
      <c r="Z6424" s="5"/>
      <c r="AA6424" s="5" t="s">
        <v>43</v>
      </c>
      <c r="AB6424" s="5" t="s">
        <v>44</v>
      </c>
      <c r="AC6424" s="2"/>
      <c r="AD6424" s="1"/>
    </row>
    <row r="6425" spans="1:30">
      <c r="A6425" s="5" t="s">
        <v>83578</v>
      </c>
      <c r="B6425" s="2" t="s">
        <v>103390</v>
      </c>
      <c r="C6425" s="14" t="s">
        <v>103391</v>
      </c>
      <c r="D6425" s="2" t="s">
        <v>103392</v>
      </c>
      <c r="E6425" s="2" t="s">
        <v>7563</v>
      </c>
      <c r="F6425" s="8">
        <v>189</v>
      </c>
      <c r="G6425" s="5">
        <v>6</v>
      </c>
      <c r="H6425" s="5" t="s">
        <v>1518</v>
      </c>
      <c r="I6425" s="5" t="s">
        <v>69038</v>
      </c>
      <c r="J6425" s="2" t="s">
        <v>69039</v>
      </c>
      <c r="K6425" s="5" t="s">
        <v>69038</v>
      </c>
      <c r="L6425" s="2" t="s">
        <v>69039</v>
      </c>
      <c r="M6425" s="5" t="s">
        <v>1521</v>
      </c>
      <c r="N6425" s="5" t="s">
        <v>38</v>
      </c>
      <c r="O6425" s="5" t="s">
        <v>39</v>
      </c>
      <c r="P6425" s="5" t="s">
        <v>40</v>
      </c>
      <c r="Q6425" s="5" t="s">
        <v>1522</v>
      </c>
      <c r="R6425" s="5" t="s">
        <v>1523</v>
      </c>
      <c r="S6425" s="5" t="s">
        <v>42</v>
      </c>
      <c r="T6425" s="2">
        <v>2.0219999999999998</v>
      </c>
      <c r="U6425" s="2">
        <v>1.645</v>
      </c>
      <c r="V6425" s="2">
        <v>10.6</v>
      </c>
      <c r="W6425" s="2">
        <v>139.1</v>
      </c>
      <c r="X6425" s="2">
        <v>7.6</v>
      </c>
      <c r="Y6425" s="2">
        <v>10.6</v>
      </c>
      <c r="Z6425" s="5"/>
      <c r="AA6425" s="5" t="s">
        <v>43</v>
      </c>
      <c r="AB6425" s="5" t="s">
        <v>44</v>
      </c>
      <c r="AC6425" s="2"/>
      <c r="AD6425" s="1"/>
    </row>
    <row r="6426" spans="1:30">
      <c r="A6426" s="5" t="s">
        <v>83578</v>
      </c>
      <c r="B6426" s="2" t="s">
        <v>103393</v>
      </c>
      <c r="C6426" s="14" t="s">
        <v>103394</v>
      </c>
      <c r="D6426" s="2" t="s">
        <v>103395</v>
      </c>
      <c r="E6426" s="2" t="s">
        <v>7567</v>
      </c>
      <c r="F6426" s="8">
        <v>189</v>
      </c>
      <c r="G6426" s="5">
        <v>6</v>
      </c>
      <c r="H6426" s="5" t="s">
        <v>1518</v>
      </c>
      <c r="I6426" s="5" t="s">
        <v>69038</v>
      </c>
      <c r="J6426" s="2" t="s">
        <v>69039</v>
      </c>
      <c r="K6426" s="5" t="s">
        <v>69038</v>
      </c>
      <c r="L6426" s="2" t="s">
        <v>69039</v>
      </c>
      <c r="M6426" s="5" t="s">
        <v>1521</v>
      </c>
      <c r="N6426" s="5" t="s">
        <v>38</v>
      </c>
      <c r="O6426" s="5" t="s">
        <v>39</v>
      </c>
      <c r="P6426" s="5" t="s">
        <v>40</v>
      </c>
      <c r="Q6426" s="5" t="s">
        <v>1522</v>
      </c>
      <c r="R6426" s="5" t="s">
        <v>1523</v>
      </c>
      <c r="S6426" s="5" t="s">
        <v>42</v>
      </c>
      <c r="T6426" s="2">
        <v>2.1150000000000002</v>
      </c>
      <c r="U6426" s="2">
        <v>1.738</v>
      </c>
      <c r="V6426" s="2">
        <v>10.6</v>
      </c>
      <c r="W6426" s="2">
        <v>139.1</v>
      </c>
      <c r="X6426" s="2">
        <v>7.6</v>
      </c>
      <c r="Y6426" s="2">
        <v>10.6</v>
      </c>
      <c r="Z6426" s="5"/>
      <c r="AA6426" s="5" t="s">
        <v>43</v>
      </c>
      <c r="AB6426" s="5" t="s">
        <v>44</v>
      </c>
      <c r="AC6426" s="2"/>
      <c r="AD6426" s="1"/>
    </row>
    <row r="6427" spans="1:30">
      <c r="A6427" s="5" t="s">
        <v>83578</v>
      </c>
      <c r="B6427" s="2" t="s">
        <v>103396</v>
      </c>
      <c r="C6427" s="14" t="s">
        <v>103397</v>
      </c>
      <c r="D6427" s="2" t="s">
        <v>103398</v>
      </c>
      <c r="E6427" s="2" t="s">
        <v>7555</v>
      </c>
      <c r="F6427" s="8">
        <v>189</v>
      </c>
      <c r="G6427" s="5">
        <v>6</v>
      </c>
      <c r="H6427" s="5" t="s">
        <v>1518</v>
      </c>
      <c r="I6427" s="5" t="s">
        <v>69038</v>
      </c>
      <c r="J6427" s="2" t="s">
        <v>69039</v>
      </c>
      <c r="K6427" s="5" t="s">
        <v>69038</v>
      </c>
      <c r="L6427" s="2" t="s">
        <v>69039</v>
      </c>
      <c r="M6427" s="5" t="s">
        <v>1521</v>
      </c>
      <c r="N6427" s="5" t="s">
        <v>38</v>
      </c>
      <c r="O6427" s="5" t="s">
        <v>39</v>
      </c>
      <c r="P6427" s="5" t="s">
        <v>40</v>
      </c>
      <c r="Q6427" s="5" t="s">
        <v>1522</v>
      </c>
      <c r="R6427" s="5" t="s">
        <v>1523</v>
      </c>
      <c r="S6427" s="5" t="s">
        <v>42</v>
      </c>
      <c r="T6427" s="2">
        <v>2.0219999999999998</v>
      </c>
      <c r="U6427" s="2">
        <v>1.645</v>
      </c>
      <c r="V6427" s="2">
        <v>10.6</v>
      </c>
      <c r="W6427" s="2">
        <v>139.1</v>
      </c>
      <c r="X6427" s="2">
        <v>7.6</v>
      </c>
      <c r="Y6427" s="2">
        <v>10.6</v>
      </c>
      <c r="Z6427" s="5"/>
      <c r="AA6427" s="5" t="s">
        <v>43</v>
      </c>
      <c r="AB6427" s="5" t="s">
        <v>44</v>
      </c>
      <c r="AC6427" s="2"/>
      <c r="AD6427" s="1"/>
    </row>
    <row r="6428" spans="1:30">
      <c r="A6428" s="5" t="s">
        <v>83578</v>
      </c>
      <c r="B6428" s="2" t="s">
        <v>103399</v>
      </c>
      <c r="C6428" s="14" t="s">
        <v>103400</v>
      </c>
      <c r="D6428" s="2" t="s">
        <v>103401</v>
      </c>
      <c r="E6428" s="2" t="s">
        <v>7559</v>
      </c>
      <c r="F6428" s="8">
        <v>189</v>
      </c>
      <c r="G6428" s="5">
        <v>6</v>
      </c>
      <c r="H6428" s="5" t="s">
        <v>1518</v>
      </c>
      <c r="I6428" s="5" t="s">
        <v>69038</v>
      </c>
      <c r="J6428" s="2" t="s">
        <v>69039</v>
      </c>
      <c r="K6428" s="5" t="s">
        <v>69038</v>
      </c>
      <c r="L6428" s="2" t="s">
        <v>69039</v>
      </c>
      <c r="M6428" s="5" t="s">
        <v>1521</v>
      </c>
      <c r="N6428" s="5" t="s">
        <v>38</v>
      </c>
      <c r="O6428" s="5" t="s">
        <v>39</v>
      </c>
      <c r="P6428" s="5" t="s">
        <v>40</v>
      </c>
      <c r="Q6428" s="5" t="s">
        <v>1522</v>
      </c>
      <c r="R6428" s="5" t="s">
        <v>1523</v>
      </c>
      <c r="S6428" s="5" t="s">
        <v>42</v>
      </c>
      <c r="T6428" s="2">
        <v>2.1150000000000002</v>
      </c>
      <c r="U6428" s="2">
        <v>1.738</v>
      </c>
      <c r="V6428" s="2">
        <v>10.6</v>
      </c>
      <c r="W6428" s="2">
        <v>139.1</v>
      </c>
      <c r="X6428" s="2">
        <v>7.6</v>
      </c>
      <c r="Y6428" s="2">
        <v>10.6</v>
      </c>
      <c r="Z6428" s="5"/>
      <c r="AA6428" s="5" t="s">
        <v>43</v>
      </c>
      <c r="AB6428" s="5" t="s">
        <v>44</v>
      </c>
      <c r="AC6428" s="2"/>
      <c r="AD6428" s="1"/>
    </row>
    <row r="6429" spans="1:30">
      <c r="A6429" s="5" t="s">
        <v>83578</v>
      </c>
      <c r="B6429" s="2" t="s">
        <v>103402</v>
      </c>
      <c r="C6429" s="14" t="s">
        <v>103403</v>
      </c>
      <c r="D6429" s="2" t="s">
        <v>103404</v>
      </c>
      <c r="E6429" s="2" t="s">
        <v>7429</v>
      </c>
      <c r="F6429" s="8">
        <v>189</v>
      </c>
      <c r="G6429" s="5">
        <v>6</v>
      </c>
      <c r="H6429" s="5" t="s">
        <v>1518</v>
      </c>
      <c r="I6429" s="5" t="s">
        <v>69038</v>
      </c>
      <c r="J6429" s="2" t="s">
        <v>69039</v>
      </c>
      <c r="K6429" s="5" t="s">
        <v>69038</v>
      </c>
      <c r="L6429" s="2" t="s">
        <v>69039</v>
      </c>
      <c r="M6429" s="5" t="s">
        <v>1521</v>
      </c>
      <c r="N6429" s="5" t="s">
        <v>38</v>
      </c>
      <c r="O6429" s="5" t="s">
        <v>39</v>
      </c>
      <c r="P6429" s="5" t="s">
        <v>40</v>
      </c>
      <c r="Q6429" s="5" t="s">
        <v>1522</v>
      </c>
      <c r="R6429" s="5" t="s">
        <v>1523</v>
      </c>
      <c r="S6429" s="5" t="s">
        <v>42</v>
      </c>
      <c r="T6429" s="2">
        <v>2.0219999999999998</v>
      </c>
      <c r="U6429" s="2">
        <v>1.645</v>
      </c>
      <c r="V6429" s="2">
        <v>10.6</v>
      </c>
      <c r="W6429" s="2">
        <v>139.1</v>
      </c>
      <c r="X6429" s="2">
        <v>7.6</v>
      </c>
      <c r="Y6429" s="2">
        <v>10.6</v>
      </c>
      <c r="Z6429" s="5"/>
      <c r="AA6429" s="5" t="s">
        <v>43</v>
      </c>
      <c r="AB6429" s="5" t="s">
        <v>44</v>
      </c>
      <c r="AC6429" s="2"/>
      <c r="AD6429" s="1"/>
    </row>
    <row r="6430" spans="1:30">
      <c r="A6430" s="5" t="s">
        <v>83578</v>
      </c>
      <c r="B6430" s="2" t="s">
        <v>103405</v>
      </c>
      <c r="C6430" s="14" t="s">
        <v>103406</v>
      </c>
      <c r="D6430" s="2" t="s">
        <v>103407</v>
      </c>
      <c r="E6430" s="2" t="s">
        <v>7574</v>
      </c>
      <c r="F6430" s="8">
        <v>189</v>
      </c>
      <c r="G6430" s="5">
        <v>6</v>
      </c>
      <c r="H6430" s="5" t="s">
        <v>1518</v>
      </c>
      <c r="I6430" s="5" t="s">
        <v>69038</v>
      </c>
      <c r="J6430" s="2" t="s">
        <v>69039</v>
      </c>
      <c r="K6430" s="5" t="s">
        <v>69038</v>
      </c>
      <c r="L6430" s="2" t="s">
        <v>69039</v>
      </c>
      <c r="M6430" s="5" t="s">
        <v>1521</v>
      </c>
      <c r="N6430" s="5" t="s">
        <v>38</v>
      </c>
      <c r="O6430" s="5" t="s">
        <v>39</v>
      </c>
      <c r="P6430" s="5" t="s">
        <v>40</v>
      </c>
      <c r="Q6430" s="5" t="s">
        <v>1522</v>
      </c>
      <c r="R6430" s="5" t="s">
        <v>1523</v>
      </c>
      <c r="S6430" s="5" t="s">
        <v>42</v>
      </c>
      <c r="T6430" s="2">
        <v>2.1150000000000002</v>
      </c>
      <c r="U6430" s="2">
        <v>1.738</v>
      </c>
      <c r="V6430" s="2">
        <v>10.6</v>
      </c>
      <c r="W6430" s="2">
        <v>139.1</v>
      </c>
      <c r="X6430" s="2">
        <v>7.6</v>
      </c>
      <c r="Y6430" s="2">
        <v>10.6</v>
      </c>
      <c r="Z6430" s="5"/>
      <c r="AA6430" s="5" t="s">
        <v>43</v>
      </c>
      <c r="AB6430" s="5" t="s">
        <v>44</v>
      </c>
      <c r="AC6430" s="2"/>
      <c r="AD6430" s="1"/>
    </row>
    <row r="6431" spans="1:30">
      <c r="A6431" s="5" t="s">
        <v>83578</v>
      </c>
      <c r="B6431" s="2" t="s">
        <v>103408</v>
      </c>
      <c r="C6431" s="14" t="s">
        <v>103409</v>
      </c>
      <c r="D6431" s="2" t="s">
        <v>103410</v>
      </c>
      <c r="E6431" s="2" t="s">
        <v>7449</v>
      </c>
      <c r="F6431" s="8">
        <v>189</v>
      </c>
      <c r="G6431" s="5">
        <v>6</v>
      </c>
      <c r="H6431" s="5" t="s">
        <v>1518</v>
      </c>
      <c r="I6431" s="5" t="s">
        <v>69038</v>
      </c>
      <c r="J6431" s="2" t="s">
        <v>69039</v>
      </c>
      <c r="K6431" s="5" t="s">
        <v>69038</v>
      </c>
      <c r="L6431" s="2" t="s">
        <v>69039</v>
      </c>
      <c r="M6431" s="5" t="s">
        <v>1521</v>
      </c>
      <c r="N6431" s="5" t="s">
        <v>38</v>
      </c>
      <c r="O6431" s="5" t="s">
        <v>39</v>
      </c>
      <c r="P6431" s="5" t="s">
        <v>40</v>
      </c>
      <c r="Q6431" s="5" t="s">
        <v>1522</v>
      </c>
      <c r="R6431" s="5" t="s">
        <v>1523</v>
      </c>
      <c r="S6431" s="5" t="s">
        <v>42</v>
      </c>
      <c r="T6431" s="2">
        <v>2.0219999999999998</v>
      </c>
      <c r="U6431" s="2">
        <v>1.645</v>
      </c>
      <c r="V6431" s="2">
        <v>10.6</v>
      </c>
      <c r="W6431" s="2">
        <v>139.1</v>
      </c>
      <c r="X6431" s="2">
        <v>7.6</v>
      </c>
      <c r="Y6431" s="2">
        <v>10.6</v>
      </c>
      <c r="Z6431" s="5"/>
      <c r="AA6431" s="5" t="s">
        <v>43</v>
      </c>
      <c r="AB6431" s="5" t="s">
        <v>44</v>
      </c>
      <c r="AC6431" s="2"/>
      <c r="AD6431" s="1"/>
    </row>
    <row r="6432" spans="1:30">
      <c r="A6432" s="5" t="s">
        <v>83578</v>
      </c>
      <c r="B6432" s="2" t="s">
        <v>103411</v>
      </c>
      <c r="C6432" s="14" t="s">
        <v>103412</v>
      </c>
      <c r="D6432" s="2" t="s">
        <v>103413</v>
      </c>
      <c r="E6432" s="2" t="s">
        <v>7581</v>
      </c>
      <c r="F6432" s="8">
        <v>189</v>
      </c>
      <c r="G6432" s="5">
        <v>6</v>
      </c>
      <c r="H6432" s="5" t="s">
        <v>1518</v>
      </c>
      <c r="I6432" s="5" t="s">
        <v>69038</v>
      </c>
      <c r="J6432" s="2" t="s">
        <v>69039</v>
      </c>
      <c r="K6432" s="5" t="s">
        <v>69038</v>
      </c>
      <c r="L6432" s="2" t="s">
        <v>69039</v>
      </c>
      <c r="M6432" s="5" t="s">
        <v>1521</v>
      </c>
      <c r="N6432" s="5" t="s">
        <v>38</v>
      </c>
      <c r="O6432" s="5" t="s">
        <v>39</v>
      </c>
      <c r="P6432" s="5" t="s">
        <v>40</v>
      </c>
      <c r="Q6432" s="5" t="s">
        <v>1522</v>
      </c>
      <c r="R6432" s="5" t="s">
        <v>1523</v>
      </c>
      <c r="S6432" s="5" t="s">
        <v>42</v>
      </c>
      <c r="T6432" s="2">
        <v>2.1150000000000002</v>
      </c>
      <c r="U6432" s="2">
        <v>1.738</v>
      </c>
      <c r="V6432" s="2">
        <v>10.6</v>
      </c>
      <c r="W6432" s="2">
        <v>139.1</v>
      </c>
      <c r="X6432" s="2">
        <v>7.6</v>
      </c>
      <c r="Y6432" s="2">
        <v>10.6</v>
      </c>
      <c r="Z6432" s="5"/>
      <c r="AA6432" s="5" t="s">
        <v>43</v>
      </c>
      <c r="AB6432" s="5" t="s">
        <v>44</v>
      </c>
      <c r="AC6432" s="2"/>
      <c r="AD6432" s="1"/>
    </row>
    <row r="6433" spans="1:30">
      <c r="A6433" s="5" t="s">
        <v>83578</v>
      </c>
      <c r="B6433" s="2" t="s">
        <v>103414</v>
      </c>
      <c r="C6433" s="14" t="s">
        <v>103415</v>
      </c>
      <c r="D6433" s="2" t="s">
        <v>103416</v>
      </c>
      <c r="E6433" s="2" t="s">
        <v>7585</v>
      </c>
      <c r="F6433" s="8">
        <v>189</v>
      </c>
      <c r="G6433" s="5">
        <v>6</v>
      </c>
      <c r="H6433" s="5" t="s">
        <v>1518</v>
      </c>
      <c r="I6433" s="5" t="s">
        <v>69038</v>
      </c>
      <c r="J6433" s="2" t="s">
        <v>69039</v>
      </c>
      <c r="K6433" s="5" t="s">
        <v>69038</v>
      </c>
      <c r="L6433" s="2" t="s">
        <v>69039</v>
      </c>
      <c r="M6433" s="5" t="s">
        <v>1521</v>
      </c>
      <c r="N6433" s="5" t="s">
        <v>38</v>
      </c>
      <c r="O6433" s="5" t="s">
        <v>39</v>
      </c>
      <c r="P6433" s="5" t="s">
        <v>40</v>
      </c>
      <c r="Q6433" s="5" t="s">
        <v>1522</v>
      </c>
      <c r="R6433" s="5" t="s">
        <v>1523</v>
      </c>
      <c r="S6433" s="5" t="s">
        <v>42</v>
      </c>
      <c r="T6433" s="2">
        <v>2.0219999999999998</v>
      </c>
      <c r="U6433" s="2">
        <v>1.645</v>
      </c>
      <c r="V6433" s="2">
        <v>10.6</v>
      </c>
      <c r="W6433" s="2">
        <v>139.1</v>
      </c>
      <c r="X6433" s="2">
        <v>7.6</v>
      </c>
      <c r="Y6433" s="2">
        <v>10.6</v>
      </c>
      <c r="Z6433" s="5"/>
      <c r="AA6433" s="5" t="s">
        <v>43</v>
      </c>
      <c r="AB6433" s="5" t="s">
        <v>44</v>
      </c>
      <c r="AC6433" s="2"/>
      <c r="AD6433" s="1"/>
    </row>
    <row r="6434" spans="1:30">
      <c r="A6434" s="5" t="s">
        <v>83578</v>
      </c>
      <c r="B6434" s="2" t="s">
        <v>103417</v>
      </c>
      <c r="C6434" s="14" t="s">
        <v>103418</v>
      </c>
      <c r="D6434" s="2" t="s">
        <v>103419</v>
      </c>
      <c r="E6434" s="2" t="s">
        <v>7589</v>
      </c>
      <c r="F6434" s="8">
        <v>189</v>
      </c>
      <c r="G6434" s="5">
        <v>6</v>
      </c>
      <c r="H6434" s="5" t="s">
        <v>1518</v>
      </c>
      <c r="I6434" s="5" t="s">
        <v>69038</v>
      </c>
      <c r="J6434" s="2" t="s">
        <v>69039</v>
      </c>
      <c r="K6434" s="5" t="s">
        <v>69038</v>
      </c>
      <c r="L6434" s="2" t="s">
        <v>69039</v>
      </c>
      <c r="M6434" s="5" t="s">
        <v>1521</v>
      </c>
      <c r="N6434" s="5" t="s">
        <v>38</v>
      </c>
      <c r="O6434" s="5" t="s">
        <v>39</v>
      </c>
      <c r="P6434" s="5" t="s">
        <v>40</v>
      </c>
      <c r="Q6434" s="5" t="s">
        <v>1522</v>
      </c>
      <c r="R6434" s="5" t="s">
        <v>1523</v>
      </c>
      <c r="S6434" s="5" t="s">
        <v>42</v>
      </c>
      <c r="T6434" s="2">
        <v>2.1150000000000002</v>
      </c>
      <c r="U6434" s="2">
        <v>1.738</v>
      </c>
      <c r="V6434" s="2">
        <v>10.6</v>
      </c>
      <c r="W6434" s="2">
        <v>139.1</v>
      </c>
      <c r="X6434" s="2">
        <v>7.6</v>
      </c>
      <c r="Y6434" s="2">
        <v>10.6</v>
      </c>
      <c r="Z6434" s="5"/>
      <c r="AA6434" s="5" t="s">
        <v>43</v>
      </c>
      <c r="AB6434" s="5" t="s">
        <v>44</v>
      </c>
      <c r="AC6434" s="2"/>
      <c r="AD6434" s="1"/>
    </row>
    <row r="6435" spans="1:30">
      <c r="A6435" s="5" t="s">
        <v>83578</v>
      </c>
      <c r="B6435" s="2" t="s">
        <v>103420</v>
      </c>
      <c r="C6435" s="14" t="s">
        <v>103421</v>
      </c>
      <c r="D6435" s="2" t="s">
        <v>103422</v>
      </c>
      <c r="E6435" s="2" t="s">
        <v>7593</v>
      </c>
      <c r="F6435" s="8">
        <v>189</v>
      </c>
      <c r="G6435" s="5">
        <v>6</v>
      </c>
      <c r="H6435" s="5" t="s">
        <v>1518</v>
      </c>
      <c r="I6435" s="5" t="s">
        <v>69038</v>
      </c>
      <c r="J6435" s="2" t="s">
        <v>69039</v>
      </c>
      <c r="K6435" s="5" t="s">
        <v>69038</v>
      </c>
      <c r="L6435" s="2" t="s">
        <v>69039</v>
      </c>
      <c r="M6435" s="5" t="s">
        <v>1521</v>
      </c>
      <c r="N6435" s="5" t="s">
        <v>38</v>
      </c>
      <c r="O6435" s="5" t="s">
        <v>39</v>
      </c>
      <c r="P6435" s="5" t="s">
        <v>40</v>
      </c>
      <c r="Q6435" s="5" t="s">
        <v>1522</v>
      </c>
      <c r="R6435" s="5" t="s">
        <v>1523</v>
      </c>
      <c r="S6435" s="5" t="s">
        <v>42</v>
      </c>
      <c r="T6435" s="2">
        <v>2.0219999999999998</v>
      </c>
      <c r="U6435" s="2">
        <v>1.645</v>
      </c>
      <c r="V6435" s="2">
        <v>10.6</v>
      </c>
      <c r="W6435" s="2">
        <v>139.1</v>
      </c>
      <c r="X6435" s="2">
        <v>7.6</v>
      </c>
      <c r="Y6435" s="2">
        <v>10.6</v>
      </c>
      <c r="Z6435" s="5"/>
      <c r="AA6435" s="5" t="s">
        <v>43</v>
      </c>
      <c r="AB6435" s="5" t="s">
        <v>44</v>
      </c>
      <c r="AC6435" s="2"/>
      <c r="AD6435" s="1"/>
    </row>
    <row r="6436" spans="1:30">
      <c r="A6436" s="5" t="s">
        <v>83578</v>
      </c>
      <c r="B6436" s="2" t="s">
        <v>103423</v>
      </c>
      <c r="C6436" s="14" t="s">
        <v>103424</v>
      </c>
      <c r="D6436" s="2" t="s">
        <v>103425</v>
      </c>
      <c r="E6436" s="2" t="s">
        <v>7597</v>
      </c>
      <c r="F6436" s="8">
        <v>189</v>
      </c>
      <c r="G6436" s="5">
        <v>6</v>
      </c>
      <c r="H6436" s="5" t="s">
        <v>1518</v>
      </c>
      <c r="I6436" s="5" t="s">
        <v>69038</v>
      </c>
      <c r="J6436" s="2" t="s">
        <v>69039</v>
      </c>
      <c r="K6436" s="5" t="s">
        <v>69038</v>
      </c>
      <c r="L6436" s="2" t="s">
        <v>69039</v>
      </c>
      <c r="M6436" s="5" t="s">
        <v>1521</v>
      </c>
      <c r="N6436" s="5" t="s">
        <v>38</v>
      </c>
      <c r="O6436" s="5" t="s">
        <v>39</v>
      </c>
      <c r="P6436" s="5" t="s">
        <v>40</v>
      </c>
      <c r="Q6436" s="5" t="s">
        <v>1522</v>
      </c>
      <c r="R6436" s="5" t="s">
        <v>1523</v>
      </c>
      <c r="S6436" s="5" t="s">
        <v>42</v>
      </c>
      <c r="T6436" s="2">
        <v>2.1150000000000002</v>
      </c>
      <c r="U6436" s="2">
        <v>1.738</v>
      </c>
      <c r="V6436" s="2">
        <v>10.6</v>
      </c>
      <c r="W6436" s="2">
        <v>139.1</v>
      </c>
      <c r="X6436" s="2">
        <v>7.6</v>
      </c>
      <c r="Y6436" s="2">
        <v>10.6</v>
      </c>
      <c r="Z6436" s="5"/>
      <c r="AA6436" s="5" t="s">
        <v>43</v>
      </c>
      <c r="AB6436" s="5" t="s">
        <v>44</v>
      </c>
      <c r="AC6436" s="2"/>
      <c r="AD6436" s="1"/>
    </row>
    <row r="6437" spans="1:30">
      <c r="A6437" s="5" t="s">
        <v>83578</v>
      </c>
      <c r="B6437" s="2" t="s">
        <v>103426</v>
      </c>
      <c r="C6437" s="14" t="s">
        <v>103427</v>
      </c>
      <c r="D6437" s="2" t="s">
        <v>103428</v>
      </c>
      <c r="E6437" s="2" t="s">
        <v>7433</v>
      </c>
      <c r="F6437" s="8">
        <v>189</v>
      </c>
      <c r="G6437" s="5">
        <v>6</v>
      </c>
      <c r="H6437" s="5" t="s">
        <v>1518</v>
      </c>
      <c r="I6437" s="5" t="s">
        <v>69038</v>
      </c>
      <c r="J6437" s="2" t="s">
        <v>69039</v>
      </c>
      <c r="K6437" s="5" t="s">
        <v>69038</v>
      </c>
      <c r="L6437" s="2" t="s">
        <v>69039</v>
      </c>
      <c r="M6437" s="5" t="s">
        <v>1521</v>
      </c>
      <c r="N6437" s="5" t="s">
        <v>38</v>
      </c>
      <c r="O6437" s="5" t="s">
        <v>39</v>
      </c>
      <c r="P6437" s="5" t="s">
        <v>40</v>
      </c>
      <c r="Q6437" s="5" t="s">
        <v>1522</v>
      </c>
      <c r="R6437" s="5" t="s">
        <v>1523</v>
      </c>
      <c r="S6437" s="5" t="s">
        <v>42</v>
      </c>
      <c r="T6437" s="2">
        <v>2.0219999999999998</v>
      </c>
      <c r="U6437" s="2">
        <v>1.645</v>
      </c>
      <c r="V6437" s="2">
        <v>10.6</v>
      </c>
      <c r="W6437" s="2">
        <v>139.1</v>
      </c>
      <c r="X6437" s="2">
        <v>7.6</v>
      </c>
      <c r="Y6437" s="2">
        <v>10.6</v>
      </c>
      <c r="Z6437" s="5"/>
      <c r="AA6437" s="5" t="s">
        <v>43</v>
      </c>
      <c r="AB6437" s="5" t="s">
        <v>44</v>
      </c>
      <c r="AC6437" s="2"/>
      <c r="AD6437" s="1"/>
    </row>
    <row r="6438" spans="1:30">
      <c r="A6438" s="5" t="s">
        <v>83578</v>
      </c>
      <c r="B6438" s="2" t="s">
        <v>103429</v>
      </c>
      <c r="C6438" s="14" t="s">
        <v>103430</v>
      </c>
      <c r="D6438" s="2" t="s">
        <v>103431</v>
      </c>
      <c r="E6438" s="2" t="s">
        <v>7611</v>
      </c>
      <c r="F6438" s="8">
        <v>189</v>
      </c>
      <c r="G6438" s="5">
        <v>6</v>
      </c>
      <c r="H6438" s="5" t="s">
        <v>1518</v>
      </c>
      <c r="I6438" s="5" t="s">
        <v>69038</v>
      </c>
      <c r="J6438" s="2" t="s">
        <v>69039</v>
      </c>
      <c r="K6438" s="5" t="s">
        <v>69038</v>
      </c>
      <c r="L6438" s="2" t="s">
        <v>69039</v>
      </c>
      <c r="M6438" s="5" t="s">
        <v>1521</v>
      </c>
      <c r="N6438" s="5" t="s">
        <v>38</v>
      </c>
      <c r="O6438" s="5" t="s">
        <v>39</v>
      </c>
      <c r="P6438" s="5" t="s">
        <v>40</v>
      </c>
      <c r="Q6438" s="5" t="s">
        <v>1522</v>
      </c>
      <c r="R6438" s="5" t="s">
        <v>1523</v>
      </c>
      <c r="S6438" s="5" t="s">
        <v>42</v>
      </c>
      <c r="T6438" s="2">
        <v>2.1150000000000002</v>
      </c>
      <c r="U6438" s="2">
        <v>1.738</v>
      </c>
      <c r="V6438" s="2">
        <v>10.6</v>
      </c>
      <c r="W6438" s="2">
        <v>139.1</v>
      </c>
      <c r="X6438" s="2">
        <v>7.6</v>
      </c>
      <c r="Y6438" s="2">
        <v>10.6</v>
      </c>
      <c r="Z6438" s="5"/>
      <c r="AA6438" s="5" t="s">
        <v>43</v>
      </c>
      <c r="AB6438" s="5" t="s">
        <v>44</v>
      </c>
      <c r="AC6438" s="2"/>
      <c r="AD6438" s="1"/>
    </row>
    <row r="6439" spans="1:30">
      <c r="A6439" s="5" t="s">
        <v>83578</v>
      </c>
      <c r="B6439" s="2" t="s">
        <v>103432</v>
      </c>
      <c r="C6439" s="14" t="s">
        <v>103433</v>
      </c>
      <c r="D6439" s="2" t="s">
        <v>103434</v>
      </c>
      <c r="E6439" s="2" t="s">
        <v>7615</v>
      </c>
      <c r="F6439" s="8">
        <v>189</v>
      </c>
      <c r="G6439" s="5">
        <v>6</v>
      </c>
      <c r="H6439" s="5" t="s">
        <v>1518</v>
      </c>
      <c r="I6439" s="5" t="s">
        <v>69038</v>
      </c>
      <c r="J6439" s="2" t="s">
        <v>69039</v>
      </c>
      <c r="K6439" s="5" t="s">
        <v>69038</v>
      </c>
      <c r="L6439" s="2" t="s">
        <v>69039</v>
      </c>
      <c r="M6439" s="5" t="s">
        <v>1521</v>
      </c>
      <c r="N6439" s="5" t="s">
        <v>38</v>
      </c>
      <c r="O6439" s="5" t="s">
        <v>39</v>
      </c>
      <c r="P6439" s="5" t="s">
        <v>40</v>
      </c>
      <c r="Q6439" s="5" t="s">
        <v>1522</v>
      </c>
      <c r="R6439" s="5" t="s">
        <v>1523</v>
      </c>
      <c r="S6439" s="5" t="s">
        <v>42</v>
      </c>
      <c r="T6439" s="2">
        <v>2.0219999999999998</v>
      </c>
      <c r="U6439" s="2">
        <v>1.645</v>
      </c>
      <c r="V6439" s="2">
        <v>10.6</v>
      </c>
      <c r="W6439" s="2">
        <v>139.1</v>
      </c>
      <c r="X6439" s="2">
        <v>7.6</v>
      </c>
      <c r="Y6439" s="2">
        <v>10.6</v>
      </c>
      <c r="Z6439" s="5"/>
      <c r="AA6439" s="5" t="s">
        <v>43</v>
      </c>
      <c r="AB6439" s="5" t="s">
        <v>44</v>
      </c>
      <c r="AC6439" s="2"/>
      <c r="AD6439" s="1"/>
    </row>
    <row r="6440" spans="1:30">
      <c r="A6440" s="5" t="s">
        <v>83578</v>
      </c>
      <c r="B6440" s="2" t="s">
        <v>103435</v>
      </c>
      <c r="C6440" s="14" t="s">
        <v>103436</v>
      </c>
      <c r="D6440" s="2" t="s">
        <v>103437</v>
      </c>
      <c r="E6440" s="2" t="s">
        <v>7619</v>
      </c>
      <c r="F6440" s="8">
        <v>189</v>
      </c>
      <c r="G6440" s="5">
        <v>6</v>
      </c>
      <c r="H6440" s="5" t="s">
        <v>1518</v>
      </c>
      <c r="I6440" s="5" t="s">
        <v>69038</v>
      </c>
      <c r="J6440" s="2" t="s">
        <v>69039</v>
      </c>
      <c r="K6440" s="5" t="s">
        <v>69038</v>
      </c>
      <c r="L6440" s="2" t="s">
        <v>69039</v>
      </c>
      <c r="M6440" s="5" t="s">
        <v>1521</v>
      </c>
      <c r="N6440" s="5" t="s">
        <v>38</v>
      </c>
      <c r="O6440" s="5" t="s">
        <v>39</v>
      </c>
      <c r="P6440" s="5" t="s">
        <v>40</v>
      </c>
      <c r="Q6440" s="5" t="s">
        <v>1522</v>
      </c>
      <c r="R6440" s="5" t="s">
        <v>1523</v>
      </c>
      <c r="S6440" s="5" t="s">
        <v>42</v>
      </c>
      <c r="T6440" s="2">
        <v>2.1150000000000002</v>
      </c>
      <c r="U6440" s="2">
        <v>1.738</v>
      </c>
      <c r="V6440" s="2">
        <v>10.6</v>
      </c>
      <c r="W6440" s="2">
        <v>139.1</v>
      </c>
      <c r="X6440" s="2">
        <v>7.6</v>
      </c>
      <c r="Y6440" s="2">
        <v>10.6</v>
      </c>
      <c r="Z6440" s="5"/>
      <c r="AA6440" s="5" t="s">
        <v>43</v>
      </c>
      <c r="AB6440" s="5" t="s">
        <v>44</v>
      </c>
      <c r="AC6440" s="2"/>
      <c r="AD6440" s="1"/>
    </row>
    <row r="6441" spans="1:30">
      <c r="A6441" s="5" t="s">
        <v>83578</v>
      </c>
      <c r="B6441" s="2" t="s">
        <v>103438</v>
      </c>
      <c r="C6441" s="14" t="s">
        <v>103439</v>
      </c>
      <c r="D6441" s="2" t="s">
        <v>103440</v>
      </c>
      <c r="E6441" s="2" t="s">
        <v>7410</v>
      </c>
      <c r="F6441" s="8">
        <v>189</v>
      </c>
      <c r="G6441" s="5">
        <v>6</v>
      </c>
      <c r="H6441" s="5" t="s">
        <v>1518</v>
      </c>
      <c r="I6441" s="5" t="s">
        <v>69038</v>
      </c>
      <c r="J6441" s="2" t="s">
        <v>69039</v>
      </c>
      <c r="K6441" s="5" t="s">
        <v>69038</v>
      </c>
      <c r="L6441" s="2" t="s">
        <v>69039</v>
      </c>
      <c r="M6441" s="5" t="s">
        <v>1521</v>
      </c>
      <c r="N6441" s="5" t="s">
        <v>38</v>
      </c>
      <c r="O6441" s="5" t="s">
        <v>39</v>
      </c>
      <c r="P6441" s="5" t="s">
        <v>40</v>
      </c>
      <c r="Q6441" s="5" t="s">
        <v>1522</v>
      </c>
      <c r="R6441" s="5" t="s">
        <v>1523</v>
      </c>
      <c r="S6441" s="5" t="s">
        <v>42</v>
      </c>
      <c r="T6441" s="2">
        <v>2.0219999999999998</v>
      </c>
      <c r="U6441" s="2">
        <v>1.645</v>
      </c>
      <c r="V6441" s="2">
        <v>10.6</v>
      </c>
      <c r="W6441" s="2">
        <v>139.1</v>
      </c>
      <c r="X6441" s="2">
        <v>7.6</v>
      </c>
      <c r="Y6441" s="2">
        <v>10.6</v>
      </c>
      <c r="Z6441" s="5"/>
      <c r="AA6441" s="5" t="s">
        <v>43</v>
      </c>
      <c r="AB6441" s="5" t="s">
        <v>44</v>
      </c>
      <c r="AC6441" s="2"/>
      <c r="AD6441" s="1"/>
    </row>
    <row r="6442" spans="1:30">
      <c r="A6442" s="5" t="s">
        <v>83578</v>
      </c>
      <c r="B6442" s="2" t="s">
        <v>103441</v>
      </c>
      <c r="C6442" s="14" t="s">
        <v>103442</v>
      </c>
      <c r="D6442" s="2" t="s">
        <v>103443</v>
      </c>
      <c r="E6442" s="2" t="s">
        <v>7604</v>
      </c>
      <c r="F6442" s="8">
        <v>189</v>
      </c>
      <c r="G6442" s="5">
        <v>6</v>
      </c>
      <c r="H6442" s="5" t="s">
        <v>1518</v>
      </c>
      <c r="I6442" s="5" t="s">
        <v>69038</v>
      </c>
      <c r="J6442" s="2" t="s">
        <v>69039</v>
      </c>
      <c r="K6442" s="5" t="s">
        <v>69038</v>
      </c>
      <c r="L6442" s="2" t="s">
        <v>69039</v>
      </c>
      <c r="M6442" s="5" t="s">
        <v>1521</v>
      </c>
      <c r="N6442" s="5" t="s">
        <v>38</v>
      </c>
      <c r="O6442" s="5" t="s">
        <v>39</v>
      </c>
      <c r="P6442" s="5" t="s">
        <v>40</v>
      </c>
      <c r="Q6442" s="5" t="s">
        <v>1522</v>
      </c>
      <c r="R6442" s="5" t="s">
        <v>1523</v>
      </c>
      <c r="S6442" s="5" t="s">
        <v>42</v>
      </c>
      <c r="T6442" s="2">
        <v>2.1150000000000002</v>
      </c>
      <c r="U6442" s="2">
        <v>1.738</v>
      </c>
      <c r="V6442" s="2">
        <v>10.6</v>
      </c>
      <c r="W6442" s="2">
        <v>139.1</v>
      </c>
      <c r="X6442" s="2">
        <v>7.6</v>
      </c>
      <c r="Y6442" s="2">
        <v>10.6</v>
      </c>
      <c r="Z6442" s="5"/>
      <c r="AA6442" s="5" t="s">
        <v>43</v>
      </c>
      <c r="AB6442" s="5" t="s">
        <v>44</v>
      </c>
      <c r="AC6442" s="2"/>
      <c r="AD6442" s="1"/>
    </row>
    <row r="6443" spans="1:30">
      <c r="A6443" s="5" t="s">
        <v>83578</v>
      </c>
      <c r="B6443" s="2" t="s">
        <v>103444</v>
      </c>
      <c r="C6443" s="14" t="s">
        <v>103445</v>
      </c>
      <c r="D6443" s="2" t="s">
        <v>103446</v>
      </c>
      <c r="E6443" s="2" t="s">
        <v>7212</v>
      </c>
      <c r="F6443" s="8">
        <v>164</v>
      </c>
      <c r="G6443" s="5">
        <v>6</v>
      </c>
      <c r="H6443" s="5" t="s">
        <v>1518</v>
      </c>
      <c r="I6443" s="5" t="s">
        <v>69038</v>
      </c>
      <c r="J6443" s="2" t="s">
        <v>69039</v>
      </c>
      <c r="K6443" s="5" t="s">
        <v>69038</v>
      </c>
      <c r="L6443" s="2" t="s">
        <v>69039</v>
      </c>
      <c r="M6443" s="5" t="s">
        <v>1521</v>
      </c>
      <c r="N6443" s="5" t="s">
        <v>38</v>
      </c>
      <c r="O6443" s="5" t="s">
        <v>39</v>
      </c>
      <c r="P6443" s="5" t="s">
        <v>40</v>
      </c>
      <c r="Q6443" s="5" t="s">
        <v>1522</v>
      </c>
      <c r="R6443" s="5" t="s">
        <v>1523</v>
      </c>
      <c r="S6443" s="5" t="s">
        <v>42</v>
      </c>
      <c r="T6443" s="2">
        <v>2.0219999999999998</v>
      </c>
      <c r="U6443" s="2">
        <v>1.645</v>
      </c>
      <c r="V6443" s="2">
        <v>10.6</v>
      </c>
      <c r="W6443" s="2">
        <v>139.1</v>
      </c>
      <c r="X6443" s="2">
        <v>7.6</v>
      </c>
      <c r="Y6443" s="2">
        <v>10.6</v>
      </c>
      <c r="Z6443" s="5"/>
      <c r="AA6443" s="5" t="s">
        <v>43</v>
      </c>
      <c r="AB6443" s="5" t="s">
        <v>44</v>
      </c>
      <c r="AC6443" s="2"/>
      <c r="AD6443" s="1"/>
    </row>
    <row r="6444" spans="1:30">
      <c r="A6444" s="5" t="s">
        <v>83578</v>
      </c>
      <c r="B6444" s="2" t="s">
        <v>103447</v>
      </c>
      <c r="C6444" s="14" t="s">
        <v>103448</v>
      </c>
      <c r="D6444" s="2" t="s">
        <v>103449</v>
      </c>
      <c r="E6444" s="2" t="s">
        <v>7528</v>
      </c>
      <c r="F6444" s="8">
        <v>164</v>
      </c>
      <c r="G6444" s="5">
        <v>6</v>
      </c>
      <c r="H6444" s="5" t="s">
        <v>1518</v>
      </c>
      <c r="I6444" s="5" t="s">
        <v>69038</v>
      </c>
      <c r="J6444" s="2" t="s">
        <v>69039</v>
      </c>
      <c r="K6444" s="5" t="s">
        <v>69038</v>
      </c>
      <c r="L6444" s="2" t="s">
        <v>69039</v>
      </c>
      <c r="M6444" s="5" t="s">
        <v>1521</v>
      </c>
      <c r="N6444" s="5" t="s">
        <v>38</v>
      </c>
      <c r="O6444" s="5" t="s">
        <v>39</v>
      </c>
      <c r="P6444" s="5" t="s">
        <v>40</v>
      </c>
      <c r="Q6444" s="5" t="s">
        <v>1522</v>
      </c>
      <c r="R6444" s="5" t="s">
        <v>1523</v>
      </c>
      <c r="S6444" s="5" t="s">
        <v>42</v>
      </c>
      <c r="T6444" s="2">
        <v>2.1150000000000002</v>
      </c>
      <c r="U6444" s="2">
        <v>1.738</v>
      </c>
      <c r="V6444" s="2">
        <v>10.6</v>
      </c>
      <c r="W6444" s="2">
        <v>139.1</v>
      </c>
      <c r="X6444" s="2">
        <v>7.6</v>
      </c>
      <c r="Y6444" s="2">
        <v>10.6</v>
      </c>
      <c r="Z6444" s="5"/>
      <c r="AA6444" s="5" t="s">
        <v>43</v>
      </c>
      <c r="AB6444" s="5" t="s">
        <v>44</v>
      </c>
      <c r="AC6444" s="2"/>
      <c r="AD6444" s="1"/>
    </row>
    <row r="6445" spans="1:30">
      <c r="A6445" s="5" t="s">
        <v>83578</v>
      </c>
      <c r="B6445" s="2" t="s">
        <v>103450</v>
      </c>
      <c r="C6445" s="14" t="s">
        <v>103451</v>
      </c>
      <c r="D6445" s="2" t="s">
        <v>103452</v>
      </c>
      <c r="E6445" s="2" t="s">
        <v>7204</v>
      </c>
      <c r="F6445" s="8">
        <v>138</v>
      </c>
      <c r="G6445" s="5">
        <v>6</v>
      </c>
      <c r="H6445" s="5" t="s">
        <v>1518</v>
      </c>
      <c r="I6445" s="5" t="s">
        <v>69038</v>
      </c>
      <c r="J6445" s="2" t="s">
        <v>69039</v>
      </c>
      <c r="K6445" s="5" t="s">
        <v>69038</v>
      </c>
      <c r="L6445" s="2" t="s">
        <v>69039</v>
      </c>
      <c r="M6445" s="5" t="s">
        <v>1521</v>
      </c>
      <c r="N6445" s="5" t="s">
        <v>38</v>
      </c>
      <c r="O6445" s="5" t="s">
        <v>39</v>
      </c>
      <c r="P6445" s="5" t="s">
        <v>40</v>
      </c>
      <c r="Q6445" s="5" t="s">
        <v>1522</v>
      </c>
      <c r="R6445" s="5" t="s">
        <v>1523</v>
      </c>
      <c r="S6445" s="5" t="s">
        <v>42</v>
      </c>
      <c r="T6445" s="2">
        <v>1.4059999999999999</v>
      </c>
      <c r="U6445" s="2">
        <v>1.0820000000000001</v>
      </c>
      <c r="V6445" s="2">
        <v>10.6</v>
      </c>
      <c r="W6445" s="2">
        <v>118.9</v>
      </c>
      <c r="X6445" s="2">
        <v>7.6</v>
      </c>
      <c r="Y6445" s="2">
        <v>10.6</v>
      </c>
      <c r="Z6445" s="5"/>
      <c r="AA6445" s="5" t="s">
        <v>43</v>
      </c>
      <c r="AB6445" s="5" t="s">
        <v>44</v>
      </c>
      <c r="AC6445" s="2"/>
      <c r="AD6445" s="1"/>
    </row>
    <row r="6446" spans="1:30">
      <c r="A6446" s="5" t="s">
        <v>83578</v>
      </c>
      <c r="B6446" s="2" t="s">
        <v>103453</v>
      </c>
      <c r="C6446" s="14" t="s">
        <v>103454</v>
      </c>
      <c r="D6446" s="2" t="s">
        <v>103455</v>
      </c>
      <c r="E6446" s="2" t="s">
        <v>7208</v>
      </c>
      <c r="F6446" s="8">
        <v>138</v>
      </c>
      <c r="G6446" s="5">
        <v>6</v>
      </c>
      <c r="H6446" s="5" t="s">
        <v>1518</v>
      </c>
      <c r="I6446" s="5" t="s">
        <v>69038</v>
      </c>
      <c r="J6446" s="2" t="s">
        <v>69039</v>
      </c>
      <c r="K6446" s="5" t="s">
        <v>69038</v>
      </c>
      <c r="L6446" s="2" t="s">
        <v>69039</v>
      </c>
      <c r="M6446" s="5" t="s">
        <v>1521</v>
      </c>
      <c r="N6446" s="5" t="s">
        <v>38</v>
      </c>
      <c r="O6446" s="5" t="s">
        <v>39</v>
      </c>
      <c r="P6446" s="5" t="s">
        <v>40</v>
      </c>
      <c r="Q6446" s="5" t="s">
        <v>1522</v>
      </c>
      <c r="R6446" s="5" t="s">
        <v>1523</v>
      </c>
      <c r="S6446" s="5" t="s">
        <v>42</v>
      </c>
      <c r="T6446" s="2">
        <v>1.4059999999999999</v>
      </c>
      <c r="U6446" s="2">
        <v>1.0820000000000001</v>
      </c>
      <c r="V6446" s="2">
        <v>10.6</v>
      </c>
      <c r="W6446" s="2">
        <v>118.9</v>
      </c>
      <c r="X6446" s="2">
        <v>7.6</v>
      </c>
      <c r="Y6446" s="2">
        <v>10.6</v>
      </c>
      <c r="Z6446" s="5"/>
      <c r="AA6446" s="5" t="s">
        <v>43</v>
      </c>
      <c r="AB6446" s="5" t="s">
        <v>44</v>
      </c>
      <c r="AC6446" s="2"/>
      <c r="AD6446" s="1"/>
    </row>
    <row r="6447" spans="1:30">
      <c r="A6447" s="5" t="s">
        <v>83578</v>
      </c>
      <c r="B6447" s="2" t="s">
        <v>103456</v>
      </c>
      <c r="C6447" s="14" t="s">
        <v>103457</v>
      </c>
      <c r="D6447" s="2" t="s">
        <v>103458</v>
      </c>
      <c r="E6447" s="2" t="s">
        <v>7521</v>
      </c>
      <c r="F6447" s="8">
        <v>138</v>
      </c>
      <c r="G6447" s="5">
        <v>6</v>
      </c>
      <c r="H6447" s="5" t="s">
        <v>1518</v>
      </c>
      <c r="I6447" s="5" t="s">
        <v>69038</v>
      </c>
      <c r="J6447" s="2" t="s">
        <v>69039</v>
      </c>
      <c r="K6447" s="5" t="s">
        <v>69038</v>
      </c>
      <c r="L6447" s="2" t="s">
        <v>69039</v>
      </c>
      <c r="M6447" s="5" t="s">
        <v>1521</v>
      </c>
      <c r="N6447" s="5" t="s">
        <v>38</v>
      </c>
      <c r="O6447" s="5" t="s">
        <v>39</v>
      </c>
      <c r="P6447" s="5" t="s">
        <v>40</v>
      </c>
      <c r="Q6447" s="5" t="s">
        <v>1522</v>
      </c>
      <c r="R6447" s="5" t="s">
        <v>1523</v>
      </c>
      <c r="S6447" s="5" t="s">
        <v>42</v>
      </c>
      <c r="T6447" s="2">
        <v>1.45</v>
      </c>
      <c r="U6447" s="2">
        <v>1.1259999999999999</v>
      </c>
      <c r="V6447" s="2">
        <v>10.6</v>
      </c>
      <c r="W6447" s="2">
        <v>118.9</v>
      </c>
      <c r="X6447" s="2">
        <v>7.6</v>
      </c>
      <c r="Y6447" s="2">
        <v>10.6</v>
      </c>
      <c r="Z6447" s="5"/>
      <c r="AA6447" s="5" t="s">
        <v>43</v>
      </c>
      <c r="AB6447" s="5" t="s">
        <v>44</v>
      </c>
      <c r="AC6447" s="2"/>
      <c r="AD6447" s="1"/>
    </row>
    <row r="6448" spans="1:30">
      <c r="A6448" s="5" t="s">
        <v>83578</v>
      </c>
      <c r="B6448" s="2" t="s">
        <v>103459</v>
      </c>
      <c r="C6448" s="14" t="s">
        <v>103460</v>
      </c>
      <c r="D6448" s="2" t="s">
        <v>103461</v>
      </c>
      <c r="E6448" s="2" t="s">
        <v>7406</v>
      </c>
      <c r="F6448" s="8">
        <v>159</v>
      </c>
      <c r="G6448" s="5">
        <v>6</v>
      </c>
      <c r="H6448" s="5" t="s">
        <v>1518</v>
      </c>
      <c r="I6448" s="5" t="s">
        <v>69038</v>
      </c>
      <c r="J6448" s="2" t="s">
        <v>69039</v>
      </c>
      <c r="K6448" s="5" t="s">
        <v>69038</v>
      </c>
      <c r="L6448" s="2" t="s">
        <v>69039</v>
      </c>
      <c r="M6448" s="5" t="s">
        <v>1521</v>
      </c>
      <c r="N6448" s="5" t="s">
        <v>38</v>
      </c>
      <c r="O6448" s="5" t="s">
        <v>39</v>
      </c>
      <c r="P6448" s="5" t="s">
        <v>40</v>
      </c>
      <c r="Q6448" s="5" t="s">
        <v>1522</v>
      </c>
      <c r="R6448" s="5" t="s">
        <v>1523</v>
      </c>
      <c r="S6448" s="5" t="s">
        <v>42</v>
      </c>
      <c r="T6448" s="2">
        <v>1.4059999999999999</v>
      </c>
      <c r="U6448" s="2">
        <v>1.0820000000000001</v>
      </c>
      <c r="V6448" s="2">
        <v>10.6</v>
      </c>
      <c r="W6448" s="2">
        <v>118.9</v>
      </c>
      <c r="X6448" s="2">
        <v>7.6</v>
      </c>
      <c r="Y6448" s="2">
        <v>10.6</v>
      </c>
      <c r="Z6448" s="5"/>
      <c r="AA6448" s="5" t="s">
        <v>43</v>
      </c>
      <c r="AB6448" s="5" t="s">
        <v>44</v>
      </c>
      <c r="AC6448" s="2"/>
      <c r="AD6448" s="1"/>
    </row>
    <row r="6449" spans="1:30">
      <c r="A6449" s="5" t="s">
        <v>83578</v>
      </c>
      <c r="B6449" s="2" t="s">
        <v>103462</v>
      </c>
      <c r="C6449" s="14" t="s">
        <v>103463</v>
      </c>
      <c r="D6449" s="2" t="s">
        <v>103464</v>
      </c>
      <c r="E6449" s="2" t="s">
        <v>7535</v>
      </c>
      <c r="F6449" s="8">
        <v>159</v>
      </c>
      <c r="G6449" s="5">
        <v>6</v>
      </c>
      <c r="H6449" s="5" t="s">
        <v>1518</v>
      </c>
      <c r="I6449" s="5" t="s">
        <v>69038</v>
      </c>
      <c r="J6449" s="2" t="s">
        <v>69039</v>
      </c>
      <c r="K6449" s="5" t="s">
        <v>69038</v>
      </c>
      <c r="L6449" s="2" t="s">
        <v>69039</v>
      </c>
      <c r="M6449" s="5" t="s">
        <v>1521</v>
      </c>
      <c r="N6449" s="5" t="s">
        <v>38</v>
      </c>
      <c r="O6449" s="5" t="s">
        <v>39</v>
      </c>
      <c r="P6449" s="5" t="s">
        <v>40</v>
      </c>
      <c r="Q6449" s="5" t="s">
        <v>1522</v>
      </c>
      <c r="R6449" s="5" t="s">
        <v>1523</v>
      </c>
      <c r="S6449" s="5" t="s">
        <v>42</v>
      </c>
      <c r="T6449" s="2">
        <v>1.45</v>
      </c>
      <c r="U6449" s="2">
        <v>1.1259999999999999</v>
      </c>
      <c r="V6449" s="2">
        <v>10.6</v>
      </c>
      <c r="W6449" s="2">
        <v>118.9</v>
      </c>
      <c r="X6449" s="2">
        <v>7.6</v>
      </c>
      <c r="Y6449" s="2">
        <v>10.6</v>
      </c>
      <c r="Z6449" s="5"/>
      <c r="AA6449" s="5" t="s">
        <v>43</v>
      </c>
      <c r="AB6449" s="5" t="s">
        <v>44</v>
      </c>
      <c r="AC6449" s="2"/>
      <c r="AD6449" s="1"/>
    </row>
    <row r="6450" spans="1:30">
      <c r="A6450" s="5" t="s">
        <v>83578</v>
      </c>
      <c r="B6450" s="2" t="s">
        <v>103465</v>
      </c>
      <c r="C6450" s="14" t="s">
        <v>103466</v>
      </c>
      <c r="D6450" s="2" t="s">
        <v>103467</v>
      </c>
      <c r="E6450" s="2" t="s">
        <v>7539</v>
      </c>
      <c r="F6450" s="8">
        <v>159</v>
      </c>
      <c r="G6450" s="5">
        <v>6</v>
      </c>
      <c r="H6450" s="5" t="s">
        <v>1518</v>
      </c>
      <c r="I6450" s="5" t="s">
        <v>69038</v>
      </c>
      <c r="J6450" s="2" t="s">
        <v>69039</v>
      </c>
      <c r="K6450" s="5" t="s">
        <v>69038</v>
      </c>
      <c r="L6450" s="2" t="s">
        <v>69039</v>
      </c>
      <c r="M6450" s="5" t="s">
        <v>1521</v>
      </c>
      <c r="N6450" s="5" t="s">
        <v>38</v>
      </c>
      <c r="O6450" s="5" t="s">
        <v>39</v>
      </c>
      <c r="P6450" s="5" t="s">
        <v>40</v>
      </c>
      <c r="Q6450" s="5" t="s">
        <v>1522</v>
      </c>
      <c r="R6450" s="5" t="s">
        <v>1523</v>
      </c>
      <c r="S6450" s="5" t="s">
        <v>42</v>
      </c>
      <c r="T6450" s="2">
        <v>1.4059999999999999</v>
      </c>
      <c r="U6450" s="2">
        <v>1.0820000000000001</v>
      </c>
      <c r="V6450" s="2">
        <v>10.6</v>
      </c>
      <c r="W6450" s="2">
        <v>118.9</v>
      </c>
      <c r="X6450" s="2">
        <v>7.6</v>
      </c>
      <c r="Y6450" s="2">
        <v>10.6</v>
      </c>
      <c r="Z6450" s="5"/>
      <c r="AA6450" s="5" t="s">
        <v>43</v>
      </c>
      <c r="AB6450" s="5" t="s">
        <v>44</v>
      </c>
      <c r="AC6450" s="2"/>
      <c r="AD6450" s="1"/>
    </row>
    <row r="6451" spans="1:30">
      <c r="A6451" s="5" t="s">
        <v>83578</v>
      </c>
      <c r="B6451" s="2" t="s">
        <v>103468</v>
      </c>
      <c r="C6451" s="14" t="s">
        <v>103469</v>
      </c>
      <c r="D6451" s="2" t="s">
        <v>103470</v>
      </c>
      <c r="E6451" s="2" t="s">
        <v>7543</v>
      </c>
      <c r="F6451" s="8">
        <v>159</v>
      </c>
      <c r="G6451" s="5">
        <v>6</v>
      </c>
      <c r="H6451" s="5" t="s">
        <v>1518</v>
      </c>
      <c r="I6451" s="5" t="s">
        <v>69038</v>
      </c>
      <c r="J6451" s="2" t="s">
        <v>69039</v>
      </c>
      <c r="K6451" s="5" t="s">
        <v>69038</v>
      </c>
      <c r="L6451" s="2" t="s">
        <v>69039</v>
      </c>
      <c r="M6451" s="5" t="s">
        <v>1521</v>
      </c>
      <c r="N6451" s="5" t="s">
        <v>38</v>
      </c>
      <c r="O6451" s="5" t="s">
        <v>39</v>
      </c>
      <c r="P6451" s="5" t="s">
        <v>40</v>
      </c>
      <c r="Q6451" s="5" t="s">
        <v>1522</v>
      </c>
      <c r="R6451" s="5" t="s">
        <v>1523</v>
      </c>
      <c r="S6451" s="5" t="s">
        <v>42</v>
      </c>
      <c r="T6451" s="2">
        <v>1.45</v>
      </c>
      <c r="U6451" s="2">
        <v>1.1259999999999999</v>
      </c>
      <c r="V6451" s="2">
        <v>10.6</v>
      </c>
      <c r="W6451" s="2">
        <v>118.9</v>
      </c>
      <c r="X6451" s="2">
        <v>7.6</v>
      </c>
      <c r="Y6451" s="2">
        <v>10.6</v>
      </c>
      <c r="Z6451" s="5"/>
      <c r="AA6451" s="5" t="s">
        <v>43</v>
      </c>
      <c r="AB6451" s="5" t="s">
        <v>44</v>
      </c>
      <c r="AC6451" s="2"/>
      <c r="AD6451" s="1"/>
    </row>
    <row r="6452" spans="1:30">
      <c r="A6452" s="5" t="s">
        <v>83578</v>
      </c>
      <c r="B6452" s="2" t="s">
        <v>103471</v>
      </c>
      <c r="C6452" s="14" t="s">
        <v>103472</v>
      </c>
      <c r="D6452" s="2" t="s">
        <v>103473</v>
      </c>
      <c r="E6452" s="2" t="s">
        <v>7396</v>
      </c>
      <c r="F6452" s="8">
        <v>138</v>
      </c>
      <c r="G6452" s="5">
        <v>6</v>
      </c>
      <c r="H6452" s="5" t="s">
        <v>1518</v>
      </c>
      <c r="I6452" s="5" t="s">
        <v>69038</v>
      </c>
      <c r="J6452" s="2" t="s">
        <v>69039</v>
      </c>
      <c r="K6452" s="5" t="s">
        <v>69038</v>
      </c>
      <c r="L6452" s="2" t="s">
        <v>69039</v>
      </c>
      <c r="M6452" s="5" t="s">
        <v>1521</v>
      </c>
      <c r="N6452" s="5" t="s">
        <v>38</v>
      </c>
      <c r="O6452" s="5" t="s">
        <v>39</v>
      </c>
      <c r="P6452" s="5" t="s">
        <v>40</v>
      </c>
      <c r="Q6452" s="5" t="s">
        <v>1522</v>
      </c>
      <c r="R6452" s="5" t="s">
        <v>1523</v>
      </c>
      <c r="S6452" s="5" t="s">
        <v>42</v>
      </c>
      <c r="T6452" s="2">
        <v>1.4059999999999999</v>
      </c>
      <c r="U6452" s="2">
        <v>1.0820000000000001</v>
      </c>
      <c r="V6452" s="2">
        <v>10.6</v>
      </c>
      <c r="W6452" s="2">
        <v>118.9</v>
      </c>
      <c r="X6452" s="2">
        <v>7.6</v>
      </c>
      <c r="Y6452" s="2">
        <v>10.6</v>
      </c>
      <c r="Z6452" s="5"/>
      <c r="AA6452" s="5" t="s">
        <v>43</v>
      </c>
      <c r="AB6452" s="5" t="s">
        <v>44</v>
      </c>
      <c r="AC6452" s="2"/>
      <c r="AD6452" s="1"/>
    </row>
    <row r="6453" spans="1:30">
      <c r="A6453" s="5" t="s">
        <v>83578</v>
      </c>
      <c r="B6453" s="2" t="s">
        <v>103474</v>
      </c>
      <c r="C6453" s="14" t="s">
        <v>103475</v>
      </c>
      <c r="D6453" s="2" t="s">
        <v>103476</v>
      </c>
      <c r="E6453" s="2" t="s">
        <v>69112</v>
      </c>
      <c r="F6453" s="8">
        <v>138</v>
      </c>
      <c r="G6453" s="5">
        <v>6</v>
      </c>
      <c r="H6453" s="5" t="s">
        <v>1518</v>
      </c>
      <c r="I6453" s="5" t="s">
        <v>69038</v>
      </c>
      <c r="J6453" s="2" t="s">
        <v>69039</v>
      </c>
      <c r="K6453" s="5" t="s">
        <v>69038</v>
      </c>
      <c r="L6453" s="2" t="s">
        <v>69039</v>
      </c>
      <c r="M6453" s="5" t="s">
        <v>1521</v>
      </c>
      <c r="N6453" s="5" t="s">
        <v>38</v>
      </c>
      <c r="O6453" s="5" t="s">
        <v>39</v>
      </c>
      <c r="P6453" s="5" t="s">
        <v>40</v>
      </c>
      <c r="Q6453" s="5" t="s">
        <v>1522</v>
      </c>
      <c r="R6453" s="5" t="s">
        <v>1523</v>
      </c>
      <c r="S6453" s="5" t="s">
        <v>42</v>
      </c>
      <c r="T6453" s="2">
        <v>1.45</v>
      </c>
      <c r="U6453" s="2">
        <v>1.1259999999999999</v>
      </c>
      <c r="V6453" s="2">
        <v>10.6</v>
      </c>
      <c r="W6453" s="2">
        <v>118.9</v>
      </c>
      <c r="X6453" s="2">
        <v>7.6</v>
      </c>
      <c r="Y6453" s="2">
        <v>10.6</v>
      </c>
      <c r="Z6453" s="5"/>
      <c r="AA6453" s="5" t="s">
        <v>43</v>
      </c>
      <c r="AB6453" s="5" t="s">
        <v>44</v>
      </c>
      <c r="AC6453" s="2"/>
      <c r="AD6453" s="1"/>
    </row>
    <row r="6454" spans="1:30">
      <c r="A6454" s="5" t="s">
        <v>83578</v>
      </c>
      <c r="B6454" s="2" t="s">
        <v>103477</v>
      </c>
      <c r="C6454" s="14" t="s">
        <v>103478</v>
      </c>
      <c r="D6454" s="2" t="s">
        <v>103479</v>
      </c>
      <c r="E6454" s="2" t="s">
        <v>7547</v>
      </c>
      <c r="F6454" s="8">
        <v>159</v>
      </c>
      <c r="G6454" s="5">
        <v>6</v>
      </c>
      <c r="H6454" s="5" t="s">
        <v>1518</v>
      </c>
      <c r="I6454" s="5" t="s">
        <v>69038</v>
      </c>
      <c r="J6454" s="2" t="s">
        <v>69039</v>
      </c>
      <c r="K6454" s="5" t="s">
        <v>69038</v>
      </c>
      <c r="L6454" s="2" t="s">
        <v>69039</v>
      </c>
      <c r="M6454" s="5" t="s">
        <v>1521</v>
      </c>
      <c r="N6454" s="5" t="s">
        <v>38</v>
      </c>
      <c r="O6454" s="5" t="s">
        <v>39</v>
      </c>
      <c r="P6454" s="5" t="s">
        <v>40</v>
      </c>
      <c r="Q6454" s="5" t="s">
        <v>1522</v>
      </c>
      <c r="R6454" s="5" t="s">
        <v>1523</v>
      </c>
      <c r="S6454" s="5" t="s">
        <v>42</v>
      </c>
      <c r="T6454" s="2">
        <v>1.4059999999999999</v>
      </c>
      <c r="U6454" s="2">
        <v>1.0820000000000001</v>
      </c>
      <c r="V6454" s="2">
        <v>10.6</v>
      </c>
      <c r="W6454" s="2">
        <v>118.9</v>
      </c>
      <c r="X6454" s="2">
        <v>7.6</v>
      </c>
      <c r="Y6454" s="2">
        <v>10.6</v>
      </c>
      <c r="Z6454" s="5"/>
      <c r="AA6454" s="5" t="s">
        <v>43</v>
      </c>
      <c r="AB6454" s="5" t="s">
        <v>44</v>
      </c>
      <c r="AC6454" s="2"/>
      <c r="AD6454" s="1"/>
    </row>
    <row r="6455" spans="1:30">
      <c r="A6455" s="5" t="s">
        <v>83578</v>
      </c>
      <c r="B6455" s="2" t="s">
        <v>103480</v>
      </c>
      <c r="C6455" s="14" t="s">
        <v>103481</v>
      </c>
      <c r="D6455" s="2" t="s">
        <v>103482</v>
      </c>
      <c r="E6455" s="2" t="s">
        <v>7551</v>
      </c>
      <c r="F6455" s="8">
        <v>159</v>
      </c>
      <c r="G6455" s="5">
        <v>6</v>
      </c>
      <c r="H6455" s="5" t="s">
        <v>1518</v>
      </c>
      <c r="I6455" s="5" t="s">
        <v>69038</v>
      </c>
      <c r="J6455" s="2" t="s">
        <v>69039</v>
      </c>
      <c r="K6455" s="5" t="s">
        <v>69038</v>
      </c>
      <c r="L6455" s="2" t="s">
        <v>69039</v>
      </c>
      <c r="M6455" s="5" t="s">
        <v>1521</v>
      </c>
      <c r="N6455" s="5" t="s">
        <v>38</v>
      </c>
      <c r="O6455" s="5" t="s">
        <v>39</v>
      </c>
      <c r="P6455" s="5" t="s">
        <v>40</v>
      </c>
      <c r="Q6455" s="5" t="s">
        <v>1522</v>
      </c>
      <c r="R6455" s="5" t="s">
        <v>1523</v>
      </c>
      <c r="S6455" s="5" t="s">
        <v>42</v>
      </c>
      <c r="T6455" s="2">
        <v>1.45</v>
      </c>
      <c r="U6455" s="2">
        <v>1.1259999999999999</v>
      </c>
      <c r="V6455" s="2">
        <v>10.6</v>
      </c>
      <c r="W6455" s="2">
        <v>118.9</v>
      </c>
      <c r="X6455" s="2">
        <v>7.6</v>
      </c>
      <c r="Y6455" s="2">
        <v>10.6</v>
      </c>
      <c r="Z6455" s="5"/>
      <c r="AA6455" s="5" t="s">
        <v>43</v>
      </c>
      <c r="AB6455" s="5" t="s">
        <v>44</v>
      </c>
      <c r="AC6455" s="2"/>
      <c r="AD6455" s="1"/>
    </row>
    <row r="6456" spans="1:30">
      <c r="A6456" s="5" t="s">
        <v>83578</v>
      </c>
      <c r="B6456" s="2" t="s">
        <v>103483</v>
      </c>
      <c r="C6456" s="14" t="s">
        <v>103484</v>
      </c>
      <c r="D6456" s="2" t="s">
        <v>103485</v>
      </c>
      <c r="E6456" s="2" t="s">
        <v>7563</v>
      </c>
      <c r="F6456" s="8">
        <v>159</v>
      </c>
      <c r="G6456" s="5">
        <v>6</v>
      </c>
      <c r="H6456" s="5" t="s">
        <v>1518</v>
      </c>
      <c r="I6456" s="5" t="s">
        <v>69038</v>
      </c>
      <c r="J6456" s="2" t="s">
        <v>69039</v>
      </c>
      <c r="K6456" s="5" t="s">
        <v>69038</v>
      </c>
      <c r="L6456" s="2" t="s">
        <v>69039</v>
      </c>
      <c r="M6456" s="5" t="s">
        <v>1521</v>
      </c>
      <c r="N6456" s="5" t="s">
        <v>38</v>
      </c>
      <c r="O6456" s="5" t="s">
        <v>39</v>
      </c>
      <c r="P6456" s="5" t="s">
        <v>40</v>
      </c>
      <c r="Q6456" s="5" t="s">
        <v>1522</v>
      </c>
      <c r="R6456" s="5" t="s">
        <v>1523</v>
      </c>
      <c r="S6456" s="5" t="s">
        <v>42</v>
      </c>
      <c r="T6456" s="2">
        <v>1.4059999999999999</v>
      </c>
      <c r="U6456" s="2">
        <v>1.0820000000000001</v>
      </c>
      <c r="V6456" s="2">
        <v>10.6</v>
      </c>
      <c r="W6456" s="2">
        <v>118.9</v>
      </c>
      <c r="X6456" s="2">
        <v>7.6</v>
      </c>
      <c r="Y6456" s="2">
        <v>10.6</v>
      </c>
      <c r="Z6456" s="5"/>
      <c r="AA6456" s="5" t="s">
        <v>43</v>
      </c>
      <c r="AB6456" s="5" t="s">
        <v>44</v>
      </c>
      <c r="AC6456" s="2"/>
      <c r="AD6456" s="1"/>
    </row>
    <row r="6457" spans="1:30">
      <c r="A6457" s="5" t="s">
        <v>83578</v>
      </c>
      <c r="B6457" s="2" t="s">
        <v>103486</v>
      </c>
      <c r="C6457" s="14" t="s">
        <v>103487</v>
      </c>
      <c r="D6457" s="2" t="s">
        <v>103488</v>
      </c>
      <c r="E6457" s="2" t="s">
        <v>7567</v>
      </c>
      <c r="F6457" s="8">
        <v>159</v>
      </c>
      <c r="G6457" s="5">
        <v>6</v>
      </c>
      <c r="H6457" s="5" t="s">
        <v>1518</v>
      </c>
      <c r="I6457" s="5" t="s">
        <v>69038</v>
      </c>
      <c r="J6457" s="2" t="s">
        <v>69039</v>
      </c>
      <c r="K6457" s="5" t="s">
        <v>69038</v>
      </c>
      <c r="L6457" s="2" t="s">
        <v>69039</v>
      </c>
      <c r="M6457" s="5" t="s">
        <v>1521</v>
      </c>
      <c r="N6457" s="5" t="s">
        <v>38</v>
      </c>
      <c r="O6457" s="5" t="s">
        <v>39</v>
      </c>
      <c r="P6457" s="5" t="s">
        <v>40</v>
      </c>
      <c r="Q6457" s="5" t="s">
        <v>1522</v>
      </c>
      <c r="R6457" s="5" t="s">
        <v>1523</v>
      </c>
      <c r="S6457" s="5" t="s">
        <v>42</v>
      </c>
      <c r="T6457" s="2">
        <v>1.45</v>
      </c>
      <c r="U6457" s="2">
        <v>1.1259999999999999</v>
      </c>
      <c r="V6457" s="2">
        <v>10.6</v>
      </c>
      <c r="W6457" s="2">
        <v>118.9</v>
      </c>
      <c r="X6457" s="2">
        <v>7.6</v>
      </c>
      <c r="Y6457" s="2">
        <v>10.6</v>
      </c>
      <c r="Z6457" s="5"/>
      <c r="AA6457" s="5" t="s">
        <v>43</v>
      </c>
      <c r="AB6457" s="5" t="s">
        <v>44</v>
      </c>
      <c r="AC6457" s="2"/>
      <c r="AD6457" s="1"/>
    </row>
    <row r="6458" spans="1:30">
      <c r="A6458" s="5" t="s">
        <v>83578</v>
      </c>
      <c r="B6458" s="2" t="s">
        <v>103489</v>
      </c>
      <c r="C6458" s="14" t="s">
        <v>103490</v>
      </c>
      <c r="D6458" s="2" t="s">
        <v>103491</v>
      </c>
      <c r="E6458" s="2" t="s">
        <v>7555</v>
      </c>
      <c r="F6458" s="8">
        <v>159</v>
      </c>
      <c r="G6458" s="5">
        <v>6</v>
      </c>
      <c r="H6458" s="5" t="s">
        <v>1518</v>
      </c>
      <c r="I6458" s="5" t="s">
        <v>69038</v>
      </c>
      <c r="J6458" s="2" t="s">
        <v>69039</v>
      </c>
      <c r="K6458" s="5" t="s">
        <v>69038</v>
      </c>
      <c r="L6458" s="2" t="s">
        <v>69039</v>
      </c>
      <c r="M6458" s="5" t="s">
        <v>1521</v>
      </c>
      <c r="N6458" s="5" t="s">
        <v>38</v>
      </c>
      <c r="O6458" s="5" t="s">
        <v>39</v>
      </c>
      <c r="P6458" s="5" t="s">
        <v>40</v>
      </c>
      <c r="Q6458" s="5" t="s">
        <v>1522</v>
      </c>
      <c r="R6458" s="5" t="s">
        <v>1523</v>
      </c>
      <c r="S6458" s="5" t="s">
        <v>42</v>
      </c>
      <c r="T6458" s="2">
        <v>1.4059999999999999</v>
      </c>
      <c r="U6458" s="2">
        <v>1.0820000000000001</v>
      </c>
      <c r="V6458" s="2">
        <v>10.6</v>
      </c>
      <c r="W6458" s="2">
        <v>118.9</v>
      </c>
      <c r="X6458" s="2">
        <v>7.6</v>
      </c>
      <c r="Y6458" s="2">
        <v>10.6</v>
      </c>
      <c r="Z6458" s="5"/>
      <c r="AA6458" s="5" t="s">
        <v>43</v>
      </c>
      <c r="AB6458" s="5" t="s">
        <v>44</v>
      </c>
      <c r="AC6458" s="2"/>
      <c r="AD6458" s="1"/>
    </row>
    <row r="6459" spans="1:30">
      <c r="A6459" s="5" t="s">
        <v>83578</v>
      </c>
      <c r="B6459" s="2" t="s">
        <v>103492</v>
      </c>
      <c r="C6459" s="14" t="s">
        <v>103493</v>
      </c>
      <c r="D6459" s="2" t="s">
        <v>103494</v>
      </c>
      <c r="E6459" s="2" t="s">
        <v>7559</v>
      </c>
      <c r="F6459" s="8">
        <v>159</v>
      </c>
      <c r="G6459" s="5">
        <v>6</v>
      </c>
      <c r="H6459" s="5" t="s">
        <v>1518</v>
      </c>
      <c r="I6459" s="5" t="s">
        <v>69038</v>
      </c>
      <c r="J6459" s="2" t="s">
        <v>69039</v>
      </c>
      <c r="K6459" s="5" t="s">
        <v>69038</v>
      </c>
      <c r="L6459" s="2" t="s">
        <v>69039</v>
      </c>
      <c r="M6459" s="5" t="s">
        <v>1521</v>
      </c>
      <c r="N6459" s="5" t="s">
        <v>38</v>
      </c>
      <c r="O6459" s="5" t="s">
        <v>39</v>
      </c>
      <c r="P6459" s="5" t="s">
        <v>40</v>
      </c>
      <c r="Q6459" s="5" t="s">
        <v>1522</v>
      </c>
      <c r="R6459" s="5" t="s">
        <v>1523</v>
      </c>
      <c r="S6459" s="5" t="s">
        <v>42</v>
      </c>
      <c r="T6459" s="2">
        <v>1.45</v>
      </c>
      <c r="U6459" s="2">
        <v>1.1259999999999999</v>
      </c>
      <c r="V6459" s="2">
        <v>10.6</v>
      </c>
      <c r="W6459" s="2">
        <v>118.9</v>
      </c>
      <c r="X6459" s="2">
        <v>7.6</v>
      </c>
      <c r="Y6459" s="2">
        <v>10.6</v>
      </c>
      <c r="Z6459" s="5"/>
      <c r="AA6459" s="5" t="s">
        <v>43</v>
      </c>
      <c r="AB6459" s="5" t="s">
        <v>44</v>
      </c>
      <c r="AC6459" s="2"/>
      <c r="AD6459" s="1"/>
    </row>
    <row r="6460" spans="1:30">
      <c r="A6460" s="5" t="s">
        <v>83578</v>
      </c>
      <c r="B6460" s="2" t="s">
        <v>103495</v>
      </c>
      <c r="C6460" s="14" t="s">
        <v>103496</v>
      </c>
      <c r="D6460" s="2" t="s">
        <v>103497</v>
      </c>
      <c r="E6460" s="2" t="s">
        <v>7429</v>
      </c>
      <c r="F6460" s="8">
        <v>159</v>
      </c>
      <c r="G6460" s="5">
        <v>6</v>
      </c>
      <c r="H6460" s="5" t="s">
        <v>1518</v>
      </c>
      <c r="I6460" s="5" t="s">
        <v>69038</v>
      </c>
      <c r="J6460" s="2" t="s">
        <v>69039</v>
      </c>
      <c r="K6460" s="5" t="s">
        <v>69038</v>
      </c>
      <c r="L6460" s="2" t="s">
        <v>69039</v>
      </c>
      <c r="M6460" s="5" t="s">
        <v>1521</v>
      </c>
      <c r="N6460" s="5" t="s">
        <v>38</v>
      </c>
      <c r="O6460" s="5" t="s">
        <v>39</v>
      </c>
      <c r="P6460" s="5" t="s">
        <v>40</v>
      </c>
      <c r="Q6460" s="5" t="s">
        <v>1522</v>
      </c>
      <c r="R6460" s="5" t="s">
        <v>1523</v>
      </c>
      <c r="S6460" s="5" t="s">
        <v>42</v>
      </c>
      <c r="T6460" s="2">
        <v>1.4059999999999999</v>
      </c>
      <c r="U6460" s="2">
        <v>1.0820000000000001</v>
      </c>
      <c r="V6460" s="2">
        <v>10.6</v>
      </c>
      <c r="W6460" s="2">
        <v>118.9</v>
      </c>
      <c r="X6460" s="2">
        <v>7.6</v>
      </c>
      <c r="Y6460" s="2">
        <v>10.6</v>
      </c>
      <c r="Z6460" s="5"/>
      <c r="AA6460" s="5" t="s">
        <v>43</v>
      </c>
      <c r="AB6460" s="5" t="s">
        <v>44</v>
      </c>
      <c r="AC6460" s="2"/>
      <c r="AD6460" s="1"/>
    </row>
    <row r="6461" spans="1:30">
      <c r="A6461" s="5" t="s">
        <v>83578</v>
      </c>
      <c r="B6461" s="2" t="s">
        <v>103498</v>
      </c>
      <c r="C6461" s="14" t="s">
        <v>103499</v>
      </c>
      <c r="D6461" s="2" t="s">
        <v>103500</v>
      </c>
      <c r="E6461" s="2" t="s">
        <v>7574</v>
      </c>
      <c r="F6461" s="8">
        <v>159</v>
      </c>
      <c r="G6461" s="5">
        <v>6</v>
      </c>
      <c r="H6461" s="5" t="s">
        <v>1518</v>
      </c>
      <c r="I6461" s="5" t="s">
        <v>69038</v>
      </c>
      <c r="J6461" s="2" t="s">
        <v>69039</v>
      </c>
      <c r="K6461" s="5" t="s">
        <v>69038</v>
      </c>
      <c r="L6461" s="2" t="s">
        <v>69039</v>
      </c>
      <c r="M6461" s="5" t="s">
        <v>1521</v>
      </c>
      <c r="N6461" s="5" t="s">
        <v>38</v>
      </c>
      <c r="O6461" s="5" t="s">
        <v>39</v>
      </c>
      <c r="P6461" s="5" t="s">
        <v>40</v>
      </c>
      <c r="Q6461" s="5" t="s">
        <v>1522</v>
      </c>
      <c r="R6461" s="5" t="s">
        <v>1523</v>
      </c>
      <c r="S6461" s="5" t="s">
        <v>42</v>
      </c>
      <c r="T6461" s="2">
        <v>1.45</v>
      </c>
      <c r="U6461" s="2">
        <v>1.1259999999999999</v>
      </c>
      <c r="V6461" s="2">
        <v>10.6</v>
      </c>
      <c r="W6461" s="2">
        <v>118.9</v>
      </c>
      <c r="X6461" s="2">
        <v>7.6</v>
      </c>
      <c r="Y6461" s="2">
        <v>10.6</v>
      </c>
      <c r="Z6461" s="5"/>
      <c r="AA6461" s="5" t="s">
        <v>43</v>
      </c>
      <c r="AB6461" s="5" t="s">
        <v>44</v>
      </c>
      <c r="AC6461" s="2"/>
      <c r="AD6461" s="1"/>
    </row>
    <row r="6462" spans="1:30">
      <c r="A6462" s="5" t="s">
        <v>83578</v>
      </c>
      <c r="B6462" s="2" t="s">
        <v>103501</v>
      </c>
      <c r="C6462" s="14" t="s">
        <v>103502</v>
      </c>
      <c r="D6462" s="2" t="s">
        <v>103503</v>
      </c>
      <c r="E6462" s="2" t="s">
        <v>7449</v>
      </c>
      <c r="F6462" s="8">
        <v>159</v>
      </c>
      <c r="G6462" s="5">
        <v>6</v>
      </c>
      <c r="H6462" s="5" t="s">
        <v>1518</v>
      </c>
      <c r="I6462" s="5" t="s">
        <v>69038</v>
      </c>
      <c r="J6462" s="2" t="s">
        <v>69039</v>
      </c>
      <c r="K6462" s="5" t="s">
        <v>69038</v>
      </c>
      <c r="L6462" s="2" t="s">
        <v>69039</v>
      </c>
      <c r="M6462" s="5" t="s">
        <v>1521</v>
      </c>
      <c r="N6462" s="5" t="s">
        <v>38</v>
      </c>
      <c r="O6462" s="5" t="s">
        <v>39</v>
      </c>
      <c r="P6462" s="5" t="s">
        <v>40</v>
      </c>
      <c r="Q6462" s="5" t="s">
        <v>1522</v>
      </c>
      <c r="R6462" s="5" t="s">
        <v>1523</v>
      </c>
      <c r="S6462" s="5" t="s">
        <v>42</v>
      </c>
      <c r="T6462" s="2">
        <v>1.4059999999999999</v>
      </c>
      <c r="U6462" s="2">
        <v>1.0820000000000001</v>
      </c>
      <c r="V6462" s="2">
        <v>10.6</v>
      </c>
      <c r="W6462" s="2">
        <v>118.9</v>
      </c>
      <c r="X6462" s="2">
        <v>7.6</v>
      </c>
      <c r="Y6462" s="2">
        <v>10.6</v>
      </c>
      <c r="Z6462" s="5"/>
      <c r="AA6462" s="5" t="s">
        <v>43</v>
      </c>
      <c r="AB6462" s="5" t="s">
        <v>44</v>
      </c>
      <c r="AC6462" s="2"/>
      <c r="AD6462" s="1"/>
    </row>
    <row r="6463" spans="1:30">
      <c r="A6463" s="5" t="s">
        <v>83578</v>
      </c>
      <c r="B6463" s="2" t="s">
        <v>103504</v>
      </c>
      <c r="C6463" s="14" t="s">
        <v>103505</v>
      </c>
      <c r="D6463" s="2" t="s">
        <v>103506</v>
      </c>
      <c r="E6463" s="2" t="s">
        <v>7581</v>
      </c>
      <c r="F6463" s="8">
        <v>159</v>
      </c>
      <c r="G6463" s="5">
        <v>6</v>
      </c>
      <c r="H6463" s="5" t="s">
        <v>1518</v>
      </c>
      <c r="I6463" s="5" t="s">
        <v>69038</v>
      </c>
      <c r="J6463" s="2" t="s">
        <v>69039</v>
      </c>
      <c r="K6463" s="5" t="s">
        <v>69038</v>
      </c>
      <c r="L6463" s="2" t="s">
        <v>69039</v>
      </c>
      <c r="M6463" s="5" t="s">
        <v>1521</v>
      </c>
      <c r="N6463" s="5" t="s">
        <v>38</v>
      </c>
      <c r="O6463" s="5" t="s">
        <v>39</v>
      </c>
      <c r="P6463" s="5" t="s">
        <v>40</v>
      </c>
      <c r="Q6463" s="5" t="s">
        <v>1522</v>
      </c>
      <c r="R6463" s="5" t="s">
        <v>1523</v>
      </c>
      <c r="S6463" s="5" t="s">
        <v>42</v>
      </c>
      <c r="T6463" s="2">
        <v>1.45</v>
      </c>
      <c r="U6463" s="2">
        <v>1.1259999999999999</v>
      </c>
      <c r="V6463" s="2">
        <v>10.6</v>
      </c>
      <c r="W6463" s="2">
        <v>118.9</v>
      </c>
      <c r="X6463" s="2">
        <v>7.6</v>
      </c>
      <c r="Y6463" s="2">
        <v>10.6</v>
      </c>
      <c r="Z6463" s="5"/>
      <c r="AA6463" s="5" t="s">
        <v>43</v>
      </c>
      <c r="AB6463" s="5" t="s">
        <v>44</v>
      </c>
      <c r="AC6463" s="2"/>
      <c r="AD6463" s="1"/>
    </row>
    <row r="6464" spans="1:30">
      <c r="A6464" s="5" t="s">
        <v>83578</v>
      </c>
      <c r="B6464" s="2" t="s">
        <v>103507</v>
      </c>
      <c r="C6464" s="14" t="s">
        <v>103508</v>
      </c>
      <c r="D6464" s="2" t="s">
        <v>103509</v>
      </c>
      <c r="E6464" s="2" t="s">
        <v>7585</v>
      </c>
      <c r="F6464" s="8">
        <v>159</v>
      </c>
      <c r="G6464" s="5">
        <v>6</v>
      </c>
      <c r="H6464" s="5" t="s">
        <v>1518</v>
      </c>
      <c r="I6464" s="5" t="s">
        <v>69038</v>
      </c>
      <c r="J6464" s="2" t="s">
        <v>69039</v>
      </c>
      <c r="K6464" s="5" t="s">
        <v>69038</v>
      </c>
      <c r="L6464" s="2" t="s">
        <v>69039</v>
      </c>
      <c r="M6464" s="5" t="s">
        <v>1521</v>
      </c>
      <c r="N6464" s="5" t="s">
        <v>38</v>
      </c>
      <c r="O6464" s="5" t="s">
        <v>39</v>
      </c>
      <c r="P6464" s="5" t="s">
        <v>40</v>
      </c>
      <c r="Q6464" s="5" t="s">
        <v>1522</v>
      </c>
      <c r="R6464" s="5" t="s">
        <v>1523</v>
      </c>
      <c r="S6464" s="5" t="s">
        <v>42</v>
      </c>
      <c r="T6464" s="2">
        <v>1.4059999999999999</v>
      </c>
      <c r="U6464" s="2">
        <v>1.0820000000000001</v>
      </c>
      <c r="V6464" s="2">
        <v>10.6</v>
      </c>
      <c r="W6464" s="2">
        <v>118.9</v>
      </c>
      <c r="X6464" s="2">
        <v>7.6</v>
      </c>
      <c r="Y6464" s="2">
        <v>10.6</v>
      </c>
      <c r="Z6464" s="5"/>
      <c r="AA6464" s="5" t="s">
        <v>43</v>
      </c>
      <c r="AB6464" s="5" t="s">
        <v>44</v>
      </c>
      <c r="AC6464" s="2"/>
      <c r="AD6464" s="1"/>
    </row>
    <row r="6465" spans="1:30">
      <c r="A6465" s="5" t="s">
        <v>83578</v>
      </c>
      <c r="B6465" s="2" t="s">
        <v>103510</v>
      </c>
      <c r="C6465" s="14" t="s">
        <v>103511</v>
      </c>
      <c r="D6465" s="2" t="s">
        <v>103512</v>
      </c>
      <c r="E6465" s="2" t="s">
        <v>7589</v>
      </c>
      <c r="F6465" s="8">
        <v>159</v>
      </c>
      <c r="G6465" s="5">
        <v>6</v>
      </c>
      <c r="H6465" s="5" t="s">
        <v>1518</v>
      </c>
      <c r="I6465" s="5" t="s">
        <v>69038</v>
      </c>
      <c r="J6465" s="2" t="s">
        <v>69039</v>
      </c>
      <c r="K6465" s="5" t="s">
        <v>69038</v>
      </c>
      <c r="L6465" s="2" t="s">
        <v>69039</v>
      </c>
      <c r="M6465" s="5" t="s">
        <v>1521</v>
      </c>
      <c r="N6465" s="5" t="s">
        <v>38</v>
      </c>
      <c r="O6465" s="5" t="s">
        <v>39</v>
      </c>
      <c r="P6465" s="5" t="s">
        <v>40</v>
      </c>
      <c r="Q6465" s="5" t="s">
        <v>1522</v>
      </c>
      <c r="R6465" s="5" t="s">
        <v>1523</v>
      </c>
      <c r="S6465" s="5" t="s">
        <v>42</v>
      </c>
      <c r="T6465" s="2">
        <v>1.45</v>
      </c>
      <c r="U6465" s="2">
        <v>1.1259999999999999</v>
      </c>
      <c r="V6465" s="2">
        <v>10.6</v>
      </c>
      <c r="W6465" s="2">
        <v>118.9</v>
      </c>
      <c r="X6465" s="2">
        <v>7.6</v>
      </c>
      <c r="Y6465" s="2">
        <v>10.6</v>
      </c>
      <c r="Z6465" s="5"/>
      <c r="AA6465" s="5" t="s">
        <v>43</v>
      </c>
      <c r="AB6465" s="5" t="s">
        <v>44</v>
      </c>
      <c r="AC6465" s="2"/>
      <c r="AD6465" s="1"/>
    </row>
    <row r="6466" spans="1:30">
      <c r="A6466" s="5" t="s">
        <v>83578</v>
      </c>
      <c r="B6466" s="2" t="s">
        <v>103513</v>
      </c>
      <c r="C6466" s="14" t="s">
        <v>103514</v>
      </c>
      <c r="D6466" s="2" t="s">
        <v>103515</v>
      </c>
      <c r="E6466" s="2" t="s">
        <v>7593</v>
      </c>
      <c r="F6466" s="8">
        <v>159</v>
      </c>
      <c r="G6466" s="5">
        <v>6</v>
      </c>
      <c r="H6466" s="5" t="s">
        <v>1518</v>
      </c>
      <c r="I6466" s="5" t="s">
        <v>69038</v>
      </c>
      <c r="J6466" s="2" t="s">
        <v>69039</v>
      </c>
      <c r="K6466" s="5" t="s">
        <v>69038</v>
      </c>
      <c r="L6466" s="2" t="s">
        <v>69039</v>
      </c>
      <c r="M6466" s="5" t="s">
        <v>1521</v>
      </c>
      <c r="N6466" s="5" t="s">
        <v>38</v>
      </c>
      <c r="O6466" s="5" t="s">
        <v>39</v>
      </c>
      <c r="P6466" s="5" t="s">
        <v>40</v>
      </c>
      <c r="Q6466" s="5" t="s">
        <v>1522</v>
      </c>
      <c r="R6466" s="5" t="s">
        <v>1523</v>
      </c>
      <c r="S6466" s="5" t="s">
        <v>42</v>
      </c>
      <c r="T6466" s="2">
        <v>1.4059999999999999</v>
      </c>
      <c r="U6466" s="2">
        <v>1.0820000000000001</v>
      </c>
      <c r="V6466" s="2">
        <v>10.6</v>
      </c>
      <c r="W6466" s="2">
        <v>118.9</v>
      </c>
      <c r="X6466" s="2">
        <v>7.6</v>
      </c>
      <c r="Y6466" s="2">
        <v>10.6</v>
      </c>
      <c r="Z6466" s="5"/>
      <c r="AA6466" s="5" t="s">
        <v>43</v>
      </c>
      <c r="AB6466" s="5" t="s">
        <v>44</v>
      </c>
      <c r="AC6466" s="2"/>
      <c r="AD6466" s="1"/>
    </row>
    <row r="6467" spans="1:30">
      <c r="A6467" s="5" t="s">
        <v>83578</v>
      </c>
      <c r="B6467" s="2" t="s">
        <v>103516</v>
      </c>
      <c r="C6467" s="14" t="s">
        <v>103517</v>
      </c>
      <c r="D6467" s="2" t="s">
        <v>103518</v>
      </c>
      <c r="E6467" s="2" t="s">
        <v>7597</v>
      </c>
      <c r="F6467" s="8">
        <v>159</v>
      </c>
      <c r="G6467" s="5">
        <v>6</v>
      </c>
      <c r="H6467" s="5" t="s">
        <v>1518</v>
      </c>
      <c r="I6467" s="5" t="s">
        <v>69038</v>
      </c>
      <c r="J6467" s="2" t="s">
        <v>69039</v>
      </c>
      <c r="K6467" s="5" t="s">
        <v>69038</v>
      </c>
      <c r="L6467" s="2" t="s">
        <v>69039</v>
      </c>
      <c r="M6467" s="5" t="s">
        <v>1521</v>
      </c>
      <c r="N6467" s="5" t="s">
        <v>38</v>
      </c>
      <c r="O6467" s="5" t="s">
        <v>39</v>
      </c>
      <c r="P6467" s="5" t="s">
        <v>40</v>
      </c>
      <c r="Q6467" s="5" t="s">
        <v>1522</v>
      </c>
      <c r="R6467" s="5" t="s">
        <v>1523</v>
      </c>
      <c r="S6467" s="5" t="s">
        <v>42</v>
      </c>
      <c r="T6467" s="2">
        <v>1.45</v>
      </c>
      <c r="U6467" s="2">
        <v>1.1259999999999999</v>
      </c>
      <c r="V6467" s="2">
        <v>10.6</v>
      </c>
      <c r="W6467" s="2">
        <v>118.9</v>
      </c>
      <c r="X6467" s="2">
        <v>7.6</v>
      </c>
      <c r="Y6467" s="2">
        <v>10.6</v>
      </c>
      <c r="Z6467" s="5"/>
      <c r="AA6467" s="5" t="s">
        <v>43</v>
      </c>
      <c r="AB6467" s="5" t="s">
        <v>44</v>
      </c>
      <c r="AC6467" s="2"/>
      <c r="AD6467" s="1"/>
    </row>
    <row r="6468" spans="1:30">
      <c r="A6468" s="5" t="s">
        <v>83578</v>
      </c>
      <c r="B6468" s="2" t="s">
        <v>103519</v>
      </c>
      <c r="C6468" s="14" t="s">
        <v>103520</v>
      </c>
      <c r="D6468" s="2" t="s">
        <v>103521</v>
      </c>
      <c r="E6468" s="2" t="s">
        <v>7433</v>
      </c>
      <c r="F6468" s="8">
        <v>159</v>
      </c>
      <c r="G6468" s="5">
        <v>6</v>
      </c>
      <c r="H6468" s="5" t="s">
        <v>1518</v>
      </c>
      <c r="I6468" s="5" t="s">
        <v>69038</v>
      </c>
      <c r="J6468" s="2" t="s">
        <v>69039</v>
      </c>
      <c r="K6468" s="5" t="s">
        <v>69038</v>
      </c>
      <c r="L6468" s="2" t="s">
        <v>69039</v>
      </c>
      <c r="M6468" s="5" t="s">
        <v>1521</v>
      </c>
      <c r="N6468" s="5" t="s">
        <v>38</v>
      </c>
      <c r="O6468" s="5" t="s">
        <v>39</v>
      </c>
      <c r="P6468" s="5" t="s">
        <v>40</v>
      </c>
      <c r="Q6468" s="5" t="s">
        <v>1522</v>
      </c>
      <c r="R6468" s="5" t="s">
        <v>1523</v>
      </c>
      <c r="S6468" s="5" t="s">
        <v>42</v>
      </c>
      <c r="T6468" s="2">
        <v>1.4059999999999999</v>
      </c>
      <c r="U6468" s="2">
        <v>1.0820000000000001</v>
      </c>
      <c r="V6468" s="2">
        <v>10.6</v>
      </c>
      <c r="W6468" s="2">
        <v>118.9</v>
      </c>
      <c r="X6468" s="2">
        <v>7.6</v>
      </c>
      <c r="Y6468" s="2">
        <v>10.6</v>
      </c>
      <c r="Z6468" s="5"/>
      <c r="AA6468" s="5" t="s">
        <v>43</v>
      </c>
      <c r="AB6468" s="5" t="s">
        <v>44</v>
      </c>
      <c r="AC6468" s="2"/>
      <c r="AD6468" s="1"/>
    </row>
    <row r="6469" spans="1:30">
      <c r="A6469" s="5" t="s">
        <v>83578</v>
      </c>
      <c r="B6469" s="2" t="s">
        <v>103522</v>
      </c>
      <c r="C6469" s="14" t="s">
        <v>103523</v>
      </c>
      <c r="D6469" s="2" t="s">
        <v>103524</v>
      </c>
      <c r="E6469" s="2" t="s">
        <v>7611</v>
      </c>
      <c r="F6469" s="8">
        <v>159</v>
      </c>
      <c r="G6469" s="5">
        <v>6</v>
      </c>
      <c r="H6469" s="5" t="s">
        <v>1518</v>
      </c>
      <c r="I6469" s="5" t="s">
        <v>69038</v>
      </c>
      <c r="J6469" s="2" t="s">
        <v>69039</v>
      </c>
      <c r="K6469" s="5" t="s">
        <v>69038</v>
      </c>
      <c r="L6469" s="2" t="s">
        <v>69039</v>
      </c>
      <c r="M6469" s="5" t="s">
        <v>1521</v>
      </c>
      <c r="N6469" s="5" t="s">
        <v>38</v>
      </c>
      <c r="O6469" s="5" t="s">
        <v>39</v>
      </c>
      <c r="P6469" s="5" t="s">
        <v>40</v>
      </c>
      <c r="Q6469" s="5" t="s">
        <v>1522</v>
      </c>
      <c r="R6469" s="5" t="s">
        <v>1523</v>
      </c>
      <c r="S6469" s="5" t="s">
        <v>42</v>
      </c>
      <c r="T6469" s="2">
        <v>1.45</v>
      </c>
      <c r="U6469" s="2">
        <v>1.1259999999999999</v>
      </c>
      <c r="V6469" s="2">
        <v>10.6</v>
      </c>
      <c r="W6469" s="2">
        <v>118.9</v>
      </c>
      <c r="X6469" s="2">
        <v>7.6</v>
      </c>
      <c r="Y6469" s="2">
        <v>10.6</v>
      </c>
      <c r="Z6469" s="5"/>
      <c r="AA6469" s="5" t="s">
        <v>43</v>
      </c>
      <c r="AB6469" s="5" t="s">
        <v>44</v>
      </c>
      <c r="AC6469" s="2"/>
      <c r="AD6469" s="1"/>
    </row>
    <row r="6470" spans="1:30">
      <c r="A6470" s="5" t="s">
        <v>83578</v>
      </c>
      <c r="B6470" s="2" t="s">
        <v>103525</v>
      </c>
      <c r="C6470" s="14" t="s">
        <v>103526</v>
      </c>
      <c r="D6470" s="2" t="s">
        <v>103527</v>
      </c>
      <c r="E6470" s="2" t="s">
        <v>7615</v>
      </c>
      <c r="F6470" s="8">
        <v>159</v>
      </c>
      <c r="G6470" s="5">
        <v>6</v>
      </c>
      <c r="H6470" s="5" t="s">
        <v>1518</v>
      </c>
      <c r="I6470" s="5" t="s">
        <v>69038</v>
      </c>
      <c r="J6470" s="2" t="s">
        <v>69039</v>
      </c>
      <c r="K6470" s="5" t="s">
        <v>69038</v>
      </c>
      <c r="L6470" s="2" t="s">
        <v>69039</v>
      </c>
      <c r="M6470" s="5" t="s">
        <v>1521</v>
      </c>
      <c r="N6470" s="5" t="s">
        <v>38</v>
      </c>
      <c r="O6470" s="5" t="s">
        <v>39</v>
      </c>
      <c r="P6470" s="5" t="s">
        <v>40</v>
      </c>
      <c r="Q6470" s="5" t="s">
        <v>1522</v>
      </c>
      <c r="R6470" s="5" t="s">
        <v>1523</v>
      </c>
      <c r="S6470" s="5" t="s">
        <v>42</v>
      </c>
      <c r="T6470" s="2">
        <v>1.4059999999999999</v>
      </c>
      <c r="U6470" s="2">
        <v>1.0820000000000001</v>
      </c>
      <c r="V6470" s="2">
        <v>10.6</v>
      </c>
      <c r="W6470" s="2">
        <v>118.9</v>
      </c>
      <c r="X6470" s="2">
        <v>7.6</v>
      </c>
      <c r="Y6470" s="2">
        <v>10.6</v>
      </c>
      <c r="Z6470" s="5"/>
      <c r="AA6470" s="5" t="s">
        <v>43</v>
      </c>
      <c r="AB6470" s="5" t="s">
        <v>44</v>
      </c>
      <c r="AC6470" s="2"/>
      <c r="AD6470" s="1"/>
    </row>
    <row r="6471" spans="1:30">
      <c r="A6471" s="5" t="s">
        <v>83578</v>
      </c>
      <c r="B6471" s="2" t="s">
        <v>103528</v>
      </c>
      <c r="C6471" s="14" t="s">
        <v>103529</v>
      </c>
      <c r="D6471" s="2" t="s">
        <v>103530</v>
      </c>
      <c r="E6471" s="2" t="s">
        <v>7619</v>
      </c>
      <c r="F6471" s="8">
        <v>159</v>
      </c>
      <c r="G6471" s="5">
        <v>6</v>
      </c>
      <c r="H6471" s="5" t="s">
        <v>1518</v>
      </c>
      <c r="I6471" s="5" t="s">
        <v>69038</v>
      </c>
      <c r="J6471" s="2" t="s">
        <v>69039</v>
      </c>
      <c r="K6471" s="5" t="s">
        <v>69038</v>
      </c>
      <c r="L6471" s="2" t="s">
        <v>69039</v>
      </c>
      <c r="M6471" s="5" t="s">
        <v>1521</v>
      </c>
      <c r="N6471" s="5" t="s">
        <v>38</v>
      </c>
      <c r="O6471" s="5" t="s">
        <v>39</v>
      </c>
      <c r="P6471" s="5" t="s">
        <v>40</v>
      </c>
      <c r="Q6471" s="5" t="s">
        <v>1522</v>
      </c>
      <c r="R6471" s="5" t="s">
        <v>1523</v>
      </c>
      <c r="S6471" s="5" t="s">
        <v>42</v>
      </c>
      <c r="T6471" s="2">
        <v>1.45</v>
      </c>
      <c r="U6471" s="2">
        <v>1.1259999999999999</v>
      </c>
      <c r="V6471" s="2">
        <v>10.6</v>
      </c>
      <c r="W6471" s="2">
        <v>118.9</v>
      </c>
      <c r="X6471" s="2">
        <v>7.6</v>
      </c>
      <c r="Y6471" s="2">
        <v>10.6</v>
      </c>
      <c r="Z6471" s="5"/>
      <c r="AA6471" s="5" t="s">
        <v>43</v>
      </c>
      <c r="AB6471" s="5" t="s">
        <v>44</v>
      </c>
      <c r="AC6471" s="2"/>
      <c r="AD6471" s="1"/>
    </row>
    <row r="6472" spans="1:30">
      <c r="A6472" s="5" t="s">
        <v>83578</v>
      </c>
      <c r="B6472" s="2" t="s">
        <v>103531</v>
      </c>
      <c r="C6472" s="14" t="s">
        <v>103532</v>
      </c>
      <c r="D6472" s="2" t="s">
        <v>103533</v>
      </c>
      <c r="E6472" s="2" t="s">
        <v>7410</v>
      </c>
      <c r="F6472" s="8">
        <v>159</v>
      </c>
      <c r="G6472" s="5">
        <v>6</v>
      </c>
      <c r="H6472" s="5" t="s">
        <v>1518</v>
      </c>
      <c r="I6472" s="5" t="s">
        <v>69038</v>
      </c>
      <c r="J6472" s="2" t="s">
        <v>69039</v>
      </c>
      <c r="K6472" s="5" t="s">
        <v>69038</v>
      </c>
      <c r="L6472" s="2" t="s">
        <v>69039</v>
      </c>
      <c r="M6472" s="5" t="s">
        <v>1521</v>
      </c>
      <c r="N6472" s="5" t="s">
        <v>38</v>
      </c>
      <c r="O6472" s="5" t="s">
        <v>39</v>
      </c>
      <c r="P6472" s="5" t="s">
        <v>40</v>
      </c>
      <c r="Q6472" s="5" t="s">
        <v>1522</v>
      </c>
      <c r="R6472" s="5" t="s">
        <v>1523</v>
      </c>
      <c r="S6472" s="5" t="s">
        <v>42</v>
      </c>
      <c r="T6472" s="2">
        <v>1.4059999999999999</v>
      </c>
      <c r="U6472" s="2">
        <v>1.0820000000000001</v>
      </c>
      <c r="V6472" s="2">
        <v>10.6</v>
      </c>
      <c r="W6472" s="2">
        <v>118.9</v>
      </c>
      <c r="X6472" s="2">
        <v>7.6</v>
      </c>
      <c r="Y6472" s="2">
        <v>10.6</v>
      </c>
      <c r="Z6472" s="5"/>
      <c r="AA6472" s="5" t="s">
        <v>43</v>
      </c>
      <c r="AB6472" s="5" t="s">
        <v>44</v>
      </c>
      <c r="AC6472" s="2"/>
      <c r="AD6472" s="1"/>
    </row>
    <row r="6473" spans="1:30">
      <c r="A6473" s="5" t="s">
        <v>83578</v>
      </c>
      <c r="B6473" s="2" t="s">
        <v>103534</v>
      </c>
      <c r="C6473" s="14" t="s">
        <v>103535</v>
      </c>
      <c r="D6473" s="2" t="s">
        <v>103536</v>
      </c>
      <c r="E6473" s="2" t="s">
        <v>7604</v>
      </c>
      <c r="F6473" s="8">
        <v>159</v>
      </c>
      <c r="G6473" s="5">
        <v>6</v>
      </c>
      <c r="H6473" s="5" t="s">
        <v>1518</v>
      </c>
      <c r="I6473" s="5" t="s">
        <v>69038</v>
      </c>
      <c r="J6473" s="2" t="s">
        <v>69039</v>
      </c>
      <c r="K6473" s="5" t="s">
        <v>69038</v>
      </c>
      <c r="L6473" s="2" t="s">
        <v>69039</v>
      </c>
      <c r="M6473" s="5" t="s">
        <v>1521</v>
      </c>
      <c r="N6473" s="5" t="s">
        <v>38</v>
      </c>
      <c r="O6473" s="5" t="s">
        <v>39</v>
      </c>
      <c r="P6473" s="5" t="s">
        <v>40</v>
      </c>
      <c r="Q6473" s="5" t="s">
        <v>1522</v>
      </c>
      <c r="R6473" s="5" t="s">
        <v>1523</v>
      </c>
      <c r="S6473" s="5" t="s">
        <v>42</v>
      </c>
      <c r="T6473" s="2">
        <v>1.45</v>
      </c>
      <c r="U6473" s="2">
        <v>1.1259999999999999</v>
      </c>
      <c r="V6473" s="2">
        <v>10.6</v>
      </c>
      <c r="W6473" s="2">
        <v>118.9</v>
      </c>
      <c r="X6473" s="2">
        <v>7.6</v>
      </c>
      <c r="Y6473" s="2">
        <v>10.6</v>
      </c>
      <c r="Z6473" s="5"/>
      <c r="AA6473" s="5" t="s">
        <v>43</v>
      </c>
      <c r="AB6473" s="5" t="s">
        <v>44</v>
      </c>
      <c r="AC6473" s="2"/>
      <c r="AD6473" s="1"/>
    </row>
    <row r="6474" spans="1:30">
      <c r="A6474" s="5" t="s">
        <v>83578</v>
      </c>
      <c r="B6474" s="2" t="s">
        <v>103537</v>
      </c>
      <c r="C6474" s="14" t="s">
        <v>103538</v>
      </c>
      <c r="D6474" s="2" t="s">
        <v>103539</v>
      </c>
      <c r="E6474" s="2" t="s">
        <v>7212</v>
      </c>
      <c r="F6474" s="8">
        <v>138</v>
      </c>
      <c r="G6474" s="5">
        <v>6</v>
      </c>
      <c r="H6474" s="5" t="s">
        <v>1518</v>
      </c>
      <c r="I6474" s="5" t="s">
        <v>69038</v>
      </c>
      <c r="J6474" s="2" t="s">
        <v>69039</v>
      </c>
      <c r="K6474" s="5" t="s">
        <v>69038</v>
      </c>
      <c r="L6474" s="2" t="s">
        <v>69039</v>
      </c>
      <c r="M6474" s="5" t="s">
        <v>1521</v>
      </c>
      <c r="N6474" s="5" t="s">
        <v>38</v>
      </c>
      <c r="O6474" s="5" t="s">
        <v>39</v>
      </c>
      <c r="P6474" s="5" t="s">
        <v>40</v>
      </c>
      <c r="Q6474" s="5" t="s">
        <v>1522</v>
      </c>
      <c r="R6474" s="5" t="s">
        <v>1523</v>
      </c>
      <c r="S6474" s="5" t="s">
        <v>42</v>
      </c>
      <c r="T6474" s="2">
        <v>1.4059999999999999</v>
      </c>
      <c r="U6474" s="2">
        <v>1.0820000000000001</v>
      </c>
      <c r="V6474" s="2">
        <v>10.6</v>
      </c>
      <c r="W6474" s="2">
        <v>118.9</v>
      </c>
      <c r="X6474" s="2">
        <v>7.6</v>
      </c>
      <c r="Y6474" s="2">
        <v>10.6</v>
      </c>
      <c r="Z6474" s="5"/>
      <c r="AA6474" s="5" t="s">
        <v>43</v>
      </c>
      <c r="AB6474" s="5" t="s">
        <v>44</v>
      </c>
      <c r="AC6474" s="2"/>
      <c r="AD6474" s="1"/>
    </row>
    <row r="6475" spans="1:30">
      <c r="A6475" s="5" t="s">
        <v>83578</v>
      </c>
      <c r="B6475" s="2" t="s">
        <v>103540</v>
      </c>
      <c r="C6475" s="14" t="s">
        <v>103541</v>
      </c>
      <c r="D6475" s="2" t="s">
        <v>103542</v>
      </c>
      <c r="E6475" s="2" t="s">
        <v>7528</v>
      </c>
      <c r="F6475" s="8">
        <v>138</v>
      </c>
      <c r="G6475" s="5">
        <v>6</v>
      </c>
      <c r="H6475" s="5" t="s">
        <v>1518</v>
      </c>
      <c r="I6475" s="5" t="s">
        <v>69038</v>
      </c>
      <c r="J6475" s="2" t="s">
        <v>69039</v>
      </c>
      <c r="K6475" s="5" t="s">
        <v>69038</v>
      </c>
      <c r="L6475" s="2" t="s">
        <v>69039</v>
      </c>
      <c r="M6475" s="5" t="s">
        <v>1521</v>
      </c>
      <c r="N6475" s="5" t="s">
        <v>38</v>
      </c>
      <c r="O6475" s="5" t="s">
        <v>39</v>
      </c>
      <c r="P6475" s="5" t="s">
        <v>40</v>
      </c>
      <c r="Q6475" s="5" t="s">
        <v>1522</v>
      </c>
      <c r="R6475" s="5" t="s">
        <v>1523</v>
      </c>
      <c r="S6475" s="5" t="s">
        <v>42</v>
      </c>
      <c r="T6475" s="2">
        <v>1.45</v>
      </c>
      <c r="U6475" s="2">
        <v>1.1259999999999999</v>
      </c>
      <c r="V6475" s="2">
        <v>10.6</v>
      </c>
      <c r="W6475" s="2">
        <v>118.9</v>
      </c>
      <c r="X6475" s="2">
        <v>7.6</v>
      </c>
      <c r="Y6475" s="2">
        <v>10.6</v>
      </c>
      <c r="Z6475" s="5"/>
      <c r="AA6475" s="5" t="s">
        <v>43</v>
      </c>
      <c r="AB6475" s="5" t="s">
        <v>44</v>
      </c>
      <c r="AC6475" s="2"/>
      <c r="AD6475" s="1"/>
    </row>
    <row r="6476" spans="1:30">
      <c r="A6476" s="5" t="s">
        <v>83578</v>
      </c>
      <c r="B6476" s="2" t="s">
        <v>103543</v>
      </c>
      <c r="C6476" s="14" t="s">
        <v>103544</v>
      </c>
      <c r="D6476" s="2" t="s">
        <v>103545</v>
      </c>
      <c r="E6476" s="2" t="s">
        <v>7547</v>
      </c>
      <c r="F6476" s="8">
        <v>159</v>
      </c>
      <c r="G6476" s="5">
        <v>6</v>
      </c>
      <c r="H6476" s="5" t="s">
        <v>1518</v>
      </c>
      <c r="I6476" s="5" t="s">
        <v>69038</v>
      </c>
      <c r="J6476" s="2" t="s">
        <v>69039</v>
      </c>
      <c r="K6476" s="5" t="s">
        <v>69038</v>
      </c>
      <c r="L6476" s="2" t="s">
        <v>69039</v>
      </c>
      <c r="M6476" s="5" t="s">
        <v>1521</v>
      </c>
      <c r="N6476" s="5" t="s">
        <v>38</v>
      </c>
      <c r="O6476" s="5" t="s">
        <v>39</v>
      </c>
      <c r="P6476" s="5" t="s">
        <v>40</v>
      </c>
      <c r="Q6476" s="5" t="s">
        <v>1522</v>
      </c>
      <c r="R6476" s="5" t="s">
        <v>1523</v>
      </c>
      <c r="S6476" s="5" t="s">
        <v>42</v>
      </c>
      <c r="T6476" s="2">
        <v>1.7529999999999999</v>
      </c>
      <c r="U6476" s="2">
        <v>1.429</v>
      </c>
      <c r="V6476" s="2">
        <v>10.6</v>
      </c>
      <c r="W6476" s="2">
        <v>118.9</v>
      </c>
      <c r="X6476" s="2">
        <v>7.6</v>
      </c>
      <c r="Y6476" s="2">
        <v>10.6</v>
      </c>
      <c r="Z6476" s="5"/>
      <c r="AA6476" s="5" t="s">
        <v>43</v>
      </c>
      <c r="AB6476" s="5" t="s">
        <v>44</v>
      </c>
      <c r="AC6476" s="2"/>
      <c r="AD6476" s="1"/>
    </row>
    <row r="6477" spans="1:30">
      <c r="A6477" s="5" t="s">
        <v>83578</v>
      </c>
      <c r="B6477" s="2" t="s">
        <v>103546</v>
      </c>
      <c r="C6477" s="14" t="s">
        <v>103547</v>
      </c>
      <c r="D6477" s="2" t="s">
        <v>103548</v>
      </c>
      <c r="E6477" s="2" t="s">
        <v>7551</v>
      </c>
      <c r="F6477" s="8">
        <v>159</v>
      </c>
      <c r="G6477" s="5">
        <v>6</v>
      </c>
      <c r="H6477" s="5" t="s">
        <v>1518</v>
      </c>
      <c r="I6477" s="5" t="s">
        <v>69038</v>
      </c>
      <c r="J6477" s="2" t="s">
        <v>69039</v>
      </c>
      <c r="K6477" s="5" t="s">
        <v>69038</v>
      </c>
      <c r="L6477" s="2" t="s">
        <v>69039</v>
      </c>
      <c r="M6477" s="5" t="s">
        <v>1521</v>
      </c>
      <c r="N6477" s="5" t="s">
        <v>38</v>
      </c>
      <c r="O6477" s="5" t="s">
        <v>39</v>
      </c>
      <c r="P6477" s="5" t="s">
        <v>40</v>
      </c>
      <c r="Q6477" s="5" t="s">
        <v>1522</v>
      </c>
      <c r="R6477" s="5" t="s">
        <v>1523</v>
      </c>
      <c r="S6477" s="5" t="s">
        <v>42</v>
      </c>
      <c r="T6477" s="2">
        <v>1.8280000000000001</v>
      </c>
      <c r="U6477" s="2">
        <v>1.504</v>
      </c>
      <c r="V6477" s="2">
        <v>10.6</v>
      </c>
      <c r="W6477" s="2">
        <v>118.9</v>
      </c>
      <c r="X6477" s="2">
        <v>7.6</v>
      </c>
      <c r="Y6477" s="2">
        <v>10.6</v>
      </c>
      <c r="Z6477" s="5"/>
      <c r="AA6477" s="5" t="s">
        <v>43</v>
      </c>
      <c r="AB6477" s="5" t="s">
        <v>44</v>
      </c>
      <c r="AC6477" s="2"/>
      <c r="AD6477" s="1"/>
    </row>
    <row r="6478" spans="1:30">
      <c r="A6478" s="5" t="s">
        <v>83578</v>
      </c>
      <c r="B6478" s="2" t="s">
        <v>103549</v>
      </c>
      <c r="C6478" s="14" t="s">
        <v>103550</v>
      </c>
      <c r="D6478" s="2" t="s">
        <v>103551</v>
      </c>
      <c r="E6478" s="2" t="s">
        <v>7547</v>
      </c>
      <c r="F6478" s="8">
        <v>168</v>
      </c>
      <c r="G6478" s="5">
        <v>6</v>
      </c>
      <c r="H6478" s="5" t="s">
        <v>1518</v>
      </c>
      <c r="I6478" s="5" t="s">
        <v>69038</v>
      </c>
      <c r="J6478" s="2" t="s">
        <v>69039</v>
      </c>
      <c r="K6478" s="5" t="s">
        <v>69038</v>
      </c>
      <c r="L6478" s="2" t="s">
        <v>69039</v>
      </c>
      <c r="M6478" s="5" t="s">
        <v>1521</v>
      </c>
      <c r="N6478" s="5" t="s">
        <v>38</v>
      </c>
      <c r="O6478" s="5" t="s">
        <v>39</v>
      </c>
      <c r="P6478" s="5" t="s">
        <v>40</v>
      </c>
      <c r="Q6478" s="5" t="s">
        <v>1522</v>
      </c>
      <c r="R6478" s="5" t="s">
        <v>1523</v>
      </c>
      <c r="S6478" s="5" t="s">
        <v>42</v>
      </c>
      <c r="T6478" s="2">
        <v>1.9339999999999999</v>
      </c>
      <c r="U6478" s="2">
        <v>1.5569999999999999</v>
      </c>
      <c r="V6478" s="2">
        <v>10.6</v>
      </c>
      <c r="W6478" s="2">
        <v>139.1</v>
      </c>
      <c r="X6478" s="2">
        <v>7.6</v>
      </c>
      <c r="Y6478" s="2">
        <v>10.6</v>
      </c>
      <c r="Z6478" s="5"/>
      <c r="AA6478" s="5" t="s">
        <v>43</v>
      </c>
      <c r="AB6478" s="5" t="s">
        <v>44</v>
      </c>
      <c r="AC6478" s="2"/>
      <c r="AD6478" s="1"/>
    </row>
    <row r="6479" spans="1:30">
      <c r="A6479" s="5" t="s">
        <v>83578</v>
      </c>
      <c r="B6479" s="2" t="s">
        <v>103552</v>
      </c>
      <c r="C6479" s="14" t="s">
        <v>103553</v>
      </c>
      <c r="D6479" s="2" t="s">
        <v>103554</v>
      </c>
      <c r="E6479" s="2" t="s">
        <v>7551</v>
      </c>
      <c r="F6479" s="8">
        <v>168</v>
      </c>
      <c r="G6479" s="5">
        <v>6</v>
      </c>
      <c r="H6479" s="5" t="s">
        <v>1518</v>
      </c>
      <c r="I6479" s="5" t="s">
        <v>69038</v>
      </c>
      <c r="J6479" s="2" t="s">
        <v>69039</v>
      </c>
      <c r="K6479" s="5" t="s">
        <v>69038</v>
      </c>
      <c r="L6479" s="2" t="s">
        <v>69039</v>
      </c>
      <c r="M6479" s="5" t="s">
        <v>1521</v>
      </c>
      <c r="N6479" s="5" t="s">
        <v>38</v>
      </c>
      <c r="O6479" s="5" t="s">
        <v>39</v>
      </c>
      <c r="P6479" s="5" t="s">
        <v>40</v>
      </c>
      <c r="Q6479" s="5" t="s">
        <v>1522</v>
      </c>
      <c r="R6479" s="5" t="s">
        <v>1523</v>
      </c>
      <c r="S6479" s="5" t="s">
        <v>42</v>
      </c>
      <c r="T6479" s="2">
        <v>2.02</v>
      </c>
      <c r="U6479" s="2">
        <v>1.643</v>
      </c>
      <c r="V6479" s="2">
        <v>10.6</v>
      </c>
      <c r="W6479" s="2">
        <v>139.1</v>
      </c>
      <c r="X6479" s="2">
        <v>7.6</v>
      </c>
      <c r="Y6479" s="2">
        <v>10.6</v>
      </c>
      <c r="Z6479" s="5"/>
      <c r="AA6479" s="5" t="s">
        <v>43</v>
      </c>
      <c r="AB6479" s="5" t="s">
        <v>44</v>
      </c>
      <c r="AC6479" s="2"/>
      <c r="AD6479" s="1"/>
    </row>
    <row r="6480" spans="1:30">
      <c r="A6480" s="5" t="s">
        <v>83578</v>
      </c>
      <c r="B6480" s="2" t="s">
        <v>103555</v>
      </c>
      <c r="C6480" s="14" t="s">
        <v>103556</v>
      </c>
      <c r="D6480" s="2" t="s">
        <v>103557</v>
      </c>
      <c r="E6480" s="2" t="s">
        <v>7429</v>
      </c>
      <c r="F6480" s="8">
        <v>168</v>
      </c>
      <c r="G6480" s="5">
        <v>6</v>
      </c>
      <c r="H6480" s="5" t="s">
        <v>1518</v>
      </c>
      <c r="I6480" s="5" t="s">
        <v>69038</v>
      </c>
      <c r="J6480" s="2" t="s">
        <v>69039</v>
      </c>
      <c r="K6480" s="5" t="s">
        <v>69038</v>
      </c>
      <c r="L6480" s="2" t="s">
        <v>69039</v>
      </c>
      <c r="M6480" s="5" t="s">
        <v>1521</v>
      </c>
      <c r="N6480" s="5" t="s">
        <v>38</v>
      </c>
      <c r="O6480" s="5" t="s">
        <v>39</v>
      </c>
      <c r="P6480" s="5" t="s">
        <v>40</v>
      </c>
      <c r="Q6480" s="5" t="s">
        <v>1522</v>
      </c>
      <c r="R6480" s="5" t="s">
        <v>1523</v>
      </c>
      <c r="S6480" s="5" t="s">
        <v>42</v>
      </c>
      <c r="T6480" s="2">
        <v>1.9339999999999999</v>
      </c>
      <c r="U6480" s="2">
        <v>1.5569999999999999</v>
      </c>
      <c r="V6480" s="2">
        <v>10.6</v>
      </c>
      <c r="W6480" s="2">
        <v>139.1</v>
      </c>
      <c r="X6480" s="2">
        <v>7.6</v>
      </c>
      <c r="Y6480" s="2">
        <v>10.6</v>
      </c>
      <c r="Z6480" s="5"/>
      <c r="AA6480" s="5" t="s">
        <v>43</v>
      </c>
      <c r="AB6480" s="5" t="s">
        <v>44</v>
      </c>
      <c r="AC6480" s="2"/>
      <c r="AD6480" s="1"/>
    </row>
    <row r="6481" spans="1:30">
      <c r="A6481" s="5" t="s">
        <v>83578</v>
      </c>
      <c r="B6481" s="2" t="s">
        <v>103558</v>
      </c>
      <c r="C6481" s="14" t="s">
        <v>103559</v>
      </c>
      <c r="D6481" s="2" t="s">
        <v>103560</v>
      </c>
      <c r="E6481" s="2" t="s">
        <v>7574</v>
      </c>
      <c r="F6481" s="8">
        <v>168</v>
      </c>
      <c r="G6481" s="5">
        <v>6</v>
      </c>
      <c r="H6481" s="5" t="s">
        <v>1518</v>
      </c>
      <c r="I6481" s="5" t="s">
        <v>69038</v>
      </c>
      <c r="J6481" s="2" t="s">
        <v>69039</v>
      </c>
      <c r="K6481" s="5" t="s">
        <v>69038</v>
      </c>
      <c r="L6481" s="2" t="s">
        <v>69039</v>
      </c>
      <c r="M6481" s="5" t="s">
        <v>1521</v>
      </c>
      <c r="N6481" s="5" t="s">
        <v>38</v>
      </c>
      <c r="O6481" s="5" t="s">
        <v>39</v>
      </c>
      <c r="P6481" s="5" t="s">
        <v>40</v>
      </c>
      <c r="Q6481" s="5" t="s">
        <v>1522</v>
      </c>
      <c r="R6481" s="5" t="s">
        <v>1523</v>
      </c>
      <c r="S6481" s="5" t="s">
        <v>42</v>
      </c>
      <c r="T6481" s="2">
        <v>2.02</v>
      </c>
      <c r="U6481" s="2">
        <v>1.643</v>
      </c>
      <c r="V6481" s="2">
        <v>10.6</v>
      </c>
      <c r="W6481" s="2">
        <v>139.1</v>
      </c>
      <c r="X6481" s="2">
        <v>7.6</v>
      </c>
      <c r="Y6481" s="2">
        <v>10.6</v>
      </c>
      <c r="Z6481" s="5"/>
      <c r="AA6481" s="5" t="s">
        <v>43</v>
      </c>
      <c r="AB6481" s="5" t="s">
        <v>44</v>
      </c>
      <c r="AC6481" s="2"/>
      <c r="AD6481" s="1"/>
    </row>
    <row r="6482" spans="1:30">
      <c r="A6482" s="5" t="s">
        <v>83578</v>
      </c>
      <c r="B6482" s="2" t="s">
        <v>103561</v>
      </c>
      <c r="C6482" s="14" t="s">
        <v>103562</v>
      </c>
      <c r="D6482" s="2" t="s">
        <v>103563</v>
      </c>
      <c r="E6482" s="2" t="s">
        <v>7585</v>
      </c>
      <c r="F6482" s="8">
        <v>168</v>
      </c>
      <c r="G6482" s="5">
        <v>6</v>
      </c>
      <c r="H6482" s="5" t="s">
        <v>1518</v>
      </c>
      <c r="I6482" s="5" t="s">
        <v>69038</v>
      </c>
      <c r="J6482" s="2" t="s">
        <v>69039</v>
      </c>
      <c r="K6482" s="5" t="s">
        <v>69038</v>
      </c>
      <c r="L6482" s="2" t="s">
        <v>69039</v>
      </c>
      <c r="M6482" s="5" t="s">
        <v>1521</v>
      </c>
      <c r="N6482" s="5" t="s">
        <v>38</v>
      </c>
      <c r="O6482" s="5" t="s">
        <v>39</v>
      </c>
      <c r="P6482" s="5" t="s">
        <v>40</v>
      </c>
      <c r="Q6482" s="5" t="s">
        <v>1522</v>
      </c>
      <c r="R6482" s="5" t="s">
        <v>1523</v>
      </c>
      <c r="S6482" s="5" t="s">
        <v>42</v>
      </c>
      <c r="T6482" s="2">
        <v>1.9339999999999999</v>
      </c>
      <c r="U6482" s="2">
        <v>1.5569999999999999</v>
      </c>
      <c r="V6482" s="2">
        <v>10.6</v>
      </c>
      <c r="W6482" s="2">
        <v>139.1</v>
      </c>
      <c r="X6482" s="2">
        <v>7.6</v>
      </c>
      <c r="Y6482" s="2">
        <v>10.6</v>
      </c>
      <c r="Z6482" s="5"/>
      <c r="AA6482" s="5" t="s">
        <v>43</v>
      </c>
      <c r="AB6482" s="5" t="s">
        <v>44</v>
      </c>
      <c r="AC6482" s="2"/>
      <c r="AD6482" s="1"/>
    </row>
    <row r="6483" spans="1:30">
      <c r="A6483" s="5" t="s">
        <v>83578</v>
      </c>
      <c r="B6483" s="2" t="s">
        <v>103564</v>
      </c>
      <c r="C6483" s="14" t="s">
        <v>103565</v>
      </c>
      <c r="D6483" s="2" t="s">
        <v>103566</v>
      </c>
      <c r="E6483" s="2" t="s">
        <v>7593</v>
      </c>
      <c r="F6483" s="8">
        <v>168</v>
      </c>
      <c r="G6483" s="5">
        <v>6</v>
      </c>
      <c r="H6483" s="5" t="s">
        <v>1518</v>
      </c>
      <c r="I6483" s="5" t="s">
        <v>69038</v>
      </c>
      <c r="J6483" s="2" t="s">
        <v>69039</v>
      </c>
      <c r="K6483" s="5" t="s">
        <v>69038</v>
      </c>
      <c r="L6483" s="2" t="s">
        <v>69039</v>
      </c>
      <c r="M6483" s="5" t="s">
        <v>1521</v>
      </c>
      <c r="N6483" s="5" t="s">
        <v>38</v>
      </c>
      <c r="O6483" s="5" t="s">
        <v>39</v>
      </c>
      <c r="P6483" s="5" t="s">
        <v>40</v>
      </c>
      <c r="Q6483" s="5" t="s">
        <v>1522</v>
      </c>
      <c r="R6483" s="5" t="s">
        <v>1523</v>
      </c>
      <c r="S6483" s="5" t="s">
        <v>42</v>
      </c>
      <c r="T6483" s="2">
        <v>1.9339999999999999</v>
      </c>
      <c r="U6483" s="2">
        <v>1.5569999999999999</v>
      </c>
      <c r="V6483" s="2">
        <v>10.6</v>
      </c>
      <c r="W6483" s="2">
        <v>139.1</v>
      </c>
      <c r="X6483" s="2">
        <v>7.6</v>
      </c>
      <c r="Y6483" s="2">
        <v>10.6</v>
      </c>
      <c r="Z6483" s="5"/>
      <c r="AA6483" s="5" t="s">
        <v>43</v>
      </c>
      <c r="AB6483" s="5" t="s">
        <v>44</v>
      </c>
      <c r="AC6483" s="2"/>
      <c r="AD6483" s="1"/>
    </row>
    <row r="6484" spans="1:30">
      <c r="A6484" s="5" t="s">
        <v>83578</v>
      </c>
      <c r="B6484" s="2" t="s">
        <v>103567</v>
      </c>
      <c r="C6484" s="14" t="s">
        <v>103568</v>
      </c>
      <c r="D6484" s="2" t="s">
        <v>103569</v>
      </c>
      <c r="E6484" s="2" t="s">
        <v>7410</v>
      </c>
      <c r="F6484" s="8">
        <v>168</v>
      </c>
      <c r="G6484" s="5">
        <v>6</v>
      </c>
      <c r="H6484" s="5" t="s">
        <v>1518</v>
      </c>
      <c r="I6484" s="5" t="s">
        <v>69038</v>
      </c>
      <c r="J6484" s="2" t="s">
        <v>69039</v>
      </c>
      <c r="K6484" s="5" t="s">
        <v>69038</v>
      </c>
      <c r="L6484" s="2" t="s">
        <v>69039</v>
      </c>
      <c r="M6484" s="5" t="s">
        <v>1521</v>
      </c>
      <c r="N6484" s="5" t="s">
        <v>38</v>
      </c>
      <c r="O6484" s="5" t="s">
        <v>39</v>
      </c>
      <c r="P6484" s="5" t="s">
        <v>40</v>
      </c>
      <c r="Q6484" s="5" t="s">
        <v>1522</v>
      </c>
      <c r="R6484" s="5" t="s">
        <v>1523</v>
      </c>
      <c r="S6484" s="5" t="s">
        <v>42</v>
      </c>
      <c r="T6484" s="2">
        <v>1.9339999999999999</v>
      </c>
      <c r="U6484" s="2">
        <v>1.5569999999999999</v>
      </c>
      <c r="V6484" s="2">
        <v>10.6</v>
      </c>
      <c r="W6484" s="2">
        <v>139.1</v>
      </c>
      <c r="X6484" s="2">
        <v>7.6</v>
      </c>
      <c r="Y6484" s="2">
        <v>10.6</v>
      </c>
      <c r="Z6484" s="5"/>
      <c r="AA6484" s="5" t="s">
        <v>43</v>
      </c>
      <c r="AB6484" s="5" t="s">
        <v>44</v>
      </c>
      <c r="AC6484" s="2"/>
      <c r="AD6484" s="1"/>
    </row>
    <row r="6485" spans="1:30">
      <c r="A6485" s="5" t="s">
        <v>83578</v>
      </c>
      <c r="B6485" s="2" t="s">
        <v>103570</v>
      </c>
      <c r="C6485" s="14" t="s">
        <v>103571</v>
      </c>
      <c r="D6485" s="2" t="s">
        <v>103572</v>
      </c>
      <c r="E6485" s="2" t="s">
        <v>7406</v>
      </c>
      <c r="F6485" s="8">
        <v>189</v>
      </c>
      <c r="G6485" s="5">
        <v>6</v>
      </c>
      <c r="H6485" s="5" t="s">
        <v>1518</v>
      </c>
      <c r="I6485" s="5" t="s">
        <v>69038</v>
      </c>
      <c r="J6485" s="2" t="s">
        <v>69039</v>
      </c>
      <c r="K6485" s="5" t="s">
        <v>69038</v>
      </c>
      <c r="L6485" s="2" t="s">
        <v>69039</v>
      </c>
      <c r="M6485" s="5" t="s">
        <v>1521</v>
      </c>
      <c r="N6485" s="5" t="s">
        <v>38</v>
      </c>
      <c r="O6485" s="5" t="s">
        <v>39</v>
      </c>
      <c r="P6485" s="5" t="s">
        <v>40</v>
      </c>
      <c r="Q6485" s="5" t="s">
        <v>1522</v>
      </c>
      <c r="R6485" s="5" t="s">
        <v>1523</v>
      </c>
      <c r="S6485" s="5" t="s">
        <v>42</v>
      </c>
      <c r="T6485" s="2">
        <v>2.0960000000000001</v>
      </c>
      <c r="U6485" s="2">
        <v>1.675</v>
      </c>
      <c r="V6485" s="2">
        <v>10.6</v>
      </c>
      <c r="W6485" s="2">
        <v>159.1</v>
      </c>
      <c r="X6485" s="2">
        <v>7.6</v>
      </c>
      <c r="Y6485" s="2">
        <v>10.6</v>
      </c>
      <c r="Z6485" s="5"/>
      <c r="AA6485" s="5" t="s">
        <v>43</v>
      </c>
      <c r="AB6485" s="5" t="s">
        <v>44</v>
      </c>
      <c r="AC6485" s="2"/>
      <c r="AD6485" s="1"/>
    </row>
    <row r="6486" spans="1:30">
      <c r="A6486" s="5" t="s">
        <v>83578</v>
      </c>
      <c r="B6486" s="2" t="s">
        <v>103573</v>
      </c>
      <c r="C6486" s="14" t="s">
        <v>103574</v>
      </c>
      <c r="D6486" s="2" t="s">
        <v>103575</v>
      </c>
      <c r="E6486" s="2" t="s">
        <v>7535</v>
      </c>
      <c r="F6486" s="8">
        <v>189</v>
      </c>
      <c r="G6486" s="5">
        <v>6</v>
      </c>
      <c r="H6486" s="5" t="s">
        <v>1518</v>
      </c>
      <c r="I6486" s="5" t="s">
        <v>69038</v>
      </c>
      <c r="J6486" s="2" t="s">
        <v>69039</v>
      </c>
      <c r="K6486" s="5" t="s">
        <v>69038</v>
      </c>
      <c r="L6486" s="2" t="s">
        <v>69039</v>
      </c>
      <c r="M6486" s="5" t="s">
        <v>1521</v>
      </c>
      <c r="N6486" s="5" t="s">
        <v>38</v>
      </c>
      <c r="O6486" s="5" t="s">
        <v>39</v>
      </c>
      <c r="P6486" s="5" t="s">
        <v>40</v>
      </c>
      <c r="Q6486" s="5" t="s">
        <v>1522</v>
      </c>
      <c r="R6486" s="5" t="s">
        <v>1523</v>
      </c>
      <c r="S6486" s="5" t="s">
        <v>42</v>
      </c>
      <c r="T6486" s="2">
        <v>2.1920000000000002</v>
      </c>
      <c r="U6486" s="2">
        <v>1.7709999999999999</v>
      </c>
      <c r="V6486" s="2">
        <v>10.6</v>
      </c>
      <c r="W6486" s="2">
        <v>159.1</v>
      </c>
      <c r="X6486" s="2">
        <v>7.6</v>
      </c>
      <c r="Y6486" s="2">
        <v>10.6</v>
      </c>
      <c r="Z6486" s="5"/>
      <c r="AA6486" s="5" t="s">
        <v>43</v>
      </c>
      <c r="AB6486" s="5" t="s">
        <v>44</v>
      </c>
      <c r="AC6486" s="2"/>
      <c r="AD6486" s="1"/>
    </row>
    <row r="6487" spans="1:30">
      <c r="A6487" s="5" t="s">
        <v>83578</v>
      </c>
      <c r="B6487" s="2" t="s">
        <v>103576</v>
      </c>
      <c r="C6487" s="14" t="s">
        <v>103577</v>
      </c>
      <c r="D6487" s="2" t="s">
        <v>103578</v>
      </c>
      <c r="E6487" s="2" t="s">
        <v>7539</v>
      </c>
      <c r="F6487" s="8">
        <v>189</v>
      </c>
      <c r="G6487" s="5">
        <v>6</v>
      </c>
      <c r="H6487" s="5" t="s">
        <v>1518</v>
      </c>
      <c r="I6487" s="5" t="s">
        <v>69038</v>
      </c>
      <c r="J6487" s="2" t="s">
        <v>69039</v>
      </c>
      <c r="K6487" s="5" t="s">
        <v>69038</v>
      </c>
      <c r="L6487" s="2" t="s">
        <v>69039</v>
      </c>
      <c r="M6487" s="5" t="s">
        <v>1521</v>
      </c>
      <c r="N6487" s="5" t="s">
        <v>38</v>
      </c>
      <c r="O6487" s="5" t="s">
        <v>39</v>
      </c>
      <c r="P6487" s="5" t="s">
        <v>40</v>
      </c>
      <c r="Q6487" s="5" t="s">
        <v>1522</v>
      </c>
      <c r="R6487" s="5" t="s">
        <v>1523</v>
      </c>
      <c r="S6487" s="5" t="s">
        <v>42</v>
      </c>
      <c r="T6487" s="2">
        <v>2.0960000000000001</v>
      </c>
      <c r="U6487" s="2">
        <v>1.675</v>
      </c>
      <c r="V6487" s="2">
        <v>10.6</v>
      </c>
      <c r="W6487" s="2">
        <v>159.1</v>
      </c>
      <c r="X6487" s="2">
        <v>7.6</v>
      </c>
      <c r="Y6487" s="2">
        <v>10.6</v>
      </c>
      <c r="Z6487" s="5"/>
      <c r="AA6487" s="5" t="s">
        <v>43</v>
      </c>
      <c r="AB6487" s="5" t="s">
        <v>44</v>
      </c>
      <c r="AC6487" s="2"/>
      <c r="AD6487" s="1"/>
    </row>
    <row r="6488" spans="1:30">
      <c r="A6488" s="5" t="s">
        <v>83578</v>
      </c>
      <c r="B6488" s="2" t="s">
        <v>103579</v>
      </c>
      <c r="C6488" s="14" t="s">
        <v>103580</v>
      </c>
      <c r="D6488" s="2" t="s">
        <v>103581</v>
      </c>
      <c r="E6488" s="2" t="s">
        <v>7547</v>
      </c>
      <c r="F6488" s="8">
        <v>189</v>
      </c>
      <c r="G6488" s="5">
        <v>6</v>
      </c>
      <c r="H6488" s="5" t="s">
        <v>1518</v>
      </c>
      <c r="I6488" s="5" t="s">
        <v>69038</v>
      </c>
      <c r="J6488" s="2" t="s">
        <v>69039</v>
      </c>
      <c r="K6488" s="5" t="s">
        <v>69038</v>
      </c>
      <c r="L6488" s="2" t="s">
        <v>69039</v>
      </c>
      <c r="M6488" s="5" t="s">
        <v>1521</v>
      </c>
      <c r="N6488" s="5" t="s">
        <v>38</v>
      </c>
      <c r="O6488" s="5" t="s">
        <v>39</v>
      </c>
      <c r="P6488" s="5" t="s">
        <v>40</v>
      </c>
      <c r="Q6488" s="5" t="s">
        <v>1522</v>
      </c>
      <c r="R6488" s="5" t="s">
        <v>1523</v>
      </c>
      <c r="S6488" s="5" t="s">
        <v>42</v>
      </c>
      <c r="T6488" s="2">
        <v>2.0960000000000001</v>
      </c>
      <c r="U6488" s="2">
        <v>1.675</v>
      </c>
      <c r="V6488" s="2">
        <v>10.6</v>
      </c>
      <c r="W6488" s="2">
        <v>159.1</v>
      </c>
      <c r="X6488" s="2">
        <v>7.6</v>
      </c>
      <c r="Y6488" s="2">
        <v>10.6</v>
      </c>
      <c r="Z6488" s="5"/>
      <c r="AA6488" s="5" t="s">
        <v>43</v>
      </c>
      <c r="AB6488" s="5" t="s">
        <v>44</v>
      </c>
      <c r="AC6488" s="2"/>
      <c r="AD6488" s="1"/>
    </row>
    <row r="6489" spans="1:30">
      <c r="A6489" s="5" t="s">
        <v>83578</v>
      </c>
      <c r="B6489" s="2" t="s">
        <v>103582</v>
      </c>
      <c r="C6489" s="14" t="s">
        <v>103583</v>
      </c>
      <c r="D6489" s="2" t="s">
        <v>103584</v>
      </c>
      <c r="E6489" s="2" t="s">
        <v>7551</v>
      </c>
      <c r="F6489" s="8">
        <v>189</v>
      </c>
      <c r="G6489" s="5">
        <v>6</v>
      </c>
      <c r="H6489" s="5" t="s">
        <v>1518</v>
      </c>
      <c r="I6489" s="5" t="s">
        <v>69038</v>
      </c>
      <c r="J6489" s="2" t="s">
        <v>69039</v>
      </c>
      <c r="K6489" s="5" t="s">
        <v>69038</v>
      </c>
      <c r="L6489" s="2" t="s">
        <v>69039</v>
      </c>
      <c r="M6489" s="5" t="s">
        <v>1521</v>
      </c>
      <c r="N6489" s="5" t="s">
        <v>38</v>
      </c>
      <c r="O6489" s="5" t="s">
        <v>39</v>
      </c>
      <c r="P6489" s="5" t="s">
        <v>40</v>
      </c>
      <c r="Q6489" s="5" t="s">
        <v>1522</v>
      </c>
      <c r="R6489" s="5" t="s">
        <v>1523</v>
      </c>
      <c r="S6489" s="5" t="s">
        <v>42</v>
      </c>
      <c r="T6489" s="2">
        <v>2.1920000000000002</v>
      </c>
      <c r="U6489" s="2">
        <v>1.7709999999999999</v>
      </c>
      <c r="V6489" s="2">
        <v>10.6</v>
      </c>
      <c r="W6489" s="2">
        <v>159.1</v>
      </c>
      <c r="X6489" s="2">
        <v>7.6</v>
      </c>
      <c r="Y6489" s="2">
        <v>10.6</v>
      </c>
      <c r="Z6489" s="5"/>
      <c r="AA6489" s="5" t="s">
        <v>43</v>
      </c>
      <c r="AB6489" s="5" t="s">
        <v>44</v>
      </c>
      <c r="AC6489" s="2"/>
      <c r="AD6489" s="1"/>
    </row>
    <row r="6490" spans="1:30">
      <c r="A6490" s="5" t="s">
        <v>83578</v>
      </c>
      <c r="B6490" s="2" t="s">
        <v>103585</v>
      </c>
      <c r="C6490" s="14" t="s">
        <v>103586</v>
      </c>
      <c r="D6490" s="2" t="s">
        <v>103587</v>
      </c>
      <c r="E6490" s="2" t="s">
        <v>7567</v>
      </c>
      <c r="F6490" s="8">
        <v>189</v>
      </c>
      <c r="G6490" s="5">
        <v>6</v>
      </c>
      <c r="H6490" s="5" t="s">
        <v>1518</v>
      </c>
      <c r="I6490" s="5" t="s">
        <v>69038</v>
      </c>
      <c r="J6490" s="2" t="s">
        <v>69039</v>
      </c>
      <c r="K6490" s="5" t="s">
        <v>69038</v>
      </c>
      <c r="L6490" s="2" t="s">
        <v>69039</v>
      </c>
      <c r="M6490" s="5" t="s">
        <v>1521</v>
      </c>
      <c r="N6490" s="5" t="s">
        <v>38</v>
      </c>
      <c r="O6490" s="5" t="s">
        <v>39</v>
      </c>
      <c r="P6490" s="5" t="s">
        <v>40</v>
      </c>
      <c r="Q6490" s="5" t="s">
        <v>1522</v>
      </c>
      <c r="R6490" s="5" t="s">
        <v>1523</v>
      </c>
      <c r="S6490" s="5" t="s">
        <v>42</v>
      </c>
      <c r="T6490" s="2">
        <v>2.1920000000000002</v>
      </c>
      <c r="U6490" s="2">
        <v>1.7709999999999999</v>
      </c>
      <c r="V6490" s="2">
        <v>10.6</v>
      </c>
      <c r="W6490" s="2">
        <v>159.1</v>
      </c>
      <c r="X6490" s="2">
        <v>7.6</v>
      </c>
      <c r="Y6490" s="2">
        <v>10.6</v>
      </c>
      <c r="Z6490" s="5"/>
      <c r="AA6490" s="5" t="s">
        <v>43</v>
      </c>
      <c r="AB6490" s="5" t="s">
        <v>44</v>
      </c>
      <c r="AC6490" s="2"/>
      <c r="AD6490" s="1"/>
    </row>
    <row r="6491" spans="1:30">
      <c r="A6491" s="5" t="s">
        <v>83578</v>
      </c>
      <c r="B6491" s="2" t="s">
        <v>103588</v>
      </c>
      <c r="C6491" s="14" t="s">
        <v>103589</v>
      </c>
      <c r="D6491" s="2" t="s">
        <v>103590</v>
      </c>
      <c r="E6491" s="2" t="s">
        <v>7555</v>
      </c>
      <c r="F6491" s="8">
        <v>189</v>
      </c>
      <c r="G6491" s="5">
        <v>6</v>
      </c>
      <c r="H6491" s="5" t="s">
        <v>1518</v>
      </c>
      <c r="I6491" s="5" t="s">
        <v>69038</v>
      </c>
      <c r="J6491" s="2" t="s">
        <v>69039</v>
      </c>
      <c r="K6491" s="5" t="s">
        <v>69038</v>
      </c>
      <c r="L6491" s="2" t="s">
        <v>69039</v>
      </c>
      <c r="M6491" s="5" t="s">
        <v>1521</v>
      </c>
      <c r="N6491" s="5" t="s">
        <v>38</v>
      </c>
      <c r="O6491" s="5" t="s">
        <v>39</v>
      </c>
      <c r="P6491" s="5" t="s">
        <v>40</v>
      </c>
      <c r="Q6491" s="5" t="s">
        <v>1522</v>
      </c>
      <c r="R6491" s="5" t="s">
        <v>1523</v>
      </c>
      <c r="S6491" s="5" t="s">
        <v>42</v>
      </c>
      <c r="T6491" s="2">
        <v>2.0960000000000001</v>
      </c>
      <c r="U6491" s="2">
        <v>1.675</v>
      </c>
      <c r="V6491" s="2">
        <v>10.6</v>
      </c>
      <c r="W6491" s="2">
        <v>159.1</v>
      </c>
      <c r="X6491" s="2">
        <v>7.6</v>
      </c>
      <c r="Y6491" s="2">
        <v>10.6</v>
      </c>
      <c r="Z6491" s="5"/>
      <c r="AA6491" s="5" t="s">
        <v>43</v>
      </c>
      <c r="AB6491" s="5" t="s">
        <v>44</v>
      </c>
      <c r="AC6491" s="2"/>
      <c r="AD6491" s="1"/>
    </row>
    <row r="6492" spans="1:30">
      <c r="A6492" s="5" t="s">
        <v>83578</v>
      </c>
      <c r="B6492" s="2" t="s">
        <v>103591</v>
      </c>
      <c r="C6492" s="14" t="s">
        <v>103592</v>
      </c>
      <c r="D6492" s="2" t="s">
        <v>103593</v>
      </c>
      <c r="E6492" s="2" t="s">
        <v>7559</v>
      </c>
      <c r="F6492" s="8">
        <v>189</v>
      </c>
      <c r="G6492" s="5">
        <v>6</v>
      </c>
      <c r="H6492" s="5" t="s">
        <v>1518</v>
      </c>
      <c r="I6492" s="5" t="s">
        <v>69038</v>
      </c>
      <c r="J6492" s="2" t="s">
        <v>69039</v>
      </c>
      <c r="K6492" s="5" t="s">
        <v>69038</v>
      </c>
      <c r="L6492" s="2" t="s">
        <v>69039</v>
      </c>
      <c r="M6492" s="5" t="s">
        <v>1521</v>
      </c>
      <c r="N6492" s="5" t="s">
        <v>38</v>
      </c>
      <c r="O6492" s="5" t="s">
        <v>39</v>
      </c>
      <c r="P6492" s="5" t="s">
        <v>40</v>
      </c>
      <c r="Q6492" s="5" t="s">
        <v>1522</v>
      </c>
      <c r="R6492" s="5" t="s">
        <v>1523</v>
      </c>
      <c r="S6492" s="5" t="s">
        <v>42</v>
      </c>
      <c r="T6492" s="2">
        <v>2.1920000000000002</v>
      </c>
      <c r="U6492" s="2">
        <v>1.7709999999999999</v>
      </c>
      <c r="V6492" s="2">
        <v>10.6</v>
      </c>
      <c r="W6492" s="2">
        <v>159.1</v>
      </c>
      <c r="X6492" s="2">
        <v>7.6</v>
      </c>
      <c r="Y6492" s="2">
        <v>10.6</v>
      </c>
      <c r="Z6492" s="5"/>
      <c r="AA6492" s="5" t="s">
        <v>43</v>
      </c>
      <c r="AB6492" s="5" t="s">
        <v>44</v>
      </c>
      <c r="AC6492" s="2"/>
      <c r="AD6492" s="1"/>
    </row>
    <row r="6493" spans="1:30">
      <c r="A6493" s="5" t="s">
        <v>83578</v>
      </c>
      <c r="B6493" s="2" t="s">
        <v>103594</v>
      </c>
      <c r="C6493" s="14" t="s">
        <v>103595</v>
      </c>
      <c r="D6493" s="2" t="s">
        <v>103596</v>
      </c>
      <c r="E6493" s="2" t="s">
        <v>7429</v>
      </c>
      <c r="F6493" s="8">
        <v>189</v>
      </c>
      <c r="G6493" s="5">
        <v>6</v>
      </c>
      <c r="H6493" s="5" t="s">
        <v>1518</v>
      </c>
      <c r="I6493" s="5" t="s">
        <v>69038</v>
      </c>
      <c r="J6493" s="2" t="s">
        <v>69039</v>
      </c>
      <c r="K6493" s="5" t="s">
        <v>69038</v>
      </c>
      <c r="L6493" s="2" t="s">
        <v>69039</v>
      </c>
      <c r="M6493" s="5" t="s">
        <v>1521</v>
      </c>
      <c r="N6493" s="5" t="s">
        <v>38</v>
      </c>
      <c r="O6493" s="5" t="s">
        <v>39</v>
      </c>
      <c r="P6493" s="5" t="s">
        <v>40</v>
      </c>
      <c r="Q6493" s="5" t="s">
        <v>1522</v>
      </c>
      <c r="R6493" s="5" t="s">
        <v>1523</v>
      </c>
      <c r="S6493" s="5" t="s">
        <v>42</v>
      </c>
      <c r="T6493" s="2">
        <v>2.0960000000000001</v>
      </c>
      <c r="U6493" s="2">
        <v>1.675</v>
      </c>
      <c r="V6493" s="2">
        <v>10.6</v>
      </c>
      <c r="W6493" s="2">
        <v>159.1</v>
      </c>
      <c r="X6493" s="2">
        <v>7.6</v>
      </c>
      <c r="Y6493" s="2">
        <v>10.6</v>
      </c>
      <c r="Z6493" s="5"/>
      <c r="AA6493" s="5" t="s">
        <v>43</v>
      </c>
      <c r="AB6493" s="5" t="s">
        <v>44</v>
      </c>
      <c r="AC6493" s="2"/>
      <c r="AD6493" s="1"/>
    </row>
    <row r="6494" spans="1:30">
      <c r="A6494" s="5" t="s">
        <v>83578</v>
      </c>
      <c r="B6494" s="2" t="s">
        <v>103597</v>
      </c>
      <c r="C6494" s="14" t="s">
        <v>103598</v>
      </c>
      <c r="D6494" s="2" t="s">
        <v>103599</v>
      </c>
      <c r="E6494" s="2" t="s">
        <v>7574</v>
      </c>
      <c r="F6494" s="8">
        <v>189</v>
      </c>
      <c r="G6494" s="5">
        <v>6</v>
      </c>
      <c r="H6494" s="5" t="s">
        <v>1518</v>
      </c>
      <c r="I6494" s="5" t="s">
        <v>69038</v>
      </c>
      <c r="J6494" s="2" t="s">
        <v>69039</v>
      </c>
      <c r="K6494" s="5" t="s">
        <v>69038</v>
      </c>
      <c r="L6494" s="2" t="s">
        <v>69039</v>
      </c>
      <c r="M6494" s="5" t="s">
        <v>1521</v>
      </c>
      <c r="N6494" s="5" t="s">
        <v>38</v>
      </c>
      <c r="O6494" s="5" t="s">
        <v>39</v>
      </c>
      <c r="P6494" s="5" t="s">
        <v>40</v>
      </c>
      <c r="Q6494" s="5" t="s">
        <v>1522</v>
      </c>
      <c r="R6494" s="5" t="s">
        <v>1523</v>
      </c>
      <c r="S6494" s="5" t="s">
        <v>42</v>
      </c>
      <c r="T6494" s="2">
        <v>2.1920000000000002</v>
      </c>
      <c r="U6494" s="2">
        <v>1.7709999999999999</v>
      </c>
      <c r="V6494" s="2">
        <v>10.6</v>
      </c>
      <c r="W6494" s="2">
        <v>159.1</v>
      </c>
      <c r="X6494" s="2">
        <v>7.6</v>
      </c>
      <c r="Y6494" s="2">
        <v>10.6</v>
      </c>
      <c r="Z6494" s="5"/>
      <c r="AA6494" s="5" t="s">
        <v>43</v>
      </c>
      <c r="AB6494" s="5" t="s">
        <v>44</v>
      </c>
      <c r="AC6494" s="2"/>
      <c r="AD6494" s="1"/>
    </row>
    <row r="6495" spans="1:30">
      <c r="A6495" s="5" t="s">
        <v>83578</v>
      </c>
      <c r="B6495" s="2" t="s">
        <v>103600</v>
      </c>
      <c r="C6495" s="14" t="s">
        <v>103601</v>
      </c>
      <c r="D6495" s="2" t="s">
        <v>103602</v>
      </c>
      <c r="E6495" s="2" t="s">
        <v>7449</v>
      </c>
      <c r="F6495" s="8">
        <v>189</v>
      </c>
      <c r="G6495" s="5">
        <v>6</v>
      </c>
      <c r="H6495" s="5" t="s">
        <v>1518</v>
      </c>
      <c r="I6495" s="5" t="s">
        <v>69038</v>
      </c>
      <c r="J6495" s="2" t="s">
        <v>69039</v>
      </c>
      <c r="K6495" s="5" t="s">
        <v>69038</v>
      </c>
      <c r="L6495" s="2" t="s">
        <v>69039</v>
      </c>
      <c r="M6495" s="5" t="s">
        <v>1521</v>
      </c>
      <c r="N6495" s="5" t="s">
        <v>38</v>
      </c>
      <c r="O6495" s="5" t="s">
        <v>39</v>
      </c>
      <c r="P6495" s="5" t="s">
        <v>40</v>
      </c>
      <c r="Q6495" s="5" t="s">
        <v>1522</v>
      </c>
      <c r="R6495" s="5" t="s">
        <v>1523</v>
      </c>
      <c r="S6495" s="5" t="s">
        <v>42</v>
      </c>
      <c r="T6495" s="2">
        <v>2.0960000000000001</v>
      </c>
      <c r="U6495" s="2">
        <v>1.675</v>
      </c>
      <c r="V6495" s="2">
        <v>10.6</v>
      </c>
      <c r="W6495" s="2">
        <v>159.1</v>
      </c>
      <c r="X6495" s="2">
        <v>7.6</v>
      </c>
      <c r="Y6495" s="2">
        <v>10.6</v>
      </c>
      <c r="Z6495" s="5"/>
      <c r="AA6495" s="5" t="s">
        <v>43</v>
      </c>
      <c r="AB6495" s="5" t="s">
        <v>44</v>
      </c>
      <c r="AC6495" s="2"/>
      <c r="AD6495" s="1"/>
    </row>
    <row r="6496" spans="1:30">
      <c r="A6496" s="5" t="s">
        <v>83578</v>
      </c>
      <c r="B6496" s="2" t="s">
        <v>103603</v>
      </c>
      <c r="C6496" s="14" t="s">
        <v>103604</v>
      </c>
      <c r="D6496" s="2" t="s">
        <v>103605</v>
      </c>
      <c r="E6496" s="2" t="s">
        <v>7585</v>
      </c>
      <c r="F6496" s="8">
        <v>189</v>
      </c>
      <c r="G6496" s="5">
        <v>6</v>
      </c>
      <c r="H6496" s="5" t="s">
        <v>1518</v>
      </c>
      <c r="I6496" s="5" t="s">
        <v>69038</v>
      </c>
      <c r="J6496" s="2" t="s">
        <v>69039</v>
      </c>
      <c r="K6496" s="5" t="s">
        <v>69038</v>
      </c>
      <c r="L6496" s="2" t="s">
        <v>69039</v>
      </c>
      <c r="M6496" s="5" t="s">
        <v>1521</v>
      </c>
      <c r="N6496" s="5" t="s">
        <v>38</v>
      </c>
      <c r="O6496" s="5" t="s">
        <v>39</v>
      </c>
      <c r="P6496" s="5" t="s">
        <v>40</v>
      </c>
      <c r="Q6496" s="5" t="s">
        <v>1522</v>
      </c>
      <c r="R6496" s="5" t="s">
        <v>1523</v>
      </c>
      <c r="S6496" s="5" t="s">
        <v>42</v>
      </c>
      <c r="T6496" s="2">
        <v>2.0960000000000001</v>
      </c>
      <c r="U6496" s="2">
        <v>1.675</v>
      </c>
      <c r="V6496" s="2">
        <v>10.6</v>
      </c>
      <c r="W6496" s="2">
        <v>159.1</v>
      </c>
      <c r="X6496" s="2">
        <v>7.6</v>
      </c>
      <c r="Y6496" s="2">
        <v>10.6</v>
      </c>
      <c r="Z6496" s="5"/>
      <c r="AA6496" s="5" t="s">
        <v>43</v>
      </c>
      <c r="AB6496" s="5" t="s">
        <v>44</v>
      </c>
      <c r="AC6496" s="2"/>
      <c r="AD6496" s="1"/>
    </row>
    <row r="6497" spans="1:30">
      <c r="A6497" s="5" t="s">
        <v>83578</v>
      </c>
      <c r="B6497" s="2" t="s">
        <v>103606</v>
      </c>
      <c r="C6497" s="14" t="s">
        <v>103607</v>
      </c>
      <c r="D6497" s="2" t="s">
        <v>103608</v>
      </c>
      <c r="E6497" s="2" t="s">
        <v>7589</v>
      </c>
      <c r="F6497" s="8">
        <v>189</v>
      </c>
      <c r="G6497" s="5">
        <v>6</v>
      </c>
      <c r="H6497" s="5" t="s">
        <v>1518</v>
      </c>
      <c r="I6497" s="5" t="s">
        <v>69038</v>
      </c>
      <c r="J6497" s="2" t="s">
        <v>69039</v>
      </c>
      <c r="K6497" s="5" t="s">
        <v>69038</v>
      </c>
      <c r="L6497" s="2" t="s">
        <v>69039</v>
      </c>
      <c r="M6497" s="5" t="s">
        <v>1521</v>
      </c>
      <c r="N6497" s="5" t="s">
        <v>38</v>
      </c>
      <c r="O6497" s="5" t="s">
        <v>39</v>
      </c>
      <c r="P6497" s="5" t="s">
        <v>40</v>
      </c>
      <c r="Q6497" s="5" t="s">
        <v>1522</v>
      </c>
      <c r="R6497" s="5" t="s">
        <v>1523</v>
      </c>
      <c r="S6497" s="5" t="s">
        <v>42</v>
      </c>
      <c r="T6497" s="2">
        <v>2.1920000000000002</v>
      </c>
      <c r="U6497" s="2">
        <v>1.7709999999999999</v>
      </c>
      <c r="V6497" s="2">
        <v>10.6</v>
      </c>
      <c r="W6497" s="2">
        <v>159.1</v>
      </c>
      <c r="X6497" s="2">
        <v>7.6</v>
      </c>
      <c r="Y6497" s="2">
        <v>10.6</v>
      </c>
      <c r="Z6497" s="5"/>
      <c r="AA6497" s="5" t="s">
        <v>43</v>
      </c>
      <c r="AB6497" s="5" t="s">
        <v>44</v>
      </c>
      <c r="AC6497" s="2"/>
      <c r="AD6497" s="1"/>
    </row>
    <row r="6498" spans="1:30">
      <c r="A6498" s="5" t="s">
        <v>83578</v>
      </c>
      <c r="B6498" s="2" t="s">
        <v>103609</v>
      </c>
      <c r="C6498" s="14" t="s">
        <v>103610</v>
      </c>
      <c r="D6498" s="2" t="s">
        <v>103611</v>
      </c>
      <c r="E6498" s="2" t="s">
        <v>7593</v>
      </c>
      <c r="F6498" s="8">
        <v>189</v>
      </c>
      <c r="G6498" s="5">
        <v>6</v>
      </c>
      <c r="H6498" s="5" t="s">
        <v>1518</v>
      </c>
      <c r="I6498" s="5" t="s">
        <v>69038</v>
      </c>
      <c r="J6498" s="2" t="s">
        <v>69039</v>
      </c>
      <c r="K6498" s="5" t="s">
        <v>69038</v>
      </c>
      <c r="L6498" s="2" t="s">
        <v>69039</v>
      </c>
      <c r="M6498" s="5" t="s">
        <v>1521</v>
      </c>
      <c r="N6498" s="5" t="s">
        <v>38</v>
      </c>
      <c r="O6498" s="5" t="s">
        <v>39</v>
      </c>
      <c r="P6498" s="5" t="s">
        <v>40</v>
      </c>
      <c r="Q6498" s="5" t="s">
        <v>1522</v>
      </c>
      <c r="R6498" s="5" t="s">
        <v>1523</v>
      </c>
      <c r="S6498" s="5" t="s">
        <v>42</v>
      </c>
      <c r="T6498" s="2">
        <v>2.0960000000000001</v>
      </c>
      <c r="U6498" s="2">
        <v>1.675</v>
      </c>
      <c r="V6498" s="2">
        <v>10.6</v>
      </c>
      <c r="W6498" s="2">
        <v>159.1</v>
      </c>
      <c r="X6498" s="2">
        <v>7.6</v>
      </c>
      <c r="Y6498" s="2">
        <v>10.6</v>
      </c>
      <c r="Z6498" s="5"/>
      <c r="AA6498" s="5" t="s">
        <v>43</v>
      </c>
      <c r="AB6498" s="5" t="s">
        <v>44</v>
      </c>
      <c r="AC6498" s="2"/>
      <c r="AD6498" s="1"/>
    </row>
    <row r="6499" spans="1:30">
      <c r="A6499" s="5" t="s">
        <v>83578</v>
      </c>
      <c r="B6499" s="2" t="s">
        <v>103612</v>
      </c>
      <c r="C6499" s="14" t="s">
        <v>103613</v>
      </c>
      <c r="D6499" s="2" t="s">
        <v>103614</v>
      </c>
      <c r="E6499" s="2" t="s">
        <v>7597</v>
      </c>
      <c r="F6499" s="8">
        <v>189</v>
      </c>
      <c r="G6499" s="5">
        <v>6</v>
      </c>
      <c r="H6499" s="5" t="s">
        <v>1518</v>
      </c>
      <c r="I6499" s="5" t="s">
        <v>69038</v>
      </c>
      <c r="J6499" s="2" t="s">
        <v>69039</v>
      </c>
      <c r="K6499" s="5" t="s">
        <v>69038</v>
      </c>
      <c r="L6499" s="2" t="s">
        <v>69039</v>
      </c>
      <c r="M6499" s="5" t="s">
        <v>1521</v>
      </c>
      <c r="N6499" s="5" t="s">
        <v>38</v>
      </c>
      <c r="O6499" s="5" t="s">
        <v>39</v>
      </c>
      <c r="P6499" s="5" t="s">
        <v>40</v>
      </c>
      <c r="Q6499" s="5" t="s">
        <v>1522</v>
      </c>
      <c r="R6499" s="5" t="s">
        <v>1523</v>
      </c>
      <c r="S6499" s="5" t="s">
        <v>42</v>
      </c>
      <c r="T6499" s="2">
        <v>2.1920000000000002</v>
      </c>
      <c r="U6499" s="2">
        <v>1.7709999999999999</v>
      </c>
      <c r="V6499" s="2">
        <v>10.6</v>
      </c>
      <c r="W6499" s="2">
        <v>159.1</v>
      </c>
      <c r="X6499" s="2">
        <v>7.6</v>
      </c>
      <c r="Y6499" s="2">
        <v>10.6</v>
      </c>
      <c r="Z6499" s="5"/>
      <c r="AA6499" s="5" t="s">
        <v>43</v>
      </c>
      <c r="AB6499" s="5" t="s">
        <v>44</v>
      </c>
      <c r="AC6499" s="2"/>
      <c r="AD6499" s="1"/>
    </row>
    <row r="6500" spans="1:30">
      <c r="A6500" s="5" t="s">
        <v>83578</v>
      </c>
      <c r="B6500" s="2" t="s">
        <v>103615</v>
      </c>
      <c r="C6500" s="14" t="s">
        <v>103616</v>
      </c>
      <c r="D6500" s="2" t="s">
        <v>103617</v>
      </c>
      <c r="E6500" s="2" t="s">
        <v>7433</v>
      </c>
      <c r="F6500" s="8">
        <v>189</v>
      </c>
      <c r="G6500" s="5">
        <v>6</v>
      </c>
      <c r="H6500" s="5" t="s">
        <v>1518</v>
      </c>
      <c r="I6500" s="5" t="s">
        <v>69038</v>
      </c>
      <c r="J6500" s="2" t="s">
        <v>69039</v>
      </c>
      <c r="K6500" s="5" t="s">
        <v>69038</v>
      </c>
      <c r="L6500" s="2" t="s">
        <v>69039</v>
      </c>
      <c r="M6500" s="5" t="s">
        <v>1521</v>
      </c>
      <c r="N6500" s="5" t="s">
        <v>38</v>
      </c>
      <c r="O6500" s="5" t="s">
        <v>39</v>
      </c>
      <c r="P6500" s="5" t="s">
        <v>40</v>
      </c>
      <c r="Q6500" s="5" t="s">
        <v>1522</v>
      </c>
      <c r="R6500" s="5" t="s">
        <v>1523</v>
      </c>
      <c r="S6500" s="5" t="s">
        <v>42</v>
      </c>
      <c r="T6500" s="2">
        <v>2.0960000000000001</v>
      </c>
      <c r="U6500" s="2">
        <v>1.675</v>
      </c>
      <c r="V6500" s="2">
        <v>10.6</v>
      </c>
      <c r="W6500" s="2">
        <v>159.1</v>
      </c>
      <c r="X6500" s="2">
        <v>7.6</v>
      </c>
      <c r="Y6500" s="2">
        <v>10.6</v>
      </c>
      <c r="Z6500" s="5"/>
      <c r="AA6500" s="5" t="s">
        <v>43</v>
      </c>
      <c r="AB6500" s="5" t="s">
        <v>44</v>
      </c>
      <c r="AC6500" s="2"/>
      <c r="AD6500" s="1"/>
    </row>
    <row r="6501" spans="1:30">
      <c r="A6501" s="5" t="s">
        <v>83578</v>
      </c>
      <c r="B6501" s="2" t="s">
        <v>103618</v>
      </c>
      <c r="C6501" s="14" t="s">
        <v>103619</v>
      </c>
      <c r="D6501" s="2" t="s">
        <v>103620</v>
      </c>
      <c r="E6501" s="2" t="s">
        <v>7615</v>
      </c>
      <c r="F6501" s="8">
        <v>189</v>
      </c>
      <c r="G6501" s="5">
        <v>6</v>
      </c>
      <c r="H6501" s="5" t="s">
        <v>1518</v>
      </c>
      <c r="I6501" s="5" t="s">
        <v>69038</v>
      </c>
      <c r="J6501" s="2" t="s">
        <v>69039</v>
      </c>
      <c r="K6501" s="5" t="s">
        <v>69038</v>
      </c>
      <c r="L6501" s="2" t="s">
        <v>69039</v>
      </c>
      <c r="M6501" s="5" t="s">
        <v>1521</v>
      </c>
      <c r="N6501" s="5" t="s">
        <v>38</v>
      </c>
      <c r="O6501" s="5" t="s">
        <v>39</v>
      </c>
      <c r="P6501" s="5" t="s">
        <v>40</v>
      </c>
      <c r="Q6501" s="5" t="s">
        <v>1522</v>
      </c>
      <c r="R6501" s="5" t="s">
        <v>1523</v>
      </c>
      <c r="S6501" s="5" t="s">
        <v>42</v>
      </c>
      <c r="T6501" s="2">
        <v>2.0960000000000001</v>
      </c>
      <c r="U6501" s="2">
        <v>1.675</v>
      </c>
      <c r="V6501" s="2">
        <v>10.6</v>
      </c>
      <c r="W6501" s="2">
        <v>159.1</v>
      </c>
      <c r="X6501" s="2">
        <v>7.6</v>
      </c>
      <c r="Y6501" s="2">
        <v>10.6</v>
      </c>
      <c r="Z6501" s="5"/>
      <c r="AA6501" s="5" t="s">
        <v>43</v>
      </c>
      <c r="AB6501" s="5" t="s">
        <v>44</v>
      </c>
      <c r="AC6501" s="2"/>
      <c r="AD6501" s="1"/>
    </row>
    <row r="6502" spans="1:30">
      <c r="A6502" s="5" t="s">
        <v>83578</v>
      </c>
      <c r="B6502" s="2" t="s">
        <v>103621</v>
      </c>
      <c r="C6502" s="14" t="s">
        <v>103622</v>
      </c>
      <c r="D6502" s="2" t="s">
        <v>103623</v>
      </c>
      <c r="E6502" s="2" t="s">
        <v>7410</v>
      </c>
      <c r="F6502" s="8">
        <v>189</v>
      </c>
      <c r="G6502" s="5">
        <v>6</v>
      </c>
      <c r="H6502" s="5" t="s">
        <v>1518</v>
      </c>
      <c r="I6502" s="5" t="s">
        <v>69038</v>
      </c>
      <c r="J6502" s="2" t="s">
        <v>69039</v>
      </c>
      <c r="K6502" s="5" t="s">
        <v>69038</v>
      </c>
      <c r="L6502" s="2" t="s">
        <v>69039</v>
      </c>
      <c r="M6502" s="5" t="s">
        <v>1521</v>
      </c>
      <c r="N6502" s="5" t="s">
        <v>38</v>
      </c>
      <c r="O6502" s="5" t="s">
        <v>39</v>
      </c>
      <c r="P6502" s="5" t="s">
        <v>40</v>
      </c>
      <c r="Q6502" s="5" t="s">
        <v>1522</v>
      </c>
      <c r="R6502" s="5" t="s">
        <v>1523</v>
      </c>
      <c r="S6502" s="5" t="s">
        <v>42</v>
      </c>
      <c r="T6502" s="2">
        <v>2.0960000000000001</v>
      </c>
      <c r="U6502" s="2">
        <v>1.675</v>
      </c>
      <c r="V6502" s="2">
        <v>10.6</v>
      </c>
      <c r="W6502" s="2">
        <v>159.1</v>
      </c>
      <c r="X6502" s="2">
        <v>7.6</v>
      </c>
      <c r="Y6502" s="2">
        <v>10.6</v>
      </c>
      <c r="Z6502" s="5"/>
      <c r="AA6502" s="5" t="s">
        <v>43</v>
      </c>
      <c r="AB6502" s="5" t="s">
        <v>44</v>
      </c>
      <c r="AC6502" s="2"/>
      <c r="AD6502" s="1"/>
    </row>
    <row r="6503" spans="1:30">
      <c r="A6503" s="5" t="s">
        <v>83578</v>
      </c>
      <c r="B6503" s="2" t="s">
        <v>103624</v>
      </c>
      <c r="C6503" s="14" t="s">
        <v>103625</v>
      </c>
      <c r="D6503" s="2" t="s">
        <v>103626</v>
      </c>
      <c r="E6503" s="2" t="s">
        <v>7604</v>
      </c>
      <c r="F6503" s="8">
        <v>189</v>
      </c>
      <c r="G6503" s="5">
        <v>6</v>
      </c>
      <c r="H6503" s="5" t="s">
        <v>1518</v>
      </c>
      <c r="I6503" s="5" t="s">
        <v>69038</v>
      </c>
      <c r="J6503" s="2" t="s">
        <v>69039</v>
      </c>
      <c r="K6503" s="5" t="s">
        <v>69038</v>
      </c>
      <c r="L6503" s="2" t="s">
        <v>69039</v>
      </c>
      <c r="M6503" s="5" t="s">
        <v>1521</v>
      </c>
      <c r="N6503" s="5" t="s">
        <v>38</v>
      </c>
      <c r="O6503" s="5" t="s">
        <v>39</v>
      </c>
      <c r="P6503" s="5" t="s">
        <v>40</v>
      </c>
      <c r="Q6503" s="5" t="s">
        <v>1522</v>
      </c>
      <c r="R6503" s="5" t="s">
        <v>1523</v>
      </c>
      <c r="S6503" s="5" t="s">
        <v>42</v>
      </c>
      <c r="T6503" s="2">
        <v>2.1920000000000002</v>
      </c>
      <c r="U6503" s="2">
        <v>1.7709999999999999</v>
      </c>
      <c r="V6503" s="2">
        <v>10.6</v>
      </c>
      <c r="W6503" s="2">
        <v>159.1</v>
      </c>
      <c r="X6503" s="2">
        <v>7.6</v>
      </c>
      <c r="Y6503" s="2">
        <v>10.6</v>
      </c>
      <c r="Z6503" s="5"/>
      <c r="AA6503" s="5" t="s">
        <v>43</v>
      </c>
      <c r="AB6503" s="5" t="s">
        <v>44</v>
      </c>
      <c r="AC6503" s="2"/>
      <c r="AD6503" s="1"/>
    </row>
    <row r="6504" spans="1:30">
      <c r="A6504" s="5" t="s">
        <v>83578</v>
      </c>
      <c r="B6504" s="2" t="s">
        <v>103627</v>
      </c>
      <c r="C6504" s="14" t="s">
        <v>103628</v>
      </c>
      <c r="D6504" s="2" t="s">
        <v>103629</v>
      </c>
      <c r="E6504" s="2" t="s">
        <v>7212</v>
      </c>
      <c r="F6504" s="8">
        <v>164</v>
      </c>
      <c r="G6504" s="5">
        <v>6</v>
      </c>
      <c r="H6504" s="5" t="s">
        <v>1518</v>
      </c>
      <c r="I6504" s="5" t="s">
        <v>69038</v>
      </c>
      <c r="J6504" s="2" t="s">
        <v>69039</v>
      </c>
      <c r="K6504" s="5" t="s">
        <v>69038</v>
      </c>
      <c r="L6504" s="2" t="s">
        <v>69039</v>
      </c>
      <c r="M6504" s="5" t="s">
        <v>1521</v>
      </c>
      <c r="N6504" s="5" t="s">
        <v>38</v>
      </c>
      <c r="O6504" s="5" t="s">
        <v>39</v>
      </c>
      <c r="P6504" s="5" t="s">
        <v>40</v>
      </c>
      <c r="Q6504" s="5" t="s">
        <v>1522</v>
      </c>
      <c r="R6504" s="5" t="s">
        <v>1523</v>
      </c>
      <c r="S6504" s="5" t="s">
        <v>42</v>
      </c>
      <c r="T6504" s="2">
        <v>2.0960000000000001</v>
      </c>
      <c r="U6504" s="2">
        <v>1.675</v>
      </c>
      <c r="V6504" s="2">
        <v>10.6</v>
      </c>
      <c r="W6504" s="2">
        <v>159.1</v>
      </c>
      <c r="X6504" s="2">
        <v>7.6</v>
      </c>
      <c r="Y6504" s="2">
        <v>10.6</v>
      </c>
      <c r="Z6504" s="5"/>
      <c r="AA6504" s="5" t="s">
        <v>43</v>
      </c>
      <c r="AB6504" s="5" t="s">
        <v>44</v>
      </c>
      <c r="AC6504" s="2"/>
      <c r="AD6504" s="1"/>
    </row>
    <row r="6505" spans="1:30">
      <c r="A6505" s="5" t="s">
        <v>83578</v>
      </c>
      <c r="B6505" s="2" t="s">
        <v>103630</v>
      </c>
      <c r="C6505" s="14" t="s">
        <v>103631</v>
      </c>
      <c r="D6505" s="2" t="s">
        <v>103632</v>
      </c>
      <c r="E6505" s="2" t="s">
        <v>7535</v>
      </c>
      <c r="F6505" s="8">
        <v>168</v>
      </c>
      <c r="G6505" s="5">
        <v>6</v>
      </c>
      <c r="H6505" s="5" t="s">
        <v>1518</v>
      </c>
      <c r="I6505" s="5" t="s">
        <v>69038</v>
      </c>
      <c r="J6505" s="2" t="s">
        <v>69039</v>
      </c>
      <c r="K6505" s="5" t="s">
        <v>69038</v>
      </c>
      <c r="L6505" s="2" t="s">
        <v>69039</v>
      </c>
      <c r="M6505" s="5" t="s">
        <v>1521</v>
      </c>
      <c r="N6505" s="5" t="s">
        <v>38</v>
      </c>
      <c r="O6505" s="5" t="s">
        <v>39</v>
      </c>
      <c r="P6505" s="5" t="s">
        <v>40</v>
      </c>
      <c r="Q6505" s="5" t="s">
        <v>1522</v>
      </c>
      <c r="R6505" s="5" t="s">
        <v>1523</v>
      </c>
      <c r="S6505" s="5" t="s">
        <v>42</v>
      </c>
      <c r="T6505" s="2">
        <v>1.887</v>
      </c>
      <c r="U6505" s="2">
        <v>1.524</v>
      </c>
      <c r="V6505" s="2">
        <v>10.6</v>
      </c>
      <c r="W6505" s="2">
        <v>139.1</v>
      </c>
      <c r="X6505" s="2">
        <v>7.6</v>
      </c>
      <c r="Y6505" s="2">
        <v>10.6</v>
      </c>
      <c r="Z6505" s="5"/>
      <c r="AA6505" s="5" t="s">
        <v>43</v>
      </c>
      <c r="AB6505" s="5" t="s">
        <v>44</v>
      </c>
      <c r="AC6505" s="2"/>
      <c r="AD6505" s="1"/>
    </row>
    <row r="6506" spans="1:30">
      <c r="A6506" s="5" t="s">
        <v>83578</v>
      </c>
      <c r="B6506" s="2" t="s">
        <v>103633</v>
      </c>
      <c r="C6506" s="14" t="s">
        <v>103634</v>
      </c>
      <c r="D6506" s="2" t="s">
        <v>103635</v>
      </c>
      <c r="E6506" s="2" t="s">
        <v>7547</v>
      </c>
      <c r="F6506" s="8">
        <v>168</v>
      </c>
      <c r="G6506" s="5">
        <v>6</v>
      </c>
      <c r="H6506" s="5" t="s">
        <v>1518</v>
      </c>
      <c r="I6506" s="5" t="s">
        <v>69038</v>
      </c>
      <c r="J6506" s="2" t="s">
        <v>69039</v>
      </c>
      <c r="K6506" s="5" t="s">
        <v>69038</v>
      </c>
      <c r="L6506" s="2" t="s">
        <v>69039</v>
      </c>
      <c r="M6506" s="5" t="s">
        <v>1521</v>
      </c>
      <c r="N6506" s="5" t="s">
        <v>38</v>
      </c>
      <c r="O6506" s="5" t="s">
        <v>39</v>
      </c>
      <c r="P6506" s="5" t="s">
        <v>40</v>
      </c>
      <c r="Q6506" s="5" t="s">
        <v>1522</v>
      </c>
      <c r="R6506" s="5" t="s">
        <v>1523</v>
      </c>
      <c r="S6506" s="5" t="s">
        <v>42</v>
      </c>
      <c r="T6506" s="2">
        <v>1.821</v>
      </c>
      <c r="U6506" s="2">
        <v>1.458</v>
      </c>
      <c r="V6506" s="2">
        <v>10.6</v>
      </c>
      <c r="W6506" s="2">
        <v>139.1</v>
      </c>
      <c r="X6506" s="2">
        <v>7.6</v>
      </c>
      <c r="Y6506" s="2">
        <v>10.6</v>
      </c>
      <c r="Z6506" s="5"/>
      <c r="AA6506" s="5" t="s">
        <v>43</v>
      </c>
      <c r="AB6506" s="5" t="s">
        <v>44</v>
      </c>
      <c r="AC6506" s="2"/>
      <c r="AD6506" s="1"/>
    </row>
    <row r="6507" spans="1:30">
      <c r="A6507" s="5" t="s">
        <v>83578</v>
      </c>
      <c r="B6507" s="2" t="s">
        <v>103636</v>
      </c>
      <c r="C6507" s="14" t="s">
        <v>103637</v>
      </c>
      <c r="D6507" s="2" t="s">
        <v>103638</v>
      </c>
      <c r="E6507" s="2" t="s">
        <v>7551</v>
      </c>
      <c r="F6507" s="8">
        <v>168</v>
      </c>
      <c r="G6507" s="5">
        <v>6</v>
      </c>
      <c r="H6507" s="5" t="s">
        <v>1518</v>
      </c>
      <c r="I6507" s="5" t="s">
        <v>69038</v>
      </c>
      <c r="J6507" s="2" t="s">
        <v>69039</v>
      </c>
      <c r="K6507" s="5" t="s">
        <v>69038</v>
      </c>
      <c r="L6507" s="2" t="s">
        <v>69039</v>
      </c>
      <c r="M6507" s="5" t="s">
        <v>1521</v>
      </c>
      <c r="N6507" s="5" t="s">
        <v>38</v>
      </c>
      <c r="O6507" s="5" t="s">
        <v>39</v>
      </c>
      <c r="P6507" s="5" t="s">
        <v>40</v>
      </c>
      <c r="Q6507" s="5" t="s">
        <v>1522</v>
      </c>
      <c r="R6507" s="5" t="s">
        <v>1523</v>
      </c>
      <c r="S6507" s="5" t="s">
        <v>42</v>
      </c>
      <c r="T6507" s="2">
        <v>1.887</v>
      </c>
      <c r="U6507" s="2">
        <v>1.524</v>
      </c>
      <c r="V6507" s="2">
        <v>10.6</v>
      </c>
      <c r="W6507" s="2">
        <v>139.1</v>
      </c>
      <c r="X6507" s="2">
        <v>7.6</v>
      </c>
      <c r="Y6507" s="2">
        <v>10.6</v>
      </c>
      <c r="Z6507" s="5"/>
      <c r="AA6507" s="5" t="s">
        <v>43</v>
      </c>
      <c r="AB6507" s="5" t="s">
        <v>44</v>
      </c>
      <c r="AC6507" s="2"/>
      <c r="AD6507" s="1"/>
    </row>
    <row r="6508" spans="1:30">
      <c r="A6508" s="5" t="s">
        <v>83578</v>
      </c>
      <c r="B6508" s="2" t="s">
        <v>103639</v>
      </c>
      <c r="C6508" s="14" t="s">
        <v>103640</v>
      </c>
      <c r="D6508" s="2" t="s">
        <v>103641</v>
      </c>
      <c r="E6508" s="2" t="s">
        <v>7567</v>
      </c>
      <c r="F6508" s="8">
        <v>168</v>
      </c>
      <c r="G6508" s="5">
        <v>6</v>
      </c>
      <c r="H6508" s="5" t="s">
        <v>1518</v>
      </c>
      <c r="I6508" s="5" t="s">
        <v>69038</v>
      </c>
      <c r="J6508" s="2" t="s">
        <v>69039</v>
      </c>
      <c r="K6508" s="5" t="s">
        <v>69038</v>
      </c>
      <c r="L6508" s="2" t="s">
        <v>69039</v>
      </c>
      <c r="M6508" s="5" t="s">
        <v>1521</v>
      </c>
      <c r="N6508" s="5" t="s">
        <v>38</v>
      </c>
      <c r="O6508" s="5" t="s">
        <v>39</v>
      </c>
      <c r="P6508" s="5" t="s">
        <v>40</v>
      </c>
      <c r="Q6508" s="5" t="s">
        <v>1522</v>
      </c>
      <c r="R6508" s="5" t="s">
        <v>1523</v>
      </c>
      <c r="S6508" s="5" t="s">
        <v>42</v>
      </c>
      <c r="T6508" s="2">
        <v>1.887</v>
      </c>
      <c r="U6508" s="2">
        <v>1.524</v>
      </c>
      <c r="V6508" s="2">
        <v>10.6</v>
      </c>
      <c r="W6508" s="2">
        <v>139.1</v>
      </c>
      <c r="X6508" s="2">
        <v>7.6</v>
      </c>
      <c r="Y6508" s="2">
        <v>10.6</v>
      </c>
      <c r="Z6508" s="5"/>
      <c r="AA6508" s="5" t="s">
        <v>43</v>
      </c>
      <c r="AB6508" s="5" t="s">
        <v>44</v>
      </c>
      <c r="AC6508" s="2"/>
      <c r="AD6508" s="1"/>
    </row>
    <row r="6509" spans="1:30">
      <c r="A6509" s="5" t="s">
        <v>83578</v>
      </c>
      <c r="B6509" s="2" t="s">
        <v>103642</v>
      </c>
      <c r="C6509" s="14" t="s">
        <v>103643</v>
      </c>
      <c r="D6509" s="2" t="s">
        <v>103644</v>
      </c>
      <c r="E6509" s="2" t="s">
        <v>7559</v>
      </c>
      <c r="F6509" s="8">
        <v>168</v>
      </c>
      <c r="G6509" s="5">
        <v>6</v>
      </c>
      <c r="H6509" s="5" t="s">
        <v>1518</v>
      </c>
      <c r="I6509" s="5" t="s">
        <v>69038</v>
      </c>
      <c r="J6509" s="2" t="s">
        <v>69039</v>
      </c>
      <c r="K6509" s="5" t="s">
        <v>69038</v>
      </c>
      <c r="L6509" s="2" t="s">
        <v>69039</v>
      </c>
      <c r="M6509" s="5" t="s">
        <v>1521</v>
      </c>
      <c r="N6509" s="5" t="s">
        <v>38</v>
      </c>
      <c r="O6509" s="5" t="s">
        <v>39</v>
      </c>
      <c r="P6509" s="5" t="s">
        <v>40</v>
      </c>
      <c r="Q6509" s="5" t="s">
        <v>1522</v>
      </c>
      <c r="R6509" s="5" t="s">
        <v>1523</v>
      </c>
      <c r="S6509" s="5" t="s">
        <v>42</v>
      </c>
      <c r="T6509" s="2">
        <v>1.887</v>
      </c>
      <c r="U6509" s="2">
        <v>1.524</v>
      </c>
      <c r="V6509" s="2">
        <v>10.6</v>
      </c>
      <c r="W6509" s="2">
        <v>139.1</v>
      </c>
      <c r="X6509" s="2">
        <v>7.6</v>
      </c>
      <c r="Y6509" s="2">
        <v>10.6</v>
      </c>
      <c r="Z6509" s="5"/>
      <c r="AA6509" s="5" t="s">
        <v>43</v>
      </c>
      <c r="AB6509" s="5" t="s">
        <v>44</v>
      </c>
      <c r="AC6509" s="2"/>
      <c r="AD6509" s="1"/>
    </row>
    <row r="6510" spans="1:30">
      <c r="A6510" s="5" t="s">
        <v>83578</v>
      </c>
      <c r="B6510" s="2" t="s">
        <v>103645</v>
      </c>
      <c r="C6510" s="14" t="s">
        <v>103646</v>
      </c>
      <c r="D6510" s="2" t="s">
        <v>103647</v>
      </c>
      <c r="E6510" s="2" t="s">
        <v>7429</v>
      </c>
      <c r="F6510" s="8">
        <v>168</v>
      </c>
      <c r="G6510" s="5">
        <v>6</v>
      </c>
      <c r="H6510" s="5" t="s">
        <v>1518</v>
      </c>
      <c r="I6510" s="5" t="s">
        <v>69038</v>
      </c>
      <c r="J6510" s="2" t="s">
        <v>69039</v>
      </c>
      <c r="K6510" s="5" t="s">
        <v>69038</v>
      </c>
      <c r="L6510" s="2" t="s">
        <v>69039</v>
      </c>
      <c r="M6510" s="5" t="s">
        <v>1521</v>
      </c>
      <c r="N6510" s="5" t="s">
        <v>38</v>
      </c>
      <c r="O6510" s="5" t="s">
        <v>39</v>
      </c>
      <c r="P6510" s="5" t="s">
        <v>40</v>
      </c>
      <c r="Q6510" s="5" t="s">
        <v>1522</v>
      </c>
      <c r="R6510" s="5" t="s">
        <v>1523</v>
      </c>
      <c r="S6510" s="5" t="s">
        <v>42</v>
      </c>
      <c r="T6510" s="2">
        <v>1.821</v>
      </c>
      <c r="U6510" s="2">
        <v>1.458</v>
      </c>
      <c r="V6510" s="2">
        <v>10.6</v>
      </c>
      <c r="W6510" s="2">
        <v>139.1</v>
      </c>
      <c r="X6510" s="2">
        <v>7.6</v>
      </c>
      <c r="Y6510" s="2">
        <v>10.6</v>
      </c>
      <c r="Z6510" s="5"/>
      <c r="AA6510" s="5" t="s">
        <v>43</v>
      </c>
      <c r="AB6510" s="5" t="s">
        <v>44</v>
      </c>
      <c r="AC6510" s="2"/>
      <c r="AD6510" s="1"/>
    </row>
    <row r="6511" spans="1:30">
      <c r="A6511" s="5" t="s">
        <v>83578</v>
      </c>
      <c r="B6511" s="2" t="s">
        <v>103648</v>
      </c>
      <c r="C6511" s="14" t="s">
        <v>103649</v>
      </c>
      <c r="D6511" s="2" t="s">
        <v>103650</v>
      </c>
      <c r="E6511" s="2" t="s">
        <v>7574</v>
      </c>
      <c r="F6511" s="8">
        <v>168</v>
      </c>
      <c r="G6511" s="5">
        <v>6</v>
      </c>
      <c r="H6511" s="5" t="s">
        <v>1518</v>
      </c>
      <c r="I6511" s="5" t="s">
        <v>69038</v>
      </c>
      <c r="J6511" s="2" t="s">
        <v>69039</v>
      </c>
      <c r="K6511" s="5" t="s">
        <v>69038</v>
      </c>
      <c r="L6511" s="2" t="s">
        <v>69039</v>
      </c>
      <c r="M6511" s="5" t="s">
        <v>1521</v>
      </c>
      <c r="N6511" s="5" t="s">
        <v>38</v>
      </c>
      <c r="O6511" s="5" t="s">
        <v>39</v>
      </c>
      <c r="P6511" s="5" t="s">
        <v>40</v>
      </c>
      <c r="Q6511" s="5" t="s">
        <v>1522</v>
      </c>
      <c r="R6511" s="5" t="s">
        <v>1523</v>
      </c>
      <c r="S6511" s="5" t="s">
        <v>42</v>
      </c>
      <c r="T6511" s="2">
        <v>1.887</v>
      </c>
      <c r="U6511" s="2">
        <v>1.524</v>
      </c>
      <c r="V6511" s="2">
        <v>10.6</v>
      </c>
      <c r="W6511" s="2">
        <v>139.1</v>
      </c>
      <c r="X6511" s="2">
        <v>7.6</v>
      </c>
      <c r="Y6511" s="2">
        <v>10.6</v>
      </c>
      <c r="Z6511" s="5"/>
      <c r="AA6511" s="5" t="s">
        <v>43</v>
      </c>
      <c r="AB6511" s="5" t="s">
        <v>44</v>
      </c>
      <c r="AC6511" s="2"/>
      <c r="AD6511" s="1"/>
    </row>
    <row r="6512" spans="1:30">
      <c r="A6512" s="5" t="s">
        <v>83578</v>
      </c>
      <c r="B6512" s="2" t="s">
        <v>103651</v>
      </c>
      <c r="C6512" s="14" t="s">
        <v>103652</v>
      </c>
      <c r="D6512" s="2" t="s">
        <v>103653</v>
      </c>
      <c r="E6512" s="2" t="s">
        <v>7581</v>
      </c>
      <c r="F6512" s="8">
        <v>168</v>
      </c>
      <c r="G6512" s="5">
        <v>6</v>
      </c>
      <c r="H6512" s="5" t="s">
        <v>1518</v>
      </c>
      <c r="I6512" s="5" t="s">
        <v>69038</v>
      </c>
      <c r="J6512" s="2" t="s">
        <v>69039</v>
      </c>
      <c r="K6512" s="5" t="s">
        <v>69038</v>
      </c>
      <c r="L6512" s="2" t="s">
        <v>69039</v>
      </c>
      <c r="M6512" s="5" t="s">
        <v>1521</v>
      </c>
      <c r="N6512" s="5" t="s">
        <v>38</v>
      </c>
      <c r="O6512" s="5" t="s">
        <v>39</v>
      </c>
      <c r="P6512" s="5" t="s">
        <v>40</v>
      </c>
      <c r="Q6512" s="5" t="s">
        <v>1522</v>
      </c>
      <c r="R6512" s="5" t="s">
        <v>1523</v>
      </c>
      <c r="S6512" s="5" t="s">
        <v>42</v>
      </c>
      <c r="T6512" s="2">
        <v>1.887</v>
      </c>
      <c r="U6512" s="2">
        <v>1.524</v>
      </c>
      <c r="V6512" s="2">
        <v>10.6</v>
      </c>
      <c r="W6512" s="2">
        <v>139.1</v>
      </c>
      <c r="X6512" s="2">
        <v>7.6</v>
      </c>
      <c r="Y6512" s="2">
        <v>10.6</v>
      </c>
      <c r="Z6512" s="5"/>
      <c r="AA6512" s="5" t="s">
        <v>43</v>
      </c>
      <c r="AB6512" s="5" t="s">
        <v>44</v>
      </c>
      <c r="AC6512" s="2"/>
      <c r="AD6512" s="1"/>
    </row>
    <row r="6513" spans="1:30">
      <c r="A6513" s="5" t="s">
        <v>83578</v>
      </c>
      <c r="B6513" s="2" t="s">
        <v>103654</v>
      </c>
      <c r="C6513" s="14" t="s">
        <v>103655</v>
      </c>
      <c r="D6513" s="2" t="s">
        <v>103656</v>
      </c>
      <c r="E6513" s="2" t="s">
        <v>7589</v>
      </c>
      <c r="F6513" s="8">
        <v>168</v>
      </c>
      <c r="G6513" s="5">
        <v>6</v>
      </c>
      <c r="H6513" s="5" t="s">
        <v>1518</v>
      </c>
      <c r="I6513" s="5" t="s">
        <v>69038</v>
      </c>
      <c r="J6513" s="2" t="s">
        <v>69039</v>
      </c>
      <c r="K6513" s="5" t="s">
        <v>69038</v>
      </c>
      <c r="L6513" s="2" t="s">
        <v>69039</v>
      </c>
      <c r="M6513" s="5" t="s">
        <v>1521</v>
      </c>
      <c r="N6513" s="5" t="s">
        <v>38</v>
      </c>
      <c r="O6513" s="5" t="s">
        <v>39</v>
      </c>
      <c r="P6513" s="5" t="s">
        <v>40</v>
      </c>
      <c r="Q6513" s="5" t="s">
        <v>1522</v>
      </c>
      <c r="R6513" s="5" t="s">
        <v>1523</v>
      </c>
      <c r="S6513" s="5" t="s">
        <v>42</v>
      </c>
      <c r="T6513" s="2">
        <v>1.887</v>
      </c>
      <c r="U6513" s="2">
        <v>1.524</v>
      </c>
      <c r="V6513" s="2">
        <v>10.6</v>
      </c>
      <c r="W6513" s="2">
        <v>139.1</v>
      </c>
      <c r="X6513" s="2">
        <v>7.6</v>
      </c>
      <c r="Y6513" s="2">
        <v>10.6</v>
      </c>
      <c r="Z6513" s="5"/>
      <c r="AA6513" s="5" t="s">
        <v>43</v>
      </c>
      <c r="AB6513" s="5" t="s">
        <v>44</v>
      </c>
      <c r="AC6513" s="2"/>
      <c r="AD6513" s="1"/>
    </row>
    <row r="6514" spans="1:30">
      <c r="A6514" s="5" t="s">
        <v>83578</v>
      </c>
      <c r="B6514" s="2" t="s">
        <v>103657</v>
      </c>
      <c r="C6514" s="14" t="s">
        <v>103658</v>
      </c>
      <c r="D6514" s="2" t="s">
        <v>103659</v>
      </c>
      <c r="E6514" s="2" t="s">
        <v>7593</v>
      </c>
      <c r="F6514" s="8">
        <v>168</v>
      </c>
      <c r="G6514" s="5">
        <v>6</v>
      </c>
      <c r="H6514" s="5" t="s">
        <v>1518</v>
      </c>
      <c r="I6514" s="5" t="s">
        <v>69038</v>
      </c>
      <c r="J6514" s="2" t="s">
        <v>69039</v>
      </c>
      <c r="K6514" s="5" t="s">
        <v>69038</v>
      </c>
      <c r="L6514" s="2" t="s">
        <v>69039</v>
      </c>
      <c r="M6514" s="5" t="s">
        <v>1521</v>
      </c>
      <c r="N6514" s="5" t="s">
        <v>38</v>
      </c>
      <c r="O6514" s="5" t="s">
        <v>39</v>
      </c>
      <c r="P6514" s="5" t="s">
        <v>40</v>
      </c>
      <c r="Q6514" s="5" t="s">
        <v>1522</v>
      </c>
      <c r="R6514" s="5" t="s">
        <v>1523</v>
      </c>
      <c r="S6514" s="5" t="s">
        <v>42</v>
      </c>
      <c r="T6514" s="2">
        <v>1.821</v>
      </c>
      <c r="U6514" s="2">
        <v>1.458</v>
      </c>
      <c r="V6514" s="2">
        <v>10.6</v>
      </c>
      <c r="W6514" s="2">
        <v>139.1</v>
      </c>
      <c r="X6514" s="2">
        <v>7.6</v>
      </c>
      <c r="Y6514" s="2">
        <v>10.6</v>
      </c>
      <c r="Z6514" s="5"/>
      <c r="AA6514" s="5" t="s">
        <v>43</v>
      </c>
      <c r="AB6514" s="5" t="s">
        <v>44</v>
      </c>
      <c r="AC6514" s="2"/>
      <c r="AD6514" s="1"/>
    </row>
    <row r="6515" spans="1:30">
      <c r="A6515" s="5" t="s">
        <v>83578</v>
      </c>
      <c r="B6515" s="2" t="s">
        <v>103660</v>
      </c>
      <c r="C6515" s="14" t="s">
        <v>103661</v>
      </c>
      <c r="D6515" s="2" t="s">
        <v>103662</v>
      </c>
      <c r="E6515" s="2" t="s">
        <v>7597</v>
      </c>
      <c r="F6515" s="8">
        <v>168</v>
      </c>
      <c r="G6515" s="5">
        <v>6</v>
      </c>
      <c r="H6515" s="5" t="s">
        <v>1518</v>
      </c>
      <c r="I6515" s="5" t="s">
        <v>69038</v>
      </c>
      <c r="J6515" s="2" t="s">
        <v>69039</v>
      </c>
      <c r="K6515" s="5" t="s">
        <v>69038</v>
      </c>
      <c r="L6515" s="2" t="s">
        <v>69039</v>
      </c>
      <c r="M6515" s="5" t="s">
        <v>1521</v>
      </c>
      <c r="N6515" s="5" t="s">
        <v>38</v>
      </c>
      <c r="O6515" s="5" t="s">
        <v>39</v>
      </c>
      <c r="P6515" s="5" t="s">
        <v>40</v>
      </c>
      <c r="Q6515" s="5" t="s">
        <v>1522</v>
      </c>
      <c r="R6515" s="5" t="s">
        <v>1523</v>
      </c>
      <c r="S6515" s="5" t="s">
        <v>42</v>
      </c>
      <c r="T6515" s="2">
        <v>1.887</v>
      </c>
      <c r="U6515" s="2">
        <v>1.524</v>
      </c>
      <c r="V6515" s="2">
        <v>10.6</v>
      </c>
      <c r="W6515" s="2">
        <v>139.1</v>
      </c>
      <c r="X6515" s="2">
        <v>7.6</v>
      </c>
      <c r="Y6515" s="2">
        <v>10.6</v>
      </c>
      <c r="Z6515" s="5"/>
      <c r="AA6515" s="5" t="s">
        <v>43</v>
      </c>
      <c r="AB6515" s="5" t="s">
        <v>44</v>
      </c>
      <c r="AC6515" s="2"/>
      <c r="AD6515" s="1"/>
    </row>
    <row r="6516" spans="1:30">
      <c r="A6516" s="5" t="s">
        <v>83578</v>
      </c>
      <c r="B6516" s="2" t="s">
        <v>103663</v>
      </c>
      <c r="C6516" s="14" t="s">
        <v>103664</v>
      </c>
      <c r="D6516" s="2" t="s">
        <v>103665</v>
      </c>
      <c r="E6516" s="2" t="s">
        <v>7611</v>
      </c>
      <c r="F6516" s="8">
        <v>168</v>
      </c>
      <c r="G6516" s="5">
        <v>6</v>
      </c>
      <c r="H6516" s="5" t="s">
        <v>1518</v>
      </c>
      <c r="I6516" s="5" t="s">
        <v>69038</v>
      </c>
      <c r="J6516" s="2" t="s">
        <v>69039</v>
      </c>
      <c r="K6516" s="5" t="s">
        <v>69038</v>
      </c>
      <c r="L6516" s="2" t="s">
        <v>69039</v>
      </c>
      <c r="M6516" s="5" t="s">
        <v>1521</v>
      </c>
      <c r="N6516" s="5" t="s">
        <v>38</v>
      </c>
      <c r="O6516" s="5" t="s">
        <v>39</v>
      </c>
      <c r="P6516" s="5" t="s">
        <v>40</v>
      </c>
      <c r="Q6516" s="5" t="s">
        <v>1522</v>
      </c>
      <c r="R6516" s="5" t="s">
        <v>1523</v>
      </c>
      <c r="S6516" s="5" t="s">
        <v>42</v>
      </c>
      <c r="T6516" s="2">
        <v>1.887</v>
      </c>
      <c r="U6516" s="2">
        <v>1.524</v>
      </c>
      <c r="V6516" s="2">
        <v>10.6</v>
      </c>
      <c r="W6516" s="2">
        <v>139.1</v>
      </c>
      <c r="X6516" s="2">
        <v>7.6</v>
      </c>
      <c r="Y6516" s="2">
        <v>10.6</v>
      </c>
      <c r="Z6516" s="5"/>
      <c r="AA6516" s="5" t="s">
        <v>43</v>
      </c>
      <c r="AB6516" s="5" t="s">
        <v>44</v>
      </c>
      <c r="AC6516" s="2"/>
      <c r="AD6516" s="1"/>
    </row>
    <row r="6517" spans="1:30">
      <c r="A6517" s="5" t="s">
        <v>83578</v>
      </c>
      <c r="B6517" s="2" t="s">
        <v>103666</v>
      </c>
      <c r="C6517" s="14" t="s">
        <v>103667</v>
      </c>
      <c r="D6517" s="2" t="s">
        <v>103668</v>
      </c>
      <c r="E6517" s="2" t="s">
        <v>7619</v>
      </c>
      <c r="F6517" s="8">
        <v>168</v>
      </c>
      <c r="G6517" s="5">
        <v>6</v>
      </c>
      <c r="H6517" s="5" t="s">
        <v>1518</v>
      </c>
      <c r="I6517" s="5" t="s">
        <v>69038</v>
      </c>
      <c r="J6517" s="2" t="s">
        <v>69039</v>
      </c>
      <c r="K6517" s="5" t="s">
        <v>69038</v>
      </c>
      <c r="L6517" s="2" t="s">
        <v>69039</v>
      </c>
      <c r="M6517" s="5" t="s">
        <v>1521</v>
      </c>
      <c r="N6517" s="5" t="s">
        <v>38</v>
      </c>
      <c r="O6517" s="5" t="s">
        <v>39</v>
      </c>
      <c r="P6517" s="5" t="s">
        <v>40</v>
      </c>
      <c r="Q6517" s="5" t="s">
        <v>1522</v>
      </c>
      <c r="R6517" s="5" t="s">
        <v>1523</v>
      </c>
      <c r="S6517" s="5" t="s">
        <v>42</v>
      </c>
      <c r="T6517" s="2">
        <v>1.887</v>
      </c>
      <c r="U6517" s="2">
        <v>1.524</v>
      </c>
      <c r="V6517" s="2">
        <v>10.6</v>
      </c>
      <c r="W6517" s="2">
        <v>139.1</v>
      </c>
      <c r="X6517" s="2">
        <v>7.6</v>
      </c>
      <c r="Y6517" s="2">
        <v>10.6</v>
      </c>
      <c r="Z6517" s="5"/>
      <c r="AA6517" s="5" t="s">
        <v>43</v>
      </c>
      <c r="AB6517" s="5" t="s">
        <v>44</v>
      </c>
      <c r="AC6517" s="2"/>
      <c r="AD6517" s="1"/>
    </row>
    <row r="6518" spans="1:30">
      <c r="A6518" s="5" t="s">
        <v>83578</v>
      </c>
      <c r="B6518" s="2" t="s">
        <v>103669</v>
      </c>
      <c r="C6518" s="14" t="s">
        <v>103670</v>
      </c>
      <c r="D6518" s="2" t="s">
        <v>103671</v>
      </c>
      <c r="E6518" s="2" t="s">
        <v>7604</v>
      </c>
      <c r="F6518" s="8">
        <v>168</v>
      </c>
      <c r="G6518" s="5">
        <v>6</v>
      </c>
      <c r="H6518" s="5" t="s">
        <v>1518</v>
      </c>
      <c r="I6518" s="5" t="s">
        <v>69038</v>
      </c>
      <c r="J6518" s="2" t="s">
        <v>69039</v>
      </c>
      <c r="K6518" s="5" t="s">
        <v>69038</v>
      </c>
      <c r="L6518" s="2" t="s">
        <v>69039</v>
      </c>
      <c r="M6518" s="5" t="s">
        <v>1521</v>
      </c>
      <c r="N6518" s="5" t="s">
        <v>38</v>
      </c>
      <c r="O6518" s="5" t="s">
        <v>39</v>
      </c>
      <c r="P6518" s="5" t="s">
        <v>40</v>
      </c>
      <c r="Q6518" s="5" t="s">
        <v>1522</v>
      </c>
      <c r="R6518" s="5" t="s">
        <v>1523</v>
      </c>
      <c r="S6518" s="5" t="s">
        <v>42</v>
      </c>
      <c r="T6518" s="2">
        <v>1.887</v>
      </c>
      <c r="U6518" s="2">
        <v>1.524</v>
      </c>
      <c r="V6518" s="2">
        <v>10.6</v>
      </c>
      <c r="W6518" s="2">
        <v>139.1</v>
      </c>
      <c r="X6518" s="2">
        <v>7.6</v>
      </c>
      <c r="Y6518" s="2">
        <v>10.6</v>
      </c>
      <c r="Z6518" s="5"/>
      <c r="AA6518" s="5" t="s">
        <v>43</v>
      </c>
      <c r="AB6518" s="5" t="s">
        <v>44</v>
      </c>
      <c r="AC6518" s="2"/>
      <c r="AD6518" s="1"/>
    </row>
    <row r="6519" spans="1:30">
      <c r="A6519" s="5" t="s">
        <v>83578</v>
      </c>
      <c r="B6519" s="2" t="s">
        <v>103672</v>
      </c>
      <c r="C6519" s="14" t="s">
        <v>103673</v>
      </c>
      <c r="D6519" s="2" t="s">
        <v>103674</v>
      </c>
      <c r="E6519" s="2" t="s">
        <v>7535</v>
      </c>
      <c r="F6519" s="8">
        <v>182</v>
      </c>
      <c r="G6519" s="5">
        <v>6</v>
      </c>
      <c r="H6519" s="5" t="s">
        <v>1518</v>
      </c>
      <c r="I6519" s="5" t="s">
        <v>69038</v>
      </c>
      <c r="J6519" s="2" t="s">
        <v>69039</v>
      </c>
      <c r="K6519" s="5" t="s">
        <v>69038</v>
      </c>
      <c r="L6519" s="2" t="s">
        <v>69039</v>
      </c>
      <c r="M6519" s="5" t="s">
        <v>1521</v>
      </c>
      <c r="N6519" s="5" t="s">
        <v>38</v>
      </c>
      <c r="O6519" s="5" t="s">
        <v>39</v>
      </c>
      <c r="P6519" s="5" t="s">
        <v>40</v>
      </c>
      <c r="Q6519" s="5" t="s">
        <v>1522</v>
      </c>
      <c r="R6519" s="5" t="s">
        <v>1523</v>
      </c>
      <c r="S6519" s="5" t="s">
        <v>42</v>
      </c>
      <c r="T6519" s="2">
        <v>2.1669999999999998</v>
      </c>
      <c r="U6519" s="2">
        <v>1.804</v>
      </c>
      <c r="V6519" s="2">
        <v>10.6</v>
      </c>
      <c r="W6519" s="2">
        <v>139.1</v>
      </c>
      <c r="X6519" s="2">
        <v>7.6</v>
      </c>
      <c r="Y6519" s="2">
        <v>10.6</v>
      </c>
      <c r="Z6519" s="5"/>
      <c r="AA6519" s="5" t="s">
        <v>43</v>
      </c>
      <c r="AB6519" s="5" t="s">
        <v>44</v>
      </c>
      <c r="AC6519" s="2"/>
      <c r="AD6519" s="1"/>
    </row>
    <row r="6520" spans="1:30">
      <c r="A6520" s="5" t="s">
        <v>83578</v>
      </c>
      <c r="B6520" s="2" t="s">
        <v>103675</v>
      </c>
      <c r="C6520" s="14" t="s">
        <v>103676</v>
      </c>
      <c r="D6520" s="2" t="s">
        <v>103677</v>
      </c>
      <c r="E6520" s="2" t="s">
        <v>7547</v>
      </c>
      <c r="F6520" s="8">
        <v>182</v>
      </c>
      <c r="G6520" s="5">
        <v>6</v>
      </c>
      <c r="H6520" s="5" t="s">
        <v>1518</v>
      </c>
      <c r="I6520" s="5" t="s">
        <v>69038</v>
      </c>
      <c r="J6520" s="2" t="s">
        <v>69039</v>
      </c>
      <c r="K6520" s="5" t="s">
        <v>69038</v>
      </c>
      <c r="L6520" s="2" t="s">
        <v>69039</v>
      </c>
      <c r="M6520" s="5" t="s">
        <v>1521</v>
      </c>
      <c r="N6520" s="5" t="s">
        <v>38</v>
      </c>
      <c r="O6520" s="5" t="s">
        <v>39</v>
      </c>
      <c r="P6520" s="5" t="s">
        <v>40</v>
      </c>
      <c r="Q6520" s="5" t="s">
        <v>1522</v>
      </c>
      <c r="R6520" s="5" t="s">
        <v>1523</v>
      </c>
      <c r="S6520" s="5" t="s">
        <v>42</v>
      </c>
      <c r="T6520" s="2">
        <v>2.08</v>
      </c>
      <c r="U6520" s="2">
        <v>1.7170000000000001</v>
      </c>
      <c r="V6520" s="2">
        <v>10.6</v>
      </c>
      <c r="W6520" s="2">
        <v>139.1</v>
      </c>
      <c r="X6520" s="2">
        <v>7.6</v>
      </c>
      <c r="Y6520" s="2">
        <v>10.6</v>
      </c>
      <c r="Z6520" s="5"/>
      <c r="AA6520" s="5" t="s">
        <v>43</v>
      </c>
      <c r="AB6520" s="5" t="s">
        <v>44</v>
      </c>
      <c r="AC6520" s="2"/>
      <c r="AD6520" s="1"/>
    </row>
    <row r="6521" spans="1:30">
      <c r="A6521" s="5" t="s">
        <v>83578</v>
      </c>
      <c r="B6521" s="2" t="s">
        <v>103678</v>
      </c>
      <c r="C6521" s="14" t="s">
        <v>103679</v>
      </c>
      <c r="D6521" s="2" t="s">
        <v>103680</v>
      </c>
      <c r="E6521" s="2" t="s">
        <v>7551</v>
      </c>
      <c r="F6521" s="8">
        <v>182</v>
      </c>
      <c r="G6521" s="5">
        <v>6</v>
      </c>
      <c r="H6521" s="5" t="s">
        <v>1518</v>
      </c>
      <c r="I6521" s="5" t="s">
        <v>69038</v>
      </c>
      <c r="J6521" s="2" t="s">
        <v>69039</v>
      </c>
      <c r="K6521" s="5" t="s">
        <v>69038</v>
      </c>
      <c r="L6521" s="2" t="s">
        <v>69039</v>
      </c>
      <c r="M6521" s="5" t="s">
        <v>1521</v>
      </c>
      <c r="N6521" s="5" t="s">
        <v>38</v>
      </c>
      <c r="O6521" s="5" t="s">
        <v>39</v>
      </c>
      <c r="P6521" s="5" t="s">
        <v>40</v>
      </c>
      <c r="Q6521" s="5" t="s">
        <v>1522</v>
      </c>
      <c r="R6521" s="5" t="s">
        <v>1523</v>
      </c>
      <c r="S6521" s="5" t="s">
        <v>42</v>
      </c>
      <c r="T6521" s="2">
        <v>2.1669999999999998</v>
      </c>
      <c r="U6521" s="2">
        <v>1.804</v>
      </c>
      <c r="V6521" s="2">
        <v>10.6</v>
      </c>
      <c r="W6521" s="2">
        <v>139.1</v>
      </c>
      <c r="X6521" s="2">
        <v>7.6</v>
      </c>
      <c r="Y6521" s="2">
        <v>10.6</v>
      </c>
      <c r="Z6521" s="5"/>
      <c r="AA6521" s="5" t="s">
        <v>43</v>
      </c>
      <c r="AB6521" s="5" t="s">
        <v>44</v>
      </c>
      <c r="AC6521" s="2"/>
      <c r="AD6521" s="1"/>
    </row>
    <row r="6522" spans="1:30">
      <c r="A6522" s="5" t="s">
        <v>83578</v>
      </c>
      <c r="B6522" s="2" t="s">
        <v>103681</v>
      </c>
      <c r="C6522" s="14" t="s">
        <v>103682</v>
      </c>
      <c r="D6522" s="2" t="s">
        <v>103683</v>
      </c>
      <c r="E6522" s="2" t="s">
        <v>7567</v>
      </c>
      <c r="F6522" s="8">
        <v>182</v>
      </c>
      <c r="G6522" s="5">
        <v>6</v>
      </c>
      <c r="H6522" s="5" t="s">
        <v>1518</v>
      </c>
      <c r="I6522" s="5" t="s">
        <v>69038</v>
      </c>
      <c r="J6522" s="2" t="s">
        <v>69039</v>
      </c>
      <c r="K6522" s="5" t="s">
        <v>69038</v>
      </c>
      <c r="L6522" s="2" t="s">
        <v>69039</v>
      </c>
      <c r="M6522" s="5" t="s">
        <v>1521</v>
      </c>
      <c r="N6522" s="5" t="s">
        <v>38</v>
      </c>
      <c r="O6522" s="5" t="s">
        <v>39</v>
      </c>
      <c r="P6522" s="5" t="s">
        <v>40</v>
      </c>
      <c r="Q6522" s="5" t="s">
        <v>1522</v>
      </c>
      <c r="R6522" s="5" t="s">
        <v>1523</v>
      </c>
      <c r="S6522" s="5" t="s">
        <v>42</v>
      </c>
      <c r="T6522" s="2">
        <v>2.1669999999999998</v>
      </c>
      <c r="U6522" s="2">
        <v>1.804</v>
      </c>
      <c r="V6522" s="2">
        <v>10.6</v>
      </c>
      <c r="W6522" s="2">
        <v>139.1</v>
      </c>
      <c r="X6522" s="2">
        <v>7.6</v>
      </c>
      <c r="Y6522" s="2">
        <v>10.6</v>
      </c>
      <c r="Z6522" s="5"/>
      <c r="AA6522" s="5" t="s">
        <v>43</v>
      </c>
      <c r="AB6522" s="5" t="s">
        <v>44</v>
      </c>
      <c r="AC6522" s="2"/>
      <c r="AD6522" s="1"/>
    </row>
    <row r="6523" spans="1:30">
      <c r="A6523" s="5" t="s">
        <v>83578</v>
      </c>
      <c r="B6523" s="2" t="s">
        <v>103684</v>
      </c>
      <c r="C6523" s="14" t="s">
        <v>103685</v>
      </c>
      <c r="D6523" s="2" t="s">
        <v>103686</v>
      </c>
      <c r="E6523" s="2" t="s">
        <v>7559</v>
      </c>
      <c r="F6523" s="8">
        <v>182</v>
      </c>
      <c r="G6523" s="5">
        <v>6</v>
      </c>
      <c r="H6523" s="5" t="s">
        <v>1518</v>
      </c>
      <c r="I6523" s="5" t="s">
        <v>69038</v>
      </c>
      <c r="J6523" s="2" t="s">
        <v>69039</v>
      </c>
      <c r="K6523" s="5" t="s">
        <v>69038</v>
      </c>
      <c r="L6523" s="2" t="s">
        <v>69039</v>
      </c>
      <c r="M6523" s="5" t="s">
        <v>1521</v>
      </c>
      <c r="N6523" s="5" t="s">
        <v>38</v>
      </c>
      <c r="O6523" s="5" t="s">
        <v>39</v>
      </c>
      <c r="P6523" s="5" t="s">
        <v>40</v>
      </c>
      <c r="Q6523" s="5" t="s">
        <v>1522</v>
      </c>
      <c r="R6523" s="5" t="s">
        <v>1523</v>
      </c>
      <c r="S6523" s="5" t="s">
        <v>42</v>
      </c>
      <c r="T6523" s="2">
        <v>2.1669999999999998</v>
      </c>
      <c r="U6523" s="2">
        <v>1.804</v>
      </c>
      <c r="V6523" s="2">
        <v>10.6</v>
      </c>
      <c r="W6523" s="2">
        <v>139.1</v>
      </c>
      <c r="X6523" s="2">
        <v>7.6</v>
      </c>
      <c r="Y6523" s="2">
        <v>10.6</v>
      </c>
      <c r="Z6523" s="5"/>
      <c r="AA6523" s="5" t="s">
        <v>43</v>
      </c>
      <c r="AB6523" s="5" t="s">
        <v>44</v>
      </c>
      <c r="AC6523" s="2"/>
      <c r="AD6523" s="1"/>
    </row>
    <row r="6524" spans="1:30">
      <c r="A6524" s="5" t="s">
        <v>83578</v>
      </c>
      <c r="B6524" s="2" t="s">
        <v>103687</v>
      </c>
      <c r="C6524" s="14" t="s">
        <v>103688</v>
      </c>
      <c r="D6524" s="2" t="s">
        <v>103689</v>
      </c>
      <c r="E6524" s="2" t="s">
        <v>7429</v>
      </c>
      <c r="F6524" s="8">
        <v>182</v>
      </c>
      <c r="G6524" s="5">
        <v>6</v>
      </c>
      <c r="H6524" s="5" t="s">
        <v>1518</v>
      </c>
      <c r="I6524" s="5" t="s">
        <v>69038</v>
      </c>
      <c r="J6524" s="2" t="s">
        <v>69039</v>
      </c>
      <c r="K6524" s="5" t="s">
        <v>69038</v>
      </c>
      <c r="L6524" s="2" t="s">
        <v>69039</v>
      </c>
      <c r="M6524" s="5" t="s">
        <v>1521</v>
      </c>
      <c r="N6524" s="5" t="s">
        <v>38</v>
      </c>
      <c r="O6524" s="5" t="s">
        <v>39</v>
      </c>
      <c r="P6524" s="5" t="s">
        <v>40</v>
      </c>
      <c r="Q6524" s="5" t="s">
        <v>1522</v>
      </c>
      <c r="R6524" s="5" t="s">
        <v>1523</v>
      </c>
      <c r="S6524" s="5" t="s">
        <v>42</v>
      </c>
      <c r="T6524" s="2">
        <v>2.08</v>
      </c>
      <c r="U6524" s="2">
        <v>1.7170000000000001</v>
      </c>
      <c r="V6524" s="2">
        <v>10.6</v>
      </c>
      <c r="W6524" s="2">
        <v>139.1</v>
      </c>
      <c r="X6524" s="2">
        <v>7.6</v>
      </c>
      <c r="Y6524" s="2">
        <v>10.6</v>
      </c>
      <c r="Z6524" s="5"/>
      <c r="AA6524" s="5" t="s">
        <v>43</v>
      </c>
      <c r="AB6524" s="5" t="s">
        <v>44</v>
      </c>
      <c r="AC6524" s="2"/>
      <c r="AD6524" s="1"/>
    </row>
    <row r="6525" spans="1:30">
      <c r="A6525" s="5" t="s">
        <v>83578</v>
      </c>
      <c r="B6525" s="2" t="s">
        <v>103690</v>
      </c>
      <c r="C6525" s="14" t="s">
        <v>103691</v>
      </c>
      <c r="D6525" s="2" t="s">
        <v>103692</v>
      </c>
      <c r="E6525" s="2" t="s">
        <v>7574</v>
      </c>
      <c r="F6525" s="8">
        <v>182</v>
      </c>
      <c r="G6525" s="5">
        <v>6</v>
      </c>
      <c r="H6525" s="5" t="s">
        <v>1518</v>
      </c>
      <c r="I6525" s="5" t="s">
        <v>69038</v>
      </c>
      <c r="J6525" s="2" t="s">
        <v>69039</v>
      </c>
      <c r="K6525" s="5" t="s">
        <v>69038</v>
      </c>
      <c r="L6525" s="2" t="s">
        <v>69039</v>
      </c>
      <c r="M6525" s="5" t="s">
        <v>1521</v>
      </c>
      <c r="N6525" s="5" t="s">
        <v>38</v>
      </c>
      <c r="O6525" s="5" t="s">
        <v>39</v>
      </c>
      <c r="P6525" s="5" t="s">
        <v>40</v>
      </c>
      <c r="Q6525" s="5" t="s">
        <v>1522</v>
      </c>
      <c r="R6525" s="5" t="s">
        <v>1523</v>
      </c>
      <c r="S6525" s="5" t="s">
        <v>42</v>
      </c>
      <c r="T6525" s="2">
        <v>2.1669999999999998</v>
      </c>
      <c r="U6525" s="2">
        <v>1.804</v>
      </c>
      <c r="V6525" s="2">
        <v>10.6</v>
      </c>
      <c r="W6525" s="2">
        <v>139.1</v>
      </c>
      <c r="X6525" s="2">
        <v>7.6</v>
      </c>
      <c r="Y6525" s="2">
        <v>10.6</v>
      </c>
      <c r="Z6525" s="5"/>
      <c r="AA6525" s="5" t="s">
        <v>43</v>
      </c>
      <c r="AB6525" s="5" t="s">
        <v>44</v>
      </c>
      <c r="AC6525" s="2"/>
      <c r="AD6525" s="1"/>
    </row>
    <row r="6526" spans="1:30">
      <c r="A6526" s="5" t="s">
        <v>83578</v>
      </c>
      <c r="B6526" s="2" t="s">
        <v>103693</v>
      </c>
      <c r="C6526" s="14" t="s">
        <v>103694</v>
      </c>
      <c r="D6526" s="2" t="s">
        <v>103695</v>
      </c>
      <c r="E6526" s="2" t="s">
        <v>7581</v>
      </c>
      <c r="F6526" s="8">
        <v>182</v>
      </c>
      <c r="G6526" s="5">
        <v>6</v>
      </c>
      <c r="H6526" s="5" t="s">
        <v>1518</v>
      </c>
      <c r="I6526" s="5" t="s">
        <v>69038</v>
      </c>
      <c r="J6526" s="2" t="s">
        <v>69039</v>
      </c>
      <c r="K6526" s="5" t="s">
        <v>69038</v>
      </c>
      <c r="L6526" s="2" t="s">
        <v>69039</v>
      </c>
      <c r="M6526" s="5" t="s">
        <v>1521</v>
      </c>
      <c r="N6526" s="5" t="s">
        <v>38</v>
      </c>
      <c r="O6526" s="5" t="s">
        <v>39</v>
      </c>
      <c r="P6526" s="5" t="s">
        <v>40</v>
      </c>
      <c r="Q6526" s="5" t="s">
        <v>1522</v>
      </c>
      <c r="R6526" s="5" t="s">
        <v>1523</v>
      </c>
      <c r="S6526" s="5" t="s">
        <v>42</v>
      </c>
      <c r="T6526" s="2">
        <v>2.1669999999999998</v>
      </c>
      <c r="U6526" s="2">
        <v>1.804</v>
      </c>
      <c r="V6526" s="2">
        <v>10.6</v>
      </c>
      <c r="W6526" s="2">
        <v>139.1</v>
      </c>
      <c r="X6526" s="2">
        <v>7.6</v>
      </c>
      <c r="Y6526" s="2">
        <v>10.6</v>
      </c>
      <c r="Z6526" s="5"/>
      <c r="AA6526" s="5" t="s">
        <v>43</v>
      </c>
      <c r="AB6526" s="5" t="s">
        <v>44</v>
      </c>
      <c r="AC6526" s="2"/>
      <c r="AD6526" s="1"/>
    </row>
    <row r="6527" spans="1:30">
      <c r="A6527" s="5" t="s">
        <v>83578</v>
      </c>
      <c r="B6527" s="2" t="s">
        <v>103696</v>
      </c>
      <c r="C6527" s="14" t="s">
        <v>103697</v>
      </c>
      <c r="D6527" s="2" t="s">
        <v>103698</v>
      </c>
      <c r="E6527" s="2" t="s">
        <v>7589</v>
      </c>
      <c r="F6527" s="8">
        <v>182</v>
      </c>
      <c r="G6527" s="5">
        <v>6</v>
      </c>
      <c r="H6527" s="5" t="s">
        <v>1518</v>
      </c>
      <c r="I6527" s="5" t="s">
        <v>69038</v>
      </c>
      <c r="J6527" s="2" t="s">
        <v>69039</v>
      </c>
      <c r="K6527" s="5" t="s">
        <v>69038</v>
      </c>
      <c r="L6527" s="2" t="s">
        <v>69039</v>
      </c>
      <c r="M6527" s="5" t="s">
        <v>1521</v>
      </c>
      <c r="N6527" s="5" t="s">
        <v>38</v>
      </c>
      <c r="O6527" s="5" t="s">
        <v>39</v>
      </c>
      <c r="P6527" s="5" t="s">
        <v>40</v>
      </c>
      <c r="Q6527" s="5" t="s">
        <v>1522</v>
      </c>
      <c r="R6527" s="5" t="s">
        <v>1523</v>
      </c>
      <c r="S6527" s="5" t="s">
        <v>42</v>
      </c>
      <c r="T6527" s="2">
        <v>2.1669999999999998</v>
      </c>
      <c r="U6527" s="2">
        <v>1.804</v>
      </c>
      <c r="V6527" s="2">
        <v>10.6</v>
      </c>
      <c r="W6527" s="2">
        <v>139.1</v>
      </c>
      <c r="X6527" s="2">
        <v>7.6</v>
      </c>
      <c r="Y6527" s="2">
        <v>10.6</v>
      </c>
      <c r="Z6527" s="5"/>
      <c r="AA6527" s="5" t="s">
        <v>43</v>
      </c>
      <c r="AB6527" s="5" t="s">
        <v>44</v>
      </c>
      <c r="AC6527" s="2"/>
      <c r="AD6527" s="1"/>
    </row>
    <row r="6528" spans="1:30">
      <c r="A6528" s="5" t="s">
        <v>83578</v>
      </c>
      <c r="B6528" s="2" t="s">
        <v>103699</v>
      </c>
      <c r="C6528" s="14" t="s">
        <v>103700</v>
      </c>
      <c r="D6528" s="2" t="s">
        <v>103701</v>
      </c>
      <c r="E6528" s="2" t="s">
        <v>7597</v>
      </c>
      <c r="F6528" s="8">
        <v>182</v>
      </c>
      <c r="G6528" s="5">
        <v>6</v>
      </c>
      <c r="H6528" s="5" t="s">
        <v>1518</v>
      </c>
      <c r="I6528" s="5" t="s">
        <v>69038</v>
      </c>
      <c r="J6528" s="2" t="s">
        <v>69039</v>
      </c>
      <c r="K6528" s="5" t="s">
        <v>69038</v>
      </c>
      <c r="L6528" s="2" t="s">
        <v>69039</v>
      </c>
      <c r="M6528" s="5" t="s">
        <v>1521</v>
      </c>
      <c r="N6528" s="5" t="s">
        <v>38</v>
      </c>
      <c r="O6528" s="5" t="s">
        <v>39</v>
      </c>
      <c r="P6528" s="5" t="s">
        <v>40</v>
      </c>
      <c r="Q6528" s="5" t="s">
        <v>1522</v>
      </c>
      <c r="R6528" s="5" t="s">
        <v>1523</v>
      </c>
      <c r="S6528" s="5" t="s">
        <v>42</v>
      </c>
      <c r="T6528" s="2">
        <v>2.1669999999999998</v>
      </c>
      <c r="U6528" s="2">
        <v>1.804</v>
      </c>
      <c r="V6528" s="2">
        <v>10.6</v>
      </c>
      <c r="W6528" s="2">
        <v>139.1</v>
      </c>
      <c r="X6528" s="2">
        <v>7.6</v>
      </c>
      <c r="Y6528" s="2">
        <v>10.6</v>
      </c>
      <c r="Z6528" s="5"/>
      <c r="AA6528" s="5" t="s">
        <v>43</v>
      </c>
      <c r="AB6528" s="5" t="s">
        <v>44</v>
      </c>
      <c r="AC6528" s="2"/>
      <c r="AD6528" s="1"/>
    </row>
    <row r="6529" spans="1:30">
      <c r="A6529" s="5" t="s">
        <v>83578</v>
      </c>
      <c r="B6529" s="2" t="s">
        <v>103702</v>
      </c>
      <c r="C6529" s="14" t="s">
        <v>103703</v>
      </c>
      <c r="D6529" s="2" t="s">
        <v>103704</v>
      </c>
      <c r="E6529" s="2" t="s">
        <v>7619</v>
      </c>
      <c r="F6529" s="8">
        <v>182</v>
      </c>
      <c r="G6529" s="5">
        <v>6</v>
      </c>
      <c r="H6529" s="5" t="s">
        <v>1518</v>
      </c>
      <c r="I6529" s="5" t="s">
        <v>69038</v>
      </c>
      <c r="J6529" s="2" t="s">
        <v>69039</v>
      </c>
      <c r="K6529" s="5" t="s">
        <v>69038</v>
      </c>
      <c r="L6529" s="2" t="s">
        <v>69039</v>
      </c>
      <c r="M6529" s="5" t="s">
        <v>1521</v>
      </c>
      <c r="N6529" s="5" t="s">
        <v>38</v>
      </c>
      <c r="O6529" s="5" t="s">
        <v>39</v>
      </c>
      <c r="P6529" s="5" t="s">
        <v>40</v>
      </c>
      <c r="Q6529" s="5" t="s">
        <v>1522</v>
      </c>
      <c r="R6529" s="5" t="s">
        <v>1523</v>
      </c>
      <c r="S6529" s="5" t="s">
        <v>42</v>
      </c>
      <c r="T6529" s="2">
        <v>2.1669999999999998</v>
      </c>
      <c r="U6529" s="2">
        <v>1.804</v>
      </c>
      <c r="V6529" s="2">
        <v>10.6</v>
      </c>
      <c r="W6529" s="2">
        <v>139.1</v>
      </c>
      <c r="X6529" s="2">
        <v>7.6</v>
      </c>
      <c r="Y6529" s="2">
        <v>10.6</v>
      </c>
      <c r="Z6529" s="5"/>
      <c r="AA6529" s="5" t="s">
        <v>43</v>
      </c>
      <c r="AB6529" s="5" t="s">
        <v>44</v>
      </c>
      <c r="AC6529" s="2"/>
      <c r="AD6529" s="1"/>
    </row>
    <row r="6530" spans="1:30">
      <c r="A6530" s="5" t="s">
        <v>83578</v>
      </c>
      <c r="B6530" s="2" t="s">
        <v>103705</v>
      </c>
      <c r="C6530" s="14" t="s">
        <v>103706</v>
      </c>
      <c r="D6530" s="2" t="s">
        <v>103707</v>
      </c>
      <c r="E6530" s="2" t="s">
        <v>7604</v>
      </c>
      <c r="F6530" s="8">
        <v>182</v>
      </c>
      <c r="G6530" s="5">
        <v>6</v>
      </c>
      <c r="H6530" s="5" t="s">
        <v>1518</v>
      </c>
      <c r="I6530" s="5" t="s">
        <v>69038</v>
      </c>
      <c r="J6530" s="2" t="s">
        <v>69039</v>
      </c>
      <c r="K6530" s="5" t="s">
        <v>69038</v>
      </c>
      <c r="L6530" s="2" t="s">
        <v>69039</v>
      </c>
      <c r="M6530" s="5" t="s">
        <v>1521</v>
      </c>
      <c r="N6530" s="5" t="s">
        <v>38</v>
      </c>
      <c r="O6530" s="5" t="s">
        <v>39</v>
      </c>
      <c r="P6530" s="5" t="s">
        <v>40</v>
      </c>
      <c r="Q6530" s="5" t="s">
        <v>1522</v>
      </c>
      <c r="R6530" s="5" t="s">
        <v>1523</v>
      </c>
      <c r="S6530" s="5" t="s">
        <v>42</v>
      </c>
      <c r="T6530" s="2">
        <v>2.1669999999999998</v>
      </c>
      <c r="U6530" s="2">
        <v>1.804</v>
      </c>
      <c r="V6530" s="2">
        <v>10.6</v>
      </c>
      <c r="W6530" s="2">
        <v>139.1</v>
      </c>
      <c r="X6530" s="2">
        <v>7.6</v>
      </c>
      <c r="Y6530" s="2">
        <v>10.6</v>
      </c>
      <c r="Z6530" s="5"/>
      <c r="AA6530" s="5" t="s">
        <v>43</v>
      </c>
      <c r="AB6530" s="5" t="s">
        <v>44</v>
      </c>
      <c r="AC6530" s="2"/>
      <c r="AD6530" s="1"/>
    </row>
    <row r="6531" spans="1:30">
      <c r="A6531" s="5" t="s">
        <v>83578</v>
      </c>
      <c r="B6531" s="2" t="s">
        <v>103708</v>
      </c>
      <c r="C6531" s="14" t="s">
        <v>103709</v>
      </c>
      <c r="D6531" s="2" t="s">
        <v>103710</v>
      </c>
      <c r="E6531" s="2" t="s">
        <v>7514</v>
      </c>
      <c r="F6531" s="8">
        <v>176</v>
      </c>
      <c r="G6531" s="5">
        <v>6</v>
      </c>
      <c r="H6531" s="5" t="s">
        <v>1518</v>
      </c>
      <c r="I6531" s="5" t="s">
        <v>69038</v>
      </c>
      <c r="J6531" s="2" t="s">
        <v>69039</v>
      </c>
      <c r="K6531" s="5" t="s">
        <v>69038</v>
      </c>
      <c r="L6531" s="2" t="s">
        <v>69039</v>
      </c>
      <c r="M6531" s="5" t="s">
        <v>1521</v>
      </c>
      <c r="N6531" s="5" t="s">
        <v>38</v>
      </c>
      <c r="O6531" s="5" t="s">
        <v>39</v>
      </c>
      <c r="P6531" s="5" t="s">
        <v>40</v>
      </c>
      <c r="Q6531" s="5" t="s">
        <v>1522</v>
      </c>
      <c r="R6531" s="5" t="s">
        <v>1523</v>
      </c>
      <c r="S6531" s="5" t="s">
        <v>42</v>
      </c>
      <c r="T6531" s="2">
        <v>2.3039999999999998</v>
      </c>
      <c r="U6531" s="2">
        <v>1.9410000000000001</v>
      </c>
      <c r="V6531" s="2">
        <v>10.6</v>
      </c>
      <c r="W6531" s="2">
        <v>139.1</v>
      </c>
      <c r="X6531" s="2">
        <v>7.6</v>
      </c>
      <c r="Y6531" s="2">
        <v>10.6</v>
      </c>
      <c r="Z6531" s="5"/>
      <c r="AA6531" s="5" t="s">
        <v>43</v>
      </c>
      <c r="AB6531" s="5" t="s">
        <v>44</v>
      </c>
      <c r="AC6531" s="2"/>
      <c r="AD6531" s="1"/>
    </row>
    <row r="6532" spans="1:30">
      <c r="A6532" s="5" t="s">
        <v>83578</v>
      </c>
      <c r="B6532" s="2" t="s">
        <v>103711</v>
      </c>
      <c r="C6532" s="14" t="s">
        <v>103712</v>
      </c>
      <c r="D6532" s="2" t="s">
        <v>103713</v>
      </c>
      <c r="E6532" s="2" t="s">
        <v>7208</v>
      </c>
      <c r="F6532" s="8">
        <v>176</v>
      </c>
      <c r="G6532" s="5">
        <v>6</v>
      </c>
      <c r="H6532" s="5" t="s">
        <v>1518</v>
      </c>
      <c r="I6532" s="5" t="s">
        <v>69038</v>
      </c>
      <c r="J6532" s="2" t="s">
        <v>69039</v>
      </c>
      <c r="K6532" s="5" t="s">
        <v>69038</v>
      </c>
      <c r="L6532" s="2" t="s">
        <v>69039</v>
      </c>
      <c r="M6532" s="5" t="s">
        <v>1521</v>
      </c>
      <c r="N6532" s="5" t="s">
        <v>38</v>
      </c>
      <c r="O6532" s="5" t="s">
        <v>39</v>
      </c>
      <c r="P6532" s="5" t="s">
        <v>40</v>
      </c>
      <c r="Q6532" s="5" t="s">
        <v>1522</v>
      </c>
      <c r="R6532" s="5" t="s">
        <v>1523</v>
      </c>
      <c r="S6532" s="5" t="s">
        <v>42</v>
      </c>
      <c r="T6532" s="2">
        <v>2.2069999999999999</v>
      </c>
      <c r="U6532" s="2">
        <v>1.8440000000000001</v>
      </c>
      <c r="V6532" s="2">
        <v>10.6</v>
      </c>
      <c r="W6532" s="2">
        <v>139.1</v>
      </c>
      <c r="X6532" s="2">
        <v>7.6</v>
      </c>
      <c r="Y6532" s="2">
        <v>10.6</v>
      </c>
      <c r="Z6532" s="5"/>
      <c r="AA6532" s="5" t="s">
        <v>43</v>
      </c>
      <c r="AB6532" s="5" t="s">
        <v>44</v>
      </c>
      <c r="AC6532" s="2"/>
      <c r="AD6532" s="1"/>
    </row>
    <row r="6533" spans="1:30">
      <c r="A6533" s="5" t="s">
        <v>83578</v>
      </c>
      <c r="B6533" s="2" t="s">
        <v>103714</v>
      </c>
      <c r="C6533" s="14" t="s">
        <v>103715</v>
      </c>
      <c r="D6533" s="2" t="s">
        <v>103716</v>
      </c>
      <c r="E6533" s="2" t="s">
        <v>7521</v>
      </c>
      <c r="F6533" s="8">
        <v>176</v>
      </c>
      <c r="G6533" s="5">
        <v>6</v>
      </c>
      <c r="H6533" s="5" t="s">
        <v>1518</v>
      </c>
      <c r="I6533" s="5" t="s">
        <v>69038</v>
      </c>
      <c r="J6533" s="2" t="s">
        <v>69039</v>
      </c>
      <c r="K6533" s="5" t="s">
        <v>69038</v>
      </c>
      <c r="L6533" s="2" t="s">
        <v>69039</v>
      </c>
      <c r="M6533" s="5" t="s">
        <v>1521</v>
      </c>
      <c r="N6533" s="5" t="s">
        <v>38</v>
      </c>
      <c r="O6533" s="5" t="s">
        <v>39</v>
      </c>
      <c r="P6533" s="5" t="s">
        <v>40</v>
      </c>
      <c r="Q6533" s="5" t="s">
        <v>1522</v>
      </c>
      <c r="R6533" s="5" t="s">
        <v>1523</v>
      </c>
      <c r="S6533" s="5" t="s">
        <v>42</v>
      </c>
      <c r="T6533" s="2">
        <v>2.3039999999999998</v>
      </c>
      <c r="U6533" s="2">
        <v>1.9410000000000001</v>
      </c>
      <c r="V6533" s="2">
        <v>10.6</v>
      </c>
      <c r="W6533" s="2">
        <v>139.1</v>
      </c>
      <c r="X6533" s="2">
        <v>7.6</v>
      </c>
      <c r="Y6533" s="2">
        <v>10.6</v>
      </c>
      <c r="Z6533" s="5"/>
      <c r="AA6533" s="5" t="s">
        <v>43</v>
      </c>
      <c r="AB6533" s="5" t="s">
        <v>44</v>
      </c>
      <c r="AC6533" s="2"/>
      <c r="AD6533" s="1"/>
    </row>
    <row r="6534" spans="1:30">
      <c r="A6534" s="5" t="s">
        <v>83578</v>
      </c>
      <c r="B6534" s="2" t="s">
        <v>103717</v>
      </c>
      <c r="C6534" s="14" t="s">
        <v>103718</v>
      </c>
      <c r="D6534" s="2" t="s">
        <v>103719</v>
      </c>
      <c r="E6534" s="2" t="s">
        <v>7406</v>
      </c>
      <c r="F6534" s="8">
        <v>202</v>
      </c>
      <c r="G6534" s="5">
        <v>6</v>
      </c>
      <c r="H6534" s="5" t="s">
        <v>1518</v>
      </c>
      <c r="I6534" s="5" t="s">
        <v>69038</v>
      </c>
      <c r="J6534" s="2" t="s">
        <v>69039</v>
      </c>
      <c r="K6534" s="5" t="s">
        <v>69038</v>
      </c>
      <c r="L6534" s="2" t="s">
        <v>69039</v>
      </c>
      <c r="M6534" s="5" t="s">
        <v>1521</v>
      </c>
      <c r="N6534" s="5" t="s">
        <v>38</v>
      </c>
      <c r="O6534" s="5" t="s">
        <v>39</v>
      </c>
      <c r="P6534" s="5" t="s">
        <v>40</v>
      </c>
      <c r="Q6534" s="5" t="s">
        <v>1522</v>
      </c>
      <c r="R6534" s="5" t="s">
        <v>1523</v>
      </c>
      <c r="S6534" s="5" t="s">
        <v>42</v>
      </c>
      <c r="T6534" s="2">
        <v>2.2069999999999999</v>
      </c>
      <c r="U6534" s="2">
        <v>1.8440000000000001</v>
      </c>
      <c r="V6534" s="2">
        <v>10.6</v>
      </c>
      <c r="W6534" s="2">
        <v>139.1</v>
      </c>
      <c r="X6534" s="2">
        <v>7.6</v>
      </c>
      <c r="Y6534" s="2">
        <v>10.6</v>
      </c>
      <c r="Z6534" s="5"/>
      <c r="AA6534" s="5" t="s">
        <v>43</v>
      </c>
      <c r="AB6534" s="5" t="s">
        <v>44</v>
      </c>
      <c r="AC6534" s="2"/>
      <c r="AD6534" s="1"/>
    </row>
    <row r="6535" spans="1:30">
      <c r="A6535" s="5" t="s">
        <v>83578</v>
      </c>
      <c r="B6535" s="2" t="s">
        <v>103720</v>
      </c>
      <c r="C6535" s="14" t="s">
        <v>103721</v>
      </c>
      <c r="D6535" s="2" t="s">
        <v>103722</v>
      </c>
      <c r="E6535" s="2" t="s">
        <v>7535</v>
      </c>
      <c r="F6535" s="8">
        <v>202</v>
      </c>
      <c r="G6535" s="5">
        <v>6</v>
      </c>
      <c r="H6535" s="5" t="s">
        <v>1518</v>
      </c>
      <c r="I6535" s="5" t="s">
        <v>69038</v>
      </c>
      <c r="J6535" s="2" t="s">
        <v>69039</v>
      </c>
      <c r="K6535" s="5" t="s">
        <v>69038</v>
      </c>
      <c r="L6535" s="2" t="s">
        <v>69039</v>
      </c>
      <c r="M6535" s="5" t="s">
        <v>1521</v>
      </c>
      <c r="N6535" s="5" t="s">
        <v>38</v>
      </c>
      <c r="O6535" s="5" t="s">
        <v>39</v>
      </c>
      <c r="P6535" s="5" t="s">
        <v>40</v>
      </c>
      <c r="Q6535" s="5" t="s">
        <v>1522</v>
      </c>
      <c r="R6535" s="5" t="s">
        <v>1523</v>
      </c>
      <c r="S6535" s="5" t="s">
        <v>42</v>
      </c>
      <c r="T6535" s="2">
        <v>2.3039999999999998</v>
      </c>
      <c r="U6535" s="2">
        <v>1.9410000000000001</v>
      </c>
      <c r="V6535" s="2">
        <v>10.6</v>
      </c>
      <c r="W6535" s="2">
        <v>139.1</v>
      </c>
      <c r="X6535" s="2">
        <v>7.6</v>
      </c>
      <c r="Y6535" s="2">
        <v>10.6</v>
      </c>
      <c r="Z6535" s="5"/>
      <c r="AA6535" s="5" t="s">
        <v>43</v>
      </c>
      <c r="AB6535" s="5" t="s">
        <v>44</v>
      </c>
      <c r="AC6535" s="2"/>
      <c r="AD6535" s="1"/>
    </row>
    <row r="6536" spans="1:30">
      <c r="A6536" s="5" t="s">
        <v>83578</v>
      </c>
      <c r="B6536" s="2" t="s">
        <v>103723</v>
      </c>
      <c r="C6536" s="14" t="s">
        <v>103724</v>
      </c>
      <c r="D6536" s="2" t="s">
        <v>103725</v>
      </c>
      <c r="E6536" s="2" t="s">
        <v>7539</v>
      </c>
      <c r="F6536" s="8">
        <v>202</v>
      </c>
      <c r="G6536" s="5">
        <v>6</v>
      </c>
      <c r="H6536" s="5" t="s">
        <v>1518</v>
      </c>
      <c r="I6536" s="5" t="s">
        <v>69038</v>
      </c>
      <c r="J6536" s="2" t="s">
        <v>69039</v>
      </c>
      <c r="K6536" s="5" t="s">
        <v>69038</v>
      </c>
      <c r="L6536" s="2" t="s">
        <v>69039</v>
      </c>
      <c r="M6536" s="5" t="s">
        <v>1521</v>
      </c>
      <c r="N6536" s="5" t="s">
        <v>38</v>
      </c>
      <c r="O6536" s="5" t="s">
        <v>39</v>
      </c>
      <c r="P6536" s="5" t="s">
        <v>40</v>
      </c>
      <c r="Q6536" s="5" t="s">
        <v>1522</v>
      </c>
      <c r="R6536" s="5" t="s">
        <v>1523</v>
      </c>
      <c r="S6536" s="5" t="s">
        <v>42</v>
      </c>
      <c r="T6536" s="2">
        <v>2.2069999999999999</v>
      </c>
      <c r="U6536" s="2">
        <v>1.8440000000000001</v>
      </c>
      <c r="V6536" s="2">
        <v>10.6</v>
      </c>
      <c r="W6536" s="2">
        <v>139.1</v>
      </c>
      <c r="X6536" s="2">
        <v>7.6</v>
      </c>
      <c r="Y6536" s="2">
        <v>10.6</v>
      </c>
      <c r="Z6536" s="5"/>
      <c r="AA6536" s="5" t="s">
        <v>43</v>
      </c>
      <c r="AB6536" s="5" t="s">
        <v>44</v>
      </c>
      <c r="AC6536" s="2"/>
      <c r="AD6536" s="1"/>
    </row>
    <row r="6537" spans="1:30">
      <c r="A6537" s="5" t="s">
        <v>83578</v>
      </c>
      <c r="B6537" s="2" t="s">
        <v>103726</v>
      </c>
      <c r="C6537" s="14" t="s">
        <v>103727</v>
      </c>
      <c r="D6537" s="2" t="s">
        <v>103728</v>
      </c>
      <c r="E6537" s="2" t="s">
        <v>7543</v>
      </c>
      <c r="F6537" s="8">
        <v>202</v>
      </c>
      <c r="G6537" s="5">
        <v>6</v>
      </c>
      <c r="H6537" s="5" t="s">
        <v>1518</v>
      </c>
      <c r="I6537" s="5" t="s">
        <v>69038</v>
      </c>
      <c r="J6537" s="2" t="s">
        <v>69039</v>
      </c>
      <c r="K6537" s="5" t="s">
        <v>69038</v>
      </c>
      <c r="L6537" s="2" t="s">
        <v>69039</v>
      </c>
      <c r="M6537" s="5" t="s">
        <v>1521</v>
      </c>
      <c r="N6537" s="5" t="s">
        <v>38</v>
      </c>
      <c r="O6537" s="5" t="s">
        <v>39</v>
      </c>
      <c r="P6537" s="5" t="s">
        <v>40</v>
      </c>
      <c r="Q6537" s="5" t="s">
        <v>1522</v>
      </c>
      <c r="R6537" s="5" t="s">
        <v>1523</v>
      </c>
      <c r="S6537" s="5" t="s">
        <v>42</v>
      </c>
      <c r="T6537" s="2">
        <v>2.3039999999999998</v>
      </c>
      <c r="U6537" s="2">
        <v>1.9410000000000001</v>
      </c>
      <c r="V6537" s="2">
        <v>10.6</v>
      </c>
      <c r="W6537" s="2">
        <v>139.1</v>
      </c>
      <c r="X6537" s="2">
        <v>7.6</v>
      </c>
      <c r="Y6537" s="2">
        <v>10.6</v>
      </c>
      <c r="Z6537" s="5"/>
      <c r="AA6537" s="5" t="s">
        <v>43</v>
      </c>
      <c r="AB6537" s="5" t="s">
        <v>44</v>
      </c>
      <c r="AC6537" s="2"/>
      <c r="AD6537" s="1"/>
    </row>
    <row r="6538" spans="1:30">
      <c r="A6538" s="5" t="s">
        <v>83578</v>
      </c>
      <c r="B6538" s="2" t="s">
        <v>103729</v>
      </c>
      <c r="C6538" s="14" t="s">
        <v>103730</v>
      </c>
      <c r="D6538" s="2" t="s">
        <v>103731</v>
      </c>
      <c r="E6538" s="2" t="s">
        <v>7396</v>
      </c>
      <c r="F6538" s="8">
        <v>176</v>
      </c>
      <c r="G6538" s="5">
        <v>6</v>
      </c>
      <c r="H6538" s="5" t="s">
        <v>1518</v>
      </c>
      <c r="I6538" s="5" t="s">
        <v>69038</v>
      </c>
      <c r="J6538" s="2" t="s">
        <v>69039</v>
      </c>
      <c r="K6538" s="5" t="s">
        <v>69038</v>
      </c>
      <c r="L6538" s="2" t="s">
        <v>69039</v>
      </c>
      <c r="M6538" s="5" t="s">
        <v>1521</v>
      </c>
      <c r="N6538" s="5" t="s">
        <v>38</v>
      </c>
      <c r="O6538" s="5" t="s">
        <v>39</v>
      </c>
      <c r="P6538" s="5" t="s">
        <v>40</v>
      </c>
      <c r="Q6538" s="5" t="s">
        <v>1522</v>
      </c>
      <c r="R6538" s="5" t="s">
        <v>1523</v>
      </c>
      <c r="S6538" s="5" t="s">
        <v>42</v>
      </c>
      <c r="T6538" s="2">
        <v>2.2069999999999999</v>
      </c>
      <c r="U6538" s="2">
        <v>1.8440000000000001</v>
      </c>
      <c r="V6538" s="2">
        <v>10.6</v>
      </c>
      <c r="W6538" s="2">
        <v>139.1</v>
      </c>
      <c r="X6538" s="2">
        <v>7.6</v>
      </c>
      <c r="Y6538" s="2">
        <v>10.6</v>
      </c>
      <c r="Z6538" s="5"/>
      <c r="AA6538" s="5" t="s">
        <v>43</v>
      </c>
      <c r="AB6538" s="5" t="s">
        <v>44</v>
      </c>
      <c r="AC6538" s="2"/>
      <c r="AD6538" s="1"/>
    </row>
    <row r="6539" spans="1:30">
      <c r="A6539" s="5" t="s">
        <v>83578</v>
      </c>
      <c r="B6539" s="2" t="s">
        <v>103732</v>
      </c>
      <c r="C6539" s="14" t="s">
        <v>103733</v>
      </c>
      <c r="D6539" s="2" t="s">
        <v>103734</v>
      </c>
      <c r="E6539" s="2" t="s">
        <v>69112</v>
      </c>
      <c r="F6539" s="8">
        <v>176</v>
      </c>
      <c r="G6539" s="5">
        <v>6</v>
      </c>
      <c r="H6539" s="5" t="s">
        <v>1518</v>
      </c>
      <c r="I6539" s="5" t="s">
        <v>69038</v>
      </c>
      <c r="J6539" s="2" t="s">
        <v>69039</v>
      </c>
      <c r="K6539" s="5" t="s">
        <v>69038</v>
      </c>
      <c r="L6539" s="2" t="s">
        <v>69039</v>
      </c>
      <c r="M6539" s="5" t="s">
        <v>1521</v>
      </c>
      <c r="N6539" s="5" t="s">
        <v>38</v>
      </c>
      <c r="O6539" s="5" t="s">
        <v>39</v>
      </c>
      <c r="P6539" s="5" t="s">
        <v>40</v>
      </c>
      <c r="Q6539" s="5" t="s">
        <v>1522</v>
      </c>
      <c r="R6539" s="5" t="s">
        <v>1523</v>
      </c>
      <c r="S6539" s="5" t="s">
        <v>42</v>
      </c>
      <c r="T6539" s="2">
        <v>2.3039999999999998</v>
      </c>
      <c r="U6539" s="2">
        <v>1.9410000000000001</v>
      </c>
      <c r="V6539" s="2">
        <v>10.6</v>
      </c>
      <c r="W6539" s="2">
        <v>139.1</v>
      </c>
      <c r="X6539" s="2">
        <v>7.6</v>
      </c>
      <c r="Y6539" s="2">
        <v>10.6</v>
      </c>
      <c r="Z6539" s="5"/>
      <c r="AA6539" s="5" t="s">
        <v>43</v>
      </c>
      <c r="AB6539" s="5" t="s">
        <v>44</v>
      </c>
      <c r="AC6539" s="2"/>
      <c r="AD6539" s="1"/>
    </row>
    <row r="6540" spans="1:30">
      <c r="A6540" s="5" t="s">
        <v>83578</v>
      </c>
      <c r="B6540" s="2" t="s">
        <v>103735</v>
      </c>
      <c r="C6540" s="14" t="s">
        <v>103736</v>
      </c>
      <c r="D6540" s="2" t="s">
        <v>103737</v>
      </c>
      <c r="E6540" s="2" t="s">
        <v>7547</v>
      </c>
      <c r="F6540" s="8">
        <v>202</v>
      </c>
      <c r="G6540" s="5">
        <v>6</v>
      </c>
      <c r="H6540" s="5" t="s">
        <v>1518</v>
      </c>
      <c r="I6540" s="5" t="s">
        <v>69038</v>
      </c>
      <c r="J6540" s="2" t="s">
        <v>69039</v>
      </c>
      <c r="K6540" s="5" t="s">
        <v>69038</v>
      </c>
      <c r="L6540" s="2" t="s">
        <v>69039</v>
      </c>
      <c r="M6540" s="5" t="s">
        <v>1521</v>
      </c>
      <c r="N6540" s="5" t="s">
        <v>38</v>
      </c>
      <c r="O6540" s="5" t="s">
        <v>39</v>
      </c>
      <c r="P6540" s="5" t="s">
        <v>40</v>
      </c>
      <c r="Q6540" s="5" t="s">
        <v>1522</v>
      </c>
      <c r="R6540" s="5" t="s">
        <v>1523</v>
      </c>
      <c r="S6540" s="5" t="s">
        <v>42</v>
      </c>
      <c r="T6540" s="2">
        <v>2.2069999999999999</v>
      </c>
      <c r="U6540" s="2">
        <v>1.8440000000000001</v>
      </c>
      <c r="V6540" s="2">
        <v>10.6</v>
      </c>
      <c r="W6540" s="2">
        <v>139.1</v>
      </c>
      <c r="X6540" s="2">
        <v>7.6</v>
      </c>
      <c r="Y6540" s="2">
        <v>10.6</v>
      </c>
      <c r="Z6540" s="5"/>
      <c r="AA6540" s="5" t="s">
        <v>43</v>
      </c>
      <c r="AB6540" s="5" t="s">
        <v>44</v>
      </c>
      <c r="AC6540" s="2"/>
      <c r="AD6540" s="1"/>
    </row>
    <row r="6541" spans="1:30">
      <c r="A6541" s="5" t="s">
        <v>83578</v>
      </c>
      <c r="B6541" s="2" t="s">
        <v>103738</v>
      </c>
      <c r="C6541" s="14" t="s">
        <v>103739</v>
      </c>
      <c r="D6541" s="2" t="s">
        <v>103740</v>
      </c>
      <c r="E6541" s="2" t="s">
        <v>7551</v>
      </c>
      <c r="F6541" s="8">
        <v>202</v>
      </c>
      <c r="G6541" s="5">
        <v>6</v>
      </c>
      <c r="H6541" s="5" t="s">
        <v>1518</v>
      </c>
      <c r="I6541" s="5" t="s">
        <v>69038</v>
      </c>
      <c r="J6541" s="2" t="s">
        <v>69039</v>
      </c>
      <c r="K6541" s="5" t="s">
        <v>69038</v>
      </c>
      <c r="L6541" s="2" t="s">
        <v>69039</v>
      </c>
      <c r="M6541" s="5" t="s">
        <v>1521</v>
      </c>
      <c r="N6541" s="5" t="s">
        <v>38</v>
      </c>
      <c r="O6541" s="5" t="s">
        <v>39</v>
      </c>
      <c r="P6541" s="5" t="s">
        <v>40</v>
      </c>
      <c r="Q6541" s="5" t="s">
        <v>1522</v>
      </c>
      <c r="R6541" s="5" t="s">
        <v>1523</v>
      </c>
      <c r="S6541" s="5" t="s">
        <v>42</v>
      </c>
      <c r="T6541" s="2">
        <v>2.3039999999999998</v>
      </c>
      <c r="U6541" s="2">
        <v>1.9410000000000001</v>
      </c>
      <c r="V6541" s="2">
        <v>10.6</v>
      </c>
      <c r="W6541" s="2">
        <v>139.1</v>
      </c>
      <c r="X6541" s="2">
        <v>7.6</v>
      </c>
      <c r="Y6541" s="2">
        <v>10.6</v>
      </c>
      <c r="Z6541" s="5"/>
      <c r="AA6541" s="5" t="s">
        <v>43</v>
      </c>
      <c r="AB6541" s="5" t="s">
        <v>44</v>
      </c>
      <c r="AC6541" s="2"/>
      <c r="AD6541" s="1"/>
    </row>
    <row r="6542" spans="1:30">
      <c r="A6542" s="5" t="s">
        <v>83578</v>
      </c>
      <c r="B6542" s="2" t="s">
        <v>103741</v>
      </c>
      <c r="C6542" s="14" t="s">
        <v>103742</v>
      </c>
      <c r="D6542" s="2" t="s">
        <v>103743</v>
      </c>
      <c r="E6542" s="2" t="s">
        <v>7563</v>
      </c>
      <c r="F6542" s="8">
        <v>202</v>
      </c>
      <c r="G6542" s="5">
        <v>6</v>
      </c>
      <c r="H6542" s="5" t="s">
        <v>1518</v>
      </c>
      <c r="I6542" s="5" t="s">
        <v>69038</v>
      </c>
      <c r="J6542" s="2" t="s">
        <v>69039</v>
      </c>
      <c r="K6542" s="5" t="s">
        <v>69038</v>
      </c>
      <c r="L6542" s="2" t="s">
        <v>69039</v>
      </c>
      <c r="M6542" s="5" t="s">
        <v>1521</v>
      </c>
      <c r="N6542" s="5" t="s">
        <v>38</v>
      </c>
      <c r="O6542" s="5" t="s">
        <v>39</v>
      </c>
      <c r="P6542" s="5" t="s">
        <v>40</v>
      </c>
      <c r="Q6542" s="5" t="s">
        <v>1522</v>
      </c>
      <c r="R6542" s="5" t="s">
        <v>1523</v>
      </c>
      <c r="S6542" s="5" t="s">
        <v>42</v>
      </c>
      <c r="T6542" s="2">
        <v>2.2069999999999999</v>
      </c>
      <c r="U6542" s="2">
        <v>1.8440000000000001</v>
      </c>
      <c r="V6542" s="2">
        <v>10.6</v>
      </c>
      <c r="W6542" s="2">
        <v>139.1</v>
      </c>
      <c r="X6542" s="2">
        <v>7.6</v>
      </c>
      <c r="Y6542" s="2">
        <v>10.6</v>
      </c>
      <c r="Z6542" s="5"/>
      <c r="AA6542" s="5" t="s">
        <v>43</v>
      </c>
      <c r="AB6542" s="5" t="s">
        <v>44</v>
      </c>
      <c r="AC6542" s="2"/>
      <c r="AD6542" s="1"/>
    </row>
    <row r="6543" spans="1:30">
      <c r="A6543" s="5" t="s">
        <v>83578</v>
      </c>
      <c r="B6543" s="2" t="s">
        <v>103744</v>
      </c>
      <c r="C6543" s="14" t="s">
        <v>103745</v>
      </c>
      <c r="D6543" s="2" t="s">
        <v>103746</v>
      </c>
      <c r="E6543" s="2" t="s">
        <v>7567</v>
      </c>
      <c r="F6543" s="8">
        <v>202</v>
      </c>
      <c r="G6543" s="5">
        <v>6</v>
      </c>
      <c r="H6543" s="5" t="s">
        <v>1518</v>
      </c>
      <c r="I6543" s="5" t="s">
        <v>69038</v>
      </c>
      <c r="J6543" s="2" t="s">
        <v>69039</v>
      </c>
      <c r="K6543" s="5" t="s">
        <v>69038</v>
      </c>
      <c r="L6543" s="2" t="s">
        <v>69039</v>
      </c>
      <c r="M6543" s="5" t="s">
        <v>1521</v>
      </c>
      <c r="N6543" s="5" t="s">
        <v>38</v>
      </c>
      <c r="O6543" s="5" t="s">
        <v>39</v>
      </c>
      <c r="P6543" s="5" t="s">
        <v>40</v>
      </c>
      <c r="Q6543" s="5" t="s">
        <v>1522</v>
      </c>
      <c r="R6543" s="5" t="s">
        <v>1523</v>
      </c>
      <c r="S6543" s="5" t="s">
        <v>42</v>
      </c>
      <c r="T6543" s="2">
        <v>2.3039999999999998</v>
      </c>
      <c r="U6543" s="2">
        <v>1.9410000000000001</v>
      </c>
      <c r="V6543" s="2">
        <v>10.6</v>
      </c>
      <c r="W6543" s="2">
        <v>139.1</v>
      </c>
      <c r="X6543" s="2">
        <v>7.6</v>
      </c>
      <c r="Y6543" s="2">
        <v>10.6</v>
      </c>
      <c r="Z6543" s="5"/>
      <c r="AA6543" s="5" t="s">
        <v>43</v>
      </c>
      <c r="AB6543" s="5" t="s">
        <v>44</v>
      </c>
      <c r="AC6543" s="2"/>
      <c r="AD6543" s="1"/>
    </row>
    <row r="6544" spans="1:30">
      <c r="A6544" s="5" t="s">
        <v>83578</v>
      </c>
      <c r="B6544" s="2" t="s">
        <v>103747</v>
      </c>
      <c r="C6544" s="14" t="s">
        <v>103748</v>
      </c>
      <c r="D6544" s="2" t="s">
        <v>103749</v>
      </c>
      <c r="E6544" s="2" t="s">
        <v>7555</v>
      </c>
      <c r="F6544" s="8">
        <v>202</v>
      </c>
      <c r="G6544" s="5">
        <v>6</v>
      </c>
      <c r="H6544" s="5" t="s">
        <v>1518</v>
      </c>
      <c r="I6544" s="5" t="s">
        <v>69038</v>
      </c>
      <c r="J6544" s="2" t="s">
        <v>69039</v>
      </c>
      <c r="K6544" s="5" t="s">
        <v>69038</v>
      </c>
      <c r="L6544" s="2" t="s">
        <v>69039</v>
      </c>
      <c r="M6544" s="5" t="s">
        <v>1521</v>
      </c>
      <c r="N6544" s="5" t="s">
        <v>38</v>
      </c>
      <c r="O6544" s="5" t="s">
        <v>39</v>
      </c>
      <c r="P6544" s="5" t="s">
        <v>40</v>
      </c>
      <c r="Q6544" s="5" t="s">
        <v>1522</v>
      </c>
      <c r="R6544" s="5" t="s">
        <v>1523</v>
      </c>
      <c r="S6544" s="5" t="s">
        <v>42</v>
      </c>
      <c r="T6544" s="2">
        <v>2.2069999999999999</v>
      </c>
      <c r="U6544" s="2">
        <v>1.8440000000000001</v>
      </c>
      <c r="V6544" s="2">
        <v>10.6</v>
      </c>
      <c r="W6544" s="2">
        <v>139.1</v>
      </c>
      <c r="X6544" s="2">
        <v>7.6</v>
      </c>
      <c r="Y6544" s="2">
        <v>10.6</v>
      </c>
      <c r="Z6544" s="5"/>
      <c r="AA6544" s="5" t="s">
        <v>43</v>
      </c>
      <c r="AB6544" s="5" t="s">
        <v>44</v>
      </c>
      <c r="AC6544" s="2"/>
      <c r="AD6544" s="1"/>
    </row>
    <row r="6545" spans="1:30">
      <c r="A6545" s="5" t="s">
        <v>83578</v>
      </c>
      <c r="B6545" s="2" t="s">
        <v>103750</v>
      </c>
      <c r="C6545" s="14" t="s">
        <v>103751</v>
      </c>
      <c r="D6545" s="2" t="s">
        <v>103752</v>
      </c>
      <c r="E6545" s="2" t="s">
        <v>7559</v>
      </c>
      <c r="F6545" s="8">
        <v>202</v>
      </c>
      <c r="G6545" s="5">
        <v>6</v>
      </c>
      <c r="H6545" s="5" t="s">
        <v>1518</v>
      </c>
      <c r="I6545" s="5" t="s">
        <v>69038</v>
      </c>
      <c r="J6545" s="2" t="s">
        <v>69039</v>
      </c>
      <c r="K6545" s="5" t="s">
        <v>69038</v>
      </c>
      <c r="L6545" s="2" t="s">
        <v>69039</v>
      </c>
      <c r="M6545" s="5" t="s">
        <v>1521</v>
      </c>
      <c r="N6545" s="5" t="s">
        <v>38</v>
      </c>
      <c r="O6545" s="5" t="s">
        <v>39</v>
      </c>
      <c r="P6545" s="5" t="s">
        <v>40</v>
      </c>
      <c r="Q6545" s="5" t="s">
        <v>1522</v>
      </c>
      <c r="R6545" s="5" t="s">
        <v>1523</v>
      </c>
      <c r="S6545" s="5" t="s">
        <v>42</v>
      </c>
      <c r="T6545" s="2">
        <v>2.3039999999999998</v>
      </c>
      <c r="U6545" s="2">
        <v>1.9410000000000001</v>
      </c>
      <c r="V6545" s="2">
        <v>10.6</v>
      </c>
      <c r="W6545" s="2">
        <v>139.1</v>
      </c>
      <c r="X6545" s="2">
        <v>7.6</v>
      </c>
      <c r="Y6545" s="2">
        <v>10.6</v>
      </c>
      <c r="Z6545" s="5"/>
      <c r="AA6545" s="5" t="s">
        <v>43</v>
      </c>
      <c r="AB6545" s="5" t="s">
        <v>44</v>
      </c>
      <c r="AC6545" s="2"/>
      <c r="AD6545" s="1"/>
    </row>
    <row r="6546" spans="1:30">
      <c r="A6546" s="5" t="s">
        <v>83578</v>
      </c>
      <c r="B6546" s="2" t="s">
        <v>103753</v>
      </c>
      <c r="C6546" s="14" t="s">
        <v>103754</v>
      </c>
      <c r="D6546" s="2" t="s">
        <v>103755</v>
      </c>
      <c r="E6546" s="2" t="s">
        <v>7429</v>
      </c>
      <c r="F6546" s="8">
        <v>202</v>
      </c>
      <c r="G6546" s="5">
        <v>6</v>
      </c>
      <c r="H6546" s="5" t="s">
        <v>1518</v>
      </c>
      <c r="I6546" s="5" t="s">
        <v>69038</v>
      </c>
      <c r="J6546" s="2" t="s">
        <v>69039</v>
      </c>
      <c r="K6546" s="5" t="s">
        <v>69038</v>
      </c>
      <c r="L6546" s="2" t="s">
        <v>69039</v>
      </c>
      <c r="M6546" s="5" t="s">
        <v>1521</v>
      </c>
      <c r="N6546" s="5" t="s">
        <v>38</v>
      </c>
      <c r="O6546" s="5" t="s">
        <v>39</v>
      </c>
      <c r="P6546" s="5" t="s">
        <v>40</v>
      </c>
      <c r="Q6546" s="5" t="s">
        <v>1522</v>
      </c>
      <c r="R6546" s="5" t="s">
        <v>1523</v>
      </c>
      <c r="S6546" s="5" t="s">
        <v>42</v>
      </c>
      <c r="T6546" s="2">
        <v>2.2069999999999999</v>
      </c>
      <c r="U6546" s="2">
        <v>1.8440000000000001</v>
      </c>
      <c r="V6546" s="2">
        <v>10.6</v>
      </c>
      <c r="W6546" s="2">
        <v>139.1</v>
      </c>
      <c r="X6546" s="2">
        <v>7.6</v>
      </c>
      <c r="Y6546" s="2">
        <v>10.6</v>
      </c>
      <c r="Z6546" s="5"/>
      <c r="AA6546" s="5" t="s">
        <v>43</v>
      </c>
      <c r="AB6546" s="5" t="s">
        <v>44</v>
      </c>
      <c r="AC6546" s="2"/>
      <c r="AD6546" s="1"/>
    </row>
    <row r="6547" spans="1:30">
      <c r="A6547" s="5" t="s">
        <v>83578</v>
      </c>
      <c r="B6547" s="2" t="s">
        <v>103756</v>
      </c>
      <c r="C6547" s="14" t="s">
        <v>103757</v>
      </c>
      <c r="D6547" s="2" t="s">
        <v>103758</v>
      </c>
      <c r="E6547" s="2" t="s">
        <v>7574</v>
      </c>
      <c r="F6547" s="8">
        <v>202</v>
      </c>
      <c r="G6547" s="5">
        <v>6</v>
      </c>
      <c r="H6547" s="5" t="s">
        <v>1518</v>
      </c>
      <c r="I6547" s="5" t="s">
        <v>69038</v>
      </c>
      <c r="J6547" s="2" t="s">
        <v>69039</v>
      </c>
      <c r="K6547" s="5" t="s">
        <v>69038</v>
      </c>
      <c r="L6547" s="2" t="s">
        <v>69039</v>
      </c>
      <c r="M6547" s="5" t="s">
        <v>1521</v>
      </c>
      <c r="N6547" s="5" t="s">
        <v>38</v>
      </c>
      <c r="O6547" s="5" t="s">
        <v>39</v>
      </c>
      <c r="P6547" s="5" t="s">
        <v>40</v>
      </c>
      <c r="Q6547" s="5" t="s">
        <v>1522</v>
      </c>
      <c r="R6547" s="5" t="s">
        <v>1523</v>
      </c>
      <c r="S6547" s="5" t="s">
        <v>42</v>
      </c>
      <c r="T6547" s="2">
        <v>2.3039999999999998</v>
      </c>
      <c r="U6547" s="2">
        <v>1.9410000000000001</v>
      </c>
      <c r="V6547" s="2">
        <v>10.6</v>
      </c>
      <c r="W6547" s="2">
        <v>139.1</v>
      </c>
      <c r="X6547" s="2">
        <v>7.6</v>
      </c>
      <c r="Y6547" s="2">
        <v>10.6</v>
      </c>
      <c r="Z6547" s="5"/>
      <c r="AA6547" s="5" t="s">
        <v>43</v>
      </c>
      <c r="AB6547" s="5" t="s">
        <v>44</v>
      </c>
      <c r="AC6547" s="2"/>
      <c r="AD6547" s="1"/>
    </row>
    <row r="6548" spans="1:30">
      <c r="A6548" s="5" t="s">
        <v>83578</v>
      </c>
      <c r="B6548" s="2" t="s">
        <v>103759</v>
      </c>
      <c r="C6548" s="14" t="s">
        <v>103760</v>
      </c>
      <c r="D6548" s="2" t="s">
        <v>103761</v>
      </c>
      <c r="E6548" s="2" t="s">
        <v>7449</v>
      </c>
      <c r="F6548" s="8">
        <v>202</v>
      </c>
      <c r="G6548" s="5">
        <v>6</v>
      </c>
      <c r="H6548" s="5" t="s">
        <v>1518</v>
      </c>
      <c r="I6548" s="5" t="s">
        <v>69038</v>
      </c>
      <c r="J6548" s="2" t="s">
        <v>69039</v>
      </c>
      <c r="K6548" s="5" t="s">
        <v>69038</v>
      </c>
      <c r="L6548" s="2" t="s">
        <v>69039</v>
      </c>
      <c r="M6548" s="5" t="s">
        <v>1521</v>
      </c>
      <c r="N6548" s="5" t="s">
        <v>38</v>
      </c>
      <c r="O6548" s="5" t="s">
        <v>39</v>
      </c>
      <c r="P6548" s="5" t="s">
        <v>40</v>
      </c>
      <c r="Q6548" s="5" t="s">
        <v>1522</v>
      </c>
      <c r="R6548" s="5" t="s">
        <v>1523</v>
      </c>
      <c r="S6548" s="5" t="s">
        <v>42</v>
      </c>
      <c r="T6548" s="2">
        <v>2.2069999999999999</v>
      </c>
      <c r="U6548" s="2">
        <v>1.8440000000000001</v>
      </c>
      <c r="V6548" s="2">
        <v>10.6</v>
      </c>
      <c r="W6548" s="2">
        <v>139.1</v>
      </c>
      <c r="X6548" s="2">
        <v>7.6</v>
      </c>
      <c r="Y6548" s="2">
        <v>10.6</v>
      </c>
      <c r="Z6548" s="5"/>
      <c r="AA6548" s="5" t="s">
        <v>43</v>
      </c>
      <c r="AB6548" s="5" t="s">
        <v>44</v>
      </c>
      <c r="AC6548" s="2"/>
      <c r="AD6548" s="1"/>
    </row>
    <row r="6549" spans="1:30">
      <c r="A6549" s="5" t="s">
        <v>83578</v>
      </c>
      <c r="B6549" s="2" t="s">
        <v>103762</v>
      </c>
      <c r="C6549" s="14" t="s">
        <v>103763</v>
      </c>
      <c r="D6549" s="2" t="s">
        <v>103764</v>
      </c>
      <c r="E6549" s="2" t="s">
        <v>7581</v>
      </c>
      <c r="F6549" s="8">
        <v>202</v>
      </c>
      <c r="G6549" s="5">
        <v>6</v>
      </c>
      <c r="H6549" s="5" t="s">
        <v>1518</v>
      </c>
      <c r="I6549" s="5" t="s">
        <v>69038</v>
      </c>
      <c r="J6549" s="2" t="s">
        <v>69039</v>
      </c>
      <c r="K6549" s="5" t="s">
        <v>69038</v>
      </c>
      <c r="L6549" s="2" t="s">
        <v>69039</v>
      </c>
      <c r="M6549" s="5" t="s">
        <v>1521</v>
      </c>
      <c r="N6549" s="5" t="s">
        <v>38</v>
      </c>
      <c r="O6549" s="5" t="s">
        <v>39</v>
      </c>
      <c r="P6549" s="5" t="s">
        <v>40</v>
      </c>
      <c r="Q6549" s="5" t="s">
        <v>1522</v>
      </c>
      <c r="R6549" s="5" t="s">
        <v>1523</v>
      </c>
      <c r="S6549" s="5" t="s">
        <v>42</v>
      </c>
      <c r="T6549" s="2">
        <v>2.3039999999999998</v>
      </c>
      <c r="U6549" s="2">
        <v>1.9410000000000001</v>
      </c>
      <c r="V6549" s="2">
        <v>10.6</v>
      </c>
      <c r="W6549" s="2">
        <v>139.1</v>
      </c>
      <c r="X6549" s="2">
        <v>7.6</v>
      </c>
      <c r="Y6549" s="2">
        <v>10.6</v>
      </c>
      <c r="Z6549" s="5"/>
      <c r="AA6549" s="5" t="s">
        <v>43</v>
      </c>
      <c r="AB6549" s="5" t="s">
        <v>44</v>
      </c>
      <c r="AC6549" s="2"/>
      <c r="AD6549" s="1"/>
    </row>
    <row r="6550" spans="1:30">
      <c r="A6550" s="5" t="s">
        <v>83578</v>
      </c>
      <c r="B6550" s="2" t="s">
        <v>103765</v>
      </c>
      <c r="C6550" s="14" t="s">
        <v>103766</v>
      </c>
      <c r="D6550" s="2" t="s">
        <v>103767</v>
      </c>
      <c r="E6550" s="2" t="s">
        <v>7585</v>
      </c>
      <c r="F6550" s="8">
        <v>202</v>
      </c>
      <c r="G6550" s="5">
        <v>6</v>
      </c>
      <c r="H6550" s="5" t="s">
        <v>1518</v>
      </c>
      <c r="I6550" s="5" t="s">
        <v>69038</v>
      </c>
      <c r="J6550" s="2" t="s">
        <v>69039</v>
      </c>
      <c r="K6550" s="5" t="s">
        <v>69038</v>
      </c>
      <c r="L6550" s="2" t="s">
        <v>69039</v>
      </c>
      <c r="M6550" s="5" t="s">
        <v>1521</v>
      </c>
      <c r="N6550" s="5" t="s">
        <v>38</v>
      </c>
      <c r="O6550" s="5" t="s">
        <v>39</v>
      </c>
      <c r="P6550" s="5" t="s">
        <v>40</v>
      </c>
      <c r="Q6550" s="5" t="s">
        <v>1522</v>
      </c>
      <c r="R6550" s="5" t="s">
        <v>1523</v>
      </c>
      <c r="S6550" s="5" t="s">
        <v>42</v>
      </c>
      <c r="T6550" s="2">
        <v>2.2069999999999999</v>
      </c>
      <c r="U6550" s="2">
        <v>1.8440000000000001</v>
      </c>
      <c r="V6550" s="2">
        <v>10.6</v>
      </c>
      <c r="W6550" s="2">
        <v>139.1</v>
      </c>
      <c r="X6550" s="2">
        <v>7.6</v>
      </c>
      <c r="Y6550" s="2">
        <v>10.6</v>
      </c>
      <c r="Z6550" s="5"/>
      <c r="AA6550" s="5" t="s">
        <v>43</v>
      </c>
      <c r="AB6550" s="5" t="s">
        <v>44</v>
      </c>
      <c r="AC6550" s="2"/>
      <c r="AD6550" s="1"/>
    </row>
    <row r="6551" spans="1:30">
      <c r="A6551" s="5" t="s">
        <v>83578</v>
      </c>
      <c r="B6551" s="2" t="s">
        <v>103768</v>
      </c>
      <c r="C6551" s="14" t="s">
        <v>103769</v>
      </c>
      <c r="D6551" s="2" t="s">
        <v>103770</v>
      </c>
      <c r="E6551" s="2" t="s">
        <v>7589</v>
      </c>
      <c r="F6551" s="8">
        <v>202</v>
      </c>
      <c r="G6551" s="5">
        <v>6</v>
      </c>
      <c r="H6551" s="5" t="s">
        <v>1518</v>
      </c>
      <c r="I6551" s="5" t="s">
        <v>69038</v>
      </c>
      <c r="J6551" s="2" t="s">
        <v>69039</v>
      </c>
      <c r="K6551" s="5" t="s">
        <v>69038</v>
      </c>
      <c r="L6551" s="2" t="s">
        <v>69039</v>
      </c>
      <c r="M6551" s="5" t="s">
        <v>1521</v>
      </c>
      <c r="N6551" s="5" t="s">
        <v>38</v>
      </c>
      <c r="O6551" s="5" t="s">
        <v>39</v>
      </c>
      <c r="P6551" s="5" t="s">
        <v>40</v>
      </c>
      <c r="Q6551" s="5" t="s">
        <v>1522</v>
      </c>
      <c r="R6551" s="5" t="s">
        <v>1523</v>
      </c>
      <c r="S6551" s="5" t="s">
        <v>42</v>
      </c>
      <c r="T6551" s="2">
        <v>2.3039999999999998</v>
      </c>
      <c r="U6551" s="2">
        <v>1.9410000000000001</v>
      </c>
      <c r="V6551" s="2">
        <v>10.6</v>
      </c>
      <c r="W6551" s="2">
        <v>139.1</v>
      </c>
      <c r="X6551" s="2">
        <v>7.6</v>
      </c>
      <c r="Y6551" s="2">
        <v>10.6</v>
      </c>
      <c r="Z6551" s="5"/>
      <c r="AA6551" s="5" t="s">
        <v>43</v>
      </c>
      <c r="AB6551" s="5" t="s">
        <v>44</v>
      </c>
      <c r="AC6551" s="2"/>
      <c r="AD6551" s="1"/>
    </row>
    <row r="6552" spans="1:30">
      <c r="A6552" s="5" t="s">
        <v>83578</v>
      </c>
      <c r="B6552" s="2" t="s">
        <v>103771</v>
      </c>
      <c r="C6552" s="14" t="s">
        <v>103772</v>
      </c>
      <c r="D6552" s="2" t="s">
        <v>103773</v>
      </c>
      <c r="E6552" s="2" t="s">
        <v>7593</v>
      </c>
      <c r="F6552" s="8">
        <v>202</v>
      </c>
      <c r="G6552" s="5">
        <v>6</v>
      </c>
      <c r="H6552" s="5" t="s">
        <v>1518</v>
      </c>
      <c r="I6552" s="5" t="s">
        <v>69038</v>
      </c>
      <c r="J6552" s="2" t="s">
        <v>69039</v>
      </c>
      <c r="K6552" s="5" t="s">
        <v>69038</v>
      </c>
      <c r="L6552" s="2" t="s">
        <v>69039</v>
      </c>
      <c r="M6552" s="5" t="s">
        <v>1521</v>
      </c>
      <c r="N6552" s="5" t="s">
        <v>38</v>
      </c>
      <c r="O6552" s="5" t="s">
        <v>39</v>
      </c>
      <c r="P6552" s="5" t="s">
        <v>40</v>
      </c>
      <c r="Q6552" s="5" t="s">
        <v>1522</v>
      </c>
      <c r="R6552" s="5" t="s">
        <v>1523</v>
      </c>
      <c r="S6552" s="5" t="s">
        <v>42</v>
      </c>
      <c r="T6552" s="2">
        <v>2.2069999999999999</v>
      </c>
      <c r="U6552" s="2">
        <v>1.8440000000000001</v>
      </c>
      <c r="V6552" s="2">
        <v>10.6</v>
      </c>
      <c r="W6552" s="2">
        <v>139.1</v>
      </c>
      <c r="X6552" s="2">
        <v>7.6</v>
      </c>
      <c r="Y6552" s="2">
        <v>10.6</v>
      </c>
      <c r="Z6552" s="5"/>
      <c r="AA6552" s="5" t="s">
        <v>43</v>
      </c>
      <c r="AB6552" s="5" t="s">
        <v>44</v>
      </c>
      <c r="AC6552" s="2"/>
      <c r="AD6552" s="1"/>
    </row>
    <row r="6553" spans="1:30">
      <c r="A6553" s="5" t="s">
        <v>83578</v>
      </c>
      <c r="B6553" s="2" t="s">
        <v>103774</v>
      </c>
      <c r="C6553" s="14" t="s">
        <v>103775</v>
      </c>
      <c r="D6553" s="2" t="s">
        <v>103776</v>
      </c>
      <c r="E6553" s="2" t="s">
        <v>7597</v>
      </c>
      <c r="F6553" s="8">
        <v>202</v>
      </c>
      <c r="G6553" s="5">
        <v>6</v>
      </c>
      <c r="H6553" s="5" t="s">
        <v>1518</v>
      </c>
      <c r="I6553" s="5" t="s">
        <v>69038</v>
      </c>
      <c r="J6553" s="2" t="s">
        <v>69039</v>
      </c>
      <c r="K6553" s="5" t="s">
        <v>69038</v>
      </c>
      <c r="L6553" s="2" t="s">
        <v>69039</v>
      </c>
      <c r="M6553" s="5" t="s">
        <v>1521</v>
      </c>
      <c r="N6553" s="5" t="s">
        <v>38</v>
      </c>
      <c r="O6553" s="5" t="s">
        <v>39</v>
      </c>
      <c r="P6553" s="5" t="s">
        <v>40</v>
      </c>
      <c r="Q6553" s="5" t="s">
        <v>1522</v>
      </c>
      <c r="R6553" s="5" t="s">
        <v>1523</v>
      </c>
      <c r="S6553" s="5" t="s">
        <v>42</v>
      </c>
      <c r="T6553" s="2">
        <v>2.3039999999999998</v>
      </c>
      <c r="U6553" s="2">
        <v>1.9410000000000001</v>
      </c>
      <c r="V6553" s="2">
        <v>10.6</v>
      </c>
      <c r="W6553" s="2">
        <v>139.1</v>
      </c>
      <c r="X6553" s="2">
        <v>7.6</v>
      </c>
      <c r="Y6553" s="2">
        <v>10.6</v>
      </c>
      <c r="Z6553" s="5"/>
      <c r="AA6553" s="5" t="s">
        <v>43</v>
      </c>
      <c r="AB6553" s="5" t="s">
        <v>44</v>
      </c>
      <c r="AC6553" s="2"/>
      <c r="AD6553" s="1"/>
    </row>
    <row r="6554" spans="1:30">
      <c r="A6554" s="5" t="s">
        <v>83578</v>
      </c>
      <c r="B6554" s="2" t="s">
        <v>103777</v>
      </c>
      <c r="C6554" s="14" t="s">
        <v>103778</v>
      </c>
      <c r="D6554" s="2" t="s">
        <v>103779</v>
      </c>
      <c r="E6554" s="2" t="s">
        <v>7433</v>
      </c>
      <c r="F6554" s="8">
        <v>202</v>
      </c>
      <c r="G6554" s="5">
        <v>6</v>
      </c>
      <c r="H6554" s="5" t="s">
        <v>1518</v>
      </c>
      <c r="I6554" s="5" t="s">
        <v>69038</v>
      </c>
      <c r="J6554" s="2" t="s">
        <v>69039</v>
      </c>
      <c r="K6554" s="5" t="s">
        <v>69038</v>
      </c>
      <c r="L6554" s="2" t="s">
        <v>69039</v>
      </c>
      <c r="M6554" s="5" t="s">
        <v>1521</v>
      </c>
      <c r="N6554" s="5" t="s">
        <v>38</v>
      </c>
      <c r="O6554" s="5" t="s">
        <v>39</v>
      </c>
      <c r="P6554" s="5" t="s">
        <v>40</v>
      </c>
      <c r="Q6554" s="5" t="s">
        <v>1522</v>
      </c>
      <c r="R6554" s="5" t="s">
        <v>1523</v>
      </c>
      <c r="S6554" s="5" t="s">
        <v>42</v>
      </c>
      <c r="T6554" s="2">
        <v>2.2069999999999999</v>
      </c>
      <c r="U6554" s="2">
        <v>1.8440000000000001</v>
      </c>
      <c r="V6554" s="2">
        <v>10.6</v>
      </c>
      <c r="W6554" s="2">
        <v>139.1</v>
      </c>
      <c r="X6554" s="2">
        <v>7.6</v>
      </c>
      <c r="Y6554" s="2">
        <v>10.6</v>
      </c>
      <c r="Z6554" s="5"/>
      <c r="AA6554" s="5" t="s">
        <v>43</v>
      </c>
      <c r="AB6554" s="5" t="s">
        <v>44</v>
      </c>
      <c r="AC6554" s="2"/>
      <c r="AD6554" s="1"/>
    </row>
    <row r="6555" spans="1:30">
      <c r="A6555" s="5" t="s">
        <v>83578</v>
      </c>
      <c r="B6555" s="2" t="s">
        <v>103780</v>
      </c>
      <c r="C6555" s="14" t="s">
        <v>103781</v>
      </c>
      <c r="D6555" s="2" t="s">
        <v>103782</v>
      </c>
      <c r="E6555" s="2" t="s">
        <v>7611</v>
      </c>
      <c r="F6555" s="8">
        <v>202</v>
      </c>
      <c r="G6555" s="5">
        <v>6</v>
      </c>
      <c r="H6555" s="5" t="s">
        <v>1518</v>
      </c>
      <c r="I6555" s="5" t="s">
        <v>69038</v>
      </c>
      <c r="J6555" s="2" t="s">
        <v>69039</v>
      </c>
      <c r="K6555" s="5" t="s">
        <v>69038</v>
      </c>
      <c r="L6555" s="2" t="s">
        <v>69039</v>
      </c>
      <c r="M6555" s="5" t="s">
        <v>1521</v>
      </c>
      <c r="N6555" s="5" t="s">
        <v>38</v>
      </c>
      <c r="O6555" s="5" t="s">
        <v>39</v>
      </c>
      <c r="P6555" s="5" t="s">
        <v>40</v>
      </c>
      <c r="Q6555" s="5" t="s">
        <v>1522</v>
      </c>
      <c r="R6555" s="5" t="s">
        <v>1523</v>
      </c>
      <c r="S6555" s="5" t="s">
        <v>42</v>
      </c>
      <c r="T6555" s="2">
        <v>2.3039999999999998</v>
      </c>
      <c r="U6555" s="2">
        <v>1.9410000000000001</v>
      </c>
      <c r="V6555" s="2">
        <v>10.6</v>
      </c>
      <c r="W6555" s="2">
        <v>139.1</v>
      </c>
      <c r="X6555" s="2">
        <v>7.6</v>
      </c>
      <c r="Y6555" s="2">
        <v>10.6</v>
      </c>
      <c r="Z6555" s="5"/>
      <c r="AA6555" s="5" t="s">
        <v>43</v>
      </c>
      <c r="AB6555" s="5" t="s">
        <v>44</v>
      </c>
      <c r="AC6555" s="2"/>
      <c r="AD6555" s="1"/>
    </row>
    <row r="6556" spans="1:30">
      <c r="A6556" s="5" t="s">
        <v>83578</v>
      </c>
      <c r="B6556" s="2" t="s">
        <v>103783</v>
      </c>
      <c r="C6556" s="14" t="s">
        <v>103784</v>
      </c>
      <c r="D6556" s="2" t="s">
        <v>103785</v>
      </c>
      <c r="E6556" s="2" t="s">
        <v>7615</v>
      </c>
      <c r="F6556" s="8">
        <v>202</v>
      </c>
      <c r="G6556" s="5">
        <v>6</v>
      </c>
      <c r="H6556" s="5" t="s">
        <v>1518</v>
      </c>
      <c r="I6556" s="5" t="s">
        <v>69038</v>
      </c>
      <c r="J6556" s="2" t="s">
        <v>69039</v>
      </c>
      <c r="K6556" s="5" t="s">
        <v>69038</v>
      </c>
      <c r="L6556" s="2" t="s">
        <v>69039</v>
      </c>
      <c r="M6556" s="5" t="s">
        <v>1521</v>
      </c>
      <c r="N6556" s="5" t="s">
        <v>38</v>
      </c>
      <c r="O6556" s="5" t="s">
        <v>39</v>
      </c>
      <c r="P6556" s="5" t="s">
        <v>40</v>
      </c>
      <c r="Q6556" s="5" t="s">
        <v>1522</v>
      </c>
      <c r="R6556" s="5" t="s">
        <v>1523</v>
      </c>
      <c r="S6556" s="5" t="s">
        <v>42</v>
      </c>
      <c r="T6556" s="2">
        <v>2.2069999999999999</v>
      </c>
      <c r="U6556" s="2">
        <v>1.8440000000000001</v>
      </c>
      <c r="V6556" s="2">
        <v>10.6</v>
      </c>
      <c r="W6556" s="2">
        <v>139.1</v>
      </c>
      <c r="X6556" s="2">
        <v>7.6</v>
      </c>
      <c r="Y6556" s="2">
        <v>10.6</v>
      </c>
      <c r="Z6556" s="5"/>
      <c r="AA6556" s="5" t="s">
        <v>43</v>
      </c>
      <c r="AB6556" s="5" t="s">
        <v>44</v>
      </c>
      <c r="AC6556" s="2"/>
      <c r="AD6556" s="1"/>
    </row>
    <row r="6557" spans="1:30">
      <c r="A6557" s="5" t="s">
        <v>83578</v>
      </c>
      <c r="B6557" s="2" t="s">
        <v>103786</v>
      </c>
      <c r="C6557" s="14" t="s">
        <v>103787</v>
      </c>
      <c r="D6557" s="2" t="s">
        <v>103788</v>
      </c>
      <c r="E6557" s="2" t="s">
        <v>7619</v>
      </c>
      <c r="F6557" s="8">
        <v>202</v>
      </c>
      <c r="G6557" s="5">
        <v>6</v>
      </c>
      <c r="H6557" s="5" t="s">
        <v>1518</v>
      </c>
      <c r="I6557" s="5" t="s">
        <v>69038</v>
      </c>
      <c r="J6557" s="2" t="s">
        <v>69039</v>
      </c>
      <c r="K6557" s="5" t="s">
        <v>69038</v>
      </c>
      <c r="L6557" s="2" t="s">
        <v>69039</v>
      </c>
      <c r="M6557" s="5" t="s">
        <v>1521</v>
      </c>
      <c r="N6557" s="5" t="s">
        <v>38</v>
      </c>
      <c r="O6557" s="5" t="s">
        <v>39</v>
      </c>
      <c r="P6557" s="5" t="s">
        <v>40</v>
      </c>
      <c r="Q6557" s="5" t="s">
        <v>1522</v>
      </c>
      <c r="R6557" s="5" t="s">
        <v>1523</v>
      </c>
      <c r="S6557" s="5" t="s">
        <v>42</v>
      </c>
      <c r="T6557" s="2">
        <v>2.3039999999999998</v>
      </c>
      <c r="U6557" s="2">
        <v>1.9410000000000001</v>
      </c>
      <c r="V6557" s="2">
        <v>10.6</v>
      </c>
      <c r="W6557" s="2">
        <v>139.1</v>
      </c>
      <c r="X6557" s="2">
        <v>7.6</v>
      </c>
      <c r="Y6557" s="2">
        <v>10.6</v>
      </c>
      <c r="Z6557" s="5"/>
      <c r="AA6557" s="5" t="s">
        <v>43</v>
      </c>
      <c r="AB6557" s="5" t="s">
        <v>44</v>
      </c>
      <c r="AC6557" s="2"/>
      <c r="AD6557" s="1"/>
    </row>
    <row r="6558" spans="1:30">
      <c r="A6558" s="5" t="s">
        <v>83578</v>
      </c>
      <c r="B6558" s="2" t="s">
        <v>103789</v>
      </c>
      <c r="C6558" s="14" t="s">
        <v>103790</v>
      </c>
      <c r="D6558" s="2" t="s">
        <v>103791</v>
      </c>
      <c r="E6558" s="2" t="s">
        <v>7410</v>
      </c>
      <c r="F6558" s="8">
        <v>202</v>
      </c>
      <c r="G6558" s="5">
        <v>6</v>
      </c>
      <c r="H6558" s="5" t="s">
        <v>1518</v>
      </c>
      <c r="I6558" s="5" t="s">
        <v>69038</v>
      </c>
      <c r="J6558" s="2" t="s">
        <v>69039</v>
      </c>
      <c r="K6558" s="5" t="s">
        <v>69038</v>
      </c>
      <c r="L6558" s="2" t="s">
        <v>69039</v>
      </c>
      <c r="M6558" s="5" t="s">
        <v>1521</v>
      </c>
      <c r="N6558" s="5" t="s">
        <v>38</v>
      </c>
      <c r="O6558" s="5" t="s">
        <v>39</v>
      </c>
      <c r="P6558" s="5" t="s">
        <v>40</v>
      </c>
      <c r="Q6558" s="5" t="s">
        <v>1522</v>
      </c>
      <c r="R6558" s="5" t="s">
        <v>1523</v>
      </c>
      <c r="S6558" s="5" t="s">
        <v>42</v>
      </c>
      <c r="T6558" s="2">
        <v>2.2069999999999999</v>
      </c>
      <c r="U6558" s="2">
        <v>1.8440000000000001</v>
      </c>
      <c r="V6558" s="2">
        <v>10.6</v>
      </c>
      <c r="W6558" s="2">
        <v>139.1</v>
      </c>
      <c r="X6558" s="2">
        <v>7.6</v>
      </c>
      <c r="Y6558" s="2">
        <v>10.6</v>
      </c>
      <c r="Z6558" s="5"/>
      <c r="AA6558" s="5" t="s">
        <v>43</v>
      </c>
      <c r="AB6558" s="5" t="s">
        <v>44</v>
      </c>
      <c r="AC6558" s="2"/>
      <c r="AD6558" s="1"/>
    </row>
    <row r="6559" spans="1:30">
      <c r="A6559" s="5" t="s">
        <v>83578</v>
      </c>
      <c r="B6559" s="2" t="s">
        <v>103792</v>
      </c>
      <c r="C6559" s="14" t="s">
        <v>103793</v>
      </c>
      <c r="D6559" s="2" t="s">
        <v>103794</v>
      </c>
      <c r="E6559" s="2" t="s">
        <v>7604</v>
      </c>
      <c r="F6559" s="8">
        <v>202</v>
      </c>
      <c r="G6559" s="5">
        <v>6</v>
      </c>
      <c r="H6559" s="5" t="s">
        <v>1518</v>
      </c>
      <c r="I6559" s="5" t="s">
        <v>69038</v>
      </c>
      <c r="J6559" s="2" t="s">
        <v>69039</v>
      </c>
      <c r="K6559" s="5" t="s">
        <v>69038</v>
      </c>
      <c r="L6559" s="2" t="s">
        <v>69039</v>
      </c>
      <c r="M6559" s="5" t="s">
        <v>1521</v>
      </c>
      <c r="N6559" s="5" t="s">
        <v>38</v>
      </c>
      <c r="O6559" s="5" t="s">
        <v>39</v>
      </c>
      <c r="P6559" s="5" t="s">
        <v>40</v>
      </c>
      <c r="Q6559" s="5" t="s">
        <v>1522</v>
      </c>
      <c r="R6559" s="5" t="s">
        <v>1523</v>
      </c>
      <c r="S6559" s="5" t="s">
        <v>42</v>
      </c>
      <c r="T6559" s="2">
        <v>2.3039999999999998</v>
      </c>
      <c r="U6559" s="2">
        <v>1.9410000000000001</v>
      </c>
      <c r="V6559" s="2">
        <v>10.6</v>
      </c>
      <c r="W6559" s="2">
        <v>139.1</v>
      </c>
      <c r="X6559" s="2">
        <v>7.6</v>
      </c>
      <c r="Y6559" s="2">
        <v>10.6</v>
      </c>
      <c r="Z6559" s="5"/>
      <c r="AA6559" s="5" t="s">
        <v>43</v>
      </c>
      <c r="AB6559" s="5" t="s">
        <v>44</v>
      </c>
      <c r="AC6559" s="2"/>
      <c r="AD6559" s="1"/>
    </row>
    <row r="6560" spans="1:30">
      <c r="A6560" s="5" t="s">
        <v>83578</v>
      </c>
      <c r="B6560" s="2" t="s">
        <v>103795</v>
      </c>
      <c r="C6560" s="14" t="s">
        <v>103796</v>
      </c>
      <c r="D6560" s="2" t="s">
        <v>103797</v>
      </c>
      <c r="E6560" s="2" t="s">
        <v>7212</v>
      </c>
      <c r="F6560" s="8">
        <v>176</v>
      </c>
      <c r="G6560" s="5">
        <v>6</v>
      </c>
      <c r="H6560" s="5" t="s">
        <v>1518</v>
      </c>
      <c r="I6560" s="5" t="s">
        <v>69038</v>
      </c>
      <c r="J6560" s="2" t="s">
        <v>69039</v>
      </c>
      <c r="K6560" s="5" t="s">
        <v>69038</v>
      </c>
      <c r="L6560" s="2" t="s">
        <v>69039</v>
      </c>
      <c r="M6560" s="5" t="s">
        <v>1521</v>
      </c>
      <c r="N6560" s="5" t="s">
        <v>38</v>
      </c>
      <c r="O6560" s="5" t="s">
        <v>39</v>
      </c>
      <c r="P6560" s="5" t="s">
        <v>40</v>
      </c>
      <c r="Q6560" s="5" t="s">
        <v>1522</v>
      </c>
      <c r="R6560" s="5" t="s">
        <v>1523</v>
      </c>
      <c r="S6560" s="5" t="s">
        <v>42</v>
      </c>
      <c r="T6560" s="2">
        <v>2.2069999999999999</v>
      </c>
      <c r="U6560" s="2">
        <v>1.8440000000000001</v>
      </c>
      <c r="V6560" s="2">
        <v>10.6</v>
      </c>
      <c r="W6560" s="2">
        <v>139.1</v>
      </c>
      <c r="X6560" s="2">
        <v>7.6</v>
      </c>
      <c r="Y6560" s="2">
        <v>10.6</v>
      </c>
      <c r="Z6560" s="5"/>
      <c r="AA6560" s="5" t="s">
        <v>43</v>
      </c>
      <c r="AB6560" s="5" t="s">
        <v>44</v>
      </c>
      <c r="AC6560" s="2"/>
      <c r="AD6560" s="1"/>
    </row>
    <row r="6561" spans="1:30">
      <c r="A6561" s="5" t="s">
        <v>83578</v>
      </c>
      <c r="B6561" s="2" t="s">
        <v>103798</v>
      </c>
      <c r="C6561" s="14" t="s">
        <v>103799</v>
      </c>
      <c r="D6561" s="2" t="s">
        <v>103800</v>
      </c>
      <c r="E6561" s="2" t="s">
        <v>7528</v>
      </c>
      <c r="F6561" s="8">
        <v>176</v>
      </c>
      <c r="G6561" s="5">
        <v>6</v>
      </c>
      <c r="H6561" s="5" t="s">
        <v>1518</v>
      </c>
      <c r="I6561" s="5" t="s">
        <v>69038</v>
      </c>
      <c r="J6561" s="2" t="s">
        <v>69039</v>
      </c>
      <c r="K6561" s="5" t="s">
        <v>69038</v>
      </c>
      <c r="L6561" s="2" t="s">
        <v>69039</v>
      </c>
      <c r="M6561" s="5" t="s">
        <v>1521</v>
      </c>
      <c r="N6561" s="5" t="s">
        <v>38</v>
      </c>
      <c r="O6561" s="5" t="s">
        <v>39</v>
      </c>
      <c r="P6561" s="5" t="s">
        <v>40</v>
      </c>
      <c r="Q6561" s="5" t="s">
        <v>1522</v>
      </c>
      <c r="R6561" s="5" t="s">
        <v>1523</v>
      </c>
      <c r="S6561" s="5" t="s">
        <v>42</v>
      </c>
      <c r="T6561" s="2">
        <v>2.3039999999999998</v>
      </c>
      <c r="U6561" s="2">
        <v>1.9410000000000001</v>
      </c>
      <c r="V6561" s="2">
        <v>10.6</v>
      </c>
      <c r="W6561" s="2">
        <v>139.1</v>
      </c>
      <c r="X6561" s="2">
        <v>7.6</v>
      </c>
      <c r="Y6561" s="2">
        <v>10.6</v>
      </c>
      <c r="Z6561" s="5"/>
      <c r="AA6561" s="5" t="s">
        <v>43</v>
      </c>
      <c r="AB6561" s="5" t="s">
        <v>44</v>
      </c>
      <c r="AC6561" s="2"/>
      <c r="AD6561" s="1"/>
    </row>
    <row r="6562" spans="1:30">
      <c r="A6562" s="5" t="s">
        <v>83578</v>
      </c>
      <c r="B6562" s="2" t="s">
        <v>103801</v>
      </c>
      <c r="C6562" s="14" t="s">
        <v>103802</v>
      </c>
      <c r="D6562" s="2" t="s">
        <v>103803</v>
      </c>
      <c r="E6562" s="2" t="s">
        <v>7204</v>
      </c>
      <c r="F6562" s="8">
        <v>146</v>
      </c>
      <c r="G6562" s="5">
        <v>6</v>
      </c>
      <c r="H6562" s="5" t="s">
        <v>1518</v>
      </c>
      <c r="I6562" s="5" t="s">
        <v>69038</v>
      </c>
      <c r="J6562" s="2" t="s">
        <v>69039</v>
      </c>
      <c r="K6562" s="5" t="s">
        <v>69038</v>
      </c>
      <c r="L6562" s="2" t="s">
        <v>69039</v>
      </c>
      <c r="M6562" s="5" t="s">
        <v>1521</v>
      </c>
      <c r="N6562" s="5" t="s">
        <v>38</v>
      </c>
      <c r="O6562" s="5" t="s">
        <v>39</v>
      </c>
      <c r="P6562" s="5" t="s">
        <v>40</v>
      </c>
      <c r="Q6562" s="5" t="s">
        <v>1522</v>
      </c>
      <c r="R6562" s="5" t="s">
        <v>1523</v>
      </c>
      <c r="S6562" s="5" t="s">
        <v>42</v>
      </c>
      <c r="T6562" s="2">
        <v>1.611</v>
      </c>
      <c r="U6562" s="2">
        <v>1.248</v>
      </c>
      <c r="V6562" s="2">
        <v>10.6</v>
      </c>
      <c r="W6562" s="2">
        <v>139.1</v>
      </c>
      <c r="X6562" s="2">
        <v>7.6</v>
      </c>
      <c r="Y6562" s="2">
        <v>10.6</v>
      </c>
      <c r="Z6562" s="5"/>
      <c r="AA6562" s="5" t="s">
        <v>43</v>
      </c>
      <c r="AB6562" s="5" t="s">
        <v>44</v>
      </c>
      <c r="AC6562" s="2"/>
      <c r="AD6562" s="1"/>
    </row>
    <row r="6563" spans="1:30">
      <c r="A6563" s="5" t="s">
        <v>83578</v>
      </c>
      <c r="B6563" s="2" t="s">
        <v>103804</v>
      </c>
      <c r="C6563" s="14" t="s">
        <v>103805</v>
      </c>
      <c r="D6563" s="2" t="s">
        <v>103806</v>
      </c>
      <c r="E6563" s="2" t="s">
        <v>7514</v>
      </c>
      <c r="F6563" s="8">
        <v>146</v>
      </c>
      <c r="G6563" s="5">
        <v>6</v>
      </c>
      <c r="H6563" s="5" t="s">
        <v>1518</v>
      </c>
      <c r="I6563" s="5" t="s">
        <v>69038</v>
      </c>
      <c r="J6563" s="2" t="s">
        <v>69039</v>
      </c>
      <c r="K6563" s="5" t="s">
        <v>69038</v>
      </c>
      <c r="L6563" s="2" t="s">
        <v>69039</v>
      </c>
      <c r="M6563" s="5" t="s">
        <v>1521</v>
      </c>
      <c r="N6563" s="5" t="s">
        <v>38</v>
      </c>
      <c r="O6563" s="5" t="s">
        <v>39</v>
      </c>
      <c r="P6563" s="5" t="s">
        <v>40</v>
      </c>
      <c r="Q6563" s="5" t="s">
        <v>1522</v>
      </c>
      <c r="R6563" s="5" t="s">
        <v>1523</v>
      </c>
      <c r="S6563" s="5" t="s">
        <v>42</v>
      </c>
      <c r="T6563" s="2">
        <v>1.659</v>
      </c>
      <c r="U6563" s="2">
        <v>1.296</v>
      </c>
      <c r="V6563" s="2">
        <v>10.6</v>
      </c>
      <c r="W6563" s="2">
        <v>139.1</v>
      </c>
      <c r="X6563" s="2">
        <v>7.6</v>
      </c>
      <c r="Y6563" s="2">
        <v>10.6</v>
      </c>
      <c r="Z6563" s="5"/>
      <c r="AA6563" s="5" t="s">
        <v>43</v>
      </c>
      <c r="AB6563" s="5" t="s">
        <v>44</v>
      </c>
      <c r="AC6563" s="2"/>
      <c r="AD6563" s="1"/>
    </row>
    <row r="6564" spans="1:30">
      <c r="A6564" s="5" t="s">
        <v>83578</v>
      </c>
      <c r="B6564" s="2" t="s">
        <v>103807</v>
      </c>
      <c r="C6564" s="14" t="s">
        <v>103808</v>
      </c>
      <c r="D6564" s="2" t="s">
        <v>103809</v>
      </c>
      <c r="E6564" s="2" t="s">
        <v>7208</v>
      </c>
      <c r="F6564" s="8">
        <v>146</v>
      </c>
      <c r="G6564" s="5">
        <v>6</v>
      </c>
      <c r="H6564" s="5" t="s">
        <v>1518</v>
      </c>
      <c r="I6564" s="5" t="s">
        <v>69038</v>
      </c>
      <c r="J6564" s="2" t="s">
        <v>69039</v>
      </c>
      <c r="K6564" s="5" t="s">
        <v>69038</v>
      </c>
      <c r="L6564" s="2" t="s">
        <v>69039</v>
      </c>
      <c r="M6564" s="5" t="s">
        <v>1521</v>
      </c>
      <c r="N6564" s="5" t="s">
        <v>38</v>
      </c>
      <c r="O6564" s="5" t="s">
        <v>39</v>
      </c>
      <c r="P6564" s="5" t="s">
        <v>40</v>
      </c>
      <c r="Q6564" s="5" t="s">
        <v>1522</v>
      </c>
      <c r="R6564" s="5" t="s">
        <v>1523</v>
      </c>
      <c r="S6564" s="5" t="s">
        <v>42</v>
      </c>
      <c r="T6564" s="2">
        <v>1.611</v>
      </c>
      <c r="U6564" s="2">
        <v>1.248</v>
      </c>
      <c r="V6564" s="2">
        <v>10.6</v>
      </c>
      <c r="W6564" s="2">
        <v>139.1</v>
      </c>
      <c r="X6564" s="2">
        <v>7.6</v>
      </c>
      <c r="Y6564" s="2">
        <v>10.6</v>
      </c>
      <c r="Z6564" s="5"/>
      <c r="AA6564" s="5" t="s">
        <v>43</v>
      </c>
      <c r="AB6564" s="5" t="s">
        <v>44</v>
      </c>
      <c r="AC6564" s="2"/>
      <c r="AD6564" s="1"/>
    </row>
    <row r="6565" spans="1:30">
      <c r="A6565" s="5" t="s">
        <v>83578</v>
      </c>
      <c r="B6565" s="2" t="s">
        <v>103810</v>
      </c>
      <c r="C6565" s="14" t="s">
        <v>103811</v>
      </c>
      <c r="D6565" s="2" t="s">
        <v>103812</v>
      </c>
      <c r="E6565" s="2" t="s">
        <v>7521</v>
      </c>
      <c r="F6565" s="8">
        <v>146</v>
      </c>
      <c r="G6565" s="5">
        <v>6</v>
      </c>
      <c r="H6565" s="5" t="s">
        <v>1518</v>
      </c>
      <c r="I6565" s="5" t="s">
        <v>69038</v>
      </c>
      <c r="J6565" s="2" t="s">
        <v>69039</v>
      </c>
      <c r="K6565" s="5" t="s">
        <v>69038</v>
      </c>
      <c r="L6565" s="2" t="s">
        <v>69039</v>
      </c>
      <c r="M6565" s="5" t="s">
        <v>1521</v>
      </c>
      <c r="N6565" s="5" t="s">
        <v>38</v>
      </c>
      <c r="O6565" s="5" t="s">
        <v>39</v>
      </c>
      <c r="P6565" s="5" t="s">
        <v>40</v>
      </c>
      <c r="Q6565" s="5" t="s">
        <v>1522</v>
      </c>
      <c r="R6565" s="5" t="s">
        <v>1523</v>
      </c>
      <c r="S6565" s="5" t="s">
        <v>42</v>
      </c>
      <c r="T6565" s="2">
        <v>1.659</v>
      </c>
      <c r="U6565" s="2">
        <v>1.296</v>
      </c>
      <c r="V6565" s="2">
        <v>10.6</v>
      </c>
      <c r="W6565" s="2">
        <v>139.1</v>
      </c>
      <c r="X6565" s="2">
        <v>7.6</v>
      </c>
      <c r="Y6565" s="2">
        <v>10.6</v>
      </c>
      <c r="Z6565" s="5"/>
      <c r="AA6565" s="5" t="s">
        <v>43</v>
      </c>
      <c r="AB6565" s="5" t="s">
        <v>44</v>
      </c>
      <c r="AC6565" s="2"/>
      <c r="AD6565" s="1"/>
    </row>
    <row r="6566" spans="1:30">
      <c r="A6566" s="5" t="s">
        <v>83578</v>
      </c>
      <c r="B6566" s="2" t="s">
        <v>103813</v>
      </c>
      <c r="C6566" s="14" t="s">
        <v>103814</v>
      </c>
      <c r="D6566" s="2" t="s">
        <v>103815</v>
      </c>
      <c r="E6566" s="2" t="s">
        <v>7406</v>
      </c>
      <c r="F6566" s="8">
        <v>168</v>
      </c>
      <c r="G6566" s="5">
        <v>6</v>
      </c>
      <c r="H6566" s="5" t="s">
        <v>1518</v>
      </c>
      <c r="I6566" s="5" t="s">
        <v>69038</v>
      </c>
      <c r="J6566" s="2" t="s">
        <v>69039</v>
      </c>
      <c r="K6566" s="5" t="s">
        <v>69038</v>
      </c>
      <c r="L6566" s="2" t="s">
        <v>69039</v>
      </c>
      <c r="M6566" s="5" t="s">
        <v>1521</v>
      </c>
      <c r="N6566" s="5" t="s">
        <v>38</v>
      </c>
      <c r="O6566" s="5" t="s">
        <v>39</v>
      </c>
      <c r="P6566" s="5" t="s">
        <v>40</v>
      </c>
      <c r="Q6566" s="5" t="s">
        <v>1522</v>
      </c>
      <c r="R6566" s="5" t="s">
        <v>1523</v>
      </c>
      <c r="S6566" s="5" t="s">
        <v>42</v>
      </c>
      <c r="T6566" s="2">
        <v>1.611</v>
      </c>
      <c r="U6566" s="2">
        <v>1.248</v>
      </c>
      <c r="V6566" s="2">
        <v>10.6</v>
      </c>
      <c r="W6566" s="2">
        <v>139.1</v>
      </c>
      <c r="X6566" s="2">
        <v>7.6</v>
      </c>
      <c r="Y6566" s="2">
        <v>10.6</v>
      </c>
      <c r="Z6566" s="5"/>
      <c r="AA6566" s="5" t="s">
        <v>43</v>
      </c>
      <c r="AB6566" s="5" t="s">
        <v>44</v>
      </c>
      <c r="AC6566" s="2"/>
      <c r="AD6566" s="1"/>
    </row>
    <row r="6567" spans="1:30">
      <c r="A6567" s="5" t="s">
        <v>83578</v>
      </c>
      <c r="B6567" s="2" t="s">
        <v>103816</v>
      </c>
      <c r="C6567" s="14" t="s">
        <v>103817</v>
      </c>
      <c r="D6567" s="2" t="s">
        <v>103818</v>
      </c>
      <c r="E6567" s="2" t="s">
        <v>7535</v>
      </c>
      <c r="F6567" s="8">
        <v>168</v>
      </c>
      <c r="G6567" s="5">
        <v>6</v>
      </c>
      <c r="H6567" s="5" t="s">
        <v>1518</v>
      </c>
      <c r="I6567" s="5" t="s">
        <v>69038</v>
      </c>
      <c r="J6567" s="2" t="s">
        <v>69039</v>
      </c>
      <c r="K6567" s="5" t="s">
        <v>69038</v>
      </c>
      <c r="L6567" s="2" t="s">
        <v>69039</v>
      </c>
      <c r="M6567" s="5" t="s">
        <v>1521</v>
      </c>
      <c r="N6567" s="5" t="s">
        <v>38</v>
      </c>
      <c r="O6567" s="5" t="s">
        <v>39</v>
      </c>
      <c r="P6567" s="5" t="s">
        <v>40</v>
      </c>
      <c r="Q6567" s="5" t="s">
        <v>1522</v>
      </c>
      <c r="R6567" s="5" t="s">
        <v>1523</v>
      </c>
      <c r="S6567" s="5" t="s">
        <v>42</v>
      </c>
      <c r="T6567" s="2">
        <v>1.659</v>
      </c>
      <c r="U6567" s="2">
        <v>1.296</v>
      </c>
      <c r="V6567" s="2">
        <v>10.6</v>
      </c>
      <c r="W6567" s="2">
        <v>139.1</v>
      </c>
      <c r="X6567" s="2">
        <v>7.6</v>
      </c>
      <c r="Y6567" s="2">
        <v>10.6</v>
      </c>
      <c r="Z6567" s="5"/>
      <c r="AA6567" s="5" t="s">
        <v>43</v>
      </c>
      <c r="AB6567" s="5" t="s">
        <v>44</v>
      </c>
      <c r="AC6567" s="2"/>
      <c r="AD6567" s="1"/>
    </row>
    <row r="6568" spans="1:30">
      <c r="A6568" s="5" t="s">
        <v>83578</v>
      </c>
      <c r="B6568" s="2" t="s">
        <v>103819</v>
      </c>
      <c r="C6568" s="14" t="s">
        <v>103820</v>
      </c>
      <c r="D6568" s="2" t="s">
        <v>103821</v>
      </c>
      <c r="E6568" s="2" t="s">
        <v>7539</v>
      </c>
      <c r="F6568" s="8">
        <v>168</v>
      </c>
      <c r="G6568" s="5">
        <v>6</v>
      </c>
      <c r="H6568" s="5" t="s">
        <v>1518</v>
      </c>
      <c r="I6568" s="5" t="s">
        <v>69038</v>
      </c>
      <c r="J6568" s="2" t="s">
        <v>69039</v>
      </c>
      <c r="K6568" s="5" t="s">
        <v>69038</v>
      </c>
      <c r="L6568" s="2" t="s">
        <v>69039</v>
      </c>
      <c r="M6568" s="5" t="s">
        <v>1521</v>
      </c>
      <c r="N6568" s="5" t="s">
        <v>38</v>
      </c>
      <c r="O6568" s="5" t="s">
        <v>39</v>
      </c>
      <c r="P6568" s="5" t="s">
        <v>40</v>
      </c>
      <c r="Q6568" s="5" t="s">
        <v>1522</v>
      </c>
      <c r="R6568" s="5" t="s">
        <v>1523</v>
      </c>
      <c r="S6568" s="5" t="s">
        <v>42</v>
      </c>
      <c r="T6568" s="2">
        <v>1.611</v>
      </c>
      <c r="U6568" s="2">
        <v>1.248</v>
      </c>
      <c r="V6568" s="2">
        <v>10.6</v>
      </c>
      <c r="W6568" s="2">
        <v>139.1</v>
      </c>
      <c r="X6568" s="2">
        <v>7.6</v>
      </c>
      <c r="Y6568" s="2">
        <v>10.6</v>
      </c>
      <c r="Z6568" s="5"/>
      <c r="AA6568" s="5" t="s">
        <v>43</v>
      </c>
      <c r="AB6568" s="5" t="s">
        <v>44</v>
      </c>
      <c r="AC6568" s="2"/>
      <c r="AD6568" s="1"/>
    </row>
    <row r="6569" spans="1:30">
      <c r="A6569" s="5" t="s">
        <v>83578</v>
      </c>
      <c r="B6569" s="2" t="s">
        <v>103822</v>
      </c>
      <c r="C6569" s="14" t="s">
        <v>103823</v>
      </c>
      <c r="D6569" s="2" t="s">
        <v>103824</v>
      </c>
      <c r="E6569" s="2" t="s">
        <v>7543</v>
      </c>
      <c r="F6569" s="8">
        <v>168</v>
      </c>
      <c r="G6569" s="5">
        <v>6</v>
      </c>
      <c r="H6569" s="5" t="s">
        <v>1518</v>
      </c>
      <c r="I6569" s="5" t="s">
        <v>69038</v>
      </c>
      <c r="J6569" s="2" t="s">
        <v>69039</v>
      </c>
      <c r="K6569" s="5" t="s">
        <v>69038</v>
      </c>
      <c r="L6569" s="2" t="s">
        <v>69039</v>
      </c>
      <c r="M6569" s="5" t="s">
        <v>1521</v>
      </c>
      <c r="N6569" s="5" t="s">
        <v>38</v>
      </c>
      <c r="O6569" s="5" t="s">
        <v>39</v>
      </c>
      <c r="P6569" s="5" t="s">
        <v>40</v>
      </c>
      <c r="Q6569" s="5" t="s">
        <v>1522</v>
      </c>
      <c r="R6569" s="5" t="s">
        <v>1523</v>
      </c>
      <c r="S6569" s="5" t="s">
        <v>42</v>
      </c>
      <c r="T6569" s="2">
        <v>1.659</v>
      </c>
      <c r="U6569" s="2">
        <v>1.296</v>
      </c>
      <c r="V6569" s="2">
        <v>10.6</v>
      </c>
      <c r="W6569" s="2">
        <v>139.1</v>
      </c>
      <c r="X6569" s="2">
        <v>7.6</v>
      </c>
      <c r="Y6569" s="2">
        <v>10.6</v>
      </c>
      <c r="Z6569" s="5"/>
      <c r="AA6569" s="5" t="s">
        <v>43</v>
      </c>
      <c r="AB6569" s="5" t="s">
        <v>44</v>
      </c>
      <c r="AC6569" s="2"/>
      <c r="AD6569" s="1"/>
    </row>
    <row r="6570" spans="1:30">
      <c r="A6570" s="5" t="s">
        <v>83578</v>
      </c>
      <c r="B6570" s="2" t="s">
        <v>103825</v>
      </c>
      <c r="C6570" s="14" t="s">
        <v>103826</v>
      </c>
      <c r="D6570" s="2" t="s">
        <v>103827</v>
      </c>
      <c r="E6570" s="2" t="s">
        <v>7396</v>
      </c>
      <c r="F6570" s="8">
        <v>146</v>
      </c>
      <c r="G6570" s="5">
        <v>6</v>
      </c>
      <c r="H6570" s="5" t="s">
        <v>1518</v>
      </c>
      <c r="I6570" s="5" t="s">
        <v>69038</v>
      </c>
      <c r="J6570" s="2" t="s">
        <v>69039</v>
      </c>
      <c r="K6570" s="5" t="s">
        <v>69038</v>
      </c>
      <c r="L6570" s="2" t="s">
        <v>69039</v>
      </c>
      <c r="M6570" s="5" t="s">
        <v>1521</v>
      </c>
      <c r="N6570" s="5" t="s">
        <v>38</v>
      </c>
      <c r="O6570" s="5" t="s">
        <v>39</v>
      </c>
      <c r="P6570" s="5" t="s">
        <v>40</v>
      </c>
      <c r="Q6570" s="5" t="s">
        <v>1522</v>
      </c>
      <c r="R6570" s="5" t="s">
        <v>1523</v>
      </c>
      <c r="S6570" s="5" t="s">
        <v>42</v>
      </c>
      <c r="T6570" s="2">
        <v>1.611</v>
      </c>
      <c r="U6570" s="2">
        <v>1.248</v>
      </c>
      <c r="V6570" s="2">
        <v>10.6</v>
      </c>
      <c r="W6570" s="2">
        <v>139.1</v>
      </c>
      <c r="X6570" s="2">
        <v>7.6</v>
      </c>
      <c r="Y6570" s="2">
        <v>10.6</v>
      </c>
      <c r="Z6570" s="5"/>
      <c r="AA6570" s="5" t="s">
        <v>43</v>
      </c>
      <c r="AB6570" s="5" t="s">
        <v>44</v>
      </c>
      <c r="AC6570" s="2"/>
      <c r="AD6570" s="1"/>
    </row>
    <row r="6571" spans="1:30">
      <c r="A6571" s="5" t="s">
        <v>83578</v>
      </c>
      <c r="B6571" s="2" t="s">
        <v>103828</v>
      </c>
      <c r="C6571" s="14" t="s">
        <v>103829</v>
      </c>
      <c r="D6571" s="2" t="s">
        <v>103830</v>
      </c>
      <c r="E6571" s="2" t="s">
        <v>69112</v>
      </c>
      <c r="F6571" s="8">
        <v>146</v>
      </c>
      <c r="G6571" s="5">
        <v>6</v>
      </c>
      <c r="H6571" s="5" t="s">
        <v>1518</v>
      </c>
      <c r="I6571" s="5" t="s">
        <v>69038</v>
      </c>
      <c r="J6571" s="2" t="s">
        <v>69039</v>
      </c>
      <c r="K6571" s="5" t="s">
        <v>69038</v>
      </c>
      <c r="L6571" s="2" t="s">
        <v>69039</v>
      </c>
      <c r="M6571" s="5" t="s">
        <v>1521</v>
      </c>
      <c r="N6571" s="5" t="s">
        <v>38</v>
      </c>
      <c r="O6571" s="5" t="s">
        <v>39</v>
      </c>
      <c r="P6571" s="5" t="s">
        <v>40</v>
      </c>
      <c r="Q6571" s="5" t="s">
        <v>1522</v>
      </c>
      <c r="R6571" s="5" t="s">
        <v>1523</v>
      </c>
      <c r="S6571" s="5" t="s">
        <v>42</v>
      </c>
      <c r="T6571" s="2">
        <v>1.659</v>
      </c>
      <c r="U6571" s="2">
        <v>1.296</v>
      </c>
      <c r="V6571" s="2">
        <v>10.6</v>
      </c>
      <c r="W6571" s="2">
        <v>139.1</v>
      </c>
      <c r="X6571" s="2">
        <v>7.6</v>
      </c>
      <c r="Y6571" s="2">
        <v>10.6</v>
      </c>
      <c r="Z6571" s="5"/>
      <c r="AA6571" s="5" t="s">
        <v>43</v>
      </c>
      <c r="AB6571" s="5" t="s">
        <v>44</v>
      </c>
      <c r="AC6571" s="2"/>
      <c r="AD6571" s="1"/>
    </row>
    <row r="6572" spans="1:30">
      <c r="A6572" s="5" t="s">
        <v>83578</v>
      </c>
      <c r="B6572" s="2" t="s">
        <v>103831</v>
      </c>
      <c r="C6572" s="14" t="s">
        <v>103832</v>
      </c>
      <c r="D6572" s="2" t="s">
        <v>103833</v>
      </c>
      <c r="E6572" s="2" t="s">
        <v>7547</v>
      </c>
      <c r="F6572" s="8">
        <v>168</v>
      </c>
      <c r="G6572" s="5">
        <v>6</v>
      </c>
      <c r="H6572" s="5" t="s">
        <v>1518</v>
      </c>
      <c r="I6572" s="5" t="s">
        <v>69038</v>
      </c>
      <c r="J6572" s="2" t="s">
        <v>69039</v>
      </c>
      <c r="K6572" s="5" t="s">
        <v>69038</v>
      </c>
      <c r="L6572" s="2" t="s">
        <v>69039</v>
      </c>
      <c r="M6572" s="5" t="s">
        <v>1521</v>
      </c>
      <c r="N6572" s="5" t="s">
        <v>38</v>
      </c>
      <c r="O6572" s="5" t="s">
        <v>39</v>
      </c>
      <c r="P6572" s="5" t="s">
        <v>40</v>
      </c>
      <c r="Q6572" s="5" t="s">
        <v>1522</v>
      </c>
      <c r="R6572" s="5" t="s">
        <v>1523</v>
      </c>
      <c r="S6572" s="5" t="s">
        <v>42</v>
      </c>
      <c r="T6572" s="2">
        <v>1.611</v>
      </c>
      <c r="U6572" s="2">
        <v>1.248</v>
      </c>
      <c r="V6572" s="2">
        <v>10.6</v>
      </c>
      <c r="W6572" s="2">
        <v>139.1</v>
      </c>
      <c r="X6572" s="2">
        <v>7.6</v>
      </c>
      <c r="Y6572" s="2">
        <v>10.6</v>
      </c>
      <c r="Z6572" s="5"/>
      <c r="AA6572" s="5" t="s">
        <v>43</v>
      </c>
      <c r="AB6572" s="5" t="s">
        <v>44</v>
      </c>
      <c r="AC6572" s="2"/>
      <c r="AD6572" s="1"/>
    </row>
    <row r="6573" spans="1:30">
      <c r="A6573" s="5" t="s">
        <v>83578</v>
      </c>
      <c r="B6573" s="2" t="s">
        <v>103834</v>
      </c>
      <c r="C6573" s="14" t="s">
        <v>103835</v>
      </c>
      <c r="D6573" s="2" t="s">
        <v>103836</v>
      </c>
      <c r="E6573" s="2" t="s">
        <v>7551</v>
      </c>
      <c r="F6573" s="8">
        <v>168</v>
      </c>
      <c r="G6573" s="5">
        <v>6</v>
      </c>
      <c r="H6573" s="5" t="s">
        <v>1518</v>
      </c>
      <c r="I6573" s="5" t="s">
        <v>69038</v>
      </c>
      <c r="J6573" s="2" t="s">
        <v>69039</v>
      </c>
      <c r="K6573" s="5" t="s">
        <v>69038</v>
      </c>
      <c r="L6573" s="2" t="s">
        <v>69039</v>
      </c>
      <c r="M6573" s="5" t="s">
        <v>1521</v>
      </c>
      <c r="N6573" s="5" t="s">
        <v>38</v>
      </c>
      <c r="O6573" s="5" t="s">
        <v>39</v>
      </c>
      <c r="P6573" s="5" t="s">
        <v>40</v>
      </c>
      <c r="Q6573" s="5" t="s">
        <v>1522</v>
      </c>
      <c r="R6573" s="5" t="s">
        <v>1523</v>
      </c>
      <c r="S6573" s="5" t="s">
        <v>42</v>
      </c>
      <c r="T6573" s="2">
        <v>1.659</v>
      </c>
      <c r="U6573" s="2">
        <v>1.296</v>
      </c>
      <c r="V6573" s="2">
        <v>10.6</v>
      </c>
      <c r="W6573" s="2">
        <v>139.1</v>
      </c>
      <c r="X6573" s="2">
        <v>7.6</v>
      </c>
      <c r="Y6573" s="2">
        <v>10.6</v>
      </c>
      <c r="Z6573" s="5"/>
      <c r="AA6573" s="5" t="s">
        <v>43</v>
      </c>
      <c r="AB6573" s="5" t="s">
        <v>44</v>
      </c>
      <c r="AC6573" s="2"/>
      <c r="AD6573" s="1"/>
    </row>
    <row r="6574" spans="1:30">
      <c r="A6574" s="5" t="s">
        <v>83578</v>
      </c>
      <c r="B6574" s="2" t="s">
        <v>103837</v>
      </c>
      <c r="C6574" s="14" t="s">
        <v>103838</v>
      </c>
      <c r="D6574" s="2" t="s">
        <v>103839</v>
      </c>
      <c r="E6574" s="2" t="s">
        <v>7563</v>
      </c>
      <c r="F6574" s="8">
        <v>168</v>
      </c>
      <c r="G6574" s="5">
        <v>6</v>
      </c>
      <c r="H6574" s="5" t="s">
        <v>1518</v>
      </c>
      <c r="I6574" s="5" t="s">
        <v>69038</v>
      </c>
      <c r="J6574" s="2" t="s">
        <v>69039</v>
      </c>
      <c r="K6574" s="5" t="s">
        <v>69038</v>
      </c>
      <c r="L6574" s="2" t="s">
        <v>69039</v>
      </c>
      <c r="M6574" s="5" t="s">
        <v>1521</v>
      </c>
      <c r="N6574" s="5" t="s">
        <v>38</v>
      </c>
      <c r="O6574" s="5" t="s">
        <v>39</v>
      </c>
      <c r="P6574" s="5" t="s">
        <v>40</v>
      </c>
      <c r="Q6574" s="5" t="s">
        <v>1522</v>
      </c>
      <c r="R6574" s="5" t="s">
        <v>1523</v>
      </c>
      <c r="S6574" s="5" t="s">
        <v>42</v>
      </c>
      <c r="T6574" s="2">
        <v>1.611</v>
      </c>
      <c r="U6574" s="2">
        <v>1.248</v>
      </c>
      <c r="V6574" s="2">
        <v>10.6</v>
      </c>
      <c r="W6574" s="2">
        <v>139.1</v>
      </c>
      <c r="X6574" s="2">
        <v>7.6</v>
      </c>
      <c r="Y6574" s="2">
        <v>10.6</v>
      </c>
      <c r="Z6574" s="5"/>
      <c r="AA6574" s="5" t="s">
        <v>43</v>
      </c>
      <c r="AB6574" s="5" t="s">
        <v>44</v>
      </c>
      <c r="AC6574" s="2"/>
      <c r="AD6574" s="1"/>
    </row>
    <row r="6575" spans="1:30">
      <c r="A6575" s="5" t="s">
        <v>83578</v>
      </c>
      <c r="B6575" s="2" t="s">
        <v>103840</v>
      </c>
      <c r="C6575" s="14" t="s">
        <v>103841</v>
      </c>
      <c r="D6575" s="2" t="s">
        <v>103842</v>
      </c>
      <c r="E6575" s="2" t="s">
        <v>7567</v>
      </c>
      <c r="F6575" s="8">
        <v>168</v>
      </c>
      <c r="G6575" s="5">
        <v>6</v>
      </c>
      <c r="H6575" s="5" t="s">
        <v>1518</v>
      </c>
      <c r="I6575" s="5" t="s">
        <v>69038</v>
      </c>
      <c r="J6575" s="2" t="s">
        <v>69039</v>
      </c>
      <c r="K6575" s="5" t="s">
        <v>69038</v>
      </c>
      <c r="L6575" s="2" t="s">
        <v>69039</v>
      </c>
      <c r="M6575" s="5" t="s">
        <v>1521</v>
      </c>
      <c r="N6575" s="5" t="s">
        <v>38</v>
      </c>
      <c r="O6575" s="5" t="s">
        <v>39</v>
      </c>
      <c r="P6575" s="5" t="s">
        <v>40</v>
      </c>
      <c r="Q6575" s="5" t="s">
        <v>1522</v>
      </c>
      <c r="R6575" s="5" t="s">
        <v>1523</v>
      </c>
      <c r="S6575" s="5" t="s">
        <v>42</v>
      </c>
      <c r="T6575" s="2">
        <v>1.659</v>
      </c>
      <c r="U6575" s="2">
        <v>1.296</v>
      </c>
      <c r="V6575" s="2">
        <v>10.6</v>
      </c>
      <c r="W6575" s="2">
        <v>139.1</v>
      </c>
      <c r="X6575" s="2">
        <v>7.6</v>
      </c>
      <c r="Y6575" s="2">
        <v>10.6</v>
      </c>
      <c r="Z6575" s="5"/>
      <c r="AA6575" s="5" t="s">
        <v>43</v>
      </c>
      <c r="AB6575" s="5" t="s">
        <v>44</v>
      </c>
      <c r="AC6575" s="2"/>
      <c r="AD6575" s="1"/>
    </row>
    <row r="6576" spans="1:30">
      <c r="A6576" s="5" t="s">
        <v>83578</v>
      </c>
      <c r="B6576" s="2" t="s">
        <v>103843</v>
      </c>
      <c r="C6576" s="14" t="s">
        <v>103844</v>
      </c>
      <c r="D6576" s="2" t="s">
        <v>103845</v>
      </c>
      <c r="E6576" s="2" t="s">
        <v>7555</v>
      </c>
      <c r="F6576" s="8">
        <v>168</v>
      </c>
      <c r="G6576" s="5">
        <v>6</v>
      </c>
      <c r="H6576" s="5" t="s">
        <v>1518</v>
      </c>
      <c r="I6576" s="5" t="s">
        <v>69038</v>
      </c>
      <c r="J6576" s="2" t="s">
        <v>69039</v>
      </c>
      <c r="K6576" s="5" t="s">
        <v>69038</v>
      </c>
      <c r="L6576" s="2" t="s">
        <v>69039</v>
      </c>
      <c r="M6576" s="5" t="s">
        <v>1521</v>
      </c>
      <c r="N6576" s="5" t="s">
        <v>38</v>
      </c>
      <c r="O6576" s="5" t="s">
        <v>39</v>
      </c>
      <c r="P6576" s="5" t="s">
        <v>40</v>
      </c>
      <c r="Q6576" s="5" t="s">
        <v>1522</v>
      </c>
      <c r="R6576" s="5" t="s">
        <v>1523</v>
      </c>
      <c r="S6576" s="5" t="s">
        <v>42</v>
      </c>
      <c r="T6576" s="2">
        <v>1.611</v>
      </c>
      <c r="U6576" s="2">
        <v>1.248</v>
      </c>
      <c r="V6576" s="2">
        <v>10.6</v>
      </c>
      <c r="W6576" s="2">
        <v>139.1</v>
      </c>
      <c r="X6576" s="2">
        <v>7.6</v>
      </c>
      <c r="Y6576" s="2">
        <v>10.6</v>
      </c>
      <c r="Z6576" s="5"/>
      <c r="AA6576" s="5" t="s">
        <v>43</v>
      </c>
      <c r="AB6576" s="5" t="s">
        <v>44</v>
      </c>
      <c r="AC6576" s="2"/>
      <c r="AD6576" s="1"/>
    </row>
    <row r="6577" spans="1:30">
      <c r="A6577" s="5" t="s">
        <v>83578</v>
      </c>
      <c r="B6577" s="2" t="s">
        <v>103846</v>
      </c>
      <c r="C6577" s="14" t="s">
        <v>103847</v>
      </c>
      <c r="D6577" s="2" t="s">
        <v>103848</v>
      </c>
      <c r="E6577" s="2" t="s">
        <v>7559</v>
      </c>
      <c r="F6577" s="8">
        <v>168</v>
      </c>
      <c r="G6577" s="5">
        <v>6</v>
      </c>
      <c r="H6577" s="5" t="s">
        <v>1518</v>
      </c>
      <c r="I6577" s="5" t="s">
        <v>69038</v>
      </c>
      <c r="J6577" s="2" t="s">
        <v>69039</v>
      </c>
      <c r="K6577" s="5" t="s">
        <v>69038</v>
      </c>
      <c r="L6577" s="2" t="s">
        <v>69039</v>
      </c>
      <c r="M6577" s="5" t="s">
        <v>1521</v>
      </c>
      <c r="N6577" s="5" t="s">
        <v>38</v>
      </c>
      <c r="O6577" s="5" t="s">
        <v>39</v>
      </c>
      <c r="P6577" s="5" t="s">
        <v>40</v>
      </c>
      <c r="Q6577" s="5" t="s">
        <v>1522</v>
      </c>
      <c r="R6577" s="5" t="s">
        <v>1523</v>
      </c>
      <c r="S6577" s="5" t="s">
        <v>42</v>
      </c>
      <c r="T6577" s="2">
        <v>1.659</v>
      </c>
      <c r="U6577" s="2">
        <v>1.296</v>
      </c>
      <c r="V6577" s="2">
        <v>10.6</v>
      </c>
      <c r="W6577" s="2">
        <v>139.1</v>
      </c>
      <c r="X6577" s="2">
        <v>7.6</v>
      </c>
      <c r="Y6577" s="2">
        <v>10.6</v>
      </c>
      <c r="Z6577" s="5"/>
      <c r="AA6577" s="5" t="s">
        <v>43</v>
      </c>
      <c r="AB6577" s="5" t="s">
        <v>44</v>
      </c>
      <c r="AC6577" s="2"/>
      <c r="AD6577" s="1"/>
    </row>
    <row r="6578" spans="1:30">
      <c r="A6578" s="5" t="s">
        <v>83578</v>
      </c>
      <c r="B6578" s="2" t="s">
        <v>103849</v>
      </c>
      <c r="C6578" s="14" t="s">
        <v>103850</v>
      </c>
      <c r="D6578" s="2" t="s">
        <v>103851</v>
      </c>
      <c r="E6578" s="2" t="s">
        <v>7429</v>
      </c>
      <c r="F6578" s="8">
        <v>168</v>
      </c>
      <c r="G6578" s="5">
        <v>6</v>
      </c>
      <c r="H6578" s="5" t="s">
        <v>1518</v>
      </c>
      <c r="I6578" s="5" t="s">
        <v>69038</v>
      </c>
      <c r="J6578" s="2" t="s">
        <v>69039</v>
      </c>
      <c r="K6578" s="5" t="s">
        <v>69038</v>
      </c>
      <c r="L6578" s="2" t="s">
        <v>69039</v>
      </c>
      <c r="M6578" s="5" t="s">
        <v>1521</v>
      </c>
      <c r="N6578" s="5" t="s">
        <v>38</v>
      </c>
      <c r="O6578" s="5" t="s">
        <v>39</v>
      </c>
      <c r="P6578" s="5" t="s">
        <v>40</v>
      </c>
      <c r="Q6578" s="5" t="s">
        <v>1522</v>
      </c>
      <c r="R6578" s="5" t="s">
        <v>1523</v>
      </c>
      <c r="S6578" s="5" t="s">
        <v>42</v>
      </c>
      <c r="T6578" s="2">
        <v>1.611</v>
      </c>
      <c r="U6578" s="2">
        <v>1.248</v>
      </c>
      <c r="V6578" s="2">
        <v>10.6</v>
      </c>
      <c r="W6578" s="2">
        <v>139.1</v>
      </c>
      <c r="X6578" s="2">
        <v>7.6</v>
      </c>
      <c r="Y6578" s="2">
        <v>10.6</v>
      </c>
      <c r="Z6578" s="5"/>
      <c r="AA6578" s="5" t="s">
        <v>43</v>
      </c>
      <c r="AB6578" s="5" t="s">
        <v>44</v>
      </c>
      <c r="AC6578" s="2"/>
      <c r="AD6578" s="1"/>
    </row>
    <row r="6579" spans="1:30">
      <c r="A6579" s="5" t="s">
        <v>83578</v>
      </c>
      <c r="B6579" s="2" t="s">
        <v>103852</v>
      </c>
      <c r="C6579" s="14" t="s">
        <v>103853</v>
      </c>
      <c r="D6579" s="2" t="s">
        <v>103854</v>
      </c>
      <c r="E6579" s="2" t="s">
        <v>7574</v>
      </c>
      <c r="F6579" s="8">
        <v>168</v>
      </c>
      <c r="G6579" s="5">
        <v>6</v>
      </c>
      <c r="H6579" s="5" t="s">
        <v>1518</v>
      </c>
      <c r="I6579" s="5" t="s">
        <v>69038</v>
      </c>
      <c r="J6579" s="2" t="s">
        <v>69039</v>
      </c>
      <c r="K6579" s="5" t="s">
        <v>69038</v>
      </c>
      <c r="L6579" s="2" t="s">
        <v>69039</v>
      </c>
      <c r="M6579" s="5" t="s">
        <v>1521</v>
      </c>
      <c r="N6579" s="5" t="s">
        <v>38</v>
      </c>
      <c r="O6579" s="5" t="s">
        <v>39</v>
      </c>
      <c r="P6579" s="5" t="s">
        <v>40</v>
      </c>
      <c r="Q6579" s="5" t="s">
        <v>1522</v>
      </c>
      <c r="R6579" s="5" t="s">
        <v>1523</v>
      </c>
      <c r="S6579" s="5" t="s">
        <v>42</v>
      </c>
      <c r="T6579" s="2">
        <v>1.659</v>
      </c>
      <c r="U6579" s="2">
        <v>1.296</v>
      </c>
      <c r="V6579" s="2">
        <v>10.6</v>
      </c>
      <c r="W6579" s="2">
        <v>139.1</v>
      </c>
      <c r="X6579" s="2">
        <v>7.6</v>
      </c>
      <c r="Y6579" s="2">
        <v>10.6</v>
      </c>
      <c r="Z6579" s="5"/>
      <c r="AA6579" s="5" t="s">
        <v>43</v>
      </c>
      <c r="AB6579" s="5" t="s">
        <v>44</v>
      </c>
      <c r="AC6579" s="2"/>
      <c r="AD6579" s="1"/>
    </row>
    <row r="6580" spans="1:30">
      <c r="A6580" s="5" t="s">
        <v>83578</v>
      </c>
      <c r="B6580" s="2" t="s">
        <v>103855</v>
      </c>
      <c r="C6580" s="14" t="s">
        <v>103856</v>
      </c>
      <c r="D6580" s="2" t="s">
        <v>103857</v>
      </c>
      <c r="E6580" s="2" t="s">
        <v>7449</v>
      </c>
      <c r="F6580" s="8">
        <v>168</v>
      </c>
      <c r="G6580" s="5">
        <v>6</v>
      </c>
      <c r="H6580" s="5" t="s">
        <v>1518</v>
      </c>
      <c r="I6580" s="5" t="s">
        <v>69038</v>
      </c>
      <c r="J6580" s="2" t="s">
        <v>69039</v>
      </c>
      <c r="K6580" s="5" t="s">
        <v>69038</v>
      </c>
      <c r="L6580" s="2" t="s">
        <v>69039</v>
      </c>
      <c r="M6580" s="5" t="s">
        <v>1521</v>
      </c>
      <c r="N6580" s="5" t="s">
        <v>38</v>
      </c>
      <c r="O6580" s="5" t="s">
        <v>39</v>
      </c>
      <c r="P6580" s="5" t="s">
        <v>40</v>
      </c>
      <c r="Q6580" s="5" t="s">
        <v>1522</v>
      </c>
      <c r="R6580" s="5" t="s">
        <v>1523</v>
      </c>
      <c r="S6580" s="5" t="s">
        <v>42</v>
      </c>
      <c r="T6580" s="2">
        <v>1.611</v>
      </c>
      <c r="U6580" s="2">
        <v>1.248</v>
      </c>
      <c r="V6580" s="2">
        <v>10.6</v>
      </c>
      <c r="W6580" s="2">
        <v>139.1</v>
      </c>
      <c r="X6580" s="2">
        <v>7.6</v>
      </c>
      <c r="Y6580" s="2">
        <v>10.6</v>
      </c>
      <c r="Z6580" s="5"/>
      <c r="AA6580" s="5" t="s">
        <v>43</v>
      </c>
      <c r="AB6580" s="5" t="s">
        <v>44</v>
      </c>
      <c r="AC6580" s="2"/>
      <c r="AD6580" s="1"/>
    </row>
    <row r="6581" spans="1:30">
      <c r="A6581" s="5" t="s">
        <v>83578</v>
      </c>
      <c r="B6581" s="2" t="s">
        <v>103858</v>
      </c>
      <c r="C6581" s="14" t="s">
        <v>103859</v>
      </c>
      <c r="D6581" s="2" t="s">
        <v>103860</v>
      </c>
      <c r="E6581" s="2" t="s">
        <v>7581</v>
      </c>
      <c r="F6581" s="8">
        <v>168</v>
      </c>
      <c r="G6581" s="5">
        <v>6</v>
      </c>
      <c r="H6581" s="5" t="s">
        <v>1518</v>
      </c>
      <c r="I6581" s="5" t="s">
        <v>69038</v>
      </c>
      <c r="J6581" s="2" t="s">
        <v>69039</v>
      </c>
      <c r="K6581" s="5" t="s">
        <v>69038</v>
      </c>
      <c r="L6581" s="2" t="s">
        <v>69039</v>
      </c>
      <c r="M6581" s="5" t="s">
        <v>1521</v>
      </c>
      <c r="N6581" s="5" t="s">
        <v>38</v>
      </c>
      <c r="O6581" s="5" t="s">
        <v>39</v>
      </c>
      <c r="P6581" s="5" t="s">
        <v>40</v>
      </c>
      <c r="Q6581" s="5" t="s">
        <v>1522</v>
      </c>
      <c r="R6581" s="5" t="s">
        <v>1523</v>
      </c>
      <c r="S6581" s="5" t="s">
        <v>42</v>
      </c>
      <c r="T6581" s="2">
        <v>1.659</v>
      </c>
      <c r="U6581" s="2">
        <v>1.296</v>
      </c>
      <c r="V6581" s="2">
        <v>10.6</v>
      </c>
      <c r="W6581" s="2">
        <v>139.1</v>
      </c>
      <c r="X6581" s="2">
        <v>7.6</v>
      </c>
      <c r="Y6581" s="2">
        <v>10.6</v>
      </c>
      <c r="Z6581" s="5"/>
      <c r="AA6581" s="5" t="s">
        <v>43</v>
      </c>
      <c r="AB6581" s="5" t="s">
        <v>44</v>
      </c>
      <c r="AC6581" s="2"/>
      <c r="AD6581" s="1"/>
    </row>
    <row r="6582" spans="1:30">
      <c r="A6582" s="5" t="s">
        <v>83578</v>
      </c>
      <c r="B6582" s="2" t="s">
        <v>103861</v>
      </c>
      <c r="C6582" s="14" t="s">
        <v>103862</v>
      </c>
      <c r="D6582" s="2" t="s">
        <v>103863</v>
      </c>
      <c r="E6582" s="2" t="s">
        <v>7585</v>
      </c>
      <c r="F6582" s="8">
        <v>168</v>
      </c>
      <c r="G6582" s="5">
        <v>6</v>
      </c>
      <c r="H6582" s="5" t="s">
        <v>1518</v>
      </c>
      <c r="I6582" s="5" t="s">
        <v>69038</v>
      </c>
      <c r="J6582" s="2" t="s">
        <v>69039</v>
      </c>
      <c r="K6582" s="5" t="s">
        <v>69038</v>
      </c>
      <c r="L6582" s="2" t="s">
        <v>69039</v>
      </c>
      <c r="M6582" s="5" t="s">
        <v>1521</v>
      </c>
      <c r="N6582" s="5" t="s">
        <v>38</v>
      </c>
      <c r="O6582" s="5" t="s">
        <v>39</v>
      </c>
      <c r="P6582" s="5" t="s">
        <v>40</v>
      </c>
      <c r="Q6582" s="5" t="s">
        <v>1522</v>
      </c>
      <c r="R6582" s="5" t="s">
        <v>1523</v>
      </c>
      <c r="S6582" s="5" t="s">
        <v>42</v>
      </c>
      <c r="T6582" s="2">
        <v>1.611</v>
      </c>
      <c r="U6582" s="2">
        <v>1.248</v>
      </c>
      <c r="V6582" s="2">
        <v>10.6</v>
      </c>
      <c r="W6582" s="2">
        <v>139.1</v>
      </c>
      <c r="X6582" s="2">
        <v>7.6</v>
      </c>
      <c r="Y6582" s="2">
        <v>10.6</v>
      </c>
      <c r="Z6582" s="5"/>
      <c r="AA6582" s="5" t="s">
        <v>43</v>
      </c>
      <c r="AB6582" s="5" t="s">
        <v>44</v>
      </c>
      <c r="AC6582" s="2"/>
      <c r="AD6582" s="1"/>
    </row>
    <row r="6583" spans="1:30">
      <c r="A6583" s="5" t="s">
        <v>83578</v>
      </c>
      <c r="B6583" s="2" t="s">
        <v>103864</v>
      </c>
      <c r="C6583" s="14" t="s">
        <v>103865</v>
      </c>
      <c r="D6583" s="2" t="s">
        <v>103866</v>
      </c>
      <c r="E6583" s="2" t="s">
        <v>7589</v>
      </c>
      <c r="F6583" s="8">
        <v>168</v>
      </c>
      <c r="G6583" s="5">
        <v>6</v>
      </c>
      <c r="H6583" s="5" t="s">
        <v>1518</v>
      </c>
      <c r="I6583" s="5" t="s">
        <v>69038</v>
      </c>
      <c r="J6583" s="2" t="s">
        <v>69039</v>
      </c>
      <c r="K6583" s="5" t="s">
        <v>69038</v>
      </c>
      <c r="L6583" s="2" t="s">
        <v>69039</v>
      </c>
      <c r="M6583" s="5" t="s">
        <v>1521</v>
      </c>
      <c r="N6583" s="5" t="s">
        <v>38</v>
      </c>
      <c r="O6583" s="5" t="s">
        <v>39</v>
      </c>
      <c r="P6583" s="5" t="s">
        <v>40</v>
      </c>
      <c r="Q6583" s="5" t="s">
        <v>1522</v>
      </c>
      <c r="R6583" s="5" t="s">
        <v>1523</v>
      </c>
      <c r="S6583" s="5" t="s">
        <v>42</v>
      </c>
      <c r="T6583" s="2">
        <v>1.659</v>
      </c>
      <c r="U6583" s="2">
        <v>1.296</v>
      </c>
      <c r="V6583" s="2">
        <v>10.6</v>
      </c>
      <c r="W6583" s="2">
        <v>139.1</v>
      </c>
      <c r="X6583" s="2">
        <v>7.6</v>
      </c>
      <c r="Y6583" s="2">
        <v>10.6</v>
      </c>
      <c r="Z6583" s="5"/>
      <c r="AA6583" s="5" t="s">
        <v>43</v>
      </c>
      <c r="AB6583" s="5" t="s">
        <v>44</v>
      </c>
      <c r="AC6583" s="2"/>
      <c r="AD6583" s="1"/>
    </row>
    <row r="6584" spans="1:30">
      <c r="A6584" s="5" t="s">
        <v>83578</v>
      </c>
      <c r="B6584" s="2" t="s">
        <v>103867</v>
      </c>
      <c r="C6584" s="14" t="s">
        <v>103868</v>
      </c>
      <c r="D6584" s="2" t="s">
        <v>103869</v>
      </c>
      <c r="E6584" s="2" t="s">
        <v>7593</v>
      </c>
      <c r="F6584" s="8">
        <v>168</v>
      </c>
      <c r="G6584" s="5">
        <v>6</v>
      </c>
      <c r="H6584" s="5" t="s">
        <v>1518</v>
      </c>
      <c r="I6584" s="5" t="s">
        <v>69038</v>
      </c>
      <c r="J6584" s="2" t="s">
        <v>69039</v>
      </c>
      <c r="K6584" s="5" t="s">
        <v>69038</v>
      </c>
      <c r="L6584" s="2" t="s">
        <v>69039</v>
      </c>
      <c r="M6584" s="5" t="s">
        <v>1521</v>
      </c>
      <c r="N6584" s="5" t="s">
        <v>38</v>
      </c>
      <c r="O6584" s="5" t="s">
        <v>39</v>
      </c>
      <c r="P6584" s="5" t="s">
        <v>40</v>
      </c>
      <c r="Q6584" s="5" t="s">
        <v>1522</v>
      </c>
      <c r="R6584" s="5" t="s">
        <v>1523</v>
      </c>
      <c r="S6584" s="5" t="s">
        <v>42</v>
      </c>
      <c r="T6584" s="2">
        <v>1.611</v>
      </c>
      <c r="U6584" s="2">
        <v>1.248</v>
      </c>
      <c r="V6584" s="2">
        <v>10.6</v>
      </c>
      <c r="W6584" s="2">
        <v>139.1</v>
      </c>
      <c r="X6584" s="2">
        <v>7.6</v>
      </c>
      <c r="Y6584" s="2">
        <v>10.6</v>
      </c>
      <c r="Z6584" s="5"/>
      <c r="AA6584" s="5" t="s">
        <v>43</v>
      </c>
      <c r="AB6584" s="5" t="s">
        <v>44</v>
      </c>
      <c r="AC6584" s="2"/>
      <c r="AD6584" s="1"/>
    </row>
    <row r="6585" spans="1:30">
      <c r="A6585" s="5" t="s">
        <v>83578</v>
      </c>
      <c r="B6585" s="2" t="s">
        <v>103870</v>
      </c>
      <c r="C6585" s="14" t="s">
        <v>103871</v>
      </c>
      <c r="D6585" s="2" t="s">
        <v>103872</v>
      </c>
      <c r="E6585" s="2" t="s">
        <v>7597</v>
      </c>
      <c r="F6585" s="8">
        <v>168</v>
      </c>
      <c r="G6585" s="5">
        <v>6</v>
      </c>
      <c r="H6585" s="5" t="s">
        <v>1518</v>
      </c>
      <c r="I6585" s="5" t="s">
        <v>69038</v>
      </c>
      <c r="J6585" s="2" t="s">
        <v>69039</v>
      </c>
      <c r="K6585" s="5" t="s">
        <v>69038</v>
      </c>
      <c r="L6585" s="2" t="s">
        <v>69039</v>
      </c>
      <c r="M6585" s="5" t="s">
        <v>1521</v>
      </c>
      <c r="N6585" s="5" t="s">
        <v>38</v>
      </c>
      <c r="O6585" s="5" t="s">
        <v>39</v>
      </c>
      <c r="P6585" s="5" t="s">
        <v>40</v>
      </c>
      <c r="Q6585" s="5" t="s">
        <v>1522</v>
      </c>
      <c r="R6585" s="5" t="s">
        <v>1523</v>
      </c>
      <c r="S6585" s="5" t="s">
        <v>42</v>
      </c>
      <c r="T6585" s="2">
        <v>1.659</v>
      </c>
      <c r="U6585" s="2">
        <v>1.296</v>
      </c>
      <c r="V6585" s="2">
        <v>10.6</v>
      </c>
      <c r="W6585" s="2">
        <v>139.1</v>
      </c>
      <c r="X6585" s="2">
        <v>7.6</v>
      </c>
      <c r="Y6585" s="2">
        <v>10.6</v>
      </c>
      <c r="Z6585" s="5"/>
      <c r="AA6585" s="5" t="s">
        <v>43</v>
      </c>
      <c r="AB6585" s="5" t="s">
        <v>44</v>
      </c>
      <c r="AC6585" s="2"/>
      <c r="AD6585" s="1"/>
    </row>
    <row r="6586" spans="1:30">
      <c r="A6586" s="5" t="s">
        <v>83578</v>
      </c>
      <c r="B6586" s="2" t="s">
        <v>103873</v>
      </c>
      <c r="C6586" s="14" t="s">
        <v>103874</v>
      </c>
      <c r="D6586" s="2" t="s">
        <v>103875</v>
      </c>
      <c r="E6586" s="2" t="s">
        <v>7433</v>
      </c>
      <c r="F6586" s="8">
        <v>168</v>
      </c>
      <c r="G6586" s="5">
        <v>6</v>
      </c>
      <c r="H6586" s="5" t="s">
        <v>1518</v>
      </c>
      <c r="I6586" s="5" t="s">
        <v>69038</v>
      </c>
      <c r="J6586" s="2" t="s">
        <v>69039</v>
      </c>
      <c r="K6586" s="5" t="s">
        <v>69038</v>
      </c>
      <c r="L6586" s="2" t="s">
        <v>69039</v>
      </c>
      <c r="M6586" s="5" t="s">
        <v>1521</v>
      </c>
      <c r="N6586" s="5" t="s">
        <v>38</v>
      </c>
      <c r="O6586" s="5" t="s">
        <v>39</v>
      </c>
      <c r="P6586" s="5" t="s">
        <v>40</v>
      </c>
      <c r="Q6586" s="5" t="s">
        <v>1522</v>
      </c>
      <c r="R6586" s="5" t="s">
        <v>1523</v>
      </c>
      <c r="S6586" s="5" t="s">
        <v>42</v>
      </c>
      <c r="T6586" s="2">
        <v>1.611</v>
      </c>
      <c r="U6586" s="2">
        <v>1.248</v>
      </c>
      <c r="V6586" s="2">
        <v>10.6</v>
      </c>
      <c r="W6586" s="2">
        <v>139.1</v>
      </c>
      <c r="X6586" s="2">
        <v>7.6</v>
      </c>
      <c r="Y6586" s="2">
        <v>10.6</v>
      </c>
      <c r="Z6586" s="5"/>
      <c r="AA6586" s="5" t="s">
        <v>43</v>
      </c>
      <c r="AB6586" s="5" t="s">
        <v>44</v>
      </c>
      <c r="AC6586" s="2"/>
      <c r="AD6586" s="1"/>
    </row>
    <row r="6587" spans="1:30">
      <c r="A6587" s="5" t="s">
        <v>83578</v>
      </c>
      <c r="B6587" s="2" t="s">
        <v>103876</v>
      </c>
      <c r="C6587" s="14" t="s">
        <v>103877</v>
      </c>
      <c r="D6587" s="2" t="s">
        <v>103878</v>
      </c>
      <c r="E6587" s="2" t="s">
        <v>7611</v>
      </c>
      <c r="F6587" s="8">
        <v>168</v>
      </c>
      <c r="G6587" s="5">
        <v>6</v>
      </c>
      <c r="H6587" s="5" t="s">
        <v>1518</v>
      </c>
      <c r="I6587" s="5" t="s">
        <v>69038</v>
      </c>
      <c r="J6587" s="2" t="s">
        <v>69039</v>
      </c>
      <c r="K6587" s="5" t="s">
        <v>69038</v>
      </c>
      <c r="L6587" s="2" t="s">
        <v>69039</v>
      </c>
      <c r="M6587" s="5" t="s">
        <v>1521</v>
      </c>
      <c r="N6587" s="5" t="s">
        <v>38</v>
      </c>
      <c r="O6587" s="5" t="s">
        <v>39</v>
      </c>
      <c r="P6587" s="5" t="s">
        <v>40</v>
      </c>
      <c r="Q6587" s="5" t="s">
        <v>1522</v>
      </c>
      <c r="R6587" s="5" t="s">
        <v>1523</v>
      </c>
      <c r="S6587" s="5" t="s">
        <v>42</v>
      </c>
      <c r="T6587" s="2">
        <v>1.659</v>
      </c>
      <c r="U6587" s="2">
        <v>1.296</v>
      </c>
      <c r="V6587" s="2">
        <v>10.6</v>
      </c>
      <c r="W6587" s="2">
        <v>139.1</v>
      </c>
      <c r="X6587" s="2">
        <v>7.6</v>
      </c>
      <c r="Y6587" s="2">
        <v>10.6</v>
      </c>
      <c r="Z6587" s="5"/>
      <c r="AA6587" s="5" t="s">
        <v>43</v>
      </c>
      <c r="AB6587" s="5" t="s">
        <v>44</v>
      </c>
      <c r="AC6587" s="2"/>
      <c r="AD6587" s="1"/>
    </row>
    <row r="6588" spans="1:30">
      <c r="A6588" s="5" t="s">
        <v>83578</v>
      </c>
      <c r="B6588" s="2" t="s">
        <v>103879</v>
      </c>
      <c r="C6588" s="14" t="s">
        <v>103880</v>
      </c>
      <c r="D6588" s="2" t="s">
        <v>103881</v>
      </c>
      <c r="E6588" s="2" t="s">
        <v>7615</v>
      </c>
      <c r="F6588" s="8">
        <v>168</v>
      </c>
      <c r="G6588" s="5">
        <v>6</v>
      </c>
      <c r="H6588" s="5" t="s">
        <v>1518</v>
      </c>
      <c r="I6588" s="5" t="s">
        <v>69038</v>
      </c>
      <c r="J6588" s="2" t="s">
        <v>69039</v>
      </c>
      <c r="K6588" s="5" t="s">
        <v>69038</v>
      </c>
      <c r="L6588" s="2" t="s">
        <v>69039</v>
      </c>
      <c r="M6588" s="5" t="s">
        <v>1521</v>
      </c>
      <c r="N6588" s="5" t="s">
        <v>38</v>
      </c>
      <c r="O6588" s="5" t="s">
        <v>39</v>
      </c>
      <c r="P6588" s="5" t="s">
        <v>40</v>
      </c>
      <c r="Q6588" s="5" t="s">
        <v>1522</v>
      </c>
      <c r="R6588" s="5" t="s">
        <v>1523</v>
      </c>
      <c r="S6588" s="5" t="s">
        <v>42</v>
      </c>
      <c r="T6588" s="2">
        <v>1.611</v>
      </c>
      <c r="U6588" s="2">
        <v>1.248</v>
      </c>
      <c r="V6588" s="2">
        <v>10.6</v>
      </c>
      <c r="W6588" s="2">
        <v>139.1</v>
      </c>
      <c r="X6588" s="2">
        <v>7.6</v>
      </c>
      <c r="Y6588" s="2">
        <v>10.6</v>
      </c>
      <c r="Z6588" s="5"/>
      <c r="AA6588" s="5" t="s">
        <v>43</v>
      </c>
      <c r="AB6588" s="5" t="s">
        <v>44</v>
      </c>
      <c r="AC6588" s="2"/>
      <c r="AD6588" s="1"/>
    </row>
    <row r="6589" spans="1:30">
      <c r="A6589" s="5" t="s">
        <v>83578</v>
      </c>
      <c r="B6589" s="2" t="s">
        <v>103882</v>
      </c>
      <c r="C6589" s="14" t="s">
        <v>103883</v>
      </c>
      <c r="D6589" s="2" t="s">
        <v>103884</v>
      </c>
      <c r="E6589" s="2" t="s">
        <v>7619</v>
      </c>
      <c r="F6589" s="8">
        <v>168</v>
      </c>
      <c r="G6589" s="5">
        <v>6</v>
      </c>
      <c r="H6589" s="5" t="s">
        <v>1518</v>
      </c>
      <c r="I6589" s="5" t="s">
        <v>69038</v>
      </c>
      <c r="J6589" s="2" t="s">
        <v>69039</v>
      </c>
      <c r="K6589" s="5" t="s">
        <v>69038</v>
      </c>
      <c r="L6589" s="2" t="s">
        <v>69039</v>
      </c>
      <c r="M6589" s="5" t="s">
        <v>1521</v>
      </c>
      <c r="N6589" s="5" t="s">
        <v>38</v>
      </c>
      <c r="O6589" s="5" t="s">
        <v>39</v>
      </c>
      <c r="P6589" s="5" t="s">
        <v>40</v>
      </c>
      <c r="Q6589" s="5" t="s">
        <v>1522</v>
      </c>
      <c r="R6589" s="5" t="s">
        <v>1523</v>
      </c>
      <c r="S6589" s="5" t="s">
        <v>42</v>
      </c>
      <c r="T6589" s="2">
        <v>1.659</v>
      </c>
      <c r="U6589" s="2">
        <v>1.296</v>
      </c>
      <c r="V6589" s="2">
        <v>10.6</v>
      </c>
      <c r="W6589" s="2">
        <v>139.1</v>
      </c>
      <c r="X6589" s="2">
        <v>7.6</v>
      </c>
      <c r="Y6589" s="2">
        <v>10.6</v>
      </c>
      <c r="Z6589" s="5"/>
      <c r="AA6589" s="5" t="s">
        <v>43</v>
      </c>
      <c r="AB6589" s="5" t="s">
        <v>44</v>
      </c>
      <c r="AC6589" s="2"/>
      <c r="AD6589" s="1"/>
    </row>
    <row r="6590" spans="1:30">
      <c r="A6590" s="5" t="s">
        <v>83578</v>
      </c>
      <c r="B6590" s="2" t="s">
        <v>103885</v>
      </c>
      <c r="C6590" s="14" t="s">
        <v>103886</v>
      </c>
      <c r="D6590" s="2" t="s">
        <v>103887</v>
      </c>
      <c r="E6590" s="2" t="s">
        <v>7410</v>
      </c>
      <c r="F6590" s="8">
        <v>168</v>
      </c>
      <c r="G6590" s="5">
        <v>6</v>
      </c>
      <c r="H6590" s="5" t="s">
        <v>1518</v>
      </c>
      <c r="I6590" s="5" t="s">
        <v>69038</v>
      </c>
      <c r="J6590" s="2" t="s">
        <v>69039</v>
      </c>
      <c r="K6590" s="5" t="s">
        <v>69038</v>
      </c>
      <c r="L6590" s="2" t="s">
        <v>69039</v>
      </c>
      <c r="M6590" s="5" t="s">
        <v>1521</v>
      </c>
      <c r="N6590" s="5" t="s">
        <v>38</v>
      </c>
      <c r="O6590" s="5" t="s">
        <v>39</v>
      </c>
      <c r="P6590" s="5" t="s">
        <v>40</v>
      </c>
      <c r="Q6590" s="5" t="s">
        <v>1522</v>
      </c>
      <c r="R6590" s="5" t="s">
        <v>1523</v>
      </c>
      <c r="S6590" s="5" t="s">
        <v>42</v>
      </c>
      <c r="T6590" s="2">
        <v>1.611</v>
      </c>
      <c r="U6590" s="2">
        <v>1.248</v>
      </c>
      <c r="V6590" s="2">
        <v>10.6</v>
      </c>
      <c r="W6590" s="2">
        <v>139.1</v>
      </c>
      <c r="X6590" s="2">
        <v>7.6</v>
      </c>
      <c r="Y6590" s="2">
        <v>10.6</v>
      </c>
      <c r="Z6590" s="5"/>
      <c r="AA6590" s="5" t="s">
        <v>43</v>
      </c>
      <c r="AB6590" s="5" t="s">
        <v>44</v>
      </c>
      <c r="AC6590" s="2"/>
      <c r="AD6590" s="1"/>
    </row>
    <row r="6591" spans="1:30">
      <c r="A6591" s="5" t="s">
        <v>83578</v>
      </c>
      <c r="B6591" s="2" t="s">
        <v>103888</v>
      </c>
      <c r="C6591" s="14" t="s">
        <v>103889</v>
      </c>
      <c r="D6591" s="2" t="s">
        <v>103890</v>
      </c>
      <c r="E6591" s="2" t="s">
        <v>7604</v>
      </c>
      <c r="F6591" s="8">
        <v>168</v>
      </c>
      <c r="G6591" s="5">
        <v>6</v>
      </c>
      <c r="H6591" s="5" t="s">
        <v>1518</v>
      </c>
      <c r="I6591" s="5" t="s">
        <v>69038</v>
      </c>
      <c r="J6591" s="2" t="s">
        <v>69039</v>
      </c>
      <c r="K6591" s="5" t="s">
        <v>69038</v>
      </c>
      <c r="L6591" s="2" t="s">
        <v>69039</v>
      </c>
      <c r="M6591" s="5" t="s">
        <v>1521</v>
      </c>
      <c r="N6591" s="5" t="s">
        <v>38</v>
      </c>
      <c r="O6591" s="5" t="s">
        <v>39</v>
      </c>
      <c r="P6591" s="5" t="s">
        <v>40</v>
      </c>
      <c r="Q6591" s="5" t="s">
        <v>1522</v>
      </c>
      <c r="R6591" s="5" t="s">
        <v>1523</v>
      </c>
      <c r="S6591" s="5" t="s">
        <v>42</v>
      </c>
      <c r="T6591" s="2">
        <v>1.659</v>
      </c>
      <c r="U6591" s="2">
        <v>1.296</v>
      </c>
      <c r="V6591" s="2">
        <v>10.6</v>
      </c>
      <c r="W6591" s="2">
        <v>139.1</v>
      </c>
      <c r="X6591" s="2">
        <v>7.6</v>
      </c>
      <c r="Y6591" s="2">
        <v>10.6</v>
      </c>
      <c r="Z6591" s="5"/>
      <c r="AA6591" s="5" t="s">
        <v>43</v>
      </c>
      <c r="AB6591" s="5" t="s">
        <v>44</v>
      </c>
      <c r="AC6591" s="2"/>
      <c r="AD6591" s="1"/>
    </row>
    <row r="6592" spans="1:30">
      <c r="A6592" s="5" t="s">
        <v>83578</v>
      </c>
      <c r="B6592" s="2" t="s">
        <v>103891</v>
      </c>
      <c r="C6592" s="14" t="s">
        <v>103892</v>
      </c>
      <c r="D6592" s="2" t="s">
        <v>103893</v>
      </c>
      <c r="E6592" s="2" t="s">
        <v>7212</v>
      </c>
      <c r="F6592" s="8">
        <v>146</v>
      </c>
      <c r="G6592" s="5">
        <v>6</v>
      </c>
      <c r="H6592" s="5" t="s">
        <v>1518</v>
      </c>
      <c r="I6592" s="5" t="s">
        <v>69038</v>
      </c>
      <c r="J6592" s="2" t="s">
        <v>69039</v>
      </c>
      <c r="K6592" s="5" t="s">
        <v>69038</v>
      </c>
      <c r="L6592" s="2" t="s">
        <v>69039</v>
      </c>
      <c r="M6592" s="5" t="s">
        <v>1521</v>
      </c>
      <c r="N6592" s="5" t="s">
        <v>38</v>
      </c>
      <c r="O6592" s="5" t="s">
        <v>39</v>
      </c>
      <c r="P6592" s="5" t="s">
        <v>40</v>
      </c>
      <c r="Q6592" s="5" t="s">
        <v>1522</v>
      </c>
      <c r="R6592" s="5" t="s">
        <v>1523</v>
      </c>
      <c r="S6592" s="5" t="s">
        <v>42</v>
      </c>
      <c r="T6592" s="2">
        <v>1.611</v>
      </c>
      <c r="U6592" s="2">
        <v>1.248</v>
      </c>
      <c r="V6592" s="2">
        <v>10.6</v>
      </c>
      <c r="W6592" s="2">
        <v>139.1</v>
      </c>
      <c r="X6592" s="2">
        <v>7.6</v>
      </c>
      <c r="Y6592" s="2">
        <v>10.6</v>
      </c>
      <c r="Z6592" s="5"/>
      <c r="AA6592" s="5" t="s">
        <v>43</v>
      </c>
      <c r="AB6592" s="5" t="s">
        <v>44</v>
      </c>
      <c r="AC6592" s="2"/>
      <c r="AD6592" s="1"/>
    </row>
    <row r="6593" spans="1:30">
      <c r="A6593" s="5" t="s">
        <v>83578</v>
      </c>
      <c r="B6593" s="2" t="s">
        <v>103894</v>
      </c>
      <c r="C6593" s="14" t="s">
        <v>103895</v>
      </c>
      <c r="D6593" s="2" t="s">
        <v>103896</v>
      </c>
      <c r="E6593" s="2" t="s">
        <v>7528</v>
      </c>
      <c r="F6593" s="8">
        <v>146</v>
      </c>
      <c r="G6593" s="5">
        <v>6</v>
      </c>
      <c r="H6593" s="5" t="s">
        <v>1518</v>
      </c>
      <c r="I6593" s="5" t="s">
        <v>69038</v>
      </c>
      <c r="J6593" s="2" t="s">
        <v>69039</v>
      </c>
      <c r="K6593" s="5" t="s">
        <v>69038</v>
      </c>
      <c r="L6593" s="2" t="s">
        <v>69039</v>
      </c>
      <c r="M6593" s="5" t="s">
        <v>1521</v>
      </c>
      <c r="N6593" s="5" t="s">
        <v>38</v>
      </c>
      <c r="O6593" s="5" t="s">
        <v>39</v>
      </c>
      <c r="P6593" s="5" t="s">
        <v>40</v>
      </c>
      <c r="Q6593" s="5" t="s">
        <v>1522</v>
      </c>
      <c r="R6593" s="5" t="s">
        <v>1523</v>
      </c>
      <c r="S6593" s="5" t="s">
        <v>42</v>
      </c>
      <c r="T6593" s="2">
        <v>1.659</v>
      </c>
      <c r="U6593" s="2">
        <v>1.296</v>
      </c>
      <c r="V6593" s="2">
        <v>10.6</v>
      </c>
      <c r="W6593" s="2">
        <v>139.1</v>
      </c>
      <c r="X6593" s="2">
        <v>7.6</v>
      </c>
      <c r="Y6593" s="2">
        <v>10.6</v>
      </c>
      <c r="Z6593" s="5"/>
      <c r="AA6593" s="5" t="s">
        <v>43</v>
      </c>
      <c r="AB6593" s="5" t="s">
        <v>44</v>
      </c>
      <c r="AC6593" s="2"/>
      <c r="AD6593" s="1"/>
    </row>
    <row r="6594" spans="1:30">
      <c r="A6594" s="5" t="s">
        <v>83578</v>
      </c>
      <c r="B6594" s="2" t="s">
        <v>103897</v>
      </c>
      <c r="C6594" s="14" t="s">
        <v>103898</v>
      </c>
      <c r="D6594" s="2" t="s">
        <v>103899</v>
      </c>
      <c r="E6594" s="2" t="s">
        <v>7547</v>
      </c>
      <c r="F6594" s="8">
        <v>168</v>
      </c>
      <c r="G6594" s="5">
        <v>6</v>
      </c>
      <c r="H6594" s="5" t="s">
        <v>1518</v>
      </c>
      <c r="I6594" s="5" t="s">
        <v>69038</v>
      </c>
      <c r="J6594" s="2" t="s">
        <v>69039</v>
      </c>
      <c r="K6594" s="5" t="s">
        <v>69038</v>
      </c>
      <c r="L6594" s="2" t="s">
        <v>69039</v>
      </c>
      <c r="M6594" s="5" t="s">
        <v>1521</v>
      </c>
      <c r="N6594" s="5" t="s">
        <v>38</v>
      </c>
      <c r="O6594" s="5" t="s">
        <v>39</v>
      </c>
      <c r="P6594" s="5" t="s">
        <v>40</v>
      </c>
      <c r="Q6594" s="5" t="s">
        <v>1522</v>
      </c>
      <c r="R6594" s="5" t="s">
        <v>1523</v>
      </c>
      <c r="S6594" s="5" t="s">
        <v>42</v>
      </c>
      <c r="T6594" s="2">
        <v>1.853</v>
      </c>
      <c r="U6594" s="2">
        <v>1.49</v>
      </c>
      <c r="V6594" s="2">
        <v>10.6</v>
      </c>
      <c r="W6594" s="2">
        <v>139.1</v>
      </c>
      <c r="X6594" s="2">
        <v>7.6</v>
      </c>
      <c r="Y6594" s="2">
        <v>10.6</v>
      </c>
      <c r="Z6594" s="5"/>
      <c r="AA6594" s="5" t="s">
        <v>43</v>
      </c>
      <c r="AB6594" s="5" t="s">
        <v>44</v>
      </c>
      <c r="AC6594" s="2"/>
      <c r="AD6594" s="1"/>
    </row>
    <row r="6595" spans="1:30">
      <c r="A6595" s="5" t="s">
        <v>83578</v>
      </c>
      <c r="B6595" s="2" t="s">
        <v>103900</v>
      </c>
      <c r="C6595" s="14" t="s">
        <v>103901</v>
      </c>
      <c r="D6595" s="2" t="s">
        <v>103902</v>
      </c>
      <c r="E6595" s="2" t="s">
        <v>7551</v>
      </c>
      <c r="F6595" s="8">
        <v>168</v>
      </c>
      <c r="G6595" s="5">
        <v>6</v>
      </c>
      <c r="H6595" s="5" t="s">
        <v>1518</v>
      </c>
      <c r="I6595" s="5" t="s">
        <v>69038</v>
      </c>
      <c r="J6595" s="2" t="s">
        <v>69039</v>
      </c>
      <c r="K6595" s="5" t="s">
        <v>69038</v>
      </c>
      <c r="L6595" s="2" t="s">
        <v>69039</v>
      </c>
      <c r="M6595" s="5" t="s">
        <v>1521</v>
      </c>
      <c r="N6595" s="5" t="s">
        <v>38</v>
      </c>
      <c r="O6595" s="5" t="s">
        <v>39</v>
      </c>
      <c r="P6595" s="5" t="s">
        <v>40</v>
      </c>
      <c r="Q6595" s="5" t="s">
        <v>1522</v>
      </c>
      <c r="R6595" s="5" t="s">
        <v>1523</v>
      </c>
      <c r="S6595" s="5" t="s">
        <v>42</v>
      </c>
      <c r="T6595" s="2">
        <v>1.9219999999999999</v>
      </c>
      <c r="U6595" s="2">
        <v>1.5589999999999999</v>
      </c>
      <c r="V6595" s="2">
        <v>10.6</v>
      </c>
      <c r="W6595" s="2">
        <v>139.1</v>
      </c>
      <c r="X6595" s="2">
        <v>7.6</v>
      </c>
      <c r="Y6595" s="2">
        <v>10.6</v>
      </c>
      <c r="Z6595" s="5"/>
      <c r="AA6595" s="5" t="s">
        <v>43</v>
      </c>
      <c r="AB6595" s="5" t="s">
        <v>44</v>
      </c>
      <c r="AC6595" s="2"/>
      <c r="AD6595" s="1"/>
    </row>
    <row r="6596" spans="1:30">
      <c r="A6596" s="5" t="s">
        <v>83578</v>
      </c>
      <c r="B6596" s="2" t="s">
        <v>103903</v>
      </c>
      <c r="C6596" s="14" t="s">
        <v>103904</v>
      </c>
      <c r="D6596" s="2" t="s">
        <v>103905</v>
      </c>
      <c r="E6596" s="2" t="s">
        <v>7563</v>
      </c>
      <c r="F6596" s="8">
        <v>168</v>
      </c>
      <c r="G6596" s="5">
        <v>6</v>
      </c>
      <c r="H6596" s="5" t="s">
        <v>1518</v>
      </c>
      <c r="I6596" s="5" t="s">
        <v>69038</v>
      </c>
      <c r="J6596" s="2" t="s">
        <v>69039</v>
      </c>
      <c r="K6596" s="5" t="s">
        <v>69038</v>
      </c>
      <c r="L6596" s="2" t="s">
        <v>69039</v>
      </c>
      <c r="M6596" s="5" t="s">
        <v>1521</v>
      </c>
      <c r="N6596" s="5" t="s">
        <v>38</v>
      </c>
      <c r="O6596" s="5" t="s">
        <v>39</v>
      </c>
      <c r="P6596" s="5" t="s">
        <v>40</v>
      </c>
      <c r="Q6596" s="5" t="s">
        <v>1522</v>
      </c>
      <c r="R6596" s="5" t="s">
        <v>1523</v>
      </c>
      <c r="S6596" s="5" t="s">
        <v>42</v>
      </c>
      <c r="T6596" s="2">
        <v>1.853</v>
      </c>
      <c r="U6596" s="2">
        <v>1.49</v>
      </c>
      <c r="V6596" s="2">
        <v>10.6</v>
      </c>
      <c r="W6596" s="2">
        <v>139.1</v>
      </c>
      <c r="X6596" s="2">
        <v>7.6</v>
      </c>
      <c r="Y6596" s="2">
        <v>10.6</v>
      </c>
      <c r="Z6596" s="5"/>
      <c r="AA6596" s="5" t="s">
        <v>43</v>
      </c>
      <c r="AB6596" s="5" t="s">
        <v>44</v>
      </c>
      <c r="AC6596" s="2"/>
      <c r="AD6596" s="1"/>
    </row>
    <row r="6597" spans="1:30">
      <c r="A6597" s="5" t="s">
        <v>83578</v>
      </c>
      <c r="B6597" s="2" t="s">
        <v>103906</v>
      </c>
      <c r="C6597" s="14" t="s">
        <v>103907</v>
      </c>
      <c r="D6597" s="2" t="s">
        <v>103908</v>
      </c>
      <c r="E6597" s="2" t="s">
        <v>7429</v>
      </c>
      <c r="F6597" s="8">
        <v>168</v>
      </c>
      <c r="G6597" s="5">
        <v>6</v>
      </c>
      <c r="H6597" s="5" t="s">
        <v>1518</v>
      </c>
      <c r="I6597" s="5" t="s">
        <v>69038</v>
      </c>
      <c r="J6597" s="2" t="s">
        <v>69039</v>
      </c>
      <c r="K6597" s="5" t="s">
        <v>69038</v>
      </c>
      <c r="L6597" s="2" t="s">
        <v>69039</v>
      </c>
      <c r="M6597" s="5" t="s">
        <v>1521</v>
      </c>
      <c r="N6597" s="5" t="s">
        <v>38</v>
      </c>
      <c r="O6597" s="5" t="s">
        <v>39</v>
      </c>
      <c r="P6597" s="5" t="s">
        <v>40</v>
      </c>
      <c r="Q6597" s="5" t="s">
        <v>1522</v>
      </c>
      <c r="R6597" s="5" t="s">
        <v>1523</v>
      </c>
      <c r="S6597" s="5" t="s">
        <v>42</v>
      </c>
      <c r="T6597" s="2">
        <v>1.853</v>
      </c>
      <c r="U6597" s="2">
        <v>1.49</v>
      </c>
      <c r="V6597" s="2">
        <v>10.6</v>
      </c>
      <c r="W6597" s="2">
        <v>139.1</v>
      </c>
      <c r="X6597" s="2">
        <v>7.6</v>
      </c>
      <c r="Y6597" s="2">
        <v>10.6</v>
      </c>
      <c r="Z6597" s="5"/>
      <c r="AA6597" s="5" t="s">
        <v>43</v>
      </c>
      <c r="AB6597" s="5" t="s">
        <v>44</v>
      </c>
      <c r="AC6597" s="2"/>
      <c r="AD6597" s="1"/>
    </row>
    <row r="6598" spans="1:30">
      <c r="A6598" s="5" t="s">
        <v>83578</v>
      </c>
      <c r="B6598" s="2" t="s">
        <v>103909</v>
      </c>
      <c r="C6598" s="14" t="s">
        <v>103910</v>
      </c>
      <c r="D6598" s="2" t="s">
        <v>103911</v>
      </c>
      <c r="E6598" s="2" t="s">
        <v>7574</v>
      </c>
      <c r="F6598" s="8">
        <v>168</v>
      </c>
      <c r="G6598" s="5">
        <v>6</v>
      </c>
      <c r="H6598" s="5" t="s">
        <v>1518</v>
      </c>
      <c r="I6598" s="5" t="s">
        <v>69038</v>
      </c>
      <c r="J6598" s="2" t="s">
        <v>69039</v>
      </c>
      <c r="K6598" s="5" t="s">
        <v>69038</v>
      </c>
      <c r="L6598" s="2" t="s">
        <v>69039</v>
      </c>
      <c r="M6598" s="5" t="s">
        <v>1521</v>
      </c>
      <c r="N6598" s="5" t="s">
        <v>38</v>
      </c>
      <c r="O6598" s="5" t="s">
        <v>39</v>
      </c>
      <c r="P6598" s="5" t="s">
        <v>40</v>
      </c>
      <c r="Q6598" s="5" t="s">
        <v>1522</v>
      </c>
      <c r="R6598" s="5" t="s">
        <v>1523</v>
      </c>
      <c r="S6598" s="5" t="s">
        <v>42</v>
      </c>
      <c r="T6598" s="2">
        <v>1.9219999999999999</v>
      </c>
      <c r="U6598" s="2">
        <v>1.5589999999999999</v>
      </c>
      <c r="V6598" s="2">
        <v>10.6</v>
      </c>
      <c r="W6598" s="2">
        <v>139.1</v>
      </c>
      <c r="X6598" s="2">
        <v>7.6</v>
      </c>
      <c r="Y6598" s="2">
        <v>10.6</v>
      </c>
      <c r="Z6598" s="5"/>
      <c r="AA6598" s="5" t="s">
        <v>43</v>
      </c>
      <c r="AB6598" s="5" t="s">
        <v>44</v>
      </c>
      <c r="AC6598" s="2"/>
      <c r="AD6598" s="1"/>
    </row>
    <row r="6599" spans="1:30">
      <c r="A6599" s="5" t="s">
        <v>83578</v>
      </c>
      <c r="B6599" s="2" t="s">
        <v>103912</v>
      </c>
      <c r="C6599" s="14" t="s">
        <v>103913</v>
      </c>
      <c r="D6599" s="2" t="s">
        <v>103914</v>
      </c>
      <c r="E6599" s="2" t="s">
        <v>7585</v>
      </c>
      <c r="F6599" s="8">
        <v>168</v>
      </c>
      <c r="G6599" s="5">
        <v>6</v>
      </c>
      <c r="H6599" s="5" t="s">
        <v>1518</v>
      </c>
      <c r="I6599" s="5" t="s">
        <v>69038</v>
      </c>
      <c r="J6599" s="2" t="s">
        <v>69039</v>
      </c>
      <c r="K6599" s="5" t="s">
        <v>69038</v>
      </c>
      <c r="L6599" s="2" t="s">
        <v>69039</v>
      </c>
      <c r="M6599" s="5" t="s">
        <v>1521</v>
      </c>
      <c r="N6599" s="5" t="s">
        <v>38</v>
      </c>
      <c r="O6599" s="5" t="s">
        <v>39</v>
      </c>
      <c r="P6599" s="5" t="s">
        <v>40</v>
      </c>
      <c r="Q6599" s="5" t="s">
        <v>1522</v>
      </c>
      <c r="R6599" s="5" t="s">
        <v>1523</v>
      </c>
      <c r="S6599" s="5" t="s">
        <v>42</v>
      </c>
      <c r="T6599" s="2">
        <v>1.853</v>
      </c>
      <c r="U6599" s="2">
        <v>1.49</v>
      </c>
      <c r="V6599" s="2">
        <v>10.6</v>
      </c>
      <c r="W6599" s="2">
        <v>139.1</v>
      </c>
      <c r="X6599" s="2">
        <v>7.6</v>
      </c>
      <c r="Y6599" s="2">
        <v>10.6</v>
      </c>
      <c r="Z6599" s="5"/>
      <c r="AA6599" s="5" t="s">
        <v>43</v>
      </c>
      <c r="AB6599" s="5" t="s">
        <v>44</v>
      </c>
      <c r="AC6599" s="2"/>
      <c r="AD6599" s="1"/>
    </row>
    <row r="6600" spans="1:30">
      <c r="A6600" s="5" t="s">
        <v>83578</v>
      </c>
      <c r="B6600" s="2" t="s">
        <v>103915</v>
      </c>
      <c r="C6600" s="14" t="s">
        <v>103916</v>
      </c>
      <c r="D6600" s="2" t="s">
        <v>103917</v>
      </c>
      <c r="E6600" s="2" t="s">
        <v>7593</v>
      </c>
      <c r="F6600" s="8">
        <v>168</v>
      </c>
      <c r="G6600" s="5">
        <v>6</v>
      </c>
      <c r="H6600" s="5" t="s">
        <v>1518</v>
      </c>
      <c r="I6600" s="5" t="s">
        <v>69038</v>
      </c>
      <c r="J6600" s="2" t="s">
        <v>69039</v>
      </c>
      <c r="K6600" s="5" t="s">
        <v>69038</v>
      </c>
      <c r="L6600" s="2" t="s">
        <v>69039</v>
      </c>
      <c r="M6600" s="5" t="s">
        <v>1521</v>
      </c>
      <c r="N6600" s="5" t="s">
        <v>38</v>
      </c>
      <c r="O6600" s="5" t="s">
        <v>39</v>
      </c>
      <c r="P6600" s="5" t="s">
        <v>40</v>
      </c>
      <c r="Q6600" s="5" t="s">
        <v>1522</v>
      </c>
      <c r="R6600" s="5" t="s">
        <v>1523</v>
      </c>
      <c r="S6600" s="5" t="s">
        <v>42</v>
      </c>
      <c r="T6600" s="2">
        <v>1.853</v>
      </c>
      <c r="U6600" s="2">
        <v>1.49</v>
      </c>
      <c r="V6600" s="2">
        <v>10.6</v>
      </c>
      <c r="W6600" s="2">
        <v>139.1</v>
      </c>
      <c r="X6600" s="2">
        <v>7.6</v>
      </c>
      <c r="Y6600" s="2">
        <v>10.6</v>
      </c>
      <c r="Z6600" s="5"/>
      <c r="AA6600" s="5" t="s">
        <v>43</v>
      </c>
      <c r="AB6600" s="5" t="s">
        <v>44</v>
      </c>
      <c r="AC6600" s="2"/>
      <c r="AD6600" s="1"/>
    </row>
    <row r="6601" spans="1:30">
      <c r="A6601" s="5" t="s">
        <v>83578</v>
      </c>
      <c r="B6601" s="2" t="s">
        <v>103918</v>
      </c>
      <c r="C6601" s="14" t="s">
        <v>103919</v>
      </c>
      <c r="D6601" s="2" t="s">
        <v>103920</v>
      </c>
      <c r="E6601" s="2" t="s">
        <v>7410</v>
      </c>
      <c r="F6601" s="8">
        <v>168</v>
      </c>
      <c r="G6601" s="5">
        <v>6</v>
      </c>
      <c r="H6601" s="5" t="s">
        <v>1518</v>
      </c>
      <c r="I6601" s="5" t="s">
        <v>69038</v>
      </c>
      <c r="J6601" s="2" t="s">
        <v>69039</v>
      </c>
      <c r="K6601" s="5" t="s">
        <v>69038</v>
      </c>
      <c r="L6601" s="2" t="s">
        <v>69039</v>
      </c>
      <c r="M6601" s="5" t="s">
        <v>1521</v>
      </c>
      <c r="N6601" s="5" t="s">
        <v>38</v>
      </c>
      <c r="O6601" s="5" t="s">
        <v>39</v>
      </c>
      <c r="P6601" s="5" t="s">
        <v>40</v>
      </c>
      <c r="Q6601" s="5" t="s">
        <v>1522</v>
      </c>
      <c r="R6601" s="5" t="s">
        <v>1523</v>
      </c>
      <c r="S6601" s="5" t="s">
        <v>42</v>
      </c>
      <c r="T6601" s="2">
        <v>1.853</v>
      </c>
      <c r="U6601" s="2">
        <v>1.49</v>
      </c>
      <c r="V6601" s="2">
        <v>10.6</v>
      </c>
      <c r="W6601" s="2">
        <v>139.1</v>
      </c>
      <c r="X6601" s="2">
        <v>7.6</v>
      </c>
      <c r="Y6601" s="2">
        <v>10.6</v>
      </c>
      <c r="Z6601" s="5"/>
      <c r="AA6601" s="5" t="s">
        <v>43</v>
      </c>
      <c r="AB6601" s="5" t="s">
        <v>44</v>
      </c>
      <c r="AC6601" s="2"/>
      <c r="AD6601" s="1"/>
    </row>
    <row r="6602" spans="1:30">
      <c r="A6602" s="5" t="s">
        <v>83578</v>
      </c>
      <c r="B6602" s="2" t="s">
        <v>103921</v>
      </c>
      <c r="C6602" s="14" t="s">
        <v>103922</v>
      </c>
      <c r="D6602" s="2" t="s">
        <v>103923</v>
      </c>
      <c r="E6602" s="2" t="s">
        <v>7604</v>
      </c>
      <c r="F6602" s="8">
        <v>168</v>
      </c>
      <c r="G6602" s="5">
        <v>6</v>
      </c>
      <c r="H6602" s="5" t="s">
        <v>1518</v>
      </c>
      <c r="I6602" s="5" t="s">
        <v>69038</v>
      </c>
      <c r="J6602" s="2" t="s">
        <v>69039</v>
      </c>
      <c r="K6602" s="5" t="s">
        <v>69038</v>
      </c>
      <c r="L6602" s="2" t="s">
        <v>69039</v>
      </c>
      <c r="M6602" s="5" t="s">
        <v>1521</v>
      </c>
      <c r="N6602" s="5" t="s">
        <v>38</v>
      </c>
      <c r="O6602" s="5" t="s">
        <v>39</v>
      </c>
      <c r="P6602" s="5" t="s">
        <v>40</v>
      </c>
      <c r="Q6602" s="5" t="s">
        <v>1522</v>
      </c>
      <c r="R6602" s="5" t="s">
        <v>1523</v>
      </c>
      <c r="S6602" s="5" t="s">
        <v>42</v>
      </c>
      <c r="T6602" s="2">
        <v>1.9219999999999999</v>
      </c>
      <c r="U6602" s="2">
        <v>1.5589999999999999</v>
      </c>
      <c r="V6602" s="2">
        <v>10.6</v>
      </c>
      <c r="W6602" s="2">
        <v>139.1</v>
      </c>
      <c r="X6602" s="2">
        <v>7.6</v>
      </c>
      <c r="Y6602" s="2">
        <v>10.6</v>
      </c>
      <c r="Z6602" s="5"/>
      <c r="AA6602" s="5" t="s">
        <v>43</v>
      </c>
      <c r="AB6602" s="5" t="s">
        <v>44</v>
      </c>
      <c r="AC6602" s="2"/>
      <c r="AD6602" s="1"/>
    </row>
    <row r="6603" spans="1:30">
      <c r="A6603" s="5" t="s">
        <v>83578</v>
      </c>
      <c r="B6603" s="2" t="s">
        <v>103924</v>
      </c>
      <c r="C6603" s="14" t="s">
        <v>103925</v>
      </c>
      <c r="D6603" s="2" t="s">
        <v>103926</v>
      </c>
      <c r="E6603" s="2" t="s">
        <v>7547</v>
      </c>
      <c r="F6603" s="8">
        <v>182</v>
      </c>
      <c r="G6603" s="5">
        <v>6</v>
      </c>
      <c r="H6603" s="5" t="s">
        <v>1518</v>
      </c>
      <c r="I6603" s="5" t="s">
        <v>69038</v>
      </c>
      <c r="J6603" s="2" t="s">
        <v>69039</v>
      </c>
      <c r="K6603" s="5" t="s">
        <v>69038</v>
      </c>
      <c r="L6603" s="2" t="s">
        <v>69039</v>
      </c>
      <c r="M6603" s="5" t="s">
        <v>1521</v>
      </c>
      <c r="N6603" s="5" t="s">
        <v>38</v>
      </c>
      <c r="O6603" s="5" t="s">
        <v>39</v>
      </c>
      <c r="P6603" s="5" t="s">
        <v>40</v>
      </c>
      <c r="Q6603" s="5" t="s">
        <v>1522</v>
      </c>
      <c r="R6603" s="5" t="s">
        <v>1523</v>
      </c>
      <c r="S6603" s="5" t="s">
        <v>42</v>
      </c>
      <c r="T6603" s="2">
        <v>2.1120000000000001</v>
      </c>
      <c r="U6603" s="2">
        <v>1.7490000000000001</v>
      </c>
      <c r="V6603" s="2">
        <v>10.6</v>
      </c>
      <c r="W6603" s="2">
        <v>139.1</v>
      </c>
      <c r="X6603" s="2">
        <v>7.6</v>
      </c>
      <c r="Y6603" s="2">
        <v>10.6</v>
      </c>
      <c r="Z6603" s="5"/>
      <c r="AA6603" s="5" t="s">
        <v>43</v>
      </c>
      <c r="AB6603" s="5" t="s">
        <v>44</v>
      </c>
      <c r="AC6603" s="2"/>
      <c r="AD6603" s="1"/>
    </row>
    <row r="6604" spans="1:30">
      <c r="A6604" s="5" t="s">
        <v>83578</v>
      </c>
      <c r="B6604" s="2" t="s">
        <v>103927</v>
      </c>
      <c r="C6604" s="14" t="s">
        <v>103928</v>
      </c>
      <c r="D6604" s="2" t="s">
        <v>103929</v>
      </c>
      <c r="E6604" s="2" t="s">
        <v>7551</v>
      </c>
      <c r="F6604" s="8">
        <v>182</v>
      </c>
      <c r="G6604" s="5">
        <v>6</v>
      </c>
      <c r="H6604" s="5" t="s">
        <v>1518</v>
      </c>
      <c r="I6604" s="5" t="s">
        <v>69038</v>
      </c>
      <c r="J6604" s="2" t="s">
        <v>69039</v>
      </c>
      <c r="K6604" s="5" t="s">
        <v>69038</v>
      </c>
      <c r="L6604" s="2" t="s">
        <v>69039</v>
      </c>
      <c r="M6604" s="5" t="s">
        <v>1521</v>
      </c>
      <c r="N6604" s="5" t="s">
        <v>38</v>
      </c>
      <c r="O6604" s="5" t="s">
        <v>39</v>
      </c>
      <c r="P6604" s="5" t="s">
        <v>40</v>
      </c>
      <c r="Q6604" s="5" t="s">
        <v>1522</v>
      </c>
      <c r="R6604" s="5" t="s">
        <v>1523</v>
      </c>
      <c r="S6604" s="5" t="s">
        <v>42</v>
      </c>
      <c r="T6604" s="2">
        <v>2.202</v>
      </c>
      <c r="U6604" s="2">
        <v>1.839</v>
      </c>
      <c r="V6604" s="2">
        <v>10.6</v>
      </c>
      <c r="W6604" s="2">
        <v>139.1</v>
      </c>
      <c r="X6604" s="2">
        <v>7.6</v>
      </c>
      <c r="Y6604" s="2">
        <v>10.6</v>
      </c>
      <c r="Z6604" s="5"/>
      <c r="AA6604" s="5" t="s">
        <v>43</v>
      </c>
      <c r="AB6604" s="5" t="s">
        <v>44</v>
      </c>
      <c r="AC6604" s="2"/>
      <c r="AD6604" s="1"/>
    </row>
    <row r="6605" spans="1:30">
      <c r="A6605" s="5" t="s">
        <v>83578</v>
      </c>
      <c r="B6605" s="2" t="s">
        <v>103930</v>
      </c>
      <c r="C6605" s="14" t="s">
        <v>103931</v>
      </c>
      <c r="D6605" s="2" t="s">
        <v>103932</v>
      </c>
      <c r="E6605" s="2" t="s">
        <v>7563</v>
      </c>
      <c r="F6605" s="8">
        <v>182</v>
      </c>
      <c r="G6605" s="5">
        <v>6</v>
      </c>
      <c r="H6605" s="5" t="s">
        <v>1518</v>
      </c>
      <c r="I6605" s="5" t="s">
        <v>69038</v>
      </c>
      <c r="J6605" s="2" t="s">
        <v>69039</v>
      </c>
      <c r="K6605" s="5" t="s">
        <v>69038</v>
      </c>
      <c r="L6605" s="2" t="s">
        <v>69039</v>
      </c>
      <c r="M6605" s="5" t="s">
        <v>1521</v>
      </c>
      <c r="N6605" s="5" t="s">
        <v>38</v>
      </c>
      <c r="O6605" s="5" t="s">
        <v>39</v>
      </c>
      <c r="P6605" s="5" t="s">
        <v>40</v>
      </c>
      <c r="Q6605" s="5" t="s">
        <v>1522</v>
      </c>
      <c r="R6605" s="5" t="s">
        <v>1523</v>
      </c>
      <c r="S6605" s="5" t="s">
        <v>42</v>
      </c>
      <c r="T6605" s="2">
        <v>2.1120000000000001</v>
      </c>
      <c r="U6605" s="2">
        <v>1.7490000000000001</v>
      </c>
      <c r="V6605" s="2">
        <v>10.6</v>
      </c>
      <c r="W6605" s="2">
        <v>139.1</v>
      </c>
      <c r="X6605" s="2">
        <v>7.6</v>
      </c>
      <c r="Y6605" s="2">
        <v>10.6</v>
      </c>
      <c r="Z6605" s="5"/>
      <c r="AA6605" s="5" t="s">
        <v>43</v>
      </c>
      <c r="AB6605" s="5" t="s">
        <v>44</v>
      </c>
      <c r="AC6605" s="2"/>
      <c r="AD6605" s="1"/>
    </row>
    <row r="6606" spans="1:30">
      <c r="A6606" s="5" t="s">
        <v>83578</v>
      </c>
      <c r="B6606" s="2" t="s">
        <v>103933</v>
      </c>
      <c r="C6606" s="14" t="s">
        <v>103934</v>
      </c>
      <c r="D6606" s="2" t="s">
        <v>103935</v>
      </c>
      <c r="E6606" s="2" t="s">
        <v>7559</v>
      </c>
      <c r="F6606" s="8">
        <v>182</v>
      </c>
      <c r="G6606" s="5">
        <v>6</v>
      </c>
      <c r="H6606" s="5" t="s">
        <v>1518</v>
      </c>
      <c r="I6606" s="5" t="s">
        <v>69038</v>
      </c>
      <c r="J6606" s="2" t="s">
        <v>69039</v>
      </c>
      <c r="K6606" s="5" t="s">
        <v>69038</v>
      </c>
      <c r="L6606" s="2" t="s">
        <v>69039</v>
      </c>
      <c r="M6606" s="5" t="s">
        <v>1521</v>
      </c>
      <c r="N6606" s="5" t="s">
        <v>38</v>
      </c>
      <c r="O6606" s="5" t="s">
        <v>39</v>
      </c>
      <c r="P6606" s="5" t="s">
        <v>40</v>
      </c>
      <c r="Q6606" s="5" t="s">
        <v>1522</v>
      </c>
      <c r="R6606" s="5" t="s">
        <v>1523</v>
      </c>
      <c r="S6606" s="5" t="s">
        <v>42</v>
      </c>
      <c r="T6606" s="2">
        <v>2.202</v>
      </c>
      <c r="U6606" s="2">
        <v>1.839</v>
      </c>
      <c r="V6606" s="2">
        <v>10.6</v>
      </c>
      <c r="W6606" s="2">
        <v>139.1</v>
      </c>
      <c r="X6606" s="2">
        <v>7.6</v>
      </c>
      <c r="Y6606" s="2">
        <v>10.6</v>
      </c>
      <c r="Z6606" s="5"/>
      <c r="AA6606" s="5" t="s">
        <v>43</v>
      </c>
      <c r="AB6606" s="5" t="s">
        <v>44</v>
      </c>
      <c r="AC6606" s="2"/>
      <c r="AD6606" s="1"/>
    </row>
    <row r="6607" spans="1:30">
      <c r="A6607" s="5" t="s">
        <v>83578</v>
      </c>
      <c r="B6607" s="2" t="s">
        <v>103936</v>
      </c>
      <c r="C6607" s="14" t="s">
        <v>103937</v>
      </c>
      <c r="D6607" s="2" t="s">
        <v>103938</v>
      </c>
      <c r="E6607" s="2" t="s">
        <v>7429</v>
      </c>
      <c r="F6607" s="8">
        <v>182</v>
      </c>
      <c r="G6607" s="5">
        <v>6</v>
      </c>
      <c r="H6607" s="5" t="s">
        <v>1518</v>
      </c>
      <c r="I6607" s="5" t="s">
        <v>69038</v>
      </c>
      <c r="J6607" s="2" t="s">
        <v>69039</v>
      </c>
      <c r="K6607" s="5" t="s">
        <v>69038</v>
      </c>
      <c r="L6607" s="2" t="s">
        <v>69039</v>
      </c>
      <c r="M6607" s="5" t="s">
        <v>1521</v>
      </c>
      <c r="N6607" s="5" t="s">
        <v>38</v>
      </c>
      <c r="O6607" s="5" t="s">
        <v>39</v>
      </c>
      <c r="P6607" s="5" t="s">
        <v>40</v>
      </c>
      <c r="Q6607" s="5" t="s">
        <v>1522</v>
      </c>
      <c r="R6607" s="5" t="s">
        <v>1523</v>
      </c>
      <c r="S6607" s="5" t="s">
        <v>42</v>
      </c>
      <c r="T6607" s="2">
        <v>2.1120000000000001</v>
      </c>
      <c r="U6607" s="2">
        <v>1.7490000000000001</v>
      </c>
      <c r="V6607" s="2">
        <v>10.6</v>
      </c>
      <c r="W6607" s="2">
        <v>139.1</v>
      </c>
      <c r="X6607" s="2">
        <v>7.6</v>
      </c>
      <c r="Y6607" s="2">
        <v>10.6</v>
      </c>
      <c r="Z6607" s="5"/>
      <c r="AA6607" s="5" t="s">
        <v>43</v>
      </c>
      <c r="AB6607" s="5" t="s">
        <v>44</v>
      </c>
      <c r="AC6607" s="2"/>
      <c r="AD6607" s="1"/>
    </row>
    <row r="6608" spans="1:30">
      <c r="A6608" s="5" t="s">
        <v>83578</v>
      </c>
      <c r="B6608" s="2" t="s">
        <v>103939</v>
      </c>
      <c r="C6608" s="14" t="s">
        <v>103940</v>
      </c>
      <c r="D6608" s="2" t="s">
        <v>103941</v>
      </c>
      <c r="E6608" s="2" t="s">
        <v>7574</v>
      </c>
      <c r="F6608" s="8">
        <v>182</v>
      </c>
      <c r="G6608" s="5">
        <v>6</v>
      </c>
      <c r="H6608" s="5" t="s">
        <v>1518</v>
      </c>
      <c r="I6608" s="5" t="s">
        <v>69038</v>
      </c>
      <c r="J6608" s="2" t="s">
        <v>69039</v>
      </c>
      <c r="K6608" s="5" t="s">
        <v>69038</v>
      </c>
      <c r="L6608" s="2" t="s">
        <v>69039</v>
      </c>
      <c r="M6608" s="5" t="s">
        <v>1521</v>
      </c>
      <c r="N6608" s="5" t="s">
        <v>38</v>
      </c>
      <c r="O6608" s="5" t="s">
        <v>39</v>
      </c>
      <c r="P6608" s="5" t="s">
        <v>40</v>
      </c>
      <c r="Q6608" s="5" t="s">
        <v>1522</v>
      </c>
      <c r="R6608" s="5" t="s">
        <v>1523</v>
      </c>
      <c r="S6608" s="5" t="s">
        <v>42</v>
      </c>
      <c r="T6608" s="2">
        <v>2.202</v>
      </c>
      <c r="U6608" s="2">
        <v>1.839</v>
      </c>
      <c r="V6608" s="2">
        <v>10.6</v>
      </c>
      <c r="W6608" s="2">
        <v>139.1</v>
      </c>
      <c r="X6608" s="2">
        <v>7.6</v>
      </c>
      <c r="Y6608" s="2">
        <v>10.6</v>
      </c>
      <c r="Z6608" s="5"/>
      <c r="AA6608" s="5" t="s">
        <v>43</v>
      </c>
      <c r="AB6608" s="5" t="s">
        <v>44</v>
      </c>
      <c r="AC6608" s="2"/>
      <c r="AD6608" s="1"/>
    </row>
    <row r="6609" spans="1:30">
      <c r="A6609" s="5" t="s">
        <v>83578</v>
      </c>
      <c r="B6609" s="2" t="s">
        <v>103942</v>
      </c>
      <c r="C6609" s="14" t="s">
        <v>103943</v>
      </c>
      <c r="D6609" s="2" t="s">
        <v>103944</v>
      </c>
      <c r="E6609" s="2" t="s">
        <v>7585</v>
      </c>
      <c r="F6609" s="8">
        <v>182</v>
      </c>
      <c r="G6609" s="5">
        <v>6</v>
      </c>
      <c r="H6609" s="5" t="s">
        <v>1518</v>
      </c>
      <c r="I6609" s="5" t="s">
        <v>69038</v>
      </c>
      <c r="J6609" s="2" t="s">
        <v>69039</v>
      </c>
      <c r="K6609" s="5" t="s">
        <v>69038</v>
      </c>
      <c r="L6609" s="2" t="s">
        <v>69039</v>
      </c>
      <c r="M6609" s="5" t="s">
        <v>1521</v>
      </c>
      <c r="N6609" s="5" t="s">
        <v>38</v>
      </c>
      <c r="O6609" s="5" t="s">
        <v>39</v>
      </c>
      <c r="P6609" s="5" t="s">
        <v>40</v>
      </c>
      <c r="Q6609" s="5" t="s">
        <v>1522</v>
      </c>
      <c r="R6609" s="5" t="s">
        <v>1523</v>
      </c>
      <c r="S6609" s="5" t="s">
        <v>42</v>
      </c>
      <c r="T6609" s="2">
        <v>2.1120000000000001</v>
      </c>
      <c r="U6609" s="2">
        <v>1.7490000000000001</v>
      </c>
      <c r="V6609" s="2">
        <v>10.6</v>
      </c>
      <c r="W6609" s="2">
        <v>139.1</v>
      </c>
      <c r="X6609" s="2">
        <v>7.6</v>
      </c>
      <c r="Y6609" s="2">
        <v>10.6</v>
      </c>
      <c r="Z6609" s="5"/>
      <c r="AA6609" s="5" t="s">
        <v>43</v>
      </c>
      <c r="AB6609" s="5" t="s">
        <v>44</v>
      </c>
      <c r="AC6609" s="2"/>
      <c r="AD6609" s="1"/>
    </row>
    <row r="6610" spans="1:30">
      <c r="A6610" s="5" t="s">
        <v>83578</v>
      </c>
      <c r="B6610" s="2" t="s">
        <v>103945</v>
      </c>
      <c r="C6610" s="14" t="s">
        <v>103946</v>
      </c>
      <c r="D6610" s="2" t="s">
        <v>103947</v>
      </c>
      <c r="E6610" s="2" t="s">
        <v>7593</v>
      </c>
      <c r="F6610" s="8">
        <v>182</v>
      </c>
      <c r="G6610" s="5">
        <v>6</v>
      </c>
      <c r="H6610" s="5" t="s">
        <v>1518</v>
      </c>
      <c r="I6610" s="5" t="s">
        <v>69038</v>
      </c>
      <c r="J6610" s="2" t="s">
        <v>69039</v>
      </c>
      <c r="K6610" s="5" t="s">
        <v>69038</v>
      </c>
      <c r="L6610" s="2" t="s">
        <v>69039</v>
      </c>
      <c r="M6610" s="5" t="s">
        <v>1521</v>
      </c>
      <c r="N6610" s="5" t="s">
        <v>38</v>
      </c>
      <c r="O6610" s="5" t="s">
        <v>39</v>
      </c>
      <c r="P6610" s="5" t="s">
        <v>40</v>
      </c>
      <c r="Q6610" s="5" t="s">
        <v>1522</v>
      </c>
      <c r="R6610" s="5" t="s">
        <v>1523</v>
      </c>
      <c r="S6610" s="5" t="s">
        <v>42</v>
      </c>
      <c r="T6610" s="2">
        <v>2.1120000000000001</v>
      </c>
      <c r="U6610" s="2">
        <v>1.7490000000000001</v>
      </c>
      <c r="V6610" s="2">
        <v>10.6</v>
      </c>
      <c r="W6610" s="2">
        <v>139.1</v>
      </c>
      <c r="X6610" s="2">
        <v>7.6</v>
      </c>
      <c r="Y6610" s="2">
        <v>10.6</v>
      </c>
      <c r="Z6610" s="5"/>
      <c r="AA6610" s="5" t="s">
        <v>43</v>
      </c>
      <c r="AB6610" s="5" t="s">
        <v>44</v>
      </c>
      <c r="AC6610" s="2"/>
      <c r="AD6610" s="1"/>
    </row>
    <row r="6611" spans="1:30">
      <c r="A6611" s="5" t="s">
        <v>83578</v>
      </c>
      <c r="B6611" s="2" t="s">
        <v>103948</v>
      </c>
      <c r="C6611" s="14" t="s">
        <v>103949</v>
      </c>
      <c r="D6611" s="2" t="s">
        <v>103950</v>
      </c>
      <c r="E6611" s="2" t="s">
        <v>7410</v>
      </c>
      <c r="F6611" s="8">
        <v>182</v>
      </c>
      <c r="G6611" s="5">
        <v>6</v>
      </c>
      <c r="H6611" s="5" t="s">
        <v>1518</v>
      </c>
      <c r="I6611" s="5" t="s">
        <v>69038</v>
      </c>
      <c r="J6611" s="2" t="s">
        <v>69039</v>
      </c>
      <c r="K6611" s="5" t="s">
        <v>69038</v>
      </c>
      <c r="L6611" s="2" t="s">
        <v>69039</v>
      </c>
      <c r="M6611" s="5" t="s">
        <v>1521</v>
      </c>
      <c r="N6611" s="5" t="s">
        <v>38</v>
      </c>
      <c r="O6611" s="5" t="s">
        <v>39</v>
      </c>
      <c r="P6611" s="5" t="s">
        <v>40</v>
      </c>
      <c r="Q6611" s="5" t="s">
        <v>1522</v>
      </c>
      <c r="R6611" s="5" t="s">
        <v>1523</v>
      </c>
      <c r="S6611" s="5" t="s">
        <v>42</v>
      </c>
      <c r="T6611" s="2">
        <v>2.1120000000000001</v>
      </c>
      <c r="U6611" s="2">
        <v>1.7490000000000001</v>
      </c>
      <c r="V6611" s="2">
        <v>10.6</v>
      </c>
      <c r="W6611" s="2">
        <v>139.1</v>
      </c>
      <c r="X6611" s="2">
        <v>7.6</v>
      </c>
      <c r="Y6611" s="2">
        <v>10.6</v>
      </c>
      <c r="Z6611" s="5"/>
      <c r="AA6611" s="5" t="s">
        <v>43</v>
      </c>
      <c r="AB6611" s="5" t="s">
        <v>44</v>
      </c>
      <c r="AC6611" s="2"/>
      <c r="AD6611" s="1"/>
    </row>
    <row r="6612" spans="1:30">
      <c r="A6612" s="5" t="s">
        <v>83578</v>
      </c>
      <c r="B6612" s="2" t="s">
        <v>103951</v>
      </c>
      <c r="C6612" s="14" t="s">
        <v>103952</v>
      </c>
      <c r="D6612" s="2" t="s">
        <v>103953</v>
      </c>
      <c r="E6612" s="2" t="s">
        <v>7406</v>
      </c>
      <c r="F6612" s="8">
        <v>202</v>
      </c>
      <c r="G6612" s="5">
        <v>6</v>
      </c>
      <c r="H6612" s="5" t="s">
        <v>1518</v>
      </c>
      <c r="I6612" s="5" t="s">
        <v>69038</v>
      </c>
      <c r="J6612" s="2" t="s">
        <v>69039</v>
      </c>
      <c r="K6612" s="5" t="s">
        <v>69038</v>
      </c>
      <c r="L6612" s="2" t="s">
        <v>69039</v>
      </c>
      <c r="M6612" s="5" t="s">
        <v>1521</v>
      </c>
      <c r="N6612" s="5" t="s">
        <v>38</v>
      </c>
      <c r="O6612" s="5" t="s">
        <v>39</v>
      </c>
      <c r="P6612" s="5" t="s">
        <v>40</v>
      </c>
      <c r="Q6612" s="5" t="s">
        <v>1522</v>
      </c>
      <c r="R6612" s="5" t="s">
        <v>1523</v>
      </c>
      <c r="S6612" s="5" t="s">
        <v>42</v>
      </c>
      <c r="T6612" s="2">
        <v>2.2829999999999999</v>
      </c>
      <c r="U6612" s="2">
        <v>1.8759999999999999</v>
      </c>
      <c r="V6612" s="2">
        <v>10.6</v>
      </c>
      <c r="W6612" s="2">
        <v>159.1</v>
      </c>
      <c r="X6612" s="2">
        <v>7.6</v>
      </c>
      <c r="Y6612" s="2">
        <v>10.6</v>
      </c>
      <c r="Z6612" s="5"/>
      <c r="AA6612" s="5" t="s">
        <v>43</v>
      </c>
      <c r="AB6612" s="5" t="s">
        <v>44</v>
      </c>
      <c r="AC6612" s="2"/>
      <c r="AD6612" s="1"/>
    </row>
    <row r="6613" spans="1:30">
      <c r="A6613" s="5" t="s">
        <v>83578</v>
      </c>
      <c r="B6613" s="2" t="s">
        <v>103954</v>
      </c>
      <c r="C6613" s="14" t="s">
        <v>103955</v>
      </c>
      <c r="D6613" s="2" t="s">
        <v>103956</v>
      </c>
      <c r="E6613" s="2" t="s">
        <v>7535</v>
      </c>
      <c r="F6613" s="8">
        <v>202</v>
      </c>
      <c r="G6613" s="5">
        <v>6</v>
      </c>
      <c r="H6613" s="5" t="s">
        <v>1518</v>
      </c>
      <c r="I6613" s="5" t="s">
        <v>69038</v>
      </c>
      <c r="J6613" s="2" t="s">
        <v>69039</v>
      </c>
      <c r="K6613" s="5" t="s">
        <v>69038</v>
      </c>
      <c r="L6613" s="2" t="s">
        <v>69039</v>
      </c>
      <c r="M6613" s="5" t="s">
        <v>1521</v>
      </c>
      <c r="N6613" s="5" t="s">
        <v>38</v>
      </c>
      <c r="O6613" s="5" t="s">
        <v>39</v>
      </c>
      <c r="P6613" s="5" t="s">
        <v>40</v>
      </c>
      <c r="Q6613" s="5" t="s">
        <v>1522</v>
      </c>
      <c r="R6613" s="5" t="s">
        <v>1523</v>
      </c>
      <c r="S6613" s="5" t="s">
        <v>42</v>
      </c>
      <c r="T6613" s="2">
        <v>2.383</v>
      </c>
      <c r="U6613" s="2">
        <v>1.976</v>
      </c>
      <c r="V6613" s="2">
        <v>10.6</v>
      </c>
      <c r="W6613" s="2">
        <v>159.1</v>
      </c>
      <c r="X6613" s="2">
        <v>7.6</v>
      </c>
      <c r="Y6613" s="2">
        <v>10.6</v>
      </c>
      <c r="Z6613" s="5"/>
      <c r="AA6613" s="5" t="s">
        <v>43</v>
      </c>
      <c r="AB6613" s="5" t="s">
        <v>44</v>
      </c>
      <c r="AC6613" s="2"/>
      <c r="AD6613" s="1"/>
    </row>
    <row r="6614" spans="1:30">
      <c r="A6614" s="5" t="s">
        <v>83578</v>
      </c>
      <c r="B6614" s="2" t="s">
        <v>103957</v>
      </c>
      <c r="C6614" s="14" t="s">
        <v>103958</v>
      </c>
      <c r="D6614" s="2" t="s">
        <v>103959</v>
      </c>
      <c r="E6614" s="2" t="s">
        <v>7539</v>
      </c>
      <c r="F6614" s="8">
        <v>202</v>
      </c>
      <c r="G6614" s="5">
        <v>6</v>
      </c>
      <c r="H6614" s="5" t="s">
        <v>1518</v>
      </c>
      <c r="I6614" s="5" t="s">
        <v>69038</v>
      </c>
      <c r="J6614" s="2" t="s">
        <v>69039</v>
      </c>
      <c r="K6614" s="5" t="s">
        <v>69038</v>
      </c>
      <c r="L6614" s="2" t="s">
        <v>69039</v>
      </c>
      <c r="M6614" s="5" t="s">
        <v>1521</v>
      </c>
      <c r="N6614" s="5" t="s">
        <v>38</v>
      </c>
      <c r="O6614" s="5" t="s">
        <v>39</v>
      </c>
      <c r="P6614" s="5" t="s">
        <v>40</v>
      </c>
      <c r="Q6614" s="5" t="s">
        <v>1522</v>
      </c>
      <c r="R6614" s="5" t="s">
        <v>1523</v>
      </c>
      <c r="S6614" s="5" t="s">
        <v>42</v>
      </c>
      <c r="T6614" s="2">
        <v>2.2829999999999999</v>
      </c>
      <c r="U6614" s="2">
        <v>1.8759999999999999</v>
      </c>
      <c r="V6614" s="2">
        <v>10.6</v>
      </c>
      <c r="W6614" s="2">
        <v>159.1</v>
      </c>
      <c r="X6614" s="2">
        <v>7.6</v>
      </c>
      <c r="Y6614" s="2">
        <v>10.6</v>
      </c>
      <c r="Z6614" s="5"/>
      <c r="AA6614" s="5" t="s">
        <v>43</v>
      </c>
      <c r="AB6614" s="5" t="s">
        <v>44</v>
      </c>
      <c r="AC6614" s="2"/>
      <c r="AD6614" s="1"/>
    </row>
    <row r="6615" spans="1:30">
      <c r="A6615" s="5" t="s">
        <v>83578</v>
      </c>
      <c r="B6615" s="2" t="s">
        <v>103960</v>
      </c>
      <c r="C6615" s="14" t="s">
        <v>103961</v>
      </c>
      <c r="D6615" s="2" t="s">
        <v>103962</v>
      </c>
      <c r="E6615" s="2" t="s">
        <v>7543</v>
      </c>
      <c r="F6615" s="8">
        <v>202</v>
      </c>
      <c r="G6615" s="5">
        <v>6</v>
      </c>
      <c r="H6615" s="5" t="s">
        <v>1518</v>
      </c>
      <c r="I6615" s="5" t="s">
        <v>69038</v>
      </c>
      <c r="J6615" s="2" t="s">
        <v>69039</v>
      </c>
      <c r="K6615" s="5" t="s">
        <v>69038</v>
      </c>
      <c r="L6615" s="2" t="s">
        <v>69039</v>
      </c>
      <c r="M6615" s="5" t="s">
        <v>1521</v>
      </c>
      <c r="N6615" s="5" t="s">
        <v>38</v>
      </c>
      <c r="O6615" s="5" t="s">
        <v>39</v>
      </c>
      <c r="P6615" s="5" t="s">
        <v>40</v>
      </c>
      <c r="Q6615" s="5" t="s">
        <v>1522</v>
      </c>
      <c r="R6615" s="5" t="s">
        <v>1523</v>
      </c>
      <c r="S6615" s="5" t="s">
        <v>42</v>
      </c>
      <c r="T6615" s="2">
        <v>2.383</v>
      </c>
      <c r="U6615" s="2">
        <v>1.976</v>
      </c>
      <c r="V6615" s="2">
        <v>10.6</v>
      </c>
      <c r="W6615" s="2">
        <v>159.1</v>
      </c>
      <c r="X6615" s="2">
        <v>7.6</v>
      </c>
      <c r="Y6615" s="2">
        <v>10.6</v>
      </c>
      <c r="Z6615" s="5"/>
      <c r="AA6615" s="5" t="s">
        <v>43</v>
      </c>
      <c r="AB6615" s="5" t="s">
        <v>44</v>
      </c>
      <c r="AC6615" s="2"/>
      <c r="AD6615" s="1"/>
    </row>
    <row r="6616" spans="1:30">
      <c r="A6616" s="5" t="s">
        <v>83578</v>
      </c>
      <c r="B6616" s="2" t="s">
        <v>103963</v>
      </c>
      <c r="C6616" s="14" t="s">
        <v>103964</v>
      </c>
      <c r="D6616" s="2" t="s">
        <v>103965</v>
      </c>
      <c r="E6616" s="2" t="s">
        <v>7547</v>
      </c>
      <c r="F6616" s="8">
        <v>202</v>
      </c>
      <c r="G6616" s="5">
        <v>6</v>
      </c>
      <c r="H6616" s="5" t="s">
        <v>1518</v>
      </c>
      <c r="I6616" s="5" t="s">
        <v>69038</v>
      </c>
      <c r="J6616" s="2" t="s">
        <v>69039</v>
      </c>
      <c r="K6616" s="5" t="s">
        <v>69038</v>
      </c>
      <c r="L6616" s="2" t="s">
        <v>69039</v>
      </c>
      <c r="M6616" s="5" t="s">
        <v>1521</v>
      </c>
      <c r="N6616" s="5" t="s">
        <v>38</v>
      </c>
      <c r="O6616" s="5" t="s">
        <v>39</v>
      </c>
      <c r="P6616" s="5" t="s">
        <v>40</v>
      </c>
      <c r="Q6616" s="5" t="s">
        <v>1522</v>
      </c>
      <c r="R6616" s="5" t="s">
        <v>1523</v>
      </c>
      <c r="S6616" s="5" t="s">
        <v>42</v>
      </c>
      <c r="T6616" s="2">
        <v>2.2829999999999999</v>
      </c>
      <c r="U6616" s="2">
        <v>1.8759999999999999</v>
      </c>
      <c r="V6616" s="2">
        <v>10.6</v>
      </c>
      <c r="W6616" s="2">
        <v>159.1</v>
      </c>
      <c r="X6616" s="2">
        <v>7.6</v>
      </c>
      <c r="Y6616" s="2">
        <v>10.6</v>
      </c>
      <c r="Z6616" s="5"/>
      <c r="AA6616" s="5" t="s">
        <v>43</v>
      </c>
      <c r="AB6616" s="5" t="s">
        <v>44</v>
      </c>
      <c r="AC6616" s="2"/>
      <c r="AD6616" s="1"/>
    </row>
    <row r="6617" spans="1:30">
      <c r="A6617" s="5" t="s">
        <v>83578</v>
      </c>
      <c r="B6617" s="2" t="s">
        <v>103966</v>
      </c>
      <c r="C6617" s="14" t="s">
        <v>103967</v>
      </c>
      <c r="D6617" s="2" t="s">
        <v>103968</v>
      </c>
      <c r="E6617" s="2" t="s">
        <v>7551</v>
      </c>
      <c r="F6617" s="8">
        <v>202</v>
      </c>
      <c r="G6617" s="5">
        <v>6</v>
      </c>
      <c r="H6617" s="5" t="s">
        <v>1518</v>
      </c>
      <c r="I6617" s="5" t="s">
        <v>69038</v>
      </c>
      <c r="J6617" s="2" t="s">
        <v>69039</v>
      </c>
      <c r="K6617" s="5" t="s">
        <v>69038</v>
      </c>
      <c r="L6617" s="2" t="s">
        <v>69039</v>
      </c>
      <c r="M6617" s="5" t="s">
        <v>1521</v>
      </c>
      <c r="N6617" s="5" t="s">
        <v>38</v>
      </c>
      <c r="O6617" s="5" t="s">
        <v>39</v>
      </c>
      <c r="P6617" s="5" t="s">
        <v>40</v>
      </c>
      <c r="Q6617" s="5" t="s">
        <v>1522</v>
      </c>
      <c r="R6617" s="5" t="s">
        <v>1523</v>
      </c>
      <c r="S6617" s="5" t="s">
        <v>42</v>
      </c>
      <c r="T6617" s="2">
        <v>2.383</v>
      </c>
      <c r="U6617" s="2">
        <v>1.976</v>
      </c>
      <c r="V6617" s="2">
        <v>10.6</v>
      </c>
      <c r="W6617" s="2">
        <v>159.1</v>
      </c>
      <c r="X6617" s="2">
        <v>7.6</v>
      </c>
      <c r="Y6617" s="2">
        <v>10.6</v>
      </c>
      <c r="Z6617" s="5"/>
      <c r="AA6617" s="5" t="s">
        <v>43</v>
      </c>
      <c r="AB6617" s="5" t="s">
        <v>44</v>
      </c>
      <c r="AC6617" s="2"/>
      <c r="AD6617" s="1"/>
    </row>
    <row r="6618" spans="1:30">
      <c r="A6618" s="5" t="s">
        <v>83578</v>
      </c>
      <c r="B6618" s="2" t="s">
        <v>103969</v>
      </c>
      <c r="C6618" s="14" t="s">
        <v>103970</v>
      </c>
      <c r="D6618" s="2" t="s">
        <v>103971</v>
      </c>
      <c r="E6618" s="2" t="s">
        <v>7563</v>
      </c>
      <c r="F6618" s="8">
        <v>202</v>
      </c>
      <c r="G6618" s="5">
        <v>6</v>
      </c>
      <c r="H6618" s="5" t="s">
        <v>1518</v>
      </c>
      <c r="I6618" s="5" t="s">
        <v>69038</v>
      </c>
      <c r="J6618" s="2" t="s">
        <v>69039</v>
      </c>
      <c r="K6618" s="5" t="s">
        <v>69038</v>
      </c>
      <c r="L6618" s="2" t="s">
        <v>69039</v>
      </c>
      <c r="M6618" s="5" t="s">
        <v>1521</v>
      </c>
      <c r="N6618" s="5" t="s">
        <v>38</v>
      </c>
      <c r="O6618" s="5" t="s">
        <v>39</v>
      </c>
      <c r="P6618" s="5" t="s">
        <v>40</v>
      </c>
      <c r="Q6618" s="5" t="s">
        <v>1522</v>
      </c>
      <c r="R6618" s="5" t="s">
        <v>1523</v>
      </c>
      <c r="S6618" s="5" t="s">
        <v>42</v>
      </c>
      <c r="T6618" s="2">
        <v>2.2829999999999999</v>
      </c>
      <c r="U6618" s="2">
        <v>1.8759999999999999</v>
      </c>
      <c r="V6618" s="2">
        <v>10.6</v>
      </c>
      <c r="W6618" s="2">
        <v>159.1</v>
      </c>
      <c r="X6618" s="2">
        <v>7.6</v>
      </c>
      <c r="Y6618" s="2">
        <v>10.6</v>
      </c>
      <c r="Z6618" s="5"/>
      <c r="AA6618" s="5" t="s">
        <v>43</v>
      </c>
      <c r="AB6618" s="5" t="s">
        <v>44</v>
      </c>
      <c r="AC6618" s="2"/>
      <c r="AD6618" s="1"/>
    </row>
    <row r="6619" spans="1:30">
      <c r="A6619" s="5" t="s">
        <v>83578</v>
      </c>
      <c r="B6619" s="2" t="s">
        <v>103972</v>
      </c>
      <c r="C6619" s="14" t="s">
        <v>103973</v>
      </c>
      <c r="D6619" s="2" t="s">
        <v>103974</v>
      </c>
      <c r="E6619" s="2" t="s">
        <v>7567</v>
      </c>
      <c r="F6619" s="8">
        <v>202</v>
      </c>
      <c r="G6619" s="5">
        <v>6</v>
      </c>
      <c r="H6619" s="5" t="s">
        <v>1518</v>
      </c>
      <c r="I6619" s="5" t="s">
        <v>69038</v>
      </c>
      <c r="J6619" s="2" t="s">
        <v>69039</v>
      </c>
      <c r="K6619" s="5" t="s">
        <v>69038</v>
      </c>
      <c r="L6619" s="2" t="s">
        <v>69039</v>
      </c>
      <c r="M6619" s="5" t="s">
        <v>1521</v>
      </c>
      <c r="N6619" s="5" t="s">
        <v>38</v>
      </c>
      <c r="O6619" s="5" t="s">
        <v>39</v>
      </c>
      <c r="P6619" s="5" t="s">
        <v>40</v>
      </c>
      <c r="Q6619" s="5" t="s">
        <v>1522</v>
      </c>
      <c r="R6619" s="5" t="s">
        <v>1523</v>
      </c>
      <c r="S6619" s="5" t="s">
        <v>42</v>
      </c>
      <c r="T6619" s="2">
        <v>2.383</v>
      </c>
      <c r="U6619" s="2">
        <v>1.976</v>
      </c>
      <c r="V6619" s="2">
        <v>10.6</v>
      </c>
      <c r="W6619" s="2">
        <v>159.1</v>
      </c>
      <c r="X6619" s="2">
        <v>7.6</v>
      </c>
      <c r="Y6619" s="2">
        <v>10.6</v>
      </c>
      <c r="Z6619" s="5"/>
      <c r="AA6619" s="5" t="s">
        <v>43</v>
      </c>
      <c r="AB6619" s="5" t="s">
        <v>44</v>
      </c>
      <c r="AC6619" s="2"/>
      <c r="AD6619" s="1"/>
    </row>
    <row r="6620" spans="1:30">
      <c r="A6620" s="5" t="s">
        <v>83578</v>
      </c>
      <c r="B6620" s="2" t="s">
        <v>103975</v>
      </c>
      <c r="C6620" s="14" t="s">
        <v>103976</v>
      </c>
      <c r="D6620" s="2" t="s">
        <v>103977</v>
      </c>
      <c r="E6620" s="2" t="s">
        <v>7555</v>
      </c>
      <c r="F6620" s="8">
        <v>202</v>
      </c>
      <c r="G6620" s="5">
        <v>6</v>
      </c>
      <c r="H6620" s="5" t="s">
        <v>1518</v>
      </c>
      <c r="I6620" s="5" t="s">
        <v>69038</v>
      </c>
      <c r="J6620" s="2" t="s">
        <v>69039</v>
      </c>
      <c r="K6620" s="5" t="s">
        <v>69038</v>
      </c>
      <c r="L6620" s="2" t="s">
        <v>69039</v>
      </c>
      <c r="M6620" s="5" t="s">
        <v>1521</v>
      </c>
      <c r="N6620" s="5" t="s">
        <v>38</v>
      </c>
      <c r="O6620" s="5" t="s">
        <v>39</v>
      </c>
      <c r="P6620" s="5" t="s">
        <v>40</v>
      </c>
      <c r="Q6620" s="5" t="s">
        <v>1522</v>
      </c>
      <c r="R6620" s="5" t="s">
        <v>1523</v>
      </c>
      <c r="S6620" s="5" t="s">
        <v>42</v>
      </c>
      <c r="T6620" s="2">
        <v>2.2829999999999999</v>
      </c>
      <c r="U6620" s="2">
        <v>1.8759999999999999</v>
      </c>
      <c r="V6620" s="2">
        <v>10.6</v>
      </c>
      <c r="W6620" s="2">
        <v>159.1</v>
      </c>
      <c r="X6620" s="2">
        <v>7.6</v>
      </c>
      <c r="Y6620" s="2">
        <v>10.6</v>
      </c>
      <c r="Z6620" s="5"/>
      <c r="AA6620" s="5" t="s">
        <v>43</v>
      </c>
      <c r="AB6620" s="5" t="s">
        <v>44</v>
      </c>
      <c r="AC6620" s="2"/>
      <c r="AD6620" s="1"/>
    </row>
    <row r="6621" spans="1:30">
      <c r="A6621" s="5" t="s">
        <v>83578</v>
      </c>
      <c r="B6621" s="2" t="s">
        <v>103978</v>
      </c>
      <c r="C6621" s="14" t="s">
        <v>103979</v>
      </c>
      <c r="D6621" s="2" t="s">
        <v>103980</v>
      </c>
      <c r="E6621" s="2" t="s">
        <v>7559</v>
      </c>
      <c r="F6621" s="8">
        <v>202</v>
      </c>
      <c r="G6621" s="5">
        <v>6</v>
      </c>
      <c r="H6621" s="5" t="s">
        <v>1518</v>
      </c>
      <c r="I6621" s="5" t="s">
        <v>69038</v>
      </c>
      <c r="J6621" s="2" t="s">
        <v>69039</v>
      </c>
      <c r="K6621" s="5" t="s">
        <v>69038</v>
      </c>
      <c r="L6621" s="2" t="s">
        <v>69039</v>
      </c>
      <c r="M6621" s="5" t="s">
        <v>1521</v>
      </c>
      <c r="N6621" s="5" t="s">
        <v>38</v>
      </c>
      <c r="O6621" s="5" t="s">
        <v>39</v>
      </c>
      <c r="P6621" s="5" t="s">
        <v>40</v>
      </c>
      <c r="Q6621" s="5" t="s">
        <v>1522</v>
      </c>
      <c r="R6621" s="5" t="s">
        <v>1523</v>
      </c>
      <c r="S6621" s="5" t="s">
        <v>42</v>
      </c>
      <c r="T6621" s="2">
        <v>2.383</v>
      </c>
      <c r="U6621" s="2">
        <v>1.976</v>
      </c>
      <c r="V6621" s="2">
        <v>10.6</v>
      </c>
      <c r="W6621" s="2">
        <v>159.1</v>
      </c>
      <c r="X6621" s="2">
        <v>7.6</v>
      </c>
      <c r="Y6621" s="2">
        <v>10.6</v>
      </c>
      <c r="Z6621" s="5"/>
      <c r="AA6621" s="5" t="s">
        <v>43</v>
      </c>
      <c r="AB6621" s="5" t="s">
        <v>44</v>
      </c>
      <c r="AC6621" s="2"/>
      <c r="AD6621" s="1"/>
    </row>
    <row r="6622" spans="1:30">
      <c r="A6622" s="5" t="s">
        <v>83578</v>
      </c>
      <c r="B6622" s="2" t="s">
        <v>103981</v>
      </c>
      <c r="C6622" s="14" t="s">
        <v>103982</v>
      </c>
      <c r="D6622" s="2" t="s">
        <v>103983</v>
      </c>
      <c r="E6622" s="2" t="s">
        <v>7429</v>
      </c>
      <c r="F6622" s="8">
        <v>202</v>
      </c>
      <c r="G6622" s="5">
        <v>6</v>
      </c>
      <c r="H6622" s="5" t="s">
        <v>1518</v>
      </c>
      <c r="I6622" s="5" t="s">
        <v>69038</v>
      </c>
      <c r="J6622" s="2" t="s">
        <v>69039</v>
      </c>
      <c r="K6622" s="5" t="s">
        <v>69038</v>
      </c>
      <c r="L6622" s="2" t="s">
        <v>69039</v>
      </c>
      <c r="M6622" s="5" t="s">
        <v>1521</v>
      </c>
      <c r="N6622" s="5" t="s">
        <v>38</v>
      </c>
      <c r="O6622" s="5" t="s">
        <v>39</v>
      </c>
      <c r="P6622" s="5" t="s">
        <v>40</v>
      </c>
      <c r="Q6622" s="5" t="s">
        <v>1522</v>
      </c>
      <c r="R6622" s="5" t="s">
        <v>1523</v>
      </c>
      <c r="S6622" s="5" t="s">
        <v>42</v>
      </c>
      <c r="T6622" s="2">
        <v>2.2829999999999999</v>
      </c>
      <c r="U6622" s="2">
        <v>1.8759999999999999</v>
      </c>
      <c r="V6622" s="2">
        <v>10.6</v>
      </c>
      <c r="W6622" s="2">
        <v>159.1</v>
      </c>
      <c r="X6622" s="2">
        <v>7.6</v>
      </c>
      <c r="Y6622" s="2">
        <v>10.6</v>
      </c>
      <c r="Z6622" s="5"/>
      <c r="AA6622" s="5" t="s">
        <v>43</v>
      </c>
      <c r="AB6622" s="5" t="s">
        <v>44</v>
      </c>
      <c r="AC6622" s="2"/>
      <c r="AD6622" s="1"/>
    </row>
    <row r="6623" spans="1:30">
      <c r="A6623" s="5" t="s">
        <v>83578</v>
      </c>
      <c r="B6623" s="2" t="s">
        <v>103984</v>
      </c>
      <c r="C6623" s="14" t="s">
        <v>103985</v>
      </c>
      <c r="D6623" s="2" t="s">
        <v>103986</v>
      </c>
      <c r="E6623" s="2" t="s">
        <v>7574</v>
      </c>
      <c r="F6623" s="8">
        <v>202</v>
      </c>
      <c r="G6623" s="5">
        <v>6</v>
      </c>
      <c r="H6623" s="5" t="s">
        <v>1518</v>
      </c>
      <c r="I6623" s="5" t="s">
        <v>69038</v>
      </c>
      <c r="J6623" s="2" t="s">
        <v>69039</v>
      </c>
      <c r="K6623" s="5" t="s">
        <v>69038</v>
      </c>
      <c r="L6623" s="2" t="s">
        <v>69039</v>
      </c>
      <c r="M6623" s="5" t="s">
        <v>1521</v>
      </c>
      <c r="N6623" s="5" t="s">
        <v>38</v>
      </c>
      <c r="O6623" s="5" t="s">
        <v>39</v>
      </c>
      <c r="P6623" s="5" t="s">
        <v>40</v>
      </c>
      <c r="Q6623" s="5" t="s">
        <v>1522</v>
      </c>
      <c r="R6623" s="5" t="s">
        <v>1523</v>
      </c>
      <c r="S6623" s="5" t="s">
        <v>42</v>
      </c>
      <c r="T6623" s="2">
        <v>2.383</v>
      </c>
      <c r="U6623" s="2">
        <v>1.976</v>
      </c>
      <c r="V6623" s="2">
        <v>10.6</v>
      </c>
      <c r="W6623" s="2">
        <v>159.1</v>
      </c>
      <c r="X6623" s="2">
        <v>7.6</v>
      </c>
      <c r="Y6623" s="2">
        <v>10.6</v>
      </c>
      <c r="Z6623" s="5"/>
      <c r="AA6623" s="5" t="s">
        <v>43</v>
      </c>
      <c r="AB6623" s="5" t="s">
        <v>44</v>
      </c>
      <c r="AC6623" s="2"/>
      <c r="AD6623" s="1"/>
    </row>
    <row r="6624" spans="1:30">
      <c r="A6624" s="5" t="s">
        <v>83578</v>
      </c>
      <c r="B6624" s="2" t="s">
        <v>103987</v>
      </c>
      <c r="C6624" s="14" t="s">
        <v>103988</v>
      </c>
      <c r="D6624" s="2" t="s">
        <v>103989</v>
      </c>
      <c r="E6624" s="2" t="s">
        <v>7449</v>
      </c>
      <c r="F6624" s="8">
        <v>202</v>
      </c>
      <c r="G6624" s="5">
        <v>6</v>
      </c>
      <c r="H6624" s="5" t="s">
        <v>1518</v>
      </c>
      <c r="I6624" s="5" t="s">
        <v>69038</v>
      </c>
      <c r="J6624" s="2" t="s">
        <v>69039</v>
      </c>
      <c r="K6624" s="5" t="s">
        <v>69038</v>
      </c>
      <c r="L6624" s="2" t="s">
        <v>69039</v>
      </c>
      <c r="M6624" s="5" t="s">
        <v>1521</v>
      </c>
      <c r="N6624" s="5" t="s">
        <v>38</v>
      </c>
      <c r="O6624" s="5" t="s">
        <v>39</v>
      </c>
      <c r="P6624" s="5" t="s">
        <v>40</v>
      </c>
      <c r="Q6624" s="5" t="s">
        <v>1522</v>
      </c>
      <c r="R6624" s="5" t="s">
        <v>1523</v>
      </c>
      <c r="S6624" s="5" t="s">
        <v>42</v>
      </c>
      <c r="T6624" s="2">
        <v>2.2829999999999999</v>
      </c>
      <c r="U6624" s="2">
        <v>1.8759999999999999</v>
      </c>
      <c r="V6624" s="2">
        <v>10.6</v>
      </c>
      <c r="W6624" s="2">
        <v>159.1</v>
      </c>
      <c r="X6624" s="2">
        <v>7.6</v>
      </c>
      <c r="Y6624" s="2">
        <v>10.6</v>
      </c>
      <c r="Z6624" s="5"/>
      <c r="AA6624" s="5" t="s">
        <v>43</v>
      </c>
      <c r="AB6624" s="5" t="s">
        <v>44</v>
      </c>
      <c r="AC6624" s="2"/>
      <c r="AD6624" s="1"/>
    </row>
    <row r="6625" spans="1:30">
      <c r="A6625" s="5" t="s">
        <v>83578</v>
      </c>
      <c r="B6625" s="2" t="s">
        <v>103990</v>
      </c>
      <c r="C6625" s="14" t="s">
        <v>103991</v>
      </c>
      <c r="D6625" s="2" t="s">
        <v>103992</v>
      </c>
      <c r="E6625" s="2" t="s">
        <v>7581</v>
      </c>
      <c r="F6625" s="8">
        <v>202</v>
      </c>
      <c r="G6625" s="5">
        <v>6</v>
      </c>
      <c r="H6625" s="5" t="s">
        <v>1518</v>
      </c>
      <c r="I6625" s="5" t="s">
        <v>69038</v>
      </c>
      <c r="J6625" s="2" t="s">
        <v>69039</v>
      </c>
      <c r="K6625" s="5" t="s">
        <v>69038</v>
      </c>
      <c r="L6625" s="2" t="s">
        <v>69039</v>
      </c>
      <c r="M6625" s="5" t="s">
        <v>1521</v>
      </c>
      <c r="N6625" s="5" t="s">
        <v>38</v>
      </c>
      <c r="O6625" s="5" t="s">
        <v>39</v>
      </c>
      <c r="P6625" s="5" t="s">
        <v>40</v>
      </c>
      <c r="Q6625" s="5" t="s">
        <v>1522</v>
      </c>
      <c r="R6625" s="5" t="s">
        <v>1523</v>
      </c>
      <c r="S6625" s="5" t="s">
        <v>42</v>
      </c>
      <c r="T6625" s="2">
        <v>2.383</v>
      </c>
      <c r="U6625" s="2">
        <v>1.976</v>
      </c>
      <c r="V6625" s="2">
        <v>10.6</v>
      </c>
      <c r="W6625" s="2">
        <v>159.1</v>
      </c>
      <c r="X6625" s="2">
        <v>7.6</v>
      </c>
      <c r="Y6625" s="2">
        <v>10.6</v>
      </c>
      <c r="Z6625" s="5"/>
      <c r="AA6625" s="5" t="s">
        <v>43</v>
      </c>
      <c r="AB6625" s="5" t="s">
        <v>44</v>
      </c>
      <c r="AC6625" s="2"/>
      <c r="AD6625" s="1"/>
    </row>
    <row r="6626" spans="1:30">
      <c r="A6626" s="5" t="s">
        <v>83578</v>
      </c>
      <c r="B6626" s="2" t="s">
        <v>103993</v>
      </c>
      <c r="C6626" s="14" t="s">
        <v>103994</v>
      </c>
      <c r="D6626" s="2" t="s">
        <v>103995</v>
      </c>
      <c r="E6626" s="2" t="s">
        <v>7585</v>
      </c>
      <c r="F6626" s="8">
        <v>202</v>
      </c>
      <c r="G6626" s="5">
        <v>6</v>
      </c>
      <c r="H6626" s="5" t="s">
        <v>1518</v>
      </c>
      <c r="I6626" s="5" t="s">
        <v>69038</v>
      </c>
      <c r="J6626" s="2" t="s">
        <v>69039</v>
      </c>
      <c r="K6626" s="5" t="s">
        <v>69038</v>
      </c>
      <c r="L6626" s="2" t="s">
        <v>69039</v>
      </c>
      <c r="M6626" s="5" t="s">
        <v>1521</v>
      </c>
      <c r="N6626" s="5" t="s">
        <v>38</v>
      </c>
      <c r="O6626" s="5" t="s">
        <v>39</v>
      </c>
      <c r="P6626" s="5" t="s">
        <v>40</v>
      </c>
      <c r="Q6626" s="5" t="s">
        <v>1522</v>
      </c>
      <c r="R6626" s="5" t="s">
        <v>1523</v>
      </c>
      <c r="S6626" s="5" t="s">
        <v>42</v>
      </c>
      <c r="T6626" s="2">
        <v>2.2829999999999999</v>
      </c>
      <c r="U6626" s="2">
        <v>1.8759999999999999</v>
      </c>
      <c r="V6626" s="2">
        <v>10.6</v>
      </c>
      <c r="W6626" s="2">
        <v>159.1</v>
      </c>
      <c r="X6626" s="2">
        <v>7.6</v>
      </c>
      <c r="Y6626" s="2">
        <v>10.6</v>
      </c>
      <c r="Z6626" s="5"/>
      <c r="AA6626" s="5" t="s">
        <v>43</v>
      </c>
      <c r="AB6626" s="5" t="s">
        <v>44</v>
      </c>
      <c r="AC6626" s="2"/>
      <c r="AD6626" s="1"/>
    </row>
    <row r="6627" spans="1:30">
      <c r="A6627" s="5" t="s">
        <v>83578</v>
      </c>
      <c r="B6627" s="2" t="s">
        <v>103996</v>
      </c>
      <c r="C6627" s="14" t="s">
        <v>103997</v>
      </c>
      <c r="D6627" s="2" t="s">
        <v>103998</v>
      </c>
      <c r="E6627" s="2" t="s">
        <v>7589</v>
      </c>
      <c r="F6627" s="8">
        <v>202</v>
      </c>
      <c r="G6627" s="5">
        <v>6</v>
      </c>
      <c r="H6627" s="5" t="s">
        <v>1518</v>
      </c>
      <c r="I6627" s="5" t="s">
        <v>69038</v>
      </c>
      <c r="J6627" s="2" t="s">
        <v>69039</v>
      </c>
      <c r="K6627" s="5" t="s">
        <v>69038</v>
      </c>
      <c r="L6627" s="2" t="s">
        <v>69039</v>
      </c>
      <c r="M6627" s="5" t="s">
        <v>1521</v>
      </c>
      <c r="N6627" s="5" t="s">
        <v>38</v>
      </c>
      <c r="O6627" s="5" t="s">
        <v>39</v>
      </c>
      <c r="P6627" s="5" t="s">
        <v>40</v>
      </c>
      <c r="Q6627" s="5" t="s">
        <v>1522</v>
      </c>
      <c r="R6627" s="5" t="s">
        <v>1523</v>
      </c>
      <c r="S6627" s="5" t="s">
        <v>42</v>
      </c>
      <c r="T6627" s="2">
        <v>2.383</v>
      </c>
      <c r="U6627" s="2">
        <v>1.976</v>
      </c>
      <c r="V6627" s="2">
        <v>10.6</v>
      </c>
      <c r="W6627" s="2">
        <v>159.1</v>
      </c>
      <c r="X6627" s="2">
        <v>7.6</v>
      </c>
      <c r="Y6627" s="2">
        <v>10.6</v>
      </c>
      <c r="Z6627" s="5"/>
      <c r="AA6627" s="5" t="s">
        <v>43</v>
      </c>
      <c r="AB6627" s="5" t="s">
        <v>44</v>
      </c>
      <c r="AC6627" s="2"/>
      <c r="AD6627" s="1"/>
    </row>
    <row r="6628" spans="1:30">
      <c r="A6628" s="5" t="s">
        <v>83578</v>
      </c>
      <c r="B6628" s="2" t="s">
        <v>103999</v>
      </c>
      <c r="C6628" s="14" t="s">
        <v>104000</v>
      </c>
      <c r="D6628" s="2" t="s">
        <v>104001</v>
      </c>
      <c r="E6628" s="2" t="s">
        <v>7593</v>
      </c>
      <c r="F6628" s="8">
        <v>202</v>
      </c>
      <c r="G6628" s="5">
        <v>6</v>
      </c>
      <c r="H6628" s="5" t="s">
        <v>1518</v>
      </c>
      <c r="I6628" s="5" t="s">
        <v>69038</v>
      </c>
      <c r="J6628" s="2" t="s">
        <v>69039</v>
      </c>
      <c r="K6628" s="5" t="s">
        <v>69038</v>
      </c>
      <c r="L6628" s="2" t="s">
        <v>69039</v>
      </c>
      <c r="M6628" s="5" t="s">
        <v>1521</v>
      </c>
      <c r="N6628" s="5" t="s">
        <v>38</v>
      </c>
      <c r="O6628" s="5" t="s">
        <v>39</v>
      </c>
      <c r="P6628" s="5" t="s">
        <v>40</v>
      </c>
      <c r="Q6628" s="5" t="s">
        <v>1522</v>
      </c>
      <c r="R6628" s="5" t="s">
        <v>1523</v>
      </c>
      <c r="S6628" s="5" t="s">
        <v>42</v>
      </c>
      <c r="T6628" s="2">
        <v>2.2829999999999999</v>
      </c>
      <c r="U6628" s="2">
        <v>1.8759999999999999</v>
      </c>
      <c r="V6628" s="2">
        <v>10.6</v>
      </c>
      <c r="W6628" s="2">
        <v>159.1</v>
      </c>
      <c r="X6628" s="2">
        <v>7.6</v>
      </c>
      <c r="Y6628" s="2">
        <v>10.6</v>
      </c>
      <c r="Z6628" s="5"/>
      <c r="AA6628" s="5" t="s">
        <v>43</v>
      </c>
      <c r="AB6628" s="5" t="s">
        <v>44</v>
      </c>
      <c r="AC6628" s="2"/>
      <c r="AD6628" s="1"/>
    </row>
    <row r="6629" spans="1:30">
      <c r="A6629" s="5" t="s">
        <v>83578</v>
      </c>
      <c r="B6629" s="2" t="s">
        <v>104002</v>
      </c>
      <c r="C6629" s="14" t="s">
        <v>104003</v>
      </c>
      <c r="D6629" s="2" t="s">
        <v>104004</v>
      </c>
      <c r="E6629" s="2" t="s">
        <v>7597</v>
      </c>
      <c r="F6629" s="8">
        <v>202</v>
      </c>
      <c r="G6629" s="5">
        <v>6</v>
      </c>
      <c r="H6629" s="5" t="s">
        <v>1518</v>
      </c>
      <c r="I6629" s="5" t="s">
        <v>69038</v>
      </c>
      <c r="J6629" s="2" t="s">
        <v>69039</v>
      </c>
      <c r="K6629" s="5" t="s">
        <v>69038</v>
      </c>
      <c r="L6629" s="2" t="s">
        <v>69039</v>
      </c>
      <c r="M6629" s="5" t="s">
        <v>1521</v>
      </c>
      <c r="N6629" s="5" t="s">
        <v>38</v>
      </c>
      <c r="O6629" s="5" t="s">
        <v>39</v>
      </c>
      <c r="P6629" s="5" t="s">
        <v>40</v>
      </c>
      <c r="Q6629" s="5" t="s">
        <v>1522</v>
      </c>
      <c r="R6629" s="5" t="s">
        <v>1523</v>
      </c>
      <c r="S6629" s="5" t="s">
        <v>42</v>
      </c>
      <c r="T6629" s="2">
        <v>2.383</v>
      </c>
      <c r="U6629" s="2">
        <v>1.976</v>
      </c>
      <c r="V6629" s="2">
        <v>10.6</v>
      </c>
      <c r="W6629" s="2">
        <v>159.1</v>
      </c>
      <c r="X6629" s="2">
        <v>7.6</v>
      </c>
      <c r="Y6629" s="2">
        <v>10.6</v>
      </c>
      <c r="Z6629" s="5"/>
      <c r="AA6629" s="5" t="s">
        <v>43</v>
      </c>
      <c r="AB6629" s="5" t="s">
        <v>44</v>
      </c>
      <c r="AC6629" s="2"/>
      <c r="AD6629" s="1"/>
    </row>
    <row r="6630" spans="1:30">
      <c r="A6630" s="5" t="s">
        <v>83578</v>
      </c>
      <c r="B6630" s="2" t="s">
        <v>104005</v>
      </c>
      <c r="C6630" s="14" t="s">
        <v>104006</v>
      </c>
      <c r="D6630" s="2" t="s">
        <v>104007</v>
      </c>
      <c r="E6630" s="2" t="s">
        <v>7433</v>
      </c>
      <c r="F6630" s="8">
        <v>202</v>
      </c>
      <c r="G6630" s="5">
        <v>6</v>
      </c>
      <c r="H6630" s="5" t="s">
        <v>1518</v>
      </c>
      <c r="I6630" s="5" t="s">
        <v>69038</v>
      </c>
      <c r="J6630" s="2" t="s">
        <v>69039</v>
      </c>
      <c r="K6630" s="5" t="s">
        <v>69038</v>
      </c>
      <c r="L6630" s="2" t="s">
        <v>69039</v>
      </c>
      <c r="M6630" s="5" t="s">
        <v>1521</v>
      </c>
      <c r="N6630" s="5" t="s">
        <v>38</v>
      </c>
      <c r="O6630" s="5" t="s">
        <v>39</v>
      </c>
      <c r="P6630" s="5" t="s">
        <v>40</v>
      </c>
      <c r="Q6630" s="5" t="s">
        <v>1522</v>
      </c>
      <c r="R6630" s="5" t="s">
        <v>1523</v>
      </c>
      <c r="S6630" s="5" t="s">
        <v>42</v>
      </c>
      <c r="T6630" s="2">
        <v>2.2829999999999999</v>
      </c>
      <c r="U6630" s="2">
        <v>1.8759999999999999</v>
      </c>
      <c r="V6630" s="2">
        <v>10.6</v>
      </c>
      <c r="W6630" s="2">
        <v>159.1</v>
      </c>
      <c r="X6630" s="2">
        <v>7.6</v>
      </c>
      <c r="Y6630" s="2">
        <v>10.6</v>
      </c>
      <c r="Z6630" s="5"/>
      <c r="AA6630" s="5" t="s">
        <v>43</v>
      </c>
      <c r="AB6630" s="5" t="s">
        <v>44</v>
      </c>
      <c r="AC6630" s="2"/>
      <c r="AD6630" s="1"/>
    </row>
    <row r="6631" spans="1:30">
      <c r="A6631" s="5" t="s">
        <v>83578</v>
      </c>
      <c r="B6631" s="2" t="s">
        <v>104008</v>
      </c>
      <c r="C6631" s="14" t="s">
        <v>104009</v>
      </c>
      <c r="D6631" s="2" t="s">
        <v>104010</v>
      </c>
      <c r="E6631" s="2" t="s">
        <v>7611</v>
      </c>
      <c r="F6631" s="8">
        <v>202</v>
      </c>
      <c r="G6631" s="5">
        <v>6</v>
      </c>
      <c r="H6631" s="5" t="s">
        <v>1518</v>
      </c>
      <c r="I6631" s="5" t="s">
        <v>69038</v>
      </c>
      <c r="J6631" s="2" t="s">
        <v>69039</v>
      </c>
      <c r="K6631" s="5" t="s">
        <v>69038</v>
      </c>
      <c r="L6631" s="2" t="s">
        <v>69039</v>
      </c>
      <c r="M6631" s="5" t="s">
        <v>1521</v>
      </c>
      <c r="N6631" s="5" t="s">
        <v>38</v>
      </c>
      <c r="O6631" s="5" t="s">
        <v>39</v>
      </c>
      <c r="P6631" s="5" t="s">
        <v>40</v>
      </c>
      <c r="Q6631" s="5" t="s">
        <v>1522</v>
      </c>
      <c r="R6631" s="5" t="s">
        <v>1523</v>
      </c>
      <c r="S6631" s="5" t="s">
        <v>42</v>
      </c>
      <c r="T6631" s="2">
        <v>2.383</v>
      </c>
      <c r="U6631" s="2">
        <v>1.976</v>
      </c>
      <c r="V6631" s="2">
        <v>10.6</v>
      </c>
      <c r="W6631" s="2">
        <v>159.1</v>
      </c>
      <c r="X6631" s="2">
        <v>7.6</v>
      </c>
      <c r="Y6631" s="2">
        <v>10.6</v>
      </c>
      <c r="Z6631" s="5"/>
      <c r="AA6631" s="5" t="s">
        <v>43</v>
      </c>
      <c r="AB6631" s="5" t="s">
        <v>44</v>
      </c>
      <c r="AC6631" s="2"/>
      <c r="AD6631" s="1"/>
    </row>
    <row r="6632" spans="1:30">
      <c r="A6632" s="5" t="s">
        <v>83578</v>
      </c>
      <c r="B6632" s="2" t="s">
        <v>104011</v>
      </c>
      <c r="C6632" s="14" t="s">
        <v>104012</v>
      </c>
      <c r="D6632" s="2" t="s">
        <v>104013</v>
      </c>
      <c r="E6632" s="2" t="s">
        <v>7615</v>
      </c>
      <c r="F6632" s="8">
        <v>202</v>
      </c>
      <c r="G6632" s="5">
        <v>6</v>
      </c>
      <c r="H6632" s="5" t="s">
        <v>1518</v>
      </c>
      <c r="I6632" s="5" t="s">
        <v>69038</v>
      </c>
      <c r="J6632" s="2" t="s">
        <v>69039</v>
      </c>
      <c r="K6632" s="5" t="s">
        <v>69038</v>
      </c>
      <c r="L6632" s="2" t="s">
        <v>69039</v>
      </c>
      <c r="M6632" s="5" t="s">
        <v>1521</v>
      </c>
      <c r="N6632" s="5" t="s">
        <v>38</v>
      </c>
      <c r="O6632" s="5" t="s">
        <v>39</v>
      </c>
      <c r="P6632" s="5" t="s">
        <v>40</v>
      </c>
      <c r="Q6632" s="5" t="s">
        <v>1522</v>
      </c>
      <c r="R6632" s="5" t="s">
        <v>1523</v>
      </c>
      <c r="S6632" s="5" t="s">
        <v>42</v>
      </c>
      <c r="T6632" s="2">
        <v>2.2829999999999999</v>
      </c>
      <c r="U6632" s="2">
        <v>1.8759999999999999</v>
      </c>
      <c r="V6632" s="2">
        <v>10.6</v>
      </c>
      <c r="W6632" s="2">
        <v>159.1</v>
      </c>
      <c r="X6632" s="2">
        <v>7.6</v>
      </c>
      <c r="Y6632" s="2">
        <v>10.6</v>
      </c>
      <c r="Z6632" s="5"/>
      <c r="AA6632" s="5" t="s">
        <v>43</v>
      </c>
      <c r="AB6632" s="5" t="s">
        <v>44</v>
      </c>
      <c r="AC6632" s="2"/>
      <c r="AD6632" s="1"/>
    </row>
    <row r="6633" spans="1:30">
      <c r="A6633" s="5" t="s">
        <v>83578</v>
      </c>
      <c r="B6633" s="2" t="s">
        <v>104014</v>
      </c>
      <c r="C6633" s="14" t="s">
        <v>104015</v>
      </c>
      <c r="D6633" s="2" t="s">
        <v>104016</v>
      </c>
      <c r="E6633" s="2" t="s">
        <v>7619</v>
      </c>
      <c r="F6633" s="8">
        <v>202</v>
      </c>
      <c r="G6633" s="5">
        <v>6</v>
      </c>
      <c r="H6633" s="5" t="s">
        <v>1518</v>
      </c>
      <c r="I6633" s="5" t="s">
        <v>69038</v>
      </c>
      <c r="J6633" s="2" t="s">
        <v>69039</v>
      </c>
      <c r="K6633" s="5" t="s">
        <v>69038</v>
      </c>
      <c r="L6633" s="2" t="s">
        <v>69039</v>
      </c>
      <c r="M6633" s="5" t="s">
        <v>1521</v>
      </c>
      <c r="N6633" s="5" t="s">
        <v>38</v>
      </c>
      <c r="O6633" s="5" t="s">
        <v>39</v>
      </c>
      <c r="P6633" s="5" t="s">
        <v>40</v>
      </c>
      <c r="Q6633" s="5" t="s">
        <v>1522</v>
      </c>
      <c r="R6633" s="5" t="s">
        <v>1523</v>
      </c>
      <c r="S6633" s="5" t="s">
        <v>42</v>
      </c>
      <c r="T6633" s="2">
        <v>2.383</v>
      </c>
      <c r="U6633" s="2">
        <v>1.976</v>
      </c>
      <c r="V6633" s="2">
        <v>10.6</v>
      </c>
      <c r="W6633" s="2">
        <v>159.1</v>
      </c>
      <c r="X6633" s="2">
        <v>7.6</v>
      </c>
      <c r="Y6633" s="2">
        <v>10.6</v>
      </c>
      <c r="Z6633" s="5"/>
      <c r="AA6633" s="5" t="s">
        <v>43</v>
      </c>
      <c r="AB6633" s="5" t="s">
        <v>44</v>
      </c>
      <c r="AC6633" s="2"/>
      <c r="AD6633" s="1"/>
    </row>
    <row r="6634" spans="1:30">
      <c r="A6634" s="5" t="s">
        <v>83578</v>
      </c>
      <c r="B6634" s="2" t="s">
        <v>104017</v>
      </c>
      <c r="C6634" s="14" t="s">
        <v>104018</v>
      </c>
      <c r="D6634" s="2" t="s">
        <v>104019</v>
      </c>
      <c r="E6634" s="2" t="s">
        <v>7410</v>
      </c>
      <c r="F6634" s="8">
        <v>202</v>
      </c>
      <c r="G6634" s="5">
        <v>6</v>
      </c>
      <c r="H6634" s="5" t="s">
        <v>1518</v>
      </c>
      <c r="I6634" s="5" t="s">
        <v>69038</v>
      </c>
      <c r="J6634" s="2" t="s">
        <v>69039</v>
      </c>
      <c r="K6634" s="5" t="s">
        <v>69038</v>
      </c>
      <c r="L6634" s="2" t="s">
        <v>69039</v>
      </c>
      <c r="M6634" s="5" t="s">
        <v>1521</v>
      </c>
      <c r="N6634" s="5" t="s">
        <v>38</v>
      </c>
      <c r="O6634" s="5" t="s">
        <v>39</v>
      </c>
      <c r="P6634" s="5" t="s">
        <v>40</v>
      </c>
      <c r="Q6634" s="5" t="s">
        <v>1522</v>
      </c>
      <c r="R6634" s="5" t="s">
        <v>1523</v>
      </c>
      <c r="S6634" s="5" t="s">
        <v>42</v>
      </c>
      <c r="T6634" s="2">
        <v>2.2829999999999999</v>
      </c>
      <c r="U6634" s="2">
        <v>1.8759999999999999</v>
      </c>
      <c r="V6634" s="2">
        <v>10.6</v>
      </c>
      <c r="W6634" s="2">
        <v>159.1</v>
      </c>
      <c r="X6634" s="2">
        <v>7.6</v>
      </c>
      <c r="Y6634" s="2">
        <v>10.6</v>
      </c>
      <c r="Z6634" s="5"/>
      <c r="AA6634" s="5" t="s">
        <v>43</v>
      </c>
      <c r="AB6634" s="5" t="s">
        <v>44</v>
      </c>
      <c r="AC6634" s="2"/>
      <c r="AD6634" s="1"/>
    </row>
    <row r="6635" spans="1:30">
      <c r="A6635" s="5" t="s">
        <v>83578</v>
      </c>
      <c r="B6635" s="2" t="s">
        <v>104020</v>
      </c>
      <c r="C6635" s="14" t="s">
        <v>104021</v>
      </c>
      <c r="D6635" s="2" t="s">
        <v>104022</v>
      </c>
      <c r="E6635" s="2" t="s">
        <v>7604</v>
      </c>
      <c r="F6635" s="8">
        <v>202</v>
      </c>
      <c r="G6635" s="5">
        <v>6</v>
      </c>
      <c r="H6635" s="5" t="s">
        <v>1518</v>
      </c>
      <c r="I6635" s="5" t="s">
        <v>69038</v>
      </c>
      <c r="J6635" s="2" t="s">
        <v>69039</v>
      </c>
      <c r="K6635" s="5" t="s">
        <v>69038</v>
      </c>
      <c r="L6635" s="2" t="s">
        <v>69039</v>
      </c>
      <c r="M6635" s="5" t="s">
        <v>1521</v>
      </c>
      <c r="N6635" s="5" t="s">
        <v>38</v>
      </c>
      <c r="O6635" s="5" t="s">
        <v>39</v>
      </c>
      <c r="P6635" s="5" t="s">
        <v>40</v>
      </c>
      <c r="Q6635" s="5" t="s">
        <v>1522</v>
      </c>
      <c r="R6635" s="5" t="s">
        <v>1523</v>
      </c>
      <c r="S6635" s="5" t="s">
        <v>42</v>
      </c>
      <c r="T6635" s="2">
        <v>2.383</v>
      </c>
      <c r="U6635" s="2">
        <v>1.976</v>
      </c>
      <c r="V6635" s="2">
        <v>10.6</v>
      </c>
      <c r="W6635" s="2">
        <v>159.1</v>
      </c>
      <c r="X6635" s="2">
        <v>7.6</v>
      </c>
      <c r="Y6635" s="2">
        <v>10.6</v>
      </c>
      <c r="Z6635" s="5"/>
      <c r="AA6635" s="5" t="s">
        <v>43</v>
      </c>
      <c r="AB6635" s="5" t="s">
        <v>44</v>
      </c>
      <c r="AC6635" s="2"/>
      <c r="AD6635" s="1"/>
    </row>
    <row r="6636" spans="1:30">
      <c r="A6636" s="5" t="s">
        <v>83578</v>
      </c>
      <c r="B6636" s="2" t="s">
        <v>104023</v>
      </c>
      <c r="C6636" s="14" t="s">
        <v>104024</v>
      </c>
      <c r="D6636" s="2" t="s">
        <v>104025</v>
      </c>
      <c r="E6636" s="2" t="s">
        <v>7212</v>
      </c>
      <c r="F6636" s="8">
        <v>176</v>
      </c>
      <c r="G6636" s="5">
        <v>6</v>
      </c>
      <c r="H6636" s="5" t="s">
        <v>1518</v>
      </c>
      <c r="I6636" s="5" t="s">
        <v>69038</v>
      </c>
      <c r="J6636" s="2" t="s">
        <v>69039</v>
      </c>
      <c r="K6636" s="5" t="s">
        <v>69038</v>
      </c>
      <c r="L6636" s="2" t="s">
        <v>69039</v>
      </c>
      <c r="M6636" s="5" t="s">
        <v>1521</v>
      </c>
      <c r="N6636" s="5" t="s">
        <v>38</v>
      </c>
      <c r="O6636" s="5" t="s">
        <v>39</v>
      </c>
      <c r="P6636" s="5" t="s">
        <v>40</v>
      </c>
      <c r="Q6636" s="5" t="s">
        <v>1522</v>
      </c>
      <c r="R6636" s="5" t="s">
        <v>1523</v>
      </c>
      <c r="S6636" s="5" t="s">
        <v>42</v>
      </c>
      <c r="T6636" s="2">
        <v>2.2829999999999999</v>
      </c>
      <c r="U6636" s="2">
        <v>1.8759999999999999</v>
      </c>
      <c r="V6636" s="2">
        <v>10.6</v>
      </c>
      <c r="W6636" s="2">
        <v>159.1</v>
      </c>
      <c r="X6636" s="2">
        <v>7.6</v>
      </c>
      <c r="Y6636" s="2">
        <v>10.6</v>
      </c>
      <c r="Z6636" s="5"/>
      <c r="AA6636" s="5" t="s">
        <v>43</v>
      </c>
      <c r="AB6636" s="5" t="s">
        <v>44</v>
      </c>
      <c r="AC6636" s="2"/>
      <c r="AD6636" s="1"/>
    </row>
    <row r="6637" spans="1:30">
      <c r="A6637" s="5" t="s">
        <v>83578</v>
      </c>
      <c r="B6637" s="2" t="s">
        <v>104026</v>
      </c>
      <c r="C6637" s="14" t="s">
        <v>104027</v>
      </c>
      <c r="D6637" s="2" t="s">
        <v>104028</v>
      </c>
      <c r="E6637" s="2" t="s">
        <v>7528</v>
      </c>
      <c r="F6637" s="8">
        <v>176</v>
      </c>
      <c r="G6637" s="5">
        <v>6</v>
      </c>
      <c r="H6637" s="5" t="s">
        <v>1518</v>
      </c>
      <c r="I6637" s="5" t="s">
        <v>69038</v>
      </c>
      <c r="J6637" s="2" t="s">
        <v>69039</v>
      </c>
      <c r="K6637" s="5" t="s">
        <v>69038</v>
      </c>
      <c r="L6637" s="2" t="s">
        <v>69039</v>
      </c>
      <c r="M6637" s="5" t="s">
        <v>1521</v>
      </c>
      <c r="N6637" s="5" t="s">
        <v>38</v>
      </c>
      <c r="O6637" s="5" t="s">
        <v>39</v>
      </c>
      <c r="P6637" s="5" t="s">
        <v>40</v>
      </c>
      <c r="Q6637" s="5" t="s">
        <v>1522</v>
      </c>
      <c r="R6637" s="5" t="s">
        <v>1523</v>
      </c>
      <c r="S6637" s="5" t="s">
        <v>42</v>
      </c>
      <c r="T6637" s="2">
        <v>2.383</v>
      </c>
      <c r="U6637" s="2">
        <v>1.976</v>
      </c>
      <c r="V6637" s="2">
        <v>10.6</v>
      </c>
      <c r="W6637" s="2">
        <v>159.1</v>
      </c>
      <c r="X6637" s="2">
        <v>7.6</v>
      </c>
      <c r="Y6637" s="2">
        <v>10.6</v>
      </c>
      <c r="Z6637" s="5"/>
      <c r="AA6637" s="5" t="s">
        <v>43</v>
      </c>
      <c r="AB6637" s="5" t="s">
        <v>44</v>
      </c>
      <c r="AC6637" s="2"/>
      <c r="AD6637" s="1"/>
    </row>
    <row r="6638" spans="1:30">
      <c r="A6638" s="5" t="s">
        <v>83578</v>
      </c>
      <c r="B6638" s="2" t="s">
        <v>104029</v>
      </c>
      <c r="C6638" s="14" t="s">
        <v>104030</v>
      </c>
      <c r="D6638" s="2" t="s">
        <v>104031</v>
      </c>
      <c r="E6638" s="2" t="s">
        <v>7406</v>
      </c>
      <c r="F6638" s="8">
        <v>92</v>
      </c>
      <c r="G6638" s="5">
        <v>6</v>
      </c>
      <c r="H6638" s="5" t="s">
        <v>1518</v>
      </c>
      <c r="I6638" s="5" t="s">
        <v>69038</v>
      </c>
      <c r="J6638" s="2" t="s">
        <v>69039</v>
      </c>
      <c r="K6638" s="5" t="s">
        <v>69038</v>
      </c>
      <c r="L6638" s="2" t="s">
        <v>69039</v>
      </c>
      <c r="M6638" s="5" t="s">
        <v>1521</v>
      </c>
      <c r="N6638" s="5" t="s">
        <v>38</v>
      </c>
      <c r="O6638" s="5" t="s">
        <v>39</v>
      </c>
      <c r="P6638" s="5" t="s">
        <v>40</v>
      </c>
      <c r="Q6638" s="5" t="s">
        <v>1522</v>
      </c>
      <c r="R6638" s="5" t="s">
        <v>1523</v>
      </c>
      <c r="S6638" s="5" t="s">
        <v>42</v>
      </c>
      <c r="T6638" s="2">
        <v>0.92300000000000004</v>
      </c>
      <c r="U6638" s="2">
        <v>0.66600000000000004</v>
      </c>
      <c r="V6638" s="2">
        <v>10.6</v>
      </c>
      <c r="W6638" s="2">
        <v>76.900000000000006</v>
      </c>
      <c r="X6638" s="2">
        <v>7.6</v>
      </c>
      <c r="Y6638" s="2">
        <v>10.6</v>
      </c>
      <c r="Z6638" s="5"/>
      <c r="AA6638" s="5" t="s">
        <v>43</v>
      </c>
      <c r="AB6638" s="5" t="s">
        <v>44</v>
      </c>
      <c r="AC6638" s="2"/>
      <c r="AD6638" s="1"/>
    </row>
    <row r="6639" spans="1:30">
      <c r="A6639" s="5" t="s">
        <v>83578</v>
      </c>
      <c r="B6639" s="2" t="s">
        <v>104032</v>
      </c>
      <c r="C6639" s="14" t="s">
        <v>104033</v>
      </c>
      <c r="D6639" s="2" t="s">
        <v>104034</v>
      </c>
      <c r="E6639" s="2" t="s">
        <v>7539</v>
      </c>
      <c r="F6639" s="8">
        <v>92</v>
      </c>
      <c r="G6639" s="5">
        <v>6</v>
      </c>
      <c r="H6639" s="5" t="s">
        <v>1518</v>
      </c>
      <c r="I6639" s="5" t="s">
        <v>69038</v>
      </c>
      <c r="J6639" s="2" t="s">
        <v>69039</v>
      </c>
      <c r="K6639" s="5" t="s">
        <v>69038</v>
      </c>
      <c r="L6639" s="2" t="s">
        <v>69039</v>
      </c>
      <c r="M6639" s="5" t="s">
        <v>1521</v>
      </c>
      <c r="N6639" s="5" t="s">
        <v>38</v>
      </c>
      <c r="O6639" s="5" t="s">
        <v>39</v>
      </c>
      <c r="P6639" s="5" t="s">
        <v>40</v>
      </c>
      <c r="Q6639" s="5" t="s">
        <v>1522</v>
      </c>
      <c r="R6639" s="5" t="s">
        <v>1523</v>
      </c>
      <c r="S6639" s="5" t="s">
        <v>42</v>
      </c>
      <c r="T6639" s="2">
        <v>0.92300000000000004</v>
      </c>
      <c r="U6639" s="2">
        <v>0.66600000000000004</v>
      </c>
      <c r="V6639" s="2">
        <v>10.6</v>
      </c>
      <c r="W6639" s="2">
        <v>76.900000000000006</v>
      </c>
      <c r="X6639" s="2">
        <v>7.6</v>
      </c>
      <c r="Y6639" s="2">
        <v>10.6</v>
      </c>
      <c r="Z6639" s="5"/>
      <c r="AA6639" s="5" t="s">
        <v>43</v>
      </c>
      <c r="AB6639" s="5" t="s">
        <v>44</v>
      </c>
      <c r="AC6639" s="2"/>
      <c r="AD6639" s="1"/>
    </row>
    <row r="6640" spans="1:30">
      <c r="A6640" s="5" t="s">
        <v>83578</v>
      </c>
      <c r="B6640" s="2" t="s">
        <v>104035</v>
      </c>
      <c r="C6640" s="14" t="s">
        <v>104036</v>
      </c>
      <c r="D6640" s="2" t="s">
        <v>104037</v>
      </c>
      <c r="E6640" s="2" t="s">
        <v>7547</v>
      </c>
      <c r="F6640" s="8">
        <v>92</v>
      </c>
      <c r="G6640" s="5">
        <v>6</v>
      </c>
      <c r="H6640" s="5" t="s">
        <v>1518</v>
      </c>
      <c r="I6640" s="5" t="s">
        <v>69038</v>
      </c>
      <c r="J6640" s="2" t="s">
        <v>69039</v>
      </c>
      <c r="K6640" s="5" t="s">
        <v>69038</v>
      </c>
      <c r="L6640" s="2" t="s">
        <v>69039</v>
      </c>
      <c r="M6640" s="5" t="s">
        <v>1521</v>
      </c>
      <c r="N6640" s="5" t="s">
        <v>38</v>
      </c>
      <c r="O6640" s="5" t="s">
        <v>39</v>
      </c>
      <c r="P6640" s="5" t="s">
        <v>40</v>
      </c>
      <c r="Q6640" s="5" t="s">
        <v>1522</v>
      </c>
      <c r="R6640" s="5" t="s">
        <v>1523</v>
      </c>
      <c r="S6640" s="5" t="s">
        <v>42</v>
      </c>
      <c r="T6640" s="2">
        <v>0.92300000000000004</v>
      </c>
      <c r="U6640" s="2">
        <v>0.66600000000000004</v>
      </c>
      <c r="V6640" s="2">
        <v>10.6</v>
      </c>
      <c r="W6640" s="2">
        <v>76.900000000000006</v>
      </c>
      <c r="X6640" s="2">
        <v>7.6</v>
      </c>
      <c r="Y6640" s="2">
        <v>10.6</v>
      </c>
      <c r="Z6640" s="5"/>
      <c r="AA6640" s="5" t="s">
        <v>43</v>
      </c>
      <c r="AB6640" s="5" t="s">
        <v>44</v>
      </c>
      <c r="AC6640" s="2"/>
      <c r="AD6640" s="1"/>
    </row>
    <row r="6641" spans="1:30">
      <c r="A6641" s="5" t="s">
        <v>83578</v>
      </c>
      <c r="B6641" s="2" t="s">
        <v>104038</v>
      </c>
      <c r="C6641" s="14" t="s">
        <v>104039</v>
      </c>
      <c r="D6641" s="2" t="s">
        <v>104040</v>
      </c>
      <c r="E6641" s="2" t="s">
        <v>7563</v>
      </c>
      <c r="F6641" s="8">
        <v>92</v>
      </c>
      <c r="G6641" s="5">
        <v>6</v>
      </c>
      <c r="H6641" s="5" t="s">
        <v>1518</v>
      </c>
      <c r="I6641" s="5" t="s">
        <v>69038</v>
      </c>
      <c r="J6641" s="2" t="s">
        <v>69039</v>
      </c>
      <c r="K6641" s="5" t="s">
        <v>69038</v>
      </c>
      <c r="L6641" s="2" t="s">
        <v>69039</v>
      </c>
      <c r="M6641" s="5" t="s">
        <v>1521</v>
      </c>
      <c r="N6641" s="5" t="s">
        <v>38</v>
      </c>
      <c r="O6641" s="5" t="s">
        <v>39</v>
      </c>
      <c r="P6641" s="5" t="s">
        <v>40</v>
      </c>
      <c r="Q6641" s="5" t="s">
        <v>1522</v>
      </c>
      <c r="R6641" s="5" t="s">
        <v>1523</v>
      </c>
      <c r="S6641" s="5" t="s">
        <v>42</v>
      </c>
      <c r="T6641" s="2">
        <v>0.92300000000000004</v>
      </c>
      <c r="U6641" s="2">
        <v>0.66600000000000004</v>
      </c>
      <c r="V6641" s="2">
        <v>10.6</v>
      </c>
      <c r="W6641" s="2">
        <v>76.900000000000006</v>
      </c>
      <c r="X6641" s="2">
        <v>7.6</v>
      </c>
      <c r="Y6641" s="2">
        <v>10.6</v>
      </c>
      <c r="Z6641" s="5"/>
      <c r="AA6641" s="5" t="s">
        <v>43</v>
      </c>
      <c r="AB6641" s="5" t="s">
        <v>44</v>
      </c>
      <c r="AC6641" s="2"/>
      <c r="AD6641" s="1"/>
    </row>
    <row r="6642" spans="1:30">
      <c r="A6642" s="5" t="s">
        <v>83578</v>
      </c>
      <c r="B6642" s="2" t="s">
        <v>104041</v>
      </c>
      <c r="C6642" s="14" t="s">
        <v>104042</v>
      </c>
      <c r="D6642" s="2" t="s">
        <v>104043</v>
      </c>
      <c r="E6642" s="2" t="s">
        <v>7555</v>
      </c>
      <c r="F6642" s="8">
        <v>92</v>
      </c>
      <c r="G6642" s="5">
        <v>6</v>
      </c>
      <c r="H6642" s="5" t="s">
        <v>1518</v>
      </c>
      <c r="I6642" s="5" t="s">
        <v>69038</v>
      </c>
      <c r="J6642" s="2" t="s">
        <v>69039</v>
      </c>
      <c r="K6642" s="5" t="s">
        <v>69038</v>
      </c>
      <c r="L6642" s="2" t="s">
        <v>69039</v>
      </c>
      <c r="M6642" s="5" t="s">
        <v>1521</v>
      </c>
      <c r="N6642" s="5" t="s">
        <v>38</v>
      </c>
      <c r="O6642" s="5" t="s">
        <v>39</v>
      </c>
      <c r="P6642" s="5" t="s">
        <v>40</v>
      </c>
      <c r="Q6642" s="5" t="s">
        <v>1522</v>
      </c>
      <c r="R6642" s="5" t="s">
        <v>1523</v>
      </c>
      <c r="S6642" s="5" t="s">
        <v>42</v>
      </c>
      <c r="T6642" s="2">
        <v>0.92300000000000004</v>
      </c>
      <c r="U6642" s="2">
        <v>0.66600000000000004</v>
      </c>
      <c r="V6642" s="2">
        <v>10.6</v>
      </c>
      <c r="W6642" s="2">
        <v>76.900000000000006</v>
      </c>
      <c r="X6642" s="2">
        <v>7.6</v>
      </c>
      <c r="Y6642" s="2">
        <v>10.6</v>
      </c>
      <c r="Z6642" s="5"/>
      <c r="AA6642" s="5" t="s">
        <v>43</v>
      </c>
      <c r="AB6642" s="5" t="s">
        <v>44</v>
      </c>
      <c r="AC6642" s="2"/>
      <c r="AD6642" s="1"/>
    </row>
    <row r="6643" spans="1:30">
      <c r="A6643" s="5" t="s">
        <v>83578</v>
      </c>
      <c r="B6643" s="2" t="s">
        <v>104044</v>
      </c>
      <c r="C6643" s="14" t="s">
        <v>104045</v>
      </c>
      <c r="D6643" s="2" t="s">
        <v>104046</v>
      </c>
      <c r="E6643" s="2" t="s">
        <v>7429</v>
      </c>
      <c r="F6643" s="8">
        <v>92</v>
      </c>
      <c r="G6643" s="5">
        <v>6</v>
      </c>
      <c r="H6643" s="5" t="s">
        <v>1518</v>
      </c>
      <c r="I6643" s="5" t="s">
        <v>69038</v>
      </c>
      <c r="J6643" s="2" t="s">
        <v>69039</v>
      </c>
      <c r="K6643" s="5" t="s">
        <v>69038</v>
      </c>
      <c r="L6643" s="2" t="s">
        <v>69039</v>
      </c>
      <c r="M6643" s="5" t="s">
        <v>1521</v>
      </c>
      <c r="N6643" s="5" t="s">
        <v>38</v>
      </c>
      <c r="O6643" s="5" t="s">
        <v>39</v>
      </c>
      <c r="P6643" s="5" t="s">
        <v>40</v>
      </c>
      <c r="Q6643" s="5" t="s">
        <v>1522</v>
      </c>
      <c r="R6643" s="5" t="s">
        <v>1523</v>
      </c>
      <c r="S6643" s="5" t="s">
        <v>42</v>
      </c>
      <c r="T6643" s="2">
        <v>0.92300000000000004</v>
      </c>
      <c r="U6643" s="2">
        <v>0.66600000000000004</v>
      </c>
      <c r="V6643" s="2">
        <v>10.6</v>
      </c>
      <c r="W6643" s="2">
        <v>76.900000000000006</v>
      </c>
      <c r="X6643" s="2">
        <v>7.6</v>
      </c>
      <c r="Y6643" s="2">
        <v>10.6</v>
      </c>
      <c r="Z6643" s="5"/>
      <c r="AA6643" s="5" t="s">
        <v>43</v>
      </c>
      <c r="AB6643" s="5" t="s">
        <v>44</v>
      </c>
      <c r="AC6643" s="2"/>
      <c r="AD6643" s="1"/>
    </row>
    <row r="6644" spans="1:30">
      <c r="A6644" s="5" t="s">
        <v>83578</v>
      </c>
      <c r="B6644" s="2" t="s">
        <v>104047</v>
      </c>
      <c r="C6644" s="14" t="s">
        <v>104048</v>
      </c>
      <c r="D6644" s="2" t="s">
        <v>104049</v>
      </c>
      <c r="E6644" s="2" t="s">
        <v>7449</v>
      </c>
      <c r="F6644" s="8">
        <v>92</v>
      </c>
      <c r="G6644" s="5">
        <v>6</v>
      </c>
      <c r="H6644" s="5" t="s">
        <v>1518</v>
      </c>
      <c r="I6644" s="5" t="s">
        <v>69038</v>
      </c>
      <c r="J6644" s="2" t="s">
        <v>69039</v>
      </c>
      <c r="K6644" s="5" t="s">
        <v>69038</v>
      </c>
      <c r="L6644" s="2" t="s">
        <v>69039</v>
      </c>
      <c r="M6644" s="5" t="s">
        <v>1521</v>
      </c>
      <c r="N6644" s="5" t="s">
        <v>38</v>
      </c>
      <c r="O6644" s="5" t="s">
        <v>39</v>
      </c>
      <c r="P6644" s="5" t="s">
        <v>40</v>
      </c>
      <c r="Q6644" s="5" t="s">
        <v>1522</v>
      </c>
      <c r="R6644" s="5" t="s">
        <v>1523</v>
      </c>
      <c r="S6644" s="5" t="s">
        <v>42</v>
      </c>
      <c r="T6644" s="2">
        <v>0.92300000000000004</v>
      </c>
      <c r="U6644" s="2">
        <v>0.66600000000000004</v>
      </c>
      <c r="V6644" s="2">
        <v>10.6</v>
      </c>
      <c r="W6644" s="2">
        <v>76.900000000000006</v>
      </c>
      <c r="X6644" s="2">
        <v>7.6</v>
      </c>
      <c r="Y6644" s="2">
        <v>10.6</v>
      </c>
      <c r="Z6644" s="5"/>
      <c r="AA6644" s="5" t="s">
        <v>43</v>
      </c>
      <c r="AB6644" s="5" t="s">
        <v>44</v>
      </c>
      <c r="AC6644" s="2"/>
      <c r="AD6644" s="1"/>
    </row>
    <row r="6645" spans="1:30">
      <c r="A6645" s="5" t="s">
        <v>83578</v>
      </c>
      <c r="B6645" s="2" t="s">
        <v>104050</v>
      </c>
      <c r="C6645" s="14" t="s">
        <v>104051</v>
      </c>
      <c r="D6645" s="2" t="s">
        <v>104052</v>
      </c>
      <c r="E6645" s="2" t="s">
        <v>7585</v>
      </c>
      <c r="F6645" s="8">
        <v>92</v>
      </c>
      <c r="G6645" s="5">
        <v>6</v>
      </c>
      <c r="H6645" s="5" t="s">
        <v>1518</v>
      </c>
      <c r="I6645" s="5" t="s">
        <v>69038</v>
      </c>
      <c r="J6645" s="2" t="s">
        <v>69039</v>
      </c>
      <c r="K6645" s="5" t="s">
        <v>69038</v>
      </c>
      <c r="L6645" s="2" t="s">
        <v>69039</v>
      </c>
      <c r="M6645" s="5" t="s">
        <v>1521</v>
      </c>
      <c r="N6645" s="5" t="s">
        <v>38</v>
      </c>
      <c r="O6645" s="5" t="s">
        <v>39</v>
      </c>
      <c r="P6645" s="5" t="s">
        <v>40</v>
      </c>
      <c r="Q6645" s="5" t="s">
        <v>1522</v>
      </c>
      <c r="R6645" s="5" t="s">
        <v>1523</v>
      </c>
      <c r="S6645" s="5" t="s">
        <v>42</v>
      </c>
      <c r="T6645" s="2">
        <v>0.92300000000000004</v>
      </c>
      <c r="U6645" s="2">
        <v>0.66600000000000004</v>
      </c>
      <c r="V6645" s="2">
        <v>10.6</v>
      </c>
      <c r="W6645" s="2">
        <v>76.900000000000006</v>
      </c>
      <c r="X6645" s="2">
        <v>7.6</v>
      </c>
      <c r="Y6645" s="2">
        <v>10.6</v>
      </c>
      <c r="Z6645" s="5"/>
      <c r="AA6645" s="5" t="s">
        <v>43</v>
      </c>
      <c r="AB6645" s="5" t="s">
        <v>44</v>
      </c>
      <c r="AC6645" s="2"/>
      <c r="AD6645" s="1"/>
    </row>
    <row r="6646" spans="1:30">
      <c r="A6646" s="5" t="s">
        <v>83578</v>
      </c>
      <c r="B6646" s="2" t="s">
        <v>104053</v>
      </c>
      <c r="C6646" s="14" t="s">
        <v>104054</v>
      </c>
      <c r="D6646" s="2" t="s">
        <v>104055</v>
      </c>
      <c r="E6646" s="2" t="s">
        <v>7593</v>
      </c>
      <c r="F6646" s="8">
        <v>92</v>
      </c>
      <c r="G6646" s="5">
        <v>6</v>
      </c>
      <c r="H6646" s="5" t="s">
        <v>1518</v>
      </c>
      <c r="I6646" s="5" t="s">
        <v>69038</v>
      </c>
      <c r="J6646" s="2" t="s">
        <v>69039</v>
      </c>
      <c r="K6646" s="5" t="s">
        <v>69038</v>
      </c>
      <c r="L6646" s="2" t="s">
        <v>69039</v>
      </c>
      <c r="M6646" s="5" t="s">
        <v>1521</v>
      </c>
      <c r="N6646" s="5" t="s">
        <v>38</v>
      </c>
      <c r="O6646" s="5" t="s">
        <v>39</v>
      </c>
      <c r="P6646" s="5" t="s">
        <v>40</v>
      </c>
      <c r="Q6646" s="5" t="s">
        <v>1522</v>
      </c>
      <c r="R6646" s="5" t="s">
        <v>1523</v>
      </c>
      <c r="S6646" s="5" t="s">
        <v>42</v>
      </c>
      <c r="T6646" s="2">
        <v>0.92300000000000004</v>
      </c>
      <c r="U6646" s="2">
        <v>0.66600000000000004</v>
      </c>
      <c r="V6646" s="2">
        <v>10.6</v>
      </c>
      <c r="W6646" s="2">
        <v>76.900000000000006</v>
      </c>
      <c r="X6646" s="2">
        <v>7.6</v>
      </c>
      <c r="Y6646" s="2">
        <v>10.6</v>
      </c>
      <c r="Z6646" s="5"/>
      <c r="AA6646" s="5" t="s">
        <v>43</v>
      </c>
      <c r="AB6646" s="5" t="s">
        <v>44</v>
      </c>
      <c r="AC6646" s="2"/>
      <c r="AD6646" s="1"/>
    </row>
    <row r="6647" spans="1:30">
      <c r="A6647" s="5" t="s">
        <v>83578</v>
      </c>
      <c r="B6647" s="2" t="s">
        <v>104056</v>
      </c>
      <c r="C6647" s="14" t="s">
        <v>104057</v>
      </c>
      <c r="D6647" s="2" t="s">
        <v>104058</v>
      </c>
      <c r="E6647" s="2" t="s">
        <v>7433</v>
      </c>
      <c r="F6647" s="8">
        <v>92</v>
      </c>
      <c r="G6647" s="5">
        <v>6</v>
      </c>
      <c r="H6647" s="5" t="s">
        <v>1518</v>
      </c>
      <c r="I6647" s="5" t="s">
        <v>69038</v>
      </c>
      <c r="J6647" s="2" t="s">
        <v>69039</v>
      </c>
      <c r="K6647" s="5" t="s">
        <v>69038</v>
      </c>
      <c r="L6647" s="2" t="s">
        <v>69039</v>
      </c>
      <c r="M6647" s="5" t="s">
        <v>1521</v>
      </c>
      <c r="N6647" s="5" t="s">
        <v>38</v>
      </c>
      <c r="O6647" s="5" t="s">
        <v>39</v>
      </c>
      <c r="P6647" s="5" t="s">
        <v>40</v>
      </c>
      <c r="Q6647" s="5" t="s">
        <v>1522</v>
      </c>
      <c r="R6647" s="5" t="s">
        <v>1523</v>
      </c>
      <c r="S6647" s="5" t="s">
        <v>42</v>
      </c>
      <c r="T6647" s="2">
        <v>0.92300000000000004</v>
      </c>
      <c r="U6647" s="2">
        <v>0.66600000000000004</v>
      </c>
      <c r="V6647" s="2">
        <v>10.6</v>
      </c>
      <c r="W6647" s="2">
        <v>76.900000000000006</v>
      </c>
      <c r="X6647" s="2">
        <v>7.6</v>
      </c>
      <c r="Y6647" s="2">
        <v>10.6</v>
      </c>
      <c r="Z6647" s="5"/>
      <c r="AA6647" s="5" t="s">
        <v>43</v>
      </c>
      <c r="AB6647" s="5" t="s">
        <v>44</v>
      </c>
      <c r="AC6647" s="2"/>
      <c r="AD6647" s="1"/>
    </row>
    <row r="6648" spans="1:30">
      <c r="A6648" s="5" t="s">
        <v>83578</v>
      </c>
      <c r="B6648" s="2" t="s">
        <v>104059</v>
      </c>
      <c r="C6648" s="14" t="s">
        <v>104060</v>
      </c>
      <c r="D6648" s="2" t="s">
        <v>104061</v>
      </c>
      <c r="E6648" s="2" t="s">
        <v>7615</v>
      </c>
      <c r="F6648" s="8">
        <v>92</v>
      </c>
      <c r="G6648" s="5">
        <v>6</v>
      </c>
      <c r="H6648" s="5" t="s">
        <v>1518</v>
      </c>
      <c r="I6648" s="5" t="s">
        <v>69038</v>
      </c>
      <c r="J6648" s="2" t="s">
        <v>69039</v>
      </c>
      <c r="K6648" s="5" t="s">
        <v>69038</v>
      </c>
      <c r="L6648" s="2" t="s">
        <v>69039</v>
      </c>
      <c r="M6648" s="5" t="s">
        <v>1521</v>
      </c>
      <c r="N6648" s="5" t="s">
        <v>38</v>
      </c>
      <c r="O6648" s="5" t="s">
        <v>39</v>
      </c>
      <c r="P6648" s="5" t="s">
        <v>40</v>
      </c>
      <c r="Q6648" s="5" t="s">
        <v>1522</v>
      </c>
      <c r="R6648" s="5" t="s">
        <v>1523</v>
      </c>
      <c r="S6648" s="5" t="s">
        <v>42</v>
      </c>
      <c r="T6648" s="2">
        <v>0.92300000000000004</v>
      </c>
      <c r="U6648" s="2">
        <v>0.66600000000000004</v>
      </c>
      <c r="V6648" s="2">
        <v>10.6</v>
      </c>
      <c r="W6648" s="2">
        <v>76.900000000000006</v>
      </c>
      <c r="X6648" s="2">
        <v>7.6</v>
      </c>
      <c r="Y6648" s="2">
        <v>10.6</v>
      </c>
      <c r="Z6648" s="5"/>
      <c r="AA6648" s="5" t="s">
        <v>43</v>
      </c>
      <c r="AB6648" s="5" t="s">
        <v>44</v>
      </c>
      <c r="AC6648" s="2"/>
      <c r="AD6648" s="1"/>
    </row>
    <row r="6649" spans="1:30">
      <c r="A6649" s="5" t="s">
        <v>83578</v>
      </c>
      <c r="B6649" s="2" t="s">
        <v>104062</v>
      </c>
      <c r="C6649" s="14" t="s">
        <v>104063</v>
      </c>
      <c r="D6649" s="2" t="s">
        <v>104064</v>
      </c>
      <c r="E6649" s="2" t="s">
        <v>7410</v>
      </c>
      <c r="F6649" s="8">
        <v>92</v>
      </c>
      <c r="G6649" s="5">
        <v>6</v>
      </c>
      <c r="H6649" s="5" t="s">
        <v>1518</v>
      </c>
      <c r="I6649" s="5" t="s">
        <v>69038</v>
      </c>
      <c r="J6649" s="2" t="s">
        <v>69039</v>
      </c>
      <c r="K6649" s="5" t="s">
        <v>69038</v>
      </c>
      <c r="L6649" s="2" t="s">
        <v>69039</v>
      </c>
      <c r="M6649" s="5" t="s">
        <v>1521</v>
      </c>
      <c r="N6649" s="5" t="s">
        <v>38</v>
      </c>
      <c r="O6649" s="5" t="s">
        <v>39</v>
      </c>
      <c r="P6649" s="5" t="s">
        <v>40</v>
      </c>
      <c r="Q6649" s="5" t="s">
        <v>1522</v>
      </c>
      <c r="R6649" s="5" t="s">
        <v>1523</v>
      </c>
      <c r="S6649" s="5" t="s">
        <v>42</v>
      </c>
      <c r="T6649" s="2">
        <v>0.92300000000000004</v>
      </c>
      <c r="U6649" s="2">
        <v>0.66600000000000004</v>
      </c>
      <c r="V6649" s="2">
        <v>10.6</v>
      </c>
      <c r="W6649" s="2">
        <v>76.900000000000006</v>
      </c>
      <c r="X6649" s="2">
        <v>7.6</v>
      </c>
      <c r="Y6649" s="2">
        <v>10.6</v>
      </c>
      <c r="Z6649" s="5"/>
      <c r="AA6649" s="5" t="s">
        <v>43</v>
      </c>
      <c r="AB6649" s="5" t="s">
        <v>44</v>
      </c>
      <c r="AC6649" s="2"/>
      <c r="AD6649" s="1"/>
    </row>
    <row r="6650" spans="1:30">
      <c r="A6650" s="5" t="s">
        <v>83578</v>
      </c>
      <c r="B6650" s="2" t="s">
        <v>104065</v>
      </c>
      <c r="C6650" s="14" t="s">
        <v>104066</v>
      </c>
      <c r="D6650" s="2" t="s">
        <v>104067</v>
      </c>
      <c r="E6650" s="2" t="s">
        <v>7406</v>
      </c>
      <c r="F6650" s="8">
        <v>105</v>
      </c>
      <c r="G6650" s="5">
        <v>6</v>
      </c>
      <c r="H6650" s="5" t="s">
        <v>1518</v>
      </c>
      <c r="I6650" s="5" t="s">
        <v>69038</v>
      </c>
      <c r="J6650" s="2" t="s">
        <v>69039</v>
      </c>
      <c r="K6650" s="5" t="s">
        <v>69038</v>
      </c>
      <c r="L6650" s="2" t="s">
        <v>69039</v>
      </c>
      <c r="M6650" s="5" t="s">
        <v>1521</v>
      </c>
      <c r="N6650" s="5" t="s">
        <v>38</v>
      </c>
      <c r="O6650" s="5" t="s">
        <v>39</v>
      </c>
      <c r="P6650" s="5" t="s">
        <v>40</v>
      </c>
      <c r="Q6650" s="5" t="s">
        <v>1522</v>
      </c>
      <c r="R6650" s="5" t="s">
        <v>1523</v>
      </c>
      <c r="S6650" s="5" t="s">
        <v>42</v>
      </c>
      <c r="T6650" s="2">
        <v>1.0720000000000001</v>
      </c>
      <c r="U6650" s="2">
        <v>0.76300000000000001</v>
      </c>
      <c r="V6650" s="2">
        <v>10.6</v>
      </c>
      <c r="W6650" s="2">
        <v>82.9</v>
      </c>
      <c r="X6650" s="2">
        <v>7.6</v>
      </c>
      <c r="Y6650" s="2">
        <v>10.6</v>
      </c>
      <c r="Z6650" s="5"/>
      <c r="AA6650" s="5" t="s">
        <v>43</v>
      </c>
      <c r="AB6650" s="5" t="s">
        <v>44</v>
      </c>
      <c r="AC6650" s="2"/>
      <c r="AD6650" s="1"/>
    </row>
    <row r="6651" spans="1:30">
      <c r="A6651" s="5" t="s">
        <v>83578</v>
      </c>
      <c r="B6651" s="2" t="s">
        <v>104068</v>
      </c>
      <c r="C6651" s="14" t="s">
        <v>104069</v>
      </c>
      <c r="D6651" s="2" t="s">
        <v>104070</v>
      </c>
      <c r="E6651" s="2" t="s">
        <v>7547</v>
      </c>
      <c r="F6651" s="8">
        <v>105</v>
      </c>
      <c r="G6651" s="5">
        <v>6</v>
      </c>
      <c r="H6651" s="5" t="s">
        <v>1518</v>
      </c>
      <c r="I6651" s="5" t="s">
        <v>69038</v>
      </c>
      <c r="J6651" s="2" t="s">
        <v>69039</v>
      </c>
      <c r="K6651" s="5" t="s">
        <v>69038</v>
      </c>
      <c r="L6651" s="2" t="s">
        <v>69039</v>
      </c>
      <c r="M6651" s="5" t="s">
        <v>1521</v>
      </c>
      <c r="N6651" s="5" t="s">
        <v>38</v>
      </c>
      <c r="O6651" s="5" t="s">
        <v>39</v>
      </c>
      <c r="P6651" s="5" t="s">
        <v>40</v>
      </c>
      <c r="Q6651" s="5" t="s">
        <v>1522</v>
      </c>
      <c r="R6651" s="5" t="s">
        <v>1523</v>
      </c>
      <c r="S6651" s="5" t="s">
        <v>42</v>
      </c>
      <c r="T6651" s="2">
        <v>1.0720000000000001</v>
      </c>
      <c r="U6651" s="2">
        <v>0.76300000000000001</v>
      </c>
      <c r="V6651" s="2">
        <v>10.6</v>
      </c>
      <c r="W6651" s="2">
        <v>82.9</v>
      </c>
      <c r="X6651" s="2">
        <v>7.6</v>
      </c>
      <c r="Y6651" s="2">
        <v>10.6</v>
      </c>
      <c r="Z6651" s="5"/>
      <c r="AA6651" s="5" t="s">
        <v>43</v>
      </c>
      <c r="AB6651" s="5" t="s">
        <v>44</v>
      </c>
      <c r="AC6651" s="2"/>
      <c r="AD6651" s="1"/>
    </row>
    <row r="6652" spans="1:30">
      <c r="A6652" s="5" t="s">
        <v>83578</v>
      </c>
      <c r="B6652" s="2" t="s">
        <v>104071</v>
      </c>
      <c r="C6652" s="14" t="s">
        <v>104072</v>
      </c>
      <c r="D6652" s="2" t="s">
        <v>104073</v>
      </c>
      <c r="E6652" s="2" t="s">
        <v>7563</v>
      </c>
      <c r="F6652" s="8">
        <v>105</v>
      </c>
      <c r="G6652" s="5">
        <v>6</v>
      </c>
      <c r="H6652" s="5" t="s">
        <v>1518</v>
      </c>
      <c r="I6652" s="5" t="s">
        <v>69038</v>
      </c>
      <c r="J6652" s="2" t="s">
        <v>69039</v>
      </c>
      <c r="K6652" s="5" t="s">
        <v>69038</v>
      </c>
      <c r="L6652" s="2" t="s">
        <v>69039</v>
      </c>
      <c r="M6652" s="5" t="s">
        <v>1521</v>
      </c>
      <c r="N6652" s="5" t="s">
        <v>38</v>
      </c>
      <c r="O6652" s="5" t="s">
        <v>39</v>
      </c>
      <c r="P6652" s="5" t="s">
        <v>40</v>
      </c>
      <c r="Q6652" s="5" t="s">
        <v>1522</v>
      </c>
      <c r="R6652" s="5" t="s">
        <v>1523</v>
      </c>
      <c r="S6652" s="5" t="s">
        <v>42</v>
      </c>
      <c r="T6652" s="2">
        <v>1.0720000000000001</v>
      </c>
      <c r="U6652" s="2">
        <v>0.76300000000000001</v>
      </c>
      <c r="V6652" s="2">
        <v>10.6</v>
      </c>
      <c r="W6652" s="2">
        <v>82.9</v>
      </c>
      <c r="X6652" s="2">
        <v>7.6</v>
      </c>
      <c r="Y6652" s="2">
        <v>10.6</v>
      </c>
      <c r="Z6652" s="5"/>
      <c r="AA6652" s="5" t="s">
        <v>43</v>
      </c>
      <c r="AB6652" s="5" t="s">
        <v>44</v>
      </c>
      <c r="AC6652" s="2"/>
      <c r="AD6652" s="1"/>
    </row>
    <row r="6653" spans="1:30">
      <c r="A6653" s="5" t="s">
        <v>83578</v>
      </c>
      <c r="B6653" s="2" t="s">
        <v>104074</v>
      </c>
      <c r="C6653" s="14" t="s">
        <v>104075</v>
      </c>
      <c r="D6653" s="2" t="s">
        <v>104076</v>
      </c>
      <c r="E6653" s="2" t="s">
        <v>7555</v>
      </c>
      <c r="F6653" s="8">
        <v>105</v>
      </c>
      <c r="G6653" s="5">
        <v>6</v>
      </c>
      <c r="H6653" s="5" t="s">
        <v>1518</v>
      </c>
      <c r="I6653" s="5" t="s">
        <v>69038</v>
      </c>
      <c r="J6653" s="2" t="s">
        <v>69039</v>
      </c>
      <c r="K6653" s="5" t="s">
        <v>69038</v>
      </c>
      <c r="L6653" s="2" t="s">
        <v>69039</v>
      </c>
      <c r="M6653" s="5" t="s">
        <v>1521</v>
      </c>
      <c r="N6653" s="5" t="s">
        <v>38</v>
      </c>
      <c r="O6653" s="5" t="s">
        <v>39</v>
      </c>
      <c r="P6653" s="5" t="s">
        <v>40</v>
      </c>
      <c r="Q6653" s="5" t="s">
        <v>1522</v>
      </c>
      <c r="R6653" s="5" t="s">
        <v>1523</v>
      </c>
      <c r="S6653" s="5" t="s">
        <v>42</v>
      </c>
      <c r="T6653" s="2">
        <v>1.0720000000000001</v>
      </c>
      <c r="U6653" s="2">
        <v>0.76300000000000001</v>
      </c>
      <c r="V6653" s="2">
        <v>10.6</v>
      </c>
      <c r="W6653" s="2">
        <v>82.9</v>
      </c>
      <c r="X6653" s="2">
        <v>7.6</v>
      </c>
      <c r="Y6653" s="2">
        <v>10.6</v>
      </c>
      <c r="Z6653" s="5"/>
      <c r="AA6653" s="5" t="s">
        <v>43</v>
      </c>
      <c r="AB6653" s="5" t="s">
        <v>44</v>
      </c>
      <c r="AC6653" s="2"/>
      <c r="AD6653" s="1"/>
    </row>
    <row r="6654" spans="1:30">
      <c r="A6654" s="5" t="s">
        <v>83578</v>
      </c>
      <c r="B6654" s="2" t="s">
        <v>104077</v>
      </c>
      <c r="C6654" s="14" t="s">
        <v>104078</v>
      </c>
      <c r="D6654" s="2" t="s">
        <v>104079</v>
      </c>
      <c r="E6654" s="2" t="s">
        <v>7429</v>
      </c>
      <c r="F6654" s="8">
        <v>105</v>
      </c>
      <c r="G6654" s="5">
        <v>6</v>
      </c>
      <c r="H6654" s="5" t="s">
        <v>1518</v>
      </c>
      <c r="I6654" s="5" t="s">
        <v>69038</v>
      </c>
      <c r="J6654" s="2" t="s">
        <v>69039</v>
      </c>
      <c r="K6654" s="5" t="s">
        <v>69038</v>
      </c>
      <c r="L6654" s="2" t="s">
        <v>69039</v>
      </c>
      <c r="M6654" s="5" t="s">
        <v>1521</v>
      </c>
      <c r="N6654" s="5" t="s">
        <v>38</v>
      </c>
      <c r="O6654" s="5" t="s">
        <v>39</v>
      </c>
      <c r="P6654" s="5" t="s">
        <v>40</v>
      </c>
      <c r="Q6654" s="5" t="s">
        <v>1522</v>
      </c>
      <c r="R6654" s="5" t="s">
        <v>1523</v>
      </c>
      <c r="S6654" s="5" t="s">
        <v>42</v>
      </c>
      <c r="T6654" s="2">
        <v>1.0720000000000001</v>
      </c>
      <c r="U6654" s="2">
        <v>0.76300000000000001</v>
      </c>
      <c r="V6654" s="2">
        <v>10.6</v>
      </c>
      <c r="W6654" s="2">
        <v>82.9</v>
      </c>
      <c r="X6654" s="2">
        <v>7.6</v>
      </c>
      <c r="Y6654" s="2">
        <v>10.6</v>
      </c>
      <c r="Z6654" s="5"/>
      <c r="AA6654" s="5" t="s">
        <v>43</v>
      </c>
      <c r="AB6654" s="5" t="s">
        <v>44</v>
      </c>
      <c r="AC6654" s="2"/>
      <c r="AD6654" s="1"/>
    </row>
    <row r="6655" spans="1:30">
      <c r="A6655" s="5" t="s">
        <v>83578</v>
      </c>
      <c r="B6655" s="2" t="s">
        <v>104080</v>
      </c>
      <c r="C6655" s="14" t="s">
        <v>104081</v>
      </c>
      <c r="D6655" s="2" t="s">
        <v>104082</v>
      </c>
      <c r="E6655" s="2" t="s">
        <v>7449</v>
      </c>
      <c r="F6655" s="8">
        <v>105</v>
      </c>
      <c r="G6655" s="5">
        <v>6</v>
      </c>
      <c r="H6655" s="5" t="s">
        <v>1518</v>
      </c>
      <c r="I6655" s="5" t="s">
        <v>69038</v>
      </c>
      <c r="J6655" s="2" t="s">
        <v>69039</v>
      </c>
      <c r="K6655" s="5" t="s">
        <v>69038</v>
      </c>
      <c r="L6655" s="2" t="s">
        <v>69039</v>
      </c>
      <c r="M6655" s="5" t="s">
        <v>1521</v>
      </c>
      <c r="N6655" s="5" t="s">
        <v>38</v>
      </c>
      <c r="O6655" s="5" t="s">
        <v>39</v>
      </c>
      <c r="P6655" s="5" t="s">
        <v>40</v>
      </c>
      <c r="Q6655" s="5" t="s">
        <v>1522</v>
      </c>
      <c r="R6655" s="5" t="s">
        <v>1523</v>
      </c>
      <c r="S6655" s="5" t="s">
        <v>42</v>
      </c>
      <c r="T6655" s="2">
        <v>1.0720000000000001</v>
      </c>
      <c r="U6655" s="2">
        <v>0.76300000000000001</v>
      </c>
      <c r="V6655" s="2">
        <v>10.6</v>
      </c>
      <c r="W6655" s="2">
        <v>82.9</v>
      </c>
      <c r="X6655" s="2">
        <v>7.6</v>
      </c>
      <c r="Y6655" s="2">
        <v>10.6</v>
      </c>
      <c r="Z6655" s="5"/>
      <c r="AA6655" s="5" t="s">
        <v>43</v>
      </c>
      <c r="AB6655" s="5" t="s">
        <v>44</v>
      </c>
      <c r="AC6655" s="2"/>
      <c r="AD6655" s="1"/>
    </row>
    <row r="6656" spans="1:30">
      <c r="A6656" s="5" t="s">
        <v>83578</v>
      </c>
      <c r="B6656" s="2" t="s">
        <v>104083</v>
      </c>
      <c r="C6656" s="14" t="s">
        <v>104084</v>
      </c>
      <c r="D6656" s="2" t="s">
        <v>104085</v>
      </c>
      <c r="E6656" s="2" t="s">
        <v>7585</v>
      </c>
      <c r="F6656" s="8">
        <v>105</v>
      </c>
      <c r="G6656" s="5">
        <v>6</v>
      </c>
      <c r="H6656" s="5" t="s">
        <v>1518</v>
      </c>
      <c r="I6656" s="5" t="s">
        <v>69038</v>
      </c>
      <c r="J6656" s="2" t="s">
        <v>69039</v>
      </c>
      <c r="K6656" s="5" t="s">
        <v>69038</v>
      </c>
      <c r="L6656" s="2" t="s">
        <v>69039</v>
      </c>
      <c r="M6656" s="5" t="s">
        <v>1521</v>
      </c>
      <c r="N6656" s="5" t="s">
        <v>38</v>
      </c>
      <c r="O6656" s="5" t="s">
        <v>39</v>
      </c>
      <c r="P6656" s="5" t="s">
        <v>40</v>
      </c>
      <c r="Q6656" s="5" t="s">
        <v>1522</v>
      </c>
      <c r="R6656" s="5" t="s">
        <v>1523</v>
      </c>
      <c r="S6656" s="5" t="s">
        <v>42</v>
      </c>
      <c r="T6656" s="2">
        <v>1.0720000000000001</v>
      </c>
      <c r="U6656" s="2">
        <v>0.76300000000000001</v>
      </c>
      <c r="V6656" s="2">
        <v>10.6</v>
      </c>
      <c r="W6656" s="2">
        <v>82.9</v>
      </c>
      <c r="X6656" s="2">
        <v>7.6</v>
      </c>
      <c r="Y6656" s="2">
        <v>10.6</v>
      </c>
      <c r="Z6656" s="5"/>
      <c r="AA6656" s="5" t="s">
        <v>43</v>
      </c>
      <c r="AB6656" s="5" t="s">
        <v>44</v>
      </c>
      <c r="AC6656" s="2"/>
      <c r="AD6656" s="1"/>
    </row>
    <row r="6657" spans="1:30">
      <c r="A6657" s="5" t="s">
        <v>83578</v>
      </c>
      <c r="B6657" s="2" t="s">
        <v>104086</v>
      </c>
      <c r="C6657" s="14" t="s">
        <v>104087</v>
      </c>
      <c r="D6657" s="2" t="s">
        <v>104088</v>
      </c>
      <c r="E6657" s="2" t="s">
        <v>7593</v>
      </c>
      <c r="F6657" s="8">
        <v>105</v>
      </c>
      <c r="G6657" s="5">
        <v>6</v>
      </c>
      <c r="H6657" s="5" t="s">
        <v>1518</v>
      </c>
      <c r="I6657" s="5" t="s">
        <v>69038</v>
      </c>
      <c r="J6657" s="2" t="s">
        <v>69039</v>
      </c>
      <c r="K6657" s="5" t="s">
        <v>69038</v>
      </c>
      <c r="L6657" s="2" t="s">
        <v>69039</v>
      </c>
      <c r="M6657" s="5" t="s">
        <v>1521</v>
      </c>
      <c r="N6657" s="5" t="s">
        <v>38</v>
      </c>
      <c r="O6657" s="5" t="s">
        <v>39</v>
      </c>
      <c r="P6657" s="5" t="s">
        <v>40</v>
      </c>
      <c r="Q6657" s="5" t="s">
        <v>1522</v>
      </c>
      <c r="R6657" s="5" t="s">
        <v>1523</v>
      </c>
      <c r="S6657" s="5" t="s">
        <v>42</v>
      </c>
      <c r="T6657" s="2">
        <v>1.0720000000000001</v>
      </c>
      <c r="U6657" s="2">
        <v>0.76300000000000001</v>
      </c>
      <c r="V6657" s="2">
        <v>10.6</v>
      </c>
      <c r="W6657" s="2">
        <v>82.9</v>
      </c>
      <c r="X6657" s="2">
        <v>7.6</v>
      </c>
      <c r="Y6657" s="2">
        <v>10.6</v>
      </c>
      <c r="Z6657" s="5"/>
      <c r="AA6657" s="5" t="s">
        <v>43</v>
      </c>
      <c r="AB6657" s="5" t="s">
        <v>44</v>
      </c>
      <c r="AC6657" s="2"/>
      <c r="AD6657" s="1"/>
    </row>
    <row r="6658" spans="1:30">
      <c r="A6658" s="5" t="s">
        <v>83578</v>
      </c>
      <c r="B6658" s="2" t="s">
        <v>104089</v>
      </c>
      <c r="C6658" s="14" t="s">
        <v>104090</v>
      </c>
      <c r="D6658" s="2" t="s">
        <v>104091</v>
      </c>
      <c r="E6658" s="2" t="s">
        <v>7433</v>
      </c>
      <c r="F6658" s="8">
        <v>105</v>
      </c>
      <c r="G6658" s="5">
        <v>6</v>
      </c>
      <c r="H6658" s="5" t="s">
        <v>1518</v>
      </c>
      <c r="I6658" s="5" t="s">
        <v>69038</v>
      </c>
      <c r="J6658" s="2" t="s">
        <v>69039</v>
      </c>
      <c r="K6658" s="5" t="s">
        <v>69038</v>
      </c>
      <c r="L6658" s="2" t="s">
        <v>69039</v>
      </c>
      <c r="M6658" s="5" t="s">
        <v>1521</v>
      </c>
      <c r="N6658" s="5" t="s">
        <v>38</v>
      </c>
      <c r="O6658" s="5" t="s">
        <v>39</v>
      </c>
      <c r="P6658" s="5" t="s">
        <v>40</v>
      </c>
      <c r="Q6658" s="5" t="s">
        <v>1522</v>
      </c>
      <c r="R6658" s="5" t="s">
        <v>1523</v>
      </c>
      <c r="S6658" s="5" t="s">
        <v>42</v>
      </c>
      <c r="T6658" s="2">
        <v>1.0720000000000001</v>
      </c>
      <c r="U6658" s="2">
        <v>0.76300000000000001</v>
      </c>
      <c r="V6658" s="2">
        <v>10.6</v>
      </c>
      <c r="W6658" s="2">
        <v>82.9</v>
      </c>
      <c r="X6658" s="2">
        <v>7.6</v>
      </c>
      <c r="Y6658" s="2">
        <v>10.6</v>
      </c>
      <c r="Z6658" s="5"/>
      <c r="AA6658" s="5" t="s">
        <v>43</v>
      </c>
      <c r="AB6658" s="5" t="s">
        <v>44</v>
      </c>
      <c r="AC6658" s="2"/>
      <c r="AD6658" s="1"/>
    </row>
    <row r="6659" spans="1:30">
      <c r="A6659" s="5" t="s">
        <v>83578</v>
      </c>
      <c r="B6659" s="2" t="s">
        <v>104092</v>
      </c>
      <c r="C6659" s="14" t="s">
        <v>104093</v>
      </c>
      <c r="D6659" s="2" t="s">
        <v>104094</v>
      </c>
      <c r="E6659" s="2" t="s">
        <v>7410</v>
      </c>
      <c r="F6659" s="8">
        <v>105</v>
      </c>
      <c r="G6659" s="5">
        <v>6</v>
      </c>
      <c r="H6659" s="5" t="s">
        <v>1518</v>
      </c>
      <c r="I6659" s="5" t="s">
        <v>69038</v>
      </c>
      <c r="J6659" s="2" t="s">
        <v>69039</v>
      </c>
      <c r="K6659" s="5" t="s">
        <v>69038</v>
      </c>
      <c r="L6659" s="2" t="s">
        <v>69039</v>
      </c>
      <c r="M6659" s="5" t="s">
        <v>1521</v>
      </c>
      <c r="N6659" s="5" t="s">
        <v>38</v>
      </c>
      <c r="O6659" s="5" t="s">
        <v>39</v>
      </c>
      <c r="P6659" s="5" t="s">
        <v>40</v>
      </c>
      <c r="Q6659" s="5" t="s">
        <v>1522</v>
      </c>
      <c r="R6659" s="5" t="s">
        <v>1523</v>
      </c>
      <c r="S6659" s="5" t="s">
        <v>42</v>
      </c>
      <c r="T6659" s="2">
        <v>1.0720000000000001</v>
      </c>
      <c r="U6659" s="2">
        <v>0.76300000000000001</v>
      </c>
      <c r="V6659" s="2">
        <v>10.6</v>
      </c>
      <c r="W6659" s="2">
        <v>82.9</v>
      </c>
      <c r="X6659" s="2">
        <v>7.6</v>
      </c>
      <c r="Y6659" s="2">
        <v>10.6</v>
      </c>
      <c r="Z6659" s="5"/>
      <c r="AA6659" s="5" t="s">
        <v>43</v>
      </c>
      <c r="AB6659" s="5" t="s">
        <v>44</v>
      </c>
      <c r="AC6659" s="2"/>
      <c r="AD6659" s="1"/>
    </row>
    <row r="6660" spans="1:30">
      <c r="A6660" s="5" t="s">
        <v>83578</v>
      </c>
      <c r="B6660" s="2" t="s">
        <v>104095</v>
      </c>
      <c r="C6660" s="14" t="s">
        <v>104096</v>
      </c>
      <c r="D6660" s="2" t="s">
        <v>104097</v>
      </c>
      <c r="E6660" s="2" t="s">
        <v>7406</v>
      </c>
      <c r="F6660" s="8">
        <v>115</v>
      </c>
      <c r="G6660" s="5">
        <v>6</v>
      </c>
      <c r="H6660" s="5" t="s">
        <v>1518</v>
      </c>
      <c r="I6660" s="5" t="s">
        <v>69038</v>
      </c>
      <c r="J6660" s="2" t="s">
        <v>69039</v>
      </c>
      <c r="K6660" s="5" t="s">
        <v>69038</v>
      </c>
      <c r="L6660" s="2" t="s">
        <v>69039</v>
      </c>
      <c r="M6660" s="5" t="s">
        <v>1521</v>
      </c>
      <c r="N6660" s="5" t="s">
        <v>38</v>
      </c>
      <c r="O6660" s="5" t="s">
        <v>39</v>
      </c>
      <c r="P6660" s="5" t="s">
        <v>40</v>
      </c>
      <c r="Q6660" s="5" t="s">
        <v>1522</v>
      </c>
      <c r="R6660" s="5" t="s">
        <v>1523</v>
      </c>
      <c r="S6660" s="5" t="s">
        <v>42</v>
      </c>
      <c r="T6660" s="2">
        <v>1.1539999999999999</v>
      </c>
      <c r="U6660" s="2">
        <v>0.85199999999999998</v>
      </c>
      <c r="V6660" s="2">
        <v>10.6</v>
      </c>
      <c r="W6660" s="2">
        <v>82.9</v>
      </c>
      <c r="X6660" s="2">
        <v>7.6</v>
      </c>
      <c r="Y6660" s="2">
        <v>10.6</v>
      </c>
      <c r="Z6660" s="5"/>
      <c r="AA6660" s="5" t="s">
        <v>43</v>
      </c>
      <c r="AB6660" s="5" t="s">
        <v>44</v>
      </c>
      <c r="AC6660" s="2"/>
      <c r="AD6660" s="1"/>
    </row>
    <row r="6661" spans="1:30">
      <c r="A6661" s="5" t="s">
        <v>83578</v>
      </c>
      <c r="B6661" s="2" t="s">
        <v>104098</v>
      </c>
      <c r="C6661" s="14" t="s">
        <v>104099</v>
      </c>
      <c r="D6661" s="2" t="s">
        <v>104100</v>
      </c>
      <c r="E6661" s="2" t="s">
        <v>7547</v>
      </c>
      <c r="F6661" s="8">
        <v>115</v>
      </c>
      <c r="G6661" s="5">
        <v>6</v>
      </c>
      <c r="H6661" s="5" t="s">
        <v>1518</v>
      </c>
      <c r="I6661" s="5" t="s">
        <v>69038</v>
      </c>
      <c r="J6661" s="2" t="s">
        <v>69039</v>
      </c>
      <c r="K6661" s="5" t="s">
        <v>69038</v>
      </c>
      <c r="L6661" s="2" t="s">
        <v>69039</v>
      </c>
      <c r="M6661" s="5" t="s">
        <v>1521</v>
      </c>
      <c r="N6661" s="5" t="s">
        <v>38</v>
      </c>
      <c r="O6661" s="5" t="s">
        <v>39</v>
      </c>
      <c r="P6661" s="5" t="s">
        <v>40</v>
      </c>
      <c r="Q6661" s="5" t="s">
        <v>1522</v>
      </c>
      <c r="R6661" s="5" t="s">
        <v>1523</v>
      </c>
      <c r="S6661" s="5" t="s">
        <v>42</v>
      </c>
      <c r="T6661" s="2">
        <v>1.1539999999999999</v>
      </c>
      <c r="U6661" s="2">
        <v>0.85199999999999998</v>
      </c>
      <c r="V6661" s="2">
        <v>10.6</v>
      </c>
      <c r="W6661" s="2">
        <v>82.9</v>
      </c>
      <c r="X6661" s="2">
        <v>7.6</v>
      </c>
      <c r="Y6661" s="2">
        <v>10.6</v>
      </c>
      <c r="Z6661" s="5"/>
      <c r="AA6661" s="5" t="s">
        <v>43</v>
      </c>
      <c r="AB6661" s="5" t="s">
        <v>44</v>
      </c>
      <c r="AC6661" s="2"/>
      <c r="AD6661" s="1"/>
    </row>
    <row r="6662" spans="1:30">
      <c r="A6662" s="5" t="s">
        <v>83578</v>
      </c>
      <c r="B6662" s="2" t="s">
        <v>104101</v>
      </c>
      <c r="C6662" s="14" t="s">
        <v>104102</v>
      </c>
      <c r="D6662" s="2" t="s">
        <v>104103</v>
      </c>
      <c r="E6662" s="2" t="s">
        <v>7563</v>
      </c>
      <c r="F6662" s="8">
        <v>115</v>
      </c>
      <c r="G6662" s="5">
        <v>6</v>
      </c>
      <c r="H6662" s="5" t="s">
        <v>1518</v>
      </c>
      <c r="I6662" s="5" t="s">
        <v>69038</v>
      </c>
      <c r="J6662" s="2" t="s">
        <v>69039</v>
      </c>
      <c r="K6662" s="5" t="s">
        <v>69038</v>
      </c>
      <c r="L6662" s="2" t="s">
        <v>69039</v>
      </c>
      <c r="M6662" s="5" t="s">
        <v>1521</v>
      </c>
      <c r="N6662" s="5" t="s">
        <v>38</v>
      </c>
      <c r="O6662" s="5" t="s">
        <v>39</v>
      </c>
      <c r="P6662" s="5" t="s">
        <v>40</v>
      </c>
      <c r="Q6662" s="5" t="s">
        <v>1522</v>
      </c>
      <c r="R6662" s="5" t="s">
        <v>1523</v>
      </c>
      <c r="S6662" s="5" t="s">
        <v>42</v>
      </c>
      <c r="T6662" s="2">
        <v>1.1539999999999999</v>
      </c>
      <c r="U6662" s="2">
        <v>0.85199999999999998</v>
      </c>
      <c r="V6662" s="2">
        <v>10.6</v>
      </c>
      <c r="W6662" s="2">
        <v>82.9</v>
      </c>
      <c r="X6662" s="2">
        <v>7.6</v>
      </c>
      <c r="Y6662" s="2">
        <v>10.6</v>
      </c>
      <c r="Z6662" s="5"/>
      <c r="AA6662" s="5" t="s">
        <v>43</v>
      </c>
      <c r="AB6662" s="5" t="s">
        <v>44</v>
      </c>
      <c r="AC6662" s="2"/>
      <c r="AD6662" s="1"/>
    </row>
    <row r="6663" spans="1:30">
      <c r="A6663" s="5" t="s">
        <v>83578</v>
      </c>
      <c r="B6663" s="2" t="s">
        <v>104104</v>
      </c>
      <c r="C6663" s="14" t="s">
        <v>104105</v>
      </c>
      <c r="D6663" s="2" t="s">
        <v>104106</v>
      </c>
      <c r="E6663" s="2" t="s">
        <v>7555</v>
      </c>
      <c r="F6663" s="8">
        <v>115</v>
      </c>
      <c r="G6663" s="5">
        <v>6</v>
      </c>
      <c r="H6663" s="5" t="s">
        <v>1518</v>
      </c>
      <c r="I6663" s="5" t="s">
        <v>69038</v>
      </c>
      <c r="J6663" s="2" t="s">
        <v>69039</v>
      </c>
      <c r="K6663" s="5" t="s">
        <v>69038</v>
      </c>
      <c r="L6663" s="2" t="s">
        <v>69039</v>
      </c>
      <c r="M6663" s="5" t="s">
        <v>1521</v>
      </c>
      <c r="N6663" s="5" t="s">
        <v>38</v>
      </c>
      <c r="O6663" s="5" t="s">
        <v>39</v>
      </c>
      <c r="P6663" s="5" t="s">
        <v>40</v>
      </c>
      <c r="Q6663" s="5" t="s">
        <v>1522</v>
      </c>
      <c r="R6663" s="5" t="s">
        <v>1523</v>
      </c>
      <c r="S6663" s="5" t="s">
        <v>42</v>
      </c>
      <c r="T6663" s="2">
        <v>1.1539999999999999</v>
      </c>
      <c r="U6663" s="2">
        <v>0.85199999999999998</v>
      </c>
      <c r="V6663" s="2">
        <v>10.6</v>
      </c>
      <c r="W6663" s="2">
        <v>82.9</v>
      </c>
      <c r="X6663" s="2">
        <v>7.6</v>
      </c>
      <c r="Y6663" s="2">
        <v>10.6</v>
      </c>
      <c r="Z6663" s="5"/>
      <c r="AA6663" s="5" t="s">
        <v>43</v>
      </c>
      <c r="AB6663" s="5" t="s">
        <v>44</v>
      </c>
      <c r="AC6663" s="2"/>
      <c r="AD6663" s="1"/>
    </row>
    <row r="6664" spans="1:30">
      <c r="A6664" s="5" t="s">
        <v>83578</v>
      </c>
      <c r="B6664" s="2" t="s">
        <v>104107</v>
      </c>
      <c r="C6664" s="14" t="s">
        <v>104108</v>
      </c>
      <c r="D6664" s="2" t="s">
        <v>104109</v>
      </c>
      <c r="E6664" s="2" t="s">
        <v>7429</v>
      </c>
      <c r="F6664" s="8">
        <v>115</v>
      </c>
      <c r="G6664" s="5">
        <v>6</v>
      </c>
      <c r="H6664" s="5" t="s">
        <v>1518</v>
      </c>
      <c r="I6664" s="5" t="s">
        <v>69038</v>
      </c>
      <c r="J6664" s="2" t="s">
        <v>69039</v>
      </c>
      <c r="K6664" s="5" t="s">
        <v>69038</v>
      </c>
      <c r="L6664" s="2" t="s">
        <v>69039</v>
      </c>
      <c r="M6664" s="5" t="s">
        <v>1521</v>
      </c>
      <c r="N6664" s="5" t="s">
        <v>38</v>
      </c>
      <c r="O6664" s="5" t="s">
        <v>39</v>
      </c>
      <c r="P6664" s="5" t="s">
        <v>40</v>
      </c>
      <c r="Q6664" s="5" t="s">
        <v>1522</v>
      </c>
      <c r="R6664" s="5" t="s">
        <v>1523</v>
      </c>
      <c r="S6664" s="5" t="s">
        <v>42</v>
      </c>
      <c r="T6664" s="2">
        <v>1.1539999999999999</v>
      </c>
      <c r="U6664" s="2">
        <v>0.85199999999999998</v>
      </c>
      <c r="V6664" s="2">
        <v>10.6</v>
      </c>
      <c r="W6664" s="2">
        <v>82.9</v>
      </c>
      <c r="X6664" s="2">
        <v>7.6</v>
      </c>
      <c r="Y6664" s="2">
        <v>10.6</v>
      </c>
      <c r="Z6664" s="5"/>
      <c r="AA6664" s="5" t="s">
        <v>43</v>
      </c>
      <c r="AB6664" s="5" t="s">
        <v>44</v>
      </c>
      <c r="AC6664" s="2"/>
      <c r="AD6664" s="1"/>
    </row>
    <row r="6665" spans="1:30">
      <c r="A6665" s="5" t="s">
        <v>83578</v>
      </c>
      <c r="B6665" s="2" t="s">
        <v>104110</v>
      </c>
      <c r="C6665" s="14" t="s">
        <v>104111</v>
      </c>
      <c r="D6665" s="2" t="s">
        <v>104112</v>
      </c>
      <c r="E6665" s="2" t="s">
        <v>7449</v>
      </c>
      <c r="F6665" s="8">
        <v>115</v>
      </c>
      <c r="G6665" s="5">
        <v>6</v>
      </c>
      <c r="H6665" s="5" t="s">
        <v>1518</v>
      </c>
      <c r="I6665" s="5" t="s">
        <v>69038</v>
      </c>
      <c r="J6665" s="2" t="s">
        <v>69039</v>
      </c>
      <c r="K6665" s="5" t="s">
        <v>69038</v>
      </c>
      <c r="L6665" s="2" t="s">
        <v>69039</v>
      </c>
      <c r="M6665" s="5" t="s">
        <v>1521</v>
      </c>
      <c r="N6665" s="5" t="s">
        <v>38</v>
      </c>
      <c r="O6665" s="5" t="s">
        <v>39</v>
      </c>
      <c r="P6665" s="5" t="s">
        <v>40</v>
      </c>
      <c r="Q6665" s="5" t="s">
        <v>1522</v>
      </c>
      <c r="R6665" s="5" t="s">
        <v>1523</v>
      </c>
      <c r="S6665" s="5" t="s">
        <v>42</v>
      </c>
      <c r="T6665" s="2">
        <v>1.1539999999999999</v>
      </c>
      <c r="U6665" s="2">
        <v>0.85199999999999998</v>
      </c>
      <c r="V6665" s="2">
        <v>10.6</v>
      </c>
      <c r="W6665" s="2">
        <v>82.9</v>
      </c>
      <c r="X6665" s="2">
        <v>7.6</v>
      </c>
      <c r="Y6665" s="2">
        <v>10.6</v>
      </c>
      <c r="Z6665" s="5"/>
      <c r="AA6665" s="5" t="s">
        <v>43</v>
      </c>
      <c r="AB6665" s="5" t="s">
        <v>44</v>
      </c>
      <c r="AC6665" s="2"/>
      <c r="AD6665" s="1"/>
    </row>
    <row r="6666" spans="1:30">
      <c r="A6666" s="5" t="s">
        <v>83578</v>
      </c>
      <c r="B6666" s="2" t="s">
        <v>104113</v>
      </c>
      <c r="C6666" s="14" t="s">
        <v>104114</v>
      </c>
      <c r="D6666" s="2" t="s">
        <v>104115</v>
      </c>
      <c r="E6666" s="2" t="s">
        <v>7585</v>
      </c>
      <c r="F6666" s="8">
        <v>115</v>
      </c>
      <c r="G6666" s="5">
        <v>6</v>
      </c>
      <c r="H6666" s="5" t="s">
        <v>1518</v>
      </c>
      <c r="I6666" s="5" t="s">
        <v>69038</v>
      </c>
      <c r="J6666" s="2" t="s">
        <v>69039</v>
      </c>
      <c r="K6666" s="5" t="s">
        <v>69038</v>
      </c>
      <c r="L6666" s="2" t="s">
        <v>69039</v>
      </c>
      <c r="M6666" s="5" t="s">
        <v>1521</v>
      </c>
      <c r="N6666" s="5" t="s">
        <v>38</v>
      </c>
      <c r="O6666" s="5" t="s">
        <v>39</v>
      </c>
      <c r="P6666" s="5" t="s">
        <v>40</v>
      </c>
      <c r="Q6666" s="5" t="s">
        <v>1522</v>
      </c>
      <c r="R6666" s="5" t="s">
        <v>1523</v>
      </c>
      <c r="S6666" s="5" t="s">
        <v>42</v>
      </c>
      <c r="T6666" s="2">
        <v>1.1539999999999999</v>
      </c>
      <c r="U6666" s="2">
        <v>0.85199999999999998</v>
      </c>
      <c r="V6666" s="2">
        <v>10.6</v>
      </c>
      <c r="W6666" s="2">
        <v>82.9</v>
      </c>
      <c r="X6666" s="2">
        <v>7.6</v>
      </c>
      <c r="Y6666" s="2">
        <v>10.6</v>
      </c>
      <c r="Z6666" s="5"/>
      <c r="AA6666" s="5" t="s">
        <v>43</v>
      </c>
      <c r="AB6666" s="5" t="s">
        <v>44</v>
      </c>
      <c r="AC6666" s="2"/>
      <c r="AD6666" s="1"/>
    </row>
    <row r="6667" spans="1:30">
      <c r="A6667" s="5" t="s">
        <v>83578</v>
      </c>
      <c r="B6667" s="2" t="s">
        <v>104116</v>
      </c>
      <c r="C6667" s="14" t="s">
        <v>104117</v>
      </c>
      <c r="D6667" s="2" t="s">
        <v>104118</v>
      </c>
      <c r="E6667" s="2" t="s">
        <v>7593</v>
      </c>
      <c r="F6667" s="8">
        <v>115</v>
      </c>
      <c r="G6667" s="5">
        <v>6</v>
      </c>
      <c r="H6667" s="5" t="s">
        <v>1518</v>
      </c>
      <c r="I6667" s="5" t="s">
        <v>69038</v>
      </c>
      <c r="J6667" s="2" t="s">
        <v>69039</v>
      </c>
      <c r="K6667" s="5" t="s">
        <v>69038</v>
      </c>
      <c r="L6667" s="2" t="s">
        <v>69039</v>
      </c>
      <c r="M6667" s="5" t="s">
        <v>1521</v>
      </c>
      <c r="N6667" s="5" t="s">
        <v>38</v>
      </c>
      <c r="O6667" s="5" t="s">
        <v>39</v>
      </c>
      <c r="P6667" s="5" t="s">
        <v>40</v>
      </c>
      <c r="Q6667" s="5" t="s">
        <v>1522</v>
      </c>
      <c r="R6667" s="5" t="s">
        <v>1523</v>
      </c>
      <c r="S6667" s="5" t="s">
        <v>42</v>
      </c>
      <c r="T6667" s="2">
        <v>1.1539999999999999</v>
      </c>
      <c r="U6667" s="2">
        <v>0.85199999999999998</v>
      </c>
      <c r="V6667" s="2">
        <v>10.6</v>
      </c>
      <c r="W6667" s="2">
        <v>82.9</v>
      </c>
      <c r="X6667" s="2">
        <v>7.6</v>
      </c>
      <c r="Y6667" s="2">
        <v>10.6</v>
      </c>
      <c r="Z6667" s="5"/>
      <c r="AA6667" s="5" t="s">
        <v>43</v>
      </c>
      <c r="AB6667" s="5" t="s">
        <v>44</v>
      </c>
      <c r="AC6667" s="2"/>
      <c r="AD6667" s="1"/>
    </row>
    <row r="6668" spans="1:30">
      <c r="A6668" s="5" t="s">
        <v>83578</v>
      </c>
      <c r="B6668" s="2" t="s">
        <v>104119</v>
      </c>
      <c r="C6668" s="14" t="s">
        <v>104120</v>
      </c>
      <c r="D6668" s="2" t="s">
        <v>104121</v>
      </c>
      <c r="E6668" s="2" t="s">
        <v>7433</v>
      </c>
      <c r="F6668" s="8">
        <v>115</v>
      </c>
      <c r="G6668" s="5">
        <v>6</v>
      </c>
      <c r="H6668" s="5" t="s">
        <v>1518</v>
      </c>
      <c r="I6668" s="5" t="s">
        <v>69038</v>
      </c>
      <c r="J6668" s="2" t="s">
        <v>69039</v>
      </c>
      <c r="K6668" s="5" t="s">
        <v>69038</v>
      </c>
      <c r="L6668" s="2" t="s">
        <v>69039</v>
      </c>
      <c r="M6668" s="5" t="s">
        <v>1521</v>
      </c>
      <c r="N6668" s="5" t="s">
        <v>38</v>
      </c>
      <c r="O6668" s="5" t="s">
        <v>39</v>
      </c>
      <c r="P6668" s="5" t="s">
        <v>40</v>
      </c>
      <c r="Q6668" s="5" t="s">
        <v>1522</v>
      </c>
      <c r="R6668" s="5" t="s">
        <v>1523</v>
      </c>
      <c r="S6668" s="5" t="s">
        <v>42</v>
      </c>
      <c r="T6668" s="2">
        <v>1.1539999999999999</v>
      </c>
      <c r="U6668" s="2">
        <v>0.85199999999999998</v>
      </c>
      <c r="V6668" s="2">
        <v>10.6</v>
      </c>
      <c r="W6668" s="2">
        <v>82.9</v>
      </c>
      <c r="X6668" s="2">
        <v>7.6</v>
      </c>
      <c r="Y6668" s="2">
        <v>10.6</v>
      </c>
      <c r="Z6668" s="5"/>
      <c r="AA6668" s="5" t="s">
        <v>43</v>
      </c>
      <c r="AB6668" s="5" t="s">
        <v>44</v>
      </c>
      <c r="AC6668" s="2"/>
      <c r="AD6668" s="1"/>
    </row>
    <row r="6669" spans="1:30">
      <c r="A6669" s="5" t="s">
        <v>83578</v>
      </c>
      <c r="B6669" s="2" t="s">
        <v>104122</v>
      </c>
      <c r="C6669" s="14" t="s">
        <v>104123</v>
      </c>
      <c r="D6669" s="2" t="s">
        <v>104124</v>
      </c>
      <c r="E6669" s="2" t="s">
        <v>7615</v>
      </c>
      <c r="F6669" s="8">
        <v>115</v>
      </c>
      <c r="G6669" s="5">
        <v>6</v>
      </c>
      <c r="H6669" s="5" t="s">
        <v>1518</v>
      </c>
      <c r="I6669" s="5" t="s">
        <v>69038</v>
      </c>
      <c r="J6669" s="2" t="s">
        <v>69039</v>
      </c>
      <c r="K6669" s="5" t="s">
        <v>69038</v>
      </c>
      <c r="L6669" s="2" t="s">
        <v>69039</v>
      </c>
      <c r="M6669" s="5" t="s">
        <v>1521</v>
      </c>
      <c r="N6669" s="5" t="s">
        <v>38</v>
      </c>
      <c r="O6669" s="5" t="s">
        <v>39</v>
      </c>
      <c r="P6669" s="5" t="s">
        <v>40</v>
      </c>
      <c r="Q6669" s="5" t="s">
        <v>1522</v>
      </c>
      <c r="R6669" s="5" t="s">
        <v>1523</v>
      </c>
      <c r="S6669" s="5" t="s">
        <v>42</v>
      </c>
      <c r="T6669" s="2">
        <v>1.1539999999999999</v>
      </c>
      <c r="U6669" s="2">
        <v>0.85199999999999998</v>
      </c>
      <c r="V6669" s="2">
        <v>10.6</v>
      </c>
      <c r="W6669" s="2">
        <v>82.9</v>
      </c>
      <c r="X6669" s="2">
        <v>7.6</v>
      </c>
      <c r="Y6669" s="2">
        <v>10.6</v>
      </c>
      <c r="Z6669" s="5"/>
      <c r="AA6669" s="5" t="s">
        <v>43</v>
      </c>
      <c r="AB6669" s="5" t="s">
        <v>44</v>
      </c>
      <c r="AC6669" s="2"/>
      <c r="AD6669" s="1"/>
    </row>
    <row r="6670" spans="1:30">
      <c r="A6670" s="5" t="s">
        <v>83578</v>
      </c>
      <c r="B6670" s="2" t="s">
        <v>104125</v>
      </c>
      <c r="C6670" s="14" t="s">
        <v>104126</v>
      </c>
      <c r="D6670" s="2" t="s">
        <v>104127</v>
      </c>
      <c r="E6670" s="2" t="s">
        <v>7410</v>
      </c>
      <c r="F6670" s="8">
        <v>115</v>
      </c>
      <c r="G6670" s="5">
        <v>6</v>
      </c>
      <c r="H6670" s="5" t="s">
        <v>1518</v>
      </c>
      <c r="I6670" s="5" t="s">
        <v>69038</v>
      </c>
      <c r="J6670" s="2" t="s">
        <v>69039</v>
      </c>
      <c r="K6670" s="5" t="s">
        <v>69038</v>
      </c>
      <c r="L6670" s="2" t="s">
        <v>69039</v>
      </c>
      <c r="M6670" s="5" t="s">
        <v>1521</v>
      </c>
      <c r="N6670" s="5" t="s">
        <v>38</v>
      </c>
      <c r="O6670" s="5" t="s">
        <v>39</v>
      </c>
      <c r="P6670" s="5" t="s">
        <v>40</v>
      </c>
      <c r="Q6670" s="5" t="s">
        <v>1522</v>
      </c>
      <c r="R6670" s="5" t="s">
        <v>1523</v>
      </c>
      <c r="S6670" s="5" t="s">
        <v>42</v>
      </c>
      <c r="T6670" s="2">
        <v>1.1539999999999999</v>
      </c>
      <c r="U6670" s="2">
        <v>0.85199999999999998</v>
      </c>
      <c r="V6670" s="2">
        <v>10.6</v>
      </c>
      <c r="W6670" s="2">
        <v>82.9</v>
      </c>
      <c r="X6670" s="2">
        <v>7.6</v>
      </c>
      <c r="Y6670" s="2">
        <v>10.6</v>
      </c>
      <c r="Z6670" s="5"/>
      <c r="AA6670" s="5" t="s">
        <v>43</v>
      </c>
      <c r="AB6670" s="5" t="s">
        <v>44</v>
      </c>
      <c r="AC6670" s="2"/>
      <c r="AD6670" s="1"/>
    </row>
    <row r="6671" spans="1:30">
      <c r="A6671" s="5" t="s">
        <v>83578</v>
      </c>
      <c r="B6671" s="2" t="s">
        <v>104128</v>
      </c>
      <c r="C6671" s="14" t="s">
        <v>104129</v>
      </c>
      <c r="D6671" s="2" t="s">
        <v>104130</v>
      </c>
      <c r="E6671" s="2" t="s">
        <v>7406</v>
      </c>
      <c r="F6671" s="8">
        <v>127</v>
      </c>
      <c r="G6671" s="5">
        <v>6</v>
      </c>
      <c r="H6671" s="5" t="s">
        <v>1518</v>
      </c>
      <c r="I6671" s="5" t="s">
        <v>69038</v>
      </c>
      <c r="J6671" s="2" t="s">
        <v>69039</v>
      </c>
      <c r="K6671" s="5" t="s">
        <v>69038</v>
      </c>
      <c r="L6671" s="2" t="s">
        <v>69039</v>
      </c>
      <c r="M6671" s="5" t="s">
        <v>1521</v>
      </c>
      <c r="N6671" s="5" t="s">
        <v>38</v>
      </c>
      <c r="O6671" s="5" t="s">
        <v>39</v>
      </c>
      <c r="P6671" s="5" t="s">
        <v>40</v>
      </c>
      <c r="Q6671" s="5" t="s">
        <v>1522</v>
      </c>
      <c r="R6671" s="5" t="s">
        <v>1523</v>
      </c>
      <c r="S6671" s="5" t="s">
        <v>42</v>
      </c>
      <c r="T6671" s="2">
        <v>1.3120000000000001</v>
      </c>
      <c r="U6671" s="2">
        <v>0.95299999999999996</v>
      </c>
      <c r="V6671" s="2">
        <v>10.6</v>
      </c>
      <c r="W6671" s="2">
        <v>118.9</v>
      </c>
      <c r="X6671" s="2">
        <v>7.6</v>
      </c>
      <c r="Y6671" s="2">
        <v>10.6</v>
      </c>
      <c r="Z6671" s="5"/>
      <c r="AA6671" s="5" t="s">
        <v>43</v>
      </c>
      <c r="AB6671" s="5" t="s">
        <v>44</v>
      </c>
      <c r="AC6671" s="2"/>
      <c r="AD6671" s="1"/>
    </row>
    <row r="6672" spans="1:30">
      <c r="A6672" s="5" t="s">
        <v>83578</v>
      </c>
      <c r="B6672" s="2" t="s">
        <v>104131</v>
      </c>
      <c r="C6672" s="14" t="s">
        <v>104132</v>
      </c>
      <c r="D6672" s="2" t="s">
        <v>104133</v>
      </c>
      <c r="E6672" s="2" t="s">
        <v>7539</v>
      </c>
      <c r="F6672" s="8">
        <v>127</v>
      </c>
      <c r="G6672" s="5">
        <v>6</v>
      </c>
      <c r="H6672" s="5" t="s">
        <v>1518</v>
      </c>
      <c r="I6672" s="5" t="s">
        <v>69038</v>
      </c>
      <c r="J6672" s="2" t="s">
        <v>69039</v>
      </c>
      <c r="K6672" s="5" t="s">
        <v>69038</v>
      </c>
      <c r="L6672" s="2" t="s">
        <v>69039</v>
      </c>
      <c r="M6672" s="5" t="s">
        <v>1521</v>
      </c>
      <c r="N6672" s="5" t="s">
        <v>38</v>
      </c>
      <c r="O6672" s="5" t="s">
        <v>39</v>
      </c>
      <c r="P6672" s="5" t="s">
        <v>40</v>
      </c>
      <c r="Q6672" s="5" t="s">
        <v>1522</v>
      </c>
      <c r="R6672" s="5" t="s">
        <v>1523</v>
      </c>
      <c r="S6672" s="5" t="s">
        <v>42</v>
      </c>
      <c r="T6672" s="2">
        <v>1.3120000000000001</v>
      </c>
      <c r="U6672" s="2">
        <v>0.95299999999999996</v>
      </c>
      <c r="V6672" s="2">
        <v>10.6</v>
      </c>
      <c r="W6672" s="2">
        <v>118.9</v>
      </c>
      <c r="X6672" s="2">
        <v>7.6</v>
      </c>
      <c r="Y6672" s="2">
        <v>10.6</v>
      </c>
      <c r="Z6672" s="5"/>
      <c r="AA6672" s="5" t="s">
        <v>43</v>
      </c>
      <c r="AB6672" s="5" t="s">
        <v>44</v>
      </c>
      <c r="AC6672" s="2"/>
      <c r="AD6672" s="1"/>
    </row>
    <row r="6673" spans="1:30">
      <c r="A6673" s="5" t="s">
        <v>83578</v>
      </c>
      <c r="B6673" s="2" t="s">
        <v>104134</v>
      </c>
      <c r="C6673" s="14" t="s">
        <v>104135</v>
      </c>
      <c r="D6673" s="2" t="s">
        <v>104136</v>
      </c>
      <c r="E6673" s="2" t="s">
        <v>7547</v>
      </c>
      <c r="F6673" s="8">
        <v>127</v>
      </c>
      <c r="G6673" s="5">
        <v>6</v>
      </c>
      <c r="H6673" s="5" t="s">
        <v>1518</v>
      </c>
      <c r="I6673" s="5" t="s">
        <v>69038</v>
      </c>
      <c r="J6673" s="2" t="s">
        <v>69039</v>
      </c>
      <c r="K6673" s="5" t="s">
        <v>69038</v>
      </c>
      <c r="L6673" s="2" t="s">
        <v>69039</v>
      </c>
      <c r="M6673" s="5" t="s">
        <v>1521</v>
      </c>
      <c r="N6673" s="5" t="s">
        <v>38</v>
      </c>
      <c r="O6673" s="5" t="s">
        <v>39</v>
      </c>
      <c r="P6673" s="5" t="s">
        <v>40</v>
      </c>
      <c r="Q6673" s="5" t="s">
        <v>1522</v>
      </c>
      <c r="R6673" s="5" t="s">
        <v>1523</v>
      </c>
      <c r="S6673" s="5" t="s">
        <v>42</v>
      </c>
      <c r="T6673" s="2">
        <v>1.3120000000000001</v>
      </c>
      <c r="U6673" s="2">
        <v>0.95299999999999996</v>
      </c>
      <c r="V6673" s="2">
        <v>10.6</v>
      </c>
      <c r="W6673" s="2">
        <v>118.9</v>
      </c>
      <c r="X6673" s="2">
        <v>7.6</v>
      </c>
      <c r="Y6673" s="2">
        <v>10.6</v>
      </c>
      <c r="Z6673" s="5"/>
      <c r="AA6673" s="5" t="s">
        <v>43</v>
      </c>
      <c r="AB6673" s="5" t="s">
        <v>44</v>
      </c>
      <c r="AC6673" s="2"/>
      <c r="AD6673" s="1"/>
    </row>
    <row r="6674" spans="1:30">
      <c r="A6674" s="5" t="s">
        <v>83578</v>
      </c>
      <c r="B6674" s="2" t="s">
        <v>104137</v>
      </c>
      <c r="C6674" s="14" t="s">
        <v>104138</v>
      </c>
      <c r="D6674" s="2" t="s">
        <v>104139</v>
      </c>
      <c r="E6674" s="2" t="s">
        <v>7563</v>
      </c>
      <c r="F6674" s="8">
        <v>127</v>
      </c>
      <c r="G6674" s="5">
        <v>6</v>
      </c>
      <c r="H6674" s="5" t="s">
        <v>1518</v>
      </c>
      <c r="I6674" s="5" t="s">
        <v>69038</v>
      </c>
      <c r="J6674" s="2" t="s">
        <v>69039</v>
      </c>
      <c r="K6674" s="5" t="s">
        <v>69038</v>
      </c>
      <c r="L6674" s="2" t="s">
        <v>69039</v>
      </c>
      <c r="M6674" s="5" t="s">
        <v>1521</v>
      </c>
      <c r="N6674" s="5" t="s">
        <v>38</v>
      </c>
      <c r="O6674" s="5" t="s">
        <v>39</v>
      </c>
      <c r="P6674" s="5" t="s">
        <v>40</v>
      </c>
      <c r="Q6674" s="5" t="s">
        <v>1522</v>
      </c>
      <c r="R6674" s="5" t="s">
        <v>1523</v>
      </c>
      <c r="S6674" s="5" t="s">
        <v>42</v>
      </c>
      <c r="T6674" s="2">
        <v>1.3120000000000001</v>
      </c>
      <c r="U6674" s="2">
        <v>0.95299999999999996</v>
      </c>
      <c r="V6674" s="2">
        <v>10.6</v>
      </c>
      <c r="W6674" s="2">
        <v>118.9</v>
      </c>
      <c r="X6674" s="2">
        <v>7.6</v>
      </c>
      <c r="Y6674" s="2">
        <v>10.6</v>
      </c>
      <c r="Z6674" s="5"/>
      <c r="AA6674" s="5" t="s">
        <v>43</v>
      </c>
      <c r="AB6674" s="5" t="s">
        <v>44</v>
      </c>
      <c r="AC6674" s="2"/>
      <c r="AD6674" s="1"/>
    </row>
    <row r="6675" spans="1:30">
      <c r="A6675" s="5" t="s">
        <v>83578</v>
      </c>
      <c r="B6675" s="2" t="s">
        <v>104140</v>
      </c>
      <c r="C6675" s="14" t="s">
        <v>104141</v>
      </c>
      <c r="D6675" s="2" t="s">
        <v>104142</v>
      </c>
      <c r="E6675" s="2" t="s">
        <v>7555</v>
      </c>
      <c r="F6675" s="8">
        <v>127</v>
      </c>
      <c r="G6675" s="5">
        <v>6</v>
      </c>
      <c r="H6675" s="5" t="s">
        <v>1518</v>
      </c>
      <c r="I6675" s="5" t="s">
        <v>69038</v>
      </c>
      <c r="J6675" s="2" t="s">
        <v>69039</v>
      </c>
      <c r="K6675" s="5" t="s">
        <v>69038</v>
      </c>
      <c r="L6675" s="2" t="s">
        <v>69039</v>
      </c>
      <c r="M6675" s="5" t="s">
        <v>1521</v>
      </c>
      <c r="N6675" s="5" t="s">
        <v>38</v>
      </c>
      <c r="O6675" s="5" t="s">
        <v>39</v>
      </c>
      <c r="P6675" s="5" t="s">
        <v>40</v>
      </c>
      <c r="Q6675" s="5" t="s">
        <v>1522</v>
      </c>
      <c r="R6675" s="5" t="s">
        <v>1523</v>
      </c>
      <c r="S6675" s="5" t="s">
        <v>42</v>
      </c>
      <c r="T6675" s="2">
        <v>1.3120000000000001</v>
      </c>
      <c r="U6675" s="2">
        <v>0.95299999999999996</v>
      </c>
      <c r="V6675" s="2">
        <v>10.6</v>
      </c>
      <c r="W6675" s="2">
        <v>118.9</v>
      </c>
      <c r="X6675" s="2">
        <v>7.6</v>
      </c>
      <c r="Y6675" s="2">
        <v>10.6</v>
      </c>
      <c r="Z6675" s="5"/>
      <c r="AA6675" s="5" t="s">
        <v>43</v>
      </c>
      <c r="AB6675" s="5" t="s">
        <v>44</v>
      </c>
      <c r="AC6675" s="2"/>
      <c r="AD6675" s="1"/>
    </row>
    <row r="6676" spans="1:30">
      <c r="A6676" s="5" t="s">
        <v>83578</v>
      </c>
      <c r="B6676" s="2" t="s">
        <v>104143</v>
      </c>
      <c r="C6676" s="14" t="s">
        <v>104144</v>
      </c>
      <c r="D6676" s="2" t="s">
        <v>104145</v>
      </c>
      <c r="E6676" s="2" t="s">
        <v>7429</v>
      </c>
      <c r="F6676" s="8">
        <v>127</v>
      </c>
      <c r="G6676" s="5">
        <v>6</v>
      </c>
      <c r="H6676" s="5" t="s">
        <v>1518</v>
      </c>
      <c r="I6676" s="5" t="s">
        <v>69038</v>
      </c>
      <c r="J6676" s="2" t="s">
        <v>69039</v>
      </c>
      <c r="K6676" s="5" t="s">
        <v>69038</v>
      </c>
      <c r="L6676" s="2" t="s">
        <v>69039</v>
      </c>
      <c r="M6676" s="5" t="s">
        <v>1521</v>
      </c>
      <c r="N6676" s="5" t="s">
        <v>38</v>
      </c>
      <c r="O6676" s="5" t="s">
        <v>39</v>
      </c>
      <c r="P6676" s="5" t="s">
        <v>40</v>
      </c>
      <c r="Q6676" s="5" t="s">
        <v>1522</v>
      </c>
      <c r="R6676" s="5" t="s">
        <v>1523</v>
      </c>
      <c r="S6676" s="5" t="s">
        <v>42</v>
      </c>
      <c r="T6676" s="2">
        <v>1.3120000000000001</v>
      </c>
      <c r="U6676" s="2">
        <v>0.95299999999999996</v>
      </c>
      <c r="V6676" s="2">
        <v>10.6</v>
      </c>
      <c r="W6676" s="2">
        <v>118.9</v>
      </c>
      <c r="X6676" s="2">
        <v>7.6</v>
      </c>
      <c r="Y6676" s="2">
        <v>10.6</v>
      </c>
      <c r="Z6676" s="5"/>
      <c r="AA6676" s="5" t="s">
        <v>43</v>
      </c>
      <c r="AB6676" s="5" t="s">
        <v>44</v>
      </c>
      <c r="AC6676" s="2"/>
      <c r="AD6676" s="1"/>
    </row>
    <row r="6677" spans="1:30">
      <c r="A6677" s="5" t="s">
        <v>83578</v>
      </c>
      <c r="B6677" s="2" t="s">
        <v>104146</v>
      </c>
      <c r="C6677" s="14" t="s">
        <v>104147</v>
      </c>
      <c r="D6677" s="2" t="s">
        <v>104148</v>
      </c>
      <c r="E6677" s="2" t="s">
        <v>7449</v>
      </c>
      <c r="F6677" s="8">
        <v>127</v>
      </c>
      <c r="G6677" s="5">
        <v>6</v>
      </c>
      <c r="H6677" s="5" t="s">
        <v>1518</v>
      </c>
      <c r="I6677" s="5" t="s">
        <v>69038</v>
      </c>
      <c r="J6677" s="2" t="s">
        <v>69039</v>
      </c>
      <c r="K6677" s="5" t="s">
        <v>69038</v>
      </c>
      <c r="L6677" s="2" t="s">
        <v>69039</v>
      </c>
      <c r="M6677" s="5" t="s">
        <v>1521</v>
      </c>
      <c r="N6677" s="5" t="s">
        <v>38</v>
      </c>
      <c r="O6677" s="5" t="s">
        <v>39</v>
      </c>
      <c r="P6677" s="5" t="s">
        <v>40</v>
      </c>
      <c r="Q6677" s="5" t="s">
        <v>1522</v>
      </c>
      <c r="R6677" s="5" t="s">
        <v>1523</v>
      </c>
      <c r="S6677" s="5" t="s">
        <v>42</v>
      </c>
      <c r="T6677" s="2">
        <v>1.3120000000000001</v>
      </c>
      <c r="U6677" s="2">
        <v>0.95299999999999996</v>
      </c>
      <c r="V6677" s="2">
        <v>10.6</v>
      </c>
      <c r="W6677" s="2">
        <v>118.9</v>
      </c>
      <c r="X6677" s="2">
        <v>7.6</v>
      </c>
      <c r="Y6677" s="2">
        <v>10.6</v>
      </c>
      <c r="Z6677" s="5"/>
      <c r="AA6677" s="5" t="s">
        <v>43</v>
      </c>
      <c r="AB6677" s="5" t="s">
        <v>44</v>
      </c>
      <c r="AC6677" s="2"/>
      <c r="AD6677" s="1"/>
    </row>
    <row r="6678" spans="1:30">
      <c r="A6678" s="5" t="s">
        <v>83578</v>
      </c>
      <c r="B6678" s="2" t="s">
        <v>104149</v>
      </c>
      <c r="C6678" s="14" t="s">
        <v>104150</v>
      </c>
      <c r="D6678" s="2" t="s">
        <v>104151</v>
      </c>
      <c r="E6678" s="2" t="s">
        <v>7585</v>
      </c>
      <c r="F6678" s="8">
        <v>127</v>
      </c>
      <c r="G6678" s="5">
        <v>6</v>
      </c>
      <c r="H6678" s="5" t="s">
        <v>1518</v>
      </c>
      <c r="I6678" s="5" t="s">
        <v>69038</v>
      </c>
      <c r="J6678" s="2" t="s">
        <v>69039</v>
      </c>
      <c r="K6678" s="5" t="s">
        <v>69038</v>
      </c>
      <c r="L6678" s="2" t="s">
        <v>69039</v>
      </c>
      <c r="M6678" s="5" t="s">
        <v>1521</v>
      </c>
      <c r="N6678" s="5" t="s">
        <v>38</v>
      </c>
      <c r="O6678" s="5" t="s">
        <v>39</v>
      </c>
      <c r="P6678" s="5" t="s">
        <v>40</v>
      </c>
      <c r="Q6678" s="5" t="s">
        <v>1522</v>
      </c>
      <c r="R6678" s="5" t="s">
        <v>1523</v>
      </c>
      <c r="S6678" s="5" t="s">
        <v>42</v>
      </c>
      <c r="T6678" s="2">
        <v>1.3120000000000001</v>
      </c>
      <c r="U6678" s="2">
        <v>0.95299999999999996</v>
      </c>
      <c r="V6678" s="2">
        <v>10.6</v>
      </c>
      <c r="W6678" s="2">
        <v>118.9</v>
      </c>
      <c r="X6678" s="2">
        <v>7.6</v>
      </c>
      <c r="Y6678" s="2">
        <v>10.6</v>
      </c>
      <c r="Z6678" s="5"/>
      <c r="AA6678" s="5" t="s">
        <v>43</v>
      </c>
      <c r="AB6678" s="5" t="s">
        <v>44</v>
      </c>
      <c r="AC6678" s="2"/>
      <c r="AD6678" s="1"/>
    </row>
    <row r="6679" spans="1:30">
      <c r="A6679" s="5" t="s">
        <v>83578</v>
      </c>
      <c r="B6679" s="2" t="s">
        <v>104152</v>
      </c>
      <c r="C6679" s="14" t="s">
        <v>104153</v>
      </c>
      <c r="D6679" s="2" t="s">
        <v>104154</v>
      </c>
      <c r="E6679" s="2" t="s">
        <v>7593</v>
      </c>
      <c r="F6679" s="8">
        <v>127</v>
      </c>
      <c r="G6679" s="5">
        <v>6</v>
      </c>
      <c r="H6679" s="5" t="s">
        <v>1518</v>
      </c>
      <c r="I6679" s="5" t="s">
        <v>69038</v>
      </c>
      <c r="J6679" s="2" t="s">
        <v>69039</v>
      </c>
      <c r="K6679" s="5" t="s">
        <v>69038</v>
      </c>
      <c r="L6679" s="2" t="s">
        <v>69039</v>
      </c>
      <c r="M6679" s="5" t="s">
        <v>1521</v>
      </c>
      <c r="N6679" s="5" t="s">
        <v>38</v>
      </c>
      <c r="O6679" s="5" t="s">
        <v>39</v>
      </c>
      <c r="P6679" s="5" t="s">
        <v>40</v>
      </c>
      <c r="Q6679" s="5" t="s">
        <v>1522</v>
      </c>
      <c r="R6679" s="5" t="s">
        <v>1523</v>
      </c>
      <c r="S6679" s="5" t="s">
        <v>42</v>
      </c>
      <c r="T6679" s="2">
        <v>1.3120000000000001</v>
      </c>
      <c r="U6679" s="2">
        <v>0.95299999999999996</v>
      </c>
      <c r="V6679" s="2">
        <v>10.6</v>
      </c>
      <c r="W6679" s="2">
        <v>118.9</v>
      </c>
      <c r="X6679" s="2">
        <v>7.6</v>
      </c>
      <c r="Y6679" s="2">
        <v>10.6</v>
      </c>
      <c r="Z6679" s="5"/>
      <c r="AA6679" s="5" t="s">
        <v>43</v>
      </c>
      <c r="AB6679" s="5" t="s">
        <v>44</v>
      </c>
      <c r="AC6679" s="2"/>
      <c r="AD6679" s="1"/>
    </row>
    <row r="6680" spans="1:30">
      <c r="A6680" s="5" t="s">
        <v>83578</v>
      </c>
      <c r="B6680" s="2" t="s">
        <v>104155</v>
      </c>
      <c r="C6680" s="14" t="s">
        <v>104156</v>
      </c>
      <c r="D6680" s="2" t="s">
        <v>104157</v>
      </c>
      <c r="E6680" s="2" t="s">
        <v>7433</v>
      </c>
      <c r="F6680" s="8">
        <v>127</v>
      </c>
      <c r="G6680" s="5">
        <v>6</v>
      </c>
      <c r="H6680" s="5" t="s">
        <v>1518</v>
      </c>
      <c r="I6680" s="5" t="s">
        <v>69038</v>
      </c>
      <c r="J6680" s="2" t="s">
        <v>69039</v>
      </c>
      <c r="K6680" s="5" t="s">
        <v>69038</v>
      </c>
      <c r="L6680" s="2" t="s">
        <v>69039</v>
      </c>
      <c r="M6680" s="5" t="s">
        <v>1521</v>
      </c>
      <c r="N6680" s="5" t="s">
        <v>38</v>
      </c>
      <c r="O6680" s="5" t="s">
        <v>39</v>
      </c>
      <c r="P6680" s="5" t="s">
        <v>40</v>
      </c>
      <c r="Q6680" s="5" t="s">
        <v>1522</v>
      </c>
      <c r="R6680" s="5" t="s">
        <v>1523</v>
      </c>
      <c r="S6680" s="5" t="s">
        <v>42</v>
      </c>
      <c r="T6680" s="2">
        <v>1.3120000000000001</v>
      </c>
      <c r="U6680" s="2">
        <v>0.95299999999999996</v>
      </c>
      <c r="V6680" s="2">
        <v>10.6</v>
      </c>
      <c r="W6680" s="2">
        <v>118.9</v>
      </c>
      <c r="X6680" s="2">
        <v>7.6</v>
      </c>
      <c r="Y6680" s="2">
        <v>10.6</v>
      </c>
      <c r="Z6680" s="5"/>
      <c r="AA6680" s="5" t="s">
        <v>43</v>
      </c>
      <c r="AB6680" s="5" t="s">
        <v>44</v>
      </c>
      <c r="AC6680" s="2"/>
      <c r="AD6680" s="1"/>
    </row>
    <row r="6681" spans="1:30">
      <c r="A6681" s="5" t="s">
        <v>83578</v>
      </c>
      <c r="B6681" s="2" t="s">
        <v>104158</v>
      </c>
      <c r="C6681" s="14" t="s">
        <v>104159</v>
      </c>
      <c r="D6681" s="2" t="s">
        <v>104160</v>
      </c>
      <c r="E6681" s="2" t="s">
        <v>7615</v>
      </c>
      <c r="F6681" s="8">
        <v>127</v>
      </c>
      <c r="G6681" s="5">
        <v>6</v>
      </c>
      <c r="H6681" s="5" t="s">
        <v>1518</v>
      </c>
      <c r="I6681" s="5" t="s">
        <v>69038</v>
      </c>
      <c r="J6681" s="2" t="s">
        <v>69039</v>
      </c>
      <c r="K6681" s="5" t="s">
        <v>69038</v>
      </c>
      <c r="L6681" s="2" t="s">
        <v>69039</v>
      </c>
      <c r="M6681" s="5" t="s">
        <v>1521</v>
      </c>
      <c r="N6681" s="5" t="s">
        <v>38</v>
      </c>
      <c r="O6681" s="5" t="s">
        <v>39</v>
      </c>
      <c r="P6681" s="5" t="s">
        <v>40</v>
      </c>
      <c r="Q6681" s="5" t="s">
        <v>1522</v>
      </c>
      <c r="R6681" s="5" t="s">
        <v>1523</v>
      </c>
      <c r="S6681" s="5" t="s">
        <v>42</v>
      </c>
      <c r="T6681" s="2">
        <v>1.3120000000000001</v>
      </c>
      <c r="U6681" s="2">
        <v>0.95299999999999996</v>
      </c>
      <c r="V6681" s="2">
        <v>10.6</v>
      </c>
      <c r="W6681" s="2">
        <v>118.9</v>
      </c>
      <c r="X6681" s="2">
        <v>7.6</v>
      </c>
      <c r="Y6681" s="2">
        <v>10.6</v>
      </c>
      <c r="Z6681" s="5"/>
      <c r="AA6681" s="5" t="s">
        <v>43</v>
      </c>
      <c r="AB6681" s="5" t="s">
        <v>44</v>
      </c>
      <c r="AC6681" s="2"/>
      <c r="AD6681" s="1"/>
    </row>
    <row r="6682" spans="1:30">
      <c r="A6682" s="5" t="s">
        <v>83578</v>
      </c>
      <c r="B6682" s="2" t="s">
        <v>104161</v>
      </c>
      <c r="C6682" s="14" t="s">
        <v>104162</v>
      </c>
      <c r="D6682" s="2" t="s">
        <v>104163</v>
      </c>
      <c r="E6682" s="2" t="s">
        <v>7410</v>
      </c>
      <c r="F6682" s="8">
        <v>127</v>
      </c>
      <c r="G6682" s="5">
        <v>6</v>
      </c>
      <c r="H6682" s="5" t="s">
        <v>1518</v>
      </c>
      <c r="I6682" s="5" t="s">
        <v>69038</v>
      </c>
      <c r="J6682" s="2" t="s">
        <v>69039</v>
      </c>
      <c r="K6682" s="5" t="s">
        <v>69038</v>
      </c>
      <c r="L6682" s="2" t="s">
        <v>69039</v>
      </c>
      <c r="M6682" s="5" t="s">
        <v>1521</v>
      </c>
      <c r="N6682" s="5" t="s">
        <v>38</v>
      </c>
      <c r="O6682" s="5" t="s">
        <v>39</v>
      </c>
      <c r="P6682" s="5" t="s">
        <v>40</v>
      </c>
      <c r="Q6682" s="5" t="s">
        <v>1522</v>
      </c>
      <c r="R6682" s="5" t="s">
        <v>1523</v>
      </c>
      <c r="S6682" s="5" t="s">
        <v>42</v>
      </c>
      <c r="T6682" s="2">
        <v>1.3120000000000001</v>
      </c>
      <c r="U6682" s="2">
        <v>0.95299999999999996</v>
      </c>
      <c r="V6682" s="2">
        <v>10.6</v>
      </c>
      <c r="W6682" s="2">
        <v>118.9</v>
      </c>
      <c r="X6682" s="2">
        <v>7.6</v>
      </c>
      <c r="Y6682" s="2">
        <v>10.6</v>
      </c>
      <c r="Z6682" s="5"/>
      <c r="AA6682" s="5" t="s">
        <v>43</v>
      </c>
      <c r="AB6682" s="5" t="s">
        <v>44</v>
      </c>
      <c r="AC6682" s="2"/>
      <c r="AD6682" s="1"/>
    </row>
    <row r="6683" spans="1:30">
      <c r="A6683" s="5" t="s">
        <v>83578</v>
      </c>
      <c r="B6683" s="2" t="s">
        <v>104164</v>
      </c>
      <c r="C6683" s="14" t="s">
        <v>104165</v>
      </c>
      <c r="D6683" s="2" t="s">
        <v>104166</v>
      </c>
      <c r="E6683" s="2" t="s">
        <v>7212</v>
      </c>
      <c r="F6683" s="8">
        <v>111</v>
      </c>
      <c r="G6683" s="5">
        <v>6</v>
      </c>
      <c r="H6683" s="5" t="s">
        <v>1518</v>
      </c>
      <c r="I6683" s="5" t="s">
        <v>69038</v>
      </c>
      <c r="J6683" s="2" t="s">
        <v>69039</v>
      </c>
      <c r="K6683" s="5" t="s">
        <v>69038</v>
      </c>
      <c r="L6683" s="2" t="s">
        <v>69039</v>
      </c>
      <c r="M6683" s="5" t="s">
        <v>1521</v>
      </c>
      <c r="N6683" s="5" t="s">
        <v>38</v>
      </c>
      <c r="O6683" s="5" t="s">
        <v>39</v>
      </c>
      <c r="P6683" s="5" t="s">
        <v>40</v>
      </c>
      <c r="Q6683" s="5" t="s">
        <v>1522</v>
      </c>
      <c r="R6683" s="5" t="s">
        <v>1523</v>
      </c>
      <c r="S6683" s="5" t="s">
        <v>42</v>
      </c>
      <c r="T6683" s="2">
        <v>1.3120000000000001</v>
      </c>
      <c r="U6683" s="2">
        <v>0.95299999999999996</v>
      </c>
      <c r="V6683" s="2">
        <v>10.6</v>
      </c>
      <c r="W6683" s="2">
        <v>118.9</v>
      </c>
      <c r="X6683" s="2">
        <v>7.6</v>
      </c>
      <c r="Y6683" s="2">
        <v>10.6</v>
      </c>
      <c r="Z6683" s="5"/>
      <c r="AA6683" s="5" t="s">
        <v>43</v>
      </c>
      <c r="AB6683" s="5" t="s">
        <v>44</v>
      </c>
      <c r="AC6683" s="2"/>
      <c r="AD6683" s="1"/>
    </row>
    <row r="6684" spans="1:30">
      <c r="A6684" s="5" t="s">
        <v>83578</v>
      </c>
      <c r="B6684" s="2" t="s">
        <v>104167</v>
      </c>
      <c r="C6684" s="14" t="s">
        <v>104168</v>
      </c>
      <c r="D6684" s="2" t="s">
        <v>104169</v>
      </c>
      <c r="E6684" s="2" t="s">
        <v>7406</v>
      </c>
      <c r="F6684" s="8">
        <v>121</v>
      </c>
      <c r="G6684" s="5">
        <v>6</v>
      </c>
      <c r="H6684" s="5" t="s">
        <v>1518</v>
      </c>
      <c r="I6684" s="5" t="s">
        <v>69038</v>
      </c>
      <c r="J6684" s="2" t="s">
        <v>69039</v>
      </c>
      <c r="K6684" s="5" t="s">
        <v>69038</v>
      </c>
      <c r="L6684" s="2" t="s">
        <v>69039</v>
      </c>
      <c r="M6684" s="5" t="s">
        <v>1521</v>
      </c>
      <c r="N6684" s="5" t="s">
        <v>38</v>
      </c>
      <c r="O6684" s="5" t="s">
        <v>39</v>
      </c>
      <c r="P6684" s="5" t="s">
        <v>40</v>
      </c>
      <c r="Q6684" s="5" t="s">
        <v>1522</v>
      </c>
      <c r="R6684" s="5" t="s">
        <v>1523</v>
      </c>
      <c r="S6684" s="5" t="s">
        <v>42</v>
      </c>
      <c r="T6684" s="2">
        <v>1.264</v>
      </c>
      <c r="U6684" s="2">
        <v>0.97</v>
      </c>
      <c r="V6684" s="2">
        <v>10.6</v>
      </c>
      <c r="W6684" s="2">
        <v>82.9</v>
      </c>
      <c r="X6684" s="2">
        <v>7.6</v>
      </c>
      <c r="Y6684" s="2">
        <v>10.6</v>
      </c>
      <c r="Z6684" s="5"/>
      <c r="AA6684" s="5" t="s">
        <v>43</v>
      </c>
      <c r="AB6684" s="5" t="s">
        <v>44</v>
      </c>
      <c r="AC6684" s="2"/>
      <c r="AD6684" s="1"/>
    </row>
    <row r="6685" spans="1:30">
      <c r="A6685" s="5" t="s">
        <v>83578</v>
      </c>
      <c r="B6685" s="2" t="s">
        <v>104170</v>
      </c>
      <c r="C6685" s="14" t="s">
        <v>104171</v>
      </c>
      <c r="D6685" s="2" t="s">
        <v>104172</v>
      </c>
      <c r="E6685" s="2" t="s">
        <v>7547</v>
      </c>
      <c r="F6685" s="8">
        <v>121</v>
      </c>
      <c r="G6685" s="5">
        <v>6</v>
      </c>
      <c r="H6685" s="5" t="s">
        <v>1518</v>
      </c>
      <c r="I6685" s="5" t="s">
        <v>69038</v>
      </c>
      <c r="J6685" s="2" t="s">
        <v>69039</v>
      </c>
      <c r="K6685" s="5" t="s">
        <v>69038</v>
      </c>
      <c r="L6685" s="2" t="s">
        <v>69039</v>
      </c>
      <c r="M6685" s="5" t="s">
        <v>1521</v>
      </c>
      <c r="N6685" s="5" t="s">
        <v>38</v>
      </c>
      <c r="O6685" s="5" t="s">
        <v>39</v>
      </c>
      <c r="P6685" s="5" t="s">
        <v>40</v>
      </c>
      <c r="Q6685" s="5" t="s">
        <v>1522</v>
      </c>
      <c r="R6685" s="5" t="s">
        <v>1523</v>
      </c>
      <c r="S6685" s="5" t="s">
        <v>42</v>
      </c>
      <c r="T6685" s="2">
        <v>1.264</v>
      </c>
      <c r="U6685" s="2">
        <v>0.97</v>
      </c>
      <c r="V6685" s="2">
        <v>10.6</v>
      </c>
      <c r="W6685" s="2">
        <v>82.9</v>
      </c>
      <c r="X6685" s="2">
        <v>7.6</v>
      </c>
      <c r="Y6685" s="2">
        <v>10.6</v>
      </c>
      <c r="Z6685" s="5"/>
      <c r="AA6685" s="5" t="s">
        <v>43</v>
      </c>
      <c r="AB6685" s="5" t="s">
        <v>44</v>
      </c>
      <c r="AC6685" s="2"/>
      <c r="AD6685" s="1"/>
    </row>
    <row r="6686" spans="1:30">
      <c r="A6686" s="5" t="s">
        <v>83578</v>
      </c>
      <c r="B6686" s="2" t="s">
        <v>104173</v>
      </c>
      <c r="C6686" s="14" t="s">
        <v>104174</v>
      </c>
      <c r="D6686" s="2" t="s">
        <v>104175</v>
      </c>
      <c r="E6686" s="2" t="s">
        <v>7563</v>
      </c>
      <c r="F6686" s="8">
        <v>121</v>
      </c>
      <c r="G6686" s="5">
        <v>6</v>
      </c>
      <c r="H6686" s="5" t="s">
        <v>1518</v>
      </c>
      <c r="I6686" s="5" t="s">
        <v>69038</v>
      </c>
      <c r="J6686" s="2" t="s">
        <v>69039</v>
      </c>
      <c r="K6686" s="5" t="s">
        <v>69038</v>
      </c>
      <c r="L6686" s="2" t="s">
        <v>69039</v>
      </c>
      <c r="M6686" s="5" t="s">
        <v>1521</v>
      </c>
      <c r="N6686" s="5" t="s">
        <v>38</v>
      </c>
      <c r="O6686" s="5" t="s">
        <v>39</v>
      </c>
      <c r="P6686" s="5" t="s">
        <v>40</v>
      </c>
      <c r="Q6686" s="5" t="s">
        <v>1522</v>
      </c>
      <c r="R6686" s="5" t="s">
        <v>1523</v>
      </c>
      <c r="S6686" s="5" t="s">
        <v>42</v>
      </c>
      <c r="T6686" s="2">
        <v>1.264</v>
      </c>
      <c r="U6686" s="2">
        <v>0.97</v>
      </c>
      <c r="V6686" s="2">
        <v>10.6</v>
      </c>
      <c r="W6686" s="2">
        <v>82.9</v>
      </c>
      <c r="X6686" s="2">
        <v>7.6</v>
      </c>
      <c r="Y6686" s="2">
        <v>10.6</v>
      </c>
      <c r="Z6686" s="5"/>
      <c r="AA6686" s="5" t="s">
        <v>43</v>
      </c>
      <c r="AB6686" s="5" t="s">
        <v>44</v>
      </c>
      <c r="AC6686" s="2"/>
      <c r="AD6686" s="1"/>
    </row>
    <row r="6687" spans="1:30">
      <c r="A6687" s="5" t="s">
        <v>83578</v>
      </c>
      <c r="B6687" s="2" t="s">
        <v>104176</v>
      </c>
      <c r="C6687" s="14" t="s">
        <v>104177</v>
      </c>
      <c r="D6687" s="2" t="s">
        <v>104178</v>
      </c>
      <c r="E6687" s="2" t="s">
        <v>7555</v>
      </c>
      <c r="F6687" s="8">
        <v>121</v>
      </c>
      <c r="G6687" s="5">
        <v>6</v>
      </c>
      <c r="H6687" s="5" t="s">
        <v>1518</v>
      </c>
      <c r="I6687" s="5" t="s">
        <v>69038</v>
      </c>
      <c r="J6687" s="2" t="s">
        <v>69039</v>
      </c>
      <c r="K6687" s="5" t="s">
        <v>69038</v>
      </c>
      <c r="L6687" s="2" t="s">
        <v>69039</v>
      </c>
      <c r="M6687" s="5" t="s">
        <v>1521</v>
      </c>
      <c r="N6687" s="5" t="s">
        <v>38</v>
      </c>
      <c r="O6687" s="5" t="s">
        <v>39</v>
      </c>
      <c r="P6687" s="5" t="s">
        <v>40</v>
      </c>
      <c r="Q6687" s="5" t="s">
        <v>1522</v>
      </c>
      <c r="R6687" s="5" t="s">
        <v>1523</v>
      </c>
      <c r="S6687" s="5" t="s">
        <v>42</v>
      </c>
      <c r="T6687" s="2">
        <v>1.264</v>
      </c>
      <c r="U6687" s="2">
        <v>0.97</v>
      </c>
      <c r="V6687" s="2">
        <v>10.6</v>
      </c>
      <c r="W6687" s="2">
        <v>82.9</v>
      </c>
      <c r="X6687" s="2">
        <v>7.6</v>
      </c>
      <c r="Y6687" s="2">
        <v>10.6</v>
      </c>
      <c r="Z6687" s="5"/>
      <c r="AA6687" s="5" t="s">
        <v>43</v>
      </c>
      <c r="AB6687" s="5" t="s">
        <v>44</v>
      </c>
      <c r="AC6687" s="2"/>
      <c r="AD6687" s="1"/>
    </row>
    <row r="6688" spans="1:30">
      <c r="A6688" s="5" t="s">
        <v>83578</v>
      </c>
      <c r="B6688" s="2" t="s">
        <v>104179</v>
      </c>
      <c r="C6688" s="14" t="s">
        <v>104180</v>
      </c>
      <c r="D6688" s="2" t="s">
        <v>104181</v>
      </c>
      <c r="E6688" s="2" t="s">
        <v>7429</v>
      </c>
      <c r="F6688" s="8">
        <v>121</v>
      </c>
      <c r="G6688" s="5">
        <v>6</v>
      </c>
      <c r="H6688" s="5" t="s">
        <v>1518</v>
      </c>
      <c r="I6688" s="5" t="s">
        <v>69038</v>
      </c>
      <c r="J6688" s="2" t="s">
        <v>69039</v>
      </c>
      <c r="K6688" s="5" t="s">
        <v>69038</v>
      </c>
      <c r="L6688" s="2" t="s">
        <v>69039</v>
      </c>
      <c r="M6688" s="5" t="s">
        <v>1521</v>
      </c>
      <c r="N6688" s="5" t="s">
        <v>38</v>
      </c>
      <c r="O6688" s="5" t="s">
        <v>39</v>
      </c>
      <c r="P6688" s="5" t="s">
        <v>40</v>
      </c>
      <c r="Q6688" s="5" t="s">
        <v>1522</v>
      </c>
      <c r="R6688" s="5" t="s">
        <v>1523</v>
      </c>
      <c r="S6688" s="5" t="s">
        <v>42</v>
      </c>
      <c r="T6688" s="2">
        <v>1.264</v>
      </c>
      <c r="U6688" s="2">
        <v>0.97</v>
      </c>
      <c r="V6688" s="2">
        <v>10.6</v>
      </c>
      <c r="W6688" s="2">
        <v>82.9</v>
      </c>
      <c r="X6688" s="2">
        <v>7.6</v>
      </c>
      <c r="Y6688" s="2">
        <v>10.6</v>
      </c>
      <c r="Z6688" s="5"/>
      <c r="AA6688" s="5" t="s">
        <v>43</v>
      </c>
      <c r="AB6688" s="5" t="s">
        <v>44</v>
      </c>
      <c r="AC6688" s="2"/>
      <c r="AD6688" s="1"/>
    </row>
    <row r="6689" spans="1:30">
      <c r="A6689" s="5" t="s">
        <v>83578</v>
      </c>
      <c r="B6689" s="2" t="s">
        <v>104182</v>
      </c>
      <c r="C6689" s="14" t="s">
        <v>104183</v>
      </c>
      <c r="D6689" s="2" t="s">
        <v>104184</v>
      </c>
      <c r="E6689" s="2" t="s">
        <v>7585</v>
      </c>
      <c r="F6689" s="8">
        <v>121</v>
      </c>
      <c r="G6689" s="5">
        <v>6</v>
      </c>
      <c r="H6689" s="5" t="s">
        <v>1518</v>
      </c>
      <c r="I6689" s="5" t="s">
        <v>69038</v>
      </c>
      <c r="J6689" s="2" t="s">
        <v>69039</v>
      </c>
      <c r="K6689" s="5" t="s">
        <v>69038</v>
      </c>
      <c r="L6689" s="2" t="s">
        <v>69039</v>
      </c>
      <c r="M6689" s="5" t="s">
        <v>1521</v>
      </c>
      <c r="N6689" s="5" t="s">
        <v>38</v>
      </c>
      <c r="O6689" s="5" t="s">
        <v>39</v>
      </c>
      <c r="P6689" s="5" t="s">
        <v>40</v>
      </c>
      <c r="Q6689" s="5" t="s">
        <v>1522</v>
      </c>
      <c r="R6689" s="5" t="s">
        <v>1523</v>
      </c>
      <c r="S6689" s="5" t="s">
        <v>42</v>
      </c>
      <c r="T6689" s="2">
        <v>1.264</v>
      </c>
      <c r="U6689" s="2">
        <v>0.97</v>
      </c>
      <c r="V6689" s="2">
        <v>10.6</v>
      </c>
      <c r="W6689" s="2">
        <v>82.9</v>
      </c>
      <c r="X6689" s="2">
        <v>7.6</v>
      </c>
      <c r="Y6689" s="2">
        <v>10.6</v>
      </c>
      <c r="Z6689" s="5"/>
      <c r="AA6689" s="5" t="s">
        <v>43</v>
      </c>
      <c r="AB6689" s="5" t="s">
        <v>44</v>
      </c>
      <c r="AC6689" s="2"/>
      <c r="AD6689" s="1"/>
    </row>
    <row r="6690" spans="1:30">
      <c r="A6690" s="5" t="s">
        <v>83578</v>
      </c>
      <c r="B6690" s="2" t="s">
        <v>104185</v>
      </c>
      <c r="C6690" s="14" t="s">
        <v>104186</v>
      </c>
      <c r="D6690" s="2" t="s">
        <v>104187</v>
      </c>
      <c r="E6690" s="2" t="s">
        <v>7593</v>
      </c>
      <c r="F6690" s="8">
        <v>121</v>
      </c>
      <c r="G6690" s="5">
        <v>6</v>
      </c>
      <c r="H6690" s="5" t="s">
        <v>1518</v>
      </c>
      <c r="I6690" s="5" t="s">
        <v>69038</v>
      </c>
      <c r="J6690" s="2" t="s">
        <v>69039</v>
      </c>
      <c r="K6690" s="5" t="s">
        <v>69038</v>
      </c>
      <c r="L6690" s="2" t="s">
        <v>69039</v>
      </c>
      <c r="M6690" s="5" t="s">
        <v>1521</v>
      </c>
      <c r="N6690" s="5" t="s">
        <v>38</v>
      </c>
      <c r="O6690" s="5" t="s">
        <v>39</v>
      </c>
      <c r="P6690" s="5" t="s">
        <v>40</v>
      </c>
      <c r="Q6690" s="5" t="s">
        <v>1522</v>
      </c>
      <c r="R6690" s="5" t="s">
        <v>1523</v>
      </c>
      <c r="S6690" s="5" t="s">
        <v>42</v>
      </c>
      <c r="T6690" s="2">
        <v>1.264</v>
      </c>
      <c r="U6690" s="2">
        <v>0.97</v>
      </c>
      <c r="V6690" s="2">
        <v>10.6</v>
      </c>
      <c r="W6690" s="2">
        <v>82.9</v>
      </c>
      <c r="X6690" s="2">
        <v>7.6</v>
      </c>
      <c r="Y6690" s="2">
        <v>10.6</v>
      </c>
      <c r="Z6690" s="5"/>
      <c r="AA6690" s="5" t="s">
        <v>43</v>
      </c>
      <c r="AB6690" s="5" t="s">
        <v>44</v>
      </c>
      <c r="AC6690" s="2"/>
      <c r="AD6690" s="1"/>
    </row>
    <row r="6691" spans="1:30">
      <c r="A6691" s="5" t="s">
        <v>83578</v>
      </c>
      <c r="B6691" s="2" t="s">
        <v>104188</v>
      </c>
      <c r="C6691" s="14" t="s">
        <v>104189</v>
      </c>
      <c r="D6691" s="2" t="s">
        <v>104190</v>
      </c>
      <c r="E6691" s="2" t="s">
        <v>7433</v>
      </c>
      <c r="F6691" s="8">
        <v>121</v>
      </c>
      <c r="G6691" s="5">
        <v>6</v>
      </c>
      <c r="H6691" s="5" t="s">
        <v>1518</v>
      </c>
      <c r="I6691" s="5" t="s">
        <v>69038</v>
      </c>
      <c r="J6691" s="2" t="s">
        <v>69039</v>
      </c>
      <c r="K6691" s="5" t="s">
        <v>69038</v>
      </c>
      <c r="L6691" s="2" t="s">
        <v>69039</v>
      </c>
      <c r="M6691" s="5" t="s">
        <v>1521</v>
      </c>
      <c r="N6691" s="5" t="s">
        <v>38</v>
      </c>
      <c r="O6691" s="5" t="s">
        <v>39</v>
      </c>
      <c r="P6691" s="5" t="s">
        <v>40</v>
      </c>
      <c r="Q6691" s="5" t="s">
        <v>1522</v>
      </c>
      <c r="R6691" s="5" t="s">
        <v>1523</v>
      </c>
      <c r="S6691" s="5" t="s">
        <v>42</v>
      </c>
      <c r="T6691" s="2">
        <v>1.264</v>
      </c>
      <c r="U6691" s="2">
        <v>0.97</v>
      </c>
      <c r="V6691" s="2">
        <v>10.6</v>
      </c>
      <c r="W6691" s="2">
        <v>82.9</v>
      </c>
      <c r="X6691" s="2">
        <v>7.6</v>
      </c>
      <c r="Y6691" s="2">
        <v>10.6</v>
      </c>
      <c r="Z6691" s="5"/>
      <c r="AA6691" s="5" t="s">
        <v>43</v>
      </c>
      <c r="AB6691" s="5" t="s">
        <v>44</v>
      </c>
      <c r="AC6691" s="2"/>
      <c r="AD6691" s="1"/>
    </row>
    <row r="6692" spans="1:30">
      <c r="A6692" s="5" t="s">
        <v>83578</v>
      </c>
      <c r="B6692" s="2" t="s">
        <v>104191</v>
      </c>
      <c r="C6692" s="14" t="s">
        <v>104192</v>
      </c>
      <c r="D6692" s="2" t="s">
        <v>104193</v>
      </c>
      <c r="E6692" s="2" t="s">
        <v>7615</v>
      </c>
      <c r="F6692" s="8">
        <v>121</v>
      </c>
      <c r="G6692" s="5">
        <v>6</v>
      </c>
      <c r="H6692" s="5" t="s">
        <v>1518</v>
      </c>
      <c r="I6692" s="5" t="s">
        <v>69038</v>
      </c>
      <c r="J6692" s="2" t="s">
        <v>69039</v>
      </c>
      <c r="K6692" s="5" t="s">
        <v>69038</v>
      </c>
      <c r="L6692" s="2" t="s">
        <v>69039</v>
      </c>
      <c r="M6692" s="5" t="s">
        <v>1521</v>
      </c>
      <c r="N6692" s="5" t="s">
        <v>38</v>
      </c>
      <c r="O6692" s="5" t="s">
        <v>39</v>
      </c>
      <c r="P6692" s="5" t="s">
        <v>40</v>
      </c>
      <c r="Q6692" s="5" t="s">
        <v>1522</v>
      </c>
      <c r="R6692" s="5" t="s">
        <v>1523</v>
      </c>
      <c r="S6692" s="5" t="s">
        <v>42</v>
      </c>
      <c r="T6692" s="2">
        <v>1.264</v>
      </c>
      <c r="U6692" s="2">
        <v>0.97</v>
      </c>
      <c r="V6692" s="2">
        <v>10.6</v>
      </c>
      <c r="W6692" s="2">
        <v>82.9</v>
      </c>
      <c r="X6692" s="2">
        <v>7.6</v>
      </c>
      <c r="Y6692" s="2">
        <v>10.6</v>
      </c>
      <c r="Z6692" s="5"/>
      <c r="AA6692" s="5" t="s">
        <v>43</v>
      </c>
      <c r="AB6692" s="5" t="s">
        <v>44</v>
      </c>
      <c r="AC6692" s="2"/>
      <c r="AD6692" s="1"/>
    </row>
    <row r="6693" spans="1:30">
      <c r="A6693" s="5" t="s">
        <v>83578</v>
      </c>
      <c r="B6693" s="2" t="s">
        <v>104194</v>
      </c>
      <c r="C6693" s="14" t="s">
        <v>104195</v>
      </c>
      <c r="D6693" s="2" t="s">
        <v>104196</v>
      </c>
      <c r="E6693" s="2" t="s">
        <v>7410</v>
      </c>
      <c r="F6693" s="8">
        <v>121</v>
      </c>
      <c r="G6693" s="5">
        <v>6</v>
      </c>
      <c r="H6693" s="5" t="s">
        <v>1518</v>
      </c>
      <c r="I6693" s="5" t="s">
        <v>69038</v>
      </c>
      <c r="J6693" s="2" t="s">
        <v>69039</v>
      </c>
      <c r="K6693" s="5" t="s">
        <v>69038</v>
      </c>
      <c r="L6693" s="2" t="s">
        <v>69039</v>
      </c>
      <c r="M6693" s="5" t="s">
        <v>1521</v>
      </c>
      <c r="N6693" s="5" t="s">
        <v>38</v>
      </c>
      <c r="O6693" s="5" t="s">
        <v>39</v>
      </c>
      <c r="P6693" s="5" t="s">
        <v>40</v>
      </c>
      <c r="Q6693" s="5" t="s">
        <v>1522</v>
      </c>
      <c r="R6693" s="5" t="s">
        <v>1523</v>
      </c>
      <c r="S6693" s="5" t="s">
        <v>42</v>
      </c>
      <c r="T6693" s="2">
        <v>1.264</v>
      </c>
      <c r="U6693" s="2">
        <v>0.97</v>
      </c>
      <c r="V6693" s="2">
        <v>10.6</v>
      </c>
      <c r="W6693" s="2">
        <v>82.9</v>
      </c>
      <c r="X6693" s="2">
        <v>7.6</v>
      </c>
      <c r="Y6693" s="2">
        <v>10.6</v>
      </c>
      <c r="Z6693" s="5"/>
      <c r="AA6693" s="5" t="s">
        <v>43</v>
      </c>
      <c r="AB6693" s="5" t="s">
        <v>44</v>
      </c>
      <c r="AC6693" s="2"/>
      <c r="AD6693" s="1"/>
    </row>
    <row r="6694" spans="1:30">
      <c r="A6694" s="5" t="s">
        <v>83578</v>
      </c>
      <c r="B6694" s="2" t="s">
        <v>104197</v>
      </c>
      <c r="C6694" s="14" t="s">
        <v>104198</v>
      </c>
      <c r="D6694" s="2" t="s">
        <v>104199</v>
      </c>
      <c r="E6694" s="2" t="s">
        <v>7406</v>
      </c>
      <c r="F6694" s="8">
        <v>131</v>
      </c>
      <c r="G6694" s="5">
        <v>6</v>
      </c>
      <c r="H6694" s="5" t="s">
        <v>1518</v>
      </c>
      <c r="I6694" s="5" t="s">
        <v>69038</v>
      </c>
      <c r="J6694" s="2" t="s">
        <v>69039</v>
      </c>
      <c r="K6694" s="5" t="s">
        <v>69038</v>
      </c>
      <c r="L6694" s="2" t="s">
        <v>69039</v>
      </c>
      <c r="M6694" s="5" t="s">
        <v>1521</v>
      </c>
      <c r="N6694" s="5" t="s">
        <v>38</v>
      </c>
      <c r="O6694" s="5" t="s">
        <v>39</v>
      </c>
      <c r="P6694" s="5" t="s">
        <v>40</v>
      </c>
      <c r="Q6694" s="5" t="s">
        <v>1522</v>
      </c>
      <c r="R6694" s="5" t="s">
        <v>1523</v>
      </c>
      <c r="S6694" s="5" t="s">
        <v>42</v>
      </c>
      <c r="T6694" s="2">
        <v>1.427</v>
      </c>
      <c r="U6694" s="2">
        <v>1.075</v>
      </c>
      <c r="V6694" s="2">
        <v>10.6</v>
      </c>
      <c r="W6694" s="2">
        <v>118.9</v>
      </c>
      <c r="X6694" s="2">
        <v>7.6</v>
      </c>
      <c r="Y6694" s="2">
        <v>10.6</v>
      </c>
      <c r="Z6694" s="5"/>
      <c r="AA6694" s="5" t="s">
        <v>43</v>
      </c>
      <c r="AB6694" s="5" t="s">
        <v>44</v>
      </c>
      <c r="AC6694" s="2"/>
      <c r="AD6694" s="1"/>
    </row>
    <row r="6695" spans="1:30">
      <c r="A6695" s="5" t="s">
        <v>83578</v>
      </c>
      <c r="B6695" s="2" t="s">
        <v>104200</v>
      </c>
      <c r="C6695" s="14" t="s">
        <v>104201</v>
      </c>
      <c r="D6695" s="2" t="s">
        <v>104202</v>
      </c>
      <c r="E6695" s="2" t="s">
        <v>7547</v>
      </c>
      <c r="F6695" s="8">
        <v>131</v>
      </c>
      <c r="G6695" s="5">
        <v>6</v>
      </c>
      <c r="H6695" s="5" t="s">
        <v>1518</v>
      </c>
      <c r="I6695" s="5" t="s">
        <v>69038</v>
      </c>
      <c r="J6695" s="2" t="s">
        <v>69039</v>
      </c>
      <c r="K6695" s="5" t="s">
        <v>69038</v>
      </c>
      <c r="L6695" s="2" t="s">
        <v>69039</v>
      </c>
      <c r="M6695" s="5" t="s">
        <v>1521</v>
      </c>
      <c r="N6695" s="5" t="s">
        <v>38</v>
      </c>
      <c r="O6695" s="5" t="s">
        <v>39</v>
      </c>
      <c r="P6695" s="5" t="s">
        <v>40</v>
      </c>
      <c r="Q6695" s="5" t="s">
        <v>1522</v>
      </c>
      <c r="R6695" s="5" t="s">
        <v>1523</v>
      </c>
      <c r="S6695" s="5" t="s">
        <v>42</v>
      </c>
      <c r="T6695" s="2">
        <v>1.427</v>
      </c>
      <c r="U6695" s="2">
        <v>1.075</v>
      </c>
      <c r="V6695" s="2">
        <v>10.6</v>
      </c>
      <c r="W6695" s="2">
        <v>118.9</v>
      </c>
      <c r="X6695" s="2">
        <v>7.6</v>
      </c>
      <c r="Y6695" s="2">
        <v>10.6</v>
      </c>
      <c r="Z6695" s="5"/>
      <c r="AA6695" s="5" t="s">
        <v>43</v>
      </c>
      <c r="AB6695" s="5" t="s">
        <v>44</v>
      </c>
      <c r="AC6695" s="2"/>
      <c r="AD6695" s="1"/>
    </row>
    <row r="6696" spans="1:30">
      <c r="A6696" s="5" t="s">
        <v>83578</v>
      </c>
      <c r="B6696" s="2" t="s">
        <v>104203</v>
      </c>
      <c r="C6696" s="14" t="s">
        <v>104204</v>
      </c>
      <c r="D6696" s="2" t="s">
        <v>104205</v>
      </c>
      <c r="E6696" s="2" t="s">
        <v>7563</v>
      </c>
      <c r="F6696" s="8">
        <v>131</v>
      </c>
      <c r="G6696" s="5">
        <v>6</v>
      </c>
      <c r="H6696" s="5" t="s">
        <v>1518</v>
      </c>
      <c r="I6696" s="5" t="s">
        <v>69038</v>
      </c>
      <c r="J6696" s="2" t="s">
        <v>69039</v>
      </c>
      <c r="K6696" s="5" t="s">
        <v>69038</v>
      </c>
      <c r="L6696" s="2" t="s">
        <v>69039</v>
      </c>
      <c r="M6696" s="5" t="s">
        <v>1521</v>
      </c>
      <c r="N6696" s="5" t="s">
        <v>38</v>
      </c>
      <c r="O6696" s="5" t="s">
        <v>39</v>
      </c>
      <c r="P6696" s="5" t="s">
        <v>40</v>
      </c>
      <c r="Q6696" s="5" t="s">
        <v>1522</v>
      </c>
      <c r="R6696" s="5" t="s">
        <v>1523</v>
      </c>
      <c r="S6696" s="5" t="s">
        <v>42</v>
      </c>
      <c r="T6696" s="2">
        <v>1.427</v>
      </c>
      <c r="U6696" s="2">
        <v>1.075</v>
      </c>
      <c r="V6696" s="2">
        <v>10.6</v>
      </c>
      <c r="W6696" s="2">
        <v>118.9</v>
      </c>
      <c r="X6696" s="2">
        <v>7.6</v>
      </c>
      <c r="Y6696" s="2">
        <v>10.6</v>
      </c>
      <c r="Z6696" s="5"/>
      <c r="AA6696" s="5" t="s">
        <v>43</v>
      </c>
      <c r="AB6696" s="5" t="s">
        <v>44</v>
      </c>
      <c r="AC6696" s="2"/>
      <c r="AD6696" s="1"/>
    </row>
    <row r="6697" spans="1:30">
      <c r="A6697" s="5" t="s">
        <v>83578</v>
      </c>
      <c r="B6697" s="2" t="s">
        <v>104206</v>
      </c>
      <c r="C6697" s="14" t="s">
        <v>104207</v>
      </c>
      <c r="D6697" s="2" t="s">
        <v>104208</v>
      </c>
      <c r="E6697" s="2" t="s">
        <v>7429</v>
      </c>
      <c r="F6697" s="8">
        <v>131</v>
      </c>
      <c r="G6697" s="5">
        <v>6</v>
      </c>
      <c r="H6697" s="5" t="s">
        <v>1518</v>
      </c>
      <c r="I6697" s="5" t="s">
        <v>69038</v>
      </c>
      <c r="J6697" s="2" t="s">
        <v>69039</v>
      </c>
      <c r="K6697" s="5" t="s">
        <v>69038</v>
      </c>
      <c r="L6697" s="2" t="s">
        <v>69039</v>
      </c>
      <c r="M6697" s="5" t="s">
        <v>1521</v>
      </c>
      <c r="N6697" s="5" t="s">
        <v>38</v>
      </c>
      <c r="O6697" s="5" t="s">
        <v>39</v>
      </c>
      <c r="P6697" s="5" t="s">
        <v>40</v>
      </c>
      <c r="Q6697" s="5" t="s">
        <v>1522</v>
      </c>
      <c r="R6697" s="5" t="s">
        <v>1523</v>
      </c>
      <c r="S6697" s="5" t="s">
        <v>42</v>
      </c>
      <c r="T6697" s="2">
        <v>1.427</v>
      </c>
      <c r="U6697" s="2">
        <v>1.075</v>
      </c>
      <c r="V6697" s="2">
        <v>10.6</v>
      </c>
      <c r="W6697" s="2">
        <v>118.9</v>
      </c>
      <c r="X6697" s="2">
        <v>7.6</v>
      </c>
      <c r="Y6697" s="2">
        <v>10.6</v>
      </c>
      <c r="Z6697" s="5"/>
      <c r="AA6697" s="5" t="s">
        <v>43</v>
      </c>
      <c r="AB6697" s="5" t="s">
        <v>44</v>
      </c>
      <c r="AC6697" s="2"/>
      <c r="AD6697" s="1"/>
    </row>
    <row r="6698" spans="1:30">
      <c r="A6698" s="5" t="s">
        <v>83578</v>
      </c>
      <c r="B6698" s="2" t="s">
        <v>104209</v>
      </c>
      <c r="C6698" s="14" t="s">
        <v>104210</v>
      </c>
      <c r="D6698" s="2" t="s">
        <v>104211</v>
      </c>
      <c r="E6698" s="2" t="s">
        <v>7593</v>
      </c>
      <c r="F6698" s="8">
        <v>131</v>
      </c>
      <c r="G6698" s="5">
        <v>6</v>
      </c>
      <c r="H6698" s="5" t="s">
        <v>1518</v>
      </c>
      <c r="I6698" s="5" t="s">
        <v>69038</v>
      </c>
      <c r="J6698" s="2" t="s">
        <v>69039</v>
      </c>
      <c r="K6698" s="5" t="s">
        <v>69038</v>
      </c>
      <c r="L6698" s="2" t="s">
        <v>69039</v>
      </c>
      <c r="M6698" s="5" t="s">
        <v>1521</v>
      </c>
      <c r="N6698" s="5" t="s">
        <v>38</v>
      </c>
      <c r="O6698" s="5" t="s">
        <v>39</v>
      </c>
      <c r="P6698" s="5" t="s">
        <v>40</v>
      </c>
      <c r="Q6698" s="5" t="s">
        <v>1522</v>
      </c>
      <c r="R6698" s="5" t="s">
        <v>1523</v>
      </c>
      <c r="S6698" s="5" t="s">
        <v>42</v>
      </c>
      <c r="T6698" s="2">
        <v>1.427</v>
      </c>
      <c r="U6698" s="2">
        <v>1.075</v>
      </c>
      <c r="V6698" s="2">
        <v>10.6</v>
      </c>
      <c r="W6698" s="2">
        <v>118.9</v>
      </c>
      <c r="X6698" s="2">
        <v>7.6</v>
      </c>
      <c r="Y6698" s="2">
        <v>10.6</v>
      </c>
      <c r="Z6698" s="5"/>
      <c r="AA6698" s="5" t="s">
        <v>43</v>
      </c>
      <c r="AB6698" s="5" t="s">
        <v>44</v>
      </c>
      <c r="AC6698" s="2"/>
      <c r="AD6698" s="1"/>
    </row>
    <row r="6699" spans="1:30">
      <c r="A6699" s="5" t="s">
        <v>83578</v>
      </c>
      <c r="B6699" s="2" t="s">
        <v>104212</v>
      </c>
      <c r="C6699" s="14" t="s">
        <v>104213</v>
      </c>
      <c r="D6699" s="2" t="s">
        <v>104214</v>
      </c>
      <c r="E6699" s="2" t="s">
        <v>7406</v>
      </c>
      <c r="F6699" s="8">
        <v>135</v>
      </c>
      <c r="G6699" s="5">
        <v>6</v>
      </c>
      <c r="H6699" s="5" t="s">
        <v>1518</v>
      </c>
      <c r="I6699" s="5" t="s">
        <v>69038</v>
      </c>
      <c r="J6699" s="2" t="s">
        <v>69039</v>
      </c>
      <c r="K6699" s="5" t="s">
        <v>69038</v>
      </c>
      <c r="L6699" s="2" t="s">
        <v>69039</v>
      </c>
      <c r="M6699" s="5" t="s">
        <v>1521</v>
      </c>
      <c r="N6699" s="5" t="s">
        <v>38</v>
      </c>
      <c r="O6699" s="5" t="s">
        <v>39</v>
      </c>
      <c r="P6699" s="5" t="s">
        <v>40</v>
      </c>
      <c r="Q6699" s="5" t="s">
        <v>1522</v>
      </c>
      <c r="R6699" s="5" t="s">
        <v>1523</v>
      </c>
      <c r="S6699" s="5" t="s">
        <v>42</v>
      </c>
      <c r="T6699" s="2">
        <v>1.5840000000000001</v>
      </c>
      <c r="U6699" s="2">
        <v>1.179</v>
      </c>
      <c r="V6699" s="2">
        <v>10.6</v>
      </c>
      <c r="W6699" s="2">
        <v>139.1</v>
      </c>
      <c r="X6699" s="2">
        <v>7.6</v>
      </c>
      <c r="Y6699" s="2">
        <v>10.6</v>
      </c>
      <c r="Z6699" s="5"/>
      <c r="AA6699" s="5" t="s">
        <v>43</v>
      </c>
      <c r="AB6699" s="5" t="s">
        <v>44</v>
      </c>
      <c r="AC6699" s="2"/>
      <c r="AD6699" s="1"/>
    </row>
    <row r="6700" spans="1:30">
      <c r="A6700" s="5" t="s">
        <v>83578</v>
      </c>
      <c r="B6700" s="2" t="s">
        <v>104215</v>
      </c>
      <c r="C6700" s="14" t="s">
        <v>104216</v>
      </c>
      <c r="D6700" s="2" t="s">
        <v>104217</v>
      </c>
      <c r="E6700" s="2" t="s">
        <v>7547</v>
      </c>
      <c r="F6700" s="8">
        <v>135</v>
      </c>
      <c r="G6700" s="5">
        <v>6</v>
      </c>
      <c r="H6700" s="5" t="s">
        <v>1518</v>
      </c>
      <c r="I6700" s="5" t="s">
        <v>69038</v>
      </c>
      <c r="J6700" s="2" t="s">
        <v>69039</v>
      </c>
      <c r="K6700" s="5" t="s">
        <v>69038</v>
      </c>
      <c r="L6700" s="2" t="s">
        <v>69039</v>
      </c>
      <c r="M6700" s="5" t="s">
        <v>1521</v>
      </c>
      <c r="N6700" s="5" t="s">
        <v>38</v>
      </c>
      <c r="O6700" s="5" t="s">
        <v>39</v>
      </c>
      <c r="P6700" s="5" t="s">
        <v>40</v>
      </c>
      <c r="Q6700" s="5" t="s">
        <v>1522</v>
      </c>
      <c r="R6700" s="5" t="s">
        <v>1523</v>
      </c>
      <c r="S6700" s="5" t="s">
        <v>42</v>
      </c>
      <c r="T6700" s="2">
        <v>1.5840000000000001</v>
      </c>
      <c r="U6700" s="2">
        <v>1.179</v>
      </c>
      <c r="V6700" s="2">
        <v>10.6</v>
      </c>
      <c r="W6700" s="2">
        <v>139.1</v>
      </c>
      <c r="X6700" s="2">
        <v>7.6</v>
      </c>
      <c r="Y6700" s="2">
        <v>10.6</v>
      </c>
      <c r="Z6700" s="5"/>
      <c r="AA6700" s="5" t="s">
        <v>43</v>
      </c>
      <c r="AB6700" s="5" t="s">
        <v>44</v>
      </c>
      <c r="AC6700" s="2"/>
      <c r="AD6700" s="1"/>
    </row>
    <row r="6701" spans="1:30">
      <c r="A6701" s="5" t="s">
        <v>83578</v>
      </c>
      <c r="B6701" s="2" t="s">
        <v>104218</v>
      </c>
      <c r="C6701" s="14" t="s">
        <v>104219</v>
      </c>
      <c r="D6701" s="2" t="s">
        <v>104220</v>
      </c>
      <c r="E6701" s="2" t="s">
        <v>7563</v>
      </c>
      <c r="F6701" s="8">
        <v>135</v>
      </c>
      <c r="G6701" s="5">
        <v>6</v>
      </c>
      <c r="H6701" s="5" t="s">
        <v>1518</v>
      </c>
      <c r="I6701" s="5" t="s">
        <v>69038</v>
      </c>
      <c r="J6701" s="2" t="s">
        <v>69039</v>
      </c>
      <c r="K6701" s="5" t="s">
        <v>69038</v>
      </c>
      <c r="L6701" s="2" t="s">
        <v>69039</v>
      </c>
      <c r="M6701" s="5" t="s">
        <v>1521</v>
      </c>
      <c r="N6701" s="5" t="s">
        <v>38</v>
      </c>
      <c r="O6701" s="5" t="s">
        <v>39</v>
      </c>
      <c r="P6701" s="5" t="s">
        <v>40</v>
      </c>
      <c r="Q6701" s="5" t="s">
        <v>1522</v>
      </c>
      <c r="R6701" s="5" t="s">
        <v>1523</v>
      </c>
      <c r="S6701" s="5" t="s">
        <v>42</v>
      </c>
      <c r="T6701" s="2">
        <v>1.5840000000000001</v>
      </c>
      <c r="U6701" s="2">
        <v>1.179</v>
      </c>
      <c r="V6701" s="2">
        <v>10.6</v>
      </c>
      <c r="W6701" s="2">
        <v>139.1</v>
      </c>
      <c r="X6701" s="2">
        <v>7.6</v>
      </c>
      <c r="Y6701" s="2">
        <v>10.6</v>
      </c>
      <c r="Z6701" s="5"/>
      <c r="AA6701" s="5" t="s">
        <v>43</v>
      </c>
      <c r="AB6701" s="5" t="s">
        <v>44</v>
      </c>
      <c r="AC6701" s="2"/>
      <c r="AD6701" s="1"/>
    </row>
    <row r="6702" spans="1:30">
      <c r="A6702" s="5" t="s">
        <v>83578</v>
      </c>
      <c r="B6702" s="2" t="s">
        <v>104221</v>
      </c>
      <c r="C6702" s="14" t="s">
        <v>104222</v>
      </c>
      <c r="D6702" s="2" t="s">
        <v>104223</v>
      </c>
      <c r="E6702" s="2" t="s">
        <v>7429</v>
      </c>
      <c r="F6702" s="8">
        <v>135</v>
      </c>
      <c r="G6702" s="5">
        <v>6</v>
      </c>
      <c r="H6702" s="5" t="s">
        <v>1518</v>
      </c>
      <c r="I6702" s="5" t="s">
        <v>69038</v>
      </c>
      <c r="J6702" s="2" t="s">
        <v>69039</v>
      </c>
      <c r="K6702" s="5" t="s">
        <v>69038</v>
      </c>
      <c r="L6702" s="2" t="s">
        <v>69039</v>
      </c>
      <c r="M6702" s="5" t="s">
        <v>1521</v>
      </c>
      <c r="N6702" s="5" t="s">
        <v>38</v>
      </c>
      <c r="O6702" s="5" t="s">
        <v>39</v>
      </c>
      <c r="P6702" s="5" t="s">
        <v>40</v>
      </c>
      <c r="Q6702" s="5" t="s">
        <v>1522</v>
      </c>
      <c r="R6702" s="5" t="s">
        <v>1523</v>
      </c>
      <c r="S6702" s="5" t="s">
        <v>42</v>
      </c>
      <c r="T6702" s="2">
        <v>1.5840000000000001</v>
      </c>
      <c r="U6702" s="2">
        <v>1.179</v>
      </c>
      <c r="V6702" s="2">
        <v>10.6</v>
      </c>
      <c r="W6702" s="2">
        <v>139.1</v>
      </c>
      <c r="X6702" s="2">
        <v>7.6</v>
      </c>
      <c r="Y6702" s="2">
        <v>10.6</v>
      </c>
      <c r="Z6702" s="5"/>
      <c r="AA6702" s="5" t="s">
        <v>43</v>
      </c>
      <c r="AB6702" s="5" t="s">
        <v>44</v>
      </c>
      <c r="AC6702" s="2"/>
      <c r="AD6702" s="1"/>
    </row>
    <row r="6703" spans="1:30">
      <c r="A6703" s="5" t="s">
        <v>83578</v>
      </c>
      <c r="B6703" s="2" t="s">
        <v>104224</v>
      </c>
      <c r="C6703" s="14" t="s">
        <v>104225</v>
      </c>
      <c r="D6703" s="2" t="s">
        <v>104226</v>
      </c>
      <c r="E6703" s="2" t="s">
        <v>7585</v>
      </c>
      <c r="F6703" s="8">
        <v>135</v>
      </c>
      <c r="G6703" s="5">
        <v>6</v>
      </c>
      <c r="H6703" s="5" t="s">
        <v>1518</v>
      </c>
      <c r="I6703" s="5" t="s">
        <v>69038</v>
      </c>
      <c r="J6703" s="2" t="s">
        <v>69039</v>
      </c>
      <c r="K6703" s="5" t="s">
        <v>69038</v>
      </c>
      <c r="L6703" s="2" t="s">
        <v>69039</v>
      </c>
      <c r="M6703" s="5" t="s">
        <v>1521</v>
      </c>
      <c r="N6703" s="5" t="s">
        <v>38</v>
      </c>
      <c r="O6703" s="5" t="s">
        <v>39</v>
      </c>
      <c r="P6703" s="5" t="s">
        <v>40</v>
      </c>
      <c r="Q6703" s="5" t="s">
        <v>1522</v>
      </c>
      <c r="R6703" s="5" t="s">
        <v>1523</v>
      </c>
      <c r="S6703" s="5" t="s">
        <v>42</v>
      </c>
      <c r="T6703" s="2">
        <v>1.5840000000000001</v>
      </c>
      <c r="U6703" s="2">
        <v>1.179</v>
      </c>
      <c r="V6703" s="2">
        <v>10.6</v>
      </c>
      <c r="W6703" s="2">
        <v>139.1</v>
      </c>
      <c r="X6703" s="2">
        <v>7.6</v>
      </c>
      <c r="Y6703" s="2">
        <v>10.6</v>
      </c>
      <c r="Z6703" s="5"/>
      <c r="AA6703" s="5" t="s">
        <v>43</v>
      </c>
      <c r="AB6703" s="5" t="s">
        <v>44</v>
      </c>
      <c r="AC6703" s="2"/>
      <c r="AD6703" s="1"/>
    </row>
    <row r="6704" spans="1:30">
      <c r="A6704" s="5" t="s">
        <v>83578</v>
      </c>
      <c r="B6704" s="2" t="s">
        <v>104227</v>
      </c>
      <c r="C6704" s="14" t="s">
        <v>104228</v>
      </c>
      <c r="D6704" s="2" t="s">
        <v>104229</v>
      </c>
      <c r="E6704" s="2" t="s">
        <v>7593</v>
      </c>
      <c r="F6704" s="8">
        <v>135</v>
      </c>
      <c r="G6704" s="5">
        <v>6</v>
      </c>
      <c r="H6704" s="5" t="s">
        <v>1518</v>
      </c>
      <c r="I6704" s="5" t="s">
        <v>69038</v>
      </c>
      <c r="J6704" s="2" t="s">
        <v>69039</v>
      </c>
      <c r="K6704" s="5" t="s">
        <v>69038</v>
      </c>
      <c r="L6704" s="2" t="s">
        <v>69039</v>
      </c>
      <c r="M6704" s="5" t="s">
        <v>1521</v>
      </c>
      <c r="N6704" s="5" t="s">
        <v>38</v>
      </c>
      <c r="O6704" s="5" t="s">
        <v>39</v>
      </c>
      <c r="P6704" s="5" t="s">
        <v>40</v>
      </c>
      <c r="Q6704" s="5" t="s">
        <v>1522</v>
      </c>
      <c r="R6704" s="5" t="s">
        <v>1523</v>
      </c>
      <c r="S6704" s="5" t="s">
        <v>42</v>
      </c>
      <c r="T6704" s="2">
        <v>1.5840000000000001</v>
      </c>
      <c r="U6704" s="2">
        <v>1.179</v>
      </c>
      <c r="V6704" s="2">
        <v>10.6</v>
      </c>
      <c r="W6704" s="2">
        <v>139.1</v>
      </c>
      <c r="X6704" s="2">
        <v>7.6</v>
      </c>
      <c r="Y6704" s="2">
        <v>10.6</v>
      </c>
      <c r="Z6704" s="5"/>
      <c r="AA6704" s="5" t="s">
        <v>43</v>
      </c>
      <c r="AB6704" s="5" t="s">
        <v>44</v>
      </c>
      <c r="AC6704" s="2"/>
      <c r="AD6704" s="1"/>
    </row>
    <row r="6705" spans="1:30">
      <c r="A6705" s="5" t="s">
        <v>83578</v>
      </c>
      <c r="B6705" s="2" t="s">
        <v>104230</v>
      </c>
      <c r="C6705" s="14" t="s">
        <v>104231</v>
      </c>
      <c r="D6705" s="2" t="s">
        <v>104232</v>
      </c>
      <c r="E6705" s="2" t="s">
        <v>7410</v>
      </c>
      <c r="F6705" s="8">
        <v>135</v>
      </c>
      <c r="G6705" s="5">
        <v>6</v>
      </c>
      <c r="H6705" s="5" t="s">
        <v>1518</v>
      </c>
      <c r="I6705" s="5" t="s">
        <v>69038</v>
      </c>
      <c r="J6705" s="2" t="s">
        <v>69039</v>
      </c>
      <c r="K6705" s="5" t="s">
        <v>69038</v>
      </c>
      <c r="L6705" s="2" t="s">
        <v>69039</v>
      </c>
      <c r="M6705" s="5" t="s">
        <v>1521</v>
      </c>
      <c r="N6705" s="5" t="s">
        <v>38</v>
      </c>
      <c r="O6705" s="5" t="s">
        <v>39</v>
      </c>
      <c r="P6705" s="5" t="s">
        <v>40</v>
      </c>
      <c r="Q6705" s="5" t="s">
        <v>1522</v>
      </c>
      <c r="R6705" s="5" t="s">
        <v>1523</v>
      </c>
      <c r="S6705" s="5" t="s">
        <v>42</v>
      </c>
      <c r="T6705" s="2">
        <v>1.5840000000000001</v>
      </c>
      <c r="U6705" s="2">
        <v>1.179</v>
      </c>
      <c r="V6705" s="2">
        <v>10.6</v>
      </c>
      <c r="W6705" s="2">
        <v>139.1</v>
      </c>
      <c r="X6705" s="2">
        <v>7.6</v>
      </c>
      <c r="Y6705" s="2">
        <v>10.6</v>
      </c>
      <c r="Z6705" s="5"/>
      <c r="AA6705" s="5" t="s">
        <v>43</v>
      </c>
      <c r="AB6705" s="5" t="s">
        <v>44</v>
      </c>
      <c r="AC6705" s="2"/>
      <c r="AD6705" s="1"/>
    </row>
    <row r="6706" spans="1:30">
      <c r="A6706" s="5" t="s">
        <v>83578</v>
      </c>
      <c r="B6706" s="2" t="s">
        <v>104233</v>
      </c>
      <c r="C6706" s="14" t="s">
        <v>104234</v>
      </c>
      <c r="D6706" s="2" t="s">
        <v>104235</v>
      </c>
      <c r="E6706" s="2" t="s">
        <v>7406</v>
      </c>
      <c r="F6706" s="8">
        <v>140</v>
      </c>
      <c r="G6706" s="5">
        <v>6</v>
      </c>
      <c r="H6706" s="5" t="s">
        <v>1518</v>
      </c>
      <c r="I6706" s="5" t="s">
        <v>69038</v>
      </c>
      <c r="J6706" s="2" t="s">
        <v>69039</v>
      </c>
      <c r="K6706" s="5" t="s">
        <v>69038</v>
      </c>
      <c r="L6706" s="2" t="s">
        <v>69039</v>
      </c>
      <c r="M6706" s="5" t="s">
        <v>1521</v>
      </c>
      <c r="N6706" s="5" t="s">
        <v>38</v>
      </c>
      <c r="O6706" s="5" t="s">
        <v>39</v>
      </c>
      <c r="P6706" s="5" t="s">
        <v>40</v>
      </c>
      <c r="Q6706" s="5" t="s">
        <v>1522</v>
      </c>
      <c r="R6706" s="5" t="s">
        <v>1523</v>
      </c>
      <c r="S6706" s="5" t="s">
        <v>42</v>
      </c>
      <c r="T6706" s="2">
        <v>1.5780000000000001</v>
      </c>
      <c r="U6706" s="2">
        <v>1.2390000000000001</v>
      </c>
      <c r="V6706" s="2">
        <v>10.6</v>
      </c>
      <c r="W6706" s="2">
        <v>118.9</v>
      </c>
      <c r="X6706" s="2">
        <v>7.6</v>
      </c>
      <c r="Y6706" s="2">
        <v>10.6</v>
      </c>
      <c r="Z6706" s="5"/>
      <c r="AA6706" s="5" t="s">
        <v>43</v>
      </c>
      <c r="AB6706" s="5" t="s">
        <v>44</v>
      </c>
      <c r="AC6706" s="2"/>
      <c r="AD6706" s="1"/>
    </row>
    <row r="6707" spans="1:30">
      <c r="A6707" s="5" t="s">
        <v>83578</v>
      </c>
      <c r="B6707" s="2" t="s">
        <v>104236</v>
      </c>
      <c r="C6707" s="14" t="s">
        <v>104237</v>
      </c>
      <c r="D6707" s="2" t="s">
        <v>104238</v>
      </c>
      <c r="E6707" s="2" t="s">
        <v>7539</v>
      </c>
      <c r="F6707" s="8">
        <v>140</v>
      </c>
      <c r="G6707" s="5">
        <v>6</v>
      </c>
      <c r="H6707" s="5" t="s">
        <v>1518</v>
      </c>
      <c r="I6707" s="5" t="s">
        <v>69038</v>
      </c>
      <c r="J6707" s="2" t="s">
        <v>69039</v>
      </c>
      <c r="K6707" s="5" t="s">
        <v>69038</v>
      </c>
      <c r="L6707" s="2" t="s">
        <v>69039</v>
      </c>
      <c r="M6707" s="5" t="s">
        <v>1521</v>
      </c>
      <c r="N6707" s="5" t="s">
        <v>38</v>
      </c>
      <c r="O6707" s="5" t="s">
        <v>39</v>
      </c>
      <c r="P6707" s="5" t="s">
        <v>40</v>
      </c>
      <c r="Q6707" s="5" t="s">
        <v>1522</v>
      </c>
      <c r="R6707" s="5" t="s">
        <v>1523</v>
      </c>
      <c r="S6707" s="5" t="s">
        <v>42</v>
      </c>
      <c r="T6707" s="2">
        <v>1.5780000000000001</v>
      </c>
      <c r="U6707" s="2">
        <v>1.2390000000000001</v>
      </c>
      <c r="V6707" s="2">
        <v>10.6</v>
      </c>
      <c r="W6707" s="2">
        <v>118.9</v>
      </c>
      <c r="X6707" s="2">
        <v>7.6</v>
      </c>
      <c r="Y6707" s="2">
        <v>10.6</v>
      </c>
      <c r="Z6707" s="5"/>
      <c r="AA6707" s="5" t="s">
        <v>43</v>
      </c>
      <c r="AB6707" s="5" t="s">
        <v>44</v>
      </c>
      <c r="AC6707" s="2"/>
      <c r="AD6707" s="1"/>
    </row>
    <row r="6708" spans="1:30">
      <c r="A6708" s="5" t="s">
        <v>83578</v>
      </c>
      <c r="B6708" s="2" t="s">
        <v>104239</v>
      </c>
      <c r="C6708" s="14" t="s">
        <v>104240</v>
      </c>
      <c r="D6708" s="2" t="s">
        <v>104241</v>
      </c>
      <c r="E6708" s="2" t="s">
        <v>7547</v>
      </c>
      <c r="F6708" s="8">
        <v>140</v>
      </c>
      <c r="G6708" s="5">
        <v>6</v>
      </c>
      <c r="H6708" s="5" t="s">
        <v>1518</v>
      </c>
      <c r="I6708" s="5" t="s">
        <v>69038</v>
      </c>
      <c r="J6708" s="2" t="s">
        <v>69039</v>
      </c>
      <c r="K6708" s="5" t="s">
        <v>69038</v>
      </c>
      <c r="L6708" s="2" t="s">
        <v>69039</v>
      </c>
      <c r="M6708" s="5" t="s">
        <v>1521</v>
      </c>
      <c r="N6708" s="5" t="s">
        <v>38</v>
      </c>
      <c r="O6708" s="5" t="s">
        <v>39</v>
      </c>
      <c r="P6708" s="5" t="s">
        <v>40</v>
      </c>
      <c r="Q6708" s="5" t="s">
        <v>1522</v>
      </c>
      <c r="R6708" s="5" t="s">
        <v>1523</v>
      </c>
      <c r="S6708" s="5" t="s">
        <v>42</v>
      </c>
      <c r="T6708" s="2">
        <v>1.5780000000000001</v>
      </c>
      <c r="U6708" s="2">
        <v>1.2390000000000001</v>
      </c>
      <c r="V6708" s="2">
        <v>10.6</v>
      </c>
      <c r="W6708" s="2">
        <v>118.9</v>
      </c>
      <c r="X6708" s="2">
        <v>7.6</v>
      </c>
      <c r="Y6708" s="2">
        <v>10.6</v>
      </c>
      <c r="Z6708" s="5"/>
      <c r="AA6708" s="5" t="s">
        <v>43</v>
      </c>
      <c r="AB6708" s="5" t="s">
        <v>44</v>
      </c>
      <c r="AC6708" s="2"/>
      <c r="AD6708" s="1"/>
    </row>
    <row r="6709" spans="1:30">
      <c r="A6709" s="5" t="s">
        <v>83578</v>
      </c>
      <c r="B6709" s="2" t="s">
        <v>104242</v>
      </c>
      <c r="C6709" s="14" t="s">
        <v>104243</v>
      </c>
      <c r="D6709" s="2" t="s">
        <v>104244</v>
      </c>
      <c r="E6709" s="2" t="s">
        <v>7563</v>
      </c>
      <c r="F6709" s="8">
        <v>140</v>
      </c>
      <c r="G6709" s="5">
        <v>6</v>
      </c>
      <c r="H6709" s="5" t="s">
        <v>1518</v>
      </c>
      <c r="I6709" s="5" t="s">
        <v>69038</v>
      </c>
      <c r="J6709" s="2" t="s">
        <v>69039</v>
      </c>
      <c r="K6709" s="5" t="s">
        <v>69038</v>
      </c>
      <c r="L6709" s="2" t="s">
        <v>69039</v>
      </c>
      <c r="M6709" s="5" t="s">
        <v>1521</v>
      </c>
      <c r="N6709" s="5" t="s">
        <v>38</v>
      </c>
      <c r="O6709" s="5" t="s">
        <v>39</v>
      </c>
      <c r="P6709" s="5" t="s">
        <v>40</v>
      </c>
      <c r="Q6709" s="5" t="s">
        <v>1522</v>
      </c>
      <c r="R6709" s="5" t="s">
        <v>1523</v>
      </c>
      <c r="S6709" s="5" t="s">
        <v>42</v>
      </c>
      <c r="T6709" s="2">
        <v>1.5780000000000001</v>
      </c>
      <c r="U6709" s="2">
        <v>1.2390000000000001</v>
      </c>
      <c r="V6709" s="2">
        <v>10.6</v>
      </c>
      <c r="W6709" s="2">
        <v>118.9</v>
      </c>
      <c r="X6709" s="2">
        <v>7.6</v>
      </c>
      <c r="Y6709" s="2">
        <v>10.6</v>
      </c>
      <c r="Z6709" s="5"/>
      <c r="AA6709" s="5" t="s">
        <v>43</v>
      </c>
      <c r="AB6709" s="5" t="s">
        <v>44</v>
      </c>
      <c r="AC6709" s="2"/>
      <c r="AD6709" s="1"/>
    </row>
    <row r="6710" spans="1:30">
      <c r="A6710" s="5" t="s">
        <v>83578</v>
      </c>
      <c r="B6710" s="2" t="s">
        <v>104245</v>
      </c>
      <c r="C6710" s="14" t="s">
        <v>104246</v>
      </c>
      <c r="D6710" s="2" t="s">
        <v>104247</v>
      </c>
      <c r="E6710" s="2" t="s">
        <v>7555</v>
      </c>
      <c r="F6710" s="8">
        <v>140</v>
      </c>
      <c r="G6710" s="5">
        <v>6</v>
      </c>
      <c r="H6710" s="5" t="s">
        <v>1518</v>
      </c>
      <c r="I6710" s="5" t="s">
        <v>69038</v>
      </c>
      <c r="J6710" s="2" t="s">
        <v>69039</v>
      </c>
      <c r="K6710" s="5" t="s">
        <v>69038</v>
      </c>
      <c r="L6710" s="2" t="s">
        <v>69039</v>
      </c>
      <c r="M6710" s="5" t="s">
        <v>1521</v>
      </c>
      <c r="N6710" s="5" t="s">
        <v>38</v>
      </c>
      <c r="O6710" s="5" t="s">
        <v>39</v>
      </c>
      <c r="P6710" s="5" t="s">
        <v>40</v>
      </c>
      <c r="Q6710" s="5" t="s">
        <v>1522</v>
      </c>
      <c r="R6710" s="5" t="s">
        <v>1523</v>
      </c>
      <c r="S6710" s="5" t="s">
        <v>42</v>
      </c>
      <c r="T6710" s="2">
        <v>1.5780000000000001</v>
      </c>
      <c r="U6710" s="2">
        <v>1.2390000000000001</v>
      </c>
      <c r="V6710" s="2">
        <v>10.6</v>
      </c>
      <c r="W6710" s="2">
        <v>118.9</v>
      </c>
      <c r="X6710" s="2">
        <v>7.6</v>
      </c>
      <c r="Y6710" s="2">
        <v>10.6</v>
      </c>
      <c r="Z6710" s="5"/>
      <c r="AA6710" s="5" t="s">
        <v>43</v>
      </c>
      <c r="AB6710" s="5" t="s">
        <v>44</v>
      </c>
      <c r="AC6710" s="2"/>
      <c r="AD6710" s="1"/>
    </row>
    <row r="6711" spans="1:30">
      <c r="A6711" s="5" t="s">
        <v>83578</v>
      </c>
      <c r="B6711" s="2" t="s">
        <v>104248</v>
      </c>
      <c r="C6711" s="14" t="s">
        <v>104249</v>
      </c>
      <c r="D6711" s="2" t="s">
        <v>104250</v>
      </c>
      <c r="E6711" s="2" t="s">
        <v>7429</v>
      </c>
      <c r="F6711" s="8">
        <v>140</v>
      </c>
      <c r="G6711" s="5">
        <v>6</v>
      </c>
      <c r="H6711" s="5" t="s">
        <v>1518</v>
      </c>
      <c r="I6711" s="5" t="s">
        <v>69038</v>
      </c>
      <c r="J6711" s="2" t="s">
        <v>69039</v>
      </c>
      <c r="K6711" s="5" t="s">
        <v>69038</v>
      </c>
      <c r="L6711" s="2" t="s">
        <v>69039</v>
      </c>
      <c r="M6711" s="5" t="s">
        <v>1521</v>
      </c>
      <c r="N6711" s="5" t="s">
        <v>38</v>
      </c>
      <c r="O6711" s="5" t="s">
        <v>39</v>
      </c>
      <c r="P6711" s="5" t="s">
        <v>40</v>
      </c>
      <c r="Q6711" s="5" t="s">
        <v>1522</v>
      </c>
      <c r="R6711" s="5" t="s">
        <v>1523</v>
      </c>
      <c r="S6711" s="5" t="s">
        <v>42</v>
      </c>
      <c r="T6711" s="2">
        <v>1.5780000000000001</v>
      </c>
      <c r="U6711" s="2">
        <v>1.2390000000000001</v>
      </c>
      <c r="V6711" s="2">
        <v>10.6</v>
      </c>
      <c r="W6711" s="2">
        <v>118.9</v>
      </c>
      <c r="X6711" s="2">
        <v>7.6</v>
      </c>
      <c r="Y6711" s="2">
        <v>10.6</v>
      </c>
      <c r="Z6711" s="5"/>
      <c r="AA6711" s="5" t="s">
        <v>43</v>
      </c>
      <c r="AB6711" s="5" t="s">
        <v>44</v>
      </c>
      <c r="AC6711" s="2"/>
      <c r="AD6711" s="1"/>
    </row>
    <row r="6712" spans="1:30">
      <c r="A6712" s="5" t="s">
        <v>83578</v>
      </c>
      <c r="B6712" s="2" t="s">
        <v>104251</v>
      </c>
      <c r="C6712" s="14" t="s">
        <v>104252</v>
      </c>
      <c r="D6712" s="2" t="s">
        <v>104253</v>
      </c>
      <c r="E6712" s="2" t="s">
        <v>7449</v>
      </c>
      <c r="F6712" s="8">
        <v>140</v>
      </c>
      <c r="G6712" s="5">
        <v>6</v>
      </c>
      <c r="H6712" s="5" t="s">
        <v>1518</v>
      </c>
      <c r="I6712" s="5" t="s">
        <v>69038</v>
      </c>
      <c r="J6712" s="2" t="s">
        <v>69039</v>
      </c>
      <c r="K6712" s="5" t="s">
        <v>69038</v>
      </c>
      <c r="L6712" s="2" t="s">
        <v>69039</v>
      </c>
      <c r="M6712" s="5" t="s">
        <v>1521</v>
      </c>
      <c r="N6712" s="5" t="s">
        <v>38</v>
      </c>
      <c r="O6712" s="5" t="s">
        <v>39</v>
      </c>
      <c r="P6712" s="5" t="s">
        <v>40</v>
      </c>
      <c r="Q6712" s="5" t="s">
        <v>1522</v>
      </c>
      <c r="R6712" s="5" t="s">
        <v>1523</v>
      </c>
      <c r="S6712" s="5" t="s">
        <v>42</v>
      </c>
      <c r="T6712" s="2">
        <v>1.5780000000000001</v>
      </c>
      <c r="U6712" s="2">
        <v>1.2390000000000001</v>
      </c>
      <c r="V6712" s="2">
        <v>10.6</v>
      </c>
      <c r="W6712" s="2">
        <v>118.9</v>
      </c>
      <c r="X6712" s="2">
        <v>7.6</v>
      </c>
      <c r="Y6712" s="2">
        <v>10.6</v>
      </c>
      <c r="Z6712" s="5"/>
      <c r="AA6712" s="5" t="s">
        <v>43</v>
      </c>
      <c r="AB6712" s="5" t="s">
        <v>44</v>
      </c>
      <c r="AC6712" s="2"/>
      <c r="AD6712" s="1"/>
    </row>
    <row r="6713" spans="1:30">
      <c r="A6713" s="5" t="s">
        <v>83578</v>
      </c>
      <c r="B6713" s="2" t="s">
        <v>104254</v>
      </c>
      <c r="C6713" s="14" t="s">
        <v>104255</v>
      </c>
      <c r="D6713" s="2" t="s">
        <v>104256</v>
      </c>
      <c r="E6713" s="2" t="s">
        <v>7585</v>
      </c>
      <c r="F6713" s="8">
        <v>140</v>
      </c>
      <c r="G6713" s="5">
        <v>6</v>
      </c>
      <c r="H6713" s="5" t="s">
        <v>1518</v>
      </c>
      <c r="I6713" s="5" t="s">
        <v>69038</v>
      </c>
      <c r="J6713" s="2" t="s">
        <v>69039</v>
      </c>
      <c r="K6713" s="5" t="s">
        <v>69038</v>
      </c>
      <c r="L6713" s="2" t="s">
        <v>69039</v>
      </c>
      <c r="M6713" s="5" t="s">
        <v>1521</v>
      </c>
      <c r="N6713" s="5" t="s">
        <v>38</v>
      </c>
      <c r="O6713" s="5" t="s">
        <v>39</v>
      </c>
      <c r="P6713" s="5" t="s">
        <v>40</v>
      </c>
      <c r="Q6713" s="5" t="s">
        <v>1522</v>
      </c>
      <c r="R6713" s="5" t="s">
        <v>1523</v>
      </c>
      <c r="S6713" s="5" t="s">
        <v>42</v>
      </c>
      <c r="T6713" s="2">
        <v>1.5780000000000001</v>
      </c>
      <c r="U6713" s="2">
        <v>1.2390000000000001</v>
      </c>
      <c r="V6713" s="2">
        <v>10.6</v>
      </c>
      <c r="W6713" s="2">
        <v>118.9</v>
      </c>
      <c r="X6713" s="2">
        <v>7.6</v>
      </c>
      <c r="Y6713" s="2">
        <v>10.6</v>
      </c>
      <c r="Z6713" s="5"/>
      <c r="AA6713" s="5" t="s">
        <v>43</v>
      </c>
      <c r="AB6713" s="5" t="s">
        <v>44</v>
      </c>
      <c r="AC6713" s="2"/>
      <c r="AD6713" s="1"/>
    </row>
    <row r="6714" spans="1:30">
      <c r="A6714" s="5" t="s">
        <v>83578</v>
      </c>
      <c r="B6714" s="2" t="s">
        <v>104257</v>
      </c>
      <c r="C6714" s="14" t="s">
        <v>104258</v>
      </c>
      <c r="D6714" s="2" t="s">
        <v>104259</v>
      </c>
      <c r="E6714" s="2" t="s">
        <v>7593</v>
      </c>
      <c r="F6714" s="8">
        <v>140</v>
      </c>
      <c r="G6714" s="5">
        <v>6</v>
      </c>
      <c r="H6714" s="5" t="s">
        <v>1518</v>
      </c>
      <c r="I6714" s="5" t="s">
        <v>69038</v>
      </c>
      <c r="J6714" s="2" t="s">
        <v>69039</v>
      </c>
      <c r="K6714" s="5" t="s">
        <v>69038</v>
      </c>
      <c r="L6714" s="2" t="s">
        <v>69039</v>
      </c>
      <c r="M6714" s="5" t="s">
        <v>1521</v>
      </c>
      <c r="N6714" s="5" t="s">
        <v>38</v>
      </c>
      <c r="O6714" s="5" t="s">
        <v>39</v>
      </c>
      <c r="P6714" s="5" t="s">
        <v>40</v>
      </c>
      <c r="Q6714" s="5" t="s">
        <v>1522</v>
      </c>
      <c r="R6714" s="5" t="s">
        <v>1523</v>
      </c>
      <c r="S6714" s="5" t="s">
        <v>42</v>
      </c>
      <c r="T6714" s="2">
        <v>1.5780000000000001</v>
      </c>
      <c r="U6714" s="2">
        <v>1.2390000000000001</v>
      </c>
      <c r="V6714" s="2">
        <v>10.6</v>
      </c>
      <c r="W6714" s="2">
        <v>118.9</v>
      </c>
      <c r="X6714" s="2">
        <v>7.6</v>
      </c>
      <c r="Y6714" s="2">
        <v>10.6</v>
      </c>
      <c r="Z6714" s="5"/>
      <c r="AA6714" s="5" t="s">
        <v>43</v>
      </c>
      <c r="AB6714" s="5" t="s">
        <v>44</v>
      </c>
      <c r="AC6714" s="2"/>
      <c r="AD6714" s="1"/>
    </row>
    <row r="6715" spans="1:30">
      <c r="A6715" s="5" t="s">
        <v>83578</v>
      </c>
      <c r="B6715" s="2" t="s">
        <v>104260</v>
      </c>
      <c r="C6715" s="14" t="s">
        <v>104261</v>
      </c>
      <c r="D6715" s="2" t="s">
        <v>104262</v>
      </c>
      <c r="E6715" s="2" t="s">
        <v>7433</v>
      </c>
      <c r="F6715" s="8">
        <v>140</v>
      </c>
      <c r="G6715" s="5">
        <v>6</v>
      </c>
      <c r="H6715" s="5" t="s">
        <v>1518</v>
      </c>
      <c r="I6715" s="5" t="s">
        <v>69038</v>
      </c>
      <c r="J6715" s="2" t="s">
        <v>69039</v>
      </c>
      <c r="K6715" s="5" t="s">
        <v>69038</v>
      </c>
      <c r="L6715" s="2" t="s">
        <v>69039</v>
      </c>
      <c r="M6715" s="5" t="s">
        <v>1521</v>
      </c>
      <c r="N6715" s="5" t="s">
        <v>38</v>
      </c>
      <c r="O6715" s="5" t="s">
        <v>39</v>
      </c>
      <c r="P6715" s="5" t="s">
        <v>40</v>
      </c>
      <c r="Q6715" s="5" t="s">
        <v>1522</v>
      </c>
      <c r="R6715" s="5" t="s">
        <v>1523</v>
      </c>
      <c r="S6715" s="5" t="s">
        <v>42</v>
      </c>
      <c r="T6715" s="2">
        <v>1.5780000000000001</v>
      </c>
      <c r="U6715" s="2">
        <v>1.2390000000000001</v>
      </c>
      <c r="V6715" s="2">
        <v>10.6</v>
      </c>
      <c r="W6715" s="2">
        <v>118.9</v>
      </c>
      <c r="X6715" s="2">
        <v>7.6</v>
      </c>
      <c r="Y6715" s="2">
        <v>10.6</v>
      </c>
      <c r="Z6715" s="5"/>
      <c r="AA6715" s="5" t="s">
        <v>43</v>
      </c>
      <c r="AB6715" s="5" t="s">
        <v>44</v>
      </c>
      <c r="AC6715" s="2"/>
      <c r="AD6715" s="1"/>
    </row>
    <row r="6716" spans="1:30">
      <c r="A6716" s="5" t="s">
        <v>83578</v>
      </c>
      <c r="B6716" s="2" t="s">
        <v>104263</v>
      </c>
      <c r="C6716" s="14" t="s">
        <v>104264</v>
      </c>
      <c r="D6716" s="2" t="s">
        <v>104265</v>
      </c>
      <c r="E6716" s="2" t="s">
        <v>7615</v>
      </c>
      <c r="F6716" s="8">
        <v>140</v>
      </c>
      <c r="G6716" s="5">
        <v>6</v>
      </c>
      <c r="H6716" s="5" t="s">
        <v>1518</v>
      </c>
      <c r="I6716" s="5" t="s">
        <v>69038</v>
      </c>
      <c r="J6716" s="2" t="s">
        <v>69039</v>
      </c>
      <c r="K6716" s="5" t="s">
        <v>69038</v>
      </c>
      <c r="L6716" s="2" t="s">
        <v>69039</v>
      </c>
      <c r="M6716" s="5" t="s">
        <v>1521</v>
      </c>
      <c r="N6716" s="5" t="s">
        <v>38</v>
      </c>
      <c r="O6716" s="5" t="s">
        <v>39</v>
      </c>
      <c r="P6716" s="5" t="s">
        <v>40</v>
      </c>
      <c r="Q6716" s="5" t="s">
        <v>1522</v>
      </c>
      <c r="R6716" s="5" t="s">
        <v>1523</v>
      </c>
      <c r="S6716" s="5" t="s">
        <v>42</v>
      </c>
      <c r="T6716" s="2">
        <v>1.5780000000000001</v>
      </c>
      <c r="U6716" s="2">
        <v>1.2390000000000001</v>
      </c>
      <c r="V6716" s="2">
        <v>10.6</v>
      </c>
      <c r="W6716" s="2">
        <v>118.9</v>
      </c>
      <c r="X6716" s="2">
        <v>7.6</v>
      </c>
      <c r="Y6716" s="2">
        <v>10.6</v>
      </c>
      <c r="Z6716" s="5"/>
      <c r="AA6716" s="5" t="s">
        <v>43</v>
      </c>
      <c r="AB6716" s="5" t="s">
        <v>44</v>
      </c>
      <c r="AC6716" s="2"/>
      <c r="AD6716" s="1"/>
    </row>
    <row r="6717" spans="1:30">
      <c r="A6717" s="5" t="s">
        <v>83578</v>
      </c>
      <c r="B6717" s="2" t="s">
        <v>104266</v>
      </c>
      <c r="C6717" s="14" t="s">
        <v>104267</v>
      </c>
      <c r="D6717" s="2" t="s">
        <v>104268</v>
      </c>
      <c r="E6717" s="2" t="s">
        <v>7410</v>
      </c>
      <c r="F6717" s="8">
        <v>140</v>
      </c>
      <c r="G6717" s="5">
        <v>6</v>
      </c>
      <c r="H6717" s="5" t="s">
        <v>1518</v>
      </c>
      <c r="I6717" s="5" t="s">
        <v>69038</v>
      </c>
      <c r="J6717" s="2" t="s">
        <v>69039</v>
      </c>
      <c r="K6717" s="5" t="s">
        <v>69038</v>
      </c>
      <c r="L6717" s="2" t="s">
        <v>69039</v>
      </c>
      <c r="M6717" s="5" t="s">
        <v>1521</v>
      </c>
      <c r="N6717" s="5" t="s">
        <v>38</v>
      </c>
      <c r="O6717" s="5" t="s">
        <v>39</v>
      </c>
      <c r="P6717" s="5" t="s">
        <v>40</v>
      </c>
      <c r="Q6717" s="5" t="s">
        <v>1522</v>
      </c>
      <c r="R6717" s="5" t="s">
        <v>1523</v>
      </c>
      <c r="S6717" s="5" t="s">
        <v>42</v>
      </c>
      <c r="T6717" s="2">
        <v>1.5780000000000001</v>
      </c>
      <c r="U6717" s="2">
        <v>1.2390000000000001</v>
      </c>
      <c r="V6717" s="2">
        <v>10.6</v>
      </c>
      <c r="W6717" s="2">
        <v>118.9</v>
      </c>
      <c r="X6717" s="2">
        <v>7.6</v>
      </c>
      <c r="Y6717" s="2">
        <v>10.6</v>
      </c>
      <c r="Z6717" s="5"/>
      <c r="AA6717" s="5" t="s">
        <v>43</v>
      </c>
      <c r="AB6717" s="5" t="s">
        <v>44</v>
      </c>
      <c r="AC6717" s="2"/>
      <c r="AD6717" s="1"/>
    </row>
    <row r="6718" spans="1:30">
      <c r="A6718" s="5" t="s">
        <v>83578</v>
      </c>
      <c r="B6718" s="2" t="s">
        <v>104269</v>
      </c>
      <c r="C6718" s="14" t="s">
        <v>104270</v>
      </c>
      <c r="D6718" s="2" t="s">
        <v>104271</v>
      </c>
      <c r="E6718" s="2" t="s">
        <v>7212</v>
      </c>
      <c r="F6718" s="8">
        <v>122</v>
      </c>
      <c r="G6718" s="5">
        <v>6</v>
      </c>
      <c r="H6718" s="5" t="s">
        <v>1518</v>
      </c>
      <c r="I6718" s="5" t="s">
        <v>69038</v>
      </c>
      <c r="J6718" s="2" t="s">
        <v>69039</v>
      </c>
      <c r="K6718" s="5" t="s">
        <v>69038</v>
      </c>
      <c r="L6718" s="2" t="s">
        <v>69039</v>
      </c>
      <c r="M6718" s="5" t="s">
        <v>1521</v>
      </c>
      <c r="N6718" s="5" t="s">
        <v>38</v>
      </c>
      <c r="O6718" s="5" t="s">
        <v>39</v>
      </c>
      <c r="P6718" s="5" t="s">
        <v>40</v>
      </c>
      <c r="Q6718" s="5" t="s">
        <v>1522</v>
      </c>
      <c r="R6718" s="5" t="s">
        <v>1523</v>
      </c>
      <c r="S6718" s="5" t="s">
        <v>42</v>
      </c>
      <c r="T6718" s="2">
        <v>1.5780000000000001</v>
      </c>
      <c r="U6718" s="2">
        <v>1.2390000000000001</v>
      </c>
      <c r="V6718" s="2">
        <v>10.6</v>
      </c>
      <c r="W6718" s="2">
        <v>118.9</v>
      </c>
      <c r="X6718" s="2">
        <v>7.6</v>
      </c>
      <c r="Y6718" s="2">
        <v>10.6</v>
      </c>
      <c r="Z6718" s="5"/>
      <c r="AA6718" s="5" t="s">
        <v>43</v>
      </c>
      <c r="AB6718" s="5" t="s">
        <v>44</v>
      </c>
      <c r="AC6718" s="2"/>
      <c r="AD6718" s="1"/>
    </row>
    <row r="6719" spans="1:30">
      <c r="A6719" s="5" t="s">
        <v>83578</v>
      </c>
      <c r="B6719" s="2" t="s">
        <v>104272</v>
      </c>
      <c r="C6719" s="14" t="s">
        <v>104273</v>
      </c>
      <c r="D6719" s="2" t="s">
        <v>104274</v>
      </c>
      <c r="E6719" s="2" t="s">
        <v>7406</v>
      </c>
      <c r="F6719" s="8">
        <v>151</v>
      </c>
      <c r="G6719" s="5">
        <v>6</v>
      </c>
      <c r="H6719" s="5" t="s">
        <v>1518</v>
      </c>
      <c r="I6719" s="5" t="s">
        <v>69038</v>
      </c>
      <c r="J6719" s="2" t="s">
        <v>69039</v>
      </c>
      <c r="K6719" s="5" t="s">
        <v>69038</v>
      </c>
      <c r="L6719" s="2" t="s">
        <v>69039</v>
      </c>
      <c r="M6719" s="5" t="s">
        <v>1521</v>
      </c>
      <c r="N6719" s="5" t="s">
        <v>38</v>
      </c>
      <c r="O6719" s="5" t="s">
        <v>39</v>
      </c>
      <c r="P6719" s="5" t="s">
        <v>40</v>
      </c>
      <c r="Q6719" s="5" t="s">
        <v>1522</v>
      </c>
      <c r="R6719" s="5" t="s">
        <v>1523</v>
      </c>
      <c r="S6719" s="5" t="s">
        <v>42</v>
      </c>
      <c r="T6719" s="2">
        <v>1.74</v>
      </c>
      <c r="U6719" s="2">
        <v>1.3480000000000001</v>
      </c>
      <c r="V6719" s="2">
        <v>10.6</v>
      </c>
      <c r="W6719" s="2">
        <v>139.1</v>
      </c>
      <c r="X6719" s="2">
        <v>7.6</v>
      </c>
      <c r="Y6719" s="2">
        <v>10.6</v>
      </c>
      <c r="Z6719" s="5"/>
      <c r="AA6719" s="5" t="s">
        <v>43</v>
      </c>
      <c r="AB6719" s="5" t="s">
        <v>44</v>
      </c>
      <c r="AC6719" s="2"/>
      <c r="AD6719" s="1"/>
    </row>
    <row r="6720" spans="1:30">
      <c r="A6720" s="5" t="s">
        <v>83578</v>
      </c>
      <c r="B6720" s="2" t="s">
        <v>104275</v>
      </c>
      <c r="C6720" s="14" t="s">
        <v>104276</v>
      </c>
      <c r="D6720" s="2" t="s">
        <v>104277</v>
      </c>
      <c r="E6720" s="2" t="s">
        <v>7539</v>
      </c>
      <c r="F6720" s="8">
        <v>151</v>
      </c>
      <c r="G6720" s="5">
        <v>6</v>
      </c>
      <c r="H6720" s="5" t="s">
        <v>1518</v>
      </c>
      <c r="I6720" s="5" t="s">
        <v>69038</v>
      </c>
      <c r="J6720" s="2" t="s">
        <v>69039</v>
      </c>
      <c r="K6720" s="5" t="s">
        <v>69038</v>
      </c>
      <c r="L6720" s="2" t="s">
        <v>69039</v>
      </c>
      <c r="M6720" s="5" t="s">
        <v>1521</v>
      </c>
      <c r="N6720" s="5" t="s">
        <v>38</v>
      </c>
      <c r="O6720" s="5" t="s">
        <v>39</v>
      </c>
      <c r="P6720" s="5" t="s">
        <v>40</v>
      </c>
      <c r="Q6720" s="5" t="s">
        <v>1522</v>
      </c>
      <c r="R6720" s="5" t="s">
        <v>1523</v>
      </c>
      <c r="S6720" s="5" t="s">
        <v>42</v>
      </c>
      <c r="T6720" s="2">
        <v>1.74</v>
      </c>
      <c r="U6720" s="2">
        <v>1.3480000000000001</v>
      </c>
      <c r="V6720" s="2">
        <v>10.6</v>
      </c>
      <c r="W6720" s="2">
        <v>139.1</v>
      </c>
      <c r="X6720" s="2">
        <v>7.6</v>
      </c>
      <c r="Y6720" s="2">
        <v>10.6</v>
      </c>
      <c r="Z6720" s="5"/>
      <c r="AA6720" s="5" t="s">
        <v>43</v>
      </c>
      <c r="AB6720" s="5" t="s">
        <v>44</v>
      </c>
      <c r="AC6720" s="2"/>
      <c r="AD6720" s="1"/>
    </row>
    <row r="6721" spans="1:30">
      <c r="A6721" s="5" t="s">
        <v>83578</v>
      </c>
      <c r="B6721" s="2" t="s">
        <v>104278</v>
      </c>
      <c r="C6721" s="14" t="s">
        <v>104279</v>
      </c>
      <c r="D6721" s="2" t="s">
        <v>104280</v>
      </c>
      <c r="E6721" s="2" t="s">
        <v>7547</v>
      </c>
      <c r="F6721" s="8">
        <v>151</v>
      </c>
      <c r="G6721" s="5">
        <v>6</v>
      </c>
      <c r="H6721" s="5" t="s">
        <v>1518</v>
      </c>
      <c r="I6721" s="5" t="s">
        <v>69038</v>
      </c>
      <c r="J6721" s="2" t="s">
        <v>69039</v>
      </c>
      <c r="K6721" s="5" t="s">
        <v>69038</v>
      </c>
      <c r="L6721" s="2" t="s">
        <v>69039</v>
      </c>
      <c r="M6721" s="5" t="s">
        <v>1521</v>
      </c>
      <c r="N6721" s="5" t="s">
        <v>38</v>
      </c>
      <c r="O6721" s="5" t="s">
        <v>39</v>
      </c>
      <c r="P6721" s="5" t="s">
        <v>40</v>
      </c>
      <c r="Q6721" s="5" t="s">
        <v>1522</v>
      </c>
      <c r="R6721" s="5" t="s">
        <v>1523</v>
      </c>
      <c r="S6721" s="5" t="s">
        <v>42</v>
      </c>
      <c r="T6721" s="2">
        <v>1.74</v>
      </c>
      <c r="U6721" s="2">
        <v>1.3480000000000001</v>
      </c>
      <c r="V6721" s="2">
        <v>10.6</v>
      </c>
      <c r="W6721" s="2">
        <v>139.1</v>
      </c>
      <c r="X6721" s="2">
        <v>7.6</v>
      </c>
      <c r="Y6721" s="2">
        <v>10.6</v>
      </c>
      <c r="Z6721" s="5"/>
      <c r="AA6721" s="5" t="s">
        <v>43</v>
      </c>
      <c r="AB6721" s="5" t="s">
        <v>44</v>
      </c>
      <c r="AC6721" s="2"/>
      <c r="AD6721" s="1"/>
    </row>
    <row r="6722" spans="1:30">
      <c r="A6722" s="5" t="s">
        <v>83578</v>
      </c>
      <c r="B6722" s="2" t="s">
        <v>104281</v>
      </c>
      <c r="C6722" s="14" t="s">
        <v>104282</v>
      </c>
      <c r="D6722" s="2" t="s">
        <v>104283</v>
      </c>
      <c r="E6722" s="2" t="s">
        <v>7563</v>
      </c>
      <c r="F6722" s="8">
        <v>151</v>
      </c>
      <c r="G6722" s="5">
        <v>6</v>
      </c>
      <c r="H6722" s="5" t="s">
        <v>1518</v>
      </c>
      <c r="I6722" s="5" t="s">
        <v>69038</v>
      </c>
      <c r="J6722" s="2" t="s">
        <v>69039</v>
      </c>
      <c r="K6722" s="5" t="s">
        <v>69038</v>
      </c>
      <c r="L6722" s="2" t="s">
        <v>69039</v>
      </c>
      <c r="M6722" s="5" t="s">
        <v>1521</v>
      </c>
      <c r="N6722" s="5" t="s">
        <v>38</v>
      </c>
      <c r="O6722" s="5" t="s">
        <v>39</v>
      </c>
      <c r="P6722" s="5" t="s">
        <v>40</v>
      </c>
      <c r="Q6722" s="5" t="s">
        <v>1522</v>
      </c>
      <c r="R6722" s="5" t="s">
        <v>1523</v>
      </c>
      <c r="S6722" s="5" t="s">
        <v>42</v>
      </c>
      <c r="T6722" s="2">
        <v>1.74</v>
      </c>
      <c r="U6722" s="2">
        <v>1.3480000000000001</v>
      </c>
      <c r="V6722" s="2">
        <v>10.6</v>
      </c>
      <c r="W6722" s="2">
        <v>139.1</v>
      </c>
      <c r="X6722" s="2">
        <v>7.6</v>
      </c>
      <c r="Y6722" s="2">
        <v>10.6</v>
      </c>
      <c r="Z6722" s="5"/>
      <c r="AA6722" s="5" t="s">
        <v>43</v>
      </c>
      <c r="AB6722" s="5" t="s">
        <v>44</v>
      </c>
      <c r="AC6722" s="2"/>
      <c r="AD6722" s="1"/>
    </row>
    <row r="6723" spans="1:30">
      <c r="A6723" s="5" t="s">
        <v>83578</v>
      </c>
      <c r="B6723" s="2" t="s">
        <v>104284</v>
      </c>
      <c r="C6723" s="14" t="s">
        <v>104285</v>
      </c>
      <c r="D6723" s="2" t="s">
        <v>104286</v>
      </c>
      <c r="E6723" s="2" t="s">
        <v>7555</v>
      </c>
      <c r="F6723" s="8">
        <v>151</v>
      </c>
      <c r="G6723" s="5">
        <v>6</v>
      </c>
      <c r="H6723" s="5" t="s">
        <v>1518</v>
      </c>
      <c r="I6723" s="5" t="s">
        <v>69038</v>
      </c>
      <c r="J6723" s="2" t="s">
        <v>69039</v>
      </c>
      <c r="K6723" s="5" t="s">
        <v>69038</v>
      </c>
      <c r="L6723" s="2" t="s">
        <v>69039</v>
      </c>
      <c r="M6723" s="5" t="s">
        <v>1521</v>
      </c>
      <c r="N6723" s="5" t="s">
        <v>38</v>
      </c>
      <c r="O6723" s="5" t="s">
        <v>39</v>
      </c>
      <c r="P6723" s="5" t="s">
        <v>40</v>
      </c>
      <c r="Q6723" s="5" t="s">
        <v>1522</v>
      </c>
      <c r="R6723" s="5" t="s">
        <v>1523</v>
      </c>
      <c r="S6723" s="5" t="s">
        <v>42</v>
      </c>
      <c r="T6723" s="2">
        <v>1.74</v>
      </c>
      <c r="U6723" s="2">
        <v>1.3480000000000001</v>
      </c>
      <c r="V6723" s="2">
        <v>10.6</v>
      </c>
      <c r="W6723" s="2">
        <v>139.1</v>
      </c>
      <c r="X6723" s="2">
        <v>7.6</v>
      </c>
      <c r="Y6723" s="2">
        <v>10.6</v>
      </c>
      <c r="Z6723" s="5"/>
      <c r="AA6723" s="5" t="s">
        <v>43</v>
      </c>
      <c r="AB6723" s="5" t="s">
        <v>44</v>
      </c>
      <c r="AC6723" s="2"/>
      <c r="AD6723" s="1"/>
    </row>
    <row r="6724" spans="1:30">
      <c r="A6724" s="5" t="s">
        <v>83578</v>
      </c>
      <c r="B6724" s="2" t="s">
        <v>104287</v>
      </c>
      <c r="C6724" s="14" t="s">
        <v>104288</v>
      </c>
      <c r="D6724" s="2" t="s">
        <v>104289</v>
      </c>
      <c r="E6724" s="2" t="s">
        <v>7429</v>
      </c>
      <c r="F6724" s="8">
        <v>151</v>
      </c>
      <c r="G6724" s="5">
        <v>6</v>
      </c>
      <c r="H6724" s="5" t="s">
        <v>1518</v>
      </c>
      <c r="I6724" s="5" t="s">
        <v>69038</v>
      </c>
      <c r="J6724" s="2" t="s">
        <v>69039</v>
      </c>
      <c r="K6724" s="5" t="s">
        <v>69038</v>
      </c>
      <c r="L6724" s="2" t="s">
        <v>69039</v>
      </c>
      <c r="M6724" s="5" t="s">
        <v>1521</v>
      </c>
      <c r="N6724" s="5" t="s">
        <v>38</v>
      </c>
      <c r="O6724" s="5" t="s">
        <v>39</v>
      </c>
      <c r="P6724" s="5" t="s">
        <v>40</v>
      </c>
      <c r="Q6724" s="5" t="s">
        <v>1522</v>
      </c>
      <c r="R6724" s="5" t="s">
        <v>1523</v>
      </c>
      <c r="S6724" s="5" t="s">
        <v>42</v>
      </c>
      <c r="T6724" s="2">
        <v>1.74</v>
      </c>
      <c r="U6724" s="2">
        <v>1.3480000000000001</v>
      </c>
      <c r="V6724" s="2">
        <v>10.6</v>
      </c>
      <c r="W6724" s="2">
        <v>139.1</v>
      </c>
      <c r="X6724" s="2">
        <v>7.6</v>
      </c>
      <c r="Y6724" s="2">
        <v>10.6</v>
      </c>
      <c r="Z6724" s="5"/>
      <c r="AA6724" s="5" t="s">
        <v>43</v>
      </c>
      <c r="AB6724" s="5" t="s">
        <v>44</v>
      </c>
      <c r="AC6724" s="2"/>
      <c r="AD6724" s="1"/>
    </row>
    <row r="6725" spans="1:30">
      <c r="A6725" s="5" t="s">
        <v>83578</v>
      </c>
      <c r="B6725" s="2" t="s">
        <v>104290</v>
      </c>
      <c r="C6725" s="14" t="s">
        <v>104291</v>
      </c>
      <c r="D6725" s="2" t="s">
        <v>104292</v>
      </c>
      <c r="E6725" s="2" t="s">
        <v>7449</v>
      </c>
      <c r="F6725" s="8">
        <v>151</v>
      </c>
      <c r="G6725" s="5">
        <v>6</v>
      </c>
      <c r="H6725" s="5" t="s">
        <v>1518</v>
      </c>
      <c r="I6725" s="5" t="s">
        <v>69038</v>
      </c>
      <c r="J6725" s="2" t="s">
        <v>69039</v>
      </c>
      <c r="K6725" s="5" t="s">
        <v>69038</v>
      </c>
      <c r="L6725" s="2" t="s">
        <v>69039</v>
      </c>
      <c r="M6725" s="5" t="s">
        <v>1521</v>
      </c>
      <c r="N6725" s="5" t="s">
        <v>38</v>
      </c>
      <c r="O6725" s="5" t="s">
        <v>39</v>
      </c>
      <c r="P6725" s="5" t="s">
        <v>40</v>
      </c>
      <c r="Q6725" s="5" t="s">
        <v>1522</v>
      </c>
      <c r="R6725" s="5" t="s">
        <v>1523</v>
      </c>
      <c r="S6725" s="5" t="s">
        <v>42</v>
      </c>
      <c r="T6725" s="2">
        <v>1.74</v>
      </c>
      <c r="U6725" s="2">
        <v>1.3480000000000001</v>
      </c>
      <c r="V6725" s="2">
        <v>10.6</v>
      </c>
      <c r="W6725" s="2">
        <v>139.1</v>
      </c>
      <c r="X6725" s="2">
        <v>7.6</v>
      </c>
      <c r="Y6725" s="2">
        <v>10.6</v>
      </c>
      <c r="Z6725" s="5"/>
      <c r="AA6725" s="5" t="s">
        <v>43</v>
      </c>
      <c r="AB6725" s="5" t="s">
        <v>44</v>
      </c>
      <c r="AC6725" s="2"/>
      <c r="AD6725" s="1"/>
    </row>
    <row r="6726" spans="1:30">
      <c r="A6726" s="5" t="s">
        <v>83578</v>
      </c>
      <c r="B6726" s="2" t="s">
        <v>104293</v>
      </c>
      <c r="C6726" s="14" t="s">
        <v>104294</v>
      </c>
      <c r="D6726" s="2" t="s">
        <v>104295</v>
      </c>
      <c r="E6726" s="2" t="s">
        <v>7585</v>
      </c>
      <c r="F6726" s="8">
        <v>151</v>
      </c>
      <c r="G6726" s="5">
        <v>6</v>
      </c>
      <c r="H6726" s="5" t="s">
        <v>1518</v>
      </c>
      <c r="I6726" s="5" t="s">
        <v>69038</v>
      </c>
      <c r="J6726" s="2" t="s">
        <v>69039</v>
      </c>
      <c r="K6726" s="5" t="s">
        <v>69038</v>
      </c>
      <c r="L6726" s="2" t="s">
        <v>69039</v>
      </c>
      <c r="M6726" s="5" t="s">
        <v>1521</v>
      </c>
      <c r="N6726" s="5" t="s">
        <v>38</v>
      </c>
      <c r="O6726" s="5" t="s">
        <v>39</v>
      </c>
      <c r="P6726" s="5" t="s">
        <v>40</v>
      </c>
      <c r="Q6726" s="5" t="s">
        <v>1522</v>
      </c>
      <c r="R6726" s="5" t="s">
        <v>1523</v>
      </c>
      <c r="S6726" s="5" t="s">
        <v>42</v>
      </c>
      <c r="T6726" s="2">
        <v>1.74</v>
      </c>
      <c r="U6726" s="2">
        <v>1.3480000000000001</v>
      </c>
      <c r="V6726" s="2">
        <v>10.6</v>
      </c>
      <c r="W6726" s="2">
        <v>139.1</v>
      </c>
      <c r="X6726" s="2">
        <v>7.6</v>
      </c>
      <c r="Y6726" s="2">
        <v>10.6</v>
      </c>
      <c r="Z6726" s="5"/>
      <c r="AA6726" s="5" t="s">
        <v>43</v>
      </c>
      <c r="AB6726" s="5" t="s">
        <v>44</v>
      </c>
      <c r="AC6726" s="2"/>
      <c r="AD6726" s="1"/>
    </row>
    <row r="6727" spans="1:30">
      <c r="A6727" s="5" t="s">
        <v>83578</v>
      </c>
      <c r="B6727" s="2" t="s">
        <v>104296</v>
      </c>
      <c r="C6727" s="14" t="s">
        <v>104297</v>
      </c>
      <c r="D6727" s="2" t="s">
        <v>104298</v>
      </c>
      <c r="E6727" s="2" t="s">
        <v>7593</v>
      </c>
      <c r="F6727" s="8">
        <v>151</v>
      </c>
      <c r="G6727" s="5">
        <v>6</v>
      </c>
      <c r="H6727" s="5" t="s">
        <v>1518</v>
      </c>
      <c r="I6727" s="5" t="s">
        <v>69038</v>
      </c>
      <c r="J6727" s="2" t="s">
        <v>69039</v>
      </c>
      <c r="K6727" s="5" t="s">
        <v>69038</v>
      </c>
      <c r="L6727" s="2" t="s">
        <v>69039</v>
      </c>
      <c r="M6727" s="5" t="s">
        <v>1521</v>
      </c>
      <c r="N6727" s="5" t="s">
        <v>38</v>
      </c>
      <c r="O6727" s="5" t="s">
        <v>39</v>
      </c>
      <c r="P6727" s="5" t="s">
        <v>40</v>
      </c>
      <c r="Q6727" s="5" t="s">
        <v>1522</v>
      </c>
      <c r="R6727" s="5" t="s">
        <v>1523</v>
      </c>
      <c r="S6727" s="5" t="s">
        <v>42</v>
      </c>
      <c r="T6727" s="2">
        <v>1.74</v>
      </c>
      <c r="U6727" s="2">
        <v>1.3480000000000001</v>
      </c>
      <c r="V6727" s="2">
        <v>10.6</v>
      </c>
      <c r="W6727" s="2">
        <v>139.1</v>
      </c>
      <c r="X6727" s="2">
        <v>7.6</v>
      </c>
      <c r="Y6727" s="2">
        <v>10.6</v>
      </c>
      <c r="Z6727" s="5"/>
      <c r="AA6727" s="5" t="s">
        <v>43</v>
      </c>
      <c r="AB6727" s="5" t="s">
        <v>44</v>
      </c>
      <c r="AC6727" s="2"/>
      <c r="AD6727" s="1"/>
    </row>
    <row r="6728" spans="1:30">
      <c r="A6728" s="5" t="s">
        <v>83578</v>
      </c>
      <c r="B6728" s="2" t="s">
        <v>104299</v>
      </c>
      <c r="C6728" s="14" t="s">
        <v>104300</v>
      </c>
      <c r="D6728" s="2" t="s">
        <v>104301</v>
      </c>
      <c r="E6728" s="2" t="s">
        <v>7433</v>
      </c>
      <c r="F6728" s="8">
        <v>151</v>
      </c>
      <c r="G6728" s="5">
        <v>6</v>
      </c>
      <c r="H6728" s="5" t="s">
        <v>1518</v>
      </c>
      <c r="I6728" s="5" t="s">
        <v>69038</v>
      </c>
      <c r="J6728" s="2" t="s">
        <v>69039</v>
      </c>
      <c r="K6728" s="5" t="s">
        <v>69038</v>
      </c>
      <c r="L6728" s="2" t="s">
        <v>69039</v>
      </c>
      <c r="M6728" s="5" t="s">
        <v>1521</v>
      </c>
      <c r="N6728" s="5" t="s">
        <v>38</v>
      </c>
      <c r="O6728" s="5" t="s">
        <v>39</v>
      </c>
      <c r="P6728" s="5" t="s">
        <v>40</v>
      </c>
      <c r="Q6728" s="5" t="s">
        <v>1522</v>
      </c>
      <c r="R6728" s="5" t="s">
        <v>1523</v>
      </c>
      <c r="S6728" s="5" t="s">
        <v>42</v>
      </c>
      <c r="T6728" s="2">
        <v>1.74</v>
      </c>
      <c r="U6728" s="2">
        <v>1.3480000000000001</v>
      </c>
      <c r="V6728" s="2">
        <v>10.6</v>
      </c>
      <c r="W6728" s="2">
        <v>139.1</v>
      </c>
      <c r="X6728" s="2">
        <v>7.6</v>
      </c>
      <c r="Y6728" s="2">
        <v>10.6</v>
      </c>
      <c r="Z6728" s="5"/>
      <c r="AA6728" s="5" t="s">
        <v>43</v>
      </c>
      <c r="AB6728" s="5" t="s">
        <v>44</v>
      </c>
      <c r="AC6728" s="2"/>
      <c r="AD6728" s="1"/>
    </row>
    <row r="6729" spans="1:30">
      <c r="A6729" s="5" t="s">
        <v>83578</v>
      </c>
      <c r="B6729" s="2" t="s">
        <v>104302</v>
      </c>
      <c r="C6729" s="14" t="s">
        <v>104303</v>
      </c>
      <c r="D6729" s="2" t="s">
        <v>104304</v>
      </c>
      <c r="E6729" s="2" t="s">
        <v>7615</v>
      </c>
      <c r="F6729" s="8">
        <v>151</v>
      </c>
      <c r="G6729" s="5">
        <v>6</v>
      </c>
      <c r="H6729" s="5" t="s">
        <v>1518</v>
      </c>
      <c r="I6729" s="5" t="s">
        <v>69038</v>
      </c>
      <c r="J6729" s="2" t="s">
        <v>69039</v>
      </c>
      <c r="K6729" s="5" t="s">
        <v>69038</v>
      </c>
      <c r="L6729" s="2" t="s">
        <v>69039</v>
      </c>
      <c r="M6729" s="5" t="s">
        <v>1521</v>
      </c>
      <c r="N6729" s="5" t="s">
        <v>38</v>
      </c>
      <c r="O6729" s="5" t="s">
        <v>39</v>
      </c>
      <c r="P6729" s="5" t="s">
        <v>40</v>
      </c>
      <c r="Q6729" s="5" t="s">
        <v>1522</v>
      </c>
      <c r="R6729" s="5" t="s">
        <v>1523</v>
      </c>
      <c r="S6729" s="5" t="s">
        <v>42</v>
      </c>
      <c r="T6729" s="2">
        <v>1.74</v>
      </c>
      <c r="U6729" s="2">
        <v>1.3480000000000001</v>
      </c>
      <c r="V6729" s="2">
        <v>10.6</v>
      </c>
      <c r="W6729" s="2">
        <v>139.1</v>
      </c>
      <c r="X6729" s="2">
        <v>7.6</v>
      </c>
      <c r="Y6729" s="2">
        <v>10.6</v>
      </c>
      <c r="Z6729" s="5"/>
      <c r="AA6729" s="5" t="s">
        <v>43</v>
      </c>
      <c r="AB6729" s="5" t="s">
        <v>44</v>
      </c>
      <c r="AC6729" s="2"/>
      <c r="AD6729" s="1"/>
    </row>
    <row r="6730" spans="1:30">
      <c r="A6730" s="5" t="s">
        <v>83578</v>
      </c>
      <c r="B6730" s="2" t="s">
        <v>104305</v>
      </c>
      <c r="C6730" s="14" t="s">
        <v>104306</v>
      </c>
      <c r="D6730" s="2" t="s">
        <v>104307</v>
      </c>
      <c r="E6730" s="2" t="s">
        <v>7410</v>
      </c>
      <c r="F6730" s="8">
        <v>151</v>
      </c>
      <c r="G6730" s="5">
        <v>6</v>
      </c>
      <c r="H6730" s="5" t="s">
        <v>1518</v>
      </c>
      <c r="I6730" s="5" t="s">
        <v>69038</v>
      </c>
      <c r="J6730" s="2" t="s">
        <v>69039</v>
      </c>
      <c r="K6730" s="5" t="s">
        <v>69038</v>
      </c>
      <c r="L6730" s="2" t="s">
        <v>69039</v>
      </c>
      <c r="M6730" s="5" t="s">
        <v>1521</v>
      </c>
      <c r="N6730" s="5" t="s">
        <v>38</v>
      </c>
      <c r="O6730" s="5" t="s">
        <v>39</v>
      </c>
      <c r="P6730" s="5" t="s">
        <v>40</v>
      </c>
      <c r="Q6730" s="5" t="s">
        <v>1522</v>
      </c>
      <c r="R6730" s="5" t="s">
        <v>1523</v>
      </c>
      <c r="S6730" s="5" t="s">
        <v>42</v>
      </c>
      <c r="T6730" s="2">
        <v>1.74</v>
      </c>
      <c r="U6730" s="2">
        <v>1.3480000000000001</v>
      </c>
      <c r="V6730" s="2">
        <v>10.6</v>
      </c>
      <c r="W6730" s="2">
        <v>139.1</v>
      </c>
      <c r="X6730" s="2">
        <v>7.6</v>
      </c>
      <c r="Y6730" s="2">
        <v>10.6</v>
      </c>
      <c r="Z6730" s="5"/>
      <c r="AA6730" s="5" t="s">
        <v>43</v>
      </c>
      <c r="AB6730" s="5" t="s">
        <v>44</v>
      </c>
      <c r="AC6730" s="2"/>
      <c r="AD6730" s="1"/>
    </row>
    <row r="6731" spans="1:30">
      <c r="A6731" s="5" t="s">
        <v>83578</v>
      </c>
      <c r="B6731" s="2" t="s">
        <v>104308</v>
      </c>
      <c r="C6731" s="14" t="s">
        <v>104309</v>
      </c>
      <c r="D6731" s="2" t="s">
        <v>104310</v>
      </c>
      <c r="E6731" s="2" t="s">
        <v>7212</v>
      </c>
      <c r="F6731" s="8">
        <v>131</v>
      </c>
      <c r="G6731" s="5">
        <v>6</v>
      </c>
      <c r="H6731" s="5" t="s">
        <v>1518</v>
      </c>
      <c r="I6731" s="5" t="s">
        <v>69038</v>
      </c>
      <c r="J6731" s="2" t="s">
        <v>69039</v>
      </c>
      <c r="K6731" s="5" t="s">
        <v>69038</v>
      </c>
      <c r="L6731" s="2" t="s">
        <v>69039</v>
      </c>
      <c r="M6731" s="5" t="s">
        <v>1521</v>
      </c>
      <c r="N6731" s="5" t="s">
        <v>38</v>
      </c>
      <c r="O6731" s="5" t="s">
        <v>39</v>
      </c>
      <c r="P6731" s="5" t="s">
        <v>40</v>
      </c>
      <c r="Q6731" s="5" t="s">
        <v>1522</v>
      </c>
      <c r="R6731" s="5" t="s">
        <v>1523</v>
      </c>
      <c r="S6731" s="5" t="s">
        <v>42</v>
      </c>
      <c r="T6731" s="2">
        <v>1.74</v>
      </c>
      <c r="U6731" s="2">
        <v>1.3480000000000001</v>
      </c>
      <c r="V6731" s="2">
        <v>10.6</v>
      </c>
      <c r="W6731" s="2">
        <v>139.1</v>
      </c>
      <c r="X6731" s="2">
        <v>7.6</v>
      </c>
      <c r="Y6731" s="2">
        <v>10.6</v>
      </c>
      <c r="Z6731" s="5"/>
      <c r="AA6731" s="5" t="s">
        <v>43</v>
      </c>
      <c r="AB6731" s="5" t="s">
        <v>44</v>
      </c>
      <c r="AC6731" s="2"/>
      <c r="AD6731" s="1"/>
    </row>
    <row r="6732" spans="1:30">
      <c r="A6732" s="5" t="s">
        <v>83578</v>
      </c>
      <c r="B6732" s="2" t="s">
        <v>104311</v>
      </c>
      <c r="C6732" s="14" t="s">
        <v>104312</v>
      </c>
      <c r="D6732" s="2" t="s">
        <v>104313</v>
      </c>
      <c r="E6732" s="2" t="s">
        <v>7547</v>
      </c>
      <c r="F6732" s="8">
        <v>159</v>
      </c>
      <c r="G6732" s="5">
        <v>6</v>
      </c>
      <c r="H6732" s="5" t="s">
        <v>1518</v>
      </c>
      <c r="I6732" s="5" t="s">
        <v>69038</v>
      </c>
      <c r="J6732" s="2" t="s">
        <v>69039</v>
      </c>
      <c r="K6732" s="5" t="s">
        <v>69038</v>
      </c>
      <c r="L6732" s="2" t="s">
        <v>69039</v>
      </c>
      <c r="M6732" s="5" t="s">
        <v>1521</v>
      </c>
      <c r="N6732" s="5" t="s">
        <v>38</v>
      </c>
      <c r="O6732" s="5" t="s">
        <v>39</v>
      </c>
      <c r="P6732" s="5" t="s">
        <v>40</v>
      </c>
      <c r="Q6732" s="5" t="s">
        <v>1522</v>
      </c>
      <c r="R6732" s="5" t="s">
        <v>1523</v>
      </c>
      <c r="S6732" s="5" t="s">
        <v>42</v>
      </c>
      <c r="T6732" s="2">
        <v>1.75</v>
      </c>
      <c r="U6732" s="2">
        <v>1.425</v>
      </c>
      <c r="V6732" s="2">
        <v>10.6</v>
      </c>
      <c r="W6732" s="2">
        <v>118.9</v>
      </c>
      <c r="X6732" s="2">
        <v>7.6</v>
      </c>
      <c r="Y6732" s="2">
        <v>10.6</v>
      </c>
      <c r="Z6732" s="5"/>
      <c r="AA6732" s="5" t="s">
        <v>43</v>
      </c>
      <c r="AB6732" s="5" t="s">
        <v>44</v>
      </c>
      <c r="AC6732" s="2"/>
      <c r="AD6732" s="1"/>
    </row>
    <row r="6733" spans="1:30">
      <c r="A6733" s="5" t="s">
        <v>83578</v>
      </c>
      <c r="B6733" s="2" t="s">
        <v>104314</v>
      </c>
      <c r="C6733" s="14" t="s">
        <v>104315</v>
      </c>
      <c r="D6733" s="2" t="s">
        <v>104316</v>
      </c>
      <c r="E6733" s="2" t="s">
        <v>7429</v>
      </c>
      <c r="F6733" s="8">
        <v>159</v>
      </c>
      <c r="G6733" s="5">
        <v>6</v>
      </c>
      <c r="H6733" s="5" t="s">
        <v>1518</v>
      </c>
      <c r="I6733" s="5" t="s">
        <v>69038</v>
      </c>
      <c r="J6733" s="2" t="s">
        <v>69039</v>
      </c>
      <c r="K6733" s="5" t="s">
        <v>69038</v>
      </c>
      <c r="L6733" s="2" t="s">
        <v>69039</v>
      </c>
      <c r="M6733" s="5" t="s">
        <v>1521</v>
      </c>
      <c r="N6733" s="5" t="s">
        <v>38</v>
      </c>
      <c r="O6733" s="5" t="s">
        <v>39</v>
      </c>
      <c r="P6733" s="5" t="s">
        <v>40</v>
      </c>
      <c r="Q6733" s="5" t="s">
        <v>1522</v>
      </c>
      <c r="R6733" s="5" t="s">
        <v>1523</v>
      </c>
      <c r="S6733" s="5" t="s">
        <v>42</v>
      </c>
      <c r="T6733" s="2">
        <v>1.75</v>
      </c>
      <c r="U6733" s="2">
        <v>1.425</v>
      </c>
      <c r="V6733" s="2">
        <v>10.6</v>
      </c>
      <c r="W6733" s="2">
        <v>118.9</v>
      </c>
      <c r="X6733" s="2">
        <v>7.6</v>
      </c>
      <c r="Y6733" s="2">
        <v>10.6</v>
      </c>
      <c r="Z6733" s="5"/>
      <c r="AA6733" s="5" t="s">
        <v>43</v>
      </c>
      <c r="AB6733" s="5" t="s">
        <v>44</v>
      </c>
      <c r="AC6733" s="2"/>
      <c r="AD6733" s="1"/>
    </row>
    <row r="6734" spans="1:30">
      <c r="A6734" s="5" t="s">
        <v>83578</v>
      </c>
      <c r="B6734" s="2" t="s">
        <v>104317</v>
      </c>
      <c r="C6734" s="14" t="s">
        <v>104318</v>
      </c>
      <c r="D6734" s="2" t="s">
        <v>104319</v>
      </c>
      <c r="E6734" s="2" t="s">
        <v>7593</v>
      </c>
      <c r="F6734" s="8">
        <v>159</v>
      </c>
      <c r="G6734" s="5">
        <v>6</v>
      </c>
      <c r="H6734" s="5" t="s">
        <v>1518</v>
      </c>
      <c r="I6734" s="5" t="s">
        <v>69038</v>
      </c>
      <c r="J6734" s="2" t="s">
        <v>69039</v>
      </c>
      <c r="K6734" s="5" t="s">
        <v>69038</v>
      </c>
      <c r="L6734" s="2" t="s">
        <v>69039</v>
      </c>
      <c r="M6734" s="5" t="s">
        <v>1521</v>
      </c>
      <c r="N6734" s="5" t="s">
        <v>38</v>
      </c>
      <c r="O6734" s="5" t="s">
        <v>39</v>
      </c>
      <c r="P6734" s="5" t="s">
        <v>40</v>
      </c>
      <c r="Q6734" s="5" t="s">
        <v>1522</v>
      </c>
      <c r="R6734" s="5" t="s">
        <v>1523</v>
      </c>
      <c r="S6734" s="5" t="s">
        <v>42</v>
      </c>
      <c r="T6734" s="2">
        <v>1.75</v>
      </c>
      <c r="U6734" s="2">
        <v>1.425</v>
      </c>
      <c r="V6734" s="2">
        <v>10.6</v>
      </c>
      <c r="W6734" s="2">
        <v>118.9</v>
      </c>
      <c r="X6734" s="2">
        <v>7.6</v>
      </c>
      <c r="Y6734" s="2">
        <v>10.6</v>
      </c>
      <c r="Z6734" s="5"/>
      <c r="AA6734" s="5" t="s">
        <v>43</v>
      </c>
      <c r="AB6734" s="5" t="s">
        <v>44</v>
      </c>
      <c r="AC6734" s="2"/>
      <c r="AD6734" s="1"/>
    </row>
    <row r="6735" spans="1:30">
      <c r="A6735" s="5" t="s">
        <v>83578</v>
      </c>
      <c r="B6735" s="2" t="s">
        <v>104320</v>
      </c>
      <c r="C6735" s="14" t="s">
        <v>104321</v>
      </c>
      <c r="D6735" s="2" t="s">
        <v>104322</v>
      </c>
      <c r="E6735" s="2" t="s">
        <v>7406</v>
      </c>
      <c r="F6735" s="8">
        <v>168</v>
      </c>
      <c r="G6735" s="5">
        <v>6</v>
      </c>
      <c r="H6735" s="5" t="s">
        <v>1518</v>
      </c>
      <c r="I6735" s="5" t="s">
        <v>69038</v>
      </c>
      <c r="J6735" s="2" t="s">
        <v>69039</v>
      </c>
      <c r="K6735" s="5" t="s">
        <v>69038</v>
      </c>
      <c r="L6735" s="2" t="s">
        <v>69039</v>
      </c>
      <c r="M6735" s="5" t="s">
        <v>1521</v>
      </c>
      <c r="N6735" s="5" t="s">
        <v>38</v>
      </c>
      <c r="O6735" s="5" t="s">
        <v>39</v>
      </c>
      <c r="P6735" s="5" t="s">
        <v>40</v>
      </c>
      <c r="Q6735" s="5" t="s">
        <v>1522</v>
      </c>
      <c r="R6735" s="5" t="s">
        <v>1523</v>
      </c>
      <c r="S6735" s="5" t="s">
        <v>42</v>
      </c>
      <c r="T6735" s="2">
        <v>1.919</v>
      </c>
      <c r="U6735" s="2">
        <v>1.5409999999999999</v>
      </c>
      <c r="V6735" s="2">
        <v>10.6</v>
      </c>
      <c r="W6735" s="2">
        <v>139.1</v>
      </c>
      <c r="X6735" s="2">
        <v>7.6</v>
      </c>
      <c r="Y6735" s="2">
        <v>10.6</v>
      </c>
      <c r="Z6735" s="5"/>
      <c r="AA6735" s="5" t="s">
        <v>43</v>
      </c>
      <c r="AB6735" s="5" t="s">
        <v>44</v>
      </c>
      <c r="AC6735" s="2"/>
      <c r="AD6735" s="1"/>
    </row>
    <row r="6736" spans="1:30">
      <c r="A6736" s="5" t="s">
        <v>83578</v>
      </c>
      <c r="B6736" s="2" t="s">
        <v>104323</v>
      </c>
      <c r="C6736" s="14" t="s">
        <v>104324</v>
      </c>
      <c r="D6736" s="2" t="s">
        <v>104325</v>
      </c>
      <c r="E6736" s="2" t="s">
        <v>7547</v>
      </c>
      <c r="F6736" s="8">
        <v>168</v>
      </c>
      <c r="G6736" s="5">
        <v>6</v>
      </c>
      <c r="H6736" s="5" t="s">
        <v>1518</v>
      </c>
      <c r="I6736" s="5" t="s">
        <v>69038</v>
      </c>
      <c r="J6736" s="2" t="s">
        <v>69039</v>
      </c>
      <c r="K6736" s="5" t="s">
        <v>69038</v>
      </c>
      <c r="L6736" s="2" t="s">
        <v>69039</v>
      </c>
      <c r="M6736" s="5" t="s">
        <v>1521</v>
      </c>
      <c r="N6736" s="5" t="s">
        <v>38</v>
      </c>
      <c r="O6736" s="5" t="s">
        <v>39</v>
      </c>
      <c r="P6736" s="5" t="s">
        <v>40</v>
      </c>
      <c r="Q6736" s="5" t="s">
        <v>1522</v>
      </c>
      <c r="R6736" s="5" t="s">
        <v>1523</v>
      </c>
      <c r="S6736" s="5" t="s">
        <v>42</v>
      </c>
      <c r="T6736" s="2">
        <v>1.919</v>
      </c>
      <c r="U6736" s="2">
        <v>1.5409999999999999</v>
      </c>
      <c r="V6736" s="2">
        <v>10.6</v>
      </c>
      <c r="W6736" s="2">
        <v>139.1</v>
      </c>
      <c r="X6736" s="2">
        <v>7.6</v>
      </c>
      <c r="Y6736" s="2">
        <v>10.6</v>
      </c>
      <c r="Z6736" s="5"/>
      <c r="AA6736" s="5" t="s">
        <v>43</v>
      </c>
      <c r="AB6736" s="5" t="s">
        <v>44</v>
      </c>
      <c r="AC6736" s="2"/>
      <c r="AD6736" s="1"/>
    </row>
    <row r="6737" spans="1:30">
      <c r="A6737" s="5" t="s">
        <v>83578</v>
      </c>
      <c r="B6737" s="2" t="s">
        <v>104326</v>
      </c>
      <c r="C6737" s="14" t="s">
        <v>104327</v>
      </c>
      <c r="D6737" s="2" t="s">
        <v>104328</v>
      </c>
      <c r="E6737" s="2" t="s">
        <v>7563</v>
      </c>
      <c r="F6737" s="8">
        <v>168</v>
      </c>
      <c r="G6737" s="5">
        <v>6</v>
      </c>
      <c r="H6737" s="5" t="s">
        <v>1518</v>
      </c>
      <c r="I6737" s="5" t="s">
        <v>69038</v>
      </c>
      <c r="J6737" s="2" t="s">
        <v>69039</v>
      </c>
      <c r="K6737" s="5" t="s">
        <v>69038</v>
      </c>
      <c r="L6737" s="2" t="s">
        <v>69039</v>
      </c>
      <c r="M6737" s="5" t="s">
        <v>1521</v>
      </c>
      <c r="N6737" s="5" t="s">
        <v>38</v>
      </c>
      <c r="O6737" s="5" t="s">
        <v>39</v>
      </c>
      <c r="P6737" s="5" t="s">
        <v>40</v>
      </c>
      <c r="Q6737" s="5" t="s">
        <v>1522</v>
      </c>
      <c r="R6737" s="5" t="s">
        <v>1523</v>
      </c>
      <c r="S6737" s="5" t="s">
        <v>42</v>
      </c>
      <c r="T6737" s="2">
        <v>1.919</v>
      </c>
      <c r="U6737" s="2">
        <v>1.5409999999999999</v>
      </c>
      <c r="V6737" s="2">
        <v>10.6</v>
      </c>
      <c r="W6737" s="2">
        <v>139.1</v>
      </c>
      <c r="X6737" s="2">
        <v>7.6</v>
      </c>
      <c r="Y6737" s="2">
        <v>10.6</v>
      </c>
      <c r="Z6737" s="5"/>
      <c r="AA6737" s="5" t="s">
        <v>43</v>
      </c>
      <c r="AB6737" s="5" t="s">
        <v>44</v>
      </c>
      <c r="AC6737" s="2"/>
      <c r="AD6737" s="1"/>
    </row>
    <row r="6738" spans="1:30">
      <c r="A6738" s="5" t="s">
        <v>83578</v>
      </c>
      <c r="B6738" s="2" t="s">
        <v>104329</v>
      </c>
      <c r="C6738" s="14" t="s">
        <v>104330</v>
      </c>
      <c r="D6738" s="2" t="s">
        <v>104331</v>
      </c>
      <c r="E6738" s="2" t="s">
        <v>7555</v>
      </c>
      <c r="F6738" s="8">
        <v>168</v>
      </c>
      <c r="G6738" s="5">
        <v>6</v>
      </c>
      <c r="H6738" s="5" t="s">
        <v>1518</v>
      </c>
      <c r="I6738" s="5" t="s">
        <v>69038</v>
      </c>
      <c r="J6738" s="2" t="s">
        <v>69039</v>
      </c>
      <c r="K6738" s="5" t="s">
        <v>69038</v>
      </c>
      <c r="L6738" s="2" t="s">
        <v>69039</v>
      </c>
      <c r="M6738" s="5" t="s">
        <v>1521</v>
      </c>
      <c r="N6738" s="5" t="s">
        <v>38</v>
      </c>
      <c r="O6738" s="5" t="s">
        <v>39</v>
      </c>
      <c r="P6738" s="5" t="s">
        <v>40</v>
      </c>
      <c r="Q6738" s="5" t="s">
        <v>1522</v>
      </c>
      <c r="R6738" s="5" t="s">
        <v>1523</v>
      </c>
      <c r="S6738" s="5" t="s">
        <v>42</v>
      </c>
      <c r="T6738" s="2">
        <v>1.919</v>
      </c>
      <c r="U6738" s="2">
        <v>1.5409999999999999</v>
      </c>
      <c r="V6738" s="2">
        <v>10.6</v>
      </c>
      <c r="W6738" s="2">
        <v>139.1</v>
      </c>
      <c r="X6738" s="2">
        <v>7.6</v>
      </c>
      <c r="Y6738" s="2">
        <v>10.6</v>
      </c>
      <c r="Z6738" s="5"/>
      <c r="AA6738" s="5" t="s">
        <v>43</v>
      </c>
      <c r="AB6738" s="5" t="s">
        <v>44</v>
      </c>
      <c r="AC6738" s="2"/>
      <c r="AD6738" s="1"/>
    </row>
    <row r="6739" spans="1:30">
      <c r="A6739" s="5" t="s">
        <v>83578</v>
      </c>
      <c r="B6739" s="2" t="s">
        <v>104332</v>
      </c>
      <c r="C6739" s="14" t="s">
        <v>104333</v>
      </c>
      <c r="D6739" s="2" t="s">
        <v>104334</v>
      </c>
      <c r="E6739" s="2" t="s">
        <v>7429</v>
      </c>
      <c r="F6739" s="8">
        <v>168</v>
      </c>
      <c r="G6739" s="5">
        <v>6</v>
      </c>
      <c r="H6739" s="5" t="s">
        <v>1518</v>
      </c>
      <c r="I6739" s="5" t="s">
        <v>69038</v>
      </c>
      <c r="J6739" s="2" t="s">
        <v>69039</v>
      </c>
      <c r="K6739" s="5" t="s">
        <v>69038</v>
      </c>
      <c r="L6739" s="2" t="s">
        <v>69039</v>
      </c>
      <c r="M6739" s="5" t="s">
        <v>1521</v>
      </c>
      <c r="N6739" s="5" t="s">
        <v>38</v>
      </c>
      <c r="O6739" s="5" t="s">
        <v>39</v>
      </c>
      <c r="P6739" s="5" t="s">
        <v>40</v>
      </c>
      <c r="Q6739" s="5" t="s">
        <v>1522</v>
      </c>
      <c r="R6739" s="5" t="s">
        <v>1523</v>
      </c>
      <c r="S6739" s="5" t="s">
        <v>42</v>
      </c>
      <c r="T6739" s="2">
        <v>1.919</v>
      </c>
      <c r="U6739" s="2">
        <v>1.5409999999999999</v>
      </c>
      <c r="V6739" s="2">
        <v>10.6</v>
      </c>
      <c r="W6739" s="2">
        <v>139.1</v>
      </c>
      <c r="X6739" s="2">
        <v>7.6</v>
      </c>
      <c r="Y6739" s="2">
        <v>10.6</v>
      </c>
      <c r="Z6739" s="5"/>
      <c r="AA6739" s="5" t="s">
        <v>43</v>
      </c>
      <c r="AB6739" s="5" t="s">
        <v>44</v>
      </c>
      <c r="AC6739" s="2"/>
      <c r="AD6739" s="1"/>
    </row>
    <row r="6740" spans="1:30">
      <c r="A6740" s="5" t="s">
        <v>83578</v>
      </c>
      <c r="B6740" s="2" t="s">
        <v>104335</v>
      </c>
      <c r="C6740" s="14" t="s">
        <v>104336</v>
      </c>
      <c r="D6740" s="2" t="s">
        <v>104337</v>
      </c>
      <c r="E6740" s="2" t="s">
        <v>7449</v>
      </c>
      <c r="F6740" s="8">
        <v>168</v>
      </c>
      <c r="G6740" s="5">
        <v>6</v>
      </c>
      <c r="H6740" s="5" t="s">
        <v>1518</v>
      </c>
      <c r="I6740" s="5" t="s">
        <v>69038</v>
      </c>
      <c r="J6740" s="2" t="s">
        <v>69039</v>
      </c>
      <c r="K6740" s="5" t="s">
        <v>69038</v>
      </c>
      <c r="L6740" s="2" t="s">
        <v>69039</v>
      </c>
      <c r="M6740" s="5" t="s">
        <v>1521</v>
      </c>
      <c r="N6740" s="5" t="s">
        <v>38</v>
      </c>
      <c r="O6740" s="5" t="s">
        <v>39</v>
      </c>
      <c r="P6740" s="5" t="s">
        <v>40</v>
      </c>
      <c r="Q6740" s="5" t="s">
        <v>1522</v>
      </c>
      <c r="R6740" s="5" t="s">
        <v>1523</v>
      </c>
      <c r="S6740" s="5" t="s">
        <v>42</v>
      </c>
      <c r="T6740" s="2">
        <v>1.919</v>
      </c>
      <c r="U6740" s="2">
        <v>1.5409999999999999</v>
      </c>
      <c r="V6740" s="2">
        <v>10.6</v>
      </c>
      <c r="W6740" s="2">
        <v>139.1</v>
      </c>
      <c r="X6740" s="2">
        <v>7.6</v>
      </c>
      <c r="Y6740" s="2">
        <v>10.6</v>
      </c>
      <c r="Z6740" s="5"/>
      <c r="AA6740" s="5" t="s">
        <v>43</v>
      </c>
      <c r="AB6740" s="5" t="s">
        <v>44</v>
      </c>
      <c r="AC6740" s="2"/>
      <c r="AD6740" s="1"/>
    </row>
    <row r="6741" spans="1:30">
      <c r="A6741" s="5" t="s">
        <v>83578</v>
      </c>
      <c r="B6741" s="2" t="s">
        <v>104338</v>
      </c>
      <c r="C6741" s="14" t="s">
        <v>104339</v>
      </c>
      <c r="D6741" s="2" t="s">
        <v>104340</v>
      </c>
      <c r="E6741" s="2" t="s">
        <v>7585</v>
      </c>
      <c r="F6741" s="8">
        <v>168</v>
      </c>
      <c r="G6741" s="5">
        <v>6</v>
      </c>
      <c r="H6741" s="5" t="s">
        <v>1518</v>
      </c>
      <c r="I6741" s="5" t="s">
        <v>69038</v>
      </c>
      <c r="J6741" s="2" t="s">
        <v>69039</v>
      </c>
      <c r="K6741" s="5" t="s">
        <v>69038</v>
      </c>
      <c r="L6741" s="2" t="s">
        <v>69039</v>
      </c>
      <c r="M6741" s="5" t="s">
        <v>1521</v>
      </c>
      <c r="N6741" s="5" t="s">
        <v>38</v>
      </c>
      <c r="O6741" s="5" t="s">
        <v>39</v>
      </c>
      <c r="P6741" s="5" t="s">
        <v>40</v>
      </c>
      <c r="Q6741" s="5" t="s">
        <v>1522</v>
      </c>
      <c r="R6741" s="5" t="s">
        <v>1523</v>
      </c>
      <c r="S6741" s="5" t="s">
        <v>42</v>
      </c>
      <c r="T6741" s="2">
        <v>1.919</v>
      </c>
      <c r="U6741" s="2">
        <v>1.5409999999999999</v>
      </c>
      <c r="V6741" s="2">
        <v>10.6</v>
      </c>
      <c r="W6741" s="2">
        <v>139.1</v>
      </c>
      <c r="X6741" s="2">
        <v>7.6</v>
      </c>
      <c r="Y6741" s="2">
        <v>10.6</v>
      </c>
      <c r="Z6741" s="5"/>
      <c r="AA6741" s="5" t="s">
        <v>43</v>
      </c>
      <c r="AB6741" s="5" t="s">
        <v>44</v>
      </c>
      <c r="AC6741" s="2"/>
      <c r="AD6741" s="1"/>
    </row>
    <row r="6742" spans="1:30">
      <c r="A6742" s="5" t="s">
        <v>83578</v>
      </c>
      <c r="B6742" s="2" t="s">
        <v>104341</v>
      </c>
      <c r="C6742" s="14" t="s">
        <v>104342</v>
      </c>
      <c r="D6742" s="2" t="s">
        <v>104343</v>
      </c>
      <c r="E6742" s="2" t="s">
        <v>7593</v>
      </c>
      <c r="F6742" s="8">
        <v>168</v>
      </c>
      <c r="G6742" s="5">
        <v>6</v>
      </c>
      <c r="H6742" s="5" t="s">
        <v>1518</v>
      </c>
      <c r="I6742" s="5" t="s">
        <v>69038</v>
      </c>
      <c r="J6742" s="2" t="s">
        <v>69039</v>
      </c>
      <c r="K6742" s="5" t="s">
        <v>69038</v>
      </c>
      <c r="L6742" s="2" t="s">
        <v>69039</v>
      </c>
      <c r="M6742" s="5" t="s">
        <v>1521</v>
      </c>
      <c r="N6742" s="5" t="s">
        <v>38</v>
      </c>
      <c r="O6742" s="5" t="s">
        <v>39</v>
      </c>
      <c r="P6742" s="5" t="s">
        <v>40</v>
      </c>
      <c r="Q6742" s="5" t="s">
        <v>1522</v>
      </c>
      <c r="R6742" s="5" t="s">
        <v>1523</v>
      </c>
      <c r="S6742" s="5" t="s">
        <v>42</v>
      </c>
      <c r="T6742" s="2">
        <v>1.919</v>
      </c>
      <c r="U6742" s="2">
        <v>1.5409999999999999</v>
      </c>
      <c r="V6742" s="2">
        <v>10.6</v>
      </c>
      <c r="W6742" s="2">
        <v>139.1</v>
      </c>
      <c r="X6742" s="2">
        <v>7.6</v>
      </c>
      <c r="Y6742" s="2">
        <v>10.6</v>
      </c>
      <c r="Z6742" s="5"/>
      <c r="AA6742" s="5" t="s">
        <v>43</v>
      </c>
      <c r="AB6742" s="5" t="s">
        <v>44</v>
      </c>
      <c r="AC6742" s="2"/>
      <c r="AD6742" s="1"/>
    </row>
    <row r="6743" spans="1:30">
      <c r="A6743" s="5" t="s">
        <v>83578</v>
      </c>
      <c r="B6743" s="2" t="s">
        <v>104344</v>
      </c>
      <c r="C6743" s="14" t="s">
        <v>104345</v>
      </c>
      <c r="D6743" s="2" t="s">
        <v>104346</v>
      </c>
      <c r="E6743" s="2" t="s">
        <v>7208</v>
      </c>
      <c r="F6743" s="8">
        <v>164</v>
      </c>
      <c r="G6743" s="5">
        <v>6</v>
      </c>
      <c r="H6743" s="5" t="s">
        <v>1518</v>
      </c>
      <c r="I6743" s="5" t="s">
        <v>69038</v>
      </c>
      <c r="J6743" s="2" t="s">
        <v>69039</v>
      </c>
      <c r="K6743" s="5" t="s">
        <v>69038</v>
      </c>
      <c r="L6743" s="2" t="s">
        <v>69039</v>
      </c>
      <c r="M6743" s="5" t="s">
        <v>1521</v>
      </c>
      <c r="N6743" s="5" t="s">
        <v>38</v>
      </c>
      <c r="O6743" s="5" t="s">
        <v>39</v>
      </c>
      <c r="P6743" s="5" t="s">
        <v>40</v>
      </c>
      <c r="Q6743" s="5" t="s">
        <v>1522</v>
      </c>
      <c r="R6743" s="5" t="s">
        <v>1523</v>
      </c>
      <c r="S6743" s="5" t="s">
        <v>42</v>
      </c>
      <c r="T6743" s="2">
        <v>2.08</v>
      </c>
      <c r="U6743" s="2">
        <v>1.6579999999999999</v>
      </c>
      <c r="V6743" s="2">
        <v>10.6</v>
      </c>
      <c r="W6743" s="2">
        <v>159.1</v>
      </c>
      <c r="X6743" s="2">
        <v>7.6</v>
      </c>
      <c r="Y6743" s="2">
        <v>10.6</v>
      </c>
      <c r="Z6743" s="5"/>
      <c r="AA6743" s="5" t="s">
        <v>43</v>
      </c>
      <c r="AB6743" s="5" t="s">
        <v>44</v>
      </c>
      <c r="AC6743" s="2"/>
      <c r="AD6743" s="1"/>
    </row>
    <row r="6744" spans="1:30">
      <c r="A6744" s="5" t="s">
        <v>83578</v>
      </c>
      <c r="B6744" s="2" t="s">
        <v>104347</v>
      </c>
      <c r="C6744" s="14" t="s">
        <v>104348</v>
      </c>
      <c r="D6744" s="2" t="s">
        <v>104349</v>
      </c>
      <c r="E6744" s="2" t="s">
        <v>7406</v>
      </c>
      <c r="F6744" s="8">
        <v>189</v>
      </c>
      <c r="G6744" s="5">
        <v>6</v>
      </c>
      <c r="H6744" s="5" t="s">
        <v>1518</v>
      </c>
      <c r="I6744" s="5" t="s">
        <v>69038</v>
      </c>
      <c r="J6744" s="2" t="s">
        <v>69039</v>
      </c>
      <c r="K6744" s="5" t="s">
        <v>69038</v>
      </c>
      <c r="L6744" s="2" t="s">
        <v>69039</v>
      </c>
      <c r="M6744" s="5" t="s">
        <v>1521</v>
      </c>
      <c r="N6744" s="5" t="s">
        <v>38</v>
      </c>
      <c r="O6744" s="5" t="s">
        <v>39</v>
      </c>
      <c r="P6744" s="5" t="s">
        <v>40</v>
      </c>
      <c r="Q6744" s="5" t="s">
        <v>1522</v>
      </c>
      <c r="R6744" s="5" t="s">
        <v>1523</v>
      </c>
      <c r="S6744" s="5" t="s">
        <v>42</v>
      </c>
      <c r="T6744" s="2">
        <v>2.08</v>
      </c>
      <c r="U6744" s="2">
        <v>1.6579999999999999</v>
      </c>
      <c r="V6744" s="2">
        <v>10.6</v>
      </c>
      <c r="W6744" s="2">
        <v>159.1</v>
      </c>
      <c r="X6744" s="2">
        <v>7.6</v>
      </c>
      <c r="Y6744" s="2">
        <v>10.6</v>
      </c>
      <c r="Z6744" s="5"/>
      <c r="AA6744" s="5" t="s">
        <v>43</v>
      </c>
      <c r="AB6744" s="5" t="s">
        <v>44</v>
      </c>
      <c r="AC6744" s="2"/>
      <c r="AD6744" s="1"/>
    </row>
    <row r="6745" spans="1:30">
      <c r="A6745" s="5" t="s">
        <v>83578</v>
      </c>
      <c r="B6745" s="2" t="s">
        <v>104350</v>
      </c>
      <c r="C6745" s="14" t="s">
        <v>104351</v>
      </c>
      <c r="D6745" s="2" t="s">
        <v>104352</v>
      </c>
      <c r="E6745" s="2" t="s">
        <v>7539</v>
      </c>
      <c r="F6745" s="8">
        <v>189</v>
      </c>
      <c r="G6745" s="5">
        <v>6</v>
      </c>
      <c r="H6745" s="5" t="s">
        <v>1518</v>
      </c>
      <c r="I6745" s="5" t="s">
        <v>69038</v>
      </c>
      <c r="J6745" s="2" t="s">
        <v>69039</v>
      </c>
      <c r="K6745" s="5" t="s">
        <v>69038</v>
      </c>
      <c r="L6745" s="2" t="s">
        <v>69039</v>
      </c>
      <c r="M6745" s="5" t="s">
        <v>1521</v>
      </c>
      <c r="N6745" s="5" t="s">
        <v>38</v>
      </c>
      <c r="O6745" s="5" t="s">
        <v>39</v>
      </c>
      <c r="P6745" s="5" t="s">
        <v>40</v>
      </c>
      <c r="Q6745" s="5" t="s">
        <v>1522</v>
      </c>
      <c r="R6745" s="5" t="s">
        <v>1523</v>
      </c>
      <c r="S6745" s="5" t="s">
        <v>42</v>
      </c>
      <c r="T6745" s="2">
        <v>2.08</v>
      </c>
      <c r="U6745" s="2">
        <v>1.6579999999999999</v>
      </c>
      <c r="V6745" s="2">
        <v>10.6</v>
      </c>
      <c r="W6745" s="2">
        <v>159.1</v>
      </c>
      <c r="X6745" s="2">
        <v>7.6</v>
      </c>
      <c r="Y6745" s="2">
        <v>10.6</v>
      </c>
      <c r="Z6745" s="5"/>
      <c r="AA6745" s="5" t="s">
        <v>43</v>
      </c>
      <c r="AB6745" s="5" t="s">
        <v>44</v>
      </c>
      <c r="AC6745" s="2"/>
      <c r="AD6745" s="1"/>
    </row>
    <row r="6746" spans="1:30">
      <c r="A6746" s="5" t="s">
        <v>83578</v>
      </c>
      <c r="B6746" s="2" t="s">
        <v>104353</v>
      </c>
      <c r="C6746" s="14" t="s">
        <v>104354</v>
      </c>
      <c r="D6746" s="2" t="s">
        <v>104355</v>
      </c>
      <c r="E6746" s="2" t="s">
        <v>7396</v>
      </c>
      <c r="F6746" s="8">
        <v>164</v>
      </c>
      <c r="G6746" s="5">
        <v>6</v>
      </c>
      <c r="H6746" s="5" t="s">
        <v>1518</v>
      </c>
      <c r="I6746" s="5" t="s">
        <v>69038</v>
      </c>
      <c r="J6746" s="2" t="s">
        <v>69039</v>
      </c>
      <c r="K6746" s="5" t="s">
        <v>69038</v>
      </c>
      <c r="L6746" s="2" t="s">
        <v>69039</v>
      </c>
      <c r="M6746" s="5" t="s">
        <v>1521</v>
      </c>
      <c r="N6746" s="5" t="s">
        <v>38</v>
      </c>
      <c r="O6746" s="5" t="s">
        <v>39</v>
      </c>
      <c r="P6746" s="5" t="s">
        <v>40</v>
      </c>
      <c r="Q6746" s="5" t="s">
        <v>1522</v>
      </c>
      <c r="R6746" s="5" t="s">
        <v>1523</v>
      </c>
      <c r="S6746" s="5" t="s">
        <v>42</v>
      </c>
      <c r="T6746" s="2">
        <v>2.08</v>
      </c>
      <c r="U6746" s="2">
        <v>1.6579999999999999</v>
      </c>
      <c r="V6746" s="2">
        <v>10.6</v>
      </c>
      <c r="W6746" s="2">
        <v>159.1</v>
      </c>
      <c r="X6746" s="2">
        <v>7.6</v>
      </c>
      <c r="Y6746" s="2">
        <v>10.6</v>
      </c>
      <c r="Z6746" s="5"/>
      <c r="AA6746" s="5" t="s">
        <v>43</v>
      </c>
      <c r="AB6746" s="5" t="s">
        <v>44</v>
      </c>
      <c r="AC6746" s="2"/>
      <c r="AD6746" s="1"/>
    </row>
    <row r="6747" spans="1:30">
      <c r="A6747" s="5" t="s">
        <v>83578</v>
      </c>
      <c r="B6747" s="2" t="s">
        <v>104356</v>
      </c>
      <c r="C6747" s="14" t="s">
        <v>104357</v>
      </c>
      <c r="D6747" s="2" t="s">
        <v>104358</v>
      </c>
      <c r="E6747" s="2" t="s">
        <v>7547</v>
      </c>
      <c r="F6747" s="8">
        <v>189</v>
      </c>
      <c r="G6747" s="5">
        <v>6</v>
      </c>
      <c r="H6747" s="5" t="s">
        <v>1518</v>
      </c>
      <c r="I6747" s="5" t="s">
        <v>69038</v>
      </c>
      <c r="J6747" s="2" t="s">
        <v>69039</v>
      </c>
      <c r="K6747" s="5" t="s">
        <v>69038</v>
      </c>
      <c r="L6747" s="2" t="s">
        <v>69039</v>
      </c>
      <c r="M6747" s="5" t="s">
        <v>1521</v>
      </c>
      <c r="N6747" s="5" t="s">
        <v>38</v>
      </c>
      <c r="O6747" s="5" t="s">
        <v>39</v>
      </c>
      <c r="P6747" s="5" t="s">
        <v>40</v>
      </c>
      <c r="Q6747" s="5" t="s">
        <v>1522</v>
      </c>
      <c r="R6747" s="5" t="s">
        <v>1523</v>
      </c>
      <c r="S6747" s="5" t="s">
        <v>42</v>
      </c>
      <c r="T6747" s="2">
        <v>2.08</v>
      </c>
      <c r="U6747" s="2">
        <v>1.6579999999999999</v>
      </c>
      <c r="V6747" s="2">
        <v>10.6</v>
      </c>
      <c r="W6747" s="2">
        <v>159.1</v>
      </c>
      <c r="X6747" s="2">
        <v>7.6</v>
      </c>
      <c r="Y6747" s="2">
        <v>10.6</v>
      </c>
      <c r="Z6747" s="5"/>
      <c r="AA6747" s="5" t="s">
        <v>43</v>
      </c>
      <c r="AB6747" s="5" t="s">
        <v>44</v>
      </c>
      <c r="AC6747" s="2"/>
      <c r="AD6747" s="1"/>
    </row>
    <row r="6748" spans="1:30">
      <c r="A6748" s="5" t="s">
        <v>83578</v>
      </c>
      <c r="B6748" s="2" t="s">
        <v>104359</v>
      </c>
      <c r="C6748" s="14" t="s">
        <v>104360</v>
      </c>
      <c r="D6748" s="2" t="s">
        <v>104361</v>
      </c>
      <c r="E6748" s="2" t="s">
        <v>7563</v>
      </c>
      <c r="F6748" s="8">
        <v>189</v>
      </c>
      <c r="G6748" s="5">
        <v>6</v>
      </c>
      <c r="H6748" s="5" t="s">
        <v>1518</v>
      </c>
      <c r="I6748" s="5" t="s">
        <v>69038</v>
      </c>
      <c r="J6748" s="2" t="s">
        <v>69039</v>
      </c>
      <c r="K6748" s="5" t="s">
        <v>69038</v>
      </c>
      <c r="L6748" s="2" t="s">
        <v>69039</v>
      </c>
      <c r="M6748" s="5" t="s">
        <v>1521</v>
      </c>
      <c r="N6748" s="5" t="s">
        <v>38</v>
      </c>
      <c r="O6748" s="5" t="s">
        <v>39</v>
      </c>
      <c r="P6748" s="5" t="s">
        <v>40</v>
      </c>
      <c r="Q6748" s="5" t="s">
        <v>1522</v>
      </c>
      <c r="R6748" s="5" t="s">
        <v>1523</v>
      </c>
      <c r="S6748" s="5" t="s">
        <v>42</v>
      </c>
      <c r="T6748" s="2">
        <v>2.08</v>
      </c>
      <c r="U6748" s="2">
        <v>1.6579999999999999</v>
      </c>
      <c r="V6748" s="2">
        <v>10.6</v>
      </c>
      <c r="W6748" s="2">
        <v>159.1</v>
      </c>
      <c r="X6748" s="2">
        <v>7.6</v>
      </c>
      <c r="Y6748" s="2">
        <v>10.6</v>
      </c>
      <c r="Z6748" s="5"/>
      <c r="AA6748" s="5" t="s">
        <v>43</v>
      </c>
      <c r="AB6748" s="5" t="s">
        <v>44</v>
      </c>
      <c r="AC6748" s="2"/>
      <c r="AD6748" s="1"/>
    </row>
    <row r="6749" spans="1:30">
      <c r="A6749" s="5" t="s">
        <v>83578</v>
      </c>
      <c r="B6749" s="2" t="s">
        <v>104362</v>
      </c>
      <c r="C6749" s="14" t="s">
        <v>104363</v>
      </c>
      <c r="D6749" s="2" t="s">
        <v>104364</v>
      </c>
      <c r="E6749" s="2" t="s">
        <v>7555</v>
      </c>
      <c r="F6749" s="8">
        <v>189</v>
      </c>
      <c r="G6749" s="5">
        <v>6</v>
      </c>
      <c r="H6749" s="5" t="s">
        <v>1518</v>
      </c>
      <c r="I6749" s="5" t="s">
        <v>69038</v>
      </c>
      <c r="J6749" s="2" t="s">
        <v>69039</v>
      </c>
      <c r="K6749" s="5" t="s">
        <v>69038</v>
      </c>
      <c r="L6749" s="2" t="s">
        <v>69039</v>
      </c>
      <c r="M6749" s="5" t="s">
        <v>1521</v>
      </c>
      <c r="N6749" s="5" t="s">
        <v>38</v>
      </c>
      <c r="O6749" s="5" t="s">
        <v>39</v>
      </c>
      <c r="P6749" s="5" t="s">
        <v>40</v>
      </c>
      <c r="Q6749" s="5" t="s">
        <v>1522</v>
      </c>
      <c r="R6749" s="5" t="s">
        <v>1523</v>
      </c>
      <c r="S6749" s="5" t="s">
        <v>42</v>
      </c>
      <c r="T6749" s="2">
        <v>2.08</v>
      </c>
      <c r="U6749" s="2">
        <v>1.6579999999999999</v>
      </c>
      <c r="V6749" s="2">
        <v>10.6</v>
      </c>
      <c r="W6749" s="2">
        <v>159.1</v>
      </c>
      <c r="X6749" s="2">
        <v>7.6</v>
      </c>
      <c r="Y6749" s="2">
        <v>10.6</v>
      </c>
      <c r="Z6749" s="5"/>
      <c r="AA6749" s="5" t="s">
        <v>43</v>
      </c>
      <c r="AB6749" s="5" t="s">
        <v>44</v>
      </c>
      <c r="AC6749" s="2"/>
      <c r="AD6749" s="1"/>
    </row>
    <row r="6750" spans="1:30">
      <c r="A6750" s="5" t="s">
        <v>83578</v>
      </c>
      <c r="B6750" s="2" t="s">
        <v>104365</v>
      </c>
      <c r="C6750" s="14" t="s">
        <v>104366</v>
      </c>
      <c r="D6750" s="2" t="s">
        <v>104367</v>
      </c>
      <c r="E6750" s="2" t="s">
        <v>7429</v>
      </c>
      <c r="F6750" s="8">
        <v>189</v>
      </c>
      <c r="G6750" s="5">
        <v>6</v>
      </c>
      <c r="H6750" s="5" t="s">
        <v>1518</v>
      </c>
      <c r="I6750" s="5" t="s">
        <v>69038</v>
      </c>
      <c r="J6750" s="2" t="s">
        <v>69039</v>
      </c>
      <c r="K6750" s="5" t="s">
        <v>69038</v>
      </c>
      <c r="L6750" s="2" t="s">
        <v>69039</v>
      </c>
      <c r="M6750" s="5" t="s">
        <v>1521</v>
      </c>
      <c r="N6750" s="5" t="s">
        <v>38</v>
      </c>
      <c r="O6750" s="5" t="s">
        <v>39</v>
      </c>
      <c r="P6750" s="5" t="s">
        <v>40</v>
      </c>
      <c r="Q6750" s="5" t="s">
        <v>1522</v>
      </c>
      <c r="R6750" s="5" t="s">
        <v>1523</v>
      </c>
      <c r="S6750" s="5" t="s">
        <v>42</v>
      </c>
      <c r="T6750" s="2">
        <v>2.08</v>
      </c>
      <c r="U6750" s="2">
        <v>1.6579999999999999</v>
      </c>
      <c r="V6750" s="2">
        <v>10.6</v>
      </c>
      <c r="W6750" s="2">
        <v>159.1</v>
      </c>
      <c r="X6750" s="2">
        <v>7.6</v>
      </c>
      <c r="Y6750" s="2">
        <v>10.6</v>
      </c>
      <c r="Z6750" s="5"/>
      <c r="AA6750" s="5" t="s">
        <v>43</v>
      </c>
      <c r="AB6750" s="5" t="s">
        <v>44</v>
      </c>
      <c r="AC6750" s="2"/>
      <c r="AD6750" s="1"/>
    </row>
    <row r="6751" spans="1:30">
      <c r="A6751" s="5" t="s">
        <v>83578</v>
      </c>
      <c r="B6751" s="2" t="s">
        <v>104368</v>
      </c>
      <c r="C6751" s="14" t="s">
        <v>104369</v>
      </c>
      <c r="D6751" s="2" t="s">
        <v>104370</v>
      </c>
      <c r="E6751" s="2" t="s">
        <v>7449</v>
      </c>
      <c r="F6751" s="8">
        <v>189</v>
      </c>
      <c r="G6751" s="5">
        <v>6</v>
      </c>
      <c r="H6751" s="5" t="s">
        <v>1518</v>
      </c>
      <c r="I6751" s="5" t="s">
        <v>69038</v>
      </c>
      <c r="J6751" s="2" t="s">
        <v>69039</v>
      </c>
      <c r="K6751" s="5" t="s">
        <v>69038</v>
      </c>
      <c r="L6751" s="2" t="s">
        <v>69039</v>
      </c>
      <c r="M6751" s="5" t="s">
        <v>1521</v>
      </c>
      <c r="N6751" s="5" t="s">
        <v>38</v>
      </c>
      <c r="O6751" s="5" t="s">
        <v>39</v>
      </c>
      <c r="P6751" s="5" t="s">
        <v>40</v>
      </c>
      <c r="Q6751" s="5" t="s">
        <v>1522</v>
      </c>
      <c r="R6751" s="5" t="s">
        <v>1523</v>
      </c>
      <c r="S6751" s="5" t="s">
        <v>42</v>
      </c>
      <c r="T6751" s="2">
        <v>2.08</v>
      </c>
      <c r="U6751" s="2">
        <v>1.6579999999999999</v>
      </c>
      <c r="V6751" s="2">
        <v>10.6</v>
      </c>
      <c r="W6751" s="2">
        <v>159.1</v>
      </c>
      <c r="X6751" s="2">
        <v>7.6</v>
      </c>
      <c r="Y6751" s="2">
        <v>10.6</v>
      </c>
      <c r="Z6751" s="5"/>
      <c r="AA6751" s="5" t="s">
        <v>43</v>
      </c>
      <c r="AB6751" s="5" t="s">
        <v>44</v>
      </c>
      <c r="AC6751" s="2"/>
      <c r="AD6751" s="1"/>
    </row>
    <row r="6752" spans="1:30">
      <c r="A6752" s="5" t="s">
        <v>83578</v>
      </c>
      <c r="B6752" s="2" t="s">
        <v>104371</v>
      </c>
      <c r="C6752" s="14" t="s">
        <v>104372</v>
      </c>
      <c r="D6752" s="2" t="s">
        <v>104373</v>
      </c>
      <c r="E6752" s="2" t="s">
        <v>7585</v>
      </c>
      <c r="F6752" s="8">
        <v>189</v>
      </c>
      <c r="G6752" s="5">
        <v>6</v>
      </c>
      <c r="H6752" s="5" t="s">
        <v>1518</v>
      </c>
      <c r="I6752" s="5" t="s">
        <v>69038</v>
      </c>
      <c r="J6752" s="2" t="s">
        <v>69039</v>
      </c>
      <c r="K6752" s="5" t="s">
        <v>69038</v>
      </c>
      <c r="L6752" s="2" t="s">
        <v>69039</v>
      </c>
      <c r="M6752" s="5" t="s">
        <v>1521</v>
      </c>
      <c r="N6752" s="5" t="s">
        <v>38</v>
      </c>
      <c r="O6752" s="5" t="s">
        <v>39</v>
      </c>
      <c r="P6752" s="5" t="s">
        <v>40</v>
      </c>
      <c r="Q6752" s="5" t="s">
        <v>1522</v>
      </c>
      <c r="R6752" s="5" t="s">
        <v>1523</v>
      </c>
      <c r="S6752" s="5" t="s">
        <v>42</v>
      </c>
      <c r="T6752" s="2">
        <v>2.08</v>
      </c>
      <c r="U6752" s="2">
        <v>1.6579999999999999</v>
      </c>
      <c r="V6752" s="2">
        <v>10.6</v>
      </c>
      <c r="W6752" s="2">
        <v>159.1</v>
      </c>
      <c r="X6752" s="2">
        <v>7.6</v>
      </c>
      <c r="Y6752" s="2">
        <v>10.6</v>
      </c>
      <c r="Z6752" s="5"/>
      <c r="AA6752" s="5" t="s">
        <v>43</v>
      </c>
      <c r="AB6752" s="5" t="s">
        <v>44</v>
      </c>
      <c r="AC6752" s="2"/>
      <c r="AD6752" s="1"/>
    </row>
    <row r="6753" spans="1:30">
      <c r="A6753" s="5" t="s">
        <v>83578</v>
      </c>
      <c r="B6753" s="2" t="s">
        <v>104374</v>
      </c>
      <c r="C6753" s="14" t="s">
        <v>104375</v>
      </c>
      <c r="D6753" s="2" t="s">
        <v>104376</v>
      </c>
      <c r="E6753" s="2" t="s">
        <v>7593</v>
      </c>
      <c r="F6753" s="8">
        <v>189</v>
      </c>
      <c r="G6753" s="5">
        <v>6</v>
      </c>
      <c r="H6753" s="5" t="s">
        <v>1518</v>
      </c>
      <c r="I6753" s="5" t="s">
        <v>69038</v>
      </c>
      <c r="J6753" s="2" t="s">
        <v>69039</v>
      </c>
      <c r="K6753" s="5" t="s">
        <v>69038</v>
      </c>
      <c r="L6753" s="2" t="s">
        <v>69039</v>
      </c>
      <c r="M6753" s="5" t="s">
        <v>1521</v>
      </c>
      <c r="N6753" s="5" t="s">
        <v>38</v>
      </c>
      <c r="O6753" s="5" t="s">
        <v>39</v>
      </c>
      <c r="P6753" s="5" t="s">
        <v>40</v>
      </c>
      <c r="Q6753" s="5" t="s">
        <v>1522</v>
      </c>
      <c r="R6753" s="5" t="s">
        <v>1523</v>
      </c>
      <c r="S6753" s="5" t="s">
        <v>42</v>
      </c>
      <c r="T6753" s="2">
        <v>2.08</v>
      </c>
      <c r="U6753" s="2">
        <v>1.6579999999999999</v>
      </c>
      <c r="V6753" s="2">
        <v>10.6</v>
      </c>
      <c r="W6753" s="2">
        <v>159.1</v>
      </c>
      <c r="X6753" s="2">
        <v>7.6</v>
      </c>
      <c r="Y6753" s="2">
        <v>10.6</v>
      </c>
      <c r="Z6753" s="5"/>
      <c r="AA6753" s="5" t="s">
        <v>43</v>
      </c>
      <c r="AB6753" s="5" t="s">
        <v>44</v>
      </c>
      <c r="AC6753" s="2"/>
      <c r="AD6753" s="1"/>
    </row>
    <row r="6754" spans="1:30">
      <c r="A6754" s="5" t="s">
        <v>83578</v>
      </c>
      <c r="B6754" s="2" t="s">
        <v>104377</v>
      </c>
      <c r="C6754" s="14" t="s">
        <v>104378</v>
      </c>
      <c r="D6754" s="2" t="s">
        <v>104379</v>
      </c>
      <c r="E6754" s="2" t="s">
        <v>7433</v>
      </c>
      <c r="F6754" s="8">
        <v>189</v>
      </c>
      <c r="G6754" s="5">
        <v>6</v>
      </c>
      <c r="H6754" s="5" t="s">
        <v>1518</v>
      </c>
      <c r="I6754" s="5" t="s">
        <v>69038</v>
      </c>
      <c r="J6754" s="2" t="s">
        <v>69039</v>
      </c>
      <c r="K6754" s="5" t="s">
        <v>69038</v>
      </c>
      <c r="L6754" s="2" t="s">
        <v>69039</v>
      </c>
      <c r="M6754" s="5" t="s">
        <v>1521</v>
      </c>
      <c r="N6754" s="5" t="s">
        <v>38</v>
      </c>
      <c r="O6754" s="5" t="s">
        <v>39</v>
      </c>
      <c r="P6754" s="5" t="s">
        <v>40</v>
      </c>
      <c r="Q6754" s="5" t="s">
        <v>1522</v>
      </c>
      <c r="R6754" s="5" t="s">
        <v>1523</v>
      </c>
      <c r="S6754" s="5" t="s">
        <v>42</v>
      </c>
      <c r="T6754" s="2">
        <v>2.08</v>
      </c>
      <c r="U6754" s="2">
        <v>1.6579999999999999</v>
      </c>
      <c r="V6754" s="2">
        <v>10.6</v>
      </c>
      <c r="W6754" s="2">
        <v>159.1</v>
      </c>
      <c r="X6754" s="2">
        <v>7.6</v>
      </c>
      <c r="Y6754" s="2">
        <v>10.6</v>
      </c>
      <c r="Z6754" s="5"/>
      <c r="AA6754" s="5" t="s">
        <v>43</v>
      </c>
      <c r="AB6754" s="5" t="s">
        <v>44</v>
      </c>
      <c r="AC6754" s="2"/>
      <c r="AD6754" s="1"/>
    </row>
    <row r="6755" spans="1:30">
      <c r="A6755" s="5" t="s">
        <v>83578</v>
      </c>
      <c r="B6755" s="2" t="s">
        <v>104380</v>
      </c>
      <c r="C6755" s="14" t="s">
        <v>104381</v>
      </c>
      <c r="D6755" s="2" t="s">
        <v>104382</v>
      </c>
      <c r="E6755" s="2" t="s">
        <v>7615</v>
      </c>
      <c r="F6755" s="8">
        <v>189</v>
      </c>
      <c r="G6755" s="5">
        <v>6</v>
      </c>
      <c r="H6755" s="5" t="s">
        <v>1518</v>
      </c>
      <c r="I6755" s="5" t="s">
        <v>69038</v>
      </c>
      <c r="J6755" s="2" t="s">
        <v>69039</v>
      </c>
      <c r="K6755" s="5" t="s">
        <v>69038</v>
      </c>
      <c r="L6755" s="2" t="s">
        <v>69039</v>
      </c>
      <c r="M6755" s="5" t="s">
        <v>1521</v>
      </c>
      <c r="N6755" s="5" t="s">
        <v>38</v>
      </c>
      <c r="O6755" s="5" t="s">
        <v>39</v>
      </c>
      <c r="P6755" s="5" t="s">
        <v>40</v>
      </c>
      <c r="Q6755" s="5" t="s">
        <v>1522</v>
      </c>
      <c r="R6755" s="5" t="s">
        <v>1523</v>
      </c>
      <c r="S6755" s="5" t="s">
        <v>42</v>
      </c>
      <c r="T6755" s="2">
        <v>2.08</v>
      </c>
      <c r="U6755" s="2">
        <v>1.6579999999999999</v>
      </c>
      <c r="V6755" s="2">
        <v>10.6</v>
      </c>
      <c r="W6755" s="2">
        <v>159.1</v>
      </c>
      <c r="X6755" s="2">
        <v>7.6</v>
      </c>
      <c r="Y6755" s="2">
        <v>10.6</v>
      </c>
      <c r="Z6755" s="5"/>
      <c r="AA6755" s="5" t="s">
        <v>43</v>
      </c>
      <c r="AB6755" s="5" t="s">
        <v>44</v>
      </c>
      <c r="AC6755" s="2"/>
      <c r="AD6755" s="1"/>
    </row>
    <row r="6756" spans="1:30">
      <c r="A6756" s="5" t="s">
        <v>83578</v>
      </c>
      <c r="B6756" s="2" t="s">
        <v>104383</v>
      </c>
      <c r="C6756" s="14" t="s">
        <v>104384</v>
      </c>
      <c r="D6756" s="2" t="s">
        <v>104385</v>
      </c>
      <c r="E6756" s="2" t="s">
        <v>7410</v>
      </c>
      <c r="F6756" s="8">
        <v>189</v>
      </c>
      <c r="G6756" s="5">
        <v>6</v>
      </c>
      <c r="H6756" s="5" t="s">
        <v>1518</v>
      </c>
      <c r="I6756" s="5" t="s">
        <v>69038</v>
      </c>
      <c r="J6756" s="2" t="s">
        <v>69039</v>
      </c>
      <c r="K6756" s="5" t="s">
        <v>69038</v>
      </c>
      <c r="L6756" s="2" t="s">
        <v>69039</v>
      </c>
      <c r="M6756" s="5" t="s">
        <v>1521</v>
      </c>
      <c r="N6756" s="5" t="s">
        <v>38</v>
      </c>
      <c r="O6756" s="5" t="s">
        <v>39</v>
      </c>
      <c r="P6756" s="5" t="s">
        <v>40</v>
      </c>
      <c r="Q6756" s="5" t="s">
        <v>1522</v>
      </c>
      <c r="R6756" s="5" t="s">
        <v>1523</v>
      </c>
      <c r="S6756" s="5" t="s">
        <v>42</v>
      </c>
      <c r="T6756" s="2">
        <v>2.08</v>
      </c>
      <c r="U6756" s="2">
        <v>1.6579999999999999</v>
      </c>
      <c r="V6756" s="2">
        <v>10.6</v>
      </c>
      <c r="W6756" s="2">
        <v>159.1</v>
      </c>
      <c r="X6756" s="2">
        <v>7.6</v>
      </c>
      <c r="Y6756" s="2">
        <v>10.6</v>
      </c>
      <c r="Z6756" s="5"/>
      <c r="AA6756" s="5" t="s">
        <v>43</v>
      </c>
      <c r="AB6756" s="5" t="s">
        <v>44</v>
      </c>
      <c r="AC6756" s="2"/>
      <c r="AD6756" s="1"/>
    </row>
    <row r="6757" spans="1:30">
      <c r="A6757" s="5" t="s">
        <v>83578</v>
      </c>
      <c r="B6757" s="2" t="s">
        <v>104386</v>
      </c>
      <c r="C6757" s="14" t="s">
        <v>104387</v>
      </c>
      <c r="D6757" s="2" t="s">
        <v>104388</v>
      </c>
      <c r="E6757" s="2" t="s">
        <v>7212</v>
      </c>
      <c r="F6757" s="8">
        <v>164</v>
      </c>
      <c r="G6757" s="5">
        <v>6</v>
      </c>
      <c r="H6757" s="5" t="s">
        <v>1518</v>
      </c>
      <c r="I6757" s="5" t="s">
        <v>69038</v>
      </c>
      <c r="J6757" s="2" t="s">
        <v>69039</v>
      </c>
      <c r="K6757" s="5" t="s">
        <v>69038</v>
      </c>
      <c r="L6757" s="2" t="s">
        <v>69039</v>
      </c>
      <c r="M6757" s="5" t="s">
        <v>1521</v>
      </c>
      <c r="N6757" s="5" t="s">
        <v>38</v>
      </c>
      <c r="O6757" s="5" t="s">
        <v>39</v>
      </c>
      <c r="P6757" s="5" t="s">
        <v>40</v>
      </c>
      <c r="Q6757" s="5" t="s">
        <v>1522</v>
      </c>
      <c r="R6757" s="5" t="s">
        <v>1523</v>
      </c>
      <c r="S6757" s="5" t="s">
        <v>42</v>
      </c>
      <c r="T6757" s="2">
        <v>2.08</v>
      </c>
      <c r="U6757" s="2">
        <v>1.6579999999999999</v>
      </c>
      <c r="V6757" s="2">
        <v>10.6</v>
      </c>
      <c r="W6757" s="2">
        <v>159.1</v>
      </c>
      <c r="X6757" s="2">
        <v>7.6</v>
      </c>
      <c r="Y6757" s="2">
        <v>10.6</v>
      </c>
      <c r="Z6757" s="5"/>
      <c r="AA6757" s="5" t="s">
        <v>43</v>
      </c>
      <c r="AB6757" s="5" t="s">
        <v>44</v>
      </c>
      <c r="AC6757" s="2"/>
      <c r="AD6757" s="1"/>
    </row>
    <row r="6758" spans="1:30">
      <c r="A6758" s="5" t="s">
        <v>83578</v>
      </c>
      <c r="B6758" s="2" t="s">
        <v>104389</v>
      </c>
      <c r="C6758" s="14" t="s">
        <v>104390</v>
      </c>
      <c r="D6758" s="2" t="s">
        <v>104391</v>
      </c>
      <c r="E6758" s="2" t="s">
        <v>7406</v>
      </c>
      <c r="F6758" s="8">
        <v>182</v>
      </c>
      <c r="G6758" s="5">
        <v>6</v>
      </c>
      <c r="H6758" s="5" t="s">
        <v>1518</v>
      </c>
      <c r="I6758" s="5" t="s">
        <v>69038</v>
      </c>
      <c r="J6758" s="2" t="s">
        <v>69039</v>
      </c>
      <c r="K6758" s="5" t="s">
        <v>69038</v>
      </c>
      <c r="L6758" s="2" t="s">
        <v>69039</v>
      </c>
      <c r="M6758" s="5" t="s">
        <v>1521</v>
      </c>
      <c r="N6758" s="5" t="s">
        <v>38</v>
      </c>
      <c r="O6758" s="5" t="s">
        <v>39</v>
      </c>
      <c r="P6758" s="5" t="s">
        <v>40</v>
      </c>
      <c r="Q6758" s="5" t="s">
        <v>1522</v>
      </c>
      <c r="R6758" s="5" t="s">
        <v>1523</v>
      </c>
      <c r="S6758" s="5" t="s">
        <v>42</v>
      </c>
      <c r="T6758" s="2">
        <v>2.0950000000000002</v>
      </c>
      <c r="U6758" s="2">
        <v>1.732</v>
      </c>
      <c r="V6758" s="2">
        <v>10.6</v>
      </c>
      <c r="W6758" s="2">
        <v>139.1</v>
      </c>
      <c r="X6758" s="2">
        <v>7.6</v>
      </c>
      <c r="Y6758" s="2">
        <v>10.6</v>
      </c>
      <c r="Z6758" s="5"/>
      <c r="AA6758" s="5" t="s">
        <v>43</v>
      </c>
      <c r="AB6758" s="5" t="s">
        <v>44</v>
      </c>
      <c r="AC6758" s="2"/>
      <c r="AD6758" s="1"/>
    </row>
    <row r="6759" spans="1:30">
      <c r="A6759" s="5" t="s">
        <v>83578</v>
      </c>
      <c r="B6759" s="2" t="s">
        <v>104392</v>
      </c>
      <c r="C6759" s="14" t="s">
        <v>104393</v>
      </c>
      <c r="D6759" s="2" t="s">
        <v>104394</v>
      </c>
      <c r="E6759" s="2" t="s">
        <v>7547</v>
      </c>
      <c r="F6759" s="8">
        <v>182</v>
      </c>
      <c r="G6759" s="5">
        <v>6</v>
      </c>
      <c r="H6759" s="5" t="s">
        <v>1518</v>
      </c>
      <c r="I6759" s="5" t="s">
        <v>69038</v>
      </c>
      <c r="J6759" s="2" t="s">
        <v>69039</v>
      </c>
      <c r="K6759" s="5" t="s">
        <v>69038</v>
      </c>
      <c r="L6759" s="2" t="s">
        <v>69039</v>
      </c>
      <c r="M6759" s="5" t="s">
        <v>1521</v>
      </c>
      <c r="N6759" s="5" t="s">
        <v>38</v>
      </c>
      <c r="O6759" s="5" t="s">
        <v>39</v>
      </c>
      <c r="P6759" s="5" t="s">
        <v>40</v>
      </c>
      <c r="Q6759" s="5" t="s">
        <v>1522</v>
      </c>
      <c r="R6759" s="5" t="s">
        <v>1523</v>
      </c>
      <c r="S6759" s="5" t="s">
        <v>42</v>
      </c>
      <c r="T6759" s="2">
        <v>2.0950000000000002</v>
      </c>
      <c r="U6759" s="2">
        <v>1.732</v>
      </c>
      <c r="V6759" s="2">
        <v>10.6</v>
      </c>
      <c r="W6759" s="2">
        <v>139.1</v>
      </c>
      <c r="X6759" s="2">
        <v>7.6</v>
      </c>
      <c r="Y6759" s="2">
        <v>10.6</v>
      </c>
      <c r="Z6759" s="5"/>
      <c r="AA6759" s="5" t="s">
        <v>43</v>
      </c>
      <c r="AB6759" s="5" t="s">
        <v>44</v>
      </c>
      <c r="AC6759" s="2"/>
      <c r="AD6759" s="1"/>
    </row>
    <row r="6760" spans="1:30">
      <c r="A6760" s="5" t="s">
        <v>83578</v>
      </c>
      <c r="B6760" s="2" t="s">
        <v>104395</v>
      </c>
      <c r="C6760" s="14" t="s">
        <v>104396</v>
      </c>
      <c r="D6760" s="2" t="s">
        <v>104397</v>
      </c>
      <c r="E6760" s="2" t="s">
        <v>7563</v>
      </c>
      <c r="F6760" s="8">
        <v>182</v>
      </c>
      <c r="G6760" s="5">
        <v>6</v>
      </c>
      <c r="H6760" s="5" t="s">
        <v>1518</v>
      </c>
      <c r="I6760" s="5" t="s">
        <v>69038</v>
      </c>
      <c r="J6760" s="2" t="s">
        <v>69039</v>
      </c>
      <c r="K6760" s="5" t="s">
        <v>69038</v>
      </c>
      <c r="L6760" s="2" t="s">
        <v>69039</v>
      </c>
      <c r="M6760" s="5" t="s">
        <v>1521</v>
      </c>
      <c r="N6760" s="5" t="s">
        <v>38</v>
      </c>
      <c r="O6760" s="5" t="s">
        <v>39</v>
      </c>
      <c r="P6760" s="5" t="s">
        <v>40</v>
      </c>
      <c r="Q6760" s="5" t="s">
        <v>1522</v>
      </c>
      <c r="R6760" s="5" t="s">
        <v>1523</v>
      </c>
      <c r="S6760" s="5" t="s">
        <v>42</v>
      </c>
      <c r="T6760" s="2">
        <v>2.0950000000000002</v>
      </c>
      <c r="U6760" s="2">
        <v>1.732</v>
      </c>
      <c r="V6760" s="2">
        <v>10.6</v>
      </c>
      <c r="W6760" s="2">
        <v>139.1</v>
      </c>
      <c r="X6760" s="2">
        <v>7.6</v>
      </c>
      <c r="Y6760" s="2">
        <v>10.6</v>
      </c>
      <c r="Z6760" s="5"/>
      <c r="AA6760" s="5" t="s">
        <v>43</v>
      </c>
      <c r="AB6760" s="5" t="s">
        <v>44</v>
      </c>
      <c r="AC6760" s="2"/>
      <c r="AD6760" s="1"/>
    </row>
    <row r="6761" spans="1:30">
      <c r="A6761" s="5" t="s">
        <v>83578</v>
      </c>
      <c r="B6761" s="2" t="s">
        <v>104398</v>
      </c>
      <c r="C6761" s="14" t="s">
        <v>104399</v>
      </c>
      <c r="D6761" s="2" t="s">
        <v>104400</v>
      </c>
      <c r="E6761" s="2" t="s">
        <v>7555</v>
      </c>
      <c r="F6761" s="8">
        <v>182</v>
      </c>
      <c r="G6761" s="5">
        <v>6</v>
      </c>
      <c r="H6761" s="5" t="s">
        <v>1518</v>
      </c>
      <c r="I6761" s="5" t="s">
        <v>69038</v>
      </c>
      <c r="J6761" s="2" t="s">
        <v>69039</v>
      </c>
      <c r="K6761" s="5" t="s">
        <v>69038</v>
      </c>
      <c r="L6761" s="2" t="s">
        <v>69039</v>
      </c>
      <c r="M6761" s="5" t="s">
        <v>1521</v>
      </c>
      <c r="N6761" s="5" t="s">
        <v>38</v>
      </c>
      <c r="O6761" s="5" t="s">
        <v>39</v>
      </c>
      <c r="P6761" s="5" t="s">
        <v>40</v>
      </c>
      <c r="Q6761" s="5" t="s">
        <v>1522</v>
      </c>
      <c r="R6761" s="5" t="s">
        <v>1523</v>
      </c>
      <c r="S6761" s="5" t="s">
        <v>42</v>
      </c>
      <c r="T6761" s="2">
        <v>2.0950000000000002</v>
      </c>
      <c r="U6761" s="2">
        <v>1.732</v>
      </c>
      <c r="V6761" s="2">
        <v>10.6</v>
      </c>
      <c r="W6761" s="2">
        <v>139.1</v>
      </c>
      <c r="X6761" s="2">
        <v>7.6</v>
      </c>
      <c r="Y6761" s="2">
        <v>10.6</v>
      </c>
      <c r="Z6761" s="5"/>
      <c r="AA6761" s="5" t="s">
        <v>43</v>
      </c>
      <c r="AB6761" s="5" t="s">
        <v>44</v>
      </c>
      <c r="AC6761" s="2"/>
      <c r="AD6761" s="1"/>
    </row>
    <row r="6762" spans="1:30">
      <c r="A6762" s="5" t="s">
        <v>83578</v>
      </c>
      <c r="B6762" s="2" t="s">
        <v>104401</v>
      </c>
      <c r="C6762" s="14" t="s">
        <v>104402</v>
      </c>
      <c r="D6762" s="2" t="s">
        <v>104403</v>
      </c>
      <c r="E6762" s="2" t="s">
        <v>7429</v>
      </c>
      <c r="F6762" s="8">
        <v>182</v>
      </c>
      <c r="G6762" s="5">
        <v>6</v>
      </c>
      <c r="H6762" s="5" t="s">
        <v>1518</v>
      </c>
      <c r="I6762" s="5" t="s">
        <v>69038</v>
      </c>
      <c r="J6762" s="2" t="s">
        <v>69039</v>
      </c>
      <c r="K6762" s="5" t="s">
        <v>69038</v>
      </c>
      <c r="L6762" s="2" t="s">
        <v>69039</v>
      </c>
      <c r="M6762" s="5" t="s">
        <v>1521</v>
      </c>
      <c r="N6762" s="5" t="s">
        <v>38</v>
      </c>
      <c r="O6762" s="5" t="s">
        <v>39</v>
      </c>
      <c r="P6762" s="5" t="s">
        <v>40</v>
      </c>
      <c r="Q6762" s="5" t="s">
        <v>1522</v>
      </c>
      <c r="R6762" s="5" t="s">
        <v>1523</v>
      </c>
      <c r="S6762" s="5" t="s">
        <v>42</v>
      </c>
      <c r="T6762" s="2">
        <v>2.0950000000000002</v>
      </c>
      <c r="U6762" s="2">
        <v>1.732</v>
      </c>
      <c r="V6762" s="2">
        <v>10.6</v>
      </c>
      <c r="W6762" s="2">
        <v>139.1</v>
      </c>
      <c r="X6762" s="2">
        <v>7.6</v>
      </c>
      <c r="Y6762" s="2">
        <v>10.6</v>
      </c>
      <c r="Z6762" s="5"/>
      <c r="AA6762" s="5" t="s">
        <v>43</v>
      </c>
      <c r="AB6762" s="5" t="s">
        <v>44</v>
      </c>
      <c r="AC6762" s="2"/>
      <c r="AD6762" s="1"/>
    </row>
    <row r="6763" spans="1:30">
      <c r="A6763" s="5" t="s">
        <v>83578</v>
      </c>
      <c r="B6763" s="2" t="s">
        <v>104404</v>
      </c>
      <c r="C6763" s="14" t="s">
        <v>104405</v>
      </c>
      <c r="D6763" s="2" t="s">
        <v>104406</v>
      </c>
      <c r="E6763" s="2" t="s">
        <v>7449</v>
      </c>
      <c r="F6763" s="8">
        <v>182</v>
      </c>
      <c r="G6763" s="5">
        <v>6</v>
      </c>
      <c r="H6763" s="5" t="s">
        <v>1518</v>
      </c>
      <c r="I6763" s="5" t="s">
        <v>69038</v>
      </c>
      <c r="J6763" s="2" t="s">
        <v>69039</v>
      </c>
      <c r="K6763" s="5" t="s">
        <v>69038</v>
      </c>
      <c r="L6763" s="2" t="s">
        <v>69039</v>
      </c>
      <c r="M6763" s="5" t="s">
        <v>1521</v>
      </c>
      <c r="N6763" s="5" t="s">
        <v>38</v>
      </c>
      <c r="O6763" s="5" t="s">
        <v>39</v>
      </c>
      <c r="P6763" s="5" t="s">
        <v>40</v>
      </c>
      <c r="Q6763" s="5" t="s">
        <v>1522</v>
      </c>
      <c r="R6763" s="5" t="s">
        <v>1523</v>
      </c>
      <c r="S6763" s="5" t="s">
        <v>42</v>
      </c>
      <c r="T6763" s="2">
        <v>2.0950000000000002</v>
      </c>
      <c r="U6763" s="2">
        <v>1.732</v>
      </c>
      <c r="V6763" s="2">
        <v>10.6</v>
      </c>
      <c r="W6763" s="2">
        <v>139.1</v>
      </c>
      <c r="X6763" s="2">
        <v>7.6</v>
      </c>
      <c r="Y6763" s="2">
        <v>10.6</v>
      </c>
      <c r="Z6763" s="5"/>
      <c r="AA6763" s="5" t="s">
        <v>43</v>
      </c>
      <c r="AB6763" s="5" t="s">
        <v>44</v>
      </c>
      <c r="AC6763" s="2"/>
      <c r="AD6763" s="1"/>
    </row>
    <row r="6764" spans="1:30">
      <c r="A6764" s="5" t="s">
        <v>83578</v>
      </c>
      <c r="B6764" s="2" t="s">
        <v>104407</v>
      </c>
      <c r="C6764" s="14" t="s">
        <v>104408</v>
      </c>
      <c r="D6764" s="2" t="s">
        <v>104409</v>
      </c>
      <c r="E6764" s="2" t="s">
        <v>7585</v>
      </c>
      <c r="F6764" s="8">
        <v>182</v>
      </c>
      <c r="G6764" s="5">
        <v>6</v>
      </c>
      <c r="H6764" s="5" t="s">
        <v>1518</v>
      </c>
      <c r="I6764" s="5" t="s">
        <v>69038</v>
      </c>
      <c r="J6764" s="2" t="s">
        <v>69039</v>
      </c>
      <c r="K6764" s="5" t="s">
        <v>69038</v>
      </c>
      <c r="L6764" s="2" t="s">
        <v>69039</v>
      </c>
      <c r="M6764" s="5" t="s">
        <v>1521</v>
      </c>
      <c r="N6764" s="5" t="s">
        <v>38</v>
      </c>
      <c r="O6764" s="5" t="s">
        <v>39</v>
      </c>
      <c r="P6764" s="5" t="s">
        <v>40</v>
      </c>
      <c r="Q6764" s="5" t="s">
        <v>1522</v>
      </c>
      <c r="R6764" s="5" t="s">
        <v>1523</v>
      </c>
      <c r="S6764" s="5" t="s">
        <v>42</v>
      </c>
      <c r="T6764" s="2">
        <v>2.0950000000000002</v>
      </c>
      <c r="U6764" s="2">
        <v>1.732</v>
      </c>
      <c r="V6764" s="2">
        <v>10.6</v>
      </c>
      <c r="W6764" s="2">
        <v>139.1</v>
      </c>
      <c r="X6764" s="2">
        <v>7.6</v>
      </c>
      <c r="Y6764" s="2">
        <v>10.6</v>
      </c>
      <c r="Z6764" s="5"/>
      <c r="AA6764" s="5" t="s">
        <v>43</v>
      </c>
      <c r="AB6764" s="5" t="s">
        <v>44</v>
      </c>
      <c r="AC6764" s="2"/>
      <c r="AD6764" s="1"/>
    </row>
    <row r="6765" spans="1:30">
      <c r="A6765" s="5" t="s">
        <v>83578</v>
      </c>
      <c r="B6765" s="2" t="s">
        <v>104410</v>
      </c>
      <c r="C6765" s="14" t="s">
        <v>104411</v>
      </c>
      <c r="D6765" s="2" t="s">
        <v>104412</v>
      </c>
      <c r="E6765" s="2" t="s">
        <v>7593</v>
      </c>
      <c r="F6765" s="8">
        <v>182</v>
      </c>
      <c r="G6765" s="5">
        <v>6</v>
      </c>
      <c r="H6765" s="5" t="s">
        <v>1518</v>
      </c>
      <c r="I6765" s="5" t="s">
        <v>69038</v>
      </c>
      <c r="J6765" s="2" t="s">
        <v>69039</v>
      </c>
      <c r="K6765" s="5" t="s">
        <v>69038</v>
      </c>
      <c r="L6765" s="2" t="s">
        <v>69039</v>
      </c>
      <c r="M6765" s="5" t="s">
        <v>1521</v>
      </c>
      <c r="N6765" s="5" t="s">
        <v>38</v>
      </c>
      <c r="O6765" s="5" t="s">
        <v>39</v>
      </c>
      <c r="P6765" s="5" t="s">
        <v>40</v>
      </c>
      <c r="Q6765" s="5" t="s">
        <v>1522</v>
      </c>
      <c r="R6765" s="5" t="s">
        <v>1523</v>
      </c>
      <c r="S6765" s="5" t="s">
        <v>42</v>
      </c>
      <c r="T6765" s="2">
        <v>2.0950000000000002</v>
      </c>
      <c r="U6765" s="2">
        <v>1.732</v>
      </c>
      <c r="V6765" s="2">
        <v>10.6</v>
      </c>
      <c r="W6765" s="2">
        <v>139.1</v>
      </c>
      <c r="X6765" s="2">
        <v>7.6</v>
      </c>
      <c r="Y6765" s="2">
        <v>10.6</v>
      </c>
      <c r="Z6765" s="5"/>
      <c r="AA6765" s="5" t="s">
        <v>43</v>
      </c>
      <c r="AB6765" s="5" t="s">
        <v>44</v>
      </c>
      <c r="AC6765" s="2"/>
      <c r="AD6765" s="1"/>
    </row>
    <row r="6766" spans="1:30">
      <c r="A6766" s="5" t="s">
        <v>83578</v>
      </c>
      <c r="B6766" s="2" t="s">
        <v>104413</v>
      </c>
      <c r="C6766" s="14" t="s">
        <v>104414</v>
      </c>
      <c r="D6766" s="2" t="s">
        <v>104415</v>
      </c>
      <c r="E6766" s="2" t="s">
        <v>7433</v>
      </c>
      <c r="F6766" s="8">
        <v>182</v>
      </c>
      <c r="G6766" s="5">
        <v>6</v>
      </c>
      <c r="H6766" s="5" t="s">
        <v>1518</v>
      </c>
      <c r="I6766" s="5" t="s">
        <v>69038</v>
      </c>
      <c r="J6766" s="2" t="s">
        <v>69039</v>
      </c>
      <c r="K6766" s="5" t="s">
        <v>69038</v>
      </c>
      <c r="L6766" s="2" t="s">
        <v>69039</v>
      </c>
      <c r="M6766" s="5" t="s">
        <v>1521</v>
      </c>
      <c r="N6766" s="5" t="s">
        <v>38</v>
      </c>
      <c r="O6766" s="5" t="s">
        <v>39</v>
      </c>
      <c r="P6766" s="5" t="s">
        <v>40</v>
      </c>
      <c r="Q6766" s="5" t="s">
        <v>1522</v>
      </c>
      <c r="R6766" s="5" t="s">
        <v>1523</v>
      </c>
      <c r="S6766" s="5" t="s">
        <v>42</v>
      </c>
      <c r="T6766" s="2">
        <v>2.0950000000000002</v>
      </c>
      <c r="U6766" s="2">
        <v>1.732</v>
      </c>
      <c r="V6766" s="2">
        <v>10.6</v>
      </c>
      <c r="W6766" s="2">
        <v>139.1</v>
      </c>
      <c r="X6766" s="2">
        <v>7.6</v>
      </c>
      <c r="Y6766" s="2">
        <v>10.6</v>
      </c>
      <c r="Z6766" s="5"/>
      <c r="AA6766" s="5" t="s">
        <v>43</v>
      </c>
      <c r="AB6766" s="5" t="s">
        <v>44</v>
      </c>
      <c r="AC6766" s="2"/>
      <c r="AD6766" s="1"/>
    </row>
    <row r="6767" spans="1:30">
      <c r="A6767" s="5" t="s">
        <v>83578</v>
      </c>
      <c r="B6767" s="2" t="s">
        <v>104416</v>
      </c>
      <c r="C6767" s="14" t="s">
        <v>104417</v>
      </c>
      <c r="D6767" s="2" t="s">
        <v>104418</v>
      </c>
      <c r="E6767" s="2" t="s">
        <v>7615</v>
      </c>
      <c r="F6767" s="8">
        <v>182</v>
      </c>
      <c r="G6767" s="5">
        <v>6</v>
      </c>
      <c r="H6767" s="5" t="s">
        <v>1518</v>
      </c>
      <c r="I6767" s="5" t="s">
        <v>69038</v>
      </c>
      <c r="J6767" s="2" t="s">
        <v>69039</v>
      </c>
      <c r="K6767" s="5" t="s">
        <v>69038</v>
      </c>
      <c r="L6767" s="2" t="s">
        <v>69039</v>
      </c>
      <c r="M6767" s="5" t="s">
        <v>1521</v>
      </c>
      <c r="N6767" s="5" t="s">
        <v>38</v>
      </c>
      <c r="O6767" s="5" t="s">
        <v>39</v>
      </c>
      <c r="P6767" s="5" t="s">
        <v>40</v>
      </c>
      <c r="Q6767" s="5" t="s">
        <v>1522</v>
      </c>
      <c r="R6767" s="5" t="s">
        <v>1523</v>
      </c>
      <c r="S6767" s="5" t="s">
        <v>42</v>
      </c>
      <c r="T6767" s="2">
        <v>2.0950000000000002</v>
      </c>
      <c r="U6767" s="2">
        <v>1.732</v>
      </c>
      <c r="V6767" s="2">
        <v>10.6</v>
      </c>
      <c r="W6767" s="2">
        <v>139.1</v>
      </c>
      <c r="X6767" s="2">
        <v>7.6</v>
      </c>
      <c r="Y6767" s="2">
        <v>10.6</v>
      </c>
      <c r="Z6767" s="5"/>
      <c r="AA6767" s="5" t="s">
        <v>43</v>
      </c>
      <c r="AB6767" s="5" t="s">
        <v>44</v>
      </c>
      <c r="AC6767" s="2"/>
      <c r="AD6767" s="1"/>
    </row>
    <row r="6768" spans="1:30">
      <c r="A6768" s="5" t="s">
        <v>83578</v>
      </c>
      <c r="B6768" s="2" t="s">
        <v>104419</v>
      </c>
      <c r="C6768" s="14" t="s">
        <v>104420</v>
      </c>
      <c r="D6768" s="2" t="s">
        <v>104421</v>
      </c>
      <c r="E6768" s="2" t="s">
        <v>7410</v>
      </c>
      <c r="F6768" s="8">
        <v>182</v>
      </c>
      <c r="G6768" s="5">
        <v>6</v>
      </c>
      <c r="H6768" s="5" t="s">
        <v>1518</v>
      </c>
      <c r="I6768" s="5" t="s">
        <v>69038</v>
      </c>
      <c r="J6768" s="2" t="s">
        <v>69039</v>
      </c>
      <c r="K6768" s="5" t="s">
        <v>69038</v>
      </c>
      <c r="L6768" s="2" t="s">
        <v>69039</v>
      </c>
      <c r="M6768" s="5" t="s">
        <v>1521</v>
      </c>
      <c r="N6768" s="5" t="s">
        <v>38</v>
      </c>
      <c r="O6768" s="5" t="s">
        <v>39</v>
      </c>
      <c r="P6768" s="5" t="s">
        <v>40</v>
      </c>
      <c r="Q6768" s="5" t="s">
        <v>1522</v>
      </c>
      <c r="R6768" s="5" t="s">
        <v>1523</v>
      </c>
      <c r="S6768" s="5" t="s">
        <v>42</v>
      </c>
      <c r="T6768" s="2">
        <v>2.0950000000000002</v>
      </c>
      <c r="U6768" s="2">
        <v>1.732</v>
      </c>
      <c r="V6768" s="2">
        <v>10.6</v>
      </c>
      <c r="W6768" s="2">
        <v>139.1</v>
      </c>
      <c r="X6768" s="2">
        <v>7.6</v>
      </c>
      <c r="Y6768" s="2">
        <v>10.6</v>
      </c>
      <c r="Z6768" s="5"/>
      <c r="AA6768" s="5" t="s">
        <v>43</v>
      </c>
      <c r="AB6768" s="5" t="s">
        <v>44</v>
      </c>
      <c r="AC6768" s="2"/>
      <c r="AD6768" s="1"/>
    </row>
    <row r="6769" spans="1:30">
      <c r="A6769" s="5" t="s">
        <v>83578</v>
      </c>
      <c r="B6769" s="2" t="s">
        <v>104422</v>
      </c>
      <c r="C6769" s="14" t="s">
        <v>104423</v>
      </c>
      <c r="D6769" s="2" t="s">
        <v>104424</v>
      </c>
      <c r="E6769" s="2" t="s">
        <v>7212</v>
      </c>
      <c r="F6769" s="8">
        <v>158</v>
      </c>
      <c r="G6769" s="5">
        <v>6</v>
      </c>
      <c r="H6769" s="5" t="s">
        <v>1518</v>
      </c>
      <c r="I6769" s="5" t="s">
        <v>69038</v>
      </c>
      <c r="J6769" s="2" t="s">
        <v>69039</v>
      </c>
      <c r="K6769" s="5" t="s">
        <v>69038</v>
      </c>
      <c r="L6769" s="2" t="s">
        <v>69039</v>
      </c>
      <c r="M6769" s="5" t="s">
        <v>1521</v>
      </c>
      <c r="N6769" s="5" t="s">
        <v>38</v>
      </c>
      <c r="O6769" s="5" t="s">
        <v>39</v>
      </c>
      <c r="P6769" s="5" t="s">
        <v>40</v>
      </c>
      <c r="Q6769" s="5" t="s">
        <v>1522</v>
      </c>
      <c r="R6769" s="5" t="s">
        <v>1523</v>
      </c>
      <c r="S6769" s="5" t="s">
        <v>42</v>
      </c>
      <c r="T6769" s="2">
        <v>2.0950000000000002</v>
      </c>
      <c r="U6769" s="2">
        <v>1.732</v>
      </c>
      <c r="V6769" s="2">
        <v>10.6</v>
      </c>
      <c r="W6769" s="2">
        <v>139.1</v>
      </c>
      <c r="X6769" s="2">
        <v>7.6</v>
      </c>
      <c r="Y6769" s="2">
        <v>10.6</v>
      </c>
      <c r="Z6769" s="5"/>
      <c r="AA6769" s="5" t="s">
        <v>43</v>
      </c>
      <c r="AB6769" s="5" t="s">
        <v>44</v>
      </c>
      <c r="AC6769" s="2"/>
      <c r="AD6769" s="1"/>
    </row>
    <row r="6770" spans="1:30">
      <c r="A6770" s="5" t="s">
        <v>83578</v>
      </c>
      <c r="B6770" s="2" t="s">
        <v>104425</v>
      </c>
      <c r="C6770" s="14" t="s">
        <v>104426</v>
      </c>
      <c r="D6770" s="2" t="s">
        <v>104427</v>
      </c>
      <c r="E6770" s="2" t="s">
        <v>7208</v>
      </c>
      <c r="F6770" s="8">
        <v>176</v>
      </c>
      <c r="G6770" s="5">
        <v>6</v>
      </c>
      <c r="H6770" s="5" t="s">
        <v>1518</v>
      </c>
      <c r="I6770" s="5" t="s">
        <v>69038</v>
      </c>
      <c r="J6770" s="2" t="s">
        <v>69039</v>
      </c>
      <c r="K6770" s="5" t="s">
        <v>69038</v>
      </c>
      <c r="L6770" s="2" t="s">
        <v>69039</v>
      </c>
      <c r="M6770" s="5" t="s">
        <v>1521</v>
      </c>
      <c r="N6770" s="5" t="s">
        <v>38</v>
      </c>
      <c r="O6770" s="5" t="s">
        <v>39</v>
      </c>
      <c r="P6770" s="5" t="s">
        <v>40</v>
      </c>
      <c r="Q6770" s="5" t="s">
        <v>1522</v>
      </c>
      <c r="R6770" s="5" t="s">
        <v>1523</v>
      </c>
      <c r="S6770" s="5" t="s">
        <v>42</v>
      </c>
      <c r="T6770" s="2">
        <v>2.266</v>
      </c>
      <c r="U6770" s="2">
        <v>1.8580000000000001</v>
      </c>
      <c r="V6770" s="2">
        <v>10.6</v>
      </c>
      <c r="W6770" s="2">
        <v>159.1</v>
      </c>
      <c r="X6770" s="2">
        <v>7.6</v>
      </c>
      <c r="Y6770" s="2">
        <v>10.6</v>
      </c>
      <c r="Z6770" s="5"/>
      <c r="AA6770" s="5" t="s">
        <v>43</v>
      </c>
      <c r="AB6770" s="5" t="s">
        <v>44</v>
      </c>
      <c r="AC6770" s="2"/>
      <c r="AD6770" s="1"/>
    </row>
    <row r="6771" spans="1:30">
      <c r="A6771" s="5" t="s">
        <v>83578</v>
      </c>
      <c r="B6771" s="2" t="s">
        <v>104428</v>
      </c>
      <c r="C6771" s="14" t="s">
        <v>104429</v>
      </c>
      <c r="D6771" s="2" t="s">
        <v>104430</v>
      </c>
      <c r="E6771" s="2" t="s">
        <v>7406</v>
      </c>
      <c r="F6771" s="8">
        <v>202</v>
      </c>
      <c r="G6771" s="5">
        <v>6</v>
      </c>
      <c r="H6771" s="5" t="s">
        <v>1518</v>
      </c>
      <c r="I6771" s="5" t="s">
        <v>69038</v>
      </c>
      <c r="J6771" s="2" t="s">
        <v>69039</v>
      </c>
      <c r="K6771" s="5" t="s">
        <v>69038</v>
      </c>
      <c r="L6771" s="2" t="s">
        <v>69039</v>
      </c>
      <c r="M6771" s="5" t="s">
        <v>1521</v>
      </c>
      <c r="N6771" s="5" t="s">
        <v>38</v>
      </c>
      <c r="O6771" s="5" t="s">
        <v>39</v>
      </c>
      <c r="P6771" s="5" t="s">
        <v>40</v>
      </c>
      <c r="Q6771" s="5" t="s">
        <v>1522</v>
      </c>
      <c r="R6771" s="5" t="s">
        <v>1523</v>
      </c>
      <c r="S6771" s="5" t="s">
        <v>42</v>
      </c>
      <c r="T6771" s="2">
        <v>2.266</v>
      </c>
      <c r="U6771" s="2">
        <v>1.8580000000000001</v>
      </c>
      <c r="V6771" s="2">
        <v>10.6</v>
      </c>
      <c r="W6771" s="2">
        <v>159.1</v>
      </c>
      <c r="X6771" s="2">
        <v>7.6</v>
      </c>
      <c r="Y6771" s="2">
        <v>10.6</v>
      </c>
      <c r="Z6771" s="5"/>
      <c r="AA6771" s="5" t="s">
        <v>43</v>
      </c>
      <c r="AB6771" s="5" t="s">
        <v>44</v>
      </c>
      <c r="AC6771" s="2"/>
      <c r="AD6771" s="1"/>
    </row>
    <row r="6772" spans="1:30">
      <c r="A6772" s="5" t="s">
        <v>83578</v>
      </c>
      <c r="B6772" s="2" t="s">
        <v>104431</v>
      </c>
      <c r="C6772" s="14" t="s">
        <v>104432</v>
      </c>
      <c r="D6772" s="2" t="s">
        <v>104433</v>
      </c>
      <c r="E6772" s="2" t="s">
        <v>7539</v>
      </c>
      <c r="F6772" s="8">
        <v>202</v>
      </c>
      <c r="G6772" s="5">
        <v>6</v>
      </c>
      <c r="H6772" s="5" t="s">
        <v>1518</v>
      </c>
      <c r="I6772" s="5" t="s">
        <v>69038</v>
      </c>
      <c r="J6772" s="2" t="s">
        <v>69039</v>
      </c>
      <c r="K6772" s="5" t="s">
        <v>69038</v>
      </c>
      <c r="L6772" s="2" t="s">
        <v>69039</v>
      </c>
      <c r="M6772" s="5" t="s">
        <v>1521</v>
      </c>
      <c r="N6772" s="5" t="s">
        <v>38</v>
      </c>
      <c r="O6772" s="5" t="s">
        <v>39</v>
      </c>
      <c r="P6772" s="5" t="s">
        <v>40</v>
      </c>
      <c r="Q6772" s="5" t="s">
        <v>1522</v>
      </c>
      <c r="R6772" s="5" t="s">
        <v>1523</v>
      </c>
      <c r="S6772" s="5" t="s">
        <v>42</v>
      </c>
      <c r="T6772" s="2">
        <v>2.266</v>
      </c>
      <c r="U6772" s="2">
        <v>1.8580000000000001</v>
      </c>
      <c r="V6772" s="2">
        <v>10.6</v>
      </c>
      <c r="W6772" s="2">
        <v>159.1</v>
      </c>
      <c r="X6772" s="2">
        <v>7.6</v>
      </c>
      <c r="Y6772" s="2">
        <v>10.6</v>
      </c>
      <c r="Z6772" s="5"/>
      <c r="AA6772" s="5" t="s">
        <v>43</v>
      </c>
      <c r="AB6772" s="5" t="s">
        <v>44</v>
      </c>
      <c r="AC6772" s="2"/>
      <c r="AD6772" s="1"/>
    </row>
    <row r="6773" spans="1:30">
      <c r="A6773" s="5" t="s">
        <v>83578</v>
      </c>
      <c r="B6773" s="2" t="s">
        <v>104434</v>
      </c>
      <c r="C6773" s="14" t="s">
        <v>104435</v>
      </c>
      <c r="D6773" s="2" t="s">
        <v>104436</v>
      </c>
      <c r="E6773" s="2" t="s">
        <v>7396</v>
      </c>
      <c r="F6773" s="8">
        <v>176</v>
      </c>
      <c r="G6773" s="5">
        <v>6</v>
      </c>
      <c r="H6773" s="5" t="s">
        <v>1518</v>
      </c>
      <c r="I6773" s="5" t="s">
        <v>69038</v>
      </c>
      <c r="J6773" s="2" t="s">
        <v>69039</v>
      </c>
      <c r="K6773" s="5" t="s">
        <v>69038</v>
      </c>
      <c r="L6773" s="2" t="s">
        <v>69039</v>
      </c>
      <c r="M6773" s="5" t="s">
        <v>1521</v>
      </c>
      <c r="N6773" s="5" t="s">
        <v>38</v>
      </c>
      <c r="O6773" s="5" t="s">
        <v>39</v>
      </c>
      <c r="P6773" s="5" t="s">
        <v>40</v>
      </c>
      <c r="Q6773" s="5" t="s">
        <v>1522</v>
      </c>
      <c r="R6773" s="5" t="s">
        <v>1523</v>
      </c>
      <c r="S6773" s="5" t="s">
        <v>42</v>
      </c>
      <c r="T6773" s="2">
        <v>2.266</v>
      </c>
      <c r="U6773" s="2">
        <v>1.8580000000000001</v>
      </c>
      <c r="V6773" s="2">
        <v>10.6</v>
      </c>
      <c r="W6773" s="2">
        <v>159.1</v>
      </c>
      <c r="X6773" s="2">
        <v>7.6</v>
      </c>
      <c r="Y6773" s="2">
        <v>10.6</v>
      </c>
      <c r="Z6773" s="5"/>
      <c r="AA6773" s="5" t="s">
        <v>43</v>
      </c>
      <c r="AB6773" s="5" t="s">
        <v>44</v>
      </c>
      <c r="AC6773" s="2"/>
      <c r="AD6773" s="1"/>
    </row>
    <row r="6774" spans="1:30">
      <c r="A6774" s="5" t="s">
        <v>83578</v>
      </c>
      <c r="B6774" s="2" t="s">
        <v>104437</v>
      </c>
      <c r="C6774" s="14" t="s">
        <v>104438</v>
      </c>
      <c r="D6774" s="2" t="s">
        <v>104439</v>
      </c>
      <c r="E6774" s="2" t="s">
        <v>7547</v>
      </c>
      <c r="F6774" s="8">
        <v>202</v>
      </c>
      <c r="G6774" s="5">
        <v>6</v>
      </c>
      <c r="H6774" s="5" t="s">
        <v>1518</v>
      </c>
      <c r="I6774" s="5" t="s">
        <v>69038</v>
      </c>
      <c r="J6774" s="2" t="s">
        <v>69039</v>
      </c>
      <c r="K6774" s="5" t="s">
        <v>69038</v>
      </c>
      <c r="L6774" s="2" t="s">
        <v>69039</v>
      </c>
      <c r="M6774" s="5" t="s">
        <v>1521</v>
      </c>
      <c r="N6774" s="5" t="s">
        <v>38</v>
      </c>
      <c r="O6774" s="5" t="s">
        <v>39</v>
      </c>
      <c r="P6774" s="5" t="s">
        <v>40</v>
      </c>
      <c r="Q6774" s="5" t="s">
        <v>1522</v>
      </c>
      <c r="R6774" s="5" t="s">
        <v>1523</v>
      </c>
      <c r="S6774" s="5" t="s">
        <v>42</v>
      </c>
      <c r="T6774" s="2">
        <v>2.266</v>
      </c>
      <c r="U6774" s="2">
        <v>1.8580000000000001</v>
      </c>
      <c r="V6774" s="2">
        <v>10.6</v>
      </c>
      <c r="W6774" s="2">
        <v>159.1</v>
      </c>
      <c r="X6774" s="2">
        <v>7.6</v>
      </c>
      <c r="Y6774" s="2">
        <v>10.6</v>
      </c>
      <c r="Z6774" s="5"/>
      <c r="AA6774" s="5" t="s">
        <v>43</v>
      </c>
      <c r="AB6774" s="5" t="s">
        <v>44</v>
      </c>
      <c r="AC6774" s="2"/>
      <c r="AD6774" s="1"/>
    </row>
    <row r="6775" spans="1:30">
      <c r="A6775" s="5" t="s">
        <v>83578</v>
      </c>
      <c r="B6775" s="2" t="s">
        <v>104440</v>
      </c>
      <c r="C6775" s="14" t="s">
        <v>104441</v>
      </c>
      <c r="D6775" s="2" t="s">
        <v>104442</v>
      </c>
      <c r="E6775" s="2" t="s">
        <v>7563</v>
      </c>
      <c r="F6775" s="8">
        <v>202</v>
      </c>
      <c r="G6775" s="5">
        <v>6</v>
      </c>
      <c r="H6775" s="5" t="s">
        <v>1518</v>
      </c>
      <c r="I6775" s="5" t="s">
        <v>69038</v>
      </c>
      <c r="J6775" s="2" t="s">
        <v>69039</v>
      </c>
      <c r="K6775" s="5" t="s">
        <v>69038</v>
      </c>
      <c r="L6775" s="2" t="s">
        <v>69039</v>
      </c>
      <c r="M6775" s="5" t="s">
        <v>1521</v>
      </c>
      <c r="N6775" s="5" t="s">
        <v>38</v>
      </c>
      <c r="O6775" s="5" t="s">
        <v>39</v>
      </c>
      <c r="P6775" s="5" t="s">
        <v>40</v>
      </c>
      <c r="Q6775" s="5" t="s">
        <v>1522</v>
      </c>
      <c r="R6775" s="5" t="s">
        <v>1523</v>
      </c>
      <c r="S6775" s="5" t="s">
        <v>42</v>
      </c>
      <c r="T6775" s="2">
        <v>2.266</v>
      </c>
      <c r="U6775" s="2">
        <v>1.8580000000000001</v>
      </c>
      <c r="V6775" s="2">
        <v>10.6</v>
      </c>
      <c r="W6775" s="2">
        <v>159.1</v>
      </c>
      <c r="X6775" s="2">
        <v>7.6</v>
      </c>
      <c r="Y6775" s="2">
        <v>10.6</v>
      </c>
      <c r="Z6775" s="5"/>
      <c r="AA6775" s="5" t="s">
        <v>43</v>
      </c>
      <c r="AB6775" s="5" t="s">
        <v>44</v>
      </c>
      <c r="AC6775" s="2"/>
      <c r="AD6775" s="1"/>
    </row>
    <row r="6776" spans="1:30">
      <c r="A6776" s="5" t="s">
        <v>83578</v>
      </c>
      <c r="B6776" s="2" t="s">
        <v>104443</v>
      </c>
      <c r="C6776" s="14" t="s">
        <v>104444</v>
      </c>
      <c r="D6776" s="2" t="s">
        <v>104445</v>
      </c>
      <c r="E6776" s="2" t="s">
        <v>7555</v>
      </c>
      <c r="F6776" s="8">
        <v>202</v>
      </c>
      <c r="G6776" s="5">
        <v>6</v>
      </c>
      <c r="H6776" s="5" t="s">
        <v>1518</v>
      </c>
      <c r="I6776" s="5" t="s">
        <v>69038</v>
      </c>
      <c r="J6776" s="2" t="s">
        <v>69039</v>
      </c>
      <c r="K6776" s="5" t="s">
        <v>69038</v>
      </c>
      <c r="L6776" s="2" t="s">
        <v>69039</v>
      </c>
      <c r="M6776" s="5" t="s">
        <v>1521</v>
      </c>
      <c r="N6776" s="5" t="s">
        <v>38</v>
      </c>
      <c r="O6776" s="5" t="s">
        <v>39</v>
      </c>
      <c r="P6776" s="5" t="s">
        <v>40</v>
      </c>
      <c r="Q6776" s="5" t="s">
        <v>1522</v>
      </c>
      <c r="R6776" s="5" t="s">
        <v>1523</v>
      </c>
      <c r="S6776" s="5" t="s">
        <v>42</v>
      </c>
      <c r="T6776" s="2">
        <v>2.266</v>
      </c>
      <c r="U6776" s="2">
        <v>1.8580000000000001</v>
      </c>
      <c r="V6776" s="2">
        <v>10.6</v>
      </c>
      <c r="W6776" s="2">
        <v>159.1</v>
      </c>
      <c r="X6776" s="2">
        <v>7.6</v>
      </c>
      <c r="Y6776" s="2">
        <v>10.6</v>
      </c>
      <c r="Z6776" s="5"/>
      <c r="AA6776" s="5" t="s">
        <v>43</v>
      </c>
      <c r="AB6776" s="5" t="s">
        <v>44</v>
      </c>
      <c r="AC6776" s="2"/>
      <c r="AD6776" s="1"/>
    </row>
    <row r="6777" spans="1:30">
      <c r="A6777" s="5" t="s">
        <v>83578</v>
      </c>
      <c r="B6777" s="2" t="s">
        <v>104446</v>
      </c>
      <c r="C6777" s="14" t="s">
        <v>104447</v>
      </c>
      <c r="D6777" s="2" t="s">
        <v>104448</v>
      </c>
      <c r="E6777" s="2" t="s">
        <v>7429</v>
      </c>
      <c r="F6777" s="8">
        <v>202</v>
      </c>
      <c r="G6777" s="5">
        <v>6</v>
      </c>
      <c r="H6777" s="5" t="s">
        <v>1518</v>
      </c>
      <c r="I6777" s="5" t="s">
        <v>69038</v>
      </c>
      <c r="J6777" s="2" t="s">
        <v>69039</v>
      </c>
      <c r="K6777" s="5" t="s">
        <v>69038</v>
      </c>
      <c r="L6777" s="2" t="s">
        <v>69039</v>
      </c>
      <c r="M6777" s="5" t="s">
        <v>1521</v>
      </c>
      <c r="N6777" s="5" t="s">
        <v>38</v>
      </c>
      <c r="O6777" s="5" t="s">
        <v>39</v>
      </c>
      <c r="P6777" s="5" t="s">
        <v>40</v>
      </c>
      <c r="Q6777" s="5" t="s">
        <v>1522</v>
      </c>
      <c r="R6777" s="5" t="s">
        <v>1523</v>
      </c>
      <c r="S6777" s="5" t="s">
        <v>42</v>
      </c>
      <c r="T6777" s="2">
        <v>2.266</v>
      </c>
      <c r="U6777" s="2">
        <v>1.8580000000000001</v>
      </c>
      <c r="V6777" s="2">
        <v>10.6</v>
      </c>
      <c r="W6777" s="2">
        <v>159.1</v>
      </c>
      <c r="X6777" s="2">
        <v>7.6</v>
      </c>
      <c r="Y6777" s="2">
        <v>10.6</v>
      </c>
      <c r="Z6777" s="5"/>
      <c r="AA6777" s="5" t="s">
        <v>43</v>
      </c>
      <c r="AB6777" s="5" t="s">
        <v>44</v>
      </c>
      <c r="AC6777" s="2"/>
      <c r="AD6777" s="1"/>
    </row>
    <row r="6778" spans="1:30">
      <c r="A6778" s="5" t="s">
        <v>83578</v>
      </c>
      <c r="B6778" s="2" t="s">
        <v>104449</v>
      </c>
      <c r="C6778" s="14" t="s">
        <v>104450</v>
      </c>
      <c r="D6778" s="2" t="s">
        <v>104451</v>
      </c>
      <c r="E6778" s="2" t="s">
        <v>7449</v>
      </c>
      <c r="F6778" s="8">
        <v>202</v>
      </c>
      <c r="G6778" s="5">
        <v>6</v>
      </c>
      <c r="H6778" s="5" t="s">
        <v>1518</v>
      </c>
      <c r="I6778" s="5" t="s">
        <v>69038</v>
      </c>
      <c r="J6778" s="2" t="s">
        <v>69039</v>
      </c>
      <c r="K6778" s="5" t="s">
        <v>69038</v>
      </c>
      <c r="L6778" s="2" t="s">
        <v>69039</v>
      </c>
      <c r="M6778" s="5" t="s">
        <v>1521</v>
      </c>
      <c r="N6778" s="5" t="s">
        <v>38</v>
      </c>
      <c r="O6778" s="5" t="s">
        <v>39</v>
      </c>
      <c r="P6778" s="5" t="s">
        <v>40</v>
      </c>
      <c r="Q6778" s="5" t="s">
        <v>1522</v>
      </c>
      <c r="R6778" s="5" t="s">
        <v>1523</v>
      </c>
      <c r="S6778" s="5" t="s">
        <v>42</v>
      </c>
      <c r="T6778" s="2">
        <v>2.266</v>
      </c>
      <c r="U6778" s="2">
        <v>1.8580000000000001</v>
      </c>
      <c r="V6778" s="2">
        <v>10.6</v>
      </c>
      <c r="W6778" s="2">
        <v>159.1</v>
      </c>
      <c r="X6778" s="2">
        <v>7.6</v>
      </c>
      <c r="Y6778" s="2">
        <v>10.6</v>
      </c>
      <c r="Z6778" s="5"/>
      <c r="AA6778" s="5" t="s">
        <v>43</v>
      </c>
      <c r="AB6778" s="5" t="s">
        <v>44</v>
      </c>
      <c r="AC6778" s="2"/>
      <c r="AD6778" s="1"/>
    </row>
    <row r="6779" spans="1:30">
      <c r="A6779" s="5" t="s">
        <v>83578</v>
      </c>
      <c r="B6779" s="2" t="s">
        <v>104452</v>
      </c>
      <c r="C6779" s="14" t="s">
        <v>104453</v>
      </c>
      <c r="D6779" s="2" t="s">
        <v>104454</v>
      </c>
      <c r="E6779" s="2" t="s">
        <v>7585</v>
      </c>
      <c r="F6779" s="8">
        <v>202</v>
      </c>
      <c r="G6779" s="5">
        <v>6</v>
      </c>
      <c r="H6779" s="5" t="s">
        <v>1518</v>
      </c>
      <c r="I6779" s="5" t="s">
        <v>69038</v>
      </c>
      <c r="J6779" s="2" t="s">
        <v>69039</v>
      </c>
      <c r="K6779" s="5" t="s">
        <v>69038</v>
      </c>
      <c r="L6779" s="2" t="s">
        <v>69039</v>
      </c>
      <c r="M6779" s="5" t="s">
        <v>1521</v>
      </c>
      <c r="N6779" s="5" t="s">
        <v>38</v>
      </c>
      <c r="O6779" s="5" t="s">
        <v>39</v>
      </c>
      <c r="P6779" s="5" t="s">
        <v>40</v>
      </c>
      <c r="Q6779" s="5" t="s">
        <v>1522</v>
      </c>
      <c r="R6779" s="5" t="s">
        <v>1523</v>
      </c>
      <c r="S6779" s="5" t="s">
        <v>42</v>
      </c>
      <c r="T6779" s="2">
        <v>2.266</v>
      </c>
      <c r="U6779" s="2">
        <v>1.8580000000000001</v>
      </c>
      <c r="V6779" s="2">
        <v>10.6</v>
      </c>
      <c r="W6779" s="2">
        <v>159.1</v>
      </c>
      <c r="X6779" s="2">
        <v>7.6</v>
      </c>
      <c r="Y6779" s="2">
        <v>10.6</v>
      </c>
      <c r="Z6779" s="5"/>
      <c r="AA6779" s="5" t="s">
        <v>43</v>
      </c>
      <c r="AB6779" s="5" t="s">
        <v>44</v>
      </c>
      <c r="AC6779" s="2"/>
      <c r="AD6779" s="1"/>
    </row>
    <row r="6780" spans="1:30">
      <c r="A6780" s="5" t="s">
        <v>83578</v>
      </c>
      <c r="B6780" s="2" t="s">
        <v>104455</v>
      </c>
      <c r="C6780" s="14" t="s">
        <v>104456</v>
      </c>
      <c r="D6780" s="2" t="s">
        <v>104457</v>
      </c>
      <c r="E6780" s="2" t="s">
        <v>7593</v>
      </c>
      <c r="F6780" s="8">
        <v>202</v>
      </c>
      <c r="G6780" s="5">
        <v>6</v>
      </c>
      <c r="H6780" s="5" t="s">
        <v>1518</v>
      </c>
      <c r="I6780" s="5" t="s">
        <v>69038</v>
      </c>
      <c r="J6780" s="2" t="s">
        <v>69039</v>
      </c>
      <c r="K6780" s="5" t="s">
        <v>69038</v>
      </c>
      <c r="L6780" s="2" t="s">
        <v>69039</v>
      </c>
      <c r="M6780" s="5" t="s">
        <v>1521</v>
      </c>
      <c r="N6780" s="5" t="s">
        <v>38</v>
      </c>
      <c r="O6780" s="5" t="s">
        <v>39</v>
      </c>
      <c r="P6780" s="5" t="s">
        <v>40</v>
      </c>
      <c r="Q6780" s="5" t="s">
        <v>1522</v>
      </c>
      <c r="R6780" s="5" t="s">
        <v>1523</v>
      </c>
      <c r="S6780" s="5" t="s">
        <v>42</v>
      </c>
      <c r="T6780" s="2">
        <v>2.266</v>
      </c>
      <c r="U6780" s="2">
        <v>1.8580000000000001</v>
      </c>
      <c r="V6780" s="2">
        <v>10.6</v>
      </c>
      <c r="W6780" s="2">
        <v>159.1</v>
      </c>
      <c r="X6780" s="2">
        <v>7.6</v>
      </c>
      <c r="Y6780" s="2">
        <v>10.6</v>
      </c>
      <c r="Z6780" s="5"/>
      <c r="AA6780" s="5" t="s">
        <v>43</v>
      </c>
      <c r="AB6780" s="5" t="s">
        <v>44</v>
      </c>
      <c r="AC6780" s="2"/>
      <c r="AD6780" s="1"/>
    </row>
    <row r="6781" spans="1:30">
      <c r="A6781" s="5" t="s">
        <v>83578</v>
      </c>
      <c r="B6781" s="2" t="s">
        <v>104458</v>
      </c>
      <c r="C6781" s="14" t="s">
        <v>104459</v>
      </c>
      <c r="D6781" s="2" t="s">
        <v>104460</v>
      </c>
      <c r="E6781" s="2" t="s">
        <v>7433</v>
      </c>
      <c r="F6781" s="8">
        <v>202</v>
      </c>
      <c r="G6781" s="5">
        <v>6</v>
      </c>
      <c r="H6781" s="5" t="s">
        <v>1518</v>
      </c>
      <c r="I6781" s="5" t="s">
        <v>69038</v>
      </c>
      <c r="J6781" s="2" t="s">
        <v>69039</v>
      </c>
      <c r="K6781" s="5" t="s">
        <v>69038</v>
      </c>
      <c r="L6781" s="2" t="s">
        <v>69039</v>
      </c>
      <c r="M6781" s="5" t="s">
        <v>1521</v>
      </c>
      <c r="N6781" s="5" t="s">
        <v>38</v>
      </c>
      <c r="O6781" s="5" t="s">
        <v>39</v>
      </c>
      <c r="P6781" s="5" t="s">
        <v>40</v>
      </c>
      <c r="Q6781" s="5" t="s">
        <v>1522</v>
      </c>
      <c r="R6781" s="5" t="s">
        <v>1523</v>
      </c>
      <c r="S6781" s="5" t="s">
        <v>42</v>
      </c>
      <c r="T6781" s="2">
        <v>2.266</v>
      </c>
      <c r="U6781" s="2">
        <v>1.8580000000000001</v>
      </c>
      <c r="V6781" s="2">
        <v>10.6</v>
      </c>
      <c r="W6781" s="2">
        <v>159.1</v>
      </c>
      <c r="X6781" s="2">
        <v>7.6</v>
      </c>
      <c r="Y6781" s="2">
        <v>10.6</v>
      </c>
      <c r="Z6781" s="5"/>
      <c r="AA6781" s="5" t="s">
        <v>43</v>
      </c>
      <c r="AB6781" s="5" t="s">
        <v>44</v>
      </c>
      <c r="AC6781" s="2"/>
      <c r="AD6781" s="1"/>
    </row>
    <row r="6782" spans="1:30">
      <c r="A6782" s="5" t="s">
        <v>83578</v>
      </c>
      <c r="B6782" s="2" t="s">
        <v>104461</v>
      </c>
      <c r="C6782" s="14" t="s">
        <v>104462</v>
      </c>
      <c r="D6782" s="2" t="s">
        <v>104463</v>
      </c>
      <c r="E6782" s="2" t="s">
        <v>7615</v>
      </c>
      <c r="F6782" s="8">
        <v>202</v>
      </c>
      <c r="G6782" s="5">
        <v>6</v>
      </c>
      <c r="H6782" s="5" t="s">
        <v>1518</v>
      </c>
      <c r="I6782" s="5" t="s">
        <v>69038</v>
      </c>
      <c r="J6782" s="2" t="s">
        <v>69039</v>
      </c>
      <c r="K6782" s="5" t="s">
        <v>69038</v>
      </c>
      <c r="L6782" s="2" t="s">
        <v>69039</v>
      </c>
      <c r="M6782" s="5" t="s">
        <v>1521</v>
      </c>
      <c r="N6782" s="5" t="s">
        <v>38</v>
      </c>
      <c r="O6782" s="5" t="s">
        <v>39</v>
      </c>
      <c r="P6782" s="5" t="s">
        <v>40</v>
      </c>
      <c r="Q6782" s="5" t="s">
        <v>1522</v>
      </c>
      <c r="R6782" s="5" t="s">
        <v>1523</v>
      </c>
      <c r="S6782" s="5" t="s">
        <v>42</v>
      </c>
      <c r="T6782" s="2">
        <v>2.266</v>
      </c>
      <c r="U6782" s="2">
        <v>1.8580000000000001</v>
      </c>
      <c r="V6782" s="2">
        <v>10.6</v>
      </c>
      <c r="W6782" s="2">
        <v>159.1</v>
      </c>
      <c r="X6782" s="2">
        <v>7.6</v>
      </c>
      <c r="Y6782" s="2">
        <v>10.6</v>
      </c>
      <c r="Z6782" s="5"/>
      <c r="AA6782" s="5" t="s">
        <v>43</v>
      </c>
      <c r="AB6782" s="5" t="s">
        <v>44</v>
      </c>
      <c r="AC6782" s="2"/>
      <c r="AD6782" s="1"/>
    </row>
    <row r="6783" spans="1:30">
      <c r="A6783" s="5" t="s">
        <v>83578</v>
      </c>
      <c r="B6783" s="2" t="s">
        <v>104464</v>
      </c>
      <c r="C6783" s="14" t="s">
        <v>104465</v>
      </c>
      <c r="D6783" s="2" t="s">
        <v>104466</v>
      </c>
      <c r="E6783" s="2" t="s">
        <v>7410</v>
      </c>
      <c r="F6783" s="8">
        <v>202</v>
      </c>
      <c r="G6783" s="5">
        <v>6</v>
      </c>
      <c r="H6783" s="5" t="s">
        <v>1518</v>
      </c>
      <c r="I6783" s="5" t="s">
        <v>69038</v>
      </c>
      <c r="J6783" s="2" t="s">
        <v>69039</v>
      </c>
      <c r="K6783" s="5" t="s">
        <v>69038</v>
      </c>
      <c r="L6783" s="2" t="s">
        <v>69039</v>
      </c>
      <c r="M6783" s="5" t="s">
        <v>1521</v>
      </c>
      <c r="N6783" s="5" t="s">
        <v>38</v>
      </c>
      <c r="O6783" s="5" t="s">
        <v>39</v>
      </c>
      <c r="P6783" s="5" t="s">
        <v>40</v>
      </c>
      <c r="Q6783" s="5" t="s">
        <v>1522</v>
      </c>
      <c r="R6783" s="5" t="s">
        <v>1523</v>
      </c>
      <c r="S6783" s="5" t="s">
        <v>42</v>
      </c>
      <c r="T6783" s="2">
        <v>2.266</v>
      </c>
      <c r="U6783" s="2">
        <v>1.8580000000000001</v>
      </c>
      <c r="V6783" s="2">
        <v>10.6</v>
      </c>
      <c r="W6783" s="2">
        <v>159.1</v>
      </c>
      <c r="X6783" s="2">
        <v>7.6</v>
      </c>
      <c r="Y6783" s="2">
        <v>10.6</v>
      </c>
      <c r="Z6783" s="5"/>
      <c r="AA6783" s="5" t="s">
        <v>43</v>
      </c>
      <c r="AB6783" s="5" t="s">
        <v>44</v>
      </c>
      <c r="AC6783" s="2"/>
      <c r="AD6783" s="1"/>
    </row>
    <row r="6784" spans="1:30">
      <c r="A6784" s="5" t="s">
        <v>83578</v>
      </c>
      <c r="B6784" s="2" t="s">
        <v>104467</v>
      </c>
      <c r="C6784" s="14" t="s">
        <v>104468</v>
      </c>
      <c r="D6784" s="2" t="s">
        <v>104469</v>
      </c>
      <c r="E6784" s="2" t="s">
        <v>7212</v>
      </c>
      <c r="F6784" s="8">
        <v>176</v>
      </c>
      <c r="G6784" s="5">
        <v>6</v>
      </c>
      <c r="H6784" s="5" t="s">
        <v>1518</v>
      </c>
      <c r="I6784" s="5" t="s">
        <v>69038</v>
      </c>
      <c r="J6784" s="2" t="s">
        <v>69039</v>
      </c>
      <c r="K6784" s="5" t="s">
        <v>69038</v>
      </c>
      <c r="L6784" s="2" t="s">
        <v>69039</v>
      </c>
      <c r="M6784" s="5" t="s">
        <v>1521</v>
      </c>
      <c r="N6784" s="5" t="s">
        <v>38</v>
      </c>
      <c r="O6784" s="5" t="s">
        <v>39</v>
      </c>
      <c r="P6784" s="5" t="s">
        <v>40</v>
      </c>
      <c r="Q6784" s="5" t="s">
        <v>1522</v>
      </c>
      <c r="R6784" s="5" t="s">
        <v>1523</v>
      </c>
      <c r="S6784" s="5" t="s">
        <v>42</v>
      </c>
      <c r="T6784" s="2">
        <v>2.266</v>
      </c>
      <c r="U6784" s="2">
        <v>1.8580000000000001</v>
      </c>
      <c r="V6784" s="2">
        <v>10.6</v>
      </c>
      <c r="W6784" s="2">
        <v>159.1</v>
      </c>
      <c r="X6784" s="2">
        <v>7.6</v>
      </c>
      <c r="Y6784" s="2">
        <v>10.6</v>
      </c>
      <c r="Z6784" s="5"/>
      <c r="AA6784" s="5" t="s">
        <v>43</v>
      </c>
      <c r="AB6784" s="5" t="s">
        <v>44</v>
      </c>
      <c r="AC6784" s="2"/>
      <c r="AD6784" s="1"/>
    </row>
    <row r="6785" spans="1:30">
      <c r="A6785" s="5" t="s">
        <v>83578</v>
      </c>
      <c r="B6785" s="2" t="s">
        <v>104470</v>
      </c>
      <c r="C6785" s="14" t="s">
        <v>104471</v>
      </c>
      <c r="D6785" s="2" t="s">
        <v>104472</v>
      </c>
      <c r="E6785" s="2" t="s">
        <v>7204</v>
      </c>
      <c r="F6785" s="8">
        <v>61</v>
      </c>
      <c r="G6785" s="5">
        <v>6</v>
      </c>
      <c r="H6785" s="5" t="s">
        <v>1518</v>
      </c>
      <c r="I6785" s="5" t="s">
        <v>69038</v>
      </c>
      <c r="J6785" s="2" t="s">
        <v>69039</v>
      </c>
      <c r="K6785" s="5" t="s">
        <v>69038</v>
      </c>
      <c r="L6785" s="2" t="s">
        <v>69039</v>
      </c>
      <c r="M6785" s="5" t="s">
        <v>1521</v>
      </c>
      <c r="N6785" s="5" t="s">
        <v>38</v>
      </c>
      <c r="O6785" s="5" t="s">
        <v>39</v>
      </c>
      <c r="P6785" s="5" t="s">
        <v>40</v>
      </c>
      <c r="Q6785" s="5" t="s">
        <v>1522</v>
      </c>
      <c r="R6785" s="5" t="s">
        <v>1523</v>
      </c>
      <c r="S6785" s="5" t="s">
        <v>42</v>
      </c>
      <c r="T6785" s="2">
        <v>0.71899999999999997</v>
      </c>
      <c r="U6785" s="2">
        <v>0.55000000000000004</v>
      </c>
      <c r="V6785" s="2">
        <v>7.4</v>
      </c>
      <c r="W6785" s="2">
        <v>65.900000000000006</v>
      </c>
      <c r="X6785" s="2">
        <v>7.1</v>
      </c>
      <c r="Y6785" s="2">
        <v>7.4</v>
      </c>
      <c r="Z6785" s="5"/>
      <c r="AA6785" s="5" t="s">
        <v>43</v>
      </c>
      <c r="AB6785" s="5" t="s">
        <v>44</v>
      </c>
      <c r="AC6785" s="2"/>
      <c r="AD6785" s="1"/>
    </row>
    <row r="6786" spans="1:30">
      <c r="A6786" s="5" t="s">
        <v>83578</v>
      </c>
      <c r="B6786" s="2" t="s">
        <v>104473</v>
      </c>
      <c r="C6786" s="14" t="s">
        <v>104474</v>
      </c>
      <c r="D6786" s="2" t="s">
        <v>104475</v>
      </c>
      <c r="E6786" s="2" t="s">
        <v>7208</v>
      </c>
      <c r="F6786" s="8">
        <v>61</v>
      </c>
      <c r="G6786" s="5">
        <v>6</v>
      </c>
      <c r="H6786" s="5" t="s">
        <v>1518</v>
      </c>
      <c r="I6786" s="5" t="s">
        <v>69038</v>
      </c>
      <c r="J6786" s="2" t="s">
        <v>69039</v>
      </c>
      <c r="K6786" s="5" t="s">
        <v>69038</v>
      </c>
      <c r="L6786" s="2" t="s">
        <v>69039</v>
      </c>
      <c r="M6786" s="5" t="s">
        <v>1521</v>
      </c>
      <c r="N6786" s="5" t="s">
        <v>38</v>
      </c>
      <c r="O6786" s="5" t="s">
        <v>39</v>
      </c>
      <c r="P6786" s="5" t="s">
        <v>40</v>
      </c>
      <c r="Q6786" s="5" t="s">
        <v>1522</v>
      </c>
      <c r="R6786" s="5" t="s">
        <v>1523</v>
      </c>
      <c r="S6786" s="5" t="s">
        <v>42</v>
      </c>
      <c r="T6786" s="2">
        <v>0.72099999999999997</v>
      </c>
      <c r="U6786" s="2">
        <v>0.55200000000000005</v>
      </c>
      <c r="V6786" s="2">
        <v>7.4</v>
      </c>
      <c r="W6786" s="2">
        <v>65.900000000000006</v>
      </c>
      <c r="X6786" s="2">
        <v>7.1</v>
      </c>
      <c r="Y6786" s="2">
        <v>7.4</v>
      </c>
      <c r="Z6786" s="5"/>
      <c r="AA6786" s="5" t="s">
        <v>43</v>
      </c>
      <c r="AB6786" s="5" t="s">
        <v>44</v>
      </c>
      <c r="AC6786" s="2"/>
      <c r="AD6786" s="1"/>
    </row>
    <row r="6787" spans="1:30">
      <c r="A6787" s="5" t="s">
        <v>83578</v>
      </c>
      <c r="B6787" s="2" t="s">
        <v>104476</v>
      </c>
      <c r="C6787" s="14" t="s">
        <v>104477</v>
      </c>
      <c r="D6787" s="2" t="s">
        <v>104478</v>
      </c>
      <c r="E6787" s="2" t="s">
        <v>7396</v>
      </c>
      <c r="F6787" s="8">
        <v>61</v>
      </c>
      <c r="G6787" s="5">
        <v>6</v>
      </c>
      <c r="H6787" s="5" t="s">
        <v>1518</v>
      </c>
      <c r="I6787" s="5" t="s">
        <v>69038</v>
      </c>
      <c r="J6787" s="2" t="s">
        <v>69039</v>
      </c>
      <c r="K6787" s="5" t="s">
        <v>69038</v>
      </c>
      <c r="L6787" s="2" t="s">
        <v>69039</v>
      </c>
      <c r="M6787" s="5" t="s">
        <v>1521</v>
      </c>
      <c r="N6787" s="5" t="s">
        <v>38</v>
      </c>
      <c r="O6787" s="5" t="s">
        <v>39</v>
      </c>
      <c r="P6787" s="5" t="s">
        <v>40</v>
      </c>
      <c r="Q6787" s="5" t="s">
        <v>1522</v>
      </c>
      <c r="R6787" s="5" t="s">
        <v>1523</v>
      </c>
      <c r="S6787" s="5" t="s">
        <v>42</v>
      </c>
      <c r="T6787" s="2">
        <v>0.72099999999999997</v>
      </c>
      <c r="U6787" s="2">
        <v>0.55200000000000005</v>
      </c>
      <c r="V6787" s="2">
        <v>7.4</v>
      </c>
      <c r="W6787" s="2">
        <v>65.900000000000006</v>
      </c>
      <c r="X6787" s="2">
        <v>7.1</v>
      </c>
      <c r="Y6787" s="2">
        <v>7.4</v>
      </c>
      <c r="Z6787" s="5"/>
      <c r="AA6787" s="5" t="s">
        <v>43</v>
      </c>
      <c r="AB6787" s="5" t="s">
        <v>44</v>
      </c>
      <c r="AC6787" s="2"/>
      <c r="AD6787" s="1"/>
    </row>
    <row r="6788" spans="1:30">
      <c r="A6788" s="5" t="s">
        <v>83578</v>
      </c>
      <c r="B6788" s="2" t="s">
        <v>104479</v>
      </c>
      <c r="C6788" s="14" t="s">
        <v>104480</v>
      </c>
      <c r="D6788" s="2" t="s">
        <v>104481</v>
      </c>
      <c r="E6788" s="2" t="s">
        <v>7212</v>
      </c>
      <c r="F6788" s="8">
        <v>61</v>
      </c>
      <c r="G6788" s="5">
        <v>6</v>
      </c>
      <c r="H6788" s="5" t="s">
        <v>1518</v>
      </c>
      <c r="I6788" s="5" t="s">
        <v>69038</v>
      </c>
      <c r="J6788" s="2" t="s">
        <v>69039</v>
      </c>
      <c r="K6788" s="5" t="s">
        <v>69038</v>
      </c>
      <c r="L6788" s="2" t="s">
        <v>69039</v>
      </c>
      <c r="M6788" s="5" t="s">
        <v>1521</v>
      </c>
      <c r="N6788" s="5" t="s">
        <v>38</v>
      </c>
      <c r="O6788" s="5" t="s">
        <v>39</v>
      </c>
      <c r="P6788" s="5" t="s">
        <v>40</v>
      </c>
      <c r="Q6788" s="5" t="s">
        <v>1522</v>
      </c>
      <c r="R6788" s="5" t="s">
        <v>1523</v>
      </c>
      <c r="S6788" s="5" t="s">
        <v>42</v>
      </c>
      <c r="T6788" s="2">
        <v>0.72099999999999997</v>
      </c>
      <c r="U6788" s="2">
        <v>0.55200000000000005</v>
      </c>
      <c r="V6788" s="2">
        <v>7.4</v>
      </c>
      <c r="W6788" s="2">
        <v>65.900000000000006</v>
      </c>
      <c r="X6788" s="2">
        <v>7.1</v>
      </c>
      <c r="Y6788" s="2">
        <v>7.4</v>
      </c>
      <c r="Z6788" s="5"/>
      <c r="AA6788" s="5" t="s">
        <v>43</v>
      </c>
      <c r="AB6788" s="5" t="s">
        <v>44</v>
      </c>
      <c r="AC6788" s="2"/>
      <c r="AD6788" s="1"/>
    </row>
    <row r="6789" spans="1:30">
      <c r="A6789" s="5" t="s">
        <v>83578</v>
      </c>
      <c r="B6789" s="2" t="s">
        <v>104482</v>
      </c>
      <c r="C6789" s="14" t="s">
        <v>104483</v>
      </c>
      <c r="D6789" s="2" t="s">
        <v>104484</v>
      </c>
      <c r="E6789" s="2" t="s">
        <v>7204</v>
      </c>
      <c r="F6789" s="8">
        <v>74</v>
      </c>
      <c r="G6789" s="5">
        <v>6</v>
      </c>
      <c r="H6789" s="5" t="s">
        <v>1518</v>
      </c>
      <c r="I6789" s="5" t="s">
        <v>69038</v>
      </c>
      <c r="J6789" s="2" t="s">
        <v>69039</v>
      </c>
      <c r="K6789" s="5" t="s">
        <v>69038</v>
      </c>
      <c r="L6789" s="2" t="s">
        <v>69039</v>
      </c>
      <c r="M6789" s="5" t="s">
        <v>1521</v>
      </c>
      <c r="N6789" s="5" t="s">
        <v>38</v>
      </c>
      <c r="O6789" s="5" t="s">
        <v>39</v>
      </c>
      <c r="P6789" s="5" t="s">
        <v>40</v>
      </c>
      <c r="Q6789" s="5" t="s">
        <v>1522</v>
      </c>
      <c r="R6789" s="5" t="s">
        <v>1523</v>
      </c>
      <c r="S6789" s="5" t="s">
        <v>42</v>
      </c>
      <c r="T6789" s="2">
        <v>0.80500000000000005</v>
      </c>
      <c r="U6789" s="2">
        <v>0.64800000000000002</v>
      </c>
      <c r="V6789" s="2">
        <v>7.4</v>
      </c>
      <c r="W6789" s="2">
        <v>65.900000000000006</v>
      </c>
      <c r="X6789" s="2">
        <v>7.1</v>
      </c>
      <c r="Y6789" s="2">
        <v>7.4</v>
      </c>
      <c r="Z6789" s="5"/>
      <c r="AA6789" s="5" t="s">
        <v>43</v>
      </c>
      <c r="AB6789" s="5" t="s">
        <v>44</v>
      </c>
      <c r="AC6789" s="2"/>
      <c r="AD6789" s="1"/>
    </row>
    <row r="6790" spans="1:30">
      <c r="A6790" s="5" t="s">
        <v>83578</v>
      </c>
      <c r="B6790" s="2" t="s">
        <v>104485</v>
      </c>
      <c r="C6790" s="14" t="s">
        <v>104486</v>
      </c>
      <c r="D6790" s="2" t="s">
        <v>104487</v>
      </c>
      <c r="E6790" s="2" t="s">
        <v>7208</v>
      </c>
      <c r="F6790" s="8">
        <v>74</v>
      </c>
      <c r="G6790" s="5">
        <v>6</v>
      </c>
      <c r="H6790" s="5" t="s">
        <v>1518</v>
      </c>
      <c r="I6790" s="5" t="s">
        <v>69038</v>
      </c>
      <c r="J6790" s="2" t="s">
        <v>69039</v>
      </c>
      <c r="K6790" s="5" t="s">
        <v>69038</v>
      </c>
      <c r="L6790" s="2" t="s">
        <v>69039</v>
      </c>
      <c r="M6790" s="5" t="s">
        <v>1521</v>
      </c>
      <c r="N6790" s="5" t="s">
        <v>38</v>
      </c>
      <c r="O6790" s="5" t="s">
        <v>39</v>
      </c>
      <c r="P6790" s="5" t="s">
        <v>40</v>
      </c>
      <c r="Q6790" s="5" t="s">
        <v>1522</v>
      </c>
      <c r="R6790" s="5" t="s">
        <v>1523</v>
      </c>
      <c r="S6790" s="5" t="s">
        <v>42</v>
      </c>
      <c r="T6790" s="2">
        <v>0.80800000000000005</v>
      </c>
      <c r="U6790" s="2">
        <v>0.65100000000000002</v>
      </c>
      <c r="V6790" s="2">
        <v>7.4</v>
      </c>
      <c r="W6790" s="2">
        <v>65.900000000000006</v>
      </c>
      <c r="X6790" s="2">
        <v>7.1</v>
      </c>
      <c r="Y6790" s="2">
        <v>7.4</v>
      </c>
      <c r="Z6790" s="5"/>
      <c r="AA6790" s="5" t="s">
        <v>43</v>
      </c>
      <c r="AB6790" s="5" t="s">
        <v>44</v>
      </c>
      <c r="AC6790" s="2"/>
      <c r="AD6790" s="1"/>
    </row>
    <row r="6791" spans="1:30">
      <c r="A6791" s="5" t="s">
        <v>83578</v>
      </c>
      <c r="B6791" s="2" t="s">
        <v>104488</v>
      </c>
      <c r="C6791" s="14" t="s">
        <v>104489</v>
      </c>
      <c r="D6791" s="2" t="s">
        <v>104490</v>
      </c>
      <c r="E6791" s="2" t="s">
        <v>7396</v>
      </c>
      <c r="F6791" s="8">
        <v>74</v>
      </c>
      <c r="G6791" s="5">
        <v>6</v>
      </c>
      <c r="H6791" s="5" t="s">
        <v>1518</v>
      </c>
      <c r="I6791" s="5" t="s">
        <v>69038</v>
      </c>
      <c r="J6791" s="2" t="s">
        <v>69039</v>
      </c>
      <c r="K6791" s="5" t="s">
        <v>69038</v>
      </c>
      <c r="L6791" s="2" t="s">
        <v>69039</v>
      </c>
      <c r="M6791" s="5" t="s">
        <v>1521</v>
      </c>
      <c r="N6791" s="5" t="s">
        <v>38</v>
      </c>
      <c r="O6791" s="5" t="s">
        <v>39</v>
      </c>
      <c r="P6791" s="5" t="s">
        <v>40</v>
      </c>
      <c r="Q6791" s="5" t="s">
        <v>1522</v>
      </c>
      <c r="R6791" s="5" t="s">
        <v>1523</v>
      </c>
      <c r="S6791" s="5" t="s">
        <v>42</v>
      </c>
      <c r="T6791" s="2">
        <v>0.80800000000000005</v>
      </c>
      <c r="U6791" s="2">
        <v>0.65100000000000002</v>
      </c>
      <c r="V6791" s="2">
        <v>7.4</v>
      </c>
      <c r="W6791" s="2">
        <v>65.900000000000006</v>
      </c>
      <c r="X6791" s="2">
        <v>7.1</v>
      </c>
      <c r="Y6791" s="2">
        <v>7.4</v>
      </c>
      <c r="Z6791" s="5"/>
      <c r="AA6791" s="5" t="s">
        <v>43</v>
      </c>
      <c r="AB6791" s="5" t="s">
        <v>44</v>
      </c>
      <c r="AC6791" s="2"/>
      <c r="AD6791" s="1"/>
    </row>
    <row r="6792" spans="1:30">
      <c r="A6792" s="5" t="s">
        <v>83578</v>
      </c>
      <c r="B6792" s="2" t="s">
        <v>104491</v>
      </c>
      <c r="C6792" s="14" t="s">
        <v>104492</v>
      </c>
      <c r="D6792" s="2" t="s">
        <v>104493</v>
      </c>
      <c r="E6792" s="2" t="s">
        <v>7212</v>
      </c>
      <c r="F6792" s="8">
        <v>74</v>
      </c>
      <c r="G6792" s="5">
        <v>6</v>
      </c>
      <c r="H6792" s="5" t="s">
        <v>1518</v>
      </c>
      <c r="I6792" s="5" t="s">
        <v>69038</v>
      </c>
      <c r="J6792" s="2" t="s">
        <v>69039</v>
      </c>
      <c r="K6792" s="5" t="s">
        <v>69038</v>
      </c>
      <c r="L6792" s="2" t="s">
        <v>69039</v>
      </c>
      <c r="M6792" s="5" t="s">
        <v>1521</v>
      </c>
      <c r="N6792" s="5" t="s">
        <v>38</v>
      </c>
      <c r="O6792" s="5" t="s">
        <v>39</v>
      </c>
      <c r="P6792" s="5" t="s">
        <v>40</v>
      </c>
      <c r="Q6792" s="5" t="s">
        <v>1522</v>
      </c>
      <c r="R6792" s="5" t="s">
        <v>1523</v>
      </c>
      <c r="S6792" s="5" t="s">
        <v>42</v>
      </c>
      <c r="T6792" s="2">
        <v>0.80800000000000005</v>
      </c>
      <c r="U6792" s="2">
        <v>0.65100000000000002</v>
      </c>
      <c r="V6792" s="2">
        <v>7.4</v>
      </c>
      <c r="W6792" s="2">
        <v>65.900000000000006</v>
      </c>
      <c r="X6792" s="2">
        <v>7.1</v>
      </c>
      <c r="Y6792" s="2">
        <v>7.4</v>
      </c>
      <c r="Z6792" s="5"/>
      <c r="AA6792" s="5" t="s">
        <v>43</v>
      </c>
      <c r="AB6792" s="5" t="s">
        <v>44</v>
      </c>
      <c r="AC6792" s="2"/>
      <c r="AD6792" s="1"/>
    </row>
    <row r="6793" spans="1:30">
      <c r="A6793" s="5" t="s">
        <v>83578</v>
      </c>
      <c r="B6793" s="2" t="s">
        <v>104494</v>
      </c>
      <c r="C6793" s="14" t="s">
        <v>104495</v>
      </c>
      <c r="D6793" s="2" t="s">
        <v>104496</v>
      </c>
      <c r="E6793" s="2" t="s">
        <v>7204</v>
      </c>
      <c r="F6793" s="8">
        <v>79</v>
      </c>
      <c r="G6793" s="5">
        <v>6</v>
      </c>
      <c r="H6793" s="5" t="s">
        <v>1518</v>
      </c>
      <c r="I6793" s="5" t="s">
        <v>69038</v>
      </c>
      <c r="J6793" s="2" t="s">
        <v>69039</v>
      </c>
      <c r="K6793" s="5" t="s">
        <v>69038</v>
      </c>
      <c r="L6793" s="2" t="s">
        <v>69039</v>
      </c>
      <c r="M6793" s="5" t="s">
        <v>1521</v>
      </c>
      <c r="N6793" s="5" t="s">
        <v>38</v>
      </c>
      <c r="O6793" s="5" t="s">
        <v>39</v>
      </c>
      <c r="P6793" s="5" t="s">
        <v>40</v>
      </c>
      <c r="Q6793" s="5" t="s">
        <v>1522</v>
      </c>
      <c r="R6793" s="5" t="s">
        <v>1523</v>
      </c>
      <c r="S6793" s="5" t="s">
        <v>42</v>
      </c>
      <c r="T6793" s="2">
        <v>0.97699999999999998</v>
      </c>
      <c r="U6793" s="2">
        <v>0.749</v>
      </c>
      <c r="V6793" s="2">
        <v>7.4</v>
      </c>
      <c r="W6793" s="2">
        <v>86.3</v>
      </c>
      <c r="X6793" s="2">
        <v>7.1</v>
      </c>
      <c r="Y6793" s="2">
        <v>7.4</v>
      </c>
      <c r="Z6793" s="5"/>
      <c r="AA6793" s="5" t="s">
        <v>43</v>
      </c>
      <c r="AB6793" s="5" t="s">
        <v>44</v>
      </c>
      <c r="AC6793" s="2"/>
      <c r="AD6793" s="1"/>
    </row>
    <row r="6794" spans="1:30">
      <c r="A6794" s="5" t="s">
        <v>83578</v>
      </c>
      <c r="B6794" s="2" t="s">
        <v>104497</v>
      </c>
      <c r="C6794" s="14" t="s">
        <v>104498</v>
      </c>
      <c r="D6794" s="2" t="s">
        <v>104499</v>
      </c>
      <c r="E6794" s="2" t="s">
        <v>7208</v>
      </c>
      <c r="F6794" s="8">
        <v>79</v>
      </c>
      <c r="G6794" s="5">
        <v>6</v>
      </c>
      <c r="H6794" s="5" t="s">
        <v>1518</v>
      </c>
      <c r="I6794" s="5" t="s">
        <v>69038</v>
      </c>
      <c r="J6794" s="2" t="s">
        <v>69039</v>
      </c>
      <c r="K6794" s="5" t="s">
        <v>69038</v>
      </c>
      <c r="L6794" s="2" t="s">
        <v>69039</v>
      </c>
      <c r="M6794" s="5" t="s">
        <v>1521</v>
      </c>
      <c r="N6794" s="5" t="s">
        <v>38</v>
      </c>
      <c r="O6794" s="5" t="s">
        <v>39</v>
      </c>
      <c r="P6794" s="5" t="s">
        <v>40</v>
      </c>
      <c r="Q6794" s="5" t="s">
        <v>1522</v>
      </c>
      <c r="R6794" s="5" t="s">
        <v>1523</v>
      </c>
      <c r="S6794" s="5" t="s">
        <v>42</v>
      </c>
      <c r="T6794" s="2">
        <v>0.98</v>
      </c>
      <c r="U6794" s="2">
        <v>0.752</v>
      </c>
      <c r="V6794" s="2">
        <v>7.4</v>
      </c>
      <c r="W6794" s="2">
        <v>86.3</v>
      </c>
      <c r="X6794" s="2">
        <v>7.1</v>
      </c>
      <c r="Y6794" s="2">
        <v>7.4</v>
      </c>
      <c r="Z6794" s="5"/>
      <c r="AA6794" s="5" t="s">
        <v>43</v>
      </c>
      <c r="AB6794" s="5" t="s">
        <v>44</v>
      </c>
      <c r="AC6794" s="2"/>
      <c r="AD6794" s="1"/>
    </row>
    <row r="6795" spans="1:30">
      <c r="A6795" s="5" t="s">
        <v>83578</v>
      </c>
      <c r="B6795" s="2" t="s">
        <v>104500</v>
      </c>
      <c r="C6795" s="14" t="s">
        <v>104501</v>
      </c>
      <c r="D6795" s="2" t="s">
        <v>104502</v>
      </c>
      <c r="E6795" s="2" t="s">
        <v>7396</v>
      </c>
      <c r="F6795" s="8">
        <v>79</v>
      </c>
      <c r="G6795" s="5">
        <v>5</v>
      </c>
      <c r="H6795" s="5" t="s">
        <v>1518</v>
      </c>
      <c r="I6795" s="5" t="s">
        <v>69038</v>
      </c>
      <c r="J6795" s="2" t="s">
        <v>69039</v>
      </c>
      <c r="K6795" s="5" t="s">
        <v>69038</v>
      </c>
      <c r="L6795" s="2" t="s">
        <v>69039</v>
      </c>
      <c r="M6795" s="5" t="s">
        <v>1521</v>
      </c>
      <c r="N6795" s="5" t="s">
        <v>38</v>
      </c>
      <c r="O6795" s="5" t="s">
        <v>39</v>
      </c>
      <c r="P6795" s="5" t="s">
        <v>40</v>
      </c>
      <c r="Q6795" s="5" t="s">
        <v>1522</v>
      </c>
      <c r="R6795" s="5" t="s">
        <v>1523</v>
      </c>
      <c r="S6795" s="5" t="s">
        <v>42</v>
      </c>
      <c r="T6795" s="2">
        <v>0.95799999999999996</v>
      </c>
      <c r="U6795" s="2">
        <v>0.73</v>
      </c>
      <c r="V6795" s="2">
        <v>7.4</v>
      </c>
      <c r="W6795" s="2">
        <v>86.3</v>
      </c>
      <c r="X6795" s="2">
        <v>7.1</v>
      </c>
      <c r="Y6795" s="2">
        <v>7.4</v>
      </c>
      <c r="Z6795" s="5"/>
      <c r="AA6795" s="5" t="s">
        <v>43</v>
      </c>
      <c r="AB6795" s="5" t="s">
        <v>44</v>
      </c>
      <c r="AC6795" s="2"/>
      <c r="AD6795" s="1"/>
    </row>
    <row r="6796" spans="1:30">
      <c r="A6796" s="5" t="s">
        <v>83578</v>
      </c>
      <c r="B6796" s="2" t="s">
        <v>104503</v>
      </c>
      <c r="C6796" s="14" t="s">
        <v>104504</v>
      </c>
      <c r="D6796" s="2" t="s">
        <v>104505</v>
      </c>
      <c r="E6796" s="2" t="s">
        <v>7212</v>
      </c>
      <c r="F6796" s="8">
        <v>79</v>
      </c>
      <c r="G6796" s="5">
        <v>6</v>
      </c>
      <c r="H6796" s="5" t="s">
        <v>1518</v>
      </c>
      <c r="I6796" s="5" t="s">
        <v>69038</v>
      </c>
      <c r="J6796" s="2" t="s">
        <v>69039</v>
      </c>
      <c r="K6796" s="5" t="s">
        <v>69038</v>
      </c>
      <c r="L6796" s="2" t="s">
        <v>69039</v>
      </c>
      <c r="M6796" s="5" t="s">
        <v>1521</v>
      </c>
      <c r="N6796" s="5" t="s">
        <v>38</v>
      </c>
      <c r="O6796" s="5" t="s">
        <v>39</v>
      </c>
      <c r="P6796" s="5" t="s">
        <v>40</v>
      </c>
      <c r="Q6796" s="5" t="s">
        <v>1522</v>
      </c>
      <c r="R6796" s="5" t="s">
        <v>1523</v>
      </c>
      <c r="S6796" s="5" t="s">
        <v>42</v>
      </c>
      <c r="T6796" s="2">
        <v>0.98</v>
      </c>
      <c r="U6796" s="2">
        <v>0.752</v>
      </c>
      <c r="V6796" s="2">
        <v>7.4</v>
      </c>
      <c r="W6796" s="2">
        <v>86.3</v>
      </c>
      <c r="X6796" s="2">
        <v>7.1</v>
      </c>
      <c r="Y6796" s="2">
        <v>7.4</v>
      </c>
      <c r="Z6796" s="5"/>
      <c r="AA6796" s="5" t="s">
        <v>43</v>
      </c>
      <c r="AB6796" s="5" t="s">
        <v>44</v>
      </c>
      <c r="AC6796" s="2"/>
      <c r="AD6796" s="1"/>
    </row>
    <row r="6797" spans="1:30">
      <c r="A6797" s="5" t="s">
        <v>83578</v>
      </c>
      <c r="B6797" s="2" t="s">
        <v>104506</v>
      </c>
      <c r="C6797" s="14" t="s">
        <v>104507</v>
      </c>
      <c r="D6797" s="2" t="s">
        <v>104508</v>
      </c>
      <c r="E6797" s="2" t="s">
        <v>7204</v>
      </c>
      <c r="F6797" s="8">
        <v>88</v>
      </c>
      <c r="G6797" s="5">
        <v>6</v>
      </c>
      <c r="H6797" s="5" t="s">
        <v>1518</v>
      </c>
      <c r="I6797" s="5" t="s">
        <v>69038</v>
      </c>
      <c r="J6797" s="2" t="s">
        <v>69039</v>
      </c>
      <c r="K6797" s="5" t="s">
        <v>69038</v>
      </c>
      <c r="L6797" s="2" t="s">
        <v>69039</v>
      </c>
      <c r="M6797" s="5" t="s">
        <v>1521</v>
      </c>
      <c r="N6797" s="5" t="s">
        <v>38</v>
      </c>
      <c r="O6797" s="5" t="s">
        <v>39</v>
      </c>
      <c r="P6797" s="5" t="s">
        <v>40</v>
      </c>
      <c r="Q6797" s="5" t="s">
        <v>1522</v>
      </c>
      <c r="R6797" s="5" t="s">
        <v>1523</v>
      </c>
      <c r="S6797" s="5" t="s">
        <v>42</v>
      </c>
      <c r="T6797" s="2">
        <v>1.149</v>
      </c>
      <c r="U6797" s="2">
        <v>0.92600000000000005</v>
      </c>
      <c r="V6797" s="2">
        <v>7.4</v>
      </c>
      <c r="W6797" s="2">
        <v>106.9</v>
      </c>
      <c r="X6797" s="2">
        <v>7.1</v>
      </c>
      <c r="Y6797" s="2">
        <v>7.4</v>
      </c>
      <c r="Z6797" s="5"/>
      <c r="AA6797" s="5" t="s">
        <v>43</v>
      </c>
      <c r="AB6797" s="5" t="s">
        <v>44</v>
      </c>
      <c r="AC6797" s="2"/>
      <c r="AD6797" s="1"/>
    </row>
    <row r="6798" spans="1:30">
      <c r="A6798" s="5" t="s">
        <v>83578</v>
      </c>
      <c r="B6798" s="2" t="s">
        <v>104509</v>
      </c>
      <c r="C6798" s="14" t="s">
        <v>104510</v>
      </c>
      <c r="D6798" s="2" t="s">
        <v>104511</v>
      </c>
      <c r="E6798" s="2" t="s">
        <v>7208</v>
      </c>
      <c r="F6798" s="8">
        <v>88</v>
      </c>
      <c r="G6798" s="5">
        <v>6</v>
      </c>
      <c r="H6798" s="5" t="s">
        <v>1518</v>
      </c>
      <c r="I6798" s="5" t="s">
        <v>69038</v>
      </c>
      <c r="J6798" s="2" t="s">
        <v>69039</v>
      </c>
      <c r="K6798" s="5" t="s">
        <v>69038</v>
      </c>
      <c r="L6798" s="2" t="s">
        <v>69039</v>
      </c>
      <c r="M6798" s="5" t="s">
        <v>1521</v>
      </c>
      <c r="N6798" s="5" t="s">
        <v>38</v>
      </c>
      <c r="O6798" s="5" t="s">
        <v>39</v>
      </c>
      <c r="P6798" s="5" t="s">
        <v>40</v>
      </c>
      <c r="Q6798" s="5" t="s">
        <v>1522</v>
      </c>
      <c r="R6798" s="5" t="s">
        <v>1523</v>
      </c>
      <c r="S6798" s="5" t="s">
        <v>42</v>
      </c>
      <c r="T6798" s="2">
        <v>1.1519999999999999</v>
      </c>
      <c r="U6798" s="2">
        <v>0.92900000000000005</v>
      </c>
      <c r="V6798" s="2">
        <v>7.4</v>
      </c>
      <c r="W6798" s="2">
        <v>106.9</v>
      </c>
      <c r="X6798" s="2">
        <v>7.1</v>
      </c>
      <c r="Y6798" s="2">
        <v>7.4</v>
      </c>
      <c r="Z6798" s="5"/>
      <c r="AA6798" s="5" t="s">
        <v>43</v>
      </c>
      <c r="AB6798" s="5" t="s">
        <v>44</v>
      </c>
      <c r="AC6798" s="2"/>
      <c r="AD6798" s="1"/>
    </row>
    <row r="6799" spans="1:30">
      <c r="A6799" s="5" t="s">
        <v>83578</v>
      </c>
      <c r="B6799" s="2" t="s">
        <v>104512</v>
      </c>
      <c r="C6799" s="14" t="s">
        <v>104513</v>
      </c>
      <c r="D6799" s="2" t="s">
        <v>104514</v>
      </c>
      <c r="E6799" s="2" t="s">
        <v>7396</v>
      </c>
      <c r="F6799" s="8">
        <v>88</v>
      </c>
      <c r="G6799" s="5">
        <v>6</v>
      </c>
      <c r="H6799" s="5" t="s">
        <v>1518</v>
      </c>
      <c r="I6799" s="5" t="s">
        <v>69038</v>
      </c>
      <c r="J6799" s="2" t="s">
        <v>69039</v>
      </c>
      <c r="K6799" s="5" t="s">
        <v>69038</v>
      </c>
      <c r="L6799" s="2" t="s">
        <v>69039</v>
      </c>
      <c r="M6799" s="5" t="s">
        <v>1521</v>
      </c>
      <c r="N6799" s="5" t="s">
        <v>38</v>
      </c>
      <c r="O6799" s="5" t="s">
        <v>39</v>
      </c>
      <c r="P6799" s="5" t="s">
        <v>40</v>
      </c>
      <c r="Q6799" s="5" t="s">
        <v>1522</v>
      </c>
      <c r="R6799" s="5" t="s">
        <v>1523</v>
      </c>
      <c r="S6799" s="5" t="s">
        <v>42</v>
      </c>
      <c r="T6799" s="2">
        <v>1.1519999999999999</v>
      </c>
      <c r="U6799" s="2">
        <v>0.92900000000000005</v>
      </c>
      <c r="V6799" s="2">
        <v>7.4</v>
      </c>
      <c r="W6799" s="2">
        <v>106.9</v>
      </c>
      <c r="X6799" s="2">
        <v>7.1</v>
      </c>
      <c r="Y6799" s="2">
        <v>7.4</v>
      </c>
      <c r="Z6799" s="5"/>
      <c r="AA6799" s="5" t="s">
        <v>43</v>
      </c>
      <c r="AB6799" s="5" t="s">
        <v>44</v>
      </c>
      <c r="AC6799" s="2"/>
      <c r="AD6799" s="1"/>
    </row>
    <row r="6800" spans="1:30">
      <c r="A6800" s="5" t="s">
        <v>83578</v>
      </c>
      <c r="B6800" s="2" t="s">
        <v>104515</v>
      </c>
      <c r="C6800" s="14" t="s">
        <v>104516</v>
      </c>
      <c r="D6800" s="2" t="s">
        <v>104517</v>
      </c>
      <c r="E6800" s="2" t="s">
        <v>7212</v>
      </c>
      <c r="F6800" s="8">
        <v>88</v>
      </c>
      <c r="G6800" s="5">
        <v>6</v>
      </c>
      <c r="H6800" s="5" t="s">
        <v>1518</v>
      </c>
      <c r="I6800" s="5" t="s">
        <v>69038</v>
      </c>
      <c r="J6800" s="2" t="s">
        <v>69039</v>
      </c>
      <c r="K6800" s="5" t="s">
        <v>69038</v>
      </c>
      <c r="L6800" s="2" t="s">
        <v>69039</v>
      </c>
      <c r="M6800" s="5" t="s">
        <v>1521</v>
      </c>
      <c r="N6800" s="5" t="s">
        <v>38</v>
      </c>
      <c r="O6800" s="5" t="s">
        <v>39</v>
      </c>
      <c r="P6800" s="5" t="s">
        <v>40</v>
      </c>
      <c r="Q6800" s="5" t="s">
        <v>1522</v>
      </c>
      <c r="R6800" s="5" t="s">
        <v>1523</v>
      </c>
      <c r="S6800" s="5" t="s">
        <v>42</v>
      </c>
      <c r="T6800" s="2">
        <v>1.1519999999999999</v>
      </c>
      <c r="U6800" s="2">
        <v>0.92900000000000005</v>
      </c>
      <c r="V6800" s="2">
        <v>7.4</v>
      </c>
      <c r="W6800" s="2">
        <v>106.9</v>
      </c>
      <c r="X6800" s="2">
        <v>7.1</v>
      </c>
      <c r="Y6800" s="2">
        <v>7.4</v>
      </c>
      <c r="Z6800" s="5"/>
      <c r="AA6800" s="5" t="s">
        <v>43</v>
      </c>
      <c r="AB6800" s="5" t="s">
        <v>44</v>
      </c>
      <c r="AC6800" s="2"/>
      <c r="AD6800" s="1"/>
    </row>
    <row r="6801" spans="1:30">
      <c r="A6801" s="5" t="s">
        <v>83578</v>
      </c>
      <c r="B6801" s="2" t="s">
        <v>104518</v>
      </c>
      <c r="C6801" s="14" t="s">
        <v>104519</v>
      </c>
      <c r="D6801" s="2" t="s">
        <v>104520</v>
      </c>
      <c r="E6801" s="2" t="s">
        <v>7204</v>
      </c>
      <c r="F6801" s="8">
        <v>110</v>
      </c>
      <c r="G6801" s="5">
        <v>6</v>
      </c>
      <c r="H6801" s="5" t="s">
        <v>1518</v>
      </c>
      <c r="I6801" s="5" t="s">
        <v>69038</v>
      </c>
      <c r="J6801" s="2" t="s">
        <v>69039</v>
      </c>
      <c r="K6801" s="5" t="s">
        <v>69038</v>
      </c>
      <c r="L6801" s="2" t="s">
        <v>69039</v>
      </c>
      <c r="M6801" s="5" t="s">
        <v>1521</v>
      </c>
      <c r="N6801" s="5" t="s">
        <v>38</v>
      </c>
      <c r="O6801" s="5" t="s">
        <v>39</v>
      </c>
      <c r="P6801" s="5" t="s">
        <v>40</v>
      </c>
      <c r="Q6801" s="5" t="s">
        <v>1522</v>
      </c>
      <c r="R6801" s="5" t="s">
        <v>1523</v>
      </c>
      <c r="S6801" s="5" t="s">
        <v>42</v>
      </c>
      <c r="T6801" s="2">
        <v>1.381</v>
      </c>
      <c r="U6801" s="2">
        <v>1.1180000000000001</v>
      </c>
      <c r="V6801" s="2">
        <v>7.4</v>
      </c>
      <c r="W6801" s="2">
        <v>126.9</v>
      </c>
      <c r="X6801" s="2">
        <v>7.1</v>
      </c>
      <c r="Y6801" s="2">
        <v>7.4</v>
      </c>
      <c r="Z6801" s="5"/>
      <c r="AA6801" s="5" t="s">
        <v>43</v>
      </c>
      <c r="AB6801" s="5" t="s">
        <v>44</v>
      </c>
      <c r="AC6801" s="2"/>
      <c r="AD6801" s="1"/>
    </row>
    <row r="6802" spans="1:30">
      <c r="A6802" s="5" t="s">
        <v>83578</v>
      </c>
      <c r="B6802" s="2" t="s">
        <v>104521</v>
      </c>
      <c r="C6802" s="14" t="s">
        <v>104522</v>
      </c>
      <c r="D6802" s="2" t="s">
        <v>104523</v>
      </c>
      <c r="E6802" s="2" t="s">
        <v>7208</v>
      </c>
      <c r="F6802" s="8">
        <v>110</v>
      </c>
      <c r="G6802" s="5">
        <v>6</v>
      </c>
      <c r="H6802" s="5" t="s">
        <v>1518</v>
      </c>
      <c r="I6802" s="5" t="s">
        <v>69038</v>
      </c>
      <c r="J6802" s="2" t="s">
        <v>69039</v>
      </c>
      <c r="K6802" s="5" t="s">
        <v>69038</v>
      </c>
      <c r="L6802" s="2" t="s">
        <v>69039</v>
      </c>
      <c r="M6802" s="5" t="s">
        <v>1521</v>
      </c>
      <c r="N6802" s="5" t="s">
        <v>38</v>
      </c>
      <c r="O6802" s="5" t="s">
        <v>39</v>
      </c>
      <c r="P6802" s="5" t="s">
        <v>40</v>
      </c>
      <c r="Q6802" s="5" t="s">
        <v>1522</v>
      </c>
      <c r="R6802" s="5" t="s">
        <v>1523</v>
      </c>
      <c r="S6802" s="5" t="s">
        <v>42</v>
      </c>
      <c r="T6802" s="2">
        <v>1.3859999999999999</v>
      </c>
      <c r="U6802" s="2">
        <v>1.123</v>
      </c>
      <c r="V6802" s="2">
        <v>7.4</v>
      </c>
      <c r="W6802" s="2">
        <v>126.9</v>
      </c>
      <c r="X6802" s="2">
        <v>7.1</v>
      </c>
      <c r="Y6802" s="2">
        <v>7.4</v>
      </c>
      <c r="Z6802" s="5"/>
      <c r="AA6802" s="5" t="s">
        <v>43</v>
      </c>
      <c r="AB6802" s="5" t="s">
        <v>44</v>
      </c>
      <c r="AC6802" s="2"/>
      <c r="AD6802" s="1"/>
    </row>
    <row r="6803" spans="1:30">
      <c r="A6803" s="5" t="s">
        <v>83578</v>
      </c>
      <c r="B6803" s="2" t="s">
        <v>104524</v>
      </c>
      <c r="C6803" s="14" t="s">
        <v>104525</v>
      </c>
      <c r="D6803" s="2" t="s">
        <v>104526</v>
      </c>
      <c r="E6803" s="2" t="s">
        <v>7396</v>
      </c>
      <c r="F6803" s="8">
        <v>110</v>
      </c>
      <c r="G6803" s="5">
        <v>5</v>
      </c>
      <c r="H6803" s="5" t="s">
        <v>1518</v>
      </c>
      <c r="I6803" s="5" t="s">
        <v>69038</v>
      </c>
      <c r="J6803" s="2" t="s">
        <v>69039</v>
      </c>
      <c r="K6803" s="5" t="s">
        <v>69038</v>
      </c>
      <c r="L6803" s="2" t="s">
        <v>69039</v>
      </c>
      <c r="M6803" s="5" t="s">
        <v>1521</v>
      </c>
      <c r="N6803" s="5" t="s">
        <v>38</v>
      </c>
      <c r="O6803" s="5" t="s">
        <v>39</v>
      </c>
      <c r="P6803" s="5" t="s">
        <v>40</v>
      </c>
      <c r="Q6803" s="5" t="s">
        <v>1522</v>
      </c>
      <c r="R6803" s="5" t="s">
        <v>1523</v>
      </c>
      <c r="S6803" s="5" t="s">
        <v>42</v>
      </c>
      <c r="T6803" s="2">
        <v>1.3759999999999999</v>
      </c>
      <c r="U6803" s="2">
        <v>1.113</v>
      </c>
      <c r="V6803" s="2">
        <v>7.4</v>
      </c>
      <c r="W6803" s="2">
        <v>126.9</v>
      </c>
      <c r="X6803" s="2">
        <v>7.1</v>
      </c>
      <c r="Y6803" s="2">
        <v>7.4</v>
      </c>
      <c r="Z6803" s="5"/>
      <c r="AA6803" s="5" t="s">
        <v>43</v>
      </c>
      <c r="AB6803" s="5" t="s">
        <v>44</v>
      </c>
      <c r="AC6803" s="2"/>
      <c r="AD6803" s="1"/>
    </row>
    <row r="6804" spans="1:30">
      <c r="A6804" s="5" t="s">
        <v>83578</v>
      </c>
      <c r="B6804" s="2" t="s">
        <v>104527</v>
      </c>
      <c r="C6804" s="14" t="s">
        <v>104528</v>
      </c>
      <c r="D6804" s="2" t="s">
        <v>104529</v>
      </c>
      <c r="E6804" s="2" t="s">
        <v>7212</v>
      </c>
      <c r="F6804" s="8">
        <v>110</v>
      </c>
      <c r="G6804" s="5">
        <v>6</v>
      </c>
      <c r="H6804" s="5" t="s">
        <v>1518</v>
      </c>
      <c r="I6804" s="5" t="s">
        <v>69038</v>
      </c>
      <c r="J6804" s="2" t="s">
        <v>69039</v>
      </c>
      <c r="K6804" s="5" t="s">
        <v>69038</v>
      </c>
      <c r="L6804" s="2" t="s">
        <v>69039</v>
      </c>
      <c r="M6804" s="5" t="s">
        <v>1521</v>
      </c>
      <c r="N6804" s="5" t="s">
        <v>38</v>
      </c>
      <c r="O6804" s="5" t="s">
        <v>39</v>
      </c>
      <c r="P6804" s="5" t="s">
        <v>40</v>
      </c>
      <c r="Q6804" s="5" t="s">
        <v>1522</v>
      </c>
      <c r="R6804" s="5" t="s">
        <v>1523</v>
      </c>
      <c r="S6804" s="5" t="s">
        <v>42</v>
      </c>
      <c r="T6804" s="2">
        <v>1.3859999999999999</v>
      </c>
      <c r="U6804" s="2">
        <v>1.123</v>
      </c>
      <c r="V6804" s="2">
        <v>7.4</v>
      </c>
      <c r="W6804" s="2">
        <v>126.9</v>
      </c>
      <c r="X6804" s="2">
        <v>7.1</v>
      </c>
      <c r="Y6804" s="2">
        <v>7.4</v>
      </c>
      <c r="Z6804" s="5"/>
      <c r="AA6804" s="5" t="s">
        <v>43</v>
      </c>
      <c r="AB6804" s="5" t="s">
        <v>44</v>
      </c>
      <c r="AC6804" s="2"/>
      <c r="AD6804" s="1"/>
    </row>
    <row r="6805" spans="1:30">
      <c r="A6805" s="5" t="s">
        <v>83578</v>
      </c>
      <c r="B6805" s="2" t="s">
        <v>104530</v>
      </c>
      <c r="C6805" s="14" t="s">
        <v>104531</v>
      </c>
      <c r="D6805" s="2" t="s">
        <v>104532</v>
      </c>
      <c r="E6805" s="2" t="s">
        <v>7204</v>
      </c>
      <c r="F6805" s="8">
        <v>118</v>
      </c>
      <c r="G6805" s="5">
        <v>6</v>
      </c>
      <c r="H6805" s="5" t="s">
        <v>1518</v>
      </c>
      <c r="I6805" s="5" t="s">
        <v>69038</v>
      </c>
      <c r="J6805" s="2" t="s">
        <v>69039</v>
      </c>
      <c r="K6805" s="5" t="s">
        <v>69038</v>
      </c>
      <c r="L6805" s="2" t="s">
        <v>69039</v>
      </c>
      <c r="M6805" s="5" t="s">
        <v>1521</v>
      </c>
      <c r="N6805" s="5" t="s">
        <v>38</v>
      </c>
      <c r="O6805" s="5" t="s">
        <v>39</v>
      </c>
      <c r="P6805" s="5" t="s">
        <v>40</v>
      </c>
      <c r="Q6805" s="5" t="s">
        <v>1522</v>
      </c>
      <c r="R6805" s="5" t="s">
        <v>1523</v>
      </c>
      <c r="S6805" s="5" t="s">
        <v>42</v>
      </c>
      <c r="T6805" s="2">
        <v>1.6060000000000001</v>
      </c>
      <c r="U6805" s="2">
        <v>1.319</v>
      </c>
      <c r="V6805" s="2">
        <v>7.4</v>
      </c>
      <c r="W6805" s="2">
        <v>142.30000000000001</v>
      </c>
      <c r="X6805" s="2">
        <v>7.1</v>
      </c>
      <c r="Y6805" s="2">
        <v>7.4</v>
      </c>
      <c r="Z6805" s="5"/>
      <c r="AA6805" s="5" t="s">
        <v>43</v>
      </c>
      <c r="AB6805" s="5" t="s">
        <v>44</v>
      </c>
      <c r="AC6805" s="2"/>
      <c r="AD6805" s="1"/>
    </row>
    <row r="6806" spans="1:30">
      <c r="A6806" s="5" t="s">
        <v>83578</v>
      </c>
      <c r="B6806" s="2" t="s">
        <v>104533</v>
      </c>
      <c r="C6806" s="14" t="s">
        <v>104534</v>
      </c>
      <c r="D6806" s="2" t="s">
        <v>104535</v>
      </c>
      <c r="E6806" s="2" t="s">
        <v>7208</v>
      </c>
      <c r="F6806" s="8">
        <v>118</v>
      </c>
      <c r="G6806" s="5">
        <v>6</v>
      </c>
      <c r="H6806" s="5" t="s">
        <v>1518</v>
      </c>
      <c r="I6806" s="5" t="s">
        <v>69038</v>
      </c>
      <c r="J6806" s="2" t="s">
        <v>69039</v>
      </c>
      <c r="K6806" s="5" t="s">
        <v>69038</v>
      </c>
      <c r="L6806" s="2" t="s">
        <v>69039</v>
      </c>
      <c r="M6806" s="5" t="s">
        <v>1521</v>
      </c>
      <c r="N6806" s="5" t="s">
        <v>38</v>
      </c>
      <c r="O6806" s="5" t="s">
        <v>39</v>
      </c>
      <c r="P6806" s="5" t="s">
        <v>40</v>
      </c>
      <c r="Q6806" s="5" t="s">
        <v>1522</v>
      </c>
      <c r="R6806" s="5" t="s">
        <v>1523</v>
      </c>
      <c r="S6806" s="5" t="s">
        <v>42</v>
      </c>
      <c r="T6806" s="2">
        <v>1.6120000000000001</v>
      </c>
      <c r="U6806" s="2">
        <v>1.325</v>
      </c>
      <c r="V6806" s="2">
        <v>7.4</v>
      </c>
      <c r="W6806" s="2">
        <v>142.30000000000001</v>
      </c>
      <c r="X6806" s="2">
        <v>7.1</v>
      </c>
      <c r="Y6806" s="2">
        <v>7.4</v>
      </c>
      <c r="Z6806" s="5"/>
      <c r="AA6806" s="5" t="s">
        <v>43</v>
      </c>
      <c r="AB6806" s="5" t="s">
        <v>44</v>
      </c>
      <c r="AC6806" s="2"/>
      <c r="AD6806" s="1"/>
    </row>
    <row r="6807" spans="1:30">
      <c r="A6807" s="5" t="s">
        <v>83578</v>
      </c>
      <c r="B6807" s="2" t="s">
        <v>104536</v>
      </c>
      <c r="C6807" s="14" t="s">
        <v>104537</v>
      </c>
      <c r="D6807" s="2" t="s">
        <v>104538</v>
      </c>
      <c r="E6807" s="2" t="s">
        <v>7396</v>
      </c>
      <c r="F6807" s="8">
        <v>118</v>
      </c>
      <c r="G6807" s="5">
        <v>6</v>
      </c>
      <c r="H6807" s="5" t="s">
        <v>1518</v>
      </c>
      <c r="I6807" s="5" t="s">
        <v>69038</v>
      </c>
      <c r="J6807" s="2" t="s">
        <v>69039</v>
      </c>
      <c r="K6807" s="5" t="s">
        <v>69038</v>
      </c>
      <c r="L6807" s="2" t="s">
        <v>69039</v>
      </c>
      <c r="M6807" s="5" t="s">
        <v>1521</v>
      </c>
      <c r="N6807" s="5" t="s">
        <v>38</v>
      </c>
      <c r="O6807" s="5" t="s">
        <v>39</v>
      </c>
      <c r="P6807" s="5" t="s">
        <v>40</v>
      </c>
      <c r="Q6807" s="5" t="s">
        <v>1522</v>
      </c>
      <c r="R6807" s="5" t="s">
        <v>1523</v>
      </c>
      <c r="S6807" s="5" t="s">
        <v>42</v>
      </c>
      <c r="T6807" s="2">
        <v>1.6120000000000001</v>
      </c>
      <c r="U6807" s="2">
        <v>1.325</v>
      </c>
      <c r="V6807" s="2">
        <v>7.4</v>
      </c>
      <c r="W6807" s="2">
        <v>142.30000000000001</v>
      </c>
      <c r="X6807" s="2">
        <v>7.1</v>
      </c>
      <c r="Y6807" s="2">
        <v>7.4</v>
      </c>
      <c r="Z6807" s="5"/>
      <c r="AA6807" s="5" t="s">
        <v>43</v>
      </c>
      <c r="AB6807" s="5" t="s">
        <v>44</v>
      </c>
      <c r="AC6807" s="2"/>
      <c r="AD6807" s="1"/>
    </row>
    <row r="6808" spans="1:30">
      <c r="A6808" s="5" t="s">
        <v>83578</v>
      </c>
      <c r="B6808" s="2" t="s">
        <v>104539</v>
      </c>
      <c r="C6808" s="14" t="s">
        <v>104540</v>
      </c>
      <c r="D6808" s="2" t="s">
        <v>104541</v>
      </c>
      <c r="E6808" s="2" t="s">
        <v>7212</v>
      </c>
      <c r="F6808" s="8">
        <v>118</v>
      </c>
      <c r="G6808" s="5">
        <v>6</v>
      </c>
      <c r="H6808" s="5" t="s">
        <v>1518</v>
      </c>
      <c r="I6808" s="5" t="s">
        <v>69038</v>
      </c>
      <c r="J6808" s="2" t="s">
        <v>69039</v>
      </c>
      <c r="K6808" s="5" t="s">
        <v>69038</v>
      </c>
      <c r="L6808" s="2" t="s">
        <v>69039</v>
      </c>
      <c r="M6808" s="5" t="s">
        <v>1521</v>
      </c>
      <c r="N6808" s="5" t="s">
        <v>38</v>
      </c>
      <c r="O6808" s="5" t="s">
        <v>39</v>
      </c>
      <c r="P6808" s="5" t="s">
        <v>40</v>
      </c>
      <c r="Q6808" s="5" t="s">
        <v>1522</v>
      </c>
      <c r="R6808" s="5" t="s">
        <v>1523</v>
      </c>
      <c r="S6808" s="5" t="s">
        <v>42</v>
      </c>
      <c r="T6808" s="2">
        <v>1.6120000000000001</v>
      </c>
      <c r="U6808" s="2">
        <v>1.325</v>
      </c>
      <c r="V6808" s="2">
        <v>7.4</v>
      </c>
      <c r="W6808" s="2">
        <v>142.30000000000001</v>
      </c>
      <c r="X6808" s="2">
        <v>7.1</v>
      </c>
      <c r="Y6808" s="2">
        <v>7.4</v>
      </c>
      <c r="Z6808" s="5"/>
      <c r="AA6808" s="5" t="s">
        <v>43</v>
      </c>
      <c r="AB6808" s="5" t="s">
        <v>44</v>
      </c>
      <c r="AC6808" s="2"/>
      <c r="AD6808" s="1"/>
    </row>
    <row r="6809" spans="1:30">
      <c r="A6809" s="5" t="s">
        <v>83578</v>
      </c>
      <c r="B6809" s="2" t="s">
        <v>104542</v>
      </c>
      <c r="C6809" s="14" t="s">
        <v>104543</v>
      </c>
      <c r="D6809" s="2" t="s">
        <v>104544</v>
      </c>
      <c r="E6809" s="2" t="s">
        <v>7396</v>
      </c>
      <c r="F6809" s="8">
        <v>118</v>
      </c>
      <c r="G6809" s="5">
        <v>6</v>
      </c>
      <c r="H6809" s="5" t="s">
        <v>1518</v>
      </c>
      <c r="I6809" s="5" t="s">
        <v>69038</v>
      </c>
      <c r="J6809" s="2" t="s">
        <v>69039</v>
      </c>
      <c r="K6809" s="5" t="s">
        <v>69038</v>
      </c>
      <c r="L6809" s="2" t="s">
        <v>69039</v>
      </c>
      <c r="M6809" s="5" t="s">
        <v>1521</v>
      </c>
      <c r="N6809" s="5" t="s">
        <v>38</v>
      </c>
      <c r="O6809" s="5" t="s">
        <v>39</v>
      </c>
      <c r="P6809" s="5" t="s">
        <v>40</v>
      </c>
      <c r="Q6809" s="5" t="s">
        <v>1522</v>
      </c>
      <c r="R6809" s="5" t="s">
        <v>1523</v>
      </c>
      <c r="S6809" s="5" t="s">
        <v>42</v>
      </c>
      <c r="T6809" s="2">
        <v>2.149</v>
      </c>
      <c r="U6809" s="2">
        <v>1.74</v>
      </c>
      <c r="V6809" s="2">
        <v>7.4</v>
      </c>
      <c r="W6809" s="2">
        <v>181.8</v>
      </c>
      <c r="X6809" s="2">
        <v>7.1</v>
      </c>
      <c r="Y6809" s="2">
        <v>7.4</v>
      </c>
      <c r="Z6809" s="5"/>
      <c r="AA6809" s="5" t="s">
        <v>43</v>
      </c>
      <c r="AB6809" s="5" t="s">
        <v>44</v>
      </c>
      <c r="AC6809" s="2"/>
      <c r="AD6809" s="1"/>
    </row>
    <row r="6810" spans="1:30">
      <c r="A6810" s="5" t="s">
        <v>83578</v>
      </c>
      <c r="B6810" s="2" t="s">
        <v>104545</v>
      </c>
      <c r="C6810" s="14" t="s">
        <v>104546</v>
      </c>
      <c r="D6810" s="2" t="s">
        <v>104547</v>
      </c>
      <c r="E6810" s="2" t="s">
        <v>7212</v>
      </c>
      <c r="F6810" s="8">
        <v>118</v>
      </c>
      <c r="G6810" s="5">
        <v>6</v>
      </c>
      <c r="H6810" s="5" t="s">
        <v>1518</v>
      </c>
      <c r="I6810" s="5" t="s">
        <v>69038</v>
      </c>
      <c r="J6810" s="2" t="s">
        <v>69039</v>
      </c>
      <c r="K6810" s="5" t="s">
        <v>69038</v>
      </c>
      <c r="L6810" s="2" t="s">
        <v>69039</v>
      </c>
      <c r="M6810" s="5" t="s">
        <v>1521</v>
      </c>
      <c r="N6810" s="5" t="s">
        <v>38</v>
      </c>
      <c r="O6810" s="5" t="s">
        <v>39</v>
      </c>
      <c r="P6810" s="5" t="s">
        <v>40</v>
      </c>
      <c r="Q6810" s="5" t="s">
        <v>1522</v>
      </c>
      <c r="R6810" s="5" t="s">
        <v>1523</v>
      </c>
      <c r="S6810" s="5" t="s">
        <v>42</v>
      </c>
      <c r="T6810" s="2">
        <v>2.149</v>
      </c>
      <c r="U6810" s="2">
        <v>1.74</v>
      </c>
      <c r="V6810" s="2">
        <v>7.4</v>
      </c>
      <c r="W6810" s="2">
        <v>181.8</v>
      </c>
      <c r="X6810" s="2">
        <v>7.1</v>
      </c>
      <c r="Y6810" s="2">
        <v>7.4</v>
      </c>
      <c r="Z6810" s="5"/>
      <c r="AA6810" s="5" t="s">
        <v>43</v>
      </c>
      <c r="AB6810" s="5" t="s">
        <v>44</v>
      </c>
      <c r="AC6810" s="2"/>
      <c r="AD6810" s="1"/>
    </row>
    <row r="6811" spans="1:30">
      <c r="A6811" s="5" t="s">
        <v>83578</v>
      </c>
      <c r="B6811" s="2" t="s">
        <v>104548</v>
      </c>
      <c r="C6811" s="14" t="s">
        <v>104549</v>
      </c>
      <c r="D6811" s="2" t="s">
        <v>104550</v>
      </c>
      <c r="E6811" s="2" t="s">
        <v>7208</v>
      </c>
      <c r="F6811" s="8">
        <v>58</v>
      </c>
      <c r="G6811" s="5">
        <v>6</v>
      </c>
      <c r="H6811" s="5" t="s">
        <v>1518</v>
      </c>
      <c r="I6811" s="5" t="s">
        <v>69038</v>
      </c>
      <c r="J6811" s="2" t="s">
        <v>69039</v>
      </c>
      <c r="K6811" s="5" t="s">
        <v>69038</v>
      </c>
      <c r="L6811" s="2" t="s">
        <v>69039</v>
      </c>
      <c r="M6811" s="5" t="s">
        <v>1521</v>
      </c>
      <c r="N6811" s="5" t="s">
        <v>38</v>
      </c>
      <c r="O6811" s="5" t="s">
        <v>39</v>
      </c>
      <c r="P6811" s="5" t="s">
        <v>40</v>
      </c>
      <c r="Q6811" s="5" t="s">
        <v>1522</v>
      </c>
      <c r="R6811" s="5" t="s">
        <v>1523</v>
      </c>
      <c r="S6811" s="5" t="s">
        <v>125</v>
      </c>
      <c r="T6811" s="2">
        <v>1.288</v>
      </c>
      <c r="U6811" s="2">
        <v>1.06</v>
      </c>
      <c r="V6811" s="2">
        <v>7.4</v>
      </c>
      <c r="W6811" s="2">
        <v>86.3</v>
      </c>
      <c r="X6811" s="2">
        <v>7.1</v>
      </c>
      <c r="Y6811" s="2">
        <v>7.4</v>
      </c>
      <c r="Z6811" s="5"/>
      <c r="AA6811" s="5" t="s">
        <v>43</v>
      </c>
      <c r="AB6811" s="5" t="s">
        <v>44</v>
      </c>
      <c r="AC6811" s="2"/>
      <c r="AD6811" s="1"/>
    </row>
    <row r="6812" spans="1:30">
      <c r="A6812" s="5" t="s">
        <v>83578</v>
      </c>
      <c r="B6812" s="2" t="s">
        <v>104551</v>
      </c>
      <c r="C6812" s="14" t="s">
        <v>104552</v>
      </c>
      <c r="D6812" s="2" t="s">
        <v>104553</v>
      </c>
      <c r="E6812" s="2" t="s">
        <v>104554</v>
      </c>
      <c r="F6812" s="8">
        <v>57</v>
      </c>
      <c r="G6812" s="5">
        <v>6</v>
      </c>
      <c r="H6812" s="5" t="s">
        <v>1518</v>
      </c>
      <c r="I6812" s="5" t="s">
        <v>69038</v>
      </c>
      <c r="J6812" s="2" t="s">
        <v>69039</v>
      </c>
      <c r="K6812" s="5" t="s">
        <v>69038</v>
      </c>
      <c r="L6812" s="2" t="s">
        <v>69039</v>
      </c>
      <c r="M6812" s="5" t="s">
        <v>1521</v>
      </c>
      <c r="N6812" s="5" t="s">
        <v>38</v>
      </c>
      <c r="O6812" s="5" t="s">
        <v>39</v>
      </c>
      <c r="P6812" s="5" t="s">
        <v>40</v>
      </c>
      <c r="Q6812" s="5" t="s">
        <v>1522</v>
      </c>
      <c r="R6812" s="5" t="s">
        <v>1523</v>
      </c>
      <c r="S6812" s="5" t="s">
        <v>42</v>
      </c>
      <c r="T6812" s="2">
        <v>0.72399999999999998</v>
      </c>
      <c r="U6812" s="2">
        <v>0.55300000000000005</v>
      </c>
      <c r="V6812" s="2">
        <v>7.4</v>
      </c>
      <c r="W6812" s="2">
        <v>65.900000000000006</v>
      </c>
      <c r="X6812" s="2">
        <v>7.1</v>
      </c>
      <c r="Y6812" s="2">
        <v>7.4</v>
      </c>
      <c r="Z6812" s="5"/>
      <c r="AA6812" s="5" t="s">
        <v>43</v>
      </c>
      <c r="AB6812" s="5" t="s">
        <v>44</v>
      </c>
      <c r="AC6812" s="2"/>
      <c r="AD6812" s="1"/>
    </row>
    <row r="6813" spans="1:30">
      <c r="A6813" s="5" t="s">
        <v>83578</v>
      </c>
      <c r="B6813" s="2" t="s">
        <v>104555</v>
      </c>
      <c r="C6813" s="14" t="s">
        <v>104556</v>
      </c>
      <c r="D6813" s="2" t="s">
        <v>104557</v>
      </c>
      <c r="E6813" s="2" t="s">
        <v>104558</v>
      </c>
      <c r="F6813" s="8">
        <v>57</v>
      </c>
      <c r="G6813" s="5">
        <v>6</v>
      </c>
      <c r="H6813" s="5" t="s">
        <v>1518</v>
      </c>
      <c r="I6813" s="5" t="s">
        <v>69038</v>
      </c>
      <c r="J6813" s="2" t="s">
        <v>69039</v>
      </c>
      <c r="K6813" s="5" t="s">
        <v>69038</v>
      </c>
      <c r="L6813" s="2" t="s">
        <v>69039</v>
      </c>
      <c r="M6813" s="5" t="s">
        <v>1521</v>
      </c>
      <c r="N6813" s="5" t="s">
        <v>38</v>
      </c>
      <c r="O6813" s="5" t="s">
        <v>39</v>
      </c>
      <c r="P6813" s="5" t="s">
        <v>40</v>
      </c>
      <c r="Q6813" s="5" t="s">
        <v>1522</v>
      </c>
      <c r="R6813" s="5" t="s">
        <v>1523</v>
      </c>
      <c r="S6813" s="5" t="s">
        <v>42</v>
      </c>
      <c r="T6813" s="2">
        <v>0.72399999999999998</v>
      </c>
      <c r="U6813" s="2">
        <v>0.55300000000000005</v>
      </c>
      <c r="V6813" s="2">
        <v>7.4</v>
      </c>
      <c r="W6813" s="2">
        <v>65.900000000000006</v>
      </c>
      <c r="X6813" s="2">
        <v>7.1</v>
      </c>
      <c r="Y6813" s="2">
        <v>7.4</v>
      </c>
      <c r="Z6813" s="5"/>
      <c r="AA6813" s="5" t="s">
        <v>43</v>
      </c>
      <c r="AB6813" s="5" t="s">
        <v>44</v>
      </c>
      <c r="AC6813" s="2"/>
      <c r="AD6813" s="1"/>
    </row>
    <row r="6814" spans="1:30">
      <c r="A6814" s="5" t="s">
        <v>83578</v>
      </c>
      <c r="B6814" s="2" t="s">
        <v>104559</v>
      </c>
      <c r="C6814" s="14" t="s">
        <v>104560</v>
      </c>
      <c r="D6814" s="2" t="s">
        <v>104561</v>
      </c>
      <c r="E6814" s="2" t="s">
        <v>104562</v>
      </c>
      <c r="F6814" s="8">
        <v>57</v>
      </c>
      <c r="G6814" s="5">
        <v>6</v>
      </c>
      <c r="H6814" s="5" t="s">
        <v>1518</v>
      </c>
      <c r="I6814" s="5" t="s">
        <v>69038</v>
      </c>
      <c r="J6814" s="2" t="s">
        <v>69039</v>
      </c>
      <c r="K6814" s="5" t="s">
        <v>69038</v>
      </c>
      <c r="L6814" s="2" t="s">
        <v>69039</v>
      </c>
      <c r="M6814" s="5" t="s">
        <v>1521</v>
      </c>
      <c r="N6814" s="5" t="s">
        <v>38</v>
      </c>
      <c r="O6814" s="5" t="s">
        <v>39</v>
      </c>
      <c r="P6814" s="5" t="s">
        <v>40</v>
      </c>
      <c r="Q6814" s="5" t="s">
        <v>1522</v>
      </c>
      <c r="R6814" s="5" t="s">
        <v>1523</v>
      </c>
      <c r="S6814" s="5" t="s">
        <v>42</v>
      </c>
      <c r="T6814" s="2">
        <v>0.72799999999999998</v>
      </c>
      <c r="U6814" s="2">
        <v>0.55700000000000005</v>
      </c>
      <c r="V6814" s="2">
        <v>7.4</v>
      </c>
      <c r="W6814" s="2">
        <v>65.900000000000006</v>
      </c>
      <c r="X6814" s="2">
        <v>7.1</v>
      </c>
      <c r="Y6814" s="2">
        <v>7.4</v>
      </c>
      <c r="Z6814" s="5"/>
      <c r="AA6814" s="5" t="s">
        <v>43</v>
      </c>
      <c r="AB6814" s="5" t="s">
        <v>44</v>
      </c>
      <c r="AC6814" s="2"/>
      <c r="AD6814" s="1"/>
    </row>
    <row r="6815" spans="1:30">
      <c r="A6815" s="5" t="s">
        <v>83578</v>
      </c>
      <c r="B6815" s="2" t="s">
        <v>104563</v>
      </c>
      <c r="C6815" s="14" t="s">
        <v>104564</v>
      </c>
      <c r="D6815" s="2" t="s">
        <v>104565</v>
      </c>
      <c r="E6815" s="2" t="s">
        <v>104566</v>
      </c>
      <c r="F6815" s="8">
        <v>57</v>
      </c>
      <c r="G6815" s="5">
        <v>6</v>
      </c>
      <c r="H6815" s="5" t="s">
        <v>1518</v>
      </c>
      <c r="I6815" s="5" t="s">
        <v>69038</v>
      </c>
      <c r="J6815" s="2" t="s">
        <v>69039</v>
      </c>
      <c r="K6815" s="5" t="s">
        <v>69038</v>
      </c>
      <c r="L6815" s="2" t="s">
        <v>69039</v>
      </c>
      <c r="M6815" s="5" t="s">
        <v>1521</v>
      </c>
      <c r="N6815" s="5" t="s">
        <v>38</v>
      </c>
      <c r="O6815" s="5" t="s">
        <v>39</v>
      </c>
      <c r="P6815" s="5" t="s">
        <v>40</v>
      </c>
      <c r="Q6815" s="5" t="s">
        <v>1522</v>
      </c>
      <c r="R6815" s="5" t="s">
        <v>1523</v>
      </c>
      <c r="S6815" s="5" t="s">
        <v>42</v>
      </c>
      <c r="T6815" s="2">
        <v>0.72399999999999998</v>
      </c>
      <c r="U6815" s="2">
        <v>0.55300000000000005</v>
      </c>
      <c r="V6815" s="2">
        <v>7.4</v>
      </c>
      <c r="W6815" s="2">
        <v>65.900000000000006</v>
      </c>
      <c r="X6815" s="2">
        <v>7.1</v>
      </c>
      <c r="Y6815" s="2">
        <v>7.4</v>
      </c>
      <c r="Z6815" s="5"/>
      <c r="AA6815" s="5" t="s">
        <v>43</v>
      </c>
      <c r="AB6815" s="5" t="s">
        <v>44</v>
      </c>
      <c r="AC6815" s="2"/>
      <c r="AD6815" s="1"/>
    </row>
    <row r="6816" spans="1:30">
      <c r="A6816" s="5" t="s">
        <v>83578</v>
      </c>
      <c r="B6816" s="2" t="s">
        <v>104567</v>
      </c>
      <c r="C6816" s="14" t="s">
        <v>104568</v>
      </c>
      <c r="D6816" s="2" t="s">
        <v>104569</v>
      </c>
      <c r="E6816" s="2" t="s">
        <v>104554</v>
      </c>
      <c r="F6816" s="8">
        <v>64</v>
      </c>
      <c r="G6816" s="5">
        <v>6</v>
      </c>
      <c r="H6816" s="5" t="s">
        <v>1518</v>
      </c>
      <c r="I6816" s="5" t="s">
        <v>69038</v>
      </c>
      <c r="J6816" s="2" t="s">
        <v>69039</v>
      </c>
      <c r="K6816" s="5" t="s">
        <v>69038</v>
      </c>
      <c r="L6816" s="2" t="s">
        <v>69039</v>
      </c>
      <c r="M6816" s="5" t="s">
        <v>1521</v>
      </c>
      <c r="N6816" s="5" t="s">
        <v>38</v>
      </c>
      <c r="O6816" s="5" t="s">
        <v>39</v>
      </c>
      <c r="P6816" s="5" t="s">
        <v>40</v>
      </c>
      <c r="Q6816" s="5" t="s">
        <v>1522</v>
      </c>
      <c r="R6816" s="5" t="s">
        <v>1523</v>
      </c>
      <c r="S6816" s="5" t="s">
        <v>42</v>
      </c>
      <c r="T6816" s="2">
        <v>0.89200000000000002</v>
      </c>
      <c r="U6816" s="2">
        <v>0.65700000000000003</v>
      </c>
      <c r="V6816" s="2">
        <v>7.4</v>
      </c>
      <c r="W6816" s="2">
        <v>86.3</v>
      </c>
      <c r="X6816" s="2">
        <v>7.1</v>
      </c>
      <c r="Y6816" s="2">
        <v>7.4</v>
      </c>
      <c r="Z6816" s="5"/>
      <c r="AA6816" s="5" t="s">
        <v>43</v>
      </c>
      <c r="AB6816" s="5" t="s">
        <v>44</v>
      </c>
      <c r="AC6816" s="2"/>
      <c r="AD6816" s="1"/>
    </row>
    <row r="6817" spans="1:30">
      <c r="A6817" s="5" t="s">
        <v>83578</v>
      </c>
      <c r="B6817" s="2" t="s">
        <v>104570</v>
      </c>
      <c r="C6817" s="14" t="s">
        <v>104571</v>
      </c>
      <c r="D6817" s="2" t="s">
        <v>104572</v>
      </c>
      <c r="E6817" s="2" t="s">
        <v>104558</v>
      </c>
      <c r="F6817" s="8">
        <v>64</v>
      </c>
      <c r="G6817" s="5">
        <v>6</v>
      </c>
      <c r="H6817" s="5" t="s">
        <v>1518</v>
      </c>
      <c r="I6817" s="5" t="s">
        <v>69038</v>
      </c>
      <c r="J6817" s="2" t="s">
        <v>69039</v>
      </c>
      <c r="K6817" s="5" t="s">
        <v>69038</v>
      </c>
      <c r="L6817" s="2" t="s">
        <v>69039</v>
      </c>
      <c r="M6817" s="5" t="s">
        <v>1521</v>
      </c>
      <c r="N6817" s="5" t="s">
        <v>38</v>
      </c>
      <c r="O6817" s="5" t="s">
        <v>39</v>
      </c>
      <c r="P6817" s="5" t="s">
        <v>40</v>
      </c>
      <c r="Q6817" s="5" t="s">
        <v>1522</v>
      </c>
      <c r="R6817" s="5" t="s">
        <v>1523</v>
      </c>
      <c r="S6817" s="5" t="s">
        <v>42</v>
      </c>
      <c r="T6817" s="2">
        <v>0.89200000000000002</v>
      </c>
      <c r="U6817" s="2">
        <v>0.65700000000000003</v>
      </c>
      <c r="V6817" s="2">
        <v>7.4</v>
      </c>
      <c r="W6817" s="2">
        <v>86.3</v>
      </c>
      <c r="X6817" s="2">
        <v>7.1</v>
      </c>
      <c r="Y6817" s="2">
        <v>7.4</v>
      </c>
      <c r="Z6817" s="5"/>
      <c r="AA6817" s="5" t="s">
        <v>43</v>
      </c>
      <c r="AB6817" s="5" t="s">
        <v>44</v>
      </c>
      <c r="AC6817" s="2"/>
      <c r="AD6817" s="1"/>
    </row>
    <row r="6818" spans="1:30">
      <c r="A6818" s="5" t="s">
        <v>83578</v>
      </c>
      <c r="B6818" s="2" t="s">
        <v>104573</v>
      </c>
      <c r="C6818" s="14" t="s">
        <v>104574</v>
      </c>
      <c r="D6818" s="2" t="s">
        <v>104575</v>
      </c>
      <c r="E6818" s="2" t="s">
        <v>104562</v>
      </c>
      <c r="F6818" s="8">
        <v>64</v>
      </c>
      <c r="G6818" s="5">
        <v>6</v>
      </c>
      <c r="H6818" s="5" t="s">
        <v>1518</v>
      </c>
      <c r="I6818" s="5" t="s">
        <v>69038</v>
      </c>
      <c r="J6818" s="2" t="s">
        <v>69039</v>
      </c>
      <c r="K6818" s="5" t="s">
        <v>69038</v>
      </c>
      <c r="L6818" s="2" t="s">
        <v>69039</v>
      </c>
      <c r="M6818" s="5" t="s">
        <v>1521</v>
      </c>
      <c r="N6818" s="5" t="s">
        <v>38</v>
      </c>
      <c r="O6818" s="5" t="s">
        <v>39</v>
      </c>
      <c r="P6818" s="5" t="s">
        <v>40</v>
      </c>
      <c r="Q6818" s="5" t="s">
        <v>1522</v>
      </c>
      <c r="R6818" s="5" t="s">
        <v>1523</v>
      </c>
      <c r="S6818" s="5" t="s">
        <v>42</v>
      </c>
      <c r="T6818" s="2">
        <v>0.89700000000000002</v>
      </c>
      <c r="U6818" s="2">
        <v>0.66200000000000003</v>
      </c>
      <c r="V6818" s="2">
        <v>7.4</v>
      </c>
      <c r="W6818" s="2">
        <v>86.3</v>
      </c>
      <c r="X6818" s="2">
        <v>7.1</v>
      </c>
      <c r="Y6818" s="2">
        <v>7.4</v>
      </c>
      <c r="Z6818" s="5"/>
      <c r="AA6818" s="5" t="s">
        <v>43</v>
      </c>
      <c r="AB6818" s="5" t="s">
        <v>44</v>
      </c>
      <c r="AC6818" s="2"/>
      <c r="AD6818" s="1"/>
    </row>
    <row r="6819" spans="1:30">
      <c r="A6819" s="5" t="s">
        <v>83578</v>
      </c>
      <c r="B6819" s="2" t="s">
        <v>104576</v>
      </c>
      <c r="C6819" s="14" t="s">
        <v>104577</v>
      </c>
      <c r="D6819" s="2" t="s">
        <v>104578</v>
      </c>
      <c r="E6819" s="2" t="s">
        <v>104566</v>
      </c>
      <c r="F6819" s="8">
        <v>64</v>
      </c>
      <c r="G6819" s="5">
        <v>6</v>
      </c>
      <c r="H6819" s="5" t="s">
        <v>1518</v>
      </c>
      <c r="I6819" s="5" t="s">
        <v>69038</v>
      </c>
      <c r="J6819" s="2" t="s">
        <v>69039</v>
      </c>
      <c r="K6819" s="5" t="s">
        <v>69038</v>
      </c>
      <c r="L6819" s="2" t="s">
        <v>69039</v>
      </c>
      <c r="M6819" s="5" t="s">
        <v>1521</v>
      </c>
      <c r="N6819" s="5" t="s">
        <v>38</v>
      </c>
      <c r="O6819" s="5" t="s">
        <v>39</v>
      </c>
      <c r="P6819" s="5" t="s">
        <v>40</v>
      </c>
      <c r="Q6819" s="5" t="s">
        <v>1522</v>
      </c>
      <c r="R6819" s="5" t="s">
        <v>1523</v>
      </c>
      <c r="S6819" s="5" t="s">
        <v>42</v>
      </c>
      <c r="T6819" s="2">
        <v>0.89200000000000002</v>
      </c>
      <c r="U6819" s="2">
        <v>0.65700000000000003</v>
      </c>
      <c r="V6819" s="2">
        <v>7.4</v>
      </c>
      <c r="W6819" s="2">
        <v>86.3</v>
      </c>
      <c r="X6819" s="2">
        <v>7.1</v>
      </c>
      <c r="Y6819" s="2">
        <v>7.4</v>
      </c>
      <c r="Z6819" s="5"/>
      <c r="AA6819" s="5" t="s">
        <v>43</v>
      </c>
      <c r="AB6819" s="5" t="s">
        <v>44</v>
      </c>
      <c r="AC6819" s="2"/>
      <c r="AD6819" s="1"/>
    </row>
    <row r="6820" spans="1:30">
      <c r="A6820" s="5" t="s">
        <v>83578</v>
      </c>
      <c r="B6820" s="2" t="s">
        <v>104579</v>
      </c>
      <c r="C6820" s="14" t="s">
        <v>104580</v>
      </c>
      <c r="D6820" s="2" t="s">
        <v>104581</v>
      </c>
      <c r="E6820" s="2" t="s">
        <v>104554</v>
      </c>
      <c r="F6820" s="8">
        <v>68</v>
      </c>
      <c r="G6820" s="5">
        <v>6</v>
      </c>
      <c r="H6820" s="5" t="s">
        <v>1518</v>
      </c>
      <c r="I6820" s="5" t="s">
        <v>69038</v>
      </c>
      <c r="J6820" s="2" t="s">
        <v>69039</v>
      </c>
      <c r="K6820" s="5" t="s">
        <v>69038</v>
      </c>
      <c r="L6820" s="2" t="s">
        <v>69039</v>
      </c>
      <c r="M6820" s="5" t="s">
        <v>1521</v>
      </c>
      <c r="N6820" s="5" t="s">
        <v>38</v>
      </c>
      <c r="O6820" s="5" t="s">
        <v>39</v>
      </c>
      <c r="P6820" s="5" t="s">
        <v>40</v>
      </c>
      <c r="Q6820" s="5" t="s">
        <v>1522</v>
      </c>
      <c r="R6820" s="5" t="s">
        <v>1523</v>
      </c>
      <c r="S6820" s="5" t="s">
        <v>42</v>
      </c>
      <c r="T6820" s="2">
        <v>0.97599999999999998</v>
      </c>
      <c r="U6820" s="2">
        <v>0.747</v>
      </c>
      <c r="V6820" s="2">
        <v>7.4</v>
      </c>
      <c r="W6820" s="2">
        <v>86.3</v>
      </c>
      <c r="X6820" s="2">
        <v>7.1</v>
      </c>
      <c r="Y6820" s="2">
        <v>7.4</v>
      </c>
      <c r="Z6820" s="5"/>
      <c r="AA6820" s="5" t="s">
        <v>43</v>
      </c>
      <c r="AB6820" s="5" t="s">
        <v>44</v>
      </c>
      <c r="AC6820" s="2"/>
      <c r="AD6820" s="1"/>
    </row>
    <row r="6821" spans="1:30">
      <c r="A6821" s="5" t="s">
        <v>83578</v>
      </c>
      <c r="B6821" s="2" t="s">
        <v>104582</v>
      </c>
      <c r="C6821" s="14" t="s">
        <v>104583</v>
      </c>
      <c r="D6821" s="2" t="s">
        <v>104584</v>
      </c>
      <c r="E6821" s="2" t="s">
        <v>104558</v>
      </c>
      <c r="F6821" s="8">
        <v>68</v>
      </c>
      <c r="G6821" s="5">
        <v>6</v>
      </c>
      <c r="H6821" s="5" t="s">
        <v>1518</v>
      </c>
      <c r="I6821" s="5" t="s">
        <v>69038</v>
      </c>
      <c r="J6821" s="2" t="s">
        <v>69039</v>
      </c>
      <c r="K6821" s="5" t="s">
        <v>69038</v>
      </c>
      <c r="L6821" s="2" t="s">
        <v>69039</v>
      </c>
      <c r="M6821" s="5" t="s">
        <v>1521</v>
      </c>
      <c r="N6821" s="5" t="s">
        <v>38</v>
      </c>
      <c r="O6821" s="5" t="s">
        <v>39</v>
      </c>
      <c r="P6821" s="5" t="s">
        <v>40</v>
      </c>
      <c r="Q6821" s="5" t="s">
        <v>1522</v>
      </c>
      <c r="R6821" s="5" t="s">
        <v>1523</v>
      </c>
      <c r="S6821" s="5" t="s">
        <v>42</v>
      </c>
      <c r="T6821" s="2">
        <v>0.97599999999999998</v>
      </c>
      <c r="U6821" s="2">
        <v>0.747</v>
      </c>
      <c r="V6821" s="2">
        <v>7.4</v>
      </c>
      <c r="W6821" s="2">
        <v>86.3</v>
      </c>
      <c r="X6821" s="2">
        <v>7.1</v>
      </c>
      <c r="Y6821" s="2">
        <v>7.4</v>
      </c>
      <c r="Z6821" s="5"/>
      <c r="AA6821" s="5" t="s">
        <v>43</v>
      </c>
      <c r="AB6821" s="5" t="s">
        <v>44</v>
      </c>
      <c r="AC6821" s="2"/>
      <c r="AD6821" s="1"/>
    </row>
    <row r="6822" spans="1:30">
      <c r="A6822" s="5" t="s">
        <v>83578</v>
      </c>
      <c r="B6822" s="2" t="s">
        <v>104585</v>
      </c>
      <c r="C6822" s="14" t="s">
        <v>104586</v>
      </c>
      <c r="D6822" s="2" t="s">
        <v>104587</v>
      </c>
      <c r="E6822" s="2" t="s">
        <v>104562</v>
      </c>
      <c r="F6822" s="8">
        <v>68</v>
      </c>
      <c r="G6822" s="5">
        <v>6</v>
      </c>
      <c r="H6822" s="5" t="s">
        <v>1518</v>
      </c>
      <c r="I6822" s="5" t="s">
        <v>69038</v>
      </c>
      <c r="J6822" s="2" t="s">
        <v>69039</v>
      </c>
      <c r="K6822" s="5" t="s">
        <v>69038</v>
      </c>
      <c r="L6822" s="2" t="s">
        <v>69039</v>
      </c>
      <c r="M6822" s="5" t="s">
        <v>1521</v>
      </c>
      <c r="N6822" s="5" t="s">
        <v>38</v>
      </c>
      <c r="O6822" s="5" t="s">
        <v>39</v>
      </c>
      <c r="P6822" s="5" t="s">
        <v>40</v>
      </c>
      <c r="Q6822" s="5" t="s">
        <v>1522</v>
      </c>
      <c r="R6822" s="5" t="s">
        <v>1523</v>
      </c>
      <c r="S6822" s="5" t="s">
        <v>42</v>
      </c>
      <c r="T6822" s="2">
        <v>0.98299999999999998</v>
      </c>
      <c r="U6822" s="2">
        <v>0.754</v>
      </c>
      <c r="V6822" s="2">
        <v>7.4</v>
      </c>
      <c r="W6822" s="2">
        <v>86.3</v>
      </c>
      <c r="X6822" s="2">
        <v>7.1</v>
      </c>
      <c r="Y6822" s="2">
        <v>7.4</v>
      </c>
      <c r="Z6822" s="5"/>
      <c r="AA6822" s="5" t="s">
        <v>43</v>
      </c>
      <c r="AB6822" s="5" t="s">
        <v>44</v>
      </c>
      <c r="AC6822" s="2"/>
      <c r="AD6822" s="1"/>
    </row>
    <row r="6823" spans="1:30">
      <c r="A6823" s="5" t="s">
        <v>83578</v>
      </c>
      <c r="B6823" s="2" t="s">
        <v>104588</v>
      </c>
      <c r="C6823" s="14" t="s">
        <v>104589</v>
      </c>
      <c r="D6823" s="2" t="s">
        <v>104590</v>
      </c>
      <c r="E6823" s="2" t="s">
        <v>104566</v>
      </c>
      <c r="F6823" s="8">
        <v>68</v>
      </c>
      <c r="G6823" s="5">
        <v>6</v>
      </c>
      <c r="H6823" s="5" t="s">
        <v>1518</v>
      </c>
      <c r="I6823" s="5" t="s">
        <v>69038</v>
      </c>
      <c r="J6823" s="2" t="s">
        <v>69039</v>
      </c>
      <c r="K6823" s="5" t="s">
        <v>69038</v>
      </c>
      <c r="L6823" s="2" t="s">
        <v>69039</v>
      </c>
      <c r="M6823" s="5" t="s">
        <v>1521</v>
      </c>
      <c r="N6823" s="5" t="s">
        <v>38</v>
      </c>
      <c r="O6823" s="5" t="s">
        <v>39</v>
      </c>
      <c r="P6823" s="5" t="s">
        <v>40</v>
      </c>
      <c r="Q6823" s="5" t="s">
        <v>1522</v>
      </c>
      <c r="R6823" s="5" t="s">
        <v>1523</v>
      </c>
      <c r="S6823" s="5" t="s">
        <v>42</v>
      </c>
      <c r="T6823" s="2">
        <v>0.97599999999999998</v>
      </c>
      <c r="U6823" s="2">
        <v>0.747</v>
      </c>
      <c r="V6823" s="2">
        <v>7.4</v>
      </c>
      <c r="W6823" s="2">
        <v>86.3</v>
      </c>
      <c r="X6823" s="2">
        <v>7.1</v>
      </c>
      <c r="Y6823" s="2">
        <v>7.4</v>
      </c>
      <c r="Z6823" s="5"/>
      <c r="AA6823" s="5" t="s">
        <v>43</v>
      </c>
      <c r="AB6823" s="5" t="s">
        <v>44</v>
      </c>
      <c r="AC6823" s="2"/>
      <c r="AD6823" s="1"/>
    </row>
    <row r="6824" spans="1:30">
      <c r="A6824" s="5" t="s">
        <v>83578</v>
      </c>
      <c r="B6824" s="2" t="s">
        <v>104591</v>
      </c>
      <c r="C6824" s="14" t="s">
        <v>104592</v>
      </c>
      <c r="D6824" s="2" t="s">
        <v>104593</v>
      </c>
      <c r="E6824" s="2" t="s">
        <v>104554</v>
      </c>
      <c r="F6824" s="8">
        <v>82</v>
      </c>
      <c r="G6824" s="5">
        <v>6</v>
      </c>
      <c r="H6824" s="5" t="s">
        <v>1518</v>
      </c>
      <c r="I6824" s="5" t="s">
        <v>69038</v>
      </c>
      <c r="J6824" s="2" t="s">
        <v>69039</v>
      </c>
      <c r="K6824" s="5" t="s">
        <v>69038</v>
      </c>
      <c r="L6824" s="2" t="s">
        <v>69039</v>
      </c>
      <c r="M6824" s="5" t="s">
        <v>1521</v>
      </c>
      <c r="N6824" s="5" t="s">
        <v>38</v>
      </c>
      <c r="O6824" s="5" t="s">
        <v>39</v>
      </c>
      <c r="P6824" s="5" t="s">
        <v>40</v>
      </c>
      <c r="Q6824" s="5" t="s">
        <v>1522</v>
      </c>
      <c r="R6824" s="5" t="s">
        <v>1523</v>
      </c>
      <c r="S6824" s="5" t="s">
        <v>42</v>
      </c>
      <c r="T6824" s="2">
        <v>1.125</v>
      </c>
      <c r="U6824" s="2">
        <v>0.89900000000000002</v>
      </c>
      <c r="V6824" s="2">
        <v>7.4</v>
      </c>
      <c r="W6824" s="2">
        <v>106.9</v>
      </c>
      <c r="X6824" s="2">
        <v>7.1</v>
      </c>
      <c r="Y6824" s="2">
        <v>7.4</v>
      </c>
      <c r="Z6824" s="5"/>
      <c r="AA6824" s="5" t="s">
        <v>43</v>
      </c>
      <c r="AB6824" s="5" t="s">
        <v>44</v>
      </c>
      <c r="AC6824" s="2"/>
      <c r="AD6824" s="1"/>
    </row>
    <row r="6825" spans="1:30">
      <c r="A6825" s="5" t="s">
        <v>83578</v>
      </c>
      <c r="B6825" s="2" t="s">
        <v>104594</v>
      </c>
      <c r="C6825" s="14" t="s">
        <v>104595</v>
      </c>
      <c r="D6825" s="2" t="s">
        <v>104596</v>
      </c>
      <c r="E6825" s="2" t="s">
        <v>104558</v>
      </c>
      <c r="F6825" s="8">
        <v>82</v>
      </c>
      <c r="G6825" s="5">
        <v>6</v>
      </c>
      <c r="H6825" s="5" t="s">
        <v>1518</v>
      </c>
      <c r="I6825" s="5" t="s">
        <v>69038</v>
      </c>
      <c r="J6825" s="2" t="s">
        <v>69039</v>
      </c>
      <c r="K6825" s="5" t="s">
        <v>69038</v>
      </c>
      <c r="L6825" s="2" t="s">
        <v>69039</v>
      </c>
      <c r="M6825" s="5" t="s">
        <v>1521</v>
      </c>
      <c r="N6825" s="5" t="s">
        <v>38</v>
      </c>
      <c r="O6825" s="5" t="s">
        <v>39</v>
      </c>
      <c r="P6825" s="5" t="s">
        <v>40</v>
      </c>
      <c r="Q6825" s="5" t="s">
        <v>1522</v>
      </c>
      <c r="R6825" s="5" t="s">
        <v>1523</v>
      </c>
      <c r="S6825" s="5" t="s">
        <v>42</v>
      </c>
      <c r="T6825" s="2">
        <v>1.125</v>
      </c>
      <c r="U6825" s="2">
        <v>0.89900000000000002</v>
      </c>
      <c r="V6825" s="2">
        <v>7.4</v>
      </c>
      <c r="W6825" s="2">
        <v>106.9</v>
      </c>
      <c r="X6825" s="2">
        <v>7.1</v>
      </c>
      <c r="Y6825" s="2">
        <v>7.4</v>
      </c>
      <c r="Z6825" s="5"/>
      <c r="AA6825" s="5" t="s">
        <v>43</v>
      </c>
      <c r="AB6825" s="5" t="s">
        <v>44</v>
      </c>
      <c r="AC6825" s="2"/>
      <c r="AD6825" s="1"/>
    </row>
    <row r="6826" spans="1:30">
      <c r="A6826" s="5" t="s">
        <v>83578</v>
      </c>
      <c r="B6826" s="2" t="s">
        <v>104597</v>
      </c>
      <c r="C6826" s="14" t="s">
        <v>104598</v>
      </c>
      <c r="D6826" s="2" t="s">
        <v>104599</v>
      </c>
      <c r="E6826" s="2" t="s">
        <v>104562</v>
      </c>
      <c r="F6826" s="8">
        <v>82</v>
      </c>
      <c r="G6826" s="5">
        <v>6</v>
      </c>
      <c r="H6826" s="5" t="s">
        <v>1518</v>
      </c>
      <c r="I6826" s="5" t="s">
        <v>69038</v>
      </c>
      <c r="J6826" s="2" t="s">
        <v>69039</v>
      </c>
      <c r="K6826" s="5" t="s">
        <v>69038</v>
      </c>
      <c r="L6826" s="2" t="s">
        <v>69039</v>
      </c>
      <c r="M6826" s="5" t="s">
        <v>1521</v>
      </c>
      <c r="N6826" s="5" t="s">
        <v>38</v>
      </c>
      <c r="O6826" s="5" t="s">
        <v>39</v>
      </c>
      <c r="P6826" s="5" t="s">
        <v>40</v>
      </c>
      <c r="Q6826" s="5" t="s">
        <v>1522</v>
      </c>
      <c r="R6826" s="5" t="s">
        <v>1523</v>
      </c>
      <c r="S6826" s="5" t="s">
        <v>42</v>
      </c>
      <c r="T6826" s="2">
        <v>1.1339999999999999</v>
      </c>
      <c r="U6826" s="2">
        <v>0.90800000000000003</v>
      </c>
      <c r="V6826" s="2">
        <v>7.4</v>
      </c>
      <c r="W6826" s="2">
        <v>106.9</v>
      </c>
      <c r="X6826" s="2">
        <v>7.1</v>
      </c>
      <c r="Y6826" s="2">
        <v>7.4</v>
      </c>
      <c r="Z6826" s="5"/>
      <c r="AA6826" s="5" t="s">
        <v>43</v>
      </c>
      <c r="AB6826" s="5" t="s">
        <v>44</v>
      </c>
      <c r="AC6826" s="2"/>
      <c r="AD6826" s="1"/>
    </row>
    <row r="6827" spans="1:30">
      <c r="A6827" s="5" t="s">
        <v>83578</v>
      </c>
      <c r="B6827" s="2" t="s">
        <v>104600</v>
      </c>
      <c r="C6827" s="14" t="s">
        <v>104601</v>
      </c>
      <c r="D6827" s="2" t="s">
        <v>104602</v>
      </c>
      <c r="E6827" s="2" t="s">
        <v>104566</v>
      </c>
      <c r="F6827" s="8">
        <v>82</v>
      </c>
      <c r="G6827" s="5">
        <v>6</v>
      </c>
      <c r="H6827" s="5" t="s">
        <v>1518</v>
      </c>
      <c r="I6827" s="5" t="s">
        <v>69038</v>
      </c>
      <c r="J6827" s="2" t="s">
        <v>69039</v>
      </c>
      <c r="K6827" s="5" t="s">
        <v>69038</v>
      </c>
      <c r="L6827" s="2" t="s">
        <v>69039</v>
      </c>
      <c r="M6827" s="5" t="s">
        <v>1521</v>
      </c>
      <c r="N6827" s="5" t="s">
        <v>38</v>
      </c>
      <c r="O6827" s="5" t="s">
        <v>39</v>
      </c>
      <c r="P6827" s="5" t="s">
        <v>40</v>
      </c>
      <c r="Q6827" s="5" t="s">
        <v>1522</v>
      </c>
      <c r="R6827" s="5" t="s">
        <v>1523</v>
      </c>
      <c r="S6827" s="5" t="s">
        <v>42</v>
      </c>
      <c r="T6827" s="2">
        <v>1.125</v>
      </c>
      <c r="U6827" s="2">
        <v>0.89900000000000002</v>
      </c>
      <c r="V6827" s="2">
        <v>7.4</v>
      </c>
      <c r="W6827" s="2">
        <v>106.9</v>
      </c>
      <c r="X6827" s="2">
        <v>7.1</v>
      </c>
      <c r="Y6827" s="2">
        <v>7.4</v>
      </c>
      <c r="Z6827" s="5"/>
      <c r="AA6827" s="5" t="s">
        <v>43</v>
      </c>
      <c r="AB6827" s="5" t="s">
        <v>44</v>
      </c>
      <c r="AC6827" s="2"/>
      <c r="AD6827" s="1"/>
    </row>
    <row r="6828" spans="1:30">
      <c r="A6828" s="5" t="s">
        <v>83578</v>
      </c>
      <c r="B6828" s="2" t="s">
        <v>104603</v>
      </c>
      <c r="C6828" s="14" t="s">
        <v>104604</v>
      </c>
      <c r="D6828" s="2" t="s">
        <v>104605</v>
      </c>
      <c r="E6828" s="2" t="s">
        <v>104554</v>
      </c>
      <c r="F6828" s="8">
        <v>90</v>
      </c>
      <c r="G6828" s="5">
        <v>6</v>
      </c>
      <c r="H6828" s="5" t="s">
        <v>1518</v>
      </c>
      <c r="I6828" s="5" t="s">
        <v>69038</v>
      </c>
      <c r="J6828" s="2" t="s">
        <v>69039</v>
      </c>
      <c r="K6828" s="5" t="s">
        <v>69038</v>
      </c>
      <c r="L6828" s="2" t="s">
        <v>69039</v>
      </c>
      <c r="M6828" s="5" t="s">
        <v>1521</v>
      </c>
      <c r="N6828" s="5" t="s">
        <v>38</v>
      </c>
      <c r="O6828" s="5" t="s">
        <v>39</v>
      </c>
      <c r="P6828" s="5" t="s">
        <v>40</v>
      </c>
      <c r="Q6828" s="5" t="s">
        <v>1522</v>
      </c>
      <c r="R6828" s="5" t="s">
        <v>1523</v>
      </c>
      <c r="S6828" s="5" t="s">
        <v>42</v>
      </c>
      <c r="T6828" s="2">
        <v>1.329</v>
      </c>
      <c r="U6828" s="2">
        <v>1.0629999999999999</v>
      </c>
      <c r="V6828" s="2">
        <v>7.4</v>
      </c>
      <c r="W6828" s="2">
        <v>126.9</v>
      </c>
      <c r="X6828" s="2">
        <v>7.1</v>
      </c>
      <c r="Y6828" s="2">
        <v>7.4</v>
      </c>
      <c r="Z6828" s="5"/>
      <c r="AA6828" s="5" t="s">
        <v>43</v>
      </c>
      <c r="AB6828" s="5" t="s">
        <v>44</v>
      </c>
      <c r="AC6828" s="2"/>
      <c r="AD6828" s="1"/>
    </row>
    <row r="6829" spans="1:30">
      <c r="A6829" s="5" t="s">
        <v>83578</v>
      </c>
      <c r="B6829" s="2" t="s">
        <v>104606</v>
      </c>
      <c r="C6829" s="14" t="s">
        <v>104607</v>
      </c>
      <c r="D6829" s="2" t="s">
        <v>104608</v>
      </c>
      <c r="E6829" s="2" t="s">
        <v>104558</v>
      </c>
      <c r="F6829" s="8">
        <v>90</v>
      </c>
      <c r="G6829" s="5">
        <v>6</v>
      </c>
      <c r="H6829" s="5" t="s">
        <v>1518</v>
      </c>
      <c r="I6829" s="5" t="s">
        <v>69038</v>
      </c>
      <c r="J6829" s="2" t="s">
        <v>69039</v>
      </c>
      <c r="K6829" s="5" t="s">
        <v>69038</v>
      </c>
      <c r="L6829" s="2" t="s">
        <v>69039</v>
      </c>
      <c r="M6829" s="5" t="s">
        <v>1521</v>
      </c>
      <c r="N6829" s="5" t="s">
        <v>38</v>
      </c>
      <c r="O6829" s="5" t="s">
        <v>39</v>
      </c>
      <c r="P6829" s="5" t="s">
        <v>40</v>
      </c>
      <c r="Q6829" s="5" t="s">
        <v>1522</v>
      </c>
      <c r="R6829" s="5" t="s">
        <v>1523</v>
      </c>
      <c r="S6829" s="5" t="s">
        <v>42</v>
      </c>
      <c r="T6829" s="2">
        <v>1.329</v>
      </c>
      <c r="U6829" s="2">
        <v>1.0629999999999999</v>
      </c>
      <c r="V6829" s="2">
        <v>7.4</v>
      </c>
      <c r="W6829" s="2">
        <v>126.9</v>
      </c>
      <c r="X6829" s="2">
        <v>7.1</v>
      </c>
      <c r="Y6829" s="2">
        <v>7.4</v>
      </c>
      <c r="Z6829" s="5"/>
      <c r="AA6829" s="5" t="s">
        <v>43</v>
      </c>
      <c r="AB6829" s="5" t="s">
        <v>44</v>
      </c>
      <c r="AC6829" s="2"/>
      <c r="AD6829" s="1"/>
    </row>
    <row r="6830" spans="1:30">
      <c r="A6830" s="5" t="s">
        <v>83578</v>
      </c>
      <c r="B6830" s="2" t="s">
        <v>104609</v>
      </c>
      <c r="C6830" s="14" t="s">
        <v>104610</v>
      </c>
      <c r="D6830" s="2" t="s">
        <v>104611</v>
      </c>
      <c r="E6830" s="2" t="s">
        <v>104562</v>
      </c>
      <c r="F6830" s="8">
        <v>90</v>
      </c>
      <c r="G6830" s="5">
        <v>6</v>
      </c>
      <c r="H6830" s="5" t="s">
        <v>1518</v>
      </c>
      <c r="I6830" s="5" t="s">
        <v>69038</v>
      </c>
      <c r="J6830" s="2" t="s">
        <v>69039</v>
      </c>
      <c r="K6830" s="5" t="s">
        <v>69038</v>
      </c>
      <c r="L6830" s="2" t="s">
        <v>69039</v>
      </c>
      <c r="M6830" s="5" t="s">
        <v>1521</v>
      </c>
      <c r="N6830" s="5" t="s">
        <v>38</v>
      </c>
      <c r="O6830" s="5" t="s">
        <v>39</v>
      </c>
      <c r="P6830" s="5" t="s">
        <v>40</v>
      </c>
      <c r="Q6830" s="5" t="s">
        <v>1522</v>
      </c>
      <c r="R6830" s="5" t="s">
        <v>1523</v>
      </c>
      <c r="S6830" s="5" t="s">
        <v>42</v>
      </c>
      <c r="T6830" s="2">
        <v>1.34</v>
      </c>
      <c r="U6830" s="2">
        <v>1.0740000000000001</v>
      </c>
      <c r="V6830" s="2">
        <v>7.4</v>
      </c>
      <c r="W6830" s="2">
        <v>126.9</v>
      </c>
      <c r="X6830" s="2">
        <v>7.1</v>
      </c>
      <c r="Y6830" s="2">
        <v>7.4</v>
      </c>
      <c r="Z6830" s="5"/>
      <c r="AA6830" s="5" t="s">
        <v>43</v>
      </c>
      <c r="AB6830" s="5" t="s">
        <v>44</v>
      </c>
      <c r="AC6830" s="2"/>
      <c r="AD6830" s="1"/>
    </row>
    <row r="6831" spans="1:30">
      <c r="A6831" s="5" t="s">
        <v>83578</v>
      </c>
      <c r="B6831" s="2" t="s">
        <v>104612</v>
      </c>
      <c r="C6831" s="14" t="s">
        <v>104613</v>
      </c>
      <c r="D6831" s="2" t="s">
        <v>104614</v>
      </c>
      <c r="E6831" s="2" t="s">
        <v>104566</v>
      </c>
      <c r="F6831" s="8">
        <v>90</v>
      </c>
      <c r="G6831" s="5">
        <v>6</v>
      </c>
      <c r="H6831" s="5" t="s">
        <v>1518</v>
      </c>
      <c r="I6831" s="5" t="s">
        <v>69038</v>
      </c>
      <c r="J6831" s="2" t="s">
        <v>69039</v>
      </c>
      <c r="K6831" s="5" t="s">
        <v>69038</v>
      </c>
      <c r="L6831" s="2" t="s">
        <v>69039</v>
      </c>
      <c r="M6831" s="5" t="s">
        <v>1521</v>
      </c>
      <c r="N6831" s="5" t="s">
        <v>38</v>
      </c>
      <c r="O6831" s="5" t="s">
        <v>39</v>
      </c>
      <c r="P6831" s="5" t="s">
        <v>40</v>
      </c>
      <c r="Q6831" s="5" t="s">
        <v>1522</v>
      </c>
      <c r="R6831" s="5" t="s">
        <v>1523</v>
      </c>
      <c r="S6831" s="5" t="s">
        <v>42</v>
      </c>
      <c r="T6831" s="2">
        <v>1.329</v>
      </c>
      <c r="U6831" s="2">
        <v>1.0629999999999999</v>
      </c>
      <c r="V6831" s="2">
        <v>7.4</v>
      </c>
      <c r="W6831" s="2">
        <v>126.9</v>
      </c>
      <c r="X6831" s="2">
        <v>7.1</v>
      </c>
      <c r="Y6831" s="2">
        <v>7.4</v>
      </c>
      <c r="Z6831" s="5"/>
      <c r="AA6831" s="5" t="s">
        <v>43</v>
      </c>
      <c r="AB6831" s="5" t="s">
        <v>44</v>
      </c>
      <c r="AC6831" s="2"/>
      <c r="AD6831" s="1"/>
    </row>
    <row r="6832" spans="1:30">
      <c r="A6832" s="5" t="s">
        <v>83578</v>
      </c>
      <c r="B6832" s="2" t="s">
        <v>104615</v>
      </c>
      <c r="C6832" s="14" t="s">
        <v>104616</v>
      </c>
      <c r="D6832" s="2" t="s">
        <v>104617</v>
      </c>
      <c r="E6832" s="2" t="s">
        <v>7521</v>
      </c>
      <c r="F6832" s="8">
        <v>212</v>
      </c>
      <c r="G6832" s="5">
        <v>6</v>
      </c>
      <c r="H6832" s="5" t="s">
        <v>1518</v>
      </c>
      <c r="I6832" s="5" t="s">
        <v>69038</v>
      </c>
      <c r="J6832" s="2" t="s">
        <v>69039</v>
      </c>
      <c r="K6832" s="5" t="s">
        <v>69038</v>
      </c>
      <c r="L6832" s="2" t="s">
        <v>69039</v>
      </c>
      <c r="M6832" s="5" t="s">
        <v>1521</v>
      </c>
      <c r="N6832" s="5" t="s">
        <v>38</v>
      </c>
      <c r="O6832" s="5" t="s">
        <v>39</v>
      </c>
      <c r="P6832" s="5" t="s">
        <v>40</v>
      </c>
      <c r="Q6832" s="5" t="s">
        <v>1522</v>
      </c>
      <c r="R6832" s="5" t="s">
        <v>1523</v>
      </c>
      <c r="S6832" s="5" t="s">
        <v>42</v>
      </c>
      <c r="T6832" s="2">
        <v>1.96</v>
      </c>
      <c r="U6832" s="2">
        <v>1.498</v>
      </c>
      <c r="V6832" s="2">
        <v>16.7</v>
      </c>
      <c r="W6832" s="2">
        <v>76.900000000000006</v>
      </c>
      <c r="X6832" s="2">
        <v>7.6</v>
      </c>
      <c r="Y6832" s="2">
        <v>16.7</v>
      </c>
      <c r="Z6832" s="5"/>
      <c r="AA6832" s="5" t="s">
        <v>43</v>
      </c>
      <c r="AB6832" s="5" t="s">
        <v>44</v>
      </c>
      <c r="AC6832" s="2"/>
      <c r="AD6832" s="1"/>
    </row>
    <row r="6833" spans="1:30">
      <c r="A6833" s="5" t="s">
        <v>83578</v>
      </c>
      <c r="B6833" s="2" t="s">
        <v>104618</v>
      </c>
      <c r="C6833" s="14" t="s">
        <v>104619</v>
      </c>
      <c r="D6833" s="2" t="s">
        <v>104620</v>
      </c>
      <c r="E6833" s="2" t="s">
        <v>7406</v>
      </c>
      <c r="F6833" s="8">
        <v>224</v>
      </c>
      <c r="G6833" s="5">
        <v>6</v>
      </c>
      <c r="H6833" s="5" t="s">
        <v>1518</v>
      </c>
      <c r="I6833" s="5" t="s">
        <v>69038</v>
      </c>
      <c r="J6833" s="2" t="s">
        <v>69039</v>
      </c>
      <c r="K6833" s="5" t="s">
        <v>69038</v>
      </c>
      <c r="L6833" s="2" t="s">
        <v>69039</v>
      </c>
      <c r="M6833" s="5" t="s">
        <v>1521</v>
      </c>
      <c r="N6833" s="5" t="s">
        <v>38</v>
      </c>
      <c r="O6833" s="5" t="s">
        <v>39</v>
      </c>
      <c r="P6833" s="5" t="s">
        <v>40</v>
      </c>
      <c r="Q6833" s="5" t="s">
        <v>1522</v>
      </c>
      <c r="R6833" s="5" t="s">
        <v>1523</v>
      </c>
      <c r="S6833" s="5" t="s">
        <v>42</v>
      </c>
      <c r="T6833" s="2">
        <v>1.913</v>
      </c>
      <c r="U6833" s="2">
        <v>1.4510000000000001</v>
      </c>
      <c r="V6833" s="2">
        <v>16.7</v>
      </c>
      <c r="W6833" s="2">
        <v>76.900000000000006</v>
      </c>
      <c r="X6833" s="2">
        <v>7.6</v>
      </c>
      <c r="Y6833" s="2">
        <v>16.7</v>
      </c>
      <c r="Z6833" s="5"/>
      <c r="AA6833" s="5" t="s">
        <v>43</v>
      </c>
      <c r="AB6833" s="5" t="s">
        <v>44</v>
      </c>
      <c r="AC6833" s="2"/>
      <c r="AD6833" s="1"/>
    </row>
    <row r="6834" spans="1:30">
      <c r="A6834" s="5" t="s">
        <v>83578</v>
      </c>
      <c r="B6834" s="2" t="s">
        <v>104621</v>
      </c>
      <c r="C6834" s="14" t="s">
        <v>104622</v>
      </c>
      <c r="D6834" s="2" t="s">
        <v>104623</v>
      </c>
      <c r="E6834" s="2" t="s">
        <v>7535</v>
      </c>
      <c r="F6834" s="8">
        <v>224</v>
      </c>
      <c r="G6834" s="5">
        <v>6</v>
      </c>
      <c r="H6834" s="5" t="s">
        <v>1518</v>
      </c>
      <c r="I6834" s="5" t="s">
        <v>69038</v>
      </c>
      <c r="J6834" s="2" t="s">
        <v>69039</v>
      </c>
      <c r="K6834" s="5" t="s">
        <v>69038</v>
      </c>
      <c r="L6834" s="2" t="s">
        <v>69039</v>
      </c>
      <c r="M6834" s="5" t="s">
        <v>1521</v>
      </c>
      <c r="N6834" s="5" t="s">
        <v>38</v>
      </c>
      <c r="O6834" s="5" t="s">
        <v>39</v>
      </c>
      <c r="P6834" s="5" t="s">
        <v>40</v>
      </c>
      <c r="Q6834" s="5" t="s">
        <v>1522</v>
      </c>
      <c r="R6834" s="5" t="s">
        <v>1523</v>
      </c>
      <c r="S6834" s="5" t="s">
        <v>42</v>
      </c>
      <c r="T6834" s="2">
        <v>1.96</v>
      </c>
      <c r="U6834" s="2">
        <v>1.498</v>
      </c>
      <c r="V6834" s="2">
        <v>16.7</v>
      </c>
      <c r="W6834" s="2">
        <v>76.900000000000006</v>
      </c>
      <c r="X6834" s="2">
        <v>7.6</v>
      </c>
      <c r="Y6834" s="2">
        <v>16.7</v>
      </c>
      <c r="Z6834" s="5"/>
      <c r="AA6834" s="5" t="s">
        <v>43</v>
      </c>
      <c r="AB6834" s="5" t="s">
        <v>44</v>
      </c>
      <c r="AC6834" s="2"/>
      <c r="AD6834" s="1"/>
    </row>
    <row r="6835" spans="1:30">
      <c r="A6835" s="5" t="s">
        <v>83578</v>
      </c>
      <c r="B6835" s="2" t="s">
        <v>104624</v>
      </c>
      <c r="C6835" s="14" t="s">
        <v>104625</v>
      </c>
      <c r="D6835" s="2" t="s">
        <v>104626</v>
      </c>
      <c r="E6835" s="2" t="s">
        <v>7543</v>
      </c>
      <c r="F6835" s="8">
        <v>224</v>
      </c>
      <c r="G6835" s="5">
        <v>6</v>
      </c>
      <c r="H6835" s="5" t="s">
        <v>1518</v>
      </c>
      <c r="I6835" s="5" t="s">
        <v>69038</v>
      </c>
      <c r="J6835" s="2" t="s">
        <v>69039</v>
      </c>
      <c r="K6835" s="5" t="s">
        <v>69038</v>
      </c>
      <c r="L6835" s="2" t="s">
        <v>69039</v>
      </c>
      <c r="M6835" s="5" t="s">
        <v>1521</v>
      </c>
      <c r="N6835" s="5" t="s">
        <v>38</v>
      </c>
      <c r="O6835" s="5" t="s">
        <v>39</v>
      </c>
      <c r="P6835" s="5" t="s">
        <v>40</v>
      </c>
      <c r="Q6835" s="5" t="s">
        <v>1522</v>
      </c>
      <c r="R6835" s="5" t="s">
        <v>1523</v>
      </c>
      <c r="S6835" s="5" t="s">
        <v>42</v>
      </c>
      <c r="T6835" s="2">
        <v>1.96</v>
      </c>
      <c r="U6835" s="2">
        <v>1.498</v>
      </c>
      <c r="V6835" s="2">
        <v>16.7</v>
      </c>
      <c r="W6835" s="2">
        <v>76.900000000000006</v>
      </c>
      <c r="X6835" s="2">
        <v>7.6</v>
      </c>
      <c r="Y6835" s="2">
        <v>16.7</v>
      </c>
      <c r="Z6835" s="5"/>
      <c r="AA6835" s="5" t="s">
        <v>43</v>
      </c>
      <c r="AB6835" s="5" t="s">
        <v>44</v>
      </c>
      <c r="AC6835" s="2"/>
      <c r="AD6835" s="1"/>
    </row>
    <row r="6836" spans="1:30">
      <c r="A6836" s="5" t="s">
        <v>83578</v>
      </c>
      <c r="B6836" s="2" t="s">
        <v>104627</v>
      </c>
      <c r="C6836" s="14" t="s">
        <v>104628</v>
      </c>
      <c r="D6836" s="2" t="s">
        <v>104629</v>
      </c>
      <c r="E6836" s="2" t="s">
        <v>7507</v>
      </c>
      <c r="F6836" s="8">
        <v>212</v>
      </c>
      <c r="G6836" s="5">
        <v>6</v>
      </c>
      <c r="H6836" s="5" t="s">
        <v>1518</v>
      </c>
      <c r="I6836" s="5" t="s">
        <v>69038</v>
      </c>
      <c r="J6836" s="2" t="s">
        <v>69039</v>
      </c>
      <c r="K6836" s="5" t="s">
        <v>69038</v>
      </c>
      <c r="L6836" s="2" t="s">
        <v>69039</v>
      </c>
      <c r="M6836" s="5" t="s">
        <v>1521</v>
      </c>
      <c r="N6836" s="5" t="s">
        <v>38</v>
      </c>
      <c r="O6836" s="5" t="s">
        <v>39</v>
      </c>
      <c r="P6836" s="5" t="s">
        <v>40</v>
      </c>
      <c r="Q6836" s="5" t="s">
        <v>1522</v>
      </c>
      <c r="R6836" s="5" t="s">
        <v>1523</v>
      </c>
      <c r="S6836" s="5" t="s">
        <v>42</v>
      </c>
      <c r="T6836" s="2">
        <v>1.96</v>
      </c>
      <c r="U6836" s="2">
        <v>1.498</v>
      </c>
      <c r="V6836" s="2">
        <v>16.7</v>
      </c>
      <c r="W6836" s="2">
        <v>76.900000000000006</v>
      </c>
      <c r="X6836" s="2">
        <v>7.6</v>
      </c>
      <c r="Y6836" s="2">
        <v>16.7</v>
      </c>
      <c r="Z6836" s="5"/>
      <c r="AA6836" s="5" t="s">
        <v>43</v>
      </c>
      <c r="AB6836" s="5" t="s">
        <v>44</v>
      </c>
      <c r="AC6836" s="2"/>
      <c r="AD6836" s="1"/>
    </row>
    <row r="6837" spans="1:30">
      <c r="A6837" s="5" t="s">
        <v>83578</v>
      </c>
      <c r="B6837" s="2" t="s">
        <v>104630</v>
      </c>
      <c r="C6837" s="14" t="s">
        <v>104631</v>
      </c>
      <c r="D6837" s="2" t="s">
        <v>104632</v>
      </c>
      <c r="E6837" s="2" t="s">
        <v>7547</v>
      </c>
      <c r="F6837" s="8">
        <v>224</v>
      </c>
      <c r="G6837" s="5">
        <v>6</v>
      </c>
      <c r="H6837" s="5" t="s">
        <v>1518</v>
      </c>
      <c r="I6837" s="5" t="s">
        <v>69038</v>
      </c>
      <c r="J6837" s="2" t="s">
        <v>69039</v>
      </c>
      <c r="K6837" s="5" t="s">
        <v>69038</v>
      </c>
      <c r="L6837" s="2" t="s">
        <v>69039</v>
      </c>
      <c r="M6837" s="5" t="s">
        <v>1521</v>
      </c>
      <c r="N6837" s="5" t="s">
        <v>38</v>
      </c>
      <c r="O6837" s="5" t="s">
        <v>39</v>
      </c>
      <c r="P6837" s="5" t="s">
        <v>40</v>
      </c>
      <c r="Q6837" s="5" t="s">
        <v>1522</v>
      </c>
      <c r="R6837" s="5" t="s">
        <v>1523</v>
      </c>
      <c r="S6837" s="5" t="s">
        <v>42</v>
      </c>
      <c r="T6837" s="2">
        <v>1.913</v>
      </c>
      <c r="U6837" s="2">
        <v>1.4510000000000001</v>
      </c>
      <c r="V6837" s="2">
        <v>16.7</v>
      </c>
      <c r="W6837" s="2">
        <v>76.900000000000006</v>
      </c>
      <c r="X6837" s="2">
        <v>7.6</v>
      </c>
      <c r="Y6837" s="2">
        <v>16.7</v>
      </c>
      <c r="Z6837" s="5"/>
      <c r="AA6837" s="5" t="s">
        <v>43</v>
      </c>
      <c r="AB6837" s="5" t="s">
        <v>44</v>
      </c>
      <c r="AC6837" s="2"/>
      <c r="AD6837" s="1"/>
    </row>
    <row r="6838" spans="1:30">
      <c r="A6838" s="5" t="s">
        <v>83578</v>
      </c>
      <c r="B6838" s="2" t="s">
        <v>104633</v>
      </c>
      <c r="C6838" s="14" t="s">
        <v>104634</v>
      </c>
      <c r="D6838" s="2" t="s">
        <v>104635</v>
      </c>
      <c r="E6838" s="2" t="s">
        <v>7551</v>
      </c>
      <c r="F6838" s="8">
        <v>224</v>
      </c>
      <c r="G6838" s="5">
        <v>6</v>
      </c>
      <c r="H6838" s="5" t="s">
        <v>1518</v>
      </c>
      <c r="I6838" s="5" t="s">
        <v>69038</v>
      </c>
      <c r="J6838" s="2" t="s">
        <v>69039</v>
      </c>
      <c r="K6838" s="5" t="s">
        <v>69038</v>
      </c>
      <c r="L6838" s="2" t="s">
        <v>69039</v>
      </c>
      <c r="M6838" s="5" t="s">
        <v>1521</v>
      </c>
      <c r="N6838" s="5" t="s">
        <v>38</v>
      </c>
      <c r="O6838" s="5" t="s">
        <v>39</v>
      </c>
      <c r="P6838" s="5" t="s">
        <v>40</v>
      </c>
      <c r="Q6838" s="5" t="s">
        <v>1522</v>
      </c>
      <c r="R6838" s="5" t="s">
        <v>1523</v>
      </c>
      <c r="S6838" s="5" t="s">
        <v>42</v>
      </c>
      <c r="T6838" s="2">
        <v>1.96</v>
      </c>
      <c r="U6838" s="2">
        <v>1.498</v>
      </c>
      <c r="V6838" s="2">
        <v>16.7</v>
      </c>
      <c r="W6838" s="2">
        <v>76.900000000000006</v>
      </c>
      <c r="X6838" s="2">
        <v>7.6</v>
      </c>
      <c r="Y6838" s="2">
        <v>16.7</v>
      </c>
      <c r="Z6838" s="5"/>
      <c r="AA6838" s="5" t="s">
        <v>43</v>
      </c>
      <c r="AB6838" s="5" t="s">
        <v>44</v>
      </c>
      <c r="AC6838" s="2"/>
      <c r="AD6838" s="1"/>
    </row>
    <row r="6839" spans="1:30">
      <c r="A6839" s="5" t="s">
        <v>83578</v>
      </c>
      <c r="B6839" s="2" t="s">
        <v>104636</v>
      </c>
      <c r="C6839" s="14" t="s">
        <v>104637</v>
      </c>
      <c r="D6839" s="2" t="s">
        <v>104638</v>
      </c>
      <c r="E6839" s="2" t="s">
        <v>7563</v>
      </c>
      <c r="F6839" s="8">
        <v>224</v>
      </c>
      <c r="G6839" s="5">
        <v>6</v>
      </c>
      <c r="H6839" s="5" t="s">
        <v>1518</v>
      </c>
      <c r="I6839" s="5" t="s">
        <v>69038</v>
      </c>
      <c r="J6839" s="2" t="s">
        <v>69039</v>
      </c>
      <c r="K6839" s="5" t="s">
        <v>69038</v>
      </c>
      <c r="L6839" s="2" t="s">
        <v>69039</v>
      </c>
      <c r="M6839" s="5" t="s">
        <v>1521</v>
      </c>
      <c r="N6839" s="5" t="s">
        <v>38</v>
      </c>
      <c r="O6839" s="5" t="s">
        <v>39</v>
      </c>
      <c r="P6839" s="5" t="s">
        <v>40</v>
      </c>
      <c r="Q6839" s="5" t="s">
        <v>1522</v>
      </c>
      <c r="R6839" s="5" t="s">
        <v>1523</v>
      </c>
      <c r="S6839" s="5" t="s">
        <v>42</v>
      </c>
      <c r="T6839" s="2">
        <v>1.913</v>
      </c>
      <c r="U6839" s="2">
        <v>1.4510000000000001</v>
      </c>
      <c r="V6839" s="2">
        <v>16.7</v>
      </c>
      <c r="W6839" s="2">
        <v>76.900000000000006</v>
      </c>
      <c r="X6839" s="2">
        <v>7.6</v>
      </c>
      <c r="Y6839" s="2">
        <v>16.7</v>
      </c>
      <c r="Z6839" s="5"/>
      <c r="AA6839" s="5" t="s">
        <v>43</v>
      </c>
      <c r="AB6839" s="5" t="s">
        <v>44</v>
      </c>
      <c r="AC6839" s="2"/>
      <c r="AD6839" s="1"/>
    </row>
    <row r="6840" spans="1:30">
      <c r="A6840" s="5" t="s">
        <v>83578</v>
      </c>
      <c r="B6840" s="2" t="s">
        <v>104639</v>
      </c>
      <c r="C6840" s="14" t="s">
        <v>104640</v>
      </c>
      <c r="D6840" s="2" t="s">
        <v>104641</v>
      </c>
      <c r="E6840" s="2" t="s">
        <v>7567</v>
      </c>
      <c r="F6840" s="8">
        <v>224</v>
      </c>
      <c r="G6840" s="5">
        <v>6</v>
      </c>
      <c r="H6840" s="5" t="s">
        <v>1518</v>
      </c>
      <c r="I6840" s="5" t="s">
        <v>69038</v>
      </c>
      <c r="J6840" s="2" t="s">
        <v>69039</v>
      </c>
      <c r="K6840" s="5" t="s">
        <v>69038</v>
      </c>
      <c r="L6840" s="2" t="s">
        <v>69039</v>
      </c>
      <c r="M6840" s="5" t="s">
        <v>1521</v>
      </c>
      <c r="N6840" s="5" t="s">
        <v>38</v>
      </c>
      <c r="O6840" s="5" t="s">
        <v>39</v>
      </c>
      <c r="P6840" s="5" t="s">
        <v>40</v>
      </c>
      <c r="Q6840" s="5" t="s">
        <v>1522</v>
      </c>
      <c r="R6840" s="5" t="s">
        <v>1523</v>
      </c>
      <c r="S6840" s="5" t="s">
        <v>42</v>
      </c>
      <c r="T6840" s="2">
        <v>1.96</v>
      </c>
      <c r="U6840" s="2">
        <v>1.498</v>
      </c>
      <c r="V6840" s="2">
        <v>16.7</v>
      </c>
      <c r="W6840" s="2">
        <v>76.900000000000006</v>
      </c>
      <c r="X6840" s="2">
        <v>7.6</v>
      </c>
      <c r="Y6840" s="2">
        <v>16.7</v>
      </c>
      <c r="Z6840" s="5"/>
      <c r="AA6840" s="5" t="s">
        <v>43</v>
      </c>
      <c r="AB6840" s="5" t="s">
        <v>44</v>
      </c>
      <c r="AC6840" s="2"/>
      <c r="AD6840" s="1"/>
    </row>
    <row r="6841" spans="1:30">
      <c r="A6841" s="5" t="s">
        <v>83578</v>
      </c>
      <c r="B6841" s="2" t="s">
        <v>104642</v>
      </c>
      <c r="C6841" s="14" t="s">
        <v>104643</v>
      </c>
      <c r="D6841" s="2" t="s">
        <v>104644</v>
      </c>
      <c r="E6841" s="2" t="s">
        <v>7555</v>
      </c>
      <c r="F6841" s="8">
        <v>224</v>
      </c>
      <c r="G6841" s="5">
        <v>6</v>
      </c>
      <c r="H6841" s="5" t="s">
        <v>1518</v>
      </c>
      <c r="I6841" s="5" t="s">
        <v>69038</v>
      </c>
      <c r="J6841" s="2" t="s">
        <v>69039</v>
      </c>
      <c r="K6841" s="5" t="s">
        <v>69038</v>
      </c>
      <c r="L6841" s="2" t="s">
        <v>69039</v>
      </c>
      <c r="M6841" s="5" t="s">
        <v>1521</v>
      </c>
      <c r="N6841" s="5" t="s">
        <v>38</v>
      </c>
      <c r="O6841" s="5" t="s">
        <v>39</v>
      </c>
      <c r="P6841" s="5" t="s">
        <v>40</v>
      </c>
      <c r="Q6841" s="5" t="s">
        <v>1522</v>
      </c>
      <c r="R6841" s="5" t="s">
        <v>1523</v>
      </c>
      <c r="S6841" s="5" t="s">
        <v>42</v>
      </c>
      <c r="T6841" s="2">
        <v>1.913</v>
      </c>
      <c r="U6841" s="2">
        <v>1.4510000000000001</v>
      </c>
      <c r="V6841" s="2">
        <v>16.7</v>
      </c>
      <c r="W6841" s="2">
        <v>76.900000000000006</v>
      </c>
      <c r="X6841" s="2">
        <v>7.6</v>
      </c>
      <c r="Y6841" s="2">
        <v>16.7</v>
      </c>
      <c r="Z6841" s="5"/>
      <c r="AA6841" s="5" t="s">
        <v>43</v>
      </c>
      <c r="AB6841" s="5" t="s">
        <v>44</v>
      </c>
      <c r="AC6841" s="2"/>
      <c r="AD6841" s="1"/>
    </row>
    <row r="6842" spans="1:30">
      <c r="A6842" s="5" t="s">
        <v>83578</v>
      </c>
      <c r="B6842" s="2" t="s">
        <v>104645</v>
      </c>
      <c r="C6842" s="14" t="s">
        <v>104646</v>
      </c>
      <c r="D6842" s="2" t="s">
        <v>104647</v>
      </c>
      <c r="E6842" s="2" t="s">
        <v>7559</v>
      </c>
      <c r="F6842" s="8">
        <v>224</v>
      </c>
      <c r="G6842" s="5">
        <v>6</v>
      </c>
      <c r="H6842" s="5" t="s">
        <v>1518</v>
      </c>
      <c r="I6842" s="5" t="s">
        <v>69038</v>
      </c>
      <c r="J6842" s="2" t="s">
        <v>69039</v>
      </c>
      <c r="K6842" s="5" t="s">
        <v>69038</v>
      </c>
      <c r="L6842" s="2" t="s">
        <v>69039</v>
      </c>
      <c r="M6842" s="5" t="s">
        <v>1521</v>
      </c>
      <c r="N6842" s="5" t="s">
        <v>38</v>
      </c>
      <c r="O6842" s="5" t="s">
        <v>39</v>
      </c>
      <c r="P6842" s="5" t="s">
        <v>40</v>
      </c>
      <c r="Q6842" s="5" t="s">
        <v>1522</v>
      </c>
      <c r="R6842" s="5" t="s">
        <v>1523</v>
      </c>
      <c r="S6842" s="5" t="s">
        <v>42</v>
      </c>
      <c r="T6842" s="2">
        <v>1.96</v>
      </c>
      <c r="U6842" s="2">
        <v>1.498</v>
      </c>
      <c r="V6842" s="2">
        <v>16.7</v>
      </c>
      <c r="W6842" s="2">
        <v>76.900000000000006</v>
      </c>
      <c r="X6842" s="2">
        <v>7.6</v>
      </c>
      <c r="Y6842" s="2">
        <v>16.7</v>
      </c>
      <c r="Z6842" s="5"/>
      <c r="AA6842" s="5" t="s">
        <v>43</v>
      </c>
      <c r="AB6842" s="5" t="s">
        <v>44</v>
      </c>
      <c r="AC6842" s="2"/>
      <c r="AD6842" s="1"/>
    </row>
    <row r="6843" spans="1:30">
      <c r="A6843" s="5" t="s">
        <v>83578</v>
      </c>
      <c r="B6843" s="2" t="s">
        <v>104648</v>
      </c>
      <c r="C6843" s="14" t="s">
        <v>104649</v>
      </c>
      <c r="D6843" s="2" t="s">
        <v>104650</v>
      </c>
      <c r="E6843" s="2" t="s">
        <v>16079</v>
      </c>
      <c r="F6843" s="8">
        <v>224</v>
      </c>
      <c r="G6843" s="5">
        <v>6</v>
      </c>
      <c r="H6843" s="5" t="s">
        <v>1518</v>
      </c>
      <c r="I6843" s="5" t="s">
        <v>69038</v>
      </c>
      <c r="J6843" s="2" t="s">
        <v>69039</v>
      </c>
      <c r="K6843" s="5" t="s">
        <v>69038</v>
      </c>
      <c r="L6843" s="2" t="s">
        <v>69039</v>
      </c>
      <c r="M6843" s="5" t="s">
        <v>1521</v>
      </c>
      <c r="N6843" s="5" t="s">
        <v>38</v>
      </c>
      <c r="O6843" s="5" t="s">
        <v>39</v>
      </c>
      <c r="P6843" s="5" t="s">
        <v>40</v>
      </c>
      <c r="Q6843" s="5" t="s">
        <v>1522</v>
      </c>
      <c r="R6843" s="5" t="s">
        <v>1523</v>
      </c>
      <c r="S6843" s="5" t="s">
        <v>42</v>
      </c>
      <c r="T6843" s="2">
        <v>1.913</v>
      </c>
      <c r="U6843" s="2">
        <v>1.4510000000000001</v>
      </c>
      <c r="V6843" s="2">
        <v>16.7</v>
      </c>
      <c r="W6843" s="2">
        <v>76.900000000000006</v>
      </c>
      <c r="X6843" s="2">
        <v>7.6</v>
      </c>
      <c r="Y6843" s="2">
        <v>16.7</v>
      </c>
      <c r="Z6843" s="5"/>
      <c r="AA6843" s="5" t="s">
        <v>43</v>
      </c>
      <c r="AB6843" s="5" t="s">
        <v>44</v>
      </c>
      <c r="AC6843" s="2"/>
      <c r="AD6843" s="1"/>
    </row>
    <row r="6844" spans="1:30">
      <c r="A6844" s="5" t="s">
        <v>83578</v>
      </c>
      <c r="B6844" s="2" t="s">
        <v>104651</v>
      </c>
      <c r="C6844" s="14" t="s">
        <v>104652</v>
      </c>
      <c r="D6844" s="2" t="s">
        <v>104653</v>
      </c>
      <c r="E6844" s="2" t="s">
        <v>16194</v>
      </c>
      <c r="F6844" s="8">
        <v>224</v>
      </c>
      <c r="G6844" s="5">
        <v>6</v>
      </c>
      <c r="H6844" s="5" t="s">
        <v>1518</v>
      </c>
      <c r="I6844" s="5" t="s">
        <v>69038</v>
      </c>
      <c r="J6844" s="2" t="s">
        <v>69039</v>
      </c>
      <c r="K6844" s="5" t="s">
        <v>69038</v>
      </c>
      <c r="L6844" s="2" t="s">
        <v>69039</v>
      </c>
      <c r="M6844" s="5" t="s">
        <v>1521</v>
      </c>
      <c r="N6844" s="5" t="s">
        <v>38</v>
      </c>
      <c r="O6844" s="5" t="s">
        <v>39</v>
      </c>
      <c r="P6844" s="5" t="s">
        <v>40</v>
      </c>
      <c r="Q6844" s="5" t="s">
        <v>1522</v>
      </c>
      <c r="R6844" s="5" t="s">
        <v>1523</v>
      </c>
      <c r="S6844" s="5" t="s">
        <v>42</v>
      </c>
      <c r="T6844" s="2">
        <v>1.96</v>
      </c>
      <c r="U6844" s="2">
        <v>1.498</v>
      </c>
      <c r="V6844" s="2">
        <v>16.7</v>
      </c>
      <c r="W6844" s="2">
        <v>76.900000000000006</v>
      </c>
      <c r="X6844" s="2">
        <v>7.6</v>
      </c>
      <c r="Y6844" s="2">
        <v>16.7</v>
      </c>
      <c r="Z6844" s="5"/>
      <c r="AA6844" s="5" t="s">
        <v>43</v>
      </c>
      <c r="AB6844" s="5" t="s">
        <v>44</v>
      </c>
      <c r="AC6844" s="2"/>
      <c r="AD6844" s="1"/>
    </row>
    <row r="6845" spans="1:30">
      <c r="A6845" s="5" t="s">
        <v>83578</v>
      </c>
      <c r="B6845" s="2" t="s">
        <v>104654</v>
      </c>
      <c r="C6845" s="14" t="s">
        <v>104655</v>
      </c>
      <c r="D6845" s="2" t="s">
        <v>104656</v>
      </c>
      <c r="E6845" s="2" t="s">
        <v>7449</v>
      </c>
      <c r="F6845" s="8">
        <v>224</v>
      </c>
      <c r="G6845" s="5">
        <v>6</v>
      </c>
      <c r="H6845" s="5" t="s">
        <v>1518</v>
      </c>
      <c r="I6845" s="5" t="s">
        <v>69038</v>
      </c>
      <c r="J6845" s="2" t="s">
        <v>69039</v>
      </c>
      <c r="K6845" s="5" t="s">
        <v>69038</v>
      </c>
      <c r="L6845" s="2" t="s">
        <v>69039</v>
      </c>
      <c r="M6845" s="5" t="s">
        <v>1521</v>
      </c>
      <c r="N6845" s="5" t="s">
        <v>38</v>
      </c>
      <c r="O6845" s="5" t="s">
        <v>39</v>
      </c>
      <c r="P6845" s="5" t="s">
        <v>40</v>
      </c>
      <c r="Q6845" s="5" t="s">
        <v>1522</v>
      </c>
      <c r="R6845" s="5" t="s">
        <v>1523</v>
      </c>
      <c r="S6845" s="5" t="s">
        <v>42</v>
      </c>
      <c r="T6845" s="2">
        <v>1.913</v>
      </c>
      <c r="U6845" s="2">
        <v>1.4510000000000001</v>
      </c>
      <c r="V6845" s="2">
        <v>16.7</v>
      </c>
      <c r="W6845" s="2">
        <v>76.900000000000006</v>
      </c>
      <c r="X6845" s="2">
        <v>7.6</v>
      </c>
      <c r="Y6845" s="2">
        <v>16.7</v>
      </c>
      <c r="Z6845" s="5"/>
      <c r="AA6845" s="5" t="s">
        <v>43</v>
      </c>
      <c r="AB6845" s="5" t="s">
        <v>44</v>
      </c>
      <c r="AC6845" s="2"/>
      <c r="AD6845" s="1"/>
    </row>
    <row r="6846" spans="1:30">
      <c r="A6846" s="5" t="s">
        <v>83578</v>
      </c>
      <c r="B6846" s="2" t="s">
        <v>104657</v>
      </c>
      <c r="C6846" s="14" t="s">
        <v>104658</v>
      </c>
      <c r="D6846" s="2" t="s">
        <v>104659</v>
      </c>
      <c r="E6846" s="2" t="s">
        <v>7585</v>
      </c>
      <c r="F6846" s="8">
        <v>224</v>
      </c>
      <c r="G6846" s="5">
        <v>6</v>
      </c>
      <c r="H6846" s="5" t="s">
        <v>1518</v>
      </c>
      <c r="I6846" s="5" t="s">
        <v>69038</v>
      </c>
      <c r="J6846" s="2" t="s">
        <v>69039</v>
      </c>
      <c r="K6846" s="5" t="s">
        <v>69038</v>
      </c>
      <c r="L6846" s="2" t="s">
        <v>69039</v>
      </c>
      <c r="M6846" s="5" t="s">
        <v>1521</v>
      </c>
      <c r="N6846" s="5" t="s">
        <v>38</v>
      </c>
      <c r="O6846" s="5" t="s">
        <v>39</v>
      </c>
      <c r="P6846" s="5" t="s">
        <v>40</v>
      </c>
      <c r="Q6846" s="5" t="s">
        <v>1522</v>
      </c>
      <c r="R6846" s="5" t="s">
        <v>1523</v>
      </c>
      <c r="S6846" s="5" t="s">
        <v>42</v>
      </c>
      <c r="T6846" s="2">
        <v>1.913</v>
      </c>
      <c r="U6846" s="2">
        <v>1.4510000000000001</v>
      </c>
      <c r="V6846" s="2">
        <v>16.7</v>
      </c>
      <c r="W6846" s="2">
        <v>76.900000000000006</v>
      </c>
      <c r="X6846" s="2">
        <v>7.6</v>
      </c>
      <c r="Y6846" s="2">
        <v>16.7</v>
      </c>
      <c r="Z6846" s="5"/>
      <c r="AA6846" s="5" t="s">
        <v>43</v>
      </c>
      <c r="AB6846" s="5" t="s">
        <v>44</v>
      </c>
      <c r="AC6846" s="2"/>
      <c r="AD6846" s="1"/>
    </row>
    <row r="6847" spans="1:30">
      <c r="A6847" s="5" t="s">
        <v>83578</v>
      </c>
      <c r="B6847" s="2" t="s">
        <v>104660</v>
      </c>
      <c r="C6847" s="14" t="s">
        <v>104661</v>
      </c>
      <c r="D6847" s="2" t="s">
        <v>104662</v>
      </c>
      <c r="E6847" s="2" t="s">
        <v>7589</v>
      </c>
      <c r="F6847" s="8">
        <v>224</v>
      </c>
      <c r="G6847" s="5">
        <v>6</v>
      </c>
      <c r="H6847" s="5" t="s">
        <v>1518</v>
      </c>
      <c r="I6847" s="5" t="s">
        <v>69038</v>
      </c>
      <c r="J6847" s="2" t="s">
        <v>69039</v>
      </c>
      <c r="K6847" s="5" t="s">
        <v>69038</v>
      </c>
      <c r="L6847" s="2" t="s">
        <v>69039</v>
      </c>
      <c r="M6847" s="5" t="s">
        <v>1521</v>
      </c>
      <c r="N6847" s="5" t="s">
        <v>38</v>
      </c>
      <c r="O6847" s="5" t="s">
        <v>39</v>
      </c>
      <c r="P6847" s="5" t="s">
        <v>40</v>
      </c>
      <c r="Q6847" s="5" t="s">
        <v>1522</v>
      </c>
      <c r="R6847" s="5" t="s">
        <v>1523</v>
      </c>
      <c r="S6847" s="5" t="s">
        <v>42</v>
      </c>
      <c r="T6847" s="2">
        <v>1.96</v>
      </c>
      <c r="U6847" s="2">
        <v>1.498</v>
      </c>
      <c r="V6847" s="2">
        <v>16.7</v>
      </c>
      <c r="W6847" s="2">
        <v>76.900000000000006</v>
      </c>
      <c r="X6847" s="2">
        <v>7.6</v>
      </c>
      <c r="Y6847" s="2">
        <v>16.7</v>
      </c>
      <c r="Z6847" s="5"/>
      <c r="AA6847" s="5" t="s">
        <v>43</v>
      </c>
      <c r="AB6847" s="5" t="s">
        <v>44</v>
      </c>
      <c r="AC6847" s="2"/>
      <c r="AD6847" s="1"/>
    </row>
    <row r="6848" spans="1:30">
      <c r="A6848" s="5" t="s">
        <v>83578</v>
      </c>
      <c r="B6848" s="2" t="s">
        <v>104663</v>
      </c>
      <c r="C6848" s="14" t="s">
        <v>104664</v>
      </c>
      <c r="D6848" s="2" t="s">
        <v>104665</v>
      </c>
      <c r="E6848" s="2" t="s">
        <v>7593</v>
      </c>
      <c r="F6848" s="8">
        <v>224</v>
      </c>
      <c r="G6848" s="5">
        <v>6</v>
      </c>
      <c r="H6848" s="5" t="s">
        <v>1518</v>
      </c>
      <c r="I6848" s="5" t="s">
        <v>69038</v>
      </c>
      <c r="J6848" s="2" t="s">
        <v>69039</v>
      </c>
      <c r="K6848" s="5" t="s">
        <v>69038</v>
      </c>
      <c r="L6848" s="2" t="s">
        <v>69039</v>
      </c>
      <c r="M6848" s="5" t="s">
        <v>1521</v>
      </c>
      <c r="N6848" s="5" t="s">
        <v>38</v>
      </c>
      <c r="O6848" s="5" t="s">
        <v>39</v>
      </c>
      <c r="P6848" s="5" t="s">
        <v>40</v>
      </c>
      <c r="Q6848" s="5" t="s">
        <v>1522</v>
      </c>
      <c r="R6848" s="5" t="s">
        <v>1523</v>
      </c>
      <c r="S6848" s="5" t="s">
        <v>42</v>
      </c>
      <c r="T6848" s="2">
        <v>1.913</v>
      </c>
      <c r="U6848" s="2">
        <v>1.4510000000000001</v>
      </c>
      <c r="V6848" s="2">
        <v>16.7</v>
      </c>
      <c r="W6848" s="2">
        <v>76.900000000000006</v>
      </c>
      <c r="X6848" s="2">
        <v>7.6</v>
      </c>
      <c r="Y6848" s="2">
        <v>16.7</v>
      </c>
      <c r="Z6848" s="5"/>
      <c r="AA6848" s="5" t="s">
        <v>43</v>
      </c>
      <c r="AB6848" s="5" t="s">
        <v>44</v>
      </c>
      <c r="AC6848" s="2"/>
      <c r="AD6848" s="1"/>
    </row>
    <row r="6849" spans="1:30">
      <c r="A6849" s="5" t="s">
        <v>83578</v>
      </c>
      <c r="B6849" s="2" t="s">
        <v>104666</v>
      </c>
      <c r="C6849" s="14" t="s">
        <v>104667</v>
      </c>
      <c r="D6849" s="2" t="s">
        <v>104668</v>
      </c>
      <c r="E6849" s="2" t="s">
        <v>7597</v>
      </c>
      <c r="F6849" s="8">
        <v>224</v>
      </c>
      <c r="G6849" s="5">
        <v>6</v>
      </c>
      <c r="H6849" s="5" t="s">
        <v>1518</v>
      </c>
      <c r="I6849" s="5" t="s">
        <v>69038</v>
      </c>
      <c r="J6849" s="2" t="s">
        <v>69039</v>
      </c>
      <c r="K6849" s="5" t="s">
        <v>69038</v>
      </c>
      <c r="L6849" s="2" t="s">
        <v>69039</v>
      </c>
      <c r="M6849" s="5" t="s">
        <v>1521</v>
      </c>
      <c r="N6849" s="5" t="s">
        <v>38</v>
      </c>
      <c r="O6849" s="5" t="s">
        <v>39</v>
      </c>
      <c r="P6849" s="5" t="s">
        <v>40</v>
      </c>
      <c r="Q6849" s="5" t="s">
        <v>1522</v>
      </c>
      <c r="R6849" s="5" t="s">
        <v>1523</v>
      </c>
      <c r="S6849" s="5" t="s">
        <v>42</v>
      </c>
      <c r="T6849" s="2">
        <v>1.96</v>
      </c>
      <c r="U6849" s="2">
        <v>1.498</v>
      </c>
      <c r="V6849" s="2">
        <v>16.7</v>
      </c>
      <c r="W6849" s="2">
        <v>76.900000000000006</v>
      </c>
      <c r="X6849" s="2">
        <v>7.6</v>
      </c>
      <c r="Y6849" s="2">
        <v>16.7</v>
      </c>
      <c r="Z6849" s="5"/>
      <c r="AA6849" s="5" t="s">
        <v>43</v>
      </c>
      <c r="AB6849" s="5" t="s">
        <v>44</v>
      </c>
      <c r="AC6849" s="2"/>
      <c r="AD6849" s="1"/>
    </row>
    <row r="6850" spans="1:30">
      <c r="A6850" s="5" t="s">
        <v>83578</v>
      </c>
      <c r="B6850" s="2" t="s">
        <v>104669</v>
      </c>
      <c r="C6850" s="14" t="s">
        <v>104670</v>
      </c>
      <c r="D6850" s="2" t="s">
        <v>104671</v>
      </c>
      <c r="E6850" s="2" t="s">
        <v>73358</v>
      </c>
      <c r="F6850" s="8">
        <v>224</v>
      </c>
      <c r="G6850" s="5">
        <v>6</v>
      </c>
      <c r="H6850" s="5" t="s">
        <v>1518</v>
      </c>
      <c r="I6850" s="5" t="s">
        <v>69038</v>
      </c>
      <c r="J6850" s="2" t="s">
        <v>69039</v>
      </c>
      <c r="K6850" s="5" t="s">
        <v>69038</v>
      </c>
      <c r="L6850" s="2" t="s">
        <v>69039</v>
      </c>
      <c r="M6850" s="5" t="s">
        <v>1521</v>
      </c>
      <c r="N6850" s="5" t="s">
        <v>38</v>
      </c>
      <c r="O6850" s="5" t="s">
        <v>39</v>
      </c>
      <c r="P6850" s="5" t="s">
        <v>40</v>
      </c>
      <c r="Q6850" s="5" t="s">
        <v>1522</v>
      </c>
      <c r="R6850" s="5" t="s">
        <v>1523</v>
      </c>
      <c r="S6850" s="5" t="s">
        <v>42</v>
      </c>
      <c r="T6850" s="2">
        <v>1.913</v>
      </c>
      <c r="U6850" s="2">
        <v>1.4510000000000001</v>
      </c>
      <c r="V6850" s="2">
        <v>16.7</v>
      </c>
      <c r="W6850" s="2">
        <v>76.900000000000006</v>
      </c>
      <c r="X6850" s="2">
        <v>7.6</v>
      </c>
      <c r="Y6850" s="2">
        <v>16.7</v>
      </c>
      <c r="Z6850" s="5"/>
      <c r="AA6850" s="5" t="s">
        <v>43</v>
      </c>
      <c r="AB6850" s="5" t="s">
        <v>44</v>
      </c>
      <c r="AC6850" s="2"/>
      <c r="AD6850" s="1"/>
    </row>
    <row r="6851" spans="1:30">
      <c r="A6851" s="5" t="s">
        <v>83578</v>
      </c>
      <c r="B6851" s="2" t="s">
        <v>104672</v>
      </c>
      <c r="C6851" s="14" t="s">
        <v>104673</v>
      </c>
      <c r="D6851" s="2" t="s">
        <v>104674</v>
      </c>
      <c r="E6851" s="2" t="s">
        <v>73362</v>
      </c>
      <c r="F6851" s="8">
        <v>224</v>
      </c>
      <c r="G6851" s="5">
        <v>6</v>
      </c>
      <c r="H6851" s="5" t="s">
        <v>1518</v>
      </c>
      <c r="I6851" s="5" t="s">
        <v>69038</v>
      </c>
      <c r="J6851" s="2" t="s">
        <v>69039</v>
      </c>
      <c r="K6851" s="5" t="s">
        <v>69038</v>
      </c>
      <c r="L6851" s="2" t="s">
        <v>69039</v>
      </c>
      <c r="M6851" s="5" t="s">
        <v>1521</v>
      </c>
      <c r="N6851" s="5" t="s">
        <v>38</v>
      </c>
      <c r="O6851" s="5" t="s">
        <v>39</v>
      </c>
      <c r="P6851" s="5" t="s">
        <v>40</v>
      </c>
      <c r="Q6851" s="5" t="s">
        <v>1522</v>
      </c>
      <c r="R6851" s="5" t="s">
        <v>1523</v>
      </c>
      <c r="S6851" s="5" t="s">
        <v>42</v>
      </c>
      <c r="T6851" s="2">
        <v>1.96</v>
      </c>
      <c r="U6851" s="2">
        <v>1.498</v>
      </c>
      <c r="V6851" s="2">
        <v>16.7</v>
      </c>
      <c r="W6851" s="2">
        <v>76.900000000000006</v>
      </c>
      <c r="X6851" s="2">
        <v>7.6</v>
      </c>
      <c r="Y6851" s="2">
        <v>16.7</v>
      </c>
      <c r="Z6851" s="5"/>
      <c r="AA6851" s="5" t="s">
        <v>43</v>
      </c>
      <c r="AB6851" s="5" t="s">
        <v>44</v>
      </c>
      <c r="AC6851" s="2"/>
      <c r="AD6851" s="1"/>
    </row>
    <row r="6852" spans="1:30">
      <c r="A6852" s="5" t="s">
        <v>83578</v>
      </c>
      <c r="B6852" s="2" t="s">
        <v>104675</v>
      </c>
      <c r="C6852" s="14" t="s">
        <v>104676</v>
      </c>
      <c r="D6852" s="2" t="s">
        <v>104677</v>
      </c>
      <c r="E6852" s="2" t="s">
        <v>7619</v>
      </c>
      <c r="F6852" s="8">
        <v>224</v>
      </c>
      <c r="G6852" s="5">
        <v>6</v>
      </c>
      <c r="H6852" s="5" t="s">
        <v>1518</v>
      </c>
      <c r="I6852" s="5" t="s">
        <v>69038</v>
      </c>
      <c r="J6852" s="2" t="s">
        <v>69039</v>
      </c>
      <c r="K6852" s="5" t="s">
        <v>69038</v>
      </c>
      <c r="L6852" s="2" t="s">
        <v>69039</v>
      </c>
      <c r="M6852" s="5" t="s">
        <v>1521</v>
      </c>
      <c r="N6852" s="5" t="s">
        <v>38</v>
      </c>
      <c r="O6852" s="5" t="s">
        <v>39</v>
      </c>
      <c r="P6852" s="5" t="s">
        <v>40</v>
      </c>
      <c r="Q6852" s="5" t="s">
        <v>1522</v>
      </c>
      <c r="R6852" s="5" t="s">
        <v>1523</v>
      </c>
      <c r="S6852" s="5" t="s">
        <v>42</v>
      </c>
      <c r="T6852" s="2">
        <v>1.96</v>
      </c>
      <c r="U6852" s="2">
        <v>1.498</v>
      </c>
      <c r="V6852" s="2">
        <v>16.7</v>
      </c>
      <c r="W6852" s="2">
        <v>76.900000000000006</v>
      </c>
      <c r="X6852" s="2">
        <v>7.6</v>
      </c>
      <c r="Y6852" s="2">
        <v>16.7</v>
      </c>
      <c r="Z6852" s="5"/>
      <c r="AA6852" s="5" t="s">
        <v>43</v>
      </c>
      <c r="AB6852" s="5" t="s">
        <v>44</v>
      </c>
      <c r="AC6852" s="2"/>
      <c r="AD6852" s="1"/>
    </row>
    <row r="6853" spans="1:30">
      <c r="A6853" s="5" t="s">
        <v>83578</v>
      </c>
      <c r="B6853" s="2" t="s">
        <v>104678</v>
      </c>
      <c r="C6853" s="14" t="s">
        <v>104679</v>
      </c>
      <c r="D6853" s="2" t="s">
        <v>104680</v>
      </c>
      <c r="E6853" s="2" t="s">
        <v>16014</v>
      </c>
      <c r="F6853" s="8">
        <v>224</v>
      </c>
      <c r="G6853" s="5">
        <v>6</v>
      </c>
      <c r="H6853" s="5" t="s">
        <v>1518</v>
      </c>
      <c r="I6853" s="5" t="s">
        <v>69038</v>
      </c>
      <c r="J6853" s="2" t="s">
        <v>69039</v>
      </c>
      <c r="K6853" s="5" t="s">
        <v>69038</v>
      </c>
      <c r="L6853" s="2" t="s">
        <v>69039</v>
      </c>
      <c r="M6853" s="5" t="s">
        <v>1521</v>
      </c>
      <c r="N6853" s="5" t="s">
        <v>38</v>
      </c>
      <c r="O6853" s="5" t="s">
        <v>39</v>
      </c>
      <c r="P6853" s="5" t="s">
        <v>40</v>
      </c>
      <c r="Q6853" s="5" t="s">
        <v>1522</v>
      </c>
      <c r="R6853" s="5" t="s">
        <v>1523</v>
      </c>
      <c r="S6853" s="5" t="s">
        <v>42</v>
      </c>
      <c r="T6853" s="2">
        <v>1.913</v>
      </c>
      <c r="U6853" s="2">
        <v>1.4510000000000001</v>
      </c>
      <c r="V6853" s="2">
        <v>16.7</v>
      </c>
      <c r="W6853" s="2">
        <v>76.900000000000006</v>
      </c>
      <c r="X6853" s="2">
        <v>7.6</v>
      </c>
      <c r="Y6853" s="2">
        <v>16.7</v>
      </c>
      <c r="Z6853" s="5"/>
      <c r="AA6853" s="5" t="s">
        <v>43</v>
      </c>
      <c r="AB6853" s="5" t="s">
        <v>44</v>
      </c>
      <c r="AC6853" s="2"/>
      <c r="AD6853" s="1"/>
    </row>
    <row r="6854" spans="1:30">
      <c r="A6854" s="5" t="s">
        <v>83578</v>
      </c>
      <c r="B6854" s="2" t="s">
        <v>104681</v>
      </c>
      <c r="C6854" s="14" t="s">
        <v>104682</v>
      </c>
      <c r="D6854" s="2" t="s">
        <v>104683</v>
      </c>
      <c r="E6854" s="2" t="s">
        <v>16219</v>
      </c>
      <c r="F6854" s="8">
        <v>224</v>
      </c>
      <c r="G6854" s="5">
        <v>6</v>
      </c>
      <c r="H6854" s="5" t="s">
        <v>1518</v>
      </c>
      <c r="I6854" s="5" t="s">
        <v>69038</v>
      </c>
      <c r="J6854" s="2" t="s">
        <v>69039</v>
      </c>
      <c r="K6854" s="5" t="s">
        <v>69038</v>
      </c>
      <c r="L6854" s="2" t="s">
        <v>69039</v>
      </c>
      <c r="M6854" s="5" t="s">
        <v>1521</v>
      </c>
      <c r="N6854" s="5" t="s">
        <v>38</v>
      </c>
      <c r="O6854" s="5" t="s">
        <v>39</v>
      </c>
      <c r="P6854" s="5" t="s">
        <v>40</v>
      </c>
      <c r="Q6854" s="5" t="s">
        <v>1522</v>
      </c>
      <c r="R6854" s="5" t="s">
        <v>1523</v>
      </c>
      <c r="S6854" s="5" t="s">
        <v>42</v>
      </c>
      <c r="T6854" s="2">
        <v>1.96</v>
      </c>
      <c r="U6854" s="2">
        <v>1.498</v>
      </c>
      <c r="V6854" s="2">
        <v>16.7</v>
      </c>
      <c r="W6854" s="2">
        <v>76.900000000000006</v>
      </c>
      <c r="X6854" s="2">
        <v>7.6</v>
      </c>
      <c r="Y6854" s="2">
        <v>16.7</v>
      </c>
      <c r="Z6854" s="5"/>
      <c r="AA6854" s="5" t="s">
        <v>43</v>
      </c>
      <c r="AB6854" s="5" t="s">
        <v>44</v>
      </c>
      <c r="AC6854" s="2"/>
      <c r="AD6854" s="1"/>
    </row>
    <row r="6855" spans="1:30">
      <c r="A6855" s="5" t="s">
        <v>83578</v>
      </c>
      <c r="B6855" s="2" t="s">
        <v>104684</v>
      </c>
      <c r="C6855" s="14" t="s">
        <v>104685</v>
      </c>
      <c r="D6855" s="2" t="s">
        <v>104686</v>
      </c>
      <c r="E6855" s="2" t="s">
        <v>7528</v>
      </c>
      <c r="F6855" s="8">
        <v>212</v>
      </c>
      <c r="G6855" s="5">
        <v>6</v>
      </c>
      <c r="H6855" s="5" t="s">
        <v>1518</v>
      </c>
      <c r="I6855" s="5" t="s">
        <v>69038</v>
      </c>
      <c r="J6855" s="2" t="s">
        <v>69039</v>
      </c>
      <c r="K6855" s="5" t="s">
        <v>69038</v>
      </c>
      <c r="L6855" s="2" t="s">
        <v>69039</v>
      </c>
      <c r="M6855" s="5" t="s">
        <v>1521</v>
      </c>
      <c r="N6855" s="5" t="s">
        <v>38</v>
      </c>
      <c r="O6855" s="5" t="s">
        <v>39</v>
      </c>
      <c r="P6855" s="5" t="s">
        <v>40</v>
      </c>
      <c r="Q6855" s="5" t="s">
        <v>1522</v>
      </c>
      <c r="R6855" s="5" t="s">
        <v>1523</v>
      </c>
      <c r="S6855" s="5" t="s">
        <v>42</v>
      </c>
      <c r="T6855" s="2">
        <v>1.96</v>
      </c>
      <c r="U6855" s="2">
        <v>1.498</v>
      </c>
      <c r="V6855" s="2">
        <v>16.7</v>
      </c>
      <c r="W6855" s="2">
        <v>76.900000000000006</v>
      </c>
      <c r="X6855" s="2">
        <v>7.6</v>
      </c>
      <c r="Y6855" s="2">
        <v>16.7</v>
      </c>
      <c r="Z6855" s="5"/>
      <c r="AA6855" s="5" t="s">
        <v>43</v>
      </c>
      <c r="AB6855" s="5" t="s">
        <v>44</v>
      </c>
      <c r="AC6855" s="2"/>
      <c r="AD6855" s="1"/>
    </row>
    <row r="6856" spans="1:30">
      <c r="A6856" s="5" t="s">
        <v>83578</v>
      </c>
      <c r="B6856" s="2" t="s">
        <v>104687</v>
      </c>
      <c r="C6856" s="14" t="s">
        <v>104688</v>
      </c>
      <c r="D6856" s="2" t="s">
        <v>104689</v>
      </c>
      <c r="E6856" s="2" t="s">
        <v>7521</v>
      </c>
      <c r="F6856" s="8">
        <v>223</v>
      </c>
      <c r="G6856" s="5">
        <v>6</v>
      </c>
      <c r="H6856" s="5" t="s">
        <v>1518</v>
      </c>
      <c r="I6856" s="5" t="s">
        <v>69038</v>
      </c>
      <c r="J6856" s="2" t="s">
        <v>69039</v>
      </c>
      <c r="K6856" s="5" t="s">
        <v>69038</v>
      </c>
      <c r="L6856" s="2" t="s">
        <v>69039</v>
      </c>
      <c r="M6856" s="5" t="s">
        <v>1521</v>
      </c>
      <c r="N6856" s="5" t="s">
        <v>38</v>
      </c>
      <c r="O6856" s="5" t="s">
        <v>39</v>
      </c>
      <c r="P6856" s="5" t="s">
        <v>40</v>
      </c>
      <c r="Q6856" s="5" t="s">
        <v>1522</v>
      </c>
      <c r="R6856" s="5" t="s">
        <v>1523</v>
      </c>
      <c r="S6856" s="5" t="s">
        <v>42</v>
      </c>
      <c r="T6856" s="2">
        <v>2.117</v>
      </c>
      <c r="U6856" s="2">
        <v>1.661</v>
      </c>
      <c r="V6856" s="2">
        <v>16.7</v>
      </c>
      <c r="W6856" s="2">
        <v>76.900000000000006</v>
      </c>
      <c r="X6856" s="2">
        <v>7.6</v>
      </c>
      <c r="Y6856" s="2">
        <v>16.7</v>
      </c>
      <c r="Z6856" s="5"/>
      <c r="AA6856" s="5" t="s">
        <v>43</v>
      </c>
      <c r="AB6856" s="5" t="s">
        <v>44</v>
      </c>
      <c r="AC6856" s="2"/>
      <c r="AD6856" s="1"/>
    </row>
    <row r="6857" spans="1:30">
      <c r="A6857" s="5" t="s">
        <v>83578</v>
      </c>
      <c r="B6857" s="2" t="s">
        <v>104690</v>
      </c>
      <c r="C6857" s="14" t="s">
        <v>104691</v>
      </c>
      <c r="D6857" s="2" t="s">
        <v>104692</v>
      </c>
      <c r="E6857" s="2" t="s">
        <v>7535</v>
      </c>
      <c r="F6857" s="8">
        <v>237</v>
      </c>
      <c r="G6857" s="5">
        <v>6</v>
      </c>
      <c r="H6857" s="5" t="s">
        <v>1518</v>
      </c>
      <c r="I6857" s="5" t="s">
        <v>69038</v>
      </c>
      <c r="J6857" s="2" t="s">
        <v>69039</v>
      </c>
      <c r="K6857" s="5" t="s">
        <v>69038</v>
      </c>
      <c r="L6857" s="2" t="s">
        <v>69039</v>
      </c>
      <c r="M6857" s="5" t="s">
        <v>1521</v>
      </c>
      <c r="N6857" s="5" t="s">
        <v>38</v>
      </c>
      <c r="O6857" s="5" t="s">
        <v>39</v>
      </c>
      <c r="P6857" s="5" t="s">
        <v>40</v>
      </c>
      <c r="Q6857" s="5" t="s">
        <v>1522</v>
      </c>
      <c r="R6857" s="5" t="s">
        <v>1523</v>
      </c>
      <c r="S6857" s="5" t="s">
        <v>42</v>
      </c>
      <c r="T6857" s="2">
        <v>2.117</v>
      </c>
      <c r="U6857" s="2">
        <v>1.661</v>
      </c>
      <c r="V6857" s="2">
        <v>16.7</v>
      </c>
      <c r="W6857" s="2">
        <v>76.900000000000006</v>
      </c>
      <c r="X6857" s="2">
        <v>7.6</v>
      </c>
      <c r="Y6857" s="2">
        <v>16.7</v>
      </c>
      <c r="Z6857" s="5"/>
      <c r="AA6857" s="5" t="s">
        <v>43</v>
      </c>
      <c r="AB6857" s="5" t="s">
        <v>44</v>
      </c>
      <c r="AC6857" s="2"/>
      <c r="AD6857" s="1"/>
    </row>
    <row r="6858" spans="1:30">
      <c r="A6858" s="5" t="s">
        <v>83578</v>
      </c>
      <c r="B6858" s="2" t="s">
        <v>104693</v>
      </c>
      <c r="C6858" s="14" t="s">
        <v>104694</v>
      </c>
      <c r="D6858" s="2" t="s">
        <v>104695</v>
      </c>
      <c r="E6858" s="2" t="s">
        <v>7547</v>
      </c>
      <c r="F6858" s="8">
        <v>237</v>
      </c>
      <c r="G6858" s="5">
        <v>6</v>
      </c>
      <c r="H6858" s="5" t="s">
        <v>1518</v>
      </c>
      <c r="I6858" s="5" t="s">
        <v>69038</v>
      </c>
      <c r="J6858" s="2" t="s">
        <v>69039</v>
      </c>
      <c r="K6858" s="5" t="s">
        <v>69038</v>
      </c>
      <c r="L6858" s="2" t="s">
        <v>69039</v>
      </c>
      <c r="M6858" s="5" t="s">
        <v>1521</v>
      </c>
      <c r="N6858" s="5" t="s">
        <v>38</v>
      </c>
      <c r="O6858" s="5" t="s">
        <v>39</v>
      </c>
      <c r="P6858" s="5" t="s">
        <v>40</v>
      </c>
      <c r="Q6858" s="5" t="s">
        <v>1522</v>
      </c>
      <c r="R6858" s="5" t="s">
        <v>1523</v>
      </c>
      <c r="S6858" s="5" t="s">
        <v>42</v>
      </c>
      <c r="T6858" s="2">
        <v>2.0590000000000002</v>
      </c>
      <c r="U6858" s="2">
        <v>1.603</v>
      </c>
      <c r="V6858" s="2">
        <v>16.7</v>
      </c>
      <c r="W6858" s="2">
        <v>76.900000000000006</v>
      </c>
      <c r="X6858" s="2">
        <v>7.6</v>
      </c>
      <c r="Y6858" s="2">
        <v>16.7</v>
      </c>
      <c r="Z6858" s="5"/>
      <c r="AA6858" s="5" t="s">
        <v>43</v>
      </c>
      <c r="AB6858" s="5" t="s">
        <v>44</v>
      </c>
      <c r="AC6858" s="2"/>
      <c r="AD6858" s="1"/>
    </row>
    <row r="6859" spans="1:30">
      <c r="A6859" s="5" t="s">
        <v>83578</v>
      </c>
      <c r="B6859" s="2" t="s">
        <v>104696</v>
      </c>
      <c r="C6859" s="14" t="s">
        <v>104697</v>
      </c>
      <c r="D6859" s="2" t="s">
        <v>104698</v>
      </c>
      <c r="E6859" s="2" t="s">
        <v>7551</v>
      </c>
      <c r="F6859" s="8">
        <v>237</v>
      </c>
      <c r="G6859" s="5">
        <v>6</v>
      </c>
      <c r="H6859" s="5" t="s">
        <v>1518</v>
      </c>
      <c r="I6859" s="5" t="s">
        <v>69038</v>
      </c>
      <c r="J6859" s="2" t="s">
        <v>69039</v>
      </c>
      <c r="K6859" s="5" t="s">
        <v>69038</v>
      </c>
      <c r="L6859" s="2" t="s">
        <v>69039</v>
      </c>
      <c r="M6859" s="5" t="s">
        <v>1521</v>
      </c>
      <c r="N6859" s="5" t="s">
        <v>38</v>
      </c>
      <c r="O6859" s="5" t="s">
        <v>39</v>
      </c>
      <c r="P6859" s="5" t="s">
        <v>40</v>
      </c>
      <c r="Q6859" s="5" t="s">
        <v>1522</v>
      </c>
      <c r="R6859" s="5" t="s">
        <v>1523</v>
      </c>
      <c r="S6859" s="5" t="s">
        <v>42</v>
      </c>
      <c r="T6859" s="2">
        <v>2.117</v>
      </c>
      <c r="U6859" s="2">
        <v>1.661</v>
      </c>
      <c r="V6859" s="2">
        <v>16.7</v>
      </c>
      <c r="W6859" s="2">
        <v>76.900000000000006</v>
      </c>
      <c r="X6859" s="2">
        <v>7.6</v>
      </c>
      <c r="Y6859" s="2">
        <v>16.7</v>
      </c>
      <c r="Z6859" s="5"/>
      <c r="AA6859" s="5" t="s">
        <v>43</v>
      </c>
      <c r="AB6859" s="5" t="s">
        <v>44</v>
      </c>
      <c r="AC6859" s="2"/>
      <c r="AD6859" s="1"/>
    </row>
    <row r="6860" spans="1:30">
      <c r="A6860" s="5" t="s">
        <v>83578</v>
      </c>
      <c r="B6860" s="2" t="s">
        <v>104699</v>
      </c>
      <c r="C6860" s="14" t="s">
        <v>104700</v>
      </c>
      <c r="D6860" s="2" t="s">
        <v>104701</v>
      </c>
      <c r="E6860" s="2" t="s">
        <v>7567</v>
      </c>
      <c r="F6860" s="8">
        <v>237</v>
      </c>
      <c r="G6860" s="5">
        <v>6</v>
      </c>
      <c r="H6860" s="5" t="s">
        <v>1518</v>
      </c>
      <c r="I6860" s="5" t="s">
        <v>69038</v>
      </c>
      <c r="J6860" s="2" t="s">
        <v>69039</v>
      </c>
      <c r="K6860" s="5" t="s">
        <v>69038</v>
      </c>
      <c r="L6860" s="2" t="s">
        <v>69039</v>
      </c>
      <c r="M6860" s="5" t="s">
        <v>1521</v>
      </c>
      <c r="N6860" s="5" t="s">
        <v>38</v>
      </c>
      <c r="O6860" s="5" t="s">
        <v>39</v>
      </c>
      <c r="P6860" s="5" t="s">
        <v>40</v>
      </c>
      <c r="Q6860" s="5" t="s">
        <v>1522</v>
      </c>
      <c r="R6860" s="5" t="s">
        <v>1523</v>
      </c>
      <c r="S6860" s="5" t="s">
        <v>42</v>
      </c>
      <c r="T6860" s="2">
        <v>2.117</v>
      </c>
      <c r="U6860" s="2">
        <v>1.661</v>
      </c>
      <c r="V6860" s="2">
        <v>16.7</v>
      </c>
      <c r="W6860" s="2">
        <v>76.900000000000006</v>
      </c>
      <c r="X6860" s="2">
        <v>7.6</v>
      </c>
      <c r="Y6860" s="2">
        <v>16.7</v>
      </c>
      <c r="Z6860" s="5"/>
      <c r="AA6860" s="5" t="s">
        <v>43</v>
      </c>
      <c r="AB6860" s="5" t="s">
        <v>44</v>
      </c>
      <c r="AC6860" s="2"/>
      <c r="AD6860" s="1"/>
    </row>
    <row r="6861" spans="1:30">
      <c r="A6861" s="5" t="s">
        <v>83578</v>
      </c>
      <c r="B6861" s="2" t="s">
        <v>104702</v>
      </c>
      <c r="C6861" s="14" t="s">
        <v>104703</v>
      </c>
      <c r="D6861" s="2" t="s">
        <v>104704</v>
      </c>
      <c r="E6861" s="2" t="s">
        <v>7555</v>
      </c>
      <c r="F6861" s="8">
        <v>237</v>
      </c>
      <c r="G6861" s="5">
        <v>6</v>
      </c>
      <c r="H6861" s="5" t="s">
        <v>1518</v>
      </c>
      <c r="I6861" s="5" t="s">
        <v>69038</v>
      </c>
      <c r="J6861" s="2" t="s">
        <v>69039</v>
      </c>
      <c r="K6861" s="5" t="s">
        <v>69038</v>
      </c>
      <c r="L6861" s="2" t="s">
        <v>69039</v>
      </c>
      <c r="M6861" s="5" t="s">
        <v>1521</v>
      </c>
      <c r="N6861" s="5" t="s">
        <v>38</v>
      </c>
      <c r="O6861" s="5" t="s">
        <v>39</v>
      </c>
      <c r="P6861" s="5" t="s">
        <v>40</v>
      </c>
      <c r="Q6861" s="5" t="s">
        <v>1522</v>
      </c>
      <c r="R6861" s="5" t="s">
        <v>1523</v>
      </c>
      <c r="S6861" s="5" t="s">
        <v>42</v>
      </c>
      <c r="T6861" s="2">
        <v>2.0590000000000002</v>
      </c>
      <c r="U6861" s="2">
        <v>1.603</v>
      </c>
      <c r="V6861" s="2">
        <v>16.7</v>
      </c>
      <c r="W6861" s="2">
        <v>76.900000000000006</v>
      </c>
      <c r="X6861" s="2">
        <v>7.6</v>
      </c>
      <c r="Y6861" s="2">
        <v>16.7</v>
      </c>
      <c r="Z6861" s="5"/>
      <c r="AA6861" s="5" t="s">
        <v>43</v>
      </c>
      <c r="AB6861" s="5" t="s">
        <v>44</v>
      </c>
      <c r="AC6861" s="2"/>
      <c r="AD6861" s="1"/>
    </row>
    <row r="6862" spans="1:30">
      <c r="A6862" s="5" t="s">
        <v>83578</v>
      </c>
      <c r="B6862" s="2" t="s">
        <v>104705</v>
      </c>
      <c r="C6862" s="14" t="s">
        <v>104706</v>
      </c>
      <c r="D6862" s="2" t="s">
        <v>104707</v>
      </c>
      <c r="E6862" s="2" t="s">
        <v>7559</v>
      </c>
      <c r="F6862" s="8">
        <v>237</v>
      </c>
      <c r="G6862" s="5">
        <v>6</v>
      </c>
      <c r="H6862" s="5" t="s">
        <v>1518</v>
      </c>
      <c r="I6862" s="5" t="s">
        <v>69038</v>
      </c>
      <c r="J6862" s="2" t="s">
        <v>69039</v>
      </c>
      <c r="K6862" s="5" t="s">
        <v>69038</v>
      </c>
      <c r="L6862" s="2" t="s">
        <v>69039</v>
      </c>
      <c r="M6862" s="5" t="s">
        <v>1521</v>
      </c>
      <c r="N6862" s="5" t="s">
        <v>38</v>
      </c>
      <c r="O6862" s="5" t="s">
        <v>39</v>
      </c>
      <c r="P6862" s="5" t="s">
        <v>40</v>
      </c>
      <c r="Q6862" s="5" t="s">
        <v>1522</v>
      </c>
      <c r="R6862" s="5" t="s">
        <v>1523</v>
      </c>
      <c r="S6862" s="5" t="s">
        <v>42</v>
      </c>
      <c r="T6862" s="2">
        <v>2.117</v>
      </c>
      <c r="U6862" s="2">
        <v>1.661</v>
      </c>
      <c r="V6862" s="2">
        <v>16.7</v>
      </c>
      <c r="W6862" s="2">
        <v>76.900000000000006</v>
      </c>
      <c r="X6862" s="2">
        <v>7.6</v>
      </c>
      <c r="Y6862" s="2">
        <v>16.7</v>
      </c>
      <c r="Z6862" s="5"/>
      <c r="AA6862" s="5" t="s">
        <v>43</v>
      </c>
      <c r="AB6862" s="5" t="s">
        <v>44</v>
      </c>
      <c r="AC6862" s="2"/>
      <c r="AD6862" s="1"/>
    </row>
    <row r="6863" spans="1:30">
      <c r="A6863" s="5" t="s">
        <v>83578</v>
      </c>
      <c r="B6863" s="2" t="s">
        <v>104708</v>
      </c>
      <c r="C6863" s="14" t="s">
        <v>104709</v>
      </c>
      <c r="D6863" s="2" t="s">
        <v>104710</v>
      </c>
      <c r="E6863" s="2" t="s">
        <v>16079</v>
      </c>
      <c r="F6863" s="8">
        <v>237</v>
      </c>
      <c r="G6863" s="5">
        <v>6</v>
      </c>
      <c r="H6863" s="5" t="s">
        <v>1518</v>
      </c>
      <c r="I6863" s="5" t="s">
        <v>69038</v>
      </c>
      <c r="J6863" s="2" t="s">
        <v>69039</v>
      </c>
      <c r="K6863" s="5" t="s">
        <v>69038</v>
      </c>
      <c r="L6863" s="2" t="s">
        <v>69039</v>
      </c>
      <c r="M6863" s="5" t="s">
        <v>1521</v>
      </c>
      <c r="N6863" s="5" t="s">
        <v>38</v>
      </c>
      <c r="O6863" s="5" t="s">
        <v>39</v>
      </c>
      <c r="P6863" s="5" t="s">
        <v>40</v>
      </c>
      <c r="Q6863" s="5" t="s">
        <v>1522</v>
      </c>
      <c r="R6863" s="5" t="s">
        <v>1523</v>
      </c>
      <c r="S6863" s="5" t="s">
        <v>42</v>
      </c>
      <c r="T6863" s="2">
        <v>2.0590000000000002</v>
      </c>
      <c r="U6863" s="2">
        <v>1.603</v>
      </c>
      <c r="V6863" s="2">
        <v>16.7</v>
      </c>
      <c r="W6863" s="2">
        <v>76.900000000000006</v>
      </c>
      <c r="X6863" s="2">
        <v>7.6</v>
      </c>
      <c r="Y6863" s="2">
        <v>16.7</v>
      </c>
      <c r="Z6863" s="5"/>
      <c r="AA6863" s="5" t="s">
        <v>43</v>
      </c>
      <c r="AB6863" s="5" t="s">
        <v>44</v>
      </c>
      <c r="AC6863" s="2"/>
      <c r="AD6863" s="1"/>
    </row>
    <row r="6864" spans="1:30">
      <c r="A6864" s="5" t="s">
        <v>83578</v>
      </c>
      <c r="B6864" s="2" t="s">
        <v>104711</v>
      </c>
      <c r="C6864" s="14" t="s">
        <v>104712</v>
      </c>
      <c r="D6864" s="2" t="s">
        <v>104713</v>
      </c>
      <c r="E6864" s="2" t="s">
        <v>16194</v>
      </c>
      <c r="F6864" s="8">
        <v>237</v>
      </c>
      <c r="G6864" s="5">
        <v>6</v>
      </c>
      <c r="H6864" s="5" t="s">
        <v>1518</v>
      </c>
      <c r="I6864" s="5" t="s">
        <v>69038</v>
      </c>
      <c r="J6864" s="2" t="s">
        <v>69039</v>
      </c>
      <c r="K6864" s="5" t="s">
        <v>69038</v>
      </c>
      <c r="L6864" s="2" t="s">
        <v>69039</v>
      </c>
      <c r="M6864" s="5" t="s">
        <v>1521</v>
      </c>
      <c r="N6864" s="5" t="s">
        <v>38</v>
      </c>
      <c r="O6864" s="5" t="s">
        <v>39</v>
      </c>
      <c r="P6864" s="5" t="s">
        <v>40</v>
      </c>
      <c r="Q6864" s="5" t="s">
        <v>1522</v>
      </c>
      <c r="R6864" s="5" t="s">
        <v>1523</v>
      </c>
      <c r="S6864" s="5" t="s">
        <v>42</v>
      </c>
      <c r="T6864" s="2">
        <v>2.117</v>
      </c>
      <c r="U6864" s="2">
        <v>1.661</v>
      </c>
      <c r="V6864" s="2">
        <v>16.7</v>
      </c>
      <c r="W6864" s="2">
        <v>76.900000000000006</v>
      </c>
      <c r="X6864" s="2">
        <v>7.6</v>
      </c>
      <c r="Y6864" s="2">
        <v>16.7</v>
      </c>
      <c r="Z6864" s="5"/>
      <c r="AA6864" s="5" t="s">
        <v>43</v>
      </c>
      <c r="AB6864" s="5" t="s">
        <v>44</v>
      </c>
      <c r="AC6864" s="2"/>
      <c r="AD6864" s="1"/>
    </row>
    <row r="6865" spans="1:30">
      <c r="A6865" s="5" t="s">
        <v>83578</v>
      </c>
      <c r="B6865" s="2" t="s">
        <v>104714</v>
      </c>
      <c r="C6865" s="14" t="s">
        <v>104715</v>
      </c>
      <c r="D6865" s="2" t="s">
        <v>104716</v>
      </c>
      <c r="E6865" s="2" t="s">
        <v>7449</v>
      </c>
      <c r="F6865" s="8">
        <v>237</v>
      </c>
      <c r="G6865" s="5">
        <v>6</v>
      </c>
      <c r="H6865" s="5" t="s">
        <v>1518</v>
      </c>
      <c r="I6865" s="5" t="s">
        <v>69038</v>
      </c>
      <c r="J6865" s="2" t="s">
        <v>69039</v>
      </c>
      <c r="K6865" s="5" t="s">
        <v>69038</v>
      </c>
      <c r="L6865" s="2" t="s">
        <v>69039</v>
      </c>
      <c r="M6865" s="5" t="s">
        <v>1521</v>
      </c>
      <c r="N6865" s="5" t="s">
        <v>38</v>
      </c>
      <c r="O6865" s="5" t="s">
        <v>39</v>
      </c>
      <c r="P6865" s="5" t="s">
        <v>40</v>
      </c>
      <c r="Q6865" s="5" t="s">
        <v>1522</v>
      </c>
      <c r="R6865" s="5" t="s">
        <v>1523</v>
      </c>
      <c r="S6865" s="5" t="s">
        <v>42</v>
      </c>
      <c r="T6865" s="2">
        <v>2.0590000000000002</v>
      </c>
      <c r="U6865" s="2">
        <v>1.603</v>
      </c>
      <c r="V6865" s="2">
        <v>16.7</v>
      </c>
      <c r="W6865" s="2">
        <v>76.900000000000006</v>
      </c>
      <c r="X6865" s="2">
        <v>7.6</v>
      </c>
      <c r="Y6865" s="2">
        <v>16.7</v>
      </c>
      <c r="Z6865" s="5"/>
      <c r="AA6865" s="5" t="s">
        <v>43</v>
      </c>
      <c r="AB6865" s="5" t="s">
        <v>44</v>
      </c>
      <c r="AC6865" s="2"/>
      <c r="AD6865" s="1"/>
    </row>
    <row r="6866" spans="1:30">
      <c r="A6866" s="5" t="s">
        <v>83578</v>
      </c>
      <c r="B6866" s="2" t="s">
        <v>104717</v>
      </c>
      <c r="C6866" s="14" t="s">
        <v>104718</v>
      </c>
      <c r="D6866" s="2" t="s">
        <v>104719</v>
      </c>
      <c r="E6866" s="2" t="s">
        <v>7581</v>
      </c>
      <c r="F6866" s="8">
        <v>237</v>
      </c>
      <c r="G6866" s="5">
        <v>6</v>
      </c>
      <c r="H6866" s="5" t="s">
        <v>1518</v>
      </c>
      <c r="I6866" s="5" t="s">
        <v>69038</v>
      </c>
      <c r="J6866" s="2" t="s">
        <v>69039</v>
      </c>
      <c r="K6866" s="5" t="s">
        <v>69038</v>
      </c>
      <c r="L6866" s="2" t="s">
        <v>69039</v>
      </c>
      <c r="M6866" s="5" t="s">
        <v>1521</v>
      </c>
      <c r="N6866" s="5" t="s">
        <v>38</v>
      </c>
      <c r="O6866" s="5" t="s">
        <v>39</v>
      </c>
      <c r="P6866" s="5" t="s">
        <v>40</v>
      </c>
      <c r="Q6866" s="5" t="s">
        <v>1522</v>
      </c>
      <c r="R6866" s="5" t="s">
        <v>1523</v>
      </c>
      <c r="S6866" s="5" t="s">
        <v>42</v>
      </c>
      <c r="T6866" s="2">
        <v>2.117</v>
      </c>
      <c r="U6866" s="2">
        <v>1.661</v>
      </c>
      <c r="V6866" s="2">
        <v>16.7</v>
      </c>
      <c r="W6866" s="2">
        <v>76.900000000000006</v>
      </c>
      <c r="X6866" s="2">
        <v>7.6</v>
      </c>
      <c r="Y6866" s="2">
        <v>16.7</v>
      </c>
      <c r="Z6866" s="5"/>
      <c r="AA6866" s="5" t="s">
        <v>43</v>
      </c>
      <c r="AB6866" s="5" t="s">
        <v>44</v>
      </c>
      <c r="AC6866" s="2"/>
      <c r="AD6866" s="1"/>
    </row>
    <row r="6867" spans="1:30">
      <c r="A6867" s="5" t="s">
        <v>83578</v>
      </c>
      <c r="B6867" s="2" t="s">
        <v>104720</v>
      </c>
      <c r="C6867" s="14" t="s">
        <v>104721</v>
      </c>
      <c r="D6867" s="2" t="s">
        <v>104722</v>
      </c>
      <c r="E6867" s="2" t="s">
        <v>7589</v>
      </c>
      <c r="F6867" s="8">
        <v>237</v>
      </c>
      <c r="G6867" s="5">
        <v>6</v>
      </c>
      <c r="H6867" s="5" t="s">
        <v>1518</v>
      </c>
      <c r="I6867" s="5" t="s">
        <v>69038</v>
      </c>
      <c r="J6867" s="2" t="s">
        <v>69039</v>
      </c>
      <c r="K6867" s="5" t="s">
        <v>69038</v>
      </c>
      <c r="L6867" s="2" t="s">
        <v>69039</v>
      </c>
      <c r="M6867" s="5" t="s">
        <v>1521</v>
      </c>
      <c r="N6867" s="5" t="s">
        <v>38</v>
      </c>
      <c r="O6867" s="5" t="s">
        <v>39</v>
      </c>
      <c r="P6867" s="5" t="s">
        <v>40</v>
      </c>
      <c r="Q6867" s="5" t="s">
        <v>1522</v>
      </c>
      <c r="R6867" s="5" t="s">
        <v>1523</v>
      </c>
      <c r="S6867" s="5" t="s">
        <v>42</v>
      </c>
      <c r="T6867" s="2">
        <v>2.117</v>
      </c>
      <c r="U6867" s="2">
        <v>1.661</v>
      </c>
      <c r="V6867" s="2">
        <v>16.7</v>
      </c>
      <c r="W6867" s="2">
        <v>76.900000000000006</v>
      </c>
      <c r="X6867" s="2">
        <v>7.6</v>
      </c>
      <c r="Y6867" s="2">
        <v>16.7</v>
      </c>
      <c r="Z6867" s="5"/>
      <c r="AA6867" s="5" t="s">
        <v>43</v>
      </c>
      <c r="AB6867" s="5" t="s">
        <v>44</v>
      </c>
      <c r="AC6867" s="2"/>
      <c r="AD6867" s="1"/>
    </row>
    <row r="6868" spans="1:30">
      <c r="A6868" s="5" t="s">
        <v>83578</v>
      </c>
      <c r="B6868" s="2" t="s">
        <v>104723</v>
      </c>
      <c r="C6868" s="14" t="s">
        <v>104724</v>
      </c>
      <c r="D6868" s="2" t="s">
        <v>104725</v>
      </c>
      <c r="E6868" s="2" t="s">
        <v>7593</v>
      </c>
      <c r="F6868" s="8">
        <v>237</v>
      </c>
      <c r="G6868" s="5">
        <v>6</v>
      </c>
      <c r="H6868" s="5" t="s">
        <v>1518</v>
      </c>
      <c r="I6868" s="5" t="s">
        <v>69038</v>
      </c>
      <c r="J6868" s="2" t="s">
        <v>69039</v>
      </c>
      <c r="K6868" s="5" t="s">
        <v>69038</v>
      </c>
      <c r="L6868" s="2" t="s">
        <v>69039</v>
      </c>
      <c r="M6868" s="5" t="s">
        <v>1521</v>
      </c>
      <c r="N6868" s="5" t="s">
        <v>38</v>
      </c>
      <c r="O6868" s="5" t="s">
        <v>39</v>
      </c>
      <c r="P6868" s="5" t="s">
        <v>40</v>
      </c>
      <c r="Q6868" s="5" t="s">
        <v>1522</v>
      </c>
      <c r="R6868" s="5" t="s">
        <v>1523</v>
      </c>
      <c r="S6868" s="5" t="s">
        <v>42</v>
      </c>
      <c r="T6868" s="2">
        <v>2.0590000000000002</v>
      </c>
      <c r="U6868" s="2">
        <v>1.603</v>
      </c>
      <c r="V6868" s="2">
        <v>16.7</v>
      </c>
      <c r="W6868" s="2">
        <v>76.900000000000006</v>
      </c>
      <c r="X6868" s="2">
        <v>7.6</v>
      </c>
      <c r="Y6868" s="2">
        <v>16.7</v>
      </c>
      <c r="Z6868" s="5"/>
      <c r="AA6868" s="5" t="s">
        <v>43</v>
      </c>
      <c r="AB6868" s="5" t="s">
        <v>44</v>
      </c>
      <c r="AC6868" s="2"/>
      <c r="AD6868" s="1"/>
    </row>
    <row r="6869" spans="1:30">
      <c r="A6869" s="5" t="s">
        <v>83578</v>
      </c>
      <c r="B6869" s="2" t="s">
        <v>104726</v>
      </c>
      <c r="C6869" s="14" t="s">
        <v>104727</v>
      </c>
      <c r="D6869" s="2" t="s">
        <v>104728</v>
      </c>
      <c r="E6869" s="2" t="s">
        <v>7597</v>
      </c>
      <c r="F6869" s="8">
        <v>237</v>
      </c>
      <c r="G6869" s="5">
        <v>6</v>
      </c>
      <c r="H6869" s="5" t="s">
        <v>1518</v>
      </c>
      <c r="I6869" s="5" t="s">
        <v>69038</v>
      </c>
      <c r="J6869" s="2" t="s">
        <v>69039</v>
      </c>
      <c r="K6869" s="5" t="s">
        <v>69038</v>
      </c>
      <c r="L6869" s="2" t="s">
        <v>69039</v>
      </c>
      <c r="M6869" s="5" t="s">
        <v>1521</v>
      </c>
      <c r="N6869" s="5" t="s">
        <v>38</v>
      </c>
      <c r="O6869" s="5" t="s">
        <v>39</v>
      </c>
      <c r="P6869" s="5" t="s">
        <v>40</v>
      </c>
      <c r="Q6869" s="5" t="s">
        <v>1522</v>
      </c>
      <c r="R6869" s="5" t="s">
        <v>1523</v>
      </c>
      <c r="S6869" s="5" t="s">
        <v>42</v>
      </c>
      <c r="T6869" s="2">
        <v>2.117</v>
      </c>
      <c r="U6869" s="2">
        <v>1.661</v>
      </c>
      <c r="V6869" s="2">
        <v>16.7</v>
      </c>
      <c r="W6869" s="2">
        <v>76.900000000000006</v>
      </c>
      <c r="X6869" s="2">
        <v>7.6</v>
      </c>
      <c r="Y6869" s="2">
        <v>16.7</v>
      </c>
      <c r="Z6869" s="5"/>
      <c r="AA6869" s="5" t="s">
        <v>43</v>
      </c>
      <c r="AB6869" s="5" t="s">
        <v>44</v>
      </c>
      <c r="AC6869" s="2"/>
      <c r="AD6869" s="1"/>
    </row>
    <row r="6870" spans="1:30">
      <c r="A6870" s="5" t="s">
        <v>83578</v>
      </c>
      <c r="B6870" s="2" t="s">
        <v>104729</v>
      </c>
      <c r="C6870" s="14" t="s">
        <v>104730</v>
      </c>
      <c r="D6870" s="2" t="s">
        <v>104731</v>
      </c>
      <c r="E6870" s="2" t="s">
        <v>73358</v>
      </c>
      <c r="F6870" s="8">
        <v>237</v>
      </c>
      <c r="G6870" s="5">
        <v>6</v>
      </c>
      <c r="H6870" s="5" t="s">
        <v>1518</v>
      </c>
      <c r="I6870" s="5" t="s">
        <v>69038</v>
      </c>
      <c r="J6870" s="2" t="s">
        <v>69039</v>
      </c>
      <c r="K6870" s="5" t="s">
        <v>69038</v>
      </c>
      <c r="L6870" s="2" t="s">
        <v>69039</v>
      </c>
      <c r="M6870" s="5" t="s">
        <v>1521</v>
      </c>
      <c r="N6870" s="5" t="s">
        <v>38</v>
      </c>
      <c r="O6870" s="5" t="s">
        <v>39</v>
      </c>
      <c r="P6870" s="5" t="s">
        <v>40</v>
      </c>
      <c r="Q6870" s="5" t="s">
        <v>1522</v>
      </c>
      <c r="R6870" s="5" t="s">
        <v>1523</v>
      </c>
      <c r="S6870" s="5" t="s">
        <v>42</v>
      </c>
      <c r="T6870" s="2">
        <v>2.0590000000000002</v>
      </c>
      <c r="U6870" s="2">
        <v>1.603</v>
      </c>
      <c r="V6870" s="2">
        <v>16.7</v>
      </c>
      <c r="W6870" s="2">
        <v>76.900000000000006</v>
      </c>
      <c r="X6870" s="2">
        <v>7.6</v>
      </c>
      <c r="Y6870" s="2">
        <v>16.7</v>
      </c>
      <c r="Z6870" s="5"/>
      <c r="AA6870" s="5" t="s">
        <v>43</v>
      </c>
      <c r="AB6870" s="5" t="s">
        <v>44</v>
      </c>
      <c r="AC6870" s="2"/>
      <c r="AD6870" s="1"/>
    </row>
    <row r="6871" spans="1:30">
      <c r="A6871" s="5" t="s">
        <v>83578</v>
      </c>
      <c r="B6871" s="2" t="s">
        <v>104732</v>
      </c>
      <c r="C6871" s="14" t="s">
        <v>104733</v>
      </c>
      <c r="D6871" s="2" t="s">
        <v>104734</v>
      </c>
      <c r="E6871" s="2" t="s">
        <v>73362</v>
      </c>
      <c r="F6871" s="8">
        <v>237</v>
      </c>
      <c r="G6871" s="5">
        <v>6</v>
      </c>
      <c r="H6871" s="5" t="s">
        <v>1518</v>
      </c>
      <c r="I6871" s="5" t="s">
        <v>69038</v>
      </c>
      <c r="J6871" s="2" t="s">
        <v>69039</v>
      </c>
      <c r="K6871" s="5" t="s">
        <v>69038</v>
      </c>
      <c r="L6871" s="2" t="s">
        <v>69039</v>
      </c>
      <c r="M6871" s="5" t="s">
        <v>1521</v>
      </c>
      <c r="N6871" s="5" t="s">
        <v>38</v>
      </c>
      <c r="O6871" s="5" t="s">
        <v>39</v>
      </c>
      <c r="P6871" s="5" t="s">
        <v>40</v>
      </c>
      <c r="Q6871" s="5" t="s">
        <v>1522</v>
      </c>
      <c r="R6871" s="5" t="s">
        <v>1523</v>
      </c>
      <c r="S6871" s="5" t="s">
        <v>42</v>
      </c>
      <c r="T6871" s="2">
        <v>2.117</v>
      </c>
      <c r="U6871" s="2">
        <v>1.661</v>
      </c>
      <c r="V6871" s="2">
        <v>16.7</v>
      </c>
      <c r="W6871" s="2">
        <v>76.900000000000006</v>
      </c>
      <c r="X6871" s="2">
        <v>7.6</v>
      </c>
      <c r="Y6871" s="2">
        <v>16.7</v>
      </c>
      <c r="Z6871" s="5"/>
      <c r="AA6871" s="5" t="s">
        <v>43</v>
      </c>
      <c r="AB6871" s="5" t="s">
        <v>44</v>
      </c>
      <c r="AC6871" s="2"/>
      <c r="AD6871" s="1"/>
    </row>
    <row r="6872" spans="1:30">
      <c r="A6872" s="5" t="s">
        <v>83578</v>
      </c>
      <c r="B6872" s="2" t="s">
        <v>104735</v>
      </c>
      <c r="C6872" s="14" t="s">
        <v>104736</v>
      </c>
      <c r="D6872" s="2" t="s">
        <v>104737</v>
      </c>
      <c r="E6872" s="2" t="s">
        <v>7619</v>
      </c>
      <c r="F6872" s="8">
        <v>237</v>
      </c>
      <c r="G6872" s="5">
        <v>6</v>
      </c>
      <c r="H6872" s="5" t="s">
        <v>1518</v>
      </c>
      <c r="I6872" s="5" t="s">
        <v>69038</v>
      </c>
      <c r="J6872" s="2" t="s">
        <v>69039</v>
      </c>
      <c r="K6872" s="5" t="s">
        <v>69038</v>
      </c>
      <c r="L6872" s="2" t="s">
        <v>69039</v>
      </c>
      <c r="M6872" s="5" t="s">
        <v>1521</v>
      </c>
      <c r="N6872" s="5" t="s">
        <v>38</v>
      </c>
      <c r="O6872" s="5" t="s">
        <v>39</v>
      </c>
      <c r="P6872" s="5" t="s">
        <v>40</v>
      </c>
      <c r="Q6872" s="5" t="s">
        <v>1522</v>
      </c>
      <c r="R6872" s="5" t="s">
        <v>1523</v>
      </c>
      <c r="S6872" s="5" t="s">
        <v>42</v>
      </c>
      <c r="T6872" s="2">
        <v>2.117</v>
      </c>
      <c r="U6872" s="2">
        <v>1.661</v>
      </c>
      <c r="V6872" s="2">
        <v>16.7</v>
      </c>
      <c r="W6872" s="2">
        <v>76.900000000000006</v>
      </c>
      <c r="X6872" s="2">
        <v>7.6</v>
      </c>
      <c r="Y6872" s="2">
        <v>16.7</v>
      </c>
      <c r="Z6872" s="5"/>
      <c r="AA6872" s="5" t="s">
        <v>43</v>
      </c>
      <c r="AB6872" s="5" t="s">
        <v>44</v>
      </c>
      <c r="AC6872" s="2"/>
      <c r="AD6872" s="1"/>
    </row>
    <row r="6873" spans="1:30">
      <c r="A6873" s="5" t="s">
        <v>83578</v>
      </c>
      <c r="B6873" s="2" t="s">
        <v>104738</v>
      </c>
      <c r="C6873" s="14" t="s">
        <v>104739</v>
      </c>
      <c r="D6873" s="2" t="s">
        <v>104740</v>
      </c>
      <c r="E6873" s="2" t="s">
        <v>16219</v>
      </c>
      <c r="F6873" s="8">
        <v>237</v>
      </c>
      <c r="G6873" s="5">
        <v>6</v>
      </c>
      <c r="H6873" s="5" t="s">
        <v>1518</v>
      </c>
      <c r="I6873" s="5" t="s">
        <v>69038</v>
      </c>
      <c r="J6873" s="2" t="s">
        <v>69039</v>
      </c>
      <c r="K6873" s="5" t="s">
        <v>69038</v>
      </c>
      <c r="L6873" s="2" t="s">
        <v>69039</v>
      </c>
      <c r="M6873" s="5" t="s">
        <v>1521</v>
      </c>
      <c r="N6873" s="5" t="s">
        <v>38</v>
      </c>
      <c r="O6873" s="5" t="s">
        <v>39</v>
      </c>
      <c r="P6873" s="5" t="s">
        <v>40</v>
      </c>
      <c r="Q6873" s="5" t="s">
        <v>1522</v>
      </c>
      <c r="R6873" s="5" t="s">
        <v>1523</v>
      </c>
      <c r="S6873" s="5" t="s">
        <v>42</v>
      </c>
      <c r="T6873" s="2">
        <v>2.117</v>
      </c>
      <c r="U6873" s="2">
        <v>1.661</v>
      </c>
      <c r="V6873" s="2">
        <v>16.7</v>
      </c>
      <c r="W6873" s="2">
        <v>76.900000000000006</v>
      </c>
      <c r="X6873" s="2">
        <v>7.6</v>
      </c>
      <c r="Y6873" s="2">
        <v>16.7</v>
      </c>
      <c r="Z6873" s="5"/>
      <c r="AA6873" s="5" t="s">
        <v>43</v>
      </c>
      <c r="AB6873" s="5" t="s">
        <v>44</v>
      </c>
      <c r="AC6873" s="2"/>
      <c r="AD6873" s="1"/>
    </row>
    <row r="6874" spans="1:30">
      <c r="A6874" s="5" t="s">
        <v>83578</v>
      </c>
      <c r="B6874" s="2" t="s">
        <v>104741</v>
      </c>
      <c r="C6874" s="14" t="s">
        <v>104742</v>
      </c>
      <c r="D6874" s="2" t="s">
        <v>104743</v>
      </c>
      <c r="E6874" s="2" t="s">
        <v>7528</v>
      </c>
      <c r="F6874" s="8">
        <v>223</v>
      </c>
      <c r="G6874" s="5">
        <v>6</v>
      </c>
      <c r="H6874" s="5" t="s">
        <v>1518</v>
      </c>
      <c r="I6874" s="5" t="s">
        <v>69038</v>
      </c>
      <c r="J6874" s="2" t="s">
        <v>69039</v>
      </c>
      <c r="K6874" s="5" t="s">
        <v>69038</v>
      </c>
      <c r="L6874" s="2" t="s">
        <v>69039</v>
      </c>
      <c r="M6874" s="5" t="s">
        <v>1521</v>
      </c>
      <c r="N6874" s="5" t="s">
        <v>38</v>
      </c>
      <c r="O6874" s="5" t="s">
        <v>39</v>
      </c>
      <c r="P6874" s="5" t="s">
        <v>40</v>
      </c>
      <c r="Q6874" s="5" t="s">
        <v>1522</v>
      </c>
      <c r="R6874" s="5" t="s">
        <v>1523</v>
      </c>
      <c r="S6874" s="5" t="s">
        <v>42</v>
      </c>
      <c r="T6874" s="2">
        <v>2.117</v>
      </c>
      <c r="U6874" s="2">
        <v>1.661</v>
      </c>
      <c r="V6874" s="2">
        <v>16.7</v>
      </c>
      <c r="W6874" s="2">
        <v>76.900000000000006</v>
      </c>
      <c r="X6874" s="2">
        <v>7.6</v>
      </c>
      <c r="Y6874" s="2">
        <v>16.7</v>
      </c>
      <c r="Z6874" s="5"/>
      <c r="AA6874" s="5" t="s">
        <v>43</v>
      </c>
      <c r="AB6874" s="5" t="s">
        <v>44</v>
      </c>
      <c r="AC6874" s="2"/>
      <c r="AD6874" s="1"/>
    </row>
    <row r="6875" spans="1:30">
      <c r="A6875" s="5" t="s">
        <v>83578</v>
      </c>
      <c r="B6875" s="2" t="s">
        <v>104744</v>
      </c>
      <c r="C6875" s="14" t="s">
        <v>104745</v>
      </c>
      <c r="D6875" s="2" t="s">
        <v>104746</v>
      </c>
      <c r="E6875" s="2" t="s">
        <v>7204</v>
      </c>
      <c r="F6875" s="8">
        <v>233</v>
      </c>
      <c r="G6875" s="5">
        <v>6</v>
      </c>
      <c r="H6875" s="5" t="s">
        <v>1518</v>
      </c>
      <c r="I6875" s="5" t="s">
        <v>69038</v>
      </c>
      <c r="J6875" s="2" t="s">
        <v>69039</v>
      </c>
      <c r="K6875" s="5" t="s">
        <v>69038</v>
      </c>
      <c r="L6875" s="2" t="s">
        <v>69039</v>
      </c>
      <c r="M6875" s="5" t="s">
        <v>1521</v>
      </c>
      <c r="N6875" s="5" t="s">
        <v>38</v>
      </c>
      <c r="O6875" s="5" t="s">
        <v>39</v>
      </c>
      <c r="P6875" s="5" t="s">
        <v>40</v>
      </c>
      <c r="Q6875" s="5" t="s">
        <v>1522</v>
      </c>
      <c r="R6875" s="5" t="s">
        <v>1523</v>
      </c>
      <c r="S6875" s="5" t="s">
        <v>42</v>
      </c>
      <c r="T6875" s="2">
        <v>2.3170000000000002</v>
      </c>
      <c r="U6875" s="2">
        <v>1.7529999999999999</v>
      </c>
      <c r="V6875" s="2">
        <v>16.7</v>
      </c>
      <c r="W6875" s="2">
        <v>99.1</v>
      </c>
      <c r="X6875" s="2">
        <v>7.6</v>
      </c>
      <c r="Y6875" s="2">
        <v>16.7</v>
      </c>
      <c r="Z6875" s="5"/>
      <c r="AA6875" s="5" t="s">
        <v>43</v>
      </c>
      <c r="AB6875" s="5" t="s">
        <v>44</v>
      </c>
      <c r="AC6875" s="2"/>
      <c r="AD6875" s="1"/>
    </row>
    <row r="6876" spans="1:30">
      <c r="A6876" s="5" t="s">
        <v>83578</v>
      </c>
      <c r="B6876" s="2" t="s">
        <v>104747</v>
      </c>
      <c r="C6876" s="14" t="s">
        <v>104748</v>
      </c>
      <c r="D6876" s="2" t="s">
        <v>104749</v>
      </c>
      <c r="E6876" s="2" t="s">
        <v>7208</v>
      </c>
      <c r="F6876" s="8">
        <v>233</v>
      </c>
      <c r="G6876" s="5">
        <v>6</v>
      </c>
      <c r="H6876" s="5" t="s">
        <v>1518</v>
      </c>
      <c r="I6876" s="5" t="s">
        <v>69038</v>
      </c>
      <c r="J6876" s="2" t="s">
        <v>69039</v>
      </c>
      <c r="K6876" s="5" t="s">
        <v>69038</v>
      </c>
      <c r="L6876" s="2" t="s">
        <v>69039</v>
      </c>
      <c r="M6876" s="5" t="s">
        <v>1521</v>
      </c>
      <c r="N6876" s="5" t="s">
        <v>38</v>
      </c>
      <c r="O6876" s="5" t="s">
        <v>39</v>
      </c>
      <c r="P6876" s="5" t="s">
        <v>40</v>
      </c>
      <c r="Q6876" s="5" t="s">
        <v>1522</v>
      </c>
      <c r="R6876" s="5" t="s">
        <v>1523</v>
      </c>
      <c r="S6876" s="5" t="s">
        <v>42</v>
      </c>
      <c r="T6876" s="2">
        <v>2.3170000000000002</v>
      </c>
      <c r="U6876" s="2">
        <v>1.7529999999999999</v>
      </c>
      <c r="V6876" s="2">
        <v>16.7</v>
      </c>
      <c r="W6876" s="2">
        <v>99.1</v>
      </c>
      <c r="X6876" s="2">
        <v>7.6</v>
      </c>
      <c r="Y6876" s="2">
        <v>16.7</v>
      </c>
      <c r="Z6876" s="5"/>
      <c r="AA6876" s="5" t="s">
        <v>43</v>
      </c>
      <c r="AB6876" s="5" t="s">
        <v>44</v>
      </c>
      <c r="AC6876" s="2"/>
      <c r="AD6876" s="1"/>
    </row>
    <row r="6877" spans="1:30">
      <c r="A6877" s="5" t="s">
        <v>83578</v>
      </c>
      <c r="B6877" s="2" t="s">
        <v>104750</v>
      </c>
      <c r="C6877" s="14" t="s">
        <v>104751</v>
      </c>
      <c r="D6877" s="2" t="s">
        <v>104752</v>
      </c>
      <c r="E6877" s="2" t="s">
        <v>7521</v>
      </c>
      <c r="F6877" s="8">
        <v>233</v>
      </c>
      <c r="G6877" s="5">
        <v>6</v>
      </c>
      <c r="H6877" s="5" t="s">
        <v>1518</v>
      </c>
      <c r="I6877" s="5" t="s">
        <v>69038</v>
      </c>
      <c r="J6877" s="2" t="s">
        <v>69039</v>
      </c>
      <c r="K6877" s="5" t="s">
        <v>69038</v>
      </c>
      <c r="L6877" s="2" t="s">
        <v>69039</v>
      </c>
      <c r="M6877" s="5" t="s">
        <v>1521</v>
      </c>
      <c r="N6877" s="5" t="s">
        <v>38</v>
      </c>
      <c r="O6877" s="5" t="s">
        <v>39</v>
      </c>
      <c r="P6877" s="5" t="s">
        <v>40</v>
      </c>
      <c r="Q6877" s="5" t="s">
        <v>1522</v>
      </c>
      <c r="R6877" s="5" t="s">
        <v>1523</v>
      </c>
      <c r="S6877" s="5" t="s">
        <v>42</v>
      </c>
      <c r="T6877" s="2">
        <v>2.3860000000000001</v>
      </c>
      <c r="U6877" s="2">
        <v>1.8220000000000001</v>
      </c>
      <c r="V6877" s="2">
        <v>16.7</v>
      </c>
      <c r="W6877" s="2">
        <v>99.1</v>
      </c>
      <c r="X6877" s="2">
        <v>7.6</v>
      </c>
      <c r="Y6877" s="2">
        <v>16.7</v>
      </c>
      <c r="Z6877" s="5"/>
      <c r="AA6877" s="5" t="s">
        <v>43</v>
      </c>
      <c r="AB6877" s="5" t="s">
        <v>44</v>
      </c>
      <c r="AC6877" s="2"/>
      <c r="AD6877" s="1"/>
    </row>
    <row r="6878" spans="1:30">
      <c r="A6878" s="5" t="s">
        <v>83578</v>
      </c>
      <c r="B6878" s="2" t="s">
        <v>104753</v>
      </c>
      <c r="C6878" s="14" t="s">
        <v>104754</v>
      </c>
      <c r="D6878" s="2" t="s">
        <v>104755</v>
      </c>
      <c r="E6878" s="2" t="s">
        <v>7406</v>
      </c>
      <c r="F6878" s="8">
        <v>249</v>
      </c>
      <c r="G6878" s="5">
        <v>6</v>
      </c>
      <c r="H6878" s="5" t="s">
        <v>1518</v>
      </c>
      <c r="I6878" s="5" t="s">
        <v>69038</v>
      </c>
      <c r="J6878" s="2" t="s">
        <v>69039</v>
      </c>
      <c r="K6878" s="5" t="s">
        <v>69038</v>
      </c>
      <c r="L6878" s="2" t="s">
        <v>69039</v>
      </c>
      <c r="M6878" s="5" t="s">
        <v>1521</v>
      </c>
      <c r="N6878" s="5" t="s">
        <v>38</v>
      </c>
      <c r="O6878" s="5" t="s">
        <v>39</v>
      </c>
      <c r="P6878" s="5" t="s">
        <v>40</v>
      </c>
      <c r="Q6878" s="5" t="s">
        <v>1522</v>
      </c>
      <c r="R6878" s="5" t="s">
        <v>1523</v>
      </c>
      <c r="S6878" s="5" t="s">
        <v>42</v>
      </c>
      <c r="T6878" s="2">
        <v>2.3170000000000002</v>
      </c>
      <c r="U6878" s="2">
        <v>1.7529999999999999</v>
      </c>
      <c r="V6878" s="2">
        <v>16.7</v>
      </c>
      <c r="W6878" s="2">
        <v>99.1</v>
      </c>
      <c r="X6878" s="2">
        <v>7.6</v>
      </c>
      <c r="Y6878" s="2">
        <v>16.7</v>
      </c>
      <c r="Z6878" s="5"/>
      <c r="AA6878" s="5" t="s">
        <v>43</v>
      </c>
      <c r="AB6878" s="5" t="s">
        <v>44</v>
      </c>
      <c r="AC6878" s="2"/>
      <c r="AD6878" s="1"/>
    </row>
    <row r="6879" spans="1:30">
      <c r="A6879" s="5" t="s">
        <v>83578</v>
      </c>
      <c r="B6879" s="2" t="s">
        <v>104756</v>
      </c>
      <c r="C6879" s="14" t="s">
        <v>104757</v>
      </c>
      <c r="D6879" s="2" t="s">
        <v>104758</v>
      </c>
      <c r="E6879" s="2" t="s">
        <v>7535</v>
      </c>
      <c r="F6879" s="8">
        <v>249</v>
      </c>
      <c r="G6879" s="5">
        <v>6</v>
      </c>
      <c r="H6879" s="5" t="s">
        <v>1518</v>
      </c>
      <c r="I6879" s="5" t="s">
        <v>69038</v>
      </c>
      <c r="J6879" s="2" t="s">
        <v>69039</v>
      </c>
      <c r="K6879" s="5" t="s">
        <v>69038</v>
      </c>
      <c r="L6879" s="2" t="s">
        <v>69039</v>
      </c>
      <c r="M6879" s="5" t="s">
        <v>1521</v>
      </c>
      <c r="N6879" s="5" t="s">
        <v>38</v>
      </c>
      <c r="O6879" s="5" t="s">
        <v>39</v>
      </c>
      <c r="P6879" s="5" t="s">
        <v>40</v>
      </c>
      <c r="Q6879" s="5" t="s">
        <v>1522</v>
      </c>
      <c r="R6879" s="5" t="s">
        <v>1523</v>
      </c>
      <c r="S6879" s="5" t="s">
        <v>42</v>
      </c>
      <c r="T6879" s="2">
        <v>2.3860000000000001</v>
      </c>
      <c r="U6879" s="2">
        <v>1.8220000000000001</v>
      </c>
      <c r="V6879" s="2">
        <v>16.7</v>
      </c>
      <c r="W6879" s="2">
        <v>99.1</v>
      </c>
      <c r="X6879" s="2">
        <v>7.6</v>
      </c>
      <c r="Y6879" s="2">
        <v>16.7</v>
      </c>
      <c r="Z6879" s="5"/>
      <c r="AA6879" s="5" t="s">
        <v>43</v>
      </c>
      <c r="AB6879" s="5" t="s">
        <v>44</v>
      </c>
      <c r="AC6879" s="2"/>
      <c r="AD6879" s="1"/>
    </row>
    <row r="6880" spans="1:30">
      <c r="A6880" s="5" t="s">
        <v>83578</v>
      </c>
      <c r="B6880" s="2" t="s">
        <v>104759</v>
      </c>
      <c r="C6880" s="14" t="s">
        <v>104760</v>
      </c>
      <c r="D6880" s="2" t="s">
        <v>104761</v>
      </c>
      <c r="E6880" s="2" t="s">
        <v>7539</v>
      </c>
      <c r="F6880" s="8">
        <v>249</v>
      </c>
      <c r="G6880" s="5">
        <v>6</v>
      </c>
      <c r="H6880" s="5" t="s">
        <v>1518</v>
      </c>
      <c r="I6880" s="5" t="s">
        <v>69038</v>
      </c>
      <c r="J6880" s="2" t="s">
        <v>69039</v>
      </c>
      <c r="K6880" s="5" t="s">
        <v>69038</v>
      </c>
      <c r="L6880" s="2" t="s">
        <v>69039</v>
      </c>
      <c r="M6880" s="5" t="s">
        <v>1521</v>
      </c>
      <c r="N6880" s="5" t="s">
        <v>38</v>
      </c>
      <c r="O6880" s="5" t="s">
        <v>39</v>
      </c>
      <c r="P6880" s="5" t="s">
        <v>40</v>
      </c>
      <c r="Q6880" s="5" t="s">
        <v>1522</v>
      </c>
      <c r="R6880" s="5" t="s">
        <v>1523</v>
      </c>
      <c r="S6880" s="5" t="s">
        <v>42</v>
      </c>
      <c r="T6880" s="2">
        <v>2.3170000000000002</v>
      </c>
      <c r="U6880" s="2">
        <v>1.7529999999999999</v>
      </c>
      <c r="V6880" s="2">
        <v>16.7</v>
      </c>
      <c r="W6880" s="2">
        <v>99.1</v>
      </c>
      <c r="X6880" s="2">
        <v>7.6</v>
      </c>
      <c r="Y6880" s="2">
        <v>16.7</v>
      </c>
      <c r="Z6880" s="5"/>
      <c r="AA6880" s="5" t="s">
        <v>43</v>
      </c>
      <c r="AB6880" s="5" t="s">
        <v>44</v>
      </c>
      <c r="AC6880" s="2"/>
      <c r="AD6880" s="1"/>
    </row>
    <row r="6881" spans="1:30">
      <c r="A6881" s="5" t="s">
        <v>83578</v>
      </c>
      <c r="B6881" s="2" t="s">
        <v>104762</v>
      </c>
      <c r="C6881" s="14" t="s">
        <v>104763</v>
      </c>
      <c r="D6881" s="2" t="s">
        <v>104764</v>
      </c>
      <c r="E6881" s="2" t="s">
        <v>7543</v>
      </c>
      <c r="F6881" s="8">
        <v>249</v>
      </c>
      <c r="G6881" s="5">
        <v>6</v>
      </c>
      <c r="H6881" s="5" t="s">
        <v>1518</v>
      </c>
      <c r="I6881" s="5" t="s">
        <v>69038</v>
      </c>
      <c r="J6881" s="2" t="s">
        <v>69039</v>
      </c>
      <c r="K6881" s="5" t="s">
        <v>69038</v>
      </c>
      <c r="L6881" s="2" t="s">
        <v>69039</v>
      </c>
      <c r="M6881" s="5" t="s">
        <v>1521</v>
      </c>
      <c r="N6881" s="5" t="s">
        <v>38</v>
      </c>
      <c r="O6881" s="5" t="s">
        <v>39</v>
      </c>
      <c r="P6881" s="5" t="s">
        <v>40</v>
      </c>
      <c r="Q6881" s="5" t="s">
        <v>1522</v>
      </c>
      <c r="R6881" s="5" t="s">
        <v>1523</v>
      </c>
      <c r="S6881" s="5" t="s">
        <v>42</v>
      </c>
      <c r="T6881" s="2">
        <v>2.3860000000000001</v>
      </c>
      <c r="U6881" s="2">
        <v>1.8220000000000001</v>
      </c>
      <c r="V6881" s="2">
        <v>16.7</v>
      </c>
      <c r="W6881" s="2">
        <v>99.1</v>
      </c>
      <c r="X6881" s="2">
        <v>7.6</v>
      </c>
      <c r="Y6881" s="2">
        <v>16.7</v>
      </c>
      <c r="Z6881" s="5"/>
      <c r="AA6881" s="5" t="s">
        <v>43</v>
      </c>
      <c r="AB6881" s="5" t="s">
        <v>44</v>
      </c>
      <c r="AC6881" s="2"/>
      <c r="AD6881" s="1"/>
    </row>
    <row r="6882" spans="1:30">
      <c r="A6882" s="5" t="s">
        <v>83578</v>
      </c>
      <c r="B6882" s="2" t="s">
        <v>104765</v>
      </c>
      <c r="C6882" s="14" t="s">
        <v>104766</v>
      </c>
      <c r="D6882" s="2" t="s">
        <v>104767</v>
      </c>
      <c r="E6882" s="2" t="s">
        <v>7396</v>
      </c>
      <c r="F6882" s="8">
        <v>233</v>
      </c>
      <c r="G6882" s="5">
        <v>6</v>
      </c>
      <c r="H6882" s="5" t="s">
        <v>1518</v>
      </c>
      <c r="I6882" s="5" t="s">
        <v>69038</v>
      </c>
      <c r="J6882" s="2" t="s">
        <v>69039</v>
      </c>
      <c r="K6882" s="5" t="s">
        <v>69038</v>
      </c>
      <c r="L6882" s="2" t="s">
        <v>69039</v>
      </c>
      <c r="M6882" s="5" t="s">
        <v>1521</v>
      </c>
      <c r="N6882" s="5" t="s">
        <v>38</v>
      </c>
      <c r="O6882" s="5" t="s">
        <v>39</v>
      </c>
      <c r="P6882" s="5" t="s">
        <v>40</v>
      </c>
      <c r="Q6882" s="5" t="s">
        <v>1522</v>
      </c>
      <c r="R6882" s="5" t="s">
        <v>1523</v>
      </c>
      <c r="S6882" s="5" t="s">
        <v>42</v>
      </c>
      <c r="T6882" s="2">
        <v>2.3170000000000002</v>
      </c>
      <c r="U6882" s="2">
        <v>1.7529999999999999</v>
      </c>
      <c r="V6882" s="2">
        <v>16.7</v>
      </c>
      <c r="W6882" s="2">
        <v>99.1</v>
      </c>
      <c r="X6882" s="2">
        <v>7.6</v>
      </c>
      <c r="Y6882" s="2">
        <v>16.7</v>
      </c>
      <c r="Z6882" s="5"/>
      <c r="AA6882" s="5" t="s">
        <v>43</v>
      </c>
      <c r="AB6882" s="5" t="s">
        <v>44</v>
      </c>
      <c r="AC6882" s="2"/>
      <c r="AD6882" s="1"/>
    </row>
    <row r="6883" spans="1:30">
      <c r="A6883" s="5" t="s">
        <v>83578</v>
      </c>
      <c r="B6883" s="2" t="s">
        <v>104768</v>
      </c>
      <c r="C6883" s="14" t="s">
        <v>104769</v>
      </c>
      <c r="D6883" s="2" t="s">
        <v>104770</v>
      </c>
      <c r="E6883" s="2" t="s">
        <v>7507</v>
      </c>
      <c r="F6883" s="8">
        <v>233</v>
      </c>
      <c r="G6883" s="5">
        <v>6</v>
      </c>
      <c r="H6883" s="5" t="s">
        <v>1518</v>
      </c>
      <c r="I6883" s="5" t="s">
        <v>69038</v>
      </c>
      <c r="J6883" s="2" t="s">
        <v>69039</v>
      </c>
      <c r="K6883" s="5" t="s">
        <v>69038</v>
      </c>
      <c r="L6883" s="2" t="s">
        <v>69039</v>
      </c>
      <c r="M6883" s="5" t="s">
        <v>1521</v>
      </c>
      <c r="N6883" s="5" t="s">
        <v>38</v>
      </c>
      <c r="O6883" s="5" t="s">
        <v>39</v>
      </c>
      <c r="P6883" s="5" t="s">
        <v>40</v>
      </c>
      <c r="Q6883" s="5" t="s">
        <v>1522</v>
      </c>
      <c r="R6883" s="5" t="s">
        <v>1523</v>
      </c>
      <c r="S6883" s="5" t="s">
        <v>42</v>
      </c>
      <c r="T6883" s="2">
        <v>2.3860000000000001</v>
      </c>
      <c r="U6883" s="2">
        <v>1.8220000000000001</v>
      </c>
      <c r="V6883" s="2">
        <v>16.7</v>
      </c>
      <c r="W6883" s="2">
        <v>99.1</v>
      </c>
      <c r="X6883" s="2">
        <v>7.6</v>
      </c>
      <c r="Y6883" s="2">
        <v>16.7</v>
      </c>
      <c r="Z6883" s="5"/>
      <c r="AA6883" s="5" t="s">
        <v>43</v>
      </c>
      <c r="AB6883" s="5" t="s">
        <v>44</v>
      </c>
      <c r="AC6883" s="2"/>
      <c r="AD6883" s="1"/>
    </row>
    <row r="6884" spans="1:30">
      <c r="A6884" s="5" t="s">
        <v>83578</v>
      </c>
      <c r="B6884" s="2" t="s">
        <v>104771</v>
      </c>
      <c r="C6884" s="14" t="s">
        <v>104772</v>
      </c>
      <c r="D6884" s="2" t="s">
        <v>104773</v>
      </c>
      <c r="E6884" s="2" t="s">
        <v>7547</v>
      </c>
      <c r="F6884" s="8">
        <v>249</v>
      </c>
      <c r="G6884" s="5">
        <v>6</v>
      </c>
      <c r="H6884" s="5" t="s">
        <v>1518</v>
      </c>
      <c r="I6884" s="5" t="s">
        <v>69038</v>
      </c>
      <c r="J6884" s="2" t="s">
        <v>69039</v>
      </c>
      <c r="K6884" s="5" t="s">
        <v>69038</v>
      </c>
      <c r="L6884" s="2" t="s">
        <v>69039</v>
      </c>
      <c r="M6884" s="5" t="s">
        <v>1521</v>
      </c>
      <c r="N6884" s="5" t="s">
        <v>38</v>
      </c>
      <c r="O6884" s="5" t="s">
        <v>39</v>
      </c>
      <c r="P6884" s="5" t="s">
        <v>40</v>
      </c>
      <c r="Q6884" s="5" t="s">
        <v>1522</v>
      </c>
      <c r="R6884" s="5" t="s">
        <v>1523</v>
      </c>
      <c r="S6884" s="5" t="s">
        <v>42</v>
      </c>
      <c r="T6884" s="2">
        <v>2.3170000000000002</v>
      </c>
      <c r="U6884" s="2">
        <v>1.7529999999999999</v>
      </c>
      <c r="V6884" s="2">
        <v>16.7</v>
      </c>
      <c r="W6884" s="2">
        <v>99.1</v>
      </c>
      <c r="X6884" s="2">
        <v>7.6</v>
      </c>
      <c r="Y6884" s="2">
        <v>16.7</v>
      </c>
      <c r="Z6884" s="5"/>
      <c r="AA6884" s="5" t="s">
        <v>43</v>
      </c>
      <c r="AB6884" s="5" t="s">
        <v>44</v>
      </c>
      <c r="AC6884" s="2"/>
      <c r="AD6884" s="1"/>
    </row>
    <row r="6885" spans="1:30">
      <c r="A6885" s="5" t="s">
        <v>83578</v>
      </c>
      <c r="B6885" s="2" t="s">
        <v>104774</v>
      </c>
      <c r="C6885" s="14" t="s">
        <v>104775</v>
      </c>
      <c r="D6885" s="2" t="s">
        <v>104776</v>
      </c>
      <c r="E6885" s="2" t="s">
        <v>7551</v>
      </c>
      <c r="F6885" s="8">
        <v>249</v>
      </c>
      <c r="G6885" s="5">
        <v>6</v>
      </c>
      <c r="H6885" s="5" t="s">
        <v>1518</v>
      </c>
      <c r="I6885" s="5" t="s">
        <v>69038</v>
      </c>
      <c r="J6885" s="2" t="s">
        <v>69039</v>
      </c>
      <c r="K6885" s="5" t="s">
        <v>69038</v>
      </c>
      <c r="L6885" s="2" t="s">
        <v>69039</v>
      </c>
      <c r="M6885" s="5" t="s">
        <v>1521</v>
      </c>
      <c r="N6885" s="5" t="s">
        <v>38</v>
      </c>
      <c r="O6885" s="5" t="s">
        <v>39</v>
      </c>
      <c r="P6885" s="5" t="s">
        <v>40</v>
      </c>
      <c r="Q6885" s="5" t="s">
        <v>1522</v>
      </c>
      <c r="R6885" s="5" t="s">
        <v>1523</v>
      </c>
      <c r="S6885" s="5" t="s">
        <v>42</v>
      </c>
      <c r="T6885" s="2">
        <v>2.3860000000000001</v>
      </c>
      <c r="U6885" s="2">
        <v>1.8220000000000001</v>
      </c>
      <c r="V6885" s="2">
        <v>16.7</v>
      </c>
      <c r="W6885" s="2">
        <v>99.1</v>
      </c>
      <c r="X6885" s="2">
        <v>7.6</v>
      </c>
      <c r="Y6885" s="2">
        <v>16.7</v>
      </c>
      <c r="Z6885" s="5"/>
      <c r="AA6885" s="5" t="s">
        <v>43</v>
      </c>
      <c r="AB6885" s="5" t="s">
        <v>44</v>
      </c>
      <c r="AC6885" s="2"/>
      <c r="AD6885" s="1"/>
    </row>
    <row r="6886" spans="1:30">
      <c r="A6886" s="5" t="s">
        <v>83578</v>
      </c>
      <c r="B6886" s="2" t="s">
        <v>104777</v>
      </c>
      <c r="C6886" s="14" t="s">
        <v>104778</v>
      </c>
      <c r="D6886" s="2" t="s">
        <v>104779</v>
      </c>
      <c r="E6886" s="2" t="s">
        <v>7563</v>
      </c>
      <c r="F6886" s="8">
        <v>249</v>
      </c>
      <c r="G6886" s="5">
        <v>6</v>
      </c>
      <c r="H6886" s="5" t="s">
        <v>1518</v>
      </c>
      <c r="I6886" s="5" t="s">
        <v>69038</v>
      </c>
      <c r="J6886" s="2" t="s">
        <v>69039</v>
      </c>
      <c r="K6886" s="5" t="s">
        <v>69038</v>
      </c>
      <c r="L6886" s="2" t="s">
        <v>69039</v>
      </c>
      <c r="M6886" s="5" t="s">
        <v>1521</v>
      </c>
      <c r="N6886" s="5" t="s">
        <v>38</v>
      </c>
      <c r="O6886" s="5" t="s">
        <v>39</v>
      </c>
      <c r="P6886" s="5" t="s">
        <v>40</v>
      </c>
      <c r="Q6886" s="5" t="s">
        <v>1522</v>
      </c>
      <c r="R6886" s="5" t="s">
        <v>1523</v>
      </c>
      <c r="S6886" s="5" t="s">
        <v>42</v>
      </c>
      <c r="T6886" s="2">
        <v>2.3170000000000002</v>
      </c>
      <c r="U6886" s="2">
        <v>1.7529999999999999</v>
      </c>
      <c r="V6886" s="2">
        <v>16.7</v>
      </c>
      <c r="W6886" s="2">
        <v>99.1</v>
      </c>
      <c r="X6886" s="2">
        <v>7.6</v>
      </c>
      <c r="Y6886" s="2">
        <v>16.7</v>
      </c>
      <c r="Z6886" s="5"/>
      <c r="AA6886" s="5" t="s">
        <v>43</v>
      </c>
      <c r="AB6886" s="5" t="s">
        <v>44</v>
      </c>
      <c r="AC6886" s="2"/>
      <c r="AD6886" s="1"/>
    </row>
    <row r="6887" spans="1:30">
      <c r="A6887" s="5" t="s">
        <v>83578</v>
      </c>
      <c r="B6887" s="2" t="s">
        <v>104780</v>
      </c>
      <c r="C6887" s="14" t="s">
        <v>104781</v>
      </c>
      <c r="D6887" s="2" t="s">
        <v>104782</v>
      </c>
      <c r="E6887" s="2" t="s">
        <v>7567</v>
      </c>
      <c r="F6887" s="8">
        <v>249</v>
      </c>
      <c r="G6887" s="5">
        <v>6</v>
      </c>
      <c r="H6887" s="5" t="s">
        <v>1518</v>
      </c>
      <c r="I6887" s="5" t="s">
        <v>69038</v>
      </c>
      <c r="J6887" s="2" t="s">
        <v>69039</v>
      </c>
      <c r="K6887" s="5" t="s">
        <v>69038</v>
      </c>
      <c r="L6887" s="2" t="s">
        <v>69039</v>
      </c>
      <c r="M6887" s="5" t="s">
        <v>1521</v>
      </c>
      <c r="N6887" s="5" t="s">
        <v>38</v>
      </c>
      <c r="O6887" s="5" t="s">
        <v>39</v>
      </c>
      <c r="P6887" s="5" t="s">
        <v>40</v>
      </c>
      <c r="Q6887" s="5" t="s">
        <v>1522</v>
      </c>
      <c r="R6887" s="5" t="s">
        <v>1523</v>
      </c>
      <c r="S6887" s="5" t="s">
        <v>42</v>
      </c>
      <c r="T6887" s="2">
        <v>2.3860000000000001</v>
      </c>
      <c r="U6887" s="2">
        <v>1.8220000000000001</v>
      </c>
      <c r="V6887" s="2">
        <v>16.7</v>
      </c>
      <c r="W6887" s="2">
        <v>99.1</v>
      </c>
      <c r="X6887" s="2">
        <v>7.6</v>
      </c>
      <c r="Y6887" s="2">
        <v>16.7</v>
      </c>
      <c r="Z6887" s="5"/>
      <c r="AA6887" s="5" t="s">
        <v>43</v>
      </c>
      <c r="AB6887" s="5" t="s">
        <v>44</v>
      </c>
      <c r="AC6887" s="2"/>
      <c r="AD6887" s="1"/>
    </row>
    <row r="6888" spans="1:30">
      <c r="A6888" s="5" t="s">
        <v>83578</v>
      </c>
      <c r="B6888" s="2" t="s">
        <v>104783</v>
      </c>
      <c r="C6888" s="14" t="s">
        <v>104784</v>
      </c>
      <c r="D6888" s="2" t="s">
        <v>104785</v>
      </c>
      <c r="E6888" s="2" t="s">
        <v>7555</v>
      </c>
      <c r="F6888" s="8">
        <v>249</v>
      </c>
      <c r="G6888" s="5">
        <v>6</v>
      </c>
      <c r="H6888" s="5" t="s">
        <v>1518</v>
      </c>
      <c r="I6888" s="5" t="s">
        <v>69038</v>
      </c>
      <c r="J6888" s="2" t="s">
        <v>69039</v>
      </c>
      <c r="K6888" s="5" t="s">
        <v>69038</v>
      </c>
      <c r="L6888" s="2" t="s">
        <v>69039</v>
      </c>
      <c r="M6888" s="5" t="s">
        <v>1521</v>
      </c>
      <c r="N6888" s="5" t="s">
        <v>38</v>
      </c>
      <c r="O6888" s="5" t="s">
        <v>39</v>
      </c>
      <c r="P6888" s="5" t="s">
        <v>40</v>
      </c>
      <c r="Q6888" s="5" t="s">
        <v>1522</v>
      </c>
      <c r="R6888" s="5" t="s">
        <v>1523</v>
      </c>
      <c r="S6888" s="5" t="s">
        <v>42</v>
      </c>
      <c r="T6888" s="2">
        <v>2.3170000000000002</v>
      </c>
      <c r="U6888" s="2">
        <v>1.7529999999999999</v>
      </c>
      <c r="V6888" s="2">
        <v>16.7</v>
      </c>
      <c r="W6888" s="2">
        <v>99.1</v>
      </c>
      <c r="X6888" s="2">
        <v>7.6</v>
      </c>
      <c r="Y6888" s="2">
        <v>16.7</v>
      </c>
      <c r="Z6888" s="5"/>
      <c r="AA6888" s="5" t="s">
        <v>43</v>
      </c>
      <c r="AB6888" s="5" t="s">
        <v>44</v>
      </c>
      <c r="AC6888" s="2"/>
      <c r="AD6888" s="1"/>
    </row>
    <row r="6889" spans="1:30">
      <c r="A6889" s="5" t="s">
        <v>83578</v>
      </c>
      <c r="B6889" s="2" t="s">
        <v>104786</v>
      </c>
      <c r="C6889" s="14" t="s">
        <v>104787</v>
      </c>
      <c r="D6889" s="2" t="s">
        <v>104788</v>
      </c>
      <c r="E6889" s="2" t="s">
        <v>7559</v>
      </c>
      <c r="F6889" s="8">
        <v>249</v>
      </c>
      <c r="G6889" s="5">
        <v>6</v>
      </c>
      <c r="H6889" s="5" t="s">
        <v>1518</v>
      </c>
      <c r="I6889" s="5" t="s">
        <v>69038</v>
      </c>
      <c r="J6889" s="2" t="s">
        <v>69039</v>
      </c>
      <c r="K6889" s="5" t="s">
        <v>69038</v>
      </c>
      <c r="L6889" s="2" t="s">
        <v>69039</v>
      </c>
      <c r="M6889" s="5" t="s">
        <v>1521</v>
      </c>
      <c r="N6889" s="5" t="s">
        <v>38</v>
      </c>
      <c r="O6889" s="5" t="s">
        <v>39</v>
      </c>
      <c r="P6889" s="5" t="s">
        <v>40</v>
      </c>
      <c r="Q6889" s="5" t="s">
        <v>1522</v>
      </c>
      <c r="R6889" s="5" t="s">
        <v>1523</v>
      </c>
      <c r="S6889" s="5" t="s">
        <v>42</v>
      </c>
      <c r="T6889" s="2">
        <v>2.3860000000000001</v>
      </c>
      <c r="U6889" s="2">
        <v>1.8220000000000001</v>
      </c>
      <c r="V6889" s="2">
        <v>16.7</v>
      </c>
      <c r="W6889" s="2">
        <v>99.1</v>
      </c>
      <c r="X6889" s="2">
        <v>7.6</v>
      </c>
      <c r="Y6889" s="2">
        <v>16.7</v>
      </c>
      <c r="Z6889" s="5"/>
      <c r="AA6889" s="5" t="s">
        <v>43</v>
      </c>
      <c r="AB6889" s="5" t="s">
        <v>44</v>
      </c>
      <c r="AC6889" s="2"/>
      <c r="AD6889" s="1"/>
    </row>
    <row r="6890" spans="1:30">
      <c r="A6890" s="5" t="s">
        <v>83578</v>
      </c>
      <c r="B6890" s="2" t="s">
        <v>104789</v>
      </c>
      <c r="C6890" s="14" t="s">
        <v>104790</v>
      </c>
      <c r="D6890" s="2" t="s">
        <v>104791</v>
      </c>
      <c r="E6890" s="2" t="s">
        <v>16079</v>
      </c>
      <c r="F6890" s="8">
        <v>249</v>
      </c>
      <c r="G6890" s="5">
        <v>6</v>
      </c>
      <c r="H6890" s="5" t="s">
        <v>1518</v>
      </c>
      <c r="I6890" s="5" t="s">
        <v>69038</v>
      </c>
      <c r="J6890" s="2" t="s">
        <v>69039</v>
      </c>
      <c r="K6890" s="5" t="s">
        <v>69038</v>
      </c>
      <c r="L6890" s="2" t="s">
        <v>69039</v>
      </c>
      <c r="M6890" s="5" t="s">
        <v>1521</v>
      </c>
      <c r="N6890" s="5" t="s">
        <v>38</v>
      </c>
      <c r="O6890" s="5" t="s">
        <v>39</v>
      </c>
      <c r="P6890" s="5" t="s">
        <v>40</v>
      </c>
      <c r="Q6890" s="5" t="s">
        <v>1522</v>
      </c>
      <c r="R6890" s="5" t="s">
        <v>1523</v>
      </c>
      <c r="S6890" s="5" t="s">
        <v>42</v>
      </c>
      <c r="T6890" s="2">
        <v>2.3170000000000002</v>
      </c>
      <c r="U6890" s="2">
        <v>1.7529999999999999</v>
      </c>
      <c r="V6890" s="2">
        <v>16.7</v>
      </c>
      <c r="W6890" s="2">
        <v>99.1</v>
      </c>
      <c r="X6890" s="2">
        <v>7.6</v>
      </c>
      <c r="Y6890" s="2">
        <v>16.7</v>
      </c>
      <c r="Z6890" s="5"/>
      <c r="AA6890" s="5" t="s">
        <v>43</v>
      </c>
      <c r="AB6890" s="5" t="s">
        <v>44</v>
      </c>
      <c r="AC6890" s="2"/>
      <c r="AD6890" s="1"/>
    </row>
    <row r="6891" spans="1:30">
      <c r="A6891" s="5" t="s">
        <v>83578</v>
      </c>
      <c r="B6891" s="2" t="s">
        <v>104792</v>
      </c>
      <c r="C6891" s="14" t="s">
        <v>104793</v>
      </c>
      <c r="D6891" s="2" t="s">
        <v>104794</v>
      </c>
      <c r="E6891" s="2" t="s">
        <v>7449</v>
      </c>
      <c r="F6891" s="8">
        <v>249</v>
      </c>
      <c r="G6891" s="5">
        <v>6</v>
      </c>
      <c r="H6891" s="5" t="s">
        <v>1518</v>
      </c>
      <c r="I6891" s="5" t="s">
        <v>69038</v>
      </c>
      <c r="J6891" s="2" t="s">
        <v>69039</v>
      </c>
      <c r="K6891" s="5" t="s">
        <v>69038</v>
      </c>
      <c r="L6891" s="2" t="s">
        <v>69039</v>
      </c>
      <c r="M6891" s="5" t="s">
        <v>1521</v>
      </c>
      <c r="N6891" s="5" t="s">
        <v>38</v>
      </c>
      <c r="O6891" s="5" t="s">
        <v>39</v>
      </c>
      <c r="P6891" s="5" t="s">
        <v>40</v>
      </c>
      <c r="Q6891" s="5" t="s">
        <v>1522</v>
      </c>
      <c r="R6891" s="5" t="s">
        <v>1523</v>
      </c>
      <c r="S6891" s="5" t="s">
        <v>42</v>
      </c>
      <c r="T6891" s="2">
        <v>2.3170000000000002</v>
      </c>
      <c r="U6891" s="2">
        <v>1.7529999999999999</v>
      </c>
      <c r="V6891" s="2">
        <v>16.7</v>
      </c>
      <c r="W6891" s="2">
        <v>99.1</v>
      </c>
      <c r="X6891" s="2">
        <v>7.6</v>
      </c>
      <c r="Y6891" s="2">
        <v>16.7</v>
      </c>
      <c r="Z6891" s="5"/>
      <c r="AA6891" s="5" t="s">
        <v>43</v>
      </c>
      <c r="AB6891" s="5" t="s">
        <v>44</v>
      </c>
      <c r="AC6891" s="2"/>
      <c r="AD6891" s="1"/>
    </row>
    <row r="6892" spans="1:30">
      <c r="A6892" s="5" t="s">
        <v>83578</v>
      </c>
      <c r="B6892" s="2" t="s">
        <v>104795</v>
      </c>
      <c r="C6892" s="14" t="s">
        <v>104796</v>
      </c>
      <c r="D6892" s="2" t="s">
        <v>104797</v>
      </c>
      <c r="E6892" s="2" t="s">
        <v>7581</v>
      </c>
      <c r="F6892" s="8">
        <v>249</v>
      </c>
      <c r="G6892" s="5">
        <v>6</v>
      </c>
      <c r="H6892" s="5" t="s">
        <v>1518</v>
      </c>
      <c r="I6892" s="5" t="s">
        <v>69038</v>
      </c>
      <c r="J6892" s="2" t="s">
        <v>69039</v>
      </c>
      <c r="K6892" s="5" t="s">
        <v>69038</v>
      </c>
      <c r="L6892" s="2" t="s">
        <v>69039</v>
      </c>
      <c r="M6892" s="5" t="s">
        <v>1521</v>
      </c>
      <c r="N6892" s="5" t="s">
        <v>38</v>
      </c>
      <c r="O6892" s="5" t="s">
        <v>39</v>
      </c>
      <c r="P6892" s="5" t="s">
        <v>40</v>
      </c>
      <c r="Q6892" s="5" t="s">
        <v>1522</v>
      </c>
      <c r="R6892" s="5" t="s">
        <v>1523</v>
      </c>
      <c r="S6892" s="5" t="s">
        <v>42</v>
      </c>
      <c r="T6892" s="2">
        <v>2.3860000000000001</v>
      </c>
      <c r="U6892" s="2">
        <v>1.8220000000000001</v>
      </c>
      <c r="V6892" s="2">
        <v>16.7</v>
      </c>
      <c r="W6892" s="2">
        <v>99.1</v>
      </c>
      <c r="X6892" s="2">
        <v>7.6</v>
      </c>
      <c r="Y6892" s="2">
        <v>16.7</v>
      </c>
      <c r="Z6892" s="5"/>
      <c r="AA6892" s="5" t="s">
        <v>43</v>
      </c>
      <c r="AB6892" s="5" t="s">
        <v>44</v>
      </c>
      <c r="AC6892" s="2"/>
      <c r="AD6892" s="1"/>
    </row>
    <row r="6893" spans="1:30">
      <c r="A6893" s="5" t="s">
        <v>83578</v>
      </c>
      <c r="B6893" s="2" t="s">
        <v>104798</v>
      </c>
      <c r="C6893" s="14" t="s">
        <v>104799</v>
      </c>
      <c r="D6893" s="2" t="s">
        <v>104800</v>
      </c>
      <c r="E6893" s="2" t="s">
        <v>7585</v>
      </c>
      <c r="F6893" s="8">
        <v>249</v>
      </c>
      <c r="G6893" s="5">
        <v>6</v>
      </c>
      <c r="H6893" s="5" t="s">
        <v>1518</v>
      </c>
      <c r="I6893" s="5" t="s">
        <v>69038</v>
      </c>
      <c r="J6893" s="2" t="s">
        <v>69039</v>
      </c>
      <c r="K6893" s="5" t="s">
        <v>69038</v>
      </c>
      <c r="L6893" s="2" t="s">
        <v>69039</v>
      </c>
      <c r="M6893" s="5" t="s">
        <v>1521</v>
      </c>
      <c r="N6893" s="5" t="s">
        <v>38</v>
      </c>
      <c r="O6893" s="5" t="s">
        <v>39</v>
      </c>
      <c r="P6893" s="5" t="s">
        <v>40</v>
      </c>
      <c r="Q6893" s="5" t="s">
        <v>1522</v>
      </c>
      <c r="R6893" s="5" t="s">
        <v>1523</v>
      </c>
      <c r="S6893" s="5" t="s">
        <v>42</v>
      </c>
      <c r="T6893" s="2">
        <v>2.3170000000000002</v>
      </c>
      <c r="U6893" s="2">
        <v>1.7529999999999999</v>
      </c>
      <c r="V6893" s="2">
        <v>16.7</v>
      </c>
      <c r="W6893" s="2">
        <v>99.1</v>
      </c>
      <c r="X6893" s="2">
        <v>7.6</v>
      </c>
      <c r="Y6893" s="2">
        <v>16.7</v>
      </c>
      <c r="Z6893" s="5"/>
      <c r="AA6893" s="5" t="s">
        <v>43</v>
      </c>
      <c r="AB6893" s="5" t="s">
        <v>44</v>
      </c>
      <c r="AC6893" s="2"/>
      <c r="AD6893" s="1"/>
    </row>
    <row r="6894" spans="1:30">
      <c r="A6894" s="5" t="s">
        <v>83578</v>
      </c>
      <c r="B6894" s="2" t="s">
        <v>104801</v>
      </c>
      <c r="C6894" s="14" t="s">
        <v>104802</v>
      </c>
      <c r="D6894" s="2" t="s">
        <v>104803</v>
      </c>
      <c r="E6894" s="2" t="s">
        <v>7589</v>
      </c>
      <c r="F6894" s="8">
        <v>249</v>
      </c>
      <c r="G6894" s="5">
        <v>6</v>
      </c>
      <c r="H6894" s="5" t="s">
        <v>1518</v>
      </c>
      <c r="I6894" s="5" t="s">
        <v>69038</v>
      </c>
      <c r="J6894" s="2" t="s">
        <v>69039</v>
      </c>
      <c r="K6894" s="5" t="s">
        <v>69038</v>
      </c>
      <c r="L6894" s="2" t="s">
        <v>69039</v>
      </c>
      <c r="M6894" s="5" t="s">
        <v>1521</v>
      </c>
      <c r="N6894" s="5" t="s">
        <v>38</v>
      </c>
      <c r="O6894" s="5" t="s">
        <v>39</v>
      </c>
      <c r="P6894" s="5" t="s">
        <v>40</v>
      </c>
      <c r="Q6894" s="5" t="s">
        <v>1522</v>
      </c>
      <c r="R6894" s="5" t="s">
        <v>1523</v>
      </c>
      <c r="S6894" s="5" t="s">
        <v>42</v>
      </c>
      <c r="T6894" s="2">
        <v>2.3860000000000001</v>
      </c>
      <c r="U6894" s="2">
        <v>1.8220000000000001</v>
      </c>
      <c r="V6894" s="2">
        <v>16.7</v>
      </c>
      <c r="W6894" s="2">
        <v>99.1</v>
      </c>
      <c r="X6894" s="2">
        <v>7.6</v>
      </c>
      <c r="Y6894" s="2">
        <v>16.7</v>
      </c>
      <c r="Z6894" s="5"/>
      <c r="AA6894" s="5" t="s">
        <v>43</v>
      </c>
      <c r="AB6894" s="5" t="s">
        <v>44</v>
      </c>
      <c r="AC6894" s="2"/>
      <c r="AD6894" s="1"/>
    </row>
    <row r="6895" spans="1:30">
      <c r="A6895" s="5" t="s">
        <v>83578</v>
      </c>
      <c r="B6895" s="2" t="s">
        <v>104804</v>
      </c>
      <c r="C6895" s="14" t="s">
        <v>104805</v>
      </c>
      <c r="D6895" s="2" t="s">
        <v>104806</v>
      </c>
      <c r="E6895" s="2" t="s">
        <v>7593</v>
      </c>
      <c r="F6895" s="8">
        <v>249</v>
      </c>
      <c r="G6895" s="5">
        <v>6</v>
      </c>
      <c r="H6895" s="5" t="s">
        <v>1518</v>
      </c>
      <c r="I6895" s="5" t="s">
        <v>69038</v>
      </c>
      <c r="J6895" s="2" t="s">
        <v>69039</v>
      </c>
      <c r="K6895" s="5" t="s">
        <v>69038</v>
      </c>
      <c r="L6895" s="2" t="s">
        <v>69039</v>
      </c>
      <c r="M6895" s="5" t="s">
        <v>1521</v>
      </c>
      <c r="N6895" s="5" t="s">
        <v>38</v>
      </c>
      <c r="O6895" s="5" t="s">
        <v>39</v>
      </c>
      <c r="P6895" s="5" t="s">
        <v>40</v>
      </c>
      <c r="Q6895" s="5" t="s">
        <v>1522</v>
      </c>
      <c r="R6895" s="5" t="s">
        <v>1523</v>
      </c>
      <c r="S6895" s="5" t="s">
        <v>42</v>
      </c>
      <c r="T6895" s="2">
        <v>2.3170000000000002</v>
      </c>
      <c r="U6895" s="2">
        <v>1.7529999999999999</v>
      </c>
      <c r="V6895" s="2">
        <v>16.7</v>
      </c>
      <c r="W6895" s="2">
        <v>99.1</v>
      </c>
      <c r="X6895" s="2">
        <v>7.6</v>
      </c>
      <c r="Y6895" s="2">
        <v>16.7</v>
      </c>
      <c r="Z6895" s="5"/>
      <c r="AA6895" s="5" t="s">
        <v>43</v>
      </c>
      <c r="AB6895" s="5" t="s">
        <v>44</v>
      </c>
      <c r="AC6895" s="2"/>
      <c r="AD6895" s="1"/>
    </row>
    <row r="6896" spans="1:30">
      <c r="A6896" s="5" t="s">
        <v>83578</v>
      </c>
      <c r="B6896" s="2" t="s">
        <v>104807</v>
      </c>
      <c r="C6896" s="14" t="s">
        <v>104808</v>
      </c>
      <c r="D6896" s="2" t="s">
        <v>104809</v>
      </c>
      <c r="E6896" s="2" t="s">
        <v>7597</v>
      </c>
      <c r="F6896" s="8">
        <v>249</v>
      </c>
      <c r="G6896" s="5">
        <v>6</v>
      </c>
      <c r="H6896" s="5" t="s">
        <v>1518</v>
      </c>
      <c r="I6896" s="5" t="s">
        <v>69038</v>
      </c>
      <c r="J6896" s="2" t="s">
        <v>69039</v>
      </c>
      <c r="K6896" s="5" t="s">
        <v>69038</v>
      </c>
      <c r="L6896" s="2" t="s">
        <v>69039</v>
      </c>
      <c r="M6896" s="5" t="s">
        <v>1521</v>
      </c>
      <c r="N6896" s="5" t="s">
        <v>38</v>
      </c>
      <c r="O6896" s="5" t="s">
        <v>39</v>
      </c>
      <c r="P6896" s="5" t="s">
        <v>40</v>
      </c>
      <c r="Q6896" s="5" t="s">
        <v>1522</v>
      </c>
      <c r="R6896" s="5" t="s">
        <v>1523</v>
      </c>
      <c r="S6896" s="5" t="s">
        <v>42</v>
      </c>
      <c r="T6896" s="2">
        <v>2.3860000000000001</v>
      </c>
      <c r="U6896" s="2">
        <v>1.8220000000000001</v>
      </c>
      <c r="V6896" s="2">
        <v>16.7</v>
      </c>
      <c r="W6896" s="2">
        <v>99.1</v>
      </c>
      <c r="X6896" s="2">
        <v>7.6</v>
      </c>
      <c r="Y6896" s="2">
        <v>16.7</v>
      </c>
      <c r="Z6896" s="5"/>
      <c r="AA6896" s="5" t="s">
        <v>43</v>
      </c>
      <c r="AB6896" s="5" t="s">
        <v>44</v>
      </c>
      <c r="AC6896" s="2"/>
      <c r="AD6896" s="1"/>
    </row>
    <row r="6897" spans="1:30">
      <c r="A6897" s="5" t="s">
        <v>83578</v>
      </c>
      <c r="B6897" s="2" t="s">
        <v>104810</v>
      </c>
      <c r="C6897" s="14" t="s">
        <v>104811</v>
      </c>
      <c r="D6897" s="2" t="s">
        <v>104812</v>
      </c>
      <c r="E6897" s="2" t="s">
        <v>73358</v>
      </c>
      <c r="F6897" s="8">
        <v>249</v>
      </c>
      <c r="G6897" s="5">
        <v>6</v>
      </c>
      <c r="H6897" s="5" t="s">
        <v>1518</v>
      </c>
      <c r="I6897" s="5" t="s">
        <v>69038</v>
      </c>
      <c r="J6897" s="2" t="s">
        <v>69039</v>
      </c>
      <c r="K6897" s="5" t="s">
        <v>69038</v>
      </c>
      <c r="L6897" s="2" t="s">
        <v>69039</v>
      </c>
      <c r="M6897" s="5" t="s">
        <v>1521</v>
      </c>
      <c r="N6897" s="5" t="s">
        <v>38</v>
      </c>
      <c r="O6897" s="5" t="s">
        <v>39</v>
      </c>
      <c r="P6897" s="5" t="s">
        <v>40</v>
      </c>
      <c r="Q6897" s="5" t="s">
        <v>1522</v>
      </c>
      <c r="R6897" s="5" t="s">
        <v>1523</v>
      </c>
      <c r="S6897" s="5" t="s">
        <v>42</v>
      </c>
      <c r="T6897" s="2">
        <v>2.3170000000000002</v>
      </c>
      <c r="U6897" s="2">
        <v>1.7529999999999999</v>
      </c>
      <c r="V6897" s="2">
        <v>16.7</v>
      </c>
      <c r="W6897" s="2">
        <v>99.1</v>
      </c>
      <c r="X6897" s="2">
        <v>7.6</v>
      </c>
      <c r="Y6897" s="2">
        <v>16.7</v>
      </c>
      <c r="Z6897" s="5"/>
      <c r="AA6897" s="5" t="s">
        <v>43</v>
      </c>
      <c r="AB6897" s="5" t="s">
        <v>44</v>
      </c>
      <c r="AC6897" s="2"/>
      <c r="AD6897" s="1"/>
    </row>
    <row r="6898" spans="1:30">
      <c r="A6898" s="5" t="s">
        <v>83578</v>
      </c>
      <c r="B6898" s="2" t="s">
        <v>104813</v>
      </c>
      <c r="C6898" s="14" t="s">
        <v>104814</v>
      </c>
      <c r="D6898" s="2" t="s">
        <v>104815</v>
      </c>
      <c r="E6898" s="2" t="s">
        <v>73362</v>
      </c>
      <c r="F6898" s="8">
        <v>249</v>
      </c>
      <c r="G6898" s="5">
        <v>6</v>
      </c>
      <c r="H6898" s="5" t="s">
        <v>1518</v>
      </c>
      <c r="I6898" s="5" t="s">
        <v>69038</v>
      </c>
      <c r="J6898" s="2" t="s">
        <v>69039</v>
      </c>
      <c r="K6898" s="5" t="s">
        <v>69038</v>
      </c>
      <c r="L6898" s="2" t="s">
        <v>69039</v>
      </c>
      <c r="M6898" s="5" t="s">
        <v>1521</v>
      </c>
      <c r="N6898" s="5" t="s">
        <v>38</v>
      </c>
      <c r="O6898" s="5" t="s">
        <v>39</v>
      </c>
      <c r="P6898" s="5" t="s">
        <v>40</v>
      </c>
      <c r="Q6898" s="5" t="s">
        <v>1522</v>
      </c>
      <c r="R6898" s="5" t="s">
        <v>1523</v>
      </c>
      <c r="S6898" s="5" t="s">
        <v>42</v>
      </c>
      <c r="T6898" s="2">
        <v>2.3860000000000001</v>
      </c>
      <c r="U6898" s="2">
        <v>1.8220000000000001</v>
      </c>
      <c r="V6898" s="2">
        <v>16.7</v>
      </c>
      <c r="W6898" s="2">
        <v>99.1</v>
      </c>
      <c r="X6898" s="2">
        <v>7.6</v>
      </c>
      <c r="Y6898" s="2">
        <v>16.7</v>
      </c>
      <c r="Z6898" s="5"/>
      <c r="AA6898" s="5" t="s">
        <v>43</v>
      </c>
      <c r="AB6898" s="5" t="s">
        <v>44</v>
      </c>
      <c r="AC6898" s="2"/>
      <c r="AD6898" s="1"/>
    </row>
    <row r="6899" spans="1:30">
      <c r="A6899" s="5" t="s">
        <v>83578</v>
      </c>
      <c r="B6899" s="2" t="s">
        <v>104816</v>
      </c>
      <c r="C6899" s="14" t="s">
        <v>104817</v>
      </c>
      <c r="D6899" s="2" t="s">
        <v>104818</v>
      </c>
      <c r="E6899" s="2" t="s">
        <v>7615</v>
      </c>
      <c r="F6899" s="8">
        <v>249</v>
      </c>
      <c r="G6899" s="5">
        <v>6</v>
      </c>
      <c r="H6899" s="5" t="s">
        <v>1518</v>
      </c>
      <c r="I6899" s="5" t="s">
        <v>69038</v>
      </c>
      <c r="J6899" s="2" t="s">
        <v>69039</v>
      </c>
      <c r="K6899" s="5" t="s">
        <v>69038</v>
      </c>
      <c r="L6899" s="2" t="s">
        <v>69039</v>
      </c>
      <c r="M6899" s="5" t="s">
        <v>1521</v>
      </c>
      <c r="N6899" s="5" t="s">
        <v>38</v>
      </c>
      <c r="O6899" s="5" t="s">
        <v>39</v>
      </c>
      <c r="P6899" s="5" t="s">
        <v>40</v>
      </c>
      <c r="Q6899" s="5" t="s">
        <v>1522</v>
      </c>
      <c r="R6899" s="5" t="s">
        <v>1523</v>
      </c>
      <c r="S6899" s="5" t="s">
        <v>42</v>
      </c>
      <c r="T6899" s="2">
        <v>2.3170000000000002</v>
      </c>
      <c r="U6899" s="2">
        <v>1.7529999999999999</v>
      </c>
      <c r="V6899" s="2">
        <v>16.7</v>
      </c>
      <c r="W6899" s="2">
        <v>99.1</v>
      </c>
      <c r="X6899" s="2">
        <v>7.6</v>
      </c>
      <c r="Y6899" s="2">
        <v>16.7</v>
      </c>
      <c r="Z6899" s="5"/>
      <c r="AA6899" s="5" t="s">
        <v>43</v>
      </c>
      <c r="AB6899" s="5" t="s">
        <v>44</v>
      </c>
      <c r="AC6899" s="2"/>
      <c r="AD6899" s="1"/>
    </row>
    <row r="6900" spans="1:30">
      <c r="A6900" s="5" t="s">
        <v>83578</v>
      </c>
      <c r="B6900" s="2" t="s">
        <v>104819</v>
      </c>
      <c r="C6900" s="14" t="s">
        <v>104820</v>
      </c>
      <c r="D6900" s="2" t="s">
        <v>104821</v>
      </c>
      <c r="E6900" s="2" t="s">
        <v>7619</v>
      </c>
      <c r="F6900" s="8">
        <v>249</v>
      </c>
      <c r="G6900" s="5">
        <v>6</v>
      </c>
      <c r="H6900" s="5" t="s">
        <v>1518</v>
      </c>
      <c r="I6900" s="5" t="s">
        <v>69038</v>
      </c>
      <c r="J6900" s="2" t="s">
        <v>69039</v>
      </c>
      <c r="K6900" s="5" t="s">
        <v>69038</v>
      </c>
      <c r="L6900" s="2" t="s">
        <v>69039</v>
      </c>
      <c r="M6900" s="5" t="s">
        <v>1521</v>
      </c>
      <c r="N6900" s="5" t="s">
        <v>38</v>
      </c>
      <c r="O6900" s="5" t="s">
        <v>39</v>
      </c>
      <c r="P6900" s="5" t="s">
        <v>40</v>
      </c>
      <c r="Q6900" s="5" t="s">
        <v>1522</v>
      </c>
      <c r="R6900" s="5" t="s">
        <v>1523</v>
      </c>
      <c r="S6900" s="5" t="s">
        <v>42</v>
      </c>
      <c r="T6900" s="2">
        <v>2.3860000000000001</v>
      </c>
      <c r="U6900" s="2">
        <v>1.8220000000000001</v>
      </c>
      <c r="V6900" s="2">
        <v>16.7</v>
      </c>
      <c r="W6900" s="2">
        <v>99.1</v>
      </c>
      <c r="X6900" s="2">
        <v>7.6</v>
      </c>
      <c r="Y6900" s="2">
        <v>16.7</v>
      </c>
      <c r="Z6900" s="5"/>
      <c r="AA6900" s="5" t="s">
        <v>43</v>
      </c>
      <c r="AB6900" s="5" t="s">
        <v>44</v>
      </c>
      <c r="AC6900" s="2"/>
      <c r="AD6900" s="1"/>
    </row>
    <row r="6901" spans="1:30">
      <c r="A6901" s="5" t="s">
        <v>83578</v>
      </c>
      <c r="B6901" s="2" t="s">
        <v>104822</v>
      </c>
      <c r="C6901" s="14" t="s">
        <v>104823</v>
      </c>
      <c r="D6901" s="2" t="s">
        <v>104824</v>
      </c>
      <c r="E6901" s="2" t="s">
        <v>16014</v>
      </c>
      <c r="F6901" s="8">
        <v>249</v>
      </c>
      <c r="G6901" s="5">
        <v>6</v>
      </c>
      <c r="H6901" s="5" t="s">
        <v>1518</v>
      </c>
      <c r="I6901" s="5" t="s">
        <v>69038</v>
      </c>
      <c r="J6901" s="2" t="s">
        <v>69039</v>
      </c>
      <c r="K6901" s="5" t="s">
        <v>69038</v>
      </c>
      <c r="L6901" s="2" t="s">
        <v>69039</v>
      </c>
      <c r="M6901" s="5" t="s">
        <v>1521</v>
      </c>
      <c r="N6901" s="5" t="s">
        <v>38</v>
      </c>
      <c r="O6901" s="5" t="s">
        <v>39</v>
      </c>
      <c r="P6901" s="5" t="s">
        <v>40</v>
      </c>
      <c r="Q6901" s="5" t="s">
        <v>1522</v>
      </c>
      <c r="R6901" s="5" t="s">
        <v>1523</v>
      </c>
      <c r="S6901" s="5" t="s">
        <v>42</v>
      </c>
      <c r="T6901" s="2">
        <v>2.3170000000000002</v>
      </c>
      <c r="U6901" s="2">
        <v>1.7529999999999999</v>
      </c>
      <c r="V6901" s="2">
        <v>16.7</v>
      </c>
      <c r="W6901" s="2">
        <v>99.1</v>
      </c>
      <c r="X6901" s="2">
        <v>7.6</v>
      </c>
      <c r="Y6901" s="2">
        <v>16.7</v>
      </c>
      <c r="Z6901" s="5"/>
      <c r="AA6901" s="5" t="s">
        <v>43</v>
      </c>
      <c r="AB6901" s="5" t="s">
        <v>44</v>
      </c>
      <c r="AC6901" s="2"/>
      <c r="AD6901" s="1"/>
    </row>
    <row r="6902" spans="1:30">
      <c r="A6902" s="5" t="s">
        <v>83578</v>
      </c>
      <c r="B6902" s="2" t="s">
        <v>104825</v>
      </c>
      <c r="C6902" s="14" t="s">
        <v>104826</v>
      </c>
      <c r="D6902" s="2" t="s">
        <v>104827</v>
      </c>
      <c r="E6902" s="2" t="s">
        <v>16219</v>
      </c>
      <c r="F6902" s="8">
        <v>249</v>
      </c>
      <c r="G6902" s="5">
        <v>6</v>
      </c>
      <c r="H6902" s="5" t="s">
        <v>1518</v>
      </c>
      <c r="I6902" s="5" t="s">
        <v>69038</v>
      </c>
      <c r="J6902" s="2" t="s">
        <v>69039</v>
      </c>
      <c r="K6902" s="5" t="s">
        <v>69038</v>
      </c>
      <c r="L6902" s="2" t="s">
        <v>69039</v>
      </c>
      <c r="M6902" s="5" t="s">
        <v>1521</v>
      </c>
      <c r="N6902" s="5" t="s">
        <v>38</v>
      </c>
      <c r="O6902" s="5" t="s">
        <v>39</v>
      </c>
      <c r="P6902" s="5" t="s">
        <v>40</v>
      </c>
      <c r="Q6902" s="5" t="s">
        <v>1522</v>
      </c>
      <c r="R6902" s="5" t="s">
        <v>1523</v>
      </c>
      <c r="S6902" s="5" t="s">
        <v>42</v>
      </c>
      <c r="T6902" s="2">
        <v>2.3860000000000001</v>
      </c>
      <c r="U6902" s="2">
        <v>1.8220000000000001</v>
      </c>
      <c r="V6902" s="2">
        <v>16.7</v>
      </c>
      <c r="W6902" s="2">
        <v>99.1</v>
      </c>
      <c r="X6902" s="2">
        <v>7.6</v>
      </c>
      <c r="Y6902" s="2">
        <v>16.7</v>
      </c>
      <c r="Z6902" s="5"/>
      <c r="AA6902" s="5" t="s">
        <v>43</v>
      </c>
      <c r="AB6902" s="5" t="s">
        <v>44</v>
      </c>
      <c r="AC6902" s="2"/>
      <c r="AD6902" s="1"/>
    </row>
    <row r="6903" spans="1:30">
      <c r="A6903" s="5" t="s">
        <v>83578</v>
      </c>
      <c r="B6903" s="2" t="s">
        <v>104828</v>
      </c>
      <c r="C6903" s="14" t="s">
        <v>104829</v>
      </c>
      <c r="D6903" s="2" t="s">
        <v>104830</v>
      </c>
      <c r="E6903" s="2" t="s">
        <v>7212</v>
      </c>
      <c r="F6903" s="8">
        <v>233</v>
      </c>
      <c r="G6903" s="5">
        <v>6</v>
      </c>
      <c r="H6903" s="5" t="s">
        <v>1518</v>
      </c>
      <c r="I6903" s="5" t="s">
        <v>69038</v>
      </c>
      <c r="J6903" s="2" t="s">
        <v>69039</v>
      </c>
      <c r="K6903" s="5" t="s">
        <v>69038</v>
      </c>
      <c r="L6903" s="2" t="s">
        <v>69039</v>
      </c>
      <c r="M6903" s="5" t="s">
        <v>1521</v>
      </c>
      <c r="N6903" s="5" t="s">
        <v>38</v>
      </c>
      <c r="O6903" s="5" t="s">
        <v>39</v>
      </c>
      <c r="P6903" s="5" t="s">
        <v>40</v>
      </c>
      <c r="Q6903" s="5" t="s">
        <v>1522</v>
      </c>
      <c r="R6903" s="5" t="s">
        <v>1523</v>
      </c>
      <c r="S6903" s="5" t="s">
        <v>42</v>
      </c>
      <c r="T6903" s="2">
        <v>2.3170000000000002</v>
      </c>
      <c r="U6903" s="2">
        <v>1.7529999999999999</v>
      </c>
      <c r="V6903" s="2">
        <v>16.7</v>
      </c>
      <c r="W6903" s="2">
        <v>99.1</v>
      </c>
      <c r="X6903" s="2">
        <v>7.6</v>
      </c>
      <c r="Y6903" s="2">
        <v>16.7</v>
      </c>
      <c r="Z6903" s="5"/>
      <c r="AA6903" s="5" t="s">
        <v>43</v>
      </c>
      <c r="AB6903" s="5" t="s">
        <v>44</v>
      </c>
      <c r="AC6903" s="2"/>
      <c r="AD6903" s="1"/>
    </row>
    <row r="6904" spans="1:30">
      <c r="A6904" s="5" t="s">
        <v>83578</v>
      </c>
      <c r="B6904" s="2" t="s">
        <v>104831</v>
      </c>
      <c r="C6904" s="14" t="s">
        <v>104832</v>
      </c>
      <c r="D6904" s="2" t="s">
        <v>104833</v>
      </c>
      <c r="E6904" s="2" t="s">
        <v>7528</v>
      </c>
      <c r="F6904" s="8">
        <v>233</v>
      </c>
      <c r="G6904" s="5">
        <v>6</v>
      </c>
      <c r="H6904" s="5" t="s">
        <v>1518</v>
      </c>
      <c r="I6904" s="5" t="s">
        <v>69038</v>
      </c>
      <c r="J6904" s="2" t="s">
        <v>69039</v>
      </c>
      <c r="K6904" s="5" t="s">
        <v>69038</v>
      </c>
      <c r="L6904" s="2" t="s">
        <v>69039</v>
      </c>
      <c r="M6904" s="5" t="s">
        <v>1521</v>
      </c>
      <c r="N6904" s="5" t="s">
        <v>38</v>
      </c>
      <c r="O6904" s="5" t="s">
        <v>39</v>
      </c>
      <c r="P6904" s="5" t="s">
        <v>40</v>
      </c>
      <c r="Q6904" s="5" t="s">
        <v>1522</v>
      </c>
      <c r="R6904" s="5" t="s">
        <v>1523</v>
      </c>
      <c r="S6904" s="5" t="s">
        <v>42</v>
      </c>
      <c r="T6904" s="2">
        <v>2.3860000000000001</v>
      </c>
      <c r="U6904" s="2">
        <v>1.8220000000000001</v>
      </c>
      <c r="V6904" s="2">
        <v>16.7</v>
      </c>
      <c r="W6904" s="2">
        <v>99.1</v>
      </c>
      <c r="X6904" s="2">
        <v>7.6</v>
      </c>
      <c r="Y6904" s="2">
        <v>16.7</v>
      </c>
      <c r="Z6904" s="5"/>
      <c r="AA6904" s="5" t="s">
        <v>43</v>
      </c>
      <c r="AB6904" s="5" t="s">
        <v>44</v>
      </c>
      <c r="AC6904" s="2"/>
      <c r="AD6904" s="1"/>
    </row>
    <row r="6905" spans="1:30">
      <c r="A6905" s="5" t="s">
        <v>83578</v>
      </c>
      <c r="B6905" s="2" t="s">
        <v>104834</v>
      </c>
      <c r="C6905" s="14" t="s">
        <v>104835</v>
      </c>
      <c r="D6905" s="2" t="s">
        <v>104836</v>
      </c>
      <c r="E6905" s="2" t="s">
        <v>7535</v>
      </c>
      <c r="F6905" s="8">
        <v>224</v>
      </c>
      <c r="G6905" s="5">
        <v>6</v>
      </c>
      <c r="H6905" s="5" t="s">
        <v>1518</v>
      </c>
      <c r="I6905" s="5" t="s">
        <v>69038</v>
      </c>
      <c r="J6905" s="2" t="s">
        <v>69039</v>
      </c>
      <c r="K6905" s="5" t="s">
        <v>69038</v>
      </c>
      <c r="L6905" s="2" t="s">
        <v>69039</v>
      </c>
      <c r="M6905" s="5" t="s">
        <v>1521</v>
      </c>
      <c r="N6905" s="5" t="s">
        <v>38</v>
      </c>
      <c r="O6905" s="5" t="s">
        <v>39</v>
      </c>
      <c r="P6905" s="5" t="s">
        <v>40</v>
      </c>
      <c r="Q6905" s="5" t="s">
        <v>1522</v>
      </c>
      <c r="R6905" s="5" t="s">
        <v>1523</v>
      </c>
      <c r="S6905" s="5" t="s">
        <v>42</v>
      </c>
      <c r="T6905" s="2">
        <v>1.998</v>
      </c>
      <c r="U6905" s="2">
        <v>1.538</v>
      </c>
      <c r="V6905" s="2">
        <v>16.7</v>
      </c>
      <c r="W6905" s="2">
        <v>76.900000000000006</v>
      </c>
      <c r="X6905" s="2">
        <v>7.6</v>
      </c>
      <c r="Y6905" s="2">
        <v>16.7</v>
      </c>
      <c r="Z6905" s="5"/>
      <c r="AA6905" s="5" t="s">
        <v>43</v>
      </c>
      <c r="AB6905" s="5" t="s">
        <v>44</v>
      </c>
      <c r="AC6905" s="2"/>
      <c r="AD6905" s="1"/>
    </row>
    <row r="6906" spans="1:30">
      <c r="A6906" s="5" t="s">
        <v>83578</v>
      </c>
      <c r="B6906" s="2" t="s">
        <v>104837</v>
      </c>
      <c r="C6906" s="14" t="s">
        <v>104838</v>
      </c>
      <c r="D6906" s="2" t="s">
        <v>104839</v>
      </c>
      <c r="E6906" s="2" t="s">
        <v>7547</v>
      </c>
      <c r="F6906" s="8">
        <v>224</v>
      </c>
      <c r="G6906" s="5">
        <v>6</v>
      </c>
      <c r="H6906" s="5" t="s">
        <v>1518</v>
      </c>
      <c r="I6906" s="5" t="s">
        <v>69038</v>
      </c>
      <c r="J6906" s="2" t="s">
        <v>69039</v>
      </c>
      <c r="K6906" s="5" t="s">
        <v>69038</v>
      </c>
      <c r="L6906" s="2" t="s">
        <v>69039</v>
      </c>
      <c r="M6906" s="5" t="s">
        <v>1521</v>
      </c>
      <c r="N6906" s="5" t="s">
        <v>38</v>
      </c>
      <c r="O6906" s="5" t="s">
        <v>39</v>
      </c>
      <c r="P6906" s="5" t="s">
        <v>40</v>
      </c>
      <c r="Q6906" s="5" t="s">
        <v>1522</v>
      </c>
      <c r="R6906" s="5" t="s">
        <v>1523</v>
      </c>
      <c r="S6906" s="5" t="s">
        <v>42</v>
      </c>
      <c r="T6906" s="2">
        <v>1.948</v>
      </c>
      <c r="U6906" s="2">
        <v>1.488</v>
      </c>
      <c r="V6906" s="2">
        <v>16.7</v>
      </c>
      <c r="W6906" s="2">
        <v>76.900000000000006</v>
      </c>
      <c r="X6906" s="2">
        <v>7.6</v>
      </c>
      <c r="Y6906" s="2">
        <v>16.7</v>
      </c>
      <c r="Z6906" s="5"/>
      <c r="AA6906" s="5" t="s">
        <v>43</v>
      </c>
      <c r="AB6906" s="5" t="s">
        <v>44</v>
      </c>
      <c r="AC6906" s="2"/>
      <c r="AD6906" s="1"/>
    </row>
    <row r="6907" spans="1:30">
      <c r="A6907" s="5" t="s">
        <v>83578</v>
      </c>
      <c r="B6907" s="2" t="s">
        <v>104840</v>
      </c>
      <c r="C6907" s="14" t="s">
        <v>104841</v>
      </c>
      <c r="D6907" s="2" t="s">
        <v>104842</v>
      </c>
      <c r="E6907" s="2" t="s">
        <v>7563</v>
      </c>
      <c r="F6907" s="8">
        <v>224</v>
      </c>
      <c r="G6907" s="5">
        <v>6</v>
      </c>
      <c r="H6907" s="5" t="s">
        <v>1518</v>
      </c>
      <c r="I6907" s="5" t="s">
        <v>69038</v>
      </c>
      <c r="J6907" s="2" t="s">
        <v>69039</v>
      </c>
      <c r="K6907" s="5" t="s">
        <v>69038</v>
      </c>
      <c r="L6907" s="2" t="s">
        <v>69039</v>
      </c>
      <c r="M6907" s="5" t="s">
        <v>1521</v>
      </c>
      <c r="N6907" s="5" t="s">
        <v>38</v>
      </c>
      <c r="O6907" s="5" t="s">
        <v>39</v>
      </c>
      <c r="P6907" s="5" t="s">
        <v>40</v>
      </c>
      <c r="Q6907" s="5" t="s">
        <v>1522</v>
      </c>
      <c r="R6907" s="5" t="s">
        <v>1523</v>
      </c>
      <c r="S6907" s="5" t="s">
        <v>42</v>
      </c>
      <c r="T6907" s="2">
        <v>1.948</v>
      </c>
      <c r="U6907" s="2">
        <v>1.488</v>
      </c>
      <c r="V6907" s="2">
        <v>16.7</v>
      </c>
      <c r="W6907" s="2">
        <v>76.900000000000006</v>
      </c>
      <c r="X6907" s="2">
        <v>7.6</v>
      </c>
      <c r="Y6907" s="2">
        <v>16.7</v>
      </c>
      <c r="Z6907" s="5"/>
      <c r="AA6907" s="5" t="s">
        <v>43</v>
      </c>
      <c r="AB6907" s="5" t="s">
        <v>44</v>
      </c>
      <c r="AC6907" s="2"/>
      <c r="AD6907" s="1"/>
    </row>
    <row r="6908" spans="1:30">
      <c r="A6908" s="5" t="s">
        <v>83578</v>
      </c>
      <c r="B6908" s="2" t="s">
        <v>104843</v>
      </c>
      <c r="C6908" s="14" t="s">
        <v>104844</v>
      </c>
      <c r="D6908" s="2" t="s">
        <v>104845</v>
      </c>
      <c r="E6908" s="2" t="s">
        <v>16079</v>
      </c>
      <c r="F6908" s="8">
        <v>224</v>
      </c>
      <c r="G6908" s="5">
        <v>6</v>
      </c>
      <c r="H6908" s="5" t="s">
        <v>1518</v>
      </c>
      <c r="I6908" s="5" t="s">
        <v>69038</v>
      </c>
      <c r="J6908" s="2" t="s">
        <v>69039</v>
      </c>
      <c r="K6908" s="5" t="s">
        <v>69038</v>
      </c>
      <c r="L6908" s="2" t="s">
        <v>69039</v>
      </c>
      <c r="M6908" s="5" t="s">
        <v>1521</v>
      </c>
      <c r="N6908" s="5" t="s">
        <v>38</v>
      </c>
      <c r="O6908" s="5" t="s">
        <v>39</v>
      </c>
      <c r="P6908" s="5" t="s">
        <v>40</v>
      </c>
      <c r="Q6908" s="5" t="s">
        <v>1522</v>
      </c>
      <c r="R6908" s="5" t="s">
        <v>1523</v>
      </c>
      <c r="S6908" s="5" t="s">
        <v>42</v>
      </c>
      <c r="T6908" s="2">
        <v>1.948</v>
      </c>
      <c r="U6908" s="2">
        <v>1.488</v>
      </c>
      <c r="V6908" s="2">
        <v>16.7</v>
      </c>
      <c r="W6908" s="2">
        <v>76.900000000000006</v>
      </c>
      <c r="X6908" s="2">
        <v>7.6</v>
      </c>
      <c r="Y6908" s="2">
        <v>16.7</v>
      </c>
      <c r="Z6908" s="5"/>
      <c r="AA6908" s="5" t="s">
        <v>43</v>
      </c>
      <c r="AB6908" s="5" t="s">
        <v>44</v>
      </c>
      <c r="AC6908" s="2"/>
      <c r="AD6908" s="1"/>
    </row>
    <row r="6909" spans="1:30">
      <c r="A6909" s="5" t="s">
        <v>83578</v>
      </c>
      <c r="B6909" s="2" t="s">
        <v>104846</v>
      </c>
      <c r="C6909" s="14" t="s">
        <v>104847</v>
      </c>
      <c r="D6909" s="2" t="s">
        <v>104848</v>
      </c>
      <c r="E6909" s="2" t="s">
        <v>7593</v>
      </c>
      <c r="F6909" s="8">
        <v>224</v>
      </c>
      <c r="G6909" s="5">
        <v>6</v>
      </c>
      <c r="H6909" s="5" t="s">
        <v>1518</v>
      </c>
      <c r="I6909" s="5" t="s">
        <v>69038</v>
      </c>
      <c r="J6909" s="2" t="s">
        <v>69039</v>
      </c>
      <c r="K6909" s="5" t="s">
        <v>69038</v>
      </c>
      <c r="L6909" s="2" t="s">
        <v>69039</v>
      </c>
      <c r="M6909" s="5" t="s">
        <v>1521</v>
      </c>
      <c r="N6909" s="5" t="s">
        <v>38</v>
      </c>
      <c r="O6909" s="5" t="s">
        <v>39</v>
      </c>
      <c r="P6909" s="5" t="s">
        <v>40</v>
      </c>
      <c r="Q6909" s="5" t="s">
        <v>1522</v>
      </c>
      <c r="R6909" s="5" t="s">
        <v>1523</v>
      </c>
      <c r="S6909" s="5" t="s">
        <v>42</v>
      </c>
      <c r="T6909" s="2">
        <v>1.948</v>
      </c>
      <c r="U6909" s="2">
        <v>1.488</v>
      </c>
      <c r="V6909" s="2">
        <v>16.7</v>
      </c>
      <c r="W6909" s="2">
        <v>76.900000000000006</v>
      </c>
      <c r="X6909" s="2">
        <v>7.6</v>
      </c>
      <c r="Y6909" s="2">
        <v>16.7</v>
      </c>
      <c r="Z6909" s="5"/>
      <c r="AA6909" s="5" t="s">
        <v>43</v>
      </c>
      <c r="AB6909" s="5" t="s">
        <v>44</v>
      </c>
      <c r="AC6909" s="2"/>
      <c r="AD6909" s="1"/>
    </row>
    <row r="6910" spans="1:30">
      <c r="A6910" s="5" t="s">
        <v>83578</v>
      </c>
      <c r="B6910" s="2" t="s">
        <v>104849</v>
      </c>
      <c r="C6910" s="14" t="s">
        <v>104850</v>
      </c>
      <c r="D6910" s="2" t="s">
        <v>104851</v>
      </c>
      <c r="E6910" s="2" t="s">
        <v>7597</v>
      </c>
      <c r="F6910" s="8">
        <v>224</v>
      </c>
      <c r="G6910" s="5">
        <v>6</v>
      </c>
      <c r="H6910" s="5" t="s">
        <v>1518</v>
      </c>
      <c r="I6910" s="5" t="s">
        <v>69038</v>
      </c>
      <c r="J6910" s="2" t="s">
        <v>69039</v>
      </c>
      <c r="K6910" s="5" t="s">
        <v>69038</v>
      </c>
      <c r="L6910" s="2" t="s">
        <v>69039</v>
      </c>
      <c r="M6910" s="5" t="s">
        <v>1521</v>
      </c>
      <c r="N6910" s="5" t="s">
        <v>38</v>
      </c>
      <c r="O6910" s="5" t="s">
        <v>39</v>
      </c>
      <c r="P6910" s="5" t="s">
        <v>40</v>
      </c>
      <c r="Q6910" s="5" t="s">
        <v>1522</v>
      </c>
      <c r="R6910" s="5" t="s">
        <v>1523</v>
      </c>
      <c r="S6910" s="5" t="s">
        <v>42</v>
      </c>
      <c r="T6910" s="2">
        <v>1.998</v>
      </c>
      <c r="U6910" s="2">
        <v>1.538</v>
      </c>
      <c r="V6910" s="2">
        <v>16.7</v>
      </c>
      <c r="W6910" s="2">
        <v>76.900000000000006</v>
      </c>
      <c r="X6910" s="2">
        <v>7.6</v>
      </c>
      <c r="Y6910" s="2">
        <v>16.7</v>
      </c>
      <c r="Z6910" s="5"/>
      <c r="AA6910" s="5" t="s">
        <v>43</v>
      </c>
      <c r="AB6910" s="5" t="s">
        <v>44</v>
      </c>
      <c r="AC6910" s="2"/>
      <c r="AD6910" s="1"/>
    </row>
    <row r="6911" spans="1:30">
      <c r="A6911" s="5" t="s">
        <v>83578</v>
      </c>
      <c r="B6911" s="2" t="s">
        <v>104852</v>
      </c>
      <c r="C6911" s="14" t="s">
        <v>104853</v>
      </c>
      <c r="D6911" s="2" t="s">
        <v>104854</v>
      </c>
      <c r="E6911" s="2" t="s">
        <v>7547</v>
      </c>
      <c r="F6911" s="8">
        <v>237</v>
      </c>
      <c r="G6911" s="5">
        <v>6</v>
      </c>
      <c r="H6911" s="5" t="s">
        <v>1518</v>
      </c>
      <c r="I6911" s="5" t="s">
        <v>69038</v>
      </c>
      <c r="J6911" s="2" t="s">
        <v>69039</v>
      </c>
      <c r="K6911" s="5" t="s">
        <v>69038</v>
      </c>
      <c r="L6911" s="2" t="s">
        <v>69039</v>
      </c>
      <c r="M6911" s="5" t="s">
        <v>1521</v>
      </c>
      <c r="N6911" s="5" t="s">
        <v>38</v>
      </c>
      <c r="O6911" s="5" t="s">
        <v>39</v>
      </c>
      <c r="P6911" s="5" t="s">
        <v>40</v>
      </c>
      <c r="Q6911" s="5" t="s">
        <v>1522</v>
      </c>
      <c r="R6911" s="5" t="s">
        <v>1523</v>
      </c>
      <c r="S6911" s="5" t="s">
        <v>42</v>
      </c>
      <c r="T6911" s="2">
        <v>2.1110000000000002</v>
      </c>
      <c r="U6911" s="2">
        <v>1.629</v>
      </c>
      <c r="V6911" s="2">
        <v>16.7</v>
      </c>
      <c r="W6911" s="2">
        <v>82.9</v>
      </c>
      <c r="X6911" s="2">
        <v>7.6</v>
      </c>
      <c r="Y6911" s="2">
        <v>16.7</v>
      </c>
      <c r="Z6911" s="5"/>
      <c r="AA6911" s="5" t="s">
        <v>43</v>
      </c>
      <c r="AB6911" s="5" t="s">
        <v>44</v>
      </c>
      <c r="AC6911" s="2"/>
      <c r="AD6911" s="1"/>
    </row>
    <row r="6912" spans="1:30">
      <c r="A6912" s="5" t="s">
        <v>83578</v>
      </c>
      <c r="B6912" s="2" t="s">
        <v>104855</v>
      </c>
      <c r="C6912" s="14" t="s">
        <v>104856</v>
      </c>
      <c r="D6912" s="2" t="s">
        <v>104857</v>
      </c>
      <c r="E6912" s="2" t="s">
        <v>7551</v>
      </c>
      <c r="F6912" s="8">
        <v>237</v>
      </c>
      <c r="G6912" s="5">
        <v>6</v>
      </c>
      <c r="H6912" s="5" t="s">
        <v>1518</v>
      </c>
      <c r="I6912" s="5" t="s">
        <v>69038</v>
      </c>
      <c r="J6912" s="2" t="s">
        <v>69039</v>
      </c>
      <c r="K6912" s="5" t="s">
        <v>69038</v>
      </c>
      <c r="L6912" s="2" t="s">
        <v>69039</v>
      </c>
      <c r="M6912" s="5" t="s">
        <v>1521</v>
      </c>
      <c r="N6912" s="5" t="s">
        <v>38</v>
      </c>
      <c r="O6912" s="5" t="s">
        <v>39</v>
      </c>
      <c r="P6912" s="5" t="s">
        <v>40</v>
      </c>
      <c r="Q6912" s="5" t="s">
        <v>1522</v>
      </c>
      <c r="R6912" s="5" t="s">
        <v>1523</v>
      </c>
      <c r="S6912" s="5" t="s">
        <v>42</v>
      </c>
      <c r="T6912" s="2">
        <v>2.173</v>
      </c>
      <c r="U6912" s="2">
        <v>1.6910000000000001</v>
      </c>
      <c r="V6912" s="2">
        <v>16.7</v>
      </c>
      <c r="W6912" s="2">
        <v>82.9</v>
      </c>
      <c r="X6912" s="2">
        <v>7.6</v>
      </c>
      <c r="Y6912" s="2">
        <v>16.7</v>
      </c>
      <c r="Z6912" s="5"/>
      <c r="AA6912" s="5" t="s">
        <v>43</v>
      </c>
      <c r="AB6912" s="5" t="s">
        <v>44</v>
      </c>
      <c r="AC6912" s="2"/>
      <c r="AD6912" s="1"/>
    </row>
    <row r="6913" spans="1:30">
      <c r="A6913" s="5" t="s">
        <v>83578</v>
      </c>
      <c r="B6913" s="2" t="s">
        <v>104858</v>
      </c>
      <c r="C6913" s="14" t="s">
        <v>104859</v>
      </c>
      <c r="D6913" s="2" t="s">
        <v>104860</v>
      </c>
      <c r="E6913" s="2" t="s">
        <v>7589</v>
      </c>
      <c r="F6913" s="8">
        <v>237</v>
      </c>
      <c r="G6913" s="5">
        <v>6</v>
      </c>
      <c r="H6913" s="5" t="s">
        <v>1518</v>
      </c>
      <c r="I6913" s="5" t="s">
        <v>69038</v>
      </c>
      <c r="J6913" s="2" t="s">
        <v>69039</v>
      </c>
      <c r="K6913" s="5" t="s">
        <v>69038</v>
      </c>
      <c r="L6913" s="2" t="s">
        <v>69039</v>
      </c>
      <c r="M6913" s="5" t="s">
        <v>1521</v>
      </c>
      <c r="N6913" s="5" t="s">
        <v>38</v>
      </c>
      <c r="O6913" s="5" t="s">
        <v>39</v>
      </c>
      <c r="P6913" s="5" t="s">
        <v>40</v>
      </c>
      <c r="Q6913" s="5" t="s">
        <v>1522</v>
      </c>
      <c r="R6913" s="5" t="s">
        <v>1523</v>
      </c>
      <c r="S6913" s="5" t="s">
        <v>42</v>
      </c>
      <c r="T6913" s="2">
        <v>2.173</v>
      </c>
      <c r="U6913" s="2">
        <v>1.6910000000000001</v>
      </c>
      <c r="V6913" s="2">
        <v>16.7</v>
      </c>
      <c r="W6913" s="2">
        <v>82.9</v>
      </c>
      <c r="X6913" s="2">
        <v>7.6</v>
      </c>
      <c r="Y6913" s="2">
        <v>16.7</v>
      </c>
      <c r="Z6913" s="5"/>
      <c r="AA6913" s="5" t="s">
        <v>43</v>
      </c>
      <c r="AB6913" s="5" t="s">
        <v>44</v>
      </c>
      <c r="AC6913" s="2"/>
      <c r="AD6913" s="1"/>
    </row>
    <row r="6914" spans="1:30">
      <c r="A6914" s="5" t="s">
        <v>83578</v>
      </c>
      <c r="B6914" s="2" t="s">
        <v>104861</v>
      </c>
      <c r="C6914" s="14" t="s">
        <v>104862</v>
      </c>
      <c r="D6914" s="2" t="s">
        <v>104863</v>
      </c>
      <c r="E6914" s="2" t="s">
        <v>7597</v>
      </c>
      <c r="F6914" s="8">
        <v>237</v>
      </c>
      <c r="G6914" s="5">
        <v>6</v>
      </c>
      <c r="H6914" s="5" t="s">
        <v>1518</v>
      </c>
      <c r="I6914" s="5" t="s">
        <v>69038</v>
      </c>
      <c r="J6914" s="2" t="s">
        <v>69039</v>
      </c>
      <c r="K6914" s="5" t="s">
        <v>69038</v>
      </c>
      <c r="L6914" s="2" t="s">
        <v>69039</v>
      </c>
      <c r="M6914" s="5" t="s">
        <v>1521</v>
      </c>
      <c r="N6914" s="5" t="s">
        <v>38</v>
      </c>
      <c r="O6914" s="5" t="s">
        <v>39</v>
      </c>
      <c r="P6914" s="5" t="s">
        <v>40</v>
      </c>
      <c r="Q6914" s="5" t="s">
        <v>1522</v>
      </c>
      <c r="R6914" s="5" t="s">
        <v>1523</v>
      </c>
      <c r="S6914" s="5" t="s">
        <v>42</v>
      </c>
      <c r="T6914" s="2">
        <v>2.173</v>
      </c>
      <c r="U6914" s="2">
        <v>1.6910000000000001</v>
      </c>
      <c r="V6914" s="2">
        <v>16.7</v>
      </c>
      <c r="W6914" s="2">
        <v>82.9</v>
      </c>
      <c r="X6914" s="2">
        <v>7.6</v>
      </c>
      <c r="Y6914" s="2">
        <v>16.7</v>
      </c>
      <c r="Z6914" s="5"/>
      <c r="AA6914" s="5" t="s">
        <v>43</v>
      </c>
      <c r="AB6914" s="5" t="s">
        <v>44</v>
      </c>
      <c r="AC6914" s="2"/>
      <c r="AD6914" s="1"/>
    </row>
    <row r="6915" spans="1:30">
      <c r="A6915" s="5" t="s">
        <v>83578</v>
      </c>
      <c r="B6915" s="2" t="s">
        <v>104864</v>
      </c>
      <c r="C6915" s="14" t="s">
        <v>104865</v>
      </c>
      <c r="D6915" s="2" t="s">
        <v>104866</v>
      </c>
      <c r="E6915" s="2" t="s">
        <v>16219</v>
      </c>
      <c r="F6915" s="8">
        <v>237</v>
      </c>
      <c r="G6915" s="5">
        <v>6</v>
      </c>
      <c r="H6915" s="5" t="s">
        <v>1518</v>
      </c>
      <c r="I6915" s="5" t="s">
        <v>69038</v>
      </c>
      <c r="J6915" s="2" t="s">
        <v>69039</v>
      </c>
      <c r="K6915" s="5" t="s">
        <v>69038</v>
      </c>
      <c r="L6915" s="2" t="s">
        <v>69039</v>
      </c>
      <c r="M6915" s="5" t="s">
        <v>1521</v>
      </c>
      <c r="N6915" s="5" t="s">
        <v>38</v>
      </c>
      <c r="O6915" s="5" t="s">
        <v>39</v>
      </c>
      <c r="P6915" s="5" t="s">
        <v>40</v>
      </c>
      <c r="Q6915" s="5" t="s">
        <v>1522</v>
      </c>
      <c r="R6915" s="5" t="s">
        <v>1523</v>
      </c>
      <c r="S6915" s="5" t="s">
        <v>42</v>
      </c>
      <c r="T6915" s="2">
        <v>2.173</v>
      </c>
      <c r="U6915" s="2">
        <v>1.6910000000000001</v>
      </c>
      <c r="V6915" s="2">
        <v>16.7</v>
      </c>
      <c r="W6915" s="2">
        <v>82.9</v>
      </c>
      <c r="X6915" s="2">
        <v>7.6</v>
      </c>
      <c r="Y6915" s="2">
        <v>16.7</v>
      </c>
      <c r="Z6915" s="5"/>
      <c r="AA6915" s="5" t="s">
        <v>43</v>
      </c>
      <c r="AB6915" s="5" t="s">
        <v>44</v>
      </c>
      <c r="AC6915" s="2"/>
      <c r="AD6915" s="1"/>
    </row>
    <row r="6916" spans="1:30">
      <c r="A6916" s="5" t="s">
        <v>83578</v>
      </c>
      <c r="B6916" s="2" t="s">
        <v>104867</v>
      </c>
      <c r="C6916" s="14" t="s">
        <v>104868</v>
      </c>
      <c r="D6916" s="2" t="s">
        <v>104869</v>
      </c>
      <c r="E6916" s="2" t="s">
        <v>7406</v>
      </c>
      <c r="F6916" s="8">
        <v>249</v>
      </c>
      <c r="G6916" s="5">
        <v>6</v>
      </c>
      <c r="H6916" s="5" t="s">
        <v>1518</v>
      </c>
      <c r="I6916" s="5" t="s">
        <v>69038</v>
      </c>
      <c r="J6916" s="2" t="s">
        <v>69039</v>
      </c>
      <c r="K6916" s="5" t="s">
        <v>69038</v>
      </c>
      <c r="L6916" s="2" t="s">
        <v>69039</v>
      </c>
      <c r="M6916" s="5" t="s">
        <v>1521</v>
      </c>
      <c r="N6916" s="5" t="s">
        <v>38</v>
      </c>
      <c r="O6916" s="5" t="s">
        <v>39</v>
      </c>
      <c r="P6916" s="5" t="s">
        <v>40</v>
      </c>
      <c r="Q6916" s="5" t="s">
        <v>1522</v>
      </c>
      <c r="R6916" s="5" t="s">
        <v>1523</v>
      </c>
      <c r="S6916" s="5" t="s">
        <v>42</v>
      </c>
      <c r="T6916" s="2">
        <v>2.3490000000000002</v>
      </c>
      <c r="U6916" s="2">
        <v>1.7789999999999999</v>
      </c>
      <c r="V6916" s="2">
        <v>16.7</v>
      </c>
      <c r="W6916" s="2">
        <v>118.9</v>
      </c>
      <c r="X6916" s="2">
        <v>7.6</v>
      </c>
      <c r="Y6916" s="2">
        <v>16.7</v>
      </c>
      <c r="Z6916" s="5"/>
      <c r="AA6916" s="5" t="s">
        <v>43</v>
      </c>
      <c r="AB6916" s="5" t="s">
        <v>44</v>
      </c>
      <c r="AC6916" s="2"/>
      <c r="AD6916" s="1"/>
    </row>
    <row r="6917" spans="1:30">
      <c r="A6917" s="5" t="s">
        <v>83578</v>
      </c>
      <c r="B6917" s="2" t="s">
        <v>104870</v>
      </c>
      <c r="C6917" s="14" t="s">
        <v>104871</v>
      </c>
      <c r="D6917" s="2" t="s">
        <v>104872</v>
      </c>
      <c r="E6917" s="2" t="s">
        <v>7535</v>
      </c>
      <c r="F6917" s="8">
        <v>249</v>
      </c>
      <c r="G6917" s="5">
        <v>6</v>
      </c>
      <c r="H6917" s="5" t="s">
        <v>1518</v>
      </c>
      <c r="I6917" s="5" t="s">
        <v>69038</v>
      </c>
      <c r="J6917" s="2" t="s">
        <v>69039</v>
      </c>
      <c r="K6917" s="5" t="s">
        <v>69038</v>
      </c>
      <c r="L6917" s="2" t="s">
        <v>69039</v>
      </c>
      <c r="M6917" s="5" t="s">
        <v>1521</v>
      </c>
      <c r="N6917" s="5" t="s">
        <v>38</v>
      </c>
      <c r="O6917" s="5" t="s">
        <v>39</v>
      </c>
      <c r="P6917" s="5" t="s">
        <v>40</v>
      </c>
      <c r="Q6917" s="5" t="s">
        <v>1522</v>
      </c>
      <c r="R6917" s="5" t="s">
        <v>1523</v>
      </c>
      <c r="S6917" s="5" t="s">
        <v>42</v>
      </c>
      <c r="T6917" s="2">
        <v>2.4220000000000002</v>
      </c>
      <c r="U6917" s="2">
        <v>1.8520000000000001</v>
      </c>
      <c r="V6917" s="2">
        <v>16.7</v>
      </c>
      <c r="W6917" s="2">
        <v>118.9</v>
      </c>
      <c r="X6917" s="2">
        <v>7.6</v>
      </c>
      <c r="Y6917" s="2">
        <v>16.7</v>
      </c>
      <c r="Z6917" s="5"/>
      <c r="AA6917" s="5" t="s">
        <v>43</v>
      </c>
      <c r="AB6917" s="5" t="s">
        <v>44</v>
      </c>
      <c r="AC6917" s="2"/>
      <c r="AD6917" s="1"/>
    </row>
    <row r="6918" spans="1:30">
      <c r="A6918" s="5" t="s">
        <v>83578</v>
      </c>
      <c r="B6918" s="2" t="s">
        <v>104873</v>
      </c>
      <c r="C6918" s="14" t="s">
        <v>104874</v>
      </c>
      <c r="D6918" s="2" t="s">
        <v>104875</v>
      </c>
      <c r="E6918" s="2" t="s">
        <v>7547</v>
      </c>
      <c r="F6918" s="8">
        <v>249</v>
      </c>
      <c r="G6918" s="5">
        <v>6</v>
      </c>
      <c r="H6918" s="5" t="s">
        <v>1518</v>
      </c>
      <c r="I6918" s="5" t="s">
        <v>69038</v>
      </c>
      <c r="J6918" s="2" t="s">
        <v>69039</v>
      </c>
      <c r="K6918" s="5" t="s">
        <v>69038</v>
      </c>
      <c r="L6918" s="2" t="s">
        <v>69039</v>
      </c>
      <c r="M6918" s="5" t="s">
        <v>1521</v>
      </c>
      <c r="N6918" s="5" t="s">
        <v>38</v>
      </c>
      <c r="O6918" s="5" t="s">
        <v>39</v>
      </c>
      <c r="P6918" s="5" t="s">
        <v>40</v>
      </c>
      <c r="Q6918" s="5" t="s">
        <v>1522</v>
      </c>
      <c r="R6918" s="5" t="s">
        <v>1523</v>
      </c>
      <c r="S6918" s="5" t="s">
        <v>42</v>
      </c>
      <c r="T6918" s="2">
        <v>2.3490000000000002</v>
      </c>
      <c r="U6918" s="2">
        <v>1.7789999999999999</v>
      </c>
      <c r="V6918" s="2">
        <v>16.7</v>
      </c>
      <c r="W6918" s="2">
        <v>118.9</v>
      </c>
      <c r="X6918" s="2">
        <v>7.6</v>
      </c>
      <c r="Y6918" s="2">
        <v>16.7</v>
      </c>
      <c r="Z6918" s="5"/>
      <c r="AA6918" s="5" t="s">
        <v>43</v>
      </c>
      <c r="AB6918" s="5" t="s">
        <v>44</v>
      </c>
      <c r="AC6918" s="2"/>
      <c r="AD6918" s="1"/>
    </row>
    <row r="6919" spans="1:30">
      <c r="A6919" s="5" t="s">
        <v>83578</v>
      </c>
      <c r="B6919" s="2" t="s">
        <v>104876</v>
      </c>
      <c r="C6919" s="14" t="s">
        <v>104877</v>
      </c>
      <c r="D6919" s="2" t="s">
        <v>104878</v>
      </c>
      <c r="E6919" s="2" t="s">
        <v>7551</v>
      </c>
      <c r="F6919" s="8">
        <v>249</v>
      </c>
      <c r="G6919" s="5">
        <v>6</v>
      </c>
      <c r="H6919" s="5" t="s">
        <v>1518</v>
      </c>
      <c r="I6919" s="5" t="s">
        <v>69038</v>
      </c>
      <c r="J6919" s="2" t="s">
        <v>69039</v>
      </c>
      <c r="K6919" s="5" t="s">
        <v>69038</v>
      </c>
      <c r="L6919" s="2" t="s">
        <v>69039</v>
      </c>
      <c r="M6919" s="5" t="s">
        <v>1521</v>
      </c>
      <c r="N6919" s="5" t="s">
        <v>38</v>
      </c>
      <c r="O6919" s="5" t="s">
        <v>39</v>
      </c>
      <c r="P6919" s="5" t="s">
        <v>40</v>
      </c>
      <c r="Q6919" s="5" t="s">
        <v>1522</v>
      </c>
      <c r="R6919" s="5" t="s">
        <v>1523</v>
      </c>
      <c r="S6919" s="5" t="s">
        <v>42</v>
      </c>
      <c r="T6919" s="2">
        <v>2.4220000000000002</v>
      </c>
      <c r="U6919" s="2">
        <v>1.8520000000000001</v>
      </c>
      <c r="V6919" s="2">
        <v>16.7</v>
      </c>
      <c r="W6919" s="2">
        <v>118.9</v>
      </c>
      <c r="X6919" s="2">
        <v>7.6</v>
      </c>
      <c r="Y6919" s="2">
        <v>16.7</v>
      </c>
      <c r="Z6919" s="5"/>
      <c r="AA6919" s="5" t="s">
        <v>43</v>
      </c>
      <c r="AB6919" s="5" t="s">
        <v>44</v>
      </c>
      <c r="AC6919" s="2"/>
      <c r="AD6919" s="1"/>
    </row>
    <row r="6920" spans="1:30">
      <c r="A6920" s="5" t="s">
        <v>83578</v>
      </c>
      <c r="B6920" s="2" t="s">
        <v>104879</v>
      </c>
      <c r="C6920" s="14" t="s">
        <v>104880</v>
      </c>
      <c r="D6920" s="2" t="s">
        <v>104881</v>
      </c>
      <c r="E6920" s="2" t="s">
        <v>7559</v>
      </c>
      <c r="F6920" s="8">
        <v>249</v>
      </c>
      <c r="G6920" s="5">
        <v>6</v>
      </c>
      <c r="H6920" s="5" t="s">
        <v>1518</v>
      </c>
      <c r="I6920" s="5" t="s">
        <v>69038</v>
      </c>
      <c r="J6920" s="2" t="s">
        <v>69039</v>
      </c>
      <c r="K6920" s="5" t="s">
        <v>69038</v>
      </c>
      <c r="L6920" s="2" t="s">
        <v>69039</v>
      </c>
      <c r="M6920" s="5" t="s">
        <v>1521</v>
      </c>
      <c r="N6920" s="5" t="s">
        <v>38</v>
      </c>
      <c r="O6920" s="5" t="s">
        <v>39</v>
      </c>
      <c r="P6920" s="5" t="s">
        <v>40</v>
      </c>
      <c r="Q6920" s="5" t="s">
        <v>1522</v>
      </c>
      <c r="R6920" s="5" t="s">
        <v>1523</v>
      </c>
      <c r="S6920" s="5" t="s">
        <v>42</v>
      </c>
      <c r="T6920" s="2">
        <v>2.4220000000000002</v>
      </c>
      <c r="U6920" s="2">
        <v>1.8520000000000001</v>
      </c>
      <c r="V6920" s="2">
        <v>16.7</v>
      </c>
      <c r="W6920" s="2">
        <v>118.9</v>
      </c>
      <c r="X6920" s="2">
        <v>7.6</v>
      </c>
      <c r="Y6920" s="2">
        <v>16.7</v>
      </c>
      <c r="Z6920" s="5"/>
      <c r="AA6920" s="5" t="s">
        <v>43</v>
      </c>
      <c r="AB6920" s="5" t="s">
        <v>44</v>
      </c>
      <c r="AC6920" s="2"/>
      <c r="AD6920" s="1"/>
    </row>
    <row r="6921" spans="1:30">
      <c r="A6921" s="5" t="s">
        <v>83578</v>
      </c>
      <c r="B6921" s="2" t="s">
        <v>104882</v>
      </c>
      <c r="C6921" s="14" t="s">
        <v>104883</v>
      </c>
      <c r="D6921" s="2" t="s">
        <v>104884</v>
      </c>
      <c r="E6921" s="2" t="s">
        <v>16079</v>
      </c>
      <c r="F6921" s="8">
        <v>249</v>
      </c>
      <c r="G6921" s="5">
        <v>6</v>
      </c>
      <c r="H6921" s="5" t="s">
        <v>1518</v>
      </c>
      <c r="I6921" s="5" t="s">
        <v>69038</v>
      </c>
      <c r="J6921" s="2" t="s">
        <v>69039</v>
      </c>
      <c r="K6921" s="5" t="s">
        <v>69038</v>
      </c>
      <c r="L6921" s="2" t="s">
        <v>69039</v>
      </c>
      <c r="M6921" s="5" t="s">
        <v>1521</v>
      </c>
      <c r="N6921" s="5" t="s">
        <v>38</v>
      </c>
      <c r="O6921" s="5" t="s">
        <v>39</v>
      </c>
      <c r="P6921" s="5" t="s">
        <v>40</v>
      </c>
      <c r="Q6921" s="5" t="s">
        <v>1522</v>
      </c>
      <c r="R6921" s="5" t="s">
        <v>1523</v>
      </c>
      <c r="S6921" s="5" t="s">
        <v>42</v>
      </c>
      <c r="T6921" s="2">
        <v>2.3490000000000002</v>
      </c>
      <c r="U6921" s="2">
        <v>1.7789999999999999</v>
      </c>
      <c r="V6921" s="2">
        <v>16.7</v>
      </c>
      <c r="W6921" s="2">
        <v>118.9</v>
      </c>
      <c r="X6921" s="2">
        <v>7.6</v>
      </c>
      <c r="Y6921" s="2">
        <v>16.7</v>
      </c>
      <c r="Z6921" s="5"/>
      <c r="AA6921" s="5" t="s">
        <v>43</v>
      </c>
      <c r="AB6921" s="5" t="s">
        <v>44</v>
      </c>
      <c r="AC6921" s="2"/>
      <c r="AD6921" s="1"/>
    </row>
    <row r="6922" spans="1:30">
      <c r="A6922" s="5" t="s">
        <v>83578</v>
      </c>
      <c r="B6922" s="2" t="s">
        <v>104885</v>
      </c>
      <c r="C6922" s="14" t="s">
        <v>104886</v>
      </c>
      <c r="D6922" s="2" t="s">
        <v>104887</v>
      </c>
      <c r="E6922" s="2" t="s">
        <v>16194</v>
      </c>
      <c r="F6922" s="8">
        <v>249</v>
      </c>
      <c r="G6922" s="5">
        <v>6</v>
      </c>
      <c r="H6922" s="5" t="s">
        <v>1518</v>
      </c>
      <c r="I6922" s="5" t="s">
        <v>69038</v>
      </c>
      <c r="J6922" s="2" t="s">
        <v>69039</v>
      </c>
      <c r="K6922" s="5" t="s">
        <v>69038</v>
      </c>
      <c r="L6922" s="2" t="s">
        <v>69039</v>
      </c>
      <c r="M6922" s="5" t="s">
        <v>1521</v>
      </c>
      <c r="N6922" s="5" t="s">
        <v>38</v>
      </c>
      <c r="O6922" s="5" t="s">
        <v>39</v>
      </c>
      <c r="P6922" s="5" t="s">
        <v>40</v>
      </c>
      <c r="Q6922" s="5" t="s">
        <v>1522</v>
      </c>
      <c r="R6922" s="5" t="s">
        <v>1523</v>
      </c>
      <c r="S6922" s="5" t="s">
        <v>42</v>
      </c>
      <c r="T6922" s="2">
        <v>2.4220000000000002</v>
      </c>
      <c r="U6922" s="2">
        <v>1.8520000000000001</v>
      </c>
      <c r="V6922" s="2">
        <v>16.7</v>
      </c>
      <c r="W6922" s="2">
        <v>118.9</v>
      </c>
      <c r="X6922" s="2">
        <v>7.6</v>
      </c>
      <c r="Y6922" s="2">
        <v>16.7</v>
      </c>
      <c r="Z6922" s="5"/>
      <c r="AA6922" s="5" t="s">
        <v>43</v>
      </c>
      <c r="AB6922" s="5" t="s">
        <v>44</v>
      </c>
      <c r="AC6922" s="2"/>
      <c r="AD6922" s="1"/>
    </row>
    <row r="6923" spans="1:30">
      <c r="A6923" s="5" t="s">
        <v>83578</v>
      </c>
      <c r="B6923" s="2" t="s">
        <v>104888</v>
      </c>
      <c r="C6923" s="14" t="s">
        <v>104889</v>
      </c>
      <c r="D6923" s="2" t="s">
        <v>104890</v>
      </c>
      <c r="E6923" s="2" t="s">
        <v>7581</v>
      </c>
      <c r="F6923" s="8">
        <v>249</v>
      </c>
      <c r="G6923" s="5">
        <v>6</v>
      </c>
      <c r="H6923" s="5" t="s">
        <v>1518</v>
      </c>
      <c r="I6923" s="5" t="s">
        <v>69038</v>
      </c>
      <c r="J6923" s="2" t="s">
        <v>69039</v>
      </c>
      <c r="K6923" s="5" t="s">
        <v>69038</v>
      </c>
      <c r="L6923" s="2" t="s">
        <v>69039</v>
      </c>
      <c r="M6923" s="5" t="s">
        <v>1521</v>
      </c>
      <c r="N6923" s="5" t="s">
        <v>38</v>
      </c>
      <c r="O6923" s="5" t="s">
        <v>39</v>
      </c>
      <c r="P6923" s="5" t="s">
        <v>40</v>
      </c>
      <c r="Q6923" s="5" t="s">
        <v>1522</v>
      </c>
      <c r="R6923" s="5" t="s">
        <v>1523</v>
      </c>
      <c r="S6923" s="5" t="s">
        <v>42</v>
      </c>
      <c r="T6923" s="2">
        <v>2.4220000000000002</v>
      </c>
      <c r="U6923" s="2">
        <v>1.8520000000000001</v>
      </c>
      <c r="V6923" s="2">
        <v>16.7</v>
      </c>
      <c r="W6923" s="2">
        <v>118.9</v>
      </c>
      <c r="X6923" s="2">
        <v>7.6</v>
      </c>
      <c r="Y6923" s="2">
        <v>16.7</v>
      </c>
      <c r="Z6923" s="5"/>
      <c r="AA6923" s="5" t="s">
        <v>43</v>
      </c>
      <c r="AB6923" s="5" t="s">
        <v>44</v>
      </c>
      <c r="AC6923" s="2"/>
      <c r="AD6923" s="1"/>
    </row>
    <row r="6924" spans="1:30">
      <c r="A6924" s="5" t="s">
        <v>83578</v>
      </c>
      <c r="B6924" s="2" t="s">
        <v>104891</v>
      </c>
      <c r="C6924" s="14" t="s">
        <v>104892</v>
      </c>
      <c r="D6924" s="2" t="s">
        <v>104893</v>
      </c>
      <c r="E6924" s="2" t="s">
        <v>7589</v>
      </c>
      <c r="F6924" s="8">
        <v>249</v>
      </c>
      <c r="G6924" s="5">
        <v>6</v>
      </c>
      <c r="H6924" s="5" t="s">
        <v>1518</v>
      </c>
      <c r="I6924" s="5" t="s">
        <v>69038</v>
      </c>
      <c r="J6924" s="2" t="s">
        <v>69039</v>
      </c>
      <c r="K6924" s="5" t="s">
        <v>69038</v>
      </c>
      <c r="L6924" s="2" t="s">
        <v>69039</v>
      </c>
      <c r="M6924" s="5" t="s">
        <v>1521</v>
      </c>
      <c r="N6924" s="5" t="s">
        <v>38</v>
      </c>
      <c r="O6924" s="5" t="s">
        <v>39</v>
      </c>
      <c r="P6924" s="5" t="s">
        <v>40</v>
      </c>
      <c r="Q6924" s="5" t="s">
        <v>1522</v>
      </c>
      <c r="R6924" s="5" t="s">
        <v>1523</v>
      </c>
      <c r="S6924" s="5" t="s">
        <v>42</v>
      </c>
      <c r="T6924" s="2">
        <v>2.4220000000000002</v>
      </c>
      <c r="U6924" s="2">
        <v>1.8520000000000001</v>
      </c>
      <c r="V6924" s="2">
        <v>16.7</v>
      </c>
      <c r="W6924" s="2">
        <v>118.9</v>
      </c>
      <c r="X6924" s="2">
        <v>7.6</v>
      </c>
      <c r="Y6924" s="2">
        <v>16.7</v>
      </c>
      <c r="Z6924" s="5"/>
      <c r="AA6924" s="5" t="s">
        <v>43</v>
      </c>
      <c r="AB6924" s="5" t="s">
        <v>44</v>
      </c>
      <c r="AC6924" s="2"/>
      <c r="AD6924" s="1"/>
    </row>
    <row r="6925" spans="1:30">
      <c r="A6925" s="5" t="s">
        <v>83578</v>
      </c>
      <c r="B6925" s="2" t="s">
        <v>104894</v>
      </c>
      <c r="C6925" s="14" t="s">
        <v>104895</v>
      </c>
      <c r="D6925" s="2" t="s">
        <v>104896</v>
      </c>
      <c r="E6925" s="2" t="s">
        <v>7593</v>
      </c>
      <c r="F6925" s="8">
        <v>249</v>
      </c>
      <c r="G6925" s="5">
        <v>6</v>
      </c>
      <c r="H6925" s="5" t="s">
        <v>1518</v>
      </c>
      <c r="I6925" s="5" t="s">
        <v>69038</v>
      </c>
      <c r="J6925" s="2" t="s">
        <v>69039</v>
      </c>
      <c r="K6925" s="5" t="s">
        <v>69038</v>
      </c>
      <c r="L6925" s="2" t="s">
        <v>69039</v>
      </c>
      <c r="M6925" s="5" t="s">
        <v>1521</v>
      </c>
      <c r="N6925" s="5" t="s">
        <v>38</v>
      </c>
      <c r="O6925" s="5" t="s">
        <v>39</v>
      </c>
      <c r="P6925" s="5" t="s">
        <v>40</v>
      </c>
      <c r="Q6925" s="5" t="s">
        <v>1522</v>
      </c>
      <c r="R6925" s="5" t="s">
        <v>1523</v>
      </c>
      <c r="S6925" s="5" t="s">
        <v>42</v>
      </c>
      <c r="T6925" s="2">
        <v>2.3490000000000002</v>
      </c>
      <c r="U6925" s="2">
        <v>1.7789999999999999</v>
      </c>
      <c r="V6925" s="2">
        <v>16.7</v>
      </c>
      <c r="W6925" s="2">
        <v>118.9</v>
      </c>
      <c r="X6925" s="2">
        <v>7.6</v>
      </c>
      <c r="Y6925" s="2">
        <v>16.7</v>
      </c>
      <c r="Z6925" s="5"/>
      <c r="AA6925" s="5" t="s">
        <v>43</v>
      </c>
      <c r="AB6925" s="5" t="s">
        <v>44</v>
      </c>
      <c r="AC6925" s="2"/>
      <c r="AD6925" s="1"/>
    </row>
    <row r="6926" spans="1:30">
      <c r="A6926" s="5" t="s">
        <v>83578</v>
      </c>
      <c r="B6926" s="2" t="s">
        <v>104897</v>
      </c>
      <c r="C6926" s="14" t="s">
        <v>104898</v>
      </c>
      <c r="D6926" s="2" t="s">
        <v>104899</v>
      </c>
      <c r="E6926" s="2" t="s">
        <v>7597</v>
      </c>
      <c r="F6926" s="8">
        <v>249</v>
      </c>
      <c r="G6926" s="5">
        <v>6</v>
      </c>
      <c r="H6926" s="5" t="s">
        <v>1518</v>
      </c>
      <c r="I6926" s="5" t="s">
        <v>69038</v>
      </c>
      <c r="J6926" s="2" t="s">
        <v>69039</v>
      </c>
      <c r="K6926" s="5" t="s">
        <v>69038</v>
      </c>
      <c r="L6926" s="2" t="s">
        <v>69039</v>
      </c>
      <c r="M6926" s="5" t="s">
        <v>1521</v>
      </c>
      <c r="N6926" s="5" t="s">
        <v>38</v>
      </c>
      <c r="O6926" s="5" t="s">
        <v>39</v>
      </c>
      <c r="P6926" s="5" t="s">
        <v>40</v>
      </c>
      <c r="Q6926" s="5" t="s">
        <v>1522</v>
      </c>
      <c r="R6926" s="5" t="s">
        <v>1523</v>
      </c>
      <c r="S6926" s="5" t="s">
        <v>42</v>
      </c>
      <c r="T6926" s="2">
        <v>2.4220000000000002</v>
      </c>
      <c r="U6926" s="2">
        <v>1.8520000000000001</v>
      </c>
      <c r="V6926" s="2">
        <v>16.7</v>
      </c>
      <c r="W6926" s="2">
        <v>118.9</v>
      </c>
      <c r="X6926" s="2">
        <v>7.6</v>
      </c>
      <c r="Y6926" s="2">
        <v>16.7</v>
      </c>
      <c r="Z6926" s="5"/>
      <c r="AA6926" s="5" t="s">
        <v>43</v>
      </c>
      <c r="AB6926" s="5" t="s">
        <v>44</v>
      </c>
      <c r="AC6926" s="2"/>
      <c r="AD6926" s="1"/>
    </row>
    <row r="6927" spans="1:30">
      <c r="A6927" s="5" t="s">
        <v>83578</v>
      </c>
      <c r="B6927" s="2" t="s">
        <v>104900</v>
      </c>
      <c r="C6927" s="14" t="s">
        <v>104901</v>
      </c>
      <c r="D6927" s="2" t="s">
        <v>104902</v>
      </c>
      <c r="E6927" s="2" t="s">
        <v>7615</v>
      </c>
      <c r="F6927" s="8">
        <v>249</v>
      </c>
      <c r="G6927" s="5">
        <v>6</v>
      </c>
      <c r="H6927" s="5" t="s">
        <v>1518</v>
      </c>
      <c r="I6927" s="5" t="s">
        <v>69038</v>
      </c>
      <c r="J6927" s="2" t="s">
        <v>69039</v>
      </c>
      <c r="K6927" s="5" t="s">
        <v>69038</v>
      </c>
      <c r="L6927" s="2" t="s">
        <v>69039</v>
      </c>
      <c r="M6927" s="5" t="s">
        <v>1521</v>
      </c>
      <c r="N6927" s="5" t="s">
        <v>38</v>
      </c>
      <c r="O6927" s="5" t="s">
        <v>39</v>
      </c>
      <c r="P6927" s="5" t="s">
        <v>40</v>
      </c>
      <c r="Q6927" s="5" t="s">
        <v>1522</v>
      </c>
      <c r="R6927" s="5" t="s">
        <v>1523</v>
      </c>
      <c r="S6927" s="5" t="s">
        <v>42</v>
      </c>
      <c r="T6927" s="2">
        <v>2.3490000000000002</v>
      </c>
      <c r="U6927" s="2">
        <v>1.7789999999999999</v>
      </c>
      <c r="V6927" s="2">
        <v>16.7</v>
      </c>
      <c r="W6927" s="2">
        <v>118.9</v>
      </c>
      <c r="X6927" s="2">
        <v>7.6</v>
      </c>
      <c r="Y6927" s="2">
        <v>16.7</v>
      </c>
      <c r="Z6927" s="5"/>
      <c r="AA6927" s="5" t="s">
        <v>43</v>
      </c>
      <c r="AB6927" s="5" t="s">
        <v>44</v>
      </c>
      <c r="AC6927" s="2"/>
      <c r="AD6927" s="1"/>
    </row>
    <row r="6928" spans="1:30">
      <c r="A6928" s="5" t="s">
        <v>83578</v>
      </c>
      <c r="B6928" s="2" t="s">
        <v>104903</v>
      </c>
      <c r="C6928" s="14" t="s">
        <v>104904</v>
      </c>
      <c r="D6928" s="2" t="s">
        <v>104905</v>
      </c>
      <c r="E6928" s="2" t="s">
        <v>16219</v>
      </c>
      <c r="F6928" s="8">
        <v>249</v>
      </c>
      <c r="G6928" s="5">
        <v>6</v>
      </c>
      <c r="H6928" s="5" t="s">
        <v>1518</v>
      </c>
      <c r="I6928" s="5" t="s">
        <v>69038</v>
      </c>
      <c r="J6928" s="2" t="s">
        <v>69039</v>
      </c>
      <c r="K6928" s="5" t="s">
        <v>69038</v>
      </c>
      <c r="L6928" s="2" t="s">
        <v>69039</v>
      </c>
      <c r="M6928" s="5" t="s">
        <v>1521</v>
      </c>
      <c r="N6928" s="5" t="s">
        <v>38</v>
      </c>
      <c r="O6928" s="5" t="s">
        <v>39</v>
      </c>
      <c r="P6928" s="5" t="s">
        <v>40</v>
      </c>
      <c r="Q6928" s="5" t="s">
        <v>1522</v>
      </c>
      <c r="R6928" s="5" t="s">
        <v>1523</v>
      </c>
      <c r="S6928" s="5" t="s">
        <v>42</v>
      </c>
      <c r="T6928" s="2">
        <v>2.4220000000000002</v>
      </c>
      <c r="U6928" s="2">
        <v>1.8520000000000001</v>
      </c>
      <c r="V6928" s="2">
        <v>16.7</v>
      </c>
      <c r="W6928" s="2">
        <v>118.9</v>
      </c>
      <c r="X6928" s="2">
        <v>7.6</v>
      </c>
      <c r="Y6928" s="2">
        <v>16.7</v>
      </c>
      <c r="Z6928" s="5"/>
      <c r="AA6928" s="5" t="s">
        <v>43</v>
      </c>
      <c r="AB6928" s="5" t="s">
        <v>44</v>
      </c>
      <c r="AC6928" s="2"/>
      <c r="AD6928" s="1"/>
    </row>
    <row r="6929" spans="1:30">
      <c r="A6929" s="5" t="s">
        <v>83578</v>
      </c>
      <c r="B6929" s="2" t="s">
        <v>104906</v>
      </c>
      <c r="C6929" s="14" t="s">
        <v>104907</v>
      </c>
      <c r="D6929" s="2" t="s">
        <v>104908</v>
      </c>
      <c r="E6929" s="2" t="s">
        <v>7514</v>
      </c>
      <c r="F6929" s="8">
        <v>232</v>
      </c>
      <c r="G6929" s="5">
        <v>6</v>
      </c>
      <c r="H6929" s="5" t="s">
        <v>1518</v>
      </c>
      <c r="I6929" s="5" t="s">
        <v>69038</v>
      </c>
      <c r="J6929" s="2" t="s">
        <v>69039</v>
      </c>
      <c r="K6929" s="5" t="s">
        <v>69038</v>
      </c>
      <c r="L6929" s="2" t="s">
        <v>69039</v>
      </c>
      <c r="M6929" s="5" t="s">
        <v>1521</v>
      </c>
      <c r="N6929" s="5" t="s">
        <v>38</v>
      </c>
      <c r="O6929" s="5" t="s">
        <v>39</v>
      </c>
      <c r="P6929" s="5" t="s">
        <v>40</v>
      </c>
      <c r="Q6929" s="5" t="s">
        <v>1522</v>
      </c>
      <c r="R6929" s="5" t="s">
        <v>1523</v>
      </c>
      <c r="S6929" s="5" t="s">
        <v>42</v>
      </c>
      <c r="T6929" s="2">
        <v>2.3199999999999998</v>
      </c>
      <c r="U6929" s="2">
        <v>1.8480000000000001</v>
      </c>
      <c r="V6929" s="2">
        <v>16.7</v>
      </c>
      <c r="W6929" s="2">
        <v>82.9</v>
      </c>
      <c r="X6929" s="2">
        <v>7.6</v>
      </c>
      <c r="Y6929" s="2">
        <v>16.7</v>
      </c>
      <c r="Z6929" s="5"/>
      <c r="AA6929" s="5" t="s">
        <v>43</v>
      </c>
      <c r="AB6929" s="5" t="s">
        <v>44</v>
      </c>
      <c r="AC6929" s="2"/>
      <c r="AD6929" s="1"/>
    </row>
    <row r="6930" spans="1:30">
      <c r="A6930" s="5" t="s">
        <v>83578</v>
      </c>
      <c r="B6930" s="2" t="s">
        <v>104909</v>
      </c>
      <c r="C6930" s="14" t="s">
        <v>104910</v>
      </c>
      <c r="D6930" s="2" t="s">
        <v>104911</v>
      </c>
      <c r="E6930" s="2" t="s">
        <v>7208</v>
      </c>
      <c r="F6930" s="8">
        <v>232</v>
      </c>
      <c r="G6930" s="5">
        <v>6</v>
      </c>
      <c r="H6930" s="5" t="s">
        <v>1518</v>
      </c>
      <c r="I6930" s="5" t="s">
        <v>69038</v>
      </c>
      <c r="J6930" s="2" t="s">
        <v>69039</v>
      </c>
      <c r="K6930" s="5" t="s">
        <v>69038</v>
      </c>
      <c r="L6930" s="2" t="s">
        <v>69039</v>
      </c>
      <c r="M6930" s="5" t="s">
        <v>1521</v>
      </c>
      <c r="N6930" s="5" t="s">
        <v>38</v>
      </c>
      <c r="O6930" s="5" t="s">
        <v>39</v>
      </c>
      <c r="P6930" s="5" t="s">
        <v>40</v>
      </c>
      <c r="Q6930" s="5" t="s">
        <v>1522</v>
      </c>
      <c r="R6930" s="5" t="s">
        <v>1523</v>
      </c>
      <c r="S6930" s="5" t="s">
        <v>42</v>
      </c>
      <c r="T6930" s="2">
        <v>2.258</v>
      </c>
      <c r="U6930" s="2">
        <v>1.786</v>
      </c>
      <c r="V6930" s="2">
        <v>16.7</v>
      </c>
      <c r="W6930" s="2">
        <v>82.9</v>
      </c>
      <c r="X6930" s="2">
        <v>7.6</v>
      </c>
      <c r="Y6930" s="2">
        <v>16.7</v>
      </c>
      <c r="Z6930" s="5"/>
      <c r="AA6930" s="5" t="s">
        <v>43</v>
      </c>
      <c r="AB6930" s="5" t="s">
        <v>44</v>
      </c>
      <c r="AC6930" s="2"/>
      <c r="AD6930" s="1"/>
    </row>
    <row r="6931" spans="1:30">
      <c r="A6931" s="5" t="s">
        <v>83578</v>
      </c>
      <c r="B6931" s="2" t="s">
        <v>104912</v>
      </c>
      <c r="C6931" s="14" t="s">
        <v>104913</v>
      </c>
      <c r="D6931" s="2" t="s">
        <v>104914</v>
      </c>
      <c r="E6931" s="2" t="s">
        <v>7521</v>
      </c>
      <c r="F6931" s="8">
        <v>232</v>
      </c>
      <c r="G6931" s="5">
        <v>6</v>
      </c>
      <c r="H6931" s="5" t="s">
        <v>1518</v>
      </c>
      <c r="I6931" s="5" t="s">
        <v>69038</v>
      </c>
      <c r="J6931" s="2" t="s">
        <v>69039</v>
      </c>
      <c r="K6931" s="5" t="s">
        <v>69038</v>
      </c>
      <c r="L6931" s="2" t="s">
        <v>69039</v>
      </c>
      <c r="M6931" s="5" t="s">
        <v>1521</v>
      </c>
      <c r="N6931" s="5" t="s">
        <v>38</v>
      </c>
      <c r="O6931" s="5" t="s">
        <v>39</v>
      </c>
      <c r="P6931" s="5" t="s">
        <v>40</v>
      </c>
      <c r="Q6931" s="5" t="s">
        <v>1522</v>
      </c>
      <c r="R6931" s="5" t="s">
        <v>1523</v>
      </c>
      <c r="S6931" s="5" t="s">
        <v>42</v>
      </c>
      <c r="T6931" s="2">
        <v>2.3199999999999998</v>
      </c>
      <c r="U6931" s="2">
        <v>1.8480000000000001</v>
      </c>
      <c r="V6931" s="2">
        <v>16.7</v>
      </c>
      <c r="W6931" s="2">
        <v>82.9</v>
      </c>
      <c r="X6931" s="2">
        <v>7.6</v>
      </c>
      <c r="Y6931" s="2">
        <v>16.7</v>
      </c>
      <c r="Z6931" s="5"/>
      <c r="AA6931" s="5" t="s">
        <v>43</v>
      </c>
      <c r="AB6931" s="5" t="s">
        <v>44</v>
      </c>
      <c r="AC6931" s="2"/>
      <c r="AD6931" s="1"/>
    </row>
    <row r="6932" spans="1:30">
      <c r="A6932" s="5" t="s">
        <v>83578</v>
      </c>
      <c r="B6932" s="2" t="s">
        <v>104915</v>
      </c>
      <c r="C6932" s="14" t="s">
        <v>104916</v>
      </c>
      <c r="D6932" s="2" t="s">
        <v>104917</v>
      </c>
      <c r="E6932" s="2" t="s">
        <v>7406</v>
      </c>
      <c r="F6932" s="8">
        <v>247</v>
      </c>
      <c r="G6932" s="5">
        <v>6</v>
      </c>
      <c r="H6932" s="5" t="s">
        <v>1518</v>
      </c>
      <c r="I6932" s="5" t="s">
        <v>69038</v>
      </c>
      <c r="J6932" s="2" t="s">
        <v>69039</v>
      </c>
      <c r="K6932" s="5" t="s">
        <v>69038</v>
      </c>
      <c r="L6932" s="2" t="s">
        <v>69039</v>
      </c>
      <c r="M6932" s="5" t="s">
        <v>1521</v>
      </c>
      <c r="N6932" s="5" t="s">
        <v>38</v>
      </c>
      <c r="O6932" s="5" t="s">
        <v>39</v>
      </c>
      <c r="P6932" s="5" t="s">
        <v>40</v>
      </c>
      <c r="Q6932" s="5" t="s">
        <v>1522</v>
      </c>
      <c r="R6932" s="5" t="s">
        <v>1523</v>
      </c>
      <c r="S6932" s="5" t="s">
        <v>42</v>
      </c>
      <c r="T6932" s="2">
        <v>2.258</v>
      </c>
      <c r="U6932" s="2">
        <v>1.786</v>
      </c>
      <c r="V6932" s="2">
        <v>16.7</v>
      </c>
      <c r="W6932" s="2">
        <v>82.9</v>
      </c>
      <c r="X6932" s="2">
        <v>7.6</v>
      </c>
      <c r="Y6932" s="2">
        <v>16.7</v>
      </c>
      <c r="Z6932" s="5"/>
      <c r="AA6932" s="5" t="s">
        <v>43</v>
      </c>
      <c r="AB6932" s="5" t="s">
        <v>44</v>
      </c>
      <c r="AC6932" s="2"/>
      <c r="AD6932" s="1"/>
    </row>
    <row r="6933" spans="1:30">
      <c r="A6933" s="5" t="s">
        <v>83578</v>
      </c>
      <c r="B6933" s="2" t="s">
        <v>104918</v>
      </c>
      <c r="C6933" s="14" t="s">
        <v>104919</v>
      </c>
      <c r="D6933" s="2" t="s">
        <v>104920</v>
      </c>
      <c r="E6933" s="2" t="s">
        <v>7535</v>
      </c>
      <c r="F6933" s="8">
        <v>247</v>
      </c>
      <c r="G6933" s="5">
        <v>6</v>
      </c>
      <c r="H6933" s="5" t="s">
        <v>1518</v>
      </c>
      <c r="I6933" s="5" t="s">
        <v>69038</v>
      </c>
      <c r="J6933" s="2" t="s">
        <v>69039</v>
      </c>
      <c r="K6933" s="5" t="s">
        <v>69038</v>
      </c>
      <c r="L6933" s="2" t="s">
        <v>69039</v>
      </c>
      <c r="M6933" s="5" t="s">
        <v>1521</v>
      </c>
      <c r="N6933" s="5" t="s">
        <v>38</v>
      </c>
      <c r="O6933" s="5" t="s">
        <v>39</v>
      </c>
      <c r="P6933" s="5" t="s">
        <v>40</v>
      </c>
      <c r="Q6933" s="5" t="s">
        <v>1522</v>
      </c>
      <c r="R6933" s="5" t="s">
        <v>1523</v>
      </c>
      <c r="S6933" s="5" t="s">
        <v>42</v>
      </c>
      <c r="T6933" s="2">
        <v>2.3199999999999998</v>
      </c>
      <c r="U6933" s="2">
        <v>1.8480000000000001</v>
      </c>
      <c r="V6933" s="2">
        <v>16.7</v>
      </c>
      <c r="W6933" s="2">
        <v>82.9</v>
      </c>
      <c r="X6933" s="2">
        <v>7.6</v>
      </c>
      <c r="Y6933" s="2">
        <v>16.7</v>
      </c>
      <c r="Z6933" s="5"/>
      <c r="AA6933" s="5" t="s">
        <v>43</v>
      </c>
      <c r="AB6933" s="5" t="s">
        <v>44</v>
      </c>
      <c r="AC6933" s="2"/>
      <c r="AD6933" s="1"/>
    </row>
    <row r="6934" spans="1:30">
      <c r="A6934" s="5" t="s">
        <v>83578</v>
      </c>
      <c r="B6934" s="2" t="s">
        <v>104921</v>
      </c>
      <c r="C6934" s="14" t="s">
        <v>104922</v>
      </c>
      <c r="D6934" s="2" t="s">
        <v>104923</v>
      </c>
      <c r="E6934" s="2" t="s">
        <v>7539</v>
      </c>
      <c r="F6934" s="8">
        <v>247</v>
      </c>
      <c r="G6934" s="5">
        <v>6</v>
      </c>
      <c r="H6934" s="5" t="s">
        <v>1518</v>
      </c>
      <c r="I6934" s="5" t="s">
        <v>69038</v>
      </c>
      <c r="J6934" s="2" t="s">
        <v>69039</v>
      </c>
      <c r="K6934" s="5" t="s">
        <v>69038</v>
      </c>
      <c r="L6934" s="2" t="s">
        <v>69039</v>
      </c>
      <c r="M6934" s="5" t="s">
        <v>1521</v>
      </c>
      <c r="N6934" s="5" t="s">
        <v>38</v>
      </c>
      <c r="O6934" s="5" t="s">
        <v>39</v>
      </c>
      <c r="P6934" s="5" t="s">
        <v>40</v>
      </c>
      <c r="Q6934" s="5" t="s">
        <v>1522</v>
      </c>
      <c r="R6934" s="5" t="s">
        <v>1523</v>
      </c>
      <c r="S6934" s="5" t="s">
        <v>42</v>
      </c>
      <c r="T6934" s="2">
        <v>2.258</v>
      </c>
      <c r="U6934" s="2">
        <v>1.786</v>
      </c>
      <c r="V6934" s="2">
        <v>16.7</v>
      </c>
      <c r="W6934" s="2">
        <v>82.9</v>
      </c>
      <c r="X6934" s="2">
        <v>7.6</v>
      </c>
      <c r="Y6934" s="2">
        <v>16.7</v>
      </c>
      <c r="Z6934" s="5"/>
      <c r="AA6934" s="5" t="s">
        <v>43</v>
      </c>
      <c r="AB6934" s="5" t="s">
        <v>44</v>
      </c>
      <c r="AC6934" s="2"/>
      <c r="AD6934" s="1"/>
    </row>
    <row r="6935" spans="1:30">
      <c r="A6935" s="5" t="s">
        <v>83578</v>
      </c>
      <c r="B6935" s="2" t="s">
        <v>104924</v>
      </c>
      <c r="C6935" s="14" t="s">
        <v>104925</v>
      </c>
      <c r="D6935" s="2" t="s">
        <v>104926</v>
      </c>
      <c r="E6935" s="2" t="s">
        <v>7543</v>
      </c>
      <c r="F6935" s="8">
        <v>247</v>
      </c>
      <c r="G6935" s="5">
        <v>6</v>
      </c>
      <c r="H6935" s="5" t="s">
        <v>1518</v>
      </c>
      <c r="I6935" s="5" t="s">
        <v>69038</v>
      </c>
      <c r="J6935" s="2" t="s">
        <v>69039</v>
      </c>
      <c r="K6935" s="5" t="s">
        <v>69038</v>
      </c>
      <c r="L6935" s="2" t="s">
        <v>69039</v>
      </c>
      <c r="M6935" s="5" t="s">
        <v>1521</v>
      </c>
      <c r="N6935" s="5" t="s">
        <v>38</v>
      </c>
      <c r="O6935" s="5" t="s">
        <v>39</v>
      </c>
      <c r="P6935" s="5" t="s">
        <v>40</v>
      </c>
      <c r="Q6935" s="5" t="s">
        <v>1522</v>
      </c>
      <c r="R6935" s="5" t="s">
        <v>1523</v>
      </c>
      <c r="S6935" s="5" t="s">
        <v>42</v>
      </c>
      <c r="T6935" s="2">
        <v>2.3199999999999998</v>
      </c>
      <c r="U6935" s="2">
        <v>1.8480000000000001</v>
      </c>
      <c r="V6935" s="2">
        <v>16.7</v>
      </c>
      <c r="W6935" s="2">
        <v>82.9</v>
      </c>
      <c r="X6935" s="2">
        <v>7.6</v>
      </c>
      <c r="Y6935" s="2">
        <v>16.7</v>
      </c>
      <c r="Z6935" s="5"/>
      <c r="AA6935" s="5" t="s">
        <v>43</v>
      </c>
      <c r="AB6935" s="5" t="s">
        <v>44</v>
      </c>
      <c r="AC6935" s="2"/>
      <c r="AD6935" s="1"/>
    </row>
    <row r="6936" spans="1:30">
      <c r="A6936" s="5" t="s">
        <v>83578</v>
      </c>
      <c r="B6936" s="2" t="s">
        <v>104927</v>
      </c>
      <c r="C6936" s="14" t="s">
        <v>104928</v>
      </c>
      <c r="D6936" s="2" t="s">
        <v>104929</v>
      </c>
      <c r="E6936" s="2" t="s">
        <v>7396</v>
      </c>
      <c r="F6936" s="8">
        <v>232</v>
      </c>
      <c r="G6936" s="5">
        <v>6</v>
      </c>
      <c r="H6936" s="5" t="s">
        <v>1518</v>
      </c>
      <c r="I6936" s="5" t="s">
        <v>69038</v>
      </c>
      <c r="J6936" s="2" t="s">
        <v>69039</v>
      </c>
      <c r="K6936" s="5" t="s">
        <v>69038</v>
      </c>
      <c r="L6936" s="2" t="s">
        <v>69039</v>
      </c>
      <c r="M6936" s="5" t="s">
        <v>1521</v>
      </c>
      <c r="N6936" s="5" t="s">
        <v>38</v>
      </c>
      <c r="O6936" s="5" t="s">
        <v>39</v>
      </c>
      <c r="P6936" s="5" t="s">
        <v>40</v>
      </c>
      <c r="Q6936" s="5" t="s">
        <v>1522</v>
      </c>
      <c r="R6936" s="5" t="s">
        <v>1523</v>
      </c>
      <c r="S6936" s="5" t="s">
        <v>42</v>
      </c>
      <c r="T6936" s="2">
        <v>2.258</v>
      </c>
      <c r="U6936" s="2">
        <v>1.786</v>
      </c>
      <c r="V6936" s="2">
        <v>16.7</v>
      </c>
      <c r="W6936" s="2">
        <v>82.9</v>
      </c>
      <c r="X6936" s="2">
        <v>7.6</v>
      </c>
      <c r="Y6936" s="2">
        <v>16.7</v>
      </c>
      <c r="Z6936" s="5"/>
      <c r="AA6936" s="5" t="s">
        <v>43</v>
      </c>
      <c r="AB6936" s="5" t="s">
        <v>44</v>
      </c>
      <c r="AC6936" s="2"/>
      <c r="AD6936" s="1"/>
    </row>
    <row r="6937" spans="1:30">
      <c r="A6937" s="5" t="s">
        <v>83578</v>
      </c>
      <c r="B6937" s="2" t="s">
        <v>104930</v>
      </c>
      <c r="C6937" s="14" t="s">
        <v>104931</v>
      </c>
      <c r="D6937" s="2" t="s">
        <v>104932</v>
      </c>
      <c r="E6937" s="2" t="s">
        <v>7507</v>
      </c>
      <c r="F6937" s="8">
        <v>232</v>
      </c>
      <c r="G6937" s="5">
        <v>6</v>
      </c>
      <c r="H6937" s="5" t="s">
        <v>1518</v>
      </c>
      <c r="I6937" s="5" t="s">
        <v>69038</v>
      </c>
      <c r="J6937" s="2" t="s">
        <v>69039</v>
      </c>
      <c r="K6937" s="5" t="s">
        <v>69038</v>
      </c>
      <c r="L6937" s="2" t="s">
        <v>69039</v>
      </c>
      <c r="M6937" s="5" t="s">
        <v>1521</v>
      </c>
      <c r="N6937" s="5" t="s">
        <v>38</v>
      </c>
      <c r="O6937" s="5" t="s">
        <v>39</v>
      </c>
      <c r="P6937" s="5" t="s">
        <v>40</v>
      </c>
      <c r="Q6937" s="5" t="s">
        <v>1522</v>
      </c>
      <c r="R6937" s="5" t="s">
        <v>1523</v>
      </c>
      <c r="S6937" s="5" t="s">
        <v>42</v>
      </c>
      <c r="T6937" s="2">
        <v>2.3199999999999998</v>
      </c>
      <c r="U6937" s="2">
        <v>1.8480000000000001</v>
      </c>
      <c r="V6937" s="2">
        <v>16.7</v>
      </c>
      <c r="W6937" s="2">
        <v>82.9</v>
      </c>
      <c r="X6937" s="2">
        <v>7.6</v>
      </c>
      <c r="Y6937" s="2">
        <v>16.7</v>
      </c>
      <c r="Z6937" s="5"/>
      <c r="AA6937" s="5" t="s">
        <v>43</v>
      </c>
      <c r="AB6937" s="5" t="s">
        <v>44</v>
      </c>
      <c r="AC6937" s="2"/>
      <c r="AD6937" s="1"/>
    </row>
    <row r="6938" spans="1:30">
      <c r="A6938" s="5" t="s">
        <v>83578</v>
      </c>
      <c r="B6938" s="2" t="s">
        <v>104933</v>
      </c>
      <c r="C6938" s="14" t="s">
        <v>104934</v>
      </c>
      <c r="D6938" s="2" t="s">
        <v>104935</v>
      </c>
      <c r="E6938" s="2" t="s">
        <v>7547</v>
      </c>
      <c r="F6938" s="8">
        <v>247</v>
      </c>
      <c r="G6938" s="5">
        <v>6</v>
      </c>
      <c r="H6938" s="5" t="s">
        <v>1518</v>
      </c>
      <c r="I6938" s="5" t="s">
        <v>69038</v>
      </c>
      <c r="J6938" s="2" t="s">
        <v>69039</v>
      </c>
      <c r="K6938" s="5" t="s">
        <v>69038</v>
      </c>
      <c r="L6938" s="2" t="s">
        <v>69039</v>
      </c>
      <c r="M6938" s="5" t="s">
        <v>1521</v>
      </c>
      <c r="N6938" s="5" t="s">
        <v>38</v>
      </c>
      <c r="O6938" s="5" t="s">
        <v>39</v>
      </c>
      <c r="P6938" s="5" t="s">
        <v>40</v>
      </c>
      <c r="Q6938" s="5" t="s">
        <v>1522</v>
      </c>
      <c r="R6938" s="5" t="s">
        <v>1523</v>
      </c>
      <c r="S6938" s="5" t="s">
        <v>42</v>
      </c>
      <c r="T6938" s="2">
        <v>2.258</v>
      </c>
      <c r="U6938" s="2">
        <v>1.786</v>
      </c>
      <c r="V6938" s="2">
        <v>16.7</v>
      </c>
      <c r="W6938" s="2">
        <v>82.9</v>
      </c>
      <c r="X6938" s="2">
        <v>7.6</v>
      </c>
      <c r="Y6938" s="2">
        <v>16.7</v>
      </c>
      <c r="Z6938" s="5"/>
      <c r="AA6938" s="5" t="s">
        <v>43</v>
      </c>
      <c r="AB6938" s="5" t="s">
        <v>44</v>
      </c>
      <c r="AC6938" s="2"/>
      <c r="AD6938" s="1"/>
    </row>
    <row r="6939" spans="1:30">
      <c r="A6939" s="5" t="s">
        <v>83578</v>
      </c>
      <c r="B6939" s="2" t="s">
        <v>104936</v>
      </c>
      <c r="C6939" s="14" t="s">
        <v>104937</v>
      </c>
      <c r="D6939" s="2" t="s">
        <v>104938</v>
      </c>
      <c r="E6939" s="2" t="s">
        <v>7551</v>
      </c>
      <c r="F6939" s="8">
        <v>247</v>
      </c>
      <c r="G6939" s="5">
        <v>6</v>
      </c>
      <c r="H6939" s="5" t="s">
        <v>1518</v>
      </c>
      <c r="I6939" s="5" t="s">
        <v>69038</v>
      </c>
      <c r="J6939" s="2" t="s">
        <v>69039</v>
      </c>
      <c r="K6939" s="5" t="s">
        <v>69038</v>
      </c>
      <c r="L6939" s="2" t="s">
        <v>69039</v>
      </c>
      <c r="M6939" s="5" t="s">
        <v>1521</v>
      </c>
      <c r="N6939" s="5" t="s">
        <v>38</v>
      </c>
      <c r="O6939" s="5" t="s">
        <v>39</v>
      </c>
      <c r="P6939" s="5" t="s">
        <v>40</v>
      </c>
      <c r="Q6939" s="5" t="s">
        <v>1522</v>
      </c>
      <c r="R6939" s="5" t="s">
        <v>1523</v>
      </c>
      <c r="S6939" s="5" t="s">
        <v>42</v>
      </c>
      <c r="T6939" s="2">
        <v>2.3199999999999998</v>
      </c>
      <c r="U6939" s="2">
        <v>1.8480000000000001</v>
      </c>
      <c r="V6939" s="2">
        <v>16.7</v>
      </c>
      <c r="W6939" s="2">
        <v>82.9</v>
      </c>
      <c r="X6939" s="2">
        <v>7.6</v>
      </c>
      <c r="Y6939" s="2">
        <v>16.7</v>
      </c>
      <c r="Z6939" s="5"/>
      <c r="AA6939" s="5" t="s">
        <v>43</v>
      </c>
      <c r="AB6939" s="5" t="s">
        <v>44</v>
      </c>
      <c r="AC6939" s="2"/>
      <c r="AD6939" s="1"/>
    </row>
    <row r="6940" spans="1:30">
      <c r="A6940" s="5" t="s">
        <v>83578</v>
      </c>
      <c r="B6940" s="2" t="s">
        <v>104939</v>
      </c>
      <c r="C6940" s="14" t="s">
        <v>104940</v>
      </c>
      <c r="D6940" s="2" t="s">
        <v>104941</v>
      </c>
      <c r="E6940" s="2" t="s">
        <v>7563</v>
      </c>
      <c r="F6940" s="8">
        <v>247</v>
      </c>
      <c r="G6940" s="5">
        <v>6</v>
      </c>
      <c r="H6940" s="5" t="s">
        <v>1518</v>
      </c>
      <c r="I6940" s="5" t="s">
        <v>69038</v>
      </c>
      <c r="J6940" s="2" t="s">
        <v>69039</v>
      </c>
      <c r="K6940" s="5" t="s">
        <v>69038</v>
      </c>
      <c r="L6940" s="2" t="s">
        <v>69039</v>
      </c>
      <c r="M6940" s="5" t="s">
        <v>1521</v>
      </c>
      <c r="N6940" s="5" t="s">
        <v>38</v>
      </c>
      <c r="O6940" s="5" t="s">
        <v>39</v>
      </c>
      <c r="P6940" s="5" t="s">
        <v>40</v>
      </c>
      <c r="Q6940" s="5" t="s">
        <v>1522</v>
      </c>
      <c r="R6940" s="5" t="s">
        <v>1523</v>
      </c>
      <c r="S6940" s="5" t="s">
        <v>42</v>
      </c>
      <c r="T6940" s="2">
        <v>2.258</v>
      </c>
      <c r="U6940" s="2">
        <v>1.786</v>
      </c>
      <c r="V6940" s="2">
        <v>16.7</v>
      </c>
      <c r="W6940" s="2">
        <v>82.9</v>
      </c>
      <c r="X6940" s="2">
        <v>7.6</v>
      </c>
      <c r="Y6940" s="2">
        <v>16.7</v>
      </c>
      <c r="Z6940" s="5"/>
      <c r="AA6940" s="5" t="s">
        <v>43</v>
      </c>
      <c r="AB6940" s="5" t="s">
        <v>44</v>
      </c>
      <c r="AC6940" s="2"/>
      <c r="AD6940" s="1"/>
    </row>
    <row r="6941" spans="1:30">
      <c r="A6941" s="5" t="s">
        <v>83578</v>
      </c>
      <c r="B6941" s="2" t="s">
        <v>104942</v>
      </c>
      <c r="C6941" s="14" t="s">
        <v>104943</v>
      </c>
      <c r="D6941" s="2" t="s">
        <v>104944</v>
      </c>
      <c r="E6941" s="2" t="s">
        <v>7567</v>
      </c>
      <c r="F6941" s="8">
        <v>247</v>
      </c>
      <c r="G6941" s="5">
        <v>6</v>
      </c>
      <c r="H6941" s="5" t="s">
        <v>1518</v>
      </c>
      <c r="I6941" s="5" t="s">
        <v>69038</v>
      </c>
      <c r="J6941" s="2" t="s">
        <v>69039</v>
      </c>
      <c r="K6941" s="5" t="s">
        <v>69038</v>
      </c>
      <c r="L6941" s="2" t="s">
        <v>69039</v>
      </c>
      <c r="M6941" s="5" t="s">
        <v>1521</v>
      </c>
      <c r="N6941" s="5" t="s">
        <v>38</v>
      </c>
      <c r="O6941" s="5" t="s">
        <v>39</v>
      </c>
      <c r="P6941" s="5" t="s">
        <v>40</v>
      </c>
      <c r="Q6941" s="5" t="s">
        <v>1522</v>
      </c>
      <c r="R6941" s="5" t="s">
        <v>1523</v>
      </c>
      <c r="S6941" s="5" t="s">
        <v>42</v>
      </c>
      <c r="T6941" s="2">
        <v>2.3199999999999998</v>
      </c>
      <c r="U6941" s="2">
        <v>1.8480000000000001</v>
      </c>
      <c r="V6941" s="2">
        <v>16.7</v>
      </c>
      <c r="W6941" s="2">
        <v>82.9</v>
      </c>
      <c r="X6941" s="2">
        <v>7.6</v>
      </c>
      <c r="Y6941" s="2">
        <v>16.7</v>
      </c>
      <c r="Z6941" s="5"/>
      <c r="AA6941" s="5" t="s">
        <v>43</v>
      </c>
      <c r="AB6941" s="5" t="s">
        <v>44</v>
      </c>
      <c r="AC6941" s="2"/>
      <c r="AD6941" s="1"/>
    </row>
    <row r="6942" spans="1:30">
      <c r="A6942" s="5" t="s">
        <v>83578</v>
      </c>
      <c r="B6942" s="2" t="s">
        <v>104945</v>
      </c>
      <c r="C6942" s="14" t="s">
        <v>104946</v>
      </c>
      <c r="D6942" s="2" t="s">
        <v>104947</v>
      </c>
      <c r="E6942" s="2" t="s">
        <v>7555</v>
      </c>
      <c r="F6942" s="8">
        <v>247</v>
      </c>
      <c r="G6942" s="5">
        <v>6</v>
      </c>
      <c r="H6942" s="5" t="s">
        <v>1518</v>
      </c>
      <c r="I6942" s="5" t="s">
        <v>69038</v>
      </c>
      <c r="J6942" s="2" t="s">
        <v>69039</v>
      </c>
      <c r="K6942" s="5" t="s">
        <v>69038</v>
      </c>
      <c r="L6942" s="2" t="s">
        <v>69039</v>
      </c>
      <c r="M6942" s="5" t="s">
        <v>1521</v>
      </c>
      <c r="N6942" s="5" t="s">
        <v>38</v>
      </c>
      <c r="O6942" s="5" t="s">
        <v>39</v>
      </c>
      <c r="P6942" s="5" t="s">
        <v>40</v>
      </c>
      <c r="Q6942" s="5" t="s">
        <v>1522</v>
      </c>
      <c r="R6942" s="5" t="s">
        <v>1523</v>
      </c>
      <c r="S6942" s="5" t="s">
        <v>42</v>
      </c>
      <c r="T6942" s="2">
        <v>2.258</v>
      </c>
      <c r="U6942" s="2">
        <v>1.786</v>
      </c>
      <c r="V6942" s="2">
        <v>16.7</v>
      </c>
      <c r="W6942" s="2">
        <v>82.9</v>
      </c>
      <c r="X6942" s="2">
        <v>7.6</v>
      </c>
      <c r="Y6942" s="2">
        <v>16.7</v>
      </c>
      <c r="Z6942" s="5"/>
      <c r="AA6942" s="5" t="s">
        <v>43</v>
      </c>
      <c r="AB6942" s="5" t="s">
        <v>44</v>
      </c>
      <c r="AC6942" s="2"/>
      <c r="AD6942" s="1"/>
    </row>
    <row r="6943" spans="1:30">
      <c r="A6943" s="5" t="s">
        <v>83578</v>
      </c>
      <c r="B6943" s="2" t="s">
        <v>104948</v>
      </c>
      <c r="C6943" s="14" t="s">
        <v>104949</v>
      </c>
      <c r="D6943" s="2" t="s">
        <v>104950</v>
      </c>
      <c r="E6943" s="2" t="s">
        <v>7559</v>
      </c>
      <c r="F6943" s="8">
        <v>247</v>
      </c>
      <c r="G6943" s="5">
        <v>6</v>
      </c>
      <c r="H6943" s="5" t="s">
        <v>1518</v>
      </c>
      <c r="I6943" s="5" t="s">
        <v>69038</v>
      </c>
      <c r="J6943" s="2" t="s">
        <v>69039</v>
      </c>
      <c r="K6943" s="5" t="s">
        <v>69038</v>
      </c>
      <c r="L6943" s="2" t="s">
        <v>69039</v>
      </c>
      <c r="M6943" s="5" t="s">
        <v>1521</v>
      </c>
      <c r="N6943" s="5" t="s">
        <v>38</v>
      </c>
      <c r="O6943" s="5" t="s">
        <v>39</v>
      </c>
      <c r="P6943" s="5" t="s">
        <v>40</v>
      </c>
      <c r="Q6943" s="5" t="s">
        <v>1522</v>
      </c>
      <c r="R6943" s="5" t="s">
        <v>1523</v>
      </c>
      <c r="S6943" s="5" t="s">
        <v>42</v>
      </c>
      <c r="T6943" s="2">
        <v>2.3199999999999998</v>
      </c>
      <c r="U6943" s="2">
        <v>1.8480000000000001</v>
      </c>
      <c r="V6943" s="2">
        <v>16.7</v>
      </c>
      <c r="W6943" s="2">
        <v>82.9</v>
      </c>
      <c r="X6943" s="2">
        <v>7.6</v>
      </c>
      <c r="Y6943" s="2">
        <v>16.7</v>
      </c>
      <c r="Z6943" s="5"/>
      <c r="AA6943" s="5" t="s">
        <v>43</v>
      </c>
      <c r="AB6943" s="5" t="s">
        <v>44</v>
      </c>
      <c r="AC6943" s="2"/>
      <c r="AD6943" s="1"/>
    </row>
    <row r="6944" spans="1:30">
      <c r="A6944" s="5" t="s">
        <v>83578</v>
      </c>
      <c r="B6944" s="2" t="s">
        <v>104951</v>
      </c>
      <c r="C6944" s="14" t="s">
        <v>104952</v>
      </c>
      <c r="D6944" s="2" t="s">
        <v>104953</v>
      </c>
      <c r="E6944" s="2" t="s">
        <v>16079</v>
      </c>
      <c r="F6944" s="8">
        <v>247</v>
      </c>
      <c r="G6944" s="5">
        <v>6</v>
      </c>
      <c r="H6944" s="5" t="s">
        <v>1518</v>
      </c>
      <c r="I6944" s="5" t="s">
        <v>69038</v>
      </c>
      <c r="J6944" s="2" t="s">
        <v>69039</v>
      </c>
      <c r="K6944" s="5" t="s">
        <v>69038</v>
      </c>
      <c r="L6944" s="2" t="s">
        <v>69039</v>
      </c>
      <c r="M6944" s="5" t="s">
        <v>1521</v>
      </c>
      <c r="N6944" s="5" t="s">
        <v>38</v>
      </c>
      <c r="O6944" s="5" t="s">
        <v>39</v>
      </c>
      <c r="P6944" s="5" t="s">
        <v>40</v>
      </c>
      <c r="Q6944" s="5" t="s">
        <v>1522</v>
      </c>
      <c r="R6944" s="5" t="s">
        <v>1523</v>
      </c>
      <c r="S6944" s="5" t="s">
        <v>42</v>
      </c>
      <c r="T6944" s="2">
        <v>2.258</v>
      </c>
      <c r="U6944" s="2">
        <v>1.786</v>
      </c>
      <c r="V6944" s="2">
        <v>16.7</v>
      </c>
      <c r="W6944" s="2">
        <v>82.9</v>
      </c>
      <c r="X6944" s="2">
        <v>7.6</v>
      </c>
      <c r="Y6944" s="2">
        <v>16.7</v>
      </c>
      <c r="Z6944" s="5"/>
      <c r="AA6944" s="5" t="s">
        <v>43</v>
      </c>
      <c r="AB6944" s="5" t="s">
        <v>44</v>
      </c>
      <c r="AC6944" s="2"/>
      <c r="AD6944" s="1"/>
    </row>
    <row r="6945" spans="1:30">
      <c r="A6945" s="5" t="s">
        <v>83578</v>
      </c>
      <c r="B6945" s="2" t="s">
        <v>104954</v>
      </c>
      <c r="C6945" s="14" t="s">
        <v>104955</v>
      </c>
      <c r="D6945" s="2" t="s">
        <v>104956</v>
      </c>
      <c r="E6945" s="2" t="s">
        <v>16194</v>
      </c>
      <c r="F6945" s="8">
        <v>247</v>
      </c>
      <c r="G6945" s="5">
        <v>6</v>
      </c>
      <c r="H6945" s="5" t="s">
        <v>1518</v>
      </c>
      <c r="I6945" s="5" t="s">
        <v>69038</v>
      </c>
      <c r="J6945" s="2" t="s">
        <v>69039</v>
      </c>
      <c r="K6945" s="5" t="s">
        <v>69038</v>
      </c>
      <c r="L6945" s="2" t="s">
        <v>69039</v>
      </c>
      <c r="M6945" s="5" t="s">
        <v>1521</v>
      </c>
      <c r="N6945" s="5" t="s">
        <v>38</v>
      </c>
      <c r="O6945" s="5" t="s">
        <v>39</v>
      </c>
      <c r="P6945" s="5" t="s">
        <v>40</v>
      </c>
      <c r="Q6945" s="5" t="s">
        <v>1522</v>
      </c>
      <c r="R6945" s="5" t="s">
        <v>1523</v>
      </c>
      <c r="S6945" s="5" t="s">
        <v>42</v>
      </c>
      <c r="T6945" s="2">
        <v>2.3199999999999998</v>
      </c>
      <c r="U6945" s="2">
        <v>1.8480000000000001</v>
      </c>
      <c r="V6945" s="2">
        <v>16.7</v>
      </c>
      <c r="W6945" s="2">
        <v>82.9</v>
      </c>
      <c r="X6945" s="2">
        <v>7.6</v>
      </c>
      <c r="Y6945" s="2">
        <v>16.7</v>
      </c>
      <c r="Z6945" s="5"/>
      <c r="AA6945" s="5" t="s">
        <v>43</v>
      </c>
      <c r="AB6945" s="5" t="s">
        <v>44</v>
      </c>
      <c r="AC6945" s="2"/>
      <c r="AD6945" s="1"/>
    </row>
    <row r="6946" spans="1:30">
      <c r="A6946" s="5" t="s">
        <v>83578</v>
      </c>
      <c r="B6946" s="2" t="s">
        <v>104957</v>
      </c>
      <c r="C6946" s="14" t="s">
        <v>104958</v>
      </c>
      <c r="D6946" s="2" t="s">
        <v>104959</v>
      </c>
      <c r="E6946" s="2" t="s">
        <v>7449</v>
      </c>
      <c r="F6946" s="8">
        <v>247</v>
      </c>
      <c r="G6946" s="5">
        <v>6</v>
      </c>
      <c r="H6946" s="5" t="s">
        <v>1518</v>
      </c>
      <c r="I6946" s="5" t="s">
        <v>69038</v>
      </c>
      <c r="J6946" s="2" t="s">
        <v>69039</v>
      </c>
      <c r="K6946" s="5" t="s">
        <v>69038</v>
      </c>
      <c r="L6946" s="2" t="s">
        <v>69039</v>
      </c>
      <c r="M6946" s="5" t="s">
        <v>1521</v>
      </c>
      <c r="N6946" s="5" t="s">
        <v>38</v>
      </c>
      <c r="O6946" s="5" t="s">
        <v>39</v>
      </c>
      <c r="P6946" s="5" t="s">
        <v>40</v>
      </c>
      <c r="Q6946" s="5" t="s">
        <v>1522</v>
      </c>
      <c r="R6946" s="5" t="s">
        <v>1523</v>
      </c>
      <c r="S6946" s="5" t="s">
        <v>42</v>
      </c>
      <c r="T6946" s="2">
        <v>2.258</v>
      </c>
      <c r="U6946" s="2">
        <v>1.786</v>
      </c>
      <c r="V6946" s="2">
        <v>16.7</v>
      </c>
      <c r="W6946" s="2">
        <v>82.9</v>
      </c>
      <c r="X6946" s="2">
        <v>7.6</v>
      </c>
      <c r="Y6946" s="2">
        <v>16.7</v>
      </c>
      <c r="Z6946" s="5"/>
      <c r="AA6946" s="5" t="s">
        <v>43</v>
      </c>
      <c r="AB6946" s="5" t="s">
        <v>44</v>
      </c>
      <c r="AC6946" s="2"/>
      <c r="AD6946" s="1"/>
    </row>
    <row r="6947" spans="1:30">
      <c r="A6947" s="5" t="s">
        <v>83578</v>
      </c>
      <c r="B6947" s="2" t="s">
        <v>104960</v>
      </c>
      <c r="C6947" s="14" t="s">
        <v>104961</v>
      </c>
      <c r="D6947" s="2" t="s">
        <v>104962</v>
      </c>
      <c r="E6947" s="2" t="s">
        <v>7581</v>
      </c>
      <c r="F6947" s="8">
        <v>247</v>
      </c>
      <c r="G6947" s="5">
        <v>6</v>
      </c>
      <c r="H6947" s="5" t="s">
        <v>1518</v>
      </c>
      <c r="I6947" s="5" t="s">
        <v>69038</v>
      </c>
      <c r="J6947" s="2" t="s">
        <v>69039</v>
      </c>
      <c r="K6947" s="5" t="s">
        <v>69038</v>
      </c>
      <c r="L6947" s="2" t="s">
        <v>69039</v>
      </c>
      <c r="M6947" s="5" t="s">
        <v>1521</v>
      </c>
      <c r="N6947" s="5" t="s">
        <v>38</v>
      </c>
      <c r="O6947" s="5" t="s">
        <v>39</v>
      </c>
      <c r="P6947" s="5" t="s">
        <v>40</v>
      </c>
      <c r="Q6947" s="5" t="s">
        <v>1522</v>
      </c>
      <c r="R6947" s="5" t="s">
        <v>1523</v>
      </c>
      <c r="S6947" s="5" t="s">
        <v>42</v>
      </c>
      <c r="T6947" s="2">
        <v>2.3199999999999998</v>
      </c>
      <c r="U6947" s="2">
        <v>1.8480000000000001</v>
      </c>
      <c r="V6947" s="2">
        <v>16.7</v>
      </c>
      <c r="W6947" s="2">
        <v>82.9</v>
      </c>
      <c r="X6947" s="2">
        <v>7.6</v>
      </c>
      <c r="Y6947" s="2">
        <v>16.7</v>
      </c>
      <c r="Z6947" s="5"/>
      <c r="AA6947" s="5" t="s">
        <v>43</v>
      </c>
      <c r="AB6947" s="5" t="s">
        <v>44</v>
      </c>
      <c r="AC6947" s="2"/>
      <c r="AD6947" s="1"/>
    </row>
    <row r="6948" spans="1:30">
      <c r="A6948" s="5" t="s">
        <v>83578</v>
      </c>
      <c r="B6948" s="2" t="s">
        <v>104963</v>
      </c>
      <c r="C6948" s="14" t="s">
        <v>104964</v>
      </c>
      <c r="D6948" s="2" t="s">
        <v>104965</v>
      </c>
      <c r="E6948" s="2" t="s">
        <v>7585</v>
      </c>
      <c r="F6948" s="8">
        <v>247</v>
      </c>
      <c r="G6948" s="5">
        <v>6</v>
      </c>
      <c r="H6948" s="5" t="s">
        <v>1518</v>
      </c>
      <c r="I6948" s="5" t="s">
        <v>69038</v>
      </c>
      <c r="J6948" s="2" t="s">
        <v>69039</v>
      </c>
      <c r="K6948" s="5" t="s">
        <v>69038</v>
      </c>
      <c r="L6948" s="2" t="s">
        <v>69039</v>
      </c>
      <c r="M6948" s="5" t="s">
        <v>1521</v>
      </c>
      <c r="N6948" s="5" t="s">
        <v>38</v>
      </c>
      <c r="O6948" s="5" t="s">
        <v>39</v>
      </c>
      <c r="P6948" s="5" t="s">
        <v>40</v>
      </c>
      <c r="Q6948" s="5" t="s">
        <v>1522</v>
      </c>
      <c r="R6948" s="5" t="s">
        <v>1523</v>
      </c>
      <c r="S6948" s="5" t="s">
        <v>42</v>
      </c>
      <c r="T6948" s="2">
        <v>2.258</v>
      </c>
      <c r="U6948" s="2">
        <v>1.786</v>
      </c>
      <c r="V6948" s="2">
        <v>16.7</v>
      </c>
      <c r="W6948" s="2">
        <v>82.9</v>
      </c>
      <c r="X6948" s="2">
        <v>7.6</v>
      </c>
      <c r="Y6948" s="2">
        <v>16.7</v>
      </c>
      <c r="Z6948" s="5"/>
      <c r="AA6948" s="5" t="s">
        <v>43</v>
      </c>
      <c r="AB6948" s="5" t="s">
        <v>44</v>
      </c>
      <c r="AC6948" s="2"/>
      <c r="AD6948" s="1"/>
    </row>
    <row r="6949" spans="1:30">
      <c r="A6949" s="5" t="s">
        <v>83578</v>
      </c>
      <c r="B6949" s="2" t="s">
        <v>104966</v>
      </c>
      <c r="C6949" s="14" t="s">
        <v>104967</v>
      </c>
      <c r="D6949" s="2" t="s">
        <v>104968</v>
      </c>
      <c r="E6949" s="2" t="s">
        <v>7589</v>
      </c>
      <c r="F6949" s="8">
        <v>247</v>
      </c>
      <c r="G6949" s="5">
        <v>6</v>
      </c>
      <c r="H6949" s="5" t="s">
        <v>1518</v>
      </c>
      <c r="I6949" s="5" t="s">
        <v>69038</v>
      </c>
      <c r="J6949" s="2" t="s">
        <v>69039</v>
      </c>
      <c r="K6949" s="5" t="s">
        <v>69038</v>
      </c>
      <c r="L6949" s="2" t="s">
        <v>69039</v>
      </c>
      <c r="M6949" s="5" t="s">
        <v>1521</v>
      </c>
      <c r="N6949" s="5" t="s">
        <v>38</v>
      </c>
      <c r="O6949" s="5" t="s">
        <v>39</v>
      </c>
      <c r="P6949" s="5" t="s">
        <v>40</v>
      </c>
      <c r="Q6949" s="5" t="s">
        <v>1522</v>
      </c>
      <c r="R6949" s="5" t="s">
        <v>1523</v>
      </c>
      <c r="S6949" s="5" t="s">
        <v>42</v>
      </c>
      <c r="T6949" s="2">
        <v>2.3199999999999998</v>
      </c>
      <c r="U6949" s="2">
        <v>1.8480000000000001</v>
      </c>
      <c r="V6949" s="2">
        <v>16.7</v>
      </c>
      <c r="W6949" s="2">
        <v>82.9</v>
      </c>
      <c r="X6949" s="2">
        <v>7.6</v>
      </c>
      <c r="Y6949" s="2">
        <v>16.7</v>
      </c>
      <c r="Z6949" s="5"/>
      <c r="AA6949" s="5" t="s">
        <v>43</v>
      </c>
      <c r="AB6949" s="5" t="s">
        <v>44</v>
      </c>
      <c r="AC6949" s="2"/>
      <c r="AD6949" s="1"/>
    </row>
    <row r="6950" spans="1:30">
      <c r="A6950" s="5" t="s">
        <v>83578</v>
      </c>
      <c r="B6950" s="2" t="s">
        <v>104969</v>
      </c>
      <c r="C6950" s="14" t="s">
        <v>104970</v>
      </c>
      <c r="D6950" s="2" t="s">
        <v>104971</v>
      </c>
      <c r="E6950" s="2" t="s">
        <v>7593</v>
      </c>
      <c r="F6950" s="8">
        <v>247</v>
      </c>
      <c r="G6950" s="5">
        <v>6</v>
      </c>
      <c r="H6950" s="5" t="s">
        <v>1518</v>
      </c>
      <c r="I6950" s="5" t="s">
        <v>69038</v>
      </c>
      <c r="J6950" s="2" t="s">
        <v>69039</v>
      </c>
      <c r="K6950" s="5" t="s">
        <v>69038</v>
      </c>
      <c r="L6950" s="2" t="s">
        <v>69039</v>
      </c>
      <c r="M6950" s="5" t="s">
        <v>1521</v>
      </c>
      <c r="N6950" s="5" t="s">
        <v>38</v>
      </c>
      <c r="O6950" s="5" t="s">
        <v>39</v>
      </c>
      <c r="P6950" s="5" t="s">
        <v>40</v>
      </c>
      <c r="Q6950" s="5" t="s">
        <v>1522</v>
      </c>
      <c r="R6950" s="5" t="s">
        <v>1523</v>
      </c>
      <c r="S6950" s="5" t="s">
        <v>42</v>
      </c>
      <c r="T6950" s="2">
        <v>2.258</v>
      </c>
      <c r="U6950" s="2">
        <v>1.786</v>
      </c>
      <c r="V6950" s="2">
        <v>16.7</v>
      </c>
      <c r="W6950" s="2">
        <v>82.9</v>
      </c>
      <c r="X6950" s="2">
        <v>7.6</v>
      </c>
      <c r="Y6950" s="2">
        <v>16.7</v>
      </c>
      <c r="Z6950" s="5"/>
      <c r="AA6950" s="5" t="s">
        <v>43</v>
      </c>
      <c r="AB6950" s="5" t="s">
        <v>44</v>
      </c>
      <c r="AC6950" s="2"/>
      <c r="AD6950" s="1"/>
    </row>
    <row r="6951" spans="1:30">
      <c r="A6951" s="5" t="s">
        <v>83578</v>
      </c>
      <c r="B6951" s="2" t="s">
        <v>104972</v>
      </c>
      <c r="C6951" s="14" t="s">
        <v>104973</v>
      </c>
      <c r="D6951" s="2" t="s">
        <v>104974</v>
      </c>
      <c r="E6951" s="2" t="s">
        <v>7597</v>
      </c>
      <c r="F6951" s="8">
        <v>247</v>
      </c>
      <c r="G6951" s="5">
        <v>6</v>
      </c>
      <c r="H6951" s="5" t="s">
        <v>1518</v>
      </c>
      <c r="I6951" s="5" t="s">
        <v>69038</v>
      </c>
      <c r="J6951" s="2" t="s">
        <v>69039</v>
      </c>
      <c r="K6951" s="5" t="s">
        <v>69038</v>
      </c>
      <c r="L6951" s="2" t="s">
        <v>69039</v>
      </c>
      <c r="M6951" s="5" t="s">
        <v>1521</v>
      </c>
      <c r="N6951" s="5" t="s">
        <v>38</v>
      </c>
      <c r="O6951" s="5" t="s">
        <v>39</v>
      </c>
      <c r="P6951" s="5" t="s">
        <v>40</v>
      </c>
      <c r="Q6951" s="5" t="s">
        <v>1522</v>
      </c>
      <c r="R6951" s="5" t="s">
        <v>1523</v>
      </c>
      <c r="S6951" s="5" t="s">
        <v>42</v>
      </c>
      <c r="T6951" s="2">
        <v>2.3199999999999998</v>
      </c>
      <c r="U6951" s="2">
        <v>1.8480000000000001</v>
      </c>
      <c r="V6951" s="2">
        <v>16.7</v>
      </c>
      <c r="W6951" s="2">
        <v>82.9</v>
      </c>
      <c r="X6951" s="2">
        <v>7.6</v>
      </c>
      <c r="Y6951" s="2">
        <v>16.7</v>
      </c>
      <c r="Z6951" s="5"/>
      <c r="AA6951" s="5" t="s">
        <v>43</v>
      </c>
      <c r="AB6951" s="5" t="s">
        <v>44</v>
      </c>
      <c r="AC6951" s="2"/>
      <c r="AD6951" s="1"/>
    </row>
    <row r="6952" spans="1:30">
      <c r="A6952" s="5" t="s">
        <v>83578</v>
      </c>
      <c r="B6952" s="2" t="s">
        <v>104975</v>
      </c>
      <c r="C6952" s="14" t="s">
        <v>104976</v>
      </c>
      <c r="D6952" s="2" t="s">
        <v>104977</v>
      </c>
      <c r="E6952" s="2" t="s">
        <v>73358</v>
      </c>
      <c r="F6952" s="8">
        <v>247</v>
      </c>
      <c r="G6952" s="5">
        <v>6</v>
      </c>
      <c r="H6952" s="5" t="s">
        <v>1518</v>
      </c>
      <c r="I6952" s="5" t="s">
        <v>69038</v>
      </c>
      <c r="J6952" s="2" t="s">
        <v>69039</v>
      </c>
      <c r="K6952" s="5" t="s">
        <v>69038</v>
      </c>
      <c r="L6952" s="2" t="s">
        <v>69039</v>
      </c>
      <c r="M6952" s="5" t="s">
        <v>1521</v>
      </c>
      <c r="N6952" s="5" t="s">
        <v>38</v>
      </c>
      <c r="O6952" s="5" t="s">
        <v>39</v>
      </c>
      <c r="P6952" s="5" t="s">
        <v>40</v>
      </c>
      <c r="Q6952" s="5" t="s">
        <v>1522</v>
      </c>
      <c r="R6952" s="5" t="s">
        <v>1523</v>
      </c>
      <c r="S6952" s="5" t="s">
        <v>42</v>
      </c>
      <c r="T6952" s="2">
        <v>2.258</v>
      </c>
      <c r="U6952" s="2">
        <v>1.786</v>
      </c>
      <c r="V6952" s="2">
        <v>16.7</v>
      </c>
      <c r="W6952" s="2">
        <v>82.9</v>
      </c>
      <c r="X6952" s="2">
        <v>7.6</v>
      </c>
      <c r="Y6952" s="2">
        <v>16.7</v>
      </c>
      <c r="Z6952" s="5"/>
      <c r="AA6952" s="5" t="s">
        <v>43</v>
      </c>
      <c r="AB6952" s="5" t="s">
        <v>44</v>
      </c>
      <c r="AC6952" s="2"/>
      <c r="AD6952" s="1"/>
    </row>
    <row r="6953" spans="1:30">
      <c r="A6953" s="5" t="s">
        <v>83578</v>
      </c>
      <c r="B6953" s="2" t="s">
        <v>104978</v>
      </c>
      <c r="C6953" s="14" t="s">
        <v>104979</v>
      </c>
      <c r="D6953" s="2" t="s">
        <v>104980</v>
      </c>
      <c r="E6953" s="2" t="s">
        <v>73362</v>
      </c>
      <c r="F6953" s="8">
        <v>247</v>
      </c>
      <c r="G6953" s="5">
        <v>6</v>
      </c>
      <c r="H6953" s="5" t="s">
        <v>1518</v>
      </c>
      <c r="I6953" s="5" t="s">
        <v>69038</v>
      </c>
      <c r="J6953" s="2" t="s">
        <v>69039</v>
      </c>
      <c r="K6953" s="5" t="s">
        <v>69038</v>
      </c>
      <c r="L6953" s="2" t="s">
        <v>69039</v>
      </c>
      <c r="M6953" s="5" t="s">
        <v>1521</v>
      </c>
      <c r="N6953" s="5" t="s">
        <v>38</v>
      </c>
      <c r="O6953" s="5" t="s">
        <v>39</v>
      </c>
      <c r="P6953" s="5" t="s">
        <v>40</v>
      </c>
      <c r="Q6953" s="5" t="s">
        <v>1522</v>
      </c>
      <c r="R6953" s="5" t="s">
        <v>1523</v>
      </c>
      <c r="S6953" s="5" t="s">
        <v>42</v>
      </c>
      <c r="T6953" s="2">
        <v>2.3199999999999998</v>
      </c>
      <c r="U6953" s="2">
        <v>1.8480000000000001</v>
      </c>
      <c r="V6953" s="2">
        <v>16.7</v>
      </c>
      <c r="W6953" s="2">
        <v>82.9</v>
      </c>
      <c r="X6953" s="2">
        <v>7.6</v>
      </c>
      <c r="Y6953" s="2">
        <v>16.7</v>
      </c>
      <c r="Z6953" s="5"/>
      <c r="AA6953" s="5" t="s">
        <v>43</v>
      </c>
      <c r="AB6953" s="5" t="s">
        <v>44</v>
      </c>
      <c r="AC6953" s="2"/>
      <c r="AD6953" s="1"/>
    </row>
    <row r="6954" spans="1:30">
      <c r="A6954" s="5" t="s">
        <v>83578</v>
      </c>
      <c r="B6954" s="2" t="s">
        <v>104981</v>
      </c>
      <c r="C6954" s="14" t="s">
        <v>104982</v>
      </c>
      <c r="D6954" s="2" t="s">
        <v>104983</v>
      </c>
      <c r="E6954" s="2" t="s">
        <v>7615</v>
      </c>
      <c r="F6954" s="8">
        <v>247</v>
      </c>
      <c r="G6954" s="5">
        <v>6</v>
      </c>
      <c r="H6954" s="5" t="s">
        <v>1518</v>
      </c>
      <c r="I6954" s="5" t="s">
        <v>69038</v>
      </c>
      <c r="J6954" s="2" t="s">
        <v>69039</v>
      </c>
      <c r="K6954" s="5" t="s">
        <v>69038</v>
      </c>
      <c r="L6954" s="2" t="s">
        <v>69039</v>
      </c>
      <c r="M6954" s="5" t="s">
        <v>1521</v>
      </c>
      <c r="N6954" s="5" t="s">
        <v>38</v>
      </c>
      <c r="O6954" s="5" t="s">
        <v>39</v>
      </c>
      <c r="P6954" s="5" t="s">
        <v>40</v>
      </c>
      <c r="Q6954" s="5" t="s">
        <v>1522</v>
      </c>
      <c r="R6954" s="5" t="s">
        <v>1523</v>
      </c>
      <c r="S6954" s="5" t="s">
        <v>42</v>
      </c>
      <c r="T6954" s="2">
        <v>2.258</v>
      </c>
      <c r="U6954" s="2">
        <v>1.786</v>
      </c>
      <c r="V6954" s="2">
        <v>16.7</v>
      </c>
      <c r="W6954" s="2">
        <v>82.9</v>
      </c>
      <c r="X6954" s="2">
        <v>7.6</v>
      </c>
      <c r="Y6954" s="2">
        <v>16.7</v>
      </c>
      <c r="Z6954" s="5"/>
      <c r="AA6954" s="5" t="s">
        <v>43</v>
      </c>
      <c r="AB6954" s="5" t="s">
        <v>44</v>
      </c>
      <c r="AC6954" s="2"/>
      <c r="AD6954" s="1"/>
    </row>
    <row r="6955" spans="1:30">
      <c r="A6955" s="5" t="s">
        <v>83578</v>
      </c>
      <c r="B6955" s="2" t="s">
        <v>104984</v>
      </c>
      <c r="C6955" s="14" t="s">
        <v>104985</v>
      </c>
      <c r="D6955" s="2" t="s">
        <v>104986</v>
      </c>
      <c r="E6955" s="2" t="s">
        <v>7619</v>
      </c>
      <c r="F6955" s="8">
        <v>247</v>
      </c>
      <c r="G6955" s="5">
        <v>6</v>
      </c>
      <c r="H6955" s="5" t="s">
        <v>1518</v>
      </c>
      <c r="I6955" s="5" t="s">
        <v>69038</v>
      </c>
      <c r="J6955" s="2" t="s">
        <v>69039</v>
      </c>
      <c r="K6955" s="5" t="s">
        <v>69038</v>
      </c>
      <c r="L6955" s="2" t="s">
        <v>69039</v>
      </c>
      <c r="M6955" s="5" t="s">
        <v>1521</v>
      </c>
      <c r="N6955" s="5" t="s">
        <v>38</v>
      </c>
      <c r="O6955" s="5" t="s">
        <v>39</v>
      </c>
      <c r="P6955" s="5" t="s">
        <v>40</v>
      </c>
      <c r="Q6955" s="5" t="s">
        <v>1522</v>
      </c>
      <c r="R6955" s="5" t="s">
        <v>1523</v>
      </c>
      <c r="S6955" s="5" t="s">
        <v>42</v>
      </c>
      <c r="T6955" s="2">
        <v>2.3199999999999998</v>
      </c>
      <c r="U6955" s="2">
        <v>1.8480000000000001</v>
      </c>
      <c r="V6955" s="2">
        <v>16.7</v>
      </c>
      <c r="W6955" s="2">
        <v>82.9</v>
      </c>
      <c r="X6955" s="2">
        <v>7.6</v>
      </c>
      <c r="Y6955" s="2">
        <v>16.7</v>
      </c>
      <c r="Z6955" s="5"/>
      <c r="AA6955" s="5" t="s">
        <v>43</v>
      </c>
      <c r="AB6955" s="5" t="s">
        <v>44</v>
      </c>
      <c r="AC6955" s="2"/>
      <c r="AD6955" s="1"/>
    </row>
    <row r="6956" spans="1:30">
      <c r="A6956" s="5" t="s">
        <v>83578</v>
      </c>
      <c r="B6956" s="2" t="s">
        <v>104987</v>
      </c>
      <c r="C6956" s="14" t="s">
        <v>104988</v>
      </c>
      <c r="D6956" s="2" t="s">
        <v>104989</v>
      </c>
      <c r="E6956" s="2" t="s">
        <v>16014</v>
      </c>
      <c r="F6956" s="8">
        <v>247</v>
      </c>
      <c r="G6956" s="5">
        <v>6</v>
      </c>
      <c r="H6956" s="5" t="s">
        <v>1518</v>
      </c>
      <c r="I6956" s="5" t="s">
        <v>69038</v>
      </c>
      <c r="J6956" s="2" t="s">
        <v>69039</v>
      </c>
      <c r="K6956" s="5" t="s">
        <v>69038</v>
      </c>
      <c r="L6956" s="2" t="s">
        <v>69039</v>
      </c>
      <c r="M6956" s="5" t="s">
        <v>1521</v>
      </c>
      <c r="N6956" s="5" t="s">
        <v>38</v>
      </c>
      <c r="O6956" s="5" t="s">
        <v>39</v>
      </c>
      <c r="P6956" s="5" t="s">
        <v>40</v>
      </c>
      <c r="Q6956" s="5" t="s">
        <v>1522</v>
      </c>
      <c r="R6956" s="5" t="s">
        <v>1523</v>
      </c>
      <c r="S6956" s="5" t="s">
        <v>42</v>
      </c>
      <c r="T6956" s="2">
        <v>2.258</v>
      </c>
      <c r="U6956" s="2">
        <v>1.786</v>
      </c>
      <c r="V6956" s="2">
        <v>16.7</v>
      </c>
      <c r="W6956" s="2">
        <v>82.9</v>
      </c>
      <c r="X6956" s="2">
        <v>7.6</v>
      </c>
      <c r="Y6956" s="2">
        <v>16.7</v>
      </c>
      <c r="Z6956" s="5"/>
      <c r="AA6956" s="5" t="s">
        <v>43</v>
      </c>
      <c r="AB6956" s="5" t="s">
        <v>44</v>
      </c>
      <c r="AC6956" s="2"/>
      <c r="AD6956" s="1"/>
    </row>
    <row r="6957" spans="1:30">
      <c r="A6957" s="5" t="s">
        <v>83578</v>
      </c>
      <c r="B6957" s="2" t="s">
        <v>104990</v>
      </c>
      <c r="C6957" s="14" t="s">
        <v>104991</v>
      </c>
      <c r="D6957" s="2" t="s">
        <v>104992</v>
      </c>
      <c r="E6957" s="2" t="s">
        <v>16219</v>
      </c>
      <c r="F6957" s="8">
        <v>247</v>
      </c>
      <c r="G6957" s="5">
        <v>6</v>
      </c>
      <c r="H6957" s="5" t="s">
        <v>1518</v>
      </c>
      <c r="I6957" s="5" t="s">
        <v>69038</v>
      </c>
      <c r="J6957" s="2" t="s">
        <v>69039</v>
      </c>
      <c r="K6957" s="5" t="s">
        <v>69038</v>
      </c>
      <c r="L6957" s="2" t="s">
        <v>69039</v>
      </c>
      <c r="M6957" s="5" t="s">
        <v>1521</v>
      </c>
      <c r="N6957" s="5" t="s">
        <v>38</v>
      </c>
      <c r="O6957" s="5" t="s">
        <v>39</v>
      </c>
      <c r="P6957" s="5" t="s">
        <v>40</v>
      </c>
      <c r="Q6957" s="5" t="s">
        <v>1522</v>
      </c>
      <c r="R6957" s="5" t="s">
        <v>1523</v>
      </c>
      <c r="S6957" s="5" t="s">
        <v>42</v>
      </c>
      <c r="T6957" s="2">
        <v>2.3199999999999998</v>
      </c>
      <c r="U6957" s="2">
        <v>1.8480000000000001</v>
      </c>
      <c r="V6957" s="2">
        <v>16.7</v>
      </c>
      <c r="W6957" s="2">
        <v>82.9</v>
      </c>
      <c r="X6957" s="2">
        <v>7.6</v>
      </c>
      <c r="Y6957" s="2">
        <v>16.7</v>
      </c>
      <c r="Z6957" s="5"/>
      <c r="AA6957" s="5" t="s">
        <v>43</v>
      </c>
      <c r="AB6957" s="5" t="s">
        <v>44</v>
      </c>
      <c r="AC6957" s="2"/>
      <c r="AD6957" s="1"/>
    </row>
    <row r="6958" spans="1:30">
      <c r="A6958" s="5" t="s">
        <v>83578</v>
      </c>
      <c r="B6958" s="2" t="s">
        <v>104993</v>
      </c>
      <c r="C6958" s="14" t="s">
        <v>104994</v>
      </c>
      <c r="D6958" s="2" t="s">
        <v>104995</v>
      </c>
      <c r="E6958" s="2" t="s">
        <v>7212</v>
      </c>
      <c r="F6958" s="8">
        <v>232</v>
      </c>
      <c r="G6958" s="5">
        <v>6</v>
      </c>
      <c r="H6958" s="5" t="s">
        <v>1518</v>
      </c>
      <c r="I6958" s="5" t="s">
        <v>69038</v>
      </c>
      <c r="J6958" s="2" t="s">
        <v>69039</v>
      </c>
      <c r="K6958" s="5" t="s">
        <v>69038</v>
      </c>
      <c r="L6958" s="2" t="s">
        <v>69039</v>
      </c>
      <c r="M6958" s="5" t="s">
        <v>1521</v>
      </c>
      <c r="N6958" s="5" t="s">
        <v>38</v>
      </c>
      <c r="O6958" s="5" t="s">
        <v>39</v>
      </c>
      <c r="P6958" s="5" t="s">
        <v>40</v>
      </c>
      <c r="Q6958" s="5" t="s">
        <v>1522</v>
      </c>
      <c r="R6958" s="5" t="s">
        <v>1523</v>
      </c>
      <c r="S6958" s="5" t="s">
        <v>42</v>
      </c>
      <c r="T6958" s="2">
        <v>2.258</v>
      </c>
      <c r="U6958" s="2">
        <v>1.786</v>
      </c>
      <c r="V6958" s="2">
        <v>16.7</v>
      </c>
      <c r="W6958" s="2">
        <v>82.9</v>
      </c>
      <c r="X6958" s="2">
        <v>7.6</v>
      </c>
      <c r="Y6958" s="2">
        <v>16.7</v>
      </c>
      <c r="Z6958" s="5"/>
      <c r="AA6958" s="5" t="s">
        <v>43</v>
      </c>
      <c r="AB6958" s="5" t="s">
        <v>44</v>
      </c>
      <c r="AC6958" s="2"/>
      <c r="AD6958" s="1"/>
    </row>
    <row r="6959" spans="1:30">
      <c r="A6959" s="5" t="s">
        <v>83578</v>
      </c>
      <c r="B6959" s="2" t="s">
        <v>104996</v>
      </c>
      <c r="C6959" s="14" t="s">
        <v>104997</v>
      </c>
      <c r="D6959" s="2" t="s">
        <v>104998</v>
      </c>
      <c r="E6959" s="2" t="s">
        <v>7528</v>
      </c>
      <c r="F6959" s="8">
        <v>232</v>
      </c>
      <c r="G6959" s="5">
        <v>6</v>
      </c>
      <c r="H6959" s="5" t="s">
        <v>1518</v>
      </c>
      <c r="I6959" s="5" t="s">
        <v>69038</v>
      </c>
      <c r="J6959" s="2" t="s">
        <v>69039</v>
      </c>
      <c r="K6959" s="5" t="s">
        <v>69038</v>
      </c>
      <c r="L6959" s="2" t="s">
        <v>69039</v>
      </c>
      <c r="M6959" s="5" t="s">
        <v>1521</v>
      </c>
      <c r="N6959" s="5" t="s">
        <v>38</v>
      </c>
      <c r="O6959" s="5" t="s">
        <v>39</v>
      </c>
      <c r="P6959" s="5" t="s">
        <v>40</v>
      </c>
      <c r="Q6959" s="5" t="s">
        <v>1522</v>
      </c>
      <c r="R6959" s="5" t="s">
        <v>1523</v>
      </c>
      <c r="S6959" s="5" t="s">
        <v>42</v>
      </c>
      <c r="T6959" s="2">
        <v>2.3199999999999998</v>
      </c>
      <c r="U6959" s="2">
        <v>1.8480000000000001</v>
      </c>
      <c r="V6959" s="2">
        <v>16.7</v>
      </c>
      <c r="W6959" s="2">
        <v>82.9</v>
      </c>
      <c r="X6959" s="2">
        <v>7.6</v>
      </c>
      <c r="Y6959" s="2">
        <v>16.7</v>
      </c>
      <c r="Z6959" s="5"/>
      <c r="AA6959" s="5" t="s">
        <v>43</v>
      </c>
      <c r="AB6959" s="5" t="s">
        <v>44</v>
      </c>
      <c r="AC6959" s="2"/>
      <c r="AD6959" s="1"/>
    </row>
    <row r="6960" spans="1:30">
      <c r="A6960" s="5" t="s">
        <v>83578</v>
      </c>
      <c r="B6960" s="2" t="s">
        <v>104999</v>
      </c>
      <c r="C6960" s="14" t="s">
        <v>105000</v>
      </c>
      <c r="D6960" s="2" t="s">
        <v>105001</v>
      </c>
      <c r="E6960" s="2" t="s">
        <v>7406</v>
      </c>
      <c r="F6960" s="8">
        <v>259</v>
      </c>
      <c r="G6960" s="5">
        <v>6</v>
      </c>
      <c r="H6960" s="5" t="s">
        <v>1518</v>
      </c>
      <c r="I6960" s="5" t="s">
        <v>69038</v>
      </c>
      <c r="J6960" s="2" t="s">
        <v>69039</v>
      </c>
      <c r="K6960" s="5" t="s">
        <v>69038</v>
      </c>
      <c r="L6960" s="2" t="s">
        <v>69039</v>
      </c>
      <c r="M6960" s="5" t="s">
        <v>1521</v>
      </c>
      <c r="N6960" s="5" t="s">
        <v>38</v>
      </c>
      <c r="O6960" s="5" t="s">
        <v>39</v>
      </c>
      <c r="P6960" s="5" t="s">
        <v>40</v>
      </c>
      <c r="Q6960" s="5" t="s">
        <v>1522</v>
      </c>
      <c r="R6960" s="5" t="s">
        <v>1523</v>
      </c>
      <c r="S6960" s="5" t="s">
        <v>42</v>
      </c>
      <c r="T6960" s="2">
        <v>2.492</v>
      </c>
      <c r="U6960" s="2">
        <v>1.9410000000000001</v>
      </c>
      <c r="V6960" s="2">
        <v>16.7</v>
      </c>
      <c r="W6960" s="2">
        <v>99.1</v>
      </c>
      <c r="X6960" s="2">
        <v>7.6</v>
      </c>
      <c r="Y6960" s="2">
        <v>16.7</v>
      </c>
      <c r="Z6960" s="5"/>
      <c r="AA6960" s="5" t="s">
        <v>43</v>
      </c>
      <c r="AB6960" s="5" t="s">
        <v>44</v>
      </c>
      <c r="AC6960" s="2"/>
      <c r="AD6960" s="1"/>
    </row>
    <row r="6961" spans="1:30">
      <c r="A6961" s="5" t="s">
        <v>83578</v>
      </c>
      <c r="B6961" s="2" t="s">
        <v>105002</v>
      </c>
      <c r="C6961" s="14" t="s">
        <v>105003</v>
      </c>
      <c r="D6961" s="2" t="s">
        <v>105004</v>
      </c>
      <c r="E6961" s="2" t="s">
        <v>7535</v>
      </c>
      <c r="F6961" s="8">
        <v>259</v>
      </c>
      <c r="G6961" s="5">
        <v>6</v>
      </c>
      <c r="H6961" s="5" t="s">
        <v>1518</v>
      </c>
      <c r="I6961" s="5" t="s">
        <v>69038</v>
      </c>
      <c r="J6961" s="2" t="s">
        <v>69039</v>
      </c>
      <c r="K6961" s="5" t="s">
        <v>69038</v>
      </c>
      <c r="L6961" s="2" t="s">
        <v>69039</v>
      </c>
      <c r="M6961" s="5" t="s">
        <v>1521</v>
      </c>
      <c r="N6961" s="5" t="s">
        <v>38</v>
      </c>
      <c r="O6961" s="5" t="s">
        <v>39</v>
      </c>
      <c r="P6961" s="5" t="s">
        <v>40</v>
      </c>
      <c r="Q6961" s="5" t="s">
        <v>1522</v>
      </c>
      <c r="R6961" s="5" t="s">
        <v>1523</v>
      </c>
      <c r="S6961" s="5" t="s">
        <v>42</v>
      </c>
      <c r="T6961" s="2">
        <v>2.5649999999999999</v>
      </c>
      <c r="U6961" s="2">
        <v>2.0139999999999998</v>
      </c>
      <c r="V6961" s="2">
        <v>16.7</v>
      </c>
      <c r="W6961" s="2">
        <v>99.1</v>
      </c>
      <c r="X6961" s="2">
        <v>7.6</v>
      </c>
      <c r="Y6961" s="2">
        <v>16.7</v>
      </c>
      <c r="Z6961" s="5"/>
      <c r="AA6961" s="5" t="s">
        <v>43</v>
      </c>
      <c r="AB6961" s="5" t="s">
        <v>44</v>
      </c>
      <c r="AC6961" s="2"/>
      <c r="AD6961" s="1"/>
    </row>
    <row r="6962" spans="1:30">
      <c r="A6962" s="5" t="s">
        <v>83578</v>
      </c>
      <c r="B6962" s="2" t="s">
        <v>105005</v>
      </c>
      <c r="C6962" s="14" t="s">
        <v>105006</v>
      </c>
      <c r="D6962" s="2" t="s">
        <v>105007</v>
      </c>
      <c r="E6962" s="2" t="s">
        <v>7551</v>
      </c>
      <c r="F6962" s="8">
        <v>259</v>
      </c>
      <c r="G6962" s="5">
        <v>6</v>
      </c>
      <c r="H6962" s="5" t="s">
        <v>1518</v>
      </c>
      <c r="I6962" s="5" t="s">
        <v>69038</v>
      </c>
      <c r="J6962" s="2" t="s">
        <v>69039</v>
      </c>
      <c r="K6962" s="5" t="s">
        <v>69038</v>
      </c>
      <c r="L6962" s="2" t="s">
        <v>69039</v>
      </c>
      <c r="M6962" s="5" t="s">
        <v>1521</v>
      </c>
      <c r="N6962" s="5" t="s">
        <v>38</v>
      </c>
      <c r="O6962" s="5" t="s">
        <v>39</v>
      </c>
      <c r="P6962" s="5" t="s">
        <v>40</v>
      </c>
      <c r="Q6962" s="5" t="s">
        <v>1522</v>
      </c>
      <c r="R6962" s="5" t="s">
        <v>1523</v>
      </c>
      <c r="S6962" s="5" t="s">
        <v>42</v>
      </c>
      <c r="T6962" s="2">
        <v>2.5649999999999999</v>
      </c>
      <c r="U6962" s="2">
        <v>2.0139999999999998</v>
      </c>
      <c r="V6962" s="2">
        <v>16.7</v>
      </c>
      <c r="W6962" s="2">
        <v>99.1</v>
      </c>
      <c r="X6962" s="2">
        <v>7.6</v>
      </c>
      <c r="Y6962" s="2">
        <v>16.7</v>
      </c>
      <c r="Z6962" s="5"/>
      <c r="AA6962" s="5" t="s">
        <v>43</v>
      </c>
      <c r="AB6962" s="5" t="s">
        <v>44</v>
      </c>
      <c r="AC6962" s="2"/>
      <c r="AD6962" s="1"/>
    </row>
    <row r="6963" spans="1:30">
      <c r="A6963" s="5" t="s">
        <v>83578</v>
      </c>
      <c r="B6963" s="2" t="s">
        <v>105008</v>
      </c>
      <c r="C6963" s="14" t="s">
        <v>105009</v>
      </c>
      <c r="D6963" s="2" t="s">
        <v>105010</v>
      </c>
      <c r="E6963" s="2" t="s">
        <v>7563</v>
      </c>
      <c r="F6963" s="8">
        <v>259</v>
      </c>
      <c r="G6963" s="5">
        <v>6</v>
      </c>
      <c r="H6963" s="5" t="s">
        <v>1518</v>
      </c>
      <c r="I6963" s="5" t="s">
        <v>69038</v>
      </c>
      <c r="J6963" s="2" t="s">
        <v>69039</v>
      </c>
      <c r="K6963" s="5" t="s">
        <v>69038</v>
      </c>
      <c r="L6963" s="2" t="s">
        <v>69039</v>
      </c>
      <c r="M6963" s="5" t="s">
        <v>1521</v>
      </c>
      <c r="N6963" s="5" t="s">
        <v>38</v>
      </c>
      <c r="O6963" s="5" t="s">
        <v>39</v>
      </c>
      <c r="P6963" s="5" t="s">
        <v>40</v>
      </c>
      <c r="Q6963" s="5" t="s">
        <v>1522</v>
      </c>
      <c r="R6963" s="5" t="s">
        <v>1523</v>
      </c>
      <c r="S6963" s="5" t="s">
        <v>42</v>
      </c>
      <c r="T6963" s="2">
        <v>2.492</v>
      </c>
      <c r="U6963" s="2">
        <v>1.9410000000000001</v>
      </c>
      <c r="V6963" s="2">
        <v>16.7</v>
      </c>
      <c r="W6963" s="2">
        <v>99.1</v>
      </c>
      <c r="X6963" s="2">
        <v>7.6</v>
      </c>
      <c r="Y6963" s="2">
        <v>16.7</v>
      </c>
      <c r="Z6963" s="5"/>
      <c r="AA6963" s="5" t="s">
        <v>43</v>
      </c>
      <c r="AB6963" s="5" t="s">
        <v>44</v>
      </c>
      <c r="AC6963" s="2"/>
      <c r="AD6963" s="1"/>
    </row>
    <row r="6964" spans="1:30">
      <c r="A6964" s="5" t="s">
        <v>83578</v>
      </c>
      <c r="B6964" s="2" t="s">
        <v>105011</v>
      </c>
      <c r="C6964" s="14" t="s">
        <v>105012</v>
      </c>
      <c r="D6964" s="2" t="s">
        <v>105013</v>
      </c>
      <c r="E6964" s="2" t="s">
        <v>7567</v>
      </c>
      <c r="F6964" s="8">
        <v>259</v>
      </c>
      <c r="G6964" s="5">
        <v>6</v>
      </c>
      <c r="H6964" s="5" t="s">
        <v>1518</v>
      </c>
      <c r="I6964" s="5" t="s">
        <v>69038</v>
      </c>
      <c r="J6964" s="2" t="s">
        <v>69039</v>
      </c>
      <c r="K6964" s="5" t="s">
        <v>69038</v>
      </c>
      <c r="L6964" s="2" t="s">
        <v>69039</v>
      </c>
      <c r="M6964" s="5" t="s">
        <v>1521</v>
      </c>
      <c r="N6964" s="5" t="s">
        <v>38</v>
      </c>
      <c r="O6964" s="5" t="s">
        <v>39</v>
      </c>
      <c r="P6964" s="5" t="s">
        <v>40</v>
      </c>
      <c r="Q6964" s="5" t="s">
        <v>1522</v>
      </c>
      <c r="R6964" s="5" t="s">
        <v>1523</v>
      </c>
      <c r="S6964" s="5" t="s">
        <v>42</v>
      </c>
      <c r="T6964" s="2">
        <v>2.5649999999999999</v>
      </c>
      <c r="U6964" s="2">
        <v>2.0139999999999998</v>
      </c>
      <c r="V6964" s="2">
        <v>16.7</v>
      </c>
      <c r="W6964" s="2">
        <v>99.1</v>
      </c>
      <c r="X6964" s="2">
        <v>7.6</v>
      </c>
      <c r="Y6964" s="2">
        <v>16.7</v>
      </c>
      <c r="Z6964" s="5"/>
      <c r="AA6964" s="5" t="s">
        <v>43</v>
      </c>
      <c r="AB6964" s="5" t="s">
        <v>44</v>
      </c>
      <c r="AC6964" s="2"/>
      <c r="AD6964" s="1"/>
    </row>
    <row r="6965" spans="1:30">
      <c r="A6965" s="5" t="s">
        <v>83578</v>
      </c>
      <c r="B6965" s="2" t="s">
        <v>105014</v>
      </c>
      <c r="C6965" s="14" t="s">
        <v>105015</v>
      </c>
      <c r="D6965" s="2" t="s">
        <v>105016</v>
      </c>
      <c r="E6965" s="2" t="s">
        <v>7559</v>
      </c>
      <c r="F6965" s="8">
        <v>259</v>
      </c>
      <c r="G6965" s="5">
        <v>6</v>
      </c>
      <c r="H6965" s="5" t="s">
        <v>1518</v>
      </c>
      <c r="I6965" s="5" t="s">
        <v>69038</v>
      </c>
      <c r="J6965" s="2" t="s">
        <v>69039</v>
      </c>
      <c r="K6965" s="5" t="s">
        <v>69038</v>
      </c>
      <c r="L6965" s="2" t="s">
        <v>69039</v>
      </c>
      <c r="M6965" s="5" t="s">
        <v>1521</v>
      </c>
      <c r="N6965" s="5" t="s">
        <v>38</v>
      </c>
      <c r="O6965" s="5" t="s">
        <v>39</v>
      </c>
      <c r="P6965" s="5" t="s">
        <v>40</v>
      </c>
      <c r="Q6965" s="5" t="s">
        <v>1522</v>
      </c>
      <c r="R6965" s="5" t="s">
        <v>1523</v>
      </c>
      <c r="S6965" s="5" t="s">
        <v>42</v>
      </c>
      <c r="T6965" s="2">
        <v>2.5649999999999999</v>
      </c>
      <c r="U6965" s="2">
        <v>2.0139999999999998</v>
      </c>
      <c r="V6965" s="2">
        <v>16.7</v>
      </c>
      <c r="W6965" s="2">
        <v>99.1</v>
      </c>
      <c r="X6965" s="2">
        <v>7.6</v>
      </c>
      <c r="Y6965" s="2">
        <v>16.7</v>
      </c>
      <c r="Z6965" s="5"/>
      <c r="AA6965" s="5" t="s">
        <v>43</v>
      </c>
      <c r="AB6965" s="5" t="s">
        <v>44</v>
      </c>
      <c r="AC6965" s="2"/>
      <c r="AD6965" s="1"/>
    </row>
    <row r="6966" spans="1:30">
      <c r="A6966" s="5" t="s">
        <v>83578</v>
      </c>
      <c r="B6966" s="2" t="s">
        <v>105017</v>
      </c>
      <c r="C6966" s="14" t="s">
        <v>105018</v>
      </c>
      <c r="D6966" s="2" t="s">
        <v>105019</v>
      </c>
      <c r="E6966" s="2" t="s">
        <v>16079</v>
      </c>
      <c r="F6966" s="8">
        <v>259</v>
      </c>
      <c r="G6966" s="5">
        <v>6</v>
      </c>
      <c r="H6966" s="5" t="s">
        <v>1518</v>
      </c>
      <c r="I6966" s="5" t="s">
        <v>69038</v>
      </c>
      <c r="J6966" s="2" t="s">
        <v>69039</v>
      </c>
      <c r="K6966" s="5" t="s">
        <v>69038</v>
      </c>
      <c r="L6966" s="2" t="s">
        <v>69039</v>
      </c>
      <c r="M6966" s="5" t="s">
        <v>1521</v>
      </c>
      <c r="N6966" s="5" t="s">
        <v>38</v>
      </c>
      <c r="O6966" s="5" t="s">
        <v>39</v>
      </c>
      <c r="P6966" s="5" t="s">
        <v>40</v>
      </c>
      <c r="Q6966" s="5" t="s">
        <v>1522</v>
      </c>
      <c r="R6966" s="5" t="s">
        <v>1523</v>
      </c>
      <c r="S6966" s="5" t="s">
        <v>42</v>
      </c>
      <c r="T6966" s="2">
        <v>2.492</v>
      </c>
      <c r="U6966" s="2">
        <v>1.9410000000000001</v>
      </c>
      <c r="V6966" s="2">
        <v>16.7</v>
      </c>
      <c r="W6966" s="2">
        <v>99.1</v>
      </c>
      <c r="X6966" s="2">
        <v>7.6</v>
      </c>
      <c r="Y6966" s="2">
        <v>16.7</v>
      </c>
      <c r="Z6966" s="5"/>
      <c r="AA6966" s="5" t="s">
        <v>43</v>
      </c>
      <c r="AB6966" s="5" t="s">
        <v>44</v>
      </c>
      <c r="AC6966" s="2"/>
      <c r="AD6966" s="1"/>
    </row>
    <row r="6967" spans="1:30">
      <c r="A6967" s="5" t="s">
        <v>83578</v>
      </c>
      <c r="B6967" s="2" t="s">
        <v>105020</v>
      </c>
      <c r="C6967" s="14" t="s">
        <v>105021</v>
      </c>
      <c r="D6967" s="2" t="s">
        <v>105022</v>
      </c>
      <c r="E6967" s="2" t="s">
        <v>16194</v>
      </c>
      <c r="F6967" s="8">
        <v>259</v>
      </c>
      <c r="G6967" s="5">
        <v>6</v>
      </c>
      <c r="H6967" s="5" t="s">
        <v>1518</v>
      </c>
      <c r="I6967" s="5" t="s">
        <v>69038</v>
      </c>
      <c r="J6967" s="2" t="s">
        <v>69039</v>
      </c>
      <c r="K6967" s="5" t="s">
        <v>69038</v>
      </c>
      <c r="L6967" s="2" t="s">
        <v>69039</v>
      </c>
      <c r="M6967" s="5" t="s">
        <v>1521</v>
      </c>
      <c r="N6967" s="5" t="s">
        <v>38</v>
      </c>
      <c r="O6967" s="5" t="s">
        <v>39</v>
      </c>
      <c r="P6967" s="5" t="s">
        <v>40</v>
      </c>
      <c r="Q6967" s="5" t="s">
        <v>1522</v>
      </c>
      <c r="R6967" s="5" t="s">
        <v>1523</v>
      </c>
      <c r="S6967" s="5" t="s">
        <v>42</v>
      </c>
      <c r="T6967" s="2">
        <v>2.5649999999999999</v>
      </c>
      <c r="U6967" s="2">
        <v>2.0139999999999998</v>
      </c>
      <c r="V6967" s="2">
        <v>16.7</v>
      </c>
      <c r="W6967" s="2">
        <v>99.1</v>
      </c>
      <c r="X6967" s="2">
        <v>7.6</v>
      </c>
      <c r="Y6967" s="2">
        <v>16.7</v>
      </c>
      <c r="Z6967" s="5"/>
      <c r="AA6967" s="5" t="s">
        <v>43</v>
      </c>
      <c r="AB6967" s="5" t="s">
        <v>44</v>
      </c>
      <c r="AC6967" s="2"/>
      <c r="AD6967" s="1"/>
    </row>
    <row r="6968" spans="1:30">
      <c r="A6968" s="5" t="s">
        <v>83578</v>
      </c>
      <c r="B6968" s="2" t="s">
        <v>105023</v>
      </c>
      <c r="C6968" s="14" t="s">
        <v>105024</v>
      </c>
      <c r="D6968" s="2" t="s">
        <v>105025</v>
      </c>
      <c r="E6968" s="2" t="s">
        <v>7581</v>
      </c>
      <c r="F6968" s="8">
        <v>259</v>
      </c>
      <c r="G6968" s="5">
        <v>6</v>
      </c>
      <c r="H6968" s="5" t="s">
        <v>1518</v>
      </c>
      <c r="I6968" s="5" t="s">
        <v>69038</v>
      </c>
      <c r="J6968" s="2" t="s">
        <v>69039</v>
      </c>
      <c r="K6968" s="5" t="s">
        <v>69038</v>
      </c>
      <c r="L6968" s="2" t="s">
        <v>69039</v>
      </c>
      <c r="M6968" s="5" t="s">
        <v>1521</v>
      </c>
      <c r="N6968" s="5" t="s">
        <v>38</v>
      </c>
      <c r="O6968" s="5" t="s">
        <v>39</v>
      </c>
      <c r="P6968" s="5" t="s">
        <v>40</v>
      </c>
      <c r="Q6968" s="5" t="s">
        <v>1522</v>
      </c>
      <c r="R6968" s="5" t="s">
        <v>1523</v>
      </c>
      <c r="S6968" s="5" t="s">
        <v>42</v>
      </c>
      <c r="T6968" s="2">
        <v>2.5649999999999999</v>
      </c>
      <c r="U6968" s="2">
        <v>2.0139999999999998</v>
      </c>
      <c r="V6968" s="2">
        <v>16.7</v>
      </c>
      <c r="W6968" s="2">
        <v>99.1</v>
      </c>
      <c r="X6968" s="2">
        <v>7.6</v>
      </c>
      <c r="Y6968" s="2">
        <v>16.7</v>
      </c>
      <c r="Z6968" s="5"/>
      <c r="AA6968" s="5" t="s">
        <v>43</v>
      </c>
      <c r="AB6968" s="5" t="s">
        <v>44</v>
      </c>
      <c r="AC6968" s="2"/>
      <c r="AD6968" s="1"/>
    </row>
    <row r="6969" spans="1:30">
      <c r="A6969" s="5" t="s">
        <v>83578</v>
      </c>
      <c r="B6969" s="2" t="s">
        <v>105026</v>
      </c>
      <c r="C6969" s="14" t="s">
        <v>105027</v>
      </c>
      <c r="D6969" s="2" t="s">
        <v>105028</v>
      </c>
      <c r="E6969" s="2" t="s">
        <v>7589</v>
      </c>
      <c r="F6969" s="8">
        <v>259</v>
      </c>
      <c r="G6969" s="5">
        <v>6</v>
      </c>
      <c r="H6969" s="5" t="s">
        <v>1518</v>
      </c>
      <c r="I6969" s="5" t="s">
        <v>69038</v>
      </c>
      <c r="J6969" s="2" t="s">
        <v>69039</v>
      </c>
      <c r="K6969" s="5" t="s">
        <v>69038</v>
      </c>
      <c r="L6969" s="2" t="s">
        <v>69039</v>
      </c>
      <c r="M6969" s="5" t="s">
        <v>1521</v>
      </c>
      <c r="N6969" s="5" t="s">
        <v>38</v>
      </c>
      <c r="O6969" s="5" t="s">
        <v>39</v>
      </c>
      <c r="P6969" s="5" t="s">
        <v>40</v>
      </c>
      <c r="Q6969" s="5" t="s">
        <v>1522</v>
      </c>
      <c r="R6969" s="5" t="s">
        <v>1523</v>
      </c>
      <c r="S6969" s="5" t="s">
        <v>42</v>
      </c>
      <c r="T6969" s="2">
        <v>2.5649999999999999</v>
      </c>
      <c r="U6969" s="2">
        <v>2.0139999999999998</v>
      </c>
      <c r="V6969" s="2">
        <v>16.7</v>
      </c>
      <c r="W6969" s="2">
        <v>99.1</v>
      </c>
      <c r="X6969" s="2">
        <v>7.6</v>
      </c>
      <c r="Y6969" s="2">
        <v>16.7</v>
      </c>
      <c r="Z6969" s="5"/>
      <c r="AA6969" s="5" t="s">
        <v>43</v>
      </c>
      <c r="AB6969" s="5" t="s">
        <v>44</v>
      </c>
      <c r="AC6969" s="2"/>
      <c r="AD6969" s="1"/>
    </row>
    <row r="6970" spans="1:30">
      <c r="A6970" s="5" t="s">
        <v>83578</v>
      </c>
      <c r="B6970" s="2" t="s">
        <v>105029</v>
      </c>
      <c r="C6970" s="14" t="s">
        <v>105030</v>
      </c>
      <c r="D6970" s="2" t="s">
        <v>105031</v>
      </c>
      <c r="E6970" s="2" t="s">
        <v>7597</v>
      </c>
      <c r="F6970" s="8">
        <v>259</v>
      </c>
      <c r="G6970" s="5">
        <v>6</v>
      </c>
      <c r="H6970" s="5" t="s">
        <v>1518</v>
      </c>
      <c r="I6970" s="5" t="s">
        <v>69038</v>
      </c>
      <c r="J6970" s="2" t="s">
        <v>69039</v>
      </c>
      <c r="K6970" s="5" t="s">
        <v>69038</v>
      </c>
      <c r="L6970" s="2" t="s">
        <v>69039</v>
      </c>
      <c r="M6970" s="5" t="s">
        <v>1521</v>
      </c>
      <c r="N6970" s="5" t="s">
        <v>38</v>
      </c>
      <c r="O6970" s="5" t="s">
        <v>39</v>
      </c>
      <c r="P6970" s="5" t="s">
        <v>40</v>
      </c>
      <c r="Q6970" s="5" t="s">
        <v>1522</v>
      </c>
      <c r="R6970" s="5" t="s">
        <v>1523</v>
      </c>
      <c r="S6970" s="5" t="s">
        <v>42</v>
      </c>
      <c r="T6970" s="2">
        <v>2.5649999999999999</v>
      </c>
      <c r="U6970" s="2">
        <v>2.0139999999999998</v>
      </c>
      <c r="V6970" s="2">
        <v>16.7</v>
      </c>
      <c r="W6970" s="2">
        <v>99.1</v>
      </c>
      <c r="X6970" s="2">
        <v>7.6</v>
      </c>
      <c r="Y6970" s="2">
        <v>16.7</v>
      </c>
      <c r="Z6970" s="5"/>
      <c r="AA6970" s="5" t="s">
        <v>43</v>
      </c>
      <c r="AB6970" s="5" t="s">
        <v>44</v>
      </c>
      <c r="AC6970" s="2"/>
      <c r="AD6970" s="1"/>
    </row>
    <row r="6971" spans="1:30">
      <c r="A6971" s="5" t="s">
        <v>83578</v>
      </c>
      <c r="B6971" s="2" t="s">
        <v>105032</v>
      </c>
      <c r="C6971" s="14" t="s">
        <v>105033</v>
      </c>
      <c r="D6971" s="2" t="s">
        <v>105034</v>
      </c>
      <c r="E6971" s="2" t="s">
        <v>73362</v>
      </c>
      <c r="F6971" s="8">
        <v>259</v>
      </c>
      <c r="G6971" s="5">
        <v>6</v>
      </c>
      <c r="H6971" s="5" t="s">
        <v>1518</v>
      </c>
      <c r="I6971" s="5" t="s">
        <v>69038</v>
      </c>
      <c r="J6971" s="2" t="s">
        <v>69039</v>
      </c>
      <c r="K6971" s="5" t="s">
        <v>69038</v>
      </c>
      <c r="L6971" s="2" t="s">
        <v>69039</v>
      </c>
      <c r="M6971" s="5" t="s">
        <v>1521</v>
      </c>
      <c r="N6971" s="5" t="s">
        <v>38</v>
      </c>
      <c r="O6971" s="5" t="s">
        <v>39</v>
      </c>
      <c r="P6971" s="5" t="s">
        <v>40</v>
      </c>
      <c r="Q6971" s="5" t="s">
        <v>1522</v>
      </c>
      <c r="R6971" s="5" t="s">
        <v>1523</v>
      </c>
      <c r="S6971" s="5" t="s">
        <v>42</v>
      </c>
      <c r="T6971" s="2">
        <v>2.5649999999999999</v>
      </c>
      <c r="U6971" s="2">
        <v>2.0139999999999998</v>
      </c>
      <c r="V6971" s="2">
        <v>16.7</v>
      </c>
      <c r="W6971" s="2">
        <v>99.1</v>
      </c>
      <c r="X6971" s="2">
        <v>7.6</v>
      </c>
      <c r="Y6971" s="2">
        <v>16.7</v>
      </c>
      <c r="Z6971" s="5"/>
      <c r="AA6971" s="5" t="s">
        <v>43</v>
      </c>
      <c r="AB6971" s="5" t="s">
        <v>44</v>
      </c>
      <c r="AC6971" s="2"/>
      <c r="AD6971" s="1"/>
    </row>
    <row r="6972" spans="1:30">
      <c r="A6972" s="5" t="s">
        <v>83578</v>
      </c>
      <c r="B6972" s="2" t="s">
        <v>105035</v>
      </c>
      <c r="C6972" s="14" t="s">
        <v>105036</v>
      </c>
      <c r="D6972" s="2" t="s">
        <v>105037</v>
      </c>
      <c r="E6972" s="2" t="s">
        <v>7615</v>
      </c>
      <c r="F6972" s="8">
        <v>259</v>
      </c>
      <c r="G6972" s="5">
        <v>6</v>
      </c>
      <c r="H6972" s="5" t="s">
        <v>1518</v>
      </c>
      <c r="I6972" s="5" t="s">
        <v>69038</v>
      </c>
      <c r="J6972" s="2" t="s">
        <v>69039</v>
      </c>
      <c r="K6972" s="5" t="s">
        <v>69038</v>
      </c>
      <c r="L6972" s="2" t="s">
        <v>69039</v>
      </c>
      <c r="M6972" s="5" t="s">
        <v>1521</v>
      </c>
      <c r="N6972" s="5" t="s">
        <v>38</v>
      </c>
      <c r="O6972" s="5" t="s">
        <v>39</v>
      </c>
      <c r="P6972" s="5" t="s">
        <v>40</v>
      </c>
      <c r="Q6972" s="5" t="s">
        <v>1522</v>
      </c>
      <c r="R6972" s="5" t="s">
        <v>1523</v>
      </c>
      <c r="S6972" s="5" t="s">
        <v>42</v>
      </c>
      <c r="T6972" s="2">
        <v>2.492</v>
      </c>
      <c r="U6972" s="2">
        <v>1.9410000000000001</v>
      </c>
      <c r="V6972" s="2">
        <v>16.7</v>
      </c>
      <c r="W6972" s="2">
        <v>99.1</v>
      </c>
      <c r="X6972" s="2">
        <v>7.6</v>
      </c>
      <c r="Y6972" s="2">
        <v>16.7</v>
      </c>
      <c r="Z6972" s="5"/>
      <c r="AA6972" s="5" t="s">
        <v>43</v>
      </c>
      <c r="AB6972" s="5" t="s">
        <v>44</v>
      </c>
      <c r="AC6972" s="2"/>
      <c r="AD6972" s="1"/>
    </row>
    <row r="6973" spans="1:30">
      <c r="A6973" s="5" t="s">
        <v>83578</v>
      </c>
      <c r="B6973" s="2" t="s">
        <v>105038</v>
      </c>
      <c r="C6973" s="14" t="s">
        <v>105039</v>
      </c>
      <c r="D6973" s="2" t="s">
        <v>105040</v>
      </c>
      <c r="E6973" s="2" t="s">
        <v>7619</v>
      </c>
      <c r="F6973" s="8">
        <v>259</v>
      </c>
      <c r="G6973" s="5">
        <v>6</v>
      </c>
      <c r="H6973" s="5" t="s">
        <v>1518</v>
      </c>
      <c r="I6973" s="5" t="s">
        <v>69038</v>
      </c>
      <c r="J6973" s="2" t="s">
        <v>69039</v>
      </c>
      <c r="K6973" s="5" t="s">
        <v>69038</v>
      </c>
      <c r="L6973" s="2" t="s">
        <v>69039</v>
      </c>
      <c r="M6973" s="5" t="s">
        <v>1521</v>
      </c>
      <c r="N6973" s="5" t="s">
        <v>38</v>
      </c>
      <c r="O6973" s="5" t="s">
        <v>39</v>
      </c>
      <c r="P6973" s="5" t="s">
        <v>40</v>
      </c>
      <c r="Q6973" s="5" t="s">
        <v>1522</v>
      </c>
      <c r="R6973" s="5" t="s">
        <v>1523</v>
      </c>
      <c r="S6973" s="5" t="s">
        <v>42</v>
      </c>
      <c r="T6973" s="2">
        <v>2.5649999999999999</v>
      </c>
      <c r="U6973" s="2">
        <v>2.0139999999999998</v>
      </c>
      <c r="V6973" s="2">
        <v>16.7</v>
      </c>
      <c r="W6973" s="2">
        <v>99.1</v>
      </c>
      <c r="X6973" s="2">
        <v>7.6</v>
      </c>
      <c r="Y6973" s="2">
        <v>16.7</v>
      </c>
      <c r="Z6973" s="5"/>
      <c r="AA6973" s="5" t="s">
        <v>43</v>
      </c>
      <c r="AB6973" s="5" t="s">
        <v>44</v>
      </c>
      <c r="AC6973" s="2"/>
      <c r="AD6973" s="1"/>
    </row>
    <row r="6974" spans="1:30">
      <c r="A6974" s="5" t="s">
        <v>83578</v>
      </c>
      <c r="B6974" s="2" t="s">
        <v>105041</v>
      </c>
      <c r="C6974" s="14" t="s">
        <v>105042</v>
      </c>
      <c r="D6974" s="2" t="s">
        <v>105043</v>
      </c>
      <c r="E6974" s="2" t="s">
        <v>16014</v>
      </c>
      <c r="F6974" s="8">
        <v>259</v>
      </c>
      <c r="G6974" s="5">
        <v>6</v>
      </c>
      <c r="H6974" s="5" t="s">
        <v>1518</v>
      </c>
      <c r="I6974" s="5" t="s">
        <v>69038</v>
      </c>
      <c r="J6974" s="2" t="s">
        <v>69039</v>
      </c>
      <c r="K6974" s="5" t="s">
        <v>69038</v>
      </c>
      <c r="L6974" s="2" t="s">
        <v>69039</v>
      </c>
      <c r="M6974" s="5" t="s">
        <v>1521</v>
      </c>
      <c r="N6974" s="5" t="s">
        <v>38</v>
      </c>
      <c r="O6974" s="5" t="s">
        <v>39</v>
      </c>
      <c r="P6974" s="5" t="s">
        <v>40</v>
      </c>
      <c r="Q6974" s="5" t="s">
        <v>1522</v>
      </c>
      <c r="R6974" s="5" t="s">
        <v>1523</v>
      </c>
      <c r="S6974" s="5" t="s">
        <v>42</v>
      </c>
      <c r="T6974" s="2">
        <v>2.492</v>
      </c>
      <c r="U6974" s="2">
        <v>1.9410000000000001</v>
      </c>
      <c r="V6974" s="2">
        <v>16.7</v>
      </c>
      <c r="W6974" s="2">
        <v>99.1</v>
      </c>
      <c r="X6974" s="2">
        <v>7.6</v>
      </c>
      <c r="Y6974" s="2">
        <v>16.7</v>
      </c>
      <c r="Z6974" s="5"/>
      <c r="AA6974" s="5" t="s">
        <v>43</v>
      </c>
      <c r="AB6974" s="5" t="s">
        <v>44</v>
      </c>
      <c r="AC6974" s="2"/>
      <c r="AD6974" s="1"/>
    </row>
    <row r="6975" spans="1:30">
      <c r="A6975" s="5" t="s">
        <v>83578</v>
      </c>
      <c r="B6975" s="2" t="s">
        <v>105044</v>
      </c>
      <c r="C6975" s="14" t="s">
        <v>105045</v>
      </c>
      <c r="D6975" s="2" t="s">
        <v>105046</v>
      </c>
      <c r="E6975" s="2" t="s">
        <v>16219</v>
      </c>
      <c r="F6975" s="8">
        <v>259</v>
      </c>
      <c r="G6975" s="5">
        <v>6</v>
      </c>
      <c r="H6975" s="5" t="s">
        <v>1518</v>
      </c>
      <c r="I6975" s="5" t="s">
        <v>69038</v>
      </c>
      <c r="J6975" s="2" t="s">
        <v>69039</v>
      </c>
      <c r="K6975" s="5" t="s">
        <v>69038</v>
      </c>
      <c r="L6975" s="2" t="s">
        <v>69039</v>
      </c>
      <c r="M6975" s="5" t="s">
        <v>1521</v>
      </c>
      <c r="N6975" s="5" t="s">
        <v>38</v>
      </c>
      <c r="O6975" s="5" t="s">
        <v>39</v>
      </c>
      <c r="P6975" s="5" t="s">
        <v>40</v>
      </c>
      <c r="Q6975" s="5" t="s">
        <v>1522</v>
      </c>
      <c r="R6975" s="5" t="s">
        <v>1523</v>
      </c>
      <c r="S6975" s="5" t="s">
        <v>42</v>
      </c>
      <c r="T6975" s="2">
        <v>2.5649999999999999</v>
      </c>
      <c r="U6975" s="2">
        <v>2.0139999999999998</v>
      </c>
      <c r="V6975" s="2">
        <v>16.7</v>
      </c>
      <c r="W6975" s="2">
        <v>99.1</v>
      </c>
      <c r="X6975" s="2">
        <v>7.6</v>
      </c>
      <c r="Y6975" s="2">
        <v>16.7</v>
      </c>
      <c r="Z6975" s="5"/>
      <c r="AA6975" s="5" t="s">
        <v>43</v>
      </c>
      <c r="AB6975" s="5" t="s">
        <v>44</v>
      </c>
      <c r="AC6975" s="2"/>
      <c r="AD6975" s="1"/>
    </row>
    <row r="6976" spans="1:30">
      <c r="A6976" s="5" t="s">
        <v>83578</v>
      </c>
      <c r="B6976" s="2" t="s">
        <v>105047</v>
      </c>
      <c r="C6976" s="14" t="s">
        <v>105048</v>
      </c>
      <c r="D6976" s="2" t="s">
        <v>105049</v>
      </c>
      <c r="E6976" s="2" t="s">
        <v>7528</v>
      </c>
      <c r="F6976" s="8">
        <v>243</v>
      </c>
      <c r="G6976" s="5">
        <v>6</v>
      </c>
      <c r="H6976" s="5" t="s">
        <v>1518</v>
      </c>
      <c r="I6976" s="5" t="s">
        <v>69038</v>
      </c>
      <c r="J6976" s="2" t="s">
        <v>69039</v>
      </c>
      <c r="K6976" s="5" t="s">
        <v>69038</v>
      </c>
      <c r="L6976" s="2" t="s">
        <v>69039</v>
      </c>
      <c r="M6976" s="5" t="s">
        <v>1521</v>
      </c>
      <c r="N6976" s="5" t="s">
        <v>38</v>
      </c>
      <c r="O6976" s="5" t="s">
        <v>39</v>
      </c>
      <c r="P6976" s="5" t="s">
        <v>40</v>
      </c>
      <c r="Q6976" s="5" t="s">
        <v>1522</v>
      </c>
      <c r="R6976" s="5" t="s">
        <v>1523</v>
      </c>
      <c r="S6976" s="5" t="s">
        <v>42</v>
      </c>
      <c r="T6976" s="2">
        <v>2.5649999999999999</v>
      </c>
      <c r="U6976" s="2">
        <v>2.0139999999999998</v>
      </c>
      <c r="V6976" s="2">
        <v>16.7</v>
      </c>
      <c r="W6976" s="2">
        <v>99.1</v>
      </c>
      <c r="X6976" s="2">
        <v>7.6</v>
      </c>
      <c r="Y6976" s="2">
        <v>16.7</v>
      </c>
      <c r="Z6976" s="5"/>
      <c r="AA6976" s="5" t="s">
        <v>43</v>
      </c>
      <c r="AB6976" s="5" t="s">
        <v>44</v>
      </c>
      <c r="AC6976" s="2"/>
      <c r="AD6976" s="1"/>
    </row>
    <row r="6977" spans="1:30">
      <c r="A6977" s="5" t="s">
        <v>83578</v>
      </c>
      <c r="B6977" s="2" t="s">
        <v>105050</v>
      </c>
      <c r="C6977" s="14" t="s">
        <v>105051</v>
      </c>
      <c r="D6977" s="2" t="s">
        <v>105052</v>
      </c>
      <c r="E6977" s="2" t="s">
        <v>7406</v>
      </c>
      <c r="F6977" s="8">
        <v>263</v>
      </c>
      <c r="G6977" s="5">
        <v>6</v>
      </c>
      <c r="H6977" s="5" t="s">
        <v>1518</v>
      </c>
      <c r="I6977" s="5" t="s">
        <v>69038</v>
      </c>
      <c r="J6977" s="2" t="s">
        <v>69039</v>
      </c>
      <c r="K6977" s="5" t="s">
        <v>69038</v>
      </c>
      <c r="L6977" s="2" t="s">
        <v>69039</v>
      </c>
      <c r="M6977" s="5" t="s">
        <v>1521</v>
      </c>
      <c r="N6977" s="5" t="s">
        <v>38</v>
      </c>
      <c r="O6977" s="5" t="s">
        <v>39</v>
      </c>
      <c r="P6977" s="5" t="s">
        <v>40</v>
      </c>
      <c r="Q6977" s="5" t="s">
        <v>1522</v>
      </c>
      <c r="R6977" s="5" t="s">
        <v>1523</v>
      </c>
      <c r="S6977" s="5" t="s">
        <v>42</v>
      </c>
      <c r="T6977" s="2">
        <v>2.6469999999999998</v>
      </c>
      <c r="U6977" s="2">
        <v>2.0960000000000001</v>
      </c>
      <c r="V6977" s="2">
        <v>16.7</v>
      </c>
      <c r="W6977" s="2">
        <v>118.9</v>
      </c>
      <c r="X6977" s="2">
        <v>7.6</v>
      </c>
      <c r="Y6977" s="2">
        <v>16.7</v>
      </c>
      <c r="Z6977" s="5"/>
      <c r="AA6977" s="5" t="s">
        <v>43</v>
      </c>
      <c r="AB6977" s="5" t="s">
        <v>44</v>
      </c>
      <c r="AC6977" s="2"/>
      <c r="AD6977" s="1"/>
    </row>
    <row r="6978" spans="1:30">
      <c r="A6978" s="5" t="s">
        <v>83578</v>
      </c>
      <c r="B6978" s="2" t="s">
        <v>105053</v>
      </c>
      <c r="C6978" s="14" t="s">
        <v>105054</v>
      </c>
      <c r="D6978" s="2" t="s">
        <v>105055</v>
      </c>
      <c r="E6978" s="2" t="s">
        <v>7535</v>
      </c>
      <c r="F6978" s="8">
        <v>263</v>
      </c>
      <c r="G6978" s="5">
        <v>6</v>
      </c>
      <c r="H6978" s="5" t="s">
        <v>1518</v>
      </c>
      <c r="I6978" s="5" t="s">
        <v>69038</v>
      </c>
      <c r="J6978" s="2" t="s">
        <v>69039</v>
      </c>
      <c r="K6978" s="5" t="s">
        <v>69038</v>
      </c>
      <c r="L6978" s="2" t="s">
        <v>69039</v>
      </c>
      <c r="M6978" s="5" t="s">
        <v>1521</v>
      </c>
      <c r="N6978" s="5" t="s">
        <v>38</v>
      </c>
      <c r="O6978" s="5" t="s">
        <v>39</v>
      </c>
      <c r="P6978" s="5" t="s">
        <v>40</v>
      </c>
      <c r="Q6978" s="5" t="s">
        <v>1522</v>
      </c>
      <c r="R6978" s="5" t="s">
        <v>1523</v>
      </c>
      <c r="S6978" s="5" t="s">
        <v>42</v>
      </c>
      <c r="T6978" s="2">
        <v>2.734</v>
      </c>
      <c r="U6978" s="2">
        <v>2.1829999999999998</v>
      </c>
      <c r="V6978" s="2">
        <v>16.7</v>
      </c>
      <c r="W6978" s="2">
        <v>118.9</v>
      </c>
      <c r="X6978" s="2">
        <v>7.6</v>
      </c>
      <c r="Y6978" s="2">
        <v>16.7</v>
      </c>
      <c r="Z6978" s="5"/>
      <c r="AA6978" s="5" t="s">
        <v>43</v>
      </c>
      <c r="AB6978" s="5" t="s">
        <v>44</v>
      </c>
      <c r="AC6978" s="2"/>
      <c r="AD6978" s="1"/>
    </row>
    <row r="6979" spans="1:30">
      <c r="A6979" s="5" t="s">
        <v>83578</v>
      </c>
      <c r="B6979" s="2" t="s">
        <v>105056</v>
      </c>
      <c r="C6979" s="14" t="s">
        <v>105057</v>
      </c>
      <c r="D6979" s="2" t="s">
        <v>105058</v>
      </c>
      <c r="E6979" s="2" t="s">
        <v>7539</v>
      </c>
      <c r="F6979" s="8">
        <v>263</v>
      </c>
      <c r="G6979" s="5">
        <v>6</v>
      </c>
      <c r="H6979" s="5" t="s">
        <v>1518</v>
      </c>
      <c r="I6979" s="5" t="s">
        <v>69038</v>
      </c>
      <c r="J6979" s="2" t="s">
        <v>69039</v>
      </c>
      <c r="K6979" s="5" t="s">
        <v>69038</v>
      </c>
      <c r="L6979" s="2" t="s">
        <v>69039</v>
      </c>
      <c r="M6979" s="5" t="s">
        <v>1521</v>
      </c>
      <c r="N6979" s="5" t="s">
        <v>38</v>
      </c>
      <c r="O6979" s="5" t="s">
        <v>39</v>
      </c>
      <c r="P6979" s="5" t="s">
        <v>40</v>
      </c>
      <c r="Q6979" s="5" t="s">
        <v>1522</v>
      </c>
      <c r="R6979" s="5" t="s">
        <v>1523</v>
      </c>
      <c r="S6979" s="5" t="s">
        <v>42</v>
      </c>
      <c r="T6979" s="2">
        <v>2.6469999999999998</v>
      </c>
      <c r="U6979" s="2">
        <v>2.0960000000000001</v>
      </c>
      <c r="V6979" s="2">
        <v>16.7</v>
      </c>
      <c r="W6979" s="2">
        <v>118.9</v>
      </c>
      <c r="X6979" s="2">
        <v>7.6</v>
      </c>
      <c r="Y6979" s="2">
        <v>16.7</v>
      </c>
      <c r="Z6979" s="5"/>
      <c r="AA6979" s="5" t="s">
        <v>43</v>
      </c>
      <c r="AB6979" s="5" t="s">
        <v>44</v>
      </c>
      <c r="AC6979" s="2"/>
      <c r="AD6979" s="1"/>
    </row>
    <row r="6980" spans="1:30">
      <c r="A6980" s="5" t="s">
        <v>83578</v>
      </c>
      <c r="B6980" s="2" t="s">
        <v>105059</v>
      </c>
      <c r="C6980" s="14" t="s">
        <v>105060</v>
      </c>
      <c r="D6980" s="2" t="s">
        <v>105061</v>
      </c>
      <c r="E6980" s="2" t="s">
        <v>7543</v>
      </c>
      <c r="F6980" s="8">
        <v>263</v>
      </c>
      <c r="G6980" s="5">
        <v>6</v>
      </c>
      <c r="H6980" s="5" t="s">
        <v>1518</v>
      </c>
      <c r="I6980" s="5" t="s">
        <v>69038</v>
      </c>
      <c r="J6980" s="2" t="s">
        <v>69039</v>
      </c>
      <c r="K6980" s="5" t="s">
        <v>69038</v>
      </c>
      <c r="L6980" s="2" t="s">
        <v>69039</v>
      </c>
      <c r="M6980" s="5" t="s">
        <v>1521</v>
      </c>
      <c r="N6980" s="5" t="s">
        <v>38</v>
      </c>
      <c r="O6980" s="5" t="s">
        <v>39</v>
      </c>
      <c r="P6980" s="5" t="s">
        <v>40</v>
      </c>
      <c r="Q6980" s="5" t="s">
        <v>1522</v>
      </c>
      <c r="R6980" s="5" t="s">
        <v>1523</v>
      </c>
      <c r="S6980" s="5" t="s">
        <v>42</v>
      </c>
      <c r="T6980" s="2">
        <v>2.734</v>
      </c>
      <c r="U6980" s="2">
        <v>2.1829999999999998</v>
      </c>
      <c r="V6980" s="2">
        <v>16.7</v>
      </c>
      <c r="W6980" s="2">
        <v>118.9</v>
      </c>
      <c r="X6980" s="2">
        <v>7.6</v>
      </c>
      <c r="Y6980" s="2">
        <v>16.7</v>
      </c>
      <c r="Z6980" s="5"/>
      <c r="AA6980" s="5" t="s">
        <v>43</v>
      </c>
      <c r="AB6980" s="5" t="s">
        <v>44</v>
      </c>
      <c r="AC6980" s="2"/>
      <c r="AD6980" s="1"/>
    </row>
    <row r="6981" spans="1:30">
      <c r="A6981" s="5" t="s">
        <v>83578</v>
      </c>
      <c r="B6981" s="2" t="s">
        <v>105062</v>
      </c>
      <c r="C6981" s="14" t="s">
        <v>105063</v>
      </c>
      <c r="D6981" s="2" t="s">
        <v>105064</v>
      </c>
      <c r="E6981" s="2" t="s">
        <v>7396</v>
      </c>
      <c r="F6981" s="8">
        <v>246</v>
      </c>
      <c r="G6981" s="5">
        <v>6</v>
      </c>
      <c r="H6981" s="5" t="s">
        <v>1518</v>
      </c>
      <c r="I6981" s="5" t="s">
        <v>69038</v>
      </c>
      <c r="J6981" s="2" t="s">
        <v>69039</v>
      </c>
      <c r="K6981" s="5" t="s">
        <v>69038</v>
      </c>
      <c r="L6981" s="2" t="s">
        <v>69039</v>
      </c>
      <c r="M6981" s="5" t="s">
        <v>1521</v>
      </c>
      <c r="N6981" s="5" t="s">
        <v>38</v>
      </c>
      <c r="O6981" s="5" t="s">
        <v>39</v>
      </c>
      <c r="P6981" s="5" t="s">
        <v>40</v>
      </c>
      <c r="Q6981" s="5" t="s">
        <v>1522</v>
      </c>
      <c r="R6981" s="5" t="s">
        <v>1523</v>
      </c>
      <c r="S6981" s="5" t="s">
        <v>42</v>
      </c>
      <c r="T6981" s="2">
        <v>2.6469999999999998</v>
      </c>
      <c r="U6981" s="2">
        <v>2.0960000000000001</v>
      </c>
      <c r="V6981" s="2">
        <v>16.7</v>
      </c>
      <c r="W6981" s="2">
        <v>118.9</v>
      </c>
      <c r="X6981" s="2">
        <v>7.6</v>
      </c>
      <c r="Y6981" s="2">
        <v>16.7</v>
      </c>
      <c r="Z6981" s="5"/>
      <c r="AA6981" s="5" t="s">
        <v>43</v>
      </c>
      <c r="AB6981" s="5" t="s">
        <v>44</v>
      </c>
      <c r="AC6981" s="2"/>
      <c r="AD6981" s="1"/>
    </row>
    <row r="6982" spans="1:30">
      <c r="A6982" s="5" t="s">
        <v>83578</v>
      </c>
      <c r="B6982" s="2" t="s">
        <v>105065</v>
      </c>
      <c r="C6982" s="14" t="s">
        <v>105066</v>
      </c>
      <c r="D6982" s="2" t="s">
        <v>105067</v>
      </c>
      <c r="E6982" s="2" t="s">
        <v>7507</v>
      </c>
      <c r="F6982" s="8">
        <v>246</v>
      </c>
      <c r="G6982" s="5">
        <v>6</v>
      </c>
      <c r="H6982" s="5" t="s">
        <v>1518</v>
      </c>
      <c r="I6982" s="5" t="s">
        <v>69038</v>
      </c>
      <c r="J6982" s="2" t="s">
        <v>69039</v>
      </c>
      <c r="K6982" s="5" t="s">
        <v>69038</v>
      </c>
      <c r="L6982" s="2" t="s">
        <v>69039</v>
      </c>
      <c r="M6982" s="5" t="s">
        <v>1521</v>
      </c>
      <c r="N6982" s="5" t="s">
        <v>38</v>
      </c>
      <c r="O6982" s="5" t="s">
        <v>39</v>
      </c>
      <c r="P6982" s="5" t="s">
        <v>40</v>
      </c>
      <c r="Q6982" s="5" t="s">
        <v>1522</v>
      </c>
      <c r="R6982" s="5" t="s">
        <v>1523</v>
      </c>
      <c r="S6982" s="5" t="s">
        <v>42</v>
      </c>
      <c r="T6982" s="2">
        <v>2.734</v>
      </c>
      <c r="U6982" s="2">
        <v>2.1829999999999998</v>
      </c>
      <c r="V6982" s="2">
        <v>16.7</v>
      </c>
      <c r="W6982" s="2">
        <v>118.9</v>
      </c>
      <c r="X6982" s="2">
        <v>7.6</v>
      </c>
      <c r="Y6982" s="2">
        <v>16.7</v>
      </c>
      <c r="Z6982" s="5"/>
      <c r="AA6982" s="5" t="s">
        <v>43</v>
      </c>
      <c r="AB6982" s="5" t="s">
        <v>44</v>
      </c>
      <c r="AC6982" s="2"/>
      <c r="AD6982" s="1"/>
    </row>
    <row r="6983" spans="1:30">
      <c r="A6983" s="5" t="s">
        <v>83578</v>
      </c>
      <c r="B6983" s="2" t="s">
        <v>105068</v>
      </c>
      <c r="C6983" s="14" t="s">
        <v>105069</v>
      </c>
      <c r="D6983" s="2" t="s">
        <v>105070</v>
      </c>
      <c r="E6983" s="2" t="s">
        <v>7547</v>
      </c>
      <c r="F6983" s="8">
        <v>263</v>
      </c>
      <c r="G6983" s="5">
        <v>6</v>
      </c>
      <c r="H6983" s="5" t="s">
        <v>1518</v>
      </c>
      <c r="I6983" s="5" t="s">
        <v>69038</v>
      </c>
      <c r="J6983" s="2" t="s">
        <v>69039</v>
      </c>
      <c r="K6983" s="5" t="s">
        <v>69038</v>
      </c>
      <c r="L6983" s="2" t="s">
        <v>69039</v>
      </c>
      <c r="M6983" s="5" t="s">
        <v>1521</v>
      </c>
      <c r="N6983" s="5" t="s">
        <v>38</v>
      </c>
      <c r="O6983" s="5" t="s">
        <v>39</v>
      </c>
      <c r="P6983" s="5" t="s">
        <v>40</v>
      </c>
      <c r="Q6983" s="5" t="s">
        <v>1522</v>
      </c>
      <c r="R6983" s="5" t="s">
        <v>1523</v>
      </c>
      <c r="S6983" s="5" t="s">
        <v>42</v>
      </c>
      <c r="T6983" s="2">
        <v>2.6469999999999998</v>
      </c>
      <c r="U6983" s="2">
        <v>2.0960000000000001</v>
      </c>
      <c r="V6983" s="2">
        <v>16.7</v>
      </c>
      <c r="W6983" s="2">
        <v>118.9</v>
      </c>
      <c r="X6983" s="2">
        <v>7.6</v>
      </c>
      <c r="Y6983" s="2">
        <v>16.7</v>
      </c>
      <c r="Z6983" s="5"/>
      <c r="AA6983" s="5" t="s">
        <v>43</v>
      </c>
      <c r="AB6983" s="5" t="s">
        <v>44</v>
      </c>
      <c r="AC6983" s="2"/>
      <c r="AD6983" s="1"/>
    </row>
    <row r="6984" spans="1:30">
      <c r="A6984" s="5" t="s">
        <v>83578</v>
      </c>
      <c r="B6984" s="2" t="s">
        <v>105071</v>
      </c>
      <c r="C6984" s="14" t="s">
        <v>105072</v>
      </c>
      <c r="D6984" s="2" t="s">
        <v>105073</v>
      </c>
      <c r="E6984" s="2" t="s">
        <v>7551</v>
      </c>
      <c r="F6984" s="8">
        <v>263</v>
      </c>
      <c r="G6984" s="5">
        <v>6</v>
      </c>
      <c r="H6984" s="5" t="s">
        <v>1518</v>
      </c>
      <c r="I6984" s="5" t="s">
        <v>69038</v>
      </c>
      <c r="J6984" s="2" t="s">
        <v>69039</v>
      </c>
      <c r="K6984" s="5" t="s">
        <v>69038</v>
      </c>
      <c r="L6984" s="2" t="s">
        <v>69039</v>
      </c>
      <c r="M6984" s="5" t="s">
        <v>1521</v>
      </c>
      <c r="N6984" s="5" t="s">
        <v>38</v>
      </c>
      <c r="O6984" s="5" t="s">
        <v>39</v>
      </c>
      <c r="P6984" s="5" t="s">
        <v>40</v>
      </c>
      <c r="Q6984" s="5" t="s">
        <v>1522</v>
      </c>
      <c r="R6984" s="5" t="s">
        <v>1523</v>
      </c>
      <c r="S6984" s="5" t="s">
        <v>42</v>
      </c>
      <c r="T6984" s="2">
        <v>2.734</v>
      </c>
      <c r="U6984" s="2">
        <v>2.1829999999999998</v>
      </c>
      <c r="V6984" s="2">
        <v>16.7</v>
      </c>
      <c r="W6984" s="2">
        <v>118.9</v>
      </c>
      <c r="X6984" s="2">
        <v>7.6</v>
      </c>
      <c r="Y6984" s="2">
        <v>16.7</v>
      </c>
      <c r="Z6984" s="5"/>
      <c r="AA6984" s="5" t="s">
        <v>43</v>
      </c>
      <c r="AB6984" s="5" t="s">
        <v>44</v>
      </c>
      <c r="AC6984" s="2"/>
      <c r="AD6984" s="1"/>
    </row>
    <row r="6985" spans="1:30">
      <c r="A6985" s="5" t="s">
        <v>83578</v>
      </c>
      <c r="B6985" s="2" t="s">
        <v>105074</v>
      </c>
      <c r="C6985" s="14" t="s">
        <v>105075</v>
      </c>
      <c r="D6985" s="2" t="s">
        <v>105076</v>
      </c>
      <c r="E6985" s="2" t="s">
        <v>7563</v>
      </c>
      <c r="F6985" s="8">
        <v>263</v>
      </c>
      <c r="G6985" s="5">
        <v>6</v>
      </c>
      <c r="H6985" s="5" t="s">
        <v>1518</v>
      </c>
      <c r="I6985" s="5" t="s">
        <v>69038</v>
      </c>
      <c r="J6985" s="2" t="s">
        <v>69039</v>
      </c>
      <c r="K6985" s="5" t="s">
        <v>69038</v>
      </c>
      <c r="L6985" s="2" t="s">
        <v>69039</v>
      </c>
      <c r="M6985" s="5" t="s">
        <v>1521</v>
      </c>
      <c r="N6985" s="5" t="s">
        <v>38</v>
      </c>
      <c r="O6985" s="5" t="s">
        <v>39</v>
      </c>
      <c r="P6985" s="5" t="s">
        <v>40</v>
      </c>
      <c r="Q6985" s="5" t="s">
        <v>1522</v>
      </c>
      <c r="R6985" s="5" t="s">
        <v>1523</v>
      </c>
      <c r="S6985" s="5" t="s">
        <v>42</v>
      </c>
      <c r="T6985" s="2">
        <v>2.6469999999999998</v>
      </c>
      <c r="U6985" s="2">
        <v>2.0960000000000001</v>
      </c>
      <c r="V6985" s="2">
        <v>16.7</v>
      </c>
      <c r="W6985" s="2">
        <v>118.9</v>
      </c>
      <c r="X6985" s="2">
        <v>7.6</v>
      </c>
      <c r="Y6985" s="2">
        <v>16.7</v>
      </c>
      <c r="Z6985" s="5"/>
      <c r="AA6985" s="5" t="s">
        <v>43</v>
      </c>
      <c r="AB6985" s="5" t="s">
        <v>44</v>
      </c>
      <c r="AC6985" s="2"/>
      <c r="AD6985" s="1"/>
    </row>
    <row r="6986" spans="1:30">
      <c r="A6986" s="5" t="s">
        <v>83578</v>
      </c>
      <c r="B6986" s="2" t="s">
        <v>105077</v>
      </c>
      <c r="C6986" s="14" t="s">
        <v>105078</v>
      </c>
      <c r="D6986" s="2" t="s">
        <v>105079</v>
      </c>
      <c r="E6986" s="2" t="s">
        <v>7567</v>
      </c>
      <c r="F6986" s="8">
        <v>263</v>
      </c>
      <c r="G6986" s="5">
        <v>6</v>
      </c>
      <c r="H6986" s="5" t="s">
        <v>1518</v>
      </c>
      <c r="I6986" s="5" t="s">
        <v>69038</v>
      </c>
      <c r="J6986" s="2" t="s">
        <v>69039</v>
      </c>
      <c r="K6986" s="5" t="s">
        <v>69038</v>
      </c>
      <c r="L6986" s="2" t="s">
        <v>69039</v>
      </c>
      <c r="M6986" s="5" t="s">
        <v>1521</v>
      </c>
      <c r="N6986" s="5" t="s">
        <v>38</v>
      </c>
      <c r="O6986" s="5" t="s">
        <v>39</v>
      </c>
      <c r="P6986" s="5" t="s">
        <v>40</v>
      </c>
      <c r="Q6986" s="5" t="s">
        <v>1522</v>
      </c>
      <c r="R6986" s="5" t="s">
        <v>1523</v>
      </c>
      <c r="S6986" s="5" t="s">
        <v>42</v>
      </c>
      <c r="T6986" s="2">
        <v>2.734</v>
      </c>
      <c r="U6986" s="2">
        <v>2.1829999999999998</v>
      </c>
      <c r="V6986" s="2">
        <v>16.7</v>
      </c>
      <c r="W6986" s="2">
        <v>118.9</v>
      </c>
      <c r="X6986" s="2">
        <v>7.6</v>
      </c>
      <c r="Y6986" s="2">
        <v>16.7</v>
      </c>
      <c r="Z6986" s="5"/>
      <c r="AA6986" s="5" t="s">
        <v>43</v>
      </c>
      <c r="AB6986" s="5" t="s">
        <v>44</v>
      </c>
      <c r="AC6986" s="2"/>
      <c r="AD6986" s="1"/>
    </row>
    <row r="6987" spans="1:30">
      <c r="A6987" s="5" t="s">
        <v>83578</v>
      </c>
      <c r="B6987" s="2" t="s">
        <v>105080</v>
      </c>
      <c r="C6987" s="14" t="s">
        <v>105081</v>
      </c>
      <c r="D6987" s="2" t="s">
        <v>105082</v>
      </c>
      <c r="E6987" s="2" t="s">
        <v>7555</v>
      </c>
      <c r="F6987" s="8">
        <v>263</v>
      </c>
      <c r="G6987" s="5">
        <v>6</v>
      </c>
      <c r="H6987" s="5" t="s">
        <v>1518</v>
      </c>
      <c r="I6987" s="5" t="s">
        <v>69038</v>
      </c>
      <c r="J6987" s="2" t="s">
        <v>69039</v>
      </c>
      <c r="K6987" s="5" t="s">
        <v>69038</v>
      </c>
      <c r="L6987" s="2" t="s">
        <v>69039</v>
      </c>
      <c r="M6987" s="5" t="s">
        <v>1521</v>
      </c>
      <c r="N6987" s="5" t="s">
        <v>38</v>
      </c>
      <c r="O6987" s="5" t="s">
        <v>39</v>
      </c>
      <c r="P6987" s="5" t="s">
        <v>40</v>
      </c>
      <c r="Q6987" s="5" t="s">
        <v>1522</v>
      </c>
      <c r="R6987" s="5" t="s">
        <v>1523</v>
      </c>
      <c r="S6987" s="5" t="s">
        <v>42</v>
      </c>
      <c r="T6987" s="2">
        <v>2.6469999999999998</v>
      </c>
      <c r="U6987" s="2">
        <v>2.0960000000000001</v>
      </c>
      <c r="V6987" s="2">
        <v>16.7</v>
      </c>
      <c r="W6987" s="2">
        <v>118.9</v>
      </c>
      <c r="X6987" s="2">
        <v>7.6</v>
      </c>
      <c r="Y6987" s="2">
        <v>16.7</v>
      </c>
      <c r="Z6987" s="5"/>
      <c r="AA6987" s="5" t="s">
        <v>43</v>
      </c>
      <c r="AB6987" s="5" t="s">
        <v>44</v>
      </c>
      <c r="AC6987" s="2"/>
      <c r="AD6987" s="1"/>
    </row>
    <row r="6988" spans="1:30">
      <c r="A6988" s="5" t="s">
        <v>83578</v>
      </c>
      <c r="B6988" s="2" t="s">
        <v>105083</v>
      </c>
      <c r="C6988" s="14" t="s">
        <v>105084</v>
      </c>
      <c r="D6988" s="2" t="s">
        <v>105085</v>
      </c>
      <c r="E6988" s="2" t="s">
        <v>7559</v>
      </c>
      <c r="F6988" s="8">
        <v>263</v>
      </c>
      <c r="G6988" s="5">
        <v>6</v>
      </c>
      <c r="H6988" s="5" t="s">
        <v>1518</v>
      </c>
      <c r="I6988" s="5" t="s">
        <v>69038</v>
      </c>
      <c r="J6988" s="2" t="s">
        <v>69039</v>
      </c>
      <c r="K6988" s="5" t="s">
        <v>69038</v>
      </c>
      <c r="L6988" s="2" t="s">
        <v>69039</v>
      </c>
      <c r="M6988" s="5" t="s">
        <v>1521</v>
      </c>
      <c r="N6988" s="5" t="s">
        <v>38</v>
      </c>
      <c r="O6988" s="5" t="s">
        <v>39</v>
      </c>
      <c r="P6988" s="5" t="s">
        <v>40</v>
      </c>
      <c r="Q6988" s="5" t="s">
        <v>1522</v>
      </c>
      <c r="R6988" s="5" t="s">
        <v>1523</v>
      </c>
      <c r="S6988" s="5" t="s">
        <v>42</v>
      </c>
      <c r="T6988" s="2">
        <v>2.734</v>
      </c>
      <c r="U6988" s="2">
        <v>2.1829999999999998</v>
      </c>
      <c r="V6988" s="2">
        <v>16.7</v>
      </c>
      <c r="W6988" s="2">
        <v>118.9</v>
      </c>
      <c r="X6988" s="2">
        <v>7.6</v>
      </c>
      <c r="Y6988" s="2">
        <v>16.7</v>
      </c>
      <c r="Z6988" s="5"/>
      <c r="AA6988" s="5" t="s">
        <v>43</v>
      </c>
      <c r="AB6988" s="5" t="s">
        <v>44</v>
      </c>
      <c r="AC6988" s="2"/>
      <c r="AD6988" s="1"/>
    </row>
    <row r="6989" spans="1:30">
      <c r="A6989" s="5" t="s">
        <v>83578</v>
      </c>
      <c r="B6989" s="2" t="s">
        <v>105086</v>
      </c>
      <c r="C6989" s="14" t="s">
        <v>105087</v>
      </c>
      <c r="D6989" s="2" t="s">
        <v>105088</v>
      </c>
      <c r="E6989" s="2" t="s">
        <v>16079</v>
      </c>
      <c r="F6989" s="8">
        <v>263</v>
      </c>
      <c r="G6989" s="5">
        <v>6</v>
      </c>
      <c r="H6989" s="5" t="s">
        <v>1518</v>
      </c>
      <c r="I6989" s="5" t="s">
        <v>69038</v>
      </c>
      <c r="J6989" s="2" t="s">
        <v>69039</v>
      </c>
      <c r="K6989" s="5" t="s">
        <v>69038</v>
      </c>
      <c r="L6989" s="2" t="s">
        <v>69039</v>
      </c>
      <c r="M6989" s="5" t="s">
        <v>1521</v>
      </c>
      <c r="N6989" s="5" t="s">
        <v>38</v>
      </c>
      <c r="O6989" s="5" t="s">
        <v>39</v>
      </c>
      <c r="P6989" s="5" t="s">
        <v>40</v>
      </c>
      <c r="Q6989" s="5" t="s">
        <v>1522</v>
      </c>
      <c r="R6989" s="5" t="s">
        <v>1523</v>
      </c>
      <c r="S6989" s="5" t="s">
        <v>42</v>
      </c>
      <c r="T6989" s="2">
        <v>2.6469999999999998</v>
      </c>
      <c r="U6989" s="2">
        <v>2.0960000000000001</v>
      </c>
      <c r="V6989" s="2">
        <v>16.7</v>
      </c>
      <c r="W6989" s="2">
        <v>118.9</v>
      </c>
      <c r="X6989" s="2">
        <v>7.6</v>
      </c>
      <c r="Y6989" s="2">
        <v>16.7</v>
      </c>
      <c r="Z6989" s="5"/>
      <c r="AA6989" s="5" t="s">
        <v>43</v>
      </c>
      <c r="AB6989" s="5" t="s">
        <v>44</v>
      </c>
      <c r="AC6989" s="2"/>
      <c r="AD6989" s="1"/>
    </row>
    <row r="6990" spans="1:30">
      <c r="A6990" s="5" t="s">
        <v>83578</v>
      </c>
      <c r="B6990" s="2" t="s">
        <v>105089</v>
      </c>
      <c r="C6990" s="14" t="s">
        <v>105090</v>
      </c>
      <c r="D6990" s="2" t="s">
        <v>105091</v>
      </c>
      <c r="E6990" s="2" t="s">
        <v>16194</v>
      </c>
      <c r="F6990" s="8">
        <v>263</v>
      </c>
      <c r="G6990" s="5">
        <v>6</v>
      </c>
      <c r="H6990" s="5" t="s">
        <v>1518</v>
      </c>
      <c r="I6990" s="5" t="s">
        <v>69038</v>
      </c>
      <c r="J6990" s="2" t="s">
        <v>69039</v>
      </c>
      <c r="K6990" s="5" t="s">
        <v>69038</v>
      </c>
      <c r="L6990" s="2" t="s">
        <v>69039</v>
      </c>
      <c r="M6990" s="5" t="s">
        <v>1521</v>
      </c>
      <c r="N6990" s="5" t="s">
        <v>38</v>
      </c>
      <c r="O6990" s="5" t="s">
        <v>39</v>
      </c>
      <c r="P6990" s="5" t="s">
        <v>40</v>
      </c>
      <c r="Q6990" s="5" t="s">
        <v>1522</v>
      </c>
      <c r="R6990" s="5" t="s">
        <v>1523</v>
      </c>
      <c r="S6990" s="5" t="s">
        <v>42</v>
      </c>
      <c r="T6990" s="2">
        <v>2.734</v>
      </c>
      <c r="U6990" s="2">
        <v>2.1829999999999998</v>
      </c>
      <c r="V6990" s="2">
        <v>16.7</v>
      </c>
      <c r="W6990" s="2">
        <v>118.9</v>
      </c>
      <c r="X6990" s="2">
        <v>7.6</v>
      </c>
      <c r="Y6990" s="2">
        <v>16.7</v>
      </c>
      <c r="Z6990" s="5"/>
      <c r="AA6990" s="5" t="s">
        <v>43</v>
      </c>
      <c r="AB6990" s="5" t="s">
        <v>44</v>
      </c>
      <c r="AC6990" s="2"/>
      <c r="AD6990" s="1"/>
    </row>
    <row r="6991" spans="1:30">
      <c r="A6991" s="5" t="s">
        <v>83578</v>
      </c>
      <c r="B6991" s="2" t="s">
        <v>105092</v>
      </c>
      <c r="C6991" s="14" t="s">
        <v>105093</v>
      </c>
      <c r="D6991" s="2" t="s">
        <v>105094</v>
      </c>
      <c r="E6991" s="2" t="s">
        <v>7449</v>
      </c>
      <c r="F6991" s="8">
        <v>263</v>
      </c>
      <c r="G6991" s="5">
        <v>6</v>
      </c>
      <c r="H6991" s="5" t="s">
        <v>1518</v>
      </c>
      <c r="I6991" s="5" t="s">
        <v>69038</v>
      </c>
      <c r="J6991" s="2" t="s">
        <v>69039</v>
      </c>
      <c r="K6991" s="5" t="s">
        <v>69038</v>
      </c>
      <c r="L6991" s="2" t="s">
        <v>69039</v>
      </c>
      <c r="M6991" s="5" t="s">
        <v>1521</v>
      </c>
      <c r="N6991" s="5" t="s">
        <v>38</v>
      </c>
      <c r="O6991" s="5" t="s">
        <v>39</v>
      </c>
      <c r="P6991" s="5" t="s">
        <v>40</v>
      </c>
      <c r="Q6991" s="5" t="s">
        <v>1522</v>
      </c>
      <c r="R6991" s="5" t="s">
        <v>1523</v>
      </c>
      <c r="S6991" s="5" t="s">
        <v>42</v>
      </c>
      <c r="T6991" s="2">
        <v>2.6469999999999998</v>
      </c>
      <c r="U6991" s="2">
        <v>2.0960000000000001</v>
      </c>
      <c r="V6991" s="2">
        <v>16.7</v>
      </c>
      <c r="W6991" s="2">
        <v>118.9</v>
      </c>
      <c r="X6991" s="2">
        <v>7.6</v>
      </c>
      <c r="Y6991" s="2">
        <v>16.7</v>
      </c>
      <c r="Z6991" s="5"/>
      <c r="AA6991" s="5" t="s">
        <v>43</v>
      </c>
      <c r="AB6991" s="5" t="s">
        <v>44</v>
      </c>
      <c r="AC6991" s="2"/>
      <c r="AD6991" s="1"/>
    </row>
    <row r="6992" spans="1:30">
      <c r="A6992" s="5" t="s">
        <v>83578</v>
      </c>
      <c r="B6992" s="2" t="s">
        <v>105095</v>
      </c>
      <c r="C6992" s="14" t="s">
        <v>105096</v>
      </c>
      <c r="D6992" s="2" t="s">
        <v>105097</v>
      </c>
      <c r="E6992" s="2" t="s">
        <v>7581</v>
      </c>
      <c r="F6992" s="8">
        <v>263</v>
      </c>
      <c r="G6992" s="5">
        <v>6</v>
      </c>
      <c r="H6992" s="5" t="s">
        <v>1518</v>
      </c>
      <c r="I6992" s="5" t="s">
        <v>69038</v>
      </c>
      <c r="J6992" s="2" t="s">
        <v>69039</v>
      </c>
      <c r="K6992" s="5" t="s">
        <v>69038</v>
      </c>
      <c r="L6992" s="2" t="s">
        <v>69039</v>
      </c>
      <c r="M6992" s="5" t="s">
        <v>1521</v>
      </c>
      <c r="N6992" s="5" t="s">
        <v>38</v>
      </c>
      <c r="O6992" s="5" t="s">
        <v>39</v>
      </c>
      <c r="P6992" s="5" t="s">
        <v>40</v>
      </c>
      <c r="Q6992" s="5" t="s">
        <v>1522</v>
      </c>
      <c r="R6992" s="5" t="s">
        <v>1523</v>
      </c>
      <c r="S6992" s="5" t="s">
        <v>42</v>
      </c>
      <c r="T6992" s="2">
        <v>2.734</v>
      </c>
      <c r="U6992" s="2">
        <v>2.1829999999999998</v>
      </c>
      <c r="V6992" s="2">
        <v>16.7</v>
      </c>
      <c r="W6992" s="2">
        <v>118.9</v>
      </c>
      <c r="X6992" s="2">
        <v>7.6</v>
      </c>
      <c r="Y6992" s="2">
        <v>16.7</v>
      </c>
      <c r="Z6992" s="5"/>
      <c r="AA6992" s="5" t="s">
        <v>43</v>
      </c>
      <c r="AB6992" s="5" t="s">
        <v>44</v>
      </c>
      <c r="AC6992" s="2"/>
      <c r="AD6992" s="1"/>
    </row>
    <row r="6993" spans="1:30">
      <c r="A6993" s="5" t="s">
        <v>83578</v>
      </c>
      <c r="B6993" s="2" t="s">
        <v>105098</v>
      </c>
      <c r="C6993" s="14" t="s">
        <v>105099</v>
      </c>
      <c r="D6993" s="2" t="s">
        <v>105100</v>
      </c>
      <c r="E6993" s="2" t="s">
        <v>7585</v>
      </c>
      <c r="F6993" s="8">
        <v>263</v>
      </c>
      <c r="G6993" s="5">
        <v>6</v>
      </c>
      <c r="H6993" s="5" t="s">
        <v>1518</v>
      </c>
      <c r="I6993" s="5" t="s">
        <v>69038</v>
      </c>
      <c r="J6993" s="2" t="s">
        <v>69039</v>
      </c>
      <c r="K6993" s="5" t="s">
        <v>69038</v>
      </c>
      <c r="L6993" s="2" t="s">
        <v>69039</v>
      </c>
      <c r="M6993" s="5" t="s">
        <v>1521</v>
      </c>
      <c r="N6993" s="5" t="s">
        <v>38</v>
      </c>
      <c r="O6993" s="5" t="s">
        <v>39</v>
      </c>
      <c r="P6993" s="5" t="s">
        <v>40</v>
      </c>
      <c r="Q6993" s="5" t="s">
        <v>1522</v>
      </c>
      <c r="R6993" s="5" t="s">
        <v>1523</v>
      </c>
      <c r="S6993" s="5" t="s">
        <v>42</v>
      </c>
      <c r="T6993" s="2">
        <v>2.6469999999999998</v>
      </c>
      <c r="U6993" s="2">
        <v>2.0960000000000001</v>
      </c>
      <c r="V6993" s="2">
        <v>16.7</v>
      </c>
      <c r="W6993" s="2">
        <v>118.9</v>
      </c>
      <c r="X6993" s="2">
        <v>7.6</v>
      </c>
      <c r="Y6993" s="2">
        <v>16.7</v>
      </c>
      <c r="Z6993" s="5"/>
      <c r="AA6993" s="5" t="s">
        <v>43</v>
      </c>
      <c r="AB6993" s="5" t="s">
        <v>44</v>
      </c>
      <c r="AC6993" s="2"/>
      <c r="AD6993" s="1"/>
    </row>
    <row r="6994" spans="1:30">
      <c r="A6994" s="5" t="s">
        <v>83578</v>
      </c>
      <c r="B6994" s="2" t="s">
        <v>105101</v>
      </c>
      <c r="C6994" s="14" t="s">
        <v>105102</v>
      </c>
      <c r="D6994" s="2" t="s">
        <v>105103</v>
      </c>
      <c r="E6994" s="2" t="s">
        <v>7589</v>
      </c>
      <c r="F6994" s="8">
        <v>263</v>
      </c>
      <c r="G6994" s="5">
        <v>6</v>
      </c>
      <c r="H6994" s="5" t="s">
        <v>1518</v>
      </c>
      <c r="I6994" s="5" t="s">
        <v>69038</v>
      </c>
      <c r="J6994" s="2" t="s">
        <v>69039</v>
      </c>
      <c r="K6994" s="5" t="s">
        <v>69038</v>
      </c>
      <c r="L6994" s="2" t="s">
        <v>69039</v>
      </c>
      <c r="M6994" s="5" t="s">
        <v>1521</v>
      </c>
      <c r="N6994" s="5" t="s">
        <v>38</v>
      </c>
      <c r="O6994" s="5" t="s">
        <v>39</v>
      </c>
      <c r="P6994" s="5" t="s">
        <v>40</v>
      </c>
      <c r="Q6994" s="5" t="s">
        <v>1522</v>
      </c>
      <c r="R6994" s="5" t="s">
        <v>1523</v>
      </c>
      <c r="S6994" s="5" t="s">
        <v>42</v>
      </c>
      <c r="T6994" s="2">
        <v>2.734</v>
      </c>
      <c r="U6994" s="2">
        <v>2.1829999999999998</v>
      </c>
      <c r="V6994" s="2">
        <v>16.7</v>
      </c>
      <c r="W6994" s="2">
        <v>118.9</v>
      </c>
      <c r="X6994" s="2">
        <v>7.6</v>
      </c>
      <c r="Y6994" s="2">
        <v>16.7</v>
      </c>
      <c r="Z6994" s="5"/>
      <c r="AA6994" s="5" t="s">
        <v>43</v>
      </c>
      <c r="AB6994" s="5" t="s">
        <v>44</v>
      </c>
      <c r="AC6994" s="2"/>
      <c r="AD6994" s="1"/>
    </row>
    <row r="6995" spans="1:30">
      <c r="A6995" s="5" t="s">
        <v>83578</v>
      </c>
      <c r="B6995" s="2" t="s">
        <v>105104</v>
      </c>
      <c r="C6995" s="14" t="s">
        <v>105105</v>
      </c>
      <c r="D6995" s="2" t="s">
        <v>105106</v>
      </c>
      <c r="E6995" s="2" t="s">
        <v>7593</v>
      </c>
      <c r="F6995" s="8">
        <v>263</v>
      </c>
      <c r="G6995" s="5">
        <v>6</v>
      </c>
      <c r="H6995" s="5" t="s">
        <v>1518</v>
      </c>
      <c r="I6995" s="5" t="s">
        <v>69038</v>
      </c>
      <c r="J6995" s="2" t="s">
        <v>69039</v>
      </c>
      <c r="K6995" s="5" t="s">
        <v>69038</v>
      </c>
      <c r="L6995" s="2" t="s">
        <v>69039</v>
      </c>
      <c r="M6995" s="5" t="s">
        <v>1521</v>
      </c>
      <c r="N6995" s="5" t="s">
        <v>38</v>
      </c>
      <c r="O6995" s="5" t="s">
        <v>39</v>
      </c>
      <c r="P6995" s="5" t="s">
        <v>40</v>
      </c>
      <c r="Q6995" s="5" t="s">
        <v>1522</v>
      </c>
      <c r="R6995" s="5" t="s">
        <v>1523</v>
      </c>
      <c r="S6995" s="5" t="s">
        <v>42</v>
      </c>
      <c r="T6995" s="2">
        <v>2.6469999999999998</v>
      </c>
      <c r="U6995" s="2">
        <v>2.0960000000000001</v>
      </c>
      <c r="V6995" s="2">
        <v>16.7</v>
      </c>
      <c r="W6995" s="2">
        <v>118.9</v>
      </c>
      <c r="X6995" s="2">
        <v>7.6</v>
      </c>
      <c r="Y6995" s="2">
        <v>16.7</v>
      </c>
      <c r="Z6995" s="5"/>
      <c r="AA6995" s="5" t="s">
        <v>43</v>
      </c>
      <c r="AB6995" s="5" t="s">
        <v>44</v>
      </c>
      <c r="AC6995" s="2"/>
      <c r="AD6995" s="1"/>
    </row>
    <row r="6996" spans="1:30">
      <c r="A6996" s="5" t="s">
        <v>83578</v>
      </c>
      <c r="B6996" s="2" t="s">
        <v>105107</v>
      </c>
      <c r="C6996" s="14" t="s">
        <v>105108</v>
      </c>
      <c r="D6996" s="2" t="s">
        <v>105109</v>
      </c>
      <c r="E6996" s="2" t="s">
        <v>7597</v>
      </c>
      <c r="F6996" s="8">
        <v>263</v>
      </c>
      <c r="G6996" s="5">
        <v>6</v>
      </c>
      <c r="H6996" s="5" t="s">
        <v>1518</v>
      </c>
      <c r="I6996" s="5" t="s">
        <v>69038</v>
      </c>
      <c r="J6996" s="2" t="s">
        <v>69039</v>
      </c>
      <c r="K6996" s="5" t="s">
        <v>69038</v>
      </c>
      <c r="L6996" s="2" t="s">
        <v>69039</v>
      </c>
      <c r="M6996" s="5" t="s">
        <v>1521</v>
      </c>
      <c r="N6996" s="5" t="s">
        <v>38</v>
      </c>
      <c r="O6996" s="5" t="s">
        <v>39</v>
      </c>
      <c r="P6996" s="5" t="s">
        <v>40</v>
      </c>
      <c r="Q6996" s="5" t="s">
        <v>1522</v>
      </c>
      <c r="R6996" s="5" t="s">
        <v>1523</v>
      </c>
      <c r="S6996" s="5" t="s">
        <v>42</v>
      </c>
      <c r="T6996" s="2">
        <v>2.734</v>
      </c>
      <c r="U6996" s="2">
        <v>2.1829999999999998</v>
      </c>
      <c r="V6996" s="2">
        <v>16.7</v>
      </c>
      <c r="W6996" s="2">
        <v>118.9</v>
      </c>
      <c r="X6996" s="2">
        <v>7.6</v>
      </c>
      <c r="Y6996" s="2">
        <v>16.7</v>
      </c>
      <c r="Z6996" s="5"/>
      <c r="AA6996" s="5" t="s">
        <v>43</v>
      </c>
      <c r="AB6996" s="5" t="s">
        <v>44</v>
      </c>
      <c r="AC6996" s="2"/>
      <c r="AD6996" s="1"/>
    </row>
    <row r="6997" spans="1:30">
      <c r="A6997" s="5" t="s">
        <v>83578</v>
      </c>
      <c r="B6997" s="2" t="s">
        <v>105110</v>
      </c>
      <c r="C6997" s="14" t="s">
        <v>105111</v>
      </c>
      <c r="D6997" s="2" t="s">
        <v>105112</v>
      </c>
      <c r="E6997" s="2" t="s">
        <v>73358</v>
      </c>
      <c r="F6997" s="8">
        <v>263</v>
      </c>
      <c r="G6997" s="5">
        <v>6</v>
      </c>
      <c r="H6997" s="5" t="s">
        <v>1518</v>
      </c>
      <c r="I6997" s="5" t="s">
        <v>69038</v>
      </c>
      <c r="J6997" s="2" t="s">
        <v>69039</v>
      </c>
      <c r="K6997" s="5" t="s">
        <v>69038</v>
      </c>
      <c r="L6997" s="2" t="s">
        <v>69039</v>
      </c>
      <c r="M6997" s="5" t="s">
        <v>1521</v>
      </c>
      <c r="N6997" s="5" t="s">
        <v>38</v>
      </c>
      <c r="O6997" s="5" t="s">
        <v>39</v>
      </c>
      <c r="P6997" s="5" t="s">
        <v>40</v>
      </c>
      <c r="Q6997" s="5" t="s">
        <v>1522</v>
      </c>
      <c r="R6997" s="5" t="s">
        <v>1523</v>
      </c>
      <c r="S6997" s="5" t="s">
        <v>42</v>
      </c>
      <c r="T6997" s="2">
        <v>2.6469999999999998</v>
      </c>
      <c r="U6997" s="2">
        <v>2.0960000000000001</v>
      </c>
      <c r="V6997" s="2">
        <v>16.7</v>
      </c>
      <c r="W6997" s="2">
        <v>118.9</v>
      </c>
      <c r="X6997" s="2">
        <v>7.6</v>
      </c>
      <c r="Y6997" s="2">
        <v>16.7</v>
      </c>
      <c r="Z6997" s="5"/>
      <c r="AA6997" s="5" t="s">
        <v>43</v>
      </c>
      <c r="AB6997" s="5" t="s">
        <v>44</v>
      </c>
      <c r="AC6997" s="2"/>
      <c r="AD6997" s="1"/>
    </row>
    <row r="6998" spans="1:30">
      <c r="A6998" s="5" t="s">
        <v>83578</v>
      </c>
      <c r="B6998" s="2" t="s">
        <v>105113</v>
      </c>
      <c r="C6998" s="14" t="s">
        <v>105114</v>
      </c>
      <c r="D6998" s="2" t="s">
        <v>105115</v>
      </c>
      <c r="E6998" s="2" t="s">
        <v>73362</v>
      </c>
      <c r="F6998" s="8">
        <v>263</v>
      </c>
      <c r="G6998" s="5">
        <v>6</v>
      </c>
      <c r="H6998" s="5" t="s">
        <v>1518</v>
      </c>
      <c r="I6998" s="5" t="s">
        <v>69038</v>
      </c>
      <c r="J6998" s="2" t="s">
        <v>69039</v>
      </c>
      <c r="K6998" s="5" t="s">
        <v>69038</v>
      </c>
      <c r="L6998" s="2" t="s">
        <v>69039</v>
      </c>
      <c r="M6998" s="5" t="s">
        <v>1521</v>
      </c>
      <c r="N6998" s="5" t="s">
        <v>38</v>
      </c>
      <c r="O6998" s="5" t="s">
        <v>39</v>
      </c>
      <c r="P6998" s="5" t="s">
        <v>40</v>
      </c>
      <c r="Q6998" s="5" t="s">
        <v>1522</v>
      </c>
      <c r="R6998" s="5" t="s">
        <v>1523</v>
      </c>
      <c r="S6998" s="5" t="s">
        <v>42</v>
      </c>
      <c r="T6998" s="2">
        <v>2.734</v>
      </c>
      <c r="U6998" s="2">
        <v>2.1829999999999998</v>
      </c>
      <c r="V6998" s="2">
        <v>16.7</v>
      </c>
      <c r="W6998" s="2">
        <v>118.9</v>
      </c>
      <c r="X6998" s="2">
        <v>7.6</v>
      </c>
      <c r="Y6998" s="2">
        <v>16.7</v>
      </c>
      <c r="Z6998" s="5"/>
      <c r="AA6998" s="5" t="s">
        <v>43</v>
      </c>
      <c r="AB6998" s="5" t="s">
        <v>44</v>
      </c>
      <c r="AC6998" s="2"/>
      <c r="AD6998" s="1"/>
    </row>
    <row r="6999" spans="1:30">
      <c r="A6999" s="5" t="s">
        <v>83578</v>
      </c>
      <c r="B6999" s="2" t="s">
        <v>105116</v>
      </c>
      <c r="C6999" s="14" t="s">
        <v>105117</v>
      </c>
      <c r="D6999" s="2" t="s">
        <v>105118</v>
      </c>
      <c r="E6999" s="2" t="s">
        <v>7615</v>
      </c>
      <c r="F6999" s="8">
        <v>263</v>
      </c>
      <c r="G6999" s="5">
        <v>6</v>
      </c>
      <c r="H6999" s="5" t="s">
        <v>1518</v>
      </c>
      <c r="I6999" s="5" t="s">
        <v>69038</v>
      </c>
      <c r="J6999" s="2" t="s">
        <v>69039</v>
      </c>
      <c r="K6999" s="5" t="s">
        <v>69038</v>
      </c>
      <c r="L6999" s="2" t="s">
        <v>69039</v>
      </c>
      <c r="M6999" s="5" t="s">
        <v>1521</v>
      </c>
      <c r="N6999" s="5" t="s">
        <v>38</v>
      </c>
      <c r="O6999" s="5" t="s">
        <v>39</v>
      </c>
      <c r="P6999" s="5" t="s">
        <v>40</v>
      </c>
      <c r="Q6999" s="5" t="s">
        <v>1522</v>
      </c>
      <c r="R6999" s="5" t="s">
        <v>1523</v>
      </c>
      <c r="S6999" s="5" t="s">
        <v>42</v>
      </c>
      <c r="T6999" s="2">
        <v>2.6469999999999998</v>
      </c>
      <c r="U6999" s="2">
        <v>2.0960000000000001</v>
      </c>
      <c r="V6999" s="2">
        <v>16.7</v>
      </c>
      <c r="W6999" s="2">
        <v>118.9</v>
      </c>
      <c r="X6999" s="2">
        <v>7.6</v>
      </c>
      <c r="Y6999" s="2">
        <v>16.7</v>
      </c>
      <c r="Z6999" s="5"/>
      <c r="AA6999" s="5" t="s">
        <v>43</v>
      </c>
      <c r="AB6999" s="5" t="s">
        <v>44</v>
      </c>
      <c r="AC6999" s="2"/>
      <c r="AD6999" s="1"/>
    </row>
    <row r="7000" spans="1:30">
      <c r="A7000" s="5" t="s">
        <v>83578</v>
      </c>
      <c r="B7000" s="2" t="s">
        <v>105119</v>
      </c>
      <c r="C7000" s="14" t="s">
        <v>105120</v>
      </c>
      <c r="D7000" s="2" t="s">
        <v>105121</v>
      </c>
      <c r="E7000" s="2" t="s">
        <v>7619</v>
      </c>
      <c r="F7000" s="8">
        <v>263</v>
      </c>
      <c r="G7000" s="5">
        <v>6</v>
      </c>
      <c r="H7000" s="5" t="s">
        <v>1518</v>
      </c>
      <c r="I7000" s="5" t="s">
        <v>69038</v>
      </c>
      <c r="J7000" s="2" t="s">
        <v>69039</v>
      </c>
      <c r="K7000" s="5" t="s">
        <v>69038</v>
      </c>
      <c r="L7000" s="2" t="s">
        <v>69039</v>
      </c>
      <c r="M7000" s="5" t="s">
        <v>1521</v>
      </c>
      <c r="N7000" s="5" t="s">
        <v>38</v>
      </c>
      <c r="O7000" s="5" t="s">
        <v>39</v>
      </c>
      <c r="P7000" s="5" t="s">
        <v>40</v>
      </c>
      <c r="Q7000" s="5" t="s">
        <v>1522</v>
      </c>
      <c r="R7000" s="5" t="s">
        <v>1523</v>
      </c>
      <c r="S7000" s="5" t="s">
        <v>42</v>
      </c>
      <c r="T7000" s="2">
        <v>2.734</v>
      </c>
      <c r="U7000" s="2">
        <v>2.1829999999999998</v>
      </c>
      <c r="V7000" s="2">
        <v>16.7</v>
      </c>
      <c r="W7000" s="2">
        <v>118.9</v>
      </c>
      <c r="X7000" s="2">
        <v>7.6</v>
      </c>
      <c r="Y7000" s="2">
        <v>16.7</v>
      </c>
      <c r="Z7000" s="5"/>
      <c r="AA7000" s="5" t="s">
        <v>43</v>
      </c>
      <c r="AB7000" s="5" t="s">
        <v>44</v>
      </c>
      <c r="AC7000" s="2"/>
      <c r="AD7000" s="1"/>
    </row>
    <row r="7001" spans="1:30">
      <c r="A7001" s="5" t="s">
        <v>83578</v>
      </c>
      <c r="B7001" s="2" t="s">
        <v>105122</v>
      </c>
      <c r="C7001" s="14" t="s">
        <v>105123</v>
      </c>
      <c r="D7001" s="2" t="s">
        <v>105124</v>
      </c>
      <c r="E7001" s="2" t="s">
        <v>16014</v>
      </c>
      <c r="F7001" s="8">
        <v>263</v>
      </c>
      <c r="G7001" s="5">
        <v>6</v>
      </c>
      <c r="H7001" s="5" t="s">
        <v>1518</v>
      </c>
      <c r="I7001" s="5" t="s">
        <v>69038</v>
      </c>
      <c r="J7001" s="2" t="s">
        <v>69039</v>
      </c>
      <c r="K7001" s="5" t="s">
        <v>69038</v>
      </c>
      <c r="L7001" s="2" t="s">
        <v>69039</v>
      </c>
      <c r="M7001" s="5" t="s">
        <v>1521</v>
      </c>
      <c r="N7001" s="5" t="s">
        <v>38</v>
      </c>
      <c r="O7001" s="5" t="s">
        <v>39</v>
      </c>
      <c r="P7001" s="5" t="s">
        <v>40</v>
      </c>
      <c r="Q7001" s="5" t="s">
        <v>1522</v>
      </c>
      <c r="R7001" s="5" t="s">
        <v>1523</v>
      </c>
      <c r="S7001" s="5" t="s">
        <v>42</v>
      </c>
      <c r="T7001" s="2">
        <v>2.6469999999999998</v>
      </c>
      <c r="U7001" s="2">
        <v>2.0960000000000001</v>
      </c>
      <c r="V7001" s="2">
        <v>16.7</v>
      </c>
      <c r="W7001" s="2">
        <v>118.9</v>
      </c>
      <c r="X7001" s="2">
        <v>7.6</v>
      </c>
      <c r="Y7001" s="2">
        <v>16.7</v>
      </c>
      <c r="Z7001" s="5"/>
      <c r="AA7001" s="5" t="s">
        <v>43</v>
      </c>
      <c r="AB7001" s="5" t="s">
        <v>44</v>
      </c>
      <c r="AC7001" s="2"/>
      <c r="AD7001" s="1"/>
    </row>
    <row r="7002" spans="1:30">
      <c r="A7002" s="5" t="s">
        <v>83578</v>
      </c>
      <c r="B7002" s="2" t="s">
        <v>105125</v>
      </c>
      <c r="C7002" s="14" t="s">
        <v>105126</v>
      </c>
      <c r="D7002" s="2" t="s">
        <v>105127</v>
      </c>
      <c r="E7002" s="2" t="s">
        <v>16219</v>
      </c>
      <c r="F7002" s="8">
        <v>263</v>
      </c>
      <c r="G7002" s="5">
        <v>6</v>
      </c>
      <c r="H7002" s="5" t="s">
        <v>1518</v>
      </c>
      <c r="I7002" s="5" t="s">
        <v>69038</v>
      </c>
      <c r="J7002" s="2" t="s">
        <v>69039</v>
      </c>
      <c r="K7002" s="5" t="s">
        <v>69038</v>
      </c>
      <c r="L7002" s="2" t="s">
        <v>69039</v>
      </c>
      <c r="M7002" s="5" t="s">
        <v>1521</v>
      </c>
      <c r="N7002" s="5" t="s">
        <v>38</v>
      </c>
      <c r="O7002" s="5" t="s">
        <v>39</v>
      </c>
      <c r="P7002" s="5" t="s">
        <v>40</v>
      </c>
      <c r="Q7002" s="5" t="s">
        <v>1522</v>
      </c>
      <c r="R7002" s="5" t="s">
        <v>1523</v>
      </c>
      <c r="S7002" s="5" t="s">
        <v>42</v>
      </c>
      <c r="T7002" s="2">
        <v>2.734</v>
      </c>
      <c r="U7002" s="2">
        <v>2.1829999999999998</v>
      </c>
      <c r="V7002" s="2">
        <v>16.7</v>
      </c>
      <c r="W7002" s="2">
        <v>118.9</v>
      </c>
      <c r="X7002" s="2">
        <v>7.6</v>
      </c>
      <c r="Y7002" s="2">
        <v>16.7</v>
      </c>
      <c r="Z7002" s="5"/>
      <c r="AA7002" s="5" t="s">
        <v>43</v>
      </c>
      <c r="AB7002" s="5" t="s">
        <v>44</v>
      </c>
      <c r="AC7002" s="2"/>
      <c r="AD7002" s="1"/>
    </row>
    <row r="7003" spans="1:30">
      <c r="A7003" s="5" t="s">
        <v>83578</v>
      </c>
      <c r="B7003" s="2" t="s">
        <v>105128</v>
      </c>
      <c r="C7003" s="14" t="s">
        <v>105129</v>
      </c>
      <c r="D7003" s="2" t="s">
        <v>105130</v>
      </c>
      <c r="E7003" s="2" t="s">
        <v>7212</v>
      </c>
      <c r="F7003" s="8">
        <v>246</v>
      </c>
      <c r="G7003" s="5">
        <v>6</v>
      </c>
      <c r="H7003" s="5" t="s">
        <v>1518</v>
      </c>
      <c r="I7003" s="5" t="s">
        <v>69038</v>
      </c>
      <c r="J7003" s="2" t="s">
        <v>69039</v>
      </c>
      <c r="K7003" s="5" t="s">
        <v>69038</v>
      </c>
      <c r="L7003" s="2" t="s">
        <v>69039</v>
      </c>
      <c r="M7003" s="5" t="s">
        <v>1521</v>
      </c>
      <c r="N7003" s="5" t="s">
        <v>38</v>
      </c>
      <c r="O7003" s="5" t="s">
        <v>39</v>
      </c>
      <c r="P7003" s="5" t="s">
        <v>40</v>
      </c>
      <c r="Q7003" s="5" t="s">
        <v>1522</v>
      </c>
      <c r="R7003" s="5" t="s">
        <v>1523</v>
      </c>
      <c r="S7003" s="5" t="s">
        <v>42</v>
      </c>
      <c r="T7003" s="2">
        <v>2.6469999999999998</v>
      </c>
      <c r="U7003" s="2">
        <v>2.0960000000000001</v>
      </c>
      <c r="V7003" s="2">
        <v>16.7</v>
      </c>
      <c r="W7003" s="2">
        <v>118.9</v>
      </c>
      <c r="X7003" s="2">
        <v>7.6</v>
      </c>
      <c r="Y7003" s="2">
        <v>16.7</v>
      </c>
      <c r="Z7003" s="5"/>
      <c r="AA7003" s="5" t="s">
        <v>43</v>
      </c>
      <c r="AB7003" s="5" t="s">
        <v>44</v>
      </c>
      <c r="AC7003" s="2"/>
      <c r="AD7003" s="1"/>
    </row>
    <row r="7004" spans="1:30">
      <c r="A7004" s="5" t="s">
        <v>83578</v>
      </c>
      <c r="B7004" s="2" t="s">
        <v>105131</v>
      </c>
      <c r="C7004" s="14" t="s">
        <v>105132</v>
      </c>
      <c r="D7004" s="2" t="s">
        <v>105133</v>
      </c>
      <c r="E7004" s="2" t="s">
        <v>7547</v>
      </c>
      <c r="F7004" s="8">
        <v>247</v>
      </c>
      <c r="G7004" s="5">
        <v>6</v>
      </c>
      <c r="H7004" s="5" t="s">
        <v>1518</v>
      </c>
      <c r="I7004" s="5" t="s">
        <v>69038</v>
      </c>
      <c r="J7004" s="2" t="s">
        <v>69039</v>
      </c>
      <c r="K7004" s="5" t="s">
        <v>69038</v>
      </c>
      <c r="L7004" s="2" t="s">
        <v>69039</v>
      </c>
      <c r="M7004" s="5" t="s">
        <v>1521</v>
      </c>
      <c r="N7004" s="5" t="s">
        <v>38</v>
      </c>
      <c r="O7004" s="5" t="s">
        <v>39</v>
      </c>
      <c r="P7004" s="5" t="s">
        <v>40</v>
      </c>
      <c r="Q7004" s="5" t="s">
        <v>1522</v>
      </c>
      <c r="R7004" s="5" t="s">
        <v>1523</v>
      </c>
      <c r="S7004" s="5" t="s">
        <v>42</v>
      </c>
      <c r="T7004" s="2">
        <v>2.2829999999999999</v>
      </c>
      <c r="U7004" s="2">
        <v>1.8129999999999999</v>
      </c>
      <c r="V7004" s="2">
        <v>16.7</v>
      </c>
      <c r="W7004" s="2">
        <v>82.9</v>
      </c>
      <c r="X7004" s="2">
        <v>7.6</v>
      </c>
      <c r="Y7004" s="2">
        <v>16.7</v>
      </c>
      <c r="Z7004" s="5"/>
      <c r="AA7004" s="5" t="s">
        <v>43</v>
      </c>
      <c r="AB7004" s="5" t="s">
        <v>44</v>
      </c>
      <c r="AC7004" s="2"/>
      <c r="AD7004" s="1"/>
    </row>
    <row r="7005" spans="1:30">
      <c r="A7005" s="5" t="s">
        <v>83578</v>
      </c>
      <c r="B7005" s="2" t="s">
        <v>105134</v>
      </c>
      <c r="C7005" s="14" t="s">
        <v>105135</v>
      </c>
      <c r="D7005" s="2" t="s">
        <v>105136</v>
      </c>
      <c r="E7005" s="2" t="s">
        <v>7551</v>
      </c>
      <c r="F7005" s="8">
        <v>247</v>
      </c>
      <c r="G7005" s="5">
        <v>6</v>
      </c>
      <c r="H7005" s="5" t="s">
        <v>1518</v>
      </c>
      <c r="I7005" s="5" t="s">
        <v>69038</v>
      </c>
      <c r="J7005" s="2" t="s">
        <v>69039</v>
      </c>
      <c r="K7005" s="5" t="s">
        <v>69038</v>
      </c>
      <c r="L7005" s="2" t="s">
        <v>69039</v>
      </c>
      <c r="M7005" s="5" t="s">
        <v>1521</v>
      </c>
      <c r="N7005" s="5" t="s">
        <v>38</v>
      </c>
      <c r="O7005" s="5" t="s">
        <v>39</v>
      </c>
      <c r="P7005" s="5" t="s">
        <v>40</v>
      </c>
      <c r="Q7005" s="5" t="s">
        <v>1522</v>
      </c>
      <c r="R7005" s="5" t="s">
        <v>1523</v>
      </c>
      <c r="S7005" s="5" t="s">
        <v>42</v>
      </c>
      <c r="T7005" s="2">
        <v>2.3490000000000002</v>
      </c>
      <c r="U7005" s="2">
        <v>1.879</v>
      </c>
      <c r="V7005" s="2">
        <v>16.7</v>
      </c>
      <c r="W7005" s="2">
        <v>82.9</v>
      </c>
      <c r="X7005" s="2">
        <v>7.6</v>
      </c>
      <c r="Y7005" s="2">
        <v>16.7</v>
      </c>
      <c r="Z7005" s="5"/>
      <c r="AA7005" s="5" t="s">
        <v>43</v>
      </c>
      <c r="AB7005" s="5" t="s">
        <v>44</v>
      </c>
      <c r="AC7005" s="2"/>
      <c r="AD7005" s="1"/>
    </row>
    <row r="7006" spans="1:30">
      <c r="A7006" s="5" t="s">
        <v>83578</v>
      </c>
      <c r="B7006" s="2" t="s">
        <v>105137</v>
      </c>
      <c r="C7006" s="14" t="s">
        <v>105138</v>
      </c>
      <c r="D7006" s="2" t="s">
        <v>105139</v>
      </c>
      <c r="E7006" s="2" t="s">
        <v>7563</v>
      </c>
      <c r="F7006" s="8">
        <v>247</v>
      </c>
      <c r="G7006" s="5">
        <v>6</v>
      </c>
      <c r="H7006" s="5" t="s">
        <v>1518</v>
      </c>
      <c r="I7006" s="5" t="s">
        <v>69038</v>
      </c>
      <c r="J7006" s="2" t="s">
        <v>69039</v>
      </c>
      <c r="K7006" s="5" t="s">
        <v>69038</v>
      </c>
      <c r="L7006" s="2" t="s">
        <v>69039</v>
      </c>
      <c r="M7006" s="5" t="s">
        <v>1521</v>
      </c>
      <c r="N7006" s="5" t="s">
        <v>38</v>
      </c>
      <c r="O7006" s="5" t="s">
        <v>39</v>
      </c>
      <c r="P7006" s="5" t="s">
        <v>40</v>
      </c>
      <c r="Q7006" s="5" t="s">
        <v>1522</v>
      </c>
      <c r="R7006" s="5" t="s">
        <v>1523</v>
      </c>
      <c r="S7006" s="5" t="s">
        <v>42</v>
      </c>
      <c r="T7006" s="2">
        <v>2.2829999999999999</v>
      </c>
      <c r="U7006" s="2">
        <v>1.8129999999999999</v>
      </c>
      <c r="V7006" s="2">
        <v>16.7</v>
      </c>
      <c r="W7006" s="2">
        <v>82.9</v>
      </c>
      <c r="X7006" s="2">
        <v>7.6</v>
      </c>
      <c r="Y7006" s="2">
        <v>16.7</v>
      </c>
      <c r="Z7006" s="5"/>
      <c r="AA7006" s="5" t="s">
        <v>43</v>
      </c>
      <c r="AB7006" s="5" t="s">
        <v>44</v>
      </c>
      <c r="AC7006" s="2"/>
      <c r="AD7006" s="1"/>
    </row>
    <row r="7007" spans="1:30">
      <c r="A7007" s="5" t="s">
        <v>83578</v>
      </c>
      <c r="B7007" s="2" t="s">
        <v>105140</v>
      </c>
      <c r="C7007" s="14" t="s">
        <v>105141</v>
      </c>
      <c r="D7007" s="2" t="s">
        <v>105142</v>
      </c>
      <c r="E7007" s="2" t="s">
        <v>7555</v>
      </c>
      <c r="F7007" s="8">
        <v>247</v>
      </c>
      <c r="G7007" s="5">
        <v>6</v>
      </c>
      <c r="H7007" s="5" t="s">
        <v>1518</v>
      </c>
      <c r="I7007" s="5" t="s">
        <v>69038</v>
      </c>
      <c r="J7007" s="2" t="s">
        <v>69039</v>
      </c>
      <c r="K7007" s="5" t="s">
        <v>69038</v>
      </c>
      <c r="L7007" s="2" t="s">
        <v>69039</v>
      </c>
      <c r="M7007" s="5" t="s">
        <v>1521</v>
      </c>
      <c r="N7007" s="5" t="s">
        <v>38</v>
      </c>
      <c r="O7007" s="5" t="s">
        <v>39</v>
      </c>
      <c r="P7007" s="5" t="s">
        <v>40</v>
      </c>
      <c r="Q7007" s="5" t="s">
        <v>1522</v>
      </c>
      <c r="R7007" s="5" t="s">
        <v>1523</v>
      </c>
      <c r="S7007" s="5" t="s">
        <v>42</v>
      </c>
      <c r="T7007" s="2">
        <v>2.2829999999999999</v>
      </c>
      <c r="U7007" s="2">
        <v>1.8129999999999999</v>
      </c>
      <c r="V7007" s="2">
        <v>16.7</v>
      </c>
      <c r="W7007" s="2">
        <v>82.9</v>
      </c>
      <c r="X7007" s="2">
        <v>7.6</v>
      </c>
      <c r="Y7007" s="2">
        <v>16.7</v>
      </c>
      <c r="Z7007" s="5"/>
      <c r="AA7007" s="5" t="s">
        <v>43</v>
      </c>
      <c r="AB7007" s="5" t="s">
        <v>44</v>
      </c>
      <c r="AC7007" s="2"/>
      <c r="AD7007" s="1"/>
    </row>
    <row r="7008" spans="1:30">
      <c r="A7008" s="5" t="s">
        <v>83578</v>
      </c>
      <c r="B7008" s="2" t="s">
        <v>105143</v>
      </c>
      <c r="C7008" s="14" t="s">
        <v>105144</v>
      </c>
      <c r="D7008" s="2" t="s">
        <v>105145</v>
      </c>
      <c r="E7008" s="2" t="s">
        <v>7559</v>
      </c>
      <c r="F7008" s="8">
        <v>247</v>
      </c>
      <c r="G7008" s="5">
        <v>6</v>
      </c>
      <c r="H7008" s="5" t="s">
        <v>1518</v>
      </c>
      <c r="I7008" s="5" t="s">
        <v>69038</v>
      </c>
      <c r="J7008" s="2" t="s">
        <v>69039</v>
      </c>
      <c r="K7008" s="5" t="s">
        <v>69038</v>
      </c>
      <c r="L7008" s="2" t="s">
        <v>69039</v>
      </c>
      <c r="M7008" s="5" t="s">
        <v>1521</v>
      </c>
      <c r="N7008" s="5" t="s">
        <v>38</v>
      </c>
      <c r="O7008" s="5" t="s">
        <v>39</v>
      </c>
      <c r="P7008" s="5" t="s">
        <v>40</v>
      </c>
      <c r="Q7008" s="5" t="s">
        <v>1522</v>
      </c>
      <c r="R7008" s="5" t="s">
        <v>1523</v>
      </c>
      <c r="S7008" s="5" t="s">
        <v>42</v>
      </c>
      <c r="T7008" s="2">
        <v>2.3490000000000002</v>
      </c>
      <c r="U7008" s="2">
        <v>1.879</v>
      </c>
      <c r="V7008" s="2">
        <v>16.7</v>
      </c>
      <c r="W7008" s="2">
        <v>82.9</v>
      </c>
      <c r="X7008" s="2">
        <v>7.6</v>
      </c>
      <c r="Y7008" s="2">
        <v>16.7</v>
      </c>
      <c r="Z7008" s="5"/>
      <c r="AA7008" s="5" t="s">
        <v>43</v>
      </c>
      <c r="AB7008" s="5" t="s">
        <v>44</v>
      </c>
      <c r="AC7008" s="2"/>
      <c r="AD7008" s="1"/>
    </row>
    <row r="7009" spans="1:30">
      <c r="A7009" s="5" t="s">
        <v>83578</v>
      </c>
      <c r="B7009" s="2" t="s">
        <v>105146</v>
      </c>
      <c r="C7009" s="14" t="s">
        <v>105147</v>
      </c>
      <c r="D7009" s="2" t="s">
        <v>105148</v>
      </c>
      <c r="E7009" s="2" t="s">
        <v>16079</v>
      </c>
      <c r="F7009" s="8">
        <v>247</v>
      </c>
      <c r="G7009" s="5">
        <v>6</v>
      </c>
      <c r="H7009" s="5" t="s">
        <v>1518</v>
      </c>
      <c r="I7009" s="5" t="s">
        <v>69038</v>
      </c>
      <c r="J7009" s="2" t="s">
        <v>69039</v>
      </c>
      <c r="K7009" s="5" t="s">
        <v>69038</v>
      </c>
      <c r="L7009" s="2" t="s">
        <v>69039</v>
      </c>
      <c r="M7009" s="5" t="s">
        <v>1521</v>
      </c>
      <c r="N7009" s="5" t="s">
        <v>38</v>
      </c>
      <c r="O7009" s="5" t="s">
        <v>39</v>
      </c>
      <c r="P7009" s="5" t="s">
        <v>40</v>
      </c>
      <c r="Q7009" s="5" t="s">
        <v>1522</v>
      </c>
      <c r="R7009" s="5" t="s">
        <v>1523</v>
      </c>
      <c r="S7009" s="5" t="s">
        <v>42</v>
      </c>
      <c r="T7009" s="2">
        <v>2.2829999999999999</v>
      </c>
      <c r="U7009" s="2">
        <v>1.8129999999999999</v>
      </c>
      <c r="V7009" s="2">
        <v>16.7</v>
      </c>
      <c r="W7009" s="2">
        <v>82.9</v>
      </c>
      <c r="X7009" s="2">
        <v>7.6</v>
      </c>
      <c r="Y7009" s="2">
        <v>16.7</v>
      </c>
      <c r="Z7009" s="5"/>
      <c r="AA7009" s="5" t="s">
        <v>43</v>
      </c>
      <c r="AB7009" s="5" t="s">
        <v>44</v>
      </c>
      <c r="AC7009" s="2"/>
      <c r="AD7009" s="1"/>
    </row>
    <row r="7010" spans="1:30">
      <c r="A7010" s="5" t="s">
        <v>83578</v>
      </c>
      <c r="B7010" s="2" t="s">
        <v>105149</v>
      </c>
      <c r="C7010" s="14" t="s">
        <v>105150</v>
      </c>
      <c r="D7010" s="2" t="s">
        <v>105151</v>
      </c>
      <c r="E7010" s="2" t="s">
        <v>16194</v>
      </c>
      <c r="F7010" s="8">
        <v>247</v>
      </c>
      <c r="G7010" s="5">
        <v>6</v>
      </c>
      <c r="H7010" s="5" t="s">
        <v>1518</v>
      </c>
      <c r="I7010" s="5" t="s">
        <v>69038</v>
      </c>
      <c r="J7010" s="2" t="s">
        <v>69039</v>
      </c>
      <c r="K7010" s="5" t="s">
        <v>69038</v>
      </c>
      <c r="L7010" s="2" t="s">
        <v>69039</v>
      </c>
      <c r="M7010" s="5" t="s">
        <v>1521</v>
      </c>
      <c r="N7010" s="5" t="s">
        <v>38</v>
      </c>
      <c r="O7010" s="5" t="s">
        <v>39</v>
      </c>
      <c r="P7010" s="5" t="s">
        <v>40</v>
      </c>
      <c r="Q7010" s="5" t="s">
        <v>1522</v>
      </c>
      <c r="R7010" s="5" t="s">
        <v>1523</v>
      </c>
      <c r="S7010" s="5" t="s">
        <v>42</v>
      </c>
      <c r="T7010" s="2">
        <v>2.3490000000000002</v>
      </c>
      <c r="U7010" s="2">
        <v>1.879</v>
      </c>
      <c r="V7010" s="2">
        <v>16.7</v>
      </c>
      <c r="W7010" s="2">
        <v>82.9</v>
      </c>
      <c r="X7010" s="2">
        <v>7.6</v>
      </c>
      <c r="Y7010" s="2">
        <v>16.7</v>
      </c>
      <c r="Z7010" s="5"/>
      <c r="AA7010" s="5" t="s">
        <v>43</v>
      </c>
      <c r="AB7010" s="5" t="s">
        <v>44</v>
      </c>
      <c r="AC7010" s="2"/>
      <c r="AD7010" s="1"/>
    </row>
    <row r="7011" spans="1:30">
      <c r="A7011" s="5" t="s">
        <v>83578</v>
      </c>
      <c r="B7011" s="2" t="s">
        <v>105152</v>
      </c>
      <c r="C7011" s="14" t="s">
        <v>105153</v>
      </c>
      <c r="D7011" s="2" t="s">
        <v>105154</v>
      </c>
      <c r="E7011" s="2" t="s">
        <v>7585</v>
      </c>
      <c r="F7011" s="8">
        <v>247</v>
      </c>
      <c r="G7011" s="5">
        <v>6</v>
      </c>
      <c r="H7011" s="5" t="s">
        <v>1518</v>
      </c>
      <c r="I7011" s="5" t="s">
        <v>69038</v>
      </c>
      <c r="J7011" s="2" t="s">
        <v>69039</v>
      </c>
      <c r="K7011" s="5" t="s">
        <v>69038</v>
      </c>
      <c r="L7011" s="2" t="s">
        <v>69039</v>
      </c>
      <c r="M7011" s="5" t="s">
        <v>1521</v>
      </c>
      <c r="N7011" s="5" t="s">
        <v>38</v>
      </c>
      <c r="O7011" s="5" t="s">
        <v>39</v>
      </c>
      <c r="P7011" s="5" t="s">
        <v>40</v>
      </c>
      <c r="Q7011" s="5" t="s">
        <v>1522</v>
      </c>
      <c r="R7011" s="5" t="s">
        <v>1523</v>
      </c>
      <c r="S7011" s="5" t="s">
        <v>42</v>
      </c>
      <c r="T7011" s="2">
        <v>2.2829999999999999</v>
      </c>
      <c r="U7011" s="2">
        <v>1.8129999999999999</v>
      </c>
      <c r="V7011" s="2">
        <v>16.7</v>
      </c>
      <c r="W7011" s="2">
        <v>82.9</v>
      </c>
      <c r="X7011" s="2">
        <v>7.6</v>
      </c>
      <c r="Y7011" s="2">
        <v>16.7</v>
      </c>
      <c r="Z7011" s="5"/>
      <c r="AA7011" s="5" t="s">
        <v>43</v>
      </c>
      <c r="AB7011" s="5" t="s">
        <v>44</v>
      </c>
      <c r="AC7011" s="2"/>
      <c r="AD7011" s="1"/>
    </row>
    <row r="7012" spans="1:30">
      <c r="A7012" s="5" t="s">
        <v>83578</v>
      </c>
      <c r="B7012" s="2" t="s">
        <v>105155</v>
      </c>
      <c r="C7012" s="14" t="s">
        <v>105156</v>
      </c>
      <c r="D7012" s="2" t="s">
        <v>105157</v>
      </c>
      <c r="E7012" s="2" t="s">
        <v>7589</v>
      </c>
      <c r="F7012" s="8">
        <v>247</v>
      </c>
      <c r="G7012" s="5">
        <v>6</v>
      </c>
      <c r="H7012" s="5" t="s">
        <v>1518</v>
      </c>
      <c r="I7012" s="5" t="s">
        <v>69038</v>
      </c>
      <c r="J7012" s="2" t="s">
        <v>69039</v>
      </c>
      <c r="K7012" s="5" t="s">
        <v>69038</v>
      </c>
      <c r="L7012" s="2" t="s">
        <v>69039</v>
      </c>
      <c r="M7012" s="5" t="s">
        <v>1521</v>
      </c>
      <c r="N7012" s="5" t="s">
        <v>38</v>
      </c>
      <c r="O7012" s="5" t="s">
        <v>39</v>
      </c>
      <c r="P7012" s="5" t="s">
        <v>40</v>
      </c>
      <c r="Q7012" s="5" t="s">
        <v>1522</v>
      </c>
      <c r="R7012" s="5" t="s">
        <v>1523</v>
      </c>
      <c r="S7012" s="5" t="s">
        <v>42</v>
      </c>
      <c r="T7012" s="2">
        <v>2.3490000000000002</v>
      </c>
      <c r="U7012" s="2">
        <v>1.879</v>
      </c>
      <c r="V7012" s="2">
        <v>16.7</v>
      </c>
      <c r="W7012" s="2">
        <v>82.9</v>
      </c>
      <c r="X7012" s="2">
        <v>7.6</v>
      </c>
      <c r="Y7012" s="2">
        <v>16.7</v>
      </c>
      <c r="Z7012" s="5"/>
      <c r="AA7012" s="5" t="s">
        <v>43</v>
      </c>
      <c r="AB7012" s="5" t="s">
        <v>44</v>
      </c>
      <c r="AC7012" s="2"/>
      <c r="AD7012" s="1"/>
    </row>
    <row r="7013" spans="1:30">
      <c r="A7013" s="5" t="s">
        <v>83578</v>
      </c>
      <c r="B7013" s="2" t="s">
        <v>105158</v>
      </c>
      <c r="C7013" s="14" t="s">
        <v>105159</v>
      </c>
      <c r="D7013" s="2" t="s">
        <v>105160</v>
      </c>
      <c r="E7013" s="2" t="s">
        <v>7593</v>
      </c>
      <c r="F7013" s="8">
        <v>247</v>
      </c>
      <c r="G7013" s="5">
        <v>6</v>
      </c>
      <c r="H7013" s="5" t="s">
        <v>1518</v>
      </c>
      <c r="I7013" s="5" t="s">
        <v>69038</v>
      </c>
      <c r="J7013" s="2" t="s">
        <v>69039</v>
      </c>
      <c r="K7013" s="5" t="s">
        <v>69038</v>
      </c>
      <c r="L7013" s="2" t="s">
        <v>69039</v>
      </c>
      <c r="M7013" s="5" t="s">
        <v>1521</v>
      </c>
      <c r="N7013" s="5" t="s">
        <v>38</v>
      </c>
      <c r="O7013" s="5" t="s">
        <v>39</v>
      </c>
      <c r="P7013" s="5" t="s">
        <v>40</v>
      </c>
      <c r="Q7013" s="5" t="s">
        <v>1522</v>
      </c>
      <c r="R7013" s="5" t="s">
        <v>1523</v>
      </c>
      <c r="S7013" s="5" t="s">
        <v>42</v>
      </c>
      <c r="T7013" s="2">
        <v>2.2829999999999999</v>
      </c>
      <c r="U7013" s="2">
        <v>1.8129999999999999</v>
      </c>
      <c r="V7013" s="2">
        <v>16.7</v>
      </c>
      <c r="W7013" s="2">
        <v>82.9</v>
      </c>
      <c r="X7013" s="2">
        <v>7.6</v>
      </c>
      <c r="Y7013" s="2">
        <v>16.7</v>
      </c>
      <c r="Z7013" s="5"/>
      <c r="AA7013" s="5" t="s">
        <v>43</v>
      </c>
      <c r="AB7013" s="5" t="s">
        <v>44</v>
      </c>
      <c r="AC7013" s="2"/>
      <c r="AD7013" s="1"/>
    </row>
    <row r="7014" spans="1:30">
      <c r="A7014" s="5" t="s">
        <v>83578</v>
      </c>
      <c r="B7014" s="2" t="s">
        <v>105161</v>
      </c>
      <c r="C7014" s="14" t="s">
        <v>105162</v>
      </c>
      <c r="D7014" s="2" t="s">
        <v>105163</v>
      </c>
      <c r="E7014" s="2" t="s">
        <v>7597</v>
      </c>
      <c r="F7014" s="8">
        <v>247</v>
      </c>
      <c r="G7014" s="5">
        <v>6</v>
      </c>
      <c r="H7014" s="5" t="s">
        <v>1518</v>
      </c>
      <c r="I7014" s="5" t="s">
        <v>69038</v>
      </c>
      <c r="J7014" s="2" t="s">
        <v>69039</v>
      </c>
      <c r="K7014" s="5" t="s">
        <v>69038</v>
      </c>
      <c r="L7014" s="2" t="s">
        <v>69039</v>
      </c>
      <c r="M7014" s="5" t="s">
        <v>1521</v>
      </c>
      <c r="N7014" s="5" t="s">
        <v>38</v>
      </c>
      <c r="O7014" s="5" t="s">
        <v>39</v>
      </c>
      <c r="P7014" s="5" t="s">
        <v>40</v>
      </c>
      <c r="Q7014" s="5" t="s">
        <v>1522</v>
      </c>
      <c r="R7014" s="5" t="s">
        <v>1523</v>
      </c>
      <c r="S7014" s="5" t="s">
        <v>42</v>
      </c>
      <c r="T7014" s="2">
        <v>2.3490000000000002</v>
      </c>
      <c r="U7014" s="2">
        <v>1.879</v>
      </c>
      <c r="V7014" s="2">
        <v>16.7</v>
      </c>
      <c r="W7014" s="2">
        <v>82.9</v>
      </c>
      <c r="X7014" s="2">
        <v>7.6</v>
      </c>
      <c r="Y7014" s="2">
        <v>16.7</v>
      </c>
      <c r="Z7014" s="5"/>
      <c r="AA7014" s="5" t="s">
        <v>43</v>
      </c>
      <c r="AB7014" s="5" t="s">
        <v>44</v>
      </c>
      <c r="AC7014" s="2"/>
      <c r="AD7014" s="1"/>
    </row>
    <row r="7015" spans="1:30">
      <c r="A7015" s="5" t="s">
        <v>83578</v>
      </c>
      <c r="B7015" s="2" t="s">
        <v>105164</v>
      </c>
      <c r="C7015" s="14" t="s">
        <v>105165</v>
      </c>
      <c r="D7015" s="2" t="s">
        <v>105166</v>
      </c>
      <c r="E7015" s="2" t="s">
        <v>73362</v>
      </c>
      <c r="F7015" s="8">
        <v>247</v>
      </c>
      <c r="G7015" s="5">
        <v>6</v>
      </c>
      <c r="H7015" s="5" t="s">
        <v>1518</v>
      </c>
      <c r="I7015" s="5" t="s">
        <v>69038</v>
      </c>
      <c r="J7015" s="2" t="s">
        <v>69039</v>
      </c>
      <c r="K7015" s="5" t="s">
        <v>69038</v>
      </c>
      <c r="L7015" s="2" t="s">
        <v>69039</v>
      </c>
      <c r="M7015" s="5" t="s">
        <v>1521</v>
      </c>
      <c r="N7015" s="5" t="s">
        <v>38</v>
      </c>
      <c r="O7015" s="5" t="s">
        <v>39</v>
      </c>
      <c r="P7015" s="5" t="s">
        <v>40</v>
      </c>
      <c r="Q7015" s="5" t="s">
        <v>1522</v>
      </c>
      <c r="R7015" s="5" t="s">
        <v>1523</v>
      </c>
      <c r="S7015" s="5" t="s">
        <v>42</v>
      </c>
      <c r="T7015" s="2">
        <v>2.3490000000000002</v>
      </c>
      <c r="U7015" s="2">
        <v>1.879</v>
      </c>
      <c r="V7015" s="2">
        <v>16.7</v>
      </c>
      <c r="W7015" s="2">
        <v>82.9</v>
      </c>
      <c r="X7015" s="2">
        <v>7.6</v>
      </c>
      <c r="Y7015" s="2">
        <v>16.7</v>
      </c>
      <c r="Z7015" s="5"/>
      <c r="AA7015" s="5" t="s">
        <v>43</v>
      </c>
      <c r="AB7015" s="5" t="s">
        <v>44</v>
      </c>
      <c r="AC7015" s="2"/>
      <c r="AD7015" s="1"/>
    </row>
    <row r="7016" spans="1:30">
      <c r="A7016" s="5" t="s">
        <v>83578</v>
      </c>
      <c r="B7016" s="2" t="s">
        <v>105167</v>
      </c>
      <c r="C7016" s="14" t="s">
        <v>105168</v>
      </c>
      <c r="D7016" s="2" t="s">
        <v>105169</v>
      </c>
      <c r="E7016" s="2" t="s">
        <v>7619</v>
      </c>
      <c r="F7016" s="8">
        <v>247</v>
      </c>
      <c r="G7016" s="5">
        <v>6</v>
      </c>
      <c r="H7016" s="5" t="s">
        <v>1518</v>
      </c>
      <c r="I7016" s="5" t="s">
        <v>69038</v>
      </c>
      <c r="J7016" s="2" t="s">
        <v>69039</v>
      </c>
      <c r="K7016" s="5" t="s">
        <v>69038</v>
      </c>
      <c r="L7016" s="2" t="s">
        <v>69039</v>
      </c>
      <c r="M7016" s="5" t="s">
        <v>1521</v>
      </c>
      <c r="N7016" s="5" t="s">
        <v>38</v>
      </c>
      <c r="O7016" s="5" t="s">
        <v>39</v>
      </c>
      <c r="P7016" s="5" t="s">
        <v>40</v>
      </c>
      <c r="Q7016" s="5" t="s">
        <v>1522</v>
      </c>
      <c r="R7016" s="5" t="s">
        <v>1523</v>
      </c>
      <c r="S7016" s="5" t="s">
        <v>42</v>
      </c>
      <c r="T7016" s="2">
        <v>2.3490000000000002</v>
      </c>
      <c r="U7016" s="2">
        <v>1.879</v>
      </c>
      <c r="V7016" s="2">
        <v>16.7</v>
      </c>
      <c r="W7016" s="2">
        <v>82.9</v>
      </c>
      <c r="X7016" s="2">
        <v>7.6</v>
      </c>
      <c r="Y7016" s="2">
        <v>16.7</v>
      </c>
      <c r="Z7016" s="5"/>
      <c r="AA7016" s="5" t="s">
        <v>43</v>
      </c>
      <c r="AB7016" s="5" t="s">
        <v>44</v>
      </c>
      <c r="AC7016" s="2"/>
      <c r="AD7016" s="1"/>
    </row>
    <row r="7017" spans="1:30">
      <c r="A7017" s="5" t="s">
        <v>83578</v>
      </c>
      <c r="B7017" s="2" t="s">
        <v>105170</v>
      </c>
      <c r="C7017" s="14" t="s">
        <v>105171</v>
      </c>
      <c r="D7017" s="2" t="s">
        <v>105172</v>
      </c>
      <c r="E7017" s="2" t="s">
        <v>16014</v>
      </c>
      <c r="F7017" s="8">
        <v>247</v>
      </c>
      <c r="G7017" s="5">
        <v>6</v>
      </c>
      <c r="H7017" s="5" t="s">
        <v>1518</v>
      </c>
      <c r="I7017" s="5" t="s">
        <v>69038</v>
      </c>
      <c r="J7017" s="2" t="s">
        <v>69039</v>
      </c>
      <c r="K7017" s="5" t="s">
        <v>69038</v>
      </c>
      <c r="L7017" s="2" t="s">
        <v>69039</v>
      </c>
      <c r="M7017" s="5" t="s">
        <v>1521</v>
      </c>
      <c r="N7017" s="5" t="s">
        <v>38</v>
      </c>
      <c r="O7017" s="5" t="s">
        <v>39</v>
      </c>
      <c r="P7017" s="5" t="s">
        <v>40</v>
      </c>
      <c r="Q7017" s="5" t="s">
        <v>1522</v>
      </c>
      <c r="R7017" s="5" t="s">
        <v>1523</v>
      </c>
      <c r="S7017" s="5" t="s">
        <v>42</v>
      </c>
      <c r="T7017" s="2">
        <v>2.2829999999999999</v>
      </c>
      <c r="U7017" s="2">
        <v>1.8129999999999999</v>
      </c>
      <c r="V7017" s="2">
        <v>16.7</v>
      </c>
      <c r="W7017" s="2">
        <v>82.9</v>
      </c>
      <c r="X7017" s="2">
        <v>7.6</v>
      </c>
      <c r="Y7017" s="2">
        <v>16.7</v>
      </c>
      <c r="Z7017" s="5"/>
      <c r="AA7017" s="5" t="s">
        <v>43</v>
      </c>
      <c r="AB7017" s="5" t="s">
        <v>44</v>
      </c>
      <c r="AC7017" s="2"/>
      <c r="AD7017" s="1"/>
    </row>
    <row r="7018" spans="1:30">
      <c r="A7018" s="5" t="s">
        <v>83578</v>
      </c>
      <c r="B7018" s="2" t="s">
        <v>105173</v>
      </c>
      <c r="C7018" s="14" t="s">
        <v>105174</v>
      </c>
      <c r="D7018" s="2" t="s">
        <v>105175</v>
      </c>
      <c r="E7018" s="2" t="s">
        <v>16219</v>
      </c>
      <c r="F7018" s="8">
        <v>247</v>
      </c>
      <c r="G7018" s="5">
        <v>6</v>
      </c>
      <c r="H7018" s="5" t="s">
        <v>1518</v>
      </c>
      <c r="I7018" s="5" t="s">
        <v>69038</v>
      </c>
      <c r="J7018" s="2" t="s">
        <v>69039</v>
      </c>
      <c r="K7018" s="5" t="s">
        <v>69038</v>
      </c>
      <c r="L7018" s="2" t="s">
        <v>69039</v>
      </c>
      <c r="M7018" s="5" t="s">
        <v>1521</v>
      </c>
      <c r="N7018" s="5" t="s">
        <v>38</v>
      </c>
      <c r="O7018" s="5" t="s">
        <v>39</v>
      </c>
      <c r="P7018" s="5" t="s">
        <v>40</v>
      </c>
      <c r="Q7018" s="5" t="s">
        <v>1522</v>
      </c>
      <c r="R7018" s="5" t="s">
        <v>1523</v>
      </c>
      <c r="S7018" s="5" t="s">
        <v>42</v>
      </c>
      <c r="T7018" s="2">
        <v>2.3490000000000002</v>
      </c>
      <c r="U7018" s="2">
        <v>1.879</v>
      </c>
      <c r="V7018" s="2">
        <v>16.7</v>
      </c>
      <c r="W7018" s="2">
        <v>82.9</v>
      </c>
      <c r="X7018" s="2">
        <v>7.6</v>
      </c>
      <c r="Y7018" s="2">
        <v>16.7</v>
      </c>
      <c r="Z7018" s="5"/>
      <c r="AA7018" s="5" t="s">
        <v>43</v>
      </c>
      <c r="AB7018" s="5" t="s">
        <v>44</v>
      </c>
      <c r="AC7018" s="2"/>
      <c r="AD7018" s="1"/>
    </row>
    <row r="7019" spans="1:30">
      <c r="A7019" s="5" t="s">
        <v>83578</v>
      </c>
      <c r="B7019" s="2" t="s">
        <v>105176</v>
      </c>
      <c r="C7019" s="14" t="s">
        <v>105177</v>
      </c>
      <c r="D7019" s="2" t="s">
        <v>105178</v>
      </c>
      <c r="E7019" s="2" t="s">
        <v>7212</v>
      </c>
      <c r="F7019" s="8">
        <v>232</v>
      </c>
      <c r="G7019" s="5">
        <v>6</v>
      </c>
      <c r="H7019" s="5" t="s">
        <v>1518</v>
      </c>
      <c r="I7019" s="5" t="s">
        <v>69038</v>
      </c>
      <c r="J7019" s="2" t="s">
        <v>69039</v>
      </c>
      <c r="K7019" s="5" t="s">
        <v>69038</v>
      </c>
      <c r="L7019" s="2" t="s">
        <v>69039</v>
      </c>
      <c r="M7019" s="5" t="s">
        <v>1521</v>
      </c>
      <c r="N7019" s="5" t="s">
        <v>38</v>
      </c>
      <c r="O7019" s="5" t="s">
        <v>39</v>
      </c>
      <c r="P7019" s="5" t="s">
        <v>40</v>
      </c>
      <c r="Q7019" s="5" t="s">
        <v>1522</v>
      </c>
      <c r="R7019" s="5" t="s">
        <v>1523</v>
      </c>
      <c r="S7019" s="5" t="s">
        <v>42</v>
      </c>
      <c r="T7019" s="2">
        <v>2.2829999999999999</v>
      </c>
      <c r="U7019" s="2">
        <v>1.8129999999999999</v>
      </c>
      <c r="V7019" s="2">
        <v>16.7</v>
      </c>
      <c r="W7019" s="2">
        <v>82.9</v>
      </c>
      <c r="X7019" s="2">
        <v>7.6</v>
      </c>
      <c r="Y7019" s="2">
        <v>16.7</v>
      </c>
      <c r="Z7019" s="5"/>
      <c r="AA7019" s="5" t="s">
        <v>43</v>
      </c>
      <c r="AB7019" s="5" t="s">
        <v>44</v>
      </c>
      <c r="AC7019" s="2"/>
      <c r="AD7019" s="1"/>
    </row>
    <row r="7020" spans="1:30">
      <c r="A7020" s="5" t="s">
        <v>83578</v>
      </c>
      <c r="B7020" s="2" t="s">
        <v>105179</v>
      </c>
      <c r="C7020" s="14" t="s">
        <v>105180</v>
      </c>
      <c r="D7020" s="2" t="s">
        <v>105181</v>
      </c>
      <c r="E7020" s="2" t="s">
        <v>7528</v>
      </c>
      <c r="F7020" s="8">
        <v>232</v>
      </c>
      <c r="G7020" s="5">
        <v>6</v>
      </c>
      <c r="H7020" s="5" t="s">
        <v>1518</v>
      </c>
      <c r="I7020" s="5" t="s">
        <v>69038</v>
      </c>
      <c r="J7020" s="2" t="s">
        <v>69039</v>
      </c>
      <c r="K7020" s="5" t="s">
        <v>69038</v>
      </c>
      <c r="L7020" s="2" t="s">
        <v>69039</v>
      </c>
      <c r="M7020" s="5" t="s">
        <v>1521</v>
      </c>
      <c r="N7020" s="5" t="s">
        <v>38</v>
      </c>
      <c r="O7020" s="5" t="s">
        <v>39</v>
      </c>
      <c r="P7020" s="5" t="s">
        <v>40</v>
      </c>
      <c r="Q7020" s="5" t="s">
        <v>1522</v>
      </c>
      <c r="R7020" s="5" t="s">
        <v>1523</v>
      </c>
      <c r="S7020" s="5" t="s">
        <v>42</v>
      </c>
      <c r="T7020" s="2">
        <v>2.3490000000000002</v>
      </c>
      <c r="U7020" s="2">
        <v>1.879</v>
      </c>
      <c r="V7020" s="2">
        <v>16.7</v>
      </c>
      <c r="W7020" s="2">
        <v>82.9</v>
      </c>
      <c r="X7020" s="2">
        <v>7.6</v>
      </c>
      <c r="Y7020" s="2">
        <v>16.7</v>
      </c>
      <c r="Z7020" s="5"/>
      <c r="AA7020" s="5" t="s">
        <v>43</v>
      </c>
      <c r="AB7020" s="5" t="s">
        <v>44</v>
      </c>
      <c r="AC7020" s="2"/>
      <c r="AD7020" s="1"/>
    </row>
    <row r="7021" spans="1:30">
      <c r="A7021" s="5" t="s">
        <v>83578</v>
      </c>
      <c r="B7021" s="2" t="s">
        <v>105182</v>
      </c>
      <c r="C7021" s="14" t="s">
        <v>105183</v>
      </c>
      <c r="D7021" s="2" t="s">
        <v>105184</v>
      </c>
      <c r="E7021" s="2" t="s">
        <v>7551</v>
      </c>
      <c r="F7021" s="8">
        <v>259</v>
      </c>
      <c r="G7021" s="5">
        <v>6</v>
      </c>
      <c r="H7021" s="5" t="s">
        <v>1518</v>
      </c>
      <c r="I7021" s="5" t="s">
        <v>69038</v>
      </c>
      <c r="J7021" s="2" t="s">
        <v>69039</v>
      </c>
      <c r="K7021" s="5" t="s">
        <v>69038</v>
      </c>
      <c r="L7021" s="2" t="s">
        <v>69039</v>
      </c>
      <c r="M7021" s="5" t="s">
        <v>1521</v>
      </c>
      <c r="N7021" s="5" t="s">
        <v>38</v>
      </c>
      <c r="O7021" s="5" t="s">
        <v>39</v>
      </c>
      <c r="P7021" s="5" t="s">
        <v>40</v>
      </c>
      <c r="Q7021" s="5" t="s">
        <v>1522</v>
      </c>
      <c r="R7021" s="5" t="s">
        <v>1523</v>
      </c>
      <c r="S7021" s="5" t="s">
        <v>42</v>
      </c>
      <c r="T7021" s="2">
        <v>2.6019999999999999</v>
      </c>
      <c r="U7021" s="2">
        <v>2.0449999999999999</v>
      </c>
      <c r="V7021" s="2">
        <v>16.7</v>
      </c>
      <c r="W7021" s="2">
        <v>118.9</v>
      </c>
      <c r="X7021" s="2">
        <v>7.6</v>
      </c>
      <c r="Y7021" s="2">
        <v>16.7</v>
      </c>
      <c r="Z7021" s="5"/>
      <c r="AA7021" s="5" t="s">
        <v>43</v>
      </c>
      <c r="AB7021" s="5" t="s">
        <v>44</v>
      </c>
      <c r="AC7021" s="2"/>
      <c r="AD7021" s="1"/>
    </row>
    <row r="7022" spans="1:30">
      <c r="A7022" s="5" t="s">
        <v>83578</v>
      </c>
      <c r="B7022" s="2" t="s">
        <v>105185</v>
      </c>
      <c r="C7022" s="14" t="s">
        <v>105186</v>
      </c>
      <c r="D7022" s="2" t="s">
        <v>105187</v>
      </c>
      <c r="E7022" s="2" t="s">
        <v>7585</v>
      </c>
      <c r="F7022" s="8">
        <v>259</v>
      </c>
      <c r="G7022" s="5">
        <v>6</v>
      </c>
      <c r="H7022" s="5" t="s">
        <v>1518</v>
      </c>
      <c r="I7022" s="5" t="s">
        <v>69038</v>
      </c>
      <c r="J7022" s="2" t="s">
        <v>69039</v>
      </c>
      <c r="K7022" s="5" t="s">
        <v>69038</v>
      </c>
      <c r="L7022" s="2" t="s">
        <v>69039</v>
      </c>
      <c r="M7022" s="5" t="s">
        <v>1521</v>
      </c>
      <c r="N7022" s="5" t="s">
        <v>38</v>
      </c>
      <c r="O7022" s="5" t="s">
        <v>39</v>
      </c>
      <c r="P7022" s="5" t="s">
        <v>40</v>
      </c>
      <c r="Q7022" s="5" t="s">
        <v>1522</v>
      </c>
      <c r="R7022" s="5" t="s">
        <v>1523</v>
      </c>
      <c r="S7022" s="5" t="s">
        <v>42</v>
      </c>
      <c r="T7022" s="2">
        <v>2.5249999999999999</v>
      </c>
      <c r="U7022" s="2">
        <v>1.968</v>
      </c>
      <c r="V7022" s="2">
        <v>16.7</v>
      </c>
      <c r="W7022" s="2">
        <v>118.9</v>
      </c>
      <c r="X7022" s="2">
        <v>7.6</v>
      </c>
      <c r="Y7022" s="2">
        <v>16.7</v>
      </c>
      <c r="Z7022" s="5"/>
      <c r="AA7022" s="5" t="s">
        <v>43</v>
      </c>
      <c r="AB7022" s="5" t="s">
        <v>44</v>
      </c>
      <c r="AC7022" s="2"/>
      <c r="AD7022" s="1"/>
    </row>
    <row r="7023" spans="1:30">
      <c r="A7023" s="5" t="s">
        <v>83578</v>
      </c>
      <c r="B7023" s="2" t="s">
        <v>105188</v>
      </c>
      <c r="C7023" s="14" t="s">
        <v>105189</v>
      </c>
      <c r="D7023" s="2" t="s">
        <v>105190</v>
      </c>
      <c r="E7023" s="2" t="s">
        <v>7593</v>
      </c>
      <c r="F7023" s="8">
        <v>259</v>
      </c>
      <c r="G7023" s="5">
        <v>6</v>
      </c>
      <c r="H7023" s="5" t="s">
        <v>1518</v>
      </c>
      <c r="I7023" s="5" t="s">
        <v>69038</v>
      </c>
      <c r="J7023" s="2" t="s">
        <v>69039</v>
      </c>
      <c r="K7023" s="5" t="s">
        <v>69038</v>
      </c>
      <c r="L7023" s="2" t="s">
        <v>69039</v>
      </c>
      <c r="M7023" s="5" t="s">
        <v>1521</v>
      </c>
      <c r="N7023" s="5" t="s">
        <v>38</v>
      </c>
      <c r="O7023" s="5" t="s">
        <v>39</v>
      </c>
      <c r="P7023" s="5" t="s">
        <v>40</v>
      </c>
      <c r="Q7023" s="5" t="s">
        <v>1522</v>
      </c>
      <c r="R7023" s="5" t="s">
        <v>1523</v>
      </c>
      <c r="S7023" s="5" t="s">
        <v>42</v>
      </c>
      <c r="T7023" s="2">
        <v>2.5249999999999999</v>
      </c>
      <c r="U7023" s="2">
        <v>1.968</v>
      </c>
      <c r="V7023" s="2">
        <v>16.7</v>
      </c>
      <c r="W7023" s="2">
        <v>118.9</v>
      </c>
      <c r="X7023" s="2">
        <v>7.6</v>
      </c>
      <c r="Y7023" s="2">
        <v>16.7</v>
      </c>
      <c r="Z7023" s="5"/>
      <c r="AA7023" s="5" t="s">
        <v>43</v>
      </c>
      <c r="AB7023" s="5" t="s">
        <v>44</v>
      </c>
      <c r="AC7023" s="2"/>
      <c r="AD7023" s="1"/>
    </row>
    <row r="7024" spans="1:30">
      <c r="A7024" s="5" t="s">
        <v>83578</v>
      </c>
      <c r="B7024" s="2" t="s">
        <v>105191</v>
      </c>
      <c r="C7024" s="14" t="s">
        <v>105192</v>
      </c>
      <c r="D7024" s="2" t="s">
        <v>105193</v>
      </c>
      <c r="E7024" s="2" t="s">
        <v>7547</v>
      </c>
      <c r="F7024" s="8">
        <v>263</v>
      </c>
      <c r="G7024" s="5">
        <v>6</v>
      </c>
      <c r="H7024" s="5" t="s">
        <v>1518</v>
      </c>
      <c r="I7024" s="5" t="s">
        <v>69038</v>
      </c>
      <c r="J7024" s="2" t="s">
        <v>69039</v>
      </c>
      <c r="K7024" s="5" t="s">
        <v>69038</v>
      </c>
      <c r="L7024" s="2" t="s">
        <v>69039</v>
      </c>
      <c r="M7024" s="5" t="s">
        <v>1521</v>
      </c>
      <c r="N7024" s="5" t="s">
        <v>38</v>
      </c>
      <c r="O7024" s="5" t="s">
        <v>39</v>
      </c>
      <c r="P7024" s="5" t="s">
        <v>40</v>
      </c>
      <c r="Q7024" s="5" t="s">
        <v>1522</v>
      </c>
      <c r="R7024" s="5" t="s">
        <v>1523</v>
      </c>
      <c r="S7024" s="5" t="s">
        <v>42</v>
      </c>
      <c r="T7024" s="2">
        <v>2.7679999999999998</v>
      </c>
      <c r="U7024" s="2">
        <v>2.137</v>
      </c>
      <c r="V7024" s="2">
        <v>16.7</v>
      </c>
      <c r="W7024" s="2">
        <v>139.1</v>
      </c>
      <c r="X7024" s="2">
        <v>7.6</v>
      </c>
      <c r="Y7024" s="2">
        <v>16.7</v>
      </c>
      <c r="Z7024" s="5"/>
      <c r="AA7024" s="5" t="s">
        <v>43</v>
      </c>
      <c r="AB7024" s="5" t="s">
        <v>44</v>
      </c>
      <c r="AC7024" s="2"/>
      <c r="AD7024" s="1"/>
    </row>
    <row r="7025" spans="1:30">
      <c r="A7025" s="5" t="s">
        <v>83578</v>
      </c>
      <c r="B7025" s="2" t="s">
        <v>105194</v>
      </c>
      <c r="C7025" s="14" t="s">
        <v>105195</v>
      </c>
      <c r="D7025" s="2" t="s">
        <v>105196</v>
      </c>
      <c r="E7025" s="2" t="s">
        <v>7551</v>
      </c>
      <c r="F7025" s="8">
        <v>263</v>
      </c>
      <c r="G7025" s="5">
        <v>6</v>
      </c>
      <c r="H7025" s="5" t="s">
        <v>1518</v>
      </c>
      <c r="I7025" s="5" t="s">
        <v>69038</v>
      </c>
      <c r="J7025" s="2" t="s">
        <v>69039</v>
      </c>
      <c r="K7025" s="5" t="s">
        <v>69038</v>
      </c>
      <c r="L7025" s="2" t="s">
        <v>69039</v>
      </c>
      <c r="M7025" s="5" t="s">
        <v>1521</v>
      </c>
      <c r="N7025" s="5" t="s">
        <v>38</v>
      </c>
      <c r="O7025" s="5" t="s">
        <v>39</v>
      </c>
      <c r="P7025" s="5" t="s">
        <v>40</v>
      </c>
      <c r="Q7025" s="5" t="s">
        <v>1522</v>
      </c>
      <c r="R7025" s="5" t="s">
        <v>1523</v>
      </c>
      <c r="S7025" s="5" t="s">
        <v>42</v>
      </c>
      <c r="T7025" s="2">
        <v>2.8570000000000002</v>
      </c>
      <c r="U7025" s="2">
        <v>2.226</v>
      </c>
      <c r="V7025" s="2">
        <v>16.7</v>
      </c>
      <c r="W7025" s="2">
        <v>139.1</v>
      </c>
      <c r="X7025" s="2">
        <v>7.6</v>
      </c>
      <c r="Y7025" s="2">
        <v>16.7</v>
      </c>
      <c r="Z7025" s="5"/>
      <c r="AA7025" s="5" t="s">
        <v>43</v>
      </c>
      <c r="AB7025" s="5" t="s">
        <v>44</v>
      </c>
      <c r="AC7025" s="2"/>
      <c r="AD7025" s="1"/>
    </row>
    <row r="7026" spans="1:30">
      <c r="A7026" s="5" t="s">
        <v>83578</v>
      </c>
      <c r="B7026" s="2" t="s">
        <v>105197</v>
      </c>
      <c r="C7026" s="14" t="s">
        <v>105198</v>
      </c>
      <c r="D7026" s="2" t="s">
        <v>105199</v>
      </c>
      <c r="E7026" s="2" t="s">
        <v>7555</v>
      </c>
      <c r="F7026" s="8">
        <v>263</v>
      </c>
      <c r="G7026" s="5">
        <v>6</v>
      </c>
      <c r="H7026" s="5" t="s">
        <v>1518</v>
      </c>
      <c r="I7026" s="5" t="s">
        <v>69038</v>
      </c>
      <c r="J7026" s="2" t="s">
        <v>69039</v>
      </c>
      <c r="K7026" s="5" t="s">
        <v>69038</v>
      </c>
      <c r="L7026" s="2" t="s">
        <v>69039</v>
      </c>
      <c r="M7026" s="5" t="s">
        <v>1521</v>
      </c>
      <c r="N7026" s="5" t="s">
        <v>38</v>
      </c>
      <c r="O7026" s="5" t="s">
        <v>39</v>
      </c>
      <c r="P7026" s="5" t="s">
        <v>40</v>
      </c>
      <c r="Q7026" s="5" t="s">
        <v>1522</v>
      </c>
      <c r="R7026" s="5" t="s">
        <v>1523</v>
      </c>
      <c r="S7026" s="5" t="s">
        <v>42</v>
      </c>
      <c r="T7026" s="2">
        <v>2.7679999999999998</v>
      </c>
      <c r="U7026" s="2">
        <v>2.137</v>
      </c>
      <c r="V7026" s="2">
        <v>16.7</v>
      </c>
      <c r="W7026" s="2">
        <v>139.1</v>
      </c>
      <c r="X7026" s="2">
        <v>7.6</v>
      </c>
      <c r="Y7026" s="2">
        <v>16.7</v>
      </c>
      <c r="Z7026" s="5"/>
      <c r="AA7026" s="5" t="s">
        <v>43</v>
      </c>
      <c r="AB7026" s="5" t="s">
        <v>44</v>
      </c>
      <c r="AC7026" s="2"/>
      <c r="AD7026" s="1"/>
    </row>
    <row r="7027" spans="1:30">
      <c r="A7027" s="5" t="s">
        <v>83578</v>
      </c>
      <c r="B7027" s="2" t="s">
        <v>105200</v>
      </c>
      <c r="C7027" s="14" t="s">
        <v>105201</v>
      </c>
      <c r="D7027" s="2" t="s">
        <v>105202</v>
      </c>
      <c r="E7027" s="2" t="s">
        <v>7559</v>
      </c>
      <c r="F7027" s="8">
        <v>263</v>
      </c>
      <c r="G7027" s="5">
        <v>6</v>
      </c>
      <c r="H7027" s="5" t="s">
        <v>1518</v>
      </c>
      <c r="I7027" s="5" t="s">
        <v>69038</v>
      </c>
      <c r="J7027" s="2" t="s">
        <v>69039</v>
      </c>
      <c r="K7027" s="5" t="s">
        <v>69038</v>
      </c>
      <c r="L7027" s="2" t="s">
        <v>69039</v>
      </c>
      <c r="M7027" s="5" t="s">
        <v>1521</v>
      </c>
      <c r="N7027" s="5" t="s">
        <v>38</v>
      </c>
      <c r="O7027" s="5" t="s">
        <v>39</v>
      </c>
      <c r="P7027" s="5" t="s">
        <v>40</v>
      </c>
      <c r="Q7027" s="5" t="s">
        <v>1522</v>
      </c>
      <c r="R7027" s="5" t="s">
        <v>1523</v>
      </c>
      <c r="S7027" s="5" t="s">
        <v>42</v>
      </c>
      <c r="T7027" s="2">
        <v>2.8570000000000002</v>
      </c>
      <c r="U7027" s="2">
        <v>2.226</v>
      </c>
      <c r="V7027" s="2">
        <v>16.7</v>
      </c>
      <c r="W7027" s="2">
        <v>139.1</v>
      </c>
      <c r="X7027" s="2">
        <v>7.6</v>
      </c>
      <c r="Y7027" s="2">
        <v>16.7</v>
      </c>
      <c r="Z7027" s="5"/>
      <c r="AA7027" s="5" t="s">
        <v>43</v>
      </c>
      <c r="AB7027" s="5" t="s">
        <v>44</v>
      </c>
      <c r="AC7027" s="2"/>
      <c r="AD7027" s="1"/>
    </row>
    <row r="7028" spans="1:30">
      <c r="A7028" s="5" t="s">
        <v>83578</v>
      </c>
      <c r="B7028" s="2" t="s">
        <v>105203</v>
      </c>
      <c r="C7028" s="14" t="s">
        <v>105204</v>
      </c>
      <c r="D7028" s="2" t="s">
        <v>105205</v>
      </c>
      <c r="E7028" s="2" t="s">
        <v>16079</v>
      </c>
      <c r="F7028" s="8">
        <v>263</v>
      </c>
      <c r="G7028" s="5">
        <v>6</v>
      </c>
      <c r="H7028" s="5" t="s">
        <v>1518</v>
      </c>
      <c r="I7028" s="5" t="s">
        <v>69038</v>
      </c>
      <c r="J7028" s="2" t="s">
        <v>69039</v>
      </c>
      <c r="K7028" s="5" t="s">
        <v>69038</v>
      </c>
      <c r="L7028" s="2" t="s">
        <v>69039</v>
      </c>
      <c r="M7028" s="5" t="s">
        <v>1521</v>
      </c>
      <c r="N7028" s="5" t="s">
        <v>38</v>
      </c>
      <c r="O7028" s="5" t="s">
        <v>39</v>
      </c>
      <c r="P7028" s="5" t="s">
        <v>40</v>
      </c>
      <c r="Q7028" s="5" t="s">
        <v>1522</v>
      </c>
      <c r="R7028" s="5" t="s">
        <v>1523</v>
      </c>
      <c r="S7028" s="5" t="s">
        <v>42</v>
      </c>
      <c r="T7028" s="2">
        <v>2.7679999999999998</v>
      </c>
      <c r="U7028" s="2">
        <v>2.137</v>
      </c>
      <c r="V7028" s="2">
        <v>16.7</v>
      </c>
      <c r="W7028" s="2">
        <v>139.1</v>
      </c>
      <c r="X7028" s="2">
        <v>7.6</v>
      </c>
      <c r="Y7028" s="2">
        <v>16.7</v>
      </c>
      <c r="Z7028" s="5"/>
      <c r="AA7028" s="5" t="s">
        <v>43</v>
      </c>
      <c r="AB7028" s="5" t="s">
        <v>44</v>
      </c>
      <c r="AC7028" s="2"/>
      <c r="AD7028" s="1"/>
    </row>
    <row r="7029" spans="1:30">
      <c r="A7029" s="5" t="s">
        <v>83578</v>
      </c>
      <c r="B7029" s="2" t="s">
        <v>105206</v>
      </c>
      <c r="C7029" s="14" t="s">
        <v>105207</v>
      </c>
      <c r="D7029" s="2" t="s">
        <v>105208</v>
      </c>
      <c r="E7029" s="2" t="s">
        <v>16194</v>
      </c>
      <c r="F7029" s="8">
        <v>263</v>
      </c>
      <c r="G7029" s="5">
        <v>6</v>
      </c>
      <c r="H7029" s="5" t="s">
        <v>1518</v>
      </c>
      <c r="I7029" s="5" t="s">
        <v>69038</v>
      </c>
      <c r="J7029" s="2" t="s">
        <v>69039</v>
      </c>
      <c r="K7029" s="5" t="s">
        <v>69038</v>
      </c>
      <c r="L7029" s="2" t="s">
        <v>69039</v>
      </c>
      <c r="M7029" s="5" t="s">
        <v>1521</v>
      </c>
      <c r="N7029" s="5" t="s">
        <v>38</v>
      </c>
      <c r="O7029" s="5" t="s">
        <v>39</v>
      </c>
      <c r="P7029" s="5" t="s">
        <v>40</v>
      </c>
      <c r="Q7029" s="5" t="s">
        <v>1522</v>
      </c>
      <c r="R7029" s="5" t="s">
        <v>1523</v>
      </c>
      <c r="S7029" s="5" t="s">
        <v>42</v>
      </c>
      <c r="T7029" s="2">
        <v>2.8570000000000002</v>
      </c>
      <c r="U7029" s="2">
        <v>2.226</v>
      </c>
      <c r="V7029" s="2">
        <v>16.7</v>
      </c>
      <c r="W7029" s="2">
        <v>139.1</v>
      </c>
      <c r="X7029" s="2">
        <v>7.6</v>
      </c>
      <c r="Y7029" s="2">
        <v>16.7</v>
      </c>
      <c r="Z7029" s="5"/>
      <c r="AA7029" s="5" t="s">
        <v>43</v>
      </c>
      <c r="AB7029" s="5" t="s">
        <v>44</v>
      </c>
      <c r="AC7029" s="2"/>
      <c r="AD7029" s="1"/>
    </row>
    <row r="7030" spans="1:30">
      <c r="A7030" s="5" t="s">
        <v>83578</v>
      </c>
      <c r="B7030" s="2" t="s">
        <v>105209</v>
      </c>
      <c r="C7030" s="14" t="s">
        <v>105210</v>
      </c>
      <c r="D7030" s="2" t="s">
        <v>105211</v>
      </c>
      <c r="E7030" s="2" t="s">
        <v>7449</v>
      </c>
      <c r="F7030" s="8">
        <v>263</v>
      </c>
      <c r="G7030" s="5">
        <v>6</v>
      </c>
      <c r="H7030" s="5" t="s">
        <v>1518</v>
      </c>
      <c r="I7030" s="5" t="s">
        <v>69038</v>
      </c>
      <c r="J7030" s="2" t="s">
        <v>69039</v>
      </c>
      <c r="K7030" s="5" t="s">
        <v>69038</v>
      </c>
      <c r="L7030" s="2" t="s">
        <v>69039</v>
      </c>
      <c r="M7030" s="5" t="s">
        <v>1521</v>
      </c>
      <c r="N7030" s="5" t="s">
        <v>38</v>
      </c>
      <c r="O7030" s="5" t="s">
        <v>39</v>
      </c>
      <c r="P7030" s="5" t="s">
        <v>40</v>
      </c>
      <c r="Q7030" s="5" t="s">
        <v>1522</v>
      </c>
      <c r="R7030" s="5" t="s">
        <v>1523</v>
      </c>
      <c r="S7030" s="5" t="s">
        <v>42</v>
      </c>
      <c r="T7030" s="2">
        <v>2.7679999999999998</v>
      </c>
      <c r="U7030" s="2">
        <v>2.137</v>
      </c>
      <c r="V7030" s="2">
        <v>16.7</v>
      </c>
      <c r="W7030" s="2">
        <v>139.1</v>
      </c>
      <c r="X7030" s="2">
        <v>7.6</v>
      </c>
      <c r="Y7030" s="2">
        <v>16.7</v>
      </c>
      <c r="Z7030" s="5"/>
      <c r="AA7030" s="5" t="s">
        <v>43</v>
      </c>
      <c r="AB7030" s="5" t="s">
        <v>44</v>
      </c>
      <c r="AC7030" s="2"/>
      <c r="AD7030" s="1"/>
    </row>
    <row r="7031" spans="1:30">
      <c r="A7031" s="5" t="s">
        <v>83578</v>
      </c>
      <c r="B7031" s="2" t="s">
        <v>105212</v>
      </c>
      <c r="C7031" s="14" t="s">
        <v>105213</v>
      </c>
      <c r="D7031" s="2" t="s">
        <v>105214</v>
      </c>
      <c r="E7031" s="2" t="s">
        <v>7581</v>
      </c>
      <c r="F7031" s="8">
        <v>263</v>
      </c>
      <c r="G7031" s="5">
        <v>6</v>
      </c>
      <c r="H7031" s="5" t="s">
        <v>1518</v>
      </c>
      <c r="I7031" s="5" t="s">
        <v>69038</v>
      </c>
      <c r="J7031" s="2" t="s">
        <v>69039</v>
      </c>
      <c r="K7031" s="5" t="s">
        <v>69038</v>
      </c>
      <c r="L7031" s="2" t="s">
        <v>69039</v>
      </c>
      <c r="M7031" s="5" t="s">
        <v>1521</v>
      </c>
      <c r="N7031" s="5" t="s">
        <v>38</v>
      </c>
      <c r="O7031" s="5" t="s">
        <v>39</v>
      </c>
      <c r="P7031" s="5" t="s">
        <v>40</v>
      </c>
      <c r="Q7031" s="5" t="s">
        <v>1522</v>
      </c>
      <c r="R7031" s="5" t="s">
        <v>1523</v>
      </c>
      <c r="S7031" s="5" t="s">
        <v>42</v>
      </c>
      <c r="T7031" s="2">
        <v>2.8570000000000002</v>
      </c>
      <c r="U7031" s="2">
        <v>2.226</v>
      </c>
      <c r="V7031" s="2">
        <v>16.7</v>
      </c>
      <c r="W7031" s="2">
        <v>139.1</v>
      </c>
      <c r="X7031" s="2">
        <v>7.6</v>
      </c>
      <c r="Y7031" s="2">
        <v>16.7</v>
      </c>
      <c r="Z7031" s="5"/>
      <c r="AA7031" s="5" t="s">
        <v>43</v>
      </c>
      <c r="AB7031" s="5" t="s">
        <v>44</v>
      </c>
      <c r="AC7031" s="2"/>
      <c r="AD7031" s="1"/>
    </row>
    <row r="7032" spans="1:30">
      <c r="A7032" s="5" t="s">
        <v>83578</v>
      </c>
      <c r="B7032" s="2" t="s">
        <v>105215</v>
      </c>
      <c r="C7032" s="14" t="s">
        <v>105216</v>
      </c>
      <c r="D7032" s="2" t="s">
        <v>105217</v>
      </c>
      <c r="E7032" s="2" t="s">
        <v>7597</v>
      </c>
      <c r="F7032" s="8">
        <v>263</v>
      </c>
      <c r="G7032" s="5">
        <v>6</v>
      </c>
      <c r="H7032" s="5" t="s">
        <v>1518</v>
      </c>
      <c r="I7032" s="5" t="s">
        <v>69038</v>
      </c>
      <c r="J7032" s="2" t="s">
        <v>69039</v>
      </c>
      <c r="K7032" s="5" t="s">
        <v>69038</v>
      </c>
      <c r="L7032" s="2" t="s">
        <v>69039</v>
      </c>
      <c r="M7032" s="5" t="s">
        <v>1521</v>
      </c>
      <c r="N7032" s="5" t="s">
        <v>38</v>
      </c>
      <c r="O7032" s="5" t="s">
        <v>39</v>
      </c>
      <c r="P7032" s="5" t="s">
        <v>40</v>
      </c>
      <c r="Q7032" s="5" t="s">
        <v>1522</v>
      </c>
      <c r="R7032" s="5" t="s">
        <v>1523</v>
      </c>
      <c r="S7032" s="5" t="s">
        <v>42</v>
      </c>
      <c r="T7032" s="2">
        <v>2.8570000000000002</v>
      </c>
      <c r="U7032" s="2">
        <v>2.226</v>
      </c>
      <c r="V7032" s="2">
        <v>16.7</v>
      </c>
      <c r="W7032" s="2">
        <v>139.1</v>
      </c>
      <c r="X7032" s="2">
        <v>7.6</v>
      </c>
      <c r="Y7032" s="2">
        <v>16.7</v>
      </c>
      <c r="Z7032" s="5"/>
      <c r="AA7032" s="5" t="s">
        <v>43</v>
      </c>
      <c r="AB7032" s="5" t="s">
        <v>44</v>
      </c>
      <c r="AC7032" s="2"/>
      <c r="AD7032" s="1"/>
    </row>
    <row r="7033" spans="1:30">
      <c r="A7033" s="5" t="s">
        <v>83578</v>
      </c>
      <c r="B7033" s="2" t="s">
        <v>105218</v>
      </c>
      <c r="C7033" s="14" t="s">
        <v>105219</v>
      </c>
      <c r="D7033" s="2" t="s">
        <v>105220</v>
      </c>
      <c r="E7033" s="2" t="s">
        <v>16219</v>
      </c>
      <c r="F7033" s="8">
        <v>263</v>
      </c>
      <c r="G7033" s="5">
        <v>6</v>
      </c>
      <c r="H7033" s="5" t="s">
        <v>1518</v>
      </c>
      <c r="I7033" s="5" t="s">
        <v>69038</v>
      </c>
      <c r="J7033" s="2" t="s">
        <v>69039</v>
      </c>
      <c r="K7033" s="5" t="s">
        <v>69038</v>
      </c>
      <c r="L7033" s="2" t="s">
        <v>69039</v>
      </c>
      <c r="M7033" s="5" t="s">
        <v>1521</v>
      </c>
      <c r="N7033" s="5" t="s">
        <v>38</v>
      </c>
      <c r="O7033" s="5" t="s">
        <v>39</v>
      </c>
      <c r="P7033" s="5" t="s">
        <v>40</v>
      </c>
      <c r="Q7033" s="5" t="s">
        <v>1522</v>
      </c>
      <c r="R7033" s="5" t="s">
        <v>1523</v>
      </c>
      <c r="S7033" s="5" t="s">
        <v>42</v>
      </c>
      <c r="T7033" s="2">
        <v>2.8570000000000002</v>
      </c>
      <c r="U7033" s="2">
        <v>2.226</v>
      </c>
      <c r="V7033" s="2">
        <v>16.7</v>
      </c>
      <c r="W7033" s="2">
        <v>139.1</v>
      </c>
      <c r="X7033" s="2">
        <v>7.6</v>
      </c>
      <c r="Y7033" s="2">
        <v>16.7</v>
      </c>
      <c r="Z7033" s="5"/>
      <c r="AA7033" s="5" t="s">
        <v>43</v>
      </c>
      <c r="AB7033" s="5" t="s">
        <v>44</v>
      </c>
      <c r="AC7033" s="2"/>
      <c r="AD7033" s="1"/>
    </row>
    <row r="7034" spans="1:30">
      <c r="A7034" s="5" t="s">
        <v>83578</v>
      </c>
      <c r="B7034" s="2" t="s">
        <v>105221</v>
      </c>
      <c r="C7034" s="14" t="s">
        <v>105222</v>
      </c>
      <c r="D7034" s="2" t="s">
        <v>105223</v>
      </c>
      <c r="E7034" s="2" t="s">
        <v>7535</v>
      </c>
      <c r="F7034" s="8">
        <v>253</v>
      </c>
      <c r="G7034" s="5">
        <v>6</v>
      </c>
      <c r="H7034" s="5" t="s">
        <v>1518</v>
      </c>
      <c r="I7034" s="5" t="s">
        <v>69038</v>
      </c>
      <c r="J7034" s="2" t="s">
        <v>69039</v>
      </c>
      <c r="K7034" s="5" t="s">
        <v>69038</v>
      </c>
      <c r="L7034" s="2" t="s">
        <v>69039</v>
      </c>
      <c r="M7034" s="5" t="s">
        <v>1521</v>
      </c>
      <c r="N7034" s="5" t="s">
        <v>38</v>
      </c>
      <c r="O7034" s="5" t="s">
        <v>39</v>
      </c>
      <c r="P7034" s="5" t="s">
        <v>40</v>
      </c>
      <c r="Q7034" s="5" t="s">
        <v>1522</v>
      </c>
      <c r="R7034" s="5" t="s">
        <v>1523</v>
      </c>
      <c r="S7034" s="5" t="s">
        <v>42</v>
      </c>
      <c r="T7034" s="2">
        <v>2.5680000000000001</v>
      </c>
      <c r="U7034" s="2">
        <v>2.0219999999999998</v>
      </c>
      <c r="V7034" s="2">
        <v>16.7</v>
      </c>
      <c r="W7034" s="2">
        <v>99.1</v>
      </c>
      <c r="X7034" s="2">
        <v>7.6</v>
      </c>
      <c r="Y7034" s="2">
        <v>16.7</v>
      </c>
      <c r="Z7034" s="5"/>
      <c r="AA7034" s="5" t="s">
        <v>43</v>
      </c>
      <c r="AB7034" s="5" t="s">
        <v>44</v>
      </c>
      <c r="AC7034" s="2"/>
      <c r="AD7034" s="1"/>
    </row>
    <row r="7035" spans="1:30">
      <c r="A7035" s="5" t="s">
        <v>83578</v>
      </c>
      <c r="B7035" s="2" t="s">
        <v>105224</v>
      </c>
      <c r="C7035" s="14" t="s">
        <v>105225</v>
      </c>
      <c r="D7035" s="2" t="s">
        <v>105226</v>
      </c>
      <c r="E7035" s="2" t="s">
        <v>7547</v>
      </c>
      <c r="F7035" s="8">
        <v>253</v>
      </c>
      <c r="G7035" s="5">
        <v>6</v>
      </c>
      <c r="H7035" s="5" t="s">
        <v>1518</v>
      </c>
      <c r="I7035" s="5" t="s">
        <v>69038</v>
      </c>
      <c r="J7035" s="2" t="s">
        <v>69039</v>
      </c>
      <c r="K7035" s="5" t="s">
        <v>69038</v>
      </c>
      <c r="L7035" s="2" t="s">
        <v>69039</v>
      </c>
      <c r="M7035" s="5" t="s">
        <v>1521</v>
      </c>
      <c r="N7035" s="5" t="s">
        <v>38</v>
      </c>
      <c r="O7035" s="5" t="s">
        <v>39</v>
      </c>
      <c r="P7035" s="5" t="s">
        <v>40</v>
      </c>
      <c r="Q7035" s="5" t="s">
        <v>1522</v>
      </c>
      <c r="R7035" s="5" t="s">
        <v>1523</v>
      </c>
      <c r="S7035" s="5" t="s">
        <v>42</v>
      </c>
      <c r="T7035" s="2">
        <v>2.5009999999999999</v>
      </c>
      <c r="U7035" s="2">
        <v>1.9550000000000001</v>
      </c>
      <c r="V7035" s="2">
        <v>16.7</v>
      </c>
      <c r="W7035" s="2">
        <v>99.1</v>
      </c>
      <c r="X7035" s="2">
        <v>7.6</v>
      </c>
      <c r="Y7035" s="2">
        <v>16.7</v>
      </c>
      <c r="Z7035" s="5"/>
      <c r="AA7035" s="5" t="s">
        <v>43</v>
      </c>
      <c r="AB7035" s="5" t="s">
        <v>44</v>
      </c>
      <c r="AC7035" s="2"/>
      <c r="AD7035" s="1"/>
    </row>
    <row r="7036" spans="1:30">
      <c r="A7036" s="5" t="s">
        <v>83578</v>
      </c>
      <c r="B7036" s="2" t="s">
        <v>105227</v>
      </c>
      <c r="C7036" s="14" t="s">
        <v>105228</v>
      </c>
      <c r="D7036" s="2" t="s">
        <v>105229</v>
      </c>
      <c r="E7036" s="2" t="s">
        <v>7551</v>
      </c>
      <c r="F7036" s="8">
        <v>253</v>
      </c>
      <c r="G7036" s="5">
        <v>6</v>
      </c>
      <c r="H7036" s="5" t="s">
        <v>1518</v>
      </c>
      <c r="I7036" s="5" t="s">
        <v>69038</v>
      </c>
      <c r="J7036" s="2" t="s">
        <v>69039</v>
      </c>
      <c r="K7036" s="5" t="s">
        <v>69038</v>
      </c>
      <c r="L7036" s="2" t="s">
        <v>69039</v>
      </c>
      <c r="M7036" s="5" t="s">
        <v>1521</v>
      </c>
      <c r="N7036" s="5" t="s">
        <v>38</v>
      </c>
      <c r="O7036" s="5" t="s">
        <v>39</v>
      </c>
      <c r="P7036" s="5" t="s">
        <v>40</v>
      </c>
      <c r="Q7036" s="5" t="s">
        <v>1522</v>
      </c>
      <c r="R7036" s="5" t="s">
        <v>1523</v>
      </c>
      <c r="S7036" s="5" t="s">
        <v>42</v>
      </c>
      <c r="T7036" s="2">
        <v>2.5680000000000001</v>
      </c>
      <c r="U7036" s="2">
        <v>2.0219999999999998</v>
      </c>
      <c r="V7036" s="2">
        <v>16.7</v>
      </c>
      <c r="W7036" s="2">
        <v>99.1</v>
      </c>
      <c r="X7036" s="2">
        <v>7.6</v>
      </c>
      <c r="Y7036" s="2">
        <v>16.7</v>
      </c>
      <c r="Z7036" s="5"/>
      <c r="AA7036" s="5" t="s">
        <v>43</v>
      </c>
      <c r="AB7036" s="5" t="s">
        <v>44</v>
      </c>
      <c r="AC7036" s="2"/>
      <c r="AD7036" s="1"/>
    </row>
    <row r="7037" spans="1:30">
      <c r="A7037" s="5" t="s">
        <v>83578</v>
      </c>
      <c r="B7037" s="2" t="s">
        <v>105230</v>
      </c>
      <c r="C7037" s="14" t="s">
        <v>105231</v>
      </c>
      <c r="D7037" s="2" t="s">
        <v>105232</v>
      </c>
      <c r="E7037" s="2" t="s">
        <v>7555</v>
      </c>
      <c r="F7037" s="8">
        <v>253</v>
      </c>
      <c r="G7037" s="5">
        <v>6</v>
      </c>
      <c r="H7037" s="5" t="s">
        <v>1518</v>
      </c>
      <c r="I7037" s="5" t="s">
        <v>69038</v>
      </c>
      <c r="J7037" s="2" t="s">
        <v>69039</v>
      </c>
      <c r="K7037" s="5" t="s">
        <v>69038</v>
      </c>
      <c r="L7037" s="2" t="s">
        <v>69039</v>
      </c>
      <c r="M7037" s="5" t="s">
        <v>1521</v>
      </c>
      <c r="N7037" s="5" t="s">
        <v>38</v>
      </c>
      <c r="O7037" s="5" t="s">
        <v>39</v>
      </c>
      <c r="P7037" s="5" t="s">
        <v>40</v>
      </c>
      <c r="Q7037" s="5" t="s">
        <v>1522</v>
      </c>
      <c r="R7037" s="5" t="s">
        <v>1523</v>
      </c>
      <c r="S7037" s="5" t="s">
        <v>42</v>
      </c>
      <c r="T7037" s="2">
        <v>2.5009999999999999</v>
      </c>
      <c r="U7037" s="2">
        <v>1.9550000000000001</v>
      </c>
      <c r="V7037" s="2">
        <v>16.7</v>
      </c>
      <c r="W7037" s="2">
        <v>99.1</v>
      </c>
      <c r="X7037" s="2">
        <v>7.6</v>
      </c>
      <c r="Y7037" s="2">
        <v>16.7</v>
      </c>
      <c r="Z7037" s="5"/>
      <c r="AA7037" s="5" t="s">
        <v>43</v>
      </c>
      <c r="AB7037" s="5" t="s">
        <v>44</v>
      </c>
      <c r="AC7037" s="2"/>
      <c r="AD7037" s="1"/>
    </row>
    <row r="7038" spans="1:30">
      <c r="A7038" s="5" t="s">
        <v>83578</v>
      </c>
      <c r="B7038" s="2" t="s">
        <v>105233</v>
      </c>
      <c r="C7038" s="14" t="s">
        <v>105234</v>
      </c>
      <c r="D7038" s="2" t="s">
        <v>105235</v>
      </c>
      <c r="E7038" s="2" t="s">
        <v>7559</v>
      </c>
      <c r="F7038" s="8">
        <v>253</v>
      </c>
      <c r="G7038" s="5">
        <v>6</v>
      </c>
      <c r="H7038" s="5" t="s">
        <v>1518</v>
      </c>
      <c r="I7038" s="5" t="s">
        <v>69038</v>
      </c>
      <c r="J7038" s="2" t="s">
        <v>69039</v>
      </c>
      <c r="K7038" s="5" t="s">
        <v>69038</v>
      </c>
      <c r="L7038" s="2" t="s">
        <v>69039</v>
      </c>
      <c r="M7038" s="5" t="s">
        <v>1521</v>
      </c>
      <c r="N7038" s="5" t="s">
        <v>38</v>
      </c>
      <c r="O7038" s="5" t="s">
        <v>39</v>
      </c>
      <c r="P7038" s="5" t="s">
        <v>40</v>
      </c>
      <c r="Q7038" s="5" t="s">
        <v>1522</v>
      </c>
      <c r="R7038" s="5" t="s">
        <v>1523</v>
      </c>
      <c r="S7038" s="5" t="s">
        <v>42</v>
      </c>
      <c r="T7038" s="2">
        <v>2.5680000000000001</v>
      </c>
      <c r="U7038" s="2">
        <v>2.0219999999999998</v>
      </c>
      <c r="V7038" s="2">
        <v>16.7</v>
      </c>
      <c r="W7038" s="2">
        <v>99.1</v>
      </c>
      <c r="X7038" s="2">
        <v>7.6</v>
      </c>
      <c r="Y7038" s="2">
        <v>16.7</v>
      </c>
      <c r="Z7038" s="5"/>
      <c r="AA7038" s="5" t="s">
        <v>43</v>
      </c>
      <c r="AB7038" s="5" t="s">
        <v>44</v>
      </c>
      <c r="AC7038" s="2"/>
      <c r="AD7038" s="1"/>
    </row>
    <row r="7039" spans="1:30">
      <c r="A7039" s="5" t="s">
        <v>83578</v>
      </c>
      <c r="B7039" s="2" t="s">
        <v>105236</v>
      </c>
      <c r="C7039" s="14" t="s">
        <v>105237</v>
      </c>
      <c r="D7039" s="2" t="s">
        <v>105238</v>
      </c>
      <c r="E7039" s="2" t="s">
        <v>16079</v>
      </c>
      <c r="F7039" s="8">
        <v>253</v>
      </c>
      <c r="G7039" s="5">
        <v>6</v>
      </c>
      <c r="H7039" s="5" t="s">
        <v>1518</v>
      </c>
      <c r="I7039" s="5" t="s">
        <v>69038</v>
      </c>
      <c r="J7039" s="2" t="s">
        <v>69039</v>
      </c>
      <c r="K7039" s="5" t="s">
        <v>69038</v>
      </c>
      <c r="L7039" s="2" t="s">
        <v>69039</v>
      </c>
      <c r="M7039" s="5" t="s">
        <v>1521</v>
      </c>
      <c r="N7039" s="5" t="s">
        <v>38</v>
      </c>
      <c r="O7039" s="5" t="s">
        <v>39</v>
      </c>
      <c r="P7039" s="5" t="s">
        <v>40</v>
      </c>
      <c r="Q7039" s="5" t="s">
        <v>1522</v>
      </c>
      <c r="R7039" s="5" t="s">
        <v>1523</v>
      </c>
      <c r="S7039" s="5" t="s">
        <v>42</v>
      </c>
      <c r="T7039" s="2">
        <v>2.5009999999999999</v>
      </c>
      <c r="U7039" s="2">
        <v>1.9550000000000001</v>
      </c>
      <c r="V7039" s="2">
        <v>16.7</v>
      </c>
      <c r="W7039" s="2">
        <v>99.1</v>
      </c>
      <c r="X7039" s="2">
        <v>7.6</v>
      </c>
      <c r="Y7039" s="2">
        <v>16.7</v>
      </c>
      <c r="Z7039" s="5"/>
      <c r="AA7039" s="5" t="s">
        <v>43</v>
      </c>
      <c r="AB7039" s="5" t="s">
        <v>44</v>
      </c>
      <c r="AC7039" s="2"/>
      <c r="AD7039" s="1"/>
    </row>
    <row r="7040" spans="1:30">
      <c r="A7040" s="5" t="s">
        <v>83578</v>
      </c>
      <c r="B7040" s="2" t="s">
        <v>105239</v>
      </c>
      <c r="C7040" s="14" t="s">
        <v>105240</v>
      </c>
      <c r="D7040" s="2" t="s">
        <v>105241</v>
      </c>
      <c r="E7040" s="2" t="s">
        <v>16194</v>
      </c>
      <c r="F7040" s="8">
        <v>253</v>
      </c>
      <c r="G7040" s="5">
        <v>6</v>
      </c>
      <c r="H7040" s="5" t="s">
        <v>1518</v>
      </c>
      <c r="I7040" s="5" t="s">
        <v>69038</v>
      </c>
      <c r="J7040" s="2" t="s">
        <v>69039</v>
      </c>
      <c r="K7040" s="5" t="s">
        <v>69038</v>
      </c>
      <c r="L7040" s="2" t="s">
        <v>69039</v>
      </c>
      <c r="M7040" s="5" t="s">
        <v>1521</v>
      </c>
      <c r="N7040" s="5" t="s">
        <v>38</v>
      </c>
      <c r="O7040" s="5" t="s">
        <v>39</v>
      </c>
      <c r="P7040" s="5" t="s">
        <v>40</v>
      </c>
      <c r="Q7040" s="5" t="s">
        <v>1522</v>
      </c>
      <c r="R7040" s="5" t="s">
        <v>1523</v>
      </c>
      <c r="S7040" s="5" t="s">
        <v>42</v>
      </c>
      <c r="T7040" s="2">
        <v>2.5680000000000001</v>
      </c>
      <c r="U7040" s="2">
        <v>2.0219999999999998</v>
      </c>
      <c r="V7040" s="2">
        <v>16.7</v>
      </c>
      <c r="W7040" s="2">
        <v>99.1</v>
      </c>
      <c r="X7040" s="2">
        <v>7.6</v>
      </c>
      <c r="Y7040" s="2">
        <v>16.7</v>
      </c>
      <c r="Z7040" s="5"/>
      <c r="AA7040" s="5" t="s">
        <v>43</v>
      </c>
      <c r="AB7040" s="5" t="s">
        <v>44</v>
      </c>
      <c r="AC7040" s="2"/>
      <c r="AD7040" s="1"/>
    </row>
    <row r="7041" spans="1:30">
      <c r="A7041" s="5" t="s">
        <v>83578</v>
      </c>
      <c r="B7041" s="2" t="s">
        <v>105242</v>
      </c>
      <c r="C7041" s="14" t="s">
        <v>105243</v>
      </c>
      <c r="D7041" s="2" t="s">
        <v>105244</v>
      </c>
      <c r="E7041" s="2" t="s">
        <v>7449</v>
      </c>
      <c r="F7041" s="8">
        <v>253</v>
      </c>
      <c r="G7041" s="5">
        <v>6</v>
      </c>
      <c r="H7041" s="5" t="s">
        <v>1518</v>
      </c>
      <c r="I7041" s="5" t="s">
        <v>69038</v>
      </c>
      <c r="J7041" s="2" t="s">
        <v>69039</v>
      </c>
      <c r="K7041" s="5" t="s">
        <v>69038</v>
      </c>
      <c r="L7041" s="2" t="s">
        <v>69039</v>
      </c>
      <c r="M7041" s="5" t="s">
        <v>1521</v>
      </c>
      <c r="N7041" s="5" t="s">
        <v>38</v>
      </c>
      <c r="O7041" s="5" t="s">
        <v>39</v>
      </c>
      <c r="P7041" s="5" t="s">
        <v>40</v>
      </c>
      <c r="Q7041" s="5" t="s">
        <v>1522</v>
      </c>
      <c r="R7041" s="5" t="s">
        <v>1523</v>
      </c>
      <c r="S7041" s="5" t="s">
        <v>42</v>
      </c>
      <c r="T7041" s="2">
        <v>2.5009999999999999</v>
      </c>
      <c r="U7041" s="2">
        <v>1.9550000000000001</v>
      </c>
      <c r="V7041" s="2">
        <v>16.7</v>
      </c>
      <c r="W7041" s="2">
        <v>99.1</v>
      </c>
      <c r="X7041" s="2">
        <v>7.6</v>
      </c>
      <c r="Y7041" s="2">
        <v>16.7</v>
      </c>
      <c r="Z7041" s="5"/>
      <c r="AA7041" s="5" t="s">
        <v>43</v>
      </c>
      <c r="AB7041" s="5" t="s">
        <v>44</v>
      </c>
      <c r="AC7041" s="2"/>
      <c r="AD7041" s="1"/>
    </row>
    <row r="7042" spans="1:30">
      <c r="A7042" s="5" t="s">
        <v>83578</v>
      </c>
      <c r="B7042" s="2" t="s">
        <v>105245</v>
      </c>
      <c r="C7042" s="14" t="s">
        <v>105246</v>
      </c>
      <c r="D7042" s="2" t="s">
        <v>105247</v>
      </c>
      <c r="E7042" s="2" t="s">
        <v>7581</v>
      </c>
      <c r="F7042" s="8">
        <v>253</v>
      </c>
      <c r="G7042" s="5">
        <v>6</v>
      </c>
      <c r="H7042" s="5" t="s">
        <v>1518</v>
      </c>
      <c r="I7042" s="5" t="s">
        <v>69038</v>
      </c>
      <c r="J7042" s="2" t="s">
        <v>69039</v>
      </c>
      <c r="K7042" s="5" t="s">
        <v>69038</v>
      </c>
      <c r="L7042" s="2" t="s">
        <v>69039</v>
      </c>
      <c r="M7042" s="5" t="s">
        <v>1521</v>
      </c>
      <c r="N7042" s="5" t="s">
        <v>38</v>
      </c>
      <c r="O7042" s="5" t="s">
        <v>39</v>
      </c>
      <c r="P7042" s="5" t="s">
        <v>40</v>
      </c>
      <c r="Q7042" s="5" t="s">
        <v>1522</v>
      </c>
      <c r="R7042" s="5" t="s">
        <v>1523</v>
      </c>
      <c r="S7042" s="5" t="s">
        <v>42</v>
      </c>
      <c r="T7042" s="2">
        <v>2.5680000000000001</v>
      </c>
      <c r="U7042" s="2">
        <v>2.0219999999999998</v>
      </c>
      <c r="V7042" s="2">
        <v>16.7</v>
      </c>
      <c r="W7042" s="2">
        <v>99.1</v>
      </c>
      <c r="X7042" s="2">
        <v>7.6</v>
      </c>
      <c r="Y7042" s="2">
        <v>16.7</v>
      </c>
      <c r="Z7042" s="5"/>
      <c r="AA7042" s="5" t="s">
        <v>43</v>
      </c>
      <c r="AB7042" s="5" t="s">
        <v>44</v>
      </c>
      <c r="AC7042" s="2"/>
      <c r="AD7042" s="1"/>
    </row>
    <row r="7043" spans="1:30">
      <c r="A7043" s="5" t="s">
        <v>83578</v>
      </c>
      <c r="B7043" s="2" t="s">
        <v>105248</v>
      </c>
      <c r="C7043" s="14" t="s">
        <v>105249</v>
      </c>
      <c r="D7043" s="2" t="s">
        <v>105250</v>
      </c>
      <c r="E7043" s="2" t="s">
        <v>7585</v>
      </c>
      <c r="F7043" s="8">
        <v>253</v>
      </c>
      <c r="G7043" s="5">
        <v>6</v>
      </c>
      <c r="H7043" s="5" t="s">
        <v>1518</v>
      </c>
      <c r="I7043" s="5" t="s">
        <v>69038</v>
      </c>
      <c r="J7043" s="2" t="s">
        <v>69039</v>
      </c>
      <c r="K7043" s="5" t="s">
        <v>69038</v>
      </c>
      <c r="L7043" s="2" t="s">
        <v>69039</v>
      </c>
      <c r="M7043" s="5" t="s">
        <v>1521</v>
      </c>
      <c r="N7043" s="5" t="s">
        <v>38</v>
      </c>
      <c r="O7043" s="5" t="s">
        <v>39</v>
      </c>
      <c r="P7043" s="5" t="s">
        <v>40</v>
      </c>
      <c r="Q7043" s="5" t="s">
        <v>1522</v>
      </c>
      <c r="R7043" s="5" t="s">
        <v>1523</v>
      </c>
      <c r="S7043" s="5" t="s">
        <v>42</v>
      </c>
      <c r="T7043" s="2">
        <v>2.5009999999999999</v>
      </c>
      <c r="U7043" s="2">
        <v>1.9550000000000001</v>
      </c>
      <c r="V7043" s="2">
        <v>16.7</v>
      </c>
      <c r="W7043" s="2">
        <v>99.1</v>
      </c>
      <c r="X7043" s="2">
        <v>7.6</v>
      </c>
      <c r="Y7043" s="2">
        <v>16.7</v>
      </c>
      <c r="Z7043" s="5"/>
      <c r="AA7043" s="5" t="s">
        <v>43</v>
      </c>
      <c r="AB7043" s="5" t="s">
        <v>44</v>
      </c>
      <c r="AC7043" s="2"/>
      <c r="AD7043" s="1"/>
    </row>
    <row r="7044" spans="1:30">
      <c r="A7044" s="5" t="s">
        <v>83578</v>
      </c>
      <c r="B7044" s="2" t="s">
        <v>105251</v>
      </c>
      <c r="C7044" s="14" t="s">
        <v>105252</v>
      </c>
      <c r="D7044" s="2" t="s">
        <v>105253</v>
      </c>
      <c r="E7044" s="2" t="s">
        <v>7589</v>
      </c>
      <c r="F7044" s="8">
        <v>253</v>
      </c>
      <c r="G7044" s="5">
        <v>6</v>
      </c>
      <c r="H7044" s="5" t="s">
        <v>1518</v>
      </c>
      <c r="I7044" s="5" t="s">
        <v>69038</v>
      </c>
      <c r="J7044" s="2" t="s">
        <v>69039</v>
      </c>
      <c r="K7044" s="5" t="s">
        <v>69038</v>
      </c>
      <c r="L7044" s="2" t="s">
        <v>69039</v>
      </c>
      <c r="M7044" s="5" t="s">
        <v>1521</v>
      </c>
      <c r="N7044" s="5" t="s">
        <v>38</v>
      </c>
      <c r="O7044" s="5" t="s">
        <v>39</v>
      </c>
      <c r="P7044" s="5" t="s">
        <v>40</v>
      </c>
      <c r="Q7044" s="5" t="s">
        <v>1522</v>
      </c>
      <c r="R7044" s="5" t="s">
        <v>1523</v>
      </c>
      <c r="S7044" s="5" t="s">
        <v>42</v>
      </c>
      <c r="T7044" s="2">
        <v>2.5680000000000001</v>
      </c>
      <c r="U7044" s="2">
        <v>2.0219999999999998</v>
      </c>
      <c r="V7044" s="2">
        <v>16.7</v>
      </c>
      <c r="W7044" s="2">
        <v>99.1</v>
      </c>
      <c r="X7044" s="2">
        <v>7.6</v>
      </c>
      <c r="Y7044" s="2">
        <v>16.7</v>
      </c>
      <c r="Z7044" s="5"/>
      <c r="AA7044" s="5" t="s">
        <v>43</v>
      </c>
      <c r="AB7044" s="5" t="s">
        <v>44</v>
      </c>
      <c r="AC7044" s="2"/>
      <c r="AD7044" s="1"/>
    </row>
    <row r="7045" spans="1:30">
      <c r="A7045" s="5" t="s">
        <v>83578</v>
      </c>
      <c r="B7045" s="2" t="s">
        <v>105254</v>
      </c>
      <c r="C7045" s="14" t="s">
        <v>105255</v>
      </c>
      <c r="D7045" s="2" t="s">
        <v>105256</v>
      </c>
      <c r="E7045" s="2" t="s">
        <v>7597</v>
      </c>
      <c r="F7045" s="8">
        <v>253</v>
      </c>
      <c r="G7045" s="5">
        <v>6</v>
      </c>
      <c r="H7045" s="5" t="s">
        <v>1518</v>
      </c>
      <c r="I7045" s="5" t="s">
        <v>69038</v>
      </c>
      <c r="J7045" s="2" t="s">
        <v>69039</v>
      </c>
      <c r="K7045" s="5" t="s">
        <v>69038</v>
      </c>
      <c r="L7045" s="2" t="s">
        <v>69039</v>
      </c>
      <c r="M7045" s="5" t="s">
        <v>1521</v>
      </c>
      <c r="N7045" s="5" t="s">
        <v>38</v>
      </c>
      <c r="O7045" s="5" t="s">
        <v>39</v>
      </c>
      <c r="P7045" s="5" t="s">
        <v>40</v>
      </c>
      <c r="Q7045" s="5" t="s">
        <v>1522</v>
      </c>
      <c r="R7045" s="5" t="s">
        <v>1523</v>
      </c>
      <c r="S7045" s="5" t="s">
        <v>42</v>
      </c>
      <c r="T7045" s="2">
        <v>2.5680000000000001</v>
      </c>
      <c r="U7045" s="2">
        <v>2.0219999999999998</v>
      </c>
      <c r="V7045" s="2">
        <v>16.7</v>
      </c>
      <c r="W7045" s="2">
        <v>99.1</v>
      </c>
      <c r="X7045" s="2">
        <v>7.6</v>
      </c>
      <c r="Y7045" s="2">
        <v>16.7</v>
      </c>
      <c r="Z7045" s="5"/>
      <c r="AA7045" s="5" t="s">
        <v>43</v>
      </c>
      <c r="AB7045" s="5" t="s">
        <v>44</v>
      </c>
      <c r="AC7045" s="2"/>
      <c r="AD7045" s="1"/>
    </row>
    <row r="7046" spans="1:30">
      <c r="A7046" s="5" t="s">
        <v>83578</v>
      </c>
      <c r="B7046" s="2" t="s">
        <v>105257</v>
      </c>
      <c r="C7046" s="14" t="s">
        <v>105258</v>
      </c>
      <c r="D7046" s="2" t="s">
        <v>105259</v>
      </c>
      <c r="E7046" s="2" t="s">
        <v>7615</v>
      </c>
      <c r="F7046" s="8">
        <v>253</v>
      </c>
      <c r="G7046" s="5">
        <v>6</v>
      </c>
      <c r="H7046" s="5" t="s">
        <v>1518</v>
      </c>
      <c r="I7046" s="5" t="s">
        <v>69038</v>
      </c>
      <c r="J7046" s="2" t="s">
        <v>69039</v>
      </c>
      <c r="K7046" s="5" t="s">
        <v>69038</v>
      </c>
      <c r="L7046" s="2" t="s">
        <v>69039</v>
      </c>
      <c r="M7046" s="5" t="s">
        <v>1521</v>
      </c>
      <c r="N7046" s="5" t="s">
        <v>38</v>
      </c>
      <c r="O7046" s="5" t="s">
        <v>39</v>
      </c>
      <c r="P7046" s="5" t="s">
        <v>40</v>
      </c>
      <c r="Q7046" s="5" t="s">
        <v>1522</v>
      </c>
      <c r="R7046" s="5" t="s">
        <v>1523</v>
      </c>
      <c r="S7046" s="5" t="s">
        <v>42</v>
      </c>
      <c r="T7046" s="2">
        <v>2.5009999999999999</v>
      </c>
      <c r="U7046" s="2">
        <v>1.9550000000000001</v>
      </c>
      <c r="V7046" s="2">
        <v>16.7</v>
      </c>
      <c r="W7046" s="2">
        <v>99.1</v>
      </c>
      <c r="X7046" s="2">
        <v>7.6</v>
      </c>
      <c r="Y7046" s="2">
        <v>16.7</v>
      </c>
      <c r="Z7046" s="5"/>
      <c r="AA7046" s="5" t="s">
        <v>43</v>
      </c>
      <c r="AB7046" s="5" t="s">
        <v>44</v>
      </c>
      <c r="AC7046" s="2"/>
      <c r="AD7046" s="1"/>
    </row>
    <row r="7047" spans="1:30">
      <c r="A7047" s="5" t="s">
        <v>83578</v>
      </c>
      <c r="B7047" s="2" t="s">
        <v>105260</v>
      </c>
      <c r="C7047" s="14" t="s">
        <v>105261</v>
      </c>
      <c r="D7047" s="2" t="s">
        <v>105262</v>
      </c>
      <c r="E7047" s="2" t="s">
        <v>7406</v>
      </c>
      <c r="F7047" s="8">
        <v>263</v>
      </c>
      <c r="G7047" s="5">
        <v>6</v>
      </c>
      <c r="H7047" s="5" t="s">
        <v>1518</v>
      </c>
      <c r="I7047" s="5" t="s">
        <v>69038</v>
      </c>
      <c r="J7047" s="2" t="s">
        <v>69039</v>
      </c>
      <c r="K7047" s="5" t="s">
        <v>69038</v>
      </c>
      <c r="L7047" s="2" t="s">
        <v>69039</v>
      </c>
      <c r="M7047" s="5" t="s">
        <v>1521</v>
      </c>
      <c r="N7047" s="5" t="s">
        <v>38</v>
      </c>
      <c r="O7047" s="5" t="s">
        <v>39</v>
      </c>
      <c r="P7047" s="5" t="s">
        <v>40</v>
      </c>
      <c r="Q7047" s="5" t="s">
        <v>1522</v>
      </c>
      <c r="R7047" s="5" t="s">
        <v>1523</v>
      </c>
      <c r="S7047" s="5" t="s">
        <v>42</v>
      </c>
      <c r="T7047" s="2">
        <v>2.65</v>
      </c>
      <c r="U7047" s="2">
        <v>2.113</v>
      </c>
      <c r="V7047" s="2">
        <v>16.7</v>
      </c>
      <c r="W7047" s="2">
        <v>99.1</v>
      </c>
      <c r="X7047" s="2">
        <v>7.6</v>
      </c>
      <c r="Y7047" s="2">
        <v>16.7</v>
      </c>
      <c r="Z7047" s="5"/>
      <c r="AA7047" s="5" t="s">
        <v>43</v>
      </c>
      <c r="AB7047" s="5" t="s">
        <v>44</v>
      </c>
      <c r="AC7047" s="2"/>
      <c r="AD7047" s="1"/>
    </row>
    <row r="7048" spans="1:30">
      <c r="A7048" s="5" t="s">
        <v>83578</v>
      </c>
      <c r="B7048" s="2" t="s">
        <v>105263</v>
      </c>
      <c r="C7048" s="14" t="s">
        <v>105264</v>
      </c>
      <c r="D7048" s="2" t="s">
        <v>105265</v>
      </c>
      <c r="E7048" s="2" t="s">
        <v>7543</v>
      </c>
      <c r="F7048" s="8">
        <v>263</v>
      </c>
      <c r="G7048" s="5">
        <v>6</v>
      </c>
      <c r="H7048" s="5" t="s">
        <v>1518</v>
      </c>
      <c r="I7048" s="5" t="s">
        <v>69038</v>
      </c>
      <c r="J7048" s="2" t="s">
        <v>69039</v>
      </c>
      <c r="K7048" s="5" t="s">
        <v>69038</v>
      </c>
      <c r="L7048" s="2" t="s">
        <v>69039</v>
      </c>
      <c r="M7048" s="5" t="s">
        <v>1521</v>
      </c>
      <c r="N7048" s="5" t="s">
        <v>38</v>
      </c>
      <c r="O7048" s="5" t="s">
        <v>39</v>
      </c>
      <c r="P7048" s="5" t="s">
        <v>40</v>
      </c>
      <c r="Q7048" s="5" t="s">
        <v>1522</v>
      </c>
      <c r="R7048" s="5" t="s">
        <v>1523</v>
      </c>
      <c r="S7048" s="5" t="s">
        <v>42</v>
      </c>
      <c r="T7048" s="2">
        <v>2.7280000000000002</v>
      </c>
      <c r="U7048" s="2">
        <v>2.1909999999999998</v>
      </c>
      <c r="V7048" s="2">
        <v>16.7</v>
      </c>
      <c r="W7048" s="2">
        <v>99.1</v>
      </c>
      <c r="X7048" s="2">
        <v>7.6</v>
      </c>
      <c r="Y7048" s="2">
        <v>16.7</v>
      </c>
      <c r="Z7048" s="5"/>
      <c r="AA7048" s="5" t="s">
        <v>43</v>
      </c>
      <c r="AB7048" s="5" t="s">
        <v>44</v>
      </c>
      <c r="AC7048" s="2"/>
      <c r="AD7048" s="1"/>
    </row>
    <row r="7049" spans="1:30">
      <c r="A7049" s="5" t="s">
        <v>83578</v>
      </c>
      <c r="B7049" s="2" t="s">
        <v>105266</v>
      </c>
      <c r="C7049" s="14" t="s">
        <v>105267</v>
      </c>
      <c r="D7049" s="2" t="s">
        <v>105268</v>
      </c>
      <c r="E7049" s="2" t="s">
        <v>7547</v>
      </c>
      <c r="F7049" s="8">
        <v>263</v>
      </c>
      <c r="G7049" s="5">
        <v>6</v>
      </c>
      <c r="H7049" s="5" t="s">
        <v>1518</v>
      </c>
      <c r="I7049" s="5" t="s">
        <v>69038</v>
      </c>
      <c r="J7049" s="2" t="s">
        <v>69039</v>
      </c>
      <c r="K7049" s="5" t="s">
        <v>69038</v>
      </c>
      <c r="L7049" s="2" t="s">
        <v>69039</v>
      </c>
      <c r="M7049" s="5" t="s">
        <v>1521</v>
      </c>
      <c r="N7049" s="5" t="s">
        <v>38</v>
      </c>
      <c r="O7049" s="5" t="s">
        <v>39</v>
      </c>
      <c r="P7049" s="5" t="s">
        <v>40</v>
      </c>
      <c r="Q7049" s="5" t="s">
        <v>1522</v>
      </c>
      <c r="R7049" s="5" t="s">
        <v>1523</v>
      </c>
      <c r="S7049" s="5" t="s">
        <v>42</v>
      </c>
      <c r="T7049" s="2">
        <v>2.65</v>
      </c>
      <c r="U7049" s="2">
        <v>2.113</v>
      </c>
      <c r="V7049" s="2">
        <v>16.7</v>
      </c>
      <c r="W7049" s="2">
        <v>99.1</v>
      </c>
      <c r="X7049" s="2">
        <v>7.6</v>
      </c>
      <c r="Y7049" s="2">
        <v>16.7</v>
      </c>
      <c r="Z7049" s="5"/>
      <c r="AA7049" s="5" t="s">
        <v>43</v>
      </c>
      <c r="AB7049" s="5" t="s">
        <v>44</v>
      </c>
      <c r="AC7049" s="2"/>
      <c r="AD7049" s="1"/>
    </row>
    <row r="7050" spans="1:30">
      <c r="A7050" s="5" t="s">
        <v>83578</v>
      </c>
      <c r="B7050" s="2" t="s">
        <v>105269</v>
      </c>
      <c r="C7050" s="14" t="s">
        <v>105270</v>
      </c>
      <c r="D7050" s="2" t="s">
        <v>105271</v>
      </c>
      <c r="E7050" s="2" t="s">
        <v>7551</v>
      </c>
      <c r="F7050" s="8">
        <v>263</v>
      </c>
      <c r="G7050" s="5">
        <v>6</v>
      </c>
      <c r="H7050" s="5" t="s">
        <v>1518</v>
      </c>
      <c r="I7050" s="5" t="s">
        <v>69038</v>
      </c>
      <c r="J7050" s="2" t="s">
        <v>69039</v>
      </c>
      <c r="K7050" s="5" t="s">
        <v>69038</v>
      </c>
      <c r="L7050" s="2" t="s">
        <v>69039</v>
      </c>
      <c r="M7050" s="5" t="s">
        <v>1521</v>
      </c>
      <c r="N7050" s="5" t="s">
        <v>38</v>
      </c>
      <c r="O7050" s="5" t="s">
        <v>39</v>
      </c>
      <c r="P7050" s="5" t="s">
        <v>40</v>
      </c>
      <c r="Q7050" s="5" t="s">
        <v>1522</v>
      </c>
      <c r="R7050" s="5" t="s">
        <v>1523</v>
      </c>
      <c r="S7050" s="5" t="s">
        <v>42</v>
      </c>
      <c r="T7050" s="2">
        <v>2.7280000000000002</v>
      </c>
      <c r="U7050" s="2">
        <v>2.1909999999999998</v>
      </c>
      <c r="V7050" s="2">
        <v>16.7</v>
      </c>
      <c r="W7050" s="2">
        <v>99.1</v>
      </c>
      <c r="X7050" s="2">
        <v>7.6</v>
      </c>
      <c r="Y7050" s="2">
        <v>16.7</v>
      </c>
      <c r="Z7050" s="5"/>
      <c r="AA7050" s="5" t="s">
        <v>43</v>
      </c>
      <c r="AB7050" s="5" t="s">
        <v>44</v>
      </c>
      <c r="AC7050" s="2"/>
      <c r="AD7050" s="1"/>
    </row>
    <row r="7051" spans="1:30">
      <c r="A7051" s="5" t="s">
        <v>83578</v>
      </c>
      <c r="B7051" s="2" t="s">
        <v>105272</v>
      </c>
      <c r="C7051" s="14" t="s">
        <v>105273</v>
      </c>
      <c r="D7051" s="2" t="s">
        <v>105274</v>
      </c>
      <c r="E7051" s="2" t="s">
        <v>7563</v>
      </c>
      <c r="F7051" s="8">
        <v>263</v>
      </c>
      <c r="G7051" s="5">
        <v>6</v>
      </c>
      <c r="H7051" s="5" t="s">
        <v>1518</v>
      </c>
      <c r="I7051" s="5" t="s">
        <v>69038</v>
      </c>
      <c r="J7051" s="2" t="s">
        <v>69039</v>
      </c>
      <c r="K7051" s="5" t="s">
        <v>69038</v>
      </c>
      <c r="L7051" s="2" t="s">
        <v>69039</v>
      </c>
      <c r="M7051" s="5" t="s">
        <v>1521</v>
      </c>
      <c r="N7051" s="5" t="s">
        <v>38</v>
      </c>
      <c r="O7051" s="5" t="s">
        <v>39</v>
      </c>
      <c r="P7051" s="5" t="s">
        <v>40</v>
      </c>
      <c r="Q7051" s="5" t="s">
        <v>1522</v>
      </c>
      <c r="R7051" s="5" t="s">
        <v>1523</v>
      </c>
      <c r="S7051" s="5" t="s">
        <v>42</v>
      </c>
      <c r="T7051" s="2">
        <v>2.65</v>
      </c>
      <c r="U7051" s="2">
        <v>2.113</v>
      </c>
      <c r="V7051" s="2">
        <v>16.7</v>
      </c>
      <c r="W7051" s="2">
        <v>99.1</v>
      </c>
      <c r="X7051" s="2">
        <v>7.6</v>
      </c>
      <c r="Y7051" s="2">
        <v>16.7</v>
      </c>
      <c r="Z7051" s="5"/>
      <c r="AA7051" s="5" t="s">
        <v>43</v>
      </c>
      <c r="AB7051" s="5" t="s">
        <v>44</v>
      </c>
      <c r="AC7051" s="2"/>
      <c r="AD7051" s="1"/>
    </row>
    <row r="7052" spans="1:30">
      <c r="A7052" s="5" t="s">
        <v>83578</v>
      </c>
      <c r="B7052" s="2" t="s">
        <v>105275</v>
      </c>
      <c r="C7052" s="14" t="s">
        <v>105276</v>
      </c>
      <c r="D7052" s="2" t="s">
        <v>105277</v>
      </c>
      <c r="E7052" s="2" t="s">
        <v>7555</v>
      </c>
      <c r="F7052" s="8">
        <v>263</v>
      </c>
      <c r="G7052" s="5">
        <v>6</v>
      </c>
      <c r="H7052" s="5" t="s">
        <v>1518</v>
      </c>
      <c r="I7052" s="5" t="s">
        <v>69038</v>
      </c>
      <c r="J7052" s="2" t="s">
        <v>69039</v>
      </c>
      <c r="K7052" s="5" t="s">
        <v>69038</v>
      </c>
      <c r="L7052" s="2" t="s">
        <v>69039</v>
      </c>
      <c r="M7052" s="5" t="s">
        <v>1521</v>
      </c>
      <c r="N7052" s="5" t="s">
        <v>38</v>
      </c>
      <c r="O7052" s="5" t="s">
        <v>39</v>
      </c>
      <c r="P7052" s="5" t="s">
        <v>40</v>
      </c>
      <c r="Q7052" s="5" t="s">
        <v>1522</v>
      </c>
      <c r="R7052" s="5" t="s">
        <v>1523</v>
      </c>
      <c r="S7052" s="5" t="s">
        <v>42</v>
      </c>
      <c r="T7052" s="2">
        <v>2.65</v>
      </c>
      <c r="U7052" s="2">
        <v>2.113</v>
      </c>
      <c r="V7052" s="2">
        <v>16.7</v>
      </c>
      <c r="W7052" s="2">
        <v>99.1</v>
      </c>
      <c r="X7052" s="2">
        <v>7.6</v>
      </c>
      <c r="Y7052" s="2">
        <v>16.7</v>
      </c>
      <c r="Z7052" s="5"/>
      <c r="AA7052" s="5" t="s">
        <v>43</v>
      </c>
      <c r="AB7052" s="5" t="s">
        <v>44</v>
      </c>
      <c r="AC7052" s="2"/>
      <c r="AD7052" s="1"/>
    </row>
    <row r="7053" spans="1:30">
      <c r="A7053" s="5" t="s">
        <v>83578</v>
      </c>
      <c r="B7053" s="2" t="s">
        <v>105278</v>
      </c>
      <c r="C7053" s="14" t="s">
        <v>105279</v>
      </c>
      <c r="D7053" s="2" t="s">
        <v>105280</v>
      </c>
      <c r="E7053" s="2" t="s">
        <v>7559</v>
      </c>
      <c r="F7053" s="8">
        <v>263</v>
      </c>
      <c r="G7053" s="5">
        <v>6</v>
      </c>
      <c r="H7053" s="5" t="s">
        <v>1518</v>
      </c>
      <c r="I7053" s="5" t="s">
        <v>69038</v>
      </c>
      <c r="J7053" s="2" t="s">
        <v>69039</v>
      </c>
      <c r="K7053" s="5" t="s">
        <v>69038</v>
      </c>
      <c r="L7053" s="2" t="s">
        <v>69039</v>
      </c>
      <c r="M7053" s="5" t="s">
        <v>1521</v>
      </c>
      <c r="N7053" s="5" t="s">
        <v>38</v>
      </c>
      <c r="O7053" s="5" t="s">
        <v>39</v>
      </c>
      <c r="P7053" s="5" t="s">
        <v>40</v>
      </c>
      <c r="Q7053" s="5" t="s">
        <v>1522</v>
      </c>
      <c r="R7053" s="5" t="s">
        <v>1523</v>
      </c>
      <c r="S7053" s="5" t="s">
        <v>42</v>
      </c>
      <c r="T7053" s="2">
        <v>2.7280000000000002</v>
      </c>
      <c r="U7053" s="2">
        <v>2.1909999999999998</v>
      </c>
      <c r="V7053" s="2">
        <v>16.7</v>
      </c>
      <c r="W7053" s="2">
        <v>99.1</v>
      </c>
      <c r="X7053" s="2">
        <v>7.6</v>
      </c>
      <c r="Y7053" s="2">
        <v>16.7</v>
      </c>
      <c r="Z7053" s="5"/>
      <c r="AA7053" s="5" t="s">
        <v>43</v>
      </c>
      <c r="AB7053" s="5" t="s">
        <v>44</v>
      </c>
      <c r="AC7053" s="2"/>
      <c r="AD7053" s="1"/>
    </row>
    <row r="7054" spans="1:30">
      <c r="A7054" s="5" t="s">
        <v>83578</v>
      </c>
      <c r="B7054" s="2" t="s">
        <v>105281</v>
      </c>
      <c r="C7054" s="14" t="s">
        <v>105282</v>
      </c>
      <c r="D7054" s="2" t="s">
        <v>105283</v>
      </c>
      <c r="E7054" s="2" t="s">
        <v>16194</v>
      </c>
      <c r="F7054" s="8">
        <v>263</v>
      </c>
      <c r="G7054" s="5">
        <v>6</v>
      </c>
      <c r="H7054" s="5" t="s">
        <v>1518</v>
      </c>
      <c r="I7054" s="5" t="s">
        <v>69038</v>
      </c>
      <c r="J7054" s="2" t="s">
        <v>69039</v>
      </c>
      <c r="K7054" s="5" t="s">
        <v>69038</v>
      </c>
      <c r="L7054" s="2" t="s">
        <v>69039</v>
      </c>
      <c r="M7054" s="5" t="s">
        <v>1521</v>
      </c>
      <c r="N7054" s="5" t="s">
        <v>38</v>
      </c>
      <c r="O7054" s="5" t="s">
        <v>39</v>
      </c>
      <c r="P7054" s="5" t="s">
        <v>40</v>
      </c>
      <c r="Q7054" s="5" t="s">
        <v>1522</v>
      </c>
      <c r="R7054" s="5" t="s">
        <v>1523</v>
      </c>
      <c r="S7054" s="5" t="s">
        <v>42</v>
      </c>
      <c r="T7054" s="2">
        <v>2.7280000000000002</v>
      </c>
      <c r="U7054" s="2">
        <v>2.1909999999999998</v>
      </c>
      <c r="V7054" s="2">
        <v>16.7</v>
      </c>
      <c r="W7054" s="2">
        <v>99.1</v>
      </c>
      <c r="X7054" s="2">
        <v>7.6</v>
      </c>
      <c r="Y7054" s="2">
        <v>16.7</v>
      </c>
      <c r="Z7054" s="5"/>
      <c r="AA7054" s="5" t="s">
        <v>43</v>
      </c>
      <c r="AB7054" s="5" t="s">
        <v>44</v>
      </c>
      <c r="AC7054" s="2"/>
      <c r="AD7054" s="1"/>
    </row>
    <row r="7055" spans="1:30">
      <c r="A7055" s="5" t="s">
        <v>83578</v>
      </c>
      <c r="B7055" s="2" t="s">
        <v>105284</v>
      </c>
      <c r="C7055" s="14" t="s">
        <v>105285</v>
      </c>
      <c r="D7055" s="2" t="s">
        <v>105286</v>
      </c>
      <c r="E7055" s="2" t="s">
        <v>7449</v>
      </c>
      <c r="F7055" s="8">
        <v>263</v>
      </c>
      <c r="G7055" s="5">
        <v>6</v>
      </c>
      <c r="H7055" s="5" t="s">
        <v>1518</v>
      </c>
      <c r="I7055" s="5" t="s">
        <v>69038</v>
      </c>
      <c r="J7055" s="2" t="s">
        <v>69039</v>
      </c>
      <c r="K7055" s="5" t="s">
        <v>69038</v>
      </c>
      <c r="L7055" s="2" t="s">
        <v>69039</v>
      </c>
      <c r="M7055" s="5" t="s">
        <v>1521</v>
      </c>
      <c r="N7055" s="5" t="s">
        <v>38</v>
      </c>
      <c r="O7055" s="5" t="s">
        <v>39</v>
      </c>
      <c r="P7055" s="5" t="s">
        <v>40</v>
      </c>
      <c r="Q7055" s="5" t="s">
        <v>1522</v>
      </c>
      <c r="R7055" s="5" t="s">
        <v>1523</v>
      </c>
      <c r="S7055" s="5" t="s">
        <v>42</v>
      </c>
      <c r="T7055" s="2">
        <v>2.65</v>
      </c>
      <c r="U7055" s="2">
        <v>2.113</v>
      </c>
      <c r="V7055" s="2">
        <v>16.7</v>
      </c>
      <c r="W7055" s="2">
        <v>99.1</v>
      </c>
      <c r="X7055" s="2">
        <v>7.6</v>
      </c>
      <c r="Y7055" s="2">
        <v>16.7</v>
      </c>
      <c r="Z7055" s="5"/>
      <c r="AA7055" s="5" t="s">
        <v>43</v>
      </c>
      <c r="AB7055" s="5" t="s">
        <v>44</v>
      </c>
      <c r="AC7055" s="2"/>
      <c r="AD7055" s="1"/>
    </row>
    <row r="7056" spans="1:30">
      <c r="A7056" s="5" t="s">
        <v>83578</v>
      </c>
      <c r="B7056" s="2" t="s">
        <v>105287</v>
      </c>
      <c r="C7056" s="14" t="s">
        <v>105288</v>
      </c>
      <c r="D7056" s="2" t="s">
        <v>105289</v>
      </c>
      <c r="E7056" s="2" t="s">
        <v>7581</v>
      </c>
      <c r="F7056" s="8">
        <v>263</v>
      </c>
      <c r="G7056" s="5">
        <v>6</v>
      </c>
      <c r="H7056" s="5" t="s">
        <v>1518</v>
      </c>
      <c r="I7056" s="5" t="s">
        <v>69038</v>
      </c>
      <c r="J7056" s="2" t="s">
        <v>69039</v>
      </c>
      <c r="K7056" s="5" t="s">
        <v>69038</v>
      </c>
      <c r="L7056" s="2" t="s">
        <v>69039</v>
      </c>
      <c r="M7056" s="5" t="s">
        <v>1521</v>
      </c>
      <c r="N7056" s="5" t="s">
        <v>38</v>
      </c>
      <c r="O7056" s="5" t="s">
        <v>39</v>
      </c>
      <c r="P7056" s="5" t="s">
        <v>40</v>
      </c>
      <c r="Q7056" s="5" t="s">
        <v>1522</v>
      </c>
      <c r="R7056" s="5" t="s">
        <v>1523</v>
      </c>
      <c r="S7056" s="5" t="s">
        <v>42</v>
      </c>
      <c r="T7056" s="2">
        <v>2.7280000000000002</v>
      </c>
      <c r="U7056" s="2">
        <v>2.1909999999999998</v>
      </c>
      <c r="V7056" s="2">
        <v>16.7</v>
      </c>
      <c r="W7056" s="2">
        <v>99.1</v>
      </c>
      <c r="X7056" s="2">
        <v>7.6</v>
      </c>
      <c r="Y7056" s="2">
        <v>16.7</v>
      </c>
      <c r="Z7056" s="5"/>
      <c r="AA7056" s="5" t="s">
        <v>43</v>
      </c>
      <c r="AB7056" s="5" t="s">
        <v>44</v>
      </c>
      <c r="AC7056" s="2"/>
      <c r="AD7056" s="1"/>
    </row>
    <row r="7057" spans="1:30">
      <c r="A7057" s="5" t="s">
        <v>83578</v>
      </c>
      <c r="B7057" s="2" t="s">
        <v>105290</v>
      </c>
      <c r="C7057" s="14" t="s">
        <v>105291</v>
      </c>
      <c r="D7057" s="2" t="s">
        <v>105292</v>
      </c>
      <c r="E7057" s="2" t="s">
        <v>7589</v>
      </c>
      <c r="F7057" s="8">
        <v>263</v>
      </c>
      <c r="G7057" s="5">
        <v>6</v>
      </c>
      <c r="H7057" s="5" t="s">
        <v>1518</v>
      </c>
      <c r="I7057" s="5" t="s">
        <v>69038</v>
      </c>
      <c r="J7057" s="2" t="s">
        <v>69039</v>
      </c>
      <c r="K7057" s="5" t="s">
        <v>69038</v>
      </c>
      <c r="L7057" s="2" t="s">
        <v>69039</v>
      </c>
      <c r="M7057" s="5" t="s">
        <v>1521</v>
      </c>
      <c r="N7057" s="5" t="s">
        <v>38</v>
      </c>
      <c r="O7057" s="5" t="s">
        <v>39</v>
      </c>
      <c r="P7057" s="5" t="s">
        <v>40</v>
      </c>
      <c r="Q7057" s="5" t="s">
        <v>1522</v>
      </c>
      <c r="R7057" s="5" t="s">
        <v>1523</v>
      </c>
      <c r="S7057" s="5" t="s">
        <v>42</v>
      </c>
      <c r="T7057" s="2">
        <v>2.7280000000000002</v>
      </c>
      <c r="U7057" s="2">
        <v>2.1909999999999998</v>
      </c>
      <c r="V7057" s="2">
        <v>16.7</v>
      </c>
      <c r="W7057" s="2">
        <v>99.1</v>
      </c>
      <c r="X7057" s="2">
        <v>7.6</v>
      </c>
      <c r="Y7057" s="2">
        <v>16.7</v>
      </c>
      <c r="Z7057" s="5"/>
      <c r="AA7057" s="5" t="s">
        <v>43</v>
      </c>
      <c r="AB7057" s="5" t="s">
        <v>44</v>
      </c>
      <c r="AC7057" s="2"/>
      <c r="AD7057" s="1"/>
    </row>
    <row r="7058" spans="1:30">
      <c r="A7058" s="5" t="s">
        <v>83578</v>
      </c>
      <c r="B7058" s="2" t="s">
        <v>105293</v>
      </c>
      <c r="C7058" s="14" t="s">
        <v>105294</v>
      </c>
      <c r="D7058" s="2" t="s">
        <v>105295</v>
      </c>
      <c r="E7058" s="2" t="s">
        <v>7593</v>
      </c>
      <c r="F7058" s="8">
        <v>263</v>
      </c>
      <c r="G7058" s="5">
        <v>6</v>
      </c>
      <c r="H7058" s="5" t="s">
        <v>1518</v>
      </c>
      <c r="I7058" s="5" t="s">
        <v>69038</v>
      </c>
      <c r="J7058" s="2" t="s">
        <v>69039</v>
      </c>
      <c r="K7058" s="5" t="s">
        <v>69038</v>
      </c>
      <c r="L7058" s="2" t="s">
        <v>69039</v>
      </c>
      <c r="M7058" s="5" t="s">
        <v>1521</v>
      </c>
      <c r="N7058" s="5" t="s">
        <v>38</v>
      </c>
      <c r="O7058" s="5" t="s">
        <v>39</v>
      </c>
      <c r="P7058" s="5" t="s">
        <v>40</v>
      </c>
      <c r="Q7058" s="5" t="s">
        <v>1522</v>
      </c>
      <c r="R7058" s="5" t="s">
        <v>1523</v>
      </c>
      <c r="S7058" s="5" t="s">
        <v>42</v>
      </c>
      <c r="T7058" s="2">
        <v>2.65</v>
      </c>
      <c r="U7058" s="2">
        <v>2.113</v>
      </c>
      <c r="V7058" s="2">
        <v>16.7</v>
      </c>
      <c r="W7058" s="2">
        <v>99.1</v>
      </c>
      <c r="X7058" s="2">
        <v>7.6</v>
      </c>
      <c r="Y7058" s="2">
        <v>16.7</v>
      </c>
      <c r="Z7058" s="5"/>
      <c r="AA7058" s="5" t="s">
        <v>43</v>
      </c>
      <c r="AB7058" s="5" t="s">
        <v>44</v>
      </c>
      <c r="AC7058" s="2"/>
      <c r="AD7058" s="1"/>
    </row>
    <row r="7059" spans="1:30">
      <c r="A7059" s="5" t="s">
        <v>83578</v>
      </c>
      <c r="B7059" s="2" t="s">
        <v>105296</v>
      </c>
      <c r="C7059" s="14" t="s">
        <v>105297</v>
      </c>
      <c r="D7059" s="2" t="s">
        <v>105298</v>
      </c>
      <c r="E7059" s="2" t="s">
        <v>7597</v>
      </c>
      <c r="F7059" s="8">
        <v>263</v>
      </c>
      <c r="G7059" s="5">
        <v>6</v>
      </c>
      <c r="H7059" s="5" t="s">
        <v>1518</v>
      </c>
      <c r="I7059" s="5" t="s">
        <v>69038</v>
      </c>
      <c r="J7059" s="2" t="s">
        <v>69039</v>
      </c>
      <c r="K7059" s="5" t="s">
        <v>69038</v>
      </c>
      <c r="L7059" s="2" t="s">
        <v>69039</v>
      </c>
      <c r="M7059" s="5" t="s">
        <v>1521</v>
      </c>
      <c r="N7059" s="5" t="s">
        <v>38</v>
      </c>
      <c r="O7059" s="5" t="s">
        <v>39</v>
      </c>
      <c r="P7059" s="5" t="s">
        <v>40</v>
      </c>
      <c r="Q7059" s="5" t="s">
        <v>1522</v>
      </c>
      <c r="R7059" s="5" t="s">
        <v>1523</v>
      </c>
      <c r="S7059" s="5" t="s">
        <v>42</v>
      </c>
      <c r="T7059" s="2">
        <v>2.7280000000000002</v>
      </c>
      <c r="U7059" s="2">
        <v>2.1909999999999998</v>
      </c>
      <c r="V7059" s="2">
        <v>16.7</v>
      </c>
      <c r="W7059" s="2">
        <v>99.1</v>
      </c>
      <c r="X7059" s="2">
        <v>7.6</v>
      </c>
      <c r="Y7059" s="2">
        <v>16.7</v>
      </c>
      <c r="Z7059" s="5"/>
      <c r="AA7059" s="5" t="s">
        <v>43</v>
      </c>
      <c r="AB7059" s="5" t="s">
        <v>44</v>
      </c>
      <c r="AC7059" s="2"/>
      <c r="AD7059" s="1"/>
    </row>
    <row r="7060" spans="1:30">
      <c r="A7060" s="5" t="s">
        <v>83578</v>
      </c>
      <c r="B7060" s="2" t="s">
        <v>105299</v>
      </c>
      <c r="C7060" s="14" t="s">
        <v>105300</v>
      </c>
      <c r="D7060" s="2" t="s">
        <v>105301</v>
      </c>
      <c r="E7060" s="2" t="s">
        <v>7615</v>
      </c>
      <c r="F7060" s="8">
        <v>263</v>
      </c>
      <c r="G7060" s="5">
        <v>6</v>
      </c>
      <c r="H7060" s="5" t="s">
        <v>1518</v>
      </c>
      <c r="I7060" s="5" t="s">
        <v>69038</v>
      </c>
      <c r="J7060" s="2" t="s">
        <v>69039</v>
      </c>
      <c r="K7060" s="5" t="s">
        <v>69038</v>
      </c>
      <c r="L7060" s="2" t="s">
        <v>69039</v>
      </c>
      <c r="M7060" s="5" t="s">
        <v>1521</v>
      </c>
      <c r="N7060" s="5" t="s">
        <v>38</v>
      </c>
      <c r="O7060" s="5" t="s">
        <v>39</v>
      </c>
      <c r="P7060" s="5" t="s">
        <v>40</v>
      </c>
      <c r="Q7060" s="5" t="s">
        <v>1522</v>
      </c>
      <c r="R7060" s="5" t="s">
        <v>1523</v>
      </c>
      <c r="S7060" s="5" t="s">
        <v>42</v>
      </c>
      <c r="T7060" s="2">
        <v>2.65</v>
      </c>
      <c r="U7060" s="2">
        <v>2.113</v>
      </c>
      <c r="V7060" s="2">
        <v>16.7</v>
      </c>
      <c r="W7060" s="2">
        <v>99.1</v>
      </c>
      <c r="X7060" s="2">
        <v>7.6</v>
      </c>
      <c r="Y7060" s="2">
        <v>16.7</v>
      </c>
      <c r="Z7060" s="5"/>
      <c r="AA7060" s="5" t="s">
        <v>43</v>
      </c>
      <c r="AB7060" s="5" t="s">
        <v>44</v>
      </c>
      <c r="AC7060" s="2"/>
      <c r="AD7060" s="1"/>
    </row>
    <row r="7061" spans="1:30">
      <c r="A7061" s="5" t="s">
        <v>83578</v>
      </c>
      <c r="B7061" s="2" t="s">
        <v>105302</v>
      </c>
      <c r="C7061" s="14" t="s">
        <v>105303</v>
      </c>
      <c r="D7061" s="2" t="s">
        <v>105304</v>
      </c>
      <c r="E7061" s="2" t="s">
        <v>7619</v>
      </c>
      <c r="F7061" s="8">
        <v>263</v>
      </c>
      <c r="G7061" s="5">
        <v>6</v>
      </c>
      <c r="H7061" s="5" t="s">
        <v>1518</v>
      </c>
      <c r="I7061" s="5" t="s">
        <v>69038</v>
      </c>
      <c r="J7061" s="2" t="s">
        <v>69039</v>
      </c>
      <c r="K7061" s="5" t="s">
        <v>69038</v>
      </c>
      <c r="L7061" s="2" t="s">
        <v>69039</v>
      </c>
      <c r="M7061" s="5" t="s">
        <v>1521</v>
      </c>
      <c r="N7061" s="5" t="s">
        <v>38</v>
      </c>
      <c r="O7061" s="5" t="s">
        <v>39</v>
      </c>
      <c r="P7061" s="5" t="s">
        <v>40</v>
      </c>
      <c r="Q7061" s="5" t="s">
        <v>1522</v>
      </c>
      <c r="R7061" s="5" t="s">
        <v>1523</v>
      </c>
      <c r="S7061" s="5" t="s">
        <v>42</v>
      </c>
      <c r="T7061" s="2">
        <v>2.7280000000000002</v>
      </c>
      <c r="U7061" s="2">
        <v>2.1909999999999998</v>
      </c>
      <c r="V7061" s="2">
        <v>16.7</v>
      </c>
      <c r="W7061" s="2">
        <v>99.1</v>
      </c>
      <c r="X7061" s="2">
        <v>7.6</v>
      </c>
      <c r="Y7061" s="2">
        <v>16.7</v>
      </c>
      <c r="Z7061" s="5"/>
      <c r="AA7061" s="5" t="s">
        <v>43</v>
      </c>
      <c r="AB7061" s="5" t="s">
        <v>44</v>
      </c>
      <c r="AC7061" s="2"/>
      <c r="AD7061" s="1"/>
    </row>
    <row r="7062" spans="1:30">
      <c r="A7062" s="5" t="s">
        <v>83578</v>
      </c>
      <c r="B7062" s="2" t="s">
        <v>105305</v>
      </c>
      <c r="C7062" s="14" t="s">
        <v>105306</v>
      </c>
      <c r="D7062" s="2" t="s">
        <v>105307</v>
      </c>
      <c r="E7062" s="2" t="s">
        <v>16219</v>
      </c>
      <c r="F7062" s="8">
        <v>263</v>
      </c>
      <c r="G7062" s="5">
        <v>6</v>
      </c>
      <c r="H7062" s="5" t="s">
        <v>1518</v>
      </c>
      <c r="I7062" s="5" t="s">
        <v>69038</v>
      </c>
      <c r="J7062" s="2" t="s">
        <v>69039</v>
      </c>
      <c r="K7062" s="5" t="s">
        <v>69038</v>
      </c>
      <c r="L7062" s="2" t="s">
        <v>69039</v>
      </c>
      <c r="M7062" s="5" t="s">
        <v>1521</v>
      </c>
      <c r="N7062" s="5" t="s">
        <v>38</v>
      </c>
      <c r="O7062" s="5" t="s">
        <v>39</v>
      </c>
      <c r="P7062" s="5" t="s">
        <v>40</v>
      </c>
      <c r="Q7062" s="5" t="s">
        <v>1522</v>
      </c>
      <c r="R7062" s="5" t="s">
        <v>1523</v>
      </c>
      <c r="S7062" s="5" t="s">
        <v>42</v>
      </c>
      <c r="T7062" s="2">
        <v>2.7280000000000002</v>
      </c>
      <c r="U7062" s="2">
        <v>2.1909999999999998</v>
      </c>
      <c r="V7062" s="2">
        <v>16.7</v>
      </c>
      <c r="W7062" s="2">
        <v>99.1</v>
      </c>
      <c r="X7062" s="2">
        <v>7.6</v>
      </c>
      <c r="Y7062" s="2">
        <v>16.7</v>
      </c>
      <c r="Z7062" s="5"/>
      <c r="AA7062" s="5" t="s">
        <v>43</v>
      </c>
      <c r="AB7062" s="5" t="s">
        <v>44</v>
      </c>
      <c r="AC7062" s="2"/>
      <c r="AD7062" s="1"/>
    </row>
    <row r="7063" spans="1:30">
      <c r="A7063" s="5" t="s">
        <v>83578</v>
      </c>
      <c r="B7063" s="2" t="s">
        <v>105308</v>
      </c>
      <c r="C7063" s="14" t="s">
        <v>105309</v>
      </c>
      <c r="D7063" s="2" t="s">
        <v>105310</v>
      </c>
      <c r="E7063" s="2" t="s">
        <v>7212</v>
      </c>
      <c r="F7063" s="8">
        <v>246</v>
      </c>
      <c r="G7063" s="5">
        <v>6</v>
      </c>
      <c r="H7063" s="5" t="s">
        <v>1518</v>
      </c>
      <c r="I7063" s="5" t="s">
        <v>69038</v>
      </c>
      <c r="J7063" s="2" t="s">
        <v>69039</v>
      </c>
      <c r="K7063" s="5" t="s">
        <v>69038</v>
      </c>
      <c r="L7063" s="2" t="s">
        <v>69039</v>
      </c>
      <c r="M7063" s="5" t="s">
        <v>1521</v>
      </c>
      <c r="N7063" s="5" t="s">
        <v>38</v>
      </c>
      <c r="O7063" s="5" t="s">
        <v>39</v>
      </c>
      <c r="P7063" s="5" t="s">
        <v>40</v>
      </c>
      <c r="Q7063" s="5" t="s">
        <v>1522</v>
      </c>
      <c r="R7063" s="5" t="s">
        <v>1523</v>
      </c>
      <c r="S7063" s="5" t="s">
        <v>42</v>
      </c>
      <c r="T7063" s="2">
        <v>2.65</v>
      </c>
      <c r="U7063" s="2">
        <v>2.113</v>
      </c>
      <c r="V7063" s="2">
        <v>16.7</v>
      </c>
      <c r="W7063" s="2">
        <v>99.1</v>
      </c>
      <c r="X7063" s="2">
        <v>7.6</v>
      </c>
      <c r="Y7063" s="2">
        <v>16.7</v>
      </c>
      <c r="Z7063" s="5"/>
      <c r="AA7063" s="5" t="s">
        <v>43</v>
      </c>
      <c r="AB7063" s="5" t="s">
        <v>44</v>
      </c>
      <c r="AC7063" s="2"/>
      <c r="AD7063" s="1"/>
    </row>
    <row r="7064" spans="1:30">
      <c r="A7064" s="5" t="s">
        <v>83578</v>
      </c>
      <c r="B7064" s="2" t="s">
        <v>105311</v>
      </c>
      <c r="C7064" s="14" t="s">
        <v>105312</v>
      </c>
      <c r="D7064" s="2" t="s">
        <v>105313</v>
      </c>
      <c r="E7064" s="2" t="s">
        <v>7528</v>
      </c>
      <c r="F7064" s="8">
        <v>246</v>
      </c>
      <c r="G7064" s="5">
        <v>6</v>
      </c>
      <c r="H7064" s="5" t="s">
        <v>1518</v>
      </c>
      <c r="I7064" s="5" t="s">
        <v>69038</v>
      </c>
      <c r="J7064" s="2" t="s">
        <v>69039</v>
      </c>
      <c r="K7064" s="5" t="s">
        <v>69038</v>
      </c>
      <c r="L7064" s="2" t="s">
        <v>69039</v>
      </c>
      <c r="M7064" s="5" t="s">
        <v>1521</v>
      </c>
      <c r="N7064" s="5" t="s">
        <v>38</v>
      </c>
      <c r="O7064" s="5" t="s">
        <v>39</v>
      </c>
      <c r="P7064" s="5" t="s">
        <v>40</v>
      </c>
      <c r="Q7064" s="5" t="s">
        <v>1522</v>
      </c>
      <c r="R7064" s="5" t="s">
        <v>1523</v>
      </c>
      <c r="S7064" s="5" t="s">
        <v>42</v>
      </c>
      <c r="T7064" s="2">
        <v>2.7280000000000002</v>
      </c>
      <c r="U7064" s="2">
        <v>2.1909999999999998</v>
      </c>
      <c r="V7064" s="2">
        <v>16.7</v>
      </c>
      <c r="W7064" s="2">
        <v>99.1</v>
      </c>
      <c r="X7064" s="2">
        <v>7.6</v>
      </c>
      <c r="Y7064" s="2">
        <v>16.7</v>
      </c>
      <c r="Z7064" s="5"/>
      <c r="AA7064" s="5" t="s">
        <v>43</v>
      </c>
      <c r="AB7064" s="5" t="s">
        <v>44</v>
      </c>
      <c r="AC7064" s="2"/>
      <c r="AD7064" s="1"/>
    </row>
    <row r="7065" spans="1:30">
      <c r="A7065" s="5" t="s">
        <v>83578</v>
      </c>
      <c r="B7065" s="2" t="s">
        <v>105314</v>
      </c>
      <c r="C7065" s="14" t="s">
        <v>105315</v>
      </c>
      <c r="D7065" s="2" t="s">
        <v>105316</v>
      </c>
      <c r="E7065" s="2" t="s">
        <v>7547</v>
      </c>
      <c r="F7065" s="8">
        <v>267</v>
      </c>
      <c r="G7065" s="5">
        <v>6</v>
      </c>
      <c r="H7065" s="5" t="s">
        <v>1518</v>
      </c>
      <c r="I7065" s="5" t="s">
        <v>69038</v>
      </c>
      <c r="J7065" s="2" t="s">
        <v>69039</v>
      </c>
      <c r="K7065" s="5" t="s">
        <v>69038</v>
      </c>
      <c r="L7065" s="2" t="s">
        <v>69039</v>
      </c>
      <c r="M7065" s="5" t="s">
        <v>1521</v>
      </c>
      <c r="N7065" s="5" t="s">
        <v>38</v>
      </c>
      <c r="O7065" s="5" t="s">
        <v>39</v>
      </c>
      <c r="P7065" s="5" t="s">
        <v>40</v>
      </c>
      <c r="Q7065" s="5" t="s">
        <v>1522</v>
      </c>
      <c r="R7065" s="5" t="s">
        <v>1523</v>
      </c>
      <c r="S7065" s="5" t="s">
        <v>42</v>
      </c>
      <c r="T7065" s="2">
        <v>2.81</v>
      </c>
      <c r="U7065" s="2">
        <v>2.2730000000000001</v>
      </c>
      <c r="V7065" s="2">
        <v>16.7</v>
      </c>
      <c r="W7065" s="2">
        <v>118.9</v>
      </c>
      <c r="X7065" s="2">
        <v>7.6</v>
      </c>
      <c r="Y7065" s="2">
        <v>16.7</v>
      </c>
      <c r="Z7065" s="5"/>
      <c r="AA7065" s="5" t="s">
        <v>43</v>
      </c>
      <c r="AB7065" s="5" t="s">
        <v>44</v>
      </c>
      <c r="AC7065" s="2"/>
      <c r="AD7065" s="1"/>
    </row>
    <row r="7066" spans="1:30">
      <c r="A7066" s="5" t="s">
        <v>83578</v>
      </c>
      <c r="B7066" s="2" t="s">
        <v>105317</v>
      </c>
      <c r="C7066" s="14" t="s">
        <v>105318</v>
      </c>
      <c r="D7066" s="2" t="s">
        <v>105319</v>
      </c>
      <c r="E7066" s="2" t="s">
        <v>7551</v>
      </c>
      <c r="F7066" s="8">
        <v>267</v>
      </c>
      <c r="G7066" s="5">
        <v>6</v>
      </c>
      <c r="H7066" s="5" t="s">
        <v>1518</v>
      </c>
      <c r="I7066" s="5" t="s">
        <v>69038</v>
      </c>
      <c r="J7066" s="2" t="s">
        <v>69039</v>
      </c>
      <c r="K7066" s="5" t="s">
        <v>69038</v>
      </c>
      <c r="L7066" s="2" t="s">
        <v>69039</v>
      </c>
      <c r="M7066" s="5" t="s">
        <v>1521</v>
      </c>
      <c r="N7066" s="5" t="s">
        <v>38</v>
      </c>
      <c r="O7066" s="5" t="s">
        <v>39</v>
      </c>
      <c r="P7066" s="5" t="s">
        <v>40</v>
      </c>
      <c r="Q7066" s="5" t="s">
        <v>1522</v>
      </c>
      <c r="R7066" s="5" t="s">
        <v>1523</v>
      </c>
      <c r="S7066" s="5" t="s">
        <v>42</v>
      </c>
      <c r="T7066" s="2">
        <v>2.9020000000000001</v>
      </c>
      <c r="U7066" s="2">
        <v>2.3650000000000002</v>
      </c>
      <c r="V7066" s="2">
        <v>16.7</v>
      </c>
      <c r="W7066" s="2">
        <v>118.9</v>
      </c>
      <c r="X7066" s="2">
        <v>7.6</v>
      </c>
      <c r="Y7066" s="2">
        <v>16.7</v>
      </c>
      <c r="Z7066" s="5"/>
      <c r="AA7066" s="5" t="s">
        <v>43</v>
      </c>
      <c r="AB7066" s="5" t="s">
        <v>44</v>
      </c>
      <c r="AC7066" s="2"/>
      <c r="AD7066" s="1"/>
    </row>
    <row r="7067" spans="1:30">
      <c r="A7067" s="5" t="s">
        <v>83578</v>
      </c>
      <c r="B7067" s="2" t="s">
        <v>105320</v>
      </c>
      <c r="C7067" s="14" t="s">
        <v>105321</v>
      </c>
      <c r="D7067" s="2" t="s">
        <v>105322</v>
      </c>
      <c r="E7067" s="2" t="s">
        <v>7559</v>
      </c>
      <c r="F7067" s="8">
        <v>267</v>
      </c>
      <c r="G7067" s="5">
        <v>6</v>
      </c>
      <c r="H7067" s="5" t="s">
        <v>1518</v>
      </c>
      <c r="I7067" s="5" t="s">
        <v>69038</v>
      </c>
      <c r="J7067" s="2" t="s">
        <v>69039</v>
      </c>
      <c r="K7067" s="5" t="s">
        <v>69038</v>
      </c>
      <c r="L7067" s="2" t="s">
        <v>69039</v>
      </c>
      <c r="M7067" s="5" t="s">
        <v>1521</v>
      </c>
      <c r="N7067" s="5" t="s">
        <v>38</v>
      </c>
      <c r="O7067" s="5" t="s">
        <v>39</v>
      </c>
      <c r="P7067" s="5" t="s">
        <v>40</v>
      </c>
      <c r="Q7067" s="5" t="s">
        <v>1522</v>
      </c>
      <c r="R7067" s="5" t="s">
        <v>1523</v>
      </c>
      <c r="S7067" s="5" t="s">
        <v>42</v>
      </c>
      <c r="T7067" s="2">
        <v>2.9020000000000001</v>
      </c>
      <c r="U7067" s="2">
        <v>2.3650000000000002</v>
      </c>
      <c r="V7067" s="2">
        <v>16.7</v>
      </c>
      <c r="W7067" s="2">
        <v>118.9</v>
      </c>
      <c r="X7067" s="2">
        <v>7.6</v>
      </c>
      <c r="Y7067" s="2">
        <v>16.7</v>
      </c>
      <c r="Z7067" s="5"/>
      <c r="AA7067" s="5" t="s">
        <v>43</v>
      </c>
      <c r="AB7067" s="5" t="s">
        <v>44</v>
      </c>
      <c r="AC7067" s="2"/>
      <c r="AD7067" s="1"/>
    </row>
    <row r="7068" spans="1:30">
      <c r="A7068" s="5" t="s">
        <v>83578</v>
      </c>
      <c r="B7068" s="2" t="s">
        <v>105323</v>
      </c>
      <c r="C7068" s="14" t="s">
        <v>105324</v>
      </c>
      <c r="D7068" s="2" t="s">
        <v>105325</v>
      </c>
      <c r="E7068" s="2" t="s">
        <v>7589</v>
      </c>
      <c r="F7068" s="8">
        <v>267</v>
      </c>
      <c r="G7068" s="5">
        <v>6</v>
      </c>
      <c r="H7068" s="5" t="s">
        <v>1518</v>
      </c>
      <c r="I7068" s="5" t="s">
        <v>69038</v>
      </c>
      <c r="J7068" s="2" t="s">
        <v>69039</v>
      </c>
      <c r="K7068" s="5" t="s">
        <v>69038</v>
      </c>
      <c r="L7068" s="2" t="s">
        <v>69039</v>
      </c>
      <c r="M7068" s="5" t="s">
        <v>1521</v>
      </c>
      <c r="N7068" s="5" t="s">
        <v>38</v>
      </c>
      <c r="O7068" s="5" t="s">
        <v>39</v>
      </c>
      <c r="P7068" s="5" t="s">
        <v>40</v>
      </c>
      <c r="Q7068" s="5" t="s">
        <v>1522</v>
      </c>
      <c r="R7068" s="5" t="s">
        <v>1523</v>
      </c>
      <c r="S7068" s="5" t="s">
        <v>42</v>
      </c>
      <c r="T7068" s="2">
        <v>2.9020000000000001</v>
      </c>
      <c r="U7068" s="2">
        <v>2.3650000000000002</v>
      </c>
      <c r="V7068" s="2">
        <v>16.7</v>
      </c>
      <c r="W7068" s="2">
        <v>118.9</v>
      </c>
      <c r="X7068" s="2">
        <v>7.6</v>
      </c>
      <c r="Y7068" s="2">
        <v>16.7</v>
      </c>
      <c r="Z7068" s="5"/>
      <c r="AA7068" s="5" t="s">
        <v>43</v>
      </c>
      <c r="AB7068" s="5" t="s">
        <v>44</v>
      </c>
      <c r="AC7068" s="2"/>
      <c r="AD7068" s="1"/>
    </row>
    <row r="7069" spans="1:30">
      <c r="A7069" s="5" t="s">
        <v>83578</v>
      </c>
      <c r="B7069" s="2" t="s">
        <v>105326</v>
      </c>
      <c r="C7069" s="14" t="s">
        <v>105327</v>
      </c>
      <c r="D7069" s="2" t="s">
        <v>105328</v>
      </c>
      <c r="E7069" s="2" t="s">
        <v>7593</v>
      </c>
      <c r="F7069" s="8">
        <v>267</v>
      </c>
      <c r="G7069" s="5">
        <v>6</v>
      </c>
      <c r="H7069" s="5" t="s">
        <v>1518</v>
      </c>
      <c r="I7069" s="5" t="s">
        <v>69038</v>
      </c>
      <c r="J7069" s="2" t="s">
        <v>69039</v>
      </c>
      <c r="K7069" s="5" t="s">
        <v>69038</v>
      </c>
      <c r="L7069" s="2" t="s">
        <v>69039</v>
      </c>
      <c r="M7069" s="5" t="s">
        <v>1521</v>
      </c>
      <c r="N7069" s="5" t="s">
        <v>38</v>
      </c>
      <c r="O7069" s="5" t="s">
        <v>39</v>
      </c>
      <c r="P7069" s="5" t="s">
        <v>40</v>
      </c>
      <c r="Q7069" s="5" t="s">
        <v>1522</v>
      </c>
      <c r="R7069" s="5" t="s">
        <v>1523</v>
      </c>
      <c r="S7069" s="5" t="s">
        <v>42</v>
      </c>
      <c r="T7069" s="2">
        <v>2.81</v>
      </c>
      <c r="U7069" s="2">
        <v>2.2730000000000001</v>
      </c>
      <c r="V7069" s="2">
        <v>16.7</v>
      </c>
      <c r="W7069" s="2">
        <v>118.9</v>
      </c>
      <c r="X7069" s="2">
        <v>7.6</v>
      </c>
      <c r="Y7069" s="2">
        <v>16.7</v>
      </c>
      <c r="Z7069" s="5"/>
      <c r="AA7069" s="5" t="s">
        <v>43</v>
      </c>
      <c r="AB7069" s="5" t="s">
        <v>44</v>
      </c>
      <c r="AC7069" s="2"/>
      <c r="AD7069" s="1"/>
    </row>
    <row r="7070" spans="1:30">
      <c r="A7070" s="5" t="s">
        <v>83578</v>
      </c>
      <c r="B7070" s="2" t="s">
        <v>105329</v>
      </c>
      <c r="C7070" s="14" t="s">
        <v>105330</v>
      </c>
      <c r="D7070" s="2" t="s">
        <v>105331</v>
      </c>
      <c r="E7070" s="2" t="s">
        <v>7597</v>
      </c>
      <c r="F7070" s="8">
        <v>267</v>
      </c>
      <c r="G7070" s="5">
        <v>6</v>
      </c>
      <c r="H7070" s="5" t="s">
        <v>1518</v>
      </c>
      <c r="I7070" s="5" t="s">
        <v>69038</v>
      </c>
      <c r="J7070" s="2" t="s">
        <v>69039</v>
      </c>
      <c r="K7070" s="5" t="s">
        <v>69038</v>
      </c>
      <c r="L7070" s="2" t="s">
        <v>69039</v>
      </c>
      <c r="M7070" s="5" t="s">
        <v>1521</v>
      </c>
      <c r="N7070" s="5" t="s">
        <v>38</v>
      </c>
      <c r="O7070" s="5" t="s">
        <v>39</v>
      </c>
      <c r="P7070" s="5" t="s">
        <v>40</v>
      </c>
      <c r="Q7070" s="5" t="s">
        <v>1522</v>
      </c>
      <c r="R7070" s="5" t="s">
        <v>1523</v>
      </c>
      <c r="S7070" s="5" t="s">
        <v>42</v>
      </c>
      <c r="T7070" s="2">
        <v>2.9020000000000001</v>
      </c>
      <c r="U7070" s="2">
        <v>2.3650000000000002</v>
      </c>
      <c r="V7070" s="2">
        <v>16.7</v>
      </c>
      <c r="W7070" s="2">
        <v>118.9</v>
      </c>
      <c r="X7070" s="2">
        <v>7.6</v>
      </c>
      <c r="Y7070" s="2">
        <v>16.7</v>
      </c>
      <c r="Z7070" s="5"/>
      <c r="AA7070" s="5" t="s">
        <v>43</v>
      </c>
      <c r="AB7070" s="5" t="s">
        <v>44</v>
      </c>
      <c r="AC7070" s="2"/>
      <c r="AD7070" s="1"/>
    </row>
    <row r="7071" spans="1:30">
      <c r="A7071" s="5" t="s">
        <v>83578</v>
      </c>
      <c r="B7071" s="2" t="s">
        <v>105332</v>
      </c>
      <c r="C7071" s="14" t="s">
        <v>105333</v>
      </c>
      <c r="D7071" s="2" t="s">
        <v>105334</v>
      </c>
      <c r="E7071" s="2" t="s">
        <v>7406</v>
      </c>
      <c r="F7071" s="8">
        <v>275</v>
      </c>
      <c r="G7071" s="5">
        <v>6</v>
      </c>
      <c r="H7071" s="5" t="s">
        <v>1518</v>
      </c>
      <c r="I7071" s="5" t="s">
        <v>69038</v>
      </c>
      <c r="J7071" s="2" t="s">
        <v>69039</v>
      </c>
      <c r="K7071" s="5" t="s">
        <v>69038</v>
      </c>
      <c r="L7071" s="2" t="s">
        <v>69039</v>
      </c>
      <c r="M7071" s="5" t="s">
        <v>1521</v>
      </c>
      <c r="N7071" s="5" t="s">
        <v>38</v>
      </c>
      <c r="O7071" s="5" t="s">
        <v>39</v>
      </c>
      <c r="P7071" s="5" t="s">
        <v>40</v>
      </c>
      <c r="Q7071" s="5" t="s">
        <v>1522</v>
      </c>
      <c r="R7071" s="5" t="s">
        <v>1523</v>
      </c>
      <c r="S7071" s="5" t="s">
        <v>42</v>
      </c>
      <c r="T7071" s="2">
        <v>3.0489999999999999</v>
      </c>
      <c r="U7071" s="2">
        <v>2.4359999999999999</v>
      </c>
      <c r="V7071" s="2">
        <v>16.7</v>
      </c>
      <c r="W7071" s="2">
        <v>139.1</v>
      </c>
      <c r="X7071" s="2">
        <v>7.6</v>
      </c>
      <c r="Y7071" s="2">
        <v>16.7</v>
      </c>
      <c r="Z7071" s="5"/>
      <c r="AA7071" s="5" t="s">
        <v>43</v>
      </c>
      <c r="AB7071" s="5" t="s">
        <v>44</v>
      </c>
      <c r="AC7071" s="2"/>
      <c r="AD7071" s="1"/>
    </row>
    <row r="7072" spans="1:30">
      <c r="A7072" s="5" t="s">
        <v>83578</v>
      </c>
      <c r="B7072" s="2" t="s">
        <v>105335</v>
      </c>
      <c r="C7072" s="14" t="s">
        <v>105336</v>
      </c>
      <c r="D7072" s="2" t="s">
        <v>105337</v>
      </c>
      <c r="E7072" s="2" t="s">
        <v>7535</v>
      </c>
      <c r="F7072" s="8">
        <v>275</v>
      </c>
      <c r="G7072" s="5">
        <v>6</v>
      </c>
      <c r="H7072" s="5" t="s">
        <v>1518</v>
      </c>
      <c r="I7072" s="5" t="s">
        <v>69038</v>
      </c>
      <c r="J7072" s="2" t="s">
        <v>69039</v>
      </c>
      <c r="K7072" s="5" t="s">
        <v>69038</v>
      </c>
      <c r="L7072" s="2" t="s">
        <v>69039</v>
      </c>
      <c r="M7072" s="5" t="s">
        <v>1521</v>
      </c>
      <c r="N7072" s="5" t="s">
        <v>38</v>
      </c>
      <c r="O7072" s="5" t="s">
        <v>39</v>
      </c>
      <c r="P7072" s="5" t="s">
        <v>40</v>
      </c>
      <c r="Q7072" s="5" t="s">
        <v>1522</v>
      </c>
      <c r="R7072" s="5" t="s">
        <v>1523</v>
      </c>
      <c r="S7072" s="5" t="s">
        <v>42</v>
      </c>
      <c r="T7072" s="2">
        <v>3.1509999999999998</v>
      </c>
      <c r="U7072" s="2">
        <v>2.5379999999999998</v>
      </c>
      <c r="V7072" s="2">
        <v>16.7</v>
      </c>
      <c r="W7072" s="2">
        <v>139.1</v>
      </c>
      <c r="X7072" s="2">
        <v>7.6</v>
      </c>
      <c r="Y7072" s="2">
        <v>16.7</v>
      </c>
      <c r="Z7072" s="5"/>
      <c r="AA7072" s="5" t="s">
        <v>43</v>
      </c>
      <c r="AB7072" s="5" t="s">
        <v>44</v>
      </c>
      <c r="AC7072" s="2"/>
      <c r="AD7072" s="1"/>
    </row>
    <row r="7073" spans="1:30">
      <c r="A7073" s="5" t="s">
        <v>83578</v>
      </c>
      <c r="B7073" s="2" t="s">
        <v>105338</v>
      </c>
      <c r="C7073" s="14" t="s">
        <v>105339</v>
      </c>
      <c r="D7073" s="2" t="s">
        <v>105340</v>
      </c>
      <c r="E7073" s="2" t="s">
        <v>7539</v>
      </c>
      <c r="F7073" s="8">
        <v>275</v>
      </c>
      <c r="G7073" s="5">
        <v>6</v>
      </c>
      <c r="H7073" s="5" t="s">
        <v>1518</v>
      </c>
      <c r="I7073" s="5" t="s">
        <v>69038</v>
      </c>
      <c r="J7073" s="2" t="s">
        <v>69039</v>
      </c>
      <c r="K7073" s="5" t="s">
        <v>69038</v>
      </c>
      <c r="L7073" s="2" t="s">
        <v>69039</v>
      </c>
      <c r="M7073" s="5" t="s">
        <v>1521</v>
      </c>
      <c r="N7073" s="5" t="s">
        <v>38</v>
      </c>
      <c r="O7073" s="5" t="s">
        <v>39</v>
      </c>
      <c r="P7073" s="5" t="s">
        <v>40</v>
      </c>
      <c r="Q7073" s="5" t="s">
        <v>1522</v>
      </c>
      <c r="R7073" s="5" t="s">
        <v>1523</v>
      </c>
      <c r="S7073" s="5" t="s">
        <v>42</v>
      </c>
      <c r="T7073" s="2">
        <v>3.0489999999999999</v>
      </c>
      <c r="U7073" s="2">
        <v>2.4359999999999999</v>
      </c>
      <c r="V7073" s="2">
        <v>16.7</v>
      </c>
      <c r="W7073" s="2">
        <v>139.1</v>
      </c>
      <c r="X7073" s="2">
        <v>7.6</v>
      </c>
      <c r="Y7073" s="2">
        <v>16.7</v>
      </c>
      <c r="Z7073" s="5"/>
      <c r="AA7073" s="5" t="s">
        <v>43</v>
      </c>
      <c r="AB7073" s="5" t="s">
        <v>44</v>
      </c>
      <c r="AC7073" s="2"/>
      <c r="AD7073" s="1"/>
    </row>
    <row r="7074" spans="1:30">
      <c r="A7074" s="5" t="s">
        <v>83578</v>
      </c>
      <c r="B7074" s="2" t="s">
        <v>105341</v>
      </c>
      <c r="C7074" s="14" t="s">
        <v>105342</v>
      </c>
      <c r="D7074" s="2" t="s">
        <v>105343</v>
      </c>
      <c r="E7074" s="2" t="s">
        <v>7543</v>
      </c>
      <c r="F7074" s="8">
        <v>275</v>
      </c>
      <c r="G7074" s="5">
        <v>6</v>
      </c>
      <c r="H7074" s="5" t="s">
        <v>1518</v>
      </c>
      <c r="I7074" s="5" t="s">
        <v>69038</v>
      </c>
      <c r="J7074" s="2" t="s">
        <v>69039</v>
      </c>
      <c r="K7074" s="5" t="s">
        <v>69038</v>
      </c>
      <c r="L7074" s="2" t="s">
        <v>69039</v>
      </c>
      <c r="M7074" s="5" t="s">
        <v>1521</v>
      </c>
      <c r="N7074" s="5" t="s">
        <v>38</v>
      </c>
      <c r="O7074" s="5" t="s">
        <v>39</v>
      </c>
      <c r="P7074" s="5" t="s">
        <v>40</v>
      </c>
      <c r="Q7074" s="5" t="s">
        <v>1522</v>
      </c>
      <c r="R7074" s="5" t="s">
        <v>1523</v>
      </c>
      <c r="S7074" s="5" t="s">
        <v>42</v>
      </c>
      <c r="T7074" s="2">
        <v>3.1509999999999998</v>
      </c>
      <c r="U7074" s="2">
        <v>2.5379999999999998</v>
      </c>
      <c r="V7074" s="2">
        <v>16.7</v>
      </c>
      <c r="W7074" s="2">
        <v>139.1</v>
      </c>
      <c r="X7074" s="2">
        <v>7.6</v>
      </c>
      <c r="Y7074" s="2">
        <v>16.7</v>
      </c>
      <c r="Z7074" s="5"/>
      <c r="AA7074" s="5" t="s">
        <v>43</v>
      </c>
      <c r="AB7074" s="5" t="s">
        <v>44</v>
      </c>
      <c r="AC7074" s="2"/>
      <c r="AD7074" s="1"/>
    </row>
    <row r="7075" spans="1:30">
      <c r="A7075" s="5" t="s">
        <v>83578</v>
      </c>
      <c r="B7075" s="2" t="s">
        <v>105344</v>
      </c>
      <c r="C7075" s="14" t="s">
        <v>105345</v>
      </c>
      <c r="D7075" s="2" t="s">
        <v>105346</v>
      </c>
      <c r="E7075" s="2" t="s">
        <v>7396</v>
      </c>
      <c r="F7075" s="8">
        <v>256</v>
      </c>
      <c r="G7075" s="5">
        <v>6</v>
      </c>
      <c r="H7075" s="5" t="s">
        <v>1518</v>
      </c>
      <c r="I7075" s="5" t="s">
        <v>69038</v>
      </c>
      <c r="J7075" s="2" t="s">
        <v>69039</v>
      </c>
      <c r="K7075" s="5" t="s">
        <v>69038</v>
      </c>
      <c r="L7075" s="2" t="s">
        <v>69039</v>
      </c>
      <c r="M7075" s="5" t="s">
        <v>1521</v>
      </c>
      <c r="N7075" s="5" t="s">
        <v>38</v>
      </c>
      <c r="O7075" s="5" t="s">
        <v>39</v>
      </c>
      <c r="P7075" s="5" t="s">
        <v>40</v>
      </c>
      <c r="Q7075" s="5" t="s">
        <v>1522</v>
      </c>
      <c r="R7075" s="5" t="s">
        <v>1523</v>
      </c>
      <c r="S7075" s="5" t="s">
        <v>42</v>
      </c>
      <c r="T7075" s="2">
        <v>3.0489999999999999</v>
      </c>
      <c r="U7075" s="2">
        <v>2.4359999999999999</v>
      </c>
      <c r="V7075" s="2">
        <v>16.7</v>
      </c>
      <c r="W7075" s="2">
        <v>139.1</v>
      </c>
      <c r="X7075" s="2">
        <v>7.6</v>
      </c>
      <c r="Y7075" s="2">
        <v>16.7</v>
      </c>
      <c r="Z7075" s="5"/>
      <c r="AA7075" s="5" t="s">
        <v>43</v>
      </c>
      <c r="AB7075" s="5" t="s">
        <v>44</v>
      </c>
      <c r="AC7075" s="2"/>
      <c r="AD7075" s="1"/>
    </row>
    <row r="7076" spans="1:30">
      <c r="A7076" s="5" t="s">
        <v>83578</v>
      </c>
      <c r="B7076" s="2" t="s">
        <v>105347</v>
      </c>
      <c r="C7076" s="14" t="s">
        <v>105348</v>
      </c>
      <c r="D7076" s="2" t="s">
        <v>105349</v>
      </c>
      <c r="E7076" s="2" t="s">
        <v>7547</v>
      </c>
      <c r="F7076" s="8">
        <v>275</v>
      </c>
      <c r="G7076" s="5">
        <v>6</v>
      </c>
      <c r="H7076" s="5" t="s">
        <v>1518</v>
      </c>
      <c r="I7076" s="5" t="s">
        <v>69038</v>
      </c>
      <c r="J7076" s="2" t="s">
        <v>69039</v>
      </c>
      <c r="K7076" s="5" t="s">
        <v>69038</v>
      </c>
      <c r="L7076" s="2" t="s">
        <v>69039</v>
      </c>
      <c r="M7076" s="5" t="s">
        <v>1521</v>
      </c>
      <c r="N7076" s="5" t="s">
        <v>38</v>
      </c>
      <c r="O7076" s="5" t="s">
        <v>39</v>
      </c>
      <c r="P7076" s="5" t="s">
        <v>40</v>
      </c>
      <c r="Q7076" s="5" t="s">
        <v>1522</v>
      </c>
      <c r="R7076" s="5" t="s">
        <v>1523</v>
      </c>
      <c r="S7076" s="5" t="s">
        <v>42</v>
      </c>
      <c r="T7076" s="2">
        <v>3.0489999999999999</v>
      </c>
      <c r="U7076" s="2">
        <v>2.4359999999999999</v>
      </c>
      <c r="V7076" s="2">
        <v>16.7</v>
      </c>
      <c r="W7076" s="2">
        <v>139.1</v>
      </c>
      <c r="X7076" s="2">
        <v>7.6</v>
      </c>
      <c r="Y7076" s="2">
        <v>16.7</v>
      </c>
      <c r="Z7076" s="5"/>
      <c r="AA7076" s="5" t="s">
        <v>43</v>
      </c>
      <c r="AB7076" s="5" t="s">
        <v>44</v>
      </c>
      <c r="AC7076" s="2"/>
      <c r="AD7076" s="1"/>
    </row>
    <row r="7077" spans="1:30">
      <c r="A7077" s="5" t="s">
        <v>83578</v>
      </c>
      <c r="B7077" s="2" t="s">
        <v>105350</v>
      </c>
      <c r="C7077" s="14" t="s">
        <v>105351</v>
      </c>
      <c r="D7077" s="2" t="s">
        <v>105352</v>
      </c>
      <c r="E7077" s="2" t="s">
        <v>7551</v>
      </c>
      <c r="F7077" s="8">
        <v>275</v>
      </c>
      <c r="G7077" s="5">
        <v>6</v>
      </c>
      <c r="H7077" s="5" t="s">
        <v>1518</v>
      </c>
      <c r="I7077" s="5" t="s">
        <v>69038</v>
      </c>
      <c r="J7077" s="2" t="s">
        <v>69039</v>
      </c>
      <c r="K7077" s="5" t="s">
        <v>69038</v>
      </c>
      <c r="L7077" s="2" t="s">
        <v>69039</v>
      </c>
      <c r="M7077" s="5" t="s">
        <v>1521</v>
      </c>
      <c r="N7077" s="5" t="s">
        <v>38</v>
      </c>
      <c r="O7077" s="5" t="s">
        <v>39</v>
      </c>
      <c r="P7077" s="5" t="s">
        <v>40</v>
      </c>
      <c r="Q7077" s="5" t="s">
        <v>1522</v>
      </c>
      <c r="R7077" s="5" t="s">
        <v>1523</v>
      </c>
      <c r="S7077" s="5" t="s">
        <v>42</v>
      </c>
      <c r="T7077" s="2">
        <v>3.1509999999999998</v>
      </c>
      <c r="U7077" s="2">
        <v>2.5379999999999998</v>
      </c>
      <c r="V7077" s="2">
        <v>16.7</v>
      </c>
      <c r="W7077" s="2">
        <v>139.1</v>
      </c>
      <c r="X7077" s="2">
        <v>7.6</v>
      </c>
      <c r="Y7077" s="2">
        <v>16.7</v>
      </c>
      <c r="Z7077" s="5"/>
      <c r="AA7077" s="5" t="s">
        <v>43</v>
      </c>
      <c r="AB7077" s="5" t="s">
        <v>44</v>
      </c>
      <c r="AC7077" s="2"/>
      <c r="AD7077" s="1"/>
    </row>
    <row r="7078" spans="1:30">
      <c r="A7078" s="5" t="s">
        <v>83578</v>
      </c>
      <c r="B7078" s="2" t="s">
        <v>105353</v>
      </c>
      <c r="C7078" s="14" t="s">
        <v>105354</v>
      </c>
      <c r="D7078" s="2" t="s">
        <v>105355</v>
      </c>
      <c r="E7078" s="2" t="s">
        <v>7563</v>
      </c>
      <c r="F7078" s="8">
        <v>275</v>
      </c>
      <c r="G7078" s="5">
        <v>6</v>
      </c>
      <c r="H7078" s="5" t="s">
        <v>1518</v>
      </c>
      <c r="I7078" s="5" t="s">
        <v>69038</v>
      </c>
      <c r="J7078" s="2" t="s">
        <v>69039</v>
      </c>
      <c r="K7078" s="5" t="s">
        <v>69038</v>
      </c>
      <c r="L7078" s="2" t="s">
        <v>69039</v>
      </c>
      <c r="M7078" s="5" t="s">
        <v>1521</v>
      </c>
      <c r="N7078" s="5" t="s">
        <v>38</v>
      </c>
      <c r="O7078" s="5" t="s">
        <v>39</v>
      </c>
      <c r="P7078" s="5" t="s">
        <v>40</v>
      </c>
      <c r="Q7078" s="5" t="s">
        <v>1522</v>
      </c>
      <c r="R7078" s="5" t="s">
        <v>1523</v>
      </c>
      <c r="S7078" s="5" t="s">
        <v>42</v>
      </c>
      <c r="T7078" s="2">
        <v>3.0489999999999999</v>
      </c>
      <c r="U7078" s="2">
        <v>2.4359999999999999</v>
      </c>
      <c r="V7078" s="2">
        <v>16.7</v>
      </c>
      <c r="W7078" s="2">
        <v>139.1</v>
      </c>
      <c r="X7078" s="2">
        <v>7.6</v>
      </c>
      <c r="Y7078" s="2">
        <v>16.7</v>
      </c>
      <c r="Z7078" s="5"/>
      <c r="AA7078" s="5" t="s">
        <v>43</v>
      </c>
      <c r="AB7078" s="5" t="s">
        <v>44</v>
      </c>
      <c r="AC7078" s="2"/>
      <c r="AD7078" s="1"/>
    </row>
    <row r="7079" spans="1:30">
      <c r="A7079" s="5" t="s">
        <v>83578</v>
      </c>
      <c r="B7079" s="2" t="s">
        <v>105356</v>
      </c>
      <c r="C7079" s="14" t="s">
        <v>105357</v>
      </c>
      <c r="D7079" s="2" t="s">
        <v>105358</v>
      </c>
      <c r="E7079" s="2" t="s">
        <v>7567</v>
      </c>
      <c r="F7079" s="8">
        <v>275</v>
      </c>
      <c r="G7079" s="5">
        <v>6</v>
      </c>
      <c r="H7079" s="5" t="s">
        <v>1518</v>
      </c>
      <c r="I7079" s="5" t="s">
        <v>69038</v>
      </c>
      <c r="J7079" s="2" t="s">
        <v>69039</v>
      </c>
      <c r="K7079" s="5" t="s">
        <v>69038</v>
      </c>
      <c r="L7079" s="2" t="s">
        <v>69039</v>
      </c>
      <c r="M7079" s="5" t="s">
        <v>1521</v>
      </c>
      <c r="N7079" s="5" t="s">
        <v>38</v>
      </c>
      <c r="O7079" s="5" t="s">
        <v>39</v>
      </c>
      <c r="P7079" s="5" t="s">
        <v>40</v>
      </c>
      <c r="Q7079" s="5" t="s">
        <v>1522</v>
      </c>
      <c r="R7079" s="5" t="s">
        <v>1523</v>
      </c>
      <c r="S7079" s="5" t="s">
        <v>42</v>
      </c>
      <c r="T7079" s="2">
        <v>3.1509999999999998</v>
      </c>
      <c r="U7079" s="2">
        <v>2.5379999999999998</v>
      </c>
      <c r="V7079" s="2">
        <v>16.7</v>
      </c>
      <c r="W7079" s="2">
        <v>139.1</v>
      </c>
      <c r="X7079" s="2">
        <v>7.6</v>
      </c>
      <c r="Y7079" s="2">
        <v>16.7</v>
      </c>
      <c r="Z7079" s="5"/>
      <c r="AA7079" s="5" t="s">
        <v>43</v>
      </c>
      <c r="AB7079" s="5" t="s">
        <v>44</v>
      </c>
      <c r="AC7079" s="2"/>
      <c r="AD7079" s="1"/>
    </row>
    <row r="7080" spans="1:30">
      <c r="A7080" s="5" t="s">
        <v>83578</v>
      </c>
      <c r="B7080" s="2" t="s">
        <v>105359</v>
      </c>
      <c r="C7080" s="14" t="s">
        <v>105360</v>
      </c>
      <c r="D7080" s="2" t="s">
        <v>105361</v>
      </c>
      <c r="E7080" s="2" t="s">
        <v>7555</v>
      </c>
      <c r="F7080" s="8">
        <v>275</v>
      </c>
      <c r="G7080" s="5">
        <v>6</v>
      </c>
      <c r="H7080" s="5" t="s">
        <v>1518</v>
      </c>
      <c r="I7080" s="5" t="s">
        <v>69038</v>
      </c>
      <c r="J7080" s="2" t="s">
        <v>69039</v>
      </c>
      <c r="K7080" s="5" t="s">
        <v>69038</v>
      </c>
      <c r="L7080" s="2" t="s">
        <v>69039</v>
      </c>
      <c r="M7080" s="5" t="s">
        <v>1521</v>
      </c>
      <c r="N7080" s="5" t="s">
        <v>38</v>
      </c>
      <c r="O7080" s="5" t="s">
        <v>39</v>
      </c>
      <c r="P7080" s="5" t="s">
        <v>40</v>
      </c>
      <c r="Q7080" s="5" t="s">
        <v>1522</v>
      </c>
      <c r="R7080" s="5" t="s">
        <v>1523</v>
      </c>
      <c r="S7080" s="5" t="s">
        <v>42</v>
      </c>
      <c r="T7080" s="2">
        <v>3.0489999999999999</v>
      </c>
      <c r="U7080" s="2">
        <v>2.4359999999999999</v>
      </c>
      <c r="V7080" s="2">
        <v>16.7</v>
      </c>
      <c r="W7080" s="2">
        <v>139.1</v>
      </c>
      <c r="X7080" s="2">
        <v>7.6</v>
      </c>
      <c r="Y7080" s="2">
        <v>16.7</v>
      </c>
      <c r="Z7080" s="5"/>
      <c r="AA7080" s="5" t="s">
        <v>43</v>
      </c>
      <c r="AB7080" s="5" t="s">
        <v>44</v>
      </c>
      <c r="AC7080" s="2"/>
      <c r="AD7080" s="1"/>
    </row>
    <row r="7081" spans="1:30">
      <c r="A7081" s="5" t="s">
        <v>83578</v>
      </c>
      <c r="B7081" s="2" t="s">
        <v>105362</v>
      </c>
      <c r="C7081" s="14" t="s">
        <v>105363</v>
      </c>
      <c r="D7081" s="2" t="s">
        <v>105364</v>
      </c>
      <c r="E7081" s="2" t="s">
        <v>7559</v>
      </c>
      <c r="F7081" s="8">
        <v>275</v>
      </c>
      <c r="G7081" s="5">
        <v>6</v>
      </c>
      <c r="H7081" s="5" t="s">
        <v>1518</v>
      </c>
      <c r="I7081" s="5" t="s">
        <v>69038</v>
      </c>
      <c r="J7081" s="2" t="s">
        <v>69039</v>
      </c>
      <c r="K7081" s="5" t="s">
        <v>69038</v>
      </c>
      <c r="L7081" s="2" t="s">
        <v>69039</v>
      </c>
      <c r="M7081" s="5" t="s">
        <v>1521</v>
      </c>
      <c r="N7081" s="5" t="s">
        <v>38</v>
      </c>
      <c r="O7081" s="5" t="s">
        <v>39</v>
      </c>
      <c r="P7081" s="5" t="s">
        <v>40</v>
      </c>
      <c r="Q7081" s="5" t="s">
        <v>1522</v>
      </c>
      <c r="R7081" s="5" t="s">
        <v>1523</v>
      </c>
      <c r="S7081" s="5" t="s">
        <v>42</v>
      </c>
      <c r="T7081" s="2">
        <v>3.1509999999999998</v>
      </c>
      <c r="U7081" s="2">
        <v>2.5379999999999998</v>
      </c>
      <c r="V7081" s="2">
        <v>16.7</v>
      </c>
      <c r="W7081" s="2">
        <v>139.1</v>
      </c>
      <c r="X7081" s="2">
        <v>7.6</v>
      </c>
      <c r="Y7081" s="2">
        <v>16.7</v>
      </c>
      <c r="Z7081" s="5"/>
      <c r="AA7081" s="5" t="s">
        <v>43</v>
      </c>
      <c r="AB7081" s="5" t="s">
        <v>44</v>
      </c>
      <c r="AC7081" s="2"/>
      <c r="AD7081" s="1"/>
    </row>
    <row r="7082" spans="1:30">
      <c r="A7082" s="5" t="s">
        <v>83578</v>
      </c>
      <c r="B7082" s="2" t="s">
        <v>105365</v>
      </c>
      <c r="C7082" s="14" t="s">
        <v>105366</v>
      </c>
      <c r="D7082" s="2" t="s">
        <v>105367</v>
      </c>
      <c r="E7082" s="2" t="s">
        <v>16079</v>
      </c>
      <c r="F7082" s="8">
        <v>275</v>
      </c>
      <c r="G7082" s="5">
        <v>6</v>
      </c>
      <c r="H7082" s="5" t="s">
        <v>1518</v>
      </c>
      <c r="I7082" s="5" t="s">
        <v>69038</v>
      </c>
      <c r="J7082" s="2" t="s">
        <v>69039</v>
      </c>
      <c r="K7082" s="5" t="s">
        <v>69038</v>
      </c>
      <c r="L7082" s="2" t="s">
        <v>69039</v>
      </c>
      <c r="M7082" s="5" t="s">
        <v>1521</v>
      </c>
      <c r="N7082" s="5" t="s">
        <v>38</v>
      </c>
      <c r="O7082" s="5" t="s">
        <v>39</v>
      </c>
      <c r="P7082" s="5" t="s">
        <v>40</v>
      </c>
      <c r="Q7082" s="5" t="s">
        <v>1522</v>
      </c>
      <c r="R7082" s="5" t="s">
        <v>1523</v>
      </c>
      <c r="S7082" s="5" t="s">
        <v>42</v>
      </c>
      <c r="T7082" s="2">
        <v>3.0489999999999999</v>
      </c>
      <c r="U7082" s="2">
        <v>2.4359999999999999</v>
      </c>
      <c r="V7082" s="2">
        <v>16.7</v>
      </c>
      <c r="W7082" s="2">
        <v>139.1</v>
      </c>
      <c r="X7082" s="2">
        <v>7.6</v>
      </c>
      <c r="Y7082" s="2">
        <v>16.7</v>
      </c>
      <c r="Z7082" s="5"/>
      <c r="AA7082" s="5" t="s">
        <v>43</v>
      </c>
      <c r="AB7082" s="5" t="s">
        <v>44</v>
      </c>
      <c r="AC7082" s="2"/>
      <c r="AD7082" s="1"/>
    </row>
    <row r="7083" spans="1:30">
      <c r="A7083" s="5" t="s">
        <v>83578</v>
      </c>
      <c r="B7083" s="2" t="s">
        <v>105368</v>
      </c>
      <c r="C7083" s="14" t="s">
        <v>105369</v>
      </c>
      <c r="D7083" s="2" t="s">
        <v>105370</v>
      </c>
      <c r="E7083" s="2" t="s">
        <v>16194</v>
      </c>
      <c r="F7083" s="8">
        <v>275</v>
      </c>
      <c r="G7083" s="5">
        <v>6</v>
      </c>
      <c r="H7083" s="5" t="s">
        <v>1518</v>
      </c>
      <c r="I7083" s="5" t="s">
        <v>69038</v>
      </c>
      <c r="J7083" s="2" t="s">
        <v>69039</v>
      </c>
      <c r="K7083" s="5" t="s">
        <v>69038</v>
      </c>
      <c r="L7083" s="2" t="s">
        <v>69039</v>
      </c>
      <c r="M7083" s="5" t="s">
        <v>1521</v>
      </c>
      <c r="N7083" s="5" t="s">
        <v>38</v>
      </c>
      <c r="O7083" s="5" t="s">
        <v>39</v>
      </c>
      <c r="P7083" s="5" t="s">
        <v>40</v>
      </c>
      <c r="Q7083" s="5" t="s">
        <v>1522</v>
      </c>
      <c r="R7083" s="5" t="s">
        <v>1523</v>
      </c>
      <c r="S7083" s="5" t="s">
        <v>42</v>
      </c>
      <c r="T7083" s="2">
        <v>3.1509999999999998</v>
      </c>
      <c r="U7083" s="2">
        <v>2.5379999999999998</v>
      </c>
      <c r="V7083" s="2">
        <v>16.7</v>
      </c>
      <c r="W7083" s="2">
        <v>139.1</v>
      </c>
      <c r="X7083" s="2">
        <v>7.6</v>
      </c>
      <c r="Y7083" s="2">
        <v>16.7</v>
      </c>
      <c r="Z7083" s="5"/>
      <c r="AA7083" s="5" t="s">
        <v>43</v>
      </c>
      <c r="AB7083" s="5" t="s">
        <v>44</v>
      </c>
      <c r="AC7083" s="2"/>
      <c r="AD7083" s="1"/>
    </row>
    <row r="7084" spans="1:30">
      <c r="A7084" s="5" t="s">
        <v>83578</v>
      </c>
      <c r="B7084" s="2" t="s">
        <v>105371</v>
      </c>
      <c r="C7084" s="14" t="s">
        <v>105372</v>
      </c>
      <c r="D7084" s="2" t="s">
        <v>105373</v>
      </c>
      <c r="E7084" s="2" t="s">
        <v>7449</v>
      </c>
      <c r="F7084" s="8">
        <v>275</v>
      </c>
      <c r="G7084" s="5">
        <v>6</v>
      </c>
      <c r="H7084" s="5" t="s">
        <v>1518</v>
      </c>
      <c r="I7084" s="5" t="s">
        <v>69038</v>
      </c>
      <c r="J7084" s="2" t="s">
        <v>69039</v>
      </c>
      <c r="K7084" s="5" t="s">
        <v>69038</v>
      </c>
      <c r="L7084" s="2" t="s">
        <v>69039</v>
      </c>
      <c r="M7084" s="5" t="s">
        <v>1521</v>
      </c>
      <c r="N7084" s="5" t="s">
        <v>38</v>
      </c>
      <c r="O7084" s="5" t="s">
        <v>39</v>
      </c>
      <c r="P7084" s="5" t="s">
        <v>40</v>
      </c>
      <c r="Q7084" s="5" t="s">
        <v>1522</v>
      </c>
      <c r="R7084" s="5" t="s">
        <v>1523</v>
      </c>
      <c r="S7084" s="5" t="s">
        <v>42</v>
      </c>
      <c r="T7084" s="2">
        <v>3.0489999999999999</v>
      </c>
      <c r="U7084" s="2">
        <v>2.4359999999999999</v>
      </c>
      <c r="V7084" s="2">
        <v>16.7</v>
      </c>
      <c r="W7084" s="2">
        <v>139.1</v>
      </c>
      <c r="X7084" s="2">
        <v>7.6</v>
      </c>
      <c r="Y7084" s="2">
        <v>16.7</v>
      </c>
      <c r="Z7084" s="5"/>
      <c r="AA7084" s="5" t="s">
        <v>43</v>
      </c>
      <c r="AB7084" s="5" t="s">
        <v>44</v>
      </c>
      <c r="AC7084" s="2"/>
      <c r="AD7084" s="1"/>
    </row>
    <row r="7085" spans="1:30">
      <c r="A7085" s="5" t="s">
        <v>83578</v>
      </c>
      <c r="B7085" s="2" t="s">
        <v>105374</v>
      </c>
      <c r="C7085" s="14" t="s">
        <v>105375</v>
      </c>
      <c r="D7085" s="2" t="s">
        <v>105376</v>
      </c>
      <c r="E7085" s="2" t="s">
        <v>7581</v>
      </c>
      <c r="F7085" s="8">
        <v>275</v>
      </c>
      <c r="G7085" s="5">
        <v>6</v>
      </c>
      <c r="H7085" s="5" t="s">
        <v>1518</v>
      </c>
      <c r="I7085" s="5" t="s">
        <v>69038</v>
      </c>
      <c r="J7085" s="2" t="s">
        <v>69039</v>
      </c>
      <c r="K7085" s="5" t="s">
        <v>69038</v>
      </c>
      <c r="L7085" s="2" t="s">
        <v>69039</v>
      </c>
      <c r="M7085" s="5" t="s">
        <v>1521</v>
      </c>
      <c r="N7085" s="5" t="s">
        <v>38</v>
      </c>
      <c r="O7085" s="5" t="s">
        <v>39</v>
      </c>
      <c r="P7085" s="5" t="s">
        <v>40</v>
      </c>
      <c r="Q7085" s="5" t="s">
        <v>1522</v>
      </c>
      <c r="R7085" s="5" t="s">
        <v>1523</v>
      </c>
      <c r="S7085" s="5" t="s">
        <v>42</v>
      </c>
      <c r="T7085" s="2">
        <v>3.1509999999999998</v>
      </c>
      <c r="U7085" s="2">
        <v>2.5379999999999998</v>
      </c>
      <c r="V7085" s="2">
        <v>16.7</v>
      </c>
      <c r="W7085" s="2">
        <v>139.1</v>
      </c>
      <c r="X7085" s="2">
        <v>7.6</v>
      </c>
      <c r="Y7085" s="2">
        <v>16.7</v>
      </c>
      <c r="Z7085" s="5"/>
      <c r="AA7085" s="5" t="s">
        <v>43</v>
      </c>
      <c r="AB7085" s="5" t="s">
        <v>44</v>
      </c>
      <c r="AC7085" s="2"/>
      <c r="AD7085" s="1"/>
    </row>
    <row r="7086" spans="1:30">
      <c r="A7086" s="5" t="s">
        <v>83578</v>
      </c>
      <c r="B7086" s="2" t="s">
        <v>105377</v>
      </c>
      <c r="C7086" s="14" t="s">
        <v>105378</v>
      </c>
      <c r="D7086" s="2" t="s">
        <v>105379</v>
      </c>
      <c r="E7086" s="2" t="s">
        <v>7585</v>
      </c>
      <c r="F7086" s="8">
        <v>275</v>
      </c>
      <c r="G7086" s="5">
        <v>6</v>
      </c>
      <c r="H7086" s="5" t="s">
        <v>1518</v>
      </c>
      <c r="I7086" s="5" t="s">
        <v>69038</v>
      </c>
      <c r="J7086" s="2" t="s">
        <v>69039</v>
      </c>
      <c r="K7086" s="5" t="s">
        <v>69038</v>
      </c>
      <c r="L7086" s="2" t="s">
        <v>69039</v>
      </c>
      <c r="M7086" s="5" t="s">
        <v>1521</v>
      </c>
      <c r="N7086" s="5" t="s">
        <v>38</v>
      </c>
      <c r="O7086" s="5" t="s">
        <v>39</v>
      </c>
      <c r="P7086" s="5" t="s">
        <v>40</v>
      </c>
      <c r="Q7086" s="5" t="s">
        <v>1522</v>
      </c>
      <c r="R7086" s="5" t="s">
        <v>1523</v>
      </c>
      <c r="S7086" s="5" t="s">
        <v>42</v>
      </c>
      <c r="T7086" s="2">
        <v>3.0489999999999999</v>
      </c>
      <c r="U7086" s="2">
        <v>2.4359999999999999</v>
      </c>
      <c r="V7086" s="2">
        <v>16.7</v>
      </c>
      <c r="W7086" s="2">
        <v>139.1</v>
      </c>
      <c r="X7086" s="2">
        <v>7.6</v>
      </c>
      <c r="Y7086" s="2">
        <v>16.7</v>
      </c>
      <c r="Z7086" s="5"/>
      <c r="AA7086" s="5" t="s">
        <v>43</v>
      </c>
      <c r="AB7086" s="5" t="s">
        <v>44</v>
      </c>
      <c r="AC7086" s="2"/>
      <c r="AD7086" s="1"/>
    </row>
    <row r="7087" spans="1:30">
      <c r="A7087" s="5" t="s">
        <v>83578</v>
      </c>
      <c r="B7087" s="2" t="s">
        <v>105380</v>
      </c>
      <c r="C7087" s="14" t="s">
        <v>105381</v>
      </c>
      <c r="D7087" s="2" t="s">
        <v>105382</v>
      </c>
      <c r="E7087" s="2" t="s">
        <v>7589</v>
      </c>
      <c r="F7087" s="8">
        <v>275</v>
      </c>
      <c r="G7087" s="5">
        <v>6</v>
      </c>
      <c r="H7087" s="5" t="s">
        <v>1518</v>
      </c>
      <c r="I7087" s="5" t="s">
        <v>69038</v>
      </c>
      <c r="J7087" s="2" t="s">
        <v>69039</v>
      </c>
      <c r="K7087" s="5" t="s">
        <v>69038</v>
      </c>
      <c r="L7087" s="2" t="s">
        <v>69039</v>
      </c>
      <c r="M7087" s="5" t="s">
        <v>1521</v>
      </c>
      <c r="N7087" s="5" t="s">
        <v>38</v>
      </c>
      <c r="O7087" s="5" t="s">
        <v>39</v>
      </c>
      <c r="P7087" s="5" t="s">
        <v>40</v>
      </c>
      <c r="Q7087" s="5" t="s">
        <v>1522</v>
      </c>
      <c r="R7087" s="5" t="s">
        <v>1523</v>
      </c>
      <c r="S7087" s="5" t="s">
        <v>42</v>
      </c>
      <c r="T7087" s="2">
        <v>3.1509999999999998</v>
      </c>
      <c r="U7087" s="2">
        <v>2.5379999999999998</v>
      </c>
      <c r="V7087" s="2">
        <v>16.7</v>
      </c>
      <c r="W7087" s="2">
        <v>139.1</v>
      </c>
      <c r="X7087" s="2">
        <v>7.6</v>
      </c>
      <c r="Y7087" s="2">
        <v>16.7</v>
      </c>
      <c r="Z7087" s="5"/>
      <c r="AA7087" s="5" t="s">
        <v>43</v>
      </c>
      <c r="AB7087" s="5" t="s">
        <v>44</v>
      </c>
      <c r="AC7087" s="2"/>
      <c r="AD7087" s="1"/>
    </row>
    <row r="7088" spans="1:30">
      <c r="A7088" s="5" t="s">
        <v>83578</v>
      </c>
      <c r="B7088" s="2" t="s">
        <v>105383</v>
      </c>
      <c r="C7088" s="14" t="s">
        <v>105384</v>
      </c>
      <c r="D7088" s="2" t="s">
        <v>105385</v>
      </c>
      <c r="E7088" s="2" t="s">
        <v>7593</v>
      </c>
      <c r="F7088" s="8">
        <v>275</v>
      </c>
      <c r="G7088" s="5">
        <v>6</v>
      </c>
      <c r="H7088" s="5" t="s">
        <v>1518</v>
      </c>
      <c r="I7088" s="5" t="s">
        <v>69038</v>
      </c>
      <c r="J7088" s="2" t="s">
        <v>69039</v>
      </c>
      <c r="K7088" s="5" t="s">
        <v>69038</v>
      </c>
      <c r="L7088" s="2" t="s">
        <v>69039</v>
      </c>
      <c r="M7088" s="5" t="s">
        <v>1521</v>
      </c>
      <c r="N7088" s="5" t="s">
        <v>38</v>
      </c>
      <c r="O7088" s="5" t="s">
        <v>39</v>
      </c>
      <c r="P7088" s="5" t="s">
        <v>40</v>
      </c>
      <c r="Q7088" s="5" t="s">
        <v>1522</v>
      </c>
      <c r="R7088" s="5" t="s">
        <v>1523</v>
      </c>
      <c r="S7088" s="5" t="s">
        <v>42</v>
      </c>
      <c r="T7088" s="2">
        <v>3.0489999999999999</v>
      </c>
      <c r="U7088" s="2">
        <v>2.4359999999999999</v>
      </c>
      <c r="V7088" s="2">
        <v>16.7</v>
      </c>
      <c r="W7088" s="2">
        <v>139.1</v>
      </c>
      <c r="X7088" s="2">
        <v>7.6</v>
      </c>
      <c r="Y7088" s="2">
        <v>16.7</v>
      </c>
      <c r="Z7088" s="5"/>
      <c r="AA7088" s="5" t="s">
        <v>43</v>
      </c>
      <c r="AB7088" s="5" t="s">
        <v>44</v>
      </c>
      <c r="AC7088" s="2"/>
      <c r="AD7088" s="1"/>
    </row>
    <row r="7089" spans="1:30">
      <c r="A7089" s="5" t="s">
        <v>83578</v>
      </c>
      <c r="B7089" s="2" t="s">
        <v>105386</v>
      </c>
      <c r="C7089" s="14" t="s">
        <v>105387</v>
      </c>
      <c r="D7089" s="2" t="s">
        <v>105388</v>
      </c>
      <c r="E7089" s="2" t="s">
        <v>7597</v>
      </c>
      <c r="F7089" s="8">
        <v>275</v>
      </c>
      <c r="G7089" s="5">
        <v>6</v>
      </c>
      <c r="H7089" s="5" t="s">
        <v>1518</v>
      </c>
      <c r="I7089" s="5" t="s">
        <v>69038</v>
      </c>
      <c r="J7089" s="2" t="s">
        <v>69039</v>
      </c>
      <c r="K7089" s="5" t="s">
        <v>69038</v>
      </c>
      <c r="L7089" s="2" t="s">
        <v>69039</v>
      </c>
      <c r="M7089" s="5" t="s">
        <v>1521</v>
      </c>
      <c r="N7089" s="5" t="s">
        <v>38</v>
      </c>
      <c r="O7089" s="5" t="s">
        <v>39</v>
      </c>
      <c r="P7089" s="5" t="s">
        <v>40</v>
      </c>
      <c r="Q7089" s="5" t="s">
        <v>1522</v>
      </c>
      <c r="R7089" s="5" t="s">
        <v>1523</v>
      </c>
      <c r="S7089" s="5" t="s">
        <v>42</v>
      </c>
      <c r="T7089" s="2">
        <v>3.1509999999999998</v>
      </c>
      <c r="U7089" s="2">
        <v>2.5379999999999998</v>
      </c>
      <c r="V7089" s="2">
        <v>16.7</v>
      </c>
      <c r="W7089" s="2">
        <v>139.1</v>
      </c>
      <c r="X7089" s="2">
        <v>7.6</v>
      </c>
      <c r="Y7089" s="2">
        <v>16.7</v>
      </c>
      <c r="Z7089" s="5"/>
      <c r="AA7089" s="5" t="s">
        <v>43</v>
      </c>
      <c r="AB7089" s="5" t="s">
        <v>44</v>
      </c>
      <c r="AC7089" s="2"/>
      <c r="AD7089" s="1"/>
    </row>
    <row r="7090" spans="1:30">
      <c r="A7090" s="5" t="s">
        <v>83578</v>
      </c>
      <c r="B7090" s="2" t="s">
        <v>105389</v>
      </c>
      <c r="C7090" s="14" t="s">
        <v>105390</v>
      </c>
      <c r="D7090" s="2" t="s">
        <v>105391</v>
      </c>
      <c r="E7090" s="2" t="s">
        <v>73358</v>
      </c>
      <c r="F7090" s="8">
        <v>275</v>
      </c>
      <c r="G7090" s="5">
        <v>6</v>
      </c>
      <c r="H7090" s="5" t="s">
        <v>1518</v>
      </c>
      <c r="I7090" s="5" t="s">
        <v>69038</v>
      </c>
      <c r="J7090" s="2" t="s">
        <v>69039</v>
      </c>
      <c r="K7090" s="5" t="s">
        <v>69038</v>
      </c>
      <c r="L7090" s="2" t="s">
        <v>69039</v>
      </c>
      <c r="M7090" s="5" t="s">
        <v>1521</v>
      </c>
      <c r="N7090" s="5" t="s">
        <v>38</v>
      </c>
      <c r="O7090" s="5" t="s">
        <v>39</v>
      </c>
      <c r="P7090" s="5" t="s">
        <v>40</v>
      </c>
      <c r="Q7090" s="5" t="s">
        <v>1522</v>
      </c>
      <c r="R7090" s="5" t="s">
        <v>1523</v>
      </c>
      <c r="S7090" s="5" t="s">
        <v>42</v>
      </c>
      <c r="T7090" s="2">
        <v>3.0489999999999999</v>
      </c>
      <c r="U7090" s="2">
        <v>2.4359999999999999</v>
      </c>
      <c r="V7090" s="2">
        <v>16.7</v>
      </c>
      <c r="W7090" s="2">
        <v>139.1</v>
      </c>
      <c r="X7090" s="2">
        <v>7.6</v>
      </c>
      <c r="Y7090" s="2">
        <v>16.7</v>
      </c>
      <c r="Z7090" s="5"/>
      <c r="AA7090" s="5" t="s">
        <v>43</v>
      </c>
      <c r="AB7090" s="5" t="s">
        <v>44</v>
      </c>
      <c r="AC7090" s="2"/>
      <c r="AD7090" s="1"/>
    </row>
    <row r="7091" spans="1:30">
      <c r="A7091" s="5" t="s">
        <v>83578</v>
      </c>
      <c r="B7091" s="2" t="s">
        <v>105392</v>
      </c>
      <c r="C7091" s="14" t="s">
        <v>105393</v>
      </c>
      <c r="D7091" s="2" t="s">
        <v>105394</v>
      </c>
      <c r="E7091" s="2" t="s">
        <v>73362</v>
      </c>
      <c r="F7091" s="8">
        <v>275</v>
      </c>
      <c r="G7091" s="5">
        <v>6</v>
      </c>
      <c r="H7091" s="5" t="s">
        <v>1518</v>
      </c>
      <c r="I7091" s="5" t="s">
        <v>69038</v>
      </c>
      <c r="J7091" s="2" t="s">
        <v>69039</v>
      </c>
      <c r="K7091" s="5" t="s">
        <v>69038</v>
      </c>
      <c r="L7091" s="2" t="s">
        <v>69039</v>
      </c>
      <c r="M7091" s="5" t="s">
        <v>1521</v>
      </c>
      <c r="N7091" s="5" t="s">
        <v>38</v>
      </c>
      <c r="O7091" s="5" t="s">
        <v>39</v>
      </c>
      <c r="P7091" s="5" t="s">
        <v>40</v>
      </c>
      <c r="Q7091" s="5" t="s">
        <v>1522</v>
      </c>
      <c r="R7091" s="5" t="s">
        <v>1523</v>
      </c>
      <c r="S7091" s="5" t="s">
        <v>42</v>
      </c>
      <c r="T7091" s="2">
        <v>3.1509999999999998</v>
      </c>
      <c r="U7091" s="2">
        <v>2.5379999999999998</v>
      </c>
      <c r="V7091" s="2">
        <v>16.7</v>
      </c>
      <c r="W7091" s="2">
        <v>139.1</v>
      </c>
      <c r="X7091" s="2">
        <v>7.6</v>
      </c>
      <c r="Y7091" s="2">
        <v>16.7</v>
      </c>
      <c r="Z7091" s="5"/>
      <c r="AA7091" s="5" t="s">
        <v>43</v>
      </c>
      <c r="AB7091" s="5" t="s">
        <v>44</v>
      </c>
      <c r="AC7091" s="2"/>
      <c r="AD7091" s="1"/>
    </row>
    <row r="7092" spans="1:30">
      <c r="A7092" s="5" t="s">
        <v>83578</v>
      </c>
      <c r="B7092" s="2" t="s">
        <v>105395</v>
      </c>
      <c r="C7092" s="14" t="s">
        <v>105396</v>
      </c>
      <c r="D7092" s="2" t="s">
        <v>105397</v>
      </c>
      <c r="E7092" s="2" t="s">
        <v>7615</v>
      </c>
      <c r="F7092" s="8">
        <v>275</v>
      </c>
      <c r="G7092" s="5">
        <v>6</v>
      </c>
      <c r="H7092" s="5" t="s">
        <v>1518</v>
      </c>
      <c r="I7092" s="5" t="s">
        <v>69038</v>
      </c>
      <c r="J7092" s="2" t="s">
        <v>69039</v>
      </c>
      <c r="K7092" s="5" t="s">
        <v>69038</v>
      </c>
      <c r="L7092" s="2" t="s">
        <v>69039</v>
      </c>
      <c r="M7092" s="5" t="s">
        <v>1521</v>
      </c>
      <c r="N7092" s="5" t="s">
        <v>38</v>
      </c>
      <c r="O7092" s="5" t="s">
        <v>39</v>
      </c>
      <c r="P7092" s="5" t="s">
        <v>40</v>
      </c>
      <c r="Q7092" s="5" t="s">
        <v>1522</v>
      </c>
      <c r="R7092" s="5" t="s">
        <v>1523</v>
      </c>
      <c r="S7092" s="5" t="s">
        <v>42</v>
      </c>
      <c r="T7092" s="2">
        <v>3.0489999999999999</v>
      </c>
      <c r="U7092" s="2">
        <v>2.4359999999999999</v>
      </c>
      <c r="V7092" s="2">
        <v>16.7</v>
      </c>
      <c r="W7092" s="2">
        <v>139.1</v>
      </c>
      <c r="X7092" s="2">
        <v>7.6</v>
      </c>
      <c r="Y7092" s="2">
        <v>16.7</v>
      </c>
      <c r="Z7092" s="5"/>
      <c r="AA7092" s="5" t="s">
        <v>43</v>
      </c>
      <c r="AB7092" s="5" t="s">
        <v>44</v>
      </c>
      <c r="AC7092" s="2"/>
      <c r="AD7092" s="1"/>
    </row>
    <row r="7093" spans="1:30">
      <c r="A7093" s="5" t="s">
        <v>83578</v>
      </c>
      <c r="B7093" s="2" t="s">
        <v>105398</v>
      </c>
      <c r="C7093" s="14" t="s">
        <v>105399</v>
      </c>
      <c r="D7093" s="2" t="s">
        <v>105400</v>
      </c>
      <c r="E7093" s="2" t="s">
        <v>7619</v>
      </c>
      <c r="F7093" s="8">
        <v>275</v>
      </c>
      <c r="G7093" s="5">
        <v>6</v>
      </c>
      <c r="H7093" s="5" t="s">
        <v>1518</v>
      </c>
      <c r="I7093" s="5" t="s">
        <v>69038</v>
      </c>
      <c r="J7093" s="2" t="s">
        <v>69039</v>
      </c>
      <c r="K7093" s="5" t="s">
        <v>69038</v>
      </c>
      <c r="L7093" s="2" t="s">
        <v>69039</v>
      </c>
      <c r="M7093" s="5" t="s">
        <v>1521</v>
      </c>
      <c r="N7093" s="5" t="s">
        <v>38</v>
      </c>
      <c r="O7093" s="5" t="s">
        <v>39</v>
      </c>
      <c r="P7093" s="5" t="s">
        <v>40</v>
      </c>
      <c r="Q7093" s="5" t="s">
        <v>1522</v>
      </c>
      <c r="R7093" s="5" t="s">
        <v>1523</v>
      </c>
      <c r="S7093" s="5" t="s">
        <v>42</v>
      </c>
      <c r="T7093" s="2">
        <v>3.1509999999999998</v>
      </c>
      <c r="U7093" s="2">
        <v>2.5379999999999998</v>
      </c>
      <c r="V7093" s="2">
        <v>16.7</v>
      </c>
      <c r="W7093" s="2">
        <v>139.1</v>
      </c>
      <c r="X7093" s="2">
        <v>7.6</v>
      </c>
      <c r="Y7093" s="2">
        <v>16.7</v>
      </c>
      <c r="Z7093" s="5"/>
      <c r="AA7093" s="5" t="s">
        <v>43</v>
      </c>
      <c r="AB7093" s="5" t="s">
        <v>44</v>
      </c>
      <c r="AC7093" s="2"/>
      <c r="AD7093" s="1"/>
    </row>
    <row r="7094" spans="1:30">
      <c r="A7094" s="5" t="s">
        <v>83578</v>
      </c>
      <c r="B7094" s="2" t="s">
        <v>105401</v>
      </c>
      <c r="C7094" s="14" t="s">
        <v>105402</v>
      </c>
      <c r="D7094" s="2" t="s">
        <v>105403</v>
      </c>
      <c r="E7094" s="2" t="s">
        <v>16014</v>
      </c>
      <c r="F7094" s="8">
        <v>275</v>
      </c>
      <c r="G7094" s="5">
        <v>6</v>
      </c>
      <c r="H7094" s="5" t="s">
        <v>1518</v>
      </c>
      <c r="I7094" s="5" t="s">
        <v>69038</v>
      </c>
      <c r="J7094" s="2" t="s">
        <v>69039</v>
      </c>
      <c r="K7094" s="5" t="s">
        <v>69038</v>
      </c>
      <c r="L7094" s="2" t="s">
        <v>69039</v>
      </c>
      <c r="M7094" s="5" t="s">
        <v>1521</v>
      </c>
      <c r="N7094" s="5" t="s">
        <v>38</v>
      </c>
      <c r="O7094" s="5" t="s">
        <v>39</v>
      </c>
      <c r="P7094" s="5" t="s">
        <v>40</v>
      </c>
      <c r="Q7094" s="5" t="s">
        <v>1522</v>
      </c>
      <c r="R7094" s="5" t="s">
        <v>1523</v>
      </c>
      <c r="S7094" s="5" t="s">
        <v>42</v>
      </c>
      <c r="T7094" s="2">
        <v>3.0489999999999999</v>
      </c>
      <c r="U7094" s="2">
        <v>2.4359999999999999</v>
      </c>
      <c r="V7094" s="2">
        <v>16.7</v>
      </c>
      <c r="W7094" s="2">
        <v>139.1</v>
      </c>
      <c r="X7094" s="2">
        <v>7.6</v>
      </c>
      <c r="Y7094" s="2">
        <v>16.7</v>
      </c>
      <c r="Z7094" s="5"/>
      <c r="AA7094" s="5" t="s">
        <v>43</v>
      </c>
      <c r="AB7094" s="5" t="s">
        <v>44</v>
      </c>
      <c r="AC7094" s="2"/>
      <c r="AD7094" s="1"/>
    </row>
    <row r="7095" spans="1:30">
      <c r="A7095" s="5" t="s">
        <v>83578</v>
      </c>
      <c r="B7095" s="2" t="s">
        <v>105404</v>
      </c>
      <c r="C7095" s="14" t="s">
        <v>105405</v>
      </c>
      <c r="D7095" s="2" t="s">
        <v>105406</v>
      </c>
      <c r="E7095" s="2" t="s">
        <v>16219</v>
      </c>
      <c r="F7095" s="8">
        <v>275</v>
      </c>
      <c r="G7095" s="5">
        <v>6</v>
      </c>
      <c r="H7095" s="5" t="s">
        <v>1518</v>
      </c>
      <c r="I7095" s="5" t="s">
        <v>69038</v>
      </c>
      <c r="J7095" s="2" t="s">
        <v>69039</v>
      </c>
      <c r="K7095" s="5" t="s">
        <v>69038</v>
      </c>
      <c r="L7095" s="2" t="s">
        <v>69039</v>
      </c>
      <c r="M7095" s="5" t="s">
        <v>1521</v>
      </c>
      <c r="N7095" s="5" t="s">
        <v>38</v>
      </c>
      <c r="O7095" s="5" t="s">
        <v>39</v>
      </c>
      <c r="P7095" s="5" t="s">
        <v>40</v>
      </c>
      <c r="Q7095" s="5" t="s">
        <v>1522</v>
      </c>
      <c r="R7095" s="5" t="s">
        <v>1523</v>
      </c>
      <c r="S7095" s="5" t="s">
        <v>42</v>
      </c>
      <c r="T7095" s="2">
        <v>3.1509999999999998</v>
      </c>
      <c r="U7095" s="2">
        <v>2.5379999999999998</v>
      </c>
      <c r="V7095" s="2">
        <v>16.7</v>
      </c>
      <c r="W7095" s="2">
        <v>139.1</v>
      </c>
      <c r="X7095" s="2">
        <v>7.6</v>
      </c>
      <c r="Y7095" s="2">
        <v>16.7</v>
      </c>
      <c r="Z7095" s="5"/>
      <c r="AA7095" s="5" t="s">
        <v>43</v>
      </c>
      <c r="AB7095" s="5" t="s">
        <v>44</v>
      </c>
      <c r="AC7095" s="2"/>
      <c r="AD7095" s="1"/>
    </row>
    <row r="7096" spans="1:30">
      <c r="A7096" s="5" t="s">
        <v>83578</v>
      </c>
      <c r="B7096" s="2" t="s">
        <v>105407</v>
      </c>
      <c r="C7096" s="14" t="s">
        <v>105408</v>
      </c>
      <c r="D7096" s="2" t="s">
        <v>105409</v>
      </c>
      <c r="E7096" s="2" t="s">
        <v>7212</v>
      </c>
      <c r="F7096" s="8">
        <v>256</v>
      </c>
      <c r="G7096" s="5">
        <v>6</v>
      </c>
      <c r="H7096" s="5" t="s">
        <v>1518</v>
      </c>
      <c r="I7096" s="5" t="s">
        <v>69038</v>
      </c>
      <c r="J7096" s="2" t="s">
        <v>69039</v>
      </c>
      <c r="K7096" s="5" t="s">
        <v>69038</v>
      </c>
      <c r="L7096" s="2" t="s">
        <v>69039</v>
      </c>
      <c r="M7096" s="5" t="s">
        <v>1521</v>
      </c>
      <c r="N7096" s="5" t="s">
        <v>38</v>
      </c>
      <c r="O7096" s="5" t="s">
        <v>39</v>
      </c>
      <c r="P7096" s="5" t="s">
        <v>40</v>
      </c>
      <c r="Q7096" s="5" t="s">
        <v>1522</v>
      </c>
      <c r="R7096" s="5" t="s">
        <v>1523</v>
      </c>
      <c r="S7096" s="5" t="s">
        <v>42</v>
      </c>
      <c r="T7096" s="2">
        <v>3.0489999999999999</v>
      </c>
      <c r="U7096" s="2">
        <v>2.4359999999999999</v>
      </c>
      <c r="V7096" s="2">
        <v>16.7</v>
      </c>
      <c r="W7096" s="2">
        <v>139.1</v>
      </c>
      <c r="X7096" s="2">
        <v>7.6</v>
      </c>
      <c r="Y7096" s="2">
        <v>16.7</v>
      </c>
      <c r="Z7096" s="5"/>
      <c r="AA7096" s="5" t="s">
        <v>43</v>
      </c>
      <c r="AB7096" s="5" t="s">
        <v>44</v>
      </c>
      <c r="AC7096" s="2"/>
      <c r="AD7096" s="1"/>
    </row>
    <row r="7097" spans="1:30">
      <c r="A7097" s="5" t="s">
        <v>83578</v>
      </c>
      <c r="B7097" s="2" t="s">
        <v>105410</v>
      </c>
      <c r="C7097" s="14" t="s">
        <v>105411</v>
      </c>
      <c r="D7097" s="2" t="s">
        <v>105412</v>
      </c>
      <c r="E7097" s="2" t="s">
        <v>7528</v>
      </c>
      <c r="F7097" s="8">
        <v>256</v>
      </c>
      <c r="G7097" s="5">
        <v>6</v>
      </c>
      <c r="H7097" s="5" t="s">
        <v>1518</v>
      </c>
      <c r="I7097" s="5" t="s">
        <v>69038</v>
      </c>
      <c r="J7097" s="2" t="s">
        <v>69039</v>
      </c>
      <c r="K7097" s="5" t="s">
        <v>69038</v>
      </c>
      <c r="L7097" s="2" t="s">
        <v>69039</v>
      </c>
      <c r="M7097" s="5" t="s">
        <v>1521</v>
      </c>
      <c r="N7097" s="5" t="s">
        <v>38</v>
      </c>
      <c r="O7097" s="5" t="s">
        <v>39</v>
      </c>
      <c r="P7097" s="5" t="s">
        <v>40</v>
      </c>
      <c r="Q7097" s="5" t="s">
        <v>1522</v>
      </c>
      <c r="R7097" s="5" t="s">
        <v>1523</v>
      </c>
      <c r="S7097" s="5" t="s">
        <v>42</v>
      </c>
      <c r="T7097" s="2">
        <v>3.1509999999999998</v>
      </c>
      <c r="U7097" s="2">
        <v>2.5379999999999998</v>
      </c>
      <c r="V7097" s="2">
        <v>16.7</v>
      </c>
      <c r="W7097" s="2">
        <v>139.1</v>
      </c>
      <c r="X7097" s="2">
        <v>7.6</v>
      </c>
      <c r="Y7097" s="2">
        <v>16.7</v>
      </c>
      <c r="Z7097" s="5"/>
      <c r="AA7097" s="5" t="s">
        <v>43</v>
      </c>
      <c r="AB7097" s="5" t="s">
        <v>44</v>
      </c>
      <c r="AC7097" s="2"/>
      <c r="AD7097" s="1"/>
    </row>
    <row r="7098" spans="1:30">
      <c r="A7098" s="5" t="s">
        <v>83578</v>
      </c>
      <c r="B7098" s="2" t="s">
        <v>105413</v>
      </c>
      <c r="C7098" s="14" t="s">
        <v>105414</v>
      </c>
      <c r="D7098" s="2" t="s">
        <v>105415</v>
      </c>
      <c r="E7098" s="2" t="s">
        <v>7551</v>
      </c>
      <c r="F7098" s="8">
        <v>253</v>
      </c>
      <c r="G7098" s="5">
        <v>6</v>
      </c>
      <c r="H7098" s="5" t="s">
        <v>1518</v>
      </c>
      <c r="I7098" s="5" t="s">
        <v>69038</v>
      </c>
      <c r="J7098" s="2" t="s">
        <v>69039</v>
      </c>
      <c r="K7098" s="5" t="s">
        <v>69038</v>
      </c>
      <c r="L7098" s="2" t="s">
        <v>69039</v>
      </c>
      <c r="M7098" s="5" t="s">
        <v>1521</v>
      </c>
      <c r="N7098" s="5" t="s">
        <v>38</v>
      </c>
      <c r="O7098" s="5" t="s">
        <v>39</v>
      </c>
      <c r="P7098" s="5" t="s">
        <v>40</v>
      </c>
      <c r="Q7098" s="5" t="s">
        <v>1522</v>
      </c>
      <c r="R7098" s="5" t="s">
        <v>1523</v>
      </c>
      <c r="S7098" s="5" t="s">
        <v>42</v>
      </c>
      <c r="T7098" s="2">
        <v>2.597</v>
      </c>
      <c r="U7098" s="2">
        <v>2.0539999999999998</v>
      </c>
      <c r="V7098" s="2">
        <v>16.7</v>
      </c>
      <c r="W7098" s="2">
        <v>99.1</v>
      </c>
      <c r="X7098" s="2">
        <v>7.6</v>
      </c>
      <c r="Y7098" s="2">
        <v>16.7</v>
      </c>
      <c r="Z7098" s="5"/>
      <c r="AA7098" s="5" t="s">
        <v>43</v>
      </c>
      <c r="AB7098" s="5" t="s">
        <v>44</v>
      </c>
      <c r="AC7098" s="2"/>
      <c r="AD7098" s="1"/>
    </row>
    <row r="7099" spans="1:30">
      <c r="A7099" s="5" t="s">
        <v>83578</v>
      </c>
      <c r="B7099" s="2" t="s">
        <v>105416</v>
      </c>
      <c r="C7099" s="14" t="s">
        <v>105417</v>
      </c>
      <c r="D7099" s="2" t="s">
        <v>105418</v>
      </c>
      <c r="E7099" s="2" t="s">
        <v>7593</v>
      </c>
      <c r="F7099" s="8">
        <v>263</v>
      </c>
      <c r="G7099" s="5">
        <v>6</v>
      </c>
      <c r="H7099" s="5" t="s">
        <v>1518</v>
      </c>
      <c r="I7099" s="5" t="s">
        <v>69038</v>
      </c>
      <c r="J7099" s="2" t="s">
        <v>69039</v>
      </c>
      <c r="K7099" s="5" t="s">
        <v>69038</v>
      </c>
      <c r="L7099" s="2" t="s">
        <v>69039</v>
      </c>
      <c r="M7099" s="5" t="s">
        <v>1521</v>
      </c>
      <c r="N7099" s="5" t="s">
        <v>38</v>
      </c>
      <c r="O7099" s="5" t="s">
        <v>39</v>
      </c>
      <c r="P7099" s="5" t="s">
        <v>40</v>
      </c>
      <c r="Q7099" s="5" t="s">
        <v>1522</v>
      </c>
      <c r="R7099" s="5" t="s">
        <v>1523</v>
      </c>
      <c r="S7099" s="5" t="s">
        <v>42</v>
      </c>
      <c r="T7099" s="2">
        <v>2.6840000000000002</v>
      </c>
      <c r="U7099" s="2">
        <v>2.141</v>
      </c>
      <c r="V7099" s="2">
        <v>16.7</v>
      </c>
      <c r="W7099" s="2">
        <v>118.9</v>
      </c>
      <c r="X7099" s="2">
        <v>7.6</v>
      </c>
      <c r="Y7099" s="2">
        <v>16.7</v>
      </c>
      <c r="Z7099" s="5"/>
      <c r="AA7099" s="5" t="s">
        <v>43</v>
      </c>
      <c r="AB7099" s="5" t="s">
        <v>44</v>
      </c>
      <c r="AC7099" s="2"/>
      <c r="AD7099" s="1"/>
    </row>
    <row r="7100" spans="1:30">
      <c r="A7100" s="5" t="s">
        <v>83578</v>
      </c>
      <c r="B7100" s="2" t="s">
        <v>105419</v>
      </c>
      <c r="C7100" s="14" t="s">
        <v>105420</v>
      </c>
      <c r="D7100" s="2" t="s">
        <v>105421</v>
      </c>
      <c r="E7100" s="2" t="s">
        <v>7551</v>
      </c>
      <c r="F7100" s="8">
        <v>267</v>
      </c>
      <c r="G7100" s="5">
        <v>6</v>
      </c>
      <c r="H7100" s="5" t="s">
        <v>1518</v>
      </c>
      <c r="I7100" s="5" t="s">
        <v>69038</v>
      </c>
      <c r="J7100" s="2" t="s">
        <v>69039</v>
      </c>
      <c r="K7100" s="5" t="s">
        <v>69038</v>
      </c>
      <c r="L7100" s="2" t="s">
        <v>69039</v>
      </c>
      <c r="M7100" s="5" t="s">
        <v>1521</v>
      </c>
      <c r="N7100" s="5" t="s">
        <v>38</v>
      </c>
      <c r="O7100" s="5" t="s">
        <v>39</v>
      </c>
      <c r="P7100" s="5" t="s">
        <v>40</v>
      </c>
      <c r="Q7100" s="5" t="s">
        <v>1522</v>
      </c>
      <c r="R7100" s="5" t="s">
        <v>1523</v>
      </c>
      <c r="S7100" s="5" t="s">
        <v>42</v>
      </c>
      <c r="T7100" s="2">
        <v>3.0259999999999998</v>
      </c>
      <c r="U7100" s="2">
        <v>2.4089999999999998</v>
      </c>
      <c r="V7100" s="2">
        <v>16.7</v>
      </c>
      <c r="W7100" s="2">
        <v>139.1</v>
      </c>
      <c r="X7100" s="2">
        <v>7.6</v>
      </c>
      <c r="Y7100" s="2">
        <v>16.7</v>
      </c>
      <c r="Z7100" s="5"/>
      <c r="AA7100" s="5" t="s">
        <v>43</v>
      </c>
      <c r="AB7100" s="5" t="s">
        <v>44</v>
      </c>
      <c r="AC7100" s="2"/>
      <c r="AD7100" s="1"/>
    </row>
    <row r="7101" spans="1:30">
      <c r="A7101" s="5" t="s">
        <v>83578</v>
      </c>
      <c r="B7101" s="2" t="s">
        <v>105422</v>
      </c>
      <c r="C7101" s="14" t="s">
        <v>105423</v>
      </c>
      <c r="D7101" s="2" t="s">
        <v>105424</v>
      </c>
      <c r="E7101" s="2" t="s">
        <v>7555</v>
      </c>
      <c r="F7101" s="8">
        <v>267</v>
      </c>
      <c r="G7101" s="5">
        <v>6</v>
      </c>
      <c r="H7101" s="5" t="s">
        <v>1518</v>
      </c>
      <c r="I7101" s="5" t="s">
        <v>69038</v>
      </c>
      <c r="J7101" s="2" t="s">
        <v>69039</v>
      </c>
      <c r="K7101" s="5" t="s">
        <v>69038</v>
      </c>
      <c r="L7101" s="2" t="s">
        <v>69039</v>
      </c>
      <c r="M7101" s="5" t="s">
        <v>1521</v>
      </c>
      <c r="N7101" s="5" t="s">
        <v>38</v>
      </c>
      <c r="O7101" s="5" t="s">
        <v>39</v>
      </c>
      <c r="P7101" s="5" t="s">
        <v>40</v>
      </c>
      <c r="Q7101" s="5" t="s">
        <v>1522</v>
      </c>
      <c r="R7101" s="5" t="s">
        <v>1523</v>
      </c>
      <c r="S7101" s="5" t="s">
        <v>42</v>
      </c>
      <c r="T7101" s="2">
        <v>2.9319999999999999</v>
      </c>
      <c r="U7101" s="2">
        <v>2.3149999999999999</v>
      </c>
      <c r="V7101" s="2">
        <v>16.7</v>
      </c>
      <c r="W7101" s="2">
        <v>139.1</v>
      </c>
      <c r="X7101" s="2">
        <v>7.6</v>
      </c>
      <c r="Y7101" s="2">
        <v>16.7</v>
      </c>
      <c r="Z7101" s="5"/>
      <c r="AA7101" s="5" t="s">
        <v>43</v>
      </c>
      <c r="AB7101" s="5" t="s">
        <v>44</v>
      </c>
      <c r="AC7101" s="2"/>
      <c r="AD7101" s="1"/>
    </row>
    <row r="7102" spans="1:30">
      <c r="A7102" s="5" t="s">
        <v>83578</v>
      </c>
      <c r="B7102" s="2" t="s">
        <v>105425</v>
      </c>
      <c r="C7102" s="14" t="s">
        <v>105426</v>
      </c>
      <c r="D7102" s="2" t="s">
        <v>105427</v>
      </c>
      <c r="E7102" s="2" t="s">
        <v>16014</v>
      </c>
      <c r="F7102" s="8">
        <v>267</v>
      </c>
      <c r="G7102" s="5">
        <v>6</v>
      </c>
      <c r="H7102" s="5" t="s">
        <v>1518</v>
      </c>
      <c r="I7102" s="5" t="s">
        <v>69038</v>
      </c>
      <c r="J7102" s="2" t="s">
        <v>69039</v>
      </c>
      <c r="K7102" s="5" t="s">
        <v>69038</v>
      </c>
      <c r="L7102" s="2" t="s">
        <v>69039</v>
      </c>
      <c r="M7102" s="5" t="s">
        <v>1521</v>
      </c>
      <c r="N7102" s="5" t="s">
        <v>38</v>
      </c>
      <c r="O7102" s="5" t="s">
        <v>39</v>
      </c>
      <c r="P7102" s="5" t="s">
        <v>40</v>
      </c>
      <c r="Q7102" s="5" t="s">
        <v>1522</v>
      </c>
      <c r="R7102" s="5" t="s">
        <v>1523</v>
      </c>
      <c r="S7102" s="5" t="s">
        <v>42</v>
      </c>
      <c r="T7102" s="2">
        <v>2.9319999999999999</v>
      </c>
      <c r="U7102" s="2">
        <v>2.3149999999999999</v>
      </c>
      <c r="V7102" s="2">
        <v>16.7</v>
      </c>
      <c r="W7102" s="2">
        <v>139.1</v>
      </c>
      <c r="X7102" s="2">
        <v>7.6</v>
      </c>
      <c r="Y7102" s="2">
        <v>16.7</v>
      </c>
      <c r="Z7102" s="5"/>
      <c r="AA7102" s="5" t="s">
        <v>43</v>
      </c>
      <c r="AB7102" s="5" t="s">
        <v>44</v>
      </c>
      <c r="AC7102" s="2"/>
      <c r="AD7102" s="1"/>
    </row>
    <row r="7103" spans="1:30">
      <c r="A7103" s="5" t="s">
        <v>83578</v>
      </c>
      <c r="B7103" s="2" t="s">
        <v>105428</v>
      </c>
      <c r="C7103" s="14" t="s">
        <v>105429</v>
      </c>
      <c r="D7103" s="2" t="s">
        <v>105430</v>
      </c>
      <c r="E7103" s="2" t="s">
        <v>7547</v>
      </c>
      <c r="F7103" s="8">
        <v>275</v>
      </c>
      <c r="G7103" s="5">
        <v>6</v>
      </c>
      <c r="H7103" s="5" t="s">
        <v>1518</v>
      </c>
      <c r="I7103" s="5" t="s">
        <v>69038</v>
      </c>
      <c r="J7103" s="2" t="s">
        <v>69039</v>
      </c>
      <c r="K7103" s="5" t="s">
        <v>69038</v>
      </c>
      <c r="L7103" s="2" t="s">
        <v>69039</v>
      </c>
      <c r="M7103" s="5" t="s">
        <v>1521</v>
      </c>
      <c r="N7103" s="5" t="s">
        <v>38</v>
      </c>
      <c r="O7103" s="5" t="s">
        <v>39</v>
      </c>
      <c r="P7103" s="5" t="s">
        <v>40</v>
      </c>
      <c r="Q7103" s="5" t="s">
        <v>1522</v>
      </c>
      <c r="R7103" s="5" t="s">
        <v>1523</v>
      </c>
      <c r="S7103" s="5" t="s">
        <v>42</v>
      </c>
      <c r="T7103" s="2">
        <v>3.1749999999999998</v>
      </c>
      <c r="U7103" s="2">
        <v>2.4750000000000001</v>
      </c>
      <c r="V7103" s="2">
        <v>16.7</v>
      </c>
      <c r="W7103" s="2">
        <v>159.1</v>
      </c>
      <c r="X7103" s="2">
        <v>7.6</v>
      </c>
      <c r="Y7103" s="2">
        <v>16.7</v>
      </c>
      <c r="Z7103" s="5"/>
      <c r="AA7103" s="5" t="s">
        <v>43</v>
      </c>
      <c r="AB7103" s="5" t="s">
        <v>44</v>
      </c>
      <c r="AC7103" s="2"/>
      <c r="AD7103" s="1"/>
    </row>
    <row r="7104" spans="1:30">
      <c r="A7104" s="5" t="s">
        <v>83578</v>
      </c>
      <c r="B7104" s="2" t="s">
        <v>105431</v>
      </c>
      <c r="C7104" s="14" t="s">
        <v>105432</v>
      </c>
      <c r="D7104" s="2" t="s">
        <v>105433</v>
      </c>
      <c r="E7104" s="2" t="s">
        <v>7551</v>
      </c>
      <c r="F7104" s="8">
        <v>275</v>
      </c>
      <c r="G7104" s="5">
        <v>6</v>
      </c>
      <c r="H7104" s="5" t="s">
        <v>1518</v>
      </c>
      <c r="I7104" s="5" t="s">
        <v>69038</v>
      </c>
      <c r="J7104" s="2" t="s">
        <v>69039</v>
      </c>
      <c r="K7104" s="5" t="s">
        <v>69038</v>
      </c>
      <c r="L7104" s="2" t="s">
        <v>69039</v>
      </c>
      <c r="M7104" s="5" t="s">
        <v>1521</v>
      </c>
      <c r="N7104" s="5" t="s">
        <v>38</v>
      </c>
      <c r="O7104" s="5" t="s">
        <v>39</v>
      </c>
      <c r="P7104" s="5" t="s">
        <v>40</v>
      </c>
      <c r="Q7104" s="5" t="s">
        <v>1522</v>
      </c>
      <c r="R7104" s="5" t="s">
        <v>1523</v>
      </c>
      <c r="S7104" s="5" t="s">
        <v>42</v>
      </c>
      <c r="T7104" s="2">
        <v>3.2810000000000001</v>
      </c>
      <c r="U7104" s="2">
        <v>2.581</v>
      </c>
      <c r="V7104" s="2">
        <v>16.7</v>
      </c>
      <c r="W7104" s="2">
        <v>159.1</v>
      </c>
      <c r="X7104" s="2">
        <v>7.6</v>
      </c>
      <c r="Y7104" s="2">
        <v>16.7</v>
      </c>
      <c r="Z7104" s="5"/>
      <c r="AA7104" s="5" t="s">
        <v>43</v>
      </c>
      <c r="AB7104" s="5" t="s">
        <v>44</v>
      </c>
      <c r="AC7104" s="2"/>
      <c r="AD7104" s="1"/>
    </row>
    <row r="7105" spans="1:30">
      <c r="A7105" s="5" t="s">
        <v>83578</v>
      </c>
      <c r="B7105" s="2" t="s">
        <v>105434</v>
      </c>
      <c r="C7105" s="14" t="s">
        <v>105435</v>
      </c>
      <c r="D7105" s="2" t="s">
        <v>105436</v>
      </c>
      <c r="E7105" s="2" t="s">
        <v>7555</v>
      </c>
      <c r="F7105" s="8">
        <v>275</v>
      </c>
      <c r="G7105" s="5">
        <v>6</v>
      </c>
      <c r="H7105" s="5" t="s">
        <v>1518</v>
      </c>
      <c r="I7105" s="5" t="s">
        <v>69038</v>
      </c>
      <c r="J7105" s="2" t="s">
        <v>69039</v>
      </c>
      <c r="K7105" s="5" t="s">
        <v>69038</v>
      </c>
      <c r="L7105" s="2" t="s">
        <v>69039</v>
      </c>
      <c r="M7105" s="5" t="s">
        <v>1521</v>
      </c>
      <c r="N7105" s="5" t="s">
        <v>38</v>
      </c>
      <c r="O7105" s="5" t="s">
        <v>39</v>
      </c>
      <c r="P7105" s="5" t="s">
        <v>40</v>
      </c>
      <c r="Q7105" s="5" t="s">
        <v>1522</v>
      </c>
      <c r="R7105" s="5" t="s">
        <v>1523</v>
      </c>
      <c r="S7105" s="5" t="s">
        <v>42</v>
      </c>
      <c r="T7105" s="2">
        <v>3.1749999999999998</v>
      </c>
      <c r="U7105" s="2">
        <v>2.4750000000000001</v>
      </c>
      <c r="V7105" s="2">
        <v>16.7</v>
      </c>
      <c r="W7105" s="2">
        <v>159.1</v>
      </c>
      <c r="X7105" s="2">
        <v>7.6</v>
      </c>
      <c r="Y7105" s="2">
        <v>16.7</v>
      </c>
      <c r="Z7105" s="5"/>
      <c r="AA7105" s="5" t="s">
        <v>43</v>
      </c>
      <c r="AB7105" s="5" t="s">
        <v>44</v>
      </c>
      <c r="AC7105" s="2"/>
      <c r="AD7105" s="1"/>
    </row>
    <row r="7106" spans="1:30">
      <c r="A7106" s="5" t="s">
        <v>83578</v>
      </c>
      <c r="B7106" s="2" t="s">
        <v>105437</v>
      </c>
      <c r="C7106" s="14" t="s">
        <v>105438</v>
      </c>
      <c r="D7106" s="2" t="s">
        <v>105439</v>
      </c>
      <c r="E7106" s="2" t="s">
        <v>7559</v>
      </c>
      <c r="F7106" s="8">
        <v>275</v>
      </c>
      <c r="G7106" s="5">
        <v>6</v>
      </c>
      <c r="H7106" s="5" t="s">
        <v>1518</v>
      </c>
      <c r="I7106" s="5" t="s">
        <v>69038</v>
      </c>
      <c r="J7106" s="2" t="s">
        <v>69039</v>
      </c>
      <c r="K7106" s="5" t="s">
        <v>69038</v>
      </c>
      <c r="L7106" s="2" t="s">
        <v>69039</v>
      </c>
      <c r="M7106" s="5" t="s">
        <v>1521</v>
      </c>
      <c r="N7106" s="5" t="s">
        <v>38</v>
      </c>
      <c r="O7106" s="5" t="s">
        <v>39</v>
      </c>
      <c r="P7106" s="5" t="s">
        <v>40</v>
      </c>
      <c r="Q7106" s="5" t="s">
        <v>1522</v>
      </c>
      <c r="R7106" s="5" t="s">
        <v>1523</v>
      </c>
      <c r="S7106" s="5" t="s">
        <v>42</v>
      </c>
      <c r="T7106" s="2">
        <v>3.2810000000000001</v>
      </c>
      <c r="U7106" s="2">
        <v>2.581</v>
      </c>
      <c r="V7106" s="2">
        <v>16.7</v>
      </c>
      <c r="W7106" s="2">
        <v>159.1</v>
      </c>
      <c r="X7106" s="2">
        <v>7.6</v>
      </c>
      <c r="Y7106" s="2">
        <v>16.7</v>
      </c>
      <c r="Z7106" s="5"/>
      <c r="AA7106" s="5" t="s">
        <v>43</v>
      </c>
      <c r="AB7106" s="5" t="s">
        <v>44</v>
      </c>
      <c r="AC7106" s="2"/>
      <c r="AD7106" s="1"/>
    </row>
    <row r="7107" spans="1:30">
      <c r="A7107" s="5" t="s">
        <v>83578</v>
      </c>
      <c r="B7107" s="2" t="s">
        <v>105440</v>
      </c>
      <c r="C7107" s="14" t="s">
        <v>105441</v>
      </c>
      <c r="D7107" s="2" t="s">
        <v>105442</v>
      </c>
      <c r="E7107" s="2" t="s">
        <v>16079</v>
      </c>
      <c r="F7107" s="8">
        <v>275</v>
      </c>
      <c r="G7107" s="5">
        <v>6</v>
      </c>
      <c r="H7107" s="5" t="s">
        <v>1518</v>
      </c>
      <c r="I7107" s="5" t="s">
        <v>69038</v>
      </c>
      <c r="J7107" s="2" t="s">
        <v>69039</v>
      </c>
      <c r="K7107" s="5" t="s">
        <v>69038</v>
      </c>
      <c r="L7107" s="2" t="s">
        <v>69039</v>
      </c>
      <c r="M7107" s="5" t="s">
        <v>1521</v>
      </c>
      <c r="N7107" s="5" t="s">
        <v>38</v>
      </c>
      <c r="O7107" s="5" t="s">
        <v>39</v>
      </c>
      <c r="P7107" s="5" t="s">
        <v>40</v>
      </c>
      <c r="Q7107" s="5" t="s">
        <v>1522</v>
      </c>
      <c r="R7107" s="5" t="s">
        <v>1523</v>
      </c>
      <c r="S7107" s="5" t="s">
        <v>42</v>
      </c>
      <c r="T7107" s="2">
        <v>3.1749999999999998</v>
      </c>
      <c r="U7107" s="2">
        <v>2.4750000000000001</v>
      </c>
      <c r="V7107" s="2">
        <v>16.7</v>
      </c>
      <c r="W7107" s="2">
        <v>159.1</v>
      </c>
      <c r="X7107" s="2">
        <v>7.6</v>
      </c>
      <c r="Y7107" s="2">
        <v>16.7</v>
      </c>
      <c r="Z7107" s="5"/>
      <c r="AA7107" s="5" t="s">
        <v>43</v>
      </c>
      <c r="AB7107" s="5" t="s">
        <v>44</v>
      </c>
      <c r="AC7107" s="2"/>
      <c r="AD7107" s="1"/>
    </row>
    <row r="7108" spans="1:30">
      <c r="A7108" s="5" t="s">
        <v>83578</v>
      </c>
      <c r="B7108" s="2" t="s">
        <v>105443</v>
      </c>
      <c r="C7108" s="14" t="s">
        <v>105444</v>
      </c>
      <c r="D7108" s="2" t="s">
        <v>105445</v>
      </c>
      <c r="E7108" s="2" t="s">
        <v>7449</v>
      </c>
      <c r="F7108" s="8">
        <v>275</v>
      </c>
      <c r="G7108" s="5">
        <v>6</v>
      </c>
      <c r="H7108" s="5" t="s">
        <v>1518</v>
      </c>
      <c r="I7108" s="5" t="s">
        <v>69038</v>
      </c>
      <c r="J7108" s="2" t="s">
        <v>69039</v>
      </c>
      <c r="K7108" s="5" t="s">
        <v>69038</v>
      </c>
      <c r="L7108" s="2" t="s">
        <v>69039</v>
      </c>
      <c r="M7108" s="5" t="s">
        <v>1521</v>
      </c>
      <c r="N7108" s="5" t="s">
        <v>38</v>
      </c>
      <c r="O7108" s="5" t="s">
        <v>39</v>
      </c>
      <c r="P7108" s="5" t="s">
        <v>40</v>
      </c>
      <c r="Q7108" s="5" t="s">
        <v>1522</v>
      </c>
      <c r="R7108" s="5" t="s">
        <v>1523</v>
      </c>
      <c r="S7108" s="5" t="s">
        <v>42</v>
      </c>
      <c r="T7108" s="2">
        <v>3.1749999999999998</v>
      </c>
      <c r="U7108" s="2">
        <v>2.4750000000000001</v>
      </c>
      <c r="V7108" s="2">
        <v>16.7</v>
      </c>
      <c r="W7108" s="2">
        <v>159.1</v>
      </c>
      <c r="X7108" s="2">
        <v>7.6</v>
      </c>
      <c r="Y7108" s="2">
        <v>16.7</v>
      </c>
      <c r="Z7108" s="5"/>
      <c r="AA7108" s="5" t="s">
        <v>43</v>
      </c>
      <c r="AB7108" s="5" t="s">
        <v>44</v>
      </c>
      <c r="AC7108" s="2"/>
      <c r="AD7108" s="1"/>
    </row>
    <row r="7109" spans="1:30">
      <c r="A7109" s="5" t="s">
        <v>83578</v>
      </c>
      <c r="B7109" s="2" t="s">
        <v>105446</v>
      </c>
      <c r="C7109" s="14" t="s">
        <v>105447</v>
      </c>
      <c r="D7109" s="2" t="s">
        <v>105448</v>
      </c>
      <c r="E7109" s="2" t="s">
        <v>7585</v>
      </c>
      <c r="F7109" s="8">
        <v>275</v>
      </c>
      <c r="G7109" s="5">
        <v>6</v>
      </c>
      <c r="H7109" s="5" t="s">
        <v>1518</v>
      </c>
      <c r="I7109" s="5" t="s">
        <v>69038</v>
      </c>
      <c r="J7109" s="2" t="s">
        <v>69039</v>
      </c>
      <c r="K7109" s="5" t="s">
        <v>69038</v>
      </c>
      <c r="L7109" s="2" t="s">
        <v>69039</v>
      </c>
      <c r="M7109" s="5" t="s">
        <v>1521</v>
      </c>
      <c r="N7109" s="5" t="s">
        <v>38</v>
      </c>
      <c r="O7109" s="5" t="s">
        <v>39</v>
      </c>
      <c r="P7109" s="5" t="s">
        <v>40</v>
      </c>
      <c r="Q7109" s="5" t="s">
        <v>1522</v>
      </c>
      <c r="R7109" s="5" t="s">
        <v>1523</v>
      </c>
      <c r="S7109" s="5" t="s">
        <v>42</v>
      </c>
      <c r="T7109" s="2">
        <v>3.1749999999999998</v>
      </c>
      <c r="U7109" s="2">
        <v>2.4750000000000001</v>
      </c>
      <c r="V7109" s="2">
        <v>16.7</v>
      </c>
      <c r="W7109" s="2">
        <v>159.1</v>
      </c>
      <c r="X7109" s="2">
        <v>7.6</v>
      </c>
      <c r="Y7109" s="2">
        <v>16.7</v>
      </c>
      <c r="Z7109" s="5"/>
      <c r="AA7109" s="5" t="s">
        <v>43</v>
      </c>
      <c r="AB7109" s="5" t="s">
        <v>44</v>
      </c>
      <c r="AC7109" s="2"/>
      <c r="AD7109" s="1"/>
    </row>
    <row r="7110" spans="1:30">
      <c r="A7110" s="5" t="s">
        <v>83578</v>
      </c>
      <c r="B7110" s="2" t="s">
        <v>105449</v>
      </c>
      <c r="C7110" s="14" t="s">
        <v>105450</v>
      </c>
      <c r="D7110" s="2" t="s">
        <v>105451</v>
      </c>
      <c r="E7110" s="2" t="s">
        <v>7593</v>
      </c>
      <c r="F7110" s="8">
        <v>275</v>
      </c>
      <c r="G7110" s="5">
        <v>6</v>
      </c>
      <c r="H7110" s="5" t="s">
        <v>1518</v>
      </c>
      <c r="I7110" s="5" t="s">
        <v>69038</v>
      </c>
      <c r="J7110" s="2" t="s">
        <v>69039</v>
      </c>
      <c r="K7110" s="5" t="s">
        <v>69038</v>
      </c>
      <c r="L7110" s="2" t="s">
        <v>69039</v>
      </c>
      <c r="M7110" s="5" t="s">
        <v>1521</v>
      </c>
      <c r="N7110" s="5" t="s">
        <v>38</v>
      </c>
      <c r="O7110" s="5" t="s">
        <v>39</v>
      </c>
      <c r="P7110" s="5" t="s">
        <v>40</v>
      </c>
      <c r="Q7110" s="5" t="s">
        <v>1522</v>
      </c>
      <c r="R7110" s="5" t="s">
        <v>1523</v>
      </c>
      <c r="S7110" s="5" t="s">
        <v>42</v>
      </c>
      <c r="T7110" s="2">
        <v>3.1749999999999998</v>
      </c>
      <c r="U7110" s="2">
        <v>2.4750000000000001</v>
      </c>
      <c r="V7110" s="2">
        <v>16.7</v>
      </c>
      <c r="W7110" s="2">
        <v>159.1</v>
      </c>
      <c r="X7110" s="2">
        <v>7.6</v>
      </c>
      <c r="Y7110" s="2">
        <v>16.7</v>
      </c>
      <c r="Z7110" s="5"/>
      <c r="AA7110" s="5" t="s">
        <v>43</v>
      </c>
      <c r="AB7110" s="5" t="s">
        <v>44</v>
      </c>
      <c r="AC7110" s="2"/>
      <c r="AD7110" s="1"/>
    </row>
    <row r="7111" spans="1:30">
      <c r="A7111" s="5" t="s">
        <v>83578</v>
      </c>
      <c r="B7111" s="2" t="s">
        <v>105452</v>
      </c>
      <c r="C7111" s="14" t="s">
        <v>105453</v>
      </c>
      <c r="D7111" s="2" t="s">
        <v>105454</v>
      </c>
      <c r="E7111" s="2" t="s">
        <v>7597</v>
      </c>
      <c r="F7111" s="8">
        <v>275</v>
      </c>
      <c r="G7111" s="5">
        <v>6</v>
      </c>
      <c r="H7111" s="5" t="s">
        <v>1518</v>
      </c>
      <c r="I7111" s="5" t="s">
        <v>69038</v>
      </c>
      <c r="J7111" s="2" t="s">
        <v>69039</v>
      </c>
      <c r="K7111" s="5" t="s">
        <v>69038</v>
      </c>
      <c r="L7111" s="2" t="s">
        <v>69039</v>
      </c>
      <c r="M7111" s="5" t="s">
        <v>1521</v>
      </c>
      <c r="N7111" s="5" t="s">
        <v>38</v>
      </c>
      <c r="O7111" s="5" t="s">
        <v>39</v>
      </c>
      <c r="P7111" s="5" t="s">
        <v>40</v>
      </c>
      <c r="Q7111" s="5" t="s">
        <v>1522</v>
      </c>
      <c r="R7111" s="5" t="s">
        <v>1523</v>
      </c>
      <c r="S7111" s="5" t="s">
        <v>42</v>
      </c>
      <c r="T7111" s="2">
        <v>3.2810000000000001</v>
      </c>
      <c r="U7111" s="2">
        <v>2.581</v>
      </c>
      <c r="V7111" s="2">
        <v>16.7</v>
      </c>
      <c r="W7111" s="2">
        <v>159.1</v>
      </c>
      <c r="X7111" s="2">
        <v>7.6</v>
      </c>
      <c r="Y7111" s="2">
        <v>16.7</v>
      </c>
      <c r="Z7111" s="5"/>
      <c r="AA7111" s="5" t="s">
        <v>43</v>
      </c>
      <c r="AB7111" s="5" t="s">
        <v>44</v>
      </c>
      <c r="AC7111" s="2"/>
      <c r="AD7111" s="1"/>
    </row>
    <row r="7112" spans="1:30">
      <c r="A7112" s="5" t="s">
        <v>83578</v>
      </c>
      <c r="B7112" s="2" t="s">
        <v>105455</v>
      </c>
      <c r="C7112" s="14" t="s">
        <v>105456</v>
      </c>
      <c r="D7112" s="2" t="s">
        <v>105457</v>
      </c>
      <c r="E7112" s="2" t="s">
        <v>73362</v>
      </c>
      <c r="F7112" s="8">
        <v>275</v>
      </c>
      <c r="G7112" s="5">
        <v>6</v>
      </c>
      <c r="H7112" s="5" t="s">
        <v>1518</v>
      </c>
      <c r="I7112" s="5" t="s">
        <v>69038</v>
      </c>
      <c r="J7112" s="2" t="s">
        <v>69039</v>
      </c>
      <c r="K7112" s="5" t="s">
        <v>69038</v>
      </c>
      <c r="L7112" s="2" t="s">
        <v>69039</v>
      </c>
      <c r="M7112" s="5" t="s">
        <v>1521</v>
      </c>
      <c r="N7112" s="5" t="s">
        <v>38</v>
      </c>
      <c r="O7112" s="5" t="s">
        <v>39</v>
      </c>
      <c r="P7112" s="5" t="s">
        <v>40</v>
      </c>
      <c r="Q7112" s="5" t="s">
        <v>1522</v>
      </c>
      <c r="R7112" s="5" t="s">
        <v>1523</v>
      </c>
      <c r="S7112" s="5" t="s">
        <v>42</v>
      </c>
      <c r="T7112" s="2">
        <v>3.2810000000000001</v>
      </c>
      <c r="U7112" s="2">
        <v>2.581</v>
      </c>
      <c r="V7112" s="2">
        <v>16.7</v>
      </c>
      <c r="W7112" s="2">
        <v>159.1</v>
      </c>
      <c r="X7112" s="2">
        <v>7.6</v>
      </c>
      <c r="Y7112" s="2">
        <v>16.7</v>
      </c>
      <c r="Z7112" s="5"/>
      <c r="AA7112" s="5" t="s">
        <v>43</v>
      </c>
      <c r="AB7112" s="5" t="s">
        <v>44</v>
      </c>
      <c r="AC7112" s="2"/>
      <c r="AD7112" s="1"/>
    </row>
    <row r="7113" spans="1:30">
      <c r="A7113" s="5" t="s">
        <v>83578</v>
      </c>
      <c r="B7113" s="2" t="s">
        <v>105458</v>
      </c>
      <c r="C7113" s="14" t="s">
        <v>105459</v>
      </c>
      <c r="D7113" s="2" t="s">
        <v>105460</v>
      </c>
      <c r="E7113" s="2" t="s">
        <v>16014</v>
      </c>
      <c r="F7113" s="8">
        <v>275</v>
      </c>
      <c r="G7113" s="5">
        <v>6</v>
      </c>
      <c r="H7113" s="5" t="s">
        <v>1518</v>
      </c>
      <c r="I7113" s="5" t="s">
        <v>69038</v>
      </c>
      <c r="J7113" s="2" t="s">
        <v>69039</v>
      </c>
      <c r="K7113" s="5" t="s">
        <v>69038</v>
      </c>
      <c r="L7113" s="2" t="s">
        <v>69039</v>
      </c>
      <c r="M7113" s="5" t="s">
        <v>1521</v>
      </c>
      <c r="N7113" s="5" t="s">
        <v>38</v>
      </c>
      <c r="O7113" s="5" t="s">
        <v>39</v>
      </c>
      <c r="P7113" s="5" t="s">
        <v>40</v>
      </c>
      <c r="Q7113" s="5" t="s">
        <v>1522</v>
      </c>
      <c r="R7113" s="5" t="s">
        <v>1523</v>
      </c>
      <c r="S7113" s="5" t="s">
        <v>42</v>
      </c>
      <c r="T7113" s="2">
        <v>3.1749999999999998</v>
      </c>
      <c r="U7113" s="2">
        <v>2.4750000000000001</v>
      </c>
      <c r="V7113" s="2">
        <v>16.7</v>
      </c>
      <c r="W7113" s="2">
        <v>159.1</v>
      </c>
      <c r="X7113" s="2">
        <v>7.6</v>
      </c>
      <c r="Y7113" s="2">
        <v>16.7</v>
      </c>
      <c r="Z7113" s="5"/>
      <c r="AA7113" s="5" t="s">
        <v>43</v>
      </c>
      <c r="AB7113" s="5" t="s">
        <v>44</v>
      </c>
      <c r="AC7113" s="2"/>
      <c r="AD7113" s="1"/>
    </row>
    <row r="7114" spans="1:30">
      <c r="A7114" s="5" t="s">
        <v>83578</v>
      </c>
      <c r="B7114" s="2" t="s">
        <v>105461</v>
      </c>
      <c r="C7114" s="14" t="s">
        <v>105462</v>
      </c>
      <c r="D7114" s="2" t="s">
        <v>105463</v>
      </c>
      <c r="E7114" s="2" t="s">
        <v>7212</v>
      </c>
      <c r="F7114" s="8">
        <v>256</v>
      </c>
      <c r="G7114" s="5">
        <v>6</v>
      </c>
      <c r="H7114" s="5" t="s">
        <v>1518</v>
      </c>
      <c r="I7114" s="5" t="s">
        <v>69038</v>
      </c>
      <c r="J7114" s="2" t="s">
        <v>69039</v>
      </c>
      <c r="K7114" s="5" t="s">
        <v>69038</v>
      </c>
      <c r="L7114" s="2" t="s">
        <v>69039</v>
      </c>
      <c r="M7114" s="5" t="s">
        <v>1521</v>
      </c>
      <c r="N7114" s="5" t="s">
        <v>38</v>
      </c>
      <c r="O7114" s="5" t="s">
        <v>39</v>
      </c>
      <c r="P7114" s="5" t="s">
        <v>40</v>
      </c>
      <c r="Q7114" s="5" t="s">
        <v>1522</v>
      </c>
      <c r="R7114" s="5" t="s">
        <v>1523</v>
      </c>
      <c r="S7114" s="5" t="s">
        <v>42</v>
      </c>
      <c r="T7114" s="2">
        <v>3.1749999999999998</v>
      </c>
      <c r="U7114" s="2">
        <v>2.4750000000000001</v>
      </c>
      <c r="V7114" s="2">
        <v>16.7</v>
      </c>
      <c r="W7114" s="2">
        <v>159.1</v>
      </c>
      <c r="X7114" s="2">
        <v>7.6</v>
      </c>
      <c r="Y7114" s="2">
        <v>16.7</v>
      </c>
      <c r="Z7114" s="5"/>
      <c r="AA7114" s="5" t="s">
        <v>43</v>
      </c>
      <c r="AB7114" s="5" t="s">
        <v>44</v>
      </c>
      <c r="AC7114" s="2"/>
      <c r="AD7114" s="1"/>
    </row>
    <row r="7115" spans="1:30">
      <c r="A7115" s="5" t="s">
        <v>83578</v>
      </c>
      <c r="B7115" s="2" t="s">
        <v>105464</v>
      </c>
      <c r="C7115" s="14" t="s">
        <v>105465</v>
      </c>
      <c r="D7115" s="2" t="s">
        <v>105466</v>
      </c>
      <c r="E7115" s="2" t="s">
        <v>7406</v>
      </c>
      <c r="F7115" s="8">
        <v>287</v>
      </c>
      <c r="G7115" s="5">
        <v>6</v>
      </c>
      <c r="H7115" s="5" t="s">
        <v>1518</v>
      </c>
      <c r="I7115" s="5" t="s">
        <v>69038</v>
      </c>
      <c r="J7115" s="2" t="s">
        <v>69039</v>
      </c>
      <c r="K7115" s="5" t="s">
        <v>69038</v>
      </c>
      <c r="L7115" s="2" t="s">
        <v>69039</v>
      </c>
      <c r="M7115" s="5" t="s">
        <v>1521</v>
      </c>
      <c r="N7115" s="5" t="s">
        <v>38</v>
      </c>
      <c r="O7115" s="5" t="s">
        <v>39</v>
      </c>
      <c r="P7115" s="5" t="s">
        <v>40</v>
      </c>
      <c r="Q7115" s="5" t="s">
        <v>1522</v>
      </c>
      <c r="R7115" s="5" t="s">
        <v>1523</v>
      </c>
      <c r="S7115" s="5" t="s">
        <v>42</v>
      </c>
      <c r="T7115" s="2">
        <v>3.391</v>
      </c>
      <c r="U7115" s="2">
        <v>2.6230000000000002</v>
      </c>
      <c r="V7115" s="2">
        <v>16.7</v>
      </c>
      <c r="W7115" s="2">
        <v>165.1</v>
      </c>
      <c r="X7115" s="2">
        <v>7.6</v>
      </c>
      <c r="Y7115" s="2">
        <v>16.7</v>
      </c>
      <c r="Z7115" s="5"/>
      <c r="AA7115" s="5" t="s">
        <v>43</v>
      </c>
      <c r="AB7115" s="5" t="s">
        <v>44</v>
      </c>
      <c r="AC7115" s="2"/>
      <c r="AD7115" s="1"/>
    </row>
    <row r="7116" spans="1:30">
      <c r="A7116" s="5" t="s">
        <v>83578</v>
      </c>
      <c r="B7116" s="2" t="s">
        <v>105467</v>
      </c>
      <c r="C7116" s="14" t="s">
        <v>105468</v>
      </c>
      <c r="D7116" s="2" t="s">
        <v>105469</v>
      </c>
      <c r="E7116" s="2" t="s">
        <v>7547</v>
      </c>
      <c r="F7116" s="8">
        <v>287</v>
      </c>
      <c r="G7116" s="5">
        <v>6</v>
      </c>
      <c r="H7116" s="5" t="s">
        <v>1518</v>
      </c>
      <c r="I7116" s="5" t="s">
        <v>69038</v>
      </c>
      <c r="J7116" s="2" t="s">
        <v>69039</v>
      </c>
      <c r="K7116" s="5" t="s">
        <v>69038</v>
      </c>
      <c r="L7116" s="2" t="s">
        <v>69039</v>
      </c>
      <c r="M7116" s="5" t="s">
        <v>1521</v>
      </c>
      <c r="N7116" s="5" t="s">
        <v>38</v>
      </c>
      <c r="O7116" s="5" t="s">
        <v>39</v>
      </c>
      <c r="P7116" s="5" t="s">
        <v>40</v>
      </c>
      <c r="Q7116" s="5" t="s">
        <v>1522</v>
      </c>
      <c r="R7116" s="5" t="s">
        <v>1523</v>
      </c>
      <c r="S7116" s="5" t="s">
        <v>42</v>
      </c>
      <c r="T7116" s="2">
        <v>3.391</v>
      </c>
      <c r="U7116" s="2">
        <v>2.6230000000000002</v>
      </c>
      <c r="V7116" s="2">
        <v>16.7</v>
      </c>
      <c r="W7116" s="2">
        <v>165.1</v>
      </c>
      <c r="X7116" s="2">
        <v>7.6</v>
      </c>
      <c r="Y7116" s="2">
        <v>16.7</v>
      </c>
      <c r="Z7116" s="5"/>
      <c r="AA7116" s="5" t="s">
        <v>43</v>
      </c>
      <c r="AB7116" s="5" t="s">
        <v>44</v>
      </c>
      <c r="AC7116" s="2"/>
      <c r="AD7116" s="1"/>
    </row>
    <row r="7117" spans="1:30">
      <c r="A7117" s="5" t="s">
        <v>83578</v>
      </c>
      <c r="B7117" s="2" t="s">
        <v>105470</v>
      </c>
      <c r="C7117" s="14" t="s">
        <v>105471</v>
      </c>
      <c r="D7117" s="2" t="s">
        <v>105472</v>
      </c>
      <c r="E7117" s="2" t="s">
        <v>7551</v>
      </c>
      <c r="F7117" s="8">
        <v>287</v>
      </c>
      <c r="G7117" s="5">
        <v>6</v>
      </c>
      <c r="H7117" s="5" t="s">
        <v>1518</v>
      </c>
      <c r="I7117" s="5" t="s">
        <v>69038</v>
      </c>
      <c r="J7117" s="2" t="s">
        <v>69039</v>
      </c>
      <c r="K7117" s="5" t="s">
        <v>69038</v>
      </c>
      <c r="L7117" s="2" t="s">
        <v>69039</v>
      </c>
      <c r="M7117" s="5" t="s">
        <v>1521</v>
      </c>
      <c r="N7117" s="5" t="s">
        <v>38</v>
      </c>
      <c r="O7117" s="5" t="s">
        <v>39</v>
      </c>
      <c r="P7117" s="5" t="s">
        <v>40</v>
      </c>
      <c r="Q7117" s="5" t="s">
        <v>1522</v>
      </c>
      <c r="R7117" s="5" t="s">
        <v>1523</v>
      </c>
      <c r="S7117" s="5" t="s">
        <v>42</v>
      </c>
      <c r="T7117" s="2">
        <v>3.508</v>
      </c>
      <c r="U7117" s="2">
        <v>2.74</v>
      </c>
      <c r="V7117" s="2">
        <v>16.7</v>
      </c>
      <c r="W7117" s="2">
        <v>165.1</v>
      </c>
      <c r="X7117" s="2">
        <v>7.6</v>
      </c>
      <c r="Y7117" s="2">
        <v>16.7</v>
      </c>
      <c r="Z7117" s="5"/>
      <c r="AA7117" s="5" t="s">
        <v>43</v>
      </c>
      <c r="AB7117" s="5" t="s">
        <v>44</v>
      </c>
      <c r="AC7117" s="2"/>
      <c r="AD7117" s="1"/>
    </row>
    <row r="7118" spans="1:30">
      <c r="A7118" s="5" t="s">
        <v>83578</v>
      </c>
      <c r="B7118" s="2" t="s">
        <v>105473</v>
      </c>
      <c r="C7118" s="14" t="s">
        <v>105474</v>
      </c>
      <c r="D7118" s="2" t="s">
        <v>105475</v>
      </c>
      <c r="E7118" s="2" t="s">
        <v>7563</v>
      </c>
      <c r="F7118" s="8">
        <v>287</v>
      </c>
      <c r="G7118" s="5">
        <v>6</v>
      </c>
      <c r="H7118" s="5" t="s">
        <v>1518</v>
      </c>
      <c r="I7118" s="5" t="s">
        <v>69038</v>
      </c>
      <c r="J7118" s="2" t="s">
        <v>69039</v>
      </c>
      <c r="K7118" s="5" t="s">
        <v>69038</v>
      </c>
      <c r="L7118" s="2" t="s">
        <v>69039</v>
      </c>
      <c r="M7118" s="5" t="s">
        <v>1521</v>
      </c>
      <c r="N7118" s="5" t="s">
        <v>38</v>
      </c>
      <c r="O7118" s="5" t="s">
        <v>39</v>
      </c>
      <c r="P7118" s="5" t="s">
        <v>40</v>
      </c>
      <c r="Q7118" s="5" t="s">
        <v>1522</v>
      </c>
      <c r="R7118" s="5" t="s">
        <v>1523</v>
      </c>
      <c r="S7118" s="5" t="s">
        <v>42</v>
      </c>
      <c r="T7118" s="2">
        <v>3.391</v>
      </c>
      <c r="U7118" s="2">
        <v>2.6230000000000002</v>
      </c>
      <c r="V7118" s="2">
        <v>16.7</v>
      </c>
      <c r="W7118" s="2">
        <v>165.1</v>
      </c>
      <c r="X7118" s="2">
        <v>7.6</v>
      </c>
      <c r="Y7118" s="2">
        <v>16.7</v>
      </c>
      <c r="Z7118" s="5"/>
      <c r="AA7118" s="5" t="s">
        <v>43</v>
      </c>
      <c r="AB7118" s="5" t="s">
        <v>44</v>
      </c>
      <c r="AC7118" s="2"/>
      <c r="AD7118" s="1"/>
    </row>
    <row r="7119" spans="1:30">
      <c r="A7119" s="5" t="s">
        <v>83578</v>
      </c>
      <c r="B7119" s="2" t="s">
        <v>105476</v>
      </c>
      <c r="C7119" s="14" t="s">
        <v>105477</v>
      </c>
      <c r="D7119" s="2" t="s">
        <v>105478</v>
      </c>
      <c r="E7119" s="2" t="s">
        <v>7555</v>
      </c>
      <c r="F7119" s="8">
        <v>287</v>
      </c>
      <c r="G7119" s="5">
        <v>6</v>
      </c>
      <c r="H7119" s="5" t="s">
        <v>1518</v>
      </c>
      <c r="I7119" s="5" t="s">
        <v>69038</v>
      </c>
      <c r="J7119" s="2" t="s">
        <v>69039</v>
      </c>
      <c r="K7119" s="5" t="s">
        <v>69038</v>
      </c>
      <c r="L7119" s="2" t="s">
        <v>69039</v>
      </c>
      <c r="M7119" s="5" t="s">
        <v>1521</v>
      </c>
      <c r="N7119" s="5" t="s">
        <v>38</v>
      </c>
      <c r="O7119" s="5" t="s">
        <v>39</v>
      </c>
      <c r="P7119" s="5" t="s">
        <v>40</v>
      </c>
      <c r="Q7119" s="5" t="s">
        <v>1522</v>
      </c>
      <c r="R7119" s="5" t="s">
        <v>1523</v>
      </c>
      <c r="S7119" s="5" t="s">
        <v>42</v>
      </c>
      <c r="T7119" s="2">
        <v>3.391</v>
      </c>
      <c r="U7119" s="2">
        <v>2.6230000000000002</v>
      </c>
      <c r="V7119" s="2">
        <v>16.7</v>
      </c>
      <c r="W7119" s="2">
        <v>165.1</v>
      </c>
      <c r="X7119" s="2">
        <v>7.6</v>
      </c>
      <c r="Y7119" s="2">
        <v>16.7</v>
      </c>
      <c r="Z7119" s="5"/>
      <c r="AA7119" s="5" t="s">
        <v>43</v>
      </c>
      <c r="AB7119" s="5" t="s">
        <v>44</v>
      </c>
      <c r="AC7119" s="2"/>
      <c r="AD7119" s="1"/>
    </row>
    <row r="7120" spans="1:30">
      <c r="A7120" s="5" t="s">
        <v>83578</v>
      </c>
      <c r="B7120" s="2" t="s">
        <v>105479</v>
      </c>
      <c r="C7120" s="14" t="s">
        <v>105480</v>
      </c>
      <c r="D7120" s="2" t="s">
        <v>105481</v>
      </c>
      <c r="E7120" s="2" t="s">
        <v>7559</v>
      </c>
      <c r="F7120" s="8">
        <v>287</v>
      </c>
      <c r="G7120" s="5">
        <v>6</v>
      </c>
      <c r="H7120" s="5" t="s">
        <v>1518</v>
      </c>
      <c r="I7120" s="5" t="s">
        <v>69038</v>
      </c>
      <c r="J7120" s="2" t="s">
        <v>69039</v>
      </c>
      <c r="K7120" s="5" t="s">
        <v>69038</v>
      </c>
      <c r="L7120" s="2" t="s">
        <v>69039</v>
      </c>
      <c r="M7120" s="5" t="s">
        <v>1521</v>
      </c>
      <c r="N7120" s="5" t="s">
        <v>38</v>
      </c>
      <c r="O7120" s="5" t="s">
        <v>39</v>
      </c>
      <c r="P7120" s="5" t="s">
        <v>40</v>
      </c>
      <c r="Q7120" s="5" t="s">
        <v>1522</v>
      </c>
      <c r="R7120" s="5" t="s">
        <v>1523</v>
      </c>
      <c r="S7120" s="5" t="s">
        <v>42</v>
      </c>
      <c r="T7120" s="2">
        <v>3.508</v>
      </c>
      <c r="U7120" s="2">
        <v>2.74</v>
      </c>
      <c r="V7120" s="2">
        <v>16.7</v>
      </c>
      <c r="W7120" s="2">
        <v>165.1</v>
      </c>
      <c r="X7120" s="2">
        <v>7.6</v>
      </c>
      <c r="Y7120" s="2">
        <v>16.7</v>
      </c>
      <c r="Z7120" s="5"/>
      <c r="AA7120" s="5" t="s">
        <v>43</v>
      </c>
      <c r="AB7120" s="5" t="s">
        <v>44</v>
      </c>
      <c r="AC7120" s="2"/>
      <c r="AD7120" s="1"/>
    </row>
    <row r="7121" spans="1:30">
      <c r="A7121" s="5" t="s">
        <v>83578</v>
      </c>
      <c r="B7121" s="2" t="s">
        <v>105482</v>
      </c>
      <c r="C7121" s="14" t="s">
        <v>105483</v>
      </c>
      <c r="D7121" s="2" t="s">
        <v>105484</v>
      </c>
      <c r="E7121" s="2" t="s">
        <v>16079</v>
      </c>
      <c r="F7121" s="8">
        <v>287</v>
      </c>
      <c r="G7121" s="5">
        <v>6</v>
      </c>
      <c r="H7121" s="5" t="s">
        <v>1518</v>
      </c>
      <c r="I7121" s="5" t="s">
        <v>69038</v>
      </c>
      <c r="J7121" s="2" t="s">
        <v>69039</v>
      </c>
      <c r="K7121" s="5" t="s">
        <v>69038</v>
      </c>
      <c r="L7121" s="2" t="s">
        <v>69039</v>
      </c>
      <c r="M7121" s="5" t="s">
        <v>1521</v>
      </c>
      <c r="N7121" s="5" t="s">
        <v>38</v>
      </c>
      <c r="O7121" s="5" t="s">
        <v>39</v>
      </c>
      <c r="P7121" s="5" t="s">
        <v>40</v>
      </c>
      <c r="Q7121" s="5" t="s">
        <v>1522</v>
      </c>
      <c r="R7121" s="5" t="s">
        <v>1523</v>
      </c>
      <c r="S7121" s="5" t="s">
        <v>42</v>
      </c>
      <c r="T7121" s="2">
        <v>3.391</v>
      </c>
      <c r="U7121" s="2">
        <v>2.6230000000000002</v>
      </c>
      <c r="V7121" s="2">
        <v>16.7</v>
      </c>
      <c r="W7121" s="2">
        <v>165.1</v>
      </c>
      <c r="X7121" s="2">
        <v>7.6</v>
      </c>
      <c r="Y7121" s="2">
        <v>16.7</v>
      </c>
      <c r="Z7121" s="5"/>
      <c r="AA7121" s="5" t="s">
        <v>43</v>
      </c>
      <c r="AB7121" s="5" t="s">
        <v>44</v>
      </c>
      <c r="AC7121" s="2"/>
      <c r="AD7121" s="1"/>
    </row>
    <row r="7122" spans="1:30">
      <c r="A7122" s="5" t="s">
        <v>83578</v>
      </c>
      <c r="B7122" s="2" t="s">
        <v>105485</v>
      </c>
      <c r="C7122" s="14" t="s">
        <v>105486</v>
      </c>
      <c r="D7122" s="2" t="s">
        <v>105487</v>
      </c>
      <c r="E7122" s="2" t="s">
        <v>16194</v>
      </c>
      <c r="F7122" s="8">
        <v>287</v>
      </c>
      <c r="G7122" s="5">
        <v>6</v>
      </c>
      <c r="H7122" s="5" t="s">
        <v>1518</v>
      </c>
      <c r="I7122" s="5" t="s">
        <v>69038</v>
      </c>
      <c r="J7122" s="2" t="s">
        <v>69039</v>
      </c>
      <c r="K7122" s="5" t="s">
        <v>69038</v>
      </c>
      <c r="L7122" s="2" t="s">
        <v>69039</v>
      </c>
      <c r="M7122" s="5" t="s">
        <v>1521</v>
      </c>
      <c r="N7122" s="5" t="s">
        <v>38</v>
      </c>
      <c r="O7122" s="5" t="s">
        <v>39</v>
      </c>
      <c r="P7122" s="5" t="s">
        <v>40</v>
      </c>
      <c r="Q7122" s="5" t="s">
        <v>1522</v>
      </c>
      <c r="R7122" s="5" t="s">
        <v>1523</v>
      </c>
      <c r="S7122" s="5" t="s">
        <v>42</v>
      </c>
      <c r="T7122" s="2">
        <v>3.508</v>
      </c>
      <c r="U7122" s="2">
        <v>2.74</v>
      </c>
      <c r="V7122" s="2">
        <v>16.7</v>
      </c>
      <c r="W7122" s="2">
        <v>165.1</v>
      </c>
      <c r="X7122" s="2">
        <v>7.6</v>
      </c>
      <c r="Y7122" s="2">
        <v>16.7</v>
      </c>
      <c r="Z7122" s="5"/>
      <c r="AA7122" s="5" t="s">
        <v>43</v>
      </c>
      <c r="AB7122" s="5" t="s">
        <v>44</v>
      </c>
      <c r="AC7122" s="2"/>
      <c r="AD7122" s="1"/>
    </row>
    <row r="7123" spans="1:30">
      <c r="A7123" s="5" t="s">
        <v>83578</v>
      </c>
      <c r="B7123" s="2" t="s">
        <v>105488</v>
      </c>
      <c r="C7123" s="14" t="s">
        <v>105489</v>
      </c>
      <c r="D7123" s="2" t="s">
        <v>105490</v>
      </c>
      <c r="E7123" s="2" t="s">
        <v>7449</v>
      </c>
      <c r="F7123" s="8">
        <v>287</v>
      </c>
      <c r="G7123" s="5">
        <v>6</v>
      </c>
      <c r="H7123" s="5" t="s">
        <v>1518</v>
      </c>
      <c r="I7123" s="5" t="s">
        <v>69038</v>
      </c>
      <c r="J7123" s="2" t="s">
        <v>69039</v>
      </c>
      <c r="K7123" s="5" t="s">
        <v>69038</v>
      </c>
      <c r="L7123" s="2" t="s">
        <v>69039</v>
      </c>
      <c r="M7123" s="5" t="s">
        <v>1521</v>
      </c>
      <c r="N7123" s="5" t="s">
        <v>38</v>
      </c>
      <c r="O7123" s="5" t="s">
        <v>39</v>
      </c>
      <c r="P7123" s="5" t="s">
        <v>40</v>
      </c>
      <c r="Q7123" s="5" t="s">
        <v>1522</v>
      </c>
      <c r="R7123" s="5" t="s">
        <v>1523</v>
      </c>
      <c r="S7123" s="5" t="s">
        <v>42</v>
      </c>
      <c r="T7123" s="2">
        <v>3.391</v>
      </c>
      <c r="U7123" s="2">
        <v>2.6230000000000002</v>
      </c>
      <c r="V7123" s="2">
        <v>16.7</v>
      </c>
      <c r="W7123" s="2">
        <v>165.1</v>
      </c>
      <c r="X7123" s="2">
        <v>7.6</v>
      </c>
      <c r="Y7123" s="2">
        <v>16.7</v>
      </c>
      <c r="Z7123" s="5"/>
      <c r="AA7123" s="5" t="s">
        <v>43</v>
      </c>
      <c r="AB7123" s="5" t="s">
        <v>44</v>
      </c>
      <c r="AC7123" s="2"/>
      <c r="AD7123" s="1"/>
    </row>
    <row r="7124" spans="1:30">
      <c r="A7124" s="5" t="s">
        <v>83578</v>
      </c>
      <c r="B7124" s="2" t="s">
        <v>105491</v>
      </c>
      <c r="C7124" s="14" t="s">
        <v>105492</v>
      </c>
      <c r="D7124" s="2" t="s">
        <v>105493</v>
      </c>
      <c r="E7124" s="2" t="s">
        <v>7581</v>
      </c>
      <c r="F7124" s="8">
        <v>287</v>
      </c>
      <c r="G7124" s="5">
        <v>6</v>
      </c>
      <c r="H7124" s="5" t="s">
        <v>1518</v>
      </c>
      <c r="I7124" s="5" t="s">
        <v>69038</v>
      </c>
      <c r="J7124" s="2" t="s">
        <v>69039</v>
      </c>
      <c r="K7124" s="5" t="s">
        <v>69038</v>
      </c>
      <c r="L7124" s="2" t="s">
        <v>69039</v>
      </c>
      <c r="M7124" s="5" t="s">
        <v>1521</v>
      </c>
      <c r="N7124" s="5" t="s">
        <v>38</v>
      </c>
      <c r="O7124" s="5" t="s">
        <v>39</v>
      </c>
      <c r="P7124" s="5" t="s">
        <v>40</v>
      </c>
      <c r="Q7124" s="5" t="s">
        <v>1522</v>
      </c>
      <c r="R7124" s="5" t="s">
        <v>1523</v>
      </c>
      <c r="S7124" s="5" t="s">
        <v>42</v>
      </c>
      <c r="T7124" s="2">
        <v>3.508</v>
      </c>
      <c r="U7124" s="2">
        <v>2.74</v>
      </c>
      <c r="V7124" s="2">
        <v>16.7</v>
      </c>
      <c r="W7124" s="2">
        <v>165.1</v>
      </c>
      <c r="X7124" s="2">
        <v>7.6</v>
      </c>
      <c r="Y7124" s="2">
        <v>16.7</v>
      </c>
      <c r="Z7124" s="5"/>
      <c r="AA7124" s="5" t="s">
        <v>43</v>
      </c>
      <c r="AB7124" s="5" t="s">
        <v>44</v>
      </c>
      <c r="AC7124" s="2"/>
      <c r="AD7124" s="1"/>
    </row>
    <row r="7125" spans="1:30">
      <c r="A7125" s="5" t="s">
        <v>83578</v>
      </c>
      <c r="B7125" s="2" t="s">
        <v>105494</v>
      </c>
      <c r="C7125" s="14" t="s">
        <v>105495</v>
      </c>
      <c r="D7125" s="2" t="s">
        <v>105496</v>
      </c>
      <c r="E7125" s="2" t="s">
        <v>7585</v>
      </c>
      <c r="F7125" s="8">
        <v>287</v>
      </c>
      <c r="G7125" s="5">
        <v>6</v>
      </c>
      <c r="H7125" s="5" t="s">
        <v>1518</v>
      </c>
      <c r="I7125" s="5" t="s">
        <v>69038</v>
      </c>
      <c r="J7125" s="2" t="s">
        <v>69039</v>
      </c>
      <c r="K7125" s="5" t="s">
        <v>69038</v>
      </c>
      <c r="L7125" s="2" t="s">
        <v>69039</v>
      </c>
      <c r="M7125" s="5" t="s">
        <v>1521</v>
      </c>
      <c r="N7125" s="5" t="s">
        <v>38</v>
      </c>
      <c r="O7125" s="5" t="s">
        <v>39</v>
      </c>
      <c r="P7125" s="5" t="s">
        <v>40</v>
      </c>
      <c r="Q7125" s="5" t="s">
        <v>1522</v>
      </c>
      <c r="R7125" s="5" t="s">
        <v>1523</v>
      </c>
      <c r="S7125" s="5" t="s">
        <v>42</v>
      </c>
      <c r="T7125" s="2">
        <v>3.391</v>
      </c>
      <c r="U7125" s="2">
        <v>2.6230000000000002</v>
      </c>
      <c r="V7125" s="2">
        <v>16.7</v>
      </c>
      <c r="W7125" s="2">
        <v>165.1</v>
      </c>
      <c r="X7125" s="2">
        <v>7.6</v>
      </c>
      <c r="Y7125" s="2">
        <v>16.7</v>
      </c>
      <c r="Z7125" s="5"/>
      <c r="AA7125" s="5" t="s">
        <v>43</v>
      </c>
      <c r="AB7125" s="5" t="s">
        <v>44</v>
      </c>
      <c r="AC7125" s="2"/>
      <c r="AD7125" s="1"/>
    </row>
    <row r="7126" spans="1:30">
      <c r="A7126" s="5" t="s">
        <v>83578</v>
      </c>
      <c r="B7126" s="2" t="s">
        <v>105497</v>
      </c>
      <c r="C7126" s="14" t="s">
        <v>105498</v>
      </c>
      <c r="D7126" s="2" t="s">
        <v>105499</v>
      </c>
      <c r="E7126" s="2" t="s">
        <v>7589</v>
      </c>
      <c r="F7126" s="8">
        <v>287</v>
      </c>
      <c r="G7126" s="5">
        <v>6</v>
      </c>
      <c r="H7126" s="5" t="s">
        <v>1518</v>
      </c>
      <c r="I7126" s="5" t="s">
        <v>69038</v>
      </c>
      <c r="J7126" s="2" t="s">
        <v>69039</v>
      </c>
      <c r="K7126" s="5" t="s">
        <v>69038</v>
      </c>
      <c r="L7126" s="2" t="s">
        <v>69039</v>
      </c>
      <c r="M7126" s="5" t="s">
        <v>1521</v>
      </c>
      <c r="N7126" s="5" t="s">
        <v>38</v>
      </c>
      <c r="O7126" s="5" t="s">
        <v>39</v>
      </c>
      <c r="P7126" s="5" t="s">
        <v>40</v>
      </c>
      <c r="Q7126" s="5" t="s">
        <v>1522</v>
      </c>
      <c r="R7126" s="5" t="s">
        <v>1523</v>
      </c>
      <c r="S7126" s="5" t="s">
        <v>42</v>
      </c>
      <c r="T7126" s="2">
        <v>3.508</v>
      </c>
      <c r="U7126" s="2">
        <v>2.74</v>
      </c>
      <c r="V7126" s="2">
        <v>16.7</v>
      </c>
      <c r="W7126" s="2">
        <v>165.1</v>
      </c>
      <c r="X7126" s="2">
        <v>7.6</v>
      </c>
      <c r="Y7126" s="2">
        <v>16.7</v>
      </c>
      <c r="Z7126" s="5"/>
      <c r="AA7126" s="5" t="s">
        <v>43</v>
      </c>
      <c r="AB7126" s="5" t="s">
        <v>44</v>
      </c>
      <c r="AC7126" s="2"/>
      <c r="AD7126" s="1"/>
    </row>
    <row r="7127" spans="1:30">
      <c r="A7127" s="5" t="s">
        <v>83578</v>
      </c>
      <c r="B7127" s="2" t="s">
        <v>105500</v>
      </c>
      <c r="C7127" s="14" t="s">
        <v>105501</v>
      </c>
      <c r="D7127" s="2" t="s">
        <v>105502</v>
      </c>
      <c r="E7127" s="2" t="s">
        <v>7593</v>
      </c>
      <c r="F7127" s="8">
        <v>287</v>
      </c>
      <c r="G7127" s="5">
        <v>6</v>
      </c>
      <c r="H7127" s="5" t="s">
        <v>1518</v>
      </c>
      <c r="I7127" s="5" t="s">
        <v>69038</v>
      </c>
      <c r="J7127" s="2" t="s">
        <v>69039</v>
      </c>
      <c r="K7127" s="5" t="s">
        <v>69038</v>
      </c>
      <c r="L7127" s="2" t="s">
        <v>69039</v>
      </c>
      <c r="M7127" s="5" t="s">
        <v>1521</v>
      </c>
      <c r="N7127" s="5" t="s">
        <v>38</v>
      </c>
      <c r="O7127" s="5" t="s">
        <v>39</v>
      </c>
      <c r="P7127" s="5" t="s">
        <v>40</v>
      </c>
      <c r="Q7127" s="5" t="s">
        <v>1522</v>
      </c>
      <c r="R7127" s="5" t="s">
        <v>1523</v>
      </c>
      <c r="S7127" s="5" t="s">
        <v>42</v>
      </c>
      <c r="T7127" s="2">
        <v>3.391</v>
      </c>
      <c r="U7127" s="2">
        <v>2.6230000000000002</v>
      </c>
      <c r="V7127" s="2">
        <v>16.7</v>
      </c>
      <c r="W7127" s="2">
        <v>165.1</v>
      </c>
      <c r="X7127" s="2">
        <v>7.6</v>
      </c>
      <c r="Y7127" s="2">
        <v>16.7</v>
      </c>
      <c r="Z7127" s="5"/>
      <c r="AA7127" s="5" t="s">
        <v>43</v>
      </c>
      <c r="AB7127" s="5" t="s">
        <v>44</v>
      </c>
      <c r="AC7127" s="2"/>
      <c r="AD7127" s="1"/>
    </row>
    <row r="7128" spans="1:30">
      <c r="A7128" s="5" t="s">
        <v>83578</v>
      </c>
      <c r="B7128" s="2" t="s">
        <v>105503</v>
      </c>
      <c r="C7128" s="14" t="s">
        <v>105504</v>
      </c>
      <c r="D7128" s="2" t="s">
        <v>105505</v>
      </c>
      <c r="E7128" s="2" t="s">
        <v>7597</v>
      </c>
      <c r="F7128" s="8">
        <v>287</v>
      </c>
      <c r="G7128" s="5">
        <v>6</v>
      </c>
      <c r="H7128" s="5" t="s">
        <v>1518</v>
      </c>
      <c r="I7128" s="5" t="s">
        <v>69038</v>
      </c>
      <c r="J7128" s="2" t="s">
        <v>69039</v>
      </c>
      <c r="K7128" s="5" t="s">
        <v>69038</v>
      </c>
      <c r="L7128" s="2" t="s">
        <v>69039</v>
      </c>
      <c r="M7128" s="5" t="s">
        <v>1521</v>
      </c>
      <c r="N7128" s="5" t="s">
        <v>38</v>
      </c>
      <c r="O7128" s="5" t="s">
        <v>39</v>
      </c>
      <c r="P7128" s="5" t="s">
        <v>40</v>
      </c>
      <c r="Q7128" s="5" t="s">
        <v>1522</v>
      </c>
      <c r="R7128" s="5" t="s">
        <v>1523</v>
      </c>
      <c r="S7128" s="5" t="s">
        <v>42</v>
      </c>
      <c r="T7128" s="2">
        <v>3.508</v>
      </c>
      <c r="U7128" s="2">
        <v>2.74</v>
      </c>
      <c r="V7128" s="2">
        <v>16.7</v>
      </c>
      <c r="W7128" s="2">
        <v>165.1</v>
      </c>
      <c r="X7128" s="2">
        <v>7.6</v>
      </c>
      <c r="Y7128" s="2">
        <v>16.7</v>
      </c>
      <c r="Z7128" s="5"/>
      <c r="AA7128" s="5" t="s">
        <v>43</v>
      </c>
      <c r="AB7128" s="5" t="s">
        <v>44</v>
      </c>
      <c r="AC7128" s="2"/>
      <c r="AD7128" s="1"/>
    </row>
    <row r="7129" spans="1:30">
      <c r="A7129" s="5" t="s">
        <v>83578</v>
      </c>
      <c r="B7129" s="2" t="s">
        <v>105506</v>
      </c>
      <c r="C7129" s="14" t="s">
        <v>105507</v>
      </c>
      <c r="D7129" s="2" t="s">
        <v>105508</v>
      </c>
      <c r="E7129" s="2" t="s">
        <v>7615</v>
      </c>
      <c r="F7129" s="8">
        <v>287</v>
      </c>
      <c r="G7129" s="5">
        <v>6</v>
      </c>
      <c r="H7129" s="5" t="s">
        <v>1518</v>
      </c>
      <c r="I7129" s="5" t="s">
        <v>69038</v>
      </c>
      <c r="J7129" s="2" t="s">
        <v>69039</v>
      </c>
      <c r="K7129" s="5" t="s">
        <v>69038</v>
      </c>
      <c r="L7129" s="2" t="s">
        <v>69039</v>
      </c>
      <c r="M7129" s="5" t="s">
        <v>1521</v>
      </c>
      <c r="N7129" s="5" t="s">
        <v>38</v>
      </c>
      <c r="O7129" s="5" t="s">
        <v>39</v>
      </c>
      <c r="P7129" s="5" t="s">
        <v>40</v>
      </c>
      <c r="Q7129" s="5" t="s">
        <v>1522</v>
      </c>
      <c r="R7129" s="5" t="s">
        <v>1523</v>
      </c>
      <c r="S7129" s="5" t="s">
        <v>42</v>
      </c>
      <c r="T7129" s="2">
        <v>3.391</v>
      </c>
      <c r="U7129" s="2">
        <v>2.6230000000000002</v>
      </c>
      <c r="V7129" s="2">
        <v>16.7</v>
      </c>
      <c r="W7129" s="2">
        <v>165.1</v>
      </c>
      <c r="X7129" s="2">
        <v>7.6</v>
      </c>
      <c r="Y7129" s="2">
        <v>16.7</v>
      </c>
      <c r="Z7129" s="5"/>
      <c r="AA7129" s="5" t="s">
        <v>43</v>
      </c>
      <c r="AB7129" s="5" t="s">
        <v>44</v>
      </c>
      <c r="AC7129" s="2"/>
      <c r="AD7129" s="1"/>
    </row>
    <row r="7130" spans="1:30">
      <c r="A7130" s="5" t="s">
        <v>83578</v>
      </c>
      <c r="B7130" s="2" t="s">
        <v>105509</v>
      </c>
      <c r="C7130" s="14" t="s">
        <v>105510</v>
      </c>
      <c r="D7130" s="2" t="s">
        <v>105511</v>
      </c>
      <c r="E7130" s="2" t="s">
        <v>16014</v>
      </c>
      <c r="F7130" s="8">
        <v>287</v>
      </c>
      <c r="G7130" s="5">
        <v>6</v>
      </c>
      <c r="H7130" s="5" t="s">
        <v>1518</v>
      </c>
      <c r="I7130" s="5" t="s">
        <v>69038</v>
      </c>
      <c r="J7130" s="2" t="s">
        <v>69039</v>
      </c>
      <c r="K7130" s="5" t="s">
        <v>69038</v>
      </c>
      <c r="L7130" s="2" t="s">
        <v>69039</v>
      </c>
      <c r="M7130" s="5" t="s">
        <v>1521</v>
      </c>
      <c r="N7130" s="5" t="s">
        <v>38</v>
      </c>
      <c r="O7130" s="5" t="s">
        <v>39</v>
      </c>
      <c r="P7130" s="5" t="s">
        <v>40</v>
      </c>
      <c r="Q7130" s="5" t="s">
        <v>1522</v>
      </c>
      <c r="R7130" s="5" t="s">
        <v>1523</v>
      </c>
      <c r="S7130" s="5" t="s">
        <v>42</v>
      </c>
      <c r="T7130" s="2">
        <v>3.391</v>
      </c>
      <c r="U7130" s="2">
        <v>2.6230000000000002</v>
      </c>
      <c r="V7130" s="2">
        <v>16.7</v>
      </c>
      <c r="W7130" s="2">
        <v>165.1</v>
      </c>
      <c r="X7130" s="2">
        <v>7.6</v>
      </c>
      <c r="Y7130" s="2">
        <v>16.7</v>
      </c>
      <c r="Z7130" s="5"/>
      <c r="AA7130" s="5" t="s">
        <v>43</v>
      </c>
      <c r="AB7130" s="5" t="s">
        <v>44</v>
      </c>
      <c r="AC7130" s="2"/>
      <c r="AD7130" s="1"/>
    </row>
    <row r="7131" spans="1:30">
      <c r="A7131" s="5" t="s">
        <v>83578</v>
      </c>
      <c r="B7131" s="2" t="s">
        <v>105512</v>
      </c>
      <c r="C7131" s="14" t="s">
        <v>105513</v>
      </c>
      <c r="D7131" s="2" t="s">
        <v>105514</v>
      </c>
      <c r="E7131" s="2" t="s">
        <v>16219</v>
      </c>
      <c r="F7131" s="8">
        <v>287</v>
      </c>
      <c r="G7131" s="5">
        <v>6</v>
      </c>
      <c r="H7131" s="5" t="s">
        <v>1518</v>
      </c>
      <c r="I7131" s="5" t="s">
        <v>69038</v>
      </c>
      <c r="J7131" s="2" t="s">
        <v>69039</v>
      </c>
      <c r="K7131" s="5" t="s">
        <v>69038</v>
      </c>
      <c r="L7131" s="2" t="s">
        <v>69039</v>
      </c>
      <c r="M7131" s="5" t="s">
        <v>1521</v>
      </c>
      <c r="N7131" s="5" t="s">
        <v>38</v>
      </c>
      <c r="O7131" s="5" t="s">
        <v>39</v>
      </c>
      <c r="P7131" s="5" t="s">
        <v>40</v>
      </c>
      <c r="Q7131" s="5" t="s">
        <v>1522</v>
      </c>
      <c r="R7131" s="5" t="s">
        <v>1523</v>
      </c>
      <c r="S7131" s="5" t="s">
        <v>42</v>
      </c>
      <c r="T7131" s="2">
        <v>3.508</v>
      </c>
      <c r="U7131" s="2">
        <v>2.74</v>
      </c>
      <c r="V7131" s="2">
        <v>16.7</v>
      </c>
      <c r="W7131" s="2">
        <v>165.1</v>
      </c>
      <c r="X7131" s="2">
        <v>7.6</v>
      </c>
      <c r="Y7131" s="2">
        <v>16.7</v>
      </c>
      <c r="Z7131" s="5"/>
      <c r="AA7131" s="5" t="s">
        <v>43</v>
      </c>
      <c r="AB7131" s="5" t="s">
        <v>44</v>
      </c>
      <c r="AC7131" s="2"/>
      <c r="AD7131" s="1"/>
    </row>
    <row r="7132" spans="1:30">
      <c r="A7132" s="5" t="s">
        <v>83578</v>
      </c>
      <c r="B7132" s="2" t="s">
        <v>105515</v>
      </c>
      <c r="C7132" s="14" t="s">
        <v>105516</v>
      </c>
      <c r="D7132" s="2" t="s">
        <v>105517</v>
      </c>
      <c r="E7132" s="2" t="s">
        <v>7212</v>
      </c>
      <c r="F7132" s="8">
        <v>267</v>
      </c>
      <c r="G7132" s="5">
        <v>6</v>
      </c>
      <c r="H7132" s="5" t="s">
        <v>1518</v>
      </c>
      <c r="I7132" s="5" t="s">
        <v>69038</v>
      </c>
      <c r="J7132" s="2" t="s">
        <v>69039</v>
      </c>
      <c r="K7132" s="5" t="s">
        <v>69038</v>
      </c>
      <c r="L7132" s="2" t="s">
        <v>69039</v>
      </c>
      <c r="M7132" s="5" t="s">
        <v>1521</v>
      </c>
      <c r="N7132" s="5" t="s">
        <v>38</v>
      </c>
      <c r="O7132" s="5" t="s">
        <v>39</v>
      </c>
      <c r="P7132" s="5" t="s">
        <v>40</v>
      </c>
      <c r="Q7132" s="5" t="s">
        <v>1522</v>
      </c>
      <c r="R7132" s="5" t="s">
        <v>1523</v>
      </c>
      <c r="S7132" s="5" t="s">
        <v>42</v>
      </c>
      <c r="T7132" s="2">
        <v>3.391</v>
      </c>
      <c r="U7132" s="2">
        <v>2.6230000000000002</v>
      </c>
      <c r="V7132" s="2">
        <v>16.7</v>
      </c>
      <c r="W7132" s="2">
        <v>165.1</v>
      </c>
      <c r="X7132" s="2">
        <v>7.6</v>
      </c>
      <c r="Y7132" s="2">
        <v>16.7</v>
      </c>
      <c r="Z7132" s="5"/>
      <c r="AA7132" s="5" t="s">
        <v>43</v>
      </c>
      <c r="AB7132" s="5" t="s">
        <v>44</v>
      </c>
      <c r="AC7132" s="2"/>
      <c r="AD7132" s="1"/>
    </row>
    <row r="7133" spans="1:30">
      <c r="A7133" s="5" t="s">
        <v>83578</v>
      </c>
      <c r="B7133" s="2" t="s">
        <v>105518</v>
      </c>
      <c r="C7133" s="14" t="s">
        <v>105519</v>
      </c>
      <c r="D7133" s="2" t="s">
        <v>105520</v>
      </c>
      <c r="E7133" s="2" t="s">
        <v>7528</v>
      </c>
      <c r="F7133" s="8">
        <v>267</v>
      </c>
      <c r="G7133" s="5">
        <v>6</v>
      </c>
      <c r="H7133" s="5" t="s">
        <v>1518</v>
      </c>
      <c r="I7133" s="5" t="s">
        <v>69038</v>
      </c>
      <c r="J7133" s="2" t="s">
        <v>69039</v>
      </c>
      <c r="K7133" s="5" t="s">
        <v>69038</v>
      </c>
      <c r="L7133" s="2" t="s">
        <v>69039</v>
      </c>
      <c r="M7133" s="5" t="s">
        <v>1521</v>
      </c>
      <c r="N7133" s="5" t="s">
        <v>38</v>
      </c>
      <c r="O7133" s="5" t="s">
        <v>39</v>
      </c>
      <c r="P7133" s="5" t="s">
        <v>40</v>
      </c>
      <c r="Q7133" s="5" t="s">
        <v>1522</v>
      </c>
      <c r="R7133" s="5" t="s">
        <v>1523</v>
      </c>
      <c r="S7133" s="5" t="s">
        <v>42</v>
      </c>
      <c r="T7133" s="2">
        <v>3.508</v>
      </c>
      <c r="U7133" s="2">
        <v>2.74</v>
      </c>
      <c r="V7133" s="2">
        <v>16.7</v>
      </c>
      <c r="W7133" s="2">
        <v>165.1</v>
      </c>
      <c r="X7133" s="2">
        <v>7.6</v>
      </c>
      <c r="Y7133" s="2">
        <v>16.7</v>
      </c>
      <c r="Z7133" s="5"/>
      <c r="AA7133" s="5" t="s">
        <v>43</v>
      </c>
      <c r="AB7133" s="5" t="s">
        <v>44</v>
      </c>
      <c r="AC7133" s="2"/>
      <c r="AD7133" s="1"/>
    </row>
    <row r="7134" spans="1:30">
      <c r="A7134" s="5" t="s">
        <v>83578</v>
      </c>
      <c r="B7134" s="2" t="s">
        <v>105521</v>
      </c>
      <c r="C7134" s="14" t="s">
        <v>105522</v>
      </c>
      <c r="D7134" s="2" t="s">
        <v>105523</v>
      </c>
      <c r="E7134" s="2" t="s">
        <v>7521</v>
      </c>
      <c r="F7134" s="8">
        <v>254</v>
      </c>
      <c r="G7134" s="5">
        <v>6</v>
      </c>
      <c r="H7134" s="5" t="s">
        <v>1518</v>
      </c>
      <c r="I7134" s="5" t="s">
        <v>69038</v>
      </c>
      <c r="J7134" s="2" t="s">
        <v>69039</v>
      </c>
      <c r="K7134" s="5" t="s">
        <v>69038</v>
      </c>
      <c r="L7134" s="2" t="s">
        <v>69039</v>
      </c>
      <c r="M7134" s="5" t="s">
        <v>1521</v>
      </c>
      <c r="N7134" s="5" t="s">
        <v>38</v>
      </c>
      <c r="O7134" s="5" t="s">
        <v>39</v>
      </c>
      <c r="P7134" s="5" t="s">
        <v>40</v>
      </c>
      <c r="Q7134" s="5" t="s">
        <v>1522</v>
      </c>
      <c r="R7134" s="5" t="s">
        <v>1523</v>
      </c>
      <c r="S7134" s="5" t="s">
        <v>42</v>
      </c>
      <c r="T7134" s="2">
        <v>2.7949999999999999</v>
      </c>
      <c r="U7134" s="2">
        <v>2.2599999999999998</v>
      </c>
      <c r="V7134" s="2">
        <v>16.7</v>
      </c>
      <c r="W7134" s="2">
        <v>118.9</v>
      </c>
      <c r="X7134" s="2">
        <v>7.6</v>
      </c>
      <c r="Y7134" s="2">
        <v>16.7</v>
      </c>
      <c r="Z7134" s="5"/>
      <c r="AA7134" s="5" t="s">
        <v>43</v>
      </c>
      <c r="AB7134" s="5" t="s">
        <v>44</v>
      </c>
      <c r="AC7134" s="2"/>
      <c r="AD7134" s="1"/>
    </row>
    <row r="7135" spans="1:30">
      <c r="A7135" s="5" t="s">
        <v>83578</v>
      </c>
      <c r="B7135" s="2" t="s">
        <v>105524</v>
      </c>
      <c r="C7135" s="14" t="s">
        <v>105525</v>
      </c>
      <c r="D7135" s="2" t="s">
        <v>105526</v>
      </c>
      <c r="E7135" s="2" t="s">
        <v>7406</v>
      </c>
      <c r="F7135" s="8">
        <v>272</v>
      </c>
      <c r="G7135" s="5">
        <v>6</v>
      </c>
      <c r="H7135" s="5" t="s">
        <v>1518</v>
      </c>
      <c r="I7135" s="5" t="s">
        <v>69038</v>
      </c>
      <c r="J7135" s="2" t="s">
        <v>69039</v>
      </c>
      <c r="K7135" s="5" t="s">
        <v>69038</v>
      </c>
      <c r="L7135" s="2" t="s">
        <v>69039</v>
      </c>
      <c r="M7135" s="5" t="s">
        <v>1521</v>
      </c>
      <c r="N7135" s="5" t="s">
        <v>38</v>
      </c>
      <c r="O7135" s="5" t="s">
        <v>39</v>
      </c>
      <c r="P7135" s="5" t="s">
        <v>40</v>
      </c>
      <c r="Q7135" s="5" t="s">
        <v>1522</v>
      </c>
      <c r="R7135" s="5" t="s">
        <v>1523</v>
      </c>
      <c r="S7135" s="5" t="s">
        <v>42</v>
      </c>
      <c r="T7135" s="2">
        <v>2.72</v>
      </c>
      <c r="U7135" s="2">
        <v>2.1850000000000001</v>
      </c>
      <c r="V7135" s="2">
        <v>16.7</v>
      </c>
      <c r="W7135" s="2">
        <v>118.9</v>
      </c>
      <c r="X7135" s="2">
        <v>7.6</v>
      </c>
      <c r="Y7135" s="2">
        <v>16.7</v>
      </c>
      <c r="Z7135" s="5"/>
      <c r="AA7135" s="5" t="s">
        <v>43</v>
      </c>
      <c r="AB7135" s="5" t="s">
        <v>44</v>
      </c>
      <c r="AC7135" s="2"/>
      <c r="AD7135" s="1"/>
    </row>
    <row r="7136" spans="1:30">
      <c r="A7136" s="5" t="s">
        <v>83578</v>
      </c>
      <c r="B7136" s="2" t="s">
        <v>105527</v>
      </c>
      <c r="C7136" s="14" t="s">
        <v>105528</v>
      </c>
      <c r="D7136" s="2" t="s">
        <v>105529</v>
      </c>
      <c r="E7136" s="2" t="s">
        <v>7535</v>
      </c>
      <c r="F7136" s="8">
        <v>272</v>
      </c>
      <c r="G7136" s="5">
        <v>6</v>
      </c>
      <c r="H7136" s="5" t="s">
        <v>1518</v>
      </c>
      <c r="I7136" s="5" t="s">
        <v>69038</v>
      </c>
      <c r="J7136" s="2" t="s">
        <v>69039</v>
      </c>
      <c r="K7136" s="5" t="s">
        <v>69038</v>
      </c>
      <c r="L7136" s="2" t="s">
        <v>69039</v>
      </c>
      <c r="M7136" s="5" t="s">
        <v>1521</v>
      </c>
      <c r="N7136" s="5" t="s">
        <v>38</v>
      </c>
      <c r="O7136" s="5" t="s">
        <v>39</v>
      </c>
      <c r="P7136" s="5" t="s">
        <v>40</v>
      </c>
      <c r="Q7136" s="5" t="s">
        <v>1522</v>
      </c>
      <c r="R7136" s="5" t="s">
        <v>1523</v>
      </c>
      <c r="S7136" s="5" t="s">
        <v>42</v>
      </c>
      <c r="T7136" s="2">
        <v>2.7949999999999999</v>
      </c>
      <c r="U7136" s="2">
        <v>2.2599999999999998</v>
      </c>
      <c r="V7136" s="2">
        <v>16.7</v>
      </c>
      <c r="W7136" s="2">
        <v>118.9</v>
      </c>
      <c r="X7136" s="2">
        <v>7.6</v>
      </c>
      <c r="Y7136" s="2">
        <v>16.7</v>
      </c>
      <c r="Z7136" s="5"/>
      <c r="AA7136" s="5" t="s">
        <v>43</v>
      </c>
      <c r="AB7136" s="5" t="s">
        <v>44</v>
      </c>
      <c r="AC7136" s="2"/>
      <c r="AD7136" s="1"/>
    </row>
    <row r="7137" spans="1:30">
      <c r="A7137" s="5" t="s">
        <v>83578</v>
      </c>
      <c r="B7137" s="2" t="s">
        <v>105530</v>
      </c>
      <c r="C7137" s="14" t="s">
        <v>105531</v>
      </c>
      <c r="D7137" s="2" t="s">
        <v>105532</v>
      </c>
      <c r="E7137" s="2" t="s">
        <v>7543</v>
      </c>
      <c r="F7137" s="8">
        <v>272</v>
      </c>
      <c r="G7137" s="5">
        <v>6</v>
      </c>
      <c r="H7137" s="5" t="s">
        <v>1518</v>
      </c>
      <c r="I7137" s="5" t="s">
        <v>69038</v>
      </c>
      <c r="J7137" s="2" t="s">
        <v>69039</v>
      </c>
      <c r="K7137" s="5" t="s">
        <v>69038</v>
      </c>
      <c r="L7137" s="2" t="s">
        <v>69039</v>
      </c>
      <c r="M7137" s="5" t="s">
        <v>1521</v>
      </c>
      <c r="N7137" s="5" t="s">
        <v>38</v>
      </c>
      <c r="O7137" s="5" t="s">
        <v>39</v>
      </c>
      <c r="P7137" s="5" t="s">
        <v>40</v>
      </c>
      <c r="Q7137" s="5" t="s">
        <v>1522</v>
      </c>
      <c r="R7137" s="5" t="s">
        <v>1523</v>
      </c>
      <c r="S7137" s="5" t="s">
        <v>42</v>
      </c>
      <c r="T7137" s="2">
        <v>2.7949999999999999</v>
      </c>
      <c r="U7137" s="2">
        <v>2.2599999999999998</v>
      </c>
      <c r="V7137" s="2">
        <v>16.7</v>
      </c>
      <c r="W7137" s="2">
        <v>118.9</v>
      </c>
      <c r="X7137" s="2">
        <v>7.6</v>
      </c>
      <c r="Y7137" s="2">
        <v>16.7</v>
      </c>
      <c r="Z7137" s="5"/>
      <c r="AA7137" s="5" t="s">
        <v>43</v>
      </c>
      <c r="AB7137" s="5" t="s">
        <v>44</v>
      </c>
      <c r="AC7137" s="2"/>
      <c r="AD7137" s="1"/>
    </row>
    <row r="7138" spans="1:30">
      <c r="A7138" s="5" t="s">
        <v>83578</v>
      </c>
      <c r="B7138" s="2" t="s">
        <v>105533</v>
      </c>
      <c r="C7138" s="14" t="s">
        <v>105534</v>
      </c>
      <c r="D7138" s="2" t="s">
        <v>105535</v>
      </c>
      <c r="E7138" s="2" t="s">
        <v>7507</v>
      </c>
      <c r="F7138" s="8">
        <v>254</v>
      </c>
      <c r="G7138" s="5">
        <v>6</v>
      </c>
      <c r="H7138" s="5" t="s">
        <v>1518</v>
      </c>
      <c r="I7138" s="5" t="s">
        <v>69038</v>
      </c>
      <c r="J7138" s="2" t="s">
        <v>69039</v>
      </c>
      <c r="K7138" s="5" t="s">
        <v>69038</v>
      </c>
      <c r="L7138" s="2" t="s">
        <v>69039</v>
      </c>
      <c r="M7138" s="5" t="s">
        <v>1521</v>
      </c>
      <c r="N7138" s="5" t="s">
        <v>38</v>
      </c>
      <c r="O7138" s="5" t="s">
        <v>39</v>
      </c>
      <c r="P7138" s="5" t="s">
        <v>40</v>
      </c>
      <c r="Q7138" s="5" t="s">
        <v>1522</v>
      </c>
      <c r="R7138" s="5" t="s">
        <v>1523</v>
      </c>
      <c r="S7138" s="5" t="s">
        <v>42</v>
      </c>
      <c r="T7138" s="2">
        <v>2.7949999999999999</v>
      </c>
      <c r="U7138" s="2">
        <v>2.2599999999999998</v>
      </c>
      <c r="V7138" s="2">
        <v>16.7</v>
      </c>
      <c r="W7138" s="2">
        <v>118.9</v>
      </c>
      <c r="X7138" s="2">
        <v>7.6</v>
      </c>
      <c r="Y7138" s="2">
        <v>16.7</v>
      </c>
      <c r="Z7138" s="5"/>
      <c r="AA7138" s="5" t="s">
        <v>43</v>
      </c>
      <c r="AB7138" s="5" t="s">
        <v>44</v>
      </c>
      <c r="AC7138" s="2"/>
      <c r="AD7138" s="1"/>
    </row>
    <row r="7139" spans="1:30">
      <c r="A7139" s="5" t="s">
        <v>83578</v>
      </c>
      <c r="B7139" s="2" t="s">
        <v>105536</v>
      </c>
      <c r="C7139" s="14" t="s">
        <v>105537</v>
      </c>
      <c r="D7139" s="2" t="s">
        <v>105538</v>
      </c>
      <c r="E7139" s="2" t="s">
        <v>7547</v>
      </c>
      <c r="F7139" s="8">
        <v>272</v>
      </c>
      <c r="G7139" s="5">
        <v>6</v>
      </c>
      <c r="H7139" s="5" t="s">
        <v>1518</v>
      </c>
      <c r="I7139" s="5" t="s">
        <v>69038</v>
      </c>
      <c r="J7139" s="2" t="s">
        <v>69039</v>
      </c>
      <c r="K7139" s="5" t="s">
        <v>69038</v>
      </c>
      <c r="L7139" s="2" t="s">
        <v>69039</v>
      </c>
      <c r="M7139" s="5" t="s">
        <v>1521</v>
      </c>
      <c r="N7139" s="5" t="s">
        <v>38</v>
      </c>
      <c r="O7139" s="5" t="s">
        <v>39</v>
      </c>
      <c r="P7139" s="5" t="s">
        <v>40</v>
      </c>
      <c r="Q7139" s="5" t="s">
        <v>1522</v>
      </c>
      <c r="R7139" s="5" t="s">
        <v>1523</v>
      </c>
      <c r="S7139" s="5" t="s">
        <v>42</v>
      </c>
      <c r="T7139" s="2">
        <v>2.72</v>
      </c>
      <c r="U7139" s="2">
        <v>2.1850000000000001</v>
      </c>
      <c r="V7139" s="2">
        <v>16.7</v>
      </c>
      <c r="W7139" s="2">
        <v>118.9</v>
      </c>
      <c r="X7139" s="2">
        <v>7.6</v>
      </c>
      <c r="Y7139" s="2">
        <v>16.7</v>
      </c>
      <c r="Z7139" s="5"/>
      <c r="AA7139" s="5" t="s">
        <v>43</v>
      </c>
      <c r="AB7139" s="5" t="s">
        <v>44</v>
      </c>
      <c r="AC7139" s="2"/>
      <c r="AD7139" s="1"/>
    </row>
    <row r="7140" spans="1:30">
      <c r="A7140" s="5" t="s">
        <v>83578</v>
      </c>
      <c r="B7140" s="2" t="s">
        <v>105539</v>
      </c>
      <c r="C7140" s="14" t="s">
        <v>105540</v>
      </c>
      <c r="D7140" s="2" t="s">
        <v>105541</v>
      </c>
      <c r="E7140" s="2" t="s">
        <v>7551</v>
      </c>
      <c r="F7140" s="8">
        <v>272</v>
      </c>
      <c r="G7140" s="5">
        <v>6</v>
      </c>
      <c r="H7140" s="5" t="s">
        <v>1518</v>
      </c>
      <c r="I7140" s="5" t="s">
        <v>69038</v>
      </c>
      <c r="J7140" s="2" t="s">
        <v>69039</v>
      </c>
      <c r="K7140" s="5" t="s">
        <v>69038</v>
      </c>
      <c r="L7140" s="2" t="s">
        <v>69039</v>
      </c>
      <c r="M7140" s="5" t="s">
        <v>1521</v>
      </c>
      <c r="N7140" s="5" t="s">
        <v>38</v>
      </c>
      <c r="O7140" s="5" t="s">
        <v>39</v>
      </c>
      <c r="P7140" s="5" t="s">
        <v>40</v>
      </c>
      <c r="Q7140" s="5" t="s">
        <v>1522</v>
      </c>
      <c r="R7140" s="5" t="s">
        <v>1523</v>
      </c>
      <c r="S7140" s="5" t="s">
        <v>42</v>
      </c>
      <c r="T7140" s="2">
        <v>2.7949999999999999</v>
      </c>
      <c r="U7140" s="2">
        <v>2.2599999999999998</v>
      </c>
      <c r="V7140" s="2">
        <v>16.7</v>
      </c>
      <c r="W7140" s="2">
        <v>118.9</v>
      </c>
      <c r="X7140" s="2">
        <v>7.6</v>
      </c>
      <c r="Y7140" s="2">
        <v>16.7</v>
      </c>
      <c r="Z7140" s="5"/>
      <c r="AA7140" s="5" t="s">
        <v>43</v>
      </c>
      <c r="AB7140" s="5" t="s">
        <v>44</v>
      </c>
      <c r="AC7140" s="2"/>
      <c r="AD7140" s="1"/>
    </row>
    <row r="7141" spans="1:30">
      <c r="A7141" s="5" t="s">
        <v>83578</v>
      </c>
      <c r="B7141" s="2" t="s">
        <v>105542</v>
      </c>
      <c r="C7141" s="14" t="s">
        <v>105543</v>
      </c>
      <c r="D7141" s="2" t="s">
        <v>105544</v>
      </c>
      <c r="E7141" s="2" t="s">
        <v>7567</v>
      </c>
      <c r="F7141" s="8">
        <v>272</v>
      </c>
      <c r="G7141" s="5">
        <v>6</v>
      </c>
      <c r="H7141" s="5" t="s">
        <v>1518</v>
      </c>
      <c r="I7141" s="5" t="s">
        <v>69038</v>
      </c>
      <c r="J7141" s="2" t="s">
        <v>69039</v>
      </c>
      <c r="K7141" s="5" t="s">
        <v>69038</v>
      </c>
      <c r="L7141" s="2" t="s">
        <v>69039</v>
      </c>
      <c r="M7141" s="5" t="s">
        <v>1521</v>
      </c>
      <c r="N7141" s="5" t="s">
        <v>38</v>
      </c>
      <c r="O7141" s="5" t="s">
        <v>39</v>
      </c>
      <c r="P7141" s="5" t="s">
        <v>40</v>
      </c>
      <c r="Q7141" s="5" t="s">
        <v>1522</v>
      </c>
      <c r="R7141" s="5" t="s">
        <v>1523</v>
      </c>
      <c r="S7141" s="5" t="s">
        <v>42</v>
      </c>
      <c r="T7141" s="2">
        <v>2.7949999999999999</v>
      </c>
      <c r="U7141" s="2">
        <v>2.2599999999999998</v>
      </c>
      <c r="V7141" s="2">
        <v>16.7</v>
      </c>
      <c r="W7141" s="2">
        <v>118.9</v>
      </c>
      <c r="X7141" s="2">
        <v>7.6</v>
      </c>
      <c r="Y7141" s="2">
        <v>16.7</v>
      </c>
      <c r="Z7141" s="5"/>
      <c r="AA7141" s="5" t="s">
        <v>43</v>
      </c>
      <c r="AB7141" s="5" t="s">
        <v>44</v>
      </c>
      <c r="AC7141" s="2"/>
      <c r="AD7141" s="1"/>
    </row>
    <row r="7142" spans="1:30">
      <c r="A7142" s="5" t="s">
        <v>83578</v>
      </c>
      <c r="B7142" s="2" t="s">
        <v>105545</v>
      </c>
      <c r="C7142" s="14" t="s">
        <v>105546</v>
      </c>
      <c r="D7142" s="2" t="s">
        <v>105547</v>
      </c>
      <c r="E7142" s="2" t="s">
        <v>7559</v>
      </c>
      <c r="F7142" s="8">
        <v>272</v>
      </c>
      <c r="G7142" s="5">
        <v>6</v>
      </c>
      <c r="H7142" s="5" t="s">
        <v>1518</v>
      </c>
      <c r="I7142" s="5" t="s">
        <v>69038</v>
      </c>
      <c r="J7142" s="2" t="s">
        <v>69039</v>
      </c>
      <c r="K7142" s="5" t="s">
        <v>69038</v>
      </c>
      <c r="L7142" s="2" t="s">
        <v>69039</v>
      </c>
      <c r="M7142" s="5" t="s">
        <v>1521</v>
      </c>
      <c r="N7142" s="5" t="s">
        <v>38</v>
      </c>
      <c r="O7142" s="5" t="s">
        <v>39</v>
      </c>
      <c r="P7142" s="5" t="s">
        <v>40</v>
      </c>
      <c r="Q7142" s="5" t="s">
        <v>1522</v>
      </c>
      <c r="R7142" s="5" t="s">
        <v>1523</v>
      </c>
      <c r="S7142" s="5" t="s">
        <v>42</v>
      </c>
      <c r="T7142" s="2">
        <v>2.7949999999999999</v>
      </c>
      <c r="U7142" s="2">
        <v>2.2599999999999998</v>
      </c>
      <c r="V7142" s="2">
        <v>16.7</v>
      </c>
      <c r="W7142" s="2">
        <v>118.9</v>
      </c>
      <c r="X7142" s="2">
        <v>7.6</v>
      </c>
      <c r="Y7142" s="2">
        <v>16.7</v>
      </c>
      <c r="Z7142" s="5"/>
      <c r="AA7142" s="5" t="s">
        <v>43</v>
      </c>
      <c r="AB7142" s="5" t="s">
        <v>44</v>
      </c>
      <c r="AC7142" s="2"/>
      <c r="AD7142" s="1"/>
    </row>
    <row r="7143" spans="1:30">
      <c r="A7143" s="5" t="s">
        <v>83578</v>
      </c>
      <c r="B7143" s="2" t="s">
        <v>105548</v>
      </c>
      <c r="C7143" s="14" t="s">
        <v>105549</v>
      </c>
      <c r="D7143" s="2" t="s">
        <v>105550</v>
      </c>
      <c r="E7143" s="2" t="s">
        <v>16079</v>
      </c>
      <c r="F7143" s="8">
        <v>272</v>
      </c>
      <c r="G7143" s="5">
        <v>6</v>
      </c>
      <c r="H7143" s="5" t="s">
        <v>1518</v>
      </c>
      <c r="I7143" s="5" t="s">
        <v>69038</v>
      </c>
      <c r="J7143" s="2" t="s">
        <v>69039</v>
      </c>
      <c r="K7143" s="5" t="s">
        <v>69038</v>
      </c>
      <c r="L7143" s="2" t="s">
        <v>69039</v>
      </c>
      <c r="M7143" s="5" t="s">
        <v>1521</v>
      </c>
      <c r="N7143" s="5" t="s">
        <v>38</v>
      </c>
      <c r="O7143" s="5" t="s">
        <v>39</v>
      </c>
      <c r="P7143" s="5" t="s">
        <v>40</v>
      </c>
      <c r="Q7143" s="5" t="s">
        <v>1522</v>
      </c>
      <c r="R7143" s="5" t="s">
        <v>1523</v>
      </c>
      <c r="S7143" s="5" t="s">
        <v>42</v>
      </c>
      <c r="T7143" s="2">
        <v>2.72</v>
      </c>
      <c r="U7143" s="2">
        <v>2.1850000000000001</v>
      </c>
      <c r="V7143" s="2">
        <v>16.7</v>
      </c>
      <c r="W7143" s="2">
        <v>118.9</v>
      </c>
      <c r="X7143" s="2">
        <v>7.6</v>
      </c>
      <c r="Y7143" s="2">
        <v>16.7</v>
      </c>
      <c r="Z7143" s="5"/>
      <c r="AA7143" s="5" t="s">
        <v>43</v>
      </c>
      <c r="AB7143" s="5" t="s">
        <v>44</v>
      </c>
      <c r="AC7143" s="2"/>
      <c r="AD7143" s="1"/>
    </row>
    <row r="7144" spans="1:30">
      <c r="A7144" s="5" t="s">
        <v>83578</v>
      </c>
      <c r="B7144" s="2" t="s">
        <v>105551</v>
      </c>
      <c r="C7144" s="14" t="s">
        <v>105552</v>
      </c>
      <c r="D7144" s="2" t="s">
        <v>105553</v>
      </c>
      <c r="E7144" s="2" t="s">
        <v>16194</v>
      </c>
      <c r="F7144" s="8">
        <v>272</v>
      </c>
      <c r="G7144" s="5">
        <v>6</v>
      </c>
      <c r="H7144" s="5" t="s">
        <v>1518</v>
      </c>
      <c r="I7144" s="5" t="s">
        <v>69038</v>
      </c>
      <c r="J7144" s="2" t="s">
        <v>69039</v>
      </c>
      <c r="K7144" s="5" t="s">
        <v>69038</v>
      </c>
      <c r="L7144" s="2" t="s">
        <v>69039</v>
      </c>
      <c r="M7144" s="5" t="s">
        <v>1521</v>
      </c>
      <c r="N7144" s="5" t="s">
        <v>38</v>
      </c>
      <c r="O7144" s="5" t="s">
        <v>39</v>
      </c>
      <c r="P7144" s="5" t="s">
        <v>40</v>
      </c>
      <c r="Q7144" s="5" t="s">
        <v>1522</v>
      </c>
      <c r="R7144" s="5" t="s">
        <v>1523</v>
      </c>
      <c r="S7144" s="5" t="s">
        <v>42</v>
      </c>
      <c r="T7144" s="2">
        <v>2.7949999999999999</v>
      </c>
      <c r="U7144" s="2">
        <v>2.2599999999999998</v>
      </c>
      <c r="V7144" s="2">
        <v>16.7</v>
      </c>
      <c r="W7144" s="2">
        <v>118.9</v>
      </c>
      <c r="X7144" s="2">
        <v>7.6</v>
      </c>
      <c r="Y7144" s="2">
        <v>16.7</v>
      </c>
      <c r="Z7144" s="5"/>
      <c r="AA7144" s="5" t="s">
        <v>43</v>
      </c>
      <c r="AB7144" s="5" t="s">
        <v>44</v>
      </c>
      <c r="AC7144" s="2"/>
      <c r="AD7144" s="1"/>
    </row>
    <row r="7145" spans="1:30">
      <c r="A7145" s="5" t="s">
        <v>83578</v>
      </c>
      <c r="B7145" s="2" t="s">
        <v>105554</v>
      </c>
      <c r="C7145" s="14" t="s">
        <v>105555</v>
      </c>
      <c r="D7145" s="2" t="s">
        <v>105556</v>
      </c>
      <c r="E7145" s="2" t="s">
        <v>7581</v>
      </c>
      <c r="F7145" s="8">
        <v>272</v>
      </c>
      <c r="G7145" s="5">
        <v>6</v>
      </c>
      <c r="H7145" s="5" t="s">
        <v>1518</v>
      </c>
      <c r="I7145" s="5" t="s">
        <v>69038</v>
      </c>
      <c r="J7145" s="2" t="s">
        <v>69039</v>
      </c>
      <c r="K7145" s="5" t="s">
        <v>69038</v>
      </c>
      <c r="L7145" s="2" t="s">
        <v>69039</v>
      </c>
      <c r="M7145" s="5" t="s">
        <v>1521</v>
      </c>
      <c r="N7145" s="5" t="s">
        <v>38</v>
      </c>
      <c r="O7145" s="5" t="s">
        <v>39</v>
      </c>
      <c r="P7145" s="5" t="s">
        <v>40</v>
      </c>
      <c r="Q7145" s="5" t="s">
        <v>1522</v>
      </c>
      <c r="R7145" s="5" t="s">
        <v>1523</v>
      </c>
      <c r="S7145" s="5" t="s">
        <v>42</v>
      </c>
      <c r="T7145" s="2">
        <v>2.7949999999999999</v>
      </c>
      <c r="U7145" s="2">
        <v>2.2599999999999998</v>
      </c>
      <c r="V7145" s="2">
        <v>16.7</v>
      </c>
      <c r="W7145" s="2">
        <v>118.9</v>
      </c>
      <c r="X7145" s="2">
        <v>7.6</v>
      </c>
      <c r="Y7145" s="2">
        <v>16.7</v>
      </c>
      <c r="Z7145" s="5"/>
      <c r="AA7145" s="5" t="s">
        <v>43</v>
      </c>
      <c r="AB7145" s="5" t="s">
        <v>44</v>
      </c>
      <c r="AC7145" s="2"/>
      <c r="AD7145" s="1"/>
    </row>
    <row r="7146" spans="1:30">
      <c r="A7146" s="5" t="s">
        <v>83578</v>
      </c>
      <c r="B7146" s="2" t="s">
        <v>105557</v>
      </c>
      <c r="C7146" s="14" t="s">
        <v>105558</v>
      </c>
      <c r="D7146" s="2" t="s">
        <v>105559</v>
      </c>
      <c r="E7146" s="2" t="s">
        <v>7589</v>
      </c>
      <c r="F7146" s="8">
        <v>272</v>
      </c>
      <c r="G7146" s="5">
        <v>6</v>
      </c>
      <c r="H7146" s="5" t="s">
        <v>1518</v>
      </c>
      <c r="I7146" s="5" t="s">
        <v>69038</v>
      </c>
      <c r="J7146" s="2" t="s">
        <v>69039</v>
      </c>
      <c r="K7146" s="5" t="s">
        <v>69038</v>
      </c>
      <c r="L7146" s="2" t="s">
        <v>69039</v>
      </c>
      <c r="M7146" s="5" t="s">
        <v>1521</v>
      </c>
      <c r="N7146" s="5" t="s">
        <v>38</v>
      </c>
      <c r="O7146" s="5" t="s">
        <v>39</v>
      </c>
      <c r="P7146" s="5" t="s">
        <v>40</v>
      </c>
      <c r="Q7146" s="5" t="s">
        <v>1522</v>
      </c>
      <c r="R7146" s="5" t="s">
        <v>1523</v>
      </c>
      <c r="S7146" s="5" t="s">
        <v>42</v>
      </c>
      <c r="T7146" s="2">
        <v>2.7949999999999999</v>
      </c>
      <c r="U7146" s="2">
        <v>2.2599999999999998</v>
      </c>
      <c r="V7146" s="2">
        <v>16.7</v>
      </c>
      <c r="W7146" s="2">
        <v>118.9</v>
      </c>
      <c r="X7146" s="2">
        <v>7.6</v>
      </c>
      <c r="Y7146" s="2">
        <v>16.7</v>
      </c>
      <c r="Z7146" s="5"/>
      <c r="AA7146" s="5" t="s">
        <v>43</v>
      </c>
      <c r="AB7146" s="5" t="s">
        <v>44</v>
      </c>
      <c r="AC7146" s="2"/>
      <c r="AD7146" s="1"/>
    </row>
    <row r="7147" spans="1:30">
      <c r="A7147" s="5" t="s">
        <v>83578</v>
      </c>
      <c r="B7147" s="2" t="s">
        <v>105560</v>
      </c>
      <c r="C7147" s="14" t="s">
        <v>105561</v>
      </c>
      <c r="D7147" s="2" t="s">
        <v>105562</v>
      </c>
      <c r="E7147" s="2" t="s">
        <v>7593</v>
      </c>
      <c r="F7147" s="8">
        <v>272</v>
      </c>
      <c r="G7147" s="5">
        <v>6</v>
      </c>
      <c r="H7147" s="5" t="s">
        <v>1518</v>
      </c>
      <c r="I7147" s="5" t="s">
        <v>69038</v>
      </c>
      <c r="J7147" s="2" t="s">
        <v>69039</v>
      </c>
      <c r="K7147" s="5" t="s">
        <v>69038</v>
      </c>
      <c r="L7147" s="2" t="s">
        <v>69039</v>
      </c>
      <c r="M7147" s="5" t="s">
        <v>1521</v>
      </c>
      <c r="N7147" s="5" t="s">
        <v>38</v>
      </c>
      <c r="O7147" s="5" t="s">
        <v>39</v>
      </c>
      <c r="P7147" s="5" t="s">
        <v>40</v>
      </c>
      <c r="Q7147" s="5" t="s">
        <v>1522</v>
      </c>
      <c r="R7147" s="5" t="s">
        <v>1523</v>
      </c>
      <c r="S7147" s="5" t="s">
        <v>42</v>
      </c>
      <c r="T7147" s="2">
        <v>2.72</v>
      </c>
      <c r="U7147" s="2">
        <v>2.1850000000000001</v>
      </c>
      <c r="V7147" s="2">
        <v>16.7</v>
      </c>
      <c r="W7147" s="2">
        <v>118.9</v>
      </c>
      <c r="X7147" s="2">
        <v>7.6</v>
      </c>
      <c r="Y7147" s="2">
        <v>16.7</v>
      </c>
      <c r="Z7147" s="5"/>
      <c r="AA7147" s="5" t="s">
        <v>43</v>
      </c>
      <c r="AB7147" s="5" t="s">
        <v>44</v>
      </c>
      <c r="AC7147" s="2"/>
      <c r="AD7147" s="1"/>
    </row>
    <row r="7148" spans="1:30">
      <c r="A7148" s="5" t="s">
        <v>83578</v>
      </c>
      <c r="B7148" s="2" t="s">
        <v>105563</v>
      </c>
      <c r="C7148" s="14" t="s">
        <v>105564</v>
      </c>
      <c r="D7148" s="2" t="s">
        <v>105565</v>
      </c>
      <c r="E7148" s="2" t="s">
        <v>7597</v>
      </c>
      <c r="F7148" s="8">
        <v>272</v>
      </c>
      <c r="G7148" s="5">
        <v>6</v>
      </c>
      <c r="H7148" s="5" t="s">
        <v>1518</v>
      </c>
      <c r="I7148" s="5" t="s">
        <v>69038</v>
      </c>
      <c r="J7148" s="2" t="s">
        <v>69039</v>
      </c>
      <c r="K7148" s="5" t="s">
        <v>69038</v>
      </c>
      <c r="L7148" s="2" t="s">
        <v>69039</v>
      </c>
      <c r="M7148" s="5" t="s">
        <v>1521</v>
      </c>
      <c r="N7148" s="5" t="s">
        <v>38</v>
      </c>
      <c r="O7148" s="5" t="s">
        <v>39</v>
      </c>
      <c r="P7148" s="5" t="s">
        <v>40</v>
      </c>
      <c r="Q7148" s="5" t="s">
        <v>1522</v>
      </c>
      <c r="R7148" s="5" t="s">
        <v>1523</v>
      </c>
      <c r="S7148" s="5" t="s">
        <v>42</v>
      </c>
      <c r="T7148" s="2">
        <v>2.7949999999999999</v>
      </c>
      <c r="U7148" s="2">
        <v>2.2599999999999998</v>
      </c>
      <c r="V7148" s="2">
        <v>16.7</v>
      </c>
      <c r="W7148" s="2">
        <v>118.9</v>
      </c>
      <c r="X7148" s="2">
        <v>7.6</v>
      </c>
      <c r="Y7148" s="2">
        <v>16.7</v>
      </c>
      <c r="Z7148" s="5"/>
      <c r="AA7148" s="5" t="s">
        <v>43</v>
      </c>
      <c r="AB7148" s="5" t="s">
        <v>44</v>
      </c>
      <c r="AC7148" s="2"/>
      <c r="AD7148" s="1"/>
    </row>
    <row r="7149" spans="1:30">
      <c r="A7149" s="5" t="s">
        <v>83578</v>
      </c>
      <c r="B7149" s="2" t="s">
        <v>105566</v>
      </c>
      <c r="C7149" s="14" t="s">
        <v>105567</v>
      </c>
      <c r="D7149" s="2" t="s">
        <v>105568</v>
      </c>
      <c r="E7149" s="2" t="s">
        <v>73358</v>
      </c>
      <c r="F7149" s="8">
        <v>272</v>
      </c>
      <c r="G7149" s="5">
        <v>6</v>
      </c>
      <c r="H7149" s="5" t="s">
        <v>1518</v>
      </c>
      <c r="I7149" s="5" t="s">
        <v>69038</v>
      </c>
      <c r="J7149" s="2" t="s">
        <v>69039</v>
      </c>
      <c r="K7149" s="5" t="s">
        <v>69038</v>
      </c>
      <c r="L7149" s="2" t="s">
        <v>69039</v>
      </c>
      <c r="M7149" s="5" t="s">
        <v>1521</v>
      </c>
      <c r="N7149" s="5" t="s">
        <v>38</v>
      </c>
      <c r="O7149" s="5" t="s">
        <v>39</v>
      </c>
      <c r="P7149" s="5" t="s">
        <v>40</v>
      </c>
      <c r="Q7149" s="5" t="s">
        <v>1522</v>
      </c>
      <c r="R7149" s="5" t="s">
        <v>1523</v>
      </c>
      <c r="S7149" s="5" t="s">
        <v>42</v>
      </c>
      <c r="T7149" s="2">
        <v>2.72</v>
      </c>
      <c r="U7149" s="2">
        <v>2.1850000000000001</v>
      </c>
      <c r="V7149" s="2">
        <v>16.7</v>
      </c>
      <c r="W7149" s="2">
        <v>118.9</v>
      </c>
      <c r="X7149" s="2">
        <v>7.6</v>
      </c>
      <c r="Y7149" s="2">
        <v>16.7</v>
      </c>
      <c r="Z7149" s="5"/>
      <c r="AA7149" s="5" t="s">
        <v>43</v>
      </c>
      <c r="AB7149" s="5" t="s">
        <v>44</v>
      </c>
      <c r="AC7149" s="2"/>
      <c r="AD7149" s="1"/>
    </row>
    <row r="7150" spans="1:30">
      <c r="A7150" s="5" t="s">
        <v>83578</v>
      </c>
      <c r="B7150" s="2" t="s">
        <v>105569</v>
      </c>
      <c r="C7150" s="14" t="s">
        <v>105570</v>
      </c>
      <c r="D7150" s="2" t="s">
        <v>105571</v>
      </c>
      <c r="E7150" s="2" t="s">
        <v>73362</v>
      </c>
      <c r="F7150" s="8">
        <v>272</v>
      </c>
      <c r="G7150" s="5">
        <v>6</v>
      </c>
      <c r="H7150" s="5" t="s">
        <v>1518</v>
      </c>
      <c r="I7150" s="5" t="s">
        <v>69038</v>
      </c>
      <c r="J7150" s="2" t="s">
        <v>69039</v>
      </c>
      <c r="K7150" s="5" t="s">
        <v>69038</v>
      </c>
      <c r="L7150" s="2" t="s">
        <v>69039</v>
      </c>
      <c r="M7150" s="5" t="s">
        <v>1521</v>
      </c>
      <c r="N7150" s="5" t="s">
        <v>38</v>
      </c>
      <c r="O7150" s="5" t="s">
        <v>39</v>
      </c>
      <c r="P7150" s="5" t="s">
        <v>40</v>
      </c>
      <c r="Q7150" s="5" t="s">
        <v>1522</v>
      </c>
      <c r="R7150" s="5" t="s">
        <v>1523</v>
      </c>
      <c r="S7150" s="5" t="s">
        <v>42</v>
      </c>
      <c r="T7150" s="2">
        <v>2.7949999999999999</v>
      </c>
      <c r="U7150" s="2">
        <v>2.2599999999999998</v>
      </c>
      <c r="V7150" s="2">
        <v>16.7</v>
      </c>
      <c r="W7150" s="2">
        <v>118.9</v>
      </c>
      <c r="X7150" s="2">
        <v>7.6</v>
      </c>
      <c r="Y7150" s="2">
        <v>16.7</v>
      </c>
      <c r="Z7150" s="5"/>
      <c r="AA7150" s="5" t="s">
        <v>43</v>
      </c>
      <c r="AB7150" s="5" t="s">
        <v>44</v>
      </c>
      <c r="AC7150" s="2"/>
      <c r="AD7150" s="1"/>
    </row>
    <row r="7151" spans="1:30">
      <c r="A7151" s="5" t="s">
        <v>83578</v>
      </c>
      <c r="B7151" s="2" t="s">
        <v>105572</v>
      </c>
      <c r="C7151" s="14" t="s">
        <v>105573</v>
      </c>
      <c r="D7151" s="2" t="s">
        <v>105574</v>
      </c>
      <c r="E7151" s="2" t="s">
        <v>7615</v>
      </c>
      <c r="F7151" s="8">
        <v>272</v>
      </c>
      <c r="G7151" s="5">
        <v>6</v>
      </c>
      <c r="H7151" s="5" t="s">
        <v>1518</v>
      </c>
      <c r="I7151" s="5" t="s">
        <v>69038</v>
      </c>
      <c r="J7151" s="2" t="s">
        <v>69039</v>
      </c>
      <c r="K7151" s="5" t="s">
        <v>69038</v>
      </c>
      <c r="L7151" s="2" t="s">
        <v>69039</v>
      </c>
      <c r="M7151" s="5" t="s">
        <v>1521</v>
      </c>
      <c r="N7151" s="5" t="s">
        <v>38</v>
      </c>
      <c r="O7151" s="5" t="s">
        <v>39</v>
      </c>
      <c r="P7151" s="5" t="s">
        <v>40</v>
      </c>
      <c r="Q7151" s="5" t="s">
        <v>1522</v>
      </c>
      <c r="R7151" s="5" t="s">
        <v>1523</v>
      </c>
      <c r="S7151" s="5" t="s">
        <v>42</v>
      </c>
      <c r="T7151" s="2">
        <v>2.72</v>
      </c>
      <c r="U7151" s="2">
        <v>2.1850000000000001</v>
      </c>
      <c r="V7151" s="2">
        <v>16.7</v>
      </c>
      <c r="W7151" s="2">
        <v>118.9</v>
      </c>
      <c r="X7151" s="2">
        <v>7.6</v>
      </c>
      <c r="Y7151" s="2">
        <v>16.7</v>
      </c>
      <c r="Z7151" s="5"/>
      <c r="AA7151" s="5" t="s">
        <v>43</v>
      </c>
      <c r="AB7151" s="5" t="s">
        <v>44</v>
      </c>
      <c r="AC7151" s="2"/>
      <c r="AD7151" s="1"/>
    </row>
    <row r="7152" spans="1:30">
      <c r="A7152" s="5" t="s">
        <v>83578</v>
      </c>
      <c r="B7152" s="2" t="s">
        <v>105575</v>
      </c>
      <c r="C7152" s="14" t="s">
        <v>105576</v>
      </c>
      <c r="D7152" s="2" t="s">
        <v>105577</v>
      </c>
      <c r="E7152" s="2" t="s">
        <v>7619</v>
      </c>
      <c r="F7152" s="8">
        <v>272</v>
      </c>
      <c r="G7152" s="5">
        <v>6</v>
      </c>
      <c r="H7152" s="5" t="s">
        <v>1518</v>
      </c>
      <c r="I7152" s="5" t="s">
        <v>69038</v>
      </c>
      <c r="J7152" s="2" t="s">
        <v>69039</v>
      </c>
      <c r="K7152" s="5" t="s">
        <v>69038</v>
      </c>
      <c r="L7152" s="2" t="s">
        <v>69039</v>
      </c>
      <c r="M7152" s="5" t="s">
        <v>1521</v>
      </c>
      <c r="N7152" s="5" t="s">
        <v>38</v>
      </c>
      <c r="O7152" s="5" t="s">
        <v>39</v>
      </c>
      <c r="P7152" s="5" t="s">
        <v>40</v>
      </c>
      <c r="Q7152" s="5" t="s">
        <v>1522</v>
      </c>
      <c r="R7152" s="5" t="s">
        <v>1523</v>
      </c>
      <c r="S7152" s="5" t="s">
        <v>42</v>
      </c>
      <c r="T7152" s="2">
        <v>2.7949999999999999</v>
      </c>
      <c r="U7152" s="2">
        <v>2.2599999999999998</v>
      </c>
      <c r="V7152" s="2">
        <v>16.7</v>
      </c>
      <c r="W7152" s="2">
        <v>118.9</v>
      </c>
      <c r="X7152" s="2">
        <v>7.6</v>
      </c>
      <c r="Y7152" s="2">
        <v>16.7</v>
      </c>
      <c r="Z7152" s="5"/>
      <c r="AA7152" s="5" t="s">
        <v>43</v>
      </c>
      <c r="AB7152" s="5" t="s">
        <v>44</v>
      </c>
      <c r="AC7152" s="2"/>
      <c r="AD7152" s="1"/>
    </row>
    <row r="7153" spans="1:30">
      <c r="A7153" s="5" t="s">
        <v>83578</v>
      </c>
      <c r="B7153" s="2" t="s">
        <v>105578</v>
      </c>
      <c r="C7153" s="14" t="s">
        <v>105579</v>
      </c>
      <c r="D7153" s="2" t="s">
        <v>105580</v>
      </c>
      <c r="E7153" s="2" t="s">
        <v>16219</v>
      </c>
      <c r="F7153" s="8">
        <v>272</v>
      </c>
      <c r="G7153" s="5">
        <v>6</v>
      </c>
      <c r="H7153" s="5" t="s">
        <v>1518</v>
      </c>
      <c r="I7153" s="5" t="s">
        <v>69038</v>
      </c>
      <c r="J7153" s="2" t="s">
        <v>69039</v>
      </c>
      <c r="K7153" s="5" t="s">
        <v>69038</v>
      </c>
      <c r="L7153" s="2" t="s">
        <v>69039</v>
      </c>
      <c r="M7153" s="5" t="s">
        <v>1521</v>
      </c>
      <c r="N7153" s="5" t="s">
        <v>38</v>
      </c>
      <c r="O7153" s="5" t="s">
        <v>39</v>
      </c>
      <c r="P7153" s="5" t="s">
        <v>40</v>
      </c>
      <c r="Q7153" s="5" t="s">
        <v>1522</v>
      </c>
      <c r="R7153" s="5" t="s">
        <v>1523</v>
      </c>
      <c r="S7153" s="5" t="s">
        <v>42</v>
      </c>
      <c r="T7153" s="2">
        <v>2.7949999999999999</v>
      </c>
      <c r="U7153" s="2">
        <v>2.2599999999999998</v>
      </c>
      <c r="V7153" s="2">
        <v>16.7</v>
      </c>
      <c r="W7153" s="2">
        <v>118.9</v>
      </c>
      <c r="X7153" s="2">
        <v>7.6</v>
      </c>
      <c r="Y7153" s="2">
        <v>16.7</v>
      </c>
      <c r="Z7153" s="5"/>
      <c r="AA7153" s="5" t="s">
        <v>43</v>
      </c>
      <c r="AB7153" s="5" t="s">
        <v>44</v>
      </c>
      <c r="AC7153" s="2"/>
      <c r="AD7153" s="1"/>
    </row>
    <row r="7154" spans="1:30">
      <c r="A7154" s="5" t="s">
        <v>83578</v>
      </c>
      <c r="B7154" s="2" t="s">
        <v>105581</v>
      </c>
      <c r="C7154" s="14" t="s">
        <v>105582</v>
      </c>
      <c r="D7154" s="2" t="s">
        <v>105583</v>
      </c>
      <c r="E7154" s="2" t="s">
        <v>7528</v>
      </c>
      <c r="F7154" s="8">
        <v>254</v>
      </c>
      <c r="G7154" s="5">
        <v>6</v>
      </c>
      <c r="H7154" s="5" t="s">
        <v>1518</v>
      </c>
      <c r="I7154" s="5" t="s">
        <v>69038</v>
      </c>
      <c r="J7154" s="2" t="s">
        <v>69039</v>
      </c>
      <c r="K7154" s="5" t="s">
        <v>69038</v>
      </c>
      <c r="L7154" s="2" t="s">
        <v>69039</v>
      </c>
      <c r="M7154" s="5" t="s">
        <v>1521</v>
      </c>
      <c r="N7154" s="5" t="s">
        <v>38</v>
      </c>
      <c r="O7154" s="5" t="s">
        <v>39</v>
      </c>
      <c r="P7154" s="5" t="s">
        <v>40</v>
      </c>
      <c r="Q7154" s="5" t="s">
        <v>1522</v>
      </c>
      <c r="R7154" s="5" t="s">
        <v>1523</v>
      </c>
      <c r="S7154" s="5" t="s">
        <v>42</v>
      </c>
      <c r="T7154" s="2">
        <v>2.7949999999999999</v>
      </c>
      <c r="U7154" s="2">
        <v>2.2599999999999998</v>
      </c>
      <c r="V7154" s="2">
        <v>16.7</v>
      </c>
      <c r="W7154" s="2">
        <v>118.9</v>
      </c>
      <c r="X7154" s="2">
        <v>7.6</v>
      </c>
      <c r="Y7154" s="2">
        <v>16.7</v>
      </c>
      <c r="Z7154" s="5"/>
      <c r="AA7154" s="5" t="s">
        <v>43</v>
      </c>
      <c r="AB7154" s="5" t="s">
        <v>44</v>
      </c>
      <c r="AC7154" s="2"/>
      <c r="AD7154" s="1"/>
    </row>
    <row r="7155" spans="1:30">
      <c r="A7155" s="5" t="s">
        <v>83578</v>
      </c>
      <c r="B7155" s="2" t="s">
        <v>105584</v>
      </c>
      <c r="C7155" s="14" t="s">
        <v>105585</v>
      </c>
      <c r="D7155" s="2" t="s">
        <v>105586</v>
      </c>
      <c r="E7155" s="2" t="s">
        <v>7406</v>
      </c>
      <c r="F7155" s="8">
        <v>272</v>
      </c>
      <c r="G7155" s="5">
        <v>6</v>
      </c>
      <c r="H7155" s="5" t="s">
        <v>1518</v>
      </c>
      <c r="I7155" s="5" t="s">
        <v>69038</v>
      </c>
      <c r="J7155" s="2" t="s">
        <v>69039</v>
      </c>
      <c r="K7155" s="5" t="s">
        <v>69038</v>
      </c>
      <c r="L7155" s="2" t="s">
        <v>69039</v>
      </c>
      <c r="M7155" s="5" t="s">
        <v>1521</v>
      </c>
      <c r="N7155" s="5" t="s">
        <v>38</v>
      </c>
      <c r="O7155" s="5" t="s">
        <v>39</v>
      </c>
      <c r="P7155" s="5" t="s">
        <v>40</v>
      </c>
      <c r="Q7155" s="5" t="s">
        <v>1522</v>
      </c>
      <c r="R7155" s="5" t="s">
        <v>1523</v>
      </c>
      <c r="S7155" s="5" t="s">
        <v>42</v>
      </c>
      <c r="T7155" s="2">
        <v>2.8759999999999999</v>
      </c>
      <c r="U7155" s="2">
        <v>2.3490000000000002</v>
      </c>
      <c r="V7155" s="2">
        <v>16.7</v>
      </c>
      <c r="W7155" s="2">
        <v>118.9</v>
      </c>
      <c r="X7155" s="2">
        <v>7.6</v>
      </c>
      <c r="Y7155" s="2">
        <v>16.7</v>
      </c>
      <c r="Z7155" s="5"/>
      <c r="AA7155" s="5" t="s">
        <v>43</v>
      </c>
      <c r="AB7155" s="5" t="s">
        <v>44</v>
      </c>
      <c r="AC7155" s="2"/>
      <c r="AD7155" s="1"/>
    </row>
    <row r="7156" spans="1:30">
      <c r="A7156" s="5" t="s">
        <v>83578</v>
      </c>
      <c r="B7156" s="2" t="s">
        <v>105587</v>
      </c>
      <c r="C7156" s="14" t="s">
        <v>105588</v>
      </c>
      <c r="D7156" s="2" t="s">
        <v>105589</v>
      </c>
      <c r="E7156" s="2" t="s">
        <v>7535</v>
      </c>
      <c r="F7156" s="8">
        <v>272</v>
      </c>
      <c r="G7156" s="5">
        <v>6</v>
      </c>
      <c r="H7156" s="5" t="s">
        <v>1518</v>
      </c>
      <c r="I7156" s="5" t="s">
        <v>69038</v>
      </c>
      <c r="J7156" s="2" t="s">
        <v>69039</v>
      </c>
      <c r="K7156" s="5" t="s">
        <v>69038</v>
      </c>
      <c r="L7156" s="2" t="s">
        <v>69039</v>
      </c>
      <c r="M7156" s="5" t="s">
        <v>1521</v>
      </c>
      <c r="N7156" s="5" t="s">
        <v>38</v>
      </c>
      <c r="O7156" s="5" t="s">
        <v>39</v>
      </c>
      <c r="P7156" s="5" t="s">
        <v>40</v>
      </c>
      <c r="Q7156" s="5" t="s">
        <v>1522</v>
      </c>
      <c r="R7156" s="5" t="s">
        <v>1523</v>
      </c>
      <c r="S7156" s="5" t="s">
        <v>42</v>
      </c>
      <c r="T7156" s="2">
        <v>2.9620000000000002</v>
      </c>
      <c r="U7156" s="2">
        <v>2.4350000000000001</v>
      </c>
      <c r="V7156" s="2">
        <v>16.7</v>
      </c>
      <c r="W7156" s="2">
        <v>118.9</v>
      </c>
      <c r="X7156" s="2">
        <v>7.6</v>
      </c>
      <c r="Y7156" s="2">
        <v>16.7</v>
      </c>
      <c r="Z7156" s="5"/>
      <c r="AA7156" s="5" t="s">
        <v>43</v>
      </c>
      <c r="AB7156" s="5" t="s">
        <v>44</v>
      </c>
      <c r="AC7156" s="2"/>
      <c r="AD7156" s="1"/>
    </row>
    <row r="7157" spans="1:30">
      <c r="A7157" s="5" t="s">
        <v>83578</v>
      </c>
      <c r="B7157" s="2" t="s">
        <v>105590</v>
      </c>
      <c r="C7157" s="14" t="s">
        <v>105591</v>
      </c>
      <c r="D7157" s="2" t="s">
        <v>105592</v>
      </c>
      <c r="E7157" s="2" t="s">
        <v>7543</v>
      </c>
      <c r="F7157" s="8">
        <v>272</v>
      </c>
      <c r="G7157" s="5">
        <v>6</v>
      </c>
      <c r="H7157" s="5" t="s">
        <v>1518</v>
      </c>
      <c r="I7157" s="5" t="s">
        <v>69038</v>
      </c>
      <c r="J7157" s="2" t="s">
        <v>69039</v>
      </c>
      <c r="K7157" s="5" t="s">
        <v>69038</v>
      </c>
      <c r="L7157" s="2" t="s">
        <v>69039</v>
      </c>
      <c r="M7157" s="5" t="s">
        <v>1521</v>
      </c>
      <c r="N7157" s="5" t="s">
        <v>38</v>
      </c>
      <c r="O7157" s="5" t="s">
        <v>39</v>
      </c>
      <c r="P7157" s="5" t="s">
        <v>40</v>
      </c>
      <c r="Q7157" s="5" t="s">
        <v>1522</v>
      </c>
      <c r="R7157" s="5" t="s">
        <v>1523</v>
      </c>
      <c r="S7157" s="5" t="s">
        <v>42</v>
      </c>
      <c r="T7157" s="2">
        <v>2.9620000000000002</v>
      </c>
      <c r="U7157" s="2">
        <v>2.4350000000000001</v>
      </c>
      <c r="V7157" s="2">
        <v>16.7</v>
      </c>
      <c r="W7157" s="2">
        <v>118.9</v>
      </c>
      <c r="X7157" s="2">
        <v>7.6</v>
      </c>
      <c r="Y7157" s="2">
        <v>16.7</v>
      </c>
      <c r="Z7157" s="5"/>
      <c r="AA7157" s="5" t="s">
        <v>43</v>
      </c>
      <c r="AB7157" s="5" t="s">
        <v>44</v>
      </c>
      <c r="AC7157" s="2"/>
      <c r="AD7157" s="1"/>
    </row>
    <row r="7158" spans="1:30">
      <c r="A7158" s="5" t="s">
        <v>83578</v>
      </c>
      <c r="B7158" s="2" t="s">
        <v>105593</v>
      </c>
      <c r="C7158" s="14" t="s">
        <v>105594</v>
      </c>
      <c r="D7158" s="2" t="s">
        <v>105595</v>
      </c>
      <c r="E7158" s="2" t="s">
        <v>7396</v>
      </c>
      <c r="F7158" s="8">
        <v>254</v>
      </c>
      <c r="G7158" s="5">
        <v>6</v>
      </c>
      <c r="H7158" s="5" t="s">
        <v>1518</v>
      </c>
      <c r="I7158" s="5" t="s">
        <v>69038</v>
      </c>
      <c r="J7158" s="2" t="s">
        <v>69039</v>
      </c>
      <c r="K7158" s="5" t="s">
        <v>69038</v>
      </c>
      <c r="L7158" s="2" t="s">
        <v>69039</v>
      </c>
      <c r="M7158" s="5" t="s">
        <v>1521</v>
      </c>
      <c r="N7158" s="5" t="s">
        <v>38</v>
      </c>
      <c r="O7158" s="5" t="s">
        <v>39</v>
      </c>
      <c r="P7158" s="5" t="s">
        <v>40</v>
      </c>
      <c r="Q7158" s="5" t="s">
        <v>1522</v>
      </c>
      <c r="R7158" s="5" t="s">
        <v>1523</v>
      </c>
      <c r="S7158" s="5" t="s">
        <v>42</v>
      </c>
      <c r="T7158" s="2">
        <v>2.8759999999999999</v>
      </c>
      <c r="U7158" s="2">
        <v>2.3490000000000002</v>
      </c>
      <c r="V7158" s="2">
        <v>16.7</v>
      </c>
      <c r="W7158" s="2">
        <v>118.9</v>
      </c>
      <c r="X7158" s="2">
        <v>7.6</v>
      </c>
      <c r="Y7158" s="2">
        <v>16.7</v>
      </c>
      <c r="Z7158" s="5"/>
      <c r="AA7158" s="5" t="s">
        <v>43</v>
      </c>
      <c r="AB7158" s="5" t="s">
        <v>44</v>
      </c>
      <c r="AC7158" s="2"/>
      <c r="AD7158" s="1"/>
    </row>
    <row r="7159" spans="1:30">
      <c r="A7159" s="5" t="s">
        <v>83578</v>
      </c>
      <c r="B7159" s="2" t="s">
        <v>105596</v>
      </c>
      <c r="C7159" s="14" t="s">
        <v>105597</v>
      </c>
      <c r="D7159" s="2" t="s">
        <v>105598</v>
      </c>
      <c r="E7159" s="2" t="s">
        <v>7547</v>
      </c>
      <c r="F7159" s="8">
        <v>272</v>
      </c>
      <c r="G7159" s="5">
        <v>6</v>
      </c>
      <c r="H7159" s="5" t="s">
        <v>1518</v>
      </c>
      <c r="I7159" s="5" t="s">
        <v>69038</v>
      </c>
      <c r="J7159" s="2" t="s">
        <v>69039</v>
      </c>
      <c r="K7159" s="5" t="s">
        <v>69038</v>
      </c>
      <c r="L7159" s="2" t="s">
        <v>69039</v>
      </c>
      <c r="M7159" s="5" t="s">
        <v>1521</v>
      </c>
      <c r="N7159" s="5" t="s">
        <v>38</v>
      </c>
      <c r="O7159" s="5" t="s">
        <v>39</v>
      </c>
      <c r="P7159" s="5" t="s">
        <v>40</v>
      </c>
      <c r="Q7159" s="5" t="s">
        <v>1522</v>
      </c>
      <c r="R7159" s="5" t="s">
        <v>1523</v>
      </c>
      <c r="S7159" s="5" t="s">
        <v>42</v>
      </c>
      <c r="T7159" s="2">
        <v>2.8759999999999999</v>
      </c>
      <c r="U7159" s="2">
        <v>2.3490000000000002</v>
      </c>
      <c r="V7159" s="2">
        <v>16.7</v>
      </c>
      <c r="W7159" s="2">
        <v>118.9</v>
      </c>
      <c r="X7159" s="2">
        <v>7.6</v>
      </c>
      <c r="Y7159" s="2">
        <v>16.7</v>
      </c>
      <c r="Z7159" s="5"/>
      <c r="AA7159" s="5" t="s">
        <v>43</v>
      </c>
      <c r="AB7159" s="5" t="s">
        <v>44</v>
      </c>
      <c r="AC7159" s="2"/>
      <c r="AD7159" s="1"/>
    </row>
    <row r="7160" spans="1:30">
      <c r="A7160" s="5" t="s">
        <v>83578</v>
      </c>
      <c r="B7160" s="2" t="s">
        <v>105599</v>
      </c>
      <c r="C7160" s="14" t="s">
        <v>105600</v>
      </c>
      <c r="D7160" s="2" t="s">
        <v>105601</v>
      </c>
      <c r="E7160" s="2" t="s">
        <v>7551</v>
      </c>
      <c r="F7160" s="8">
        <v>272</v>
      </c>
      <c r="G7160" s="5">
        <v>6</v>
      </c>
      <c r="H7160" s="5" t="s">
        <v>1518</v>
      </c>
      <c r="I7160" s="5" t="s">
        <v>69038</v>
      </c>
      <c r="J7160" s="2" t="s">
        <v>69039</v>
      </c>
      <c r="K7160" s="5" t="s">
        <v>69038</v>
      </c>
      <c r="L7160" s="2" t="s">
        <v>69039</v>
      </c>
      <c r="M7160" s="5" t="s">
        <v>1521</v>
      </c>
      <c r="N7160" s="5" t="s">
        <v>38</v>
      </c>
      <c r="O7160" s="5" t="s">
        <v>39</v>
      </c>
      <c r="P7160" s="5" t="s">
        <v>40</v>
      </c>
      <c r="Q7160" s="5" t="s">
        <v>1522</v>
      </c>
      <c r="R7160" s="5" t="s">
        <v>1523</v>
      </c>
      <c r="S7160" s="5" t="s">
        <v>42</v>
      </c>
      <c r="T7160" s="2">
        <v>2.9620000000000002</v>
      </c>
      <c r="U7160" s="2">
        <v>2.4350000000000001</v>
      </c>
      <c r="V7160" s="2">
        <v>16.7</v>
      </c>
      <c r="W7160" s="2">
        <v>118.9</v>
      </c>
      <c r="X7160" s="2">
        <v>7.6</v>
      </c>
      <c r="Y7160" s="2">
        <v>16.7</v>
      </c>
      <c r="Z7160" s="5"/>
      <c r="AA7160" s="5" t="s">
        <v>43</v>
      </c>
      <c r="AB7160" s="5" t="s">
        <v>44</v>
      </c>
      <c r="AC7160" s="2"/>
      <c r="AD7160" s="1"/>
    </row>
    <row r="7161" spans="1:30">
      <c r="A7161" s="5" t="s">
        <v>83578</v>
      </c>
      <c r="B7161" s="2" t="s">
        <v>105602</v>
      </c>
      <c r="C7161" s="14" t="s">
        <v>105603</v>
      </c>
      <c r="D7161" s="2" t="s">
        <v>105604</v>
      </c>
      <c r="E7161" s="2" t="s">
        <v>7567</v>
      </c>
      <c r="F7161" s="8">
        <v>272</v>
      </c>
      <c r="G7161" s="5">
        <v>6</v>
      </c>
      <c r="H7161" s="5" t="s">
        <v>1518</v>
      </c>
      <c r="I7161" s="5" t="s">
        <v>69038</v>
      </c>
      <c r="J7161" s="2" t="s">
        <v>69039</v>
      </c>
      <c r="K7161" s="5" t="s">
        <v>69038</v>
      </c>
      <c r="L7161" s="2" t="s">
        <v>69039</v>
      </c>
      <c r="M7161" s="5" t="s">
        <v>1521</v>
      </c>
      <c r="N7161" s="5" t="s">
        <v>38</v>
      </c>
      <c r="O7161" s="5" t="s">
        <v>39</v>
      </c>
      <c r="P7161" s="5" t="s">
        <v>40</v>
      </c>
      <c r="Q7161" s="5" t="s">
        <v>1522</v>
      </c>
      <c r="R7161" s="5" t="s">
        <v>1523</v>
      </c>
      <c r="S7161" s="5" t="s">
        <v>42</v>
      </c>
      <c r="T7161" s="2">
        <v>2.9620000000000002</v>
      </c>
      <c r="U7161" s="2">
        <v>2.4350000000000001</v>
      </c>
      <c r="V7161" s="2">
        <v>16.7</v>
      </c>
      <c r="W7161" s="2">
        <v>118.9</v>
      </c>
      <c r="X7161" s="2">
        <v>7.6</v>
      </c>
      <c r="Y7161" s="2">
        <v>16.7</v>
      </c>
      <c r="Z7161" s="5"/>
      <c r="AA7161" s="5" t="s">
        <v>43</v>
      </c>
      <c r="AB7161" s="5" t="s">
        <v>44</v>
      </c>
      <c r="AC7161" s="2"/>
      <c r="AD7161" s="1"/>
    </row>
    <row r="7162" spans="1:30">
      <c r="A7162" s="5" t="s">
        <v>83578</v>
      </c>
      <c r="B7162" s="2" t="s">
        <v>105605</v>
      </c>
      <c r="C7162" s="14" t="s">
        <v>105606</v>
      </c>
      <c r="D7162" s="2" t="s">
        <v>105607</v>
      </c>
      <c r="E7162" s="2" t="s">
        <v>7555</v>
      </c>
      <c r="F7162" s="8">
        <v>272</v>
      </c>
      <c r="G7162" s="5">
        <v>6</v>
      </c>
      <c r="H7162" s="5" t="s">
        <v>1518</v>
      </c>
      <c r="I7162" s="5" t="s">
        <v>69038</v>
      </c>
      <c r="J7162" s="2" t="s">
        <v>69039</v>
      </c>
      <c r="K7162" s="5" t="s">
        <v>69038</v>
      </c>
      <c r="L7162" s="2" t="s">
        <v>69039</v>
      </c>
      <c r="M7162" s="5" t="s">
        <v>1521</v>
      </c>
      <c r="N7162" s="5" t="s">
        <v>38</v>
      </c>
      <c r="O7162" s="5" t="s">
        <v>39</v>
      </c>
      <c r="P7162" s="5" t="s">
        <v>40</v>
      </c>
      <c r="Q7162" s="5" t="s">
        <v>1522</v>
      </c>
      <c r="R7162" s="5" t="s">
        <v>1523</v>
      </c>
      <c r="S7162" s="5" t="s">
        <v>42</v>
      </c>
      <c r="T7162" s="2">
        <v>2.8759999999999999</v>
      </c>
      <c r="U7162" s="2">
        <v>2.3490000000000002</v>
      </c>
      <c r="V7162" s="2">
        <v>16.7</v>
      </c>
      <c r="W7162" s="2">
        <v>118.9</v>
      </c>
      <c r="X7162" s="2">
        <v>7.6</v>
      </c>
      <c r="Y7162" s="2">
        <v>16.7</v>
      </c>
      <c r="Z7162" s="5"/>
      <c r="AA7162" s="5" t="s">
        <v>43</v>
      </c>
      <c r="AB7162" s="5" t="s">
        <v>44</v>
      </c>
      <c r="AC7162" s="2"/>
      <c r="AD7162" s="1"/>
    </row>
    <row r="7163" spans="1:30">
      <c r="A7163" s="5" t="s">
        <v>83578</v>
      </c>
      <c r="B7163" s="2" t="s">
        <v>105608</v>
      </c>
      <c r="C7163" s="14" t="s">
        <v>105609</v>
      </c>
      <c r="D7163" s="2" t="s">
        <v>105610</v>
      </c>
      <c r="E7163" s="2" t="s">
        <v>7559</v>
      </c>
      <c r="F7163" s="8">
        <v>272</v>
      </c>
      <c r="G7163" s="5">
        <v>6</v>
      </c>
      <c r="H7163" s="5" t="s">
        <v>1518</v>
      </c>
      <c r="I7163" s="5" t="s">
        <v>69038</v>
      </c>
      <c r="J7163" s="2" t="s">
        <v>69039</v>
      </c>
      <c r="K7163" s="5" t="s">
        <v>69038</v>
      </c>
      <c r="L7163" s="2" t="s">
        <v>69039</v>
      </c>
      <c r="M7163" s="5" t="s">
        <v>1521</v>
      </c>
      <c r="N7163" s="5" t="s">
        <v>38</v>
      </c>
      <c r="O7163" s="5" t="s">
        <v>39</v>
      </c>
      <c r="P7163" s="5" t="s">
        <v>40</v>
      </c>
      <c r="Q7163" s="5" t="s">
        <v>1522</v>
      </c>
      <c r="R7163" s="5" t="s">
        <v>1523</v>
      </c>
      <c r="S7163" s="5" t="s">
        <v>42</v>
      </c>
      <c r="T7163" s="2">
        <v>2.9620000000000002</v>
      </c>
      <c r="U7163" s="2">
        <v>2.4350000000000001</v>
      </c>
      <c r="V7163" s="2">
        <v>16.7</v>
      </c>
      <c r="W7163" s="2">
        <v>118.9</v>
      </c>
      <c r="X7163" s="2">
        <v>7.6</v>
      </c>
      <c r="Y7163" s="2">
        <v>16.7</v>
      </c>
      <c r="Z7163" s="5"/>
      <c r="AA7163" s="5" t="s">
        <v>43</v>
      </c>
      <c r="AB7163" s="5" t="s">
        <v>44</v>
      </c>
      <c r="AC7163" s="2"/>
      <c r="AD7163" s="1"/>
    </row>
    <row r="7164" spans="1:30">
      <c r="A7164" s="5" t="s">
        <v>83578</v>
      </c>
      <c r="B7164" s="2" t="s">
        <v>105611</v>
      </c>
      <c r="C7164" s="14" t="s">
        <v>105612</v>
      </c>
      <c r="D7164" s="2" t="s">
        <v>105613</v>
      </c>
      <c r="E7164" s="2" t="s">
        <v>16079</v>
      </c>
      <c r="F7164" s="8">
        <v>272</v>
      </c>
      <c r="G7164" s="5">
        <v>6</v>
      </c>
      <c r="H7164" s="5" t="s">
        <v>1518</v>
      </c>
      <c r="I7164" s="5" t="s">
        <v>69038</v>
      </c>
      <c r="J7164" s="2" t="s">
        <v>69039</v>
      </c>
      <c r="K7164" s="5" t="s">
        <v>69038</v>
      </c>
      <c r="L7164" s="2" t="s">
        <v>69039</v>
      </c>
      <c r="M7164" s="5" t="s">
        <v>1521</v>
      </c>
      <c r="N7164" s="5" t="s">
        <v>38</v>
      </c>
      <c r="O7164" s="5" t="s">
        <v>39</v>
      </c>
      <c r="P7164" s="5" t="s">
        <v>40</v>
      </c>
      <c r="Q7164" s="5" t="s">
        <v>1522</v>
      </c>
      <c r="R7164" s="5" t="s">
        <v>1523</v>
      </c>
      <c r="S7164" s="5" t="s">
        <v>42</v>
      </c>
      <c r="T7164" s="2">
        <v>2.8759999999999999</v>
      </c>
      <c r="U7164" s="2">
        <v>2.3490000000000002</v>
      </c>
      <c r="V7164" s="2">
        <v>16.7</v>
      </c>
      <c r="W7164" s="2">
        <v>118.9</v>
      </c>
      <c r="X7164" s="2">
        <v>7.6</v>
      </c>
      <c r="Y7164" s="2">
        <v>16.7</v>
      </c>
      <c r="Z7164" s="5"/>
      <c r="AA7164" s="5" t="s">
        <v>43</v>
      </c>
      <c r="AB7164" s="5" t="s">
        <v>44</v>
      </c>
      <c r="AC7164" s="2"/>
      <c r="AD7164" s="1"/>
    </row>
    <row r="7165" spans="1:30">
      <c r="A7165" s="5" t="s">
        <v>83578</v>
      </c>
      <c r="B7165" s="2" t="s">
        <v>105614</v>
      </c>
      <c r="C7165" s="14" t="s">
        <v>105615</v>
      </c>
      <c r="D7165" s="2" t="s">
        <v>105616</v>
      </c>
      <c r="E7165" s="2" t="s">
        <v>16194</v>
      </c>
      <c r="F7165" s="8">
        <v>272</v>
      </c>
      <c r="G7165" s="5">
        <v>6</v>
      </c>
      <c r="H7165" s="5" t="s">
        <v>1518</v>
      </c>
      <c r="I7165" s="5" t="s">
        <v>69038</v>
      </c>
      <c r="J7165" s="2" t="s">
        <v>69039</v>
      </c>
      <c r="K7165" s="5" t="s">
        <v>69038</v>
      </c>
      <c r="L7165" s="2" t="s">
        <v>69039</v>
      </c>
      <c r="M7165" s="5" t="s">
        <v>1521</v>
      </c>
      <c r="N7165" s="5" t="s">
        <v>38</v>
      </c>
      <c r="O7165" s="5" t="s">
        <v>39</v>
      </c>
      <c r="P7165" s="5" t="s">
        <v>40</v>
      </c>
      <c r="Q7165" s="5" t="s">
        <v>1522</v>
      </c>
      <c r="R7165" s="5" t="s">
        <v>1523</v>
      </c>
      <c r="S7165" s="5" t="s">
        <v>42</v>
      </c>
      <c r="T7165" s="2">
        <v>2.9620000000000002</v>
      </c>
      <c r="U7165" s="2">
        <v>2.4350000000000001</v>
      </c>
      <c r="V7165" s="2">
        <v>16.7</v>
      </c>
      <c r="W7165" s="2">
        <v>118.9</v>
      </c>
      <c r="X7165" s="2">
        <v>7.6</v>
      </c>
      <c r="Y7165" s="2">
        <v>16.7</v>
      </c>
      <c r="Z7165" s="5"/>
      <c r="AA7165" s="5" t="s">
        <v>43</v>
      </c>
      <c r="AB7165" s="5" t="s">
        <v>44</v>
      </c>
      <c r="AC7165" s="2"/>
      <c r="AD7165" s="1"/>
    </row>
    <row r="7166" spans="1:30">
      <c r="A7166" s="5" t="s">
        <v>83578</v>
      </c>
      <c r="B7166" s="2" t="s">
        <v>105617</v>
      </c>
      <c r="C7166" s="14" t="s">
        <v>105618</v>
      </c>
      <c r="D7166" s="2" t="s">
        <v>105619</v>
      </c>
      <c r="E7166" s="2" t="s">
        <v>7449</v>
      </c>
      <c r="F7166" s="8">
        <v>272</v>
      </c>
      <c r="G7166" s="5">
        <v>6</v>
      </c>
      <c r="H7166" s="5" t="s">
        <v>1518</v>
      </c>
      <c r="I7166" s="5" t="s">
        <v>69038</v>
      </c>
      <c r="J7166" s="2" t="s">
        <v>69039</v>
      </c>
      <c r="K7166" s="5" t="s">
        <v>69038</v>
      </c>
      <c r="L7166" s="2" t="s">
        <v>69039</v>
      </c>
      <c r="M7166" s="5" t="s">
        <v>1521</v>
      </c>
      <c r="N7166" s="5" t="s">
        <v>38</v>
      </c>
      <c r="O7166" s="5" t="s">
        <v>39</v>
      </c>
      <c r="P7166" s="5" t="s">
        <v>40</v>
      </c>
      <c r="Q7166" s="5" t="s">
        <v>1522</v>
      </c>
      <c r="R7166" s="5" t="s">
        <v>1523</v>
      </c>
      <c r="S7166" s="5" t="s">
        <v>42</v>
      </c>
      <c r="T7166" s="2">
        <v>2.8759999999999999</v>
      </c>
      <c r="U7166" s="2">
        <v>2.3490000000000002</v>
      </c>
      <c r="V7166" s="2">
        <v>16.7</v>
      </c>
      <c r="W7166" s="2">
        <v>118.9</v>
      </c>
      <c r="X7166" s="2">
        <v>7.6</v>
      </c>
      <c r="Y7166" s="2">
        <v>16.7</v>
      </c>
      <c r="Z7166" s="5"/>
      <c r="AA7166" s="5" t="s">
        <v>43</v>
      </c>
      <c r="AB7166" s="5" t="s">
        <v>44</v>
      </c>
      <c r="AC7166" s="2"/>
      <c r="AD7166" s="1"/>
    </row>
    <row r="7167" spans="1:30">
      <c r="A7167" s="5" t="s">
        <v>83578</v>
      </c>
      <c r="B7167" s="2" t="s">
        <v>105620</v>
      </c>
      <c r="C7167" s="14" t="s">
        <v>105621</v>
      </c>
      <c r="D7167" s="2" t="s">
        <v>105622</v>
      </c>
      <c r="E7167" s="2" t="s">
        <v>7581</v>
      </c>
      <c r="F7167" s="8">
        <v>272</v>
      </c>
      <c r="G7167" s="5">
        <v>6</v>
      </c>
      <c r="H7167" s="5" t="s">
        <v>1518</v>
      </c>
      <c r="I7167" s="5" t="s">
        <v>69038</v>
      </c>
      <c r="J7167" s="2" t="s">
        <v>69039</v>
      </c>
      <c r="K7167" s="5" t="s">
        <v>69038</v>
      </c>
      <c r="L7167" s="2" t="s">
        <v>69039</v>
      </c>
      <c r="M7167" s="5" t="s">
        <v>1521</v>
      </c>
      <c r="N7167" s="5" t="s">
        <v>38</v>
      </c>
      <c r="O7167" s="5" t="s">
        <v>39</v>
      </c>
      <c r="P7167" s="5" t="s">
        <v>40</v>
      </c>
      <c r="Q7167" s="5" t="s">
        <v>1522</v>
      </c>
      <c r="R7167" s="5" t="s">
        <v>1523</v>
      </c>
      <c r="S7167" s="5" t="s">
        <v>42</v>
      </c>
      <c r="T7167" s="2">
        <v>2.9620000000000002</v>
      </c>
      <c r="U7167" s="2">
        <v>2.4350000000000001</v>
      </c>
      <c r="V7167" s="2">
        <v>16.7</v>
      </c>
      <c r="W7167" s="2">
        <v>118.9</v>
      </c>
      <c r="X7167" s="2">
        <v>7.6</v>
      </c>
      <c r="Y7167" s="2">
        <v>16.7</v>
      </c>
      <c r="Z7167" s="5"/>
      <c r="AA7167" s="5" t="s">
        <v>43</v>
      </c>
      <c r="AB7167" s="5" t="s">
        <v>44</v>
      </c>
      <c r="AC7167" s="2"/>
      <c r="AD7167" s="1"/>
    </row>
    <row r="7168" spans="1:30">
      <c r="A7168" s="5" t="s">
        <v>83578</v>
      </c>
      <c r="B7168" s="2" t="s">
        <v>105623</v>
      </c>
      <c r="C7168" s="14" t="s">
        <v>105624</v>
      </c>
      <c r="D7168" s="2" t="s">
        <v>105625</v>
      </c>
      <c r="E7168" s="2" t="s">
        <v>7585</v>
      </c>
      <c r="F7168" s="8">
        <v>272</v>
      </c>
      <c r="G7168" s="5">
        <v>6</v>
      </c>
      <c r="H7168" s="5" t="s">
        <v>1518</v>
      </c>
      <c r="I7168" s="5" t="s">
        <v>69038</v>
      </c>
      <c r="J7168" s="2" t="s">
        <v>69039</v>
      </c>
      <c r="K7168" s="5" t="s">
        <v>69038</v>
      </c>
      <c r="L7168" s="2" t="s">
        <v>69039</v>
      </c>
      <c r="M7168" s="5" t="s">
        <v>1521</v>
      </c>
      <c r="N7168" s="5" t="s">
        <v>38</v>
      </c>
      <c r="O7168" s="5" t="s">
        <v>39</v>
      </c>
      <c r="P7168" s="5" t="s">
        <v>40</v>
      </c>
      <c r="Q7168" s="5" t="s">
        <v>1522</v>
      </c>
      <c r="R7168" s="5" t="s">
        <v>1523</v>
      </c>
      <c r="S7168" s="5" t="s">
        <v>42</v>
      </c>
      <c r="T7168" s="2">
        <v>2.8759999999999999</v>
      </c>
      <c r="U7168" s="2">
        <v>2.3490000000000002</v>
      </c>
      <c r="V7168" s="2">
        <v>16.7</v>
      </c>
      <c r="W7168" s="2">
        <v>118.9</v>
      </c>
      <c r="X7168" s="2">
        <v>7.6</v>
      </c>
      <c r="Y7168" s="2">
        <v>16.7</v>
      </c>
      <c r="Z7168" s="5"/>
      <c r="AA7168" s="5" t="s">
        <v>43</v>
      </c>
      <c r="AB7168" s="5" t="s">
        <v>44</v>
      </c>
      <c r="AC7168" s="2"/>
      <c r="AD7168" s="1"/>
    </row>
    <row r="7169" spans="1:30">
      <c r="A7169" s="5" t="s">
        <v>83578</v>
      </c>
      <c r="B7169" s="2" t="s">
        <v>105626</v>
      </c>
      <c r="C7169" s="14" t="s">
        <v>105627</v>
      </c>
      <c r="D7169" s="2" t="s">
        <v>105628</v>
      </c>
      <c r="E7169" s="2" t="s">
        <v>7589</v>
      </c>
      <c r="F7169" s="8">
        <v>272</v>
      </c>
      <c r="G7169" s="5">
        <v>6</v>
      </c>
      <c r="H7169" s="5" t="s">
        <v>1518</v>
      </c>
      <c r="I7169" s="5" t="s">
        <v>69038</v>
      </c>
      <c r="J7169" s="2" t="s">
        <v>69039</v>
      </c>
      <c r="K7169" s="5" t="s">
        <v>69038</v>
      </c>
      <c r="L7169" s="2" t="s">
        <v>69039</v>
      </c>
      <c r="M7169" s="5" t="s">
        <v>1521</v>
      </c>
      <c r="N7169" s="5" t="s">
        <v>38</v>
      </c>
      <c r="O7169" s="5" t="s">
        <v>39</v>
      </c>
      <c r="P7169" s="5" t="s">
        <v>40</v>
      </c>
      <c r="Q7169" s="5" t="s">
        <v>1522</v>
      </c>
      <c r="R7169" s="5" t="s">
        <v>1523</v>
      </c>
      <c r="S7169" s="5" t="s">
        <v>42</v>
      </c>
      <c r="T7169" s="2">
        <v>2.9620000000000002</v>
      </c>
      <c r="U7169" s="2">
        <v>2.4350000000000001</v>
      </c>
      <c r="V7169" s="2">
        <v>16.7</v>
      </c>
      <c r="W7169" s="2">
        <v>118.9</v>
      </c>
      <c r="X7169" s="2">
        <v>7.6</v>
      </c>
      <c r="Y7169" s="2">
        <v>16.7</v>
      </c>
      <c r="Z7169" s="5"/>
      <c r="AA7169" s="5" t="s">
        <v>43</v>
      </c>
      <c r="AB7169" s="5" t="s">
        <v>44</v>
      </c>
      <c r="AC7169" s="2"/>
      <c r="AD7169" s="1"/>
    </row>
    <row r="7170" spans="1:30">
      <c r="A7170" s="5" t="s">
        <v>83578</v>
      </c>
      <c r="B7170" s="2" t="s">
        <v>105629</v>
      </c>
      <c r="C7170" s="14" t="s">
        <v>105630</v>
      </c>
      <c r="D7170" s="2" t="s">
        <v>105631</v>
      </c>
      <c r="E7170" s="2" t="s">
        <v>7593</v>
      </c>
      <c r="F7170" s="8">
        <v>272</v>
      </c>
      <c r="G7170" s="5">
        <v>6</v>
      </c>
      <c r="H7170" s="5" t="s">
        <v>1518</v>
      </c>
      <c r="I7170" s="5" t="s">
        <v>69038</v>
      </c>
      <c r="J7170" s="2" t="s">
        <v>69039</v>
      </c>
      <c r="K7170" s="5" t="s">
        <v>69038</v>
      </c>
      <c r="L7170" s="2" t="s">
        <v>69039</v>
      </c>
      <c r="M7170" s="5" t="s">
        <v>1521</v>
      </c>
      <c r="N7170" s="5" t="s">
        <v>38</v>
      </c>
      <c r="O7170" s="5" t="s">
        <v>39</v>
      </c>
      <c r="P7170" s="5" t="s">
        <v>40</v>
      </c>
      <c r="Q7170" s="5" t="s">
        <v>1522</v>
      </c>
      <c r="R7170" s="5" t="s">
        <v>1523</v>
      </c>
      <c r="S7170" s="5" t="s">
        <v>42</v>
      </c>
      <c r="T7170" s="2">
        <v>2.8759999999999999</v>
      </c>
      <c r="U7170" s="2">
        <v>2.3490000000000002</v>
      </c>
      <c r="V7170" s="2">
        <v>16.7</v>
      </c>
      <c r="W7170" s="2">
        <v>118.9</v>
      </c>
      <c r="X7170" s="2">
        <v>7.6</v>
      </c>
      <c r="Y7170" s="2">
        <v>16.7</v>
      </c>
      <c r="Z7170" s="5"/>
      <c r="AA7170" s="5" t="s">
        <v>43</v>
      </c>
      <c r="AB7170" s="5" t="s">
        <v>44</v>
      </c>
      <c r="AC7170" s="2"/>
      <c r="AD7170" s="1"/>
    </row>
    <row r="7171" spans="1:30">
      <c r="A7171" s="5" t="s">
        <v>83578</v>
      </c>
      <c r="B7171" s="2" t="s">
        <v>105632</v>
      </c>
      <c r="C7171" s="14" t="s">
        <v>105633</v>
      </c>
      <c r="D7171" s="2" t="s">
        <v>105634</v>
      </c>
      <c r="E7171" s="2" t="s">
        <v>7597</v>
      </c>
      <c r="F7171" s="8">
        <v>272</v>
      </c>
      <c r="G7171" s="5">
        <v>6</v>
      </c>
      <c r="H7171" s="5" t="s">
        <v>1518</v>
      </c>
      <c r="I7171" s="5" t="s">
        <v>69038</v>
      </c>
      <c r="J7171" s="2" t="s">
        <v>69039</v>
      </c>
      <c r="K7171" s="5" t="s">
        <v>69038</v>
      </c>
      <c r="L7171" s="2" t="s">
        <v>69039</v>
      </c>
      <c r="M7171" s="5" t="s">
        <v>1521</v>
      </c>
      <c r="N7171" s="5" t="s">
        <v>38</v>
      </c>
      <c r="O7171" s="5" t="s">
        <v>39</v>
      </c>
      <c r="P7171" s="5" t="s">
        <v>40</v>
      </c>
      <c r="Q7171" s="5" t="s">
        <v>1522</v>
      </c>
      <c r="R7171" s="5" t="s">
        <v>1523</v>
      </c>
      <c r="S7171" s="5" t="s">
        <v>42</v>
      </c>
      <c r="T7171" s="2">
        <v>2.9620000000000002</v>
      </c>
      <c r="U7171" s="2">
        <v>2.4350000000000001</v>
      </c>
      <c r="V7171" s="2">
        <v>16.7</v>
      </c>
      <c r="W7171" s="2">
        <v>118.9</v>
      </c>
      <c r="X7171" s="2">
        <v>7.6</v>
      </c>
      <c r="Y7171" s="2">
        <v>16.7</v>
      </c>
      <c r="Z7171" s="5"/>
      <c r="AA7171" s="5" t="s">
        <v>43</v>
      </c>
      <c r="AB7171" s="5" t="s">
        <v>44</v>
      </c>
      <c r="AC7171" s="2"/>
      <c r="AD7171" s="1"/>
    </row>
    <row r="7172" spans="1:30">
      <c r="A7172" s="5" t="s">
        <v>83578</v>
      </c>
      <c r="B7172" s="2" t="s">
        <v>105635</v>
      </c>
      <c r="C7172" s="14" t="s">
        <v>105636</v>
      </c>
      <c r="D7172" s="2" t="s">
        <v>105637</v>
      </c>
      <c r="E7172" s="2" t="s">
        <v>73362</v>
      </c>
      <c r="F7172" s="8">
        <v>272</v>
      </c>
      <c r="G7172" s="5">
        <v>6</v>
      </c>
      <c r="H7172" s="5" t="s">
        <v>1518</v>
      </c>
      <c r="I7172" s="5" t="s">
        <v>69038</v>
      </c>
      <c r="J7172" s="2" t="s">
        <v>69039</v>
      </c>
      <c r="K7172" s="5" t="s">
        <v>69038</v>
      </c>
      <c r="L7172" s="2" t="s">
        <v>69039</v>
      </c>
      <c r="M7172" s="5" t="s">
        <v>1521</v>
      </c>
      <c r="N7172" s="5" t="s">
        <v>38</v>
      </c>
      <c r="O7172" s="5" t="s">
        <v>39</v>
      </c>
      <c r="P7172" s="5" t="s">
        <v>40</v>
      </c>
      <c r="Q7172" s="5" t="s">
        <v>1522</v>
      </c>
      <c r="R7172" s="5" t="s">
        <v>1523</v>
      </c>
      <c r="S7172" s="5" t="s">
        <v>42</v>
      </c>
      <c r="T7172" s="2">
        <v>2.9620000000000002</v>
      </c>
      <c r="U7172" s="2">
        <v>2.4350000000000001</v>
      </c>
      <c r="V7172" s="2">
        <v>16.7</v>
      </c>
      <c r="W7172" s="2">
        <v>118.9</v>
      </c>
      <c r="X7172" s="2">
        <v>7.6</v>
      </c>
      <c r="Y7172" s="2">
        <v>16.7</v>
      </c>
      <c r="Z7172" s="5"/>
      <c r="AA7172" s="5" t="s">
        <v>43</v>
      </c>
      <c r="AB7172" s="5" t="s">
        <v>44</v>
      </c>
      <c r="AC7172" s="2"/>
      <c r="AD7172" s="1"/>
    </row>
    <row r="7173" spans="1:30">
      <c r="A7173" s="5" t="s">
        <v>83578</v>
      </c>
      <c r="B7173" s="2" t="s">
        <v>105638</v>
      </c>
      <c r="C7173" s="14" t="s">
        <v>105639</v>
      </c>
      <c r="D7173" s="2" t="s">
        <v>105640</v>
      </c>
      <c r="E7173" s="2" t="s">
        <v>7615</v>
      </c>
      <c r="F7173" s="8">
        <v>272</v>
      </c>
      <c r="G7173" s="5">
        <v>6</v>
      </c>
      <c r="H7173" s="5" t="s">
        <v>1518</v>
      </c>
      <c r="I7173" s="5" t="s">
        <v>69038</v>
      </c>
      <c r="J7173" s="2" t="s">
        <v>69039</v>
      </c>
      <c r="K7173" s="5" t="s">
        <v>69038</v>
      </c>
      <c r="L7173" s="2" t="s">
        <v>69039</v>
      </c>
      <c r="M7173" s="5" t="s">
        <v>1521</v>
      </c>
      <c r="N7173" s="5" t="s">
        <v>38</v>
      </c>
      <c r="O7173" s="5" t="s">
        <v>39</v>
      </c>
      <c r="P7173" s="5" t="s">
        <v>40</v>
      </c>
      <c r="Q7173" s="5" t="s">
        <v>1522</v>
      </c>
      <c r="R7173" s="5" t="s">
        <v>1523</v>
      </c>
      <c r="S7173" s="5" t="s">
        <v>42</v>
      </c>
      <c r="T7173" s="2">
        <v>2.8759999999999999</v>
      </c>
      <c r="U7173" s="2">
        <v>2.3490000000000002</v>
      </c>
      <c r="V7173" s="2">
        <v>16.7</v>
      </c>
      <c r="W7173" s="2">
        <v>118.9</v>
      </c>
      <c r="X7173" s="2">
        <v>7.6</v>
      </c>
      <c r="Y7173" s="2">
        <v>16.7</v>
      </c>
      <c r="Z7173" s="5"/>
      <c r="AA7173" s="5" t="s">
        <v>43</v>
      </c>
      <c r="AB7173" s="5" t="s">
        <v>44</v>
      </c>
      <c r="AC7173" s="2"/>
      <c r="AD7173" s="1"/>
    </row>
    <row r="7174" spans="1:30">
      <c r="A7174" s="5" t="s">
        <v>83578</v>
      </c>
      <c r="B7174" s="2" t="s">
        <v>105641</v>
      </c>
      <c r="C7174" s="14" t="s">
        <v>105642</v>
      </c>
      <c r="D7174" s="2" t="s">
        <v>105643</v>
      </c>
      <c r="E7174" s="2" t="s">
        <v>16014</v>
      </c>
      <c r="F7174" s="8">
        <v>272</v>
      </c>
      <c r="G7174" s="5">
        <v>6</v>
      </c>
      <c r="H7174" s="5" t="s">
        <v>1518</v>
      </c>
      <c r="I7174" s="5" t="s">
        <v>69038</v>
      </c>
      <c r="J7174" s="2" t="s">
        <v>69039</v>
      </c>
      <c r="K7174" s="5" t="s">
        <v>69038</v>
      </c>
      <c r="L7174" s="2" t="s">
        <v>69039</v>
      </c>
      <c r="M7174" s="5" t="s">
        <v>1521</v>
      </c>
      <c r="N7174" s="5" t="s">
        <v>38</v>
      </c>
      <c r="O7174" s="5" t="s">
        <v>39</v>
      </c>
      <c r="P7174" s="5" t="s">
        <v>40</v>
      </c>
      <c r="Q7174" s="5" t="s">
        <v>1522</v>
      </c>
      <c r="R7174" s="5" t="s">
        <v>1523</v>
      </c>
      <c r="S7174" s="5" t="s">
        <v>42</v>
      </c>
      <c r="T7174" s="2">
        <v>2.8759999999999999</v>
      </c>
      <c r="U7174" s="2">
        <v>2.3490000000000002</v>
      </c>
      <c r="V7174" s="2">
        <v>16.7</v>
      </c>
      <c r="W7174" s="2">
        <v>118.9</v>
      </c>
      <c r="X7174" s="2">
        <v>7.6</v>
      </c>
      <c r="Y7174" s="2">
        <v>16.7</v>
      </c>
      <c r="Z7174" s="5"/>
      <c r="AA7174" s="5" t="s">
        <v>43</v>
      </c>
      <c r="AB7174" s="5" t="s">
        <v>44</v>
      </c>
      <c r="AC7174" s="2"/>
      <c r="AD7174" s="1"/>
    </row>
    <row r="7175" spans="1:30">
      <c r="A7175" s="5" t="s">
        <v>83578</v>
      </c>
      <c r="B7175" s="2" t="s">
        <v>105644</v>
      </c>
      <c r="C7175" s="14" t="s">
        <v>105645</v>
      </c>
      <c r="D7175" s="2" t="s">
        <v>105646</v>
      </c>
      <c r="E7175" s="2" t="s">
        <v>16219</v>
      </c>
      <c r="F7175" s="8">
        <v>272</v>
      </c>
      <c r="G7175" s="5">
        <v>6</v>
      </c>
      <c r="H7175" s="5" t="s">
        <v>1518</v>
      </c>
      <c r="I7175" s="5" t="s">
        <v>69038</v>
      </c>
      <c r="J7175" s="2" t="s">
        <v>69039</v>
      </c>
      <c r="K7175" s="5" t="s">
        <v>69038</v>
      </c>
      <c r="L7175" s="2" t="s">
        <v>69039</v>
      </c>
      <c r="M7175" s="5" t="s">
        <v>1521</v>
      </c>
      <c r="N7175" s="5" t="s">
        <v>38</v>
      </c>
      <c r="O7175" s="5" t="s">
        <v>39</v>
      </c>
      <c r="P7175" s="5" t="s">
        <v>40</v>
      </c>
      <c r="Q7175" s="5" t="s">
        <v>1522</v>
      </c>
      <c r="R7175" s="5" t="s">
        <v>1523</v>
      </c>
      <c r="S7175" s="5" t="s">
        <v>42</v>
      </c>
      <c r="T7175" s="2">
        <v>2.9620000000000002</v>
      </c>
      <c r="U7175" s="2">
        <v>2.4350000000000001</v>
      </c>
      <c r="V7175" s="2">
        <v>16.7</v>
      </c>
      <c r="W7175" s="2">
        <v>118.9</v>
      </c>
      <c r="X7175" s="2">
        <v>7.6</v>
      </c>
      <c r="Y7175" s="2">
        <v>16.7</v>
      </c>
      <c r="Z7175" s="5"/>
      <c r="AA7175" s="5" t="s">
        <v>43</v>
      </c>
      <c r="AB7175" s="5" t="s">
        <v>44</v>
      </c>
      <c r="AC7175" s="2"/>
      <c r="AD7175" s="1"/>
    </row>
    <row r="7176" spans="1:30">
      <c r="A7176" s="5" t="s">
        <v>83578</v>
      </c>
      <c r="B7176" s="2" t="s">
        <v>105647</v>
      </c>
      <c r="C7176" s="14" t="s">
        <v>105648</v>
      </c>
      <c r="D7176" s="2" t="s">
        <v>105649</v>
      </c>
      <c r="E7176" s="2" t="s">
        <v>7212</v>
      </c>
      <c r="F7176" s="8">
        <v>254</v>
      </c>
      <c r="G7176" s="5">
        <v>6</v>
      </c>
      <c r="H7176" s="5" t="s">
        <v>1518</v>
      </c>
      <c r="I7176" s="5" t="s">
        <v>69038</v>
      </c>
      <c r="J7176" s="2" t="s">
        <v>69039</v>
      </c>
      <c r="K7176" s="5" t="s">
        <v>69038</v>
      </c>
      <c r="L7176" s="2" t="s">
        <v>69039</v>
      </c>
      <c r="M7176" s="5" t="s">
        <v>1521</v>
      </c>
      <c r="N7176" s="5" t="s">
        <v>38</v>
      </c>
      <c r="O7176" s="5" t="s">
        <v>39</v>
      </c>
      <c r="P7176" s="5" t="s">
        <v>40</v>
      </c>
      <c r="Q7176" s="5" t="s">
        <v>1522</v>
      </c>
      <c r="R7176" s="5" t="s">
        <v>1523</v>
      </c>
      <c r="S7176" s="5" t="s">
        <v>42</v>
      </c>
      <c r="T7176" s="2">
        <v>2.8759999999999999</v>
      </c>
      <c r="U7176" s="2">
        <v>2.3490000000000002</v>
      </c>
      <c r="V7176" s="2">
        <v>16.7</v>
      </c>
      <c r="W7176" s="2">
        <v>118.9</v>
      </c>
      <c r="X7176" s="2">
        <v>7.6</v>
      </c>
      <c r="Y7176" s="2">
        <v>16.7</v>
      </c>
      <c r="Z7176" s="5"/>
      <c r="AA7176" s="5" t="s">
        <v>43</v>
      </c>
      <c r="AB7176" s="5" t="s">
        <v>44</v>
      </c>
      <c r="AC7176" s="2"/>
      <c r="AD7176" s="1"/>
    </row>
    <row r="7177" spans="1:30">
      <c r="A7177" s="5" t="s">
        <v>83578</v>
      </c>
      <c r="B7177" s="2" t="s">
        <v>105650</v>
      </c>
      <c r="C7177" s="14" t="s">
        <v>105651</v>
      </c>
      <c r="D7177" s="2" t="s">
        <v>105652</v>
      </c>
      <c r="E7177" s="2" t="s">
        <v>7528</v>
      </c>
      <c r="F7177" s="8">
        <v>254</v>
      </c>
      <c r="G7177" s="5">
        <v>6</v>
      </c>
      <c r="H7177" s="5" t="s">
        <v>1518</v>
      </c>
      <c r="I7177" s="5" t="s">
        <v>69038</v>
      </c>
      <c r="J7177" s="2" t="s">
        <v>69039</v>
      </c>
      <c r="K7177" s="5" t="s">
        <v>69038</v>
      </c>
      <c r="L7177" s="2" t="s">
        <v>69039</v>
      </c>
      <c r="M7177" s="5" t="s">
        <v>1521</v>
      </c>
      <c r="N7177" s="5" t="s">
        <v>38</v>
      </c>
      <c r="O7177" s="5" t="s">
        <v>39</v>
      </c>
      <c r="P7177" s="5" t="s">
        <v>40</v>
      </c>
      <c r="Q7177" s="5" t="s">
        <v>1522</v>
      </c>
      <c r="R7177" s="5" t="s">
        <v>1523</v>
      </c>
      <c r="S7177" s="5" t="s">
        <v>42</v>
      </c>
      <c r="T7177" s="2">
        <v>2.9620000000000002</v>
      </c>
      <c r="U7177" s="2">
        <v>2.4350000000000001</v>
      </c>
      <c r="V7177" s="2">
        <v>16.7</v>
      </c>
      <c r="W7177" s="2">
        <v>118.9</v>
      </c>
      <c r="X7177" s="2">
        <v>7.6</v>
      </c>
      <c r="Y7177" s="2">
        <v>16.7</v>
      </c>
      <c r="Z7177" s="5"/>
      <c r="AA7177" s="5" t="s">
        <v>43</v>
      </c>
      <c r="AB7177" s="5" t="s">
        <v>44</v>
      </c>
      <c r="AC7177" s="2"/>
      <c r="AD7177" s="1"/>
    </row>
    <row r="7178" spans="1:30">
      <c r="A7178" s="5" t="s">
        <v>83578</v>
      </c>
      <c r="B7178" s="2" t="s">
        <v>105653</v>
      </c>
      <c r="C7178" s="14" t="s">
        <v>105654</v>
      </c>
      <c r="D7178" s="2" t="s">
        <v>105655</v>
      </c>
      <c r="E7178" s="2" t="s">
        <v>7208</v>
      </c>
      <c r="F7178" s="8">
        <v>263</v>
      </c>
      <c r="G7178" s="5">
        <v>6</v>
      </c>
      <c r="H7178" s="5" t="s">
        <v>1518</v>
      </c>
      <c r="I7178" s="5" t="s">
        <v>69038</v>
      </c>
      <c r="J7178" s="2" t="s">
        <v>69039</v>
      </c>
      <c r="K7178" s="5" t="s">
        <v>69038</v>
      </c>
      <c r="L7178" s="2" t="s">
        <v>69039</v>
      </c>
      <c r="M7178" s="5" t="s">
        <v>1521</v>
      </c>
      <c r="N7178" s="5" t="s">
        <v>38</v>
      </c>
      <c r="O7178" s="5" t="s">
        <v>39</v>
      </c>
      <c r="P7178" s="5" t="s">
        <v>40</v>
      </c>
      <c r="Q7178" s="5" t="s">
        <v>1522</v>
      </c>
      <c r="R7178" s="5" t="s">
        <v>1523</v>
      </c>
      <c r="S7178" s="5" t="s">
        <v>42</v>
      </c>
      <c r="T7178" s="2">
        <v>3.0339999999999998</v>
      </c>
      <c r="U7178" s="2">
        <v>2.516</v>
      </c>
      <c r="V7178" s="2">
        <v>16.7</v>
      </c>
      <c r="W7178" s="2">
        <v>118.9</v>
      </c>
      <c r="X7178" s="2">
        <v>7.6</v>
      </c>
      <c r="Y7178" s="2">
        <v>16.7</v>
      </c>
      <c r="Z7178" s="5"/>
      <c r="AA7178" s="5" t="s">
        <v>43</v>
      </c>
      <c r="AB7178" s="5" t="s">
        <v>44</v>
      </c>
      <c r="AC7178" s="2"/>
      <c r="AD7178" s="1"/>
    </row>
    <row r="7179" spans="1:30">
      <c r="A7179" s="5" t="s">
        <v>83578</v>
      </c>
      <c r="B7179" s="2" t="s">
        <v>105656</v>
      </c>
      <c r="C7179" s="14" t="s">
        <v>105657</v>
      </c>
      <c r="D7179" s="2" t="s">
        <v>105658</v>
      </c>
      <c r="E7179" s="2" t="s">
        <v>7521</v>
      </c>
      <c r="F7179" s="8">
        <v>263</v>
      </c>
      <c r="G7179" s="5">
        <v>6</v>
      </c>
      <c r="H7179" s="5" t="s">
        <v>1518</v>
      </c>
      <c r="I7179" s="5" t="s">
        <v>69038</v>
      </c>
      <c r="J7179" s="2" t="s">
        <v>69039</v>
      </c>
      <c r="K7179" s="5" t="s">
        <v>69038</v>
      </c>
      <c r="L7179" s="2" t="s">
        <v>69039</v>
      </c>
      <c r="M7179" s="5" t="s">
        <v>1521</v>
      </c>
      <c r="N7179" s="5" t="s">
        <v>38</v>
      </c>
      <c r="O7179" s="5" t="s">
        <v>39</v>
      </c>
      <c r="P7179" s="5" t="s">
        <v>40</v>
      </c>
      <c r="Q7179" s="5" t="s">
        <v>1522</v>
      </c>
      <c r="R7179" s="5" t="s">
        <v>1523</v>
      </c>
      <c r="S7179" s="5" t="s">
        <v>42</v>
      </c>
      <c r="T7179" s="2">
        <v>3.1339999999999999</v>
      </c>
      <c r="U7179" s="2">
        <v>2.6160000000000001</v>
      </c>
      <c r="V7179" s="2">
        <v>16.7</v>
      </c>
      <c r="W7179" s="2">
        <v>118.9</v>
      </c>
      <c r="X7179" s="2">
        <v>7.6</v>
      </c>
      <c r="Y7179" s="2">
        <v>16.7</v>
      </c>
      <c r="Z7179" s="5"/>
      <c r="AA7179" s="5" t="s">
        <v>43</v>
      </c>
      <c r="AB7179" s="5" t="s">
        <v>44</v>
      </c>
      <c r="AC7179" s="2"/>
      <c r="AD7179" s="1"/>
    </row>
    <row r="7180" spans="1:30">
      <c r="A7180" s="5" t="s">
        <v>83578</v>
      </c>
      <c r="B7180" s="2" t="s">
        <v>105659</v>
      </c>
      <c r="C7180" s="14" t="s">
        <v>105660</v>
      </c>
      <c r="D7180" s="2" t="s">
        <v>105661</v>
      </c>
      <c r="E7180" s="2" t="s">
        <v>7406</v>
      </c>
      <c r="F7180" s="8">
        <v>283</v>
      </c>
      <c r="G7180" s="5">
        <v>6</v>
      </c>
      <c r="H7180" s="5" t="s">
        <v>1518</v>
      </c>
      <c r="I7180" s="5" t="s">
        <v>69038</v>
      </c>
      <c r="J7180" s="2" t="s">
        <v>69039</v>
      </c>
      <c r="K7180" s="5" t="s">
        <v>69038</v>
      </c>
      <c r="L7180" s="2" t="s">
        <v>69039</v>
      </c>
      <c r="M7180" s="5" t="s">
        <v>1521</v>
      </c>
      <c r="N7180" s="5" t="s">
        <v>38</v>
      </c>
      <c r="O7180" s="5" t="s">
        <v>39</v>
      </c>
      <c r="P7180" s="5" t="s">
        <v>40</v>
      </c>
      <c r="Q7180" s="5" t="s">
        <v>1522</v>
      </c>
      <c r="R7180" s="5" t="s">
        <v>1523</v>
      </c>
      <c r="S7180" s="5" t="s">
        <v>42</v>
      </c>
      <c r="T7180" s="2">
        <v>3.0339999999999998</v>
      </c>
      <c r="U7180" s="2">
        <v>2.516</v>
      </c>
      <c r="V7180" s="2">
        <v>16.7</v>
      </c>
      <c r="W7180" s="2">
        <v>118.9</v>
      </c>
      <c r="X7180" s="2">
        <v>7.6</v>
      </c>
      <c r="Y7180" s="2">
        <v>16.7</v>
      </c>
      <c r="Z7180" s="5"/>
      <c r="AA7180" s="5" t="s">
        <v>43</v>
      </c>
      <c r="AB7180" s="5" t="s">
        <v>44</v>
      </c>
      <c r="AC7180" s="2"/>
      <c r="AD7180" s="1"/>
    </row>
    <row r="7181" spans="1:30">
      <c r="A7181" s="5" t="s">
        <v>83578</v>
      </c>
      <c r="B7181" s="2" t="s">
        <v>105662</v>
      </c>
      <c r="C7181" s="14" t="s">
        <v>105663</v>
      </c>
      <c r="D7181" s="2" t="s">
        <v>105664</v>
      </c>
      <c r="E7181" s="2" t="s">
        <v>7535</v>
      </c>
      <c r="F7181" s="8">
        <v>283</v>
      </c>
      <c r="G7181" s="5">
        <v>6</v>
      </c>
      <c r="H7181" s="5" t="s">
        <v>1518</v>
      </c>
      <c r="I7181" s="5" t="s">
        <v>69038</v>
      </c>
      <c r="J7181" s="2" t="s">
        <v>69039</v>
      </c>
      <c r="K7181" s="5" t="s">
        <v>69038</v>
      </c>
      <c r="L7181" s="2" t="s">
        <v>69039</v>
      </c>
      <c r="M7181" s="5" t="s">
        <v>1521</v>
      </c>
      <c r="N7181" s="5" t="s">
        <v>38</v>
      </c>
      <c r="O7181" s="5" t="s">
        <v>39</v>
      </c>
      <c r="P7181" s="5" t="s">
        <v>40</v>
      </c>
      <c r="Q7181" s="5" t="s">
        <v>1522</v>
      </c>
      <c r="R7181" s="5" t="s">
        <v>1523</v>
      </c>
      <c r="S7181" s="5" t="s">
        <v>42</v>
      </c>
      <c r="T7181" s="2">
        <v>3.1339999999999999</v>
      </c>
      <c r="U7181" s="2">
        <v>2.6160000000000001</v>
      </c>
      <c r="V7181" s="2">
        <v>16.7</v>
      </c>
      <c r="W7181" s="2">
        <v>118.9</v>
      </c>
      <c r="X7181" s="2">
        <v>7.6</v>
      </c>
      <c r="Y7181" s="2">
        <v>16.7</v>
      </c>
      <c r="Z7181" s="5"/>
      <c r="AA7181" s="5" t="s">
        <v>43</v>
      </c>
      <c r="AB7181" s="5" t="s">
        <v>44</v>
      </c>
      <c r="AC7181" s="2"/>
      <c r="AD7181" s="1"/>
    </row>
    <row r="7182" spans="1:30">
      <c r="A7182" s="5" t="s">
        <v>83578</v>
      </c>
      <c r="B7182" s="2" t="s">
        <v>105665</v>
      </c>
      <c r="C7182" s="14" t="s">
        <v>105666</v>
      </c>
      <c r="D7182" s="2" t="s">
        <v>105667</v>
      </c>
      <c r="E7182" s="2" t="s">
        <v>7539</v>
      </c>
      <c r="F7182" s="8">
        <v>283</v>
      </c>
      <c r="G7182" s="5">
        <v>6</v>
      </c>
      <c r="H7182" s="5" t="s">
        <v>1518</v>
      </c>
      <c r="I7182" s="5" t="s">
        <v>69038</v>
      </c>
      <c r="J7182" s="2" t="s">
        <v>69039</v>
      </c>
      <c r="K7182" s="5" t="s">
        <v>69038</v>
      </c>
      <c r="L7182" s="2" t="s">
        <v>69039</v>
      </c>
      <c r="M7182" s="5" t="s">
        <v>1521</v>
      </c>
      <c r="N7182" s="5" t="s">
        <v>38</v>
      </c>
      <c r="O7182" s="5" t="s">
        <v>39</v>
      </c>
      <c r="P7182" s="5" t="s">
        <v>40</v>
      </c>
      <c r="Q7182" s="5" t="s">
        <v>1522</v>
      </c>
      <c r="R7182" s="5" t="s">
        <v>1523</v>
      </c>
      <c r="S7182" s="5" t="s">
        <v>42</v>
      </c>
      <c r="T7182" s="2">
        <v>3.0339999999999998</v>
      </c>
      <c r="U7182" s="2">
        <v>2.516</v>
      </c>
      <c r="V7182" s="2">
        <v>16.7</v>
      </c>
      <c r="W7182" s="2">
        <v>118.9</v>
      </c>
      <c r="X7182" s="2">
        <v>7.6</v>
      </c>
      <c r="Y7182" s="2">
        <v>16.7</v>
      </c>
      <c r="Z7182" s="5"/>
      <c r="AA7182" s="5" t="s">
        <v>43</v>
      </c>
      <c r="AB7182" s="5" t="s">
        <v>44</v>
      </c>
      <c r="AC7182" s="2"/>
      <c r="AD7182" s="1"/>
    </row>
    <row r="7183" spans="1:30">
      <c r="A7183" s="5" t="s">
        <v>83578</v>
      </c>
      <c r="B7183" s="2" t="s">
        <v>105668</v>
      </c>
      <c r="C7183" s="14" t="s">
        <v>105669</v>
      </c>
      <c r="D7183" s="2" t="s">
        <v>105670</v>
      </c>
      <c r="E7183" s="2" t="s">
        <v>7543</v>
      </c>
      <c r="F7183" s="8">
        <v>283</v>
      </c>
      <c r="G7183" s="5">
        <v>6</v>
      </c>
      <c r="H7183" s="5" t="s">
        <v>1518</v>
      </c>
      <c r="I7183" s="5" t="s">
        <v>69038</v>
      </c>
      <c r="J7183" s="2" t="s">
        <v>69039</v>
      </c>
      <c r="K7183" s="5" t="s">
        <v>69038</v>
      </c>
      <c r="L7183" s="2" t="s">
        <v>69039</v>
      </c>
      <c r="M7183" s="5" t="s">
        <v>1521</v>
      </c>
      <c r="N7183" s="5" t="s">
        <v>38</v>
      </c>
      <c r="O7183" s="5" t="s">
        <v>39</v>
      </c>
      <c r="P7183" s="5" t="s">
        <v>40</v>
      </c>
      <c r="Q7183" s="5" t="s">
        <v>1522</v>
      </c>
      <c r="R7183" s="5" t="s">
        <v>1523</v>
      </c>
      <c r="S7183" s="5" t="s">
        <v>42</v>
      </c>
      <c r="T7183" s="2">
        <v>3.1339999999999999</v>
      </c>
      <c r="U7183" s="2">
        <v>2.6160000000000001</v>
      </c>
      <c r="V7183" s="2">
        <v>16.7</v>
      </c>
      <c r="W7183" s="2">
        <v>118.9</v>
      </c>
      <c r="X7183" s="2">
        <v>7.6</v>
      </c>
      <c r="Y7183" s="2">
        <v>16.7</v>
      </c>
      <c r="Z7183" s="5"/>
      <c r="AA7183" s="5" t="s">
        <v>43</v>
      </c>
      <c r="AB7183" s="5" t="s">
        <v>44</v>
      </c>
      <c r="AC7183" s="2"/>
      <c r="AD7183" s="1"/>
    </row>
    <row r="7184" spans="1:30">
      <c r="A7184" s="5" t="s">
        <v>83578</v>
      </c>
      <c r="B7184" s="2" t="s">
        <v>105671</v>
      </c>
      <c r="C7184" s="14" t="s">
        <v>105672</v>
      </c>
      <c r="D7184" s="2" t="s">
        <v>105673</v>
      </c>
      <c r="E7184" s="2" t="s">
        <v>7547</v>
      </c>
      <c r="F7184" s="8">
        <v>283</v>
      </c>
      <c r="G7184" s="5">
        <v>6</v>
      </c>
      <c r="H7184" s="5" t="s">
        <v>1518</v>
      </c>
      <c r="I7184" s="5" t="s">
        <v>69038</v>
      </c>
      <c r="J7184" s="2" t="s">
        <v>69039</v>
      </c>
      <c r="K7184" s="5" t="s">
        <v>69038</v>
      </c>
      <c r="L7184" s="2" t="s">
        <v>69039</v>
      </c>
      <c r="M7184" s="5" t="s">
        <v>1521</v>
      </c>
      <c r="N7184" s="5" t="s">
        <v>38</v>
      </c>
      <c r="O7184" s="5" t="s">
        <v>39</v>
      </c>
      <c r="P7184" s="5" t="s">
        <v>40</v>
      </c>
      <c r="Q7184" s="5" t="s">
        <v>1522</v>
      </c>
      <c r="R7184" s="5" t="s">
        <v>1523</v>
      </c>
      <c r="S7184" s="5" t="s">
        <v>42</v>
      </c>
      <c r="T7184" s="2">
        <v>3.0339999999999998</v>
      </c>
      <c r="U7184" s="2">
        <v>2.516</v>
      </c>
      <c r="V7184" s="2">
        <v>16.7</v>
      </c>
      <c r="W7184" s="2">
        <v>118.9</v>
      </c>
      <c r="X7184" s="2">
        <v>7.6</v>
      </c>
      <c r="Y7184" s="2">
        <v>16.7</v>
      </c>
      <c r="Z7184" s="5"/>
      <c r="AA7184" s="5" t="s">
        <v>43</v>
      </c>
      <c r="AB7184" s="5" t="s">
        <v>44</v>
      </c>
      <c r="AC7184" s="2"/>
      <c r="AD7184" s="1"/>
    </row>
    <row r="7185" spans="1:30">
      <c r="A7185" s="5" t="s">
        <v>83578</v>
      </c>
      <c r="B7185" s="2" t="s">
        <v>105674</v>
      </c>
      <c r="C7185" s="14" t="s">
        <v>105675</v>
      </c>
      <c r="D7185" s="2" t="s">
        <v>105676</v>
      </c>
      <c r="E7185" s="2" t="s">
        <v>7551</v>
      </c>
      <c r="F7185" s="8">
        <v>283</v>
      </c>
      <c r="G7185" s="5">
        <v>6</v>
      </c>
      <c r="H7185" s="5" t="s">
        <v>1518</v>
      </c>
      <c r="I7185" s="5" t="s">
        <v>69038</v>
      </c>
      <c r="J7185" s="2" t="s">
        <v>69039</v>
      </c>
      <c r="K7185" s="5" t="s">
        <v>69038</v>
      </c>
      <c r="L7185" s="2" t="s">
        <v>69039</v>
      </c>
      <c r="M7185" s="5" t="s">
        <v>1521</v>
      </c>
      <c r="N7185" s="5" t="s">
        <v>38</v>
      </c>
      <c r="O7185" s="5" t="s">
        <v>39</v>
      </c>
      <c r="P7185" s="5" t="s">
        <v>40</v>
      </c>
      <c r="Q7185" s="5" t="s">
        <v>1522</v>
      </c>
      <c r="R7185" s="5" t="s">
        <v>1523</v>
      </c>
      <c r="S7185" s="5" t="s">
        <v>42</v>
      </c>
      <c r="T7185" s="2">
        <v>3.1339999999999999</v>
      </c>
      <c r="U7185" s="2">
        <v>2.6160000000000001</v>
      </c>
      <c r="V7185" s="2">
        <v>16.7</v>
      </c>
      <c r="W7185" s="2">
        <v>118.9</v>
      </c>
      <c r="X7185" s="2">
        <v>7.6</v>
      </c>
      <c r="Y7185" s="2">
        <v>16.7</v>
      </c>
      <c r="Z7185" s="5"/>
      <c r="AA7185" s="5" t="s">
        <v>43</v>
      </c>
      <c r="AB7185" s="5" t="s">
        <v>44</v>
      </c>
      <c r="AC7185" s="2"/>
      <c r="AD7185" s="1"/>
    </row>
    <row r="7186" spans="1:30">
      <c r="A7186" s="5" t="s">
        <v>83578</v>
      </c>
      <c r="B7186" s="2" t="s">
        <v>105677</v>
      </c>
      <c r="C7186" s="14" t="s">
        <v>105678</v>
      </c>
      <c r="D7186" s="2" t="s">
        <v>105679</v>
      </c>
      <c r="E7186" s="2" t="s">
        <v>7563</v>
      </c>
      <c r="F7186" s="8">
        <v>283</v>
      </c>
      <c r="G7186" s="5">
        <v>6</v>
      </c>
      <c r="H7186" s="5" t="s">
        <v>1518</v>
      </c>
      <c r="I7186" s="5" t="s">
        <v>69038</v>
      </c>
      <c r="J7186" s="2" t="s">
        <v>69039</v>
      </c>
      <c r="K7186" s="5" t="s">
        <v>69038</v>
      </c>
      <c r="L7186" s="2" t="s">
        <v>69039</v>
      </c>
      <c r="M7186" s="5" t="s">
        <v>1521</v>
      </c>
      <c r="N7186" s="5" t="s">
        <v>38</v>
      </c>
      <c r="O7186" s="5" t="s">
        <v>39</v>
      </c>
      <c r="P7186" s="5" t="s">
        <v>40</v>
      </c>
      <c r="Q7186" s="5" t="s">
        <v>1522</v>
      </c>
      <c r="R7186" s="5" t="s">
        <v>1523</v>
      </c>
      <c r="S7186" s="5" t="s">
        <v>42</v>
      </c>
      <c r="T7186" s="2">
        <v>3.0339999999999998</v>
      </c>
      <c r="U7186" s="2">
        <v>2.516</v>
      </c>
      <c r="V7186" s="2">
        <v>16.7</v>
      </c>
      <c r="W7186" s="2">
        <v>118.9</v>
      </c>
      <c r="X7186" s="2">
        <v>7.6</v>
      </c>
      <c r="Y7186" s="2">
        <v>16.7</v>
      </c>
      <c r="Z7186" s="5"/>
      <c r="AA7186" s="5" t="s">
        <v>43</v>
      </c>
      <c r="AB7186" s="5" t="s">
        <v>44</v>
      </c>
      <c r="AC7186" s="2"/>
      <c r="AD7186" s="1"/>
    </row>
    <row r="7187" spans="1:30">
      <c r="A7187" s="5" t="s">
        <v>83578</v>
      </c>
      <c r="B7187" s="2" t="s">
        <v>105680</v>
      </c>
      <c r="C7187" s="14" t="s">
        <v>105681</v>
      </c>
      <c r="D7187" s="2" t="s">
        <v>105682</v>
      </c>
      <c r="E7187" s="2" t="s">
        <v>7567</v>
      </c>
      <c r="F7187" s="8">
        <v>283</v>
      </c>
      <c r="G7187" s="5">
        <v>6</v>
      </c>
      <c r="H7187" s="5" t="s">
        <v>1518</v>
      </c>
      <c r="I7187" s="5" t="s">
        <v>69038</v>
      </c>
      <c r="J7187" s="2" t="s">
        <v>69039</v>
      </c>
      <c r="K7187" s="5" t="s">
        <v>69038</v>
      </c>
      <c r="L7187" s="2" t="s">
        <v>69039</v>
      </c>
      <c r="M7187" s="5" t="s">
        <v>1521</v>
      </c>
      <c r="N7187" s="5" t="s">
        <v>38</v>
      </c>
      <c r="O7187" s="5" t="s">
        <v>39</v>
      </c>
      <c r="P7187" s="5" t="s">
        <v>40</v>
      </c>
      <c r="Q7187" s="5" t="s">
        <v>1522</v>
      </c>
      <c r="R7187" s="5" t="s">
        <v>1523</v>
      </c>
      <c r="S7187" s="5" t="s">
        <v>42</v>
      </c>
      <c r="T7187" s="2">
        <v>3.1339999999999999</v>
      </c>
      <c r="U7187" s="2">
        <v>2.6160000000000001</v>
      </c>
      <c r="V7187" s="2">
        <v>16.7</v>
      </c>
      <c r="W7187" s="2">
        <v>118.9</v>
      </c>
      <c r="X7187" s="2">
        <v>7.6</v>
      </c>
      <c r="Y7187" s="2">
        <v>16.7</v>
      </c>
      <c r="Z7187" s="5"/>
      <c r="AA7187" s="5" t="s">
        <v>43</v>
      </c>
      <c r="AB7187" s="5" t="s">
        <v>44</v>
      </c>
      <c r="AC7187" s="2"/>
      <c r="AD7187" s="1"/>
    </row>
    <row r="7188" spans="1:30">
      <c r="A7188" s="5" t="s">
        <v>83578</v>
      </c>
      <c r="B7188" s="2" t="s">
        <v>105683</v>
      </c>
      <c r="C7188" s="14" t="s">
        <v>105684</v>
      </c>
      <c r="D7188" s="2" t="s">
        <v>105685</v>
      </c>
      <c r="E7188" s="2" t="s">
        <v>7555</v>
      </c>
      <c r="F7188" s="8">
        <v>283</v>
      </c>
      <c r="G7188" s="5">
        <v>6</v>
      </c>
      <c r="H7188" s="5" t="s">
        <v>1518</v>
      </c>
      <c r="I7188" s="5" t="s">
        <v>69038</v>
      </c>
      <c r="J7188" s="2" t="s">
        <v>69039</v>
      </c>
      <c r="K7188" s="5" t="s">
        <v>69038</v>
      </c>
      <c r="L7188" s="2" t="s">
        <v>69039</v>
      </c>
      <c r="M7188" s="5" t="s">
        <v>1521</v>
      </c>
      <c r="N7188" s="5" t="s">
        <v>38</v>
      </c>
      <c r="O7188" s="5" t="s">
        <v>39</v>
      </c>
      <c r="P7188" s="5" t="s">
        <v>40</v>
      </c>
      <c r="Q7188" s="5" t="s">
        <v>1522</v>
      </c>
      <c r="R7188" s="5" t="s">
        <v>1523</v>
      </c>
      <c r="S7188" s="5" t="s">
        <v>42</v>
      </c>
      <c r="T7188" s="2">
        <v>3.0339999999999998</v>
      </c>
      <c r="U7188" s="2">
        <v>2.516</v>
      </c>
      <c r="V7188" s="2">
        <v>16.7</v>
      </c>
      <c r="W7188" s="2">
        <v>118.9</v>
      </c>
      <c r="X7188" s="2">
        <v>7.6</v>
      </c>
      <c r="Y7188" s="2">
        <v>16.7</v>
      </c>
      <c r="Z7188" s="5"/>
      <c r="AA7188" s="5" t="s">
        <v>43</v>
      </c>
      <c r="AB7188" s="5" t="s">
        <v>44</v>
      </c>
      <c r="AC7188" s="2"/>
      <c r="AD7188" s="1"/>
    </row>
    <row r="7189" spans="1:30">
      <c r="A7189" s="5" t="s">
        <v>83578</v>
      </c>
      <c r="B7189" s="2" t="s">
        <v>105686</v>
      </c>
      <c r="C7189" s="14" t="s">
        <v>105687</v>
      </c>
      <c r="D7189" s="2" t="s">
        <v>105688</v>
      </c>
      <c r="E7189" s="2" t="s">
        <v>7559</v>
      </c>
      <c r="F7189" s="8">
        <v>283</v>
      </c>
      <c r="G7189" s="5">
        <v>6</v>
      </c>
      <c r="H7189" s="5" t="s">
        <v>1518</v>
      </c>
      <c r="I7189" s="5" t="s">
        <v>69038</v>
      </c>
      <c r="J7189" s="2" t="s">
        <v>69039</v>
      </c>
      <c r="K7189" s="5" t="s">
        <v>69038</v>
      </c>
      <c r="L7189" s="2" t="s">
        <v>69039</v>
      </c>
      <c r="M7189" s="5" t="s">
        <v>1521</v>
      </c>
      <c r="N7189" s="5" t="s">
        <v>38</v>
      </c>
      <c r="O7189" s="5" t="s">
        <v>39</v>
      </c>
      <c r="P7189" s="5" t="s">
        <v>40</v>
      </c>
      <c r="Q7189" s="5" t="s">
        <v>1522</v>
      </c>
      <c r="R7189" s="5" t="s">
        <v>1523</v>
      </c>
      <c r="S7189" s="5" t="s">
        <v>42</v>
      </c>
      <c r="T7189" s="2">
        <v>3.1339999999999999</v>
      </c>
      <c r="U7189" s="2">
        <v>2.6160000000000001</v>
      </c>
      <c r="V7189" s="2">
        <v>16.7</v>
      </c>
      <c r="W7189" s="2">
        <v>118.9</v>
      </c>
      <c r="X7189" s="2">
        <v>7.6</v>
      </c>
      <c r="Y7189" s="2">
        <v>16.7</v>
      </c>
      <c r="Z7189" s="5"/>
      <c r="AA7189" s="5" t="s">
        <v>43</v>
      </c>
      <c r="AB7189" s="5" t="s">
        <v>44</v>
      </c>
      <c r="AC7189" s="2"/>
      <c r="AD7189" s="1"/>
    </row>
    <row r="7190" spans="1:30">
      <c r="A7190" s="5" t="s">
        <v>83578</v>
      </c>
      <c r="B7190" s="2" t="s">
        <v>105689</v>
      </c>
      <c r="C7190" s="14" t="s">
        <v>105690</v>
      </c>
      <c r="D7190" s="2" t="s">
        <v>105691</v>
      </c>
      <c r="E7190" s="2" t="s">
        <v>16079</v>
      </c>
      <c r="F7190" s="8">
        <v>283</v>
      </c>
      <c r="G7190" s="5">
        <v>6</v>
      </c>
      <c r="H7190" s="5" t="s">
        <v>1518</v>
      </c>
      <c r="I7190" s="5" t="s">
        <v>69038</v>
      </c>
      <c r="J7190" s="2" t="s">
        <v>69039</v>
      </c>
      <c r="K7190" s="5" t="s">
        <v>69038</v>
      </c>
      <c r="L7190" s="2" t="s">
        <v>69039</v>
      </c>
      <c r="M7190" s="5" t="s">
        <v>1521</v>
      </c>
      <c r="N7190" s="5" t="s">
        <v>38</v>
      </c>
      <c r="O7190" s="5" t="s">
        <v>39</v>
      </c>
      <c r="P7190" s="5" t="s">
        <v>40</v>
      </c>
      <c r="Q7190" s="5" t="s">
        <v>1522</v>
      </c>
      <c r="R7190" s="5" t="s">
        <v>1523</v>
      </c>
      <c r="S7190" s="5" t="s">
        <v>42</v>
      </c>
      <c r="T7190" s="2">
        <v>3.0339999999999998</v>
      </c>
      <c r="U7190" s="2">
        <v>2.516</v>
      </c>
      <c r="V7190" s="2">
        <v>16.7</v>
      </c>
      <c r="W7190" s="2">
        <v>118.9</v>
      </c>
      <c r="X7190" s="2">
        <v>7.6</v>
      </c>
      <c r="Y7190" s="2">
        <v>16.7</v>
      </c>
      <c r="Z7190" s="5"/>
      <c r="AA7190" s="5" t="s">
        <v>43</v>
      </c>
      <c r="AB7190" s="5" t="s">
        <v>44</v>
      </c>
      <c r="AC7190" s="2"/>
      <c r="AD7190" s="1"/>
    </row>
    <row r="7191" spans="1:30">
      <c r="A7191" s="5" t="s">
        <v>83578</v>
      </c>
      <c r="B7191" s="2" t="s">
        <v>105692</v>
      </c>
      <c r="C7191" s="14" t="s">
        <v>105693</v>
      </c>
      <c r="D7191" s="2" t="s">
        <v>105694</v>
      </c>
      <c r="E7191" s="2" t="s">
        <v>7449</v>
      </c>
      <c r="F7191" s="8">
        <v>283</v>
      </c>
      <c r="G7191" s="5">
        <v>6</v>
      </c>
      <c r="H7191" s="5" t="s">
        <v>1518</v>
      </c>
      <c r="I7191" s="5" t="s">
        <v>69038</v>
      </c>
      <c r="J7191" s="2" t="s">
        <v>69039</v>
      </c>
      <c r="K7191" s="5" t="s">
        <v>69038</v>
      </c>
      <c r="L7191" s="2" t="s">
        <v>69039</v>
      </c>
      <c r="M7191" s="5" t="s">
        <v>1521</v>
      </c>
      <c r="N7191" s="5" t="s">
        <v>38</v>
      </c>
      <c r="O7191" s="5" t="s">
        <v>39</v>
      </c>
      <c r="P7191" s="5" t="s">
        <v>40</v>
      </c>
      <c r="Q7191" s="5" t="s">
        <v>1522</v>
      </c>
      <c r="R7191" s="5" t="s">
        <v>1523</v>
      </c>
      <c r="S7191" s="5" t="s">
        <v>42</v>
      </c>
      <c r="T7191" s="2">
        <v>3.0339999999999998</v>
      </c>
      <c r="U7191" s="2">
        <v>2.516</v>
      </c>
      <c r="V7191" s="2">
        <v>16.7</v>
      </c>
      <c r="W7191" s="2">
        <v>118.9</v>
      </c>
      <c r="X7191" s="2">
        <v>7.6</v>
      </c>
      <c r="Y7191" s="2">
        <v>16.7</v>
      </c>
      <c r="Z7191" s="5"/>
      <c r="AA7191" s="5" t="s">
        <v>43</v>
      </c>
      <c r="AB7191" s="5" t="s">
        <v>44</v>
      </c>
      <c r="AC7191" s="2"/>
      <c r="AD7191" s="1"/>
    </row>
    <row r="7192" spans="1:30">
      <c r="A7192" s="5" t="s">
        <v>83578</v>
      </c>
      <c r="B7192" s="2" t="s">
        <v>105695</v>
      </c>
      <c r="C7192" s="14" t="s">
        <v>105696</v>
      </c>
      <c r="D7192" s="2" t="s">
        <v>105697</v>
      </c>
      <c r="E7192" s="2" t="s">
        <v>7581</v>
      </c>
      <c r="F7192" s="8">
        <v>283</v>
      </c>
      <c r="G7192" s="5">
        <v>6</v>
      </c>
      <c r="H7192" s="5" t="s">
        <v>1518</v>
      </c>
      <c r="I7192" s="5" t="s">
        <v>69038</v>
      </c>
      <c r="J7192" s="2" t="s">
        <v>69039</v>
      </c>
      <c r="K7192" s="5" t="s">
        <v>69038</v>
      </c>
      <c r="L7192" s="2" t="s">
        <v>69039</v>
      </c>
      <c r="M7192" s="5" t="s">
        <v>1521</v>
      </c>
      <c r="N7192" s="5" t="s">
        <v>38</v>
      </c>
      <c r="O7192" s="5" t="s">
        <v>39</v>
      </c>
      <c r="P7192" s="5" t="s">
        <v>40</v>
      </c>
      <c r="Q7192" s="5" t="s">
        <v>1522</v>
      </c>
      <c r="R7192" s="5" t="s">
        <v>1523</v>
      </c>
      <c r="S7192" s="5" t="s">
        <v>42</v>
      </c>
      <c r="T7192" s="2">
        <v>3.1339999999999999</v>
      </c>
      <c r="U7192" s="2">
        <v>2.6160000000000001</v>
      </c>
      <c r="V7192" s="2">
        <v>16.7</v>
      </c>
      <c r="W7192" s="2">
        <v>118.9</v>
      </c>
      <c r="X7192" s="2">
        <v>7.6</v>
      </c>
      <c r="Y7192" s="2">
        <v>16.7</v>
      </c>
      <c r="Z7192" s="5"/>
      <c r="AA7192" s="5" t="s">
        <v>43</v>
      </c>
      <c r="AB7192" s="5" t="s">
        <v>44</v>
      </c>
      <c r="AC7192" s="2"/>
      <c r="AD7192" s="1"/>
    </row>
    <row r="7193" spans="1:30">
      <c r="A7193" s="5" t="s">
        <v>83578</v>
      </c>
      <c r="B7193" s="2" t="s">
        <v>105698</v>
      </c>
      <c r="C7193" s="14" t="s">
        <v>105699</v>
      </c>
      <c r="D7193" s="2" t="s">
        <v>105700</v>
      </c>
      <c r="E7193" s="2" t="s">
        <v>7593</v>
      </c>
      <c r="F7193" s="8">
        <v>283</v>
      </c>
      <c r="G7193" s="5">
        <v>6</v>
      </c>
      <c r="H7193" s="5" t="s">
        <v>1518</v>
      </c>
      <c r="I7193" s="5" t="s">
        <v>69038</v>
      </c>
      <c r="J7193" s="2" t="s">
        <v>69039</v>
      </c>
      <c r="K7193" s="5" t="s">
        <v>69038</v>
      </c>
      <c r="L7193" s="2" t="s">
        <v>69039</v>
      </c>
      <c r="M7193" s="5" t="s">
        <v>1521</v>
      </c>
      <c r="N7193" s="5" t="s">
        <v>38</v>
      </c>
      <c r="O7193" s="5" t="s">
        <v>39</v>
      </c>
      <c r="P7193" s="5" t="s">
        <v>40</v>
      </c>
      <c r="Q7193" s="5" t="s">
        <v>1522</v>
      </c>
      <c r="R7193" s="5" t="s">
        <v>1523</v>
      </c>
      <c r="S7193" s="5" t="s">
        <v>42</v>
      </c>
      <c r="T7193" s="2">
        <v>3.0339999999999998</v>
      </c>
      <c r="U7193" s="2">
        <v>2.516</v>
      </c>
      <c r="V7193" s="2">
        <v>16.7</v>
      </c>
      <c r="W7193" s="2">
        <v>118.9</v>
      </c>
      <c r="X7193" s="2">
        <v>7.6</v>
      </c>
      <c r="Y7193" s="2">
        <v>16.7</v>
      </c>
      <c r="Z7193" s="5"/>
      <c r="AA7193" s="5" t="s">
        <v>43</v>
      </c>
      <c r="AB7193" s="5" t="s">
        <v>44</v>
      </c>
      <c r="AC7193" s="2"/>
      <c r="AD7193" s="1"/>
    </row>
    <row r="7194" spans="1:30">
      <c r="A7194" s="5" t="s">
        <v>83578</v>
      </c>
      <c r="B7194" s="2" t="s">
        <v>105701</v>
      </c>
      <c r="C7194" s="14" t="s">
        <v>105702</v>
      </c>
      <c r="D7194" s="2" t="s">
        <v>105703</v>
      </c>
      <c r="E7194" s="2" t="s">
        <v>7597</v>
      </c>
      <c r="F7194" s="8">
        <v>283</v>
      </c>
      <c r="G7194" s="5">
        <v>6</v>
      </c>
      <c r="H7194" s="5" t="s">
        <v>1518</v>
      </c>
      <c r="I7194" s="5" t="s">
        <v>69038</v>
      </c>
      <c r="J7194" s="2" t="s">
        <v>69039</v>
      </c>
      <c r="K7194" s="5" t="s">
        <v>69038</v>
      </c>
      <c r="L7194" s="2" t="s">
        <v>69039</v>
      </c>
      <c r="M7194" s="5" t="s">
        <v>1521</v>
      </c>
      <c r="N7194" s="5" t="s">
        <v>38</v>
      </c>
      <c r="O7194" s="5" t="s">
        <v>39</v>
      </c>
      <c r="P7194" s="5" t="s">
        <v>40</v>
      </c>
      <c r="Q7194" s="5" t="s">
        <v>1522</v>
      </c>
      <c r="R7194" s="5" t="s">
        <v>1523</v>
      </c>
      <c r="S7194" s="5" t="s">
        <v>42</v>
      </c>
      <c r="T7194" s="2">
        <v>3.1339999999999999</v>
      </c>
      <c r="U7194" s="2">
        <v>2.6160000000000001</v>
      </c>
      <c r="V7194" s="2">
        <v>16.7</v>
      </c>
      <c r="W7194" s="2">
        <v>118.9</v>
      </c>
      <c r="X7194" s="2">
        <v>7.6</v>
      </c>
      <c r="Y7194" s="2">
        <v>16.7</v>
      </c>
      <c r="Z7194" s="5"/>
      <c r="AA7194" s="5" t="s">
        <v>43</v>
      </c>
      <c r="AB7194" s="5" t="s">
        <v>44</v>
      </c>
      <c r="AC7194" s="2"/>
      <c r="AD7194" s="1"/>
    </row>
    <row r="7195" spans="1:30">
      <c r="A7195" s="5" t="s">
        <v>83578</v>
      </c>
      <c r="B7195" s="2" t="s">
        <v>105704</v>
      </c>
      <c r="C7195" s="14" t="s">
        <v>105705</v>
      </c>
      <c r="D7195" s="2" t="s">
        <v>105706</v>
      </c>
      <c r="E7195" s="2" t="s">
        <v>73358</v>
      </c>
      <c r="F7195" s="8">
        <v>283</v>
      </c>
      <c r="G7195" s="5">
        <v>6</v>
      </c>
      <c r="H7195" s="5" t="s">
        <v>1518</v>
      </c>
      <c r="I7195" s="5" t="s">
        <v>69038</v>
      </c>
      <c r="J7195" s="2" t="s">
        <v>69039</v>
      </c>
      <c r="K7195" s="5" t="s">
        <v>69038</v>
      </c>
      <c r="L7195" s="2" t="s">
        <v>69039</v>
      </c>
      <c r="M7195" s="5" t="s">
        <v>1521</v>
      </c>
      <c r="N7195" s="5" t="s">
        <v>38</v>
      </c>
      <c r="O7195" s="5" t="s">
        <v>39</v>
      </c>
      <c r="P7195" s="5" t="s">
        <v>40</v>
      </c>
      <c r="Q7195" s="5" t="s">
        <v>1522</v>
      </c>
      <c r="R7195" s="5" t="s">
        <v>1523</v>
      </c>
      <c r="S7195" s="5" t="s">
        <v>42</v>
      </c>
      <c r="T7195" s="2">
        <v>3.0339999999999998</v>
      </c>
      <c r="U7195" s="2">
        <v>2.516</v>
      </c>
      <c r="V7195" s="2">
        <v>16.7</v>
      </c>
      <c r="W7195" s="2">
        <v>118.9</v>
      </c>
      <c r="X7195" s="2">
        <v>7.6</v>
      </c>
      <c r="Y7195" s="2">
        <v>16.7</v>
      </c>
      <c r="Z7195" s="5"/>
      <c r="AA7195" s="5" t="s">
        <v>43</v>
      </c>
      <c r="AB7195" s="5" t="s">
        <v>44</v>
      </c>
      <c r="AC7195" s="2"/>
      <c r="AD7195" s="1"/>
    </row>
    <row r="7196" spans="1:30">
      <c r="A7196" s="5" t="s">
        <v>83578</v>
      </c>
      <c r="B7196" s="2" t="s">
        <v>105707</v>
      </c>
      <c r="C7196" s="14" t="s">
        <v>105708</v>
      </c>
      <c r="D7196" s="2" t="s">
        <v>105709</v>
      </c>
      <c r="E7196" s="2" t="s">
        <v>73362</v>
      </c>
      <c r="F7196" s="8">
        <v>283</v>
      </c>
      <c r="G7196" s="5">
        <v>6</v>
      </c>
      <c r="H7196" s="5" t="s">
        <v>1518</v>
      </c>
      <c r="I7196" s="5" t="s">
        <v>69038</v>
      </c>
      <c r="J7196" s="2" t="s">
        <v>69039</v>
      </c>
      <c r="K7196" s="5" t="s">
        <v>69038</v>
      </c>
      <c r="L7196" s="2" t="s">
        <v>69039</v>
      </c>
      <c r="M7196" s="5" t="s">
        <v>1521</v>
      </c>
      <c r="N7196" s="5" t="s">
        <v>38</v>
      </c>
      <c r="O7196" s="5" t="s">
        <v>39</v>
      </c>
      <c r="P7196" s="5" t="s">
        <v>40</v>
      </c>
      <c r="Q7196" s="5" t="s">
        <v>1522</v>
      </c>
      <c r="R7196" s="5" t="s">
        <v>1523</v>
      </c>
      <c r="S7196" s="5" t="s">
        <v>42</v>
      </c>
      <c r="T7196" s="2">
        <v>3.1339999999999999</v>
      </c>
      <c r="U7196" s="2">
        <v>2.6160000000000001</v>
      </c>
      <c r="V7196" s="2">
        <v>16.7</v>
      </c>
      <c r="W7196" s="2">
        <v>118.9</v>
      </c>
      <c r="X7196" s="2">
        <v>7.6</v>
      </c>
      <c r="Y7196" s="2">
        <v>16.7</v>
      </c>
      <c r="Z7196" s="5"/>
      <c r="AA7196" s="5" t="s">
        <v>43</v>
      </c>
      <c r="AB7196" s="5" t="s">
        <v>44</v>
      </c>
      <c r="AC7196" s="2"/>
      <c r="AD7196" s="1"/>
    </row>
    <row r="7197" spans="1:30">
      <c r="A7197" s="5" t="s">
        <v>83578</v>
      </c>
      <c r="B7197" s="2" t="s">
        <v>105710</v>
      </c>
      <c r="C7197" s="14" t="s">
        <v>105711</v>
      </c>
      <c r="D7197" s="2" t="s">
        <v>105712</v>
      </c>
      <c r="E7197" s="2" t="s">
        <v>7619</v>
      </c>
      <c r="F7197" s="8">
        <v>283</v>
      </c>
      <c r="G7197" s="5">
        <v>6</v>
      </c>
      <c r="H7197" s="5" t="s">
        <v>1518</v>
      </c>
      <c r="I7197" s="5" t="s">
        <v>69038</v>
      </c>
      <c r="J7197" s="2" t="s">
        <v>69039</v>
      </c>
      <c r="K7197" s="5" t="s">
        <v>69038</v>
      </c>
      <c r="L7197" s="2" t="s">
        <v>69039</v>
      </c>
      <c r="M7197" s="5" t="s">
        <v>1521</v>
      </c>
      <c r="N7197" s="5" t="s">
        <v>38</v>
      </c>
      <c r="O7197" s="5" t="s">
        <v>39</v>
      </c>
      <c r="P7197" s="5" t="s">
        <v>40</v>
      </c>
      <c r="Q7197" s="5" t="s">
        <v>1522</v>
      </c>
      <c r="R7197" s="5" t="s">
        <v>1523</v>
      </c>
      <c r="S7197" s="5" t="s">
        <v>42</v>
      </c>
      <c r="T7197" s="2">
        <v>3.1339999999999999</v>
      </c>
      <c r="U7197" s="2">
        <v>2.6160000000000001</v>
      </c>
      <c r="V7197" s="2">
        <v>16.7</v>
      </c>
      <c r="W7197" s="2">
        <v>118.9</v>
      </c>
      <c r="X7197" s="2">
        <v>7.6</v>
      </c>
      <c r="Y7197" s="2">
        <v>16.7</v>
      </c>
      <c r="Z7197" s="5"/>
      <c r="AA7197" s="5" t="s">
        <v>43</v>
      </c>
      <c r="AB7197" s="5" t="s">
        <v>44</v>
      </c>
      <c r="AC7197" s="2"/>
      <c r="AD7197" s="1"/>
    </row>
    <row r="7198" spans="1:30">
      <c r="A7198" s="5" t="s">
        <v>83578</v>
      </c>
      <c r="B7198" s="2" t="s">
        <v>105713</v>
      </c>
      <c r="C7198" s="14" t="s">
        <v>105714</v>
      </c>
      <c r="D7198" s="2" t="s">
        <v>105715</v>
      </c>
      <c r="E7198" s="2" t="s">
        <v>16219</v>
      </c>
      <c r="F7198" s="8">
        <v>283</v>
      </c>
      <c r="G7198" s="5">
        <v>6</v>
      </c>
      <c r="H7198" s="5" t="s">
        <v>1518</v>
      </c>
      <c r="I7198" s="5" t="s">
        <v>69038</v>
      </c>
      <c r="J7198" s="2" t="s">
        <v>69039</v>
      </c>
      <c r="K7198" s="5" t="s">
        <v>69038</v>
      </c>
      <c r="L7198" s="2" t="s">
        <v>69039</v>
      </c>
      <c r="M7198" s="5" t="s">
        <v>1521</v>
      </c>
      <c r="N7198" s="5" t="s">
        <v>38</v>
      </c>
      <c r="O7198" s="5" t="s">
        <v>39</v>
      </c>
      <c r="P7198" s="5" t="s">
        <v>40</v>
      </c>
      <c r="Q7198" s="5" t="s">
        <v>1522</v>
      </c>
      <c r="R7198" s="5" t="s">
        <v>1523</v>
      </c>
      <c r="S7198" s="5" t="s">
        <v>42</v>
      </c>
      <c r="T7198" s="2">
        <v>3.1339999999999999</v>
      </c>
      <c r="U7198" s="2">
        <v>2.6160000000000001</v>
      </c>
      <c r="V7198" s="2">
        <v>16.7</v>
      </c>
      <c r="W7198" s="2">
        <v>118.9</v>
      </c>
      <c r="X7198" s="2">
        <v>7.6</v>
      </c>
      <c r="Y7198" s="2">
        <v>16.7</v>
      </c>
      <c r="Z7198" s="5"/>
      <c r="AA7198" s="5" t="s">
        <v>43</v>
      </c>
      <c r="AB7198" s="5" t="s">
        <v>44</v>
      </c>
      <c r="AC7198" s="2"/>
      <c r="AD7198" s="1"/>
    </row>
    <row r="7199" spans="1:30">
      <c r="A7199" s="5" t="s">
        <v>83578</v>
      </c>
      <c r="B7199" s="2" t="s">
        <v>105716</v>
      </c>
      <c r="C7199" s="14" t="s">
        <v>105717</v>
      </c>
      <c r="D7199" s="2" t="s">
        <v>105718</v>
      </c>
      <c r="E7199" s="2" t="s">
        <v>7212</v>
      </c>
      <c r="F7199" s="8">
        <v>263</v>
      </c>
      <c r="G7199" s="5">
        <v>6</v>
      </c>
      <c r="H7199" s="5" t="s">
        <v>1518</v>
      </c>
      <c r="I7199" s="5" t="s">
        <v>69038</v>
      </c>
      <c r="J7199" s="2" t="s">
        <v>69039</v>
      </c>
      <c r="K7199" s="5" t="s">
        <v>69038</v>
      </c>
      <c r="L7199" s="2" t="s">
        <v>69039</v>
      </c>
      <c r="M7199" s="5" t="s">
        <v>1521</v>
      </c>
      <c r="N7199" s="5" t="s">
        <v>38</v>
      </c>
      <c r="O7199" s="5" t="s">
        <v>39</v>
      </c>
      <c r="P7199" s="5" t="s">
        <v>40</v>
      </c>
      <c r="Q7199" s="5" t="s">
        <v>1522</v>
      </c>
      <c r="R7199" s="5" t="s">
        <v>1523</v>
      </c>
      <c r="S7199" s="5" t="s">
        <v>42</v>
      </c>
      <c r="T7199" s="2">
        <v>3.0339999999999998</v>
      </c>
      <c r="U7199" s="2">
        <v>2.516</v>
      </c>
      <c r="V7199" s="2">
        <v>16.7</v>
      </c>
      <c r="W7199" s="2">
        <v>118.9</v>
      </c>
      <c r="X7199" s="2">
        <v>7.6</v>
      </c>
      <c r="Y7199" s="2">
        <v>16.7</v>
      </c>
      <c r="Z7199" s="5"/>
      <c r="AA7199" s="5" t="s">
        <v>43</v>
      </c>
      <c r="AB7199" s="5" t="s">
        <v>44</v>
      </c>
      <c r="AC7199" s="2"/>
      <c r="AD7199" s="1"/>
    </row>
    <row r="7200" spans="1:30">
      <c r="A7200" s="5" t="s">
        <v>83578</v>
      </c>
      <c r="B7200" s="2" t="s">
        <v>105719</v>
      </c>
      <c r="C7200" s="14" t="s">
        <v>105720</v>
      </c>
      <c r="D7200" s="2" t="s">
        <v>105721</v>
      </c>
      <c r="E7200" s="2" t="s">
        <v>7528</v>
      </c>
      <c r="F7200" s="8">
        <v>263</v>
      </c>
      <c r="G7200" s="5">
        <v>6</v>
      </c>
      <c r="H7200" s="5" t="s">
        <v>1518</v>
      </c>
      <c r="I7200" s="5" t="s">
        <v>69038</v>
      </c>
      <c r="J7200" s="2" t="s">
        <v>69039</v>
      </c>
      <c r="K7200" s="5" t="s">
        <v>69038</v>
      </c>
      <c r="L7200" s="2" t="s">
        <v>69039</v>
      </c>
      <c r="M7200" s="5" t="s">
        <v>1521</v>
      </c>
      <c r="N7200" s="5" t="s">
        <v>38</v>
      </c>
      <c r="O7200" s="5" t="s">
        <v>39</v>
      </c>
      <c r="P7200" s="5" t="s">
        <v>40</v>
      </c>
      <c r="Q7200" s="5" t="s">
        <v>1522</v>
      </c>
      <c r="R7200" s="5" t="s">
        <v>1523</v>
      </c>
      <c r="S7200" s="5" t="s">
        <v>42</v>
      </c>
      <c r="T7200" s="2">
        <v>3.1339999999999999</v>
      </c>
      <c r="U7200" s="2">
        <v>2.6160000000000001</v>
      </c>
      <c r="V7200" s="2">
        <v>16.7</v>
      </c>
      <c r="W7200" s="2">
        <v>118.9</v>
      </c>
      <c r="X7200" s="2">
        <v>7.6</v>
      </c>
      <c r="Y7200" s="2">
        <v>16.7</v>
      </c>
      <c r="Z7200" s="5"/>
      <c r="AA7200" s="5" t="s">
        <v>43</v>
      </c>
      <c r="AB7200" s="5" t="s">
        <v>44</v>
      </c>
      <c r="AC7200" s="2"/>
      <c r="AD7200" s="1"/>
    </row>
    <row r="7201" spans="1:30">
      <c r="A7201" s="5" t="s">
        <v>83578</v>
      </c>
      <c r="B7201" s="2" t="s">
        <v>105722</v>
      </c>
      <c r="C7201" s="14" t="s">
        <v>105723</v>
      </c>
      <c r="D7201" s="2" t="s">
        <v>105724</v>
      </c>
      <c r="E7201" s="2" t="s">
        <v>7406</v>
      </c>
      <c r="F7201" s="8">
        <v>296</v>
      </c>
      <c r="G7201" s="5">
        <v>6</v>
      </c>
      <c r="H7201" s="5" t="s">
        <v>1518</v>
      </c>
      <c r="I7201" s="5" t="s">
        <v>69038</v>
      </c>
      <c r="J7201" s="2" t="s">
        <v>69039</v>
      </c>
      <c r="K7201" s="5" t="s">
        <v>69038</v>
      </c>
      <c r="L7201" s="2" t="s">
        <v>69039</v>
      </c>
      <c r="M7201" s="5" t="s">
        <v>1521</v>
      </c>
      <c r="N7201" s="5" t="s">
        <v>38</v>
      </c>
      <c r="O7201" s="5" t="s">
        <v>39</v>
      </c>
      <c r="P7201" s="5" t="s">
        <v>40</v>
      </c>
      <c r="Q7201" s="5" t="s">
        <v>1522</v>
      </c>
      <c r="R7201" s="5" t="s">
        <v>1523</v>
      </c>
      <c r="S7201" s="5" t="s">
        <v>42</v>
      </c>
      <c r="T7201" s="2">
        <v>3.2789999999999999</v>
      </c>
      <c r="U7201" s="2">
        <v>2.6840000000000002</v>
      </c>
      <c r="V7201" s="2">
        <v>16.7</v>
      </c>
      <c r="W7201" s="2">
        <v>139.1</v>
      </c>
      <c r="X7201" s="2">
        <v>7.6</v>
      </c>
      <c r="Y7201" s="2">
        <v>16.7</v>
      </c>
      <c r="Z7201" s="5"/>
      <c r="AA7201" s="5" t="s">
        <v>43</v>
      </c>
      <c r="AB7201" s="5" t="s">
        <v>44</v>
      </c>
      <c r="AC7201" s="2"/>
      <c r="AD7201" s="1"/>
    </row>
    <row r="7202" spans="1:30">
      <c r="A7202" s="5" t="s">
        <v>83578</v>
      </c>
      <c r="B7202" s="2" t="s">
        <v>105725</v>
      </c>
      <c r="C7202" s="14" t="s">
        <v>105726</v>
      </c>
      <c r="D7202" s="2" t="s">
        <v>105727</v>
      </c>
      <c r="E7202" s="2" t="s">
        <v>7535</v>
      </c>
      <c r="F7202" s="8">
        <v>296</v>
      </c>
      <c r="G7202" s="5">
        <v>6</v>
      </c>
      <c r="H7202" s="5" t="s">
        <v>1518</v>
      </c>
      <c r="I7202" s="5" t="s">
        <v>69038</v>
      </c>
      <c r="J7202" s="2" t="s">
        <v>69039</v>
      </c>
      <c r="K7202" s="5" t="s">
        <v>69038</v>
      </c>
      <c r="L7202" s="2" t="s">
        <v>69039</v>
      </c>
      <c r="M7202" s="5" t="s">
        <v>1521</v>
      </c>
      <c r="N7202" s="5" t="s">
        <v>38</v>
      </c>
      <c r="O7202" s="5" t="s">
        <v>39</v>
      </c>
      <c r="P7202" s="5" t="s">
        <v>40</v>
      </c>
      <c r="Q7202" s="5" t="s">
        <v>1522</v>
      </c>
      <c r="R7202" s="5" t="s">
        <v>1523</v>
      </c>
      <c r="S7202" s="5" t="s">
        <v>42</v>
      </c>
      <c r="T7202" s="2">
        <v>3.3889999999999998</v>
      </c>
      <c r="U7202" s="2">
        <v>2.794</v>
      </c>
      <c r="V7202" s="2">
        <v>16.7</v>
      </c>
      <c r="W7202" s="2">
        <v>139.1</v>
      </c>
      <c r="X7202" s="2">
        <v>7.6</v>
      </c>
      <c r="Y7202" s="2">
        <v>16.7</v>
      </c>
      <c r="Z7202" s="5"/>
      <c r="AA7202" s="5" t="s">
        <v>43</v>
      </c>
      <c r="AB7202" s="5" t="s">
        <v>44</v>
      </c>
      <c r="AC7202" s="2"/>
      <c r="AD7202" s="1"/>
    </row>
    <row r="7203" spans="1:30">
      <c r="A7203" s="5" t="s">
        <v>83578</v>
      </c>
      <c r="B7203" s="2" t="s">
        <v>105728</v>
      </c>
      <c r="C7203" s="14" t="s">
        <v>105729</v>
      </c>
      <c r="D7203" s="2" t="s">
        <v>105730</v>
      </c>
      <c r="E7203" s="2" t="s">
        <v>7547</v>
      </c>
      <c r="F7203" s="8">
        <v>296</v>
      </c>
      <c r="G7203" s="5">
        <v>6</v>
      </c>
      <c r="H7203" s="5" t="s">
        <v>1518</v>
      </c>
      <c r="I7203" s="5" t="s">
        <v>69038</v>
      </c>
      <c r="J7203" s="2" t="s">
        <v>69039</v>
      </c>
      <c r="K7203" s="5" t="s">
        <v>69038</v>
      </c>
      <c r="L7203" s="2" t="s">
        <v>69039</v>
      </c>
      <c r="M7203" s="5" t="s">
        <v>1521</v>
      </c>
      <c r="N7203" s="5" t="s">
        <v>38</v>
      </c>
      <c r="O7203" s="5" t="s">
        <v>39</v>
      </c>
      <c r="P7203" s="5" t="s">
        <v>40</v>
      </c>
      <c r="Q7203" s="5" t="s">
        <v>1522</v>
      </c>
      <c r="R7203" s="5" t="s">
        <v>1523</v>
      </c>
      <c r="S7203" s="5" t="s">
        <v>42</v>
      </c>
      <c r="T7203" s="2">
        <v>3.2789999999999999</v>
      </c>
      <c r="U7203" s="2">
        <v>2.6840000000000002</v>
      </c>
      <c r="V7203" s="2">
        <v>16.7</v>
      </c>
      <c r="W7203" s="2">
        <v>139.1</v>
      </c>
      <c r="X7203" s="2">
        <v>7.6</v>
      </c>
      <c r="Y7203" s="2">
        <v>16.7</v>
      </c>
      <c r="Z7203" s="5"/>
      <c r="AA7203" s="5" t="s">
        <v>43</v>
      </c>
      <c r="AB7203" s="5" t="s">
        <v>44</v>
      </c>
      <c r="AC7203" s="2"/>
      <c r="AD7203" s="1"/>
    </row>
    <row r="7204" spans="1:30">
      <c r="A7204" s="5" t="s">
        <v>83578</v>
      </c>
      <c r="B7204" s="2" t="s">
        <v>105731</v>
      </c>
      <c r="C7204" s="14" t="s">
        <v>105732</v>
      </c>
      <c r="D7204" s="2" t="s">
        <v>105733</v>
      </c>
      <c r="E7204" s="2" t="s">
        <v>7551</v>
      </c>
      <c r="F7204" s="8">
        <v>296</v>
      </c>
      <c r="G7204" s="5">
        <v>6</v>
      </c>
      <c r="H7204" s="5" t="s">
        <v>1518</v>
      </c>
      <c r="I7204" s="5" t="s">
        <v>69038</v>
      </c>
      <c r="J7204" s="2" t="s">
        <v>69039</v>
      </c>
      <c r="K7204" s="5" t="s">
        <v>69038</v>
      </c>
      <c r="L7204" s="2" t="s">
        <v>69039</v>
      </c>
      <c r="M7204" s="5" t="s">
        <v>1521</v>
      </c>
      <c r="N7204" s="5" t="s">
        <v>38</v>
      </c>
      <c r="O7204" s="5" t="s">
        <v>39</v>
      </c>
      <c r="P7204" s="5" t="s">
        <v>40</v>
      </c>
      <c r="Q7204" s="5" t="s">
        <v>1522</v>
      </c>
      <c r="R7204" s="5" t="s">
        <v>1523</v>
      </c>
      <c r="S7204" s="5" t="s">
        <v>42</v>
      </c>
      <c r="T7204" s="2">
        <v>3.3889999999999998</v>
      </c>
      <c r="U7204" s="2">
        <v>2.794</v>
      </c>
      <c r="V7204" s="2">
        <v>16.7</v>
      </c>
      <c r="W7204" s="2">
        <v>139.1</v>
      </c>
      <c r="X7204" s="2">
        <v>7.6</v>
      </c>
      <c r="Y7204" s="2">
        <v>16.7</v>
      </c>
      <c r="Z7204" s="5"/>
      <c r="AA7204" s="5" t="s">
        <v>43</v>
      </c>
      <c r="AB7204" s="5" t="s">
        <v>44</v>
      </c>
      <c r="AC7204" s="2"/>
      <c r="AD7204" s="1"/>
    </row>
    <row r="7205" spans="1:30">
      <c r="A7205" s="5" t="s">
        <v>83578</v>
      </c>
      <c r="B7205" s="2" t="s">
        <v>105734</v>
      </c>
      <c r="C7205" s="14" t="s">
        <v>105735</v>
      </c>
      <c r="D7205" s="2" t="s">
        <v>105736</v>
      </c>
      <c r="E7205" s="2" t="s">
        <v>7563</v>
      </c>
      <c r="F7205" s="8">
        <v>296</v>
      </c>
      <c r="G7205" s="5">
        <v>6</v>
      </c>
      <c r="H7205" s="5" t="s">
        <v>1518</v>
      </c>
      <c r="I7205" s="5" t="s">
        <v>69038</v>
      </c>
      <c r="J7205" s="2" t="s">
        <v>69039</v>
      </c>
      <c r="K7205" s="5" t="s">
        <v>69038</v>
      </c>
      <c r="L7205" s="2" t="s">
        <v>69039</v>
      </c>
      <c r="M7205" s="5" t="s">
        <v>1521</v>
      </c>
      <c r="N7205" s="5" t="s">
        <v>38</v>
      </c>
      <c r="O7205" s="5" t="s">
        <v>39</v>
      </c>
      <c r="P7205" s="5" t="s">
        <v>40</v>
      </c>
      <c r="Q7205" s="5" t="s">
        <v>1522</v>
      </c>
      <c r="R7205" s="5" t="s">
        <v>1523</v>
      </c>
      <c r="S7205" s="5" t="s">
        <v>42</v>
      </c>
      <c r="T7205" s="2">
        <v>3.2789999999999999</v>
      </c>
      <c r="U7205" s="2">
        <v>2.6840000000000002</v>
      </c>
      <c r="V7205" s="2">
        <v>16.7</v>
      </c>
      <c r="W7205" s="2">
        <v>139.1</v>
      </c>
      <c r="X7205" s="2">
        <v>7.6</v>
      </c>
      <c r="Y7205" s="2">
        <v>16.7</v>
      </c>
      <c r="Z7205" s="5"/>
      <c r="AA7205" s="5" t="s">
        <v>43</v>
      </c>
      <c r="AB7205" s="5" t="s">
        <v>44</v>
      </c>
      <c r="AC7205" s="2"/>
      <c r="AD7205" s="1"/>
    </row>
    <row r="7206" spans="1:30">
      <c r="A7206" s="5" t="s">
        <v>83578</v>
      </c>
      <c r="B7206" s="2" t="s">
        <v>105737</v>
      </c>
      <c r="C7206" s="14" t="s">
        <v>105738</v>
      </c>
      <c r="D7206" s="2" t="s">
        <v>105739</v>
      </c>
      <c r="E7206" s="2" t="s">
        <v>7555</v>
      </c>
      <c r="F7206" s="8">
        <v>296</v>
      </c>
      <c r="G7206" s="5">
        <v>6</v>
      </c>
      <c r="H7206" s="5" t="s">
        <v>1518</v>
      </c>
      <c r="I7206" s="5" t="s">
        <v>69038</v>
      </c>
      <c r="J7206" s="2" t="s">
        <v>69039</v>
      </c>
      <c r="K7206" s="5" t="s">
        <v>69038</v>
      </c>
      <c r="L7206" s="2" t="s">
        <v>69039</v>
      </c>
      <c r="M7206" s="5" t="s">
        <v>1521</v>
      </c>
      <c r="N7206" s="5" t="s">
        <v>38</v>
      </c>
      <c r="O7206" s="5" t="s">
        <v>39</v>
      </c>
      <c r="P7206" s="5" t="s">
        <v>40</v>
      </c>
      <c r="Q7206" s="5" t="s">
        <v>1522</v>
      </c>
      <c r="R7206" s="5" t="s">
        <v>1523</v>
      </c>
      <c r="S7206" s="5" t="s">
        <v>42</v>
      </c>
      <c r="T7206" s="2">
        <v>3.2789999999999999</v>
      </c>
      <c r="U7206" s="2">
        <v>2.6840000000000002</v>
      </c>
      <c r="V7206" s="2">
        <v>16.7</v>
      </c>
      <c r="W7206" s="2">
        <v>139.1</v>
      </c>
      <c r="X7206" s="2">
        <v>7.6</v>
      </c>
      <c r="Y7206" s="2">
        <v>16.7</v>
      </c>
      <c r="Z7206" s="5"/>
      <c r="AA7206" s="5" t="s">
        <v>43</v>
      </c>
      <c r="AB7206" s="5" t="s">
        <v>44</v>
      </c>
      <c r="AC7206" s="2"/>
      <c r="AD7206" s="1"/>
    </row>
    <row r="7207" spans="1:30">
      <c r="A7207" s="5" t="s">
        <v>83578</v>
      </c>
      <c r="B7207" s="2" t="s">
        <v>105740</v>
      </c>
      <c r="C7207" s="14" t="s">
        <v>105741</v>
      </c>
      <c r="D7207" s="2" t="s">
        <v>105742</v>
      </c>
      <c r="E7207" s="2" t="s">
        <v>7559</v>
      </c>
      <c r="F7207" s="8">
        <v>296</v>
      </c>
      <c r="G7207" s="5">
        <v>6</v>
      </c>
      <c r="H7207" s="5" t="s">
        <v>1518</v>
      </c>
      <c r="I7207" s="5" t="s">
        <v>69038</v>
      </c>
      <c r="J7207" s="2" t="s">
        <v>69039</v>
      </c>
      <c r="K7207" s="5" t="s">
        <v>69038</v>
      </c>
      <c r="L7207" s="2" t="s">
        <v>69039</v>
      </c>
      <c r="M7207" s="5" t="s">
        <v>1521</v>
      </c>
      <c r="N7207" s="5" t="s">
        <v>38</v>
      </c>
      <c r="O7207" s="5" t="s">
        <v>39</v>
      </c>
      <c r="P7207" s="5" t="s">
        <v>40</v>
      </c>
      <c r="Q7207" s="5" t="s">
        <v>1522</v>
      </c>
      <c r="R7207" s="5" t="s">
        <v>1523</v>
      </c>
      <c r="S7207" s="5" t="s">
        <v>42</v>
      </c>
      <c r="T7207" s="2">
        <v>3.3889999999999998</v>
      </c>
      <c r="U7207" s="2">
        <v>2.794</v>
      </c>
      <c r="V7207" s="2">
        <v>16.7</v>
      </c>
      <c r="W7207" s="2">
        <v>139.1</v>
      </c>
      <c r="X7207" s="2">
        <v>7.6</v>
      </c>
      <c r="Y7207" s="2">
        <v>16.7</v>
      </c>
      <c r="Z7207" s="5"/>
      <c r="AA7207" s="5" t="s">
        <v>43</v>
      </c>
      <c r="AB7207" s="5" t="s">
        <v>44</v>
      </c>
      <c r="AC7207" s="2"/>
      <c r="AD7207" s="1"/>
    </row>
    <row r="7208" spans="1:30">
      <c r="A7208" s="5" t="s">
        <v>83578</v>
      </c>
      <c r="B7208" s="2" t="s">
        <v>105743</v>
      </c>
      <c r="C7208" s="14" t="s">
        <v>105744</v>
      </c>
      <c r="D7208" s="2" t="s">
        <v>105745</v>
      </c>
      <c r="E7208" s="2" t="s">
        <v>16079</v>
      </c>
      <c r="F7208" s="8">
        <v>296</v>
      </c>
      <c r="G7208" s="5">
        <v>6</v>
      </c>
      <c r="H7208" s="5" t="s">
        <v>1518</v>
      </c>
      <c r="I7208" s="5" t="s">
        <v>69038</v>
      </c>
      <c r="J7208" s="2" t="s">
        <v>69039</v>
      </c>
      <c r="K7208" s="5" t="s">
        <v>69038</v>
      </c>
      <c r="L7208" s="2" t="s">
        <v>69039</v>
      </c>
      <c r="M7208" s="5" t="s">
        <v>1521</v>
      </c>
      <c r="N7208" s="5" t="s">
        <v>38</v>
      </c>
      <c r="O7208" s="5" t="s">
        <v>39</v>
      </c>
      <c r="P7208" s="5" t="s">
        <v>40</v>
      </c>
      <c r="Q7208" s="5" t="s">
        <v>1522</v>
      </c>
      <c r="R7208" s="5" t="s">
        <v>1523</v>
      </c>
      <c r="S7208" s="5" t="s">
        <v>42</v>
      </c>
      <c r="T7208" s="2">
        <v>3.2789999999999999</v>
      </c>
      <c r="U7208" s="2">
        <v>2.6840000000000002</v>
      </c>
      <c r="V7208" s="2">
        <v>16.7</v>
      </c>
      <c r="W7208" s="2">
        <v>139.1</v>
      </c>
      <c r="X7208" s="2">
        <v>7.6</v>
      </c>
      <c r="Y7208" s="2">
        <v>16.7</v>
      </c>
      <c r="Z7208" s="5"/>
      <c r="AA7208" s="5" t="s">
        <v>43</v>
      </c>
      <c r="AB7208" s="5" t="s">
        <v>44</v>
      </c>
      <c r="AC7208" s="2"/>
      <c r="AD7208" s="1"/>
    </row>
    <row r="7209" spans="1:30">
      <c r="A7209" s="5" t="s">
        <v>83578</v>
      </c>
      <c r="B7209" s="2" t="s">
        <v>105746</v>
      </c>
      <c r="C7209" s="14" t="s">
        <v>105747</v>
      </c>
      <c r="D7209" s="2" t="s">
        <v>105748</v>
      </c>
      <c r="E7209" s="2" t="s">
        <v>16194</v>
      </c>
      <c r="F7209" s="8">
        <v>296</v>
      </c>
      <c r="G7209" s="5">
        <v>6</v>
      </c>
      <c r="H7209" s="5" t="s">
        <v>1518</v>
      </c>
      <c r="I7209" s="5" t="s">
        <v>69038</v>
      </c>
      <c r="J7209" s="2" t="s">
        <v>69039</v>
      </c>
      <c r="K7209" s="5" t="s">
        <v>69038</v>
      </c>
      <c r="L7209" s="2" t="s">
        <v>69039</v>
      </c>
      <c r="M7209" s="5" t="s">
        <v>1521</v>
      </c>
      <c r="N7209" s="5" t="s">
        <v>38</v>
      </c>
      <c r="O7209" s="5" t="s">
        <v>39</v>
      </c>
      <c r="P7209" s="5" t="s">
        <v>40</v>
      </c>
      <c r="Q7209" s="5" t="s">
        <v>1522</v>
      </c>
      <c r="R7209" s="5" t="s">
        <v>1523</v>
      </c>
      <c r="S7209" s="5" t="s">
        <v>42</v>
      </c>
      <c r="T7209" s="2">
        <v>3.3889999999999998</v>
      </c>
      <c r="U7209" s="2">
        <v>2.794</v>
      </c>
      <c r="V7209" s="2">
        <v>16.7</v>
      </c>
      <c r="W7209" s="2">
        <v>139.1</v>
      </c>
      <c r="X7209" s="2">
        <v>7.6</v>
      </c>
      <c r="Y7209" s="2">
        <v>16.7</v>
      </c>
      <c r="Z7209" s="5"/>
      <c r="AA7209" s="5" t="s">
        <v>43</v>
      </c>
      <c r="AB7209" s="5" t="s">
        <v>44</v>
      </c>
      <c r="AC7209" s="2"/>
      <c r="AD7209" s="1"/>
    </row>
    <row r="7210" spans="1:30">
      <c r="A7210" s="5" t="s">
        <v>83578</v>
      </c>
      <c r="B7210" s="2" t="s">
        <v>105749</v>
      </c>
      <c r="C7210" s="14" t="s">
        <v>105750</v>
      </c>
      <c r="D7210" s="2" t="s">
        <v>105751</v>
      </c>
      <c r="E7210" s="2" t="s">
        <v>7585</v>
      </c>
      <c r="F7210" s="8">
        <v>296</v>
      </c>
      <c r="G7210" s="5">
        <v>6</v>
      </c>
      <c r="H7210" s="5" t="s">
        <v>1518</v>
      </c>
      <c r="I7210" s="5" t="s">
        <v>69038</v>
      </c>
      <c r="J7210" s="2" t="s">
        <v>69039</v>
      </c>
      <c r="K7210" s="5" t="s">
        <v>69038</v>
      </c>
      <c r="L7210" s="2" t="s">
        <v>69039</v>
      </c>
      <c r="M7210" s="5" t="s">
        <v>1521</v>
      </c>
      <c r="N7210" s="5" t="s">
        <v>38</v>
      </c>
      <c r="O7210" s="5" t="s">
        <v>39</v>
      </c>
      <c r="P7210" s="5" t="s">
        <v>40</v>
      </c>
      <c r="Q7210" s="5" t="s">
        <v>1522</v>
      </c>
      <c r="R7210" s="5" t="s">
        <v>1523</v>
      </c>
      <c r="S7210" s="5" t="s">
        <v>42</v>
      </c>
      <c r="T7210" s="2">
        <v>3.2789999999999999</v>
      </c>
      <c r="U7210" s="2">
        <v>2.6840000000000002</v>
      </c>
      <c r="V7210" s="2">
        <v>16.7</v>
      </c>
      <c r="W7210" s="2">
        <v>139.1</v>
      </c>
      <c r="X7210" s="2">
        <v>7.6</v>
      </c>
      <c r="Y7210" s="2">
        <v>16.7</v>
      </c>
      <c r="Z7210" s="5"/>
      <c r="AA7210" s="5" t="s">
        <v>43</v>
      </c>
      <c r="AB7210" s="5" t="s">
        <v>44</v>
      </c>
      <c r="AC7210" s="2"/>
      <c r="AD7210" s="1"/>
    </row>
    <row r="7211" spans="1:30">
      <c r="A7211" s="5" t="s">
        <v>83578</v>
      </c>
      <c r="B7211" s="2" t="s">
        <v>105752</v>
      </c>
      <c r="C7211" s="14" t="s">
        <v>105753</v>
      </c>
      <c r="D7211" s="2" t="s">
        <v>105754</v>
      </c>
      <c r="E7211" s="2" t="s">
        <v>7589</v>
      </c>
      <c r="F7211" s="8">
        <v>296</v>
      </c>
      <c r="G7211" s="5">
        <v>6</v>
      </c>
      <c r="H7211" s="5" t="s">
        <v>1518</v>
      </c>
      <c r="I7211" s="5" t="s">
        <v>69038</v>
      </c>
      <c r="J7211" s="2" t="s">
        <v>69039</v>
      </c>
      <c r="K7211" s="5" t="s">
        <v>69038</v>
      </c>
      <c r="L7211" s="2" t="s">
        <v>69039</v>
      </c>
      <c r="M7211" s="5" t="s">
        <v>1521</v>
      </c>
      <c r="N7211" s="5" t="s">
        <v>38</v>
      </c>
      <c r="O7211" s="5" t="s">
        <v>39</v>
      </c>
      <c r="P7211" s="5" t="s">
        <v>40</v>
      </c>
      <c r="Q7211" s="5" t="s">
        <v>1522</v>
      </c>
      <c r="R7211" s="5" t="s">
        <v>1523</v>
      </c>
      <c r="S7211" s="5" t="s">
        <v>42</v>
      </c>
      <c r="T7211" s="2">
        <v>3.3889999999999998</v>
      </c>
      <c r="U7211" s="2">
        <v>2.794</v>
      </c>
      <c r="V7211" s="2">
        <v>16.7</v>
      </c>
      <c r="W7211" s="2">
        <v>139.1</v>
      </c>
      <c r="X7211" s="2">
        <v>7.6</v>
      </c>
      <c r="Y7211" s="2">
        <v>16.7</v>
      </c>
      <c r="Z7211" s="5"/>
      <c r="AA7211" s="5" t="s">
        <v>43</v>
      </c>
      <c r="AB7211" s="5" t="s">
        <v>44</v>
      </c>
      <c r="AC7211" s="2"/>
      <c r="AD7211" s="1"/>
    </row>
    <row r="7212" spans="1:30">
      <c r="A7212" s="5" t="s">
        <v>83578</v>
      </c>
      <c r="B7212" s="2" t="s">
        <v>105755</v>
      </c>
      <c r="C7212" s="14" t="s">
        <v>105756</v>
      </c>
      <c r="D7212" s="2" t="s">
        <v>105757</v>
      </c>
      <c r="E7212" s="2" t="s">
        <v>7597</v>
      </c>
      <c r="F7212" s="8">
        <v>296</v>
      </c>
      <c r="G7212" s="5">
        <v>6</v>
      </c>
      <c r="H7212" s="5" t="s">
        <v>1518</v>
      </c>
      <c r="I7212" s="5" t="s">
        <v>69038</v>
      </c>
      <c r="J7212" s="2" t="s">
        <v>69039</v>
      </c>
      <c r="K7212" s="5" t="s">
        <v>69038</v>
      </c>
      <c r="L7212" s="2" t="s">
        <v>69039</v>
      </c>
      <c r="M7212" s="5" t="s">
        <v>1521</v>
      </c>
      <c r="N7212" s="5" t="s">
        <v>38</v>
      </c>
      <c r="O7212" s="5" t="s">
        <v>39</v>
      </c>
      <c r="P7212" s="5" t="s">
        <v>40</v>
      </c>
      <c r="Q7212" s="5" t="s">
        <v>1522</v>
      </c>
      <c r="R7212" s="5" t="s">
        <v>1523</v>
      </c>
      <c r="S7212" s="5" t="s">
        <v>42</v>
      </c>
      <c r="T7212" s="2">
        <v>3.3889999999999998</v>
      </c>
      <c r="U7212" s="2">
        <v>2.794</v>
      </c>
      <c r="V7212" s="2">
        <v>16.7</v>
      </c>
      <c r="W7212" s="2">
        <v>139.1</v>
      </c>
      <c r="X7212" s="2">
        <v>7.6</v>
      </c>
      <c r="Y7212" s="2">
        <v>16.7</v>
      </c>
      <c r="Z7212" s="5"/>
      <c r="AA7212" s="5" t="s">
        <v>43</v>
      </c>
      <c r="AB7212" s="5" t="s">
        <v>44</v>
      </c>
      <c r="AC7212" s="2"/>
      <c r="AD7212" s="1"/>
    </row>
    <row r="7213" spans="1:30">
      <c r="A7213" s="5" t="s">
        <v>83578</v>
      </c>
      <c r="B7213" s="2" t="s">
        <v>105758</v>
      </c>
      <c r="C7213" s="14" t="s">
        <v>105759</v>
      </c>
      <c r="D7213" s="2" t="s">
        <v>105760</v>
      </c>
      <c r="E7213" s="2" t="s">
        <v>16014</v>
      </c>
      <c r="F7213" s="8">
        <v>296</v>
      </c>
      <c r="G7213" s="5">
        <v>6</v>
      </c>
      <c r="H7213" s="5" t="s">
        <v>1518</v>
      </c>
      <c r="I7213" s="5" t="s">
        <v>69038</v>
      </c>
      <c r="J7213" s="2" t="s">
        <v>69039</v>
      </c>
      <c r="K7213" s="5" t="s">
        <v>69038</v>
      </c>
      <c r="L7213" s="2" t="s">
        <v>69039</v>
      </c>
      <c r="M7213" s="5" t="s">
        <v>1521</v>
      </c>
      <c r="N7213" s="5" t="s">
        <v>38</v>
      </c>
      <c r="O7213" s="5" t="s">
        <v>39</v>
      </c>
      <c r="P7213" s="5" t="s">
        <v>40</v>
      </c>
      <c r="Q7213" s="5" t="s">
        <v>1522</v>
      </c>
      <c r="R7213" s="5" t="s">
        <v>1523</v>
      </c>
      <c r="S7213" s="5" t="s">
        <v>42</v>
      </c>
      <c r="T7213" s="2">
        <v>3.2789999999999999</v>
      </c>
      <c r="U7213" s="2">
        <v>2.6840000000000002</v>
      </c>
      <c r="V7213" s="2">
        <v>16.7</v>
      </c>
      <c r="W7213" s="2">
        <v>139.1</v>
      </c>
      <c r="X7213" s="2">
        <v>7.6</v>
      </c>
      <c r="Y7213" s="2">
        <v>16.7</v>
      </c>
      <c r="Z7213" s="5"/>
      <c r="AA7213" s="5" t="s">
        <v>43</v>
      </c>
      <c r="AB7213" s="5" t="s">
        <v>44</v>
      </c>
      <c r="AC7213" s="2"/>
      <c r="AD7213" s="1"/>
    </row>
    <row r="7214" spans="1:30">
      <c r="A7214" s="5" t="s">
        <v>83578</v>
      </c>
      <c r="B7214" s="2" t="s">
        <v>105761</v>
      </c>
      <c r="C7214" s="14" t="s">
        <v>105762</v>
      </c>
      <c r="D7214" s="2" t="s">
        <v>105763</v>
      </c>
      <c r="E7214" s="2" t="s">
        <v>7528</v>
      </c>
      <c r="F7214" s="8">
        <v>275</v>
      </c>
      <c r="G7214" s="5">
        <v>6</v>
      </c>
      <c r="H7214" s="5" t="s">
        <v>1518</v>
      </c>
      <c r="I7214" s="5" t="s">
        <v>69038</v>
      </c>
      <c r="J7214" s="2" t="s">
        <v>69039</v>
      </c>
      <c r="K7214" s="5" t="s">
        <v>69038</v>
      </c>
      <c r="L7214" s="2" t="s">
        <v>69039</v>
      </c>
      <c r="M7214" s="5" t="s">
        <v>1521</v>
      </c>
      <c r="N7214" s="5" t="s">
        <v>38</v>
      </c>
      <c r="O7214" s="5" t="s">
        <v>39</v>
      </c>
      <c r="P7214" s="5" t="s">
        <v>40</v>
      </c>
      <c r="Q7214" s="5" t="s">
        <v>1522</v>
      </c>
      <c r="R7214" s="5" t="s">
        <v>1523</v>
      </c>
      <c r="S7214" s="5" t="s">
        <v>42</v>
      </c>
      <c r="T7214" s="2">
        <v>3.3889999999999998</v>
      </c>
      <c r="U7214" s="2">
        <v>2.794</v>
      </c>
      <c r="V7214" s="2">
        <v>16.7</v>
      </c>
      <c r="W7214" s="2">
        <v>139.1</v>
      </c>
      <c r="X7214" s="2">
        <v>7.6</v>
      </c>
      <c r="Y7214" s="2">
        <v>16.7</v>
      </c>
      <c r="Z7214" s="5"/>
      <c r="AA7214" s="5" t="s">
        <v>43</v>
      </c>
      <c r="AB7214" s="5" t="s">
        <v>44</v>
      </c>
      <c r="AC7214" s="2"/>
      <c r="AD7214" s="1"/>
    </row>
    <row r="7215" spans="1:30">
      <c r="A7215" s="5" t="s">
        <v>83578</v>
      </c>
      <c r="B7215" s="2" t="s">
        <v>105764</v>
      </c>
      <c r="C7215" s="14" t="s">
        <v>105765</v>
      </c>
      <c r="D7215" s="2" t="s">
        <v>105766</v>
      </c>
      <c r="E7215" s="2" t="s">
        <v>7551</v>
      </c>
      <c r="F7215" s="8">
        <v>272</v>
      </c>
      <c r="G7215" s="5">
        <v>6</v>
      </c>
      <c r="H7215" s="5" t="s">
        <v>1518</v>
      </c>
      <c r="I7215" s="5" t="s">
        <v>69038</v>
      </c>
      <c r="J7215" s="2" t="s">
        <v>69039</v>
      </c>
      <c r="K7215" s="5" t="s">
        <v>69038</v>
      </c>
      <c r="L7215" s="2" t="s">
        <v>69039</v>
      </c>
      <c r="M7215" s="5" t="s">
        <v>1521</v>
      </c>
      <c r="N7215" s="5" t="s">
        <v>38</v>
      </c>
      <c r="O7215" s="5" t="s">
        <v>39</v>
      </c>
      <c r="P7215" s="5" t="s">
        <v>40</v>
      </c>
      <c r="Q7215" s="5" t="s">
        <v>1522</v>
      </c>
      <c r="R7215" s="5" t="s">
        <v>1523</v>
      </c>
      <c r="S7215" s="5" t="s">
        <v>42</v>
      </c>
      <c r="T7215" s="2">
        <v>2.9929999999999999</v>
      </c>
      <c r="U7215" s="2">
        <v>2.4689999999999999</v>
      </c>
      <c r="V7215" s="2">
        <v>16.7</v>
      </c>
      <c r="W7215" s="2">
        <v>118.9</v>
      </c>
      <c r="X7215" s="2">
        <v>7.6</v>
      </c>
      <c r="Y7215" s="2">
        <v>16.7</v>
      </c>
      <c r="Z7215" s="5"/>
      <c r="AA7215" s="5" t="s">
        <v>43</v>
      </c>
      <c r="AB7215" s="5" t="s">
        <v>44</v>
      </c>
      <c r="AC7215" s="2"/>
      <c r="AD7215" s="1"/>
    </row>
    <row r="7216" spans="1:30">
      <c r="A7216" s="5" t="s">
        <v>83578</v>
      </c>
      <c r="B7216" s="2" t="s">
        <v>105767</v>
      </c>
      <c r="C7216" s="14" t="s">
        <v>105768</v>
      </c>
      <c r="D7216" s="2" t="s">
        <v>105769</v>
      </c>
      <c r="E7216" s="2" t="s">
        <v>16079</v>
      </c>
      <c r="F7216" s="8">
        <v>272</v>
      </c>
      <c r="G7216" s="5">
        <v>6</v>
      </c>
      <c r="H7216" s="5" t="s">
        <v>1518</v>
      </c>
      <c r="I7216" s="5" t="s">
        <v>69038</v>
      </c>
      <c r="J7216" s="2" t="s">
        <v>69039</v>
      </c>
      <c r="K7216" s="5" t="s">
        <v>69038</v>
      </c>
      <c r="L7216" s="2" t="s">
        <v>69039</v>
      </c>
      <c r="M7216" s="5" t="s">
        <v>1521</v>
      </c>
      <c r="N7216" s="5" t="s">
        <v>38</v>
      </c>
      <c r="O7216" s="5" t="s">
        <v>39</v>
      </c>
      <c r="P7216" s="5" t="s">
        <v>40</v>
      </c>
      <c r="Q7216" s="5" t="s">
        <v>1522</v>
      </c>
      <c r="R7216" s="5" t="s">
        <v>1523</v>
      </c>
      <c r="S7216" s="5" t="s">
        <v>42</v>
      </c>
      <c r="T7216" s="2">
        <v>2.903</v>
      </c>
      <c r="U7216" s="2">
        <v>2.379</v>
      </c>
      <c r="V7216" s="2">
        <v>16.7</v>
      </c>
      <c r="W7216" s="2">
        <v>118.9</v>
      </c>
      <c r="X7216" s="2">
        <v>7.6</v>
      </c>
      <c r="Y7216" s="2">
        <v>16.7</v>
      </c>
      <c r="Z7216" s="5"/>
      <c r="AA7216" s="5" t="s">
        <v>43</v>
      </c>
      <c r="AB7216" s="5" t="s">
        <v>44</v>
      </c>
      <c r="AC7216" s="2"/>
      <c r="AD7216" s="1"/>
    </row>
    <row r="7217" spans="1:30">
      <c r="A7217" s="5" t="s">
        <v>83578</v>
      </c>
      <c r="B7217" s="2" t="s">
        <v>105770</v>
      </c>
      <c r="C7217" s="14" t="s">
        <v>105771</v>
      </c>
      <c r="D7217" s="2" t="s">
        <v>105772</v>
      </c>
      <c r="E7217" s="2" t="s">
        <v>7547</v>
      </c>
      <c r="F7217" s="8">
        <v>283</v>
      </c>
      <c r="G7217" s="5">
        <v>6</v>
      </c>
      <c r="H7217" s="5" t="s">
        <v>1518</v>
      </c>
      <c r="I7217" s="5" t="s">
        <v>69038</v>
      </c>
      <c r="J7217" s="2" t="s">
        <v>69039</v>
      </c>
      <c r="K7217" s="5" t="s">
        <v>69038</v>
      </c>
      <c r="L7217" s="2" t="s">
        <v>69039</v>
      </c>
      <c r="M7217" s="5" t="s">
        <v>1521</v>
      </c>
      <c r="N7217" s="5" t="s">
        <v>38</v>
      </c>
      <c r="O7217" s="5" t="s">
        <v>39</v>
      </c>
      <c r="P7217" s="5" t="s">
        <v>40</v>
      </c>
      <c r="Q7217" s="5" t="s">
        <v>1522</v>
      </c>
      <c r="R7217" s="5" t="s">
        <v>1523</v>
      </c>
      <c r="S7217" s="5" t="s">
        <v>42</v>
      </c>
      <c r="T7217" s="2">
        <v>3.1579999999999999</v>
      </c>
      <c r="U7217" s="2">
        <v>2.5590000000000002</v>
      </c>
      <c r="V7217" s="2">
        <v>16.7</v>
      </c>
      <c r="W7217" s="2">
        <v>139.1</v>
      </c>
      <c r="X7217" s="2">
        <v>7.6</v>
      </c>
      <c r="Y7217" s="2">
        <v>16.7</v>
      </c>
      <c r="Z7217" s="5"/>
      <c r="AA7217" s="5" t="s">
        <v>43</v>
      </c>
      <c r="AB7217" s="5" t="s">
        <v>44</v>
      </c>
      <c r="AC7217" s="2"/>
      <c r="AD7217" s="1"/>
    </row>
    <row r="7218" spans="1:30">
      <c r="A7218" s="5" t="s">
        <v>83578</v>
      </c>
      <c r="B7218" s="2" t="s">
        <v>105773</v>
      </c>
      <c r="C7218" s="14" t="s">
        <v>105774</v>
      </c>
      <c r="D7218" s="2" t="s">
        <v>105775</v>
      </c>
      <c r="E7218" s="2" t="s">
        <v>7551</v>
      </c>
      <c r="F7218" s="8">
        <v>283</v>
      </c>
      <c r="G7218" s="5">
        <v>6</v>
      </c>
      <c r="H7218" s="5" t="s">
        <v>1518</v>
      </c>
      <c r="I7218" s="5" t="s">
        <v>69038</v>
      </c>
      <c r="J7218" s="2" t="s">
        <v>69039</v>
      </c>
      <c r="K7218" s="5" t="s">
        <v>69038</v>
      </c>
      <c r="L7218" s="2" t="s">
        <v>69039</v>
      </c>
      <c r="M7218" s="5" t="s">
        <v>1521</v>
      </c>
      <c r="N7218" s="5" t="s">
        <v>38</v>
      </c>
      <c r="O7218" s="5" t="s">
        <v>39</v>
      </c>
      <c r="P7218" s="5" t="s">
        <v>40</v>
      </c>
      <c r="Q7218" s="5" t="s">
        <v>1522</v>
      </c>
      <c r="R7218" s="5" t="s">
        <v>1523</v>
      </c>
      <c r="S7218" s="5" t="s">
        <v>42</v>
      </c>
      <c r="T7218" s="2">
        <v>3.26</v>
      </c>
      <c r="U7218" s="2">
        <v>2.661</v>
      </c>
      <c r="V7218" s="2">
        <v>16.7</v>
      </c>
      <c r="W7218" s="2">
        <v>139.1</v>
      </c>
      <c r="X7218" s="2">
        <v>7.6</v>
      </c>
      <c r="Y7218" s="2">
        <v>16.7</v>
      </c>
      <c r="Z7218" s="5"/>
      <c r="AA7218" s="5" t="s">
        <v>43</v>
      </c>
      <c r="AB7218" s="5" t="s">
        <v>44</v>
      </c>
      <c r="AC7218" s="2"/>
      <c r="AD7218" s="1"/>
    </row>
    <row r="7219" spans="1:30">
      <c r="A7219" s="5" t="s">
        <v>83578</v>
      </c>
      <c r="B7219" s="2" t="s">
        <v>105776</v>
      </c>
      <c r="C7219" s="14" t="s">
        <v>105777</v>
      </c>
      <c r="D7219" s="2" t="s">
        <v>105778</v>
      </c>
      <c r="E7219" s="2" t="s">
        <v>7555</v>
      </c>
      <c r="F7219" s="8">
        <v>283</v>
      </c>
      <c r="G7219" s="5">
        <v>6</v>
      </c>
      <c r="H7219" s="5" t="s">
        <v>1518</v>
      </c>
      <c r="I7219" s="5" t="s">
        <v>69038</v>
      </c>
      <c r="J7219" s="2" t="s">
        <v>69039</v>
      </c>
      <c r="K7219" s="5" t="s">
        <v>69038</v>
      </c>
      <c r="L7219" s="2" t="s">
        <v>69039</v>
      </c>
      <c r="M7219" s="5" t="s">
        <v>1521</v>
      </c>
      <c r="N7219" s="5" t="s">
        <v>38</v>
      </c>
      <c r="O7219" s="5" t="s">
        <v>39</v>
      </c>
      <c r="P7219" s="5" t="s">
        <v>40</v>
      </c>
      <c r="Q7219" s="5" t="s">
        <v>1522</v>
      </c>
      <c r="R7219" s="5" t="s">
        <v>1523</v>
      </c>
      <c r="S7219" s="5" t="s">
        <v>42</v>
      </c>
      <c r="T7219" s="2">
        <v>3.1579999999999999</v>
      </c>
      <c r="U7219" s="2">
        <v>2.5590000000000002</v>
      </c>
      <c r="V7219" s="2">
        <v>16.7</v>
      </c>
      <c r="W7219" s="2">
        <v>139.1</v>
      </c>
      <c r="X7219" s="2">
        <v>7.6</v>
      </c>
      <c r="Y7219" s="2">
        <v>16.7</v>
      </c>
      <c r="Z7219" s="5"/>
      <c r="AA7219" s="5" t="s">
        <v>43</v>
      </c>
      <c r="AB7219" s="5" t="s">
        <v>44</v>
      </c>
      <c r="AC7219" s="2"/>
      <c r="AD7219" s="1"/>
    </row>
    <row r="7220" spans="1:30">
      <c r="A7220" s="5" t="s">
        <v>83578</v>
      </c>
      <c r="B7220" s="2" t="s">
        <v>105779</v>
      </c>
      <c r="C7220" s="14" t="s">
        <v>105780</v>
      </c>
      <c r="D7220" s="2" t="s">
        <v>105781</v>
      </c>
      <c r="E7220" s="2" t="s">
        <v>7559</v>
      </c>
      <c r="F7220" s="8">
        <v>283</v>
      </c>
      <c r="G7220" s="5">
        <v>6</v>
      </c>
      <c r="H7220" s="5" t="s">
        <v>1518</v>
      </c>
      <c r="I7220" s="5" t="s">
        <v>69038</v>
      </c>
      <c r="J7220" s="2" t="s">
        <v>69039</v>
      </c>
      <c r="K7220" s="5" t="s">
        <v>69038</v>
      </c>
      <c r="L7220" s="2" t="s">
        <v>69039</v>
      </c>
      <c r="M7220" s="5" t="s">
        <v>1521</v>
      </c>
      <c r="N7220" s="5" t="s">
        <v>38</v>
      </c>
      <c r="O7220" s="5" t="s">
        <v>39</v>
      </c>
      <c r="P7220" s="5" t="s">
        <v>40</v>
      </c>
      <c r="Q7220" s="5" t="s">
        <v>1522</v>
      </c>
      <c r="R7220" s="5" t="s">
        <v>1523</v>
      </c>
      <c r="S7220" s="5" t="s">
        <v>42</v>
      </c>
      <c r="T7220" s="2">
        <v>3.26</v>
      </c>
      <c r="U7220" s="2">
        <v>2.661</v>
      </c>
      <c r="V7220" s="2">
        <v>16.7</v>
      </c>
      <c r="W7220" s="2">
        <v>139.1</v>
      </c>
      <c r="X7220" s="2">
        <v>7.6</v>
      </c>
      <c r="Y7220" s="2">
        <v>16.7</v>
      </c>
      <c r="Z7220" s="5"/>
      <c r="AA7220" s="5" t="s">
        <v>43</v>
      </c>
      <c r="AB7220" s="5" t="s">
        <v>44</v>
      </c>
      <c r="AC7220" s="2"/>
      <c r="AD7220" s="1"/>
    </row>
    <row r="7221" spans="1:30">
      <c r="A7221" s="5" t="s">
        <v>83578</v>
      </c>
      <c r="B7221" s="2" t="s">
        <v>105782</v>
      </c>
      <c r="C7221" s="14" t="s">
        <v>105783</v>
      </c>
      <c r="D7221" s="2" t="s">
        <v>105784</v>
      </c>
      <c r="E7221" s="2" t="s">
        <v>16079</v>
      </c>
      <c r="F7221" s="8">
        <v>283</v>
      </c>
      <c r="G7221" s="5">
        <v>6</v>
      </c>
      <c r="H7221" s="5" t="s">
        <v>1518</v>
      </c>
      <c r="I7221" s="5" t="s">
        <v>69038</v>
      </c>
      <c r="J7221" s="2" t="s">
        <v>69039</v>
      </c>
      <c r="K7221" s="5" t="s">
        <v>69038</v>
      </c>
      <c r="L7221" s="2" t="s">
        <v>69039</v>
      </c>
      <c r="M7221" s="5" t="s">
        <v>1521</v>
      </c>
      <c r="N7221" s="5" t="s">
        <v>38</v>
      </c>
      <c r="O7221" s="5" t="s">
        <v>39</v>
      </c>
      <c r="P7221" s="5" t="s">
        <v>40</v>
      </c>
      <c r="Q7221" s="5" t="s">
        <v>1522</v>
      </c>
      <c r="R7221" s="5" t="s">
        <v>1523</v>
      </c>
      <c r="S7221" s="5" t="s">
        <v>42</v>
      </c>
      <c r="T7221" s="2">
        <v>3.1579999999999999</v>
      </c>
      <c r="U7221" s="2">
        <v>2.5590000000000002</v>
      </c>
      <c r="V7221" s="2">
        <v>16.7</v>
      </c>
      <c r="W7221" s="2">
        <v>139.1</v>
      </c>
      <c r="X7221" s="2">
        <v>7.6</v>
      </c>
      <c r="Y7221" s="2">
        <v>16.7</v>
      </c>
      <c r="Z7221" s="5"/>
      <c r="AA7221" s="5" t="s">
        <v>43</v>
      </c>
      <c r="AB7221" s="5" t="s">
        <v>44</v>
      </c>
      <c r="AC7221" s="2"/>
      <c r="AD7221" s="1"/>
    </row>
    <row r="7222" spans="1:30">
      <c r="A7222" s="5" t="s">
        <v>83578</v>
      </c>
      <c r="B7222" s="2" t="s">
        <v>105785</v>
      </c>
      <c r="C7222" s="14" t="s">
        <v>105786</v>
      </c>
      <c r="D7222" s="2" t="s">
        <v>105787</v>
      </c>
      <c r="E7222" s="2" t="s">
        <v>16194</v>
      </c>
      <c r="F7222" s="8">
        <v>283</v>
      </c>
      <c r="G7222" s="5">
        <v>6</v>
      </c>
      <c r="H7222" s="5" t="s">
        <v>1518</v>
      </c>
      <c r="I7222" s="5" t="s">
        <v>69038</v>
      </c>
      <c r="J7222" s="2" t="s">
        <v>69039</v>
      </c>
      <c r="K7222" s="5" t="s">
        <v>69038</v>
      </c>
      <c r="L7222" s="2" t="s">
        <v>69039</v>
      </c>
      <c r="M7222" s="5" t="s">
        <v>1521</v>
      </c>
      <c r="N7222" s="5" t="s">
        <v>38</v>
      </c>
      <c r="O7222" s="5" t="s">
        <v>39</v>
      </c>
      <c r="P7222" s="5" t="s">
        <v>40</v>
      </c>
      <c r="Q7222" s="5" t="s">
        <v>1522</v>
      </c>
      <c r="R7222" s="5" t="s">
        <v>1523</v>
      </c>
      <c r="S7222" s="5" t="s">
        <v>42</v>
      </c>
      <c r="T7222" s="2">
        <v>3.26</v>
      </c>
      <c r="U7222" s="2">
        <v>2.661</v>
      </c>
      <c r="V7222" s="2">
        <v>16.7</v>
      </c>
      <c r="W7222" s="2">
        <v>139.1</v>
      </c>
      <c r="X7222" s="2">
        <v>7.6</v>
      </c>
      <c r="Y7222" s="2">
        <v>16.7</v>
      </c>
      <c r="Z7222" s="5"/>
      <c r="AA7222" s="5" t="s">
        <v>43</v>
      </c>
      <c r="AB7222" s="5" t="s">
        <v>44</v>
      </c>
      <c r="AC7222" s="2"/>
      <c r="AD7222" s="1"/>
    </row>
    <row r="7223" spans="1:30">
      <c r="A7223" s="5" t="s">
        <v>83578</v>
      </c>
      <c r="B7223" s="2" t="s">
        <v>105788</v>
      </c>
      <c r="C7223" s="14" t="s">
        <v>105789</v>
      </c>
      <c r="D7223" s="2" t="s">
        <v>105790</v>
      </c>
      <c r="E7223" s="2" t="s">
        <v>7449</v>
      </c>
      <c r="F7223" s="8">
        <v>283</v>
      </c>
      <c r="G7223" s="5">
        <v>6</v>
      </c>
      <c r="H7223" s="5" t="s">
        <v>1518</v>
      </c>
      <c r="I7223" s="5" t="s">
        <v>69038</v>
      </c>
      <c r="J7223" s="2" t="s">
        <v>69039</v>
      </c>
      <c r="K7223" s="5" t="s">
        <v>69038</v>
      </c>
      <c r="L7223" s="2" t="s">
        <v>69039</v>
      </c>
      <c r="M7223" s="5" t="s">
        <v>1521</v>
      </c>
      <c r="N7223" s="5" t="s">
        <v>38</v>
      </c>
      <c r="O7223" s="5" t="s">
        <v>39</v>
      </c>
      <c r="P7223" s="5" t="s">
        <v>40</v>
      </c>
      <c r="Q7223" s="5" t="s">
        <v>1522</v>
      </c>
      <c r="R7223" s="5" t="s">
        <v>1523</v>
      </c>
      <c r="S7223" s="5" t="s">
        <v>42</v>
      </c>
      <c r="T7223" s="2">
        <v>3.1579999999999999</v>
      </c>
      <c r="U7223" s="2">
        <v>2.5590000000000002</v>
      </c>
      <c r="V7223" s="2">
        <v>16.7</v>
      </c>
      <c r="W7223" s="2">
        <v>139.1</v>
      </c>
      <c r="X7223" s="2">
        <v>7.6</v>
      </c>
      <c r="Y7223" s="2">
        <v>16.7</v>
      </c>
      <c r="Z7223" s="5"/>
      <c r="AA7223" s="5" t="s">
        <v>43</v>
      </c>
      <c r="AB7223" s="5" t="s">
        <v>44</v>
      </c>
      <c r="AC7223" s="2"/>
      <c r="AD7223" s="1"/>
    </row>
    <row r="7224" spans="1:30">
      <c r="A7224" s="5" t="s">
        <v>83578</v>
      </c>
      <c r="B7224" s="2" t="s">
        <v>105791</v>
      </c>
      <c r="C7224" s="14" t="s">
        <v>105792</v>
      </c>
      <c r="D7224" s="2" t="s">
        <v>105793</v>
      </c>
      <c r="E7224" s="2" t="s">
        <v>7615</v>
      </c>
      <c r="F7224" s="8">
        <v>283</v>
      </c>
      <c r="G7224" s="5">
        <v>6</v>
      </c>
      <c r="H7224" s="5" t="s">
        <v>1518</v>
      </c>
      <c r="I7224" s="5" t="s">
        <v>69038</v>
      </c>
      <c r="J7224" s="2" t="s">
        <v>69039</v>
      </c>
      <c r="K7224" s="5" t="s">
        <v>69038</v>
      </c>
      <c r="L7224" s="2" t="s">
        <v>69039</v>
      </c>
      <c r="M7224" s="5" t="s">
        <v>1521</v>
      </c>
      <c r="N7224" s="5" t="s">
        <v>38</v>
      </c>
      <c r="O7224" s="5" t="s">
        <v>39</v>
      </c>
      <c r="P7224" s="5" t="s">
        <v>40</v>
      </c>
      <c r="Q7224" s="5" t="s">
        <v>1522</v>
      </c>
      <c r="R7224" s="5" t="s">
        <v>1523</v>
      </c>
      <c r="S7224" s="5" t="s">
        <v>42</v>
      </c>
      <c r="T7224" s="2">
        <v>3.1579999999999999</v>
      </c>
      <c r="U7224" s="2">
        <v>2.5590000000000002</v>
      </c>
      <c r="V7224" s="2">
        <v>16.7</v>
      </c>
      <c r="W7224" s="2">
        <v>139.1</v>
      </c>
      <c r="X7224" s="2">
        <v>7.6</v>
      </c>
      <c r="Y7224" s="2">
        <v>16.7</v>
      </c>
      <c r="Z7224" s="5"/>
      <c r="AA7224" s="5" t="s">
        <v>43</v>
      </c>
      <c r="AB7224" s="5" t="s">
        <v>44</v>
      </c>
      <c r="AC7224" s="2"/>
      <c r="AD7224" s="1"/>
    </row>
    <row r="7225" spans="1:30">
      <c r="A7225" s="5" t="s">
        <v>83578</v>
      </c>
      <c r="B7225" s="2" t="s">
        <v>105794</v>
      </c>
      <c r="C7225" s="14" t="s">
        <v>105795</v>
      </c>
      <c r="D7225" s="2" t="s">
        <v>105796</v>
      </c>
      <c r="E7225" s="2" t="s">
        <v>16014</v>
      </c>
      <c r="F7225" s="8">
        <v>283</v>
      </c>
      <c r="G7225" s="5">
        <v>6</v>
      </c>
      <c r="H7225" s="5" t="s">
        <v>1518</v>
      </c>
      <c r="I7225" s="5" t="s">
        <v>69038</v>
      </c>
      <c r="J7225" s="2" t="s">
        <v>69039</v>
      </c>
      <c r="K7225" s="5" t="s">
        <v>69038</v>
      </c>
      <c r="L7225" s="2" t="s">
        <v>69039</v>
      </c>
      <c r="M7225" s="5" t="s">
        <v>1521</v>
      </c>
      <c r="N7225" s="5" t="s">
        <v>38</v>
      </c>
      <c r="O7225" s="5" t="s">
        <v>39</v>
      </c>
      <c r="P7225" s="5" t="s">
        <v>40</v>
      </c>
      <c r="Q7225" s="5" t="s">
        <v>1522</v>
      </c>
      <c r="R7225" s="5" t="s">
        <v>1523</v>
      </c>
      <c r="S7225" s="5" t="s">
        <v>42</v>
      </c>
      <c r="T7225" s="2">
        <v>3.1579999999999999</v>
      </c>
      <c r="U7225" s="2">
        <v>2.5590000000000002</v>
      </c>
      <c r="V7225" s="2">
        <v>16.7</v>
      </c>
      <c r="W7225" s="2">
        <v>139.1</v>
      </c>
      <c r="X7225" s="2">
        <v>7.6</v>
      </c>
      <c r="Y7225" s="2">
        <v>16.7</v>
      </c>
      <c r="Z7225" s="5"/>
      <c r="AA7225" s="5" t="s">
        <v>43</v>
      </c>
      <c r="AB7225" s="5" t="s">
        <v>44</v>
      </c>
      <c r="AC7225" s="2"/>
      <c r="AD7225" s="1"/>
    </row>
    <row r="7226" spans="1:30">
      <c r="A7226" s="5" t="s">
        <v>83578</v>
      </c>
      <c r="B7226" s="2" t="s">
        <v>105797</v>
      </c>
      <c r="C7226" s="14" t="s">
        <v>105798</v>
      </c>
      <c r="D7226" s="2" t="s">
        <v>105799</v>
      </c>
      <c r="E7226" s="2" t="s">
        <v>7551</v>
      </c>
      <c r="F7226" s="8">
        <v>296</v>
      </c>
      <c r="G7226" s="5">
        <v>6</v>
      </c>
      <c r="H7226" s="5" t="s">
        <v>1518</v>
      </c>
      <c r="I7226" s="5" t="s">
        <v>69038</v>
      </c>
      <c r="J7226" s="2" t="s">
        <v>69039</v>
      </c>
      <c r="K7226" s="5" t="s">
        <v>69038</v>
      </c>
      <c r="L7226" s="2" t="s">
        <v>69039</v>
      </c>
      <c r="M7226" s="5" t="s">
        <v>1521</v>
      </c>
      <c r="N7226" s="5" t="s">
        <v>38</v>
      </c>
      <c r="O7226" s="5" t="s">
        <v>39</v>
      </c>
      <c r="P7226" s="5" t="s">
        <v>40</v>
      </c>
      <c r="Q7226" s="5" t="s">
        <v>1522</v>
      </c>
      <c r="R7226" s="5" t="s">
        <v>1523</v>
      </c>
      <c r="S7226" s="5" t="s">
        <v>42</v>
      </c>
      <c r="T7226" s="2">
        <v>3.5209999999999999</v>
      </c>
      <c r="U7226" s="2">
        <v>2.839</v>
      </c>
      <c r="V7226" s="2">
        <v>16.7</v>
      </c>
      <c r="W7226" s="2">
        <v>159.1</v>
      </c>
      <c r="X7226" s="2">
        <v>7.6</v>
      </c>
      <c r="Y7226" s="2">
        <v>16.7</v>
      </c>
      <c r="Z7226" s="5"/>
      <c r="AA7226" s="5" t="s">
        <v>43</v>
      </c>
      <c r="AB7226" s="5" t="s">
        <v>44</v>
      </c>
      <c r="AC7226" s="2"/>
      <c r="AD7226" s="1"/>
    </row>
    <row r="7227" spans="1:30">
      <c r="A7227" s="5" t="s">
        <v>83578</v>
      </c>
      <c r="B7227" s="2" t="s">
        <v>105800</v>
      </c>
      <c r="C7227" s="14" t="s">
        <v>105801</v>
      </c>
      <c r="D7227" s="2" t="s">
        <v>105802</v>
      </c>
      <c r="E7227" s="2" t="s">
        <v>7555</v>
      </c>
      <c r="F7227" s="8">
        <v>296</v>
      </c>
      <c r="G7227" s="5">
        <v>6</v>
      </c>
      <c r="H7227" s="5" t="s">
        <v>1518</v>
      </c>
      <c r="I7227" s="5" t="s">
        <v>69038</v>
      </c>
      <c r="J7227" s="2" t="s">
        <v>69039</v>
      </c>
      <c r="K7227" s="5" t="s">
        <v>69038</v>
      </c>
      <c r="L7227" s="2" t="s">
        <v>69039</v>
      </c>
      <c r="M7227" s="5" t="s">
        <v>1521</v>
      </c>
      <c r="N7227" s="5" t="s">
        <v>38</v>
      </c>
      <c r="O7227" s="5" t="s">
        <v>39</v>
      </c>
      <c r="P7227" s="5" t="s">
        <v>40</v>
      </c>
      <c r="Q7227" s="5" t="s">
        <v>1522</v>
      </c>
      <c r="R7227" s="5" t="s">
        <v>1523</v>
      </c>
      <c r="S7227" s="5" t="s">
        <v>42</v>
      </c>
      <c r="T7227" s="2">
        <v>3.407</v>
      </c>
      <c r="U7227" s="2">
        <v>2.7250000000000001</v>
      </c>
      <c r="V7227" s="2">
        <v>16.7</v>
      </c>
      <c r="W7227" s="2">
        <v>159.1</v>
      </c>
      <c r="X7227" s="2">
        <v>7.6</v>
      </c>
      <c r="Y7227" s="2">
        <v>16.7</v>
      </c>
      <c r="Z7227" s="5"/>
      <c r="AA7227" s="5" t="s">
        <v>43</v>
      </c>
      <c r="AB7227" s="5" t="s">
        <v>44</v>
      </c>
      <c r="AC7227" s="2"/>
      <c r="AD7227" s="1"/>
    </row>
    <row r="7228" spans="1:30">
      <c r="A7228" s="5" t="s">
        <v>83578</v>
      </c>
      <c r="B7228" s="2" t="s">
        <v>105803</v>
      </c>
      <c r="C7228" s="14" t="s">
        <v>105804</v>
      </c>
      <c r="D7228" s="2" t="s">
        <v>105805</v>
      </c>
      <c r="E7228" s="2" t="s">
        <v>7593</v>
      </c>
      <c r="F7228" s="8">
        <v>296</v>
      </c>
      <c r="G7228" s="5">
        <v>6</v>
      </c>
      <c r="H7228" s="5" t="s">
        <v>1518</v>
      </c>
      <c r="I7228" s="5" t="s">
        <v>69038</v>
      </c>
      <c r="J7228" s="2" t="s">
        <v>69039</v>
      </c>
      <c r="K7228" s="5" t="s">
        <v>69038</v>
      </c>
      <c r="L7228" s="2" t="s">
        <v>69039</v>
      </c>
      <c r="M7228" s="5" t="s">
        <v>1521</v>
      </c>
      <c r="N7228" s="5" t="s">
        <v>38</v>
      </c>
      <c r="O7228" s="5" t="s">
        <v>39</v>
      </c>
      <c r="P7228" s="5" t="s">
        <v>40</v>
      </c>
      <c r="Q7228" s="5" t="s">
        <v>1522</v>
      </c>
      <c r="R7228" s="5" t="s">
        <v>1523</v>
      </c>
      <c r="S7228" s="5" t="s">
        <v>42</v>
      </c>
      <c r="T7228" s="2">
        <v>3.407</v>
      </c>
      <c r="U7228" s="2">
        <v>2.7250000000000001</v>
      </c>
      <c r="V7228" s="2">
        <v>16.7</v>
      </c>
      <c r="W7228" s="2">
        <v>159.1</v>
      </c>
      <c r="X7228" s="2">
        <v>7.6</v>
      </c>
      <c r="Y7228" s="2">
        <v>16.7</v>
      </c>
      <c r="Z7228" s="5"/>
      <c r="AA7228" s="5" t="s">
        <v>43</v>
      </c>
      <c r="AB7228" s="5" t="s">
        <v>44</v>
      </c>
      <c r="AC7228" s="2"/>
      <c r="AD7228" s="1"/>
    </row>
    <row r="7229" spans="1:30">
      <c r="A7229" s="5" t="s">
        <v>83578</v>
      </c>
      <c r="B7229" s="2" t="s">
        <v>105806</v>
      </c>
      <c r="C7229" s="14" t="s">
        <v>105807</v>
      </c>
      <c r="D7229" s="2" t="s">
        <v>105808</v>
      </c>
      <c r="E7229" s="2" t="s">
        <v>7406</v>
      </c>
      <c r="F7229" s="8">
        <v>291</v>
      </c>
      <c r="G7229" s="5">
        <v>6</v>
      </c>
      <c r="H7229" s="5" t="s">
        <v>1518</v>
      </c>
      <c r="I7229" s="5" t="s">
        <v>69038</v>
      </c>
      <c r="J7229" s="2" t="s">
        <v>69039</v>
      </c>
      <c r="K7229" s="5" t="s">
        <v>69038</v>
      </c>
      <c r="L7229" s="2" t="s">
        <v>69039</v>
      </c>
      <c r="M7229" s="5" t="s">
        <v>1521</v>
      </c>
      <c r="N7229" s="5" t="s">
        <v>38</v>
      </c>
      <c r="O7229" s="5" t="s">
        <v>39</v>
      </c>
      <c r="P7229" s="5" t="s">
        <v>40</v>
      </c>
      <c r="Q7229" s="5" t="s">
        <v>1522</v>
      </c>
      <c r="R7229" s="5" t="s">
        <v>1523</v>
      </c>
      <c r="S7229" s="5" t="s">
        <v>42</v>
      </c>
      <c r="T7229" s="2">
        <v>3.2240000000000002</v>
      </c>
      <c r="U7229" s="2">
        <v>2.6349999999999998</v>
      </c>
      <c r="V7229" s="2">
        <v>16.7</v>
      </c>
      <c r="W7229" s="2">
        <v>139.1</v>
      </c>
      <c r="X7229" s="2">
        <v>7.6</v>
      </c>
      <c r="Y7229" s="2">
        <v>16.7</v>
      </c>
      <c r="Z7229" s="5"/>
      <c r="AA7229" s="5" t="s">
        <v>43</v>
      </c>
      <c r="AB7229" s="5" t="s">
        <v>44</v>
      </c>
      <c r="AC7229" s="2"/>
      <c r="AD7229" s="1"/>
    </row>
    <row r="7230" spans="1:30">
      <c r="A7230" s="5" t="s">
        <v>83578</v>
      </c>
      <c r="B7230" s="2" t="s">
        <v>105809</v>
      </c>
      <c r="C7230" s="14" t="s">
        <v>105810</v>
      </c>
      <c r="D7230" s="2" t="s">
        <v>105811</v>
      </c>
      <c r="E7230" s="2" t="s">
        <v>7535</v>
      </c>
      <c r="F7230" s="8">
        <v>291</v>
      </c>
      <c r="G7230" s="5">
        <v>6</v>
      </c>
      <c r="H7230" s="5" t="s">
        <v>1518</v>
      </c>
      <c r="I7230" s="5" t="s">
        <v>69038</v>
      </c>
      <c r="J7230" s="2" t="s">
        <v>69039</v>
      </c>
      <c r="K7230" s="5" t="s">
        <v>69038</v>
      </c>
      <c r="L7230" s="2" t="s">
        <v>69039</v>
      </c>
      <c r="M7230" s="5" t="s">
        <v>1521</v>
      </c>
      <c r="N7230" s="5" t="s">
        <v>38</v>
      </c>
      <c r="O7230" s="5" t="s">
        <v>39</v>
      </c>
      <c r="P7230" s="5" t="s">
        <v>40</v>
      </c>
      <c r="Q7230" s="5" t="s">
        <v>1522</v>
      </c>
      <c r="R7230" s="5" t="s">
        <v>1523</v>
      </c>
      <c r="S7230" s="5" t="s">
        <v>42</v>
      </c>
      <c r="T7230" s="2">
        <v>3.32</v>
      </c>
      <c r="U7230" s="2">
        <v>2.7309999999999999</v>
      </c>
      <c r="V7230" s="2">
        <v>16.7</v>
      </c>
      <c r="W7230" s="2">
        <v>139.1</v>
      </c>
      <c r="X7230" s="2">
        <v>7.6</v>
      </c>
      <c r="Y7230" s="2">
        <v>16.7</v>
      </c>
      <c r="Z7230" s="5"/>
      <c r="AA7230" s="5" t="s">
        <v>43</v>
      </c>
      <c r="AB7230" s="5" t="s">
        <v>44</v>
      </c>
      <c r="AC7230" s="2"/>
      <c r="AD7230" s="1"/>
    </row>
    <row r="7231" spans="1:30">
      <c r="A7231" s="5" t="s">
        <v>83578</v>
      </c>
      <c r="B7231" s="2" t="s">
        <v>105812</v>
      </c>
      <c r="C7231" s="14" t="s">
        <v>105813</v>
      </c>
      <c r="D7231" s="2" t="s">
        <v>105814</v>
      </c>
      <c r="E7231" s="2" t="s">
        <v>7547</v>
      </c>
      <c r="F7231" s="8">
        <v>291</v>
      </c>
      <c r="G7231" s="5">
        <v>6</v>
      </c>
      <c r="H7231" s="5" t="s">
        <v>1518</v>
      </c>
      <c r="I7231" s="5" t="s">
        <v>69038</v>
      </c>
      <c r="J7231" s="2" t="s">
        <v>69039</v>
      </c>
      <c r="K7231" s="5" t="s">
        <v>69038</v>
      </c>
      <c r="L7231" s="2" t="s">
        <v>69039</v>
      </c>
      <c r="M7231" s="5" t="s">
        <v>1521</v>
      </c>
      <c r="N7231" s="5" t="s">
        <v>38</v>
      </c>
      <c r="O7231" s="5" t="s">
        <v>39</v>
      </c>
      <c r="P7231" s="5" t="s">
        <v>40</v>
      </c>
      <c r="Q7231" s="5" t="s">
        <v>1522</v>
      </c>
      <c r="R7231" s="5" t="s">
        <v>1523</v>
      </c>
      <c r="S7231" s="5" t="s">
        <v>42</v>
      </c>
      <c r="T7231" s="2">
        <v>3.2240000000000002</v>
      </c>
      <c r="U7231" s="2">
        <v>2.6349999999999998</v>
      </c>
      <c r="V7231" s="2">
        <v>16.7</v>
      </c>
      <c r="W7231" s="2">
        <v>139.1</v>
      </c>
      <c r="X7231" s="2">
        <v>7.6</v>
      </c>
      <c r="Y7231" s="2">
        <v>16.7</v>
      </c>
      <c r="Z7231" s="5"/>
      <c r="AA7231" s="5" t="s">
        <v>43</v>
      </c>
      <c r="AB7231" s="5" t="s">
        <v>44</v>
      </c>
      <c r="AC7231" s="2"/>
      <c r="AD7231" s="1"/>
    </row>
    <row r="7232" spans="1:30">
      <c r="A7232" s="5" t="s">
        <v>83578</v>
      </c>
      <c r="B7232" s="2" t="s">
        <v>105815</v>
      </c>
      <c r="C7232" s="14" t="s">
        <v>105816</v>
      </c>
      <c r="D7232" s="2" t="s">
        <v>105817</v>
      </c>
      <c r="E7232" s="2" t="s">
        <v>7551</v>
      </c>
      <c r="F7232" s="8">
        <v>291</v>
      </c>
      <c r="G7232" s="5">
        <v>6</v>
      </c>
      <c r="H7232" s="5" t="s">
        <v>1518</v>
      </c>
      <c r="I7232" s="5" t="s">
        <v>69038</v>
      </c>
      <c r="J7232" s="2" t="s">
        <v>69039</v>
      </c>
      <c r="K7232" s="5" t="s">
        <v>69038</v>
      </c>
      <c r="L7232" s="2" t="s">
        <v>69039</v>
      </c>
      <c r="M7232" s="5" t="s">
        <v>1521</v>
      </c>
      <c r="N7232" s="5" t="s">
        <v>38</v>
      </c>
      <c r="O7232" s="5" t="s">
        <v>39</v>
      </c>
      <c r="P7232" s="5" t="s">
        <v>40</v>
      </c>
      <c r="Q7232" s="5" t="s">
        <v>1522</v>
      </c>
      <c r="R7232" s="5" t="s">
        <v>1523</v>
      </c>
      <c r="S7232" s="5" t="s">
        <v>42</v>
      </c>
      <c r="T7232" s="2">
        <v>3.32</v>
      </c>
      <c r="U7232" s="2">
        <v>2.7309999999999999</v>
      </c>
      <c r="V7232" s="2">
        <v>16.7</v>
      </c>
      <c r="W7232" s="2">
        <v>139.1</v>
      </c>
      <c r="X7232" s="2">
        <v>7.6</v>
      </c>
      <c r="Y7232" s="2">
        <v>16.7</v>
      </c>
      <c r="Z7232" s="5"/>
      <c r="AA7232" s="5" t="s">
        <v>43</v>
      </c>
      <c r="AB7232" s="5" t="s">
        <v>44</v>
      </c>
      <c r="AC7232" s="2"/>
      <c r="AD7232" s="1"/>
    </row>
    <row r="7233" spans="1:30">
      <c r="A7233" s="5" t="s">
        <v>83578</v>
      </c>
      <c r="B7233" s="2" t="s">
        <v>105818</v>
      </c>
      <c r="C7233" s="14" t="s">
        <v>105819</v>
      </c>
      <c r="D7233" s="2" t="s">
        <v>105820</v>
      </c>
      <c r="E7233" s="2" t="s">
        <v>7559</v>
      </c>
      <c r="F7233" s="8">
        <v>291</v>
      </c>
      <c r="G7233" s="5">
        <v>6</v>
      </c>
      <c r="H7233" s="5" t="s">
        <v>1518</v>
      </c>
      <c r="I7233" s="5" t="s">
        <v>69038</v>
      </c>
      <c r="J7233" s="2" t="s">
        <v>69039</v>
      </c>
      <c r="K7233" s="5" t="s">
        <v>69038</v>
      </c>
      <c r="L7233" s="2" t="s">
        <v>69039</v>
      </c>
      <c r="M7233" s="5" t="s">
        <v>1521</v>
      </c>
      <c r="N7233" s="5" t="s">
        <v>38</v>
      </c>
      <c r="O7233" s="5" t="s">
        <v>39</v>
      </c>
      <c r="P7233" s="5" t="s">
        <v>40</v>
      </c>
      <c r="Q7233" s="5" t="s">
        <v>1522</v>
      </c>
      <c r="R7233" s="5" t="s">
        <v>1523</v>
      </c>
      <c r="S7233" s="5" t="s">
        <v>42</v>
      </c>
      <c r="T7233" s="2">
        <v>3.32</v>
      </c>
      <c r="U7233" s="2">
        <v>2.7309999999999999</v>
      </c>
      <c r="V7233" s="2">
        <v>16.7</v>
      </c>
      <c r="W7233" s="2">
        <v>139.1</v>
      </c>
      <c r="X7233" s="2">
        <v>7.6</v>
      </c>
      <c r="Y7233" s="2">
        <v>16.7</v>
      </c>
      <c r="Z7233" s="5"/>
      <c r="AA7233" s="5" t="s">
        <v>43</v>
      </c>
      <c r="AB7233" s="5" t="s">
        <v>44</v>
      </c>
      <c r="AC7233" s="2"/>
      <c r="AD7233" s="1"/>
    </row>
    <row r="7234" spans="1:30">
      <c r="A7234" s="5" t="s">
        <v>83578</v>
      </c>
      <c r="B7234" s="2" t="s">
        <v>105821</v>
      </c>
      <c r="C7234" s="14" t="s">
        <v>105822</v>
      </c>
      <c r="D7234" s="2" t="s">
        <v>105823</v>
      </c>
      <c r="E7234" s="2" t="s">
        <v>16079</v>
      </c>
      <c r="F7234" s="8">
        <v>291</v>
      </c>
      <c r="G7234" s="5">
        <v>6</v>
      </c>
      <c r="H7234" s="5" t="s">
        <v>1518</v>
      </c>
      <c r="I7234" s="5" t="s">
        <v>69038</v>
      </c>
      <c r="J7234" s="2" t="s">
        <v>69039</v>
      </c>
      <c r="K7234" s="5" t="s">
        <v>69038</v>
      </c>
      <c r="L7234" s="2" t="s">
        <v>69039</v>
      </c>
      <c r="M7234" s="5" t="s">
        <v>1521</v>
      </c>
      <c r="N7234" s="5" t="s">
        <v>38</v>
      </c>
      <c r="O7234" s="5" t="s">
        <v>39</v>
      </c>
      <c r="P7234" s="5" t="s">
        <v>40</v>
      </c>
      <c r="Q7234" s="5" t="s">
        <v>1522</v>
      </c>
      <c r="R7234" s="5" t="s">
        <v>1523</v>
      </c>
      <c r="S7234" s="5" t="s">
        <v>42</v>
      </c>
      <c r="T7234" s="2">
        <v>3.2240000000000002</v>
      </c>
      <c r="U7234" s="2">
        <v>2.6349999999999998</v>
      </c>
      <c r="V7234" s="2">
        <v>16.7</v>
      </c>
      <c r="W7234" s="2">
        <v>139.1</v>
      </c>
      <c r="X7234" s="2">
        <v>7.6</v>
      </c>
      <c r="Y7234" s="2">
        <v>16.7</v>
      </c>
      <c r="Z7234" s="5"/>
      <c r="AA7234" s="5" t="s">
        <v>43</v>
      </c>
      <c r="AB7234" s="5" t="s">
        <v>44</v>
      </c>
      <c r="AC7234" s="2"/>
      <c r="AD7234" s="1"/>
    </row>
    <row r="7235" spans="1:30">
      <c r="A7235" s="5" t="s">
        <v>83578</v>
      </c>
      <c r="B7235" s="2" t="s">
        <v>105824</v>
      </c>
      <c r="C7235" s="14" t="s">
        <v>105825</v>
      </c>
      <c r="D7235" s="2" t="s">
        <v>105826</v>
      </c>
      <c r="E7235" s="2" t="s">
        <v>7581</v>
      </c>
      <c r="F7235" s="8">
        <v>291</v>
      </c>
      <c r="G7235" s="5">
        <v>6</v>
      </c>
      <c r="H7235" s="5" t="s">
        <v>1518</v>
      </c>
      <c r="I7235" s="5" t="s">
        <v>69038</v>
      </c>
      <c r="J7235" s="2" t="s">
        <v>69039</v>
      </c>
      <c r="K7235" s="5" t="s">
        <v>69038</v>
      </c>
      <c r="L7235" s="2" t="s">
        <v>69039</v>
      </c>
      <c r="M7235" s="5" t="s">
        <v>1521</v>
      </c>
      <c r="N7235" s="5" t="s">
        <v>38</v>
      </c>
      <c r="O7235" s="5" t="s">
        <v>39</v>
      </c>
      <c r="P7235" s="5" t="s">
        <v>40</v>
      </c>
      <c r="Q7235" s="5" t="s">
        <v>1522</v>
      </c>
      <c r="R7235" s="5" t="s">
        <v>1523</v>
      </c>
      <c r="S7235" s="5" t="s">
        <v>42</v>
      </c>
      <c r="T7235" s="2">
        <v>3.32</v>
      </c>
      <c r="U7235" s="2">
        <v>2.7309999999999999</v>
      </c>
      <c r="V7235" s="2">
        <v>16.7</v>
      </c>
      <c r="W7235" s="2">
        <v>139.1</v>
      </c>
      <c r="X7235" s="2">
        <v>7.6</v>
      </c>
      <c r="Y7235" s="2">
        <v>16.7</v>
      </c>
      <c r="Z7235" s="5"/>
      <c r="AA7235" s="5" t="s">
        <v>43</v>
      </c>
      <c r="AB7235" s="5" t="s">
        <v>44</v>
      </c>
      <c r="AC7235" s="2"/>
      <c r="AD7235" s="1"/>
    </row>
    <row r="7236" spans="1:30">
      <c r="A7236" s="5" t="s">
        <v>83578</v>
      </c>
      <c r="B7236" s="2" t="s">
        <v>105827</v>
      </c>
      <c r="C7236" s="14" t="s">
        <v>105828</v>
      </c>
      <c r="D7236" s="2" t="s">
        <v>105829</v>
      </c>
      <c r="E7236" s="2" t="s">
        <v>7589</v>
      </c>
      <c r="F7236" s="8">
        <v>291</v>
      </c>
      <c r="G7236" s="5">
        <v>6</v>
      </c>
      <c r="H7236" s="5" t="s">
        <v>1518</v>
      </c>
      <c r="I7236" s="5" t="s">
        <v>69038</v>
      </c>
      <c r="J7236" s="2" t="s">
        <v>69039</v>
      </c>
      <c r="K7236" s="5" t="s">
        <v>69038</v>
      </c>
      <c r="L7236" s="2" t="s">
        <v>69039</v>
      </c>
      <c r="M7236" s="5" t="s">
        <v>1521</v>
      </c>
      <c r="N7236" s="5" t="s">
        <v>38</v>
      </c>
      <c r="O7236" s="5" t="s">
        <v>39</v>
      </c>
      <c r="P7236" s="5" t="s">
        <v>40</v>
      </c>
      <c r="Q7236" s="5" t="s">
        <v>1522</v>
      </c>
      <c r="R7236" s="5" t="s">
        <v>1523</v>
      </c>
      <c r="S7236" s="5" t="s">
        <v>42</v>
      </c>
      <c r="T7236" s="2">
        <v>3.32</v>
      </c>
      <c r="U7236" s="2">
        <v>2.7309999999999999</v>
      </c>
      <c r="V7236" s="2">
        <v>16.7</v>
      </c>
      <c r="W7236" s="2">
        <v>139.1</v>
      </c>
      <c r="X7236" s="2">
        <v>7.6</v>
      </c>
      <c r="Y7236" s="2">
        <v>16.7</v>
      </c>
      <c r="Z7236" s="5"/>
      <c r="AA7236" s="5" t="s">
        <v>43</v>
      </c>
      <c r="AB7236" s="5" t="s">
        <v>44</v>
      </c>
      <c r="AC7236" s="2"/>
      <c r="AD7236" s="1"/>
    </row>
    <row r="7237" spans="1:30">
      <c r="A7237" s="5" t="s">
        <v>83578</v>
      </c>
      <c r="B7237" s="2" t="s">
        <v>105830</v>
      </c>
      <c r="C7237" s="14" t="s">
        <v>105831</v>
      </c>
      <c r="D7237" s="2" t="s">
        <v>105832</v>
      </c>
      <c r="E7237" s="2" t="s">
        <v>7597</v>
      </c>
      <c r="F7237" s="8">
        <v>291</v>
      </c>
      <c r="G7237" s="5">
        <v>6</v>
      </c>
      <c r="H7237" s="5" t="s">
        <v>1518</v>
      </c>
      <c r="I7237" s="5" t="s">
        <v>69038</v>
      </c>
      <c r="J7237" s="2" t="s">
        <v>69039</v>
      </c>
      <c r="K7237" s="5" t="s">
        <v>69038</v>
      </c>
      <c r="L7237" s="2" t="s">
        <v>69039</v>
      </c>
      <c r="M7237" s="5" t="s">
        <v>1521</v>
      </c>
      <c r="N7237" s="5" t="s">
        <v>38</v>
      </c>
      <c r="O7237" s="5" t="s">
        <v>39</v>
      </c>
      <c r="P7237" s="5" t="s">
        <v>40</v>
      </c>
      <c r="Q7237" s="5" t="s">
        <v>1522</v>
      </c>
      <c r="R7237" s="5" t="s">
        <v>1523</v>
      </c>
      <c r="S7237" s="5" t="s">
        <v>42</v>
      </c>
      <c r="T7237" s="2">
        <v>3.32</v>
      </c>
      <c r="U7237" s="2">
        <v>2.7309999999999999</v>
      </c>
      <c r="V7237" s="2">
        <v>16.7</v>
      </c>
      <c r="W7237" s="2">
        <v>139.1</v>
      </c>
      <c r="X7237" s="2">
        <v>7.6</v>
      </c>
      <c r="Y7237" s="2">
        <v>16.7</v>
      </c>
      <c r="Z7237" s="5"/>
      <c r="AA7237" s="5" t="s">
        <v>43</v>
      </c>
      <c r="AB7237" s="5" t="s">
        <v>44</v>
      </c>
      <c r="AC7237" s="2"/>
      <c r="AD7237" s="1"/>
    </row>
    <row r="7238" spans="1:30">
      <c r="A7238" s="5" t="s">
        <v>83578</v>
      </c>
      <c r="B7238" s="2" t="s">
        <v>105833</v>
      </c>
      <c r="C7238" s="14" t="s">
        <v>105834</v>
      </c>
      <c r="D7238" s="2" t="s">
        <v>105835</v>
      </c>
      <c r="E7238" s="2" t="s">
        <v>7535</v>
      </c>
      <c r="F7238" s="8">
        <v>300</v>
      </c>
      <c r="G7238" s="5">
        <v>6</v>
      </c>
      <c r="H7238" s="5" t="s">
        <v>1518</v>
      </c>
      <c r="I7238" s="5" t="s">
        <v>69038</v>
      </c>
      <c r="J7238" s="2" t="s">
        <v>69039</v>
      </c>
      <c r="K7238" s="5" t="s">
        <v>69038</v>
      </c>
      <c r="L7238" s="2" t="s">
        <v>69039</v>
      </c>
      <c r="M7238" s="5" t="s">
        <v>1521</v>
      </c>
      <c r="N7238" s="5" t="s">
        <v>38</v>
      </c>
      <c r="O7238" s="5" t="s">
        <v>39</v>
      </c>
      <c r="P7238" s="5" t="s">
        <v>40</v>
      </c>
      <c r="Q7238" s="5" t="s">
        <v>1522</v>
      </c>
      <c r="R7238" s="5" t="s">
        <v>1523</v>
      </c>
      <c r="S7238" s="5" t="s">
        <v>42</v>
      </c>
      <c r="T7238" s="2">
        <v>3.4969999999999999</v>
      </c>
      <c r="U7238" s="2">
        <v>2.919</v>
      </c>
      <c r="V7238" s="2">
        <v>16.7</v>
      </c>
      <c r="W7238" s="2">
        <v>139.1</v>
      </c>
      <c r="X7238" s="2">
        <v>7.6</v>
      </c>
      <c r="Y7238" s="2">
        <v>16.7</v>
      </c>
      <c r="Z7238" s="5"/>
      <c r="AA7238" s="5" t="s">
        <v>43</v>
      </c>
      <c r="AB7238" s="5" t="s">
        <v>44</v>
      </c>
      <c r="AC7238" s="2"/>
      <c r="AD7238" s="1"/>
    </row>
    <row r="7239" spans="1:30">
      <c r="A7239" s="5" t="s">
        <v>83578</v>
      </c>
      <c r="B7239" s="2" t="s">
        <v>105836</v>
      </c>
      <c r="C7239" s="14" t="s">
        <v>105837</v>
      </c>
      <c r="D7239" s="2" t="s">
        <v>105838</v>
      </c>
      <c r="E7239" s="2" t="s">
        <v>7543</v>
      </c>
      <c r="F7239" s="8">
        <v>300</v>
      </c>
      <c r="G7239" s="5">
        <v>6</v>
      </c>
      <c r="H7239" s="5" t="s">
        <v>1518</v>
      </c>
      <c r="I7239" s="5" t="s">
        <v>69038</v>
      </c>
      <c r="J7239" s="2" t="s">
        <v>69039</v>
      </c>
      <c r="K7239" s="5" t="s">
        <v>69038</v>
      </c>
      <c r="L7239" s="2" t="s">
        <v>69039</v>
      </c>
      <c r="M7239" s="5" t="s">
        <v>1521</v>
      </c>
      <c r="N7239" s="5" t="s">
        <v>38</v>
      </c>
      <c r="O7239" s="5" t="s">
        <v>39</v>
      </c>
      <c r="P7239" s="5" t="s">
        <v>40</v>
      </c>
      <c r="Q7239" s="5" t="s">
        <v>1522</v>
      </c>
      <c r="R7239" s="5" t="s">
        <v>1523</v>
      </c>
      <c r="S7239" s="5" t="s">
        <v>42</v>
      </c>
      <c r="T7239" s="2">
        <v>3.4969999999999999</v>
      </c>
      <c r="U7239" s="2">
        <v>2.919</v>
      </c>
      <c r="V7239" s="2">
        <v>16.7</v>
      </c>
      <c r="W7239" s="2">
        <v>139.1</v>
      </c>
      <c r="X7239" s="2">
        <v>7.6</v>
      </c>
      <c r="Y7239" s="2">
        <v>16.7</v>
      </c>
      <c r="Z7239" s="5"/>
      <c r="AA7239" s="5" t="s">
        <v>43</v>
      </c>
      <c r="AB7239" s="5" t="s">
        <v>44</v>
      </c>
      <c r="AC7239" s="2"/>
      <c r="AD7239" s="1"/>
    </row>
    <row r="7240" spans="1:30">
      <c r="A7240" s="5" t="s">
        <v>83578</v>
      </c>
      <c r="B7240" s="2" t="s">
        <v>105839</v>
      </c>
      <c r="C7240" s="14" t="s">
        <v>105840</v>
      </c>
      <c r="D7240" s="2" t="s">
        <v>105841</v>
      </c>
      <c r="E7240" s="2" t="s">
        <v>7547</v>
      </c>
      <c r="F7240" s="8">
        <v>300</v>
      </c>
      <c r="G7240" s="5">
        <v>6</v>
      </c>
      <c r="H7240" s="5" t="s">
        <v>1518</v>
      </c>
      <c r="I7240" s="5" t="s">
        <v>69038</v>
      </c>
      <c r="J7240" s="2" t="s">
        <v>69039</v>
      </c>
      <c r="K7240" s="5" t="s">
        <v>69038</v>
      </c>
      <c r="L7240" s="2" t="s">
        <v>69039</v>
      </c>
      <c r="M7240" s="5" t="s">
        <v>1521</v>
      </c>
      <c r="N7240" s="5" t="s">
        <v>38</v>
      </c>
      <c r="O7240" s="5" t="s">
        <v>39</v>
      </c>
      <c r="P7240" s="5" t="s">
        <v>40</v>
      </c>
      <c r="Q7240" s="5" t="s">
        <v>1522</v>
      </c>
      <c r="R7240" s="5" t="s">
        <v>1523</v>
      </c>
      <c r="S7240" s="5" t="s">
        <v>42</v>
      </c>
      <c r="T7240" s="2">
        <v>3.387</v>
      </c>
      <c r="U7240" s="2">
        <v>2.8090000000000002</v>
      </c>
      <c r="V7240" s="2">
        <v>16.7</v>
      </c>
      <c r="W7240" s="2">
        <v>139.1</v>
      </c>
      <c r="X7240" s="2">
        <v>7.6</v>
      </c>
      <c r="Y7240" s="2">
        <v>16.7</v>
      </c>
      <c r="Z7240" s="5"/>
      <c r="AA7240" s="5" t="s">
        <v>43</v>
      </c>
      <c r="AB7240" s="5" t="s">
        <v>44</v>
      </c>
      <c r="AC7240" s="2"/>
      <c r="AD7240" s="1"/>
    </row>
    <row r="7241" spans="1:30">
      <c r="A7241" s="5" t="s">
        <v>83578</v>
      </c>
      <c r="B7241" s="2" t="s">
        <v>105842</v>
      </c>
      <c r="C7241" s="14" t="s">
        <v>105843</v>
      </c>
      <c r="D7241" s="2" t="s">
        <v>105844</v>
      </c>
      <c r="E7241" s="2" t="s">
        <v>7551</v>
      </c>
      <c r="F7241" s="8">
        <v>300</v>
      </c>
      <c r="G7241" s="5">
        <v>6</v>
      </c>
      <c r="H7241" s="5" t="s">
        <v>1518</v>
      </c>
      <c r="I7241" s="5" t="s">
        <v>69038</v>
      </c>
      <c r="J7241" s="2" t="s">
        <v>69039</v>
      </c>
      <c r="K7241" s="5" t="s">
        <v>69038</v>
      </c>
      <c r="L7241" s="2" t="s">
        <v>69039</v>
      </c>
      <c r="M7241" s="5" t="s">
        <v>1521</v>
      </c>
      <c r="N7241" s="5" t="s">
        <v>38</v>
      </c>
      <c r="O7241" s="5" t="s">
        <v>39</v>
      </c>
      <c r="P7241" s="5" t="s">
        <v>40</v>
      </c>
      <c r="Q7241" s="5" t="s">
        <v>1522</v>
      </c>
      <c r="R7241" s="5" t="s">
        <v>1523</v>
      </c>
      <c r="S7241" s="5" t="s">
        <v>42</v>
      </c>
      <c r="T7241" s="2">
        <v>3.4969999999999999</v>
      </c>
      <c r="U7241" s="2">
        <v>2.919</v>
      </c>
      <c r="V7241" s="2">
        <v>16.7</v>
      </c>
      <c r="W7241" s="2">
        <v>139.1</v>
      </c>
      <c r="X7241" s="2">
        <v>7.6</v>
      </c>
      <c r="Y7241" s="2">
        <v>16.7</v>
      </c>
      <c r="Z7241" s="5"/>
      <c r="AA7241" s="5" t="s">
        <v>43</v>
      </c>
      <c r="AB7241" s="5" t="s">
        <v>44</v>
      </c>
      <c r="AC7241" s="2"/>
      <c r="AD7241" s="1"/>
    </row>
    <row r="7242" spans="1:30">
      <c r="A7242" s="5" t="s">
        <v>83578</v>
      </c>
      <c r="B7242" s="2" t="s">
        <v>105845</v>
      </c>
      <c r="C7242" s="14" t="s">
        <v>105846</v>
      </c>
      <c r="D7242" s="2" t="s">
        <v>105847</v>
      </c>
      <c r="E7242" s="2" t="s">
        <v>7567</v>
      </c>
      <c r="F7242" s="8">
        <v>300</v>
      </c>
      <c r="G7242" s="5">
        <v>6</v>
      </c>
      <c r="H7242" s="5" t="s">
        <v>1518</v>
      </c>
      <c r="I7242" s="5" t="s">
        <v>69038</v>
      </c>
      <c r="J7242" s="2" t="s">
        <v>69039</v>
      </c>
      <c r="K7242" s="5" t="s">
        <v>69038</v>
      </c>
      <c r="L7242" s="2" t="s">
        <v>69039</v>
      </c>
      <c r="M7242" s="5" t="s">
        <v>1521</v>
      </c>
      <c r="N7242" s="5" t="s">
        <v>38</v>
      </c>
      <c r="O7242" s="5" t="s">
        <v>39</v>
      </c>
      <c r="P7242" s="5" t="s">
        <v>40</v>
      </c>
      <c r="Q7242" s="5" t="s">
        <v>1522</v>
      </c>
      <c r="R7242" s="5" t="s">
        <v>1523</v>
      </c>
      <c r="S7242" s="5" t="s">
        <v>42</v>
      </c>
      <c r="T7242" s="2">
        <v>3.4969999999999999</v>
      </c>
      <c r="U7242" s="2">
        <v>2.919</v>
      </c>
      <c r="V7242" s="2">
        <v>16.7</v>
      </c>
      <c r="W7242" s="2">
        <v>139.1</v>
      </c>
      <c r="X7242" s="2">
        <v>7.6</v>
      </c>
      <c r="Y7242" s="2">
        <v>16.7</v>
      </c>
      <c r="Z7242" s="5"/>
      <c r="AA7242" s="5" t="s">
        <v>43</v>
      </c>
      <c r="AB7242" s="5" t="s">
        <v>44</v>
      </c>
      <c r="AC7242" s="2"/>
      <c r="AD7242" s="1"/>
    </row>
    <row r="7243" spans="1:30">
      <c r="A7243" s="5" t="s">
        <v>83578</v>
      </c>
      <c r="B7243" s="2" t="s">
        <v>105848</v>
      </c>
      <c r="C7243" s="14" t="s">
        <v>105849</v>
      </c>
      <c r="D7243" s="2" t="s">
        <v>105850</v>
      </c>
      <c r="E7243" s="2" t="s">
        <v>7559</v>
      </c>
      <c r="F7243" s="8">
        <v>300</v>
      </c>
      <c r="G7243" s="5">
        <v>6</v>
      </c>
      <c r="H7243" s="5" t="s">
        <v>1518</v>
      </c>
      <c r="I7243" s="5" t="s">
        <v>69038</v>
      </c>
      <c r="J7243" s="2" t="s">
        <v>69039</v>
      </c>
      <c r="K7243" s="5" t="s">
        <v>69038</v>
      </c>
      <c r="L7243" s="2" t="s">
        <v>69039</v>
      </c>
      <c r="M7243" s="5" t="s">
        <v>1521</v>
      </c>
      <c r="N7243" s="5" t="s">
        <v>38</v>
      </c>
      <c r="O7243" s="5" t="s">
        <v>39</v>
      </c>
      <c r="P7243" s="5" t="s">
        <v>40</v>
      </c>
      <c r="Q7243" s="5" t="s">
        <v>1522</v>
      </c>
      <c r="R7243" s="5" t="s">
        <v>1523</v>
      </c>
      <c r="S7243" s="5" t="s">
        <v>42</v>
      </c>
      <c r="T7243" s="2">
        <v>3.4969999999999999</v>
      </c>
      <c r="U7243" s="2">
        <v>2.919</v>
      </c>
      <c r="V7243" s="2">
        <v>16.7</v>
      </c>
      <c r="W7243" s="2">
        <v>139.1</v>
      </c>
      <c r="X7243" s="2">
        <v>7.6</v>
      </c>
      <c r="Y7243" s="2">
        <v>16.7</v>
      </c>
      <c r="Z7243" s="5"/>
      <c r="AA7243" s="5" t="s">
        <v>43</v>
      </c>
      <c r="AB7243" s="5" t="s">
        <v>44</v>
      </c>
      <c r="AC7243" s="2"/>
      <c r="AD7243" s="1"/>
    </row>
    <row r="7244" spans="1:30">
      <c r="A7244" s="5" t="s">
        <v>83578</v>
      </c>
      <c r="B7244" s="2" t="s">
        <v>105851</v>
      </c>
      <c r="C7244" s="14" t="s">
        <v>105852</v>
      </c>
      <c r="D7244" s="2" t="s">
        <v>105853</v>
      </c>
      <c r="E7244" s="2" t="s">
        <v>16079</v>
      </c>
      <c r="F7244" s="8">
        <v>300</v>
      </c>
      <c r="G7244" s="5">
        <v>6</v>
      </c>
      <c r="H7244" s="5" t="s">
        <v>1518</v>
      </c>
      <c r="I7244" s="5" t="s">
        <v>69038</v>
      </c>
      <c r="J7244" s="2" t="s">
        <v>69039</v>
      </c>
      <c r="K7244" s="5" t="s">
        <v>69038</v>
      </c>
      <c r="L7244" s="2" t="s">
        <v>69039</v>
      </c>
      <c r="M7244" s="5" t="s">
        <v>1521</v>
      </c>
      <c r="N7244" s="5" t="s">
        <v>38</v>
      </c>
      <c r="O7244" s="5" t="s">
        <v>39</v>
      </c>
      <c r="P7244" s="5" t="s">
        <v>40</v>
      </c>
      <c r="Q7244" s="5" t="s">
        <v>1522</v>
      </c>
      <c r="R7244" s="5" t="s">
        <v>1523</v>
      </c>
      <c r="S7244" s="5" t="s">
        <v>42</v>
      </c>
      <c r="T7244" s="2">
        <v>3.387</v>
      </c>
      <c r="U7244" s="2">
        <v>2.8090000000000002</v>
      </c>
      <c r="V7244" s="2">
        <v>16.7</v>
      </c>
      <c r="W7244" s="2">
        <v>139.1</v>
      </c>
      <c r="X7244" s="2">
        <v>7.6</v>
      </c>
      <c r="Y7244" s="2">
        <v>16.7</v>
      </c>
      <c r="Z7244" s="5"/>
      <c r="AA7244" s="5" t="s">
        <v>43</v>
      </c>
      <c r="AB7244" s="5" t="s">
        <v>44</v>
      </c>
      <c r="AC7244" s="2"/>
      <c r="AD7244" s="1"/>
    </row>
    <row r="7245" spans="1:30">
      <c r="A7245" s="5" t="s">
        <v>83578</v>
      </c>
      <c r="B7245" s="2" t="s">
        <v>105854</v>
      </c>
      <c r="C7245" s="14" t="s">
        <v>105855</v>
      </c>
      <c r="D7245" s="2" t="s">
        <v>105856</v>
      </c>
      <c r="E7245" s="2" t="s">
        <v>16194</v>
      </c>
      <c r="F7245" s="8">
        <v>300</v>
      </c>
      <c r="G7245" s="5">
        <v>6</v>
      </c>
      <c r="H7245" s="5" t="s">
        <v>1518</v>
      </c>
      <c r="I7245" s="5" t="s">
        <v>69038</v>
      </c>
      <c r="J7245" s="2" t="s">
        <v>69039</v>
      </c>
      <c r="K7245" s="5" t="s">
        <v>69038</v>
      </c>
      <c r="L7245" s="2" t="s">
        <v>69039</v>
      </c>
      <c r="M7245" s="5" t="s">
        <v>1521</v>
      </c>
      <c r="N7245" s="5" t="s">
        <v>38</v>
      </c>
      <c r="O7245" s="5" t="s">
        <v>39</v>
      </c>
      <c r="P7245" s="5" t="s">
        <v>40</v>
      </c>
      <c r="Q7245" s="5" t="s">
        <v>1522</v>
      </c>
      <c r="R7245" s="5" t="s">
        <v>1523</v>
      </c>
      <c r="S7245" s="5" t="s">
        <v>42</v>
      </c>
      <c r="T7245" s="2">
        <v>3.4969999999999999</v>
      </c>
      <c r="U7245" s="2">
        <v>2.919</v>
      </c>
      <c r="V7245" s="2">
        <v>16.7</v>
      </c>
      <c r="W7245" s="2">
        <v>139.1</v>
      </c>
      <c r="X7245" s="2">
        <v>7.6</v>
      </c>
      <c r="Y7245" s="2">
        <v>16.7</v>
      </c>
      <c r="Z7245" s="5"/>
      <c r="AA7245" s="5" t="s">
        <v>43</v>
      </c>
      <c r="AB7245" s="5" t="s">
        <v>44</v>
      </c>
      <c r="AC7245" s="2"/>
      <c r="AD7245" s="1"/>
    </row>
    <row r="7246" spans="1:30">
      <c r="A7246" s="5" t="s">
        <v>83578</v>
      </c>
      <c r="B7246" s="2" t="s">
        <v>105857</v>
      </c>
      <c r="C7246" s="14" t="s">
        <v>105858</v>
      </c>
      <c r="D7246" s="2" t="s">
        <v>105859</v>
      </c>
      <c r="E7246" s="2" t="s">
        <v>7581</v>
      </c>
      <c r="F7246" s="8">
        <v>300</v>
      </c>
      <c r="G7246" s="5">
        <v>6</v>
      </c>
      <c r="H7246" s="5" t="s">
        <v>1518</v>
      </c>
      <c r="I7246" s="5" t="s">
        <v>69038</v>
      </c>
      <c r="J7246" s="2" t="s">
        <v>69039</v>
      </c>
      <c r="K7246" s="5" t="s">
        <v>69038</v>
      </c>
      <c r="L7246" s="2" t="s">
        <v>69039</v>
      </c>
      <c r="M7246" s="5" t="s">
        <v>1521</v>
      </c>
      <c r="N7246" s="5" t="s">
        <v>38</v>
      </c>
      <c r="O7246" s="5" t="s">
        <v>39</v>
      </c>
      <c r="P7246" s="5" t="s">
        <v>40</v>
      </c>
      <c r="Q7246" s="5" t="s">
        <v>1522</v>
      </c>
      <c r="R7246" s="5" t="s">
        <v>1523</v>
      </c>
      <c r="S7246" s="5" t="s">
        <v>42</v>
      </c>
      <c r="T7246" s="2">
        <v>3.4969999999999999</v>
      </c>
      <c r="U7246" s="2">
        <v>2.919</v>
      </c>
      <c r="V7246" s="2">
        <v>16.7</v>
      </c>
      <c r="W7246" s="2">
        <v>139.1</v>
      </c>
      <c r="X7246" s="2">
        <v>7.6</v>
      </c>
      <c r="Y7246" s="2">
        <v>16.7</v>
      </c>
      <c r="Z7246" s="5"/>
      <c r="AA7246" s="5" t="s">
        <v>43</v>
      </c>
      <c r="AB7246" s="5" t="s">
        <v>44</v>
      </c>
      <c r="AC7246" s="2"/>
      <c r="AD7246" s="1"/>
    </row>
    <row r="7247" spans="1:30">
      <c r="A7247" s="5" t="s">
        <v>83578</v>
      </c>
      <c r="B7247" s="2" t="s">
        <v>105860</v>
      </c>
      <c r="C7247" s="14" t="s">
        <v>105861</v>
      </c>
      <c r="D7247" s="2" t="s">
        <v>105862</v>
      </c>
      <c r="E7247" s="2" t="s">
        <v>7593</v>
      </c>
      <c r="F7247" s="8">
        <v>300</v>
      </c>
      <c r="G7247" s="5">
        <v>6</v>
      </c>
      <c r="H7247" s="5" t="s">
        <v>1518</v>
      </c>
      <c r="I7247" s="5" t="s">
        <v>69038</v>
      </c>
      <c r="J7247" s="2" t="s">
        <v>69039</v>
      </c>
      <c r="K7247" s="5" t="s">
        <v>69038</v>
      </c>
      <c r="L7247" s="2" t="s">
        <v>69039</v>
      </c>
      <c r="M7247" s="5" t="s">
        <v>1521</v>
      </c>
      <c r="N7247" s="5" t="s">
        <v>38</v>
      </c>
      <c r="O7247" s="5" t="s">
        <v>39</v>
      </c>
      <c r="P7247" s="5" t="s">
        <v>40</v>
      </c>
      <c r="Q7247" s="5" t="s">
        <v>1522</v>
      </c>
      <c r="R7247" s="5" t="s">
        <v>1523</v>
      </c>
      <c r="S7247" s="5" t="s">
        <v>42</v>
      </c>
      <c r="T7247" s="2">
        <v>3.387</v>
      </c>
      <c r="U7247" s="2">
        <v>2.8090000000000002</v>
      </c>
      <c r="V7247" s="2">
        <v>16.7</v>
      </c>
      <c r="W7247" s="2">
        <v>139.1</v>
      </c>
      <c r="X7247" s="2">
        <v>7.6</v>
      </c>
      <c r="Y7247" s="2">
        <v>16.7</v>
      </c>
      <c r="Z7247" s="5"/>
      <c r="AA7247" s="5" t="s">
        <v>43</v>
      </c>
      <c r="AB7247" s="5" t="s">
        <v>44</v>
      </c>
      <c r="AC7247" s="2"/>
      <c r="AD7247" s="1"/>
    </row>
    <row r="7248" spans="1:30">
      <c r="A7248" s="5" t="s">
        <v>83578</v>
      </c>
      <c r="B7248" s="2" t="s">
        <v>105863</v>
      </c>
      <c r="C7248" s="14" t="s">
        <v>105864</v>
      </c>
      <c r="D7248" s="2" t="s">
        <v>105865</v>
      </c>
      <c r="E7248" s="2" t="s">
        <v>7597</v>
      </c>
      <c r="F7248" s="8">
        <v>300</v>
      </c>
      <c r="G7248" s="5">
        <v>6</v>
      </c>
      <c r="H7248" s="5" t="s">
        <v>1518</v>
      </c>
      <c r="I7248" s="5" t="s">
        <v>69038</v>
      </c>
      <c r="J7248" s="2" t="s">
        <v>69039</v>
      </c>
      <c r="K7248" s="5" t="s">
        <v>69038</v>
      </c>
      <c r="L7248" s="2" t="s">
        <v>69039</v>
      </c>
      <c r="M7248" s="5" t="s">
        <v>1521</v>
      </c>
      <c r="N7248" s="5" t="s">
        <v>38</v>
      </c>
      <c r="O7248" s="5" t="s">
        <v>39</v>
      </c>
      <c r="P7248" s="5" t="s">
        <v>40</v>
      </c>
      <c r="Q7248" s="5" t="s">
        <v>1522</v>
      </c>
      <c r="R7248" s="5" t="s">
        <v>1523</v>
      </c>
      <c r="S7248" s="5" t="s">
        <v>42</v>
      </c>
      <c r="T7248" s="2">
        <v>3.4969999999999999</v>
      </c>
      <c r="U7248" s="2">
        <v>2.919</v>
      </c>
      <c r="V7248" s="2">
        <v>16.7</v>
      </c>
      <c r="W7248" s="2">
        <v>139.1</v>
      </c>
      <c r="X7248" s="2">
        <v>7.6</v>
      </c>
      <c r="Y7248" s="2">
        <v>16.7</v>
      </c>
      <c r="Z7248" s="5"/>
      <c r="AA7248" s="5" t="s">
        <v>43</v>
      </c>
      <c r="AB7248" s="5" t="s">
        <v>44</v>
      </c>
      <c r="AC7248" s="2"/>
      <c r="AD7248" s="1"/>
    </row>
    <row r="7249" spans="1:30">
      <c r="A7249" s="5" t="s">
        <v>83578</v>
      </c>
      <c r="B7249" s="2" t="s">
        <v>105866</v>
      </c>
      <c r="C7249" s="14" t="s">
        <v>105867</v>
      </c>
      <c r="D7249" s="2" t="s">
        <v>105868</v>
      </c>
      <c r="E7249" s="2" t="s">
        <v>73358</v>
      </c>
      <c r="F7249" s="8">
        <v>300</v>
      </c>
      <c r="G7249" s="5">
        <v>6</v>
      </c>
      <c r="H7249" s="5" t="s">
        <v>1518</v>
      </c>
      <c r="I7249" s="5" t="s">
        <v>69038</v>
      </c>
      <c r="J7249" s="2" t="s">
        <v>69039</v>
      </c>
      <c r="K7249" s="5" t="s">
        <v>69038</v>
      </c>
      <c r="L7249" s="2" t="s">
        <v>69039</v>
      </c>
      <c r="M7249" s="5" t="s">
        <v>1521</v>
      </c>
      <c r="N7249" s="5" t="s">
        <v>38</v>
      </c>
      <c r="O7249" s="5" t="s">
        <v>39</v>
      </c>
      <c r="P7249" s="5" t="s">
        <v>40</v>
      </c>
      <c r="Q7249" s="5" t="s">
        <v>1522</v>
      </c>
      <c r="R7249" s="5" t="s">
        <v>1523</v>
      </c>
      <c r="S7249" s="5" t="s">
        <v>42</v>
      </c>
      <c r="T7249" s="2">
        <v>3.387</v>
      </c>
      <c r="U7249" s="2">
        <v>2.8090000000000002</v>
      </c>
      <c r="V7249" s="2">
        <v>16.7</v>
      </c>
      <c r="W7249" s="2">
        <v>139.1</v>
      </c>
      <c r="X7249" s="2">
        <v>7.6</v>
      </c>
      <c r="Y7249" s="2">
        <v>16.7</v>
      </c>
      <c r="Z7249" s="5"/>
      <c r="AA7249" s="5" t="s">
        <v>43</v>
      </c>
      <c r="AB7249" s="5" t="s">
        <v>44</v>
      </c>
      <c r="AC7249" s="2"/>
      <c r="AD7249" s="1"/>
    </row>
    <row r="7250" spans="1:30">
      <c r="A7250" s="5" t="s">
        <v>83578</v>
      </c>
      <c r="B7250" s="2" t="s">
        <v>105869</v>
      </c>
      <c r="C7250" s="14" t="s">
        <v>105870</v>
      </c>
      <c r="D7250" s="2" t="s">
        <v>105871</v>
      </c>
      <c r="E7250" s="2" t="s">
        <v>7615</v>
      </c>
      <c r="F7250" s="8">
        <v>300</v>
      </c>
      <c r="G7250" s="5">
        <v>6</v>
      </c>
      <c r="H7250" s="5" t="s">
        <v>1518</v>
      </c>
      <c r="I7250" s="5" t="s">
        <v>69038</v>
      </c>
      <c r="J7250" s="2" t="s">
        <v>69039</v>
      </c>
      <c r="K7250" s="5" t="s">
        <v>69038</v>
      </c>
      <c r="L7250" s="2" t="s">
        <v>69039</v>
      </c>
      <c r="M7250" s="5" t="s">
        <v>1521</v>
      </c>
      <c r="N7250" s="5" t="s">
        <v>38</v>
      </c>
      <c r="O7250" s="5" t="s">
        <v>39</v>
      </c>
      <c r="P7250" s="5" t="s">
        <v>40</v>
      </c>
      <c r="Q7250" s="5" t="s">
        <v>1522</v>
      </c>
      <c r="R7250" s="5" t="s">
        <v>1523</v>
      </c>
      <c r="S7250" s="5" t="s">
        <v>42</v>
      </c>
      <c r="T7250" s="2">
        <v>3.387</v>
      </c>
      <c r="U7250" s="2">
        <v>2.8090000000000002</v>
      </c>
      <c r="V7250" s="2">
        <v>16.7</v>
      </c>
      <c r="W7250" s="2">
        <v>139.1</v>
      </c>
      <c r="X7250" s="2">
        <v>7.6</v>
      </c>
      <c r="Y7250" s="2">
        <v>16.7</v>
      </c>
      <c r="Z7250" s="5"/>
      <c r="AA7250" s="5" t="s">
        <v>43</v>
      </c>
      <c r="AB7250" s="5" t="s">
        <v>44</v>
      </c>
      <c r="AC7250" s="2"/>
      <c r="AD7250" s="1"/>
    </row>
    <row r="7251" spans="1:30">
      <c r="A7251" s="5" t="s">
        <v>83578</v>
      </c>
      <c r="B7251" s="2" t="s">
        <v>105872</v>
      </c>
      <c r="C7251" s="14" t="s">
        <v>105873</v>
      </c>
      <c r="D7251" s="2" t="s">
        <v>105874</v>
      </c>
      <c r="E7251" s="2" t="s">
        <v>7619</v>
      </c>
      <c r="F7251" s="8">
        <v>300</v>
      </c>
      <c r="G7251" s="5">
        <v>6</v>
      </c>
      <c r="H7251" s="5" t="s">
        <v>1518</v>
      </c>
      <c r="I7251" s="5" t="s">
        <v>69038</v>
      </c>
      <c r="J7251" s="2" t="s">
        <v>69039</v>
      </c>
      <c r="K7251" s="5" t="s">
        <v>69038</v>
      </c>
      <c r="L7251" s="2" t="s">
        <v>69039</v>
      </c>
      <c r="M7251" s="5" t="s">
        <v>1521</v>
      </c>
      <c r="N7251" s="5" t="s">
        <v>38</v>
      </c>
      <c r="O7251" s="5" t="s">
        <v>39</v>
      </c>
      <c r="P7251" s="5" t="s">
        <v>40</v>
      </c>
      <c r="Q7251" s="5" t="s">
        <v>1522</v>
      </c>
      <c r="R7251" s="5" t="s">
        <v>1523</v>
      </c>
      <c r="S7251" s="5" t="s">
        <v>42</v>
      </c>
      <c r="T7251" s="2">
        <v>3.4969999999999999</v>
      </c>
      <c r="U7251" s="2">
        <v>2.919</v>
      </c>
      <c r="V7251" s="2">
        <v>16.7</v>
      </c>
      <c r="W7251" s="2">
        <v>139.1</v>
      </c>
      <c r="X7251" s="2">
        <v>7.6</v>
      </c>
      <c r="Y7251" s="2">
        <v>16.7</v>
      </c>
      <c r="Z7251" s="5"/>
      <c r="AA7251" s="5" t="s">
        <v>43</v>
      </c>
      <c r="AB7251" s="5" t="s">
        <v>44</v>
      </c>
      <c r="AC7251" s="2"/>
      <c r="AD7251" s="1"/>
    </row>
    <row r="7252" spans="1:30">
      <c r="A7252" s="5" t="s">
        <v>83578</v>
      </c>
      <c r="B7252" s="2" t="s">
        <v>105875</v>
      </c>
      <c r="C7252" s="14" t="s">
        <v>105876</v>
      </c>
      <c r="D7252" s="2" t="s">
        <v>105877</v>
      </c>
      <c r="E7252" s="2" t="s">
        <v>16219</v>
      </c>
      <c r="F7252" s="8">
        <v>300</v>
      </c>
      <c r="G7252" s="5">
        <v>6</v>
      </c>
      <c r="H7252" s="5" t="s">
        <v>1518</v>
      </c>
      <c r="I7252" s="5" t="s">
        <v>69038</v>
      </c>
      <c r="J7252" s="2" t="s">
        <v>69039</v>
      </c>
      <c r="K7252" s="5" t="s">
        <v>69038</v>
      </c>
      <c r="L7252" s="2" t="s">
        <v>69039</v>
      </c>
      <c r="M7252" s="5" t="s">
        <v>1521</v>
      </c>
      <c r="N7252" s="5" t="s">
        <v>38</v>
      </c>
      <c r="O7252" s="5" t="s">
        <v>39</v>
      </c>
      <c r="P7252" s="5" t="s">
        <v>40</v>
      </c>
      <c r="Q7252" s="5" t="s">
        <v>1522</v>
      </c>
      <c r="R7252" s="5" t="s">
        <v>1523</v>
      </c>
      <c r="S7252" s="5" t="s">
        <v>42</v>
      </c>
      <c r="T7252" s="2">
        <v>3.4969999999999999</v>
      </c>
      <c r="U7252" s="2">
        <v>2.919</v>
      </c>
      <c r="V7252" s="2">
        <v>16.7</v>
      </c>
      <c r="W7252" s="2">
        <v>139.1</v>
      </c>
      <c r="X7252" s="2">
        <v>7.6</v>
      </c>
      <c r="Y7252" s="2">
        <v>16.7</v>
      </c>
      <c r="Z7252" s="5"/>
      <c r="AA7252" s="5" t="s">
        <v>43</v>
      </c>
      <c r="AB7252" s="5" t="s">
        <v>44</v>
      </c>
      <c r="AC7252" s="2"/>
      <c r="AD7252" s="1"/>
    </row>
    <row r="7253" spans="1:30">
      <c r="A7253" s="5" t="s">
        <v>83578</v>
      </c>
      <c r="B7253" s="2" t="s">
        <v>105878</v>
      </c>
      <c r="C7253" s="14" t="s">
        <v>105879</v>
      </c>
      <c r="D7253" s="2" t="s">
        <v>105880</v>
      </c>
      <c r="E7253" s="2" t="s">
        <v>7204</v>
      </c>
      <c r="F7253" s="8">
        <v>296</v>
      </c>
      <c r="G7253" s="5">
        <v>6</v>
      </c>
      <c r="H7253" s="5" t="s">
        <v>1518</v>
      </c>
      <c r="I7253" s="5" t="s">
        <v>69038</v>
      </c>
      <c r="J7253" s="2" t="s">
        <v>69039</v>
      </c>
      <c r="K7253" s="5" t="s">
        <v>69038</v>
      </c>
      <c r="L7253" s="2" t="s">
        <v>69039</v>
      </c>
      <c r="M7253" s="5" t="s">
        <v>1521</v>
      </c>
      <c r="N7253" s="5" t="s">
        <v>38</v>
      </c>
      <c r="O7253" s="5" t="s">
        <v>39</v>
      </c>
      <c r="P7253" s="5" t="s">
        <v>40</v>
      </c>
      <c r="Q7253" s="5" t="s">
        <v>1522</v>
      </c>
      <c r="R7253" s="5" t="s">
        <v>1523</v>
      </c>
      <c r="S7253" s="5" t="s">
        <v>42</v>
      </c>
      <c r="T7253" s="2">
        <v>3.5569999999999999</v>
      </c>
      <c r="U7253" s="2">
        <v>2.9849999999999999</v>
      </c>
      <c r="V7253" s="2">
        <v>16.7</v>
      </c>
      <c r="W7253" s="2">
        <v>139.1</v>
      </c>
      <c r="X7253" s="2">
        <v>7.6</v>
      </c>
      <c r="Y7253" s="2">
        <v>16.7</v>
      </c>
      <c r="Z7253" s="5"/>
      <c r="AA7253" s="5" t="s">
        <v>43</v>
      </c>
      <c r="AB7253" s="5" t="s">
        <v>44</v>
      </c>
      <c r="AC7253" s="2"/>
      <c r="AD7253" s="1"/>
    </row>
    <row r="7254" spans="1:30">
      <c r="A7254" s="5" t="s">
        <v>83578</v>
      </c>
      <c r="B7254" s="2" t="s">
        <v>105881</v>
      </c>
      <c r="C7254" s="14" t="s">
        <v>105882</v>
      </c>
      <c r="D7254" s="2" t="s">
        <v>105883</v>
      </c>
      <c r="E7254" s="2" t="s">
        <v>7514</v>
      </c>
      <c r="F7254" s="8">
        <v>296</v>
      </c>
      <c r="G7254" s="5">
        <v>6</v>
      </c>
      <c r="H7254" s="5" t="s">
        <v>1518</v>
      </c>
      <c r="I7254" s="5" t="s">
        <v>69038</v>
      </c>
      <c r="J7254" s="2" t="s">
        <v>69039</v>
      </c>
      <c r="K7254" s="5" t="s">
        <v>69038</v>
      </c>
      <c r="L7254" s="2" t="s">
        <v>69039</v>
      </c>
      <c r="M7254" s="5" t="s">
        <v>1521</v>
      </c>
      <c r="N7254" s="5" t="s">
        <v>38</v>
      </c>
      <c r="O7254" s="5" t="s">
        <v>39</v>
      </c>
      <c r="P7254" s="5" t="s">
        <v>40</v>
      </c>
      <c r="Q7254" s="5" t="s">
        <v>1522</v>
      </c>
      <c r="R7254" s="5" t="s">
        <v>1523</v>
      </c>
      <c r="S7254" s="5" t="s">
        <v>42</v>
      </c>
      <c r="T7254" s="2">
        <v>3.677</v>
      </c>
      <c r="U7254" s="2">
        <v>3.105</v>
      </c>
      <c r="V7254" s="2">
        <v>16.7</v>
      </c>
      <c r="W7254" s="2">
        <v>139.1</v>
      </c>
      <c r="X7254" s="2">
        <v>7.6</v>
      </c>
      <c r="Y7254" s="2">
        <v>16.7</v>
      </c>
      <c r="Z7254" s="5"/>
      <c r="AA7254" s="5" t="s">
        <v>43</v>
      </c>
      <c r="AB7254" s="5" t="s">
        <v>44</v>
      </c>
      <c r="AC7254" s="2"/>
      <c r="AD7254" s="1"/>
    </row>
    <row r="7255" spans="1:30">
      <c r="A7255" s="5" t="s">
        <v>83578</v>
      </c>
      <c r="B7255" s="2" t="s">
        <v>105884</v>
      </c>
      <c r="C7255" s="14" t="s">
        <v>105885</v>
      </c>
      <c r="D7255" s="2" t="s">
        <v>105886</v>
      </c>
      <c r="E7255" s="2" t="s">
        <v>7521</v>
      </c>
      <c r="F7255" s="8">
        <v>296</v>
      </c>
      <c r="G7255" s="5">
        <v>6</v>
      </c>
      <c r="H7255" s="5" t="s">
        <v>1518</v>
      </c>
      <c r="I7255" s="5" t="s">
        <v>69038</v>
      </c>
      <c r="J7255" s="2" t="s">
        <v>69039</v>
      </c>
      <c r="K7255" s="5" t="s">
        <v>69038</v>
      </c>
      <c r="L7255" s="2" t="s">
        <v>69039</v>
      </c>
      <c r="M7255" s="5" t="s">
        <v>1521</v>
      </c>
      <c r="N7255" s="5" t="s">
        <v>38</v>
      </c>
      <c r="O7255" s="5" t="s">
        <v>39</v>
      </c>
      <c r="P7255" s="5" t="s">
        <v>40</v>
      </c>
      <c r="Q7255" s="5" t="s">
        <v>1522</v>
      </c>
      <c r="R7255" s="5" t="s">
        <v>1523</v>
      </c>
      <c r="S7255" s="5" t="s">
        <v>42</v>
      </c>
      <c r="T7255" s="2">
        <v>3.677</v>
      </c>
      <c r="U7255" s="2">
        <v>3.105</v>
      </c>
      <c r="V7255" s="2">
        <v>16.7</v>
      </c>
      <c r="W7255" s="2">
        <v>139.1</v>
      </c>
      <c r="X7255" s="2">
        <v>7.6</v>
      </c>
      <c r="Y7255" s="2">
        <v>16.7</v>
      </c>
      <c r="Z7255" s="5"/>
      <c r="AA7255" s="5" t="s">
        <v>43</v>
      </c>
      <c r="AB7255" s="5" t="s">
        <v>44</v>
      </c>
      <c r="AC7255" s="2"/>
      <c r="AD7255" s="1"/>
    </row>
    <row r="7256" spans="1:30">
      <c r="A7256" s="5" t="s">
        <v>83578</v>
      </c>
      <c r="B7256" s="2" t="s">
        <v>105887</v>
      </c>
      <c r="C7256" s="14" t="s">
        <v>105888</v>
      </c>
      <c r="D7256" s="2" t="s">
        <v>105889</v>
      </c>
      <c r="E7256" s="2" t="s">
        <v>7406</v>
      </c>
      <c r="F7256" s="8">
        <v>321</v>
      </c>
      <c r="G7256" s="5">
        <v>6</v>
      </c>
      <c r="H7256" s="5" t="s">
        <v>1518</v>
      </c>
      <c r="I7256" s="5" t="s">
        <v>69038</v>
      </c>
      <c r="J7256" s="2" t="s">
        <v>69039</v>
      </c>
      <c r="K7256" s="5" t="s">
        <v>69038</v>
      </c>
      <c r="L7256" s="2" t="s">
        <v>69039</v>
      </c>
      <c r="M7256" s="5" t="s">
        <v>1521</v>
      </c>
      <c r="N7256" s="5" t="s">
        <v>38</v>
      </c>
      <c r="O7256" s="5" t="s">
        <v>39</v>
      </c>
      <c r="P7256" s="5" t="s">
        <v>40</v>
      </c>
      <c r="Q7256" s="5" t="s">
        <v>1522</v>
      </c>
      <c r="R7256" s="5" t="s">
        <v>1523</v>
      </c>
      <c r="S7256" s="5" t="s">
        <v>42</v>
      </c>
      <c r="T7256" s="2">
        <v>3.5569999999999999</v>
      </c>
      <c r="U7256" s="2">
        <v>2.9849999999999999</v>
      </c>
      <c r="V7256" s="2">
        <v>16.7</v>
      </c>
      <c r="W7256" s="2">
        <v>139.1</v>
      </c>
      <c r="X7256" s="2">
        <v>7.6</v>
      </c>
      <c r="Y7256" s="2">
        <v>16.7</v>
      </c>
      <c r="Z7256" s="5"/>
      <c r="AA7256" s="5" t="s">
        <v>43</v>
      </c>
      <c r="AB7256" s="5" t="s">
        <v>44</v>
      </c>
      <c r="AC7256" s="2"/>
      <c r="AD7256" s="1"/>
    </row>
    <row r="7257" spans="1:30">
      <c r="A7257" s="5" t="s">
        <v>83578</v>
      </c>
      <c r="B7257" s="2" t="s">
        <v>105890</v>
      </c>
      <c r="C7257" s="14" t="s">
        <v>105891</v>
      </c>
      <c r="D7257" s="2" t="s">
        <v>105892</v>
      </c>
      <c r="E7257" s="2" t="s">
        <v>7535</v>
      </c>
      <c r="F7257" s="8">
        <v>321</v>
      </c>
      <c r="G7257" s="5">
        <v>6</v>
      </c>
      <c r="H7257" s="5" t="s">
        <v>1518</v>
      </c>
      <c r="I7257" s="5" t="s">
        <v>69038</v>
      </c>
      <c r="J7257" s="2" t="s">
        <v>69039</v>
      </c>
      <c r="K7257" s="5" t="s">
        <v>69038</v>
      </c>
      <c r="L7257" s="2" t="s">
        <v>69039</v>
      </c>
      <c r="M7257" s="5" t="s">
        <v>1521</v>
      </c>
      <c r="N7257" s="5" t="s">
        <v>38</v>
      </c>
      <c r="O7257" s="5" t="s">
        <v>39</v>
      </c>
      <c r="P7257" s="5" t="s">
        <v>40</v>
      </c>
      <c r="Q7257" s="5" t="s">
        <v>1522</v>
      </c>
      <c r="R7257" s="5" t="s">
        <v>1523</v>
      </c>
      <c r="S7257" s="5" t="s">
        <v>42</v>
      </c>
      <c r="T7257" s="2">
        <v>3.677</v>
      </c>
      <c r="U7257" s="2">
        <v>3.105</v>
      </c>
      <c r="V7257" s="2">
        <v>16.7</v>
      </c>
      <c r="W7257" s="2">
        <v>139.1</v>
      </c>
      <c r="X7257" s="2">
        <v>7.6</v>
      </c>
      <c r="Y7257" s="2">
        <v>16.7</v>
      </c>
      <c r="Z7257" s="5"/>
      <c r="AA7257" s="5" t="s">
        <v>43</v>
      </c>
      <c r="AB7257" s="5" t="s">
        <v>44</v>
      </c>
      <c r="AC7257" s="2"/>
      <c r="AD7257" s="1"/>
    </row>
    <row r="7258" spans="1:30">
      <c r="A7258" s="5" t="s">
        <v>83578</v>
      </c>
      <c r="B7258" s="2" t="s">
        <v>105893</v>
      </c>
      <c r="C7258" s="14" t="s">
        <v>105894</v>
      </c>
      <c r="D7258" s="2" t="s">
        <v>105895</v>
      </c>
      <c r="E7258" s="2" t="s">
        <v>7539</v>
      </c>
      <c r="F7258" s="8">
        <v>321</v>
      </c>
      <c r="G7258" s="5">
        <v>6</v>
      </c>
      <c r="H7258" s="5" t="s">
        <v>1518</v>
      </c>
      <c r="I7258" s="5" t="s">
        <v>69038</v>
      </c>
      <c r="J7258" s="2" t="s">
        <v>69039</v>
      </c>
      <c r="K7258" s="5" t="s">
        <v>69038</v>
      </c>
      <c r="L7258" s="2" t="s">
        <v>69039</v>
      </c>
      <c r="M7258" s="5" t="s">
        <v>1521</v>
      </c>
      <c r="N7258" s="5" t="s">
        <v>38</v>
      </c>
      <c r="O7258" s="5" t="s">
        <v>39</v>
      </c>
      <c r="P7258" s="5" t="s">
        <v>40</v>
      </c>
      <c r="Q7258" s="5" t="s">
        <v>1522</v>
      </c>
      <c r="R7258" s="5" t="s">
        <v>1523</v>
      </c>
      <c r="S7258" s="5" t="s">
        <v>42</v>
      </c>
      <c r="T7258" s="2">
        <v>3.5569999999999999</v>
      </c>
      <c r="U7258" s="2">
        <v>2.9849999999999999</v>
      </c>
      <c r="V7258" s="2">
        <v>16.7</v>
      </c>
      <c r="W7258" s="2">
        <v>139.1</v>
      </c>
      <c r="X7258" s="2">
        <v>7.6</v>
      </c>
      <c r="Y7258" s="2">
        <v>16.7</v>
      </c>
      <c r="Z7258" s="5"/>
      <c r="AA7258" s="5" t="s">
        <v>43</v>
      </c>
      <c r="AB7258" s="5" t="s">
        <v>44</v>
      </c>
      <c r="AC7258" s="2"/>
      <c r="AD7258" s="1"/>
    </row>
    <row r="7259" spans="1:30">
      <c r="A7259" s="5" t="s">
        <v>83578</v>
      </c>
      <c r="B7259" s="2" t="s">
        <v>105896</v>
      </c>
      <c r="C7259" s="14" t="s">
        <v>105897</v>
      </c>
      <c r="D7259" s="2" t="s">
        <v>105898</v>
      </c>
      <c r="E7259" s="2" t="s">
        <v>7543</v>
      </c>
      <c r="F7259" s="8">
        <v>321</v>
      </c>
      <c r="G7259" s="5">
        <v>6</v>
      </c>
      <c r="H7259" s="5" t="s">
        <v>1518</v>
      </c>
      <c r="I7259" s="5" t="s">
        <v>69038</v>
      </c>
      <c r="J7259" s="2" t="s">
        <v>69039</v>
      </c>
      <c r="K7259" s="5" t="s">
        <v>69038</v>
      </c>
      <c r="L7259" s="2" t="s">
        <v>69039</v>
      </c>
      <c r="M7259" s="5" t="s">
        <v>1521</v>
      </c>
      <c r="N7259" s="5" t="s">
        <v>38</v>
      </c>
      <c r="O7259" s="5" t="s">
        <v>39</v>
      </c>
      <c r="P7259" s="5" t="s">
        <v>40</v>
      </c>
      <c r="Q7259" s="5" t="s">
        <v>1522</v>
      </c>
      <c r="R7259" s="5" t="s">
        <v>1523</v>
      </c>
      <c r="S7259" s="5" t="s">
        <v>42</v>
      </c>
      <c r="T7259" s="2">
        <v>3.677</v>
      </c>
      <c r="U7259" s="2">
        <v>3.105</v>
      </c>
      <c r="V7259" s="2">
        <v>16.7</v>
      </c>
      <c r="W7259" s="2">
        <v>139.1</v>
      </c>
      <c r="X7259" s="2">
        <v>7.6</v>
      </c>
      <c r="Y7259" s="2">
        <v>16.7</v>
      </c>
      <c r="Z7259" s="5"/>
      <c r="AA7259" s="5" t="s">
        <v>43</v>
      </c>
      <c r="AB7259" s="5" t="s">
        <v>44</v>
      </c>
      <c r="AC7259" s="2"/>
      <c r="AD7259" s="1"/>
    </row>
    <row r="7260" spans="1:30">
      <c r="A7260" s="5" t="s">
        <v>83578</v>
      </c>
      <c r="B7260" s="2" t="s">
        <v>105899</v>
      </c>
      <c r="C7260" s="14" t="s">
        <v>105900</v>
      </c>
      <c r="D7260" s="2" t="s">
        <v>105901</v>
      </c>
      <c r="E7260" s="2" t="s">
        <v>7396</v>
      </c>
      <c r="F7260" s="8">
        <v>296</v>
      </c>
      <c r="G7260" s="5">
        <v>6</v>
      </c>
      <c r="H7260" s="5" t="s">
        <v>1518</v>
      </c>
      <c r="I7260" s="5" t="s">
        <v>69038</v>
      </c>
      <c r="J7260" s="2" t="s">
        <v>69039</v>
      </c>
      <c r="K7260" s="5" t="s">
        <v>69038</v>
      </c>
      <c r="L7260" s="2" t="s">
        <v>69039</v>
      </c>
      <c r="M7260" s="5" t="s">
        <v>1521</v>
      </c>
      <c r="N7260" s="5" t="s">
        <v>38</v>
      </c>
      <c r="O7260" s="5" t="s">
        <v>39</v>
      </c>
      <c r="P7260" s="5" t="s">
        <v>40</v>
      </c>
      <c r="Q7260" s="5" t="s">
        <v>1522</v>
      </c>
      <c r="R7260" s="5" t="s">
        <v>1523</v>
      </c>
      <c r="S7260" s="5" t="s">
        <v>42</v>
      </c>
      <c r="T7260" s="2">
        <v>3.5569999999999999</v>
      </c>
      <c r="U7260" s="2">
        <v>2.9849999999999999</v>
      </c>
      <c r="V7260" s="2">
        <v>16.7</v>
      </c>
      <c r="W7260" s="2">
        <v>139.1</v>
      </c>
      <c r="X7260" s="2">
        <v>7.6</v>
      </c>
      <c r="Y7260" s="2">
        <v>16.7</v>
      </c>
      <c r="Z7260" s="5"/>
      <c r="AA7260" s="5" t="s">
        <v>43</v>
      </c>
      <c r="AB7260" s="5" t="s">
        <v>44</v>
      </c>
      <c r="AC7260" s="2"/>
      <c r="AD7260" s="1"/>
    </row>
    <row r="7261" spans="1:30">
      <c r="A7261" s="5" t="s">
        <v>83578</v>
      </c>
      <c r="B7261" s="2" t="s">
        <v>105902</v>
      </c>
      <c r="C7261" s="14" t="s">
        <v>105903</v>
      </c>
      <c r="D7261" s="2" t="s">
        <v>105904</v>
      </c>
      <c r="E7261" s="2" t="s">
        <v>7507</v>
      </c>
      <c r="F7261" s="8">
        <v>296</v>
      </c>
      <c r="G7261" s="5">
        <v>6</v>
      </c>
      <c r="H7261" s="5" t="s">
        <v>1518</v>
      </c>
      <c r="I7261" s="5" t="s">
        <v>69038</v>
      </c>
      <c r="J7261" s="2" t="s">
        <v>69039</v>
      </c>
      <c r="K7261" s="5" t="s">
        <v>69038</v>
      </c>
      <c r="L7261" s="2" t="s">
        <v>69039</v>
      </c>
      <c r="M7261" s="5" t="s">
        <v>1521</v>
      </c>
      <c r="N7261" s="5" t="s">
        <v>38</v>
      </c>
      <c r="O7261" s="5" t="s">
        <v>39</v>
      </c>
      <c r="P7261" s="5" t="s">
        <v>40</v>
      </c>
      <c r="Q7261" s="5" t="s">
        <v>1522</v>
      </c>
      <c r="R7261" s="5" t="s">
        <v>1523</v>
      </c>
      <c r="S7261" s="5" t="s">
        <v>42</v>
      </c>
      <c r="T7261" s="2">
        <v>3.677</v>
      </c>
      <c r="U7261" s="2">
        <v>3.105</v>
      </c>
      <c r="V7261" s="2">
        <v>16.7</v>
      </c>
      <c r="W7261" s="2">
        <v>139.1</v>
      </c>
      <c r="X7261" s="2">
        <v>7.6</v>
      </c>
      <c r="Y7261" s="2">
        <v>16.7</v>
      </c>
      <c r="Z7261" s="5"/>
      <c r="AA7261" s="5" t="s">
        <v>43</v>
      </c>
      <c r="AB7261" s="5" t="s">
        <v>44</v>
      </c>
      <c r="AC7261" s="2"/>
      <c r="AD7261" s="1"/>
    </row>
    <row r="7262" spans="1:30">
      <c r="A7262" s="5" t="s">
        <v>83578</v>
      </c>
      <c r="B7262" s="2" t="s">
        <v>105905</v>
      </c>
      <c r="C7262" s="14" t="s">
        <v>105906</v>
      </c>
      <c r="D7262" s="2" t="s">
        <v>105907</v>
      </c>
      <c r="E7262" s="2" t="s">
        <v>7547</v>
      </c>
      <c r="F7262" s="8">
        <v>321</v>
      </c>
      <c r="G7262" s="5">
        <v>6</v>
      </c>
      <c r="H7262" s="5" t="s">
        <v>1518</v>
      </c>
      <c r="I7262" s="5" t="s">
        <v>69038</v>
      </c>
      <c r="J7262" s="2" t="s">
        <v>69039</v>
      </c>
      <c r="K7262" s="5" t="s">
        <v>69038</v>
      </c>
      <c r="L7262" s="2" t="s">
        <v>69039</v>
      </c>
      <c r="M7262" s="5" t="s">
        <v>1521</v>
      </c>
      <c r="N7262" s="5" t="s">
        <v>38</v>
      </c>
      <c r="O7262" s="5" t="s">
        <v>39</v>
      </c>
      <c r="P7262" s="5" t="s">
        <v>40</v>
      </c>
      <c r="Q7262" s="5" t="s">
        <v>1522</v>
      </c>
      <c r="R7262" s="5" t="s">
        <v>1523</v>
      </c>
      <c r="S7262" s="5" t="s">
        <v>42</v>
      </c>
      <c r="T7262" s="2">
        <v>3.5569999999999999</v>
      </c>
      <c r="U7262" s="2">
        <v>2.9849999999999999</v>
      </c>
      <c r="V7262" s="2">
        <v>16.7</v>
      </c>
      <c r="W7262" s="2">
        <v>139.1</v>
      </c>
      <c r="X7262" s="2">
        <v>7.6</v>
      </c>
      <c r="Y7262" s="2">
        <v>16.7</v>
      </c>
      <c r="Z7262" s="5"/>
      <c r="AA7262" s="5" t="s">
        <v>43</v>
      </c>
      <c r="AB7262" s="5" t="s">
        <v>44</v>
      </c>
      <c r="AC7262" s="2"/>
      <c r="AD7262" s="1"/>
    </row>
    <row r="7263" spans="1:30">
      <c r="A7263" s="5" t="s">
        <v>83578</v>
      </c>
      <c r="B7263" s="2" t="s">
        <v>105908</v>
      </c>
      <c r="C7263" s="14" t="s">
        <v>105909</v>
      </c>
      <c r="D7263" s="2" t="s">
        <v>105910</v>
      </c>
      <c r="E7263" s="2" t="s">
        <v>7551</v>
      </c>
      <c r="F7263" s="8">
        <v>321</v>
      </c>
      <c r="G7263" s="5">
        <v>6</v>
      </c>
      <c r="H7263" s="5" t="s">
        <v>1518</v>
      </c>
      <c r="I7263" s="5" t="s">
        <v>69038</v>
      </c>
      <c r="J7263" s="2" t="s">
        <v>69039</v>
      </c>
      <c r="K7263" s="5" t="s">
        <v>69038</v>
      </c>
      <c r="L7263" s="2" t="s">
        <v>69039</v>
      </c>
      <c r="M7263" s="5" t="s">
        <v>1521</v>
      </c>
      <c r="N7263" s="5" t="s">
        <v>38</v>
      </c>
      <c r="O7263" s="5" t="s">
        <v>39</v>
      </c>
      <c r="P7263" s="5" t="s">
        <v>40</v>
      </c>
      <c r="Q7263" s="5" t="s">
        <v>1522</v>
      </c>
      <c r="R7263" s="5" t="s">
        <v>1523</v>
      </c>
      <c r="S7263" s="5" t="s">
        <v>42</v>
      </c>
      <c r="T7263" s="2">
        <v>3.677</v>
      </c>
      <c r="U7263" s="2">
        <v>3.105</v>
      </c>
      <c r="V7263" s="2">
        <v>16.7</v>
      </c>
      <c r="W7263" s="2">
        <v>139.1</v>
      </c>
      <c r="X7263" s="2">
        <v>7.6</v>
      </c>
      <c r="Y7263" s="2">
        <v>16.7</v>
      </c>
      <c r="Z7263" s="5"/>
      <c r="AA7263" s="5" t="s">
        <v>43</v>
      </c>
      <c r="AB7263" s="5" t="s">
        <v>44</v>
      </c>
      <c r="AC7263" s="2"/>
      <c r="AD7263" s="1"/>
    </row>
    <row r="7264" spans="1:30">
      <c r="A7264" s="5" t="s">
        <v>83578</v>
      </c>
      <c r="B7264" s="2" t="s">
        <v>105911</v>
      </c>
      <c r="C7264" s="14" t="s">
        <v>105912</v>
      </c>
      <c r="D7264" s="2" t="s">
        <v>105913</v>
      </c>
      <c r="E7264" s="2" t="s">
        <v>7563</v>
      </c>
      <c r="F7264" s="8">
        <v>321</v>
      </c>
      <c r="G7264" s="5">
        <v>6</v>
      </c>
      <c r="H7264" s="5" t="s">
        <v>1518</v>
      </c>
      <c r="I7264" s="5" t="s">
        <v>69038</v>
      </c>
      <c r="J7264" s="2" t="s">
        <v>69039</v>
      </c>
      <c r="K7264" s="5" t="s">
        <v>69038</v>
      </c>
      <c r="L7264" s="2" t="s">
        <v>69039</v>
      </c>
      <c r="M7264" s="5" t="s">
        <v>1521</v>
      </c>
      <c r="N7264" s="5" t="s">
        <v>38</v>
      </c>
      <c r="O7264" s="5" t="s">
        <v>39</v>
      </c>
      <c r="P7264" s="5" t="s">
        <v>40</v>
      </c>
      <c r="Q7264" s="5" t="s">
        <v>1522</v>
      </c>
      <c r="R7264" s="5" t="s">
        <v>1523</v>
      </c>
      <c r="S7264" s="5" t="s">
        <v>42</v>
      </c>
      <c r="T7264" s="2">
        <v>3.5569999999999999</v>
      </c>
      <c r="U7264" s="2">
        <v>2.9849999999999999</v>
      </c>
      <c r="V7264" s="2">
        <v>16.7</v>
      </c>
      <c r="W7264" s="2">
        <v>139.1</v>
      </c>
      <c r="X7264" s="2">
        <v>7.6</v>
      </c>
      <c r="Y7264" s="2">
        <v>16.7</v>
      </c>
      <c r="Z7264" s="5"/>
      <c r="AA7264" s="5" t="s">
        <v>43</v>
      </c>
      <c r="AB7264" s="5" t="s">
        <v>44</v>
      </c>
      <c r="AC7264" s="2"/>
      <c r="AD7264" s="1"/>
    </row>
    <row r="7265" spans="1:30">
      <c r="A7265" s="5" t="s">
        <v>83578</v>
      </c>
      <c r="B7265" s="2" t="s">
        <v>105914</v>
      </c>
      <c r="C7265" s="14" t="s">
        <v>105915</v>
      </c>
      <c r="D7265" s="2" t="s">
        <v>105916</v>
      </c>
      <c r="E7265" s="2" t="s">
        <v>7567</v>
      </c>
      <c r="F7265" s="8">
        <v>321</v>
      </c>
      <c r="G7265" s="5">
        <v>6</v>
      </c>
      <c r="H7265" s="5" t="s">
        <v>1518</v>
      </c>
      <c r="I7265" s="5" t="s">
        <v>69038</v>
      </c>
      <c r="J7265" s="2" t="s">
        <v>69039</v>
      </c>
      <c r="K7265" s="5" t="s">
        <v>69038</v>
      </c>
      <c r="L7265" s="2" t="s">
        <v>69039</v>
      </c>
      <c r="M7265" s="5" t="s">
        <v>1521</v>
      </c>
      <c r="N7265" s="5" t="s">
        <v>38</v>
      </c>
      <c r="O7265" s="5" t="s">
        <v>39</v>
      </c>
      <c r="P7265" s="5" t="s">
        <v>40</v>
      </c>
      <c r="Q7265" s="5" t="s">
        <v>1522</v>
      </c>
      <c r="R7265" s="5" t="s">
        <v>1523</v>
      </c>
      <c r="S7265" s="5" t="s">
        <v>42</v>
      </c>
      <c r="T7265" s="2">
        <v>3.677</v>
      </c>
      <c r="U7265" s="2">
        <v>3.105</v>
      </c>
      <c r="V7265" s="2">
        <v>16.7</v>
      </c>
      <c r="W7265" s="2">
        <v>139.1</v>
      </c>
      <c r="X7265" s="2">
        <v>7.6</v>
      </c>
      <c r="Y7265" s="2">
        <v>16.7</v>
      </c>
      <c r="Z7265" s="5"/>
      <c r="AA7265" s="5" t="s">
        <v>43</v>
      </c>
      <c r="AB7265" s="5" t="s">
        <v>44</v>
      </c>
      <c r="AC7265" s="2"/>
      <c r="AD7265" s="1"/>
    </row>
    <row r="7266" spans="1:30">
      <c r="A7266" s="5" t="s">
        <v>83578</v>
      </c>
      <c r="B7266" s="2" t="s">
        <v>105917</v>
      </c>
      <c r="C7266" s="14" t="s">
        <v>105918</v>
      </c>
      <c r="D7266" s="2" t="s">
        <v>105919</v>
      </c>
      <c r="E7266" s="2" t="s">
        <v>7555</v>
      </c>
      <c r="F7266" s="8">
        <v>321</v>
      </c>
      <c r="G7266" s="5">
        <v>6</v>
      </c>
      <c r="H7266" s="5" t="s">
        <v>1518</v>
      </c>
      <c r="I7266" s="5" t="s">
        <v>69038</v>
      </c>
      <c r="J7266" s="2" t="s">
        <v>69039</v>
      </c>
      <c r="K7266" s="5" t="s">
        <v>69038</v>
      </c>
      <c r="L7266" s="2" t="s">
        <v>69039</v>
      </c>
      <c r="M7266" s="5" t="s">
        <v>1521</v>
      </c>
      <c r="N7266" s="5" t="s">
        <v>38</v>
      </c>
      <c r="O7266" s="5" t="s">
        <v>39</v>
      </c>
      <c r="P7266" s="5" t="s">
        <v>40</v>
      </c>
      <c r="Q7266" s="5" t="s">
        <v>1522</v>
      </c>
      <c r="R7266" s="5" t="s">
        <v>1523</v>
      </c>
      <c r="S7266" s="5" t="s">
        <v>42</v>
      </c>
      <c r="T7266" s="2">
        <v>3.5569999999999999</v>
      </c>
      <c r="U7266" s="2">
        <v>2.9849999999999999</v>
      </c>
      <c r="V7266" s="2">
        <v>16.7</v>
      </c>
      <c r="W7266" s="2">
        <v>139.1</v>
      </c>
      <c r="X7266" s="2">
        <v>7.6</v>
      </c>
      <c r="Y7266" s="2">
        <v>16.7</v>
      </c>
      <c r="Z7266" s="5"/>
      <c r="AA7266" s="5" t="s">
        <v>43</v>
      </c>
      <c r="AB7266" s="5" t="s">
        <v>44</v>
      </c>
      <c r="AC7266" s="2"/>
      <c r="AD7266" s="1"/>
    </row>
    <row r="7267" spans="1:30">
      <c r="A7267" s="5" t="s">
        <v>83578</v>
      </c>
      <c r="B7267" s="2" t="s">
        <v>105920</v>
      </c>
      <c r="C7267" s="14" t="s">
        <v>105921</v>
      </c>
      <c r="D7267" s="2" t="s">
        <v>105922</v>
      </c>
      <c r="E7267" s="2" t="s">
        <v>7559</v>
      </c>
      <c r="F7267" s="8">
        <v>321</v>
      </c>
      <c r="G7267" s="5">
        <v>6</v>
      </c>
      <c r="H7267" s="5" t="s">
        <v>1518</v>
      </c>
      <c r="I7267" s="5" t="s">
        <v>69038</v>
      </c>
      <c r="J7267" s="2" t="s">
        <v>69039</v>
      </c>
      <c r="K7267" s="5" t="s">
        <v>69038</v>
      </c>
      <c r="L7267" s="2" t="s">
        <v>69039</v>
      </c>
      <c r="M7267" s="5" t="s">
        <v>1521</v>
      </c>
      <c r="N7267" s="5" t="s">
        <v>38</v>
      </c>
      <c r="O7267" s="5" t="s">
        <v>39</v>
      </c>
      <c r="P7267" s="5" t="s">
        <v>40</v>
      </c>
      <c r="Q7267" s="5" t="s">
        <v>1522</v>
      </c>
      <c r="R7267" s="5" t="s">
        <v>1523</v>
      </c>
      <c r="S7267" s="5" t="s">
        <v>42</v>
      </c>
      <c r="T7267" s="2">
        <v>3.677</v>
      </c>
      <c r="U7267" s="2">
        <v>3.105</v>
      </c>
      <c r="V7267" s="2">
        <v>16.7</v>
      </c>
      <c r="W7267" s="2">
        <v>139.1</v>
      </c>
      <c r="X7267" s="2">
        <v>7.6</v>
      </c>
      <c r="Y7267" s="2">
        <v>16.7</v>
      </c>
      <c r="Z7267" s="5"/>
      <c r="AA7267" s="5" t="s">
        <v>43</v>
      </c>
      <c r="AB7267" s="5" t="s">
        <v>44</v>
      </c>
      <c r="AC7267" s="2"/>
      <c r="AD7267" s="1"/>
    </row>
    <row r="7268" spans="1:30">
      <c r="A7268" s="5" t="s">
        <v>83578</v>
      </c>
      <c r="B7268" s="2" t="s">
        <v>105923</v>
      </c>
      <c r="C7268" s="14" t="s">
        <v>105924</v>
      </c>
      <c r="D7268" s="2" t="s">
        <v>105925</v>
      </c>
      <c r="E7268" s="2" t="s">
        <v>16079</v>
      </c>
      <c r="F7268" s="8">
        <v>321</v>
      </c>
      <c r="G7268" s="5">
        <v>6</v>
      </c>
      <c r="H7268" s="5" t="s">
        <v>1518</v>
      </c>
      <c r="I7268" s="5" t="s">
        <v>69038</v>
      </c>
      <c r="J7268" s="2" t="s">
        <v>69039</v>
      </c>
      <c r="K7268" s="5" t="s">
        <v>69038</v>
      </c>
      <c r="L7268" s="2" t="s">
        <v>69039</v>
      </c>
      <c r="M7268" s="5" t="s">
        <v>1521</v>
      </c>
      <c r="N7268" s="5" t="s">
        <v>38</v>
      </c>
      <c r="O7268" s="5" t="s">
        <v>39</v>
      </c>
      <c r="P7268" s="5" t="s">
        <v>40</v>
      </c>
      <c r="Q7268" s="5" t="s">
        <v>1522</v>
      </c>
      <c r="R7268" s="5" t="s">
        <v>1523</v>
      </c>
      <c r="S7268" s="5" t="s">
        <v>42</v>
      </c>
      <c r="T7268" s="2">
        <v>3.5569999999999999</v>
      </c>
      <c r="U7268" s="2">
        <v>2.9849999999999999</v>
      </c>
      <c r="V7268" s="2">
        <v>16.7</v>
      </c>
      <c r="W7268" s="2">
        <v>139.1</v>
      </c>
      <c r="X7268" s="2">
        <v>7.6</v>
      </c>
      <c r="Y7268" s="2">
        <v>16.7</v>
      </c>
      <c r="Z7268" s="5"/>
      <c r="AA7268" s="5" t="s">
        <v>43</v>
      </c>
      <c r="AB7268" s="5" t="s">
        <v>44</v>
      </c>
      <c r="AC7268" s="2"/>
      <c r="AD7268" s="1"/>
    </row>
    <row r="7269" spans="1:30">
      <c r="A7269" s="5" t="s">
        <v>83578</v>
      </c>
      <c r="B7269" s="2" t="s">
        <v>105926</v>
      </c>
      <c r="C7269" s="14" t="s">
        <v>105927</v>
      </c>
      <c r="D7269" s="2" t="s">
        <v>105928</v>
      </c>
      <c r="E7269" s="2" t="s">
        <v>16194</v>
      </c>
      <c r="F7269" s="8">
        <v>321</v>
      </c>
      <c r="G7269" s="5">
        <v>6</v>
      </c>
      <c r="H7269" s="5" t="s">
        <v>1518</v>
      </c>
      <c r="I7269" s="5" t="s">
        <v>69038</v>
      </c>
      <c r="J7269" s="2" t="s">
        <v>69039</v>
      </c>
      <c r="K7269" s="5" t="s">
        <v>69038</v>
      </c>
      <c r="L7269" s="2" t="s">
        <v>69039</v>
      </c>
      <c r="M7269" s="5" t="s">
        <v>1521</v>
      </c>
      <c r="N7269" s="5" t="s">
        <v>38</v>
      </c>
      <c r="O7269" s="5" t="s">
        <v>39</v>
      </c>
      <c r="P7269" s="5" t="s">
        <v>40</v>
      </c>
      <c r="Q7269" s="5" t="s">
        <v>1522</v>
      </c>
      <c r="R7269" s="5" t="s">
        <v>1523</v>
      </c>
      <c r="S7269" s="5" t="s">
        <v>42</v>
      </c>
      <c r="T7269" s="2">
        <v>3.677</v>
      </c>
      <c r="U7269" s="2">
        <v>3.105</v>
      </c>
      <c r="V7269" s="2">
        <v>16.7</v>
      </c>
      <c r="W7269" s="2">
        <v>139.1</v>
      </c>
      <c r="X7269" s="2">
        <v>7.6</v>
      </c>
      <c r="Y7269" s="2">
        <v>16.7</v>
      </c>
      <c r="Z7269" s="5"/>
      <c r="AA7269" s="5" t="s">
        <v>43</v>
      </c>
      <c r="AB7269" s="5" t="s">
        <v>44</v>
      </c>
      <c r="AC7269" s="2"/>
      <c r="AD7269" s="1"/>
    </row>
    <row r="7270" spans="1:30">
      <c r="A7270" s="5" t="s">
        <v>83578</v>
      </c>
      <c r="B7270" s="2" t="s">
        <v>105929</v>
      </c>
      <c r="C7270" s="14" t="s">
        <v>105930</v>
      </c>
      <c r="D7270" s="2" t="s">
        <v>105931</v>
      </c>
      <c r="E7270" s="2" t="s">
        <v>7449</v>
      </c>
      <c r="F7270" s="8">
        <v>321</v>
      </c>
      <c r="G7270" s="5">
        <v>6</v>
      </c>
      <c r="H7270" s="5" t="s">
        <v>1518</v>
      </c>
      <c r="I7270" s="5" t="s">
        <v>69038</v>
      </c>
      <c r="J7270" s="2" t="s">
        <v>69039</v>
      </c>
      <c r="K7270" s="5" t="s">
        <v>69038</v>
      </c>
      <c r="L7270" s="2" t="s">
        <v>69039</v>
      </c>
      <c r="M7270" s="5" t="s">
        <v>1521</v>
      </c>
      <c r="N7270" s="5" t="s">
        <v>38</v>
      </c>
      <c r="O7270" s="5" t="s">
        <v>39</v>
      </c>
      <c r="P7270" s="5" t="s">
        <v>40</v>
      </c>
      <c r="Q7270" s="5" t="s">
        <v>1522</v>
      </c>
      <c r="R7270" s="5" t="s">
        <v>1523</v>
      </c>
      <c r="S7270" s="5" t="s">
        <v>42</v>
      </c>
      <c r="T7270" s="2">
        <v>3.5569999999999999</v>
      </c>
      <c r="U7270" s="2">
        <v>2.9849999999999999</v>
      </c>
      <c r="V7270" s="2">
        <v>16.7</v>
      </c>
      <c r="W7270" s="2">
        <v>139.1</v>
      </c>
      <c r="X7270" s="2">
        <v>7.6</v>
      </c>
      <c r="Y7270" s="2">
        <v>16.7</v>
      </c>
      <c r="Z7270" s="5"/>
      <c r="AA7270" s="5" t="s">
        <v>43</v>
      </c>
      <c r="AB7270" s="5" t="s">
        <v>44</v>
      </c>
      <c r="AC7270" s="2"/>
      <c r="AD7270" s="1"/>
    </row>
    <row r="7271" spans="1:30">
      <c r="A7271" s="5" t="s">
        <v>83578</v>
      </c>
      <c r="B7271" s="2" t="s">
        <v>105932</v>
      </c>
      <c r="C7271" s="14" t="s">
        <v>105933</v>
      </c>
      <c r="D7271" s="2" t="s">
        <v>105934</v>
      </c>
      <c r="E7271" s="2" t="s">
        <v>7581</v>
      </c>
      <c r="F7271" s="8">
        <v>321</v>
      </c>
      <c r="G7271" s="5">
        <v>6</v>
      </c>
      <c r="H7271" s="5" t="s">
        <v>1518</v>
      </c>
      <c r="I7271" s="5" t="s">
        <v>69038</v>
      </c>
      <c r="J7271" s="2" t="s">
        <v>69039</v>
      </c>
      <c r="K7271" s="5" t="s">
        <v>69038</v>
      </c>
      <c r="L7271" s="2" t="s">
        <v>69039</v>
      </c>
      <c r="M7271" s="5" t="s">
        <v>1521</v>
      </c>
      <c r="N7271" s="5" t="s">
        <v>38</v>
      </c>
      <c r="O7271" s="5" t="s">
        <v>39</v>
      </c>
      <c r="P7271" s="5" t="s">
        <v>40</v>
      </c>
      <c r="Q7271" s="5" t="s">
        <v>1522</v>
      </c>
      <c r="R7271" s="5" t="s">
        <v>1523</v>
      </c>
      <c r="S7271" s="5" t="s">
        <v>42</v>
      </c>
      <c r="T7271" s="2">
        <v>3.677</v>
      </c>
      <c r="U7271" s="2">
        <v>3.105</v>
      </c>
      <c r="V7271" s="2">
        <v>16.7</v>
      </c>
      <c r="W7271" s="2">
        <v>139.1</v>
      </c>
      <c r="X7271" s="2">
        <v>7.6</v>
      </c>
      <c r="Y7271" s="2">
        <v>16.7</v>
      </c>
      <c r="Z7271" s="5"/>
      <c r="AA7271" s="5" t="s">
        <v>43</v>
      </c>
      <c r="AB7271" s="5" t="s">
        <v>44</v>
      </c>
      <c r="AC7271" s="2"/>
      <c r="AD7271" s="1"/>
    </row>
    <row r="7272" spans="1:30">
      <c r="A7272" s="5" t="s">
        <v>83578</v>
      </c>
      <c r="B7272" s="2" t="s">
        <v>105935</v>
      </c>
      <c r="C7272" s="14" t="s">
        <v>105936</v>
      </c>
      <c r="D7272" s="2" t="s">
        <v>105937</v>
      </c>
      <c r="E7272" s="2" t="s">
        <v>7585</v>
      </c>
      <c r="F7272" s="8">
        <v>321</v>
      </c>
      <c r="G7272" s="5">
        <v>6</v>
      </c>
      <c r="H7272" s="5" t="s">
        <v>1518</v>
      </c>
      <c r="I7272" s="5" t="s">
        <v>69038</v>
      </c>
      <c r="J7272" s="2" t="s">
        <v>69039</v>
      </c>
      <c r="K7272" s="5" t="s">
        <v>69038</v>
      </c>
      <c r="L7272" s="2" t="s">
        <v>69039</v>
      </c>
      <c r="M7272" s="5" t="s">
        <v>1521</v>
      </c>
      <c r="N7272" s="5" t="s">
        <v>38</v>
      </c>
      <c r="O7272" s="5" t="s">
        <v>39</v>
      </c>
      <c r="P7272" s="5" t="s">
        <v>40</v>
      </c>
      <c r="Q7272" s="5" t="s">
        <v>1522</v>
      </c>
      <c r="R7272" s="5" t="s">
        <v>1523</v>
      </c>
      <c r="S7272" s="5" t="s">
        <v>42</v>
      </c>
      <c r="T7272" s="2">
        <v>3.5569999999999999</v>
      </c>
      <c r="U7272" s="2">
        <v>2.9849999999999999</v>
      </c>
      <c r="V7272" s="2">
        <v>16.7</v>
      </c>
      <c r="W7272" s="2">
        <v>139.1</v>
      </c>
      <c r="X7272" s="2">
        <v>7.6</v>
      </c>
      <c r="Y7272" s="2">
        <v>16.7</v>
      </c>
      <c r="Z7272" s="5"/>
      <c r="AA7272" s="5" t="s">
        <v>43</v>
      </c>
      <c r="AB7272" s="5" t="s">
        <v>44</v>
      </c>
      <c r="AC7272" s="2"/>
      <c r="AD7272" s="1"/>
    </row>
    <row r="7273" spans="1:30">
      <c r="A7273" s="5" t="s">
        <v>83578</v>
      </c>
      <c r="B7273" s="2" t="s">
        <v>105938</v>
      </c>
      <c r="C7273" s="14" t="s">
        <v>105939</v>
      </c>
      <c r="D7273" s="2" t="s">
        <v>105940</v>
      </c>
      <c r="E7273" s="2" t="s">
        <v>7589</v>
      </c>
      <c r="F7273" s="8">
        <v>321</v>
      </c>
      <c r="G7273" s="5">
        <v>6</v>
      </c>
      <c r="H7273" s="5" t="s">
        <v>1518</v>
      </c>
      <c r="I7273" s="5" t="s">
        <v>69038</v>
      </c>
      <c r="J7273" s="2" t="s">
        <v>69039</v>
      </c>
      <c r="K7273" s="5" t="s">
        <v>69038</v>
      </c>
      <c r="L7273" s="2" t="s">
        <v>69039</v>
      </c>
      <c r="M7273" s="5" t="s">
        <v>1521</v>
      </c>
      <c r="N7273" s="5" t="s">
        <v>38</v>
      </c>
      <c r="O7273" s="5" t="s">
        <v>39</v>
      </c>
      <c r="P7273" s="5" t="s">
        <v>40</v>
      </c>
      <c r="Q7273" s="5" t="s">
        <v>1522</v>
      </c>
      <c r="R7273" s="5" t="s">
        <v>1523</v>
      </c>
      <c r="S7273" s="5" t="s">
        <v>42</v>
      </c>
      <c r="T7273" s="2">
        <v>3.677</v>
      </c>
      <c r="U7273" s="2">
        <v>3.105</v>
      </c>
      <c r="V7273" s="2">
        <v>16.7</v>
      </c>
      <c r="W7273" s="2">
        <v>139.1</v>
      </c>
      <c r="X7273" s="2">
        <v>7.6</v>
      </c>
      <c r="Y7273" s="2">
        <v>16.7</v>
      </c>
      <c r="Z7273" s="5"/>
      <c r="AA7273" s="5" t="s">
        <v>43</v>
      </c>
      <c r="AB7273" s="5" t="s">
        <v>44</v>
      </c>
      <c r="AC7273" s="2"/>
      <c r="AD7273" s="1"/>
    </row>
    <row r="7274" spans="1:30">
      <c r="A7274" s="5" t="s">
        <v>83578</v>
      </c>
      <c r="B7274" s="2" t="s">
        <v>105941</v>
      </c>
      <c r="C7274" s="14" t="s">
        <v>105942</v>
      </c>
      <c r="D7274" s="2" t="s">
        <v>105943</v>
      </c>
      <c r="E7274" s="2" t="s">
        <v>7593</v>
      </c>
      <c r="F7274" s="8">
        <v>321</v>
      </c>
      <c r="G7274" s="5">
        <v>6</v>
      </c>
      <c r="H7274" s="5" t="s">
        <v>1518</v>
      </c>
      <c r="I7274" s="5" t="s">
        <v>69038</v>
      </c>
      <c r="J7274" s="2" t="s">
        <v>69039</v>
      </c>
      <c r="K7274" s="5" t="s">
        <v>69038</v>
      </c>
      <c r="L7274" s="2" t="s">
        <v>69039</v>
      </c>
      <c r="M7274" s="5" t="s">
        <v>1521</v>
      </c>
      <c r="N7274" s="5" t="s">
        <v>38</v>
      </c>
      <c r="O7274" s="5" t="s">
        <v>39</v>
      </c>
      <c r="P7274" s="5" t="s">
        <v>40</v>
      </c>
      <c r="Q7274" s="5" t="s">
        <v>1522</v>
      </c>
      <c r="R7274" s="5" t="s">
        <v>1523</v>
      </c>
      <c r="S7274" s="5" t="s">
        <v>42</v>
      </c>
      <c r="T7274" s="2">
        <v>3.5569999999999999</v>
      </c>
      <c r="U7274" s="2">
        <v>2.9849999999999999</v>
      </c>
      <c r="V7274" s="2">
        <v>16.7</v>
      </c>
      <c r="W7274" s="2">
        <v>139.1</v>
      </c>
      <c r="X7274" s="2">
        <v>7.6</v>
      </c>
      <c r="Y7274" s="2">
        <v>16.7</v>
      </c>
      <c r="Z7274" s="5"/>
      <c r="AA7274" s="5" t="s">
        <v>43</v>
      </c>
      <c r="AB7274" s="5" t="s">
        <v>44</v>
      </c>
      <c r="AC7274" s="2"/>
      <c r="AD7274" s="1"/>
    </row>
    <row r="7275" spans="1:30">
      <c r="A7275" s="5" t="s">
        <v>83578</v>
      </c>
      <c r="B7275" s="2" t="s">
        <v>105944</v>
      </c>
      <c r="C7275" s="14" t="s">
        <v>105945</v>
      </c>
      <c r="D7275" s="2" t="s">
        <v>105946</v>
      </c>
      <c r="E7275" s="2" t="s">
        <v>7597</v>
      </c>
      <c r="F7275" s="8">
        <v>321</v>
      </c>
      <c r="G7275" s="5">
        <v>6</v>
      </c>
      <c r="H7275" s="5" t="s">
        <v>1518</v>
      </c>
      <c r="I7275" s="5" t="s">
        <v>69038</v>
      </c>
      <c r="J7275" s="2" t="s">
        <v>69039</v>
      </c>
      <c r="K7275" s="5" t="s">
        <v>69038</v>
      </c>
      <c r="L7275" s="2" t="s">
        <v>69039</v>
      </c>
      <c r="M7275" s="5" t="s">
        <v>1521</v>
      </c>
      <c r="N7275" s="5" t="s">
        <v>38</v>
      </c>
      <c r="O7275" s="5" t="s">
        <v>39</v>
      </c>
      <c r="P7275" s="5" t="s">
        <v>40</v>
      </c>
      <c r="Q7275" s="5" t="s">
        <v>1522</v>
      </c>
      <c r="R7275" s="5" t="s">
        <v>1523</v>
      </c>
      <c r="S7275" s="5" t="s">
        <v>42</v>
      </c>
      <c r="T7275" s="2">
        <v>3.677</v>
      </c>
      <c r="U7275" s="2">
        <v>3.105</v>
      </c>
      <c r="V7275" s="2">
        <v>16.7</v>
      </c>
      <c r="W7275" s="2">
        <v>139.1</v>
      </c>
      <c r="X7275" s="2">
        <v>7.6</v>
      </c>
      <c r="Y7275" s="2">
        <v>16.7</v>
      </c>
      <c r="Z7275" s="5"/>
      <c r="AA7275" s="5" t="s">
        <v>43</v>
      </c>
      <c r="AB7275" s="5" t="s">
        <v>44</v>
      </c>
      <c r="AC7275" s="2"/>
      <c r="AD7275" s="1"/>
    </row>
    <row r="7276" spans="1:30">
      <c r="A7276" s="5" t="s">
        <v>83578</v>
      </c>
      <c r="B7276" s="2" t="s">
        <v>105947</v>
      </c>
      <c r="C7276" s="14" t="s">
        <v>105948</v>
      </c>
      <c r="D7276" s="2" t="s">
        <v>105949</v>
      </c>
      <c r="E7276" s="2" t="s">
        <v>73358</v>
      </c>
      <c r="F7276" s="8">
        <v>321</v>
      </c>
      <c r="G7276" s="5">
        <v>6</v>
      </c>
      <c r="H7276" s="5" t="s">
        <v>1518</v>
      </c>
      <c r="I7276" s="5" t="s">
        <v>69038</v>
      </c>
      <c r="J7276" s="2" t="s">
        <v>69039</v>
      </c>
      <c r="K7276" s="5" t="s">
        <v>69038</v>
      </c>
      <c r="L7276" s="2" t="s">
        <v>69039</v>
      </c>
      <c r="M7276" s="5" t="s">
        <v>1521</v>
      </c>
      <c r="N7276" s="5" t="s">
        <v>38</v>
      </c>
      <c r="O7276" s="5" t="s">
        <v>39</v>
      </c>
      <c r="P7276" s="5" t="s">
        <v>40</v>
      </c>
      <c r="Q7276" s="5" t="s">
        <v>1522</v>
      </c>
      <c r="R7276" s="5" t="s">
        <v>1523</v>
      </c>
      <c r="S7276" s="5" t="s">
        <v>42</v>
      </c>
      <c r="T7276" s="2">
        <v>3.5569999999999999</v>
      </c>
      <c r="U7276" s="2">
        <v>2.9849999999999999</v>
      </c>
      <c r="V7276" s="2">
        <v>16.7</v>
      </c>
      <c r="W7276" s="2">
        <v>139.1</v>
      </c>
      <c r="X7276" s="2">
        <v>7.6</v>
      </c>
      <c r="Y7276" s="2">
        <v>16.7</v>
      </c>
      <c r="Z7276" s="5"/>
      <c r="AA7276" s="5" t="s">
        <v>43</v>
      </c>
      <c r="AB7276" s="5" t="s">
        <v>44</v>
      </c>
      <c r="AC7276" s="2"/>
      <c r="AD7276" s="1"/>
    </row>
    <row r="7277" spans="1:30">
      <c r="A7277" s="5" t="s">
        <v>83578</v>
      </c>
      <c r="B7277" s="2" t="s">
        <v>105950</v>
      </c>
      <c r="C7277" s="14" t="s">
        <v>105951</v>
      </c>
      <c r="D7277" s="2" t="s">
        <v>105952</v>
      </c>
      <c r="E7277" s="2" t="s">
        <v>73362</v>
      </c>
      <c r="F7277" s="8">
        <v>321</v>
      </c>
      <c r="G7277" s="5">
        <v>6</v>
      </c>
      <c r="H7277" s="5" t="s">
        <v>1518</v>
      </c>
      <c r="I7277" s="5" t="s">
        <v>69038</v>
      </c>
      <c r="J7277" s="2" t="s">
        <v>69039</v>
      </c>
      <c r="K7277" s="5" t="s">
        <v>69038</v>
      </c>
      <c r="L7277" s="2" t="s">
        <v>69039</v>
      </c>
      <c r="M7277" s="5" t="s">
        <v>1521</v>
      </c>
      <c r="N7277" s="5" t="s">
        <v>38</v>
      </c>
      <c r="O7277" s="5" t="s">
        <v>39</v>
      </c>
      <c r="P7277" s="5" t="s">
        <v>40</v>
      </c>
      <c r="Q7277" s="5" t="s">
        <v>1522</v>
      </c>
      <c r="R7277" s="5" t="s">
        <v>1523</v>
      </c>
      <c r="S7277" s="5" t="s">
        <v>42</v>
      </c>
      <c r="T7277" s="2">
        <v>3.677</v>
      </c>
      <c r="U7277" s="2">
        <v>3.105</v>
      </c>
      <c r="V7277" s="2">
        <v>16.7</v>
      </c>
      <c r="W7277" s="2">
        <v>139.1</v>
      </c>
      <c r="X7277" s="2">
        <v>7.6</v>
      </c>
      <c r="Y7277" s="2">
        <v>16.7</v>
      </c>
      <c r="Z7277" s="5"/>
      <c r="AA7277" s="5" t="s">
        <v>43</v>
      </c>
      <c r="AB7277" s="5" t="s">
        <v>44</v>
      </c>
      <c r="AC7277" s="2"/>
      <c r="AD7277" s="1"/>
    </row>
    <row r="7278" spans="1:30">
      <c r="A7278" s="5" t="s">
        <v>83578</v>
      </c>
      <c r="B7278" s="2" t="s">
        <v>105953</v>
      </c>
      <c r="C7278" s="14" t="s">
        <v>105954</v>
      </c>
      <c r="D7278" s="2" t="s">
        <v>105955</v>
      </c>
      <c r="E7278" s="2" t="s">
        <v>7615</v>
      </c>
      <c r="F7278" s="8">
        <v>321</v>
      </c>
      <c r="G7278" s="5">
        <v>6</v>
      </c>
      <c r="H7278" s="5" t="s">
        <v>1518</v>
      </c>
      <c r="I7278" s="5" t="s">
        <v>69038</v>
      </c>
      <c r="J7278" s="2" t="s">
        <v>69039</v>
      </c>
      <c r="K7278" s="5" t="s">
        <v>69038</v>
      </c>
      <c r="L7278" s="2" t="s">
        <v>69039</v>
      </c>
      <c r="M7278" s="5" t="s">
        <v>1521</v>
      </c>
      <c r="N7278" s="5" t="s">
        <v>38</v>
      </c>
      <c r="O7278" s="5" t="s">
        <v>39</v>
      </c>
      <c r="P7278" s="5" t="s">
        <v>40</v>
      </c>
      <c r="Q7278" s="5" t="s">
        <v>1522</v>
      </c>
      <c r="R7278" s="5" t="s">
        <v>1523</v>
      </c>
      <c r="S7278" s="5" t="s">
        <v>42</v>
      </c>
      <c r="T7278" s="2">
        <v>3.5569999999999999</v>
      </c>
      <c r="U7278" s="2">
        <v>2.9849999999999999</v>
      </c>
      <c r="V7278" s="2">
        <v>16.7</v>
      </c>
      <c r="W7278" s="2">
        <v>139.1</v>
      </c>
      <c r="X7278" s="2">
        <v>7.6</v>
      </c>
      <c r="Y7278" s="2">
        <v>16.7</v>
      </c>
      <c r="Z7278" s="5"/>
      <c r="AA7278" s="5" t="s">
        <v>43</v>
      </c>
      <c r="AB7278" s="5" t="s">
        <v>44</v>
      </c>
      <c r="AC7278" s="2"/>
      <c r="AD7278" s="1"/>
    </row>
    <row r="7279" spans="1:30">
      <c r="A7279" s="5" t="s">
        <v>83578</v>
      </c>
      <c r="B7279" s="2" t="s">
        <v>105956</v>
      </c>
      <c r="C7279" s="14" t="s">
        <v>105957</v>
      </c>
      <c r="D7279" s="2" t="s">
        <v>105958</v>
      </c>
      <c r="E7279" s="2" t="s">
        <v>7619</v>
      </c>
      <c r="F7279" s="8">
        <v>321</v>
      </c>
      <c r="G7279" s="5">
        <v>6</v>
      </c>
      <c r="H7279" s="5" t="s">
        <v>1518</v>
      </c>
      <c r="I7279" s="5" t="s">
        <v>69038</v>
      </c>
      <c r="J7279" s="2" t="s">
        <v>69039</v>
      </c>
      <c r="K7279" s="5" t="s">
        <v>69038</v>
      </c>
      <c r="L7279" s="2" t="s">
        <v>69039</v>
      </c>
      <c r="M7279" s="5" t="s">
        <v>1521</v>
      </c>
      <c r="N7279" s="5" t="s">
        <v>38</v>
      </c>
      <c r="O7279" s="5" t="s">
        <v>39</v>
      </c>
      <c r="P7279" s="5" t="s">
        <v>40</v>
      </c>
      <c r="Q7279" s="5" t="s">
        <v>1522</v>
      </c>
      <c r="R7279" s="5" t="s">
        <v>1523</v>
      </c>
      <c r="S7279" s="5" t="s">
        <v>42</v>
      </c>
      <c r="T7279" s="2">
        <v>3.677</v>
      </c>
      <c r="U7279" s="2">
        <v>3.105</v>
      </c>
      <c r="V7279" s="2">
        <v>16.7</v>
      </c>
      <c r="W7279" s="2">
        <v>139.1</v>
      </c>
      <c r="X7279" s="2">
        <v>7.6</v>
      </c>
      <c r="Y7279" s="2">
        <v>16.7</v>
      </c>
      <c r="Z7279" s="5"/>
      <c r="AA7279" s="5" t="s">
        <v>43</v>
      </c>
      <c r="AB7279" s="5" t="s">
        <v>44</v>
      </c>
      <c r="AC7279" s="2"/>
      <c r="AD7279" s="1"/>
    </row>
    <row r="7280" spans="1:30">
      <c r="A7280" s="5" t="s">
        <v>83578</v>
      </c>
      <c r="B7280" s="2" t="s">
        <v>105959</v>
      </c>
      <c r="C7280" s="14" t="s">
        <v>105960</v>
      </c>
      <c r="D7280" s="2" t="s">
        <v>105961</v>
      </c>
      <c r="E7280" s="2" t="s">
        <v>16014</v>
      </c>
      <c r="F7280" s="8">
        <v>321</v>
      </c>
      <c r="G7280" s="5">
        <v>6</v>
      </c>
      <c r="H7280" s="5" t="s">
        <v>1518</v>
      </c>
      <c r="I7280" s="5" t="s">
        <v>69038</v>
      </c>
      <c r="J7280" s="2" t="s">
        <v>69039</v>
      </c>
      <c r="K7280" s="5" t="s">
        <v>69038</v>
      </c>
      <c r="L7280" s="2" t="s">
        <v>69039</v>
      </c>
      <c r="M7280" s="5" t="s">
        <v>1521</v>
      </c>
      <c r="N7280" s="5" t="s">
        <v>38</v>
      </c>
      <c r="O7280" s="5" t="s">
        <v>39</v>
      </c>
      <c r="P7280" s="5" t="s">
        <v>40</v>
      </c>
      <c r="Q7280" s="5" t="s">
        <v>1522</v>
      </c>
      <c r="R7280" s="5" t="s">
        <v>1523</v>
      </c>
      <c r="S7280" s="5" t="s">
        <v>42</v>
      </c>
      <c r="T7280" s="2">
        <v>3.5569999999999999</v>
      </c>
      <c r="U7280" s="2">
        <v>2.9849999999999999</v>
      </c>
      <c r="V7280" s="2">
        <v>16.7</v>
      </c>
      <c r="W7280" s="2">
        <v>139.1</v>
      </c>
      <c r="X7280" s="2">
        <v>7.6</v>
      </c>
      <c r="Y7280" s="2">
        <v>16.7</v>
      </c>
      <c r="Z7280" s="5"/>
      <c r="AA7280" s="5" t="s">
        <v>43</v>
      </c>
      <c r="AB7280" s="5" t="s">
        <v>44</v>
      </c>
      <c r="AC7280" s="2"/>
      <c r="AD7280" s="1"/>
    </row>
    <row r="7281" spans="1:30">
      <c r="A7281" s="5" t="s">
        <v>83578</v>
      </c>
      <c r="B7281" s="2" t="s">
        <v>105962</v>
      </c>
      <c r="C7281" s="14" t="s">
        <v>105963</v>
      </c>
      <c r="D7281" s="2" t="s">
        <v>105964</v>
      </c>
      <c r="E7281" s="2" t="s">
        <v>16219</v>
      </c>
      <c r="F7281" s="8">
        <v>321</v>
      </c>
      <c r="G7281" s="5">
        <v>6</v>
      </c>
      <c r="H7281" s="5" t="s">
        <v>1518</v>
      </c>
      <c r="I7281" s="5" t="s">
        <v>69038</v>
      </c>
      <c r="J7281" s="2" t="s">
        <v>69039</v>
      </c>
      <c r="K7281" s="5" t="s">
        <v>69038</v>
      </c>
      <c r="L7281" s="2" t="s">
        <v>69039</v>
      </c>
      <c r="M7281" s="5" t="s">
        <v>1521</v>
      </c>
      <c r="N7281" s="5" t="s">
        <v>38</v>
      </c>
      <c r="O7281" s="5" t="s">
        <v>39</v>
      </c>
      <c r="P7281" s="5" t="s">
        <v>40</v>
      </c>
      <c r="Q7281" s="5" t="s">
        <v>1522</v>
      </c>
      <c r="R7281" s="5" t="s">
        <v>1523</v>
      </c>
      <c r="S7281" s="5" t="s">
        <v>42</v>
      </c>
      <c r="T7281" s="2">
        <v>3.677</v>
      </c>
      <c r="U7281" s="2">
        <v>3.105</v>
      </c>
      <c r="V7281" s="2">
        <v>16.7</v>
      </c>
      <c r="W7281" s="2">
        <v>139.1</v>
      </c>
      <c r="X7281" s="2">
        <v>7.6</v>
      </c>
      <c r="Y7281" s="2">
        <v>16.7</v>
      </c>
      <c r="Z7281" s="5"/>
      <c r="AA7281" s="5" t="s">
        <v>43</v>
      </c>
      <c r="AB7281" s="5" t="s">
        <v>44</v>
      </c>
      <c r="AC7281" s="2"/>
      <c r="AD7281" s="1"/>
    </row>
    <row r="7282" spans="1:30">
      <c r="A7282" s="5" t="s">
        <v>83578</v>
      </c>
      <c r="B7282" s="2" t="s">
        <v>105965</v>
      </c>
      <c r="C7282" s="14" t="s">
        <v>105966</v>
      </c>
      <c r="D7282" s="2" t="s">
        <v>105967</v>
      </c>
      <c r="E7282" s="2" t="s">
        <v>7528</v>
      </c>
      <c r="F7282" s="8">
        <v>296</v>
      </c>
      <c r="G7282" s="5">
        <v>6</v>
      </c>
      <c r="H7282" s="5" t="s">
        <v>1518</v>
      </c>
      <c r="I7282" s="5" t="s">
        <v>69038</v>
      </c>
      <c r="J7282" s="2" t="s">
        <v>69039</v>
      </c>
      <c r="K7282" s="5" t="s">
        <v>69038</v>
      </c>
      <c r="L7282" s="2" t="s">
        <v>69039</v>
      </c>
      <c r="M7282" s="5" t="s">
        <v>1521</v>
      </c>
      <c r="N7282" s="5" t="s">
        <v>38</v>
      </c>
      <c r="O7282" s="5" t="s">
        <v>39</v>
      </c>
      <c r="P7282" s="5" t="s">
        <v>40</v>
      </c>
      <c r="Q7282" s="5" t="s">
        <v>1522</v>
      </c>
      <c r="R7282" s="5" t="s">
        <v>1523</v>
      </c>
      <c r="S7282" s="5" t="s">
        <v>42</v>
      </c>
      <c r="T7282" s="2">
        <v>3.677</v>
      </c>
      <c r="U7282" s="2">
        <v>3.105</v>
      </c>
      <c r="V7282" s="2">
        <v>16.7</v>
      </c>
      <c r="W7282" s="2">
        <v>139.1</v>
      </c>
      <c r="X7282" s="2">
        <v>7.6</v>
      </c>
      <c r="Y7282" s="2">
        <v>16.7</v>
      </c>
      <c r="Z7282" s="5"/>
      <c r="AA7282" s="5" t="s">
        <v>43</v>
      </c>
      <c r="AB7282" s="5" t="s">
        <v>44</v>
      </c>
      <c r="AC7282" s="2"/>
      <c r="AD7282" s="1"/>
    </row>
    <row r="7283" spans="1:30">
      <c r="A7283" s="5" t="s">
        <v>83578</v>
      </c>
      <c r="B7283" s="2" t="s">
        <v>105968</v>
      </c>
      <c r="C7283" s="14" t="s">
        <v>105969</v>
      </c>
      <c r="D7283" s="2" t="s">
        <v>105970</v>
      </c>
      <c r="E7283" s="2" t="s">
        <v>7551</v>
      </c>
      <c r="F7283" s="8">
        <v>291</v>
      </c>
      <c r="G7283" s="5">
        <v>6</v>
      </c>
      <c r="H7283" s="5" t="s">
        <v>1518</v>
      </c>
      <c r="I7283" s="5" t="s">
        <v>69038</v>
      </c>
      <c r="J7283" s="2" t="s">
        <v>69039</v>
      </c>
      <c r="K7283" s="5" t="s">
        <v>69038</v>
      </c>
      <c r="L7283" s="2" t="s">
        <v>69039</v>
      </c>
      <c r="M7283" s="5" t="s">
        <v>1521</v>
      </c>
      <c r="N7283" s="5" t="s">
        <v>38</v>
      </c>
      <c r="O7283" s="5" t="s">
        <v>39</v>
      </c>
      <c r="P7283" s="5" t="s">
        <v>40</v>
      </c>
      <c r="Q7283" s="5" t="s">
        <v>1522</v>
      </c>
      <c r="R7283" s="5" t="s">
        <v>1523</v>
      </c>
      <c r="S7283" s="5" t="s">
        <v>42</v>
      </c>
      <c r="T7283" s="2">
        <v>3.3530000000000002</v>
      </c>
      <c r="U7283" s="2">
        <v>2.766</v>
      </c>
      <c r="V7283" s="2">
        <v>16.7</v>
      </c>
      <c r="W7283" s="2">
        <v>139.1</v>
      </c>
      <c r="X7283" s="2">
        <v>7.6</v>
      </c>
      <c r="Y7283" s="2">
        <v>16.7</v>
      </c>
      <c r="Z7283" s="5"/>
      <c r="AA7283" s="5" t="s">
        <v>43</v>
      </c>
      <c r="AB7283" s="5" t="s">
        <v>44</v>
      </c>
      <c r="AC7283" s="2"/>
      <c r="AD7283" s="1"/>
    </row>
    <row r="7284" spans="1:30">
      <c r="A7284" s="5" t="s">
        <v>83578</v>
      </c>
      <c r="B7284" s="2" t="s">
        <v>105971</v>
      </c>
      <c r="C7284" s="14" t="s">
        <v>105972</v>
      </c>
      <c r="D7284" s="2" t="s">
        <v>105973</v>
      </c>
      <c r="E7284" s="2" t="s">
        <v>7547</v>
      </c>
      <c r="F7284" s="8">
        <v>300</v>
      </c>
      <c r="G7284" s="5">
        <v>6</v>
      </c>
      <c r="H7284" s="5" t="s">
        <v>1518</v>
      </c>
      <c r="I7284" s="5" t="s">
        <v>69038</v>
      </c>
      <c r="J7284" s="2" t="s">
        <v>69039</v>
      </c>
      <c r="K7284" s="5" t="s">
        <v>69038</v>
      </c>
      <c r="L7284" s="2" t="s">
        <v>69039</v>
      </c>
      <c r="M7284" s="5" t="s">
        <v>1521</v>
      </c>
      <c r="N7284" s="5" t="s">
        <v>38</v>
      </c>
      <c r="O7284" s="5" t="s">
        <v>39</v>
      </c>
      <c r="P7284" s="5" t="s">
        <v>40</v>
      </c>
      <c r="Q7284" s="5" t="s">
        <v>1522</v>
      </c>
      <c r="R7284" s="5" t="s">
        <v>1523</v>
      </c>
      <c r="S7284" s="5" t="s">
        <v>42</v>
      </c>
      <c r="T7284" s="2">
        <v>3.43</v>
      </c>
      <c r="U7284" s="2">
        <v>2.8540000000000001</v>
      </c>
      <c r="V7284" s="2">
        <v>16.7</v>
      </c>
      <c r="W7284" s="2">
        <v>139.1</v>
      </c>
      <c r="X7284" s="2">
        <v>7.6</v>
      </c>
      <c r="Y7284" s="2">
        <v>16.7</v>
      </c>
      <c r="Z7284" s="5"/>
      <c r="AA7284" s="5" t="s">
        <v>43</v>
      </c>
      <c r="AB7284" s="5" t="s">
        <v>44</v>
      </c>
      <c r="AC7284" s="2"/>
      <c r="AD7284" s="1"/>
    </row>
    <row r="7285" spans="1:30">
      <c r="A7285" s="5" t="s">
        <v>83578</v>
      </c>
      <c r="B7285" s="2" t="s">
        <v>105974</v>
      </c>
      <c r="C7285" s="14" t="s">
        <v>105975</v>
      </c>
      <c r="D7285" s="2" t="s">
        <v>105976</v>
      </c>
      <c r="E7285" s="2" t="s">
        <v>7555</v>
      </c>
      <c r="F7285" s="8">
        <v>300</v>
      </c>
      <c r="G7285" s="5">
        <v>6</v>
      </c>
      <c r="H7285" s="5" t="s">
        <v>1518</v>
      </c>
      <c r="I7285" s="5" t="s">
        <v>69038</v>
      </c>
      <c r="J7285" s="2" t="s">
        <v>69039</v>
      </c>
      <c r="K7285" s="5" t="s">
        <v>69038</v>
      </c>
      <c r="L7285" s="2" t="s">
        <v>69039</v>
      </c>
      <c r="M7285" s="5" t="s">
        <v>1521</v>
      </c>
      <c r="N7285" s="5" t="s">
        <v>38</v>
      </c>
      <c r="O7285" s="5" t="s">
        <v>39</v>
      </c>
      <c r="P7285" s="5" t="s">
        <v>40</v>
      </c>
      <c r="Q7285" s="5" t="s">
        <v>1522</v>
      </c>
      <c r="R7285" s="5" t="s">
        <v>1523</v>
      </c>
      <c r="S7285" s="5" t="s">
        <v>42</v>
      </c>
      <c r="T7285" s="2">
        <v>3.43</v>
      </c>
      <c r="U7285" s="2">
        <v>2.8540000000000001</v>
      </c>
      <c r="V7285" s="2">
        <v>16.7</v>
      </c>
      <c r="W7285" s="2">
        <v>139.1</v>
      </c>
      <c r="X7285" s="2">
        <v>7.6</v>
      </c>
      <c r="Y7285" s="2">
        <v>16.7</v>
      </c>
      <c r="Z7285" s="5"/>
      <c r="AA7285" s="5" t="s">
        <v>43</v>
      </c>
      <c r="AB7285" s="5" t="s">
        <v>44</v>
      </c>
      <c r="AC7285" s="2"/>
      <c r="AD7285" s="1"/>
    </row>
    <row r="7286" spans="1:30">
      <c r="A7286" s="5" t="s">
        <v>83578</v>
      </c>
      <c r="B7286" s="2" t="s">
        <v>105977</v>
      </c>
      <c r="C7286" s="14" t="s">
        <v>105978</v>
      </c>
      <c r="D7286" s="2" t="s">
        <v>105979</v>
      </c>
      <c r="E7286" s="2" t="s">
        <v>16194</v>
      </c>
      <c r="F7286" s="8">
        <v>300</v>
      </c>
      <c r="G7286" s="5">
        <v>6</v>
      </c>
      <c r="H7286" s="5" t="s">
        <v>1518</v>
      </c>
      <c r="I7286" s="5" t="s">
        <v>69038</v>
      </c>
      <c r="J7286" s="2" t="s">
        <v>69039</v>
      </c>
      <c r="K7286" s="5" t="s">
        <v>69038</v>
      </c>
      <c r="L7286" s="2" t="s">
        <v>69039</v>
      </c>
      <c r="M7286" s="5" t="s">
        <v>1521</v>
      </c>
      <c r="N7286" s="5" t="s">
        <v>38</v>
      </c>
      <c r="O7286" s="5" t="s">
        <v>39</v>
      </c>
      <c r="P7286" s="5" t="s">
        <v>40</v>
      </c>
      <c r="Q7286" s="5" t="s">
        <v>1522</v>
      </c>
      <c r="R7286" s="5" t="s">
        <v>1523</v>
      </c>
      <c r="S7286" s="5" t="s">
        <v>42</v>
      </c>
      <c r="T7286" s="2">
        <v>3.5419999999999998</v>
      </c>
      <c r="U7286" s="2">
        <v>2.9660000000000002</v>
      </c>
      <c r="V7286" s="2">
        <v>16.7</v>
      </c>
      <c r="W7286" s="2">
        <v>139.1</v>
      </c>
      <c r="X7286" s="2">
        <v>7.6</v>
      </c>
      <c r="Y7286" s="2">
        <v>16.7</v>
      </c>
      <c r="Z7286" s="5"/>
      <c r="AA7286" s="5" t="s">
        <v>43</v>
      </c>
      <c r="AB7286" s="5" t="s">
        <v>44</v>
      </c>
      <c r="AC7286" s="2"/>
      <c r="AD7286" s="1"/>
    </row>
    <row r="7287" spans="1:30">
      <c r="A7287" s="5" t="s">
        <v>83578</v>
      </c>
      <c r="B7287" s="2" t="s">
        <v>105980</v>
      </c>
      <c r="C7287" s="14" t="s">
        <v>105981</v>
      </c>
      <c r="D7287" s="2" t="s">
        <v>105982</v>
      </c>
      <c r="E7287" s="2" t="s">
        <v>7593</v>
      </c>
      <c r="F7287" s="8">
        <v>300</v>
      </c>
      <c r="G7287" s="5">
        <v>6</v>
      </c>
      <c r="H7287" s="5" t="s">
        <v>1518</v>
      </c>
      <c r="I7287" s="5" t="s">
        <v>69038</v>
      </c>
      <c r="J7287" s="2" t="s">
        <v>69039</v>
      </c>
      <c r="K7287" s="5" t="s">
        <v>69038</v>
      </c>
      <c r="L7287" s="2" t="s">
        <v>69039</v>
      </c>
      <c r="M7287" s="5" t="s">
        <v>1521</v>
      </c>
      <c r="N7287" s="5" t="s">
        <v>38</v>
      </c>
      <c r="O7287" s="5" t="s">
        <v>39</v>
      </c>
      <c r="P7287" s="5" t="s">
        <v>40</v>
      </c>
      <c r="Q7287" s="5" t="s">
        <v>1522</v>
      </c>
      <c r="R7287" s="5" t="s">
        <v>1523</v>
      </c>
      <c r="S7287" s="5" t="s">
        <v>42</v>
      </c>
      <c r="T7287" s="2">
        <v>3.43</v>
      </c>
      <c r="U7287" s="2">
        <v>2.8540000000000001</v>
      </c>
      <c r="V7287" s="2">
        <v>16.7</v>
      </c>
      <c r="W7287" s="2">
        <v>139.1</v>
      </c>
      <c r="X7287" s="2">
        <v>7.6</v>
      </c>
      <c r="Y7287" s="2">
        <v>16.7</v>
      </c>
      <c r="Z7287" s="5"/>
      <c r="AA7287" s="5" t="s">
        <v>43</v>
      </c>
      <c r="AB7287" s="5" t="s">
        <v>44</v>
      </c>
      <c r="AC7287" s="2"/>
      <c r="AD7287" s="1"/>
    </row>
    <row r="7288" spans="1:30">
      <c r="A7288" s="5" t="s">
        <v>83578</v>
      </c>
      <c r="B7288" s="2" t="s">
        <v>105983</v>
      </c>
      <c r="C7288" s="14" t="s">
        <v>105984</v>
      </c>
      <c r="D7288" s="2" t="s">
        <v>105985</v>
      </c>
      <c r="E7288" s="2" t="s">
        <v>7597</v>
      </c>
      <c r="F7288" s="8">
        <v>300</v>
      </c>
      <c r="G7288" s="5">
        <v>6</v>
      </c>
      <c r="H7288" s="5" t="s">
        <v>1518</v>
      </c>
      <c r="I7288" s="5" t="s">
        <v>69038</v>
      </c>
      <c r="J7288" s="2" t="s">
        <v>69039</v>
      </c>
      <c r="K7288" s="5" t="s">
        <v>69038</v>
      </c>
      <c r="L7288" s="2" t="s">
        <v>69039</v>
      </c>
      <c r="M7288" s="5" t="s">
        <v>1521</v>
      </c>
      <c r="N7288" s="5" t="s">
        <v>38</v>
      </c>
      <c r="O7288" s="5" t="s">
        <v>39</v>
      </c>
      <c r="P7288" s="5" t="s">
        <v>40</v>
      </c>
      <c r="Q7288" s="5" t="s">
        <v>1522</v>
      </c>
      <c r="R7288" s="5" t="s">
        <v>1523</v>
      </c>
      <c r="S7288" s="5" t="s">
        <v>42</v>
      </c>
      <c r="T7288" s="2">
        <v>3.5419999999999998</v>
      </c>
      <c r="U7288" s="2">
        <v>2.9660000000000002</v>
      </c>
      <c r="V7288" s="2">
        <v>16.7</v>
      </c>
      <c r="W7288" s="2">
        <v>139.1</v>
      </c>
      <c r="X7288" s="2">
        <v>7.6</v>
      </c>
      <c r="Y7288" s="2">
        <v>16.7</v>
      </c>
      <c r="Z7288" s="5"/>
      <c r="AA7288" s="5" t="s">
        <v>43</v>
      </c>
      <c r="AB7288" s="5" t="s">
        <v>44</v>
      </c>
      <c r="AC7288" s="2"/>
      <c r="AD7288" s="1"/>
    </row>
    <row r="7289" spans="1:30">
      <c r="A7289" s="5" t="s">
        <v>83578</v>
      </c>
      <c r="B7289" s="2" t="s">
        <v>105986</v>
      </c>
      <c r="C7289" s="14" t="s">
        <v>105987</v>
      </c>
      <c r="D7289" s="2" t="s">
        <v>105988</v>
      </c>
      <c r="E7289" s="2" t="s">
        <v>7406</v>
      </c>
      <c r="F7289" s="8">
        <v>321</v>
      </c>
      <c r="G7289" s="5">
        <v>6</v>
      </c>
      <c r="H7289" s="5" t="s">
        <v>1518</v>
      </c>
      <c r="I7289" s="5" t="s">
        <v>69038</v>
      </c>
      <c r="J7289" s="2" t="s">
        <v>69039</v>
      </c>
      <c r="K7289" s="5" t="s">
        <v>69038</v>
      </c>
      <c r="L7289" s="2" t="s">
        <v>69039</v>
      </c>
      <c r="M7289" s="5" t="s">
        <v>1521</v>
      </c>
      <c r="N7289" s="5" t="s">
        <v>38</v>
      </c>
      <c r="O7289" s="5" t="s">
        <v>39</v>
      </c>
      <c r="P7289" s="5" t="s">
        <v>40</v>
      </c>
      <c r="Q7289" s="5" t="s">
        <v>1522</v>
      </c>
      <c r="R7289" s="5" t="s">
        <v>1523</v>
      </c>
      <c r="S7289" s="5" t="s">
        <v>42</v>
      </c>
      <c r="T7289" s="2">
        <v>3.6859999999999999</v>
      </c>
      <c r="U7289" s="2">
        <v>3.0270000000000001</v>
      </c>
      <c r="V7289" s="2">
        <v>16.7</v>
      </c>
      <c r="W7289" s="2">
        <v>159.1</v>
      </c>
      <c r="X7289" s="2">
        <v>7.6</v>
      </c>
      <c r="Y7289" s="2">
        <v>16.7</v>
      </c>
      <c r="Z7289" s="5"/>
      <c r="AA7289" s="5" t="s">
        <v>43</v>
      </c>
      <c r="AB7289" s="5" t="s">
        <v>44</v>
      </c>
      <c r="AC7289" s="2"/>
      <c r="AD7289" s="1"/>
    </row>
    <row r="7290" spans="1:30">
      <c r="A7290" s="5" t="s">
        <v>83578</v>
      </c>
      <c r="B7290" s="2" t="s">
        <v>105989</v>
      </c>
      <c r="C7290" s="14" t="s">
        <v>105990</v>
      </c>
      <c r="D7290" s="2" t="s">
        <v>105991</v>
      </c>
      <c r="E7290" s="2" t="s">
        <v>7551</v>
      </c>
      <c r="F7290" s="8">
        <v>321</v>
      </c>
      <c r="G7290" s="5">
        <v>6</v>
      </c>
      <c r="H7290" s="5" t="s">
        <v>1518</v>
      </c>
      <c r="I7290" s="5" t="s">
        <v>69038</v>
      </c>
      <c r="J7290" s="2" t="s">
        <v>69039</v>
      </c>
      <c r="K7290" s="5" t="s">
        <v>69038</v>
      </c>
      <c r="L7290" s="2" t="s">
        <v>69039</v>
      </c>
      <c r="M7290" s="5" t="s">
        <v>1521</v>
      </c>
      <c r="N7290" s="5" t="s">
        <v>38</v>
      </c>
      <c r="O7290" s="5" t="s">
        <v>39</v>
      </c>
      <c r="P7290" s="5" t="s">
        <v>40</v>
      </c>
      <c r="Q7290" s="5" t="s">
        <v>1522</v>
      </c>
      <c r="R7290" s="5" t="s">
        <v>1523</v>
      </c>
      <c r="S7290" s="5" t="s">
        <v>42</v>
      </c>
      <c r="T7290" s="2">
        <v>3.81</v>
      </c>
      <c r="U7290" s="2">
        <v>3.1509999999999998</v>
      </c>
      <c r="V7290" s="2">
        <v>16.7</v>
      </c>
      <c r="W7290" s="2">
        <v>159.1</v>
      </c>
      <c r="X7290" s="2">
        <v>7.6</v>
      </c>
      <c r="Y7290" s="2">
        <v>16.7</v>
      </c>
      <c r="Z7290" s="5"/>
      <c r="AA7290" s="5" t="s">
        <v>43</v>
      </c>
      <c r="AB7290" s="5" t="s">
        <v>44</v>
      </c>
      <c r="AC7290" s="2"/>
      <c r="AD7290" s="1"/>
    </row>
    <row r="7291" spans="1:30">
      <c r="A7291" s="5" t="s">
        <v>83578</v>
      </c>
      <c r="B7291" s="2" t="s">
        <v>105992</v>
      </c>
      <c r="C7291" s="14" t="s">
        <v>105993</v>
      </c>
      <c r="D7291" s="2" t="s">
        <v>105994</v>
      </c>
      <c r="E7291" s="2" t="s">
        <v>7555</v>
      </c>
      <c r="F7291" s="8">
        <v>321</v>
      </c>
      <c r="G7291" s="5">
        <v>6</v>
      </c>
      <c r="H7291" s="5" t="s">
        <v>1518</v>
      </c>
      <c r="I7291" s="5" t="s">
        <v>69038</v>
      </c>
      <c r="J7291" s="2" t="s">
        <v>69039</v>
      </c>
      <c r="K7291" s="5" t="s">
        <v>69038</v>
      </c>
      <c r="L7291" s="2" t="s">
        <v>69039</v>
      </c>
      <c r="M7291" s="5" t="s">
        <v>1521</v>
      </c>
      <c r="N7291" s="5" t="s">
        <v>38</v>
      </c>
      <c r="O7291" s="5" t="s">
        <v>39</v>
      </c>
      <c r="P7291" s="5" t="s">
        <v>40</v>
      </c>
      <c r="Q7291" s="5" t="s">
        <v>1522</v>
      </c>
      <c r="R7291" s="5" t="s">
        <v>1523</v>
      </c>
      <c r="S7291" s="5" t="s">
        <v>42</v>
      </c>
      <c r="T7291" s="2">
        <v>3.6859999999999999</v>
      </c>
      <c r="U7291" s="2">
        <v>3.0270000000000001</v>
      </c>
      <c r="V7291" s="2">
        <v>16.7</v>
      </c>
      <c r="W7291" s="2">
        <v>159.1</v>
      </c>
      <c r="X7291" s="2">
        <v>7.6</v>
      </c>
      <c r="Y7291" s="2">
        <v>16.7</v>
      </c>
      <c r="Z7291" s="5"/>
      <c r="AA7291" s="5" t="s">
        <v>43</v>
      </c>
      <c r="AB7291" s="5" t="s">
        <v>44</v>
      </c>
      <c r="AC7291" s="2"/>
      <c r="AD7291" s="1"/>
    </row>
    <row r="7292" spans="1:30">
      <c r="A7292" s="5" t="s">
        <v>83578</v>
      </c>
      <c r="B7292" s="2" t="s">
        <v>105995</v>
      </c>
      <c r="C7292" s="14" t="s">
        <v>105996</v>
      </c>
      <c r="D7292" s="2" t="s">
        <v>105997</v>
      </c>
      <c r="E7292" s="2" t="s">
        <v>16079</v>
      </c>
      <c r="F7292" s="8">
        <v>321</v>
      </c>
      <c r="G7292" s="5">
        <v>6</v>
      </c>
      <c r="H7292" s="5" t="s">
        <v>1518</v>
      </c>
      <c r="I7292" s="5" t="s">
        <v>69038</v>
      </c>
      <c r="J7292" s="2" t="s">
        <v>69039</v>
      </c>
      <c r="K7292" s="5" t="s">
        <v>69038</v>
      </c>
      <c r="L7292" s="2" t="s">
        <v>69039</v>
      </c>
      <c r="M7292" s="5" t="s">
        <v>1521</v>
      </c>
      <c r="N7292" s="5" t="s">
        <v>38</v>
      </c>
      <c r="O7292" s="5" t="s">
        <v>39</v>
      </c>
      <c r="P7292" s="5" t="s">
        <v>40</v>
      </c>
      <c r="Q7292" s="5" t="s">
        <v>1522</v>
      </c>
      <c r="R7292" s="5" t="s">
        <v>1523</v>
      </c>
      <c r="S7292" s="5" t="s">
        <v>42</v>
      </c>
      <c r="T7292" s="2">
        <v>3.6859999999999999</v>
      </c>
      <c r="U7292" s="2">
        <v>3.0270000000000001</v>
      </c>
      <c r="V7292" s="2">
        <v>16.7</v>
      </c>
      <c r="W7292" s="2">
        <v>159.1</v>
      </c>
      <c r="X7292" s="2">
        <v>7.6</v>
      </c>
      <c r="Y7292" s="2">
        <v>16.7</v>
      </c>
      <c r="Z7292" s="5"/>
      <c r="AA7292" s="5" t="s">
        <v>43</v>
      </c>
      <c r="AB7292" s="5" t="s">
        <v>44</v>
      </c>
      <c r="AC7292" s="2"/>
      <c r="AD7292" s="1"/>
    </row>
    <row r="7293" spans="1:30">
      <c r="A7293" s="5" t="s">
        <v>83578</v>
      </c>
      <c r="B7293" s="2" t="s">
        <v>105998</v>
      </c>
      <c r="C7293" s="14" t="s">
        <v>105999</v>
      </c>
      <c r="D7293" s="2" t="s">
        <v>106000</v>
      </c>
      <c r="E7293" s="2" t="s">
        <v>16194</v>
      </c>
      <c r="F7293" s="8">
        <v>321</v>
      </c>
      <c r="G7293" s="5">
        <v>6</v>
      </c>
      <c r="H7293" s="5" t="s">
        <v>1518</v>
      </c>
      <c r="I7293" s="5" t="s">
        <v>69038</v>
      </c>
      <c r="J7293" s="2" t="s">
        <v>69039</v>
      </c>
      <c r="K7293" s="5" t="s">
        <v>69038</v>
      </c>
      <c r="L7293" s="2" t="s">
        <v>69039</v>
      </c>
      <c r="M7293" s="5" t="s">
        <v>1521</v>
      </c>
      <c r="N7293" s="5" t="s">
        <v>38</v>
      </c>
      <c r="O7293" s="5" t="s">
        <v>39</v>
      </c>
      <c r="P7293" s="5" t="s">
        <v>40</v>
      </c>
      <c r="Q7293" s="5" t="s">
        <v>1522</v>
      </c>
      <c r="R7293" s="5" t="s">
        <v>1523</v>
      </c>
      <c r="S7293" s="5" t="s">
        <v>42</v>
      </c>
      <c r="T7293" s="2">
        <v>3.81</v>
      </c>
      <c r="U7293" s="2">
        <v>3.1509999999999998</v>
      </c>
      <c r="V7293" s="2">
        <v>16.7</v>
      </c>
      <c r="W7293" s="2">
        <v>159.1</v>
      </c>
      <c r="X7293" s="2">
        <v>7.6</v>
      </c>
      <c r="Y7293" s="2">
        <v>16.7</v>
      </c>
      <c r="Z7293" s="5"/>
      <c r="AA7293" s="5" t="s">
        <v>43</v>
      </c>
      <c r="AB7293" s="5" t="s">
        <v>44</v>
      </c>
      <c r="AC7293" s="2"/>
      <c r="AD7293" s="1"/>
    </row>
    <row r="7294" spans="1:30">
      <c r="A7294" s="5" t="s">
        <v>83578</v>
      </c>
      <c r="B7294" s="2" t="s">
        <v>106001</v>
      </c>
      <c r="C7294" s="14" t="s">
        <v>106002</v>
      </c>
      <c r="D7294" s="2" t="s">
        <v>106003</v>
      </c>
      <c r="E7294" s="2" t="s">
        <v>7581</v>
      </c>
      <c r="F7294" s="8">
        <v>321</v>
      </c>
      <c r="G7294" s="5">
        <v>6</v>
      </c>
      <c r="H7294" s="5" t="s">
        <v>1518</v>
      </c>
      <c r="I7294" s="5" t="s">
        <v>69038</v>
      </c>
      <c r="J7294" s="2" t="s">
        <v>69039</v>
      </c>
      <c r="K7294" s="5" t="s">
        <v>69038</v>
      </c>
      <c r="L7294" s="2" t="s">
        <v>69039</v>
      </c>
      <c r="M7294" s="5" t="s">
        <v>1521</v>
      </c>
      <c r="N7294" s="5" t="s">
        <v>38</v>
      </c>
      <c r="O7294" s="5" t="s">
        <v>39</v>
      </c>
      <c r="P7294" s="5" t="s">
        <v>40</v>
      </c>
      <c r="Q7294" s="5" t="s">
        <v>1522</v>
      </c>
      <c r="R7294" s="5" t="s">
        <v>1523</v>
      </c>
      <c r="S7294" s="5" t="s">
        <v>42</v>
      </c>
      <c r="T7294" s="2">
        <v>3.81</v>
      </c>
      <c r="U7294" s="2">
        <v>3.1509999999999998</v>
      </c>
      <c r="V7294" s="2">
        <v>16.7</v>
      </c>
      <c r="W7294" s="2">
        <v>159.1</v>
      </c>
      <c r="X7294" s="2">
        <v>7.6</v>
      </c>
      <c r="Y7294" s="2">
        <v>16.7</v>
      </c>
      <c r="Z7294" s="5"/>
      <c r="AA7294" s="5" t="s">
        <v>43</v>
      </c>
      <c r="AB7294" s="5" t="s">
        <v>44</v>
      </c>
      <c r="AC7294" s="2"/>
      <c r="AD7294" s="1"/>
    </row>
    <row r="7295" spans="1:30">
      <c r="A7295" s="5" t="s">
        <v>83578</v>
      </c>
      <c r="B7295" s="2" t="s">
        <v>106004</v>
      </c>
      <c r="C7295" s="14" t="s">
        <v>106005</v>
      </c>
      <c r="D7295" s="2" t="s">
        <v>106006</v>
      </c>
      <c r="E7295" s="2" t="s">
        <v>7589</v>
      </c>
      <c r="F7295" s="8">
        <v>321</v>
      </c>
      <c r="G7295" s="5">
        <v>6</v>
      </c>
      <c r="H7295" s="5" t="s">
        <v>1518</v>
      </c>
      <c r="I7295" s="5" t="s">
        <v>69038</v>
      </c>
      <c r="J7295" s="2" t="s">
        <v>69039</v>
      </c>
      <c r="K7295" s="5" t="s">
        <v>69038</v>
      </c>
      <c r="L7295" s="2" t="s">
        <v>69039</v>
      </c>
      <c r="M7295" s="5" t="s">
        <v>1521</v>
      </c>
      <c r="N7295" s="5" t="s">
        <v>38</v>
      </c>
      <c r="O7295" s="5" t="s">
        <v>39</v>
      </c>
      <c r="P7295" s="5" t="s">
        <v>40</v>
      </c>
      <c r="Q7295" s="5" t="s">
        <v>1522</v>
      </c>
      <c r="R7295" s="5" t="s">
        <v>1523</v>
      </c>
      <c r="S7295" s="5" t="s">
        <v>42</v>
      </c>
      <c r="T7295" s="2">
        <v>3.81</v>
      </c>
      <c r="U7295" s="2">
        <v>3.1509999999999998</v>
      </c>
      <c r="V7295" s="2">
        <v>16.7</v>
      </c>
      <c r="W7295" s="2">
        <v>159.1</v>
      </c>
      <c r="X7295" s="2">
        <v>7.6</v>
      </c>
      <c r="Y7295" s="2">
        <v>16.7</v>
      </c>
      <c r="Z7295" s="5"/>
      <c r="AA7295" s="5" t="s">
        <v>43</v>
      </c>
      <c r="AB7295" s="5" t="s">
        <v>44</v>
      </c>
      <c r="AC7295" s="2"/>
      <c r="AD7295" s="1"/>
    </row>
    <row r="7296" spans="1:30">
      <c r="A7296" s="5" t="s">
        <v>83578</v>
      </c>
      <c r="B7296" s="2" t="s">
        <v>106007</v>
      </c>
      <c r="C7296" s="14" t="s">
        <v>106008</v>
      </c>
      <c r="D7296" s="2" t="s">
        <v>106009</v>
      </c>
      <c r="E7296" s="2" t="s">
        <v>7593</v>
      </c>
      <c r="F7296" s="8">
        <v>321</v>
      </c>
      <c r="G7296" s="5">
        <v>6</v>
      </c>
      <c r="H7296" s="5" t="s">
        <v>1518</v>
      </c>
      <c r="I7296" s="5" t="s">
        <v>69038</v>
      </c>
      <c r="J7296" s="2" t="s">
        <v>69039</v>
      </c>
      <c r="K7296" s="5" t="s">
        <v>69038</v>
      </c>
      <c r="L7296" s="2" t="s">
        <v>69039</v>
      </c>
      <c r="M7296" s="5" t="s">
        <v>1521</v>
      </c>
      <c r="N7296" s="5" t="s">
        <v>38</v>
      </c>
      <c r="O7296" s="5" t="s">
        <v>39</v>
      </c>
      <c r="P7296" s="5" t="s">
        <v>40</v>
      </c>
      <c r="Q7296" s="5" t="s">
        <v>1522</v>
      </c>
      <c r="R7296" s="5" t="s">
        <v>1523</v>
      </c>
      <c r="S7296" s="5" t="s">
        <v>42</v>
      </c>
      <c r="T7296" s="2">
        <v>3.6859999999999999</v>
      </c>
      <c r="U7296" s="2">
        <v>3.0270000000000001</v>
      </c>
      <c r="V7296" s="2">
        <v>16.7</v>
      </c>
      <c r="W7296" s="2">
        <v>159.1</v>
      </c>
      <c r="X7296" s="2">
        <v>7.6</v>
      </c>
      <c r="Y7296" s="2">
        <v>16.7</v>
      </c>
      <c r="Z7296" s="5"/>
      <c r="AA7296" s="5" t="s">
        <v>43</v>
      </c>
      <c r="AB7296" s="5" t="s">
        <v>44</v>
      </c>
      <c r="AC7296" s="2"/>
      <c r="AD7296" s="1"/>
    </row>
    <row r="7297" spans="1:30">
      <c r="A7297" s="5" t="s">
        <v>83578</v>
      </c>
      <c r="B7297" s="2" t="s">
        <v>106010</v>
      </c>
      <c r="C7297" s="14" t="s">
        <v>106011</v>
      </c>
      <c r="D7297" s="2" t="s">
        <v>106012</v>
      </c>
      <c r="E7297" s="2" t="s">
        <v>7597</v>
      </c>
      <c r="F7297" s="8">
        <v>321</v>
      </c>
      <c r="G7297" s="5">
        <v>6</v>
      </c>
      <c r="H7297" s="5" t="s">
        <v>1518</v>
      </c>
      <c r="I7297" s="5" t="s">
        <v>69038</v>
      </c>
      <c r="J7297" s="2" t="s">
        <v>69039</v>
      </c>
      <c r="K7297" s="5" t="s">
        <v>69038</v>
      </c>
      <c r="L7297" s="2" t="s">
        <v>69039</v>
      </c>
      <c r="M7297" s="5" t="s">
        <v>1521</v>
      </c>
      <c r="N7297" s="5" t="s">
        <v>38</v>
      </c>
      <c r="O7297" s="5" t="s">
        <v>39</v>
      </c>
      <c r="P7297" s="5" t="s">
        <v>40</v>
      </c>
      <c r="Q7297" s="5" t="s">
        <v>1522</v>
      </c>
      <c r="R7297" s="5" t="s">
        <v>1523</v>
      </c>
      <c r="S7297" s="5" t="s">
        <v>42</v>
      </c>
      <c r="T7297" s="2">
        <v>3.81</v>
      </c>
      <c r="U7297" s="2">
        <v>3.1509999999999998</v>
      </c>
      <c r="V7297" s="2">
        <v>16.7</v>
      </c>
      <c r="W7297" s="2">
        <v>159.1</v>
      </c>
      <c r="X7297" s="2">
        <v>7.6</v>
      </c>
      <c r="Y7297" s="2">
        <v>16.7</v>
      </c>
      <c r="Z7297" s="5"/>
      <c r="AA7297" s="5" t="s">
        <v>43</v>
      </c>
      <c r="AB7297" s="5" t="s">
        <v>44</v>
      </c>
      <c r="AC7297" s="2"/>
      <c r="AD7297" s="1"/>
    </row>
    <row r="7298" spans="1:30">
      <c r="A7298" s="5" t="s">
        <v>83578</v>
      </c>
      <c r="B7298" s="2" t="s">
        <v>106013</v>
      </c>
      <c r="C7298" s="14" t="s">
        <v>106014</v>
      </c>
      <c r="D7298" s="2" t="s">
        <v>106015</v>
      </c>
      <c r="E7298" s="2" t="s">
        <v>73358</v>
      </c>
      <c r="F7298" s="8">
        <v>321</v>
      </c>
      <c r="G7298" s="5">
        <v>6</v>
      </c>
      <c r="H7298" s="5" t="s">
        <v>1518</v>
      </c>
      <c r="I7298" s="5" t="s">
        <v>69038</v>
      </c>
      <c r="J7298" s="2" t="s">
        <v>69039</v>
      </c>
      <c r="K7298" s="5" t="s">
        <v>69038</v>
      </c>
      <c r="L7298" s="2" t="s">
        <v>69039</v>
      </c>
      <c r="M7298" s="5" t="s">
        <v>1521</v>
      </c>
      <c r="N7298" s="5" t="s">
        <v>38</v>
      </c>
      <c r="O7298" s="5" t="s">
        <v>39</v>
      </c>
      <c r="P7298" s="5" t="s">
        <v>40</v>
      </c>
      <c r="Q7298" s="5" t="s">
        <v>1522</v>
      </c>
      <c r="R7298" s="5" t="s">
        <v>1523</v>
      </c>
      <c r="S7298" s="5" t="s">
        <v>42</v>
      </c>
      <c r="T7298" s="2">
        <v>3.6859999999999999</v>
      </c>
      <c r="U7298" s="2">
        <v>3.0270000000000001</v>
      </c>
      <c r="V7298" s="2">
        <v>16.7</v>
      </c>
      <c r="W7298" s="2">
        <v>159.1</v>
      </c>
      <c r="X7298" s="2">
        <v>7.6</v>
      </c>
      <c r="Y7298" s="2">
        <v>16.7</v>
      </c>
      <c r="Z7298" s="5"/>
      <c r="AA7298" s="5" t="s">
        <v>43</v>
      </c>
      <c r="AB7298" s="5" t="s">
        <v>44</v>
      </c>
      <c r="AC7298" s="2"/>
      <c r="AD7298" s="1"/>
    </row>
    <row r="7299" spans="1:30">
      <c r="A7299" s="5" t="s">
        <v>83578</v>
      </c>
      <c r="B7299" s="2" t="s">
        <v>106016</v>
      </c>
      <c r="C7299" s="14" t="s">
        <v>106017</v>
      </c>
      <c r="D7299" s="2" t="s">
        <v>106018</v>
      </c>
      <c r="E7299" s="2" t="s">
        <v>7615</v>
      </c>
      <c r="F7299" s="8">
        <v>321</v>
      </c>
      <c r="G7299" s="5">
        <v>6</v>
      </c>
      <c r="H7299" s="5" t="s">
        <v>1518</v>
      </c>
      <c r="I7299" s="5" t="s">
        <v>69038</v>
      </c>
      <c r="J7299" s="2" t="s">
        <v>69039</v>
      </c>
      <c r="K7299" s="5" t="s">
        <v>69038</v>
      </c>
      <c r="L7299" s="2" t="s">
        <v>69039</v>
      </c>
      <c r="M7299" s="5" t="s">
        <v>1521</v>
      </c>
      <c r="N7299" s="5" t="s">
        <v>38</v>
      </c>
      <c r="O7299" s="5" t="s">
        <v>39</v>
      </c>
      <c r="P7299" s="5" t="s">
        <v>40</v>
      </c>
      <c r="Q7299" s="5" t="s">
        <v>1522</v>
      </c>
      <c r="R7299" s="5" t="s">
        <v>1523</v>
      </c>
      <c r="S7299" s="5" t="s">
        <v>42</v>
      </c>
      <c r="T7299" s="2">
        <v>3.6859999999999999</v>
      </c>
      <c r="U7299" s="2">
        <v>3.0270000000000001</v>
      </c>
      <c r="V7299" s="2">
        <v>16.7</v>
      </c>
      <c r="W7299" s="2">
        <v>159.1</v>
      </c>
      <c r="X7299" s="2">
        <v>7.6</v>
      </c>
      <c r="Y7299" s="2">
        <v>16.7</v>
      </c>
      <c r="Z7299" s="5"/>
      <c r="AA7299" s="5" t="s">
        <v>43</v>
      </c>
      <c r="AB7299" s="5" t="s">
        <v>44</v>
      </c>
      <c r="AC7299" s="2"/>
      <c r="AD7299" s="1"/>
    </row>
    <row r="7300" spans="1:30">
      <c r="A7300" s="5" t="s">
        <v>83578</v>
      </c>
      <c r="B7300" s="2" t="s">
        <v>106019</v>
      </c>
      <c r="C7300" s="14" t="s">
        <v>106020</v>
      </c>
      <c r="D7300" s="2" t="s">
        <v>106021</v>
      </c>
      <c r="E7300" s="2" t="s">
        <v>16014</v>
      </c>
      <c r="F7300" s="8">
        <v>321</v>
      </c>
      <c r="G7300" s="5">
        <v>6</v>
      </c>
      <c r="H7300" s="5" t="s">
        <v>1518</v>
      </c>
      <c r="I7300" s="5" t="s">
        <v>69038</v>
      </c>
      <c r="J7300" s="2" t="s">
        <v>69039</v>
      </c>
      <c r="K7300" s="5" t="s">
        <v>69038</v>
      </c>
      <c r="L7300" s="2" t="s">
        <v>69039</v>
      </c>
      <c r="M7300" s="5" t="s">
        <v>1521</v>
      </c>
      <c r="N7300" s="5" t="s">
        <v>38</v>
      </c>
      <c r="O7300" s="5" t="s">
        <v>39</v>
      </c>
      <c r="P7300" s="5" t="s">
        <v>40</v>
      </c>
      <c r="Q7300" s="5" t="s">
        <v>1522</v>
      </c>
      <c r="R7300" s="5" t="s">
        <v>1523</v>
      </c>
      <c r="S7300" s="5" t="s">
        <v>42</v>
      </c>
      <c r="T7300" s="2">
        <v>3.6859999999999999</v>
      </c>
      <c r="U7300" s="2">
        <v>3.0270000000000001</v>
      </c>
      <c r="V7300" s="2">
        <v>16.7</v>
      </c>
      <c r="W7300" s="2">
        <v>159.1</v>
      </c>
      <c r="X7300" s="2">
        <v>7.6</v>
      </c>
      <c r="Y7300" s="2">
        <v>16.7</v>
      </c>
      <c r="Z7300" s="5"/>
      <c r="AA7300" s="5" t="s">
        <v>43</v>
      </c>
      <c r="AB7300" s="5" t="s">
        <v>44</v>
      </c>
      <c r="AC7300" s="2"/>
      <c r="AD7300" s="1"/>
    </row>
    <row r="7301" spans="1:30">
      <c r="A7301" s="5" t="s">
        <v>83578</v>
      </c>
      <c r="B7301" s="2" t="s">
        <v>106022</v>
      </c>
      <c r="C7301" s="14" t="s">
        <v>106023</v>
      </c>
      <c r="D7301" s="2" t="s">
        <v>106024</v>
      </c>
      <c r="E7301" s="2" t="s">
        <v>16219</v>
      </c>
      <c r="F7301" s="8">
        <v>321</v>
      </c>
      <c r="G7301" s="5">
        <v>6</v>
      </c>
      <c r="H7301" s="5" t="s">
        <v>1518</v>
      </c>
      <c r="I7301" s="5" t="s">
        <v>69038</v>
      </c>
      <c r="J7301" s="2" t="s">
        <v>69039</v>
      </c>
      <c r="K7301" s="5" t="s">
        <v>69038</v>
      </c>
      <c r="L7301" s="2" t="s">
        <v>69039</v>
      </c>
      <c r="M7301" s="5" t="s">
        <v>1521</v>
      </c>
      <c r="N7301" s="5" t="s">
        <v>38</v>
      </c>
      <c r="O7301" s="5" t="s">
        <v>39</v>
      </c>
      <c r="P7301" s="5" t="s">
        <v>40</v>
      </c>
      <c r="Q7301" s="5" t="s">
        <v>1522</v>
      </c>
      <c r="R7301" s="5" t="s">
        <v>1523</v>
      </c>
      <c r="S7301" s="5" t="s">
        <v>42</v>
      </c>
      <c r="T7301" s="2">
        <v>3.81</v>
      </c>
      <c r="U7301" s="2">
        <v>3.1509999999999998</v>
      </c>
      <c r="V7301" s="2">
        <v>16.7</v>
      </c>
      <c r="W7301" s="2">
        <v>159.1</v>
      </c>
      <c r="X7301" s="2">
        <v>7.6</v>
      </c>
      <c r="Y7301" s="2">
        <v>16.7</v>
      </c>
      <c r="Z7301" s="5"/>
      <c r="AA7301" s="5" t="s">
        <v>43</v>
      </c>
      <c r="AB7301" s="5" t="s">
        <v>44</v>
      </c>
      <c r="AC7301" s="2"/>
      <c r="AD7301" s="1"/>
    </row>
    <row r="7302" spans="1:30">
      <c r="A7302" s="5" t="s">
        <v>83578</v>
      </c>
      <c r="B7302" s="2" t="s">
        <v>106025</v>
      </c>
      <c r="C7302" s="14" t="s">
        <v>106026</v>
      </c>
      <c r="D7302" s="2" t="s">
        <v>106027</v>
      </c>
      <c r="E7302" s="2" t="s">
        <v>7212</v>
      </c>
      <c r="F7302" s="8">
        <v>296</v>
      </c>
      <c r="G7302" s="5">
        <v>6</v>
      </c>
      <c r="H7302" s="5" t="s">
        <v>1518</v>
      </c>
      <c r="I7302" s="5" t="s">
        <v>69038</v>
      </c>
      <c r="J7302" s="2" t="s">
        <v>69039</v>
      </c>
      <c r="K7302" s="5" t="s">
        <v>69038</v>
      </c>
      <c r="L7302" s="2" t="s">
        <v>69039</v>
      </c>
      <c r="M7302" s="5" t="s">
        <v>1521</v>
      </c>
      <c r="N7302" s="5" t="s">
        <v>38</v>
      </c>
      <c r="O7302" s="5" t="s">
        <v>39</v>
      </c>
      <c r="P7302" s="5" t="s">
        <v>40</v>
      </c>
      <c r="Q7302" s="5" t="s">
        <v>1522</v>
      </c>
      <c r="R7302" s="5" t="s">
        <v>1523</v>
      </c>
      <c r="S7302" s="5" t="s">
        <v>42</v>
      </c>
      <c r="T7302" s="2">
        <v>3.6859999999999999</v>
      </c>
      <c r="U7302" s="2">
        <v>3.0270000000000001</v>
      </c>
      <c r="V7302" s="2">
        <v>16.7</v>
      </c>
      <c r="W7302" s="2">
        <v>159.1</v>
      </c>
      <c r="X7302" s="2">
        <v>7.6</v>
      </c>
      <c r="Y7302" s="2">
        <v>16.7</v>
      </c>
      <c r="Z7302" s="5"/>
      <c r="AA7302" s="5" t="s">
        <v>43</v>
      </c>
      <c r="AB7302" s="5" t="s">
        <v>44</v>
      </c>
      <c r="AC7302" s="2"/>
      <c r="AD7302" s="1"/>
    </row>
    <row r="7303" spans="1:30">
      <c r="A7303" s="5" t="s">
        <v>83578</v>
      </c>
      <c r="B7303" s="2" t="s">
        <v>106028</v>
      </c>
      <c r="C7303" s="14" t="s">
        <v>106029</v>
      </c>
      <c r="D7303" s="2" t="s">
        <v>106030</v>
      </c>
      <c r="E7303" s="2" t="s">
        <v>7528</v>
      </c>
      <c r="F7303" s="8">
        <v>296</v>
      </c>
      <c r="G7303" s="5">
        <v>6</v>
      </c>
      <c r="H7303" s="5" t="s">
        <v>1518</v>
      </c>
      <c r="I7303" s="5" t="s">
        <v>69038</v>
      </c>
      <c r="J7303" s="2" t="s">
        <v>69039</v>
      </c>
      <c r="K7303" s="5" t="s">
        <v>69038</v>
      </c>
      <c r="L7303" s="2" t="s">
        <v>69039</v>
      </c>
      <c r="M7303" s="5" t="s">
        <v>1521</v>
      </c>
      <c r="N7303" s="5" t="s">
        <v>38</v>
      </c>
      <c r="O7303" s="5" t="s">
        <v>39</v>
      </c>
      <c r="P7303" s="5" t="s">
        <v>40</v>
      </c>
      <c r="Q7303" s="5" t="s">
        <v>1522</v>
      </c>
      <c r="R7303" s="5" t="s">
        <v>1523</v>
      </c>
      <c r="S7303" s="5" t="s">
        <v>42</v>
      </c>
      <c r="T7303" s="2">
        <v>3.81</v>
      </c>
      <c r="U7303" s="2">
        <v>3.1509999999999998</v>
      </c>
      <c r="V7303" s="2">
        <v>16.7</v>
      </c>
      <c r="W7303" s="2">
        <v>159.1</v>
      </c>
      <c r="X7303" s="2">
        <v>7.6</v>
      </c>
      <c r="Y7303" s="2">
        <v>16.7</v>
      </c>
      <c r="Z7303" s="5"/>
      <c r="AA7303" s="5" t="s">
        <v>43</v>
      </c>
      <c r="AB7303" s="5" t="s">
        <v>44</v>
      </c>
      <c r="AC7303" s="2"/>
      <c r="AD7303" s="1"/>
    </row>
    <row r="7304" spans="1:30">
      <c r="A7304" s="5" t="s">
        <v>83578</v>
      </c>
      <c r="B7304" s="2" t="s">
        <v>106031</v>
      </c>
      <c r="C7304" s="14" t="s">
        <v>106032</v>
      </c>
      <c r="D7304" s="2" t="s">
        <v>106033</v>
      </c>
      <c r="E7304" s="2" t="s">
        <v>7521</v>
      </c>
      <c r="F7304" s="8">
        <v>278</v>
      </c>
      <c r="G7304" s="5">
        <v>6</v>
      </c>
      <c r="H7304" s="5" t="s">
        <v>1518</v>
      </c>
      <c r="I7304" s="5" t="s">
        <v>69038</v>
      </c>
      <c r="J7304" s="2" t="s">
        <v>69039</v>
      </c>
      <c r="K7304" s="5" t="s">
        <v>69038</v>
      </c>
      <c r="L7304" s="2" t="s">
        <v>69039</v>
      </c>
      <c r="M7304" s="5" t="s">
        <v>1521</v>
      </c>
      <c r="N7304" s="5" t="s">
        <v>38</v>
      </c>
      <c r="O7304" s="5" t="s">
        <v>39</v>
      </c>
      <c r="P7304" s="5" t="s">
        <v>40</v>
      </c>
      <c r="Q7304" s="5" t="s">
        <v>1522</v>
      </c>
      <c r="R7304" s="5" t="s">
        <v>1523</v>
      </c>
      <c r="S7304" s="5" t="s">
        <v>42</v>
      </c>
      <c r="T7304" s="2">
        <v>3.5059999999999998</v>
      </c>
      <c r="U7304" s="2">
        <v>2.84</v>
      </c>
      <c r="V7304" s="2">
        <v>16.7</v>
      </c>
      <c r="W7304" s="2">
        <v>159.1</v>
      </c>
      <c r="X7304" s="2">
        <v>7.6</v>
      </c>
      <c r="Y7304" s="2">
        <v>16.7</v>
      </c>
      <c r="Z7304" s="5"/>
      <c r="AA7304" s="5" t="s">
        <v>43</v>
      </c>
      <c r="AB7304" s="5" t="s">
        <v>44</v>
      </c>
      <c r="AC7304" s="2"/>
      <c r="AD7304" s="1"/>
    </row>
    <row r="7305" spans="1:30">
      <c r="A7305" s="5" t="s">
        <v>83578</v>
      </c>
      <c r="B7305" s="2" t="s">
        <v>106034</v>
      </c>
      <c r="C7305" s="14" t="s">
        <v>106035</v>
      </c>
      <c r="D7305" s="2" t="s">
        <v>106036</v>
      </c>
      <c r="E7305" s="2" t="s">
        <v>7543</v>
      </c>
      <c r="F7305" s="8">
        <v>300</v>
      </c>
      <c r="G7305" s="5">
        <v>6</v>
      </c>
      <c r="H7305" s="5" t="s">
        <v>1518</v>
      </c>
      <c r="I7305" s="5" t="s">
        <v>69038</v>
      </c>
      <c r="J7305" s="2" t="s">
        <v>69039</v>
      </c>
      <c r="K7305" s="5" t="s">
        <v>69038</v>
      </c>
      <c r="L7305" s="2" t="s">
        <v>69039</v>
      </c>
      <c r="M7305" s="5" t="s">
        <v>1521</v>
      </c>
      <c r="N7305" s="5" t="s">
        <v>38</v>
      </c>
      <c r="O7305" s="5" t="s">
        <v>39</v>
      </c>
      <c r="P7305" s="5" t="s">
        <v>40</v>
      </c>
      <c r="Q7305" s="5" t="s">
        <v>1522</v>
      </c>
      <c r="R7305" s="5" t="s">
        <v>1523</v>
      </c>
      <c r="S7305" s="5" t="s">
        <v>42</v>
      </c>
      <c r="T7305" s="2">
        <v>3.5059999999999998</v>
      </c>
      <c r="U7305" s="2">
        <v>2.84</v>
      </c>
      <c r="V7305" s="2">
        <v>16.7</v>
      </c>
      <c r="W7305" s="2">
        <v>159.1</v>
      </c>
      <c r="X7305" s="2">
        <v>7.6</v>
      </c>
      <c r="Y7305" s="2">
        <v>16.7</v>
      </c>
      <c r="Z7305" s="5"/>
      <c r="AA7305" s="5" t="s">
        <v>43</v>
      </c>
      <c r="AB7305" s="5" t="s">
        <v>44</v>
      </c>
      <c r="AC7305" s="2"/>
      <c r="AD7305" s="1"/>
    </row>
    <row r="7306" spans="1:30">
      <c r="A7306" s="5" t="s">
        <v>83578</v>
      </c>
      <c r="B7306" s="2" t="s">
        <v>106037</v>
      </c>
      <c r="C7306" s="14" t="s">
        <v>106038</v>
      </c>
      <c r="D7306" s="2" t="s">
        <v>106039</v>
      </c>
      <c r="E7306" s="2" t="s">
        <v>7547</v>
      </c>
      <c r="F7306" s="8">
        <v>300</v>
      </c>
      <c r="G7306" s="5">
        <v>6</v>
      </c>
      <c r="H7306" s="5" t="s">
        <v>1518</v>
      </c>
      <c r="I7306" s="5" t="s">
        <v>69038</v>
      </c>
      <c r="J7306" s="2" t="s">
        <v>69039</v>
      </c>
      <c r="K7306" s="5" t="s">
        <v>69038</v>
      </c>
      <c r="L7306" s="2" t="s">
        <v>69039</v>
      </c>
      <c r="M7306" s="5" t="s">
        <v>1521</v>
      </c>
      <c r="N7306" s="5" t="s">
        <v>38</v>
      </c>
      <c r="O7306" s="5" t="s">
        <v>39</v>
      </c>
      <c r="P7306" s="5" t="s">
        <v>40</v>
      </c>
      <c r="Q7306" s="5" t="s">
        <v>1522</v>
      </c>
      <c r="R7306" s="5" t="s">
        <v>1523</v>
      </c>
      <c r="S7306" s="5" t="s">
        <v>42</v>
      </c>
      <c r="T7306" s="2">
        <v>3.411</v>
      </c>
      <c r="U7306" s="2">
        <v>2.7450000000000001</v>
      </c>
      <c r="V7306" s="2">
        <v>16.7</v>
      </c>
      <c r="W7306" s="2">
        <v>159.1</v>
      </c>
      <c r="X7306" s="2">
        <v>7.6</v>
      </c>
      <c r="Y7306" s="2">
        <v>16.7</v>
      </c>
      <c r="Z7306" s="5"/>
      <c r="AA7306" s="5" t="s">
        <v>43</v>
      </c>
      <c r="AB7306" s="5" t="s">
        <v>44</v>
      </c>
      <c r="AC7306" s="2"/>
      <c r="AD7306" s="1"/>
    </row>
    <row r="7307" spans="1:30">
      <c r="A7307" s="5" t="s">
        <v>83578</v>
      </c>
      <c r="B7307" s="2" t="s">
        <v>106040</v>
      </c>
      <c r="C7307" s="14" t="s">
        <v>106041</v>
      </c>
      <c r="D7307" s="2" t="s">
        <v>106042</v>
      </c>
      <c r="E7307" s="2" t="s">
        <v>7551</v>
      </c>
      <c r="F7307" s="8">
        <v>300</v>
      </c>
      <c r="G7307" s="5">
        <v>6</v>
      </c>
      <c r="H7307" s="5" t="s">
        <v>1518</v>
      </c>
      <c r="I7307" s="5" t="s">
        <v>69038</v>
      </c>
      <c r="J7307" s="2" t="s">
        <v>69039</v>
      </c>
      <c r="K7307" s="5" t="s">
        <v>69038</v>
      </c>
      <c r="L7307" s="2" t="s">
        <v>69039</v>
      </c>
      <c r="M7307" s="5" t="s">
        <v>1521</v>
      </c>
      <c r="N7307" s="5" t="s">
        <v>38</v>
      </c>
      <c r="O7307" s="5" t="s">
        <v>39</v>
      </c>
      <c r="P7307" s="5" t="s">
        <v>40</v>
      </c>
      <c r="Q7307" s="5" t="s">
        <v>1522</v>
      </c>
      <c r="R7307" s="5" t="s">
        <v>1523</v>
      </c>
      <c r="S7307" s="5" t="s">
        <v>42</v>
      </c>
      <c r="T7307" s="2">
        <v>3.5059999999999998</v>
      </c>
      <c r="U7307" s="2">
        <v>2.84</v>
      </c>
      <c r="V7307" s="2">
        <v>16.7</v>
      </c>
      <c r="W7307" s="2">
        <v>159.1</v>
      </c>
      <c r="X7307" s="2">
        <v>7.6</v>
      </c>
      <c r="Y7307" s="2">
        <v>16.7</v>
      </c>
      <c r="Z7307" s="5"/>
      <c r="AA7307" s="5" t="s">
        <v>43</v>
      </c>
      <c r="AB7307" s="5" t="s">
        <v>44</v>
      </c>
      <c r="AC7307" s="2"/>
      <c r="AD7307" s="1"/>
    </row>
    <row r="7308" spans="1:30">
      <c r="A7308" s="5" t="s">
        <v>83578</v>
      </c>
      <c r="B7308" s="2" t="s">
        <v>106043</v>
      </c>
      <c r="C7308" s="14" t="s">
        <v>106044</v>
      </c>
      <c r="D7308" s="2" t="s">
        <v>106045</v>
      </c>
      <c r="E7308" s="2" t="s">
        <v>7563</v>
      </c>
      <c r="F7308" s="8">
        <v>300</v>
      </c>
      <c r="G7308" s="5">
        <v>6</v>
      </c>
      <c r="H7308" s="5" t="s">
        <v>1518</v>
      </c>
      <c r="I7308" s="5" t="s">
        <v>69038</v>
      </c>
      <c r="J7308" s="2" t="s">
        <v>69039</v>
      </c>
      <c r="K7308" s="5" t="s">
        <v>69038</v>
      </c>
      <c r="L7308" s="2" t="s">
        <v>69039</v>
      </c>
      <c r="M7308" s="5" t="s">
        <v>1521</v>
      </c>
      <c r="N7308" s="5" t="s">
        <v>38</v>
      </c>
      <c r="O7308" s="5" t="s">
        <v>39</v>
      </c>
      <c r="P7308" s="5" t="s">
        <v>40</v>
      </c>
      <c r="Q7308" s="5" t="s">
        <v>1522</v>
      </c>
      <c r="R7308" s="5" t="s">
        <v>1523</v>
      </c>
      <c r="S7308" s="5" t="s">
        <v>42</v>
      </c>
      <c r="T7308" s="2">
        <v>3.411</v>
      </c>
      <c r="U7308" s="2">
        <v>2.7450000000000001</v>
      </c>
      <c r="V7308" s="2">
        <v>16.7</v>
      </c>
      <c r="W7308" s="2">
        <v>159.1</v>
      </c>
      <c r="X7308" s="2">
        <v>7.6</v>
      </c>
      <c r="Y7308" s="2">
        <v>16.7</v>
      </c>
      <c r="Z7308" s="5"/>
      <c r="AA7308" s="5" t="s">
        <v>43</v>
      </c>
      <c r="AB7308" s="5" t="s">
        <v>44</v>
      </c>
      <c r="AC7308" s="2"/>
      <c r="AD7308" s="1"/>
    </row>
    <row r="7309" spans="1:30">
      <c r="A7309" s="5" t="s">
        <v>83578</v>
      </c>
      <c r="B7309" s="2" t="s">
        <v>106046</v>
      </c>
      <c r="C7309" s="14" t="s">
        <v>106047</v>
      </c>
      <c r="D7309" s="2" t="s">
        <v>106048</v>
      </c>
      <c r="E7309" s="2" t="s">
        <v>7567</v>
      </c>
      <c r="F7309" s="8">
        <v>300</v>
      </c>
      <c r="G7309" s="5">
        <v>6</v>
      </c>
      <c r="H7309" s="5" t="s">
        <v>1518</v>
      </c>
      <c r="I7309" s="5" t="s">
        <v>69038</v>
      </c>
      <c r="J7309" s="2" t="s">
        <v>69039</v>
      </c>
      <c r="K7309" s="5" t="s">
        <v>69038</v>
      </c>
      <c r="L7309" s="2" t="s">
        <v>69039</v>
      </c>
      <c r="M7309" s="5" t="s">
        <v>1521</v>
      </c>
      <c r="N7309" s="5" t="s">
        <v>38</v>
      </c>
      <c r="O7309" s="5" t="s">
        <v>39</v>
      </c>
      <c r="P7309" s="5" t="s">
        <v>40</v>
      </c>
      <c r="Q7309" s="5" t="s">
        <v>1522</v>
      </c>
      <c r="R7309" s="5" t="s">
        <v>1523</v>
      </c>
      <c r="S7309" s="5" t="s">
        <v>42</v>
      </c>
      <c r="T7309" s="2">
        <v>3.5059999999999998</v>
      </c>
      <c r="U7309" s="2">
        <v>2.84</v>
      </c>
      <c r="V7309" s="2">
        <v>16.7</v>
      </c>
      <c r="W7309" s="2">
        <v>159.1</v>
      </c>
      <c r="X7309" s="2">
        <v>7.6</v>
      </c>
      <c r="Y7309" s="2">
        <v>16.7</v>
      </c>
      <c r="Z7309" s="5"/>
      <c r="AA7309" s="5" t="s">
        <v>43</v>
      </c>
      <c r="AB7309" s="5" t="s">
        <v>44</v>
      </c>
      <c r="AC7309" s="2"/>
      <c r="AD7309" s="1"/>
    </row>
    <row r="7310" spans="1:30">
      <c r="A7310" s="5" t="s">
        <v>83578</v>
      </c>
      <c r="B7310" s="2" t="s">
        <v>106049</v>
      </c>
      <c r="C7310" s="14" t="s">
        <v>106050</v>
      </c>
      <c r="D7310" s="2" t="s">
        <v>106051</v>
      </c>
      <c r="E7310" s="2" t="s">
        <v>7555</v>
      </c>
      <c r="F7310" s="8">
        <v>300</v>
      </c>
      <c r="G7310" s="5">
        <v>6</v>
      </c>
      <c r="H7310" s="5" t="s">
        <v>1518</v>
      </c>
      <c r="I7310" s="5" t="s">
        <v>69038</v>
      </c>
      <c r="J7310" s="2" t="s">
        <v>69039</v>
      </c>
      <c r="K7310" s="5" t="s">
        <v>69038</v>
      </c>
      <c r="L7310" s="2" t="s">
        <v>69039</v>
      </c>
      <c r="M7310" s="5" t="s">
        <v>1521</v>
      </c>
      <c r="N7310" s="5" t="s">
        <v>38</v>
      </c>
      <c r="O7310" s="5" t="s">
        <v>39</v>
      </c>
      <c r="P7310" s="5" t="s">
        <v>40</v>
      </c>
      <c r="Q7310" s="5" t="s">
        <v>1522</v>
      </c>
      <c r="R7310" s="5" t="s">
        <v>1523</v>
      </c>
      <c r="S7310" s="5" t="s">
        <v>42</v>
      </c>
      <c r="T7310" s="2">
        <v>3.411</v>
      </c>
      <c r="U7310" s="2">
        <v>2.7450000000000001</v>
      </c>
      <c r="V7310" s="2">
        <v>16.7</v>
      </c>
      <c r="W7310" s="2">
        <v>159.1</v>
      </c>
      <c r="X7310" s="2">
        <v>7.6</v>
      </c>
      <c r="Y7310" s="2">
        <v>16.7</v>
      </c>
      <c r="Z7310" s="5"/>
      <c r="AA7310" s="5" t="s">
        <v>43</v>
      </c>
      <c r="AB7310" s="5" t="s">
        <v>44</v>
      </c>
      <c r="AC7310" s="2"/>
      <c r="AD7310" s="1"/>
    </row>
    <row r="7311" spans="1:30">
      <c r="A7311" s="5" t="s">
        <v>83578</v>
      </c>
      <c r="B7311" s="2" t="s">
        <v>106052</v>
      </c>
      <c r="C7311" s="14" t="s">
        <v>106053</v>
      </c>
      <c r="D7311" s="2" t="s">
        <v>106054</v>
      </c>
      <c r="E7311" s="2" t="s">
        <v>7559</v>
      </c>
      <c r="F7311" s="8">
        <v>300</v>
      </c>
      <c r="G7311" s="5">
        <v>6</v>
      </c>
      <c r="H7311" s="5" t="s">
        <v>1518</v>
      </c>
      <c r="I7311" s="5" t="s">
        <v>69038</v>
      </c>
      <c r="J7311" s="2" t="s">
        <v>69039</v>
      </c>
      <c r="K7311" s="5" t="s">
        <v>69038</v>
      </c>
      <c r="L7311" s="2" t="s">
        <v>69039</v>
      </c>
      <c r="M7311" s="5" t="s">
        <v>1521</v>
      </c>
      <c r="N7311" s="5" t="s">
        <v>38</v>
      </c>
      <c r="O7311" s="5" t="s">
        <v>39</v>
      </c>
      <c r="P7311" s="5" t="s">
        <v>40</v>
      </c>
      <c r="Q7311" s="5" t="s">
        <v>1522</v>
      </c>
      <c r="R7311" s="5" t="s">
        <v>1523</v>
      </c>
      <c r="S7311" s="5" t="s">
        <v>42</v>
      </c>
      <c r="T7311" s="2">
        <v>3.5059999999999998</v>
      </c>
      <c r="U7311" s="2">
        <v>2.84</v>
      </c>
      <c r="V7311" s="2">
        <v>16.7</v>
      </c>
      <c r="W7311" s="2">
        <v>159.1</v>
      </c>
      <c r="X7311" s="2">
        <v>7.6</v>
      </c>
      <c r="Y7311" s="2">
        <v>16.7</v>
      </c>
      <c r="Z7311" s="5"/>
      <c r="AA7311" s="5" t="s">
        <v>43</v>
      </c>
      <c r="AB7311" s="5" t="s">
        <v>44</v>
      </c>
      <c r="AC7311" s="2"/>
      <c r="AD7311" s="1"/>
    </row>
    <row r="7312" spans="1:30">
      <c r="A7312" s="5" t="s">
        <v>83578</v>
      </c>
      <c r="B7312" s="2" t="s">
        <v>106055</v>
      </c>
      <c r="C7312" s="14" t="s">
        <v>106056</v>
      </c>
      <c r="D7312" s="2" t="s">
        <v>106057</v>
      </c>
      <c r="E7312" s="2" t="s">
        <v>16079</v>
      </c>
      <c r="F7312" s="8">
        <v>300</v>
      </c>
      <c r="G7312" s="5">
        <v>6</v>
      </c>
      <c r="H7312" s="5" t="s">
        <v>1518</v>
      </c>
      <c r="I7312" s="5" t="s">
        <v>69038</v>
      </c>
      <c r="J7312" s="2" t="s">
        <v>69039</v>
      </c>
      <c r="K7312" s="5" t="s">
        <v>69038</v>
      </c>
      <c r="L7312" s="2" t="s">
        <v>69039</v>
      </c>
      <c r="M7312" s="5" t="s">
        <v>1521</v>
      </c>
      <c r="N7312" s="5" t="s">
        <v>38</v>
      </c>
      <c r="O7312" s="5" t="s">
        <v>39</v>
      </c>
      <c r="P7312" s="5" t="s">
        <v>40</v>
      </c>
      <c r="Q7312" s="5" t="s">
        <v>1522</v>
      </c>
      <c r="R7312" s="5" t="s">
        <v>1523</v>
      </c>
      <c r="S7312" s="5" t="s">
        <v>42</v>
      </c>
      <c r="T7312" s="2">
        <v>3.411</v>
      </c>
      <c r="U7312" s="2">
        <v>2.7450000000000001</v>
      </c>
      <c r="V7312" s="2">
        <v>16.7</v>
      </c>
      <c r="W7312" s="2">
        <v>159.1</v>
      </c>
      <c r="X7312" s="2">
        <v>7.6</v>
      </c>
      <c r="Y7312" s="2">
        <v>16.7</v>
      </c>
      <c r="Z7312" s="5"/>
      <c r="AA7312" s="5" t="s">
        <v>43</v>
      </c>
      <c r="AB7312" s="5" t="s">
        <v>44</v>
      </c>
      <c r="AC7312" s="2"/>
      <c r="AD7312" s="1"/>
    </row>
    <row r="7313" spans="1:30">
      <c r="A7313" s="5" t="s">
        <v>83578</v>
      </c>
      <c r="B7313" s="2" t="s">
        <v>106058</v>
      </c>
      <c r="C7313" s="14" t="s">
        <v>106059</v>
      </c>
      <c r="D7313" s="2" t="s">
        <v>106060</v>
      </c>
      <c r="E7313" s="2" t="s">
        <v>16194</v>
      </c>
      <c r="F7313" s="8">
        <v>300</v>
      </c>
      <c r="G7313" s="5">
        <v>6</v>
      </c>
      <c r="H7313" s="5" t="s">
        <v>1518</v>
      </c>
      <c r="I7313" s="5" t="s">
        <v>69038</v>
      </c>
      <c r="J7313" s="2" t="s">
        <v>69039</v>
      </c>
      <c r="K7313" s="5" t="s">
        <v>69038</v>
      </c>
      <c r="L7313" s="2" t="s">
        <v>69039</v>
      </c>
      <c r="M7313" s="5" t="s">
        <v>1521</v>
      </c>
      <c r="N7313" s="5" t="s">
        <v>38</v>
      </c>
      <c r="O7313" s="5" t="s">
        <v>39</v>
      </c>
      <c r="P7313" s="5" t="s">
        <v>40</v>
      </c>
      <c r="Q7313" s="5" t="s">
        <v>1522</v>
      </c>
      <c r="R7313" s="5" t="s">
        <v>1523</v>
      </c>
      <c r="S7313" s="5" t="s">
        <v>42</v>
      </c>
      <c r="T7313" s="2">
        <v>3.5059999999999998</v>
      </c>
      <c r="U7313" s="2">
        <v>2.84</v>
      </c>
      <c r="V7313" s="2">
        <v>16.7</v>
      </c>
      <c r="W7313" s="2">
        <v>159.1</v>
      </c>
      <c r="X7313" s="2">
        <v>7.6</v>
      </c>
      <c r="Y7313" s="2">
        <v>16.7</v>
      </c>
      <c r="Z7313" s="5"/>
      <c r="AA7313" s="5" t="s">
        <v>43</v>
      </c>
      <c r="AB7313" s="5" t="s">
        <v>44</v>
      </c>
      <c r="AC7313" s="2"/>
      <c r="AD7313" s="1"/>
    </row>
    <row r="7314" spans="1:30">
      <c r="A7314" s="5" t="s">
        <v>83578</v>
      </c>
      <c r="B7314" s="2" t="s">
        <v>106061</v>
      </c>
      <c r="C7314" s="14" t="s">
        <v>106062</v>
      </c>
      <c r="D7314" s="2" t="s">
        <v>106063</v>
      </c>
      <c r="E7314" s="2" t="s">
        <v>7449</v>
      </c>
      <c r="F7314" s="8">
        <v>300</v>
      </c>
      <c r="G7314" s="5">
        <v>6</v>
      </c>
      <c r="H7314" s="5" t="s">
        <v>1518</v>
      </c>
      <c r="I7314" s="5" t="s">
        <v>69038</v>
      </c>
      <c r="J7314" s="2" t="s">
        <v>69039</v>
      </c>
      <c r="K7314" s="5" t="s">
        <v>69038</v>
      </c>
      <c r="L7314" s="2" t="s">
        <v>69039</v>
      </c>
      <c r="M7314" s="5" t="s">
        <v>1521</v>
      </c>
      <c r="N7314" s="5" t="s">
        <v>38</v>
      </c>
      <c r="O7314" s="5" t="s">
        <v>39</v>
      </c>
      <c r="P7314" s="5" t="s">
        <v>40</v>
      </c>
      <c r="Q7314" s="5" t="s">
        <v>1522</v>
      </c>
      <c r="R7314" s="5" t="s">
        <v>1523</v>
      </c>
      <c r="S7314" s="5" t="s">
        <v>42</v>
      </c>
      <c r="T7314" s="2">
        <v>3.411</v>
      </c>
      <c r="U7314" s="2">
        <v>2.7450000000000001</v>
      </c>
      <c r="V7314" s="2">
        <v>16.7</v>
      </c>
      <c r="W7314" s="2">
        <v>159.1</v>
      </c>
      <c r="X7314" s="2">
        <v>7.6</v>
      </c>
      <c r="Y7314" s="2">
        <v>16.7</v>
      </c>
      <c r="Z7314" s="5"/>
      <c r="AA7314" s="5" t="s">
        <v>43</v>
      </c>
      <c r="AB7314" s="5" t="s">
        <v>44</v>
      </c>
      <c r="AC7314" s="2"/>
      <c r="AD7314" s="1"/>
    </row>
    <row r="7315" spans="1:30">
      <c r="A7315" s="5" t="s">
        <v>83578</v>
      </c>
      <c r="B7315" s="2" t="s">
        <v>106064</v>
      </c>
      <c r="C7315" s="14" t="s">
        <v>106065</v>
      </c>
      <c r="D7315" s="2" t="s">
        <v>106066</v>
      </c>
      <c r="E7315" s="2" t="s">
        <v>7581</v>
      </c>
      <c r="F7315" s="8">
        <v>300</v>
      </c>
      <c r="G7315" s="5">
        <v>6</v>
      </c>
      <c r="H7315" s="5" t="s">
        <v>1518</v>
      </c>
      <c r="I7315" s="5" t="s">
        <v>69038</v>
      </c>
      <c r="J7315" s="2" t="s">
        <v>69039</v>
      </c>
      <c r="K7315" s="5" t="s">
        <v>69038</v>
      </c>
      <c r="L7315" s="2" t="s">
        <v>69039</v>
      </c>
      <c r="M7315" s="5" t="s">
        <v>1521</v>
      </c>
      <c r="N7315" s="5" t="s">
        <v>38</v>
      </c>
      <c r="O7315" s="5" t="s">
        <v>39</v>
      </c>
      <c r="P7315" s="5" t="s">
        <v>40</v>
      </c>
      <c r="Q7315" s="5" t="s">
        <v>1522</v>
      </c>
      <c r="R7315" s="5" t="s">
        <v>1523</v>
      </c>
      <c r="S7315" s="5" t="s">
        <v>42</v>
      </c>
      <c r="T7315" s="2">
        <v>3.5059999999999998</v>
      </c>
      <c r="U7315" s="2">
        <v>2.84</v>
      </c>
      <c r="V7315" s="2">
        <v>16.7</v>
      </c>
      <c r="W7315" s="2">
        <v>159.1</v>
      </c>
      <c r="X7315" s="2">
        <v>7.6</v>
      </c>
      <c r="Y7315" s="2">
        <v>16.7</v>
      </c>
      <c r="Z7315" s="5"/>
      <c r="AA7315" s="5" t="s">
        <v>43</v>
      </c>
      <c r="AB7315" s="5" t="s">
        <v>44</v>
      </c>
      <c r="AC7315" s="2"/>
      <c r="AD7315" s="1"/>
    </row>
    <row r="7316" spans="1:30">
      <c r="A7316" s="5" t="s">
        <v>83578</v>
      </c>
      <c r="B7316" s="2" t="s">
        <v>106067</v>
      </c>
      <c r="C7316" s="14" t="s">
        <v>106068</v>
      </c>
      <c r="D7316" s="2" t="s">
        <v>106069</v>
      </c>
      <c r="E7316" s="2" t="s">
        <v>7585</v>
      </c>
      <c r="F7316" s="8">
        <v>300</v>
      </c>
      <c r="G7316" s="5">
        <v>6</v>
      </c>
      <c r="H7316" s="5" t="s">
        <v>1518</v>
      </c>
      <c r="I7316" s="5" t="s">
        <v>69038</v>
      </c>
      <c r="J7316" s="2" t="s">
        <v>69039</v>
      </c>
      <c r="K7316" s="5" t="s">
        <v>69038</v>
      </c>
      <c r="L7316" s="2" t="s">
        <v>69039</v>
      </c>
      <c r="M7316" s="5" t="s">
        <v>1521</v>
      </c>
      <c r="N7316" s="5" t="s">
        <v>38</v>
      </c>
      <c r="O7316" s="5" t="s">
        <v>39</v>
      </c>
      <c r="P7316" s="5" t="s">
        <v>40</v>
      </c>
      <c r="Q7316" s="5" t="s">
        <v>1522</v>
      </c>
      <c r="R7316" s="5" t="s">
        <v>1523</v>
      </c>
      <c r="S7316" s="5" t="s">
        <v>42</v>
      </c>
      <c r="T7316" s="2">
        <v>3.411</v>
      </c>
      <c r="U7316" s="2">
        <v>2.7450000000000001</v>
      </c>
      <c r="V7316" s="2">
        <v>16.7</v>
      </c>
      <c r="W7316" s="2">
        <v>159.1</v>
      </c>
      <c r="X7316" s="2">
        <v>7.6</v>
      </c>
      <c r="Y7316" s="2">
        <v>16.7</v>
      </c>
      <c r="Z7316" s="5"/>
      <c r="AA7316" s="5" t="s">
        <v>43</v>
      </c>
      <c r="AB7316" s="5" t="s">
        <v>44</v>
      </c>
      <c r="AC7316" s="2"/>
      <c r="AD7316" s="1"/>
    </row>
    <row r="7317" spans="1:30">
      <c r="A7317" s="5" t="s">
        <v>83578</v>
      </c>
      <c r="B7317" s="2" t="s">
        <v>106070</v>
      </c>
      <c r="C7317" s="14" t="s">
        <v>106071</v>
      </c>
      <c r="D7317" s="2" t="s">
        <v>106072</v>
      </c>
      <c r="E7317" s="2" t="s">
        <v>7589</v>
      </c>
      <c r="F7317" s="8">
        <v>300</v>
      </c>
      <c r="G7317" s="5">
        <v>6</v>
      </c>
      <c r="H7317" s="5" t="s">
        <v>1518</v>
      </c>
      <c r="I7317" s="5" t="s">
        <v>69038</v>
      </c>
      <c r="J7317" s="2" t="s">
        <v>69039</v>
      </c>
      <c r="K7317" s="5" t="s">
        <v>69038</v>
      </c>
      <c r="L7317" s="2" t="s">
        <v>69039</v>
      </c>
      <c r="M7317" s="5" t="s">
        <v>1521</v>
      </c>
      <c r="N7317" s="5" t="s">
        <v>38</v>
      </c>
      <c r="O7317" s="5" t="s">
        <v>39</v>
      </c>
      <c r="P7317" s="5" t="s">
        <v>40</v>
      </c>
      <c r="Q7317" s="5" t="s">
        <v>1522</v>
      </c>
      <c r="R7317" s="5" t="s">
        <v>1523</v>
      </c>
      <c r="S7317" s="5" t="s">
        <v>42</v>
      </c>
      <c r="T7317" s="2">
        <v>3.5059999999999998</v>
      </c>
      <c r="U7317" s="2">
        <v>2.84</v>
      </c>
      <c r="V7317" s="2">
        <v>16.7</v>
      </c>
      <c r="W7317" s="2">
        <v>159.1</v>
      </c>
      <c r="X7317" s="2">
        <v>7.6</v>
      </c>
      <c r="Y7317" s="2">
        <v>16.7</v>
      </c>
      <c r="Z7317" s="5"/>
      <c r="AA7317" s="5" t="s">
        <v>43</v>
      </c>
      <c r="AB7317" s="5" t="s">
        <v>44</v>
      </c>
      <c r="AC7317" s="2"/>
      <c r="AD7317" s="1"/>
    </row>
    <row r="7318" spans="1:30">
      <c r="A7318" s="5" t="s">
        <v>83578</v>
      </c>
      <c r="B7318" s="2" t="s">
        <v>106073</v>
      </c>
      <c r="C7318" s="14" t="s">
        <v>106074</v>
      </c>
      <c r="D7318" s="2" t="s">
        <v>106075</v>
      </c>
      <c r="E7318" s="2" t="s">
        <v>7593</v>
      </c>
      <c r="F7318" s="8">
        <v>300</v>
      </c>
      <c r="G7318" s="5">
        <v>6</v>
      </c>
      <c r="H7318" s="5" t="s">
        <v>1518</v>
      </c>
      <c r="I7318" s="5" t="s">
        <v>69038</v>
      </c>
      <c r="J7318" s="2" t="s">
        <v>69039</v>
      </c>
      <c r="K7318" s="5" t="s">
        <v>69038</v>
      </c>
      <c r="L7318" s="2" t="s">
        <v>69039</v>
      </c>
      <c r="M7318" s="5" t="s">
        <v>1521</v>
      </c>
      <c r="N7318" s="5" t="s">
        <v>38</v>
      </c>
      <c r="O7318" s="5" t="s">
        <v>39</v>
      </c>
      <c r="P7318" s="5" t="s">
        <v>40</v>
      </c>
      <c r="Q7318" s="5" t="s">
        <v>1522</v>
      </c>
      <c r="R7318" s="5" t="s">
        <v>1523</v>
      </c>
      <c r="S7318" s="5" t="s">
        <v>42</v>
      </c>
      <c r="T7318" s="2">
        <v>3.411</v>
      </c>
      <c r="U7318" s="2">
        <v>2.7450000000000001</v>
      </c>
      <c r="V7318" s="2">
        <v>16.7</v>
      </c>
      <c r="W7318" s="2">
        <v>159.1</v>
      </c>
      <c r="X7318" s="2">
        <v>7.6</v>
      </c>
      <c r="Y7318" s="2">
        <v>16.7</v>
      </c>
      <c r="Z7318" s="5"/>
      <c r="AA7318" s="5" t="s">
        <v>43</v>
      </c>
      <c r="AB7318" s="5" t="s">
        <v>44</v>
      </c>
      <c r="AC7318" s="2"/>
      <c r="AD7318" s="1"/>
    </row>
    <row r="7319" spans="1:30">
      <c r="A7319" s="5" t="s">
        <v>83578</v>
      </c>
      <c r="B7319" s="2" t="s">
        <v>106076</v>
      </c>
      <c r="C7319" s="14" t="s">
        <v>106077</v>
      </c>
      <c r="D7319" s="2" t="s">
        <v>106078</v>
      </c>
      <c r="E7319" s="2" t="s">
        <v>7597</v>
      </c>
      <c r="F7319" s="8">
        <v>300</v>
      </c>
      <c r="G7319" s="5">
        <v>6</v>
      </c>
      <c r="H7319" s="5" t="s">
        <v>1518</v>
      </c>
      <c r="I7319" s="5" t="s">
        <v>69038</v>
      </c>
      <c r="J7319" s="2" t="s">
        <v>69039</v>
      </c>
      <c r="K7319" s="5" t="s">
        <v>69038</v>
      </c>
      <c r="L7319" s="2" t="s">
        <v>69039</v>
      </c>
      <c r="M7319" s="5" t="s">
        <v>1521</v>
      </c>
      <c r="N7319" s="5" t="s">
        <v>38</v>
      </c>
      <c r="O7319" s="5" t="s">
        <v>39</v>
      </c>
      <c r="P7319" s="5" t="s">
        <v>40</v>
      </c>
      <c r="Q7319" s="5" t="s">
        <v>1522</v>
      </c>
      <c r="R7319" s="5" t="s">
        <v>1523</v>
      </c>
      <c r="S7319" s="5" t="s">
        <v>42</v>
      </c>
      <c r="T7319" s="2">
        <v>3.5059999999999998</v>
      </c>
      <c r="U7319" s="2">
        <v>2.84</v>
      </c>
      <c r="V7319" s="2">
        <v>16.7</v>
      </c>
      <c r="W7319" s="2">
        <v>159.1</v>
      </c>
      <c r="X7319" s="2">
        <v>7.6</v>
      </c>
      <c r="Y7319" s="2">
        <v>16.7</v>
      </c>
      <c r="Z7319" s="5"/>
      <c r="AA7319" s="5" t="s">
        <v>43</v>
      </c>
      <c r="AB7319" s="5" t="s">
        <v>44</v>
      </c>
      <c r="AC7319" s="2"/>
      <c r="AD7319" s="1"/>
    </row>
    <row r="7320" spans="1:30">
      <c r="A7320" s="5" t="s">
        <v>83578</v>
      </c>
      <c r="B7320" s="2" t="s">
        <v>106079</v>
      </c>
      <c r="C7320" s="14" t="s">
        <v>106080</v>
      </c>
      <c r="D7320" s="2" t="s">
        <v>106081</v>
      </c>
      <c r="E7320" s="2" t="s">
        <v>7615</v>
      </c>
      <c r="F7320" s="8">
        <v>300</v>
      </c>
      <c r="G7320" s="5">
        <v>6</v>
      </c>
      <c r="H7320" s="5" t="s">
        <v>1518</v>
      </c>
      <c r="I7320" s="5" t="s">
        <v>69038</v>
      </c>
      <c r="J7320" s="2" t="s">
        <v>69039</v>
      </c>
      <c r="K7320" s="5" t="s">
        <v>69038</v>
      </c>
      <c r="L7320" s="2" t="s">
        <v>69039</v>
      </c>
      <c r="M7320" s="5" t="s">
        <v>1521</v>
      </c>
      <c r="N7320" s="5" t="s">
        <v>38</v>
      </c>
      <c r="O7320" s="5" t="s">
        <v>39</v>
      </c>
      <c r="P7320" s="5" t="s">
        <v>40</v>
      </c>
      <c r="Q7320" s="5" t="s">
        <v>1522</v>
      </c>
      <c r="R7320" s="5" t="s">
        <v>1523</v>
      </c>
      <c r="S7320" s="5" t="s">
        <v>42</v>
      </c>
      <c r="T7320" s="2">
        <v>3.411</v>
      </c>
      <c r="U7320" s="2">
        <v>2.7450000000000001</v>
      </c>
      <c r="V7320" s="2">
        <v>16.7</v>
      </c>
      <c r="W7320" s="2">
        <v>159.1</v>
      </c>
      <c r="X7320" s="2">
        <v>7.6</v>
      </c>
      <c r="Y7320" s="2">
        <v>16.7</v>
      </c>
      <c r="Z7320" s="5"/>
      <c r="AA7320" s="5" t="s">
        <v>43</v>
      </c>
      <c r="AB7320" s="5" t="s">
        <v>44</v>
      </c>
      <c r="AC7320" s="2"/>
      <c r="AD7320" s="1"/>
    </row>
    <row r="7321" spans="1:30">
      <c r="A7321" s="5" t="s">
        <v>83578</v>
      </c>
      <c r="B7321" s="2" t="s">
        <v>106082</v>
      </c>
      <c r="C7321" s="14" t="s">
        <v>106083</v>
      </c>
      <c r="D7321" s="2" t="s">
        <v>106084</v>
      </c>
      <c r="E7321" s="2" t="s">
        <v>16014</v>
      </c>
      <c r="F7321" s="8">
        <v>300</v>
      </c>
      <c r="G7321" s="5">
        <v>6</v>
      </c>
      <c r="H7321" s="5" t="s">
        <v>1518</v>
      </c>
      <c r="I7321" s="5" t="s">
        <v>69038</v>
      </c>
      <c r="J7321" s="2" t="s">
        <v>69039</v>
      </c>
      <c r="K7321" s="5" t="s">
        <v>69038</v>
      </c>
      <c r="L7321" s="2" t="s">
        <v>69039</v>
      </c>
      <c r="M7321" s="5" t="s">
        <v>1521</v>
      </c>
      <c r="N7321" s="5" t="s">
        <v>38</v>
      </c>
      <c r="O7321" s="5" t="s">
        <v>39</v>
      </c>
      <c r="P7321" s="5" t="s">
        <v>40</v>
      </c>
      <c r="Q7321" s="5" t="s">
        <v>1522</v>
      </c>
      <c r="R7321" s="5" t="s">
        <v>1523</v>
      </c>
      <c r="S7321" s="5" t="s">
        <v>42</v>
      </c>
      <c r="T7321" s="2">
        <v>3.411</v>
      </c>
      <c r="U7321" s="2">
        <v>2.7450000000000001</v>
      </c>
      <c r="V7321" s="2">
        <v>16.7</v>
      </c>
      <c r="W7321" s="2">
        <v>159.1</v>
      </c>
      <c r="X7321" s="2">
        <v>7.6</v>
      </c>
      <c r="Y7321" s="2">
        <v>16.7</v>
      </c>
      <c r="Z7321" s="5"/>
      <c r="AA7321" s="5" t="s">
        <v>43</v>
      </c>
      <c r="AB7321" s="5" t="s">
        <v>44</v>
      </c>
      <c r="AC7321" s="2"/>
      <c r="AD7321" s="1"/>
    </row>
    <row r="7322" spans="1:30">
      <c r="A7322" s="5" t="s">
        <v>83578</v>
      </c>
      <c r="B7322" s="2" t="s">
        <v>106085</v>
      </c>
      <c r="C7322" s="14" t="s">
        <v>106086</v>
      </c>
      <c r="D7322" s="2" t="s">
        <v>106087</v>
      </c>
      <c r="E7322" s="2" t="s">
        <v>16219</v>
      </c>
      <c r="F7322" s="8">
        <v>300</v>
      </c>
      <c r="G7322" s="5">
        <v>6</v>
      </c>
      <c r="H7322" s="5" t="s">
        <v>1518</v>
      </c>
      <c r="I7322" s="5" t="s">
        <v>69038</v>
      </c>
      <c r="J7322" s="2" t="s">
        <v>69039</v>
      </c>
      <c r="K7322" s="5" t="s">
        <v>69038</v>
      </c>
      <c r="L7322" s="2" t="s">
        <v>69039</v>
      </c>
      <c r="M7322" s="5" t="s">
        <v>1521</v>
      </c>
      <c r="N7322" s="5" t="s">
        <v>38</v>
      </c>
      <c r="O7322" s="5" t="s">
        <v>39</v>
      </c>
      <c r="P7322" s="5" t="s">
        <v>40</v>
      </c>
      <c r="Q7322" s="5" t="s">
        <v>1522</v>
      </c>
      <c r="R7322" s="5" t="s">
        <v>1523</v>
      </c>
      <c r="S7322" s="5" t="s">
        <v>42</v>
      </c>
      <c r="T7322" s="2">
        <v>3.5059999999999998</v>
      </c>
      <c r="U7322" s="2">
        <v>2.84</v>
      </c>
      <c r="V7322" s="2">
        <v>16.7</v>
      </c>
      <c r="W7322" s="2">
        <v>159.1</v>
      </c>
      <c r="X7322" s="2">
        <v>7.6</v>
      </c>
      <c r="Y7322" s="2">
        <v>16.7</v>
      </c>
      <c r="Z7322" s="5"/>
      <c r="AA7322" s="5" t="s">
        <v>43</v>
      </c>
      <c r="AB7322" s="5" t="s">
        <v>44</v>
      </c>
      <c r="AC7322" s="2"/>
      <c r="AD7322" s="1"/>
    </row>
    <row r="7323" spans="1:30">
      <c r="A7323" s="5" t="s">
        <v>83578</v>
      </c>
      <c r="B7323" s="2" t="s">
        <v>106088</v>
      </c>
      <c r="C7323" s="14" t="s">
        <v>106089</v>
      </c>
      <c r="D7323" s="2" t="s">
        <v>106090</v>
      </c>
      <c r="E7323" s="2" t="s">
        <v>7212</v>
      </c>
      <c r="F7323" s="8">
        <v>278</v>
      </c>
      <c r="G7323" s="5">
        <v>6</v>
      </c>
      <c r="H7323" s="5" t="s">
        <v>1518</v>
      </c>
      <c r="I7323" s="5" t="s">
        <v>69038</v>
      </c>
      <c r="J7323" s="2" t="s">
        <v>69039</v>
      </c>
      <c r="K7323" s="5" t="s">
        <v>69038</v>
      </c>
      <c r="L7323" s="2" t="s">
        <v>69039</v>
      </c>
      <c r="M7323" s="5" t="s">
        <v>1521</v>
      </c>
      <c r="N7323" s="5" t="s">
        <v>38</v>
      </c>
      <c r="O7323" s="5" t="s">
        <v>39</v>
      </c>
      <c r="P7323" s="5" t="s">
        <v>40</v>
      </c>
      <c r="Q7323" s="5" t="s">
        <v>1522</v>
      </c>
      <c r="R7323" s="5" t="s">
        <v>1523</v>
      </c>
      <c r="S7323" s="5" t="s">
        <v>42</v>
      </c>
      <c r="T7323" s="2">
        <v>3.411</v>
      </c>
      <c r="U7323" s="2">
        <v>2.7450000000000001</v>
      </c>
      <c r="V7323" s="2">
        <v>16.7</v>
      </c>
      <c r="W7323" s="2">
        <v>159.1</v>
      </c>
      <c r="X7323" s="2">
        <v>7.6</v>
      </c>
      <c r="Y7323" s="2">
        <v>16.7</v>
      </c>
      <c r="Z7323" s="5"/>
      <c r="AA7323" s="5" t="s">
        <v>43</v>
      </c>
      <c r="AB7323" s="5" t="s">
        <v>44</v>
      </c>
      <c r="AC7323" s="2"/>
      <c r="AD7323" s="1"/>
    </row>
    <row r="7324" spans="1:30">
      <c r="A7324" s="5" t="s">
        <v>83578</v>
      </c>
      <c r="B7324" s="2" t="s">
        <v>106091</v>
      </c>
      <c r="C7324" s="14" t="s">
        <v>106092</v>
      </c>
      <c r="D7324" s="2" t="s">
        <v>106093</v>
      </c>
      <c r="E7324" s="2" t="s">
        <v>7528</v>
      </c>
      <c r="F7324" s="8">
        <v>278</v>
      </c>
      <c r="G7324" s="5">
        <v>6</v>
      </c>
      <c r="H7324" s="5" t="s">
        <v>1518</v>
      </c>
      <c r="I7324" s="5" t="s">
        <v>69038</v>
      </c>
      <c r="J7324" s="2" t="s">
        <v>69039</v>
      </c>
      <c r="K7324" s="5" t="s">
        <v>69038</v>
      </c>
      <c r="L7324" s="2" t="s">
        <v>69039</v>
      </c>
      <c r="M7324" s="5" t="s">
        <v>1521</v>
      </c>
      <c r="N7324" s="5" t="s">
        <v>38</v>
      </c>
      <c r="O7324" s="5" t="s">
        <v>39</v>
      </c>
      <c r="P7324" s="5" t="s">
        <v>40</v>
      </c>
      <c r="Q7324" s="5" t="s">
        <v>1522</v>
      </c>
      <c r="R7324" s="5" t="s">
        <v>1523</v>
      </c>
      <c r="S7324" s="5" t="s">
        <v>42</v>
      </c>
      <c r="T7324" s="2">
        <v>3.5059999999999998</v>
      </c>
      <c r="U7324" s="2">
        <v>2.84</v>
      </c>
      <c r="V7324" s="2">
        <v>16.7</v>
      </c>
      <c r="W7324" s="2">
        <v>159.1</v>
      </c>
      <c r="X7324" s="2">
        <v>7.6</v>
      </c>
      <c r="Y7324" s="2">
        <v>16.7</v>
      </c>
      <c r="Z7324" s="5"/>
      <c r="AA7324" s="5" t="s">
        <v>43</v>
      </c>
      <c r="AB7324" s="5" t="s">
        <v>44</v>
      </c>
      <c r="AC7324" s="2"/>
      <c r="AD7324" s="1"/>
    </row>
    <row r="7325" spans="1:30">
      <c r="A7325" s="5" t="s">
        <v>83578</v>
      </c>
      <c r="B7325" s="2" t="s">
        <v>106094</v>
      </c>
      <c r="C7325" s="14" t="s">
        <v>106095</v>
      </c>
      <c r="D7325" s="2" t="s">
        <v>106096</v>
      </c>
      <c r="E7325" s="2" t="s">
        <v>7535</v>
      </c>
      <c r="F7325" s="8">
        <v>314</v>
      </c>
      <c r="G7325" s="5">
        <v>6</v>
      </c>
      <c r="H7325" s="5" t="s">
        <v>1518</v>
      </c>
      <c r="I7325" s="5" t="s">
        <v>69038</v>
      </c>
      <c r="J7325" s="2" t="s">
        <v>69039</v>
      </c>
      <c r="K7325" s="5" t="s">
        <v>69038</v>
      </c>
      <c r="L7325" s="2" t="s">
        <v>69039</v>
      </c>
      <c r="M7325" s="5" t="s">
        <v>1521</v>
      </c>
      <c r="N7325" s="5" t="s">
        <v>38</v>
      </c>
      <c r="O7325" s="5" t="s">
        <v>39</v>
      </c>
      <c r="P7325" s="5" t="s">
        <v>40</v>
      </c>
      <c r="Q7325" s="5" t="s">
        <v>1522</v>
      </c>
      <c r="R7325" s="5" t="s">
        <v>1523</v>
      </c>
      <c r="S7325" s="5" t="s">
        <v>42</v>
      </c>
      <c r="T7325" s="2">
        <v>3.8730000000000002</v>
      </c>
      <c r="U7325" s="2">
        <v>3.226</v>
      </c>
      <c r="V7325" s="2">
        <v>16.7</v>
      </c>
      <c r="W7325" s="2">
        <v>159.1</v>
      </c>
      <c r="X7325" s="2">
        <v>7.6</v>
      </c>
      <c r="Y7325" s="2">
        <v>16.7</v>
      </c>
      <c r="Z7325" s="5"/>
      <c r="AA7325" s="5" t="s">
        <v>43</v>
      </c>
      <c r="AB7325" s="5" t="s">
        <v>44</v>
      </c>
      <c r="AC7325" s="2"/>
      <c r="AD7325" s="1"/>
    </row>
    <row r="7326" spans="1:30">
      <c r="A7326" s="5" t="s">
        <v>83578</v>
      </c>
      <c r="B7326" s="2" t="s">
        <v>106097</v>
      </c>
      <c r="C7326" s="14" t="s">
        <v>106098</v>
      </c>
      <c r="D7326" s="2" t="s">
        <v>106099</v>
      </c>
      <c r="E7326" s="2" t="s">
        <v>7539</v>
      </c>
      <c r="F7326" s="8">
        <v>314</v>
      </c>
      <c r="G7326" s="5">
        <v>6</v>
      </c>
      <c r="H7326" s="5" t="s">
        <v>1518</v>
      </c>
      <c r="I7326" s="5" t="s">
        <v>69038</v>
      </c>
      <c r="J7326" s="2" t="s">
        <v>69039</v>
      </c>
      <c r="K7326" s="5" t="s">
        <v>69038</v>
      </c>
      <c r="L7326" s="2" t="s">
        <v>69039</v>
      </c>
      <c r="M7326" s="5" t="s">
        <v>1521</v>
      </c>
      <c r="N7326" s="5" t="s">
        <v>38</v>
      </c>
      <c r="O7326" s="5" t="s">
        <v>39</v>
      </c>
      <c r="P7326" s="5" t="s">
        <v>40</v>
      </c>
      <c r="Q7326" s="5" t="s">
        <v>1522</v>
      </c>
      <c r="R7326" s="5" t="s">
        <v>1523</v>
      </c>
      <c r="S7326" s="5" t="s">
        <v>42</v>
      </c>
      <c r="T7326" s="2">
        <v>3.7530000000000001</v>
      </c>
      <c r="U7326" s="2">
        <v>3.1059999999999999</v>
      </c>
      <c r="V7326" s="2">
        <v>16.7</v>
      </c>
      <c r="W7326" s="2">
        <v>159.1</v>
      </c>
      <c r="X7326" s="2">
        <v>7.6</v>
      </c>
      <c r="Y7326" s="2">
        <v>16.7</v>
      </c>
      <c r="Z7326" s="5"/>
      <c r="AA7326" s="5" t="s">
        <v>43</v>
      </c>
      <c r="AB7326" s="5" t="s">
        <v>44</v>
      </c>
      <c r="AC7326" s="2"/>
      <c r="AD7326" s="1"/>
    </row>
    <row r="7327" spans="1:30">
      <c r="A7327" s="5" t="s">
        <v>83578</v>
      </c>
      <c r="B7327" s="2" t="s">
        <v>106100</v>
      </c>
      <c r="C7327" s="14" t="s">
        <v>106101</v>
      </c>
      <c r="D7327" s="2" t="s">
        <v>106102</v>
      </c>
      <c r="E7327" s="2" t="s">
        <v>7547</v>
      </c>
      <c r="F7327" s="8">
        <v>314</v>
      </c>
      <c r="G7327" s="5">
        <v>6</v>
      </c>
      <c r="H7327" s="5" t="s">
        <v>1518</v>
      </c>
      <c r="I7327" s="5" t="s">
        <v>69038</v>
      </c>
      <c r="J7327" s="2" t="s">
        <v>69039</v>
      </c>
      <c r="K7327" s="5" t="s">
        <v>69038</v>
      </c>
      <c r="L7327" s="2" t="s">
        <v>69039</v>
      </c>
      <c r="M7327" s="5" t="s">
        <v>1521</v>
      </c>
      <c r="N7327" s="5" t="s">
        <v>38</v>
      </c>
      <c r="O7327" s="5" t="s">
        <v>39</v>
      </c>
      <c r="P7327" s="5" t="s">
        <v>40</v>
      </c>
      <c r="Q7327" s="5" t="s">
        <v>1522</v>
      </c>
      <c r="R7327" s="5" t="s">
        <v>1523</v>
      </c>
      <c r="S7327" s="5" t="s">
        <v>42</v>
      </c>
      <c r="T7327" s="2">
        <v>3.7530000000000001</v>
      </c>
      <c r="U7327" s="2">
        <v>3.1059999999999999</v>
      </c>
      <c r="V7327" s="2">
        <v>16.7</v>
      </c>
      <c r="W7327" s="2">
        <v>159.1</v>
      </c>
      <c r="X7327" s="2">
        <v>7.6</v>
      </c>
      <c r="Y7327" s="2">
        <v>16.7</v>
      </c>
      <c r="Z7327" s="5"/>
      <c r="AA7327" s="5" t="s">
        <v>43</v>
      </c>
      <c r="AB7327" s="5" t="s">
        <v>44</v>
      </c>
      <c r="AC7327" s="2"/>
      <c r="AD7327" s="1"/>
    </row>
    <row r="7328" spans="1:30">
      <c r="A7328" s="5" t="s">
        <v>83578</v>
      </c>
      <c r="B7328" s="2" t="s">
        <v>106103</v>
      </c>
      <c r="C7328" s="14" t="s">
        <v>106104</v>
      </c>
      <c r="D7328" s="2" t="s">
        <v>106105</v>
      </c>
      <c r="E7328" s="2" t="s">
        <v>7551</v>
      </c>
      <c r="F7328" s="8">
        <v>314</v>
      </c>
      <c r="G7328" s="5">
        <v>6</v>
      </c>
      <c r="H7328" s="5" t="s">
        <v>1518</v>
      </c>
      <c r="I7328" s="5" t="s">
        <v>69038</v>
      </c>
      <c r="J7328" s="2" t="s">
        <v>69039</v>
      </c>
      <c r="K7328" s="5" t="s">
        <v>69038</v>
      </c>
      <c r="L7328" s="2" t="s">
        <v>69039</v>
      </c>
      <c r="M7328" s="5" t="s">
        <v>1521</v>
      </c>
      <c r="N7328" s="5" t="s">
        <v>38</v>
      </c>
      <c r="O7328" s="5" t="s">
        <v>39</v>
      </c>
      <c r="P7328" s="5" t="s">
        <v>40</v>
      </c>
      <c r="Q7328" s="5" t="s">
        <v>1522</v>
      </c>
      <c r="R7328" s="5" t="s">
        <v>1523</v>
      </c>
      <c r="S7328" s="5" t="s">
        <v>42</v>
      </c>
      <c r="T7328" s="2">
        <v>3.8730000000000002</v>
      </c>
      <c r="U7328" s="2">
        <v>3.226</v>
      </c>
      <c r="V7328" s="2">
        <v>16.7</v>
      </c>
      <c r="W7328" s="2">
        <v>159.1</v>
      </c>
      <c r="X7328" s="2">
        <v>7.6</v>
      </c>
      <c r="Y7328" s="2">
        <v>16.7</v>
      </c>
      <c r="Z7328" s="5"/>
      <c r="AA7328" s="5" t="s">
        <v>43</v>
      </c>
      <c r="AB7328" s="5" t="s">
        <v>44</v>
      </c>
      <c r="AC7328" s="2"/>
      <c r="AD7328" s="1"/>
    </row>
    <row r="7329" spans="1:30">
      <c r="A7329" s="5" t="s">
        <v>83578</v>
      </c>
      <c r="B7329" s="2" t="s">
        <v>106106</v>
      </c>
      <c r="C7329" s="14" t="s">
        <v>106107</v>
      </c>
      <c r="D7329" s="2" t="s">
        <v>106108</v>
      </c>
      <c r="E7329" s="2" t="s">
        <v>7567</v>
      </c>
      <c r="F7329" s="8">
        <v>314</v>
      </c>
      <c r="G7329" s="5">
        <v>6</v>
      </c>
      <c r="H7329" s="5" t="s">
        <v>1518</v>
      </c>
      <c r="I7329" s="5" t="s">
        <v>69038</v>
      </c>
      <c r="J7329" s="2" t="s">
        <v>69039</v>
      </c>
      <c r="K7329" s="5" t="s">
        <v>69038</v>
      </c>
      <c r="L7329" s="2" t="s">
        <v>69039</v>
      </c>
      <c r="M7329" s="5" t="s">
        <v>1521</v>
      </c>
      <c r="N7329" s="5" t="s">
        <v>38</v>
      </c>
      <c r="O7329" s="5" t="s">
        <v>39</v>
      </c>
      <c r="P7329" s="5" t="s">
        <v>40</v>
      </c>
      <c r="Q7329" s="5" t="s">
        <v>1522</v>
      </c>
      <c r="R7329" s="5" t="s">
        <v>1523</v>
      </c>
      <c r="S7329" s="5" t="s">
        <v>42</v>
      </c>
      <c r="T7329" s="2">
        <v>3.8730000000000002</v>
      </c>
      <c r="U7329" s="2">
        <v>3.226</v>
      </c>
      <c r="V7329" s="2">
        <v>16.7</v>
      </c>
      <c r="W7329" s="2">
        <v>159.1</v>
      </c>
      <c r="X7329" s="2">
        <v>7.6</v>
      </c>
      <c r="Y7329" s="2">
        <v>16.7</v>
      </c>
      <c r="Z7329" s="5"/>
      <c r="AA7329" s="5" t="s">
        <v>43</v>
      </c>
      <c r="AB7329" s="5" t="s">
        <v>44</v>
      </c>
      <c r="AC7329" s="2"/>
      <c r="AD7329" s="1"/>
    </row>
    <row r="7330" spans="1:30">
      <c r="A7330" s="5" t="s">
        <v>83578</v>
      </c>
      <c r="B7330" s="2" t="s">
        <v>106109</v>
      </c>
      <c r="C7330" s="14" t="s">
        <v>106110</v>
      </c>
      <c r="D7330" s="2" t="s">
        <v>106111</v>
      </c>
      <c r="E7330" s="2" t="s">
        <v>7559</v>
      </c>
      <c r="F7330" s="8">
        <v>314</v>
      </c>
      <c r="G7330" s="5">
        <v>6</v>
      </c>
      <c r="H7330" s="5" t="s">
        <v>1518</v>
      </c>
      <c r="I7330" s="5" t="s">
        <v>69038</v>
      </c>
      <c r="J7330" s="2" t="s">
        <v>69039</v>
      </c>
      <c r="K7330" s="5" t="s">
        <v>69038</v>
      </c>
      <c r="L7330" s="2" t="s">
        <v>69039</v>
      </c>
      <c r="M7330" s="5" t="s">
        <v>1521</v>
      </c>
      <c r="N7330" s="5" t="s">
        <v>38</v>
      </c>
      <c r="O7330" s="5" t="s">
        <v>39</v>
      </c>
      <c r="P7330" s="5" t="s">
        <v>40</v>
      </c>
      <c r="Q7330" s="5" t="s">
        <v>1522</v>
      </c>
      <c r="R7330" s="5" t="s">
        <v>1523</v>
      </c>
      <c r="S7330" s="5" t="s">
        <v>42</v>
      </c>
      <c r="T7330" s="2">
        <v>3.8730000000000002</v>
      </c>
      <c r="U7330" s="2">
        <v>3.226</v>
      </c>
      <c r="V7330" s="2">
        <v>16.7</v>
      </c>
      <c r="W7330" s="2">
        <v>159.1</v>
      </c>
      <c r="X7330" s="2">
        <v>7.6</v>
      </c>
      <c r="Y7330" s="2">
        <v>16.7</v>
      </c>
      <c r="Z7330" s="5"/>
      <c r="AA7330" s="5" t="s">
        <v>43</v>
      </c>
      <c r="AB7330" s="5" t="s">
        <v>44</v>
      </c>
      <c r="AC7330" s="2"/>
      <c r="AD7330" s="1"/>
    </row>
    <row r="7331" spans="1:30">
      <c r="A7331" s="5" t="s">
        <v>83578</v>
      </c>
      <c r="B7331" s="2" t="s">
        <v>106112</v>
      </c>
      <c r="C7331" s="14" t="s">
        <v>106113</v>
      </c>
      <c r="D7331" s="2" t="s">
        <v>106114</v>
      </c>
      <c r="E7331" s="2" t="s">
        <v>7581</v>
      </c>
      <c r="F7331" s="8">
        <v>314</v>
      </c>
      <c r="G7331" s="5">
        <v>6</v>
      </c>
      <c r="H7331" s="5" t="s">
        <v>1518</v>
      </c>
      <c r="I7331" s="5" t="s">
        <v>69038</v>
      </c>
      <c r="J7331" s="2" t="s">
        <v>69039</v>
      </c>
      <c r="K7331" s="5" t="s">
        <v>69038</v>
      </c>
      <c r="L7331" s="2" t="s">
        <v>69039</v>
      </c>
      <c r="M7331" s="5" t="s">
        <v>1521</v>
      </c>
      <c r="N7331" s="5" t="s">
        <v>38</v>
      </c>
      <c r="O7331" s="5" t="s">
        <v>39</v>
      </c>
      <c r="P7331" s="5" t="s">
        <v>40</v>
      </c>
      <c r="Q7331" s="5" t="s">
        <v>1522</v>
      </c>
      <c r="R7331" s="5" t="s">
        <v>1523</v>
      </c>
      <c r="S7331" s="5" t="s">
        <v>42</v>
      </c>
      <c r="T7331" s="2">
        <v>3.8730000000000002</v>
      </c>
      <c r="U7331" s="2">
        <v>3.226</v>
      </c>
      <c r="V7331" s="2">
        <v>16.7</v>
      </c>
      <c r="W7331" s="2">
        <v>159.1</v>
      </c>
      <c r="X7331" s="2">
        <v>7.6</v>
      </c>
      <c r="Y7331" s="2">
        <v>16.7</v>
      </c>
      <c r="Z7331" s="5"/>
      <c r="AA7331" s="5" t="s">
        <v>43</v>
      </c>
      <c r="AB7331" s="5" t="s">
        <v>44</v>
      </c>
      <c r="AC7331" s="2"/>
      <c r="AD7331" s="1"/>
    </row>
    <row r="7332" spans="1:30">
      <c r="A7332" s="5" t="s">
        <v>83578</v>
      </c>
      <c r="B7332" s="2" t="s">
        <v>106115</v>
      </c>
      <c r="C7332" s="14" t="s">
        <v>106116</v>
      </c>
      <c r="D7332" s="2" t="s">
        <v>106117</v>
      </c>
      <c r="E7332" s="2" t="s">
        <v>7585</v>
      </c>
      <c r="F7332" s="8">
        <v>314</v>
      </c>
      <c r="G7332" s="5">
        <v>6</v>
      </c>
      <c r="H7332" s="5" t="s">
        <v>1518</v>
      </c>
      <c r="I7332" s="5" t="s">
        <v>69038</v>
      </c>
      <c r="J7332" s="2" t="s">
        <v>69039</v>
      </c>
      <c r="K7332" s="5" t="s">
        <v>69038</v>
      </c>
      <c r="L7332" s="2" t="s">
        <v>69039</v>
      </c>
      <c r="M7332" s="5" t="s">
        <v>1521</v>
      </c>
      <c r="N7332" s="5" t="s">
        <v>38</v>
      </c>
      <c r="O7332" s="5" t="s">
        <v>39</v>
      </c>
      <c r="P7332" s="5" t="s">
        <v>40</v>
      </c>
      <c r="Q7332" s="5" t="s">
        <v>1522</v>
      </c>
      <c r="R7332" s="5" t="s">
        <v>1523</v>
      </c>
      <c r="S7332" s="5" t="s">
        <v>42</v>
      </c>
      <c r="T7332" s="2">
        <v>3.7530000000000001</v>
      </c>
      <c r="U7332" s="2">
        <v>3.1059999999999999</v>
      </c>
      <c r="V7332" s="2">
        <v>16.7</v>
      </c>
      <c r="W7332" s="2">
        <v>159.1</v>
      </c>
      <c r="X7332" s="2">
        <v>7.6</v>
      </c>
      <c r="Y7332" s="2">
        <v>16.7</v>
      </c>
      <c r="Z7332" s="5"/>
      <c r="AA7332" s="5" t="s">
        <v>43</v>
      </c>
      <c r="AB7332" s="5" t="s">
        <v>44</v>
      </c>
      <c r="AC7332" s="2"/>
      <c r="AD7332" s="1"/>
    </row>
    <row r="7333" spans="1:30">
      <c r="A7333" s="5" t="s">
        <v>83578</v>
      </c>
      <c r="B7333" s="2" t="s">
        <v>106118</v>
      </c>
      <c r="C7333" s="14" t="s">
        <v>106119</v>
      </c>
      <c r="D7333" s="2" t="s">
        <v>106120</v>
      </c>
      <c r="E7333" s="2" t="s">
        <v>7589</v>
      </c>
      <c r="F7333" s="8">
        <v>314</v>
      </c>
      <c r="G7333" s="5">
        <v>6</v>
      </c>
      <c r="H7333" s="5" t="s">
        <v>1518</v>
      </c>
      <c r="I7333" s="5" t="s">
        <v>69038</v>
      </c>
      <c r="J7333" s="2" t="s">
        <v>69039</v>
      </c>
      <c r="K7333" s="5" t="s">
        <v>69038</v>
      </c>
      <c r="L7333" s="2" t="s">
        <v>69039</v>
      </c>
      <c r="M7333" s="5" t="s">
        <v>1521</v>
      </c>
      <c r="N7333" s="5" t="s">
        <v>38</v>
      </c>
      <c r="O7333" s="5" t="s">
        <v>39</v>
      </c>
      <c r="P7333" s="5" t="s">
        <v>40</v>
      </c>
      <c r="Q7333" s="5" t="s">
        <v>1522</v>
      </c>
      <c r="R7333" s="5" t="s">
        <v>1523</v>
      </c>
      <c r="S7333" s="5" t="s">
        <v>42</v>
      </c>
      <c r="T7333" s="2">
        <v>3.8730000000000002</v>
      </c>
      <c r="U7333" s="2">
        <v>3.226</v>
      </c>
      <c r="V7333" s="2">
        <v>16.7</v>
      </c>
      <c r="W7333" s="2">
        <v>159.1</v>
      </c>
      <c r="X7333" s="2">
        <v>7.6</v>
      </c>
      <c r="Y7333" s="2">
        <v>16.7</v>
      </c>
      <c r="Z7333" s="5"/>
      <c r="AA7333" s="5" t="s">
        <v>43</v>
      </c>
      <c r="AB7333" s="5" t="s">
        <v>44</v>
      </c>
      <c r="AC7333" s="2"/>
      <c r="AD7333" s="1"/>
    </row>
    <row r="7334" spans="1:30">
      <c r="A7334" s="5" t="s">
        <v>83578</v>
      </c>
      <c r="B7334" s="2" t="s">
        <v>106121</v>
      </c>
      <c r="C7334" s="14" t="s">
        <v>106122</v>
      </c>
      <c r="D7334" s="2" t="s">
        <v>106123</v>
      </c>
      <c r="E7334" s="2" t="s">
        <v>7593</v>
      </c>
      <c r="F7334" s="8">
        <v>314</v>
      </c>
      <c r="G7334" s="5">
        <v>6</v>
      </c>
      <c r="H7334" s="5" t="s">
        <v>1518</v>
      </c>
      <c r="I7334" s="5" t="s">
        <v>69038</v>
      </c>
      <c r="J7334" s="2" t="s">
        <v>69039</v>
      </c>
      <c r="K7334" s="5" t="s">
        <v>69038</v>
      </c>
      <c r="L7334" s="2" t="s">
        <v>69039</v>
      </c>
      <c r="M7334" s="5" t="s">
        <v>1521</v>
      </c>
      <c r="N7334" s="5" t="s">
        <v>38</v>
      </c>
      <c r="O7334" s="5" t="s">
        <v>39</v>
      </c>
      <c r="P7334" s="5" t="s">
        <v>40</v>
      </c>
      <c r="Q7334" s="5" t="s">
        <v>1522</v>
      </c>
      <c r="R7334" s="5" t="s">
        <v>1523</v>
      </c>
      <c r="S7334" s="5" t="s">
        <v>42</v>
      </c>
      <c r="T7334" s="2">
        <v>3.7530000000000001</v>
      </c>
      <c r="U7334" s="2">
        <v>3.1059999999999999</v>
      </c>
      <c r="V7334" s="2">
        <v>16.7</v>
      </c>
      <c r="W7334" s="2">
        <v>159.1</v>
      </c>
      <c r="X7334" s="2">
        <v>7.6</v>
      </c>
      <c r="Y7334" s="2">
        <v>16.7</v>
      </c>
      <c r="Z7334" s="5"/>
      <c r="AA7334" s="5" t="s">
        <v>43</v>
      </c>
      <c r="AB7334" s="5" t="s">
        <v>44</v>
      </c>
      <c r="AC7334" s="2"/>
      <c r="AD7334" s="1"/>
    </row>
    <row r="7335" spans="1:30">
      <c r="A7335" s="5" t="s">
        <v>83578</v>
      </c>
      <c r="B7335" s="2" t="s">
        <v>106124</v>
      </c>
      <c r="C7335" s="14" t="s">
        <v>106125</v>
      </c>
      <c r="D7335" s="2" t="s">
        <v>106126</v>
      </c>
      <c r="E7335" s="2" t="s">
        <v>7597</v>
      </c>
      <c r="F7335" s="8">
        <v>314</v>
      </c>
      <c r="G7335" s="5">
        <v>6</v>
      </c>
      <c r="H7335" s="5" t="s">
        <v>1518</v>
      </c>
      <c r="I7335" s="5" t="s">
        <v>69038</v>
      </c>
      <c r="J7335" s="2" t="s">
        <v>69039</v>
      </c>
      <c r="K7335" s="5" t="s">
        <v>69038</v>
      </c>
      <c r="L7335" s="2" t="s">
        <v>69039</v>
      </c>
      <c r="M7335" s="5" t="s">
        <v>1521</v>
      </c>
      <c r="N7335" s="5" t="s">
        <v>38</v>
      </c>
      <c r="O7335" s="5" t="s">
        <v>39</v>
      </c>
      <c r="P7335" s="5" t="s">
        <v>40</v>
      </c>
      <c r="Q7335" s="5" t="s">
        <v>1522</v>
      </c>
      <c r="R7335" s="5" t="s">
        <v>1523</v>
      </c>
      <c r="S7335" s="5" t="s">
        <v>42</v>
      </c>
      <c r="T7335" s="2">
        <v>3.8730000000000002</v>
      </c>
      <c r="U7335" s="2">
        <v>3.226</v>
      </c>
      <c r="V7335" s="2">
        <v>16.7</v>
      </c>
      <c r="W7335" s="2">
        <v>159.1</v>
      </c>
      <c r="X7335" s="2">
        <v>7.6</v>
      </c>
      <c r="Y7335" s="2">
        <v>16.7</v>
      </c>
      <c r="Z7335" s="5"/>
      <c r="AA7335" s="5" t="s">
        <v>43</v>
      </c>
      <c r="AB7335" s="5" t="s">
        <v>44</v>
      </c>
      <c r="AC7335" s="2"/>
      <c r="AD7335" s="1"/>
    </row>
    <row r="7336" spans="1:30">
      <c r="A7336" s="5" t="s">
        <v>83578</v>
      </c>
      <c r="B7336" s="2" t="s">
        <v>106127</v>
      </c>
      <c r="C7336" s="14" t="s">
        <v>106128</v>
      </c>
      <c r="D7336" s="2" t="s">
        <v>106129</v>
      </c>
      <c r="E7336" s="2" t="s">
        <v>73362</v>
      </c>
      <c r="F7336" s="8">
        <v>314</v>
      </c>
      <c r="G7336" s="5">
        <v>6</v>
      </c>
      <c r="H7336" s="5" t="s">
        <v>1518</v>
      </c>
      <c r="I7336" s="5" t="s">
        <v>69038</v>
      </c>
      <c r="J7336" s="2" t="s">
        <v>69039</v>
      </c>
      <c r="K7336" s="5" t="s">
        <v>69038</v>
      </c>
      <c r="L7336" s="2" t="s">
        <v>69039</v>
      </c>
      <c r="M7336" s="5" t="s">
        <v>1521</v>
      </c>
      <c r="N7336" s="5" t="s">
        <v>38</v>
      </c>
      <c r="O7336" s="5" t="s">
        <v>39</v>
      </c>
      <c r="P7336" s="5" t="s">
        <v>40</v>
      </c>
      <c r="Q7336" s="5" t="s">
        <v>1522</v>
      </c>
      <c r="R7336" s="5" t="s">
        <v>1523</v>
      </c>
      <c r="S7336" s="5" t="s">
        <v>42</v>
      </c>
      <c r="T7336" s="2">
        <v>3.8730000000000002</v>
      </c>
      <c r="U7336" s="2">
        <v>3.226</v>
      </c>
      <c r="V7336" s="2">
        <v>16.7</v>
      </c>
      <c r="W7336" s="2">
        <v>159.1</v>
      </c>
      <c r="X7336" s="2">
        <v>7.6</v>
      </c>
      <c r="Y7336" s="2">
        <v>16.7</v>
      </c>
      <c r="Z7336" s="5"/>
      <c r="AA7336" s="5" t="s">
        <v>43</v>
      </c>
      <c r="AB7336" s="5" t="s">
        <v>44</v>
      </c>
      <c r="AC7336" s="2"/>
      <c r="AD7336" s="1"/>
    </row>
    <row r="7337" spans="1:30">
      <c r="A7337" s="5" t="s">
        <v>83578</v>
      </c>
      <c r="B7337" s="2" t="s">
        <v>106130</v>
      </c>
      <c r="C7337" s="14" t="s">
        <v>106131</v>
      </c>
      <c r="D7337" s="2" t="s">
        <v>106132</v>
      </c>
      <c r="E7337" s="2" t="s">
        <v>7619</v>
      </c>
      <c r="F7337" s="8">
        <v>314</v>
      </c>
      <c r="G7337" s="5">
        <v>6</v>
      </c>
      <c r="H7337" s="5" t="s">
        <v>1518</v>
      </c>
      <c r="I7337" s="5" t="s">
        <v>69038</v>
      </c>
      <c r="J7337" s="2" t="s">
        <v>69039</v>
      </c>
      <c r="K7337" s="5" t="s">
        <v>69038</v>
      </c>
      <c r="L7337" s="2" t="s">
        <v>69039</v>
      </c>
      <c r="M7337" s="5" t="s">
        <v>1521</v>
      </c>
      <c r="N7337" s="5" t="s">
        <v>38</v>
      </c>
      <c r="O7337" s="5" t="s">
        <v>39</v>
      </c>
      <c r="P7337" s="5" t="s">
        <v>40</v>
      </c>
      <c r="Q7337" s="5" t="s">
        <v>1522</v>
      </c>
      <c r="R7337" s="5" t="s">
        <v>1523</v>
      </c>
      <c r="S7337" s="5" t="s">
        <v>42</v>
      </c>
      <c r="T7337" s="2">
        <v>3.8730000000000002</v>
      </c>
      <c r="U7337" s="2">
        <v>3.226</v>
      </c>
      <c r="V7337" s="2">
        <v>16.7</v>
      </c>
      <c r="W7337" s="2">
        <v>159.1</v>
      </c>
      <c r="X7337" s="2">
        <v>7.6</v>
      </c>
      <c r="Y7337" s="2">
        <v>16.7</v>
      </c>
      <c r="Z7337" s="5"/>
      <c r="AA7337" s="5" t="s">
        <v>43</v>
      </c>
      <c r="AB7337" s="5" t="s">
        <v>44</v>
      </c>
      <c r="AC7337" s="2"/>
      <c r="AD7337" s="1"/>
    </row>
    <row r="7338" spans="1:30">
      <c r="A7338" s="5" t="s">
        <v>83578</v>
      </c>
      <c r="B7338" s="2" t="s">
        <v>106133</v>
      </c>
      <c r="C7338" s="14" t="s">
        <v>106134</v>
      </c>
      <c r="D7338" s="2" t="s">
        <v>106135</v>
      </c>
      <c r="E7338" s="2" t="s">
        <v>16014</v>
      </c>
      <c r="F7338" s="8">
        <v>314</v>
      </c>
      <c r="G7338" s="5">
        <v>6</v>
      </c>
      <c r="H7338" s="5" t="s">
        <v>1518</v>
      </c>
      <c r="I7338" s="5" t="s">
        <v>69038</v>
      </c>
      <c r="J7338" s="2" t="s">
        <v>69039</v>
      </c>
      <c r="K7338" s="5" t="s">
        <v>69038</v>
      </c>
      <c r="L7338" s="2" t="s">
        <v>69039</v>
      </c>
      <c r="M7338" s="5" t="s">
        <v>1521</v>
      </c>
      <c r="N7338" s="5" t="s">
        <v>38</v>
      </c>
      <c r="O7338" s="5" t="s">
        <v>39</v>
      </c>
      <c r="P7338" s="5" t="s">
        <v>40</v>
      </c>
      <c r="Q7338" s="5" t="s">
        <v>1522</v>
      </c>
      <c r="R7338" s="5" t="s">
        <v>1523</v>
      </c>
      <c r="S7338" s="5" t="s">
        <v>42</v>
      </c>
      <c r="T7338" s="2">
        <v>3.7530000000000001</v>
      </c>
      <c r="U7338" s="2">
        <v>3.1059999999999999</v>
      </c>
      <c r="V7338" s="2">
        <v>16.7</v>
      </c>
      <c r="W7338" s="2">
        <v>159.1</v>
      </c>
      <c r="X7338" s="2">
        <v>7.6</v>
      </c>
      <c r="Y7338" s="2">
        <v>16.7</v>
      </c>
      <c r="Z7338" s="5"/>
      <c r="AA7338" s="5" t="s">
        <v>43</v>
      </c>
      <c r="AB7338" s="5" t="s">
        <v>44</v>
      </c>
      <c r="AC7338" s="2"/>
      <c r="AD7338" s="1"/>
    </row>
    <row r="7339" spans="1:30">
      <c r="A7339" s="5" t="s">
        <v>83578</v>
      </c>
      <c r="B7339" s="2" t="s">
        <v>106136</v>
      </c>
      <c r="C7339" s="14" t="s">
        <v>106137</v>
      </c>
      <c r="D7339" s="2" t="s">
        <v>106138</v>
      </c>
      <c r="E7339" s="2" t="s">
        <v>16219</v>
      </c>
      <c r="F7339" s="8">
        <v>314</v>
      </c>
      <c r="G7339" s="5">
        <v>6</v>
      </c>
      <c r="H7339" s="5" t="s">
        <v>1518</v>
      </c>
      <c r="I7339" s="5" t="s">
        <v>69038</v>
      </c>
      <c r="J7339" s="2" t="s">
        <v>69039</v>
      </c>
      <c r="K7339" s="5" t="s">
        <v>69038</v>
      </c>
      <c r="L7339" s="2" t="s">
        <v>69039</v>
      </c>
      <c r="M7339" s="5" t="s">
        <v>1521</v>
      </c>
      <c r="N7339" s="5" t="s">
        <v>38</v>
      </c>
      <c r="O7339" s="5" t="s">
        <v>39</v>
      </c>
      <c r="P7339" s="5" t="s">
        <v>40</v>
      </c>
      <c r="Q7339" s="5" t="s">
        <v>1522</v>
      </c>
      <c r="R7339" s="5" t="s">
        <v>1523</v>
      </c>
      <c r="S7339" s="5" t="s">
        <v>42</v>
      </c>
      <c r="T7339" s="2">
        <v>3.8730000000000002</v>
      </c>
      <c r="U7339" s="2">
        <v>3.226</v>
      </c>
      <c r="V7339" s="2">
        <v>16.7</v>
      </c>
      <c r="W7339" s="2">
        <v>159.1</v>
      </c>
      <c r="X7339" s="2">
        <v>7.6</v>
      </c>
      <c r="Y7339" s="2">
        <v>16.7</v>
      </c>
      <c r="Z7339" s="5"/>
      <c r="AA7339" s="5" t="s">
        <v>43</v>
      </c>
      <c r="AB7339" s="5" t="s">
        <v>44</v>
      </c>
      <c r="AC7339" s="2"/>
      <c r="AD7339" s="1"/>
    </row>
    <row r="7340" spans="1:30">
      <c r="A7340" s="5" t="s">
        <v>83578</v>
      </c>
      <c r="B7340" s="2" t="s">
        <v>106139</v>
      </c>
      <c r="C7340" s="14" t="s">
        <v>106140</v>
      </c>
      <c r="D7340" s="2" t="s">
        <v>106141</v>
      </c>
      <c r="E7340" s="2" t="s">
        <v>7528</v>
      </c>
      <c r="F7340" s="8">
        <v>290</v>
      </c>
      <c r="G7340" s="5">
        <v>6</v>
      </c>
      <c r="H7340" s="5" t="s">
        <v>1518</v>
      </c>
      <c r="I7340" s="5" t="s">
        <v>69038</v>
      </c>
      <c r="J7340" s="2" t="s">
        <v>69039</v>
      </c>
      <c r="K7340" s="5" t="s">
        <v>69038</v>
      </c>
      <c r="L7340" s="2" t="s">
        <v>69039</v>
      </c>
      <c r="M7340" s="5" t="s">
        <v>1521</v>
      </c>
      <c r="N7340" s="5" t="s">
        <v>38</v>
      </c>
      <c r="O7340" s="5" t="s">
        <v>39</v>
      </c>
      <c r="P7340" s="5" t="s">
        <v>40</v>
      </c>
      <c r="Q7340" s="5" t="s">
        <v>1522</v>
      </c>
      <c r="R7340" s="5" t="s">
        <v>1523</v>
      </c>
      <c r="S7340" s="5" t="s">
        <v>42</v>
      </c>
      <c r="T7340" s="2">
        <v>3.8730000000000002</v>
      </c>
      <c r="U7340" s="2">
        <v>3.226</v>
      </c>
      <c r="V7340" s="2">
        <v>16.7</v>
      </c>
      <c r="W7340" s="2">
        <v>159.1</v>
      </c>
      <c r="X7340" s="2">
        <v>7.6</v>
      </c>
      <c r="Y7340" s="2">
        <v>16.7</v>
      </c>
      <c r="Z7340" s="5"/>
      <c r="AA7340" s="5" t="s">
        <v>43</v>
      </c>
      <c r="AB7340" s="5" t="s">
        <v>44</v>
      </c>
      <c r="AC7340" s="2"/>
      <c r="AD7340" s="1"/>
    </row>
    <row r="7341" spans="1:30">
      <c r="A7341" s="5" t="s">
        <v>83578</v>
      </c>
      <c r="B7341" s="2" t="s">
        <v>106142</v>
      </c>
      <c r="C7341" s="14" t="s">
        <v>106143</v>
      </c>
      <c r="D7341" s="2" t="s">
        <v>106144</v>
      </c>
      <c r="E7341" s="2" t="s">
        <v>7208</v>
      </c>
      <c r="F7341" s="8">
        <v>308</v>
      </c>
      <c r="G7341" s="5">
        <v>6</v>
      </c>
      <c r="H7341" s="5" t="s">
        <v>1518</v>
      </c>
      <c r="I7341" s="5" t="s">
        <v>69038</v>
      </c>
      <c r="J7341" s="2" t="s">
        <v>69039</v>
      </c>
      <c r="K7341" s="5" t="s">
        <v>69038</v>
      </c>
      <c r="L7341" s="2" t="s">
        <v>69039</v>
      </c>
      <c r="M7341" s="5" t="s">
        <v>1521</v>
      </c>
      <c r="N7341" s="5" t="s">
        <v>38</v>
      </c>
      <c r="O7341" s="5" t="s">
        <v>39</v>
      </c>
      <c r="P7341" s="5" t="s">
        <v>40</v>
      </c>
      <c r="Q7341" s="5" t="s">
        <v>1522</v>
      </c>
      <c r="R7341" s="5" t="s">
        <v>1523</v>
      </c>
      <c r="S7341" s="5" t="s">
        <v>42</v>
      </c>
      <c r="T7341" s="2">
        <v>3.9260000000000002</v>
      </c>
      <c r="U7341" s="2">
        <v>3.2879999999999998</v>
      </c>
      <c r="V7341" s="2">
        <v>16.7</v>
      </c>
      <c r="W7341" s="2">
        <v>159.1</v>
      </c>
      <c r="X7341" s="2">
        <v>7.6</v>
      </c>
      <c r="Y7341" s="2">
        <v>16.7</v>
      </c>
      <c r="Z7341" s="5"/>
      <c r="AA7341" s="5" t="s">
        <v>43</v>
      </c>
      <c r="AB7341" s="5" t="s">
        <v>44</v>
      </c>
      <c r="AC7341" s="2"/>
      <c r="AD7341" s="1"/>
    </row>
    <row r="7342" spans="1:30">
      <c r="A7342" s="5" t="s">
        <v>83578</v>
      </c>
      <c r="B7342" s="2" t="s">
        <v>106145</v>
      </c>
      <c r="C7342" s="14" t="s">
        <v>106146</v>
      </c>
      <c r="D7342" s="2" t="s">
        <v>106147</v>
      </c>
      <c r="E7342" s="2" t="s">
        <v>7521</v>
      </c>
      <c r="F7342" s="8">
        <v>308</v>
      </c>
      <c r="G7342" s="5">
        <v>6</v>
      </c>
      <c r="H7342" s="5" t="s">
        <v>1518</v>
      </c>
      <c r="I7342" s="5" t="s">
        <v>69038</v>
      </c>
      <c r="J7342" s="2" t="s">
        <v>69039</v>
      </c>
      <c r="K7342" s="5" t="s">
        <v>69038</v>
      </c>
      <c r="L7342" s="2" t="s">
        <v>69039</v>
      </c>
      <c r="M7342" s="5" t="s">
        <v>1521</v>
      </c>
      <c r="N7342" s="5" t="s">
        <v>38</v>
      </c>
      <c r="O7342" s="5" t="s">
        <v>39</v>
      </c>
      <c r="P7342" s="5" t="s">
        <v>40</v>
      </c>
      <c r="Q7342" s="5" t="s">
        <v>1522</v>
      </c>
      <c r="R7342" s="5" t="s">
        <v>1523</v>
      </c>
      <c r="S7342" s="5" t="s">
        <v>42</v>
      </c>
      <c r="T7342" s="2">
        <v>4.056</v>
      </c>
      <c r="U7342" s="2">
        <v>3.4180000000000001</v>
      </c>
      <c r="V7342" s="2">
        <v>16.7</v>
      </c>
      <c r="W7342" s="2">
        <v>159.1</v>
      </c>
      <c r="X7342" s="2">
        <v>7.6</v>
      </c>
      <c r="Y7342" s="2">
        <v>16.7</v>
      </c>
      <c r="Z7342" s="5"/>
      <c r="AA7342" s="5" t="s">
        <v>43</v>
      </c>
      <c r="AB7342" s="5" t="s">
        <v>44</v>
      </c>
      <c r="AC7342" s="2"/>
      <c r="AD7342" s="1"/>
    </row>
    <row r="7343" spans="1:30">
      <c r="A7343" s="5" t="s">
        <v>83578</v>
      </c>
      <c r="B7343" s="2" t="s">
        <v>106148</v>
      </c>
      <c r="C7343" s="14" t="s">
        <v>106149</v>
      </c>
      <c r="D7343" s="2" t="s">
        <v>106150</v>
      </c>
      <c r="E7343" s="2" t="s">
        <v>7406</v>
      </c>
      <c r="F7343" s="8">
        <v>334</v>
      </c>
      <c r="G7343" s="5">
        <v>6</v>
      </c>
      <c r="H7343" s="5" t="s">
        <v>1518</v>
      </c>
      <c r="I7343" s="5" t="s">
        <v>69038</v>
      </c>
      <c r="J7343" s="2" t="s">
        <v>69039</v>
      </c>
      <c r="K7343" s="5" t="s">
        <v>69038</v>
      </c>
      <c r="L7343" s="2" t="s">
        <v>69039</v>
      </c>
      <c r="M7343" s="5" t="s">
        <v>1521</v>
      </c>
      <c r="N7343" s="5" t="s">
        <v>38</v>
      </c>
      <c r="O7343" s="5" t="s">
        <v>39</v>
      </c>
      <c r="P7343" s="5" t="s">
        <v>40</v>
      </c>
      <c r="Q7343" s="5" t="s">
        <v>1522</v>
      </c>
      <c r="R7343" s="5" t="s">
        <v>1523</v>
      </c>
      <c r="S7343" s="5" t="s">
        <v>42</v>
      </c>
      <c r="T7343" s="2">
        <v>3.9260000000000002</v>
      </c>
      <c r="U7343" s="2">
        <v>3.2879999999999998</v>
      </c>
      <c r="V7343" s="2">
        <v>16.7</v>
      </c>
      <c r="W7343" s="2">
        <v>159.1</v>
      </c>
      <c r="X7343" s="2">
        <v>7.6</v>
      </c>
      <c r="Y7343" s="2">
        <v>16.7</v>
      </c>
      <c r="Z7343" s="5"/>
      <c r="AA7343" s="5" t="s">
        <v>43</v>
      </c>
      <c r="AB7343" s="5" t="s">
        <v>44</v>
      </c>
      <c r="AC7343" s="2"/>
      <c r="AD7343" s="1"/>
    </row>
    <row r="7344" spans="1:30">
      <c r="A7344" s="5" t="s">
        <v>83578</v>
      </c>
      <c r="B7344" s="2" t="s">
        <v>106151</v>
      </c>
      <c r="C7344" s="14" t="s">
        <v>106152</v>
      </c>
      <c r="D7344" s="2" t="s">
        <v>106153</v>
      </c>
      <c r="E7344" s="2" t="s">
        <v>7535</v>
      </c>
      <c r="F7344" s="8">
        <v>334</v>
      </c>
      <c r="G7344" s="5">
        <v>6</v>
      </c>
      <c r="H7344" s="5" t="s">
        <v>1518</v>
      </c>
      <c r="I7344" s="5" t="s">
        <v>69038</v>
      </c>
      <c r="J7344" s="2" t="s">
        <v>69039</v>
      </c>
      <c r="K7344" s="5" t="s">
        <v>69038</v>
      </c>
      <c r="L7344" s="2" t="s">
        <v>69039</v>
      </c>
      <c r="M7344" s="5" t="s">
        <v>1521</v>
      </c>
      <c r="N7344" s="5" t="s">
        <v>38</v>
      </c>
      <c r="O7344" s="5" t="s">
        <v>39</v>
      </c>
      <c r="P7344" s="5" t="s">
        <v>40</v>
      </c>
      <c r="Q7344" s="5" t="s">
        <v>1522</v>
      </c>
      <c r="R7344" s="5" t="s">
        <v>1523</v>
      </c>
      <c r="S7344" s="5" t="s">
        <v>42</v>
      </c>
      <c r="T7344" s="2">
        <v>4.056</v>
      </c>
      <c r="U7344" s="2">
        <v>3.4180000000000001</v>
      </c>
      <c r="V7344" s="2">
        <v>16.7</v>
      </c>
      <c r="W7344" s="2">
        <v>159.1</v>
      </c>
      <c r="X7344" s="2">
        <v>7.6</v>
      </c>
      <c r="Y7344" s="2">
        <v>16.7</v>
      </c>
      <c r="Z7344" s="5"/>
      <c r="AA7344" s="5" t="s">
        <v>43</v>
      </c>
      <c r="AB7344" s="5" t="s">
        <v>44</v>
      </c>
      <c r="AC7344" s="2"/>
      <c r="AD7344" s="1"/>
    </row>
    <row r="7345" spans="1:30">
      <c r="A7345" s="5" t="s">
        <v>83578</v>
      </c>
      <c r="B7345" s="2" t="s">
        <v>106154</v>
      </c>
      <c r="C7345" s="14" t="s">
        <v>106155</v>
      </c>
      <c r="D7345" s="2" t="s">
        <v>106156</v>
      </c>
      <c r="E7345" s="2" t="s">
        <v>7543</v>
      </c>
      <c r="F7345" s="8">
        <v>334</v>
      </c>
      <c r="G7345" s="5">
        <v>6</v>
      </c>
      <c r="H7345" s="5" t="s">
        <v>1518</v>
      </c>
      <c r="I7345" s="5" t="s">
        <v>69038</v>
      </c>
      <c r="J7345" s="2" t="s">
        <v>69039</v>
      </c>
      <c r="K7345" s="5" t="s">
        <v>69038</v>
      </c>
      <c r="L7345" s="2" t="s">
        <v>69039</v>
      </c>
      <c r="M7345" s="5" t="s">
        <v>1521</v>
      </c>
      <c r="N7345" s="5" t="s">
        <v>38</v>
      </c>
      <c r="O7345" s="5" t="s">
        <v>39</v>
      </c>
      <c r="P7345" s="5" t="s">
        <v>40</v>
      </c>
      <c r="Q7345" s="5" t="s">
        <v>1522</v>
      </c>
      <c r="R7345" s="5" t="s">
        <v>1523</v>
      </c>
      <c r="S7345" s="5" t="s">
        <v>42</v>
      </c>
      <c r="T7345" s="2">
        <v>4.056</v>
      </c>
      <c r="U7345" s="2">
        <v>3.4180000000000001</v>
      </c>
      <c r="V7345" s="2">
        <v>16.7</v>
      </c>
      <c r="W7345" s="2">
        <v>159.1</v>
      </c>
      <c r="X7345" s="2">
        <v>7.6</v>
      </c>
      <c r="Y7345" s="2">
        <v>16.7</v>
      </c>
      <c r="Z7345" s="5"/>
      <c r="AA7345" s="5" t="s">
        <v>43</v>
      </c>
      <c r="AB7345" s="5" t="s">
        <v>44</v>
      </c>
      <c r="AC7345" s="2"/>
      <c r="AD7345" s="1"/>
    </row>
    <row r="7346" spans="1:30">
      <c r="A7346" s="5" t="s">
        <v>83578</v>
      </c>
      <c r="B7346" s="2" t="s">
        <v>106157</v>
      </c>
      <c r="C7346" s="14" t="s">
        <v>106158</v>
      </c>
      <c r="D7346" s="2" t="s">
        <v>106159</v>
      </c>
      <c r="E7346" s="2" t="s">
        <v>7396</v>
      </c>
      <c r="F7346" s="8">
        <v>308</v>
      </c>
      <c r="G7346" s="5">
        <v>6</v>
      </c>
      <c r="H7346" s="5" t="s">
        <v>1518</v>
      </c>
      <c r="I7346" s="5" t="s">
        <v>69038</v>
      </c>
      <c r="J7346" s="2" t="s">
        <v>69039</v>
      </c>
      <c r="K7346" s="5" t="s">
        <v>69038</v>
      </c>
      <c r="L7346" s="2" t="s">
        <v>69039</v>
      </c>
      <c r="M7346" s="5" t="s">
        <v>1521</v>
      </c>
      <c r="N7346" s="5" t="s">
        <v>38</v>
      </c>
      <c r="O7346" s="5" t="s">
        <v>39</v>
      </c>
      <c r="P7346" s="5" t="s">
        <v>40</v>
      </c>
      <c r="Q7346" s="5" t="s">
        <v>1522</v>
      </c>
      <c r="R7346" s="5" t="s">
        <v>1523</v>
      </c>
      <c r="S7346" s="5" t="s">
        <v>42</v>
      </c>
      <c r="T7346" s="2">
        <v>3.9260000000000002</v>
      </c>
      <c r="U7346" s="2">
        <v>3.2879999999999998</v>
      </c>
      <c r="V7346" s="2">
        <v>16.7</v>
      </c>
      <c r="W7346" s="2">
        <v>159.1</v>
      </c>
      <c r="X7346" s="2">
        <v>7.6</v>
      </c>
      <c r="Y7346" s="2">
        <v>16.7</v>
      </c>
      <c r="Z7346" s="5"/>
      <c r="AA7346" s="5" t="s">
        <v>43</v>
      </c>
      <c r="AB7346" s="5" t="s">
        <v>44</v>
      </c>
      <c r="AC7346" s="2"/>
      <c r="AD7346" s="1"/>
    </row>
    <row r="7347" spans="1:30">
      <c r="A7347" s="5" t="s">
        <v>83578</v>
      </c>
      <c r="B7347" s="2" t="s">
        <v>106160</v>
      </c>
      <c r="C7347" s="14" t="s">
        <v>106161</v>
      </c>
      <c r="D7347" s="2" t="s">
        <v>106162</v>
      </c>
      <c r="E7347" s="2" t="s">
        <v>7507</v>
      </c>
      <c r="F7347" s="8">
        <v>308</v>
      </c>
      <c r="G7347" s="5">
        <v>6</v>
      </c>
      <c r="H7347" s="5" t="s">
        <v>1518</v>
      </c>
      <c r="I7347" s="5" t="s">
        <v>69038</v>
      </c>
      <c r="J7347" s="2" t="s">
        <v>69039</v>
      </c>
      <c r="K7347" s="5" t="s">
        <v>69038</v>
      </c>
      <c r="L7347" s="2" t="s">
        <v>69039</v>
      </c>
      <c r="M7347" s="5" t="s">
        <v>1521</v>
      </c>
      <c r="N7347" s="5" t="s">
        <v>38</v>
      </c>
      <c r="O7347" s="5" t="s">
        <v>39</v>
      </c>
      <c r="P7347" s="5" t="s">
        <v>40</v>
      </c>
      <c r="Q7347" s="5" t="s">
        <v>1522</v>
      </c>
      <c r="R7347" s="5" t="s">
        <v>1523</v>
      </c>
      <c r="S7347" s="5" t="s">
        <v>42</v>
      </c>
      <c r="T7347" s="2">
        <v>4.056</v>
      </c>
      <c r="U7347" s="2">
        <v>3.4180000000000001</v>
      </c>
      <c r="V7347" s="2">
        <v>16.7</v>
      </c>
      <c r="W7347" s="2">
        <v>159.1</v>
      </c>
      <c r="X7347" s="2">
        <v>7.6</v>
      </c>
      <c r="Y7347" s="2">
        <v>16.7</v>
      </c>
      <c r="Z7347" s="5"/>
      <c r="AA7347" s="5" t="s">
        <v>43</v>
      </c>
      <c r="AB7347" s="5" t="s">
        <v>44</v>
      </c>
      <c r="AC7347" s="2"/>
      <c r="AD7347" s="1"/>
    </row>
    <row r="7348" spans="1:30">
      <c r="A7348" s="5" t="s">
        <v>83578</v>
      </c>
      <c r="B7348" s="2" t="s">
        <v>106163</v>
      </c>
      <c r="C7348" s="14" t="s">
        <v>106164</v>
      </c>
      <c r="D7348" s="2" t="s">
        <v>106165</v>
      </c>
      <c r="E7348" s="2" t="s">
        <v>7547</v>
      </c>
      <c r="F7348" s="8">
        <v>334</v>
      </c>
      <c r="G7348" s="5">
        <v>6</v>
      </c>
      <c r="H7348" s="5" t="s">
        <v>1518</v>
      </c>
      <c r="I7348" s="5" t="s">
        <v>69038</v>
      </c>
      <c r="J7348" s="2" t="s">
        <v>69039</v>
      </c>
      <c r="K7348" s="5" t="s">
        <v>69038</v>
      </c>
      <c r="L7348" s="2" t="s">
        <v>69039</v>
      </c>
      <c r="M7348" s="5" t="s">
        <v>1521</v>
      </c>
      <c r="N7348" s="5" t="s">
        <v>38</v>
      </c>
      <c r="O7348" s="5" t="s">
        <v>39</v>
      </c>
      <c r="P7348" s="5" t="s">
        <v>40</v>
      </c>
      <c r="Q7348" s="5" t="s">
        <v>1522</v>
      </c>
      <c r="R7348" s="5" t="s">
        <v>1523</v>
      </c>
      <c r="S7348" s="5" t="s">
        <v>42</v>
      </c>
      <c r="T7348" s="2">
        <v>3.9260000000000002</v>
      </c>
      <c r="U7348" s="2">
        <v>3.2879999999999998</v>
      </c>
      <c r="V7348" s="2">
        <v>16.7</v>
      </c>
      <c r="W7348" s="2">
        <v>159.1</v>
      </c>
      <c r="X7348" s="2">
        <v>7.6</v>
      </c>
      <c r="Y7348" s="2">
        <v>16.7</v>
      </c>
      <c r="Z7348" s="5"/>
      <c r="AA7348" s="5" t="s">
        <v>43</v>
      </c>
      <c r="AB7348" s="5" t="s">
        <v>44</v>
      </c>
      <c r="AC7348" s="2"/>
      <c r="AD7348" s="1"/>
    </row>
    <row r="7349" spans="1:30">
      <c r="A7349" s="5" t="s">
        <v>83578</v>
      </c>
      <c r="B7349" s="2" t="s">
        <v>106166</v>
      </c>
      <c r="C7349" s="14" t="s">
        <v>106167</v>
      </c>
      <c r="D7349" s="2" t="s">
        <v>106168</v>
      </c>
      <c r="E7349" s="2" t="s">
        <v>7551</v>
      </c>
      <c r="F7349" s="8">
        <v>334</v>
      </c>
      <c r="G7349" s="5">
        <v>6</v>
      </c>
      <c r="H7349" s="5" t="s">
        <v>1518</v>
      </c>
      <c r="I7349" s="5" t="s">
        <v>69038</v>
      </c>
      <c r="J7349" s="2" t="s">
        <v>69039</v>
      </c>
      <c r="K7349" s="5" t="s">
        <v>69038</v>
      </c>
      <c r="L7349" s="2" t="s">
        <v>69039</v>
      </c>
      <c r="M7349" s="5" t="s">
        <v>1521</v>
      </c>
      <c r="N7349" s="5" t="s">
        <v>38</v>
      </c>
      <c r="O7349" s="5" t="s">
        <v>39</v>
      </c>
      <c r="P7349" s="5" t="s">
        <v>40</v>
      </c>
      <c r="Q7349" s="5" t="s">
        <v>1522</v>
      </c>
      <c r="R7349" s="5" t="s">
        <v>1523</v>
      </c>
      <c r="S7349" s="5" t="s">
        <v>42</v>
      </c>
      <c r="T7349" s="2">
        <v>4.056</v>
      </c>
      <c r="U7349" s="2">
        <v>3.4180000000000001</v>
      </c>
      <c r="V7349" s="2">
        <v>16.7</v>
      </c>
      <c r="W7349" s="2">
        <v>159.1</v>
      </c>
      <c r="X7349" s="2">
        <v>7.6</v>
      </c>
      <c r="Y7349" s="2">
        <v>16.7</v>
      </c>
      <c r="Z7349" s="5"/>
      <c r="AA7349" s="5" t="s">
        <v>43</v>
      </c>
      <c r="AB7349" s="5" t="s">
        <v>44</v>
      </c>
      <c r="AC7349" s="2"/>
      <c r="AD7349" s="1"/>
    </row>
    <row r="7350" spans="1:30">
      <c r="A7350" s="5" t="s">
        <v>83578</v>
      </c>
      <c r="B7350" s="2" t="s">
        <v>106169</v>
      </c>
      <c r="C7350" s="14" t="s">
        <v>106170</v>
      </c>
      <c r="D7350" s="2" t="s">
        <v>106171</v>
      </c>
      <c r="E7350" s="2" t="s">
        <v>7563</v>
      </c>
      <c r="F7350" s="8">
        <v>334</v>
      </c>
      <c r="G7350" s="5">
        <v>6</v>
      </c>
      <c r="H7350" s="5" t="s">
        <v>1518</v>
      </c>
      <c r="I7350" s="5" t="s">
        <v>69038</v>
      </c>
      <c r="J7350" s="2" t="s">
        <v>69039</v>
      </c>
      <c r="K7350" s="5" t="s">
        <v>69038</v>
      </c>
      <c r="L7350" s="2" t="s">
        <v>69039</v>
      </c>
      <c r="M7350" s="5" t="s">
        <v>1521</v>
      </c>
      <c r="N7350" s="5" t="s">
        <v>38</v>
      </c>
      <c r="O7350" s="5" t="s">
        <v>39</v>
      </c>
      <c r="P7350" s="5" t="s">
        <v>40</v>
      </c>
      <c r="Q7350" s="5" t="s">
        <v>1522</v>
      </c>
      <c r="R7350" s="5" t="s">
        <v>1523</v>
      </c>
      <c r="S7350" s="5" t="s">
        <v>42</v>
      </c>
      <c r="T7350" s="2">
        <v>3.9260000000000002</v>
      </c>
      <c r="U7350" s="2">
        <v>3.2879999999999998</v>
      </c>
      <c r="V7350" s="2">
        <v>16.7</v>
      </c>
      <c r="W7350" s="2">
        <v>159.1</v>
      </c>
      <c r="X7350" s="2">
        <v>7.6</v>
      </c>
      <c r="Y7350" s="2">
        <v>16.7</v>
      </c>
      <c r="Z7350" s="5"/>
      <c r="AA7350" s="5" t="s">
        <v>43</v>
      </c>
      <c r="AB7350" s="5" t="s">
        <v>44</v>
      </c>
      <c r="AC7350" s="2"/>
      <c r="AD7350" s="1"/>
    </row>
    <row r="7351" spans="1:30">
      <c r="A7351" s="5" t="s">
        <v>83578</v>
      </c>
      <c r="B7351" s="2" t="s">
        <v>106172</v>
      </c>
      <c r="C7351" s="14" t="s">
        <v>106173</v>
      </c>
      <c r="D7351" s="2" t="s">
        <v>106174</v>
      </c>
      <c r="E7351" s="2" t="s">
        <v>7567</v>
      </c>
      <c r="F7351" s="8">
        <v>334</v>
      </c>
      <c r="G7351" s="5">
        <v>6</v>
      </c>
      <c r="H7351" s="5" t="s">
        <v>1518</v>
      </c>
      <c r="I7351" s="5" t="s">
        <v>69038</v>
      </c>
      <c r="J7351" s="2" t="s">
        <v>69039</v>
      </c>
      <c r="K7351" s="5" t="s">
        <v>69038</v>
      </c>
      <c r="L7351" s="2" t="s">
        <v>69039</v>
      </c>
      <c r="M7351" s="5" t="s">
        <v>1521</v>
      </c>
      <c r="N7351" s="5" t="s">
        <v>38</v>
      </c>
      <c r="O7351" s="5" t="s">
        <v>39</v>
      </c>
      <c r="P7351" s="5" t="s">
        <v>40</v>
      </c>
      <c r="Q7351" s="5" t="s">
        <v>1522</v>
      </c>
      <c r="R7351" s="5" t="s">
        <v>1523</v>
      </c>
      <c r="S7351" s="5" t="s">
        <v>42</v>
      </c>
      <c r="T7351" s="2">
        <v>4.056</v>
      </c>
      <c r="U7351" s="2">
        <v>3.4180000000000001</v>
      </c>
      <c r="V7351" s="2">
        <v>16.7</v>
      </c>
      <c r="W7351" s="2">
        <v>159.1</v>
      </c>
      <c r="X7351" s="2">
        <v>7.6</v>
      </c>
      <c r="Y7351" s="2">
        <v>16.7</v>
      </c>
      <c r="Z7351" s="5"/>
      <c r="AA7351" s="5" t="s">
        <v>43</v>
      </c>
      <c r="AB7351" s="5" t="s">
        <v>44</v>
      </c>
      <c r="AC7351" s="2"/>
      <c r="AD7351" s="1"/>
    </row>
    <row r="7352" spans="1:30">
      <c r="A7352" s="5" t="s">
        <v>83578</v>
      </c>
      <c r="B7352" s="2" t="s">
        <v>106175</v>
      </c>
      <c r="C7352" s="14" t="s">
        <v>106176</v>
      </c>
      <c r="D7352" s="2" t="s">
        <v>106177</v>
      </c>
      <c r="E7352" s="2" t="s">
        <v>7555</v>
      </c>
      <c r="F7352" s="8">
        <v>334</v>
      </c>
      <c r="G7352" s="5">
        <v>6</v>
      </c>
      <c r="H7352" s="5" t="s">
        <v>1518</v>
      </c>
      <c r="I7352" s="5" t="s">
        <v>69038</v>
      </c>
      <c r="J7352" s="2" t="s">
        <v>69039</v>
      </c>
      <c r="K7352" s="5" t="s">
        <v>69038</v>
      </c>
      <c r="L7352" s="2" t="s">
        <v>69039</v>
      </c>
      <c r="M7352" s="5" t="s">
        <v>1521</v>
      </c>
      <c r="N7352" s="5" t="s">
        <v>38</v>
      </c>
      <c r="O7352" s="5" t="s">
        <v>39</v>
      </c>
      <c r="P7352" s="5" t="s">
        <v>40</v>
      </c>
      <c r="Q7352" s="5" t="s">
        <v>1522</v>
      </c>
      <c r="R7352" s="5" t="s">
        <v>1523</v>
      </c>
      <c r="S7352" s="5" t="s">
        <v>42</v>
      </c>
      <c r="T7352" s="2">
        <v>3.9260000000000002</v>
      </c>
      <c r="U7352" s="2">
        <v>3.2879999999999998</v>
      </c>
      <c r="V7352" s="2">
        <v>16.7</v>
      </c>
      <c r="W7352" s="2">
        <v>159.1</v>
      </c>
      <c r="X7352" s="2">
        <v>7.6</v>
      </c>
      <c r="Y7352" s="2">
        <v>16.7</v>
      </c>
      <c r="Z7352" s="5"/>
      <c r="AA7352" s="5" t="s">
        <v>43</v>
      </c>
      <c r="AB7352" s="5" t="s">
        <v>44</v>
      </c>
      <c r="AC7352" s="2"/>
      <c r="AD7352" s="1"/>
    </row>
    <row r="7353" spans="1:30">
      <c r="A7353" s="5" t="s">
        <v>83578</v>
      </c>
      <c r="B7353" s="2" t="s">
        <v>106178</v>
      </c>
      <c r="C7353" s="14" t="s">
        <v>106179</v>
      </c>
      <c r="D7353" s="2" t="s">
        <v>106180</v>
      </c>
      <c r="E7353" s="2" t="s">
        <v>7559</v>
      </c>
      <c r="F7353" s="8">
        <v>334</v>
      </c>
      <c r="G7353" s="5">
        <v>6</v>
      </c>
      <c r="H7353" s="5" t="s">
        <v>1518</v>
      </c>
      <c r="I7353" s="5" t="s">
        <v>69038</v>
      </c>
      <c r="J7353" s="2" t="s">
        <v>69039</v>
      </c>
      <c r="K7353" s="5" t="s">
        <v>69038</v>
      </c>
      <c r="L7353" s="2" t="s">
        <v>69039</v>
      </c>
      <c r="M7353" s="5" t="s">
        <v>1521</v>
      </c>
      <c r="N7353" s="5" t="s">
        <v>38</v>
      </c>
      <c r="O7353" s="5" t="s">
        <v>39</v>
      </c>
      <c r="P7353" s="5" t="s">
        <v>40</v>
      </c>
      <c r="Q7353" s="5" t="s">
        <v>1522</v>
      </c>
      <c r="R7353" s="5" t="s">
        <v>1523</v>
      </c>
      <c r="S7353" s="5" t="s">
        <v>42</v>
      </c>
      <c r="T7353" s="2">
        <v>4.056</v>
      </c>
      <c r="U7353" s="2">
        <v>3.4180000000000001</v>
      </c>
      <c r="V7353" s="2">
        <v>16.7</v>
      </c>
      <c r="W7353" s="2">
        <v>159.1</v>
      </c>
      <c r="X7353" s="2">
        <v>7.6</v>
      </c>
      <c r="Y7353" s="2">
        <v>16.7</v>
      </c>
      <c r="Z7353" s="5"/>
      <c r="AA7353" s="5" t="s">
        <v>43</v>
      </c>
      <c r="AB7353" s="5" t="s">
        <v>44</v>
      </c>
      <c r="AC7353" s="2"/>
      <c r="AD7353" s="1"/>
    </row>
    <row r="7354" spans="1:30">
      <c r="A7354" s="5" t="s">
        <v>83578</v>
      </c>
      <c r="B7354" s="2" t="s">
        <v>106181</v>
      </c>
      <c r="C7354" s="14" t="s">
        <v>106182</v>
      </c>
      <c r="D7354" s="2" t="s">
        <v>106183</v>
      </c>
      <c r="E7354" s="2" t="s">
        <v>16079</v>
      </c>
      <c r="F7354" s="8">
        <v>334</v>
      </c>
      <c r="G7354" s="5">
        <v>6</v>
      </c>
      <c r="H7354" s="5" t="s">
        <v>1518</v>
      </c>
      <c r="I7354" s="5" t="s">
        <v>69038</v>
      </c>
      <c r="J7354" s="2" t="s">
        <v>69039</v>
      </c>
      <c r="K7354" s="5" t="s">
        <v>69038</v>
      </c>
      <c r="L7354" s="2" t="s">
        <v>69039</v>
      </c>
      <c r="M7354" s="5" t="s">
        <v>1521</v>
      </c>
      <c r="N7354" s="5" t="s">
        <v>38</v>
      </c>
      <c r="O7354" s="5" t="s">
        <v>39</v>
      </c>
      <c r="P7354" s="5" t="s">
        <v>40</v>
      </c>
      <c r="Q7354" s="5" t="s">
        <v>1522</v>
      </c>
      <c r="R7354" s="5" t="s">
        <v>1523</v>
      </c>
      <c r="S7354" s="5" t="s">
        <v>42</v>
      </c>
      <c r="T7354" s="2">
        <v>3.9260000000000002</v>
      </c>
      <c r="U7354" s="2">
        <v>3.2879999999999998</v>
      </c>
      <c r="V7354" s="2">
        <v>16.7</v>
      </c>
      <c r="W7354" s="2">
        <v>159.1</v>
      </c>
      <c r="X7354" s="2">
        <v>7.6</v>
      </c>
      <c r="Y7354" s="2">
        <v>16.7</v>
      </c>
      <c r="Z7354" s="5"/>
      <c r="AA7354" s="5" t="s">
        <v>43</v>
      </c>
      <c r="AB7354" s="5" t="s">
        <v>44</v>
      </c>
      <c r="AC7354" s="2"/>
      <c r="AD7354" s="1"/>
    </row>
    <row r="7355" spans="1:30">
      <c r="A7355" s="5" t="s">
        <v>83578</v>
      </c>
      <c r="B7355" s="2" t="s">
        <v>106184</v>
      </c>
      <c r="C7355" s="14" t="s">
        <v>106185</v>
      </c>
      <c r="D7355" s="2" t="s">
        <v>106186</v>
      </c>
      <c r="E7355" s="2" t="s">
        <v>16194</v>
      </c>
      <c r="F7355" s="8">
        <v>334</v>
      </c>
      <c r="G7355" s="5">
        <v>6</v>
      </c>
      <c r="H7355" s="5" t="s">
        <v>1518</v>
      </c>
      <c r="I7355" s="5" t="s">
        <v>69038</v>
      </c>
      <c r="J7355" s="2" t="s">
        <v>69039</v>
      </c>
      <c r="K7355" s="5" t="s">
        <v>69038</v>
      </c>
      <c r="L7355" s="2" t="s">
        <v>69039</v>
      </c>
      <c r="M7355" s="5" t="s">
        <v>1521</v>
      </c>
      <c r="N7355" s="5" t="s">
        <v>38</v>
      </c>
      <c r="O7355" s="5" t="s">
        <v>39</v>
      </c>
      <c r="P7355" s="5" t="s">
        <v>40</v>
      </c>
      <c r="Q7355" s="5" t="s">
        <v>1522</v>
      </c>
      <c r="R7355" s="5" t="s">
        <v>1523</v>
      </c>
      <c r="S7355" s="5" t="s">
        <v>42</v>
      </c>
      <c r="T7355" s="2">
        <v>4.056</v>
      </c>
      <c r="U7355" s="2">
        <v>3.4180000000000001</v>
      </c>
      <c r="V7355" s="2">
        <v>16.7</v>
      </c>
      <c r="W7355" s="2">
        <v>159.1</v>
      </c>
      <c r="X7355" s="2">
        <v>7.6</v>
      </c>
      <c r="Y7355" s="2">
        <v>16.7</v>
      </c>
      <c r="Z7355" s="5"/>
      <c r="AA7355" s="5" t="s">
        <v>43</v>
      </c>
      <c r="AB7355" s="5" t="s">
        <v>44</v>
      </c>
      <c r="AC7355" s="2"/>
      <c r="AD7355" s="1"/>
    </row>
    <row r="7356" spans="1:30">
      <c r="A7356" s="5" t="s">
        <v>83578</v>
      </c>
      <c r="B7356" s="2" t="s">
        <v>106187</v>
      </c>
      <c r="C7356" s="14" t="s">
        <v>106188</v>
      </c>
      <c r="D7356" s="2" t="s">
        <v>106189</v>
      </c>
      <c r="E7356" s="2" t="s">
        <v>7581</v>
      </c>
      <c r="F7356" s="8">
        <v>334</v>
      </c>
      <c r="G7356" s="5">
        <v>6</v>
      </c>
      <c r="H7356" s="5" t="s">
        <v>1518</v>
      </c>
      <c r="I7356" s="5" t="s">
        <v>69038</v>
      </c>
      <c r="J7356" s="2" t="s">
        <v>69039</v>
      </c>
      <c r="K7356" s="5" t="s">
        <v>69038</v>
      </c>
      <c r="L7356" s="2" t="s">
        <v>69039</v>
      </c>
      <c r="M7356" s="5" t="s">
        <v>1521</v>
      </c>
      <c r="N7356" s="5" t="s">
        <v>38</v>
      </c>
      <c r="O7356" s="5" t="s">
        <v>39</v>
      </c>
      <c r="P7356" s="5" t="s">
        <v>40</v>
      </c>
      <c r="Q7356" s="5" t="s">
        <v>1522</v>
      </c>
      <c r="R7356" s="5" t="s">
        <v>1523</v>
      </c>
      <c r="S7356" s="5" t="s">
        <v>42</v>
      </c>
      <c r="T7356" s="2">
        <v>4.056</v>
      </c>
      <c r="U7356" s="2">
        <v>3.4180000000000001</v>
      </c>
      <c r="V7356" s="2">
        <v>16.7</v>
      </c>
      <c r="W7356" s="2">
        <v>159.1</v>
      </c>
      <c r="X7356" s="2">
        <v>7.6</v>
      </c>
      <c r="Y7356" s="2">
        <v>16.7</v>
      </c>
      <c r="Z7356" s="5"/>
      <c r="AA7356" s="5" t="s">
        <v>43</v>
      </c>
      <c r="AB7356" s="5" t="s">
        <v>44</v>
      </c>
      <c r="AC7356" s="2"/>
      <c r="AD7356" s="1"/>
    </row>
    <row r="7357" spans="1:30">
      <c r="A7357" s="5" t="s">
        <v>83578</v>
      </c>
      <c r="B7357" s="2" t="s">
        <v>106190</v>
      </c>
      <c r="C7357" s="14" t="s">
        <v>106191</v>
      </c>
      <c r="D7357" s="2" t="s">
        <v>106192</v>
      </c>
      <c r="E7357" s="2" t="s">
        <v>7585</v>
      </c>
      <c r="F7357" s="8">
        <v>334</v>
      </c>
      <c r="G7357" s="5">
        <v>6</v>
      </c>
      <c r="H7357" s="5" t="s">
        <v>1518</v>
      </c>
      <c r="I7357" s="5" t="s">
        <v>69038</v>
      </c>
      <c r="J7357" s="2" t="s">
        <v>69039</v>
      </c>
      <c r="K7357" s="5" t="s">
        <v>69038</v>
      </c>
      <c r="L7357" s="2" t="s">
        <v>69039</v>
      </c>
      <c r="M7357" s="5" t="s">
        <v>1521</v>
      </c>
      <c r="N7357" s="5" t="s">
        <v>38</v>
      </c>
      <c r="O7357" s="5" t="s">
        <v>39</v>
      </c>
      <c r="P7357" s="5" t="s">
        <v>40</v>
      </c>
      <c r="Q7357" s="5" t="s">
        <v>1522</v>
      </c>
      <c r="R7357" s="5" t="s">
        <v>1523</v>
      </c>
      <c r="S7357" s="5" t="s">
        <v>42</v>
      </c>
      <c r="T7357" s="2">
        <v>3.9260000000000002</v>
      </c>
      <c r="U7357" s="2">
        <v>3.2879999999999998</v>
      </c>
      <c r="V7357" s="2">
        <v>16.7</v>
      </c>
      <c r="W7357" s="2">
        <v>159.1</v>
      </c>
      <c r="X7357" s="2">
        <v>7.6</v>
      </c>
      <c r="Y7357" s="2">
        <v>16.7</v>
      </c>
      <c r="Z7357" s="5"/>
      <c r="AA7357" s="5" t="s">
        <v>43</v>
      </c>
      <c r="AB7357" s="5" t="s">
        <v>44</v>
      </c>
      <c r="AC7357" s="2"/>
      <c r="AD7357" s="1"/>
    </row>
    <row r="7358" spans="1:30">
      <c r="A7358" s="5" t="s">
        <v>83578</v>
      </c>
      <c r="B7358" s="2" t="s">
        <v>106193</v>
      </c>
      <c r="C7358" s="14" t="s">
        <v>106194</v>
      </c>
      <c r="D7358" s="2" t="s">
        <v>106195</v>
      </c>
      <c r="E7358" s="2" t="s">
        <v>7589</v>
      </c>
      <c r="F7358" s="8">
        <v>334</v>
      </c>
      <c r="G7358" s="5">
        <v>6</v>
      </c>
      <c r="H7358" s="5" t="s">
        <v>1518</v>
      </c>
      <c r="I7358" s="5" t="s">
        <v>69038</v>
      </c>
      <c r="J7358" s="2" t="s">
        <v>69039</v>
      </c>
      <c r="K7358" s="5" t="s">
        <v>69038</v>
      </c>
      <c r="L7358" s="2" t="s">
        <v>69039</v>
      </c>
      <c r="M7358" s="5" t="s">
        <v>1521</v>
      </c>
      <c r="N7358" s="5" t="s">
        <v>38</v>
      </c>
      <c r="O7358" s="5" t="s">
        <v>39</v>
      </c>
      <c r="P7358" s="5" t="s">
        <v>40</v>
      </c>
      <c r="Q7358" s="5" t="s">
        <v>1522</v>
      </c>
      <c r="R7358" s="5" t="s">
        <v>1523</v>
      </c>
      <c r="S7358" s="5" t="s">
        <v>42</v>
      </c>
      <c r="T7358" s="2">
        <v>4.056</v>
      </c>
      <c r="U7358" s="2">
        <v>3.4180000000000001</v>
      </c>
      <c r="V7358" s="2">
        <v>16.7</v>
      </c>
      <c r="W7358" s="2">
        <v>159.1</v>
      </c>
      <c r="X7358" s="2">
        <v>7.6</v>
      </c>
      <c r="Y7358" s="2">
        <v>16.7</v>
      </c>
      <c r="Z7358" s="5"/>
      <c r="AA7358" s="5" t="s">
        <v>43</v>
      </c>
      <c r="AB7358" s="5" t="s">
        <v>44</v>
      </c>
      <c r="AC7358" s="2"/>
      <c r="AD7358" s="1"/>
    </row>
    <row r="7359" spans="1:30">
      <c r="A7359" s="5" t="s">
        <v>83578</v>
      </c>
      <c r="B7359" s="2" t="s">
        <v>106196</v>
      </c>
      <c r="C7359" s="14" t="s">
        <v>106197</v>
      </c>
      <c r="D7359" s="2" t="s">
        <v>106198</v>
      </c>
      <c r="E7359" s="2" t="s">
        <v>7593</v>
      </c>
      <c r="F7359" s="8">
        <v>334</v>
      </c>
      <c r="G7359" s="5">
        <v>6</v>
      </c>
      <c r="H7359" s="5" t="s">
        <v>1518</v>
      </c>
      <c r="I7359" s="5" t="s">
        <v>69038</v>
      </c>
      <c r="J7359" s="2" t="s">
        <v>69039</v>
      </c>
      <c r="K7359" s="5" t="s">
        <v>69038</v>
      </c>
      <c r="L7359" s="2" t="s">
        <v>69039</v>
      </c>
      <c r="M7359" s="5" t="s">
        <v>1521</v>
      </c>
      <c r="N7359" s="5" t="s">
        <v>38</v>
      </c>
      <c r="O7359" s="5" t="s">
        <v>39</v>
      </c>
      <c r="P7359" s="5" t="s">
        <v>40</v>
      </c>
      <c r="Q7359" s="5" t="s">
        <v>1522</v>
      </c>
      <c r="R7359" s="5" t="s">
        <v>1523</v>
      </c>
      <c r="S7359" s="5" t="s">
        <v>42</v>
      </c>
      <c r="T7359" s="2">
        <v>3.9260000000000002</v>
      </c>
      <c r="U7359" s="2">
        <v>3.2879999999999998</v>
      </c>
      <c r="V7359" s="2">
        <v>16.7</v>
      </c>
      <c r="W7359" s="2">
        <v>159.1</v>
      </c>
      <c r="X7359" s="2">
        <v>7.6</v>
      </c>
      <c r="Y7359" s="2">
        <v>16.7</v>
      </c>
      <c r="Z7359" s="5"/>
      <c r="AA7359" s="5" t="s">
        <v>43</v>
      </c>
      <c r="AB7359" s="5" t="s">
        <v>44</v>
      </c>
      <c r="AC7359" s="2"/>
      <c r="AD7359" s="1"/>
    </row>
    <row r="7360" spans="1:30">
      <c r="A7360" s="5" t="s">
        <v>83578</v>
      </c>
      <c r="B7360" s="2" t="s">
        <v>106199</v>
      </c>
      <c r="C7360" s="14" t="s">
        <v>106200</v>
      </c>
      <c r="D7360" s="2" t="s">
        <v>106201</v>
      </c>
      <c r="E7360" s="2" t="s">
        <v>7597</v>
      </c>
      <c r="F7360" s="8">
        <v>334</v>
      </c>
      <c r="G7360" s="5">
        <v>6</v>
      </c>
      <c r="H7360" s="5" t="s">
        <v>1518</v>
      </c>
      <c r="I7360" s="5" t="s">
        <v>69038</v>
      </c>
      <c r="J7360" s="2" t="s">
        <v>69039</v>
      </c>
      <c r="K7360" s="5" t="s">
        <v>69038</v>
      </c>
      <c r="L7360" s="2" t="s">
        <v>69039</v>
      </c>
      <c r="M7360" s="5" t="s">
        <v>1521</v>
      </c>
      <c r="N7360" s="5" t="s">
        <v>38</v>
      </c>
      <c r="O7360" s="5" t="s">
        <v>39</v>
      </c>
      <c r="P7360" s="5" t="s">
        <v>40</v>
      </c>
      <c r="Q7360" s="5" t="s">
        <v>1522</v>
      </c>
      <c r="R7360" s="5" t="s">
        <v>1523</v>
      </c>
      <c r="S7360" s="5" t="s">
        <v>42</v>
      </c>
      <c r="T7360" s="2">
        <v>4.056</v>
      </c>
      <c r="U7360" s="2">
        <v>3.4180000000000001</v>
      </c>
      <c r="V7360" s="2">
        <v>16.7</v>
      </c>
      <c r="W7360" s="2">
        <v>159.1</v>
      </c>
      <c r="X7360" s="2">
        <v>7.6</v>
      </c>
      <c r="Y7360" s="2">
        <v>16.7</v>
      </c>
      <c r="Z7360" s="5"/>
      <c r="AA7360" s="5" t="s">
        <v>43</v>
      </c>
      <c r="AB7360" s="5" t="s">
        <v>44</v>
      </c>
      <c r="AC7360" s="2"/>
      <c r="AD7360" s="1"/>
    </row>
    <row r="7361" spans="1:30">
      <c r="A7361" s="5" t="s">
        <v>83578</v>
      </c>
      <c r="B7361" s="2" t="s">
        <v>106202</v>
      </c>
      <c r="C7361" s="14" t="s">
        <v>106203</v>
      </c>
      <c r="D7361" s="2" t="s">
        <v>106204</v>
      </c>
      <c r="E7361" s="2" t="s">
        <v>73358</v>
      </c>
      <c r="F7361" s="8">
        <v>334</v>
      </c>
      <c r="G7361" s="5">
        <v>6</v>
      </c>
      <c r="H7361" s="5" t="s">
        <v>1518</v>
      </c>
      <c r="I7361" s="5" t="s">
        <v>69038</v>
      </c>
      <c r="J7361" s="2" t="s">
        <v>69039</v>
      </c>
      <c r="K7361" s="5" t="s">
        <v>69038</v>
      </c>
      <c r="L7361" s="2" t="s">
        <v>69039</v>
      </c>
      <c r="M7361" s="5" t="s">
        <v>1521</v>
      </c>
      <c r="N7361" s="5" t="s">
        <v>38</v>
      </c>
      <c r="O7361" s="5" t="s">
        <v>39</v>
      </c>
      <c r="P7361" s="5" t="s">
        <v>40</v>
      </c>
      <c r="Q7361" s="5" t="s">
        <v>1522</v>
      </c>
      <c r="R7361" s="5" t="s">
        <v>1523</v>
      </c>
      <c r="S7361" s="5" t="s">
        <v>42</v>
      </c>
      <c r="T7361" s="2">
        <v>3.9260000000000002</v>
      </c>
      <c r="U7361" s="2">
        <v>3.2879999999999998</v>
      </c>
      <c r="V7361" s="2">
        <v>16.7</v>
      </c>
      <c r="W7361" s="2">
        <v>159.1</v>
      </c>
      <c r="X7361" s="2">
        <v>7.6</v>
      </c>
      <c r="Y7361" s="2">
        <v>16.7</v>
      </c>
      <c r="Z7361" s="5"/>
      <c r="AA7361" s="5" t="s">
        <v>43</v>
      </c>
      <c r="AB7361" s="5" t="s">
        <v>44</v>
      </c>
      <c r="AC7361" s="2"/>
      <c r="AD7361" s="1"/>
    </row>
    <row r="7362" spans="1:30">
      <c r="A7362" s="5" t="s">
        <v>83578</v>
      </c>
      <c r="B7362" s="2" t="s">
        <v>106205</v>
      </c>
      <c r="C7362" s="14" t="s">
        <v>106206</v>
      </c>
      <c r="D7362" s="2" t="s">
        <v>106207</v>
      </c>
      <c r="E7362" s="2" t="s">
        <v>73362</v>
      </c>
      <c r="F7362" s="8">
        <v>334</v>
      </c>
      <c r="G7362" s="5">
        <v>6</v>
      </c>
      <c r="H7362" s="5" t="s">
        <v>1518</v>
      </c>
      <c r="I7362" s="5" t="s">
        <v>69038</v>
      </c>
      <c r="J7362" s="2" t="s">
        <v>69039</v>
      </c>
      <c r="K7362" s="5" t="s">
        <v>69038</v>
      </c>
      <c r="L7362" s="2" t="s">
        <v>69039</v>
      </c>
      <c r="M7362" s="5" t="s">
        <v>1521</v>
      </c>
      <c r="N7362" s="5" t="s">
        <v>38</v>
      </c>
      <c r="O7362" s="5" t="s">
        <v>39</v>
      </c>
      <c r="P7362" s="5" t="s">
        <v>40</v>
      </c>
      <c r="Q7362" s="5" t="s">
        <v>1522</v>
      </c>
      <c r="R7362" s="5" t="s">
        <v>1523</v>
      </c>
      <c r="S7362" s="5" t="s">
        <v>42</v>
      </c>
      <c r="T7362" s="2">
        <v>4.056</v>
      </c>
      <c r="U7362" s="2">
        <v>3.4180000000000001</v>
      </c>
      <c r="V7362" s="2">
        <v>16.7</v>
      </c>
      <c r="W7362" s="2">
        <v>159.1</v>
      </c>
      <c r="X7362" s="2">
        <v>7.6</v>
      </c>
      <c r="Y7362" s="2">
        <v>16.7</v>
      </c>
      <c r="Z7362" s="5"/>
      <c r="AA7362" s="5" t="s">
        <v>43</v>
      </c>
      <c r="AB7362" s="5" t="s">
        <v>44</v>
      </c>
      <c r="AC7362" s="2"/>
      <c r="AD7362" s="1"/>
    </row>
    <row r="7363" spans="1:30">
      <c r="A7363" s="5" t="s">
        <v>83578</v>
      </c>
      <c r="B7363" s="2" t="s">
        <v>106208</v>
      </c>
      <c r="C7363" s="14" t="s">
        <v>106209</v>
      </c>
      <c r="D7363" s="2" t="s">
        <v>106210</v>
      </c>
      <c r="E7363" s="2" t="s">
        <v>7615</v>
      </c>
      <c r="F7363" s="8">
        <v>334</v>
      </c>
      <c r="G7363" s="5">
        <v>6</v>
      </c>
      <c r="H7363" s="5" t="s">
        <v>1518</v>
      </c>
      <c r="I7363" s="5" t="s">
        <v>69038</v>
      </c>
      <c r="J7363" s="2" t="s">
        <v>69039</v>
      </c>
      <c r="K7363" s="5" t="s">
        <v>69038</v>
      </c>
      <c r="L7363" s="2" t="s">
        <v>69039</v>
      </c>
      <c r="M7363" s="5" t="s">
        <v>1521</v>
      </c>
      <c r="N7363" s="5" t="s">
        <v>38</v>
      </c>
      <c r="O7363" s="5" t="s">
        <v>39</v>
      </c>
      <c r="P7363" s="5" t="s">
        <v>40</v>
      </c>
      <c r="Q7363" s="5" t="s">
        <v>1522</v>
      </c>
      <c r="R7363" s="5" t="s">
        <v>1523</v>
      </c>
      <c r="S7363" s="5" t="s">
        <v>42</v>
      </c>
      <c r="T7363" s="2">
        <v>3.9260000000000002</v>
      </c>
      <c r="U7363" s="2">
        <v>3.2879999999999998</v>
      </c>
      <c r="V7363" s="2">
        <v>16.7</v>
      </c>
      <c r="W7363" s="2">
        <v>159.1</v>
      </c>
      <c r="X7363" s="2">
        <v>7.6</v>
      </c>
      <c r="Y7363" s="2">
        <v>16.7</v>
      </c>
      <c r="Z7363" s="5"/>
      <c r="AA7363" s="5" t="s">
        <v>43</v>
      </c>
      <c r="AB7363" s="5" t="s">
        <v>44</v>
      </c>
      <c r="AC7363" s="2"/>
      <c r="AD7363" s="1"/>
    </row>
    <row r="7364" spans="1:30">
      <c r="A7364" s="5" t="s">
        <v>83578</v>
      </c>
      <c r="B7364" s="2" t="s">
        <v>106211</v>
      </c>
      <c r="C7364" s="14" t="s">
        <v>106212</v>
      </c>
      <c r="D7364" s="2" t="s">
        <v>106213</v>
      </c>
      <c r="E7364" s="2" t="s">
        <v>7619</v>
      </c>
      <c r="F7364" s="8">
        <v>334</v>
      </c>
      <c r="G7364" s="5">
        <v>6</v>
      </c>
      <c r="H7364" s="5" t="s">
        <v>1518</v>
      </c>
      <c r="I7364" s="5" t="s">
        <v>69038</v>
      </c>
      <c r="J7364" s="2" t="s">
        <v>69039</v>
      </c>
      <c r="K7364" s="5" t="s">
        <v>69038</v>
      </c>
      <c r="L7364" s="2" t="s">
        <v>69039</v>
      </c>
      <c r="M7364" s="5" t="s">
        <v>1521</v>
      </c>
      <c r="N7364" s="5" t="s">
        <v>38</v>
      </c>
      <c r="O7364" s="5" t="s">
        <v>39</v>
      </c>
      <c r="P7364" s="5" t="s">
        <v>40</v>
      </c>
      <c r="Q7364" s="5" t="s">
        <v>1522</v>
      </c>
      <c r="R7364" s="5" t="s">
        <v>1523</v>
      </c>
      <c r="S7364" s="5" t="s">
        <v>42</v>
      </c>
      <c r="T7364" s="2">
        <v>4.056</v>
      </c>
      <c r="U7364" s="2">
        <v>3.4180000000000001</v>
      </c>
      <c r="V7364" s="2">
        <v>16.7</v>
      </c>
      <c r="W7364" s="2">
        <v>159.1</v>
      </c>
      <c r="X7364" s="2">
        <v>7.6</v>
      </c>
      <c r="Y7364" s="2">
        <v>16.7</v>
      </c>
      <c r="Z7364" s="5"/>
      <c r="AA7364" s="5" t="s">
        <v>43</v>
      </c>
      <c r="AB7364" s="5" t="s">
        <v>44</v>
      </c>
      <c r="AC7364" s="2"/>
      <c r="AD7364" s="1"/>
    </row>
    <row r="7365" spans="1:30">
      <c r="A7365" s="5" t="s">
        <v>83578</v>
      </c>
      <c r="B7365" s="2" t="s">
        <v>106214</v>
      </c>
      <c r="C7365" s="14" t="s">
        <v>106215</v>
      </c>
      <c r="D7365" s="2" t="s">
        <v>106216</v>
      </c>
      <c r="E7365" s="2" t="s">
        <v>16014</v>
      </c>
      <c r="F7365" s="8">
        <v>334</v>
      </c>
      <c r="G7365" s="5">
        <v>6</v>
      </c>
      <c r="H7365" s="5" t="s">
        <v>1518</v>
      </c>
      <c r="I7365" s="5" t="s">
        <v>69038</v>
      </c>
      <c r="J7365" s="2" t="s">
        <v>69039</v>
      </c>
      <c r="K7365" s="5" t="s">
        <v>69038</v>
      </c>
      <c r="L7365" s="2" t="s">
        <v>69039</v>
      </c>
      <c r="M7365" s="5" t="s">
        <v>1521</v>
      </c>
      <c r="N7365" s="5" t="s">
        <v>38</v>
      </c>
      <c r="O7365" s="5" t="s">
        <v>39</v>
      </c>
      <c r="P7365" s="5" t="s">
        <v>40</v>
      </c>
      <c r="Q7365" s="5" t="s">
        <v>1522</v>
      </c>
      <c r="R7365" s="5" t="s">
        <v>1523</v>
      </c>
      <c r="S7365" s="5" t="s">
        <v>42</v>
      </c>
      <c r="T7365" s="2">
        <v>3.9260000000000002</v>
      </c>
      <c r="U7365" s="2">
        <v>3.2879999999999998</v>
      </c>
      <c r="V7365" s="2">
        <v>16.7</v>
      </c>
      <c r="W7365" s="2">
        <v>159.1</v>
      </c>
      <c r="X7365" s="2">
        <v>7.6</v>
      </c>
      <c r="Y7365" s="2">
        <v>16.7</v>
      </c>
      <c r="Z7365" s="5"/>
      <c r="AA7365" s="5" t="s">
        <v>43</v>
      </c>
      <c r="AB7365" s="5" t="s">
        <v>44</v>
      </c>
      <c r="AC7365" s="2"/>
      <c r="AD7365" s="1"/>
    </row>
    <row r="7366" spans="1:30">
      <c r="A7366" s="5" t="s">
        <v>83578</v>
      </c>
      <c r="B7366" s="2" t="s">
        <v>106217</v>
      </c>
      <c r="C7366" s="14" t="s">
        <v>106218</v>
      </c>
      <c r="D7366" s="2" t="s">
        <v>106219</v>
      </c>
      <c r="E7366" s="2" t="s">
        <v>16219</v>
      </c>
      <c r="F7366" s="8">
        <v>334</v>
      </c>
      <c r="G7366" s="5">
        <v>6</v>
      </c>
      <c r="H7366" s="5" t="s">
        <v>1518</v>
      </c>
      <c r="I7366" s="5" t="s">
        <v>69038</v>
      </c>
      <c r="J7366" s="2" t="s">
        <v>69039</v>
      </c>
      <c r="K7366" s="5" t="s">
        <v>69038</v>
      </c>
      <c r="L7366" s="2" t="s">
        <v>69039</v>
      </c>
      <c r="M7366" s="5" t="s">
        <v>1521</v>
      </c>
      <c r="N7366" s="5" t="s">
        <v>38</v>
      </c>
      <c r="O7366" s="5" t="s">
        <v>39</v>
      </c>
      <c r="P7366" s="5" t="s">
        <v>40</v>
      </c>
      <c r="Q7366" s="5" t="s">
        <v>1522</v>
      </c>
      <c r="R7366" s="5" t="s">
        <v>1523</v>
      </c>
      <c r="S7366" s="5" t="s">
        <v>42</v>
      </c>
      <c r="T7366" s="2">
        <v>4.056</v>
      </c>
      <c r="U7366" s="2">
        <v>3.4180000000000001</v>
      </c>
      <c r="V7366" s="2">
        <v>16.7</v>
      </c>
      <c r="W7366" s="2">
        <v>159.1</v>
      </c>
      <c r="X7366" s="2">
        <v>7.6</v>
      </c>
      <c r="Y7366" s="2">
        <v>16.7</v>
      </c>
      <c r="Z7366" s="5"/>
      <c r="AA7366" s="5" t="s">
        <v>43</v>
      </c>
      <c r="AB7366" s="5" t="s">
        <v>44</v>
      </c>
      <c r="AC7366" s="2"/>
      <c r="AD7366" s="1"/>
    </row>
    <row r="7367" spans="1:30">
      <c r="A7367" s="5" t="s">
        <v>83578</v>
      </c>
      <c r="B7367" s="2" t="s">
        <v>106220</v>
      </c>
      <c r="C7367" s="14" t="s">
        <v>106221</v>
      </c>
      <c r="D7367" s="2" t="s">
        <v>106222</v>
      </c>
      <c r="E7367" s="2" t="s">
        <v>7212</v>
      </c>
      <c r="F7367" s="8">
        <v>308</v>
      </c>
      <c r="G7367" s="5">
        <v>6</v>
      </c>
      <c r="H7367" s="5" t="s">
        <v>1518</v>
      </c>
      <c r="I7367" s="5" t="s">
        <v>69038</v>
      </c>
      <c r="J7367" s="2" t="s">
        <v>69039</v>
      </c>
      <c r="K7367" s="5" t="s">
        <v>69038</v>
      </c>
      <c r="L7367" s="2" t="s">
        <v>69039</v>
      </c>
      <c r="M7367" s="5" t="s">
        <v>1521</v>
      </c>
      <c r="N7367" s="5" t="s">
        <v>38</v>
      </c>
      <c r="O7367" s="5" t="s">
        <v>39</v>
      </c>
      <c r="P7367" s="5" t="s">
        <v>40</v>
      </c>
      <c r="Q7367" s="5" t="s">
        <v>1522</v>
      </c>
      <c r="R7367" s="5" t="s">
        <v>1523</v>
      </c>
      <c r="S7367" s="5" t="s">
        <v>42</v>
      </c>
      <c r="T7367" s="2">
        <v>3.9260000000000002</v>
      </c>
      <c r="U7367" s="2">
        <v>3.2879999999999998</v>
      </c>
      <c r="V7367" s="2">
        <v>16.7</v>
      </c>
      <c r="W7367" s="2">
        <v>159.1</v>
      </c>
      <c r="X7367" s="2">
        <v>7.6</v>
      </c>
      <c r="Y7367" s="2">
        <v>16.7</v>
      </c>
      <c r="Z7367" s="5"/>
      <c r="AA7367" s="5" t="s">
        <v>43</v>
      </c>
      <c r="AB7367" s="5" t="s">
        <v>44</v>
      </c>
      <c r="AC7367" s="2"/>
      <c r="AD7367" s="1"/>
    </row>
    <row r="7368" spans="1:30">
      <c r="A7368" s="5" t="s">
        <v>83578</v>
      </c>
      <c r="B7368" s="2" t="s">
        <v>106223</v>
      </c>
      <c r="C7368" s="14" t="s">
        <v>106224</v>
      </c>
      <c r="D7368" s="2" t="s">
        <v>106225</v>
      </c>
      <c r="E7368" s="2" t="s">
        <v>7528</v>
      </c>
      <c r="F7368" s="8">
        <v>308</v>
      </c>
      <c r="G7368" s="5">
        <v>6</v>
      </c>
      <c r="H7368" s="5" t="s">
        <v>1518</v>
      </c>
      <c r="I7368" s="5" t="s">
        <v>69038</v>
      </c>
      <c r="J7368" s="2" t="s">
        <v>69039</v>
      </c>
      <c r="K7368" s="5" t="s">
        <v>69038</v>
      </c>
      <c r="L7368" s="2" t="s">
        <v>69039</v>
      </c>
      <c r="M7368" s="5" t="s">
        <v>1521</v>
      </c>
      <c r="N7368" s="5" t="s">
        <v>38</v>
      </c>
      <c r="O7368" s="5" t="s">
        <v>39</v>
      </c>
      <c r="P7368" s="5" t="s">
        <v>40</v>
      </c>
      <c r="Q7368" s="5" t="s">
        <v>1522</v>
      </c>
      <c r="R7368" s="5" t="s">
        <v>1523</v>
      </c>
      <c r="S7368" s="5" t="s">
        <v>42</v>
      </c>
      <c r="T7368" s="2">
        <v>4.056</v>
      </c>
      <c r="U7368" s="2">
        <v>3.4180000000000001</v>
      </c>
      <c r="V7368" s="2">
        <v>16.7</v>
      </c>
      <c r="W7368" s="2">
        <v>159.1</v>
      </c>
      <c r="X7368" s="2">
        <v>7.6</v>
      </c>
      <c r="Y7368" s="2">
        <v>16.7</v>
      </c>
      <c r="Z7368" s="5"/>
      <c r="AA7368" s="5" t="s">
        <v>43</v>
      </c>
      <c r="AB7368" s="5" t="s">
        <v>44</v>
      </c>
      <c r="AC7368" s="2"/>
      <c r="AD7368" s="1"/>
    </row>
    <row r="7369" spans="1:30">
      <c r="A7369" s="5" t="s">
        <v>83578</v>
      </c>
      <c r="B7369" s="2" t="s">
        <v>106226</v>
      </c>
      <c r="C7369" s="14" t="s">
        <v>106227</v>
      </c>
      <c r="D7369" s="2" t="s">
        <v>106228</v>
      </c>
      <c r="E7369" s="2" t="s">
        <v>7535</v>
      </c>
      <c r="F7369" s="8">
        <v>300</v>
      </c>
      <c r="G7369" s="5">
        <v>6</v>
      </c>
      <c r="H7369" s="5" t="s">
        <v>1518</v>
      </c>
      <c r="I7369" s="5" t="s">
        <v>69038</v>
      </c>
      <c r="J7369" s="2" t="s">
        <v>69039</v>
      </c>
      <c r="K7369" s="5" t="s">
        <v>69038</v>
      </c>
      <c r="L7369" s="2" t="s">
        <v>69039</v>
      </c>
      <c r="M7369" s="5" t="s">
        <v>1521</v>
      </c>
      <c r="N7369" s="5" t="s">
        <v>38</v>
      </c>
      <c r="O7369" s="5" t="s">
        <v>39</v>
      </c>
      <c r="P7369" s="5" t="s">
        <v>40</v>
      </c>
      <c r="Q7369" s="5" t="s">
        <v>1522</v>
      </c>
      <c r="R7369" s="5" t="s">
        <v>1523</v>
      </c>
      <c r="S7369" s="5" t="s">
        <v>42</v>
      </c>
      <c r="T7369" s="2">
        <v>3.5409999999999999</v>
      </c>
      <c r="U7369" s="2">
        <v>2.8769999999999998</v>
      </c>
      <c r="V7369" s="2">
        <v>16.7</v>
      </c>
      <c r="W7369" s="2">
        <v>159.1</v>
      </c>
      <c r="X7369" s="2">
        <v>7.6</v>
      </c>
      <c r="Y7369" s="2">
        <v>16.7</v>
      </c>
      <c r="Z7369" s="5"/>
      <c r="AA7369" s="5" t="s">
        <v>43</v>
      </c>
      <c r="AB7369" s="5" t="s">
        <v>44</v>
      </c>
      <c r="AC7369" s="2"/>
      <c r="AD7369" s="1"/>
    </row>
    <row r="7370" spans="1:30">
      <c r="A7370" s="5" t="s">
        <v>83578</v>
      </c>
      <c r="B7370" s="2" t="s">
        <v>106229</v>
      </c>
      <c r="C7370" s="14" t="s">
        <v>106230</v>
      </c>
      <c r="D7370" s="2" t="s">
        <v>106231</v>
      </c>
      <c r="E7370" s="2" t="s">
        <v>16079</v>
      </c>
      <c r="F7370" s="8">
        <v>300</v>
      </c>
      <c r="G7370" s="5">
        <v>6</v>
      </c>
      <c r="H7370" s="5" t="s">
        <v>1518</v>
      </c>
      <c r="I7370" s="5" t="s">
        <v>69038</v>
      </c>
      <c r="J7370" s="2" t="s">
        <v>69039</v>
      </c>
      <c r="K7370" s="5" t="s">
        <v>69038</v>
      </c>
      <c r="L7370" s="2" t="s">
        <v>69039</v>
      </c>
      <c r="M7370" s="5" t="s">
        <v>1521</v>
      </c>
      <c r="N7370" s="5" t="s">
        <v>38</v>
      </c>
      <c r="O7370" s="5" t="s">
        <v>39</v>
      </c>
      <c r="P7370" s="5" t="s">
        <v>40</v>
      </c>
      <c r="Q7370" s="5" t="s">
        <v>1522</v>
      </c>
      <c r="R7370" s="5" t="s">
        <v>1523</v>
      </c>
      <c r="S7370" s="5" t="s">
        <v>42</v>
      </c>
      <c r="T7370" s="2">
        <v>3.4420000000000002</v>
      </c>
      <c r="U7370" s="2">
        <v>2.778</v>
      </c>
      <c r="V7370" s="2">
        <v>16.7</v>
      </c>
      <c r="W7370" s="2">
        <v>159.1</v>
      </c>
      <c r="X7370" s="2">
        <v>7.6</v>
      </c>
      <c r="Y7370" s="2">
        <v>16.7</v>
      </c>
      <c r="Z7370" s="5"/>
      <c r="AA7370" s="5" t="s">
        <v>43</v>
      </c>
      <c r="AB7370" s="5" t="s">
        <v>44</v>
      </c>
      <c r="AC7370" s="2"/>
      <c r="AD7370" s="1"/>
    </row>
    <row r="7371" spans="1:30">
      <c r="A7371" s="5" t="s">
        <v>83578</v>
      </c>
      <c r="B7371" s="2" t="s">
        <v>106232</v>
      </c>
      <c r="C7371" s="14" t="s">
        <v>106233</v>
      </c>
      <c r="D7371" s="2" t="s">
        <v>106234</v>
      </c>
      <c r="E7371" s="2" t="s">
        <v>16014</v>
      </c>
      <c r="F7371" s="8">
        <v>300</v>
      </c>
      <c r="G7371" s="5">
        <v>6</v>
      </c>
      <c r="H7371" s="5" t="s">
        <v>1518</v>
      </c>
      <c r="I7371" s="5" t="s">
        <v>69038</v>
      </c>
      <c r="J7371" s="2" t="s">
        <v>69039</v>
      </c>
      <c r="K7371" s="5" t="s">
        <v>69038</v>
      </c>
      <c r="L7371" s="2" t="s">
        <v>69039</v>
      </c>
      <c r="M7371" s="5" t="s">
        <v>1521</v>
      </c>
      <c r="N7371" s="5" t="s">
        <v>38</v>
      </c>
      <c r="O7371" s="5" t="s">
        <v>39</v>
      </c>
      <c r="P7371" s="5" t="s">
        <v>40</v>
      </c>
      <c r="Q7371" s="5" t="s">
        <v>1522</v>
      </c>
      <c r="R7371" s="5" t="s">
        <v>1523</v>
      </c>
      <c r="S7371" s="5" t="s">
        <v>42</v>
      </c>
      <c r="T7371" s="2">
        <v>3.4420000000000002</v>
      </c>
      <c r="U7371" s="2">
        <v>2.778</v>
      </c>
      <c r="V7371" s="2">
        <v>16.7</v>
      </c>
      <c r="W7371" s="2">
        <v>159.1</v>
      </c>
      <c r="X7371" s="2">
        <v>7.6</v>
      </c>
      <c r="Y7371" s="2">
        <v>16.7</v>
      </c>
      <c r="Z7371" s="5"/>
      <c r="AA7371" s="5" t="s">
        <v>43</v>
      </c>
      <c r="AB7371" s="5" t="s">
        <v>44</v>
      </c>
      <c r="AC7371" s="2"/>
      <c r="AD7371" s="1"/>
    </row>
    <row r="7372" spans="1:30">
      <c r="A7372" s="5" t="s">
        <v>83578</v>
      </c>
      <c r="B7372" s="2" t="s">
        <v>106235</v>
      </c>
      <c r="C7372" s="14" t="s">
        <v>106236</v>
      </c>
      <c r="D7372" s="2" t="s">
        <v>106237</v>
      </c>
      <c r="E7372" s="2" t="s">
        <v>7551</v>
      </c>
      <c r="F7372" s="8">
        <v>314</v>
      </c>
      <c r="G7372" s="5">
        <v>6</v>
      </c>
      <c r="H7372" s="5" t="s">
        <v>1518</v>
      </c>
      <c r="I7372" s="5" t="s">
        <v>69038</v>
      </c>
      <c r="J7372" s="2" t="s">
        <v>69039</v>
      </c>
      <c r="K7372" s="5" t="s">
        <v>69038</v>
      </c>
      <c r="L7372" s="2" t="s">
        <v>69039</v>
      </c>
      <c r="M7372" s="5" t="s">
        <v>1521</v>
      </c>
      <c r="N7372" s="5" t="s">
        <v>38</v>
      </c>
      <c r="O7372" s="5" t="s">
        <v>39</v>
      </c>
      <c r="P7372" s="5" t="s">
        <v>40</v>
      </c>
      <c r="Q7372" s="5" t="s">
        <v>1522</v>
      </c>
      <c r="R7372" s="5" t="s">
        <v>1523</v>
      </c>
      <c r="S7372" s="5" t="s">
        <v>42</v>
      </c>
      <c r="T7372" s="2">
        <v>3.919</v>
      </c>
      <c r="U7372" s="2">
        <v>3.274</v>
      </c>
      <c r="V7372" s="2">
        <v>16.7</v>
      </c>
      <c r="W7372" s="2">
        <v>159.1</v>
      </c>
      <c r="X7372" s="2">
        <v>7.6</v>
      </c>
      <c r="Y7372" s="2">
        <v>16.7</v>
      </c>
      <c r="Z7372" s="5"/>
      <c r="AA7372" s="5" t="s">
        <v>43</v>
      </c>
      <c r="AB7372" s="5" t="s">
        <v>44</v>
      </c>
      <c r="AC7372" s="2"/>
      <c r="AD7372" s="1"/>
    </row>
    <row r="7373" spans="1:30">
      <c r="A7373" s="5" t="s">
        <v>83578</v>
      </c>
      <c r="B7373" s="2" t="s">
        <v>106238</v>
      </c>
      <c r="C7373" s="14" t="s">
        <v>106239</v>
      </c>
      <c r="D7373" s="2" t="s">
        <v>106240</v>
      </c>
      <c r="E7373" s="2" t="s">
        <v>16079</v>
      </c>
      <c r="F7373" s="8">
        <v>314</v>
      </c>
      <c r="G7373" s="5">
        <v>6</v>
      </c>
      <c r="H7373" s="5" t="s">
        <v>1518</v>
      </c>
      <c r="I7373" s="5" t="s">
        <v>69038</v>
      </c>
      <c r="J7373" s="2" t="s">
        <v>69039</v>
      </c>
      <c r="K7373" s="5" t="s">
        <v>69038</v>
      </c>
      <c r="L7373" s="2" t="s">
        <v>69039</v>
      </c>
      <c r="M7373" s="5" t="s">
        <v>1521</v>
      </c>
      <c r="N7373" s="5" t="s">
        <v>38</v>
      </c>
      <c r="O7373" s="5" t="s">
        <v>39</v>
      </c>
      <c r="P7373" s="5" t="s">
        <v>40</v>
      </c>
      <c r="Q7373" s="5" t="s">
        <v>1522</v>
      </c>
      <c r="R7373" s="5" t="s">
        <v>1523</v>
      </c>
      <c r="S7373" s="5" t="s">
        <v>42</v>
      </c>
      <c r="T7373" s="2">
        <v>3.7970000000000002</v>
      </c>
      <c r="U7373" s="2">
        <v>3.1520000000000001</v>
      </c>
      <c r="V7373" s="2">
        <v>16.7</v>
      </c>
      <c r="W7373" s="2">
        <v>159.1</v>
      </c>
      <c r="X7373" s="2">
        <v>7.6</v>
      </c>
      <c r="Y7373" s="2">
        <v>16.7</v>
      </c>
      <c r="Z7373" s="5"/>
      <c r="AA7373" s="5" t="s">
        <v>43</v>
      </c>
      <c r="AB7373" s="5" t="s">
        <v>44</v>
      </c>
      <c r="AC7373" s="2"/>
      <c r="AD7373" s="1"/>
    </row>
    <row r="7374" spans="1:30">
      <c r="A7374" s="5" t="s">
        <v>83578</v>
      </c>
      <c r="B7374" s="2" t="s">
        <v>106241</v>
      </c>
      <c r="C7374" s="14" t="s">
        <v>106242</v>
      </c>
      <c r="D7374" s="2" t="s">
        <v>106243</v>
      </c>
      <c r="E7374" s="2" t="s">
        <v>16219</v>
      </c>
      <c r="F7374" s="8">
        <v>314</v>
      </c>
      <c r="G7374" s="5">
        <v>6</v>
      </c>
      <c r="H7374" s="5" t="s">
        <v>1518</v>
      </c>
      <c r="I7374" s="5" t="s">
        <v>69038</v>
      </c>
      <c r="J7374" s="2" t="s">
        <v>69039</v>
      </c>
      <c r="K7374" s="5" t="s">
        <v>69038</v>
      </c>
      <c r="L7374" s="2" t="s">
        <v>69039</v>
      </c>
      <c r="M7374" s="5" t="s">
        <v>1521</v>
      </c>
      <c r="N7374" s="5" t="s">
        <v>38</v>
      </c>
      <c r="O7374" s="5" t="s">
        <v>39</v>
      </c>
      <c r="P7374" s="5" t="s">
        <v>40</v>
      </c>
      <c r="Q7374" s="5" t="s">
        <v>1522</v>
      </c>
      <c r="R7374" s="5" t="s">
        <v>1523</v>
      </c>
      <c r="S7374" s="5" t="s">
        <v>42</v>
      </c>
      <c r="T7374" s="2">
        <v>3.919</v>
      </c>
      <c r="U7374" s="2">
        <v>3.274</v>
      </c>
      <c r="V7374" s="2">
        <v>16.7</v>
      </c>
      <c r="W7374" s="2">
        <v>159.1</v>
      </c>
      <c r="X7374" s="2">
        <v>7.6</v>
      </c>
      <c r="Y7374" s="2">
        <v>16.7</v>
      </c>
      <c r="Z7374" s="5"/>
      <c r="AA7374" s="5" t="s">
        <v>43</v>
      </c>
      <c r="AB7374" s="5" t="s">
        <v>44</v>
      </c>
      <c r="AC7374" s="2"/>
      <c r="AD7374" s="1"/>
    </row>
    <row r="7375" spans="1:30">
      <c r="A7375" s="5" t="s">
        <v>83578</v>
      </c>
      <c r="B7375" s="2" t="s">
        <v>106244</v>
      </c>
      <c r="C7375" s="14" t="s">
        <v>106245</v>
      </c>
      <c r="D7375" s="2" t="s">
        <v>106246</v>
      </c>
      <c r="E7375" s="2" t="s">
        <v>7547</v>
      </c>
      <c r="F7375" s="8">
        <v>334</v>
      </c>
      <c r="G7375" s="5">
        <v>6</v>
      </c>
      <c r="H7375" s="5" t="s">
        <v>1518</v>
      </c>
      <c r="I7375" s="5" t="s">
        <v>69038</v>
      </c>
      <c r="J7375" s="2" t="s">
        <v>69039</v>
      </c>
      <c r="K7375" s="5" t="s">
        <v>69038</v>
      </c>
      <c r="L7375" s="2" t="s">
        <v>69039</v>
      </c>
      <c r="M7375" s="5" t="s">
        <v>1521</v>
      </c>
      <c r="N7375" s="5" t="s">
        <v>38</v>
      </c>
      <c r="O7375" s="5" t="s">
        <v>39</v>
      </c>
      <c r="P7375" s="5" t="s">
        <v>40</v>
      </c>
      <c r="Q7375" s="5" t="s">
        <v>1522</v>
      </c>
      <c r="R7375" s="5" t="s">
        <v>1523</v>
      </c>
      <c r="S7375" s="5" t="s">
        <v>42</v>
      </c>
      <c r="T7375" s="2">
        <v>3.968</v>
      </c>
      <c r="U7375" s="2">
        <v>3.3319999999999999</v>
      </c>
      <c r="V7375" s="2">
        <v>16.7</v>
      </c>
      <c r="W7375" s="2">
        <v>159.1</v>
      </c>
      <c r="X7375" s="2">
        <v>7.6</v>
      </c>
      <c r="Y7375" s="2">
        <v>16.7</v>
      </c>
      <c r="Z7375" s="5"/>
      <c r="AA7375" s="5" t="s">
        <v>43</v>
      </c>
      <c r="AB7375" s="5" t="s">
        <v>44</v>
      </c>
      <c r="AC7375" s="2"/>
      <c r="AD7375" s="1"/>
    </row>
    <row r="7376" spans="1:30">
      <c r="A7376" s="5" t="s">
        <v>83578</v>
      </c>
      <c r="B7376" s="2" t="s">
        <v>106247</v>
      </c>
      <c r="C7376" s="14" t="s">
        <v>106248</v>
      </c>
      <c r="D7376" s="2" t="s">
        <v>106249</v>
      </c>
      <c r="E7376" s="2" t="s">
        <v>7551</v>
      </c>
      <c r="F7376" s="8">
        <v>334</v>
      </c>
      <c r="G7376" s="5">
        <v>6</v>
      </c>
      <c r="H7376" s="5" t="s">
        <v>1518</v>
      </c>
      <c r="I7376" s="5" t="s">
        <v>69038</v>
      </c>
      <c r="J7376" s="2" t="s">
        <v>69039</v>
      </c>
      <c r="K7376" s="5" t="s">
        <v>69038</v>
      </c>
      <c r="L7376" s="2" t="s">
        <v>69039</v>
      </c>
      <c r="M7376" s="5" t="s">
        <v>1521</v>
      </c>
      <c r="N7376" s="5" t="s">
        <v>38</v>
      </c>
      <c r="O7376" s="5" t="s">
        <v>39</v>
      </c>
      <c r="P7376" s="5" t="s">
        <v>40</v>
      </c>
      <c r="Q7376" s="5" t="s">
        <v>1522</v>
      </c>
      <c r="R7376" s="5" t="s">
        <v>1523</v>
      </c>
      <c r="S7376" s="5" t="s">
        <v>42</v>
      </c>
      <c r="T7376" s="2">
        <v>4.1020000000000003</v>
      </c>
      <c r="U7376" s="2">
        <v>3.4660000000000002</v>
      </c>
      <c r="V7376" s="2">
        <v>16.7</v>
      </c>
      <c r="W7376" s="2">
        <v>159.1</v>
      </c>
      <c r="X7376" s="2">
        <v>7.6</v>
      </c>
      <c r="Y7376" s="2">
        <v>16.7</v>
      </c>
      <c r="Z7376" s="5"/>
      <c r="AA7376" s="5" t="s">
        <v>43</v>
      </c>
      <c r="AB7376" s="5" t="s">
        <v>44</v>
      </c>
      <c r="AC7376" s="2"/>
      <c r="AD7376" s="1"/>
    </row>
    <row r="7377" spans="1:30">
      <c r="A7377" s="5" t="s">
        <v>83578</v>
      </c>
      <c r="B7377" s="2" t="s">
        <v>106250</v>
      </c>
      <c r="C7377" s="14" t="s">
        <v>106251</v>
      </c>
      <c r="D7377" s="2" t="s">
        <v>106252</v>
      </c>
      <c r="E7377" s="2" t="s">
        <v>7555</v>
      </c>
      <c r="F7377" s="8">
        <v>334</v>
      </c>
      <c r="G7377" s="5">
        <v>6</v>
      </c>
      <c r="H7377" s="5" t="s">
        <v>1518</v>
      </c>
      <c r="I7377" s="5" t="s">
        <v>69038</v>
      </c>
      <c r="J7377" s="2" t="s">
        <v>69039</v>
      </c>
      <c r="K7377" s="5" t="s">
        <v>69038</v>
      </c>
      <c r="L7377" s="2" t="s">
        <v>69039</v>
      </c>
      <c r="M7377" s="5" t="s">
        <v>1521</v>
      </c>
      <c r="N7377" s="5" t="s">
        <v>38</v>
      </c>
      <c r="O7377" s="5" t="s">
        <v>39</v>
      </c>
      <c r="P7377" s="5" t="s">
        <v>40</v>
      </c>
      <c r="Q7377" s="5" t="s">
        <v>1522</v>
      </c>
      <c r="R7377" s="5" t="s">
        <v>1523</v>
      </c>
      <c r="S7377" s="5" t="s">
        <v>42</v>
      </c>
      <c r="T7377" s="2">
        <v>3.968</v>
      </c>
      <c r="U7377" s="2">
        <v>3.3319999999999999</v>
      </c>
      <c r="V7377" s="2">
        <v>16.7</v>
      </c>
      <c r="W7377" s="2">
        <v>159.1</v>
      </c>
      <c r="X7377" s="2">
        <v>7.6</v>
      </c>
      <c r="Y7377" s="2">
        <v>16.7</v>
      </c>
      <c r="Z7377" s="5"/>
      <c r="AA7377" s="5" t="s">
        <v>43</v>
      </c>
      <c r="AB7377" s="5" t="s">
        <v>44</v>
      </c>
      <c r="AC7377" s="2"/>
      <c r="AD7377" s="1"/>
    </row>
    <row r="7378" spans="1:30">
      <c r="A7378" s="5" t="s">
        <v>83578</v>
      </c>
      <c r="B7378" s="2" t="s">
        <v>106253</v>
      </c>
      <c r="C7378" s="14" t="s">
        <v>106254</v>
      </c>
      <c r="D7378" s="2" t="s">
        <v>106255</v>
      </c>
      <c r="E7378" s="2" t="s">
        <v>7559</v>
      </c>
      <c r="F7378" s="8">
        <v>334</v>
      </c>
      <c r="G7378" s="5">
        <v>6</v>
      </c>
      <c r="H7378" s="5" t="s">
        <v>1518</v>
      </c>
      <c r="I7378" s="5" t="s">
        <v>69038</v>
      </c>
      <c r="J7378" s="2" t="s">
        <v>69039</v>
      </c>
      <c r="K7378" s="5" t="s">
        <v>69038</v>
      </c>
      <c r="L7378" s="2" t="s">
        <v>69039</v>
      </c>
      <c r="M7378" s="5" t="s">
        <v>1521</v>
      </c>
      <c r="N7378" s="5" t="s">
        <v>38</v>
      </c>
      <c r="O7378" s="5" t="s">
        <v>39</v>
      </c>
      <c r="P7378" s="5" t="s">
        <v>40</v>
      </c>
      <c r="Q7378" s="5" t="s">
        <v>1522</v>
      </c>
      <c r="R7378" s="5" t="s">
        <v>1523</v>
      </c>
      <c r="S7378" s="5" t="s">
        <v>42</v>
      </c>
      <c r="T7378" s="2">
        <v>4.1020000000000003</v>
      </c>
      <c r="U7378" s="2">
        <v>3.4660000000000002</v>
      </c>
      <c r="V7378" s="2">
        <v>16.7</v>
      </c>
      <c r="W7378" s="2">
        <v>159.1</v>
      </c>
      <c r="X7378" s="2">
        <v>7.6</v>
      </c>
      <c r="Y7378" s="2">
        <v>16.7</v>
      </c>
      <c r="Z7378" s="5"/>
      <c r="AA7378" s="5" t="s">
        <v>43</v>
      </c>
      <c r="AB7378" s="5" t="s">
        <v>44</v>
      </c>
      <c r="AC7378" s="2"/>
      <c r="AD7378" s="1"/>
    </row>
    <row r="7379" spans="1:30">
      <c r="A7379" s="5" t="s">
        <v>83578</v>
      </c>
      <c r="B7379" s="2" t="s">
        <v>106256</v>
      </c>
      <c r="C7379" s="14" t="s">
        <v>106257</v>
      </c>
      <c r="D7379" s="2" t="s">
        <v>106258</v>
      </c>
      <c r="E7379" s="2" t="s">
        <v>16079</v>
      </c>
      <c r="F7379" s="8">
        <v>334</v>
      </c>
      <c r="G7379" s="5">
        <v>6</v>
      </c>
      <c r="H7379" s="5" t="s">
        <v>1518</v>
      </c>
      <c r="I7379" s="5" t="s">
        <v>69038</v>
      </c>
      <c r="J7379" s="2" t="s">
        <v>69039</v>
      </c>
      <c r="K7379" s="5" t="s">
        <v>69038</v>
      </c>
      <c r="L7379" s="2" t="s">
        <v>69039</v>
      </c>
      <c r="M7379" s="5" t="s">
        <v>1521</v>
      </c>
      <c r="N7379" s="5" t="s">
        <v>38</v>
      </c>
      <c r="O7379" s="5" t="s">
        <v>39</v>
      </c>
      <c r="P7379" s="5" t="s">
        <v>40</v>
      </c>
      <c r="Q7379" s="5" t="s">
        <v>1522</v>
      </c>
      <c r="R7379" s="5" t="s">
        <v>1523</v>
      </c>
      <c r="S7379" s="5" t="s">
        <v>42</v>
      </c>
      <c r="T7379" s="2">
        <v>3.968</v>
      </c>
      <c r="U7379" s="2">
        <v>3.3319999999999999</v>
      </c>
      <c r="V7379" s="2">
        <v>16.7</v>
      </c>
      <c r="W7379" s="2">
        <v>159.1</v>
      </c>
      <c r="X7379" s="2">
        <v>7.6</v>
      </c>
      <c r="Y7379" s="2">
        <v>16.7</v>
      </c>
      <c r="Z7379" s="5"/>
      <c r="AA7379" s="5" t="s">
        <v>43</v>
      </c>
      <c r="AB7379" s="5" t="s">
        <v>44</v>
      </c>
      <c r="AC7379" s="2"/>
      <c r="AD7379" s="1"/>
    </row>
    <row r="7380" spans="1:30">
      <c r="A7380" s="5" t="s">
        <v>83578</v>
      </c>
      <c r="B7380" s="2" t="s">
        <v>106259</v>
      </c>
      <c r="C7380" s="14" t="s">
        <v>106260</v>
      </c>
      <c r="D7380" s="2" t="s">
        <v>106261</v>
      </c>
      <c r="E7380" s="2" t="s">
        <v>16194</v>
      </c>
      <c r="F7380" s="8">
        <v>334</v>
      </c>
      <c r="G7380" s="5">
        <v>6</v>
      </c>
      <c r="H7380" s="5" t="s">
        <v>1518</v>
      </c>
      <c r="I7380" s="5" t="s">
        <v>69038</v>
      </c>
      <c r="J7380" s="2" t="s">
        <v>69039</v>
      </c>
      <c r="K7380" s="5" t="s">
        <v>69038</v>
      </c>
      <c r="L7380" s="2" t="s">
        <v>69039</v>
      </c>
      <c r="M7380" s="5" t="s">
        <v>1521</v>
      </c>
      <c r="N7380" s="5" t="s">
        <v>38</v>
      </c>
      <c r="O7380" s="5" t="s">
        <v>39</v>
      </c>
      <c r="P7380" s="5" t="s">
        <v>40</v>
      </c>
      <c r="Q7380" s="5" t="s">
        <v>1522</v>
      </c>
      <c r="R7380" s="5" t="s">
        <v>1523</v>
      </c>
      <c r="S7380" s="5" t="s">
        <v>42</v>
      </c>
      <c r="T7380" s="2">
        <v>4.1020000000000003</v>
      </c>
      <c r="U7380" s="2">
        <v>3.4660000000000002</v>
      </c>
      <c r="V7380" s="2">
        <v>16.7</v>
      </c>
      <c r="W7380" s="2">
        <v>159.1</v>
      </c>
      <c r="X7380" s="2">
        <v>7.6</v>
      </c>
      <c r="Y7380" s="2">
        <v>16.7</v>
      </c>
      <c r="Z7380" s="5"/>
      <c r="AA7380" s="5" t="s">
        <v>43</v>
      </c>
      <c r="AB7380" s="5" t="s">
        <v>44</v>
      </c>
      <c r="AC7380" s="2"/>
      <c r="AD7380" s="1"/>
    </row>
    <row r="7381" spans="1:30">
      <c r="A7381" s="5" t="s">
        <v>83578</v>
      </c>
      <c r="B7381" s="2" t="s">
        <v>106262</v>
      </c>
      <c r="C7381" s="14" t="s">
        <v>106263</v>
      </c>
      <c r="D7381" s="2" t="s">
        <v>106264</v>
      </c>
      <c r="E7381" s="2" t="s">
        <v>7449</v>
      </c>
      <c r="F7381" s="8">
        <v>334</v>
      </c>
      <c r="G7381" s="5">
        <v>6</v>
      </c>
      <c r="H7381" s="5" t="s">
        <v>1518</v>
      </c>
      <c r="I7381" s="5" t="s">
        <v>69038</v>
      </c>
      <c r="J7381" s="2" t="s">
        <v>69039</v>
      </c>
      <c r="K7381" s="5" t="s">
        <v>69038</v>
      </c>
      <c r="L7381" s="2" t="s">
        <v>69039</v>
      </c>
      <c r="M7381" s="5" t="s">
        <v>1521</v>
      </c>
      <c r="N7381" s="5" t="s">
        <v>38</v>
      </c>
      <c r="O7381" s="5" t="s">
        <v>39</v>
      </c>
      <c r="P7381" s="5" t="s">
        <v>40</v>
      </c>
      <c r="Q7381" s="5" t="s">
        <v>1522</v>
      </c>
      <c r="R7381" s="5" t="s">
        <v>1523</v>
      </c>
      <c r="S7381" s="5" t="s">
        <v>42</v>
      </c>
      <c r="T7381" s="2">
        <v>3.968</v>
      </c>
      <c r="U7381" s="2">
        <v>3.3319999999999999</v>
      </c>
      <c r="V7381" s="2">
        <v>16.7</v>
      </c>
      <c r="W7381" s="2">
        <v>159.1</v>
      </c>
      <c r="X7381" s="2">
        <v>7.6</v>
      </c>
      <c r="Y7381" s="2">
        <v>16.7</v>
      </c>
      <c r="Z7381" s="5"/>
      <c r="AA7381" s="5" t="s">
        <v>43</v>
      </c>
      <c r="AB7381" s="5" t="s">
        <v>44</v>
      </c>
      <c r="AC7381" s="2"/>
      <c r="AD7381" s="1"/>
    </row>
    <row r="7382" spans="1:30">
      <c r="A7382" s="5" t="s">
        <v>83578</v>
      </c>
      <c r="B7382" s="2" t="s">
        <v>106265</v>
      </c>
      <c r="C7382" s="14" t="s">
        <v>106266</v>
      </c>
      <c r="D7382" s="2" t="s">
        <v>106267</v>
      </c>
      <c r="E7382" s="2" t="s">
        <v>7585</v>
      </c>
      <c r="F7382" s="8">
        <v>334</v>
      </c>
      <c r="G7382" s="5">
        <v>6</v>
      </c>
      <c r="H7382" s="5" t="s">
        <v>1518</v>
      </c>
      <c r="I7382" s="5" t="s">
        <v>69038</v>
      </c>
      <c r="J7382" s="2" t="s">
        <v>69039</v>
      </c>
      <c r="K7382" s="5" t="s">
        <v>69038</v>
      </c>
      <c r="L7382" s="2" t="s">
        <v>69039</v>
      </c>
      <c r="M7382" s="5" t="s">
        <v>1521</v>
      </c>
      <c r="N7382" s="5" t="s">
        <v>38</v>
      </c>
      <c r="O7382" s="5" t="s">
        <v>39</v>
      </c>
      <c r="P7382" s="5" t="s">
        <v>40</v>
      </c>
      <c r="Q7382" s="5" t="s">
        <v>1522</v>
      </c>
      <c r="R7382" s="5" t="s">
        <v>1523</v>
      </c>
      <c r="S7382" s="5" t="s">
        <v>42</v>
      </c>
      <c r="T7382" s="2">
        <v>3.968</v>
      </c>
      <c r="U7382" s="2">
        <v>3.3319999999999999</v>
      </c>
      <c r="V7382" s="2">
        <v>16.7</v>
      </c>
      <c r="W7382" s="2">
        <v>159.1</v>
      </c>
      <c r="X7382" s="2">
        <v>7.6</v>
      </c>
      <c r="Y7382" s="2">
        <v>16.7</v>
      </c>
      <c r="Z7382" s="5"/>
      <c r="AA7382" s="5" t="s">
        <v>43</v>
      </c>
      <c r="AB7382" s="5" t="s">
        <v>44</v>
      </c>
      <c r="AC7382" s="2"/>
      <c r="AD7382" s="1"/>
    </row>
    <row r="7383" spans="1:30">
      <c r="A7383" s="5" t="s">
        <v>83578</v>
      </c>
      <c r="B7383" s="2" t="s">
        <v>106268</v>
      </c>
      <c r="C7383" s="14" t="s">
        <v>106269</v>
      </c>
      <c r="D7383" s="2" t="s">
        <v>106270</v>
      </c>
      <c r="E7383" s="2" t="s">
        <v>7593</v>
      </c>
      <c r="F7383" s="8">
        <v>334</v>
      </c>
      <c r="G7383" s="5">
        <v>6</v>
      </c>
      <c r="H7383" s="5" t="s">
        <v>1518</v>
      </c>
      <c r="I7383" s="5" t="s">
        <v>69038</v>
      </c>
      <c r="J7383" s="2" t="s">
        <v>69039</v>
      </c>
      <c r="K7383" s="5" t="s">
        <v>69038</v>
      </c>
      <c r="L7383" s="2" t="s">
        <v>69039</v>
      </c>
      <c r="M7383" s="5" t="s">
        <v>1521</v>
      </c>
      <c r="N7383" s="5" t="s">
        <v>38</v>
      </c>
      <c r="O7383" s="5" t="s">
        <v>39</v>
      </c>
      <c r="P7383" s="5" t="s">
        <v>40</v>
      </c>
      <c r="Q7383" s="5" t="s">
        <v>1522</v>
      </c>
      <c r="R7383" s="5" t="s">
        <v>1523</v>
      </c>
      <c r="S7383" s="5" t="s">
        <v>42</v>
      </c>
      <c r="T7383" s="2">
        <v>3.968</v>
      </c>
      <c r="U7383" s="2">
        <v>3.3319999999999999</v>
      </c>
      <c r="V7383" s="2">
        <v>16.7</v>
      </c>
      <c r="W7383" s="2">
        <v>159.1</v>
      </c>
      <c r="X7383" s="2">
        <v>7.6</v>
      </c>
      <c r="Y7383" s="2">
        <v>16.7</v>
      </c>
      <c r="Z7383" s="5"/>
      <c r="AA7383" s="5" t="s">
        <v>43</v>
      </c>
      <c r="AB7383" s="5" t="s">
        <v>44</v>
      </c>
      <c r="AC7383" s="2"/>
      <c r="AD7383" s="1"/>
    </row>
    <row r="7384" spans="1:30">
      <c r="A7384" s="5" t="s">
        <v>83578</v>
      </c>
      <c r="B7384" s="2" t="s">
        <v>106271</v>
      </c>
      <c r="C7384" s="14" t="s">
        <v>106272</v>
      </c>
      <c r="D7384" s="2" t="s">
        <v>106273</v>
      </c>
      <c r="E7384" s="2" t="s">
        <v>7597</v>
      </c>
      <c r="F7384" s="8">
        <v>334</v>
      </c>
      <c r="G7384" s="5">
        <v>6</v>
      </c>
      <c r="H7384" s="5" t="s">
        <v>1518</v>
      </c>
      <c r="I7384" s="5" t="s">
        <v>69038</v>
      </c>
      <c r="J7384" s="2" t="s">
        <v>69039</v>
      </c>
      <c r="K7384" s="5" t="s">
        <v>69038</v>
      </c>
      <c r="L7384" s="2" t="s">
        <v>69039</v>
      </c>
      <c r="M7384" s="5" t="s">
        <v>1521</v>
      </c>
      <c r="N7384" s="5" t="s">
        <v>38</v>
      </c>
      <c r="O7384" s="5" t="s">
        <v>39</v>
      </c>
      <c r="P7384" s="5" t="s">
        <v>40</v>
      </c>
      <c r="Q7384" s="5" t="s">
        <v>1522</v>
      </c>
      <c r="R7384" s="5" t="s">
        <v>1523</v>
      </c>
      <c r="S7384" s="5" t="s">
        <v>42</v>
      </c>
      <c r="T7384" s="2">
        <v>4.1020000000000003</v>
      </c>
      <c r="U7384" s="2">
        <v>3.4660000000000002</v>
      </c>
      <c r="V7384" s="2">
        <v>16.7</v>
      </c>
      <c r="W7384" s="2">
        <v>159.1</v>
      </c>
      <c r="X7384" s="2">
        <v>7.6</v>
      </c>
      <c r="Y7384" s="2">
        <v>16.7</v>
      </c>
      <c r="Z7384" s="5"/>
      <c r="AA7384" s="5" t="s">
        <v>43</v>
      </c>
      <c r="AB7384" s="5" t="s">
        <v>44</v>
      </c>
      <c r="AC7384" s="2"/>
      <c r="AD7384" s="1"/>
    </row>
    <row r="7385" spans="1:30">
      <c r="A7385" s="5" t="s">
        <v>83578</v>
      </c>
      <c r="B7385" s="2" t="s">
        <v>106274</v>
      </c>
      <c r="C7385" s="14" t="s">
        <v>106275</v>
      </c>
      <c r="D7385" s="2" t="s">
        <v>106276</v>
      </c>
      <c r="E7385" s="2" t="s">
        <v>7615</v>
      </c>
      <c r="F7385" s="8">
        <v>334</v>
      </c>
      <c r="G7385" s="5">
        <v>6</v>
      </c>
      <c r="H7385" s="5" t="s">
        <v>1518</v>
      </c>
      <c r="I7385" s="5" t="s">
        <v>69038</v>
      </c>
      <c r="J7385" s="2" t="s">
        <v>69039</v>
      </c>
      <c r="K7385" s="5" t="s">
        <v>69038</v>
      </c>
      <c r="L7385" s="2" t="s">
        <v>69039</v>
      </c>
      <c r="M7385" s="5" t="s">
        <v>1521</v>
      </c>
      <c r="N7385" s="5" t="s">
        <v>38</v>
      </c>
      <c r="O7385" s="5" t="s">
        <v>39</v>
      </c>
      <c r="P7385" s="5" t="s">
        <v>40</v>
      </c>
      <c r="Q7385" s="5" t="s">
        <v>1522</v>
      </c>
      <c r="R7385" s="5" t="s">
        <v>1523</v>
      </c>
      <c r="S7385" s="5" t="s">
        <v>42</v>
      </c>
      <c r="T7385" s="2">
        <v>3.968</v>
      </c>
      <c r="U7385" s="2">
        <v>3.3319999999999999</v>
      </c>
      <c r="V7385" s="2">
        <v>16.7</v>
      </c>
      <c r="W7385" s="2">
        <v>159.1</v>
      </c>
      <c r="X7385" s="2">
        <v>7.6</v>
      </c>
      <c r="Y7385" s="2">
        <v>16.7</v>
      </c>
      <c r="Z7385" s="5"/>
      <c r="AA7385" s="5" t="s">
        <v>43</v>
      </c>
      <c r="AB7385" s="5" t="s">
        <v>44</v>
      </c>
      <c r="AC7385" s="2"/>
      <c r="AD7385" s="1"/>
    </row>
    <row r="7386" spans="1:30">
      <c r="A7386" s="5" t="s">
        <v>83578</v>
      </c>
      <c r="B7386" s="2" t="s">
        <v>106277</v>
      </c>
      <c r="C7386" s="14" t="s">
        <v>106278</v>
      </c>
      <c r="D7386" s="2" t="s">
        <v>106279</v>
      </c>
      <c r="E7386" s="2" t="s">
        <v>7619</v>
      </c>
      <c r="F7386" s="8">
        <v>334</v>
      </c>
      <c r="G7386" s="5">
        <v>6</v>
      </c>
      <c r="H7386" s="5" t="s">
        <v>1518</v>
      </c>
      <c r="I7386" s="5" t="s">
        <v>69038</v>
      </c>
      <c r="J7386" s="2" t="s">
        <v>69039</v>
      </c>
      <c r="K7386" s="5" t="s">
        <v>69038</v>
      </c>
      <c r="L7386" s="2" t="s">
        <v>69039</v>
      </c>
      <c r="M7386" s="5" t="s">
        <v>1521</v>
      </c>
      <c r="N7386" s="5" t="s">
        <v>38</v>
      </c>
      <c r="O7386" s="5" t="s">
        <v>39</v>
      </c>
      <c r="P7386" s="5" t="s">
        <v>40</v>
      </c>
      <c r="Q7386" s="5" t="s">
        <v>1522</v>
      </c>
      <c r="R7386" s="5" t="s">
        <v>1523</v>
      </c>
      <c r="S7386" s="5" t="s">
        <v>42</v>
      </c>
      <c r="T7386" s="2">
        <v>4.1020000000000003</v>
      </c>
      <c r="U7386" s="2">
        <v>3.4660000000000002</v>
      </c>
      <c r="V7386" s="2">
        <v>16.7</v>
      </c>
      <c r="W7386" s="2">
        <v>159.1</v>
      </c>
      <c r="X7386" s="2">
        <v>7.6</v>
      </c>
      <c r="Y7386" s="2">
        <v>16.7</v>
      </c>
      <c r="Z7386" s="5"/>
      <c r="AA7386" s="5" t="s">
        <v>43</v>
      </c>
      <c r="AB7386" s="5" t="s">
        <v>44</v>
      </c>
      <c r="AC7386" s="2"/>
      <c r="AD7386" s="1"/>
    </row>
    <row r="7387" spans="1:30">
      <c r="A7387" s="5" t="s">
        <v>83578</v>
      </c>
      <c r="B7387" s="2" t="s">
        <v>106280</v>
      </c>
      <c r="C7387" s="14" t="s">
        <v>106281</v>
      </c>
      <c r="D7387" s="2" t="s">
        <v>106282</v>
      </c>
      <c r="E7387" s="2" t="s">
        <v>16014</v>
      </c>
      <c r="F7387" s="8">
        <v>334</v>
      </c>
      <c r="G7387" s="5">
        <v>6</v>
      </c>
      <c r="H7387" s="5" t="s">
        <v>1518</v>
      </c>
      <c r="I7387" s="5" t="s">
        <v>69038</v>
      </c>
      <c r="J7387" s="2" t="s">
        <v>69039</v>
      </c>
      <c r="K7387" s="5" t="s">
        <v>69038</v>
      </c>
      <c r="L7387" s="2" t="s">
        <v>69039</v>
      </c>
      <c r="M7387" s="5" t="s">
        <v>1521</v>
      </c>
      <c r="N7387" s="5" t="s">
        <v>38</v>
      </c>
      <c r="O7387" s="5" t="s">
        <v>39</v>
      </c>
      <c r="P7387" s="5" t="s">
        <v>40</v>
      </c>
      <c r="Q7387" s="5" t="s">
        <v>1522</v>
      </c>
      <c r="R7387" s="5" t="s">
        <v>1523</v>
      </c>
      <c r="S7387" s="5" t="s">
        <v>42</v>
      </c>
      <c r="T7387" s="2">
        <v>3.968</v>
      </c>
      <c r="U7387" s="2">
        <v>3.3319999999999999</v>
      </c>
      <c r="V7387" s="2">
        <v>16.7</v>
      </c>
      <c r="W7387" s="2">
        <v>159.1</v>
      </c>
      <c r="X7387" s="2">
        <v>7.6</v>
      </c>
      <c r="Y7387" s="2">
        <v>16.7</v>
      </c>
      <c r="Z7387" s="5"/>
      <c r="AA7387" s="5" t="s">
        <v>43</v>
      </c>
      <c r="AB7387" s="5" t="s">
        <v>44</v>
      </c>
      <c r="AC7387" s="2"/>
      <c r="AD7387" s="1"/>
    </row>
    <row r="7388" spans="1:30">
      <c r="A7388" s="5" t="s">
        <v>83578</v>
      </c>
      <c r="B7388" s="2" t="s">
        <v>106283</v>
      </c>
      <c r="C7388" s="14" t="s">
        <v>106284</v>
      </c>
      <c r="D7388" s="2" t="s">
        <v>106285</v>
      </c>
      <c r="E7388" s="2" t="s">
        <v>16219</v>
      </c>
      <c r="F7388" s="8">
        <v>334</v>
      </c>
      <c r="G7388" s="5">
        <v>6</v>
      </c>
      <c r="H7388" s="5" t="s">
        <v>1518</v>
      </c>
      <c r="I7388" s="5" t="s">
        <v>69038</v>
      </c>
      <c r="J7388" s="2" t="s">
        <v>69039</v>
      </c>
      <c r="K7388" s="5" t="s">
        <v>69038</v>
      </c>
      <c r="L7388" s="2" t="s">
        <v>69039</v>
      </c>
      <c r="M7388" s="5" t="s">
        <v>1521</v>
      </c>
      <c r="N7388" s="5" t="s">
        <v>38</v>
      </c>
      <c r="O7388" s="5" t="s">
        <v>39</v>
      </c>
      <c r="P7388" s="5" t="s">
        <v>40</v>
      </c>
      <c r="Q7388" s="5" t="s">
        <v>1522</v>
      </c>
      <c r="R7388" s="5" t="s">
        <v>1523</v>
      </c>
      <c r="S7388" s="5" t="s">
        <v>42</v>
      </c>
      <c r="T7388" s="2">
        <v>4.1020000000000003</v>
      </c>
      <c r="U7388" s="2">
        <v>3.4660000000000002</v>
      </c>
      <c r="V7388" s="2">
        <v>16.7</v>
      </c>
      <c r="W7388" s="2">
        <v>159.1</v>
      </c>
      <c r="X7388" s="2">
        <v>7.6</v>
      </c>
      <c r="Y7388" s="2">
        <v>16.7</v>
      </c>
      <c r="Z7388" s="5"/>
      <c r="AA7388" s="5" t="s">
        <v>43</v>
      </c>
      <c r="AB7388" s="5" t="s">
        <v>44</v>
      </c>
      <c r="AC7388" s="2"/>
      <c r="AD7388" s="1"/>
    </row>
    <row r="7389" spans="1:30">
      <c r="A7389" s="5" t="s">
        <v>83578</v>
      </c>
      <c r="B7389" s="2" t="s">
        <v>106286</v>
      </c>
      <c r="C7389" s="14" t="s">
        <v>106287</v>
      </c>
      <c r="D7389" s="2" t="s">
        <v>106288</v>
      </c>
      <c r="E7389" s="2" t="s">
        <v>7528</v>
      </c>
      <c r="F7389" s="8">
        <v>308</v>
      </c>
      <c r="G7389" s="5">
        <v>6</v>
      </c>
      <c r="H7389" s="5" t="s">
        <v>1518</v>
      </c>
      <c r="I7389" s="5" t="s">
        <v>69038</v>
      </c>
      <c r="J7389" s="2" t="s">
        <v>69039</v>
      </c>
      <c r="K7389" s="5" t="s">
        <v>69038</v>
      </c>
      <c r="L7389" s="2" t="s">
        <v>69039</v>
      </c>
      <c r="M7389" s="5" t="s">
        <v>1521</v>
      </c>
      <c r="N7389" s="5" t="s">
        <v>38</v>
      </c>
      <c r="O7389" s="5" t="s">
        <v>39</v>
      </c>
      <c r="P7389" s="5" t="s">
        <v>40</v>
      </c>
      <c r="Q7389" s="5" t="s">
        <v>1522</v>
      </c>
      <c r="R7389" s="5" t="s">
        <v>1523</v>
      </c>
      <c r="S7389" s="5" t="s">
        <v>42</v>
      </c>
      <c r="T7389" s="2">
        <v>4.1020000000000003</v>
      </c>
      <c r="U7389" s="2">
        <v>3.4660000000000002</v>
      </c>
      <c r="V7389" s="2">
        <v>16.7</v>
      </c>
      <c r="W7389" s="2">
        <v>159.1</v>
      </c>
      <c r="X7389" s="2">
        <v>7.6</v>
      </c>
      <c r="Y7389" s="2">
        <v>16.7</v>
      </c>
      <c r="Z7389" s="5"/>
      <c r="AA7389" s="5" t="s">
        <v>43</v>
      </c>
      <c r="AB7389" s="5" t="s">
        <v>44</v>
      </c>
      <c r="AC7389" s="2"/>
      <c r="AD7389" s="1"/>
    </row>
    <row r="7390" spans="1:30">
      <c r="A7390" s="5" t="s">
        <v>83578</v>
      </c>
      <c r="B7390" s="2" t="s">
        <v>106289</v>
      </c>
      <c r="C7390" s="14" t="s">
        <v>106290</v>
      </c>
      <c r="D7390" s="2" t="s">
        <v>106291</v>
      </c>
      <c r="E7390" s="2" t="s">
        <v>7535</v>
      </c>
      <c r="F7390" s="8">
        <v>224</v>
      </c>
      <c r="G7390" s="5">
        <v>6</v>
      </c>
      <c r="H7390" s="5" t="s">
        <v>1518</v>
      </c>
      <c r="I7390" s="5" t="s">
        <v>69038</v>
      </c>
      <c r="J7390" s="2" t="s">
        <v>69039</v>
      </c>
      <c r="K7390" s="5" t="s">
        <v>69038</v>
      </c>
      <c r="L7390" s="2" t="s">
        <v>69039</v>
      </c>
      <c r="M7390" s="5" t="s">
        <v>1521</v>
      </c>
      <c r="N7390" s="5" t="s">
        <v>38</v>
      </c>
      <c r="O7390" s="5" t="s">
        <v>39</v>
      </c>
      <c r="P7390" s="5" t="s">
        <v>40</v>
      </c>
      <c r="Q7390" s="5" t="s">
        <v>1522</v>
      </c>
      <c r="R7390" s="5" t="s">
        <v>1523</v>
      </c>
      <c r="S7390" s="5" t="s">
        <v>42</v>
      </c>
      <c r="T7390" s="2">
        <v>2.008</v>
      </c>
      <c r="U7390" s="2">
        <v>1.546</v>
      </c>
      <c r="V7390" s="2">
        <v>16.7</v>
      </c>
      <c r="W7390" s="2">
        <v>76.900000000000006</v>
      </c>
      <c r="X7390" s="2">
        <v>7.6</v>
      </c>
      <c r="Y7390" s="2">
        <v>16.7</v>
      </c>
      <c r="Z7390" s="5"/>
      <c r="AA7390" s="5" t="s">
        <v>43</v>
      </c>
      <c r="AB7390" s="5" t="s">
        <v>44</v>
      </c>
      <c r="AC7390" s="2"/>
      <c r="AD7390" s="1"/>
    </row>
    <row r="7391" spans="1:30">
      <c r="A7391" s="5" t="s">
        <v>83578</v>
      </c>
      <c r="B7391" s="2" t="s">
        <v>106292</v>
      </c>
      <c r="C7391" s="14" t="s">
        <v>106293</v>
      </c>
      <c r="D7391" s="2" t="s">
        <v>106294</v>
      </c>
      <c r="E7391" s="2" t="s">
        <v>7551</v>
      </c>
      <c r="F7391" s="8">
        <v>224</v>
      </c>
      <c r="G7391" s="5">
        <v>6</v>
      </c>
      <c r="H7391" s="5" t="s">
        <v>1518</v>
      </c>
      <c r="I7391" s="5" t="s">
        <v>69038</v>
      </c>
      <c r="J7391" s="2" t="s">
        <v>69039</v>
      </c>
      <c r="K7391" s="5" t="s">
        <v>69038</v>
      </c>
      <c r="L7391" s="2" t="s">
        <v>69039</v>
      </c>
      <c r="M7391" s="5" t="s">
        <v>1521</v>
      </c>
      <c r="N7391" s="5" t="s">
        <v>38</v>
      </c>
      <c r="O7391" s="5" t="s">
        <v>39</v>
      </c>
      <c r="P7391" s="5" t="s">
        <v>40</v>
      </c>
      <c r="Q7391" s="5" t="s">
        <v>1522</v>
      </c>
      <c r="R7391" s="5" t="s">
        <v>1523</v>
      </c>
      <c r="S7391" s="5" t="s">
        <v>42</v>
      </c>
      <c r="T7391" s="2">
        <v>2.008</v>
      </c>
      <c r="U7391" s="2">
        <v>1.546</v>
      </c>
      <c r="V7391" s="2">
        <v>16.7</v>
      </c>
      <c r="W7391" s="2">
        <v>76.900000000000006</v>
      </c>
      <c r="X7391" s="2">
        <v>7.6</v>
      </c>
      <c r="Y7391" s="2">
        <v>16.7</v>
      </c>
      <c r="Z7391" s="5"/>
      <c r="AA7391" s="5" t="s">
        <v>43</v>
      </c>
      <c r="AB7391" s="5" t="s">
        <v>44</v>
      </c>
      <c r="AC7391" s="2"/>
      <c r="AD7391" s="1"/>
    </row>
    <row r="7392" spans="1:30">
      <c r="A7392" s="5" t="s">
        <v>83578</v>
      </c>
      <c r="B7392" s="2" t="s">
        <v>106295</v>
      </c>
      <c r="C7392" s="14" t="s">
        <v>106296</v>
      </c>
      <c r="D7392" s="2" t="s">
        <v>106297</v>
      </c>
      <c r="E7392" s="2" t="s">
        <v>7559</v>
      </c>
      <c r="F7392" s="8">
        <v>224</v>
      </c>
      <c r="G7392" s="5">
        <v>6</v>
      </c>
      <c r="H7392" s="5" t="s">
        <v>1518</v>
      </c>
      <c r="I7392" s="5" t="s">
        <v>69038</v>
      </c>
      <c r="J7392" s="2" t="s">
        <v>69039</v>
      </c>
      <c r="K7392" s="5" t="s">
        <v>69038</v>
      </c>
      <c r="L7392" s="2" t="s">
        <v>69039</v>
      </c>
      <c r="M7392" s="5" t="s">
        <v>1521</v>
      </c>
      <c r="N7392" s="5" t="s">
        <v>38</v>
      </c>
      <c r="O7392" s="5" t="s">
        <v>39</v>
      </c>
      <c r="P7392" s="5" t="s">
        <v>40</v>
      </c>
      <c r="Q7392" s="5" t="s">
        <v>1522</v>
      </c>
      <c r="R7392" s="5" t="s">
        <v>1523</v>
      </c>
      <c r="S7392" s="5" t="s">
        <v>42</v>
      </c>
      <c r="T7392" s="2">
        <v>2.008</v>
      </c>
      <c r="U7392" s="2">
        <v>1.546</v>
      </c>
      <c r="V7392" s="2">
        <v>16.7</v>
      </c>
      <c r="W7392" s="2">
        <v>76.900000000000006</v>
      </c>
      <c r="X7392" s="2">
        <v>7.6</v>
      </c>
      <c r="Y7392" s="2">
        <v>16.7</v>
      </c>
      <c r="Z7392" s="5"/>
      <c r="AA7392" s="5" t="s">
        <v>43</v>
      </c>
      <c r="AB7392" s="5" t="s">
        <v>44</v>
      </c>
      <c r="AC7392" s="2"/>
      <c r="AD7392" s="1"/>
    </row>
    <row r="7393" spans="1:30">
      <c r="A7393" s="5" t="s">
        <v>83578</v>
      </c>
      <c r="B7393" s="2" t="s">
        <v>106298</v>
      </c>
      <c r="C7393" s="14" t="s">
        <v>106299</v>
      </c>
      <c r="D7393" s="2" t="s">
        <v>106300</v>
      </c>
      <c r="E7393" s="2" t="s">
        <v>16079</v>
      </c>
      <c r="F7393" s="8">
        <v>224</v>
      </c>
      <c r="G7393" s="5">
        <v>6</v>
      </c>
      <c r="H7393" s="5" t="s">
        <v>1518</v>
      </c>
      <c r="I7393" s="5" t="s">
        <v>69038</v>
      </c>
      <c r="J7393" s="2" t="s">
        <v>69039</v>
      </c>
      <c r="K7393" s="5" t="s">
        <v>69038</v>
      </c>
      <c r="L7393" s="2" t="s">
        <v>69039</v>
      </c>
      <c r="M7393" s="5" t="s">
        <v>1521</v>
      </c>
      <c r="N7393" s="5" t="s">
        <v>38</v>
      </c>
      <c r="O7393" s="5" t="s">
        <v>39</v>
      </c>
      <c r="P7393" s="5" t="s">
        <v>40</v>
      </c>
      <c r="Q7393" s="5" t="s">
        <v>1522</v>
      </c>
      <c r="R7393" s="5" t="s">
        <v>1523</v>
      </c>
      <c r="S7393" s="5" t="s">
        <v>42</v>
      </c>
      <c r="T7393" s="2">
        <v>1.9610000000000001</v>
      </c>
      <c r="U7393" s="2">
        <v>1.4990000000000001</v>
      </c>
      <c r="V7393" s="2">
        <v>16.7</v>
      </c>
      <c r="W7393" s="2">
        <v>76.900000000000006</v>
      </c>
      <c r="X7393" s="2">
        <v>7.6</v>
      </c>
      <c r="Y7393" s="2">
        <v>16.7</v>
      </c>
      <c r="Z7393" s="5"/>
      <c r="AA7393" s="5" t="s">
        <v>43</v>
      </c>
      <c r="AB7393" s="5" t="s">
        <v>44</v>
      </c>
      <c r="AC7393" s="2"/>
      <c r="AD7393" s="1"/>
    </row>
    <row r="7394" spans="1:30">
      <c r="A7394" s="5" t="s">
        <v>83578</v>
      </c>
      <c r="B7394" s="2" t="s">
        <v>106301</v>
      </c>
      <c r="C7394" s="14" t="s">
        <v>106302</v>
      </c>
      <c r="D7394" s="2" t="s">
        <v>106303</v>
      </c>
      <c r="E7394" s="2" t="s">
        <v>16194</v>
      </c>
      <c r="F7394" s="8">
        <v>224</v>
      </c>
      <c r="G7394" s="5">
        <v>6</v>
      </c>
      <c r="H7394" s="5" t="s">
        <v>1518</v>
      </c>
      <c r="I7394" s="5" t="s">
        <v>69038</v>
      </c>
      <c r="J7394" s="2" t="s">
        <v>69039</v>
      </c>
      <c r="K7394" s="5" t="s">
        <v>69038</v>
      </c>
      <c r="L7394" s="2" t="s">
        <v>69039</v>
      </c>
      <c r="M7394" s="5" t="s">
        <v>1521</v>
      </c>
      <c r="N7394" s="5" t="s">
        <v>38</v>
      </c>
      <c r="O7394" s="5" t="s">
        <v>39</v>
      </c>
      <c r="P7394" s="5" t="s">
        <v>40</v>
      </c>
      <c r="Q7394" s="5" t="s">
        <v>1522</v>
      </c>
      <c r="R7394" s="5" t="s">
        <v>1523</v>
      </c>
      <c r="S7394" s="5" t="s">
        <v>42</v>
      </c>
      <c r="T7394" s="2">
        <v>2.008</v>
      </c>
      <c r="U7394" s="2">
        <v>1.546</v>
      </c>
      <c r="V7394" s="2">
        <v>16.7</v>
      </c>
      <c r="W7394" s="2">
        <v>76.900000000000006</v>
      </c>
      <c r="X7394" s="2">
        <v>7.6</v>
      </c>
      <c r="Y7394" s="2">
        <v>16.7</v>
      </c>
      <c r="Z7394" s="5"/>
      <c r="AA7394" s="5" t="s">
        <v>43</v>
      </c>
      <c r="AB7394" s="5" t="s">
        <v>44</v>
      </c>
      <c r="AC7394" s="2"/>
      <c r="AD7394" s="1"/>
    </row>
    <row r="7395" spans="1:30">
      <c r="A7395" s="5" t="s">
        <v>83578</v>
      </c>
      <c r="B7395" s="2" t="s">
        <v>106304</v>
      </c>
      <c r="C7395" s="14" t="s">
        <v>106305</v>
      </c>
      <c r="D7395" s="2" t="s">
        <v>106306</v>
      </c>
      <c r="E7395" s="2" t="s">
        <v>7581</v>
      </c>
      <c r="F7395" s="8">
        <v>224</v>
      </c>
      <c r="G7395" s="5">
        <v>6</v>
      </c>
      <c r="H7395" s="5" t="s">
        <v>1518</v>
      </c>
      <c r="I7395" s="5" t="s">
        <v>69038</v>
      </c>
      <c r="J7395" s="2" t="s">
        <v>69039</v>
      </c>
      <c r="K7395" s="5" t="s">
        <v>69038</v>
      </c>
      <c r="L7395" s="2" t="s">
        <v>69039</v>
      </c>
      <c r="M7395" s="5" t="s">
        <v>1521</v>
      </c>
      <c r="N7395" s="5" t="s">
        <v>38</v>
      </c>
      <c r="O7395" s="5" t="s">
        <v>39</v>
      </c>
      <c r="P7395" s="5" t="s">
        <v>40</v>
      </c>
      <c r="Q7395" s="5" t="s">
        <v>1522</v>
      </c>
      <c r="R7395" s="5" t="s">
        <v>1523</v>
      </c>
      <c r="S7395" s="5" t="s">
        <v>42</v>
      </c>
      <c r="T7395" s="2">
        <v>2.008</v>
      </c>
      <c r="U7395" s="2">
        <v>1.546</v>
      </c>
      <c r="V7395" s="2">
        <v>16.7</v>
      </c>
      <c r="W7395" s="2">
        <v>76.900000000000006</v>
      </c>
      <c r="X7395" s="2">
        <v>7.6</v>
      </c>
      <c r="Y7395" s="2">
        <v>16.7</v>
      </c>
      <c r="Z7395" s="5"/>
      <c r="AA7395" s="5" t="s">
        <v>43</v>
      </c>
      <c r="AB7395" s="5" t="s">
        <v>44</v>
      </c>
      <c r="AC7395" s="2"/>
      <c r="AD7395" s="1"/>
    </row>
    <row r="7396" spans="1:30">
      <c r="A7396" s="5" t="s">
        <v>83578</v>
      </c>
      <c r="B7396" s="2" t="s">
        <v>106307</v>
      </c>
      <c r="C7396" s="14" t="s">
        <v>106308</v>
      </c>
      <c r="D7396" s="2" t="s">
        <v>106309</v>
      </c>
      <c r="E7396" s="2" t="s">
        <v>7585</v>
      </c>
      <c r="F7396" s="8">
        <v>224</v>
      </c>
      <c r="G7396" s="5">
        <v>6</v>
      </c>
      <c r="H7396" s="5" t="s">
        <v>1518</v>
      </c>
      <c r="I7396" s="5" t="s">
        <v>69038</v>
      </c>
      <c r="J7396" s="2" t="s">
        <v>69039</v>
      </c>
      <c r="K7396" s="5" t="s">
        <v>69038</v>
      </c>
      <c r="L7396" s="2" t="s">
        <v>69039</v>
      </c>
      <c r="M7396" s="5" t="s">
        <v>1521</v>
      </c>
      <c r="N7396" s="5" t="s">
        <v>38</v>
      </c>
      <c r="O7396" s="5" t="s">
        <v>39</v>
      </c>
      <c r="P7396" s="5" t="s">
        <v>40</v>
      </c>
      <c r="Q7396" s="5" t="s">
        <v>1522</v>
      </c>
      <c r="R7396" s="5" t="s">
        <v>1523</v>
      </c>
      <c r="S7396" s="5" t="s">
        <v>42</v>
      </c>
      <c r="T7396" s="2">
        <v>1.9610000000000001</v>
      </c>
      <c r="U7396" s="2">
        <v>1.4990000000000001</v>
      </c>
      <c r="V7396" s="2">
        <v>16.7</v>
      </c>
      <c r="W7396" s="2">
        <v>76.900000000000006</v>
      </c>
      <c r="X7396" s="2">
        <v>7.6</v>
      </c>
      <c r="Y7396" s="2">
        <v>16.7</v>
      </c>
      <c r="Z7396" s="5"/>
      <c r="AA7396" s="5" t="s">
        <v>43</v>
      </c>
      <c r="AB7396" s="5" t="s">
        <v>44</v>
      </c>
      <c r="AC7396" s="2"/>
      <c r="AD7396" s="1"/>
    </row>
    <row r="7397" spans="1:30">
      <c r="A7397" s="5" t="s">
        <v>83578</v>
      </c>
      <c r="B7397" s="2" t="s">
        <v>106310</v>
      </c>
      <c r="C7397" s="14" t="s">
        <v>106311</v>
      </c>
      <c r="D7397" s="2" t="s">
        <v>106312</v>
      </c>
      <c r="E7397" s="2" t="s">
        <v>7593</v>
      </c>
      <c r="F7397" s="8">
        <v>224</v>
      </c>
      <c r="G7397" s="5">
        <v>6</v>
      </c>
      <c r="H7397" s="5" t="s">
        <v>1518</v>
      </c>
      <c r="I7397" s="5" t="s">
        <v>69038</v>
      </c>
      <c r="J7397" s="2" t="s">
        <v>69039</v>
      </c>
      <c r="K7397" s="5" t="s">
        <v>69038</v>
      </c>
      <c r="L7397" s="2" t="s">
        <v>69039</v>
      </c>
      <c r="M7397" s="5" t="s">
        <v>1521</v>
      </c>
      <c r="N7397" s="5" t="s">
        <v>38</v>
      </c>
      <c r="O7397" s="5" t="s">
        <v>39</v>
      </c>
      <c r="P7397" s="5" t="s">
        <v>40</v>
      </c>
      <c r="Q7397" s="5" t="s">
        <v>1522</v>
      </c>
      <c r="R7397" s="5" t="s">
        <v>1523</v>
      </c>
      <c r="S7397" s="5" t="s">
        <v>42</v>
      </c>
      <c r="T7397" s="2">
        <v>1.9610000000000001</v>
      </c>
      <c r="U7397" s="2">
        <v>1.4990000000000001</v>
      </c>
      <c r="V7397" s="2">
        <v>16.7</v>
      </c>
      <c r="W7397" s="2">
        <v>76.900000000000006</v>
      </c>
      <c r="X7397" s="2">
        <v>7.6</v>
      </c>
      <c r="Y7397" s="2">
        <v>16.7</v>
      </c>
      <c r="Z7397" s="5"/>
      <c r="AA7397" s="5" t="s">
        <v>43</v>
      </c>
      <c r="AB7397" s="5" t="s">
        <v>44</v>
      </c>
      <c r="AC7397" s="2"/>
      <c r="AD7397" s="1"/>
    </row>
    <row r="7398" spans="1:30">
      <c r="A7398" s="5" t="s">
        <v>83578</v>
      </c>
      <c r="B7398" s="2" t="s">
        <v>106313</v>
      </c>
      <c r="C7398" s="14" t="s">
        <v>106314</v>
      </c>
      <c r="D7398" s="2" t="s">
        <v>106315</v>
      </c>
      <c r="E7398" s="2" t="s">
        <v>7597</v>
      </c>
      <c r="F7398" s="8">
        <v>224</v>
      </c>
      <c r="G7398" s="5">
        <v>6</v>
      </c>
      <c r="H7398" s="5" t="s">
        <v>1518</v>
      </c>
      <c r="I7398" s="5" t="s">
        <v>69038</v>
      </c>
      <c r="J7398" s="2" t="s">
        <v>69039</v>
      </c>
      <c r="K7398" s="5" t="s">
        <v>69038</v>
      </c>
      <c r="L7398" s="2" t="s">
        <v>69039</v>
      </c>
      <c r="M7398" s="5" t="s">
        <v>1521</v>
      </c>
      <c r="N7398" s="5" t="s">
        <v>38</v>
      </c>
      <c r="O7398" s="5" t="s">
        <v>39</v>
      </c>
      <c r="P7398" s="5" t="s">
        <v>40</v>
      </c>
      <c r="Q7398" s="5" t="s">
        <v>1522</v>
      </c>
      <c r="R7398" s="5" t="s">
        <v>1523</v>
      </c>
      <c r="S7398" s="5" t="s">
        <v>42</v>
      </c>
      <c r="T7398" s="2">
        <v>2.008</v>
      </c>
      <c r="U7398" s="2">
        <v>1.546</v>
      </c>
      <c r="V7398" s="2">
        <v>16.7</v>
      </c>
      <c r="W7398" s="2">
        <v>76.900000000000006</v>
      </c>
      <c r="X7398" s="2">
        <v>7.6</v>
      </c>
      <c r="Y7398" s="2">
        <v>16.7</v>
      </c>
      <c r="Z7398" s="5"/>
      <c r="AA7398" s="5" t="s">
        <v>43</v>
      </c>
      <c r="AB7398" s="5" t="s">
        <v>44</v>
      </c>
      <c r="AC7398" s="2"/>
      <c r="AD7398" s="1"/>
    </row>
    <row r="7399" spans="1:30">
      <c r="A7399" s="5" t="s">
        <v>83578</v>
      </c>
      <c r="B7399" s="2" t="s">
        <v>106316</v>
      </c>
      <c r="C7399" s="14" t="s">
        <v>106317</v>
      </c>
      <c r="D7399" s="2" t="s">
        <v>106318</v>
      </c>
      <c r="E7399" s="2" t="s">
        <v>73362</v>
      </c>
      <c r="F7399" s="8">
        <v>224</v>
      </c>
      <c r="G7399" s="5">
        <v>6</v>
      </c>
      <c r="H7399" s="5" t="s">
        <v>1518</v>
      </c>
      <c r="I7399" s="5" t="s">
        <v>69038</v>
      </c>
      <c r="J7399" s="2" t="s">
        <v>69039</v>
      </c>
      <c r="K7399" s="5" t="s">
        <v>69038</v>
      </c>
      <c r="L7399" s="2" t="s">
        <v>69039</v>
      </c>
      <c r="M7399" s="5" t="s">
        <v>1521</v>
      </c>
      <c r="N7399" s="5" t="s">
        <v>38</v>
      </c>
      <c r="O7399" s="5" t="s">
        <v>39</v>
      </c>
      <c r="P7399" s="5" t="s">
        <v>40</v>
      </c>
      <c r="Q7399" s="5" t="s">
        <v>1522</v>
      </c>
      <c r="R7399" s="5" t="s">
        <v>1523</v>
      </c>
      <c r="S7399" s="5" t="s">
        <v>42</v>
      </c>
      <c r="T7399" s="2">
        <v>2.008</v>
      </c>
      <c r="U7399" s="2">
        <v>1.546</v>
      </c>
      <c r="V7399" s="2">
        <v>16.7</v>
      </c>
      <c r="W7399" s="2">
        <v>76.900000000000006</v>
      </c>
      <c r="X7399" s="2">
        <v>7.6</v>
      </c>
      <c r="Y7399" s="2">
        <v>16.7</v>
      </c>
      <c r="Z7399" s="5"/>
      <c r="AA7399" s="5" t="s">
        <v>43</v>
      </c>
      <c r="AB7399" s="5" t="s">
        <v>44</v>
      </c>
      <c r="AC7399" s="2"/>
      <c r="AD7399" s="1"/>
    </row>
    <row r="7400" spans="1:30">
      <c r="A7400" s="5" t="s">
        <v>83578</v>
      </c>
      <c r="B7400" s="2" t="s">
        <v>106319</v>
      </c>
      <c r="C7400" s="14" t="s">
        <v>106320</v>
      </c>
      <c r="D7400" s="2" t="s">
        <v>106321</v>
      </c>
      <c r="E7400" s="2" t="s">
        <v>16219</v>
      </c>
      <c r="F7400" s="8">
        <v>224</v>
      </c>
      <c r="G7400" s="5">
        <v>6</v>
      </c>
      <c r="H7400" s="5" t="s">
        <v>1518</v>
      </c>
      <c r="I7400" s="5" t="s">
        <v>69038</v>
      </c>
      <c r="J7400" s="2" t="s">
        <v>69039</v>
      </c>
      <c r="K7400" s="5" t="s">
        <v>69038</v>
      </c>
      <c r="L7400" s="2" t="s">
        <v>69039</v>
      </c>
      <c r="M7400" s="5" t="s">
        <v>1521</v>
      </c>
      <c r="N7400" s="5" t="s">
        <v>38</v>
      </c>
      <c r="O7400" s="5" t="s">
        <v>39</v>
      </c>
      <c r="P7400" s="5" t="s">
        <v>40</v>
      </c>
      <c r="Q7400" s="5" t="s">
        <v>1522</v>
      </c>
      <c r="R7400" s="5" t="s">
        <v>1523</v>
      </c>
      <c r="S7400" s="5" t="s">
        <v>42</v>
      </c>
      <c r="T7400" s="2">
        <v>2.008</v>
      </c>
      <c r="U7400" s="2">
        <v>1.546</v>
      </c>
      <c r="V7400" s="2">
        <v>16.7</v>
      </c>
      <c r="W7400" s="2">
        <v>76.900000000000006</v>
      </c>
      <c r="X7400" s="2">
        <v>7.6</v>
      </c>
      <c r="Y7400" s="2">
        <v>16.7</v>
      </c>
      <c r="Z7400" s="5"/>
      <c r="AA7400" s="5" t="s">
        <v>43</v>
      </c>
      <c r="AB7400" s="5" t="s">
        <v>44</v>
      </c>
      <c r="AC7400" s="2"/>
      <c r="AD7400" s="1"/>
    </row>
    <row r="7401" spans="1:30">
      <c r="A7401" s="5" t="s">
        <v>83578</v>
      </c>
      <c r="B7401" s="2" t="s">
        <v>106322</v>
      </c>
      <c r="C7401" s="14" t="s">
        <v>106323</v>
      </c>
      <c r="D7401" s="2" t="s">
        <v>106324</v>
      </c>
      <c r="E7401" s="2" t="s">
        <v>7535</v>
      </c>
      <c r="F7401" s="8">
        <v>237</v>
      </c>
      <c r="G7401" s="5">
        <v>6</v>
      </c>
      <c r="H7401" s="5" t="s">
        <v>1518</v>
      </c>
      <c r="I7401" s="5" t="s">
        <v>69038</v>
      </c>
      <c r="J7401" s="2" t="s">
        <v>69039</v>
      </c>
      <c r="K7401" s="5" t="s">
        <v>69038</v>
      </c>
      <c r="L7401" s="2" t="s">
        <v>69039</v>
      </c>
      <c r="M7401" s="5" t="s">
        <v>1521</v>
      </c>
      <c r="N7401" s="5" t="s">
        <v>38</v>
      </c>
      <c r="O7401" s="5" t="s">
        <v>39</v>
      </c>
      <c r="P7401" s="5" t="s">
        <v>40</v>
      </c>
      <c r="Q7401" s="5" t="s">
        <v>1522</v>
      </c>
      <c r="R7401" s="5" t="s">
        <v>1523</v>
      </c>
      <c r="S7401" s="5" t="s">
        <v>42</v>
      </c>
      <c r="T7401" s="2">
        <v>2.165</v>
      </c>
      <c r="U7401" s="2">
        <v>1.7090000000000001</v>
      </c>
      <c r="V7401" s="2">
        <v>16.7</v>
      </c>
      <c r="W7401" s="2">
        <v>76.900000000000006</v>
      </c>
      <c r="X7401" s="2">
        <v>7.6</v>
      </c>
      <c r="Y7401" s="2">
        <v>16.7</v>
      </c>
      <c r="Z7401" s="5"/>
      <c r="AA7401" s="5" t="s">
        <v>43</v>
      </c>
      <c r="AB7401" s="5" t="s">
        <v>44</v>
      </c>
      <c r="AC7401" s="2"/>
      <c r="AD7401" s="1"/>
    </row>
    <row r="7402" spans="1:30">
      <c r="A7402" s="5" t="s">
        <v>83578</v>
      </c>
      <c r="B7402" s="2" t="s">
        <v>106325</v>
      </c>
      <c r="C7402" s="14" t="s">
        <v>106326</v>
      </c>
      <c r="D7402" s="2" t="s">
        <v>106327</v>
      </c>
      <c r="E7402" s="2" t="s">
        <v>7547</v>
      </c>
      <c r="F7402" s="8">
        <v>237</v>
      </c>
      <c r="G7402" s="5">
        <v>6</v>
      </c>
      <c r="H7402" s="5" t="s">
        <v>1518</v>
      </c>
      <c r="I7402" s="5" t="s">
        <v>69038</v>
      </c>
      <c r="J7402" s="2" t="s">
        <v>69039</v>
      </c>
      <c r="K7402" s="5" t="s">
        <v>69038</v>
      </c>
      <c r="L7402" s="2" t="s">
        <v>69039</v>
      </c>
      <c r="M7402" s="5" t="s">
        <v>1521</v>
      </c>
      <c r="N7402" s="5" t="s">
        <v>38</v>
      </c>
      <c r="O7402" s="5" t="s">
        <v>39</v>
      </c>
      <c r="P7402" s="5" t="s">
        <v>40</v>
      </c>
      <c r="Q7402" s="5" t="s">
        <v>1522</v>
      </c>
      <c r="R7402" s="5" t="s">
        <v>1523</v>
      </c>
      <c r="S7402" s="5" t="s">
        <v>42</v>
      </c>
      <c r="T7402" s="2">
        <v>2.1070000000000002</v>
      </c>
      <c r="U7402" s="2">
        <v>1.651</v>
      </c>
      <c r="V7402" s="2">
        <v>16.7</v>
      </c>
      <c r="W7402" s="2">
        <v>76.900000000000006</v>
      </c>
      <c r="X7402" s="2">
        <v>7.6</v>
      </c>
      <c r="Y7402" s="2">
        <v>16.7</v>
      </c>
      <c r="Z7402" s="5"/>
      <c r="AA7402" s="5" t="s">
        <v>43</v>
      </c>
      <c r="AB7402" s="5" t="s">
        <v>44</v>
      </c>
      <c r="AC7402" s="2"/>
      <c r="AD7402" s="1"/>
    </row>
    <row r="7403" spans="1:30">
      <c r="A7403" s="5" t="s">
        <v>83578</v>
      </c>
      <c r="B7403" s="2" t="s">
        <v>106328</v>
      </c>
      <c r="C7403" s="14" t="s">
        <v>106329</v>
      </c>
      <c r="D7403" s="2" t="s">
        <v>106330</v>
      </c>
      <c r="E7403" s="2" t="s">
        <v>7551</v>
      </c>
      <c r="F7403" s="8">
        <v>237</v>
      </c>
      <c r="G7403" s="5">
        <v>6</v>
      </c>
      <c r="H7403" s="5" t="s">
        <v>1518</v>
      </c>
      <c r="I7403" s="5" t="s">
        <v>69038</v>
      </c>
      <c r="J7403" s="2" t="s">
        <v>69039</v>
      </c>
      <c r="K7403" s="5" t="s">
        <v>69038</v>
      </c>
      <c r="L7403" s="2" t="s">
        <v>69039</v>
      </c>
      <c r="M7403" s="5" t="s">
        <v>1521</v>
      </c>
      <c r="N7403" s="5" t="s">
        <v>38</v>
      </c>
      <c r="O7403" s="5" t="s">
        <v>39</v>
      </c>
      <c r="P7403" s="5" t="s">
        <v>40</v>
      </c>
      <c r="Q7403" s="5" t="s">
        <v>1522</v>
      </c>
      <c r="R7403" s="5" t="s">
        <v>1523</v>
      </c>
      <c r="S7403" s="5" t="s">
        <v>42</v>
      </c>
      <c r="T7403" s="2">
        <v>2.165</v>
      </c>
      <c r="U7403" s="2">
        <v>1.7090000000000001</v>
      </c>
      <c r="V7403" s="2">
        <v>16.7</v>
      </c>
      <c r="W7403" s="2">
        <v>76.900000000000006</v>
      </c>
      <c r="X7403" s="2">
        <v>7.6</v>
      </c>
      <c r="Y7403" s="2">
        <v>16.7</v>
      </c>
      <c r="Z7403" s="5"/>
      <c r="AA7403" s="5" t="s">
        <v>43</v>
      </c>
      <c r="AB7403" s="5" t="s">
        <v>44</v>
      </c>
      <c r="AC7403" s="2"/>
      <c r="AD7403" s="1"/>
    </row>
    <row r="7404" spans="1:30">
      <c r="A7404" s="5" t="s">
        <v>83578</v>
      </c>
      <c r="B7404" s="2" t="s">
        <v>106331</v>
      </c>
      <c r="C7404" s="14" t="s">
        <v>106332</v>
      </c>
      <c r="D7404" s="2" t="s">
        <v>106333</v>
      </c>
      <c r="E7404" s="2" t="s">
        <v>7567</v>
      </c>
      <c r="F7404" s="8">
        <v>237</v>
      </c>
      <c r="G7404" s="5">
        <v>6</v>
      </c>
      <c r="H7404" s="5" t="s">
        <v>1518</v>
      </c>
      <c r="I7404" s="5" t="s">
        <v>69038</v>
      </c>
      <c r="J7404" s="2" t="s">
        <v>69039</v>
      </c>
      <c r="K7404" s="5" t="s">
        <v>69038</v>
      </c>
      <c r="L7404" s="2" t="s">
        <v>69039</v>
      </c>
      <c r="M7404" s="5" t="s">
        <v>1521</v>
      </c>
      <c r="N7404" s="5" t="s">
        <v>38</v>
      </c>
      <c r="O7404" s="5" t="s">
        <v>39</v>
      </c>
      <c r="P7404" s="5" t="s">
        <v>40</v>
      </c>
      <c r="Q7404" s="5" t="s">
        <v>1522</v>
      </c>
      <c r="R7404" s="5" t="s">
        <v>1523</v>
      </c>
      <c r="S7404" s="5" t="s">
        <v>42</v>
      </c>
      <c r="T7404" s="2">
        <v>2.165</v>
      </c>
      <c r="U7404" s="2">
        <v>1.7090000000000001</v>
      </c>
      <c r="V7404" s="2">
        <v>16.7</v>
      </c>
      <c r="W7404" s="2">
        <v>76.900000000000006</v>
      </c>
      <c r="X7404" s="2">
        <v>7.6</v>
      </c>
      <c r="Y7404" s="2">
        <v>16.7</v>
      </c>
      <c r="Z7404" s="5"/>
      <c r="AA7404" s="5" t="s">
        <v>43</v>
      </c>
      <c r="AB7404" s="5" t="s">
        <v>44</v>
      </c>
      <c r="AC7404" s="2"/>
      <c r="AD7404" s="1"/>
    </row>
    <row r="7405" spans="1:30">
      <c r="A7405" s="5" t="s">
        <v>83578</v>
      </c>
      <c r="B7405" s="2" t="s">
        <v>106334</v>
      </c>
      <c r="C7405" s="14" t="s">
        <v>106335</v>
      </c>
      <c r="D7405" s="2" t="s">
        <v>106336</v>
      </c>
      <c r="E7405" s="2" t="s">
        <v>16079</v>
      </c>
      <c r="F7405" s="8">
        <v>237</v>
      </c>
      <c r="G7405" s="5">
        <v>6</v>
      </c>
      <c r="H7405" s="5" t="s">
        <v>1518</v>
      </c>
      <c r="I7405" s="5" t="s">
        <v>69038</v>
      </c>
      <c r="J7405" s="2" t="s">
        <v>69039</v>
      </c>
      <c r="K7405" s="5" t="s">
        <v>69038</v>
      </c>
      <c r="L7405" s="2" t="s">
        <v>69039</v>
      </c>
      <c r="M7405" s="5" t="s">
        <v>1521</v>
      </c>
      <c r="N7405" s="5" t="s">
        <v>38</v>
      </c>
      <c r="O7405" s="5" t="s">
        <v>39</v>
      </c>
      <c r="P7405" s="5" t="s">
        <v>40</v>
      </c>
      <c r="Q7405" s="5" t="s">
        <v>1522</v>
      </c>
      <c r="R7405" s="5" t="s">
        <v>1523</v>
      </c>
      <c r="S7405" s="5" t="s">
        <v>42</v>
      </c>
      <c r="T7405" s="2">
        <v>2.1070000000000002</v>
      </c>
      <c r="U7405" s="2">
        <v>1.651</v>
      </c>
      <c r="V7405" s="2">
        <v>16.7</v>
      </c>
      <c r="W7405" s="2">
        <v>76.900000000000006</v>
      </c>
      <c r="X7405" s="2">
        <v>7.6</v>
      </c>
      <c r="Y7405" s="2">
        <v>16.7</v>
      </c>
      <c r="Z7405" s="5"/>
      <c r="AA7405" s="5" t="s">
        <v>43</v>
      </c>
      <c r="AB7405" s="5" t="s">
        <v>44</v>
      </c>
      <c r="AC7405" s="2"/>
      <c r="AD7405" s="1"/>
    </row>
    <row r="7406" spans="1:30">
      <c r="A7406" s="5" t="s">
        <v>83578</v>
      </c>
      <c r="B7406" s="2" t="s">
        <v>106337</v>
      </c>
      <c r="C7406" s="14" t="s">
        <v>106338</v>
      </c>
      <c r="D7406" s="2" t="s">
        <v>106339</v>
      </c>
      <c r="E7406" s="2" t="s">
        <v>16194</v>
      </c>
      <c r="F7406" s="8">
        <v>237</v>
      </c>
      <c r="G7406" s="5">
        <v>6</v>
      </c>
      <c r="H7406" s="5" t="s">
        <v>1518</v>
      </c>
      <c r="I7406" s="5" t="s">
        <v>69038</v>
      </c>
      <c r="J7406" s="2" t="s">
        <v>69039</v>
      </c>
      <c r="K7406" s="5" t="s">
        <v>69038</v>
      </c>
      <c r="L7406" s="2" t="s">
        <v>69039</v>
      </c>
      <c r="M7406" s="5" t="s">
        <v>1521</v>
      </c>
      <c r="N7406" s="5" t="s">
        <v>38</v>
      </c>
      <c r="O7406" s="5" t="s">
        <v>39</v>
      </c>
      <c r="P7406" s="5" t="s">
        <v>40</v>
      </c>
      <c r="Q7406" s="5" t="s">
        <v>1522</v>
      </c>
      <c r="R7406" s="5" t="s">
        <v>1523</v>
      </c>
      <c r="S7406" s="5" t="s">
        <v>42</v>
      </c>
      <c r="T7406" s="2">
        <v>2.165</v>
      </c>
      <c r="U7406" s="2">
        <v>1.7090000000000001</v>
      </c>
      <c r="V7406" s="2">
        <v>16.7</v>
      </c>
      <c r="W7406" s="2">
        <v>76.900000000000006</v>
      </c>
      <c r="X7406" s="2">
        <v>7.6</v>
      </c>
      <c r="Y7406" s="2">
        <v>16.7</v>
      </c>
      <c r="Z7406" s="5"/>
      <c r="AA7406" s="5" t="s">
        <v>43</v>
      </c>
      <c r="AB7406" s="5" t="s">
        <v>44</v>
      </c>
      <c r="AC7406" s="2"/>
      <c r="AD7406" s="1"/>
    </row>
    <row r="7407" spans="1:30">
      <c r="A7407" s="5" t="s">
        <v>83578</v>
      </c>
      <c r="B7407" s="2" t="s">
        <v>106340</v>
      </c>
      <c r="C7407" s="14" t="s">
        <v>106341</v>
      </c>
      <c r="D7407" s="2" t="s">
        <v>106342</v>
      </c>
      <c r="E7407" s="2" t="s">
        <v>7585</v>
      </c>
      <c r="F7407" s="8">
        <v>237</v>
      </c>
      <c r="G7407" s="5">
        <v>6</v>
      </c>
      <c r="H7407" s="5" t="s">
        <v>1518</v>
      </c>
      <c r="I7407" s="5" t="s">
        <v>69038</v>
      </c>
      <c r="J7407" s="2" t="s">
        <v>69039</v>
      </c>
      <c r="K7407" s="5" t="s">
        <v>69038</v>
      </c>
      <c r="L7407" s="2" t="s">
        <v>69039</v>
      </c>
      <c r="M7407" s="5" t="s">
        <v>1521</v>
      </c>
      <c r="N7407" s="5" t="s">
        <v>38</v>
      </c>
      <c r="O7407" s="5" t="s">
        <v>39</v>
      </c>
      <c r="P7407" s="5" t="s">
        <v>40</v>
      </c>
      <c r="Q7407" s="5" t="s">
        <v>1522</v>
      </c>
      <c r="R7407" s="5" t="s">
        <v>1523</v>
      </c>
      <c r="S7407" s="5" t="s">
        <v>42</v>
      </c>
      <c r="T7407" s="2">
        <v>2.1070000000000002</v>
      </c>
      <c r="U7407" s="2">
        <v>1.651</v>
      </c>
      <c r="V7407" s="2">
        <v>16.7</v>
      </c>
      <c r="W7407" s="2">
        <v>76.900000000000006</v>
      </c>
      <c r="X7407" s="2">
        <v>7.6</v>
      </c>
      <c r="Y7407" s="2">
        <v>16.7</v>
      </c>
      <c r="Z7407" s="5"/>
      <c r="AA7407" s="5" t="s">
        <v>43</v>
      </c>
      <c r="AB7407" s="5" t="s">
        <v>44</v>
      </c>
      <c r="AC7407" s="2"/>
      <c r="AD7407" s="1"/>
    </row>
    <row r="7408" spans="1:30">
      <c r="A7408" s="5" t="s">
        <v>83578</v>
      </c>
      <c r="B7408" s="2" t="s">
        <v>106343</v>
      </c>
      <c r="C7408" s="14" t="s">
        <v>106344</v>
      </c>
      <c r="D7408" s="2" t="s">
        <v>106345</v>
      </c>
      <c r="E7408" s="2" t="s">
        <v>7589</v>
      </c>
      <c r="F7408" s="8">
        <v>237</v>
      </c>
      <c r="G7408" s="5">
        <v>6</v>
      </c>
      <c r="H7408" s="5" t="s">
        <v>1518</v>
      </c>
      <c r="I7408" s="5" t="s">
        <v>69038</v>
      </c>
      <c r="J7408" s="2" t="s">
        <v>69039</v>
      </c>
      <c r="K7408" s="5" t="s">
        <v>69038</v>
      </c>
      <c r="L7408" s="2" t="s">
        <v>69039</v>
      </c>
      <c r="M7408" s="5" t="s">
        <v>1521</v>
      </c>
      <c r="N7408" s="5" t="s">
        <v>38</v>
      </c>
      <c r="O7408" s="5" t="s">
        <v>39</v>
      </c>
      <c r="P7408" s="5" t="s">
        <v>40</v>
      </c>
      <c r="Q7408" s="5" t="s">
        <v>1522</v>
      </c>
      <c r="R7408" s="5" t="s">
        <v>1523</v>
      </c>
      <c r="S7408" s="5" t="s">
        <v>42</v>
      </c>
      <c r="T7408" s="2">
        <v>2.165</v>
      </c>
      <c r="U7408" s="2">
        <v>1.7090000000000001</v>
      </c>
      <c r="V7408" s="2">
        <v>16.7</v>
      </c>
      <c r="W7408" s="2">
        <v>76.900000000000006</v>
      </c>
      <c r="X7408" s="2">
        <v>7.6</v>
      </c>
      <c r="Y7408" s="2">
        <v>16.7</v>
      </c>
      <c r="Z7408" s="5"/>
      <c r="AA7408" s="5" t="s">
        <v>43</v>
      </c>
      <c r="AB7408" s="5" t="s">
        <v>44</v>
      </c>
      <c r="AC7408" s="2"/>
      <c r="AD7408" s="1"/>
    </row>
    <row r="7409" spans="1:30">
      <c r="A7409" s="5" t="s">
        <v>83578</v>
      </c>
      <c r="B7409" s="2" t="s">
        <v>106346</v>
      </c>
      <c r="C7409" s="14" t="s">
        <v>106347</v>
      </c>
      <c r="D7409" s="2" t="s">
        <v>106348</v>
      </c>
      <c r="E7409" s="2" t="s">
        <v>7597</v>
      </c>
      <c r="F7409" s="8">
        <v>237</v>
      </c>
      <c r="G7409" s="5">
        <v>6</v>
      </c>
      <c r="H7409" s="5" t="s">
        <v>1518</v>
      </c>
      <c r="I7409" s="5" t="s">
        <v>69038</v>
      </c>
      <c r="J7409" s="2" t="s">
        <v>69039</v>
      </c>
      <c r="K7409" s="5" t="s">
        <v>69038</v>
      </c>
      <c r="L7409" s="2" t="s">
        <v>69039</v>
      </c>
      <c r="M7409" s="5" t="s">
        <v>1521</v>
      </c>
      <c r="N7409" s="5" t="s">
        <v>38</v>
      </c>
      <c r="O7409" s="5" t="s">
        <v>39</v>
      </c>
      <c r="P7409" s="5" t="s">
        <v>40</v>
      </c>
      <c r="Q7409" s="5" t="s">
        <v>1522</v>
      </c>
      <c r="R7409" s="5" t="s">
        <v>1523</v>
      </c>
      <c r="S7409" s="5" t="s">
        <v>42</v>
      </c>
      <c r="T7409" s="2">
        <v>2.165</v>
      </c>
      <c r="U7409" s="2">
        <v>1.7090000000000001</v>
      </c>
      <c r="V7409" s="2">
        <v>16.7</v>
      </c>
      <c r="W7409" s="2">
        <v>76.900000000000006</v>
      </c>
      <c r="X7409" s="2">
        <v>7.6</v>
      </c>
      <c r="Y7409" s="2">
        <v>16.7</v>
      </c>
      <c r="Z7409" s="5"/>
      <c r="AA7409" s="5" t="s">
        <v>43</v>
      </c>
      <c r="AB7409" s="5" t="s">
        <v>44</v>
      </c>
      <c r="AC7409" s="2"/>
      <c r="AD7409" s="1"/>
    </row>
    <row r="7410" spans="1:30">
      <c r="A7410" s="5" t="s">
        <v>83578</v>
      </c>
      <c r="B7410" s="2" t="s">
        <v>106349</v>
      </c>
      <c r="C7410" s="14" t="s">
        <v>106350</v>
      </c>
      <c r="D7410" s="2" t="s">
        <v>106351</v>
      </c>
      <c r="E7410" s="2" t="s">
        <v>73362</v>
      </c>
      <c r="F7410" s="8">
        <v>237</v>
      </c>
      <c r="G7410" s="5">
        <v>6</v>
      </c>
      <c r="H7410" s="5" t="s">
        <v>1518</v>
      </c>
      <c r="I7410" s="5" t="s">
        <v>69038</v>
      </c>
      <c r="J7410" s="2" t="s">
        <v>69039</v>
      </c>
      <c r="K7410" s="5" t="s">
        <v>69038</v>
      </c>
      <c r="L7410" s="2" t="s">
        <v>69039</v>
      </c>
      <c r="M7410" s="5" t="s">
        <v>1521</v>
      </c>
      <c r="N7410" s="5" t="s">
        <v>38</v>
      </c>
      <c r="O7410" s="5" t="s">
        <v>39</v>
      </c>
      <c r="P7410" s="5" t="s">
        <v>40</v>
      </c>
      <c r="Q7410" s="5" t="s">
        <v>1522</v>
      </c>
      <c r="R7410" s="5" t="s">
        <v>1523</v>
      </c>
      <c r="S7410" s="5" t="s">
        <v>42</v>
      </c>
      <c r="T7410" s="2">
        <v>2.165</v>
      </c>
      <c r="U7410" s="2">
        <v>1.7090000000000001</v>
      </c>
      <c r="V7410" s="2">
        <v>16.7</v>
      </c>
      <c r="W7410" s="2">
        <v>76.900000000000006</v>
      </c>
      <c r="X7410" s="2">
        <v>7.6</v>
      </c>
      <c r="Y7410" s="2">
        <v>16.7</v>
      </c>
      <c r="Z7410" s="5"/>
      <c r="AA7410" s="5" t="s">
        <v>43</v>
      </c>
      <c r="AB7410" s="5" t="s">
        <v>44</v>
      </c>
      <c r="AC7410" s="2"/>
      <c r="AD7410" s="1"/>
    </row>
    <row r="7411" spans="1:30">
      <c r="A7411" s="5" t="s">
        <v>83578</v>
      </c>
      <c r="B7411" s="2" t="s">
        <v>106352</v>
      </c>
      <c r="C7411" s="14" t="s">
        <v>106353</v>
      </c>
      <c r="D7411" s="2" t="s">
        <v>106354</v>
      </c>
      <c r="E7411" s="2" t="s">
        <v>7204</v>
      </c>
      <c r="F7411" s="8">
        <v>233</v>
      </c>
      <c r="G7411" s="5">
        <v>6</v>
      </c>
      <c r="H7411" s="5" t="s">
        <v>1518</v>
      </c>
      <c r="I7411" s="5" t="s">
        <v>69038</v>
      </c>
      <c r="J7411" s="2" t="s">
        <v>69039</v>
      </c>
      <c r="K7411" s="5" t="s">
        <v>69038</v>
      </c>
      <c r="L7411" s="2" t="s">
        <v>69039</v>
      </c>
      <c r="M7411" s="5" t="s">
        <v>1521</v>
      </c>
      <c r="N7411" s="5" t="s">
        <v>38</v>
      </c>
      <c r="O7411" s="5" t="s">
        <v>39</v>
      </c>
      <c r="P7411" s="5" t="s">
        <v>40</v>
      </c>
      <c r="Q7411" s="5" t="s">
        <v>1522</v>
      </c>
      <c r="R7411" s="5" t="s">
        <v>1523</v>
      </c>
      <c r="S7411" s="5" t="s">
        <v>42</v>
      </c>
      <c r="T7411" s="2">
        <v>2.3650000000000002</v>
      </c>
      <c r="U7411" s="2">
        <v>1.8009999999999999</v>
      </c>
      <c r="V7411" s="2">
        <v>16.7</v>
      </c>
      <c r="W7411" s="2">
        <v>99.1</v>
      </c>
      <c r="X7411" s="2">
        <v>7.6</v>
      </c>
      <c r="Y7411" s="2">
        <v>16.7</v>
      </c>
      <c r="Z7411" s="5"/>
      <c r="AA7411" s="5" t="s">
        <v>43</v>
      </c>
      <c r="AB7411" s="5" t="s">
        <v>44</v>
      </c>
      <c r="AC7411" s="2"/>
      <c r="AD7411" s="1"/>
    </row>
    <row r="7412" spans="1:30">
      <c r="A7412" s="5" t="s">
        <v>83578</v>
      </c>
      <c r="B7412" s="2" t="s">
        <v>106355</v>
      </c>
      <c r="C7412" s="14" t="s">
        <v>106356</v>
      </c>
      <c r="D7412" s="2" t="s">
        <v>106357</v>
      </c>
      <c r="E7412" s="2" t="s">
        <v>7521</v>
      </c>
      <c r="F7412" s="8">
        <v>233</v>
      </c>
      <c r="G7412" s="5">
        <v>6</v>
      </c>
      <c r="H7412" s="5" t="s">
        <v>1518</v>
      </c>
      <c r="I7412" s="5" t="s">
        <v>69038</v>
      </c>
      <c r="J7412" s="2" t="s">
        <v>69039</v>
      </c>
      <c r="K7412" s="5" t="s">
        <v>69038</v>
      </c>
      <c r="L7412" s="2" t="s">
        <v>69039</v>
      </c>
      <c r="M7412" s="5" t="s">
        <v>1521</v>
      </c>
      <c r="N7412" s="5" t="s">
        <v>38</v>
      </c>
      <c r="O7412" s="5" t="s">
        <v>39</v>
      </c>
      <c r="P7412" s="5" t="s">
        <v>40</v>
      </c>
      <c r="Q7412" s="5" t="s">
        <v>1522</v>
      </c>
      <c r="R7412" s="5" t="s">
        <v>1523</v>
      </c>
      <c r="S7412" s="5" t="s">
        <v>42</v>
      </c>
      <c r="T7412" s="2">
        <v>2.4340000000000002</v>
      </c>
      <c r="U7412" s="2">
        <v>1.87</v>
      </c>
      <c r="V7412" s="2">
        <v>16.7</v>
      </c>
      <c r="W7412" s="2">
        <v>99.1</v>
      </c>
      <c r="X7412" s="2">
        <v>7.6</v>
      </c>
      <c r="Y7412" s="2">
        <v>16.7</v>
      </c>
      <c r="Z7412" s="5"/>
      <c r="AA7412" s="5" t="s">
        <v>43</v>
      </c>
      <c r="AB7412" s="5" t="s">
        <v>44</v>
      </c>
      <c r="AC7412" s="2"/>
      <c r="AD7412" s="1"/>
    </row>
    <row r="7413" spans="1:30">
      <c r="A7413" s="5" t="s">
        <v>83578</v>
      </c>
      <c r="B7413" s="2" t="s">
        <v>106358</v>
      </c>
      <c r="C7413" s="14" t="s">
        <v>106359</v>
      </c>
      <c r="D7413" s="2" t="s">
        <v>106360</v>
      </c>
      <c r="E7413" s="2" t="s">
        <v>7535</v>
      </c>
      <c r="F7413" s="8">
        <v>249</v>
      </c>
      <c r="G7413" s="5">
        <v>6</v>
      </c>
      <c r="H7413" s="5" t="s">
        <v>1518</v>
      </c>
      <c r="I7413" s="5" t="s">
        <v>69038</v>
      </c>
      <c r="J7413" s="2" t="s">
        <v>69039</v>
      </c>
      <c r="K7413" s="5" t="s">
        <v>69038</v>
      </c>
      <c r="L7413" s="2" t="s">
        <v>69039</v>
      </c>
      <c r="M7413" s="5" t="s">
        <v>1521</v>
      </c>
      <c r="N7413" s="5" t="s">
        <v>38</v>
      </c>
      <c r="O7413" s="5" t="s">
        <v>39</v>
      </c>
      <c r="P7413" s="5" t="s">
        <v>40</v>
      </c>
      <c r="Q7413" s="5" t="s">
        <v>1522</v>
      </c>
      <c r="R7413" s="5" t="s">
        <v>1523</v>
      </c>
      <c r="S7413" s="5" t="s">
        <v>42</v>
      </c>
      <c r="T7413" s="2">
        <v>2.4340000000000002</v>
      </c>
      <c r="U7413" s="2">
        <v>1.87</v>
      </c>
      <c r="V7413" s="2">
        <v>16.7</v>
      </c>
      <c r="W7413" s="2">
        <v>99.1</v>
      </c>
      <c r="X7413" s="2">
        <v>7.6</v>
      </c>
      <c r="Y7413" s="2">
        <v>16.7</v>
      </c>
      <c r="Z7413" s="5"/>
      <c r="AA7413" s="5" t="s">
        <v>43</v>
      </c>
      <c r="AB7413" s="5" t="s">
        <v>44</v>
      </c>
      <c r="AC7413" s="2"/>
      <c r="AD7413" s="1"/>
    </row>
    <row r="7414" spans="1:30">
      <c r="A7414" s="5" t="s">
        <v>83578</v>
      </c>
      <c r="B7414" s="2" t="s">
        <v>106361</v>
      </c>
      <c r="C7414" s="14" t="s">
        <v>106362</v>
      </c>
      <c r="D7414" s="2" t="s">
        <v>106363</v>
      </c>
      <c r="E7414" s="2" t="s">
        <v>7543</v>
      </c>
      <c r="F7414" s="8">
        <v>249</v>
      </c>
      <c r="G7414" s="5">
        <v>6</v>
      </c>
      <c r="H7414" s="5" t="s">
        <v>1518</v>
      </c>
      <c r="I7414" s="5" t="s">
        <v>69038</v>
      </c>
      <c r="J7414" s="2" t="s">
        <v>69039</v>
      </c>
      <c r="K7414" s="5" t="s">
        <v>69038</v>
      </c>
      <c r="L7414" s="2" t="s">
        <v>69039</v>
      </c>
      <c r="M7414" s="5" t="s">
        <v>1521</v>
      </c>
      <c r="N7414" s="5" t="s">
        <v>38</v>
      </c>
      <c r="O7414" s="5" t="s">
        <v>39</v>
      </c>
      <c r="P7414" s="5" t="s">
        <v>40</v>
      </c>
      <c r="Q7414" s="5" t="s">
        <v>1522</v>
      </c>
      <c r="R7414" s="5" t="s">
        <v>1523</v>
      </c>
      <c r="S7414" s="5" t="s">
        <v>42</v>
      </c>
      <c r="T7414" s="2">
        <v>2.4340000000000002</v>
      </c>
      <c r="U7414" s="2">
        <v>1.87</v>
      </c>
      <c r="V7414" s="2">
        <v>16.7</v>
      </c>
      <c r="W7414" s="2">
        <v>99.1</v>
      </c>
      <c r="X7414" s="2">
        <v>7.6</v>
      </c>
      <c r="Y7414" s="2">
        <v>16.7</v>
      </c>
      <c r="Z7414" s="5"/>
      <c r="AA7414" s="5" t="s">
        <v>43</v>
      </c>
      <c r="AB7414" s="5" t="s">
        <v>44</v>
      </c>
      <c r="AC7414" s="2"/>
      <c r="AD7414" s="1"/>
    </row>
    <row r="7415" spans="1:30">
      <c r="A7415" s="5" t="s">
        <v>83578</v>
      </c>
      <c r="B7415" s="2" t="s">
        <v>106364</v>
      </c>
      <c r="C7415" s="14" t="s">
        <v>106365</v>
      </c>
      <c r="D7415" s="2" t="s">
        <v>106366</v>
      </c>
      <c r="E7415" s="2" t="s">
        <v>7507</v>
      </c>
      <c r="F7415" s="8">
        <v>233</v>
      </c>
      <c r="G7415" s="5">
        <v>6</v>
      </c>
      <c r="H7415" s="5" t="s">
        <v>1518</v>
      </c>
      <c r="I7415" s="5" t="s">
        <v>69038</v>
      </c>
      <c r="J7415" s="2" t="s">
        <v>69039</v>
      </c>
      <c r="K7415" s="5" t="s">
        <v>69038</v>
      </c>
      <c r="L7415" s="2" t="s">
        <v>69039</v>
      </c>
      <c r="M7415" s="5" t="s">
        <v>1521</v>
      </c>
      <c r="N7415" s="5" t="s">
        <v>38</v>
      </c>
      <c r="O7415" s="5" t="s">
        <v>39</v>
      </c>
      <c r="P7415" s="5" t="s">
        <v>40</v>
      </c>
      <c r="Q7415" s="5" t="s">
        <v>1522</v>
      </c>
      <c r="R7415" s="5" t="s">
        <v>1523</v>
      </c>
      <c r="S7415" s="5" t="s">
        <v>42</v>
      </c>
      <c r="T7415" s="2">
        <v>2.4340000000000002</v>
      </c>
      <c r="U7415" s="2">
        <v>1.87</v>
      </c>
      <c r="V7415" s="2">
        <v>16.7</v>
      </c>
      <c r="W7415" s="2">
        <v>99.1</v>
      </c>
      <c r="X7415" s="2">
        <v>7.6</v>
      </c>
      <c r="Y7415" s="2">
        <v>16.7</v>
      </c>
      <c r="Z7415" s="5"/>
      <c r="AA7415" s="5" t="s">
        <v>43</v>
      </c>
      <c r="AB7415" s="5" t="s">
        <v>44</v>
      </c>
      <c r="AC7415" s="2"/>
      <c r="AD7415" s="1"/>
    </row>
    <row r="7416" spans="1:30">
      <c r="A7416" s="5" t="s">
        <v>83578</v>
      </c>
      <c r="B7416" s="2" t="s">
        <v>106367</v>
      </c>
      <c r="C7416" s="14" t="s">
        <v>106368</v>
      </c>
      <c r="D7416" s="2" t="s">
        <v>106369</v>
      </c>
      <c r="E7416" s="2" t="s">
        <v>7547</v>
      </c>
      <c r="F7416" s="8">
        <v>249</v>
      </c>
      <c r="G7416" s="5">
        <v>6</v>
      </c>
      <c r="H7416" s="5" t="s">
        <v>1518</v>
      </c>
      <c r="I7416" s="5" t="s">
        <v>69038</v>
      </c>
      <c r="J7416" s="2" t="s">
        <v>69039</v>
      </c>
      <c r="K7416" s="5" t="s">
        <v>69038</v>
      </c>
      <c r="L7416" s="2" t="s">
        <v>69039</v>
      </c>
      <c r="M7416" s="5" t="s">
        <v>1521</v>
      </c>
      <c r="N7416" s="5" t="s">
        <v>38</v>
      </c>
      <c r="O7416" s="5" t="s">
        <v>39</v>
      </c>
      <c r="P7416" s="5" t="s">
        <v>40</v>
      </c>
      <c r="Q7416" s="5" t="s">
        <v>1522</v>
      </c>
      <c r="R7416" s="5" t="s">
        <v>1523</v>
      </c>
      <c r="S7416" s="5" t="s">
        <v>42</v>
      </c>
      <c r="T7416" s="2">
        <v>2.3650000000000002</v>
      </c>
      <c r="U7416" s="2">
        <v>1.8009999999999999</v>
      </c>
      <c r="V7416" s="2">
        <v>16.7</v>
      </c>
      <c r="W7416" s="2">
        <v>99.1</v>
      </c>
      <c r="X7416" s="2">
        <v>7.6</v>
      </c>
      <c r="Y7416" s="2">
        <v>16.7</v>
      </c>
      <c r="Z7416" s="5"/>
      <c r="AA7416" s="5" t="s">
        <v>43</v>
      </c>
      <c r="AB7416" s="5" t="s">
        <v>44</v>
      </c>
      <c r="AC7416" s="2"/>
      <c r="AD7416" s="1"/>
    </row>
    <row r="7417" spans="1:30">
      <c r="A7417" s="5" t="s">
        <v>83578</v>
      </c>
      <c r="B7417" s="2" t="s">
        <v>106370</v>
      </c>
      <c r="C7417" s="14" t="s">
        <v>106371</v>
      </c>
      <c r="D7417" s="2" t="s">
        <v>106372</v>
      </c>
      <c r="E7417" s="2" t="s">
        <v>7551</v>
      </c>
      <c r="F7417" s="8">
        <v>249</v>
      </c>
      <c r="G7417" s="5">
        <v>6</v>
      </c>
      <c r="H7417" s="5" t="s">
        <v>1518</v>
      </c>
      <c r="I7417" s="5" t="s">
        <v>69038</v>
      </c>
      <c r="J7417" s="2" t="s">
        <v>69039</v>
      </c>
      <c r="K7417" s="5" t="s">
        <v>69038</v>
      </c>
      <c r="L7417" s="2" t="s">
        <v>69039</v>
      </c>
      <c r="M7417" s="5" t="s">
        <v>1521</v>
      </c>
      <c r="N7417" s="5" t="s">
        <v>38</v>
      </c>
      <c r="O7417" s="5" t="s">
        <v>39</v>
      </c>
      <c r="P7417" s="5" t="s">
        <v>40</v>
      </c>
      <c r="Q7417" s="5" t="s">
        <v>1522</v>
      </c>
      <c r="R7417" s="5" t="s">
        <v>1523</v>
      </c>
      <c r="S7417" s="5" t="s">
        <v>42</v>
      </c>
      <c r="T7417" s="2">
        <v>2.4340000000000002</v>
      </c>
      <c r="U7417" s="2">
        <v>1.87</v>
      </c>
      <c r="V7417" s="2">
        <v>16.7</v>
      </c>
      <c r="W7417" s="2">
        <v>99.1</v>
      </c>
      <c r="X7417" s="2">
        <v>7.6</v>
      </c>
      <c r="Y7417" s="2">
        <v>16.7</v>
      </c>
      <c r="Z7417" s="5"/>
      <c r="AA7417" s="5" t="s">
        <v>43</v>
      </c>
      <c r="AB7417" s="5" t="s">
        <v>44</v>
      </c>
      <c r="AC7417" s="2"/>
      <c r="AD7417" s="1"/>
    </row>
    <row r="7418" spans="1:30">
      <c r="A7418" s="5" t="s">
        <v>83578</v>
      </c>
      <c r="B7418" s="2" t="s">
        <v>106373</v>
      </c>
      <c r="C7418" s="14" t="s">
        <v>106374</v>
      </c>
      <c r="D7418" s="2" t="s">
        <v>106375</v>
      </c>
      <c r="E7418" s="2" t="s">
        <v>7563</v>
      </c>
      <c r="F7418" s="8">
        <v>249</v>
      </c>
      <c r="G7418" s="5">
        <v>6</v>
      </c>
      <c r="H7418" s="5" t="s">
        <v>1518</v>
      </c>
      <c r="I7418" s="5" t="s">
        <v>69038</v>
      </c>
      <c r="J7418" s="2" t="s">
        <v>69039</v>
      </c>
      <c r="K7418" s="5" t="s">
        <v>69038</v>
      </c>
      <c r="L7418" s="2" t="s">
        <v>69039</v>
      </c>
      <c r="M7418" s="5" t="s">
        <v>1521</v>
      </c>
      <c r="N7418" s="5" t="s">
        <v>38</v>
      </c>
      <c r="O7418" s="5" t="s">
        <v>39</v>
      </c>
      <c r="P7418" s="5" t="s">
        <v>40</v>
      </c>
      <c r="Q7418" s="5" t="s">
        <v>1522</v>
      </c>
      <c r="R7418" s="5" t="s">
        <v>1523</v>
      </c>
      <c r="S7418" s="5" t="s">
        <v>42</v>
      </c>
      <c r="T7418" s="2">
        <v>2.3650000000000002</v>
      </c>
      <c r="U7418" s="2">
        <v>1.8009999999999999</v>
      </c>
      <c r="V7418" s="2">
        <v>16.7</v>
      </c>
      <c r="W7418" s="2">
        <v>99.1</v>
      </c>
      <c r="X7418" s="2">
        <v>7.6</v>
      </c>
      <c r="Y7418" s="2">
        <v>16.7</v>
      </c>
      <c r="Z7418" s="5"/>
      <c r="AA7418" s="5" t="s">
        <v>43</v>
      </c>
      <c r="AB7418" s="5" t="s">
        <v>44</v>
      </c>
      <c r="AC7418" s="2"/>
      <c r="AD7418" s="1"/>
    </row>
    <row r="7419" spans="1:30">
      <c r="A7419" s="5" t="s">
        <v>83578</v>
      </c>
      <c r="B7419" s="2" t="s">
        <v>106376</v>
      </c>
      <c r="C7419" s="14" t="s">
        <v>106377</v>
      </c>
      <c r="D7419" s="2" t="s">
        <v>106378</v>
      </c>
      <c r="E7419" s="2" t="s">
        <v>7567</v>
      </c>
      <c r="F7419" s="8">
        <v>249</v>
      </c>
      <c r="G7419" s="5">
        <v>6</v>
      </c>
      <c r="H7419" s="5" t="s">
        <v>1518</v>
      </c>
      <c r="I7419" s="5" t="s">
        <v>69038</v>
      </c>
      <c r="J7419" s="2" t="s">
        <v>69039</v>
      </c>
      <c r="K7419" s="5" t="s">
        <v>69038</v>
      </c>
      <c r="L7419" s="2" t="s">
        <v>69039</v>
      </c>
      <c r="M7419" s="5" t="s">
        <v>1521</v>
      </c>
      <c r="N7419" s="5" t="s">
        <v>38</v>
      </c>
      <c r="O7419" s="5" t="s">
        <v>39</v>
      </c>
      <c r="P7419" s="5" t="s">
        <v>40</v>
      </c>
      <c r="Q7419" s="5" t="s">
        <v>1522</v>
      </c>
      <c r="R7419" s="5" t="s">
        <v>1523</v>
      </c>
      <c r="S7419" s="5" t="s">
        <v>42</v>
      </c>
      <c r="T7419" s="2">
        <v>2.4340000000000002</v>
      </c>
      <c r="U7419" s="2">
        <v>1.87</v>
      </c>
      <c r="V7419" s="2">
        <v>16.7</v>
      </c>
      <c r="W7419" s="2">
        <v>99.1</v>
      </c>
      <c r="X7419" s="2">
        <v>7.6</v>
      </c>
      <c r="Y7419" s="2">
        <v>16.7</v>
      </c>
      <c r="Z7419" s="5"/>
      <c r="AA7419" s="5" t="s">
        <v>43</v>
      </c>
      <c r="AB7419" s="5" t="s">
        <v>44</v>
      </c>
      <c r="AC7419" s="2"/>
      <c r="AD7419" s="1"/>
    </row>
    <row r="7420" spans="1:30">
      <c r="A7420" s="5" t="s">
        <v>83578</v>
      </c>
      <c r="B7420" s="2" t="s">
        <v>106379</v>
      </c>
      <c r="C7420" s="14" t="s">
        <v>106380</v>
      </c>
      <c r="D7420" s="2" t="s">
        <v>106381</v>
      </c>
      <c r="E7420" s="2" t="s">
        <v>7555</v>
      </c>
      <c r="F7420" s="8">
        <v>249</v>
      </c>
      <c r="G7420" s="5">
        <v>6</v>
      </c>
      <c r="H7420" s="5" t="s">
        <v>1518</v>
      </c>
      <c r="I7420" s="5" t="s">
        <v>69038</v>
      </c>
      <c r="J7420" s="2" t="s">
        <v>69039</v>
      </c>
      <c r="K7420" s="5" t="s">
        <v>69038</v>
      </c>
      <c r="L7420" s="2" t="s">
        <v>69039</v>
      </c>
      <c r="M7420" s="5" t="s">
        <v>1521</v>
      </c>
      <c r="N7420" s="5" t="s">
        <v>38</v>
      </c>
      <c r="O7420" s="5" t="s">
        <v>39</v>
      </c>
      <c r="P7420" s="5" t="s">
        <v>40</v>
      </c>
      <c r="Q7420" s="5" t="s">
        <v>1522</v>
      </c>
      <c r="R7420" s="5" t="s">
        <v>1523</v>
      </c>
      <c r="S7420" s="5" t="s">
        <v>42</v>
      </c>
      <c r="T7420" s="2">
        <v>2.3650000000000002</v>
      </c>
      <c r="U7420" s="2">
        <v>1.8009999999999999</v>
      </c>
      <c r="V7420" s="2">
        <v>16.7</v>
      </c>
      <c r="W7420" s="2">
        <v>99.1</v>
      </c>
      <c r="X7420" s="2">
        <v>7.6</v>
      </c>
      <c r="Y7420" s="2">
        <v>16.7</v>
      </c>
      <c r="Z7420" s="5"/>
      <c r="AA7420" s="5" t="s">
        <v>43</v>
      </c>
      <c r="AB7420" s="5" t="s">
        <v>44</v>
      </c>
      <c r="AC7420" s="2"/>
      <c r="AD7420" s="1"/>
    </row>
    <row r="7421" spans="1:30">
      <c r="A7421" s="5" t="s">
        <v>83578</v>
      </c>
      <c r="B7421" s="2" t="s">
        <v>106382</v>
      </c>
      <c r="C7421" s="14" t="s">
        <v>106383</v>
      </c>
      <c r="D7421" s="2" t="s">
        <v>106384</v>
      </c>
      <c r="E7421" s="2" t="s">
        <v>7559</v>
      </c>
      <c r="F7421" s="8">
        <v>249</v>
      </c>
      <c r="G7421" s="5">
        <v>6</v>
      </c>
      <c r="H7421" s="5" t="s">
        <v>1518</v>
      </c>
      <c r="I7421" s="5" t="s">
        <v>69038</v>
      </c>
      <c r="J7421" s="2" t="s">
        <v>69039</v>
      </c>
      <c r="K7421" s="5" t="s">
        <v>69038</v>
      </c>
      <c r="L7421" s="2" t="s">
        <v>69039</v>
      </c>
      <c r="M7421" s="5" t="s">
        <v>1521</v>
      </c>
      <c r="N7421" s="5" t="s">
        <v>38</v>
      </c>
      <c r="O7421" s="5" t="s">
        <v>39</v>
      </c>
      <c r="P7421" s="5" t="s">
        <v>40</v>
      </c>
      <c r="Q7421" s="5" t="s">
        <v>1522</v>
      </c>
      <c r="R7421" s="5" t="s">
        <v>1523</v>
      </c>
      <c r="S7421" s="5" t="s">
        <v>42</v>
      </c>
      <c r="T7421" s="2">
        <v>2.4340000000000002</v>
      </c>
      <c r="U7421" s="2">
        <v>1.87</v>
      </c>
      <c r="V7421" s="2">
        <v>16.7</v>
      </c>
      <c r="W7421" s="2">
        <v>99.1</v>
      </c>
      <c r="X7421" s="2">
        <v>7.6</v>
      </c>
      <c r="Y7421" s="2">
        <v>16.7</v>
      </c>
      <c r="Z7421" s="5"/>
      <c r="AA7421" s="5" t="s">
        <v>43</v>
      </c>
      <c r="AB7421" s="5" t="s">
        <v>44</v>
      </c>
      <c r="AC7421" s="2"/>
      <c r="AD7421" s="1"/>
    </row>
    <row r="7422" spans="1:30">
      <c r="A7422" s="5" t="s">
        <v>83578</v>
      </c>
      <c r="B7422" s="2" t="s">
        <v>106385</v>
      </c>
      <c r="C7422" s="14" t="s">
        <v>106386</v>
      </c>
      <c r="D7422" s="2" t="s">
        <v>106387</v>
      </c>
      <c r="E7422" s="2" t="s">
        <v>16079</v>
      </c>
      <c r="F7422" s="8">
        <v>249</v>
      </c>
      <c r="G7422" s="5">
        <v>6</v>
      </c>
      <c r="H7422" s="5" t="s">
        <v>1518</v>
      </c>
      <c r="I7422" s="5" t="s">
        <v>69038</v>
      </c>
      <c r="J7422" s="2" t="s">
        <v>69039</v>
      </c>
      <c r="K7422" s="5" t="s">
        <v>69038</v>
      </c>
      <c r="L7422" s="2" t="s">
        <v>69039</v>
      </c>
      <c r="M7422" s="5" t="s">
        <v>1521</v>
      </c>
      <c r="N7422" s="5" t="s">
        <v>38</v>
      </c>
      <c r="O7422" s="5" t="s">
        <v>39</v>
      </c>
      <c r="P7422" s="5" t="s">
        <v>40</v>
      </c>
      <c r="Q7422" s="5" t="s">
        <v>1522</v>
      </c>
      <c r="R7422" s="5" t="s">
        <v>1523</v>
      </c>
      <c r="S7422" s="5" t="s">
        <v>42</v>
      </c>
      <c r="T7422" s="2">
        <v>2.3650000000000002</v>
      </c>
      <c r="U7422" s="2">
        <v>1.8009999999999999</v>
      </c>
      <c r="V7422" s="2">
        <v>16.7</v>
      </c>
      <c r="W7422" s="2">
        <v>99.1</v>
      </c>
      <c r="X7422" s="2">
        <v>7.6</v>
      </c>
      <c r="Y7422" s="2">
        <v>16.7</v>
      </c>
      <c r="Z7422" s="5"/>
      <c r="AA7422" s="5" t="s">
        <v>43</v>
      </c>
      <c r="AB7422" s="5" t="s">
        <v>44</v>
      </c>
      <c r="AC7422" s="2"/>
      <c r="AD7422" s="1"/>
    </row>
    <row r="7423" spans="1:30">
      <c r="A7423" s="5" t="s">
        <v>83578</v>
      </c>
      <c r="B7423" s="2" t="s">
        <v>106388</v>
      </c>
      <c r="C7423" s="14" t="s">
        <v>106389</v>
      </c>
      <c r="D7423" s="2" t="s">
        <v>106390</v>
      </c>
      <c r="E7423" s="2" t="s">
        <v>16194</v>
      </c>
      <c r="F7423" s="8">
        <v>249</v>
      </c>
      <c r="G7423" s="5">
        <v>6</v>
      </c>
      <c r="H7423" s="5" t="s">
        <v>1518</v>
      </c>
      <c r="I7423" s="5" t="s">
        <v>69038</v>
      </c>
      <c r="J7423" s="2" t="s">
        <v>69039</v>
      </c>
      <c r="K7423" s="5" t="s">
        <v>69038</v>
      </c>
      <c r="L7423" s="2" t="s">
        <v>69039</v>
      </c>
      <c r="M7423" s="5" t="s">
        <v>1521</v>
      </c>
      <c r="N7423" s="5" t="s">
        <v>38</v>
      </c>
      <c r="O7423" s="5" t="s">
        <v>39</v>
      </c>
      <c r="P7423" s="5" t="s">
        <v>40</v>
      </c>
      <c r="Q7423" s="5" t="s">
        <v>1522</v>
      </c>
      <c r="R7423" s="5" t="s">
        <v>1523</v>
      </c>
      <c r="S7423" s="5" t="s">
        <v>42</v>
      </c>
      <c r="T7423" s="2">
        <v>2.4340000000000002</v>
      </c>
      <c r="U7423" s="2">
        <v>1.87</v>
      </c>
      <c r="V7423" s="2">
        <v>16.7</v>
      </c>
      <c r="W7423" s="2">
        <v>99.1</v>
      </c>
      <c r="X7423" s="2">
        <v>7.6</v>
      </c>
      <c r="Y7423" s="2">
        <v>16.7</v>
      </c>
      <c r="Z7423" s="5"/>
      <c r="AA7423" s="5" t="s">
        <v>43</v>
      </c>
      <c r="AB7423" s="5" t="s">
        <v>44</v>
      </c>
      <c r="AC7423" s="2"/>
      <c r="AD7423" s="1"/>
    </row>
    <row r="7424" spans="1:30">
      <c r="A7424" s="5" t="s">
        <v>83578</v>
      </c>
      <c r="B7424" s="2" t="s">
        <v>106391</v>
      </c>
      <c r="C7424" s="14" t="s">
        <v>106392</v>
      </c>
      <c r="D7424" s="2" t="s">
        <v>106393</v>
      </c>
      <c r="E7424" s="2" t="s">
        <v>7449</v>
      </c>
      <c r="F7424" s="8">
        <v>249</v>
      </c>
      <c r="G7424" s="5">
        <v>6</v>
      </c>
      <c r="H7424" s="5" t="s">
        <v>1518</v>
      </c>
      <c r="I7424" s="5" t="s">
        <v>69038</v>
      </c>
      <c r="J7424" s="2" t="s">
        <v>69039</v>
      </c>
      <c r="K7424" s="5" t="s">
        <v>69038</v>
      </c>
      <c r="L7424" s="2" t="s">
        <v>69039</v>
      </c>
      <c r="M7424" s="5" t="s">
        <v>1521</v>
      </c>
      <c r="N7424" s="5" t="s">
        <v>38</v>
      </c>
      <c r="O7424" s="5" t="s">
        <v>39</v>
      </c>
      <c r="P7424" s="5" t="s">
        <v>40</v>
      </c>
      <c r="Q7424" s="5" t="s">
        <v>1522</v>
      </c>
      <c r="R7424" s="5" t="s">
        <v>1523</v>
      </c>
      <c r="S7424" s="5" t="s">
        <v>42</v>
      </c>
      <c r="T7424" s="2">
        <v>2.3650000000000002</v>
      </c>
      <c r="U7424" s="2">
        <v>1.8009999999999999</v>
      </c>
      <c r="V7424" s="2">
        <v>16.7</v>
      </c>
      <c r="W7424" s="2">
        <v>99.1</v>
      </c>
      <c r="X7424" s="2">
        <v>7.6</v>
      </c>
      <c r="Y7424" s="2">
        <v>16.7</v>
      </c>
      <c r="Z7424" s="5"/>
      <c r="AA7424" s="5" t="s">
        <v>43</v>
      </c>
      <c r="AB7424" s="5" t="s">
        <v>44</v>
      </c>
      <c r="AC7424" s="2"/>
      <c r="AD7424" s="1"/>
    </row>
    <row r="7425" spans="1:30">
      <c r="A7425" s="5" t="s">
        <v>83578</v>
      </c>
      <c r="B7425" s="2" t="s">
        <v>106394</v>
      </c>
      <c r="C7425" s="14" t="s">
        <v>106395</v>
      </c>
      <c r="D7425" s="2" t="s">
        <v>106396</v>
      </c>
      <c r="E7425" s="2" t="s">
        <v>7581</v>
      </c>
      <c r="F7425" s="8">
        <v>249</v>
      </c>
      <c r="G7425" s="5">
        <v>6</v>
      </c>
      <c r="H7425" s="5" t="s">
        <v>1518</v>
      </c>
      <c r="I7425" s="5" t="s">
        <v>69038</v>
      </c>
      <c r="J7425" s="2" t="s">
        <v>69039</v>
      </c>
      <c r="K7425" s="5" t="s">
        <v>69038</v>
      </c>
      <c r="L7425" s="2" t="s">
        <v>69039</v>
      </c>
      <c r="M7425" s="5" t="s">
        <v>1521</v>
      </c>
      <c r="N7425" s="5" t="s">
        <v>38</v>
      </c>
      <c r="O7425" s="5" t="s">
        <v>39</v>
      </c>
      <c r="P7425" s="5" t="s">
        <v>40</v>
      </c>
      <c r="Q7425" s="5" t="s">
        <v>1522</v>
      </c>
      <c r="R7425" s="5" t="s">
        <v>1523</v>
      </c>
      <c r="S7425" s="5" t="s">
        <v>42</v>
      </c>
      <c r="T7425" s="2">
        <v>2.4340000000000002</v>
      </c>
      <c r="U7425" s="2">
        <v>1.87</v>
      </c>
      <c r="V7425" s="2">
        <v>16.7</v>
      </c>
      <c r="W7425" s="2">
        <v>99.1</v>
      </c>
      <c r="X7425" s="2">
        <v>7.6</v>
      </c>
      <c r="Y7425" s="2">
        <v>16.7</v>
      </c>
      <c r="Z7425" s="5"/>
      <c r="AA7425" s="5" t="s">
        <v>43</v>
      </c>
      <c r="AB7425" s="5" t="s">
        <v>44</v>
      </c>
      <c r="AC7425" s="2"/>
      <c r="AD7425" s="1"/>
    </row>
    <row r="7426" spans="1:30">
      <c r="A7426" s="5" t="s">
        <v>83578</v>
      </c>
      <c r="B7426" s="2" t="s">
        <v>106397</v>
      </c>
      <c r="C7426" s="14" t="s">
        <v>106398</v>
      </c>
      <c r="D7426" s="2" t="s">
        <v>106399</v>
      </c>
      <c r="E7426" s="2" t="s">
        <v>7585</v>
      </c>
      <c r="F7426" s="8">
        <v>249</v>
      </c>
      <c r="G7426" s="5">
        <v>6</v>
      </c>
      <c r="H7426" s="5" t="s">
        <v>1518</v>
      </c>
      <c r="I7426" s="5" t="s">
        <v>69038</v>
      </c>
      <c r="J7426" s="2" t="s">
        <v>69039</v>
      </c>
      <c r="K7426" s="5" t="s">
        <v>69038</v>
      </c>
      <c r="L7426" s="2" t="s">
        <v>69039</v>
      </c>
      <c r="M7426" s="5" t="s">
        <v>1521</v>
      </c>
      <c r="N7426" s="5" t="s">
        <v>38</v>
      </c>
      <c r="O7426" s="5" t="s">
        <v>39</v>
      </c>
      <c r="P7426" s="5" t="s">
        <v>40</v>
      </c>
      <c r="Q7426" s="5" t="s">
        <v>1522</v>
      </c>
      <c r="R7426" s="5" t="s">
        <v>1523</v>
      </c>
      <c r="S7426" s="5" t="s">
        <v>42</v>
      </c>
      <c r="T7426" s="2">
        <v>2.3650000000000002</v>
      </c>
      <c r="U7426" s="2">
        <v>1.8009999999999999</v>
      </c>
      <c r="V7426" s="2">
        <v>16.7</v>
      </c>
      <c r="W7426" s="2">
        <v>99.1</v>
      </c>
      <c r="X7426" s="2">
        <v>7.6</v>
      </c>
      <c r="Y7426" s="2">
        <v>16.7</v>
      </c>
      <c r="Z7426" s="5"/>
      <c r="AA7426" s="5" t="s">
        <v>43</v>
      </c>
      <c r="AB7426" s="5" t="s">
        <v>44</v>
      </c>
      <c r="AC7426" s="2"/>
      <c r="AD7426" s="1"/>
    </row>
    <row r="7427" spans="1:30">
      <c r="A7427" s="5" t="s">
        <v>83578</v>
      </c>
      <c r="B7427" s="2" t="s">
        <v>106400</v>
      </c>
      <c r="C7427" s="14" t="s">
        <v>106401</v>
      </c>
      <c r="D7427" s="2" t="s">
        <v>106402</v>
      </c>
      <c r="E7427" s="2" t="s">
        <v>7589</v>
      </c>
      <c r="F7427" s="8">
        <v>249</v>
      </c>
      <c r="G7427" s="5">
        <v>6</v>
      </c>
      <c r="H7427" s="5" t="s">
        <v>1518</v>
      </c>
      <c r="I7427" s="5" t="s">
        <v>69038</v>
      </c>
      <c r="J7427" s="2" t="s">
        <v>69039</v>
      </c>
      <c r="K7427" s="5" t="s">
        <v>69038</v>
      </c>
      <c r="L7427" s="2" t="s">
        <v>69039</v>
      </c>
      <c r="M7427" s="5" t="s">
        <v>1521</v>
      </c>
      <c r="N7427" s="5" t="s">
        <v>38</v>
      </c>
      <c r="O7427" s="5" t="s">
        <v>39</v>
      </c>
      <c r="P7427" s="5" t="s">
        <v>40</v>
      </c>
      <c r="Q7427" s="5" t="s">
        <v>1522</v>
      </c>
      <c r="R7427" s="5" t="s">
        <v>1523</v>
      </c>
      <c r="S7427" s="5" t="s">
        <v>42</v>
      </c>
      <c r="T7427" s="2">
        <v>2.4340000000000002</v>
      </c>
      <c r="U7427" s="2">
        <v>1.87</v>
      </c>
      <c r="V7427" s="2">
        <v>16.7</v>
      </c>
      <c r="W7427" s="2">
        <v>99.1</v>
      </c>
      <c r="X7427" s="2">
        <v>7.6</v>
      </c>
      <c r="Y7427" s="2">
        <v>16.7</v>
      </c>
      <c r="Z7427" s="5"/>
      <c r="AA7427" s="5" t="s">
        <v>43</v>
      </c>
      <c r="AB7427" s="5" t="s">
        <v>44</v>
      </c>
      <c r="AC7427" s="2"/>
      <c r="AD7427" s="1"/>
    </row>
    <row r="7428" spans="1:30">
      <c r="A7428" s="5" t="s">
        <v>83578</v>
      </c>
      <c r="B7428" s="2" t="s">
        <v>106403</v>
      </c>
      <c r="C7428" s="14" t="s">
        <v>106404</v>
      </c>
      <c r="D7428" s="2" t="s">
        <v>106405</v>
      </c>
      <c r="E7428" s="2" t="s">
        <v>7593</v>
      </c>
      <c r="F7428" s="8">
        <v>249</v>
      </c>
      <c r="G7428" s="5">
        <v>6</v>
      </c>
      <c r="H7428" s="5" t="s">
        <v>1518</v>
      </c>
      <c r="I7428" s="5" t="s">
        <v>69038</v>
      </c>
      <c r="J7428" s="2" t="s">
        <v>69039</v>
      </c>
      <c r="K7428" s="5" t="s">
        <v>69038</v>
      </c>
      <c r="L7428" s="2" t="s">
        <v>69039</v>
      </c>
      <c r="M7428" s="5" t="s">
        <v>1521</v>
      </c>
      <c r="N7428" s="5" t="s">
        <v>38</v>
      </c>
      <c r="O7428" s="5" t="s">
        <v>39</v>
      </c>
      <c r="P7428" s="5" t="s">
        <v>40</v>
      </c>
      <c r="Q7428" s="5" t="s">
        <v>1522</v>
      </c>
      <c r="R7428" s="5" t="s">
        <v>1523</v>
      </c>
      <c r="S7428" s="5" t="s">
        <v>42</v>
      </c>
      <c r="T7428" s="2">
        <v>2.3650000000000002</v>
      </c>
      <c r="U7428" s="2">
        <v>1.8009999999999999</v>
      </c>
      <c r="V7428" s="2">
        <v>16.7</v>
      </c>
      <c r="W7428" s="2">
        <v>99.1</v>
      </c>
      <c r="X7428" s="2">
        <v>7.6</v>
      </c>
      <c r="Y7428" s="2">
        <v>16.7</v>
      </c>
      <c r="Z7428" s="5"/>
      <c r="AA7428" s="5" t="s">
        <v>43</v>
      </c>
      <c r="AB7428" s="5" t="s">
        <v>44</v>
      </c>
      <c r="AC7428" s="2"/>
      <c r="AD7428" s="1"/>
    </row>
    <row r="7429" spans="1:30">
      <c r="A7429" s="5" t="s">
        <v>83578</v>
      </c>
      <c r="B7429" s="2" t="s">
        <v>106406</v>
      </c>
      <c r="C7429" s="14" t="s">
        <v>106407</v>
      </c>
      <c r="D7429" s="2" t="s">
        <v>106408</v>
      </c>
      <c r="E7429" s="2" t="s">
        <v>7597</v>
      </c>
      <c r="F7429" s="8">
        <v>249</v>
      </c>
      <c r="G7429" s="5">
        <v>6</v>
      </c>
      <c r="H7429" s="5" t="s">
        <v>1518</v>
      </c>
      <c r="I7429" s="5" t="s">
        <v>69038</v>
      </c>
      <c r="J7429" s="2" t="s">
        <v>69039</v>
      </c>
      <c r="K7429" s="5" t="s">
        <v>69038</v>
      </c>
      <c r="L7429" s="2" t="s">
        <v>69039</v>
      </c>
      <c r="M7429" s="5" t="s">
        <v>1521</v>
      </c>
      <c r="N7429" s="5" t="s">
        <v>38</v>
      </c>
      <c r="O7429" s="5" t="s">
        <v>39</v>
      </c>
      <c r="P7429" s="5" t="s">
        <v>40</v>
      </c>
      <c r="Q7429" s="5" t="s">
        <v>1522</v>
      </c>
      <c r="R7429" s="5" t="s">
        <v>1523</v>
      </c>
      <c r="S7429" s="5" t="s">
        <v>42</v>
      </c>
      <c r="T7429" s="2">
        <v>2.4340000000000002</v>
      </c>
      <c r="U7429" s="2">
        <v>1.87</v>
      </c>
      <c r="V7429" s="2">
        <v>16.7</v>
      </c>
      <c r="W7429" s="2">
        <v>99.1</v>
      </c>
      <c r="X7429" s="2">
        <v>7.6</v>
      </c>
      <c r="Y7429" s="2">
        <v>16.7</v>
      </c>
      <c r="Z7429" s="5"/>
      <c r="AA7429" s="5" t="s">
        <v>43</v>
      </c>
      <c r="AB7429" s="5" t="s">
        <v>44</v>
      </c>
      <c r="AC7429" s="2"/>
      <c r="AD7429" s="1"/>
    </row>
    <row r="7430" spans="1:30">
      <c r="A7430" s="5" t="s">
        <v>83578</v>
      </c>
      <c r="B7430" s="2" t="s">
        <v>106409</v>
      </c>
      <c r="C7430" s="14" t="s">
        <v>106410</v>
      </c>
      <c r="D7430" s="2" t="s">
        <v>106411</v>
      </c>
      <c r="E7430" s="2" t="s">
        <v>73358</v>
      </c>
      <c r="F7430" s="8">
        <v>249</v>
      </c>
      <c r="G7430" s="5">
        <v>6</v>
      </c>
      <c r="H7430" s="5" t="s">
        <v>1518</v>
      </c>
      <c r="I7430" s="5" t="s">
        <v>69038</v>
      </c>
      <c r="J7430" s="2" t="s">
        <v>69039</v>
      </c>
      <c r="K7430" s="5" t="s">
        <v>69038</v>
      </c>
      <c r="L7430" s="2" t="s">
        <v>69039</v>
      </c>
      <c r="M7430" s="5" t="s">
        <v>1521</v>
      </c>
      <c r="N7430" s="5" t="s">
        <v>38</v>
      </c>
      <c r="O7430" s="5" t="s">
        <v>39</v>
      </c>
      <c r="P7430" s="5" t="s">
        <v>40</v>
      </c>
      <c r="Q7430" s="5" t="s">
        <v>1522</v>
      </c>
      <c r="R7430" s="5" t="s">
        <v>1523</v>
      </c>
      <c r="S7430" s="5" t="s">
        <v>42</v>
      </c>
      <c r="T7430" s="2">
        <v>2.3650000000000002</v>
      </c>
      <c r="U7430" s="2">
        <v>1.8009999999999999</v>
      </c>
      <c r="V7430" s="2">
        <v>16.7</v>
      </c>
      <c r="W7430" s="2">
        <v>99.1</v>
      </c>
      <c r="X7430" s="2">
        <v>7.6</v>
      </c>
      <c r="Y7430" s="2">
        <v>16.7</v>
      </c>
      <c r="Z7430" s="5"/>
      <c r="AA7430" s="5" t="s">
        <v>43</v>
      </c>
      <c r="AB7430" s="5" t="s">
        <v>44</v>
      </c>
      <c r="AC7430" s="2"/>
      <c r="AD7430" s="1"/>
    </row>
    <row r="7431" spans="1:30">
      <c r="A7431" s="5" t="s">
        <v>83578</v>
      </c>
      <c r="B7431" s="2" t="s">
        <v>106412</v>
      </c>
      <c r="C7431" s="14" t="s">
        <v>106413</v>
      </c>
      <c r="D7431" s="2" t="s">
        <v>106414</v>
      </c>
      <c r="E7431" s="2" t="s">
        <v>16014</v>
      </c>
      <c r="F7431" s="8">
        <v>249</v>
      </c>
      <c r="G7431" s="5">
        <v>6</v>
      </c>
      <c r="H7431" s="5" t="s">
        <v>1518</v>
      </c>
      <c r="I7431" s="5" t="s">
        <v>69038</v>
      </c>
      <c r="J7431" s="2" t="s">
        <v>69039</v>
      </c>
      <c r="K7431" s="5" t="s">
        <v>69038</v>
      </c>
      <c r="L7431" s="2" t="s">
        <v>69039</v>
      </c>
      <c r="M7431" s="5" t="s">
        <v>1521</v>
      </c>
      <c r="N7431" s="5" t="s">
        <v>38</v>
      </c>
      <c r="O7431" s="5" t="s">
        <v>39</v>
      </c>
      <c r="P7431" s="5" t="s">
        <v>40</v>
      </c>
      <c r="Q7431" s="5" t="s">
        <v>1522</v>
      </c>
      <c r="R7431" s="5" t="s">
        <v>1523</v>
      </c>
      <c r="S7431" s="5" t="s">
        <v>42</v>
      </c>
      <c r="T7431" s="2">
        <v>2.3650000000000002</v>
      </c>
      <c r="U7431" s="2">
        <v>1.8009999999999999</v>
      </c>
      <c r="V7431" s="2">
        <v>16.7</v>
      </c>
      <c r="W7431" s="2">
        <v>99.1</v>
      </c>
      <c r="X7431" s="2">
        <v>7.6</v>
      </c>
      <c r="Y7431" s="2">
        <v>16.7</v>
      </c>
      <c r="Z7431" s="5"/>
      <c r="AA7431" s="5" t="s">
        <v>43</v>
      </c>
      <c r="AB7431" s="5" t="s">
        <v>44</v>
      </c>
      <c r="AC7431" s="2"/>
      <c r="AD7431" s="1"/>
    </row>
    <row r="7432" spans="1:30">
      <c r="A7432" s="5" t="s">
        <v>83578</v>
      </c>
      <c r="B7432" s="2" t="s">
        <v>106415</v>
      </c>
      <c r="C7432" s="14" t="s">
        <v>106416</v>
      </c>
      <c r="D7432" s="2" t="s">
        <v>106417</v>
      </c>
      <c r="E7432" s="2" t="s">
        <v>16219</v>
      </c>
      <c r="F7432" s="8">
        <v>249</v>
      </c>
      <c r="G7432" s="5">
        <v>6</v>
      </c>
      <c r="H7432" s="5" t="s">
        <v>1518</v>
      </c>
      <c r="I7432" s="5" t="s">
        <v>69038</v>
      </c>
      <c r="J7432" s="2" t="s">
        <v>69039</v>
      </c>
      <c r="K7432" s="5" t="s">
        <v>69038</v>
      </c>
      <c r="L7432" s="2" t="s">
        <v>69039</v>
      </c>
      <c r="M7432" s="5" t="s">
        <v>1521</v>
      </c>
      <c r="N7432" s="5" t="s">
        <v>38</v>
      </c>
      <c r="O7432" s="5" t="s">
        <v>39</v>
      </c>
      <c r="P7432" s="5" t="s">
        <v>40</v>
      </c>
      <c r="Q7432" s="5" t="s">
        <v>1522</v>
      </c>
      <c r="R7432" s="5" t="s">
        <v>1523</v>
      </c>
      <c r="S7432" s="5" t="s">
        <v>42</v>
      </c>
      <c r="T7432" s="2">
        <v>2.4340000000000002</v>
      </c>
      <c r="U7432" s="2">
        <v>1.87</v>
      </c>
      <c r="V7432" s="2">
        <v>16.7</v>
      </c>
      <c r="W7432" s="2">
        <v>99.1</v>
      </c>
      <c r="X7432" s="2">
        <v>7.6</v>
      </c>
      <c r="Y7432" s="2">
        <v>16.7</v>
      </c>
      <c r="Z7432" s="5"/>
      <c r="AA7432" s="5" t="s">
        <v>43</v>
      </c>
      <c r="AB7432" s="5" t="s">
        <v>44</v>
      </c>
      <c r="AC7432" s="2"/>
      <c r="AD7432" s="1"/>
    </row>
    <row r="7433" spans="1:30">
      <c r="A7433" s="5" t="s">
        <v>83578</v>
      </c>
      <c r="B7433" s="2" t="s">
        <v>106418</v>
      </c>
      <c r="C7433" s="14" t="s">
        <v>106419</v>
      </c>
      <c r="D7433" s="2" t="s">
        <v>106420</v>
      </c>
      <c r="E7433" s="2" t="s">
        <v>7212</v>
      </c>
      <c r="F7433" s="8">
        <v>233</v>
      </c>
      <c r="G7433" s="5">
        <v>6</v>
      </c>
      <c r="H7433" s="5" t="s">
        <v>1518</v>
      </c>
      <c r="I7433" s="5" t="s">
        <v>69038</v>
      </c>
      <c r="J7433" s="2" t="s">
        <v>69039</v>
      </c>
      <c r="K7433" s="5" t="s">
        <v>69038</v>
      </c>
      <c r="L7433" s="2" t="s">
        <v>69039</v>
      </c>
      <c r="M7433" s="5" t="s">
        <v>1521</v>
      </c>
      <c r="N7433" s="5" t="s">
        <v>38</v>
      </c>
      <c r="O7433" s="5" t="s">
        <v>39</v>
      </c>
      <c r="P7433" s="5" t="s">
        <v>40</v>
      </c>
      <c r="Q7433" s="5" t="s">
        <v>1522</v>
      </c>
      <c r="R7433" s="5" t="s">
        <v>1523</v>
      </c>
      <c r="S7433" s="5" t="s">
        <v>42</v>
      </c>
      <c r="T7433" s="2">
        <v>2.3650000000000002</v>
      </c>
      <c r="U7433" s="2">
        <v>1.8009999999999999</v>
      </c>
      <c r="V7433" s="2">
        <v>16.7</v>
      </c>
      <c r="W7433" s="2">
        <v>99.1</v>
      </c>
      <c r="X7433" s="2">
        <v>7.6</v>
      </c>
      <c r="Y7433" s="2">
        <v>16.7</v>
      </c>
      <c r="Z7433" s="5"/>
      <c r="AA7433" s="5" t="s">
        <v>43</v>
      </c>
      <c r="AB7433" s="5" t="s">
        <v>44</v>
      </c>
      <c r="AC7433" s="2"/>
      <c r="AD7433" s="1"/>
    </row>
    <row r="7434" spans="1:30">
      <c r="A7434" s="5" t="s">
        <v>83578</v>
      </c>
      <c r="B7434" s="2" t="s">
        <v>106421</v>
      </c>
      <c r="C7434" s="14" t="s">
        <v>106422</v>
      </c>
      <c r="D7434" s="2" t="s">
        <v>106423</v>
      </c>
      <c r="E7434" s="2" t="s">
        <v>7528</v>
      </c>
      <c r="F7434" s="8">
        <v>233</v>
      </c>
      <c r="G7434" s="5">
        <v>6</v>
      </c>
      <c r="H7434" s="5" t="s">
        <v>1518</v>
      </c>
      <c r="I7434" s="5" t="s">
        <v>69038</v>
      </c>
      <c r="J7434" s="2" t="s">
        <v>69039</v>
      </c>
      <c r="K7434" s="5" t="s">
        <v>69038</v>
      </c>
      <c r="L7434" s="2" t="s">
        <v>69039</v>
      </c>
      <c r="M7434" s="5" t="s">
        <v>1521</v>
      </c>
      <c r="N7434" s="5" t="s">
        <v>38</v>
      </c>
      <c r="O7434" s="5" t="s">
        <v>39</v>
      </c>
      <c r="P7434" s="5" t="s">
        <v>40</v>
      </c>
      <c r="Q7434" s="5" t="s">
        <v>1522</v>
      </c>
      <c r="R7434" s="5" t="s">
        <v>1523</v>
      </c>
      <c r="S7434" s="5" t="s">
        <v>42</v>
      </c>
      <c r="T7434" s="2">
        <v>2.4340000000000002</v>
      </c>
      <c r="U7434" s="2">
        <v>1.87</v>
      </c>
      <c r="V7434" s="2">
        <v>16.7</v>
      </c>
      <c r="W7434" s="2">
        <v>99.1</v>
      </c>
      <c r="X7434" s="2">
        <v>7.6</v>
      </c>
      <c r="Y7434" s="2">
        <v>16.7</v>
      </c>
      <c r="Z7434" s="5"/>
      <c r="AA7434" s="5" t="s">
        <v>43</v>
      </c>
      <c r="AB7434" s="5" t="s">
        <v>44</v>
      </c>
      <c r="AC7434" s="2"/>
      <c r="AD7434" s="1"/>
    </row>
    <row r="7435" spans="1:30">
      <c r="A7435" s="5" t="s">
        <v>83578</v>
      </c>
      <c r="B7435" s="2" t="s">
        <v>106424</v>
      </c>
      <c r="C7435" s="14" t="s">
        <v>106425</v>
      </c>
      <c r="D7435" s="2" t="s">
        <v>106426</v>
      </c>
      <c r="E7435" s="2" t="s">
        <v>7547</v>
      </c>
      <c r="F7435" s="8">
        <v>224</v>
      </c>
      <c r="G7435" s="5">
        <v>6</v>
      </c>
      <c r="H7435" s="5" t="s">
        <v>1518</v>
      </c>
      <c r="I7435" s="5" t="s">
        <v>69038</v>
      </c>
      <c r="J7435" s="2" t="s">
        <v>69039</v>
      </c>
      <c r="K7435" s="5" t="s">
        <v>69038</v>
      </c>
      <c r="L7435" s="2" t="s">
        <v>69039</v>
      </c>
      <c r="M7435" s="5" t="s">
        <v>1521</v>
      </c>
      <c r="N7435" s="5" t="s">
        <v>38</v>
      </c>
      <c r="O7435" s="5" t="s">
        <v>39</v>
      </c>
      <c r="P7435" s="5" t="s">
        <v>40</v>
      </c>
      <c r="Q7435" s="5" t="s">
        <v>1522</v>
      </c>
      <c r="R7435" s="5" t="s">
        <v>1523</v>
      </c>
      <c r="S7435" s="5" t="s">
        <v>42</v>
      </c>
      <c r="T7435" s="2">
        <v>2.004</v>
      </c>
      <c r="U7435" s="2">
        <v>1.544</v>
      </c>
      <c r="V7435" s="2">
        <v>16.7</v>
      </c>
      <c r="W7435" s="2">
        <v>76.900000000000006</v>
      </c>
      <c r="X7435" s="2">
        <v>7.6</v>
      </c>
      <c r="Y7435" s="2">
        <v>16.7</v>
      </c>
      <c r="Z7435" s="5"/>
      <c r="AA7435" s="5" t="s">
        <v>43</v>
      </c>
      <c r="AB7435" s="5" t="s">
        <v>44</v>
      </c>
      <c r="AC7435" s="2"/>
      <c r="AD7435" s="1"/>
    </row>
    <row r="7436" spans="1:30">
      <c r="A7436" s="5" t="s">
        <v>83578</v>
      </c>
      <c r="B7436" s="2" t="s">
        <v>106427</v>
      </c>
      <c r="C7436" s="14" t="s">
        <v>106428</v>
      </c>
      <c r="D7436" s="2" t="s">
        <v>106429</v>
      </c>
      <c r="E7436" s="2" t="s">
        <v>7551</v>
      </c>
      <c r="F7436" s="8">
        <v>224</v>
      </c>
      <c r="G7436" s="5">
        <v>6</v>
      </c>
      <c r="H7436" s="5" t="s">
        <v>1518</v>
      </c>
      <c r="I7436" s="5" t="s">
        <v>69038</v>
      </c>
      <c r="J7436" s="2" t="s">
        <v>69039</v>
      </c>
      <c r="K7436" s="5" t="s">
        <v>69038</v>
      </c>
      <c r="L7436" s="2" t="s">
        <v>69039</v>
      </c>
      <c r="M7436" s="5" t="s">
        <v>1521</v>
      </c>
      <c r="N7436" s="5" t="s">
        <v>38</v>
      </c>
      <c r="O7436" s="5" t="s">
        <v>39</v>
      </c>
      <c r="P7436" s="5" t="s">
        <v>40</v>
      </c>
      <c r="Q7436" s="5" t="s">
        <v>1522</v>
      </c>
      <c r="R7436" s="5" t="s">
        <v>1523</v>
      </c>
      <c r="S7436" s="5" t="s">
        <v>42</v>
      </c>
      <c r="T7436" s="2">
        <v>2.0539999999999998</v>
      </c>
      <c r="U7436" s="2">
        <v>1.5940000000000001</v>
      </c>
      <c r="V7436" s="2">
        <v>16.7</v>
      </c>
      <c r="W7436" s="2">
        <v>76.900000000000006</v>
      </c>
      <c r="X7436" s="2">
        <v>7.6</v>
      </c>
      <c r="Y7436" s="2">
        <v>16.7</v>
      </c>
      <c r="Z7436" s="5"/>
      <c r="AA7436" s="5" t="s">
        <v>43</v>
      </c>
      <c r="AB7436" s="5" t="s">
        <v>44</v>
      </c>
      <c r="AC7436" s="2"/>
      <c r="AD7436" s="1"/>
    </row>
    <row r="7437" spans="1:30">
      <c r="A7437" s="5" t="s">
        <v>83578</v>
      </c>
      <c r="B7437" s="2" t="s">
        <v>106430</v>
      </c>
      <c r="C7437" s="14" t="s">
        <v>106431</v>
      </c>
      <c r="D7437" s="2" t="s">
        <v>106432</v>
      </c>
      <c r="E7437" s="2" t="s">
        <v>16079</v>
      </c>
      <c r="F7437" s="8">
        <v>224</v>
      </c>
      <c r="G7437" s="5">
        <v>6</v>
      </c>
      <c r="H7437" s="5" t="s">
        <v>1518</v>
      </c>
      <c r="I7437" s="5" t="s">
        <v>69038</v>
      </c>
      <c r="J7437" s="2" t="s">
        <v>69039</v>
      </c>
      <c r="K7437" s="5" t="s">
        <v>69038</v>
      </c>
      <c r="L7437" s="2" t="s">
        <v>69039</v>
      </c>
      <c r="M7437" s="5" t="s">
        <v>1521</v>
      </c>
      <c r="N7437" s="5" t="s">
        <v>38</v>
      </c>
      <c r="O7437" s="5" t="s">
        <v>39</v>
      </c>
      <c r="P7437" s="5" t="s">
        <v>40</v>
      </c>
      <c r="Q7437" s="5" t="s">
        <v>1522</v>
      </c>
      <c r="R7437" s="5" t="s">
        <v>1523</v>
      </c>
      <c r="S7437" s="5" t="s">
        <v>42</v>
      </c>
      <c r="T7437" s="2">
        <v>2.004</v>
      </c>
      <c r="U7437" s="2">
        <v>1.544</v>
      </c>
      <c r="V7437" s="2">
        <v>16.7</v>
      </c>
      <c r="W7437" s="2">
        <v>76.900000000000006</v>
      </c>
      <c r="X7437" s="2">
        <v>7.6</v>
      </c>
      <c r="Y7437" s="2">
        <v>16.7</v>
      </c>
      <c r="Z7437" s="5"/>
      <c r="AA7437" s="5" t="s">
        <v>43</v>
      </c>
      <c r="AB7437" s="5" t="s">
        <v>44</v>
      </c>
      <c r="AC7437" s="2"/>
      <c r="AD7437" s="1"/>
    </row>
    <row r="7438" spans="1:30">
      <c r="A7438" s="5" t="s">
        <v>83578</v>
      </c>
      <c r="B7438" s="2" t="s">
        <v>106433</v>
      </c>
      <c r="C7438" s="14" t="s">
        <v>106434</v>
      </c>
      <c r="D7438" s="2" t="s">
        <v>106435</v>
      </c>
      <c r="E7438" s="2" t="s">
        <v>7585</v>
      </c>
      <c r="F7438" s="8">
        <v>224</v>
      </c>
      <c r="G7438" s="5">
        <v>6</v>
      </c>
      <c r="H7438" s="5" t="s">
        <v>1518</v>
      </c>
      <c r="I7438" s="5" t="s">
        <v>69038</v>
      </c>
      <c r="J7438" s="2" t="s">
        <v>69039</v>
      </c>
      <c r="K7438" s="5" t="s">
        <v>69038</v>
      </c>
      <c r="L7438" s="2" t="s">
        <v>69039</v>
      </c>
      <c r="M7438" s="5" t="s">
        <v>1521</v>
      </c>
      <c r="N7438" s="5" t="s">
        <v>38</v>
      </c>
      <c r="O7438" s="5" t="s">
        <v>39</v>
      </c>
      <c r="P7438" s="5" t="s">
        <v>40</v>
      </c>
      <c r="Q7438" s="5" t="s">
        <v>1522</v>
      </c>
      <c r="R7438" s="5" t="s">
        <v>1523</v>
      </c>
      <c r="S7438" s="5" t="s">
        <v>42</v>
      </c>
      <c r="T7438" s="2">
        <v>2.004</v>
      </c>
      <c r="U7438" s="2">
        <v>1.544</v>
      </c>
      <c r="V7438" s="2">
        <v>16.7</v>
      </c>
      <c r="W7438" s="2">
        <v>76.900000000000006</v>
      </c>
      <c r="X7438" s="2">
        <v>7.6</v>
      </c>
      <c r="Y7438" s="2">
        <v>16.7</v>
      </c>
      <c r="Z7438" s="5"/>
      <c r="AA7438" s="5" t="s">
        <v>43</v>
      </c>
      <c r="AB7438" s="5" t="s">
        <v>44</v>
      </c>
      <c r="AC7438" s="2"/>
      <c r="AD7438" s="1"/>
    </row>
    <row r="7439" spans="1:30">
      <c r="A7439" s="5" t="s">
        <v>83578</v>
      </c>
      <c r="B7439" s="2" t="s">
        <v>106436</v>
      </c>
      <c r="C7439" s="14" t="s">
        <v>106437</v>
      </c>
      <c r="D7439" s="2" t="s">
        <v>106438</v>
      </c>
      <c r="E7439" s="2" t="s">
        <v>7593</v>
      </c>
      <c r="F7439" s="8">
        <v>224</v>
      </c>
      <c r="G7439" s="5">
        <v>6</v>
      </c>
      <c r="H7439" s="5" t="s">
        <v>1518</v>
      </c>
      <c r="I7439" s="5" t="s">
        <v>69038</v>
      </c>
      <c r="J7439" s="2" t="s">
        <v>69039</v>
      </c>
      <c r="K7439" s="5" t="s">
        <v>69038</v>
      </c>
      <c r="L7439" s="2" t="s">
        <v>69039</v>
      </c>
      <c r="M7439" s="5" t="s">
        <v>1521</v>
      </c>
      <c r="N7439" s="5" t="s">
        <v>38</v>
      </c>
      <c r="O7439" s="5" t="s">
        <v>39</v>
      </c>
      <c r="P7439" s="5" t="s">
        <v>40</v>
      </c>
      <c r="Q7439" s="5" t="s">
        <v>1522</v>
      </c>
      <c r="R7439" s="5" t="s">
        <v>1523</v>
      </c>
      <c r="S7439" s="5" t="s">
        <v>42</v>
      </c>
      <c r="T7439" s="2">
        <v>2.004</v>
      </c>
      <c r="U7439" s="2">
        <v>1.544</v>
      </c>
      <c r="V7439" s="2">
        <v>16.7</v>
      </c>
      <c r="W7439" s="2">
        <v>76.900000000000006</v>
      </c>
      <c r="X7439" s="2">
        <v>7.6</v>
      </c>
      <c r="Y7439" s="2">
        <v>16.7</v>
      </c>
      <c r="Z7439" s="5"/>
      <c r="AA7439" s="5" t="s">
        <v>43</v>
      </c>
      <c r="AB7439" s="5" t="s">
        <v>44</v>
      </c>
      <c r="AC7439" s="2"/>
      <c r="AD7439" s="1"/>
    </row>
    <row r="7440" spans="1:30">
      <c r="A7440" s="5" t="s">
        <v>83578</v>
      </c>
      <c r="B7440" s="2" t="s">
        <v>106439</v>
      </c>
      <c r="C7440" s="14" t="s">
        <v>106440</v>
      </c>
      <c r="D7440" s="2" t="s">
        <v>106441</v>
      </c>
      <c r="E7440" s="2" t="s">
        <v>7597</v>
      </c>
      <c r="F7440" s="8">
        <v>224</v>
      </c>
      <c r="G7440" s="5">
        <v>6</v>
      </c>
      <c r="H7440" s="5" t="s">
        <v>1518</v>
      </c>
      <c r="I7440" s="5" t="s">
        <v>69038</v>
      </c>
      <c r="J7440" s="2" t="s">
        <v>69039</v>
      </c>
      <c r="K7440" s="5" t="s">
        <v>69038</v>
      </c>
      <c r="L7440" s="2" t="s">
        <v>69039</v>
      </c>
      <c r="M7440" s="5" t="s">
        <v>1521</v>
      </c>
      <c r="N7440" s="5" t="s">
        <v>38</v>
      </c>
      <c r="O7440" s="5" t="s">
        <v>39</v>
      </c>
      <c r="P7440" s="5" t="s">
        <v>40</v>
      </c>
      <c r="Q7440" s="5" t="s">
        <v>1522</v>
      </c>
      <c r="R7440" s="5" t="s">
        <v>1523</v>
      </c>
      <c r="S7440" s="5" t="s">
        <v>42</v>
      </c>
      <c r="T7440" s="2">
        <v>2.0539999999999998</v>
      </c>
      <c r="U7440" s="2">
        <v>1.5940000000000001</v>
      </c>
      <c r="V7440" s="2">
        <v>16.7</v>
      </c>
      <c r="W7440" s="2">
        <v>76.900000000000006</v>
      </c>
      <c r="X7440" s="2">
        <v>7.6</v>
      </c>
      <c r="Y7440" s="2">
        <v>16.7</v>
      </c>
      <c r="Z7440" s="5"/>
      <c r="AA7440" s="5" t="s">
        <v>43</v>
      </c>
      <c r="AB7440" s="5" t="s">
        <v>44</v>
      </c>
      <c r="AC7440" s="2"/>
      <c r="AD7440" s="1"/>
    </row>
    <row r="7441" spans="1:30">
      <c r="A7441" s="5" t="s">
        <v>83578</v>
      </c>
      <c r="B7441" s="2" t="s">
        <v>106442</v>
      </c>
      <c r="C7441" s="14" t="s">
        <v>106443</v>
      </c>
      <c r="D7441" s="2" t="s">
        <v>106444</v>
      </c>
      <c r="E7441" s="2" t="s">
        <v>16014</v>
      </c>
      <c r="F7441" s="8">
        <v>224</v>
      </c>
      <c r="G7441" s="5">
        <v>6</v>
      </c>
      <c r="H7441" s="5" t="s">
        <v>1518</v>
      </c>
      <c r="I7441" s="5" t="s">
        <v>69038</v>
      </c>
      <c r="J7441" s="2" t="s">
        <v>69039</v>
      </c>
      <c r="K7441" s="5" t="s">
        <v>69038</v>
      </c>
      <c r="L7441" s="2" t="s">
        <v>69039</v>
      </c>
      <c r="M7441" s="5" t="s">
        <v>1521</v>
      </c>
      <c r="N7441" s="5" t="s">
        <v>38</v>
      </c>
      <c r="O7441" s="5" t="s">
        <v>39</v>
      </c>
      <c r="P7441" s="5" t="s">
        <v>40</v>
      </c>
      <c r="Q7441" s="5" t="s">
        <v>1522</v>
      </c>
      <c r="R7441" s="5" t="s">
        <v>1523</v>
      </c>
      <c r="S7441" s="5" t="s">
        <v>42</v>
      </c>
      <c r="T7441" s="2">
        <v>2.004</v>
      </c>
      <c r="U7441" s="2">
        <v>1.544</v>
      </c>
      <c r="V7441" s="2">
        <v>16.7</v>
      </c>
      <c r="W7441" s="2">
        <v>76.900000000000006</v>
      </c>
      <c r="X7441" s="2">
        <v>7.6</v>
      </c>
      <c r="Y7441" s="2">
        <v>16.7</v>
      </c>
      <c r="Z7441" s="5"/>
      <c r="AA7441" s="5" t="s">
        <v>43</v>
      </c>
      <c r="AB7441" s="5" t="s">
        <v>44</v>
      </c>
      <c r="AC7441" s="2"/>
      <c r="AD7441" s="1"/>
    </row>
    <row r="7442" spans="1:30">
      <c r="A7442" s="5" t="s">
        <v>83578</v>
      </c>
      <c r="B7442" s="2" t="s">
        <v>106445</v>
      </c>
      <c r="C7442" s="14" t="s">
        <v>106446</v>
      </c>
      <c r="D7442" s="2" t="s">
        <v>106447</v>
      </c>
      <c r="E7442" s="2" t="s">
        <v>7551</v>
      </c>
      <c r="F7442" s="8">
        <v>237</v>
      </c>
      <c r="G7442" s="5">
        <v>6</v>
      </c>
      <c r="H7442" s="5" t="s">
        <v>1518</v>
      </c>
      <c r="I7442" s="5" t="s">
        <v>69038</v>
      </c>
      <c r="J7442" s="2" t="s">
        <v>69039</v>
      </c>
      <c r="K7442" s="5" t="s">
        <v>69038</v>
      </c>
      <c r="L7442" s="2" t="s">
        <v>69039</v>
      </c>
      <c r="M7442" s="5" t="s">
        <v>1521</v>
      </c>
      <c r="N7442" s="5" t="s">
        <v>38</v>
      </c>
      <c r="O7442" s="5" t="s">
        <v>39</v>
      </c>
      <c r="P7442" s="5" t="s">
        <v>40</v>
      </c>
      <c r="Q7442" s="5" t="s">
        <v>1522</v>
      </c>
      <c r="R7442" s="5" t="s">
        <v>1523</v>
      </c>
      <c r="S7442" s="5" t="s">
        <v>42</v>
      </c>
      <c r="T7442" s="2">
        <v>2.2290000000000001</v>
      </c>
      <c r="U7442" s="2">
        <v>1.7470000000000001</v>
      </c>
      <c r="V7442" s="2">
        <v>16.7</v>
      </c>
      <c r="W7442" s="2">
        <v>82.9</v>
      </c>
      <c r="X7442" s="2">
        <v>7.6</v>
      </c>
      <c r="Y7442" s="2">
        <v>16.7</v>
      </c>
      <c r="Z7442" s="5"/>
      <c r="AA7442" s="5" t="s">
        <v>43</v>
      </c>
      <c r="AB7442" s="5" t="s">
        <v>44</v>
      </c>
      <c r="AC7442" s="2"/>
      <c r="AD7442" s="1"/>
    </row>
    <row r="7443" spans="1:30">
      <c r="A7443" s="5" t="s">
        <v>83578</v>
      </c>
      <c r="B7443" s="2" t="s">
        <v>106448</v>
      </c>
      <c r="C7443" s="14" t="s">
        <v>106449</v>
      </c>
      <c r="D7443" s="2" t="s">
        <v>106450</v>
      </c>
      <c r="E7443" s="2" t="s">
        <v>16079</v>
      </c>
      <c r="F7443" s="8">
        <v>237</v>
      </c>
      <c r="G7443" s="5">
        <v>6</v>
      </c>
      <c r="H7443" s="5" t="s">
        <v>1518</v>
      </c>
      <c r="I7443" s="5" t="s">
        <v>69038</v>
      </c>
      <c r="J7443" s="2" t="s">
        <v>69039</v>
      </c>
      <c r="K7443" s="5" t="s">
        <v>69038</v>
      </c>
      <c r="L7443" s="2" t="s">
        <v>69039</v>
      </c>
      <c r="M7443" s="5" t="s">
        <v>1521</v>
      </c>
      <c r="N7443" s="5" t="s">
        <v>38</v>
      </c>
      <c r="O7443" s="5" t="s">
        <v>39</v>
      </c>
      <c r="P7443" s="5" t="s">
        <v>40</v>
      </c>
      <c r="Q7443" s="5" t="s">
        <v>1522</v>
      </c>
      <c r="R7443" s="5" t="s">
        <v>1523</v>
      </c>
      <c r="S7443" s="5" t="s">
        <v>42</v>
      </c>
      <c r="T7443" s="2">
        <v>2.1669999999999998</v>
      </c>
      <c r="U7443" s="2">
        <v>1.6850000000000001</v>
      </c>
      <c r="V7443" s="2">
        <v>16.7</v>
      </c>
      <c r="W7443" s="2">
        <v>82.9</v>
      </c>
      <c r="X7443" s="2">
        <v>7.6</v>
      </c>
      <c r="Y7443" s="2">
        <v>16.7</v>
      </c>
      <c r="Z7443" s="5"/>
      <c r="AA7443" s="5" t="s">
        <v>43</v>
      </c>
      <c r="AB7443" s="5" t="s">
        <v>44</v>
      </c>
      <c r="AC7443" s="2"/>
      <c r="AD7443" s="1"/>
    </row>
    <row r="7444" spans="1:30">
      <c r="A7444" s="5" t="s">
        <v>83578</v>
      </c>
      <c r="B7444" s="2" t="s">
        <v>106451</v>
      </c>
      <c r="C7444" s="14" t="s">
        <v>106452</v>
      </c>
      <c r="D7444" s="2" t="s">
        <v>106453</v>
      </c>
      <c r="E7444" s="2" t="s">
        <v>7593</v>
      </c>
      <c r="F7444" s="8">
        <v>237</v>
      </c>
      <c r="G7444" s="5">
        <v>6</v>
      </c>
      <c r="H7444" s="5" t="s">
        <v>1518</v>
      </c>
      <c r="I7444" s="5" t="s">
        <v>69038</v>
      </c>
      <c r="J7444" s="2" t="s">
        <v>69039</v>
      </c>
      <c r="K7444" s="5" t="s">
        <v>69038</v>
      </c>
      <c r="L7444" s="2" t="s">
        <v>69039</v>
      </c>
      <c r="M7444" s="5" t="s">
        <v>1521</v>
      </c>
      <c r="N7444" s="5" t="s">
        <v>38</v>
      </c>
      <c r="O7444" s="5" t="s">
        <v>39</v>
      </c>
      <c r="P7444" s="5" t="s">
        <v>40</v>
      </c>
      <c r="Q7444" s="5" t="s">
        <v>1522</v>
      </c>
      <c r="R7444" s="5" t="s">
        <v>1523</v>
      </c>
      <c r="S7444" s="5" t="s">
        <v>42</v>
      </c>
      <c r="T7444" s="2">
        <v>2.1669999999999998</v>
      </c>
      <c r="U7444" s="2">
        <v>1.6850000000000001</v>
      </c>
      <c r="V7444" s="2">
        <v>16.7</v>
      </c>
      <c r="W7444" s="2">
        <v>82.9</v>
      </c>
      <c r="X7444" s="2">
        <v>7.6</v>
      </c>
      <c r="Y7444" s="2">
        <v>16.7</v>
      </c>
      <c r="Z7444" s="5"/>
      <c r="AA7444" s="5" t="s">
        <v>43</v>
      </c>
      <c r="AB7444" s="5" t="s">
        <v>44</v>
      </c>
      <c r="AC7444" s="2"/>
      <c r="AD7444" s="1"/>
    </row>
    <row r="7445" spans="1:30">
      <c r="A7445" s="5" t="s">
        <v>83578</v>
      </c>
      <c r="B7445" s="2" t="s">
        <v>106454</v>
      </c>
      <c r="C7445" s="14" t="s">
        <v>106455</v>
      </c>
      <c r="D7445" s="2" t="s">
        <v>106456</v>
      </c>
      <c r="E7445" s="2" t="s">
        <v>7535</v>
      </c>
      <c r="F7445" s="8">
        <v>249</v>
      </c>
      <c r="G7445" s="5">
        <v>6</v>
      </c>
      <c r="H7445" s="5" t="s">
        <v>1518</v>
      </c>
      <c r="I7445" s="5" t="s">
        <v>69038</v>
      </c>
      <c r="J7445" s="2" t="s">
        <v>69039</v>
      </c>
      <c r="K7445" s="5" t="s">
        <v>69038</v>
      </c>
      <c r="L7445" s="2" t="s">
        <v>69039</v>
      </c>
      <c r="M7445" s="5" t="s">
        <v>1521</v>
      </c>
      <c r="N7445" s="5" t="s">
        <v>38</v>
      </c>
      <c r="O7445" s="5" t="s">
        <v>39</v>
      </c>
      <c r="P7445" s="5" t="s">
        <v>40</v>
      </c>
      <c r="Q7445" s="5" t="s">
        <v>1522</v>
      </c>
      <c r="R7445" s="5" t="s">
        <v>1523</v>
      </c>
      <c r="S7445" s="5" t="s">
        <v>42</v>
      </c>
      <c r="T7445" s="2">
        <v>2.4780000000000002</v>
      </c>
      <c r="U7445" s="2">
        <v>1.9079999999999999</v>
      </c>
      <c r="V7445" s="2">
        <v>16.7</v>
      </c>
      <c r="W7445" s="2">
        <v>118.9</v>
      </c>
      <c r="X7445" s="2">
        <v>7.6</v>
      </c>
      <c r="Y7445" s="2">
        <v>16.7</v>
      </c>
      <c r="Z7445" s="5"/>
      <c r="AA7445" s="5" t="s">
        <v>43</v>
      </c>
      <c r="AB7445" s="5" t="s">
        <v>44</v>
      </c>
      <c r="AC7445" s="2"/>
      <c r="AD7445" s="1"/>
    </row>
    <row r="7446" spans="1:30">
      <c r="A7446" s="5" t="s">
        <v>83578</v>
      </c>
      <c r="B7446" s="2" t="s">
        <v>106457</v>
      </c>
      <c r="C7446" s="14" t="s">
        <v>106458</v>
      </c>
      <c r="D7446" s="2" t="s">
        <v>106459</v>
      </c>
      <c r="E7446" s="2" t="s">
        <v>7547</v>
      </c>
      <c r="F7446" s="8">
        <v>249</v>
      </c>
      <c r="G7446" s="5">
        <v>6</v>
      </c>
      <c r="H7446" s="5" t="s">
        <v>1518</v>
      </c>
      <c r="I7446" s="5" t="s">
        <v>69038</v>
      </c>
      <c r="J7446" s="2" t="s">
        <v>69039</v>
      </c>
      <c r="K7446" s="5" t="s">
        <v>69038</v>
      </c>
      <c r="L7446" s="2" t="s">
        <v>69039</v>
      </c>
      <c r="M7446" s="5" t="s">
        <v>1521</v>
      </c>
      <c r="N7446" s="5" t="s">
        <v>38</v>
      </c>
      <c r="O7446" s="5" t="s">
        <v>39</v>
      </c>
      <c r="P7446" s="5" t="s">
        <v>40</v>
      </c>
      <c r="Q7446" s="5" t="s">
        <v>1522</v>
      </c>
      <c r="R7446" s="5" t="s">
        <v>1523</v>
      </c>
      <c r="S7446" s="5" t="s">
        <v>42</v>
      </c>
      <c r="T7446" s="2">
        <v>2.4049999999999998</v>
      </c>
      <c r="U7446" s="2">
        <v>1.835</v>
      </c>
      <c r="V7446" s="2">
        <v>16.7</v>
      </c>
      <c r="W7446" s="2">
        <v>118.9</v>
      </c>
      <c r="X7446" s="2">
        <v>7.6</v>
      </c>
      <c r="Y7446" s="2">
        <v>16.7</v>
      </c>
      <c r="Z7446" s="5"/>
      <c r="AA7446" s="5" t="s">
        <v>43</v>
      </c>
      <c r="AB7446" s="5" t="s">
        <v>44</v>
      </c>
      <c r="AC7446" s="2"/>
      <c r="AD7446" s="1"/>
    </row>
    <row r="7447" spans="1:30">
      <c r="A7447" s="5" t="s">
        <v>83578</v>
      </c>
      <c r="B7447" s="2" t="s">
        <v>106460</v>
      </c>
      <c r="C7447" s="14" t="s">
        <v>106461</v>
      </c>
      <c r="D7447" s="2" t="s">
        <v>106462</v>
      </c>
      <c r="E7447" s="2" t="s">
        <v>7551</v>
      </c>
      <c r="F7447" s="8">
        <v>249</v>
      </c>
      <c r="G7447" s="5">
        <v>6</v>
      </c>
      <c r="H7447" s="5" t="s">
        <v>1518</v>
      </c>
      <c r="I7447" s="5" t="s">
        <v>69038</v>
      </c>
      <c r="J7447" s="2" t="s">
        <v>69039</v>
      </c>
      <c r="K7447" s="5" t="s">
        <v>69038</v>
      </c>
      <c r="L7447" s="2" t="s">
        <v>69039</v>
      </c>
      <c r="M7447" s="5" t="s">
        <v>1521</v>
      </c>
      <c r="N7447" s="5" t="s">
        <v>38</v>
      </c>
      <c r="O7447" s="5" t="s">
        <v>39</v>
      </c>
      <c r="P7447" s="5" t="s">
        <v>40</v>
      </c>
      <c r="Q7447" s="5" t="s">
        <v>1522</v>
      </c>
      <c r="R7447" s="5" t="s">
        <v>1523</v>
      </c>
      <c r="S7447" s="5" t="s">
        <v>42</v>
      </c>
      <c r="T7447" s="2">
        <v>2.4780000000000002</v>
      </c>
      <c r="U7447" s="2">
        <v>1.9079999999999999</v>
      </c>
      <c r="V7447" s="2">
        <v>16.7</v>
      </c>
      <c r="W7447" s="2">
        <v>118.9</v>
      </c>
      <c r="X7447" s="2">
        <v>7.6</v>
      </c>
      <c r="Y7447" s="2">
        <v>16.7</v>
      </c>
      <c r="Z7447" s="5"/>
      <c r="AA7447" s="5" t="s">
        <v>43</v>
      </c>
      <c r="AB7447" s="5" t="s">
        <v>44</v>
      </c>
      <c r="AC7447" s="2"/>
      <c r="AD7447" s="1"/>
    </row>
    <row r="7448" spans="1:30">
      <c r="A7448" s="5" t="s">
        <v>83578</v>
      </c>
      <c r="B7448" s="2" t="s">
        <v>106463</v>
      </c>
      <c r="C7448" s="14" t="s">
        <v>106464</v>
      </c>
      <c r="D7448" s="2" t="s">
        <v>106465</v>
      </c>
      <c r="E7448" s="2" t="s">
        <v>7555</v>
      </c>
      <c r="F7448" s="8">
        <v>249</v>
      </c>
      <c r="G7448" s="5">
        <v>6</v>
      </c>
      <c r="H7448" s="5" t="s">
        <v>1518</v>
      </c>
      <c r="I7448" s="5" t="s">
        <v>69038</v>
      </c>
      <c r="J7448" s="2" t="s">
        <v>69039</v>
      </c>
      <c r="K7448" s="5" t="s">
        <v>69038</v>
      </c>
      <c r="L7448" s="2" t="s">
        <v>69039</v>
      </c>
      <c r="M7448" s="5" t="s">
        <v>1521</v>
      </c>
      <c r="N7448" s="5" t="s">
        <v>38</v>
      </c>
      <c r="O7448" s="5" t="s">
        <v>39</v>
      </c>
      <c r="P7448" s="5" t="s">
        <v>40</v>
      </c>
      <c r="Q7448" s="5" t="s">
        <v>1522</v>
      </c>
      <c r="R7448" s="5" t="s">
        <v>1523</v>
      </c>
      <c r="S7448" s="5" t="s">
        <v>42</v>
      </c>
      <c r="T7448" s="2">
        <v>2.4049999999999998</v>
      </c>
      <c r="U7448" s="2">
        <v>1.835</v>
      </c>
      <c r="V7448" s="2">
        <v>16.7</v>
      </c>
      <c r="W7448" s="2">
        <v>118.9</v>
      </c>
      <c r="X7448" s="2">
        <v>7.6</v>
      </c>
      <c r="Y7448" s="2">
        <v>16.7</v>
      </c>
      <c r="Z7448" s="5"/>
      <c r="AA7448" s="5" t="s">
        <v>43</v>
      </c>
      <c r="AB7448" s="5" t="s">
        <v>44</v>
      </c>
      <c r="AC7448" s="2"/>
      <c r="AD7448" s="1"/>
    </row>
    <row r="7449" spans="1:30">
      <c r="A7449" s="5" t="s">
        <v>83578</v>
      </c>
      <c r="B7449" s="2" t="s">
        <v>106466</v>
      </c>
      <c r="C7449" s="14" t="s">
        <v>106467</v>
      </c>
      <c r="D7449" s="2" t="s">
        <v>106468</v>
      </c>
      <c r="E7449" s="2" t="s">
        <v>16079</v>
      </c>
      <c r="F7449" s="8">
        <v>249</v>
      </c>
      <c r="G7449" s="5">
        <v>6</v>
      </c>
      <c r="H7449" s="5" t="s">
        <v>1518</v>
      </c>
      <c r="I7449" s="5" t="s">
        <v>69038</v>
      </c>
      <c r="J7449" s="2" t="s">
        <v>69039</v>
      </c>
      <c r="K7449" s="5" t="s">
        <v>69038</v>
      </c>
      <c r="L7449" s="2" t="s">
        <v>69039</v>
      </c>
      <c r="M7449" s="5" t="s">
        <v>1521</v>
      </c>
      <c r="N7449" s="5" t="s">
        <v>38</v>
      </c>
      <c r="O7449" s="5" t="s">
        <v>39</v>
      </c>
      <c r="P7449" s="5" t="s">
        <v>40</v>
      </c>
      <c r="Q7449" s="5" t="s">
        <v>1522</v>
      </c>
      <c r="R7449" s="5" t="s">
        <v>1523</v>
      </c>
      <c r="S7449" s="5" t="s">
        <v>42</v>
      </c>
      <c r="T7449" s="2">
        <v>2.4049999999999998</v>
      </c>
      <c r="U7449" s="2">
        <v>1.835</v>
      </c>
      <c r="V7449" s="2">
        <v>16.7</v>
      </c>
      <c r="W7449" s="2">
        <v>118.9</v>
      </c>
      <c r="X7449" s="2">
        <v>7.6</v>
      </c>
      <c r="Y7449" s="2">
        <v>16.7</v>
      </c>
      <c r="Z7449" s="5"/>
      <c r="AA7449" s="5" t="s">
        <v>43</v>
      </c>
      <c r="AB7449" s="5" t="s">
        <v>44</v>
      </c>
      <c r="AC7449" s="2"/>
      <c r="AD7449" s="1"/>
    </row>
    <row r="7450" spans="1:30">
      <c r="A7450" s="5" t="s">
        <v>83578</v>
      </c>
      <c r="B7450" s="2" t="s">
        <v>106469</v>
      </c>
      <c r="C7450" s="14" t="s">
        <v>106470</v>
      </c>
      <c r="D7450" s="2" t="s">
        <v>106471</v>
      </c>
      <c r="E7450" s="2" t="s">
        <v>16194</v>
      </c>
      <c r="F7450" s="8">
        <v>249</v>
      </c>
      <c r="G7450" s="5">
        <v>6</v>
      </c>
      <c r="H7450" s="5" t="s">
        <v>1518</v>
      </c>
      <c r="I7450" s="5" t="s">
        <v>69038</v>
      </c>
      <c r="J7450" s="2" t="s">
        <v>69039</v>
      </c>
      <c r="K7450" s="5" t="s">
        <v>69038</v>
      </c>
      <c r="L7450" s="2" t="s">
        <v>69039</v>
      </c>
      <c r="M7450" s="5" t="s">
        <v>1521</v>
      </c>
      <c r="N7450" s="5" t="s">
        <v>38</v>
      </c>
      <c r="O7450" s="5" t="s">
        <v>39</v>
      </c>
      <c r="P7450" s="5" t="s">
        <v>40</v>
      </c>
      <c r="Q7450" s="5" t="s">
        <v>1522</v>
      </c>
      <c r="R7450" s="5" t="s">
        <v>1523</v>
      </c>
      <c r="S7450" s="5" t="s">
        <v>42</v>
      </c>
      <c r="T7450" s="2">
        <v>2.4780000000000002</v>
      </c>
      <c r="U7450" s="2">
        <v>1.9079999999999999</v>
      </c>
      <c r="V7450" s="2">
        <v>16.7</v>
      </c>
      <c r="W7450" s="2">
        <v>118.9</v>
      </c>
      <c r="X7450" s="2">
        <v>7.6</v>
      </c>
      <c r="Y7450" s="2">
        <v>16.7</v>
      </c>
      <c r="Z7450" s="5"/>
      <c r="AA7450" s="5" t="s">
        <v>43</v>
      </c>
      <c r="AB7450" s="5" t="s">
        <v>44</v>
      </c>
      <c r="AC7450" s="2"/>
      <c r="AD7450" s="1"/>
    </row>
    <row r="7451" spans="1:30">
      <c r="A7451" s="5" t="s">
        <v>83578</v>
      </c>
      <c r="B7451" s="2" t="s">
        <v>106472</v>
      </c>
      <c r="C7451" s="14" t="s">
        <v>106473</v>
      </c>
      <c r="D7451" s="2" t="s">
        <v>106474</v>
      </c>
      <c r="E7451" s="2" t="s">
        <v>7593</v>
      </c>
      <c r="F7451" s="8">
        <v>249</v>
      </c>
      <c r="G7451" s="5">
        <v>6</v>
      </c>
      <c r="H7451" s="5" t="s">
        <v>1518</v>
      </c>
      <c r="I7451" s="5" t="s">
        <v>69038</v>
      </c>
      <c r="J7451" s="2" t="s">
        <v>69039</v>
      </c>
      <c r="K7451" s="5" t="s">
        <v>69038</v>
      </c>
      <c r="L7451" s="2" t="s">
        <v>69039</v>
      </c>
      <c r="M7451" s="5" t="s">
        <v>1521</v>
      </c>
      <c r="N7451" s="5" t="s">
        <v>38</v>
      </c>
      <c r="O7451" s="5" t="s">
        <v>39</v>
      </c>
      <c r="P7451" s="5" t="s">
        <v>40</v>
      </c>
      <c r="Q7451" s="5" t="s">
        <v>1522</v>
      </c>
      <c r="R7451" s="5" t="s">
        <v>1523</v>
      </c>
      <c r="S7451" s="5" t="s">
        <v>42</v>
      </c>
      <c r="T7451" s="2">
        <v>2.4049999999999998</v>
      </c>
      <c r="U7451" s="2">
        <v>1.835</v>
      </c>
      <c r="V7451" s="2">
        <v>16.7</v>
      </c>
      <c r="W7451" s="2">
        <v>118.9</v>
      </c>
      <c r="X7451" s="2">
        <v>7.6</v>
      </c>
      <c r="Y7451" s="2">
        <v>16.7</v>
      </c>
      <c r="Z7451" s="5"/>
      <c r="AA7451" s="5" t="s">
        <v>43</v>
      </c>
      <c r="AB7451" s="5" t="s">
        <v>44</v>
      </c>
      <c r="AC7451" s="2"/>
      <c r="AD7451" s="1"/>
    </row>
    <row r="7452" spans="1:30">
      <c r="A7452" s="5" t="s">
        <v>83578</v>
      </c>
      <c r="B7452" s="2" t="s">
        <v>106475</v>
      </c>
      <c r="C7452" s="14" t="s">
        <v>106476</v>
      </c>
      <c r="D7452" s="2" t="s">
        <v>106477</v>
      </c>
      <c r="E7452" s="2" t="s">
        <v>16014</v>
      </c>
      <c r="F7452" s="8">
        <v>249</v>
      </c>
      <c r="G7452" s="5">
        <v>6</v>
      </c>
      <c r="H7452" s="5" t="s">
        <v>1518</v>
      </c>
      <c r="I7452" s="5" t="s">
        <v>69038</v>
      </c>
      <c r="J7452" s="2" t="s">
        <v>69039</v>
      </c>
      <c r="K7452" s="5" t="s">
        <v>69038</v>
      </c>
      <c r="L7452" s="2" t="s">
        <v>69039</v>
      </c>
      <c r="M7452" s="5" t="s">
        <v>1521</v>
      </c>
      <c r="N7452" s="5" t="s">
        <v>38</v>
      </c>
      <c r="O7452" s="5" t="s">
        <v>39</v>
      </c>
      <c r="P7452" s="5" t="s">
        <v>40</v>
      </c>
      <c r="Q7452" s="5" t="s">
        <v>1522</v>
      </c>
      <c r="R7452" s="5" t="s">
        <v>1523</v>
      </c>
      <c r="S7452" s="5" t="s">
        <v>42</v>
      </c>
      <c r="T7452" s="2">
        <v>2.4049999999999998</v>
      </c>
      <c r="U7452" s="2">
        <v>1.835</v>
      </c>
      <c r="V7452" s="2">
        <v>16.7</v>
      </c>
      <c r="W7452" s="2">
        <v>118.9</v>
      </c>
      <c r="X7452" s="2">
        <v>7.6</v>
      </c>
      <c r="Y7452" s="2">
        <v>16.7</v>
      </c>
      <c r="Z7452" s="5"/>
      <c r="AA7452" s="5" t="s">
        <v>43</v>
      </c>
      <c r="AB7452" s="5" t="s">
        <v>44</v>
      </c>
      <c r="AC7452" s="2"/>
      <c r="AD7452" s="1"/>
    </row>
    <row r="7453" spans="1:30">
      <c r="A7453" s="5" t="s">
        <v>83578</v>
      </c>
      <c r="B7453" s="2" t="s">
        <v>106478</v>
      </c>
      <c r="C7453" s="14" t="s">
        <v>106479</v>
      </c>
      <c r="D7453" s="2" t="s">
        <v>106480</v>
      </c>
      <c r="E7453" s="2" t="s">
        <v>7521</v>
      </c>
      <c r="F7453" s="8">
        <v>232</v>
      </c>
      <c r="G7453" s="5">
        <v>6</v>
      </c>
      <c r="H7453" s="5" t="s">
        <v>1518</v>
      </c>
      <c r="I7453" s="5" t="s">
        <v>69038</v>
      </c>
      <c r="J7453" s="2" t="s">
        <v>69039</v>
      </c>
      <c r="K7453" s="5" t="s">
        <v>69038</v>
      </c>
      <c r="L7453" s="2" t="s">
        <v>69039</v>
      </c>
      <c r="M7453" s="5" t="s">
        <v>1521</v>
      </c>
      <c r="N7453" s="5" t="s">
        <v>38</v>
      </c>
      <c r="O7453" s="5" t="s">
        <v>39</v>
      </c>
      <c r="P7453" s="5" t="s">
        <v>40</v>
      </c>
      <c r="Q7453" s="5" t="s">
        <v>1522</v>
      </c>
      <c r="R7453" s="5" t="s">
        <v>1523</v>
      </c>
      <c r="S7453" s="5" t="s">
        <v>42</v>
      </c>
      <c r="T7453" s="2">
        <v>2.3679999999999999</v>
      </c>
      <c r="U7453" s="2">
        <v>1.8959999999999999</v>
      </c>
      <c r="V7453" s="2">
        <v>16.7</v>
      </c>
      <c r="W7453" s="2">
        <v>82.9</v>
      </c>
      <c r="X7453" s="2">
        <v>7.6</v>
      </c>
      <c r="Y7453" s="2">
        <v>16.7</v>
      </c>
      <c r="Z7453" s="5"/>
      <c r="AA7453" s="5" t="s">
        <v>43</v>
      </c>
      <c r="AB7453" s="5" t="s">
        <v>44</v>
      </c>
      <c r="AC7453" s="2"/>
      <c r="AD7453" s="1"/>
    </row>
    <row r="7454" spans="1:30">
      <c r="A7454" s="5" t="s">
        <v>83578</v>
      </c>
      <c r="B7454" s="2" t="s">
        <v>106481</v>
      </c>
      <c r="C7454" s="14" t="s">
        <v>106482</v>
      </c>
      <c r="D7454" s="2" t="s">
        <v>106483</v>
      </c>
      <c r="E7454" s="2" t="s">
        <v>7406</v>
      </c>
      <c r="F7454" s="8">
        <v>247</v>
      </c>
      <c r="G7454" s="5">
        <v>6</v>
      </c>
      <c r="H7454" s="5" t="s">
        <v>1518</v>
      </c>
      <c r="I7454" s="5" t="s">
        <v>69038</v>
      </c>
      <c r="J7454" s="2" t="s">
        <v>69039</v>
      </c>
      <c r="K7454" s="5" t="s">
        <v>69038</v>
      </c>
      <c r="L7454" s="2" t="s">
        <v>69039</v>
      </c>
      <c r="M7454" s="5" t="s">
        <v>1521</v>
      </c>
      <c r="N7454" s="5" t="s">
        <v>38</v>
      </c>
      <c r="O7454" s="5" t="s">
        <v>39</v>
      </c>
      <c r="P7454" s="5" t="s">
        <v>40</v>
      </c>
      <c r="Q7454" s="5" t="s">
        <v>1522</v>
      </c>
      <c r="R7454" s="5" t="s">
        <v>1523</v>
      </c>
      <c r="S7454" s="5" t="s">
        <v>42</v>
      </c>
      <c r="T7454" s="2">
        <v>2.306</v>
      </c>
      <c r="U7454" s="2">
        <v>1.8340000000000001</v>
      </c>
      <c r="V7454" s="2">
        <v>16.7</v>
      </c>
      <c r="W7454" s="2">
        <v>82.9</v>
      </c>
      <c r="X7454" s="2">
        <v>7.6</v>
      </c>
      <c r="Y7454" s="2">
        <v>16.7</v>
      </c>
      <c r="Z7454" s="5"/>
      <c r="AA7454" s="5" t="s">
        <v>43</v>
      </c>
      <c r="AB7454" s="5" t="s">
        <v>44</v>
      </c>
      <c r="AC7454" s="2"/>
      <c r="AD7454" s="1"/>
    </row>
    <row r="7455" spans="1:30">
      <c r="A7455" s="5" t="s">
        <v>83578</v>
      </c>
      <c r="B7455" s="2" t="s">
        <v>106484</v>
      </c>
      <c r="C7455" s="14" t="s">
        <v>106485</v>
      </c>
      <c r="D7455" s="2" t="s">
        <v>106486</v>
      </c>
      <c r="E7455" s="2" t="s">
        <v>7535</v>
      </c>
      <c r="F7455" s="8">
        <v>247</v>
      </c>
      <c r="G7455" s="5">
        <v>6</v>
      </c>
      <c r="H7455" s="5" t="s">
        <v>1518</v>
      </c>
      <c r="I7455" s="5" t="s">
        <v>69038</v>
      </c>
      <c r="J7455" s="2" t="s">
        <v>69039</v>
      </c>
      <c r="K7455" s="5" t="s">
        <v>69038</v>
      </c>
      <c r="L7455" s="2" t="s">
        <v>69039</v>
      </c>
      <c r="M7455" s="5" t="s">
        <v>1521</v>
      </c>
      <c r="N7455" s="5" t="s">
        <v>38</v>
      </c>
      <c r="O7455" s="5" t="s">
        <v>39</v>
      </c>
      <c r="P7455" s="5" t="s">
        <v>40</v>
      </c>
      <c r="Q7455" s="5" t="s">
        <v>1522</v>
      </c>
      <c r="R7455" s="5" t="s">
        <v>1523</v>
      </c>
      <c r="S7455" s="5" t="s">
        <v>42</v>
      </c>
      <c r="T7455" s="2">
        <v>2.3679999999999999</v>
      </c>
      <c r="U7455" s="2">
        <v>1.8959999999999999</v>
      </c>
      <c r="V7455" s="2">
        <v>16.7</v>
      </c>
      <c r="W7455" s="2">
        <v>82.9</v>
      </c>
      <c r="X7455" s="2">
        <v>7.6</v>
      </c>
      <c r="Y7455" s="2">
        <v>16.7</v>
      </c>
      <c r="Z7455" s="5"/>
      <c r="AA7455" s="5" t="s">
        <v>43</v>
      </c>
      <c r="AB7455" s="5" t="s">
        <v>44</v>
      </c>
      <c r="AC7455" s="2"/>
      <c r="AD7455" s="1"/>
    </row>
    <row r="7456" spans="1:30">
      <c r="A7456" s="5" t="s">
        <v>83578</v>
      </c>
      <c r="B7456" s="2" t="s">
        <v>106487</v>
      </c>
      <c r="C7456" s="14" t="s">
        <v>106488</v>
      </c>
      <c r="D7456" s="2" t="s">
        <v>106489</v>
      </c>
      <c r="E7456" s="2" t="s">
        <v>7539</v>
      </c>
      <c r="F7456" s="8">
        <v>247</v>
      </c>
      <c r="G7456" s="5">
        <v>6</v>
      </c>
      <c r="H7456" s="5" t="s">
        <v>1518</v>
      </c>
      <c r="I7456" s="5" t="s">
        <v>69038</v>
      </c>
      <c r="J7456" s="2" t="s">
        <v>69039</v>
      </c>
      <c r="K7456" s="5" t="s">
        <v>69038</v>
      </c>
      <c r="L7456" s="2" t="s">
        <v>69039</v>
      </c>
      <c r="M7456" s="5" t="s">
        <v>1521</v>
      </c>
      <c r="N7456" s="5" t="s">
        <v>38</v>
      </c>
      <c r="O7456" s="5" t="s">
        <v>39</v>
      </c>
      <c r="P7456" s="5" t="s">
        <v>40</v>
      </c>
      <c r="Q7456" s="5" t="s">
        <v>1522</v>
      </c>
      <c r="R7456" s="5" t="s">
        <v>1523</v>
      </c>
      <c r="S7456" s="5" t="s">
        <v>42</v>
      </c>
      <c r="T7456" s="2">
        <v>2.306</v>
      </c>
      <c r="U7456" s="2">
        <v>1.8340000000000001</v>
      </c>
      <c r="V7456" s="2">
        <v>16.7</v>
      </c>
      <c r="W7456" s="2">
        <v>82.9</v>
      </c>
      <c r="X7456" s="2">
        <v>7.6</v>
      </c>
      <c r="Y7456" s="2">
        <v>16.7</v>
      </c>
      <c r="Z7456" s="5"/>
      <c r="AA7456" s="5" t="s">
        <v>43</v>
      </c>
      <c r="AB7456" s="5" t="s">
        <v>44</v>
      </c>
      <c r="AC7456" s="2"/>
      <c r="AD7456" s="1"/>
    </row>
    <row r="7457" spans="1:30">
      <c r="A7457" s="5" t="s">
        <v>83578</v>
      </c>
      <c r="B7457" s="2" t="s">
        <v>106490</v>
      </c>
      <c r="C7457" s="14" t="s">
        <v>106491</v>
      </c>
      <c r="D7457" s="2" t="s">
        <v>106492</v>
      </c>
      <c r="E7457" s="2" t="s">
        <v>7543</v>
      </c>
      <c r="F7457" s="8">
        <v>247</v>
      </c>
      <c r="G7457" s="5">
        <v>6</v>
      </c>
      <c r="H7457" s="5" t="s">
        <v>1518</v>
      </c>
      <c r="I7457" s="5" t="s">
        <v>69038</v>
      </c>
      <c r="J7457" s="2" t="s">
        <v>69039</v>
      </c>
      <c r="K7457" s="5" t="s">
        <v>69038</v>
      </c>
      <c r="L7457" s="2" t="s">
        <v>69039</v>
      </c>
      <c r="M7457" s="5" t="s">
        <v>1521</v>
      </c>
      <c r="N7457" s="5" t="s">
        <v>38</v>
      </c>
      <c r="O7457" s="5" t="s">
        <v>39</v>
      </c>
      <c r="P7457" s="5" t="s">
        <v>40</v>
      </c>
      <c r="Q7457" s="5" t="s">
        <v>1522</v>
      </c>
      <c r="R7457" s="5" t="s">
        <v>1523</v>
      </c>
      <c r="S7457" s="5" t="s">
        <v>42</v>
      </c>
      <c r="T7457" s="2">
        <v>2.3679999999999999</v>
      </c>
      <c r="U7457" s="2">
        <v>1.8959999999999999</v>
      </c>
      <c r="V7457" s="2">
        <v>16.7</v>
      </c>
      <c r="W7457" s="2">
        <v>82.9</v>
      </c>
      <c r="X7457" s="2">
        <v>7.6</v>
      </c>
      <c r="Y7457" s="2">
        <v>16.7</v>
      </c>
      <c r="Z7457" s="5"/>
      <c r="AA7457" s="5" t="s">
        <v>43</v>
      </c>
      <c r="AB7457" s="5" t="s">
        <v>44</v>
      </c>
      <c r="AC7457" s="2"/>
      <c r="AD7457" s="1"/>
    </row>
    <row r="7458" spans="1:30">
      <c r="A7458" s="5" t="s">
        <v>83578</v>
      </c>
      <c r="B7458" s="2" t="s">
        <v>106493</v>
      </c>
      <c r="C7458" s="14" t="s">
        <v>106494</v>
      </c>
      <c r="D7458" s="2" t="s">
        <v>106495</v>
      </c>
      <c r="E7458" s="2" t="s">
        <v>7396</v>
      </c>
      <c r="F7458" s="8">
        <v>232</v>
      </c>
      <c r="G7458" s="5">
        <v>6</v>
      </c>
      <c r="H7458" s="5" t="s">
        <v>1518</v>
      </c>
      <c r="I7458" s="5" t="s">
        <v>69038</v>
      </c>
      <c r="J7458" s="2" t="s">
        <v>69039</v>
      </c>
      <c r="K7458" s="5" t="s">
        <v>69038</v>
      </c>
      <c r="L7458" s="2" t="s">
        <v>69039</v>
      </c>
      <c r="M7458" s="5" t="s">
        <v>1521</v>
      </c>
      <c r="N7458" s="5" t="s">
        <v>38</v>
      </c>
      <c r="O7458" s="5" t="s">
        <v>39</v>
      </c>
      <c r="P7458" s="5" t="s">
        <v>40</v>
      </c>
      <c r="Q7458" s="5" t="s">
        <v>1522</v>
      </c>
      <c r="R7458" s="5" t="s">
        <v>1523</v>
      </c>
      <c r="S7458" s="5" t="s">
        <v>42</v>
      </c>
      <c r="T7458" s="2">
        <v>2.306</v>
      </c>
      <c r="U7458" s="2">
        <v>1.8340000000000001</v>
      </c>
      <c r="V7458" s="2">
        <v>16.7</v>
      </c>
      <c r="W7458" s="2">
        <v>82.9</v>
      </c>
      <c r="X7458" s="2">
        <v>7.6</v>
      </c>
      <c r="Y7458" s="2">
        <v>16.7</v>
      </c>
      <c r="Z7458" s="5"/>
      <c r="AA7458" s="5" t="s">
        <v>43</v>
      </c>
      <c r="AB7458" s="5" t="s">
        <v>44</v>
      </c>
      <c r="AC7458" s="2"/>
      <c r="AD7458" s="1"/>
    </row>
    <row r="7459" spans="1:30">
      <c r="A7459" s="5" t="s">
        <v>83578</v>
      </c>
      <c r="B7459" s="2" t="s">
        <v>106496</v>
      </c>
      <c r="C7459" s="14" t="s">
        <v>106497</v>
      </c>
      <c r="D7459" s="2" t="s">
        <v>106498</v>
      </c>
      <c r="E7459" s="2" t="s">
        <v>7547</v>
      </c>
      <c r="F7459" s="8">
        <v>247</v>
      </c>
      <c r="G7459" s="5">
        <v>6</v>
      </c>
      <c r="H7459" s="5" t="s">
        <v>1518</v>
      </c>
      <c r="I7459" s="5" t="s">
        <v>69038</v>
      </c>
      <c r="J7459" s="2" t="s">
        <v>69039</v>
      </c>
      <c r="K7459" s="5" t="s">
        <v>69038</v>
      </c>
      <c r="L7459" s="2" t="s">
        <v>69039</v>
      </c>
      <c r="M7459" s="5" t="s">
        <v>1521</v>
      </c>
      <c r="N7459" s="5" t="s">
        <v>38</v>
      </c>
      <c r="O7459" s="5" t="s">
        <v>39</v>
      </c>
      <c r="P7459" s="5" t="s">
        <v>40</v>
      </c>
      <c r="Q7459" s="5" t="s">
        <v>1522</v>
      </c>
      <c r="R7459" s="5" t="s">
        <v>1523</v>
      </c>
      <c r="S7459" s="5" t="s">
        <v>42</v>
      </c>
      <c r="T7459" s="2">
        <v>2.306</v>
      </c>
      <c r="U7459" s="2">
        <v>1.8340000000000001</v>
      </c>
      <c r="V7459" s="2">
        <v>16.7</v>
      </c>
      <c r="W7459" s="2">
        <v>82.9</v>
      </c>
      <c r="X7459" s="2">
        <v>7.6</v>
      </c>
      <c r="Y7459" s="2">
        <v>16.7</v>
      </c>
      <c r="Z7459" s="5"/>
      <c r="AA7459" s="5" t="s">
        <v>43</v>
      </c>
      <c r="AB7459" s="5" t="s">
        <v>44</v>
      </c>
      <c r="AC7459" s="2"/>
      <c r="AD7459" s="1"/>
    </row>
    <row r="7460" spans="1:30">
      <c r="A7460" s="5" t="s">
        <v>83578</v>
      </c>
      <c r="B7460" s="2" t="s">
        <v>106499</v>
      </c>
      <c r="C7460" s="14" t="s">
        <v>106500</v>
      </c>
      <c r="D7460" s="2" t="s">
        <v>106501</v>
      </c>
      <c r="E7460" s="2" t="s">
        <v>7551</v>
      </c>
      <c r="F7460" s="8">
        <v>247</v>
      </c>
      <c r="G7460" s="5">
        <v>6</v>
      </c>
      <c r="H7460" s="5" t="s">
        <v>1518</v>
      </c>
      <c r="I7460" s="5" t="s">
        <v>69038</v>
      </c>
      <c r="J7460" s="2" t="s">
        <v>69039</v>
      </c>
      <c r="K7460" s="5" t="s">
        <v>69038</v>
      </c>
      <c r="L7460" s="2" t="s">
        <v>69039</v>
      </c>
      <c r="M7460" s="5" t="s">
        <v>1521</v>
      </c>
      <c r="N7460" s="5" t="s">
        <v>38</v>
      </c>
      <c r="O7460" s="5" t="s">
        <v>39</v>
      </c>
      <c r="P7460" s="5" t="s">
        <v>40</v>
      </c>
      <c r="Q7460" s="5" t="s">
        <v>1522</v>
      </c>
      <c r="R7460" s="5" t="s">
        <v>1523</v>
      </c>
      <c r="S7460" s="5" t="s">
        <v>42</v>
      </c>
      <c r="T7460" s="2">
        <v>2.3679999999999999</v>
      </c>
      <c r="U7460" s="2">
        <v>1.8959999999999999</v>
      </c>
      <c r="V7460" s="2">
        <v>16.7</v>
      </c>
      <c r="W7460" s="2">
        <v>82.9</v>
      </c>
      <c r="X7460" s="2">
        <v>7.6</v>
      </c>
      <c r="Y7460" s="2">
        <v>16.7</v>
      </c>
      <c r="Z7460" s="5"/>
      <c r="AA7460" s="5" t="s">
        <v>43</v>
      </c>
      <c r="AB7460" s="5" t="s">
        <v>44</v>
      </c>
      <c r="AC7460" s="2"/>
      <c r="AD7460" s="1"/>
    </row>
    <row r="7461" spans="1:30">
      <c r="A7461" s="5" t="s">
        <v>83578</v>
      </c>
      <c r="B7461" s="2" t="s">
        <v>106502</v>
      </c>
      <c r="C7461" s="14" t="s">
        <v>106503</v>
      </c>
      <c r="D7461" s="2" t="s">
        <v>106504</v>
      </c>
      <c r="E7461" s="2" t="s">
        <v>7563</v>
      </c>
      <c r="F7461" s="8">
        <v>247</v>
      </c>
      <c r="G7461" s="5">
        <v>6</v>
      </c>
      <c r="H7461" s="5" t="s">
        <v>1518</v>
      </c>
      <c r="I7461" s="5" t="s">
        <v>69038</v>
      </c>
      <c r="J7461" s="2" t="s">
        <v>69039</v>
      </c>
      <c r="K7461" s="5" t="s">
        <v>69038</v>
      </c>
      <c r="L7461" s="2" t="s">
        <v>69039</v>
      </c>
      <c r="M7461" s="5" t="s">
        <v>1521</v>
      </c>
      <c r="N7461" s="5" t="s">
        <v>38</v>
      </c>
      <c r="O7461" s="5" t="s">
        <v>39</v>
      </c>
      <c r="P7461" s="5" t="s">
        <v>40</v>
      </c>
      <c r="Q7461" s="5" t="s">
        <v>1522</v>
      </c>
      <c r="R7461" s="5" t="s">
        <v>1523</v>
      </c>
      <c r="S7461" s="5" t="s">
        <v>42</v>
      </c>
      <c r="T7461" s="2">
        <v>2.306</v>
      </c>
      <c r="U7461" s="2">
        <v>1.8340000000000001</v>
      </c>
      <c r="V7461" s="2">
        <v>16.7</v>
      </c>
      <c r="W7461" s="2">
        <v>82.9</v>
      </c>
      <c r="X7461" s="2">
        <v>7.6</v>
      </c>
      <c r="Y7461" s="2">
        <v>16.7</v>
      </c>
      <c r="Z7461" s="5"/>
      <c r="AA7461" s="5" t="s">
        <v>43</v>
      </c>
      <c r="AB7461" s="5" t="s">
        <v>44</v>
      </c>
      <c r="AC7461" s="2"/>
      <c r="AD7461" s="1"/>
    </row>
    <row r="7462" spans="1:30">
      <c r="A7462" s="5" t="s">
        <v>83578</v>
      </c>
      <c r="B7462" s="2" t="s">
        <v>106505</v>
      </c>
      <c r="C7462" s="14" t="s">
        <v>106506</v>
      </c>
      <c r="D7462" s="2" t="s">
        <v>106507</v>
      </c>
      <c r="E7462" s="2" t="s">
        <v>7567</v>
      </c>
      <c r="F7462" s="8">
        <v>247</v>
      </c>
      <c r="G7462" s="5">
        <v>6</v>
      </c>
      <c r="H7462" s="5" t="s">
        <v>1518</v>
      </c>
      <c r="I7462" s="5" t="s">
        <v>69038</v>
      </c>
      <c r="J7462" s="2" t="s">
        <v>69039</v>
      </c>
      <c r="K7462" s="5" t="s">
        <v>69038</v>
      </c>
      <c r="L7462" s="2" t="s">
        <v>69039</v>
      </c>
      <c r="M7462" s="5" t="s">
        <v>1521</v>
      </c>
      <c r="N7462" s="5" t="s">
        <v>38</v>
      </c>
      <c r="O7462" s="5" t="s">
        <v>39</v>
      </c>
      <c r="P7462" s="5" t="s">
        <v>40</v>
      </c>
      <c r="Q7462" s="5" t="s">
        <v>1522</v>
      </c>
      <c r="R7462" s="5" t="s">
        <v>1523</v>
      </c>
      <c r="S7462" s="5" t="s">
        <v>42</v>
      </c>
      <c r="T7462" s="2">
        <v>2.3679999999999999</v>
      </c>
      <c r="U7462" s="2">
        <v>1.8959999999999999</v>
      </c>
      <c r="V7462" s="2">
        <v>16.7</v>
      </c>
      <c r="W7462" s="2">
        <v>82.9</v>
      </c>
      <c r="X7462" s="2">
        <v>7.6</v>
      </c>
      <c r="Y7462" s="2">
        <v>16.7</v>
      </c>
      <c r="Z7462" s="5"/>
      <c r="AA7462" s="5" t="s">
        <v>43</v>
      </c>
      <c r="AB7462" s="5" t="s">
        <v>44</v>
      </c>
      <c r="AC7462" s="2"/>
      <c r="AD7462" s="1"/>
    </row>
    <row r="7463" spans="1:30">
      <c r="A7463" s="5" t="s">
        <v>83578</v>
      </c>
      <c r="B7463" s="2" t="s">
        <v>106508</v>
      </c>
      <c r="C7463" s="14" t="s">
        <v>106509</v>
      </c>
      <c r="D7463" s="2" t="s">
        <v>106510</v>
      </c>
      <c r="E7463" s="2" t="s">
        <v>7555</v>
      </c>
      <c r="F7463" s="8">
        <v>247</v>
      </c>
      <c r="G7463" s="5">
        <v>6</v>
      </c>
      <c r="H7463" s="5" t="s">
        <v>1518</v>
      </c>
      <c r="I7463" s="5" t="s">
        <v>69038</v>
      </c>
      <c r="J7463" s="2" t="s">
        <v>69039</v>
      </c>
      <c r="K7463" s="5" t="s">
        <v>69038</v>
      </c>
      <c r="L7463" s="2" t="s">
        <v>69039</v>
      </c>
      <c r="M7463" s="5" t="s">
        <v>1521</v>
      </c>
      <c r="N7463" s="5" t="s">
        <v>38</v>
      </c>
      <c r="O7463" s="5" t="s">
        <v>39</v>
      </c>
      <c r="P7463" s="5" t="s">
        <v>40</v>
      </c>
      <c r="Q7463" s="5" t="s">
        <v>1522</v>
      </c>
      <c r="R7463" s="5" t="s">
        <v>1523</v>
      </c>
      <c r="S7463" s="5" t="s">
        <v>42</v>
      </c>
      <c r="T7463" s="2">
        <v>2.306</v>
      </c>
      <c r="U7463" s="2">
        <v>1.8340000000000001</v>
      </c>
      <c r="V7463" s="2">
        <v>16.7</v>
      </c>
      <c r="W7463" s="2">
        <v>82.9</v>
      </c>
      <c r="X7463" s="2">
        <v>7.6</v>
      </c>
      <c r="Y7463" s="2">
        <v>16.7</v>
      </c>
      <c r="Z7463" s="5"/>
      <c r="AA7463" s="5" t="s">
        <v>43</v>
      </c>
      <c r="AB7463" s="5" t="s">
        <v>44</v>
      </c>
      <c r="AC7463" s="2"/>
      <c r="AD7463" s="1"/>
    </row>
    <row r="7464" spans="1:30">
      <c r="A7464" s="5" t="s">
        <v>83578</v>
      </c>
      <c r="B7464" s="2" t="s">
        <v>106511</v>
      </c>
      <c r="C7464" s="14" t="s">
        <v>106512</v>
      </c>
      <c r="D7464" s="2" t="s">
        <v>106513</v>
      </c>
      <c r="E7464" s="2" t="s">
        <v>7559</v>
      </c>
      <c r="F7464" s="8">
        <v>247</v>
      </c>
      <c r="G7464" s="5">
        <v>6</v>
      </c>
      <c r="H7464" s="5" t="s">
        <v>1518</v>
      </c>
      <c r="I7464" s="5" t="s">
        <v>69038</v>
      </c>
      <c r="J7464" s="2" t="s">
        <v>69039</v>
      </c>
      <c r="K7464" s="5" t="s">
        <v>69038</v>
      </c>
      <c r="L7464" s="2" t="s">
        <v>69039</v>
      </c>
      <c r="M7464" s="5" t="s">
        <v>1521</v>
      </c>
      <c r="N7464" s="5" t="s">
        <v>38</v>
      </c>
      <c r="O7464" s="5" t="s">
        <v>39</v>
      </c>
      <c r="P7464" s="5" t="s">
        <v>40</v>
      </c>
      <c r="Q7464" s="5" t="s">
        <v>1522</v>
      </c>
      <c r="R7464" s="5" t="s">
        <v>1523</v>
      </c>
      <c r="S7464" s="5" t="s">
        <v>42</v>
      </c>
      <c r="T7464" s="2">
        <v>2.3679999999999999</v>
      </c>
      <c r="U7464" s="2">
        <v>1.8959999999999999</v>
      </c>
      <c r="V7464" s="2">
        <v>16.7</v>
      </c>
      <c r="W7464" s="2">
        <v>82.9</v>
      </c>
      <c r="X7464" s="2">
        <v>7.6</v>
      </c>
      <c r="Y7464" s="2">
        <v>16.7</v>
      </c>
      <c r="Z7464" s="5"/>
      <c r="AA7464" s="5" t="s">
        <v>43</v>
      </c>
      <c r="AB7464" s="5" t="s">
        <v>44</v>
      </c>
      <c r="AC7464" s="2"/>
      <c r="AD7464" s="1"/>
    </row>
    <row r="7465" spans="1:30">
      <c r="A7465" s="5" t="s">
        <v>83578</v>
      </c>
      <c r="B7465" s="2" t="s">
        <v>106514</v>
      </c>
      <c r="C7465" s="14" t="s">
        <v>106515</v>
      </c>
      <c r="D7465" s="2" t="s">
        <v>106516</v>
      </c>
      <c r="E7465" s="2" t="s">
        <v>16079</v>
      </c>
      <c r="F7465" s="8">
        <v>247</v>
      </c>
      <c r="G7465" s="5">
        <v>6</v>
      </c>
      <c r="H7465" s="5" t="s">
        <v>1518</v>
      </c>
      <c r="I7465" s="5" t="s">
        <v>69038</v>
      </c>
      <c r="J7465" s="2" t="s">
        <v>69039</v>
      </c>
      <c r="K7465" s="5" t="s">
        <v>69038</v>
      </c>
      <c r="L7465" s="2" t="s">
        <v>69039</v>
      </c>
      <c r="M7465" s="5" t="s">
        <v>1521</v>
      </c>
      <c r="N7465" s="5" t="s">
        <v>38</v>
      </c>
      <c r="O7465" s="5" t="s">
        <v>39</v>
      </c>
      <c r="P7465" s="5" t="s">
        <v>40</v>
      </c>
      <c r="Q7465" s="5" t="s">
        <v>1522</v>
      </c>
      <c r="R7465" s="5" t="s">
        <v>1523</v>
      </c>
      <c r="S7465" s="5" t="s">
        <v>42</v>
      </c>
      <c r="T7465" s="2">
        <v>2.306</v>
      </c>
      <c r="U7465" s="2">
        <v>1.8340000000000001</v>
      </c>
      <c r="V7465" s="2">
        <v>16.7</v>
      </c>
      <c r="W7465" s="2">
        <v>82.9</v>
      </c>
      <c r="X7465" s="2">
        <v>7.6</v>
      </c>
      <c r="Y7465" s="2">
        <v>16.7</v>
      </c>
      <c r="Z7465" s="5"/>
      <c r="AA7465" s="5" t="s">
        <v>43</v>
      </c>
      <c r="AB7465" s="5" t="s">
        <v>44</v>
      </c>
      <c r="AC7465" s="2"/>
      <c r="AD7465" s="1"/>
    </row>
    <row r="7466" spans="1:30">
      <c r="A7466" s="5" t="s">
        <v>83578</v>
      </c>
      <c r="B7466" s="2" t="s">
        <v>106517</v>
      </c>
      <c r="C7466" s="14" t="s">
        <v>106518</v>
      </c>
      <c r="D7466" s="2" t="s">
        <v>106519</v>
      </c>
      <c r="E7466" s="2" t="s">
        <v>16194</v>
      </c>
      <c r="F7466" s="8">
        <v>247</v>
      </c>
      <c r="G7466" s="5">
        <v>6</v>
      </c>
      <c r="H7466" s="5" t="s">
        <v>1518</v>
      </c>
      <c r="I7466" s="5" t="s">
        <v>69038</v>
      </c>
      <c r="J7466" s="2" t="s">
        <v>69039</v>
      </c>
      <c r="K7466" s="5" t="s">
        <v>69038</v>
      </c>
      <c r="L7466" s="2" t="s">
        <v>69039</v>
      </c>
      <c r="M7466" s="5" t="s">
        <v>1521</v>
      </c>
      <c r="N7466" s="5" t="s">
        <v>38</v>
      </c>
      <c r="O7466" s="5" t="s">
        <v>39</v>
      </c>
      <c r="P7466" s="5" t="s">
        <v>40</v>
      </c>
      <c r="Q7466" s="5" t="s">
        <v>1522</v>
      </c>
      <c r="R7466" s="5" t="s">
        <v>1523</v>
      </c>
      <c r="S7466" s="5" t="s">
        <v>42</v>
      </c>
      <c r="T7466" s="2">
        <v>2.3679999999999999</v>
      </c>
      <c r="U7466" s="2">
        <v>1.8959999999999999</v>
      </c>
      <c r="V7466" s="2">
        <v>16.7</v>
      </c>
      <c r="W7466" s="2">
        <v>82.9</v>
      </c>
      <c r="X7466" s="2">
        <v>7.6</v>
      </c>
      <c r="Y7466" s="2">
        <v>16.7</v>
      </c>
      <c r="Z7466" s="5"/>
      <c r="AA7466" s="5" t="s">
        <v>43</v>
      </c>
      <c r="AB7466" s="5" t="s">
        <v>44</v>
      </c>
      <c r="AC7466" s="2"/>
      <c r="AD7466" s="1"/>
    </row>
    <row r="7467" spans="1:30">
      <c r="A7467" s="5" t="s">
        <v>83578</v>
      </c>
      <c r="B7467" s="2" t="s">
        <v>106520</v>
      </c>
      <c r="C7467" s="14" t="s">
        <v>106521</v>
      </c>
      <c r="D7467" s="2" t="s">
        <v>106522</v>
      </c>
      <c r="E7467" s="2" t="s">
        <v>7449</v>
      </c>
      <c r="F7467" s="8">
        <v>247</v>
      </c>
      <c r="G7467" s="5">
        <v>6</v>
      </c>
      <c r="H7467" s="5" t="s">
        <v>1518</v>
      </c>
      <c r="I7467" s="5" t="s">
        <v>69038</v>
      </c>
      <c r="J7467" s="2" t="s">
        <v>69039</v>
      </c>
      <c r="K7467" s="5" t="s">
        <v>69038</v>
      </c>
      <c r="L7467" s="2" t="s">
        <v>69039</v>
      </c>
      <c r="M7467" s="5" t="s">
        <v>1521</v>
      </c>
      <c r="N7467" s="5" t="s">
        <v>38</v>
      </c>
      <c r="O7467" s="5" t="s">
        <v>39</v>
      </c>
      <c r="P7467" s="5" t="s">
        <v>40</v>
      </c>
      <c r="Q7467" s="5" t="s">
        <v>1522</v>
      </c>
      <c r="R7467" s="5" t="s">
        <v>1523</v>
      </c>
      <c r="S7467" s="5" t="s">
        <v>42</v>
      </c>
      <c r="T7467" s="2">
        <v>2.306</v>
      </c>
      <c r="U7467" s="2">
        <v>1.8340000000000001</v>
      </c>
      <c r="V7467" s="2">
        <v>16.7</v>
      </c>
      <c r="W7467" s="2">
        <v>82.9</v>
      </c>
      <c r="X7467" s="2">
        <v>7.6</v>
      </c>
      <c r="Y7467" s="2">
        <v>16.7</v>
      </c>
      <c r="Z7467" s="5"/>
      <c r="AA7467" s="5" t="s">
        <v>43</v>
      </c>
      <c r="AB7467" s="5" t="s">
        <v>44</v>
      </c>
      <c r="AC7467" s="2"/>
      <c r="AD7467" s="1"/>
    </row>
    <row r="7468" spans="1:30">
      <c r="A7468" s="5" t="s">
        <v>83578</v>
      </c>
      <c r="B7468" s="2" t="s">
        <v>106523</v>
      </c>
      <c r="C7468" s="14" t="s">
        <v>106524</v>
      </c>
      <c r="D7468" s="2" t="s">
        <v>106525</v>
      </c>
      <c r="E7468" s="2" t="s">
        <v>7581</v>
      </c>
      <c r="F7468" s="8">
        <v>247</v>
      </c>
      <c r="G7468" s="5">
        <v>6</v>
      </c>
      <c r="H7468" s="5" t="s">
        <v>1518</v>
      </c>
      <c r="I7468" s="5" t="s">
        <v>69038</v>
      </c>
      <c r="J7468" s="2" t="s">
        <v>69039</v>
      </c>
      <c r="K7468" s="5" t="s">
        <v>69038</v>
      </c>
      <c r="L7468" s="2" t="s">
        <v>69039</v>
      </c>
      <c r="M7468" s="5" t="s">
        <v>1521</v>
      </c>
      <c r="N7468" s="5" t="s">
        <v>38</v>
      </c>
      <c r="O7468" s="5" t="s">
        <v>39</v>
      </c>
      <c r="P7468" s="5" t="s">
        <v>40</v>
      </c>
      <c r="Q7468" s="5" t="s">
        <v>1522</v>
      </c>
      <c r="R7468" s="5" t="s">
        <v>1523</v>
      </c>
      <c r="S7468" s="5" t="s">
        <v>42</v>
      </c>
      <c r="T7468" s="2">
        <v>2.3679999999999999</v>
      </c>
      <c r="U7468" s="2">
        <v>1.8959999999999999</v>
      </c>
      <c r="V7468" s="2">
        <v>16.7</v>
      </c>
      <c r="W7468" s="2">
        <v>82.9</v>
      </c>
      <c r="X7468" s="2">
        <v>7.6</v>
      </c>
      <c r="Y7468" s="2">
        <v>16.7</v>
      </c>
      <c r="Z7468" s="5"/>
      <c r="AA7468" s="5" t="s">
        <v>43</v>
      </c>
      <c r="AB7468" s="5" t="s">
        <v>44</v>
      </c>
      <c r="AC7468" s="2"/>
      <c r="AD7468" s="1"/>
    </row>
    <row r="7469" spans="1:30">
      <c r="A7469" s="5" t="s">
        <v>83578</v>
      </c>
      <c r="B7469" s="2" t="s">
        <v>106526</v>
      </c>
      <c r="C7469" s="14" t="s">
        <v>106527</v>
      </c>
      <c r="D7469" s="2" t="s">
        <v>106528</v>
      </c>
      <c r="E7469" s="2" t="s">
        <v>7585</v>
      </c>
      <c r="F7469" s="8">
        <v>247</v>
      </c>
      <c r="G7469" s="5">
        <v>6</v>
      </c>
      <c r="H7469" s="5" t="s">
        <v>1518</v>
      </c>
      <c r="I7469" s="5" t="s">
        <v>69038</v>
      </c>
      <c r="J7469" s="2" t="s">
        <v>69039</v>
      </c>
      <c r="K7469" s="5" t="s">
        <v>69038</v>
      </c>
      <c r="L7469" s="2" t="s">
        <v>69039</v>
      </c>
      <c r="M7469" s="5" t="s">
        <v>1521</v>
      </c>
      <c r="N7469" s="5" t="s">
        <v>38</v>
      </c>
      <c r="O7469" s="5" t="s">
        <v>39</v>
      </c>
      <c r="P7469" s="5" t="s">
        <v>40</v>
      </c>
      <c r="Q7469" s="5" t="s">
        <v>1522</v>
      </c>
      <c r="R7469" s="5" t="s">
        <v>1523</v>
      </c>
      <c r="S7469" s="5" t="s">
        <v>42</v>
      </c>
      <c r="T7469" s="2">
        <v>2.306</v>
      </c>
      <c r="U7469" s="2">
        <v>1.8340000000000001</v>
      </c>
      <c r="V7469" s="2">
        <v>16.7</v>
      </c>
      <c r="W7469" s="2">
        <v>82.9</v>
      </c>
      <c r="X7469" s="2">
        <v>7.6</v>
      </c>
      <c r="Y7469" s="2">
        <v>16.7</v>
      </c>
      <c r="Z7469" s="5"/>
      <c r="AA7469" s="5" t="s">
        <v>43</v>
      </c>
      <c r="AB7469" s="5" t="s">
        <v>44</v>
      </c>
      <c r="AC7469" s="2"/>
      <c r="AD7469" s="1"/>
    </row>
    <row r="7470" spans="1:30">
      <c r="A7470" s="5" t="s">
        <v>83578</v>
      </c>
      <c r="B7470" s="2" t="s">
        <v>106529</v>
      </c>
      <c r="C7470" s="14" t="s">
        <v>106530</v>
      </c>
      <c r="D7470" s="2" t="s">
        <v>106531</v>
      </c>
      <c r="E7470" s="2" t="s">
        <v>7589</v>
      </c>
      <c r="F7470" s="8">
        <v>247</v>
      </c>
      <c r="G7470" s="5">
        <v>6</v>
      </c>
      <c r="H7470" s="5" t="s">
        <v>1518</v>
      </c>
      <c r="I7470" s="5" t="s">
        <v>69038</v>
      </c>
      <c r="J7470" s="2" t="s">
        <v>69039</v>
      </c>
      <c r="K7470" s="5" t="s">
        <v>69038</v>
      </c>
      <c r="L7470" s="2" t="s">
        <v>69039</v>
      </c>
      <c r="M7470" s="5" t="s">
        <v>1521</v>
      </c>
      <c r="N7470" s="5" t="s">
        <v>38</v>
      </c>
      <c r="O7470" s="5" t="s">
        <v>39</v>
      </c>
      <c r="P7470" s="5" t="s">
        <v>40</v>
      </c>
      <c r="Q7470" s="5" t="s">
        <v>1522</v>
      </c>
      <c r="R7470" s="5" t="s">
        <v>1523</v>
      </c>
      <c r="S7470" s="5" t="s">
        <v>42</v>
      </c>
      <c r="T7470" s="2">
        <v>2.3679999999999999</v>
      </c>
      <c r="U7470" s="2">
        <v>1.8959999999999999</v>
      </c>
      <c r="V7470" s="2">
        <v>16.7</v>
      </c>
      <c r="W7470" s="2">
        <v>82.9</v>
      </c>
      <c r="X7470" s="2">
        <v>7.6</v>
      </c>
      <c r="Y7470" s="2">
        <v>16.7</v>
      </c>
      <c r="Z7470" s="5"/>
      <c r="AA7470" s="5" t="s">
        <v>43</v>
      </c>
      <c r="AB7470" s="5" t="s">
        <v>44</v>
      </c>
      <c r="AC7470" s="2"/>
      <c r="AD7470" s="1"/>
    </row>
    <row r="7471" spans="1:30">
      <c r="A7471" s="5" t="s">
        <v>83578</v>
      </c>
      <c r="B7471" s="2" t="s">
        <v>106532</v>
      </c>
      <c r="C7471" s="14" t="s">
        <v>106533</v>
      </c>
      <c r="D7471" s="2" t="s">
        <v>106534</v>
      </c>
      <c r="E7471" s="2" t="s">
        <v>7593</v>
      </c>
      <c r="F7471" s="8">
        <v>247</v>
      </c>
      <c r="G7471" s="5">
        <v>6</v>
      </c>
      <c r="H7471" s="5" t="s">
        <v>1518</v>
      </c>
      <c r="I7471" s="5" t="s">
        <v>69038</v>
      </c>
      <c r="J7471" s="2" t="s">
        <v>69039</v>
      </c>
      <c r="K7471" s="5" t="s">
        <v>69038</v>
      </c>
      <c r="L7471" s="2" t="s">
        <v>69039</v>
      </c>
      <c r="M7471" s="5" t="s">
        <v>1521</v>
      </c>
      <c r="N7471" s="5" t="s">
        <v>38</v>
      </c>
      <c r="O7471" s="5" t="s">
        <v>39</v>
      </c>
      <c r="P7471" s="5" t="s">
        <v>40</v>
      </c>
      <c r="Q7471" s="5" t="s">
        <v>1522</v>
      </c>
      <c r="R7471" s="5" t="s">
        <v>1523</v>
      </c>
      <c r="S7471" s="5" t="s">
        <v>42</v>
      </c>
      <c r="T7471" s="2">
        <v>2.306</v>
      </c>
      <c r="U7471" s="2">
        <v>1.8340000000000001</v>
      </c>
      <c r="V7471" s="2">
        <v>16.7</v>
      </c>
      <c r="W7471" s="2">
        <v>82.9</v>
      </c>
      <c r="X7471" s="2">
        <v>7.6</v>
      </c>
      <c r="Y7471" s="2">
        <v>16.7</v>
      </c>
      <c r="Z7471" s="5"/>
      <c r="AA7471" s="5" t="s">
        <v>43</v>
      </c>
      <c r="AB7471" s="5" t="s">
        <v>44</v>
      </c>
      <c r="AC7471" s="2"/>
      <c r="AD7471" s="1"/>
    </row>
    <row r="7472" spans="1:30">
      <c r="A7472" s="5" t="s">
        <v>83578</v>
      </c>
      <c r="B7472" s="2" t="s">
        <v>106535</v>
      </c>
      <c r="C7472" s="14" t="s">
        <v>106536</v>
      </c>
      <c r="D7472" s="2" t="s">
        <v>106537</v>
      </c>
      <c r="E7472" s="2" t="s">
        <v>7597</v>
      </c>
      <c r="F7472" s="8">
        <v>247</v>
      </c>
      <c r="G7472" s="5">
        <v>6</v>
      </c>
      <c r="H7472" s="5" t="s">
        <v>1518</v>
      </c>
      <c r="I7472" s="5" t="s">
        <v>69038</v>
      </c>
      <c r="J7472" s="2" t="s">
        <v>69039</v>
      </c>
      <c r="K7472" s="5" t="s">
        <v>69038</v>
      </c>
      <c r="L7472" s="2" t="s">
        <v>69039</v>
      </c>
      <c r="M7472" s="5" t="s">
        <v>1521</v>
      </c>
      <c r="N7472" s="5" t="s">
        <v>38</v>
      </c>
      <c r="O7472" s="5" t="s">
        <v>39</v>
      </c>
      <c r="P7472" s="5" t="s">
        <v>40</v>
      </c>
      <c r="Q7472" s="5" t="s">
        <v>1522</v>
      </c>
      <c r="R7472" s="5" t="s">
        <v>1523</v>
      </c>
      <c r="S7472" s="5" t="s">
        <v>42</v>
      </c>
      <c r="T7472" s="2">
        <v>2.3679999999999999</v>
      </c>
      <c r="U7472" s="2">
        <v>1.8959999999999999</v>
      </c>
      <c r="V7472" s="2">
        <v>16.7</v>
      </c>
      <c r="W7472" s="2">
        <v>82.9</v>
      </c>
      <c r="X7472" s="2">
        <v>7.6</v>
      </c>
      <c r="Y7472" s="2">
        <v>16.7</v>
      </c>
      <c r="Z7472" s="5"/>
      <c r="AA7472" s="5" t="s">
        <v>43</v>
      </c>
      <c r="AB7472" s="5" t="s">
        <v>44</v>
      </c>
      <c r="AC7472" s="2"/>
      <c r="AD7472" s="1"/>
    </row>
    <row r="7473" spans="1:30">
      <c r="A7473" s="5" t="s">
        <v>83578</v>
      </c>
      <c r="B7473" s="2" t="s">
        <v>106538</v>
      </c>
      <c r="C7473" s="14" t="s">
        <v>106539</v>
      </c>
      <c r="D7473" s="2" t="s">
        <v>106540</v>
      </c>
      <c r="E7473" s="2" t="s">
        <v>73358</v>
      </c>
      <c r="F7473" s="8">
        <v>247</v>
      </c>
      <c r="G7473" s="5">
        <v>6</v>
      </c>
      <c r="H7473" s="5" t="s">
        <v>1518</v>
      </c>
      <c r="I7473" s="5" t="s">
        <v>69038</v>
      </c>
      <c r="J7473" s="2" t="s">
        <v>69039</v>
      </c>
      <c r="K7473" s="5" t="s">
        <v>69038</v>
      </c>
      <c r="L7473" s="2" t="s">
        <v>69039</v>
      </c>
      <c r="M7473" s="5" t="s">
        <v>1521</v>
      </c>
      <c r="N7473" s="5" t="s">
        <v>38</v>
      </c>
      <c r="O7473" s="5" t="s">
        <v>39</v>
      </c>
      <c r="P7473" s="5" t="s">
        <v>40</v>
      </c>
      <c r="Q7473" s="5" t="s">
        <v>1522</v>
      </c>
      <c r="R7473" s="5" t="s">
        <v>1523</v>
      </c>
      <c r="S7473" s="5" t="s">
        <v>42</v>
      </c>
      <c r="T7473" s="2">
        <v>2.306</v>
      </c>
      <c r="U7473" s="2">
        <v>1.8340000000000001</v>
      </c>
      <c r="V7473" s="2">
        <v>16.7</v>
      </c>
      <c r="W7473" s="2">
        <v>82.9</v>
      </c>
      <c r="X7473" s="2">
        <v>7.6</v>
      </c>
      <c r="Y7473" s="2">
        <v>16.7</v>
      </c>
      <c r="Z7473" s="5"/>
      <c r="AA7473" s="5" t="s">
        <v>43</v>
      </c>
      <c r="AB7473" s="5" t="s">
        <v>44</v>
      </c>
      <c r="AC7473" s="2"/>
      <c r="AD7473" s="1"/>
    </row>
    <row r="7474" spans="1:30">
      <c r="A7474" s="5" t="s">
        <v>83578</v>
      </c>
      <c r="B7474" s="2" t="s">
        <v>106541</v>
      </c>
      <c r="C7474" s="14" t="s">
        <v>106542</v>
      </c>
      <c r="D7474" s="2" t="s">
        <v>106543</v>
      </c>
      <c r="E7474" s="2" t="s">
        <v>73362</v>
      </c>
      <c r="F7474" s="8">
        <v>247</v>
      </c>
      <c r="G7474" s="5">
        <v>6</v>
      </c>
      <c r="H7474" s="5" t="s">
        <v>1518</v>
      </c>
      <c r="I7474" s="5" t="s">
        <v>69038</v>
      </c>
      <c r="J7474" s="2" t="s">
        <v>69039</v>
      </c>
      <c r="K7474" s="5" t="s">
        <v>69038</v>
      </c>
      <c r="L7474" s="2" t="s">
        <v>69039</v>
      </c>
      <c r="M7474" s="5" t="s">
        <v>1521</v>
      </c>
      <c r="N7474" s="5" t="s">
        <v>38</v>
      </c>
      <c r="O7474" s="5" t="s">
        <v>39</v>
      </c>
      <c r="P7474" s="5" t="s">
        <v>40</v>
      </c>
      <c r="Q7474" s="5" t="s">
        <v>1522</v>
      </c>
      <c r="R7474" s="5" t="s">
        <v>1523</v>
      </c>
      <c r="S7474" s="5" t="s">
        <v>42</v>
      </c>
      <c r="T7474" s="2">
        <v>2.3679999999999999</v>
      </c>
      <c r="U7474" s="2">
        <v>1.8959999999999999</v>
      </c>
      <c r="V7474" s="2">
        <v>16.7</v>
      </c>
      <c r="W7474" s="2">
        <v>82.9</v>
      </c>
      <c r="X7474" s="2">
        <v>7.6</v>
      </c>
      <c r="Y7474" s="2">
        <v>16.7</v>
      </c>
      <c r="Z7474" s="5"/>
      <c r="AA7474" s="5" t="s">
        <v>43</v>
      </c>
      <c r="AB7474" s="5" t="s">
        <v>44</v>
      </c>
      <c r="AC7474" s="2"/>
      <c r="AD7474" s="1"/>
    </row>
    <row r="7475" spans="1:30">
      <c r="A7475" s="5" t="s">
        <v>83578</v>
      </c>
      <c r="B7475" s="2" t="s">
        <v>106544</v>
      </c>
      <c r="C7475" s="14" t="s">
        <v>106545</v>
      </c>
      <c r="D7475" s="2" t="s">
        <v>106546</v>
      </c>
      <c r="E7475" s="2" t="s">
        <v>7619</v>
      </c>
      <c r="F7475" s="8">
        <v>247</v>
      </c>
      <c r="G7475" s="5">
        <v>6</v>
      </c>
      <c r="H7475" s="5" t="s">
        <v>1518</v>
      </c>
      <c r="I7475" s="5" t="s">
        <v>69038</v>
      </c>
      <c r="J7475" s="2" t="s">
        <v>69039</v>
      </c>
      <c r="K7475" s="5" t="s">
        <v>69038</v>
      </c>
      <c r="L7475" s="2" t="s">
        <v>69039</v>
      </c>
      <c r="M7475" s="5" t="s">
        <v>1521</v>
      </c>
      <c r="N7475" s="5" t="s">
        <v>38</v>
      </c>
      <c r="O7475" s="5" t="s">
        <v>39</v>
      </c>
      <c r="P7475" s="5" t="s">
        <v>40</v>
      </c>
      <c r="Q7475" s="5" t="s">
        <v>1522</v>
      </c>
      <c r="R7475" s="5" t="s">
        <v>1523</v>
      </c>
      <c r="S7475" s="5" t="s">
        <v>42</v>
      </c>
      <c r="T7475" s="2">
        <v>2.3679999999999999</v>
      </c>
      <c r="U7475" s="2">
        <v>1.8959999999999999</v>
      </c>
      <c r="V7475" s="2">
        <v>16.7</v>
      </c>
      <c r="W7475" s="2">
        <v>82.9</v>
      </c>
      <c r="X7475" s="2">
        <v>7.6</v>
      </c>
      <c r="Y7475" s="2">
        <v>16.7</v>
      </c>
      <c r="Z7475" s="5"/>
      <c r="AA7475" s="5" t="s">
        <v>43</v>
      </c>
      <c r="AB7475" s="5" t="s">
        <v>44</v>
      </c>
      <c r="AC7475" s="2"/>
      <c r="AD7475" s="1"/>
    </row>
    <row r="7476" spans="1:30">
      <c r="A7476" s="5" t="s">
        <v>83578</v>
      </c>
      <c r="B7476" s="2" t="s">
        <v>106547</v>
      </c>
      <c r="C7476" s="14" t="s">
        <v>106548</v>
      </c>
      <c r="D7476" s="2" t="s">
        <v>106549</v>
      </c>
      <c r="E7476" s="2" t="s">
        <v>16014</v>
      </c>
      <c r="F7476" s="8">
        <v>247</v>
      </c>
      <c r="G7476" s="5">
        <v>6</v>
      </c>
      <c r="H7476" s="5" t="s">
        <v>1518</v>
      </c>
      <c r="I7476" s="5" t="s">
        <v>69038</v>
      </c>
      <c r="J7476" s="2" t="s">
        <v>69039</v>
      </c>
      <c r="K7476" s="5" t="s">
        <v>69038</v>
      </c>
      <c r="L7476" s="2" t="s">
        <v>69039</v>
      </c>
      <c r="M7476" s="5" t="s">
        <v>1521</v>
      </c>
      <c r="N7476" s="5" t="s">
        <v>38</v>
      </c>
      <c r="O7476" s="5" t="s">
        <v>39</v>
      </c>
      <c r="P7476" s="5" t="s">
        <v>40</v>
      </c>
      <c r="Q7476" s="5" t="s">
        <v>1522</v>
      </c>
      <c r="R7476" s="5" t="s">
        <v>1523</v>
      </c>
      <c r="S7476" s="5" t="s">
        <v>42</v>
      </c>
      <c r="T7476" s="2">
        <v>2.306</v>
      </c>
      <c r="U7476" s="2">
        <v>1.8340000000000001</v>
      </c>
      <c r="V7476" s="2">
        <v>16.7</v>
      </c>
      <c r="W7476" s="2">
        <v>82.9</v>
      </c>
      <c r="X7476" s="2">
        <v>7.6</v>
      </c>
      <c r="Y7476" s="2">
        <v>16.7</v>
      </c>
      <c r="Z7476" s="5"/>
      <c r="AA7476" s="5" t="s">
        <v>43</v>
      </c>
      <c r="AB7476" s="5" t="s">
        <v>44</v>
      </c>
      <c r="AC7476" s="2"/>
      <c r="AD7476" s="1"/>
    </row>
    <row r="7477" spans="1:30">
      <c r="A7477" s="5" t="s">
        <v>83578</v>
      </c>
      <c r="B7477" s="2" t="s">
        <v>106550</v>
      </c>
      <c r="C7477" s="14" t="s">
        <v>106551</v>
      </c>
      <c r="D7477" s="2" t="s">
        <v>106552</v>
      </c>
      <c r="E7477" s="2" t="s">
        <v>16219</v>
      </c>
      <c r="F7477" s="8">
        <v>247</v>
      </c>
      <c r="G7477" s="5">
        <v>6</v>
      </c>
      <c r="H7477" s="5" t="s">
        <v>1518</v>
      </c>
      <c r="I7477" s="5" t="s">
        <v>69038</v>
      </c>
      <c r="J7477" s="2" t="s">
        <v>69039</v>
      </c>
      <c r="K7477" s="5" t="s">
        <v>69038</v>
      </c>
      <c r="L7477" s="2" t="s">
        <v>69039</v>
      </c>
      <c r="M7477" s="5" t="s">
        <v>1521</v>
      </c>
      <c r="N7477" s="5" t="s">
        <v>38</v>
      </c>
      <c r="O7477" s="5" t="s">
        <v>39</v>
      </c>
      <c r="P7477" s="5" t="s">
        <v>40</v>
      </c>
      <c r="Q7477" s="5" t="s">
        <v>1522</v>
      </c>
      <c r="R7477" s="5" t="s">
        <v>1523</v>
      </c>
      <c r="S7477" s="5" t="s">
        <v>42</v>
      </c>
      <c r="T7477" s="2">
        <v>2.3679999999999999</v>
      </c>
      <c r="U7477" s="2">
        <v>1.8959999999999999</v>
      </c>
      <c r="V7477" s="2">
        <v>16.7</v>
      </c>
      <c r="W7477" s="2">
        <v>82.9</v>
      </c>
      <c r="X7477" s="2">
        <v>7.6</v>
      </c>
      <c r="Y7477" s="2">
        <v>16.7</v>
      </c>
      <c r="Z7477" s="5"/>
      <c r="AA7477" s="5" t="s">
        <v>43</v>
      </c>
      <c r="AB7477" s="5" t="s">
        <v>44</v>
      </c>
      <c r="AC7477" s="2"/>
      <c r="AD7477" s="1"/>
    </row>
    <row r="7478" spans="1:30">
      <c r="A7478" s="5" t="s">
        <v>83578</v>
      </c>
      <c r="B7478" s="2" t="s">
        <v>106553</v>
      </c>
      <c r="C7478" s="14" t="s">
        <v>106554</v>
      </c>
      <c r="D7478" s="2" t="s">
        <v>106555</v>
      </c>
      <c r="E7478" s="2" t="s">
        <v>7212</v>
      </c>
      <c r="F7478" s="8">
        <v>232</v>
      </c>
      <c r="G7478" s="5">
        <v>6</v>
      </c>
      <c r="H7478" s="5" t="s">
        <v>1518</v>
      </c>
      <c r="I7478" s="5" t="s">
        <v>69038</v>
      </c>
      <c r="J7478" s="2" t="s">
        <v>69039</v>
      </c>
      <c r="K7478" s="5" t="s">
        <v>69038</v>
      </c>
      <c r="L7478" s="2" t="s">
        <v>69039</v>
      </c>
      <c r="M7478" s="5" t="s">
        <v>1521</v>
      </c>
      <c r="N7478" s="5" t="s">
        <v>38</v>
      </c>
      <c r="O7478" s="5" t="s">
        <v>39</v>
      </c>
      <c r="P7478" s="5" t="s">
        <v>40</v>
      </c>
      <c r="Q7478" s="5" t="s">
        <v>1522</v>
      </c>
      <c r="R7478" s="5" t="s">
        <v>1523</v>
      </c>
      <c r="S7478" s="5" t="s">
        <v>42</v>
      </c>
      <c r="T7478" s="2">
        <v>2.306</v>
      </c>
      <c r="U7478" s="2">
        <v>1.8340000000000001</v>
      </c>
      <c r="V7478" s="2">
        <v>16.7</v>
      </c>
      <c r="W7478" s="2">
        <v>82.9</v>
      </c>
      <c r="X7478" s="2">
        <v>7.6</v>
      </c>
      <c r="Y7478" s="2">
        <v>16.7</v>
      </c>
      <c r="Z7478" s="5"/>
      <c r="AA7478" s="5" t="s">
        <v>43</v>
      </c>
      <c r="AB7478" s="5" t="s">
        <v>44</v>
      </c>
      <c r="AC7478" s="2"/>
      <c r="AD7478" s="1"/>
    </row>
    <row r="7479" spans="1:30">
      <c r="A7479" s="5" t="s">
        <v>83578</v>
      </c>
      <c r="B7479" s="2" t="s">
        <v>106556</v>
      </c>
      <c r="C7479" s="14" t="s">
        <v>106557</v>
      </c>
      <c r="D7479" s="2" t="s">
        <v>106558</v>
      </c>
      <c r="E7479" s="2" t="s">
        <v>7528</v>
      </c>
      <c r="F7479" s="8">
        <v>232</v>
      </c>
      <c r="G7479" s="5">
        <v>6</v>
      </c>
      <c r="H7479" s="5" t="s">
        <v>1518</v>
      </c>
      <c r="I7479" s="5" t="s">
        <v>69038</v>
      </c>
      <c r="J7479" s="2" t="s">
        <v>69039</v>
      </c>
      <c r="K7479" s="5" t="s">
        <v>69038</v>
      </c>
      <c r="L7479" s="2" t="s">
        <v>69039</v>
      </c>
      <c r="M7479" s="5" t="s">
        <v>1521</v>
      </c>
      <c r="N7479" s="5" t="s">
        <v>38</v>
      </c>
      <c r="O7479" s="5" t="s">
        <v>39</v>
      </c>
      <c r="P7479" s="5" t="s">
        <v>40</v>
      </c>
      <c r="Q7479" s="5" t="s">
        <v>1522</v>
      </c>
      <c r="R7479" s="5" t="s">
        <v>1523</v>
      </c>
      <c r="S7479" s="5" t="s">
        <v>42</v>
      </c>
      <c r="T7479" s="2">
        <v>2.3679999999999999</v>
      </c>
      <c r="U7479" s="2">
        <v>1.8959999999999999</v>
      </c>
      <c r="V7479" s="2">
        <v>16.7</v>
      </c>
      <c r="W7479" s="2">
        <v>82.9</v>
      </c>
      <c r="X7479" s="2">
        <v>7.6</v>
      </c>
      <c r="Y7479" s="2">
        <v>16.7</v>
      </c>
      <c r="Z7479" s="5"/>
      <c r="AA7479" s="5" t="s">
        <v>43</v>
      </c>
      <c r="AB7479" s="5" t="s">
        <v>44</v>
      </c>
      <c r="AC7479" s="2"/>
      <c r="AD7479" s="1"/>
    </row>
    <row r="7480" spans="1:30">
      <c r="A7480" s="5" t="s">
        <v>83578</v>
      </c>
      <c r="B7480" s="2" t="s">
        <v>106559</v>
      </c>
      <c r="C7480" s="14" t="s">
        <v>106560</v>
      </c>
      <c r="D7480" s="2" t="s">
        <v>106561</v>
      </c>
      <c r="E7480" s="2" t="s">
        <v>7547</v>
      </c>
      <c r="F7480" s="8">
        <v>259</v>
      </c>
      <c r="G7480" s="5">
        <v>6</v>
      </c>
      <c r="H7480" s="5" t="s">
        <v>1518</v>
      </c>
      <c r="I7480" s="5" t="s">
        <v>69038</v>
      </c>
      <c r="J7480" s="2" t="s">
        <v>69039</v>
      </c>
      <c r="K7480" s="5" t="s">
        <v>69038</v>
      </c>
      <c r="L7480" s="2" t="s">
        <v>69039</v>
      </c>
      <c r="M7480" s="5" t="s">
        <v>1521</v>
      </c>
      <c r="N7480" s="5" t="s">
        <v>38</v>
      </c>
      <c r="O7480" s="5" t="s">
        <v>39</v>
      </c>
      <c r="P7480" s="5" t="s">
        <v>40</v>
      </c>
      <c r="Q7480" s="5" t="s">
        <v>1522</v>
      </c>
      <c r="R7480" s="5" t="s">
        <v>1523</v>
      </c>
      <c r="S7480" s="5" t="s">
        <v>42</v>
      </c>
      <c r="T7480" s="2">
        <v>2.54</v>
      </c>
      <c r="U7480" s="2">
        <v>1.9890000000000001</v>
      </c>
      <c r="V7480" s="2">
        <v>16.7</v>
      </c>
      <c r="W7480" s="2">
        <v>99.1</v>
      </c>
      <c r="X7480" s="2">
        <v>7.6</v>
      </c>
      <c r="Y7480" s="2">
        <v>16.7</v>
      </c>
      <c r="Z7480" s="5"/>
      <c r="AA7480" s="5" t="s">
        <v>43</v>
      </c>
      <c r="AB7480" s="5" t="s">
        <v>44</v>
      </c>
      <c r="AC7480" s="2"/>
      <c r="AD7480" s="1"/>
    </row>
    <row r="7481" spans="1:30">
      <c r="A7481" s="5" t="s">
        <v>83578</v>
      </c>
      <c r="B7481" s="2" t="s">
        <v>106562</v>
      </c>
      <c r="C7481" s="14" t="s">
        <v>106563</v>
      </c>
      <c r="D7481" s="2" t="s">
        <v>106564</v>
      </c>
      <c r="E7481" s="2" t="s">
        <v>7551</v>
      </c>
      <c r="F7481" s="8">
        <v>259</v>
      </c>
      <c r="G7481" s="5">
        <v>6</v>
      </c>
      <c r="H7481" s="5" t="s">
        <v>1518</v>
      </c>
      <c r="I7481" s="5" t="s">
        <v>69038</v>
      </c>
      <c r="J7481" s="2" t="s">
        <v>69039</v>
      </c>
      <c r="K7481" s="5" t="s">
        <v>69038</v>
      </c>
      <c r="L7481" s="2" t="s">
        <v>69039</v>
      </c>
      <c r="M7481" s="5" t="s">
        <v>1521</v>
      </c>
      <c r="N7481" s="5" t="s">
        <v>38</v>
      </c>
      <c r="O7481" s="5" t="s">
        <v>39</v>
      </c>
      <c r="P7481" s="5" t="s">
        <v>40</v>
      </c>
      <c r="Q7481" s="5" t="s">
        <v>1522</v>
      </c>
      <c r="R7481" s="5" t="s">
        <v>1523</v>
      </c>
      <c r="S7481" s="5" t="s">
        <v>42</v>
      </c>
      <c r="T7481" s="2">
        <v>2.613</v>
      </c>
      <c r="U7481" s="2">
        <v>2.0619999999999998</v>
      </c>
      <c r="V7481" s="2">
        <v>16.7</v>
      </c>
      <c r="W7481" s="2">
        <v>99.1</v>
      </c>
      <c r="X7481" s="2">
        <v>7.6</v>
      </c>
      <c r="Y7481" s="2">
        <v>16.7</v>
      </c>
      <c r="Z7481" s="5"/>
      <c r="AA7481" s="5" t="s">
        <v>43</v>
      </c>
      <c r="AB7481" s="5" t="s">
        <v>44</v>
      </c>
      <c r="AC7481" s="2"/>
      <c r="AD7481" s="1"/>
    </row>
    <row r="7482" spans="1:30">
      <c r="A7482" s="5" t="s">
        <v>83578</v>
      </c>
      <c r="B7482" s="2" t="s">
        <v>106565</v>
      </c>
      <c r="C7482" s="14" t="s">
        <v>106566</v>
      </c>
      <c r="D7482" s="2" t="s">
        <v>106567</v>
      </c>
      <c r="E7482" s="2" t="s">
        <v>7567</v>
      </c>
      <c r="F7482" s="8">
        <v>259</v>
      </c>
      <c r="G7482" s="5">
        <v>6</v>
      </c>
      <c r="H7482" s="5" t="s">
        <v>1518</v>
      </c>
      <c r="I7482" s="5" t="s">
        <v>69038</v>
      </c>
      <c r="J7482" s="2" t="s">
        <v>69039</v>
      </c>
      <c r="K7482" s="5" t="s">
        <v>69038</v>
      </c>
      <c r="L7482" s="2" t="s">
        <v>69039</v>
      </c>
      <c r="M7482" s="5" t="s">
        <v>1521</v>
      </c>
      <c r="N7482" s="5" t="s">
        <v>38</v>
      </c>
      <c r="O7482" s="5" t="s">
        <v>39</v>
      </c>
      <c r="P7482" s="5" t="s">
        <v>40</v>
      </c>
      <c r="Q7482" s="5" t="s">
        <v>1522</v>
      </c>
      <c r="R7482" s="5" t="s">
        <v>1523</v>
      </c>
      <c r="S7482" s="5" t="s">
        <v>42</v>
      </c>
      <c r="T7482" s="2">
        <v>2.613</v>
      </c>
      <c r="U7482" s="2">
        <v>2.0619999999999998</v>
      </c>
      <c r="V7482" s="2">
        <v>16.7</v>
      </c>
      <c r="W7482" s="2">
        <v>99.1</v>
      </c>
      <c r="X7482" s="2">
        <v>7.6</v>
      </c>
      <c r="Y7482" s="2">
        <v>16.7</v>
      </c>
      <c r="Z7482" s="5"/>
      <c r="AA7482" s="5" t="s">
        <v>43</v>
      </c>
      <c r="AB7482" s="5" t="s">
        <v>44</v>
      </c>
      <c r="AC7482" s="2"/>
      <c r="AD7482" s="1"/>
    </row>
    <row r="7483" spans="1:30">
      <c r="A7483" s="5" t="s">
        <v>83578</v>
      </c>
      <c r="B7483" s="2" t="s">
        <v>106568</v>
      </c>
      <c r="C7483" s="14" t="s">
        <v>106569</v>
      </c>
      <c r="D7483" s="2" t="s">
        <v>106570</v>
      </c>
      <c r="E7483" s="2" t="s">
        <v>7555</v>
      </c>
      <c r="F7483" s="8">
        <v>259</v>
      </c>
      <c r="G7483" s="5">
        <v>6</v>
      </c>
      <c r="H7483" s="5" t="s">
        <v>1518</v>
      </c>
      <c r="I7483" s="5" t="s">
        <v>69038</v>
      </c>
      <c r="J7483" s="2" t="s">
        <v>69039</v>
      </c>
      <c r="K7483" s="5" t="s">
        <v>69038</v>
      </c>
      <c r="L7483" s="2" t="s">
        <v>69039</v>
      </c>
      <c r="M7483" s="5" t="s">
        <v>1521</v>
      </c>
      <c r="N7483" s="5" t="s">
        <v>38</v>
      </c>
      <c r="O7483" s="5" t="s">
        <v>39</v>
      </c>
      <c r="P7483" s="5" t="s">
        <v>40</v>
      </c>
      <c r="Q7483" s="5" t="s">
        <v>1522</v>
      </c>
      <c r="R7483" s="5" t="s">
        <v>1523</v>
      </c>
      <c r="S7483" s="5" t="s">
        <v>42</v>
      </c>
      <c r="T7483" s="2">
        <v>2.54</v>
      </c>
      <c r="U7483" s="2">
        <v>1.9890000000000001</v>
      </c>
      <c r="V7483" s="2">
        <v>16.7</v>
      </c>
      <c r="W7483" s="2">
        <v>99.1</v>
      </c>
      <c r="X7483" s="2">
        <v>7.6</v>
      </c>
      <c r="Y7483" s="2">
        <v>16.7</v>
      </c>
      <c r="Z7483" s="5"/>
      <c r="AA7483" s="5" t="s">
        <v>43</v>
      </c>
      <c r="AB7483" s="5" t="s">
        <v>44</v>
      </c>
      <c r="AC7483" s="2"/>
      <c r="AD7483" s="1"/>
    </row>
    <row r="7484" spans="1:30">
      <c r="A7484" s="5" t="s">
        <v>83578</v>
      </c>
      <c r="B7484" s="2" t="s">
        <v>106571</v>
      </c>
      <c r="C7484" s="14" t="s">
        <v>106572</v>
      </c>
      <c r="D7484" s="2" t="s">
        <v>106573</v>
      </c>
      <c r="E7484" s="2" t="s">
        <v>7559</v>
      </c>
      <c r="F7484" s="8">
        <v>259</v>
      </c>
      <c r="G7484" s="5">
        <v>6</v>
      </c>
      <c r="H7484" s="5" t="s">
        <v>1518</v>
      </c>
      <c r="I7484" s="5" t="s">
        <v>69038</v>
      </c>
      <c r="J7484" s="2" t="s">
        <v>69039</v>
      </c>
      <c r="K7484" s="5" t="s">
        <v>69038</v>
      </c>
      <c r="L7484" s="2" t="s">
        <v>69039</v>
      </c>
      <c r="M7484" s="5" t="s">
        <v>1521</v>
      </c>
      <c r="N7484" s="5" t="s">
        <v>38</v>
      </c>
      <c r="O7484" s="5" t="s">
        <v>39</v>
      </c>
      <c r="P7484" s="5" t="s">
        <v>40</v>
      </c>
      <c r="Q7484" s="5" t="s">
        <v>1522</v>
      </c>
      <c r="R7484" s="5" t="s">
        <v>1523</v>
      </c>
      <c r="S7484" s="5" t="s">
        <v>42</v>
      </c>
      <c r="T7484" s="2">
        <v>2.613</v>
      </c>
      <c r="U7484" s="2">
        <v>2.0619999999999998</v>
      </c>
      <c r="V7484" s="2">
        <v>16.7</v>
      </c>
      <c r="W7484" s="2">
        <v>99.1</v>
      </c>
      <c r="X7484" s="2">
        <v>7.6</v>
      </c>
      <c r="Y7484" s="2">
        <v>16.7</v>
      </c>
      <c r="Z7484" s="5"/>
      <c r="AA7484" s="5" t="s">
        <v>43</v>
      </c>
      <c r="AB7484" s="5" t="s">
        <v>44</v>
      </c>
      <c r="AC7484" s="2"/>
      <c r="AD7484" s="1"/>
    </row>
    <row r="7485" spans="1:30">
      <c r="A7485" s="5" t="s">
        <v>83578</v>
      </c>
      <c r="B7485" s="2" t="s">
        <v>106574</v>
      </c>
      <c r="C7485" s="14" t="s">
        <v>106575</v>
      </c>
      <c r="D7485" s="2" t="s">
        <v>106576</v>
      </c>
      <c r="E7485" s="2" t="s">
        <v>7581</v>
      </c>
      <c r="F7485" s="8">
        <v>259</v>
      </c>
      <c r="G7485" s="5">
        <v>6</v>
      </c>
      <c r="H7485" s="5" t="s">
        <v>1518</v>
      </c>
      <c r="I7485" s="5" t="s">
        <v>69038</v>
      </c>
      <c r="J7485" s="2" t="s">
        <v>69039</v>
      </c>
      <c r="K7485" s="5" t="s">
        <v>69038</v>
      </c>
      <c r="L7485" s="2" t="s">
        <v>69039</v>
      </c>
      <c r="M7485" s="5" t="s">
        <v>1521</v>
      </c>
      <c r="N7485" s="5" t="s">
        <v>38</v>
      </c>
      <c r="O7485" s="5" t="s">
        <v>39</v>
      </c>
      <c r="P7485" s="5" t="s">
        <v>40</v>
      </c>
      <c r="Q7485" s="5" t="s">
        <v>1522</v>
      </c>
      <c r="R7485" s="5" t="s">
        <v>1523</v>
      </c>
      <c r="S7485" s="5" t="s">
        <v>42</v>
      </c>
      <c r="T7485" s="2">
        <v>2.613</v>
      </c>
      <c r="U7485" s="2">
        <v>2.0619999999999998</v>
      </c>
      <c r="V7485" s="2">
        <v>16.7</v>
      </c>
      <c r="W7485" s="2">
        <v>99.1</v>
      </c>
      <c r="X7485" s="2">
        <v>7.6</v>
      </c>
      <c r="Y7485" s="2">
        <v>16.7</v>
      </c>
      <c r="Z7485" s="5"/>
      <c r="AA7485" s="5" t="s">
        <v>43</v>
      </c>
      <c r="AB7485" s="5" t="s">
        <v>44</v>
      </c>
      <c r="AC7485" s="2"/>
      <c r="AD7485" s="1"/>
    </row>
    <row r="7486" spans="1:30">
      <c r="A7486" s="5" t="s">
        <v>83578</v>
      </c>
      <c r="B7486" s="2" t="s">
        <v>106577</v>
      </c>
      <c r="C7486" s="14" t="s">
        <v>106578</v>
      </c>
      <c r="D7486" s="2" t="s">
        <v>106579</v>
      </c>
      <c r="E7486" s="2" t="s">
        <v>7593</v>
      </c>
      <c r="F7486" s="8">
        <v>259</v>
      </c>
      <c r="G7486" s="5">
        <v>6</v>
      </c>
      <c r="H7486" s="5" t="s">
        <v>1518</v>
      </c>
      <c r="I7486" s="5" t="s">
        <v>69038</v>
      </c>
      <c r="J7486" s="2" t="s">
        <v>69039</v>
      </c>
      <c r="K7486" s="5" t="s">
        <v>69038</v>
      </c>
      <c r="L7486" s="2" t="s">
        <v>69039</v>
      </c>
      <c r="M7486" s="5" t="s">
        <v>1521</v>
      </c>
      <c r="N7486" s="5" t="s">
        <v>38</v>
      </c>
      <c r="O7486" s="5" t="s">
        <v>39</v>
      </c>
      <c r="P7486" s="5" t="s">
        <v>40</v>
      </c>
      <c r="Q7486" s="5" t="s">
        <v>1522</v>
      </c>
      <c r="R7486" s="5" t="s">
        <v>1523</v>
      </c>
      <c r="S7486" s="5" t="s">
        <v>42</v>
      </c>
      <c r="T7486" s="2">
        <v>2.54</v>
      </c>
      <c r="U7486" s="2">
        <v>1.9890000000000001</v>
      </c>
      <c r="V7486" s="2">
        <v>16.7</v>
      </c>
      <c r="W7486" s="2">
        <v>99.1</v>
      </c>
      <c r="X7486" s="2">
        <v>7.6</v>
      </c>
      <c r="Y7486" s="2">
        <v>16.7</v>
      </c>
      <c r="Z7486" s="5"/>
      <c r="AA7486" s="5" t="s">
        <v>43</v>
      </c>
      <c r="AB7486" s="5" t="s">
        <v>44</v>
      </c>
      <c r="AC7486" s="2"/>
      <c r="AD7486" s="1"/>
    </row>
    <row r="7487" spans="1:30">
      <c r="A7487" s="5" t="s">
        <v>83578</v>
      </c>
      <c r="B7487" s="2" t="s">
        <v>106580</v>
      </c>
      <c r="C7487" s="14" t="s">
        <v>106581</v>
      </c>
      <c r="D7487" s="2" t="s">
        <v>106582</v>
      </c>
      <c r="E7487" s="2" t="s">
        <v>7597</v>
      </c>
      <c r="F7487" s="8">
        <v>259</v>
      </c>
      <c r="G7487" s="5">
        <v>6</v>
      </c>
      <c r="H7487" s="5" t="s">
        <v>1518</v>
      </c>
      <c r="I7487" s="5" t="s">
        <v>69038</v>
      </c>
      <c r="J7487" s="2" t="s">
        <v>69039</v>
      </c>
      <c r="K7487" s="5" t="s">
        <v>69038</v>
      </c>
      <c r="L7487" s="2" t="s">
        <v>69039</v>
      </c>
      <c r="M7487" s="5" t="s">
        <v>1521</v>
      </c>
      <c r="N7487" s="5" t="s">
        <v>38</v>
      </c>
      <c r="O7487" s="5" t="s">
        <v>39</v>
      </c>
      <c r="P7487" s="5" t="s">
        <v>40</v>
      </c>
      <c r="Q7487" s="5" t="s">
        <v>1522</v>
      </c>
      <c r="R7487" s="5" t="s">
        <v>1523</v>
      </c>
      <c r="S7487" s="5" t="s">
        <v>42</v>
      </c>
      <c r="T7487" s="2">
        <v>2.613</v>
      </c>
      <c r="U7487" s="2">
        <v>2.0619999999999998</v>
      </c>
      <c r="V7487" s="2">
        <v>16.7</v>
      </c>
      <c r="W7487" s="2">
        <v>99.1</v>
      </c>
      <c r="X7487" s="2">
        <v>7.6</v>
      </c>
      <c r="Y7487" s="2">
        <v>16.7</v>
      </c>
      <c r="Z7487" s="5"/>
      <c r="AA7487" s="5" t="s">
        <v>43</v>
      </c>
      <c r="AB7487" s="5" t="s">
        <v>44</v>
      </c>
      <c r="AC7487" s="2"/>
      <c r="AD7487" s="1"/>
    </row>
    <row r="7488" spans="1:30">
      <c r="A7488" s="5" t="s">
        <v>83578</v>
      </c>
      <c r="B7488" s="2" t="s">
        <v>106583</v>
      </c>
      <c r="C7488" s="14" t="s">
        <v>106584</v>
      </c>
      <c r="D7488" s="2" t="s">
        <v>106585</v>
      </c>
      <c r="E7488" s="2" t="s">
        <v>73362</v>
      </c>
      <c r="F7488" s="8">
        <v>259</v>
      </c>
      <c r="G7488" s="5">
        <v>6</v>
      </c>
      <c r="H7488" s="5" t="s">
        <v>1518</v>
      </c>
      <c r="I7488" s="5" t="s">
        <v>69038</v>
      </c>
      <c r="J7488" s="2" t="s">
        <v>69039</v>
      </c>
      <c r="K7488" s="5" t="s">
        <v>69038</v>
      </c>
      <c r="L7488" s="2" t="s">
        <v>69039</v>
      </c>
      <c r="M7488" s="5" t="s">
        <v>1521</v>
      </c>
      <c r="N7488" s="5" t="s">
        <v>38</v>
      </c>
      <c r="O7488" s="5" t="s">
        <v>39</v>
      </c>
      <c r="P7488" s="5" t="s">
        <v>40</v>
      </c>
      <c r="Q7488" s="5" t="s">
        <v>1522</v>
      </c>
      <c r="R7488" s="5" t="s">
        <v>1523</v>
      </c>
      <c r="S7488" s="5" t="s">
        <v>42</v>
      </c>
      <c r="T7488" s="2">
        <v>2.613</v>
      </c>
      <c r="U7488" s="2">
        <v>2.0619999999999998</v>
      </c>
      <c r="V7488" s="2">
        <v>16.7</v>
      </c>
      <c r="W7488" s="2">
        <v>99.1</v>
      </c>
      <c r="X7488" s="2">
        <v>7.6</v>
      </c>
      <c r="Y7488" s="2">
        <v>16.7</v>
      </c>
      <c r="Z7488" s="5"/>
      <c r="AA7488" s="5" t="s">
        <v>43</v>
      </c>
      <c r="AB7488" s="5" t="s">
        <v>44</v>
      </c>
      <c r="AC7488" s="2"/>
      <c r="AD7488" s="1"/>
    </row>
    <row r="7489" spans="1:30">
      <c r="A7489" s="5" t="s">
        <v>83578</v>
      </c>
      <c r="B7489" s="2" t="s">
        <v>106586</v>
      </c>
      <c r="C7489" s="14" t="s">
        <v>106587</v>
      </c>
      <c r="D7489" s="2" t="s">
        <v>106588</v>
      </c>
      <c r="E7489" s="2" t="s">
        <v>7521</v>
      </c>
      <c r="F7489" s="8">
        <v>246</v>
      </c>
      <c r="G7489" s="5">
        <v>6</v>
      </c>
      <c r="H7489" s="5" t="s">
        <v>1518</v>
      </c>
      <c r="I7489" s="5" t="s">
        <v>69038</v>
      </c>
      <c r="J7489" s="2" t="s">
        <v>69039</v>
      </c>
      <c r="K7489" s="5" t="s">
        <v>69038</v>
      </c>
      <c r="L7489" s="2" t="s">
        <v>69039</v>
      </c>
      <c r="M7489" s="5" t="s">
        <v>1521</v>
      </c>
      <c r="N7489" s="5" t="s">
        <v>38</v>
      </c>
      <c r="O7489" s="5" t="s">
        <v>39</v>
      </c>
      <c r="P7489" s="5" t="s">
        <v>40</v>
      </c>
      <c r="Q7489" s="5" t="s">
        <v>1522</v>
      </c>
      <c r="R7489" s="5" t="s">
        <v>1523</v>
      </c>
      <c r="S7489" s="5" t="s">
        <v>42</v>
      </c>
      <c r="T7489" s="2">
        <v>2.782</v>
      </c>
      <c r="U7489" s="2">
        <v>2.2309999999999999</v>
      </c>
      <c r="V7489" s="2">
        <v>16.7</v>
      </c>
      <c r="W7489" s="2">
        <v>118.9</v>
      </c>
      <c r="X7489" s="2">
        <v>7.6</v>
      </c>
      <c r="Y7489" s="2">
        <v>16.7</v>
      </c>
      <c r="Z7489" s="5"/>
      <c r="AA7489" s="5" t="s">
        <v>43</v>
      </c>
      <c r="AB7489" s="5" t="s">
        <v>44</v>
      </c>
      <c r="AC7489" s="2"/>
      <c r="AD7489" s="1"/>
    </row>
    <row r="7490" spans="1:30">
      <c r="A7490" s="5" t="s">
        <v>83578</v>
      </c>
      <c r="B7490" s="2" t="s">
        <v>106589</v>
      </c>
      <c r="C7490" s="14" t="s">
        <v>106590</v>
      </c>
      <c r="D7490" s="2" t="s">
        <v>106591</v>
      </c>
      <c r="E7490" s="2" t="s">
        <v>7406</v>
      </c>
      <c r="F7490" s="8">
        <v>263</v>
      </c>
      <c r="G7490" s="5">
        <v>6</v>
      </c>
      <c r="H7490" s="5" t="s">
        <v>1518</v>
      </c>
      <c r="I7490" s="5" t="s">
        <v>69038</v>
      </c>
      <c r="J7490" s="2" t="s">
        <v>69039</v>
      </c>
      <c r="K7490" s="5" t="s">
        <v>69038</v>
      </c>
      <c r="L7490" s="2" t="s">
        <v>69039</v>
      </c>
      <c r="M7490" s="5" t="s">
        <v>1521</v>
      </c>
      <c r="N7490" s="5" t="s">
        <v>38</v>
      </c>
      <c r="O7490" s="5" t="s">
        <v>39</v>
      </c>
      <c r="P7490" s="5" t="s">
        <v>40</v>
      </c>
      <c r="Q7490" s="5" t="s">
        <v>1522</v>
      </c>
      <c r="R7490" s="5" t="s">
        <v>1523</v>
      </c>
      <c r="S7490" s="5" t="s">
        <v>42</v>
      </c>
      <c r="T7490" s="2">
        <v>2.6949999999999998</v>
      </c>
      <c r="U7490" s="2">
        <v>2.1440000000000001</v>
      </c>
      <c r="V7490" s="2">
        <v>16.7</v>
      </c>
      <c r="W7490" s="2">
        <v>118.9</v>
      </c>
      <c r="X7490" s="2">
        <v>7.6</v>
      </c>
      <c r="Y7490" s="2">
        <v>16.7</v>
      </c>
      <c r="Z7490" s="5"/>
      <c r="AA7490" s="5" t="s">
        <v>43</v>
      </c>
      <c r="AB7490" s="5" t="s">
        <v>44</v>
      </c>
      <c r="AC7490" s="2"/>
      <c r="AD7490" s="1"/>
    </row>
    <row r="7491" spans="1:30">
      <c r="A7491" s="5" t="s">
        <v>83578</v>
      </c>
      <c r="B7491" s="2" t="s">
        <v>106592</v>
      </c>
      <c r="C7491" s="14" t="s">
        <v>106593</v>
      </c>
      <c r="D7491" s="2" t="s">
        <v>106594</v>
      </c>
      <c r="E7491" s="2" t="s">
        <v>7535</v>
      </c>
      <c r="F7491" s="8">
        <v>263</v>
      </c>
      <c r="G7491" s="5">
        <v>6</v>
      </c>
      <c r="H7491" s="5" t="s">
        <v>1518</v>
      </c>
      <c r="I7491" s="5" t="s">
        <v>69038</v>
      </c>
      <c r="J7491" s="2" t="s">
        <v>69039</v>
      </c>
      <c r="K7491" s="5" t="s">
        <v>69038</v>
      </c>
      <c r="L7491" s="2" t="s">
        <v>69039</v>
      </c>
      <c r="M7491" s="5" t="s">
        <v>1521</v>
      </c>
      <c r="N7491" s="5" t="s">
        <v>38</v>
      </c>
      <c r="O7491" s="5" t="s">
        <v>39</v>
      </c>
      <c r="P7491" s="5" t="s">
        <v>40</v>
      </c>
      <c r="Q7491" s="5" t="s">
        <v>1522</v>
      </c>
      <c r="R7491" s="5" t="s">
        <v>1523</v>
      </c>
      <c r="S7491" s="5" t="s">
        <v>42</v>
      </c>
      <c r="T7491" s="2">
        <v>2.782</v>
      </c>
      <c r="U7491" s="2">
        <v>2.2309999999999999</v>
      </c>
      <c r="V7491" s="2">
        <v>16.7</v>
      </c>
      <c r="W7491" s="2">
        <v>118.9</v>
      </c>
      <c r="X7491" s="2">
        <v>7.6</v>
      </c>
      <c r="Y7491" s="2">
        <v>16.7</v>
      </c>
      <c r="Z7491" s="5"/>
      <c r="AA7491" s="5" t="s">
        <v>43</v>
      </c>
      <c r="AB7491" s="5" t="s">
        <v>44</v>
      </c>
      <c r="AC7491" s="2"/>
      <c r="AD7491" s="1"/>
    </row>
    <row r="7492" spans="1:30">
      <c r="A7492" s="5" t="s">
        <v>83578</v>
      </c>
      <c r="B7492" s="2" t="s">
        <v>106595</v>
      </c>
      <c r="C7492" s="14" t="s">
        <v>106596</v>
      </c>
      <c r="D7492" s="2" t="s">
        <v>106597</v>
      </c>
      <c r="E7492" s="2" t="s">
        <v>7539</v>
      </c>
      <c r="F7492" s="8">
        <v>263</v>
      </c>
      <c r="G7492" s="5">
        <v>6</v>
      </c>
      <c r="H7492" s="5" t="s">
        <v>1518</v>
      </c>
      <c r="I7492" s="5" t="s">
        <v>69038</v>
      </c>
      <c r="J7492" s="2" t="s">
        <v>69039</v>
      </c>
      <c r="K7492" s="5" t="s">
        <v>69038</v>
      </c>
      <c r="L7492" s="2" t="s">
        <v>69039</v>
      </c>
      <c r="M7492" s="5" t="s">
        <v>1521</v>
      </c>
      <c r="N7492" s="5" t="s">
        <v>38</v>
      </c>
      <c r="O7492" s="5" t="s">
        <v>39</v>
      </c>
      <c r="P7492" s="5" t="s">
        <v>40</v>
      </c>
      <c r="Q7492" s="5" t="s">
        <v>1522</v>
      </c>
      <c r="R7492" s="5" t="s">
        <v>1523</v>
      </c>
      <c r="S7492" s="5" t="s">
        <v>42</v>
      </c>
      <c r="T7492" s="2">
        <v>2.6949999999999998</v>
      </c>
      <c r="U7492" s="2">
        <v>2.1440000000000001</v>
      </c>
      <c r="V7492" s="2">
        <v>16.7</v>
      </c>
      <c r="W7492" s="2">
        <v>118.9</v>
      </c>
      <c r="X7492" s="2">
        <v>7.6</v>
      </c>
      <c r="Y7492" s="2">
        <v>16.7</v>
      </c>
      <c r="Z7492" s="5"/>
      <c r="AA7492" s="5" t="s">
        <v>43</v>
      </c>
      <c r="AB7492" s="5" t="s">
        <v>44</v>
      </c>
      <c r="AC7492" s="2"/>
      <c r="AD7492" s="1"/>
    </row>
    <row r="7493" spans="1:30">
      <c r="A7493" s="5" t="s">
        <v>83578</v>
      </c>
      <c r="B7493" s="2" t="s">
        <v>106598</v>
      </c>
      <c r="C7493" s="14" t="s">
        <v>106599</v>
      </c>
      <c r="D7493" s="2" t="s">
        <v>106600</v>
      </c>
      <c r="E7493" s="2" t="s">
        <v>7543</v>
      </c>
      <c r="F7493" s="8">
        <v>263</v>
      </c>
      <c r="G7493" s="5">
        <v>6</v>
      </c>
      <c r="H7493" s="5" t="s">
        <v>1518</v>
      </c>
      <c r="I7493" s="5" t="s">
        <v>69038</v>
      </c>
      <c r="J7493" s="2" t="s">
        <v>69039</v>
      </c>
      <c r="K7493" s="5" t="s">
        <v>69038</v>
      </c>
      <c r="L7493" s="2" t="s">
        <v>69039</v>
      </c>
      <c r="M7493" s="5" t="s">
        <v>1521</v>
      </c>
      <c r="N7493" s="5" t="s">
        <v>38</v>
      </c>
      <c r="O7493" s="5" t="s">
        <v>39</v>
      </c>
      <c r="P7493" s="5" t="s">
        <v>40</v>
      </c>
      <c r="Q7493" s="5" t="s">
        <v>1522</v>
      </c>
      <c r="R7493" s="5" t="s">
        <v>1523</v>
      </c>
      <c r="S7493" s="5" t="s">
        <v>42</v>
      </c>
      <c r="T7493" s="2">
        <v>2.782</v>
      </c>
      <c r="U7493" s="2">
        <v>2.2309999999999999</v>
      </c>
      <c r="V7493" s="2">
        <v>16.7</v>
      </c>
      <c r="W7493" s="2">
        <v>118.9</v>
      </c>
      <c r="X7493" s="2">
        <v>7.6</v>
      </c>
      <c r="Y7493" s="2">
        <v>16.7</v>
      </c>
      <c r="Z7493" s="5"/>
      <c r="AA7493" s="5" t="s">
        <v>43</v>
      </c>
      <c r="AB7493" s="5" t="s">
        <v>44</v>
      </c>
      <c r="AC7493" s="2"/>
      <c r="AD7493" s="1"/>
    </row>
    <row r="7494" spans="1:30">
      <c r="A7494" s="5" t="s">
        <v>83578</v>
      </c>
      <c r="B7494" s="2" t="s">
        <v>106601</v>
      </c>
      <c r="C7494" s="14" t="s">
        <v>106602</v>
      </c>
      <c r="D7494" s="2" t="s">
        <v>106603</v>
      </c>
      <c r="E7494" s="2" t="s">
        <v>7547</v>
      </c>
      <c r="F7494" s="8">
        <v>263</v>
      </c>
      <c r="G7494" s="5">
        <v>6</v>
      </c>
      <c r="H7494" s="5" t="s">
        <v>1518</v>
      </c>
      <c r="I7494" s="5" t="s">
        <v>69038</v>
      </c>
      <c r="J7494" s="2" t="s">
        <v>69039</v>
      </c>
      <c r="K7494" s="5" t="s">
        <v>69038</v>
      </c>
      <c r="L7494" s="2" t="s">
        <v>69039</v>
      </c>
      <c r="M7494" s="5" t="s">
        <v>1521</v>
      </c>
      <c r="N7494" s="5" t="s">
        <v>38</v>
      </c>
      <c r="O7494" s="5" t="s">
        <v>39</v>
      </c>
      <c r="P7494" s="5" t="s">
        <v>40</v>
      </c>
      <c r="Q7494" s="5" t="s">
        <v>1522</v>
      </c>
      <c r="R7494" s="5" t="s">
        <v>1523</v>
      </c>
      <c r="S7494" s="5" t="s">
        <v>42</v>
      </c>
      <c r="T7494" s="2">
        <v>2.6949999999999998</v>
      </c>
      <c r="U7494" s="2">
        <v>2.1440000000000001</v>
      </c>
      <c r="V7494" s="2">
        <v>16.7</v>
      </c>
      <c r="W7494" s="2">
        <v>118.9</v>
      </c>
      <c r="X7494" s="2">
        <v>7.6</v>
      </c>
      <c r="Y7494" s="2">
        <v>16.7</v>
      </c>
      <c r="Z7494" s="5"/>
      <c r="AA7494" s="5" t="s">
        <v>43</v>
      </c>
      <c r="AB7494" s="5" t="s">
        <v>44</v>
      </c>
      <c r="AC7494" s="2"/>
      <c r="AD7494" s="1"/>
    </row>
    <row r="7495" spans="1:30">
      <c r="A7495" s="5" t="s">
        <v>83578</v>
      </c>
      <c r="B7495" s="2" t="s">
        <v>106604</v>
      </c>
      <c r="C7495" s="14" t="s">
        <v>106605</v>
      </c>
      <c r="D7495" s="2" t="s">
        <v>106606</v>
      </c>
      <c r="E7495" s="2" t="s">
        <v>7551</v>
      </c>
      <c r="F7495" s="8">
        <v>263</v>
      </c>
      <c r="G7495" s="5">
        <v>6</v>
      </c>
      <c r="H7495" s="5" t="s">
        <v>1518</v>
      </c>
      <c r="I7495" s="5" t="s">
        <v>69038</v>
      </c>
      <c r="J7495" s="2" t="s">
        <v>69039</v>
      </c>
      <c r="K7495" s="5" t="s">
        <v>69038</v>
      </c>
      <c r="L7495" s="2" t="s">
        <v>69039</v>
      </c>
      <c r="M7495" s="5" t="s">
        <v>1521</v>
      </c>
      <c r="N7495" s="5" t="s">
        <v>38</v>
      </c>
      <c r="O7495" s="5" t="s">
        <v>39</v>
      </c>
      <c r="P7495" s="5" t="s">
        <v>40</v>
      </c>
      <c r="Q7495" s="5" t="s">
        <v>1522</v>
      </c>
      <c r="R7495" s="5" t="s">
        <v>1523</v>
      </c>
      <c r="S7495" s="5" t="s">
        <v>42</v>
      </c>
      <c r="T7495" s="2">
        <v>2.782</v>
      </c>
      <c r="U7495" s="2">
        <v>2.2309999999999999</v>
      </c>
      <c r="V7495" s="2">
        <v>16.7</v>
      </c>
      <c r="W7495" s="2">
        <v>118.9</v>
      </c>
      <c r="X7495" s="2">
        <v>7.6</v>
      </c>
      <c r="Y7495" s="2">
        <v>16.7</v>
      </c>
      <c r="Z7495" s="5"/>
      <c r="AA7495" s="5" t="s">
        <v>43</v>
      </c>
      <c r="AB7495" s="5" t="s">
        <v>44</v>
      </c>
      <c r="AC7495" s="2"/>
      <c r="AD7495" s="1"/>
    </row>
    <row r="7496" spans="1:30">
      <c r="A7496" s="5" t="s">
        <v>83578</v>
      </c>
      <c r="B7496" s="2" t="s">
        <v>106607</v>
      </c>
      <c r="C7496" s="14" t="s">
        <v>106608</v>
      </c>
      <c r="D7496" s="2" t="s">
        <v>106609</v>
      </c>
      <c r="E7496" s="2" t="s">
        <v>7563</v>
      </c>
      <c r="F7496" s="8">
        <v>263</v>
      </c>
      <c r="G7496" s="5">
        <v>6</v>
      </c>
      <c r="H7496" s="5" t="s">
        <v>1518</v>
      </c>
      <c r="I7496" s="5" t="s">
        <v>69038</v>
      </c>
      <c r="J7496" s="2" t="s">
        <v>69039</v>
      </c>
      <c r="K7496" s="5" t="s">
        <v>69038</v>
      </c>
      <c r="L7496" s="2" t="s">
        <v>69039</v>
      </c>
      <c r="M7496" s="5" t="s">
        <v>1521</v>
      </c>
      <c r="N7496" s="5" t="s">
        <v>38</v>
      </c>
      <c r="O7496" s="5" t="s">
        <v>39</v>
      </c>
      <c r="P7496" s="5" t="s">
        <v>40</v>
      </c>
      <c r="Q7496" s="5" t="s">
        <v>1522</v>
      </c>
      <c r="R7496" s="5" t="s">
        <v>1523</v>
      </c>
      <c r="S7496" s="5" t="s">
        <v>42</v>
      </c>
      <c r="T7496" s="2">
        <v>2.6949999999999998</v>
      </c>
      <c r="U7496" s="2">
        <v>2.1440000000000001</v>
      </c>
      <c r="V7496" s="2">
        <v>16.7</v>
      </c>
      <c r="W7496" s="2">
        <v>118.9</v>
      </c>
      <c r="X7496" s="2">
        <v>7.6</v>
      </c>
      <c r="Y7496" s="2">
        <v>16.7</v>
      </c>
      <c r="Z7496" s="5"/>
      <c r="AA7496" s="5" t="s">
        <v>43</v>
      </c>
      <c r="AB7496" s="5" t="s">
        <v>44</v>
      </c>
      <c r="AC7496" s="2"/>
      <c r="AD7496" s="1"/>
    </row>
    <row r="7497" spans="1:30">
      <c r="A7497" s="5" t="s">
        <v>83578</v>
      </c>
      <c r="B7497" s="2" t="s">
        <v>106610</v>
      </c>
      <c r="C7497" s="14" t="s">
        <v>106611</v>
      </c>
      <c r="D7497" s="2" t="s">
        <v>106612</v>
      </c>
      <c r="E7497" s="2" t="s">
        <v>7567</v>
      </c>
      <c r="F7497" s="8">
        <v>263</v>
      </c>
      <c r="G7497" s="5">
        <v>6</v>
      </c>
      <c r="H7497" s="5" t="s">
        <v>1518</v>
      </c>
      <c r="I7497" s="5" t="s">
        <v>69038</v>
      </c>
      <c r="J7497" s="2" t="s">
        <v>69039</v>
      </c>
      <c r="K7497" s="5" t="s">
        <v>69038</v>
      </c>
      <c r="L7497" s="2" t="s">
        <v>69039</v>
      </c>
      <c r="M7497" s="5" t="s">
        <v>1521</v>
      </c>
      <c r="N7497" s="5" t="s">
        <v>38</v>
      </c>
      <c r="O7497" s="5" t="s">
        <v>39</v>
      </c>
      <c r="P7497" s="5" t="s">
        <v>40</v>
      </c>
      <c r="Q7497" s="5" t="s">
        <v>1522</v>
      </c>
      <c r="R7497" s="5" t="s">
        <v>1523</v>
      </c>
      <c r="S7497" s="5" t="s">
        <v>42</v>
      </c>
      <c r="T7497" s="2">
        <v>2.782</v>
      </c>
      <c r="U7497" s="2">
        <v>2.2309999999999999</v>
      </c>
      <c r="V7497" s="2">
        <v>16.7</v>
      </c>
      <c r="W7497" s="2">
        <v>118.9</v>
      </c>
      <c r="X7497" s="2">
        <v>7.6</v>
      </c>
      <c r="Y7497" s="2">
        <v>16.7</v>
      </c>
      <c r="Z7497" s="5"/>
      <c r="AA7497" s="5" t="s">
        <v>43</v>
      </c>
      <c r="AB7497" s="5" t="s">
        <v>44</v>
      </c>
      <c r="AC7497" s="2"/>
      <c r="AD7497" s="1"/>
    </row>
    <row r="7498" spans="1:30">
      <c r="A7498" s="5" t="s">
        <v>83578</v>
      </c>
      <c r="B7498" s="2" t="s">
        <v>106613</v>
      </c>
      <c r="C7498" s="14" t="s">
        <v>106614</v>
      </c>
      <c r="D7498" s="2" t="s">
        <v>106615</v>
      </c>
      <c r="E7498" s="2" t="s">
        <v>7555</v>
      </c>
      <c r="F7498" s="8">
        <v>263</v>
      </c>
      <c r="G7498" s="5">
        <v>6</v>
      </c>
      <c r="H7498" s="5" t="s">
        <v>1518</v>
      </c>
      <c r="I7498" s="5" t="s">
        <v>69038</v>
      </c>
      <c r="J7498" s="2" t="s">
        <v>69039</v>
      </c>
      <c r="K7498" s="5" t="s">
        <v>69038</v>
      </c>
      <c r="L7498" s="2" t="s">
        <v>69039</v>
      </c>
      <c r="M7498" s="5" t="s">
        <v>1521</v>
      </c>
      <c r="N7498" s="5" t="s">
        <v>38</v>
      </c>
      <c r="O7498" s="5" t="s">
        <v>39</v>
      </c>
      <c r="P7498" s="5" t="s">
        <v>40</v>
      </c>
      <c r="Q7498" s="5" t="s">
        <v>1522</v>
      </c>
      <c r="R7498" s="5" t="s">
        <v>1523</v>
      </c>
      <c r="S7498" s="5" t="s">
        <v>42</v>
      </c>
      <c r="T7498" s="2">
        <v>2.6949999999999998</v>
      </c>
      <c r="U7498" s="2">
        <v>2.1440000000000001</v>
      </c>
      <c r="V7498" s="2">
        <v>16.7</v>
      </c>
      <c r="W7498" s="2">
        <v>118.9</v>
      </c>
      <c r="X7498" s="2">
        <v>7.6</v>
      </c>
      <c r="Y7498" s="2">
        <v>16.7</v>
      </c>
      <c r="Z7498" s="5"/>
      <c r="AA7498" s="5" t="s">
        <v>43</v>
      </c>
      <c r="AB7498" s="5" t="s">
        <v>44</v>
      </c>
      <c r="AC7498" s="2"/>
      <c r="AD7498" s="1"/>
    </row>
    <row r="7499" spans="1:30">
      <c r="A7499" s="5" t="s">
        <v>83578</v>
      </c>
      <c r="B7499" s="2" t="s">
        <v>106616</v>
      </c>
      <c r="C7499" s="14" t="s">
        <v>106617</v>
      </c>
      <c r="D7499" s="2" t="s">
        <v>106618</v>
      </c>
      <c r="E7499" s="2" t="s">
        <v>7559</v>
      </c>
      <c r="F7499" s="8">
        <v>263</v>
      </c>
      <c r="G7499" s="5">
        <v>6</v>
      </c>
      <c r="H7499" s="5" t="s">
        <v>1518</v>
      </c>
      <c r="I7499" s="5" t="s">
        <v>69038</v>
      </c>
      <c r="J7499" s="2" t="s">
        <v>69039</v>
      </c>
      <c r="K7499" s="5" t="s">
        <v>69038</v>
      </c>
      <c r="L7499" s="2" t="s">
        <v>69039</v>
      </c>
      <c r="M7499" s="5" t="s">
        <v>1521</v>
      </c>
      <c r="N7499" s="5" t="s">
        <v>38</v>
      </c>
      <c r="O7499" s="5" t="s">
        <v>39</v>
      </c>
      <c r="P7499" s="5" t="s">
        <v>40</v>
      </c>
      <c r="Q7499" s="5" t="s">
        <v>1522</v>
      </c>
      <c r="R7499" s="5" t="s">
        <v>1523</v>
      </c>
      <c r="S7499" s="5" t="s">
        <v>42</v>
      </c>
      <c r="T7499" s="2">
        <v>2.782</v>
      </c>
      <c r="U7499" s="2">
        <v>2.2309999999999999</v>
      </c>
      <c r="V7499" s="2">
        <v>16.7</v>
      </c>
      <c r="W7499" s="2">
        <v>118.9</v>
      </c>
      <c r="X7499" s="2">
        <v>7.6</v>
      </c>
      <c r="Y7499" s="2">
        <v>16.7</v>
      </c>
      <c r="Z7499" s="5"/>
      <c r="AA7499" s="5" t="s">
        <v>43</v>
      </c>
      <c r="AB7499" s="5" t="s">
        <v>44</v>
      </c>
      <c r="AC7499" s="2"/>
      <c r="AD7499" s="1"/>
    </row>
    <row r="7500" spans="1:30">
      <c r="A7500" s="5" t="s">
        <v>83578</v>
      </c>
      <c r="B7500" s="2" t="s">
        <v>106619</v>
      </c>
      <c r="C7500" s="14" t="s">
        <v>106620</v>
      </c>
      <c r="D7500" s="2" t="s">
        <v>106621</v>
      </c>
      <c r="E7500" s="2" t="s">
        <v>16079</v>
      </c>
      <c r="F7500" s="8">
        <v>263</v>
      </c>
      <c r="G7500" s="5">
        <v>6</v>
      </c>
      <c r="H7500" s="5" t="s">
        <v>1518</v>
      </c>
      <c r="I7500" s="5" t="s">
        <v>69038</v>
      </c>
      <c r="J7500" s="2" t="s">
        <v>69039</v>
      </c>
      <c r="K7500" s="5" t="s">
        <v>69038</v>
      </c>
      <c r="L7500" s="2" t="s">
        <v>69039</v>
      </c>
      <c r="M7500" s="5" t="s">
        <v>1521</v>
      </c>
      <c r="N7500" s="5" t="s">
        <v>38</v>
      </c>
      <c r="O7500" s="5" t="s">
        <v>39</v>
      </c>
      <c r="P7500" s="5" t="s">
        <v>40</v>
      </c>
      <c r="Q7500" s="5" t="s">
        <v>1522</v>
      </c>
      <c r="R7500" s="5" t="s">
        <v>1523</v>
      </c>
      <c r="S7500" s="5" t="s">
        <v>42</v>
      </c>
      <c r="T7500" s="2">
        <v>2.6949999999999998</v>
      </c>
      <c r="U7500" s="2">
        <v>2.1440000000000001</v>
      </c>
      <c r="V7500" s="2">
        <v>16.7</v>
      </c>
      <c r="W7500" s="2">
        <v>118.9</v>
      </c>
      <c r="X7500" s="2">
        <v>7.6</v>
      </c>
      <c r="Y7500" s="2">
        <v>16.7</v>
      </c>
      <c r="Z7500" s="5"/>
      <c r="AA7500" s="5" t="s">
        <v>43</v>
      </c>
      <c r="AB7500" s="5" t="s">
        <v>44</v>
      </c>
      <c r="AC7500" s="2"/>
      <c r="AD7500" s="1"/>
    </row>
    <row r="7501" spans="1:30">
      <c r="A7501" s="5" t="s">
        <v>83578</v>
      </c>
      <c r="B7501" s="2" t="s">
        <v>106622</v>
      </c>
      <c r="C7501" s="14" t="s">
        <v>106623</v>
      </c>
      <c r="D7501" s="2" t="s">
        <v>106624</v>
      </c>
      <c r="E7501" s="2" t="s">
        <v>16194</v>
      </c>
      <c r="F7501" s="8">
        <v>263</v>
      </c>
      <c r="G7501" s="5">
        <v>6</v>
      </c>
      <c r="H7501" s="5" t="s">
        <v>1518</v>
      </c>
      <c r="I7501" s="5" t="s">
        <v>69038</v>
      </c>
      <c r="J7501" s="2" t="s">
        <v>69039</v>
      </c>
      <c r="K7501" s="5" t="s">
        <v>69038</v>
      </c>
      <c r="L7501" s="2" t="s">
        <v>69039</v>
      </c>
      <c r="M7501" s="5" t="s">
        <v>1521</v>
      </c>
      <c r="N7501" s="5" t="s">
        <v>38</v>
      </c>
      <c r="O7501" s="5" t="s">
        <v>39</v>
      </c>
      <c r="P7501" s="5" t="s">
        <v>40</v>
      </c>
      <c r="Q7501" s="5" t="s">
        <v>1522</v>
      </c>
      <c r="R7501" s="5" t="s">
        <v>1523</v>
      </c>
      <c r="S7501" s="5" t="s">
        <v>42</v>
      </c>
      <c r="T7501" s="2">
        <v>2.782</v>
      </c>
      <c r="U7501" s="2">
        <v>2.2309999999999999</v>
      </c>
      <c r="V7501" s="2">
        <v>16.7</v>
      </c>
      <c r="W7501" s="2">
        <v>118.9</v>
      </c>
      <c r="X7501" s="2">
        <v>7.6</v>
      </c>
      <c r="Y7501" s="2">
        <v>16.7</v>
      </c>
      <c r="Z7501" s="5"/>
      <c r="AA7501" s="5" t="s">
        <v>43</v>
      </c>
      <c r="AB7501" s="5" t="s">
        <v>44</v>
      </c>
      <c r="AC7501" s="2"/>
      <c r="AD7501" s="1"/>
    </row>
    <row r="7502" spans="1:30">
      <c r="A7502" s="5" t="s">
        <v>83578</v>
      </c>
      <c r="B7502" s="2" t="s">
        <v>106625</v>
      </c>
      <c r="C7502" s="14" t="s">
        <v>106626</v>
      </c>
      <c r="D7502" s="2" t="s">
        <v>106627</v>
      </c>
      <c r="E7502" s="2" t="s">
        <v>7449</v>
      </c>
      <c r="F7502" s="8">
        <v>263</v>
      </c>
      <c r="G7502" s="5">
        <v>6</v>
      </c>
      <c r="H7502" s="5" t="s">
        <v>1518</v>
      </c>
      <c r="I7502" s="5" t="s">
        <v>69038</v>
      </c>
      <c r="J7502" s="2" t="s">
        <v>69039</v>
      </c>
      <c r="K7502" s="5" t="s">
        <v>69038</v>
      </c>
      <c r="L7502" s="2" t="s">
        <v>69039</v>
      </c>
      <c r="M7502" s="5" t="s">
        <v>1521</v>
      </c>
      <c r="N7502" s="5" t="s">
        <v>38</v>
      </c>
      <c r="O7502" s="5" t="s">
        <v>39</v>
      </c>
      <c r="P7502" s="5" t="s">
        <v>40</v>
      </c>
      <c r="Q7502" s="5" t="s">
        <v>1522</v>
      </c>
      <c r="R7502" s="5" t="s">
        <v>1523</v>
      </c>
      <c r="S7502" s="5" t="s">
        <v>42</v>
      </c>
      <c r="T7502" s="2">
        <v>2.6949999999999998</v>
      </c>
      <c r="U7502" s="2">
        <v>2.1440000000000001</v>
      </c>
      <c r="V7502" s="2">
        <v>16.7</v>
      </c>
      <c r="W7502" s="2">
        <v>118.9</v>
      </c>
      <c r="X7502" s="2">
        <v>7.6</v>
      </c>
      <c r="Y7502" s="2">
        <v>16.7</v>
      </c>
      <c r="Z7502" s="5"/>
      <c r="AA7502" s="5" t="s">
        <v>43</v>
      </c>
      <c r="AB7502" s="5" t="s">
        <v>44</v>
      </c>
      <c r="AC7502" s="2"/>
      <c r="AD7502" s="1"/>
    </row>
    <row r="7503" spans="1:30">
      <c r="A7503" s="5" t="s">
        <v>83578</v>
      </c>
      <c r="B7503" s="2" t="s">
        <v>106628</v>
      </c>
      <c r="C7503" s="14" t="s">
        <v>106629</v>
      </c>
      <c r="D7503" s="2" t="s">
        <v>106630</v>
      </c>
      <c r="E7503" s="2" t="s">
        <v>7581</v>
      </c>
      <c r="F7503" s="8">
        <v>263</v>
      </c>
      <c r="G7503" s="5">
        <v>6</v>
      </c>
      <c r="H7503" s="5" t="s">
        <v>1518</v>
      </c>
      <c r="I7503" s="5" t="s">
        <v>69038</v>
      </c>
      <c r="J7503" s="2" t="s">
        <v>69039</v>
      </c>
      <c r="K7503" s="5" t="s">
        <v>69038</v>
      </c>
      <c r="L7503" s="2" t="s">
        <v>69039</v>
      </c>
      <c r="M7503" s="5" t="s">
        <v>1521</v>
      </c>
      <c r="N7503" s="5" t="s">
        <v>38</v>
      </c>
      <c r="O7503" s="5" t="s">
        <v>39</v>
      </c>
      <c r="P7503" s="5" t="s">
        <v>40</v>
      </c>
      <c r="Q7503" s="5" t="s">
        <v>1522</v>
      </c>
      <c r="R7503" s="5" t="s">
        <v>1523</v>
      </c>
      <c r="S7503" s="5" t="s">
        <v>42</v>
      </c>
      <c r="T7503" s="2">
        <v>2.782</v>
      </c>
      <c r="U7503" s="2">
        <v>2.2309999999999999</v>
      </c>
      <c r="V7503" s="2">
        <v>16.7</v>
      </c>
      <c r="W7503" s="2">
        <v>118.9</v>
      </c>
      <c r="X7503" s="2">
        <v>7.6</v>
      </c>
      <c r="Y7503" s="2">
        <v>16.7</v>
      </c>
      <c r="Z7503" s="5"/>
      <c r="AA7503" s="5" t="s">
        <v>43</v>
      </c>
      <c r="AB7503" s="5" t="s">
        <v>44</v>
      </c>
      <c r="AC7503" s="2"/>
      <c r="AD7503" s="1"/>
    </row>
    <row r="7504" spans="1:30">
      <c r="A7504" s="5" t="s">
        <v>83578</v>
      </c>
      <c r="B7504" s="2" t="s">
        <v>106631</v>
      </c>
      <c r="C7504" s="14" t="s">
        <v>106632</v>
      </c>
      <c r="D7504" s="2" t="s">
        <v>106633</v>
      </c>
      <c r="E7504" s="2" t="s">
        <v>7585</v>
      </c>
      <c r="F7504" s="8">
        <v>263</v>
      </c>
      <c r="G7504" s="5">
        <v>6</v>
      </c>
      <c r="H7504" s="5" t="s">
        <v>1518</v>
      </c>
      <c r="I7504" s="5" t="s">
        <v>69038</v>
      </c>
      <c r="J7504" s="2" t="s">
        <v>69039</v>
      </c>
      <c r="K7504" s="5" t="s">
        <v>69038</v>
      </c>
      <c r="L7504" s="2" t="s">
        <v>69039</v>
      </c>
      <c r="M7504" s="5" t="s">
        <v>1521</v>
      </c>
      <c r="N7504" s="5" t="s">
        <v>38</v>
      </c>
      <c r="O7504" s="5" t="s">
        <v>39</v>
      </c>
      <c r="P7504" s="5" t="s">
        <v>40</v>
      </c>
      <c r="Q7504" s="5" t="s">
        <v>1522</v>
      </c>
      <c r="R7504" s="5" t="s">
        <v>1523</v>
      </c>
      <c r="S7504" s="5" t="s">
        <v>42</v>
      </c>
      <c r="T7504" s="2">
        <v>2.6949999999999998</v>
      </c>
      <c r="U7504" s="2">
        <v>2.1440000000000001</v>
      </c>
      <c r="V7504" s="2">
        <v>16.7</v>
      </c>
      <c r="W7504" s="2">
        <v>118.9</v>
      </c>
      <c r="X7504" s="2">
        <v>7.6</v>
      </c>
      <c r="Y7504" s="2">
        <v>16.7</v>
      </c>
      <c r="Z7504" s="5"/>
      <c r="AA7504" s="5" t="s">
        <v>43</v>
      </c>
      <c r="AB7504" s="5" t="s">
        <v>44</v>
      </c>
      <c r="AC7504" s="2"/>
      <c r="AD7504" s="1"/>
    </row>
    <row r="7505" spans="1:30">
      <c r="A7505" s="5" t="s">
        <v>83578</v>
      </c>
      <c r="B7505" s="2" t="s">
        <v>106634</v>
      </c>
      <c r="C7505" s="14" t="s">
        <v>106635</v>
      </c>
      <c r="D7505" s="2" t="s">
        <v>106636</v>
      </c>
      <c r="E7505" s="2" t="s">
        <v>7589</v>
      </c>
      <c r="F7505" s="8">
        <v>263</v>
      </c>
      <c r="G7505" s="5">
        <v>6</v>
      </c>
      <c r="H7505" s="5" t="s">
        <v>1518</v>
      </c>
      <c r="I7505" s="5" t="s">
        <v>69038</v>
      </c>
      <c r="J7505" s="2" t="s">
        <v>69039</v>
      </c>
      <c r="K7505" s="5" t="s">
        <v>69038</v>
      </c>
      <c r="L7505" s="2" t="s">
        <v>69039</v>
      </c>
      <c r="M7505" s="5" t="s">
        <v>1521</v>
      </c>
      <c r="N7505" s="5" t="s">
        <v>38</v>
      </c>
      <c r="O7505" s="5" t="s">
        <v>39</v>
      </c>
      <c r="P7505" s="5" t="s">
        <v>40</v>
      </c>
      <c r="Q7505" s="5" t="s">
        <v>1522</v>
      </c>
      <c r="R7505" s="5" t="s">
        <v>1523</v>
      </c>
      <c r="S7505" s="5" t="s">
        <v>42</v>
      </c>
      <c r="T7505" s="2">
        <v>2.782</v>
      </c>
      <c r="U7505" s="2">
        <v>2.2309999999999999</v>
      </c>
      <c r="V7505" s="2">
        <v>16.7</v>
      </c>
      <c r="W7505" s="2">
        <v>118.9</v>
      </c>
      <c r="X7505" s="2">
        <v>7.6</v>
      </c>
      <c r="Y7505" s="2">
        <v>16.7</v>
      </c>
      <c r="Z7505" s="5"/>
      <c r="AA7505" s="5" t="s">
        <v>43</v>
      </c>
      <c r="AB7505" s="5" t="s">
        <v>44</v>
      </c>
      <c r="AC7505" s="2"/>
      <c r="AD7505" s="1"/>
    </row>
    <row r="7506" spans="1:30">
      <c r="A7506" s="5" t="s">
        <v>83578</v>
      </c>
      <c r="B7506" s="2" t="s">
        <v>106637</v>
      </c>
      <c r="C7506" s="14" t="s">
        <v>106638</v>
      </c>
      <c r="D7506" s="2" t="s">
        <v>106639</v>
      </c>
      <c r="E7506" s="2" t="s">
        <v>7593</v>
      </c>
      <c r="F7506" s="8">
        <v>263</v>
      </c>
      <c r="G7506" s="5">
        <v>6</v>
      </c>
      <c r="H7506" s="5" t="s">
        <v>1518</v>
      </c>
      <c r="I7506" s="5" t="s">
        <v>69038</v>
      </c>
      <c r="J7506" s="2" t="s">
        <v>69039</v>
      </c>
      <c r="K7506" s="5" t="s">
        <v>69038</v>
      </c>
      <c r="L7506" s="2" t="s">
        <v>69039</v>
      </c>
      <c r="M7506" s="5" t="s">
        <v>1521</v>
      </c>
      <c r="N7506" s="5" t="s">
        <v>38</v>
      </c>
      <c r="O7506" s="5" t="s">
        <v>39</v>
      </c>
      <c r="P7506" s="5" t="s">
        <v>40</v>
      </c>
      <c r="Q7506" s="5" t="s">
        <v>1522</v>
      </c>
      <c r="R7506" s="5" t="s">
        <v>1523</v>
      </c>
      <c r="S7506" s="5" t="s">
        <v>42</v>
      </c>
      <c r="T7506" s="2">
        <v>2.6949999999999998</v>
      </c>
      <c r="U7506" s="2">
        <v>2.1440000000000001</v>
      </c>
      <c r="V7506" s="2">
        <v>16.7</v>
      </c>
      <c r="W7506" s="2">
        <v>118.9</v>
      </c>
      <c r="X7506" s="2">
        <v>7.6</v>
      </c>
      <c r="Y7506" s="2">
        <v>16.7</v>
      </c>
      <c r="Z7506" s="5"/>
      <c r="AA7506" s="5" t="s">
        <v>43</v>
      </c>
      <c r="AB7506" s="5" t="s">
        <v>44</v>
      </c>
      <c r="AC7506" s="2"/>
      <c r="AD7506" s="1"/>
    </row>
    <row r="7507" spans="1:30">
      <c r="A7507" s="5" t="s">
        <v>83578</v>
      </c>
      <c r="B7507" s="2" t="s">
        <v>106640</v>
      </c>
      <c r="C7507" s="14" t="s">
        <v>106641</v>
      </c>
      <c r="D7507" s="2" t="s">
        <v>106642</v>
      </c>
      <c r="E7507" s="2" t="s">
        <v>7597</v>
      </c>
      <c r="F7507" s="8">
        <v>263</v>
      </c>
      <c r="G7507" s="5">
        <v>6</v>
      </c>
      <c r="H7507" s="5" t="s">
        <v>1518</v>
      </c>
      <c r="I7507" s="5" t="s">
        <v>69038</v>
      </c>
      <c r="J7507" s="2" t="s">
        <v>69039</v>
      </c>
      <c r="K7507" s="5" t="s">
        <v>69038</v>
      </c>
      <c r="L7507" s="2" t="s">
        <v>69039</v>
      </c>
      <c r="M7507" s="5" t="s">
        <v>1521</v>
      </c>
      <c r="N7507" s="5" t="s">
        <v>38</v>
      </c>
      <c r="O7507" s="5" t="s">
        <v>39</v>
      </c>
      <c r="P7507" s="5" t="s">
        <v>40</v>
      </c>
      <c r="Q7507" s="5" t="s">
        <v>1522</v>
      </c>
      <c r="R7507" s="5" t="s">
        <v>1523</v>
      </c>
      <c r="S7507" s="5" t="s">
        <v>42</v>
      </c>
      <c r="T7507" s="2">
        <v>2.782</v>
      </c>
      <c r="U7507" s="2">
        <v>2.2309999999999999</v>
      </c>
      <c r="V7507" s="2">
        <v>16.7</v>
      </c>
      <c r="W7507" s="2">
        <v>118.9</v>
      </c>
      <c r="X7507" s="2">
        <v>7.6</v>
      </c>
      <c r="Y7507" s="2">
        <v>16.7</v>
      </c>
      <c r="Z7507" s="5"/>
      <c r="AA7507" s="5" t="s">
        <v>43</v>
      </c>
      <c r="AB7507" s="5" t="s">
        <v>44</v>
      </c>
      <c r="AC7507" s="2"/>
      <c r="AD7507" s="1"/>
    </row>
    <row r="7508" spans="1:30">
      <c r="A7508" s="5" t="s">
        <v>83578</v>
      </c>
      <c r="B7508" s="2" t="s">
        <v>106643</v>
      </c>
      <c r="C7508" s="14" t="s">
        <v>106644</v>
      </c>
      <c r="D7508" s="2" t="s">
        <v>106645</v>
      </c>
      <c r="E7508" s="2" t="s">
        <v>73358</v>
      </c>
      <c r="F7508" s="8">
        <v>263</v>
      </c>
      <c r="G7508" s="5">
        <v>6</v>
      </c>
      <c r="H7508" s="5" t="s">
        <v>1518</v>
      </c>
      <c r="I7508" s="5" t="s">
        <v>69038</v>
      </c>
      <c r="J7508" s="2" t="s">
        <v>69039</v>
      </c>
      <c r="K7508" s="5" t="s">
        <v>69038</v>
      </c>
      <c r="L7508" s="2" t="s">
        <v>69039</v>
      </c>
      <c r="M7508" s="5" t="s">
        <v>1521</v>
      </c>
      <c r="N7508" s="5" t="s">
        <v>38</v>
      </c>
      <c r="O7508" s="5" t="s">
        <v>39</v>
      </c>
      <c r="P7508" s="5" t="s">
        <v>40</v>
      </c>
      <c r="Q7508" s="5" t="s">
        <v>1522</v>
      </c>
      <c r="R7508" s="5" t="s">
        <v>1523</v>
      </c>
      <c r="S7508" s="5" t="s">
        <v>42</v>
      </c>
      <c r="T7508" s="2">
        <v>2.6949999999999998</v>
      </c>
      <c r="U7508" s="2">
        <v>2.1440000000000001</v>
      </c>
      <c r="V7508" s="2">
        <v>16.7</v>
      </c>
      <c r="W7508" s="2">
        <v>118.9</v>
      </c>
      <c r="X7508" s="2">
        <v>7.6</v>
      </c>
      <c r="Y7508" s="2">
        <v>16.7</v>
      </c>
      <c r="Z7508" s="5"/>
      <c r="AA7508" s="5" t="s">
        <v>43</v>
      </c>
      <c r="AB7508" s="5" t="s">
        <v>44</v>
      </c>
      <c r="AC7508" s="2"/>
      <c r="AD7508" s="1"/>
    </row>
    <row r="7509" spans="1:30">
      <c r="A7509" s="5" t="s">
        <v>83578</v>
      </c>
      <c r="B7509" s="2" t="s">
        <v>106646</v>
      </c>
      <c r="C7509" s="14" t="s">
        <v>106647</v>
      </c>
      <c r="D7509" s="2" t="s">
        <v>106648</v>
      </c>
      <c r="E7509" s="2" t="s">
        <v>73362</v>
      </c>
      <c r="F7509" s="8">
        <v>263</v>
      </c>
      <c r="G7509" s="5">
        <v>6</v>
      </c>
      <c r="H7509" s="5" t="s">
        <v>1518</v>
      </c>
      <c r="I7509" s="5" t="s">
        <v>69038</v>
      </c>
      <c r="J7509" s="2" t="s">
        <v>69039</v>
      </c>
      <c r="K7509" s="5" t="s">
        <v>69038</v>
      </c>
      <c r="L7509" s="2" t="s">
        <v>69039</v>
      </c>
      <c r="M7509" s="5" t="s">
        <v>1521</v>
      </c>
      <c r="N7509" s="5" t="s">
        <v>38</v>
      </c>
      <c r="O7509" s="5" t="s">
        <v>39</v>
      </c>
      <c r="P7509" s="5" t="s">
        <v>40</v>
      </c>
      <c r="Q7509" s="5" t="s">
        <v>1522</v>
      </c>
      <c r="R7509" s="5" t="s">
        <v>1523</v>
      </c>
      <c r="S7509" s="5" t="s">
        <v>42</v>
      </c>
      <c r="T7509" s="2">
        <v>2.782</v>
      </c>
      <c r="U7509" s="2">
        <v>2.2309999999999999</v>
      </c>
      <c r="V7509" s="2">
        <v>16.7</v>
      </c>
      <c r="W7509" s="2">
        <v>118.9</v>
      </c>
      <c r="X7509" s="2">
        <v>7.6</v>
      </c>
      <c r="Y7509" s="2">
        <v>16.7</v>
      </c>
      <c r="Z7509" s="5"/>
      <c r="AA7509" s="5" t="s">
        <v>43</v>
      </c>
      <c r="AB7509" s="5" t="s">
        <v>44</v>
      </c>
      <c r="AC7509" s="2"/>
      <c r="AD7509" s="1"/>
    </row>
    <row r="7510" spans="1:30">
      <c r="A7510" s="5" t="s">
        <v>83578</v>
      </c>
      <c r="B7510" s="2" t="s">
        <v>106649</v>
      </c>
      <c r="C7510" s="14" t="s">
        <v>106650</v>
      </c>
      <c r="D7510" s="2" t="s">
        <v>106651</v>
      </c>
      <c r="E7510" s="2" t="s">
        <v>7615</v>
      </c>
      <c r="F7510" s="8">
        <v>263</v>
      </c>
      <c r="G7510" s="5">
        <v>6</v>
      </c>
      <c r="H7510" s="5" t="s">
        <v>1518</v>
      </c>
      <c r="I7510" s="5" t="s">
        <v>69038</v>
      </c>
      <c r="J7510" s="2" t="s">
        <v>69039</v>
      </c>
      <c r="K7510" s="5" t="s">
        <v>69038</v>
      </c>
      <c r="L7510" s="2" t="s">
        <v>69039</v>
      </c>
      <c r="M7510" s="5" t="s">
        <v>1521</v>
      </c>
      <c r="N7510" s="5" t="s">
        <v>38</v>
      </c>
      <c r="O7510" s="5" t="s">
        <v>39</v>
      </c>
      <c r="P7510" s="5" t="s">
        <v>40</v>
      </c>
      <c r="Q7510" s="5" t="s">
        <v>1522</v>
      </c>
      <c r="R7510" s="5" t="s">
        <v>1523</v>
      </c>
      <c r="S7510" s="5" t="s">
        <v>42</v>
      </c>
      <c r="T7510" s="2">
        <v>2.6949999999999998</v>
      </c>
      <c r="U7510" s="2">
        <v>2.1440000000000001</v>
      </c>
      <c r="V7510" s="2">
        <v>16.7</v>
      </c>
      <c r="W7510" s="2">
        <v>118.9</v>
      </c>
      <c r="X7510" s="2">
        <v>7.6</v>
      </c>
      <c r="Y7510" s="2">
        <v>16.7</v>
      </c>
      <c r="Z7510" s="5"/>
      <c r="AA7510" s="5" t="s">
        <v>43</v>
      </c>
      <c r="AB7510" s="5" t="s">
        <v>44</v>
      </c>
      <c r="AC7510" s="2"/>
      <c r="AD7510" s="1"/>
    </row>
    <row r="7511" spans="1:30">
      <c r="A7511" s="5" t="s">
        <v>83578</v>
      </c>
      <c r="B7511" s="2" t="s">
        <v>106652</v>
      </c>
      <c r="C7511" s="14" t="s">
        <v>106653</v>
      </c>
      <c r="D7511" s="2" t="s">
        <v>106654</v>
      </c>
      <c r="E7511" s="2" t="s">
        <v>7619</v>
      </c>
      <c r="F7511" s="8">
        <v>263</v>
      </c>
      <c r="G7511" s="5">
        <v>6</v>
      </c>
      <c r="H7511" s="5" t="s">
        <v>1518</v>
      </c>
      <c r="I7511" s="5" t="s">
        <v>69038</v>
      </c>
      <c r="J7511" s="2" t="s">
        <v>69039</v>
      </c>
      <c r="K7511" s="5" t="s">
        <v>69038</v>
      </c>
      <c r="L7511" s="2" t="s">
        <v>69039</v>
      </c>
      <c r="M7511" s="5" t="s">
        <v>1521</v>
      </c>
      <c r="N7511" s="5" t="s">
        <v>38</v>
      </c>
      <c r="O7511" s="5" t="s">
        <v>39</v>
      </c>
      <c r="P7511" s="5" t="s">
        <v>40</v>
      </c>
      <c r="Q7511" s="5" t="s">
        <v>1522</v>
      </c>
      <c r="R7511" s="5" t="s">
        <v>1523</v>
      </c>
      <c r="S7511" s="5" t="s">
        <v>42</v>
      </c>
      <c r="T7511" s="2">
        <v>2.782</v>
      </c>
      <c r="U7511" s="2">
        <v>2.2309999999999999</v>
      </c>
      <c r="V7511" s="2">
        <v>16.7</v>
      </c>
      <c r="W7511" s="2">
        <v>118.9</v>
      </c>
      <c r="X7511" s="2">
        <v>7.6</v>
      </c>
      <c r="Y7511" s="2">
        <v>16.7</v>
      </c>
      <c r="Z7511" s="5"/>
      <c r="AA7511" s="5" t="s">
        <v>43</v>
      </c>
      <c r="AB7511" s="5" t="s">
        <v>44</v>
      </c>
      <c r="AC7511" s="2"/>
      <c r="AD7511" s="1"/>
    </row>
    <row r="7512" spans="1:30">
      <c r="A7512" s="5" t="s">
        <v>83578</v>
      </c>
      <c r="B7512" s="2" t="s">
        <v>106655</v>
      </c>
      <c r="C7512" s="14" t="s">
        <v>106656</v>
      </c>
      <c r="D7512" s="2" t="s">
        <v>106657</v>
      </c>
      <c r="E7512" s="2" t="s">
        <v>16014</v>
      </c>
      <c r="F7512" s="8">
        <v>263</v>
      </c>
      <c r="G7512" s="5">
        <v>6</v>
      </c>
      <c r="H7512" s="5" t="s">
        <v>1518</v>
      </c>
      <c r="I7512" s="5" t="s">
        <v>69038</v>
      </c>
      <c r="J7512" s="2" t="s">
        <v>69039</v>
      </c>
      <c r="K7512" s="5" t="s">
        <v>69038</v>
      </c>
      <c r="L7512" s="2" t="s">
        <v>69039</v>
      </c>
      <c r="M7512" s="5" t="s">
        <v>1521</v>
      </c>
      <c r="N7512" s="5" t="s">
        <v>38</v>
      </c>
      <c r="O7512" s="5" t="s">
        <v>39</v>
      </c>
      <c r="P7512" s="5" t="s">
        <v>40</v>
      </c>
      <c r="Q7512" s="5" t="s">
        <v>1522</v>
      </c>
      <c r="R7512" s="5" t="s">
        <v>1523</v>
      </c>
      <c r="S7512" s="5" t="s">
        <v>42</v>
      </c>
      <c r="T7512" s="2">
        <v>2.6949999999999998</v>
      </c>
      <c r="U7512" s="2">
        <v>2.1440000000000001</v>
      </c>
      <c r="V7512" s="2">
        <v>16.7</v>
      </c>
      <c r="W7512" s="2">
        <v>118.9</v>
      </c>
      <c r="X7512" s="2">
        <v>7.6</v>
      </c>
      <c r="Y7512" s="2">
        <v>16.7</v>
      </c>
      <c r="Z7512" s="5"/>
      <c r="AA7512" s="5" t="s">
        <v>43</v>
      </c>
      <c r="AB7512" s="5" t="s">
        <v>44</v>
      </c>
      <c r="AC7512" s="2"/>
      <c r="AD7512" s="1"/>
    </row>
    <row r="7513" spans="1:30">
      <c r="A7513" s="5" t="s">
        <v>83578</v>
      </c>
      <c r="B7513" s="2" t="s">
        <v>106658</v>
      </c>
      <c r="C7513" s="14" t="s">
        <v>106659</v>
      </c>
      <c r="D7513" s="2" t="s">
        <v>106660</v>
      </c>
      <c r="E7513" s="2" t="s">
        <v>16219</v>
      </c>
      <c r="F7513" s="8">
        <v>263</v>
      </c>
      <c r="G7513" s="5">
        <v>6</v>
      </c>
      <c r="H7513" s="5" t="s">
        <v>1518</v>
      </c>
      <c r="I7513" s="5" t="s">
        <v>69038</v>
      </c>
      <c r="J7513" s="2" t="s">
        <v>69039</v>
      </c>
      <c r="K7513" s="5" t="s">
        <v>69038</v>
      </c>
      <c r="L7513" s="2" t="s">
        <v>69039</v>
      </c>
      <c r="M7513" s="5" t="s">
        <v>1521</v>
      </c>
      <c r="N7513" s="5" t="s">
        <v>38</v>
      </c>
      <c r="O7513" s="5" t="s">
        <v>39</v>
      </c>
      <c r="P7513" s="5" t="s">
        <v>40</v>
      </c>
      <c r="Q7513" s="5" t="s">
        <v>1522</v>
      </c>
      <c r="R7513" s="5" t="s">
        <v>1523</v>
      </c>
      <c r="S7513" s="5" t="s">
        <v>42</v>
      </c>
      <c r="T7513" s="2">
        <v>2.782</v>
      </c>
      <c r="U7513" s="2">
        <v>2.2309999999999999</v>
      </c>
      <c r="V7513" s="2">
        <v>16.7</v>
      </c>
      <c r="W7513" s="2">
        <v>118.9</v>
      </c>
      <c r="X7513" s="2">
        <v>7.6</v>
      </c>
      <c r="Y7513" s="2">
        <v>16.7</v>
      </c>
      <c r="Z7513" s="5"/>
      <c r="AA7513" s="5" t="s">
        <v>43</v>
      </c>
      <c r="AB7513" s="5" t="s">
        <v>44</v>
      </c>
      <c r="AC7513" s="2"/>
      <c r="AD7513" s="1"/>
    </row>
    <row r="7514" spans="1:30">
      <c r="A7514" s="5" t="s">
        <v>83578</v>
      </c>
      <c r="B7514" s="2" t="s">
        <v>106661</v>
      </c>
      <c r="C7514" s="14" t="s">
        <v>106662</v>
      </c>
      <c r="D7514" s="2" t="s">
        <v>106663</v>
      </c>
      <c r="E7514" s="2" t="s">
        <v>7212</v>
      </c>
      <c r="F7514" s="8">
        <v>246</v>
      </c>
      <c r="G7514" s="5">
        <v>6</v>
      </c>
      <c r="H7514" s="5" t="s">
        <v>1518</v>
      </c>
      <c r="I7514" s="5" t="s">
        <v>69038</v>
      </c>
      <c r="J7514" s="2" t="s">
        <v>69039</v>
      </c>
      <c r="K7514" s="5" t="s">
        <v>69038</v>
      </c>
      <c r="L7514" s="2" t="s">
        <v>69039</v>
      </c>
      <c r="M7514" s="5" t="s">
        <v>1521</v>
      </c>
      <c r="N7514" s="5" t="s">
        <v>38</v>
      </c>
      <c r="O7514" s="5" t="s">
        <v>39</v>
      </c>
      <c r="P7514" s="5" t="s">
        <v>40</v>
      </c>
      <c r="Q7514" s="5" t="s">
        <v>1522</v>
      </c>
      <c r="R7514" s="5" t="s">
        <v>1523</v>
      </c>
      <c r="S7514" s="5" t="s">
        <v>42</v>
      </c>
      <c r="T7514" s="2">
        <v>2.6949999999999998</v>
      </c>
      <c r="U7514" s="2">
        <v>2.1440000000000001</v>
      </c>
      <c r="V7514" s="2">
        <v>16.7</v>
      </c>
      <c r="W7514" s="2">
        <v>118.9</v>
      </c>
      <c r="X7514" s="2">
        <v>7.6</v>
      </c>
      <c r="Y7514" s="2">
        <v>16.7</v>
      </c>
      <c r="Z7514" s="5"/>
      <c r="AA7514" s="5" t="s">
        <v>43</v>
      </c>
      <c r="AB7514" s="5" t="s">
        <v>44</v>
      </c>
      <c r="AC7514" s="2"/>
      <c r="AD7514" s="1"/>
    </row>
    <row r="7515" spans="1:30">
      <c r="A7515" s="5" t="s">
        <v>83578</v>
      </c>
      <c r="B7515" s="2" t="s">
        <v>106664</v>
      </c>
      <c r="C7515" s="14" t="s">
        <v>106665</v>
      </c>
      <c r="D7515" s="2" t="s">
        <v>106666</v>
      </c>
      <c r="E7515" s="2" t="s">
        <v>7528</v>
      </c>
      <c r="F7515" s="8">
        <v>246</v>
      </c>
      <c r="G7515" s="5">
        <v>6</v>
      </c>
      <c r="H7515" s="5" t="s">
        <v>1518</v>
      </c>
      <c r="I7515" s="5" t="s">
        <v>69038</v>
      </c>
      <c r="J7515" s="2" t="s">
        <v>69039</v>
      </c>
      <c r="K7515" s="5" t="s">
        <v>69038</v>
      </c>
      <c r="L7515" s="2" t="s">
        <v>69039</v>
      </c>
      <c r="M7515" s="5" t="s">
        <v>1521</v>
      </c>
      <c r="N7515" s="5" t="s">
        <v>38</v>
      </c>
      <c r="O7515" s="5" t="s">
        <v>39</v>
      </c>
      <c r="P7515" s="5" t="s">
        <v>40</v>
      </c>
      <c r="Q7515" s="5" t="s">
        <v>1522</v>
      </c>
      <c r="R7515" s="5" t="s">
        <v>1523</v>
      </c>
      <c r="S7515" s="5" t="s">
        <v>42</v>
      </c>
      <c r="T7515" s="2">
        <v>2.782</v>
      </c>
      <c r="U7515" s="2">
        <v>2.2309999999999999</v>
      </c>
      <c r="V7515" s="2">
        <v>16.7</v>
      </c>
      <c r="W7515" s="2">
        <v>118.9</v>
      </c>
      <c r="X7515" s="2">
        <v>7.6</v>
      </c>
      <c r="Y7515" s="2">
        <v>16.7</v>
      </c>
      <c r="Z7515" s="5"/>
      <c r="AA7515" s="5" t="s">
        <v>43</v>
      </c>
      <c r="AB7515" s="5" t="s">
        <v>44</v>
      </c>
      <c r="AC7515" s="2"/>
      <c r="AD7515" s="1"/>
    </row>
    <row r="7516" spans="1:30">
      <c r="A7516" s="5" t="s">
        <v>83578</v>
      </c>
      <c r="B7516" s="2" t="s">
        <v>106667</v>
      </c>
      <c r="C7516" s="14" t="s">
        <v>106668</v>
      </c>
      <c r="D7516" s="2" t="s">
        <v>106669</v>
      </c>
      <c r="E7516" s="2" t="s">
        <v>7406</v>
      </c>
      <c r="F7516" s="8">
        <v>247</v>
      </c>
      <c r="G7516" s="5">
        <v>6</v>
      </c>
      <c r="H7516" s="5" t="s">
        <v>1518</v>
      </c>
      <c r="I7516" s="5" t="s">
        <v>69038</v>
      </c>
      <c r="J7516" s="2" t="s">
        <v>69039</v>
      </c>
      <c r="K7516" s="5" t="s">
        <v>69038</v>
      </c>
      <c r="L7516" s="2" t="s">
        <v>69039</v>
      </c>
      <c r="M7516" s="5" t="s">
        <v>1521</v>
      </c>
      <c r="N7516" s="5" t="s">
        <v>38</v>
      </c>
      <c r="O7516" s="5" t="s">
        <v>39</v>
      </c>
      <c r="P7516" s="5" t="s">
        <v>40</v>
      </c>
      <c r="Q7516" s="5" t="s">
        <v>1522</v>
      </c>
      <c r="R7516" s="5" t="s">
        <v>1523</v>
      </c>
      <c r="S7516" s="5" t="s">
        <v>42</v>
      </c>
      <c r="T7516" s="2">
        <v>2.339</v>
      </c>
      <c r="U7516" s="2">
        <v>1.869</v>
      </c>
      <c r="V7516" s="2">
        <v>16.7</v>
      </c>
      <c r="W7516" s="2">
        <v>82.9</v>
      </c>
      <c r="X7516" s="2">
        <v>7.6</v>
      </c>
      <c r="Y7516" s="2">
        <v>16.7</v>
      </c>
      <c r="Z7516" s="5"/>
      <c r="AA7516" s="5" t="s">
        <v>43</v>
      </c>
      <c r="AB7516" s="5" t="s">
        <v>44</v>
      </c>
      <c r="AC7516" s="2"/>
      <c r="AD7516" s="1"/>
    </row>
    <row r="7517" spans="1:30">
      <c r="A7517" s="5" t="s">
        <v>83578</v>
      </c>
      <c r="B7517" s="2" t="s">
        <v>106670</v>
      </c>
      <c r="C7517" s="14" t="s">
        <v>106671</v>
      </c>
      <c r="D7517" s="2" t="s">
        <v>106672</v>
      </c>
      <c r="E7517" s="2" t="s">
        <v>7551</v>
      </c>
      <c r="F7517" s="8">
        <v>247</v>
      </c>
      <c r="G7517" s="5">
        <v>6</v>
      </c>
      <c r="H7517" s="5" t="s">
        <v>1518</v>
      </c>
      <c r="I7517" s="5" t="s">
        <v>69038</v>
      </c>
      <c r="J7517" s="2" t="s">
        <v>69039</v>
      </c>
      <c r="K7517" s="5" t="s">
        <v>69038</v>
      </c>
      <c r="L7517" s="2" t="s">
        <v>69039</v>
      </c>
      <c r="M7517" s="5" t="s">
        <v>1521</v>
      </c>
      <c r="N7517" s="5" t="s">
        <v>38</v>
      </c>
      <c r="O7517" s="5" t="s">
        <v>39</v>
      </c>
      <c r="P7517" s="5" t="s">
        <v>40</v>
      </c>
      <c r="Q7517" s="5" t="s">
        <v>1522</v>
      </c>
      <c r="R7517" s="5" t="s">
        <v>1523</v>
      </c>
      <c r="S7517" s="5" t="s">
        <v>42</v>
      </c>
      <c r="T7517" s="2">
        <v>2.4049999999999998</v>
      </c>
      <c r="U7517" s="2">
        <v>1.9350000000000001</v>
      </c>
      <c r="V7517" s="2">
        <v>16.7</v>
      </c>
      <c r="W7517" s="2">
        <v>82.9</v>
      </c>
      <c r="X7517" s="2">
        <v>7.6</v>
      </c>
      <c r="Y7517" s="2">
        <v>16.7</v>
      </c>
      <c r="Z7517" s="5"/>
      <c r="AA7517" s="5" t="s">
        <v>43</v>
      </c>
      <c r="AB7517" s="5" t="s">
        <v>44</v>
      </c>
      <c r="AC7517" s="2"/>
      <c r="AD7517" s="1"/>
    </row>
    <row r="7518" spans="1:30">
      <c r="A7518" s="5" t="s">
        <v>83578</v>
      </c>
      <c r="B7518" s="2" t="s">
        <v>106673</v>
      </c>
      <c r="C7518" s="14" t="s">
        <v>106674</v>
      </c>
      <c r="D7518" s="2" t="s">
        <v>106675</v>
      </c>
      <c r="E7518" s="2" t="s">
        <v>7563</v>
      </c>
      <c r="F7518" s="8">
        <v>247</v>
      </c>
      <c r="G7518" s="5">
        <v>6</v>
      </c>
      <c r="H7518" s="5" t="s">
        <v>1518</v>
      </c>
      <c r="I7518" s="5" t="s">
        <v>69038</v>
      </c>
      <c r="J7518" s="2" t="s">
        <v>69039</v>
      </c>
      <c r="K7518" s="5" t="s">
        <v>69038</v>
      </c>
      <c r="L7518" s="2" t="s">
        <v>69039</v>
      </c>
      <c r="M7518" s="5" t="s">
        <v>1521</v>
      </c>
      <c r="N7518" s="5" t="s">
        <v>38</v>
      </c>
      <c r="O7518" s="5" t="s">
        <v>39</v>
      </c>
      <c r="P7518" s="5" t="s">
        <v>40</v>
      </c>
      <c r="Q7518" s="5" t="s">
        <v>1522</v>
      </c>
      <c r="R7518" s="5" t="s">
        <v>1523</v>
      </c>
      <c r="S7518" s="5" t="s">
        <v>42</v>
      </c>
      <c r="T7518" s="2">
        <v>2.339</v>
      </c>
      <c r="U7518" s="2">
        <v>1.869</v>
      </c>
      <c r="V7518" s="2">
        <v>16.7</v>
      </c>
      <c r="W7518" s="2">
        <v>82.9</v>
      </c>
      <c r="X7518" s="2">
        <v>7.6</v>
      </c>
      <c r="Y7518" s="2">
        <v>16.7</v>
      </c>
      <c r="Z7518" s="5"/>
      <c r="AA7518" s="5" t="s">
        <v>43</v>
      </c>
      <c r="AB7518" s="5" t="s">
        <v>44</v>
      </c>
      <c r="AC7518" s="2"/>
      <c r="AD7518" s="1"/>
    </row>
    <row r="7519" spans="1:30">
      <c r="A7519" s="5" t="s">
        <v>83578</v>
      </c>
      <c r="B7519" s="2" t="s">
        <v>106676</v>
      </c>
      <c r="C7519" s="14" t="s">
        <v>106677</v>
      </c>
      <c r="D7519" s="2" t="s">
        <v>106678</v>
      </c>
      <c r="E7519" s="2" t="s">
        <v>7555</v>
      </c>
      <c r="F7519" s="8">
        <v>247</v>
      </c>
      <c r="G7519" s="5">
        <v>6</v>
      </c>
      <c r="H7519" s="5" t="s">
        <v>1518</v>
      </c>
      <c r="I7519" s="5" t="s">
        <v>69038</v>
      </c>
      <c r="J7519" s="2" t="s">
        <v>69039</v>
      </c>
      <c r="K7519" s="5" t="s">
        <v>69038</v>
      </c>
      <c r="L7519" s="2" t="s">
        <v>69039</v>
      </c>
      <c r="M7519" s="5" t="s">
        <v>1521</v>
      </c>
      <c r="N7519" s="5" t="s">
        <v>38</v>
      </c>
      <c r="O7519" s="5" t="s">
        <v>39</v>
      </c>
      <c r="P7519" s="5" t="s">
        <v>40</v>
      </c>
      <c r="Q7519" s="5" t="s">
        <v>1522</v>
      </c>
      <c r="R7519" s="5" t="s">
        <v>1523</v>
      </c>
      <c r="S7519" s="5" t="s">
        <v>42</v>
      </c>
      <c r="T7519" s="2">
        <v>2.339</v>
      </c>
      <c r="U7519" s="2">
        <v>1.869</v>
      </c>
      <c r="V7519" s="2">
        <v>16.7</v>
      </c>
      <c r="W7519" s="2">
        <v>82.9</v>
      </c>
      <c r="X7519" s="2">
        <v>7.6</v>
      </c>
      <c r="Y7519" s="2">
        <v>16.7</v>
      </c>
      <c r="Z7519" s="5"/>
      <c r="AA7519" s="5" t="s">
        <v>43</v>
      </c>
      <c r="AB7519" s="5" t="s">
        <v>44</v>
      </c>
      <c r="AC7519" s="2"/>
      <c r="AD7519" s="1"/>
    </row>
    <row r="7520" spans="1:30">
      <c r="A7520" s="5" t="s">
        <v>83578</v>
      </c>
      <c r="B7520" s="2" t="s">
        <v>106679</v>
      </c>
      <c r="C7520" s="14" t="s">
        <v>106680</v>
      </c>
      <c r="D7520" s="2" t="s">
        <v>106681</v>
      </c>
      <c r="E7520" s="2" t="s">
        <v>7559</v>
      </c>
      <c r="F7520" s="8">
        <v>247</v>
      </c>
      <c r="G7520" s="5">
        <v>6</v>
      </c>
      <c r="H7520" s="5" t="s">
        <v>1518</v>
      </c>
      <c r="I7520" s="5" t="s">
        <v>69038</v>
      </c>
      <c r="J7520" s="2" t="s">
        <v>69039</v>
      </c>
      <c r="K7520" s="5" t="s">
        <v>69038</v>
      </c>
      <c r="L7520" s="2" t="s">
        <v>69039</v>
      </c>
      <c r="M7520" s="5" t="s">
        <v>1521</v>
      </c>
      <c r="N7520" s="5" t="s">
        <v>38</v>
      </c>
      <c r="O7520" s="5" t="s">
        <v>39</v>
      </c>
      <c r="P7520" s="5" t="s">
        <v>40</v>
      </c>
      <c r="Q7520" s="5" t="s">
        <v>1522</v>
      </c>
      <c r="R7520" s="5" t="s">
        <v>1523</v>
      </c>
      <c r="S7520" s="5" t="s">
        <v>42</v>
      </c>
      <c r="T7520" s="2">
        <v>2.4049999999999998</v>
      </c>
      <c r="U7520" s="2">
        <v>1.9350000000000001</v>
      </c>
      <c r="V7520" s="2">
        <v>16.7</v>
      </c>
      <c r="W7520" s="2">
        <v>82.9</v>
      </c>
      <c r="X7520" s="2">
        <v>7.6</v>
      </c>
      <c r="Y7520" s="2">
        <v>16.7</v>
      </c>
      <c r="Z7520" s="5"/>
      <c r="AA7520" s="5" t="s">
        <v>43</v>
      </c>
      <c r="AB7520" s="5" t="s">
        <v>44</v>
      </c>
      <c r="AC7520" s="2"/>
      <c r="AD7520" s="1"/>
    </row>
    <row r="7521" spans="1:30">
      <c r="A7521" s="5" t="s">
        <v>83578</v>
      </c>
      <c r="B7521" s="2" t="s">
        <v>106682</v>
      </c>
      <c r="C7521" s="14" t="s">
        <v>106683</v>
      </c>
      <c r="D7521" s="2" t="s">
        <v>106684</v>
      </c>
      <c r="E7521" s="2" t="s">
        <v>16079</v>
      </c>
      <c r="F7521" s="8">
        <v>247</v>
      </c>
      <c r="G7521" s="5">
        <v>6</v>
      </c>
      <c r="H7521" s="5" t="s">
        <v>1518</v>
      </c>
      <c r="I7521" s="5" t="s">
        <v>69038</v>
      </c>
      <c r="J7521" s="2" t="s">
        <v>69039</v>
      </c>
      <c r="K7521" s="5" t="s">
        <v>69038</v>
      </c>
      <c r="L7521" s="2" t="s">
        <v>69039</v>
      </c>
      <c r="M7521" s="5" t="s">
        <v>1521</v>
      </c>
      <c r="N7521" s="5" t="s">
        <v>38</v>
      </c>
      <c r="O7521" s="5" t="s">
        <v>39</v>
      </c>
      <c r="P7521" s="5" t="s">
        <v>40</v>
      </c>
      <c r="Q7521" s="5" t="s">
        <v>1522</v>
      </c>
      <c r="R7521" s="5" t="s">
        <v>1523</v>
      </c>
      <c r="S7521" s="5" t="s">
        <v>42</v>
      </c>
      <c r="T7521" s="2">
        <v>2.339</v>
      </c>
      <c r="U7521" s="2">
        <v>1.869</v>
      </c>
      <c r="V7521" s="2">
        <v>16.7</v>
      </c>
      <c r="W7521" s="2">
        <v>82.9</v>
      </c>
      <c r="X7521" s="2">
        <v>7.6</v>
      </c>
      <c r="Y7521" s="2">
        <v>16.7</v>
      </c>
      <c r="Z7521" s="5"/>
      <c r="AA7521" s="5" t="s">
        <v>43</v>
      </c>
      <c r="AB7521" s="5" t="s">
        <v>44</v>
      </c>
      <c r="AC7521" s="2"/>
      <c r="AD7521" s="1"/>
    </row>
    <row r="7522" spans="1:30">
      <c r="A7522" s="5" t="s">
        <v>83578</v>
      </c>
      <c r="B7522" s="2" t="s">
        <v>106685</v>
      </c>
      <c r="C7522" s="14" t="s">
        <v>106686</v>
      </c>
      <c r="D7522" s="2" t="s">
        <v>106687</v>
      </c>
      <c r="E7522" s="2" t="s">
        <v>16194</v>
      </c>
      <c r="F7522" s="8">
        <v>247</v>
      </c>
      <c r="G7522" s="5">
        <v>6</v>
      </c>
      <c r="H7522" s="5" t="s">
        <v>1518</v>
      </c>
      <c r="I7522" s="5" t="s">
        <v>69038</v>
      </c>
      <c r="J7522" s="2" t="s">
        <v>69039</v>
      </c>
      <c r="K7522" s="5" t="s">
        <v>69038</v>
      </c>
      <c r="L7522" s="2" t="s">
        <v>69039</v>
      </c>
      <c r="M7522" s="5" t="s">
        <v>1521</v>
      </c>
      <c r="N7522" s="5" t="s">
        <v>38</v>
      </c>
      <c r="O7522" s="5" t="s">
        <v>39</v>
      </c>
      <c r="P7522" s="5" t="s">
        <v>40</v>
      </c>
      <c r="Q7522" s="5" t="s">
        <v>1522</v>
      </c>
      <c r="R7522" s="5" t="s">
        <v>1523</v>
      </c>
      <c r="S7522" s="5" t="s">
        <v>42</v>
      </c>
      <c r="T7522" s="2">
        <v>2.4049999999999998</v>
      </c>
      <c r="U7522" s="2">
        <v>1.9350000000000001</v>
      </c>
      <c r="V7522" s="2">
        <v>16.7</v>
      </c>
      <c r="W7522" s="2">
        <v>82.9</v>
      </c>
      <c r="X7522" s="2">
        <v>7.6</v>
      </c>
      <c r="Y7522" s="2">
        <v>16.7</v>
      </c>
      <c r="Z7522" s="5"/>
      <c r="AA7522" s="5" t="s">
        <v>43</v>
      </c>
      <c r="AB7522" s="5" t="s">
        <v>44</v>
      </c>
      <c r="AC7522" s="2"/>
      <c r="AD7522" s="1"/>
    </row>
    <row r="7523" spans="1:30">
      <c r="A7523" s="5" t="s">
        <v>83578</v>
      </c>
      <c r="B7523" s="2" t="s">
        <v>106688</v>
      </c>
      <c r="C7523" s="14" t="s">
        <v>106689</v>
      </c>
      <c r="D7523" s="2" t="s">
        <v>106690</v>
      </c>
      <c r="E7523" s="2" t="s">
        <v>7585</v>
      </c>
      <c r="F7523" s="8">
        <v>247</v>
      </c>
      <c r="G7523" s="5">
        <v>6</v>
      </c>
      <c r="H7523" s="5" t="s">
        <v>1518</v>
      </c>
      <c r="I7523" s="5" t="s">
        <v>69038</v>
      </c>
      <c r="J7523" s="2" t="s">
        <v>69039</v>
      </c>
      <c r="K7523" s="5" t="s">
        <v>69038</v>
      </c>
      <c r="L7523" s="2" t="s">
        <v>69039</v>
      </c>
      <c r="M7523" s="5" t="s">
        <v>1521</v>
      </c>
      <c r="N7523" s="5" t="s">
        <v>38</v>
      </c>
      <c r="O7523" s="5" t="s">
        <v>39</v>
      </c>
      <c r="P7523" s="5" t="s">
        <v>40</v>
      </c>
      <c r="Q7523" s="5" t="s">
        <v>1522</v>
      </c>
      <c r="R7523" s="5" t="s">
        <v>1523</v>
      </c>
      <c r="S7523" s="5" t="s">
        <v>42</v>
      </c>
      <c r="T7523" s="2">
        <v>2.339</v>
      </c>
      <c r="U7523" s="2">
        <v>1.869</v>
      </c>
      <c r="V7523" s="2">
        <v>16.7</v>
      </c>
      <c r="W7523" s="2">
        <v>82.9</v>
      </c>
      <c r="X7523" s="2">
        <v>7.6</v>
      </c>
      <c r="Y7523" s="2">
        <v>16.7</v>
      </c>
      <c r="Z7523" s="5"/>
      <c r="AA7523" s="5" t="s">
        <v>43</v>
      </c>
      <c r="AB7523" s="5" t="s">
        <v>44</v>
      </c>
      <c r="AC7523" s="2"/>
      <c r="AD7523" s="1"/>
    </row>
    <row r="7524" spans="1:30">
      <c r="A7524" s="5" t="s">
        <v>83578</v>
      </c>
      <c r="B7524" s="2" t="s">
        <v>106691</v>
      </c>
      <c r="C7524" s="14" t="s">
        <v>106692</v>
      </c>
      <c r="D7524" s="2" t="s">
        <v>106693</v>
      </c>
      <c r="E7524" s="2" t="s">
        <v>7589</v>
      </c>
      <c r="F7524" s="8">
        <v>247</v>
      </c>
      <c r="G7524" s="5">
        <v>6</v>
      </c>
      <c r="H7524" s="5" t="s">
        <v>1518</v>
      </c>
      <c r="I7524" s="5" t="s">
        <v>69038</v>
      </c>
      <c r="J7524" s="2" t="s">
        <v>69039</v>
      </c>
      <c r="K7524" s="5" t="s">
        <v>69038</v>
      </c>
      <c r="L7524" s="2" t="s">
        <v>69039</v>
      </c>
      <c r="M7524" s="5" t="s">
        <v>1521</v>
      </c>
      <c r="N7524" s="5" t="s">
        <v>38</v>
      </c>
      <c r="O7524" s="5" t="s">
        <v>39</v>
      </c>
      <c r="P7524" s="5" t="s">
        <v>40</v>
      </c>
      <c r="Q7524" s="5" t="s">
        <v>1522</v>
      </c>
      <c r="R7524" s="5" t="s">
        <v>1523</v>
      </c>
      <c r="S7524" s="5" t="s">
        <v>42</v>
      </c>
      <c r="T7524" s="2">
        <v>2.4049999999999998</v>
      </c>
      <c r="U7524" s="2">
        <v>1.9350000000000001</v>
      </c>
      <c r="V7524" s="2">
        <v>16.7</v>
      </c>
      <c r="W7524" s="2">
        <v>82.9</v>
      </c>
      <c r="X7524" s="2">
        <v>7.6</v>
      </c>
      <c r="Y7524" s="2">
        <v>16.7</v>
      </c>
      <c r="Z7524" s="5"/>
      <c r="AA7524" s="5" t="s">
        <v>43</v>
      </c>
      <c r="AB7524" s="5" t="s">
        <v>44</v>
      </c>
      <c r="AC7524" s="2"/>
      <c r="AD7524" s="1"/>
    </row>
    <row r="7525" spans="1:30">
      <c r="A7525" s="5" t="s">
        <v>83578</v>
      </c>
      <c r="B7525" s="2" t="s">
        <v>106694</v>
      </c>
      <c r="C7525" s="14" t="s">
        <v>106695</v>
      </c>
      <c r="D7525" s="2" t="s">
        <v>106696</v>
      </c>
      <c r="E7525" s="2" t="s">
        <v>7593</v>
      </c>
      <c r="F7525" s="8">
        <v>247</v>
      </c>
      <c r="G7525" s="5">
        <v>6</v>
      </c>
      <c r="H7525" s="5" t="s">
        <v>1518</v>
      </c>
      <c r="I7525" s="5" t="s">
        <v>69038</v>
      </c>
      <c r="J7525" s="2" t="s">
        <v>69039</v>
      </c>
      <c r="K7525" s="5" t="s">
        <v>69038</v>
      </c>
      <c r="L7525" s="2" t="s">
        <v>69039</v>
      </c>
      <c r="M7525" s="5" t="s">
        <v>1521</v>
      </c>
      <c r="N7525" s="5" t="s">
        <v>38</v>
      </c>
      <c r="O7525" s="5" t="s">
        <v>39</v>
      </c>
      <c r="P7525" s="5" t="s">
        <v>40</v>
      </c>
      <c r="Q7525" s="5" t="s">
        <v>1522</v>
      </c>
      <c r="R7525" s="5" t="s">
        <v>1523</v>
      </c>
      <c r="S7525" s="5" t="s">
        <v>42</v>
      </c>
      <c r="T7525" s="2">
        <v>2.339</v>
      </c>
      <c r="U7525" s="2">
        <v>1.869</v>
      </c>
      <c r="V7525" s="2">
        <v>16.7</v>
      </c>
      <c r="W7525" s="2">
        <v>82.9</v>
      </c>
      <c r="X7525" s="2">
        <v>7.6</v>
      </c>
      <c r="Y7525" s="2">
        <v>16.7</v>
      </c>
      <c r="Z7525" s="5"/>
      <c r="AA7525" s="5" t="s">
        <v>43</v>
      </c>
      <c r="AB7525" s="5" t="s">
        <v>44</v>
      </c>
      <c r="AC7525" s="2"/>
      <c r="AD7525" s="1"/>
    </row>
    <row r="7526" spans="1:30">
      <c r="A7526" s="5" t="s">
        <v>83578</v>
      </c>
      <c r="B7526" s="2" t="s">
        <v>106697</v>
      </c>
      <c r="C7526" s="14" t="s">
        <v>106698</v>
      </c>
      <c r="D7526" s="2" t="s">
        <v>106699</v>
      </c>
      <c r="E7526" s="2" t="s">
        <v>7597</v>
      </c>
      <c r="F7526" s="8">
        <v>247</v>
      </c>
      <c r="G7526" s="5">
        <v>6</v>
      </c>
      <c r="H7526" s="5" t="s">
        <v>1518</v>
      </c>
      <c r="I7526" s="5" t="s">
        <v>69038</v>
      </c>
      <c r="J7526" s="2" t="s">
        <v>69039</v>
      </c>
      <c r="K7526" s="5" t="s">
        <v>69038</v>
      </c>
      <c r="L7526" s="2" t="s">
        <v>69039</v>
      </c>
      <c r="M7526" s="5" t="s">
        <v>1521</v>
      </c>
      <c r="N7526" s="5" t="s">
        <v>38</v>
      </c>
      <c r="O7526" s="5" t="s">
        <v>39</v>
      </c>
      <c r="P7526" s="5" t="s">
        <v>40</v>
      </c>
      <c r="Q7526" s="5" t="s">
        <v>1522</v>
      </c>
      <c r="R7526" s="5" t="s">
        <v>1523</v>
      </c>
      <c r="S7526" s="5" t="s">
        <v>42</v>
      </c>
      <c r="T7526" s="2">
        <v>2.4049999999999998</v>
      </c>
      <c r="U7526" s="2">
        <v>1.9350000000000001</v>
      </c>
      <c r="V7526" s="2">
        <v>16.7</v>
      </c>
      <c r="W7526" s="2">
        <v>82.9</v>
      </c>
      <c r="X7526" s="2">
        <v>7.6</v>
      </c>
      <c r="Y7526" s="2">
        <v>16.7</v>
      </c>
      <c r="Z7526" s="5"/>
      <c r="AA7526" s="5" t="s">
        <v>43</v>
      </c>
      <c r="AB7526" s="5" t="s">
        <v>44</v>
      </c>
      <c r="AC7526" s="2"/>
      <c r="AD7526" s="1"/>
    </row>
    <row r="7527" spans="1:30">
      <c r="A7527" s="5" t="s">
        <v>83578</v>
      </c>
      <c r="B7527" s="2" t="s">
        <v>106700</v>
      </c>
      <c r="C7527" s="14" t="s">
        <v>106701</v>
      </c>
      <c r="D7527" s="2" t="s">
        <v>106702</v>
      </c>
      <c r="E7527" s="2" t="s">
        <v>73358</v>
      </c>
      <c r="F7527" s="8">
        <v>247</v>
      </c>
      <c r="G7527" s="5">
        <v>6</v>
      </c>
      <c r="H7527" s="5" t="s">
        <v>1518</v>
      </c>
      <c r="I7527" s="5" t="s">
        <v>69038</v>
      </c>
      <c r="J7527" s="2" t="s">
        <v>69039</v>
      </c>
      <c r="K7527" s="5" t="s">
        <v>69038</v>
      </c>
      <c r="L7527" s="2" t="s">
        <v>69039</v>
      </c>
      <c r="M7527" s="5" t="s">
        <v>1521</v>
      </c>
      <c r="N7527" s="5" t="s">
        <v>38</v>
      </c>
      <c r="O7527" s="5" t="s">
        <v>39</v>
      </c>
      <c r="P7527" s="5" t="s">
        <v>40</v>
      </c>
      <c r="Q7527" s="5" t="s">
        <v>1522</v>
      </c>
      <c r="R7527" s="5" t="s">
        <v>1523</v>
      </c>
      <c r="S7527" s="5" t="s">
        <v>42</v>
      </c>
      <c r="T7527" s="2">
        <v>2.339</v>
      </c>
      <c r="U7527" s="2">
        <v>1.869</v>
      </c>
      <c r="V7527" s="2">
        <v>16.7</v>
      </c>
      <c r="W7527" s="2">
        <v>82.9</v>
      </c>
      <c r="X7527" s="2">
        <v>7.6</v>
      </c>
      <c r="Y7527" s="2">
        <v>16.7</v>
      </c>
      <c r="Z7527" s="5"/>
      <c r="AA7527" s="5" t="s">
        <v>43</v>
      </c>
      <c r="AB7527" s="5" t="s">
        <v>44</v>
      </c>
      <c r="AC7527" s="2"/>
      <c r="AD7527" s="1"/>
    </row>
    <row r="7528" spans="1:30">
      <c r="A7528" s="5" t="s">
        <v>83578</v>
      </c>
      <c r="B7528" s="2" t="s">
        <v>106703</v>
      </c>
      <c r="C7528" s="14" t="s">
        <v>106704</v>
      </c>
      <c r="D7528" s="2" t="s">
        <v>106705</v>
      </c>
      <c r="E7528" s="2" t="s">
        <v>7615</v>
      </c>
      <c r="F7528" s="8">
        <v>247</v>
      </c>
      <c r="G7528" s="5">
        <v>6</v>
      </c>
      <c r="H7528" s="5" t="s">
        <v>1518</v>
      </c>
      <c r="I7528" s="5" t="s">
        <v>69038</v>
      </c>
      <c r="J7528" s="2" t="s">
        <v>69039</v>
      </c>
      <c r="K7528" s="5" t="s">
        <v>69038</v>
      </c>
      <c r="L7528" s="2" t="s">
        <v>69039</v>
      </c>
      <c r="M7528" s="5" t="s">
        <v>1521</v>
      </c>
      <c r="N7528" s="5" t="s">
        <v>38</v>
      </c>
      <c r="O7528" s="5" t="s">
        <v>39</v>
      </c>
      <c r="P7528" s="5" t="s">
        <v>40</v>
      </c>
      <c r="Q7528" s="5" t="s">
        <v>1522</v>
      </c>
      <c r="R7528" s="5" t="s">
        <v>1523</v>
      </c>
      <c r="S7528" s="5" t="s">
        <v>42</v>
      </c>
      <c r="T7528" s="2">
        <v>2.339</v>
      </c>
      <c r="U7528" s="2">
        <v>1.869</v>
      </c>
      <c r="V7528" s="2">
        <v>16.7</v>
      </c>
      <c r="W7528" s="2">
        <v>82.9</v>
      </c>
      <c r="X7528" s="2">
        <v>7.6</v>
      </c>
      <c r="Y7528" s="2">
        <v>16.7</v>
      </c>
      <c r="Z7528" s="5"/>
      <c r="AA7528" s="5" t="s">
        <v>43</v>
      </c>
      <c r="AB7528" s="5" t="s">
        <v>44</v>
      </c>
      <c r="AC7528" s="2"/>
      <c r="AD7528" s="1"/>
    </row>
    <row r="7529" spans="1:30">
      <c r="A7529" s="5" t="s">
        <v>83578</v>
      </c>
      <c r="B7529" s="2" t="s">
        <v>106706</v>
      </c>
      <c r="C7529" s="14" t="s">
        <v>106707</v>
      </c>
      <c r="D7529" s="2" t="s">
        <v>106708</v>
      </c>
      <c r="E7529" s="2" t="s">
        <v>16014</v>
      </c>
      <c r="F7529" s="8">
        <v>247</v>
      </c>
      <c r="G7529" s="5">
        <v>6</v>
      </c>
      <c r="H7529" s="5" t="s">
        <v>1518</v>
      </c>
      <c r="I7529" s="5" t="s">
        <v>69038</v>
      </c>
      <c r="J7529" s="2" t="s">
        <v>69039</v>
      </c>
      <c r="K7529" s="5" t="s">
        <v>69038</v>
      </c>
      <c r="L7529" s="2" t="s">
        <v>69039</v>
      </c>
      <c r="M7529" s="5" t="s">
        <v>1521</v>
      </c>
      <c r="N7529" s="5" t="s">
        <v>38</v>
      </c>
      <c r="O7529" s="5" t="s">
        <v>39</v>
      </c>
      <c r="P7529" s="5" t="s">
        <v>40</v>
      </c>
      <c r="Q7529" s="5" t="s">
        <v>1522</v>
      </c>
      <c r="R7529" s="5" t="s">
        <v>1523</v>
      </c>
      <c r="S7529" s="5" t="s">
        <v>42</v>
      </c>
      <c r="T7529" s="2">
        <v>2.339</v>
      </c>
      <c r="U7529" s="2">
        <v>1.869</v>
      </c>
      <c r="V7529" s="2">
        <v>16.7</v>
      </c>
      <c r="W7529" s="2">
        <v>82.9</v>
      </c>
      <c r="X7529" s="2">
        <v>7.6</v>
      </c>
      <c r="Y7529" s="2">
        <v>16.7</v>
      </c>
      <c r="Z7529" s="5"/>
      <c r="AA7529" s="5" t="s">
        <v>43</v>
      </c>
      <c r="AB7529" s="5" t="s">
        <v>44</v>
      </c>
      <c r="AC7529" s="2"/>
      <c r="AD7529" s="1"/>
    </row>
    <row r="7530" spans="1:30">
      <c r="A7530" s="5" t="s">
        <v>83578</v>
      </c>
      <c r="B7530" s="2" t="s">
        <v>106709</v>
      </c>
      <c r="C7530" s="14" t="s">
        <v>106710</v>
      </c>
      <c r="D7530" s="2" t="s">
        <v>106711</v>
      </c>
      <c r="E7530" s="2" t="s">
        <v>7212</v>
      </c>
      <c r="F7530" s="8">
        <v>232</v>
      </c>
      <c r="G7530" s="5">
        <v>6</v>
      </c>
      <c r="H7530" s="5" t="s">
        <v>1518</v>
      </c>
      <c r="I7530" s="5" t="s">
        <v>69038</v>
      </c>
      <c r="J7530" s="2" t="s">
        <v>69039</v>
      </c>
      <c r="K7530" s="5" t="s">
        <v>69038</v>
      </c>
      <c r="L7530" s="2" t="s">
        <v>69039</v>
      </c>
      <c r="M7530" s="5" t="s">
        <v>1521</v>
      </c>
      <c r="N7530" s="5" t="s">
        <v>38</v>
      </c>
      <c r="O7530" s="5" t="s">
        <v>39</v>
      </c>
      <c r="P7530" s="5" t="s">
        <v>40</v>
      </c>
      <c r="Q7530" s="5" t="s">
        <v>1522</v>
      </c>
      <c r="R7530" s="5" t="s">
        <v>1523</v>
      </c>
      <c r="S7530" s="5" t="s">
        <v>42</v>
      </c>
      <c r="T7530" s="2">
        <v>2.339</v>
      </c>
      <c r="U7530" s="2">
        <v>1.869</v>
      </c>
      <c r="V7530" s="2">
        <v>16.7</v>
      </c>
      <c r="W7530" s="2">
        <v>82.9</v>
      </c>
      <c r="X7530" s="2">
        <v>7.6</v>
      </c>
      <c r="Y7530" s="2">
        <v>16.7</v>
      </c>
      <c r="Z7530" s="5"/>
      <c r="AA7530" s="5" t="s">
        <v>43</v>
      </c>
      <c r="AB7530" s="5" t="s">
        <v>44</v>
      </c>
      <c r="AC7530" s="2"/>
      <c r="AD7530" s="1"/>
    </row>
    <row r="7531" spans="1:30">
      <c r="A7531" s="5" t="s">
        <v>83578</v>
      </c>
      <c r="B7531" s="2" t="s">
        <v>106712</v>
      </c>
      <c r="C7531" s="14" t="s">
        <v>106713</v>
      </c>
      <c r="D7531" s="2" t="s">
        <v>106714</v>
      </c>
      <c r="E7531" s="2" t="s">
        <v>7547</v>
      </c>
      <c r="F7531" s="8">
        <v>263</v>
      </c>
      <c r="G7531" s="5">
        <v>6</v>
      </c>
      <c r="H7531" s="5" t="s">
        <v>1518</v>
      </c>
      <c r="I7531" s="5" t="s">
        <v>69038</v>
      </c>
      <c r="J7531" s="2" t="s">
        <v>69039</v>
      </c>
      <c r="K7531" s="5" t="s">
        <v>69038</v>
      </c>
      <c r="L7531" s="2" t="s">
        <v>69039</v>
      </c>
      <c r="M7531" s="5" t="s">
        <v>1521</v>
      </c>
      <c r="N7531" s="5" t="s">
        <v>38</v>
      </c>
      <c r="O7531" s="5" t="s">
        <v>39</v>
      </c>
      <c r="P7531" s="5" t="s">
        <v>40</v>
      </c>
      <c r="Q7531" s="5" t="s">
        <v>1522</v>
      </c>
      <c r="R7531" s="5" t="s">
        <v>1523</v>
      </c>
      <c r="S7531" s="5" t="s">
        <v>42</v>
      </c>
      <c r="T7531" s="2">
        <v>2.8239999999999998</v>
      </c>
      <c r="U7531" s="2">
        <v>2.1930000000000001</v>
      </c>
      <c r="V7531" s="2">
        <v>16.7</v>
      </c>
      <c r="W7531" s="2">
        <v>139.1</v>
      </c>
      <c r="X7531" s="2">
        <v>7.6</v>
      </c>
      <c r="Y7531" s="2">
        <v>16.7</v>
      </c>
      <c r="Z7531" s="5"/>
      <c r="AA7531" s="5" t="s">
        <v>43</v>
      </c>
      <c r="AB7531" s="5" t="s">
        <v>44</v>
      </c>
      <c r="AC7531" s="2"/>
      <c r="AD7531" s="1"/>
    </row>
    <row r="7532" spans="1:30">
      <c r="A7532" s="5" t="s">
        <v>83578</v>
      </c>
      <c r="B7532" s="2" t="s">
        <v>106715</v>
      </c>
      <c r="C7532" s="14" t="s">
        <v>106716</v>
      </c>
      <c r="D7532" s="2" t="s">
        <v>106717</v>
      </c>
      <c r="E7532" s="2" t="s">
        <v>7551</v>
      </c>
      <c r="F7532" s="8">
        <v>263</v>
      </c>
      <c r="G7532" s="5">
        <v>6</v>
      </c>
      <c r="H7532" s="5" t="s">
        <v>1518</v>
      </c>
      <c r="I7532" s="5" t="s">
        <v>69038</v>
      </c>
      <c r="J7532" s="2" t="s">
        <v>69039</v>
      </c>
      <c r="K7532" s="5" t="s">
        <v>69038</v>
      </c>
      <c r="L7532" s="2" t="s">
        <v>69039</v>
      </c>
      <c r="M7532" s="5" t="s">
        <v>1521</v>
      </c>
      <c r="N7532" s="5" t="s">
        <v>38</v>
      </c>
      <c r="O7532" s="5" t="s">
        <v>39</v>
      </c>
      <c r="P7532" s="5" t="s">
        <v>40</v>
      </c>
      <c r="Q7532" s="5" t="s">
        <v>1522</v>
      </c>
      <c r="R7532" s="5" t="s">
        <v>1523</v>
      </c>
      <c r="S7532" s="5" t="s">
        <v>42</v>
      </c>
      <c r="T7532" s="2">
        <v>2.9129999999999998</v>
      </c>
      <c r="U7532" s="2">
        <v>2.282</v>
      </c>
      <c r="V7532" s="2">
        <v>16.7</v>
      </c>
      <c r="W7532" s="2">
        <v>139.1</v>
      </c>
      <c r="X7532" s="2">
        <v>7.6</v>
      </c>
      <c r="Y7532" s="2">
        <v>16.7</v>
      </c>
      <c r="Z7532" s="5"/>
      <c r="AA7532" s="5" t="s">
        <v>43</v>
      </c>
      <c r="AB7532" s="5" t="s">
        <v>44</v>
      </c>
      <c r="AC7532" s="2"/>
      <c r="AD7532" s="1"/>
    </row>
    <row r="7533" spans="1:30">
      <c r="A7533" s="5" t="s">
        <v>83578</v>
      </c>
      <c r="B7533" s="2" t="s">
        <v>106718</v>
      </c>
      <c r="C7533" s="14" t="s">
        <v>106719</v>
      </c>
      <c r="D7533" s="2" t="s">
        <v>106720</v>
      </c>
      <c r="E7533" s="2" t="s">
        <v>7555</v>
      </c>
      <c r="F7533" s="8">
        <v>263</v>
      </c>
      <c r="G7533" s="5">
        <v>6</v>
      </c>
      <c r="H7533" s="5" t="s">
        <v>1518</v>
      </c>
      <c r="I7533" s="5" t="s">
        <v>69038</v>
      </c>
      <c r="J7533" s="2" t="s">
        <v>69039</v>
      </c>
      <c r="K7533" s="5" t="s">
        <v>69038</v>
      </c>
      <c r="L7533" s="2" t="s">
        <v>69039</v>
      </c>
      <c r="M7533" s="5" t="s">
        <v>1521</v>
      </c>
      <c r="N7533" s="5" t="s">
        <v>38</v>
      </c>
      <c r="O7533" s="5" t="s">
        <v>39</v>
      </c>
      <c r="P7533" s="5" t="s">
        <v>40</v>
      </c>
      <c r="Q7533" s="5" t="s">
        <v>1522</v>
      </c>
      <c r="R7533" s="5" t="s">
        <v>1523</v>
      </c>
      <c r="S7533" s="5" t="s">
        <v>42</v>
      </c>
      <c r="T7533" s="2">
        <v>2.8239999999999998</v>
      </c>
      <c r="U7533" s="2">
        <v>2.1930000000000001</v>
      </c>
      <c r="V7533" s="2">
        <v>16.7</v>
      </c>
      <c r="W7533" s="2">
        <v>139.1</v>
      </c>
      <c r="X7533" s="2">
        <v>7.6</v>
      </c>
      <c r="Y7533" s="2">
        <v>16.7</v>
      </c>
      <c r="Z7533" s="5"/>
      <c r="AA7533" s="5" t="s">
        <v>43</v>
      </c>
      <c r="AB7533" s="5" t="s">
        <v>44</v>
      </c>
      <c r="AC7533" s="2"/>
      <c r="AD7533" s="1"/>
    </row>
    <row r="7534" spans="1:30">
      <c r="A7534" s="5" t="s">
        <v>83578</v>
      </c>
      <c r="B7534" s="2" t="s">
        <v>106721</v>
      </c>
      <c r="C7534" s="14" t="s">
        <v>106722</v>
      </c>
      <c r="D7534" s="2" t="s">
        <v>106723</v>
      </c>
      <c r="E7534" s="2" t="s">
        <v>16079</v>
      </c>
      <c r="F7534" s="8">
        <v>263</v>
      </c>
      <c r="G7534" s="5">
        <v>6</v>
      </c>
      <c r="H7534" s="5" t="s">
        <v>1518</v>
      </c>
      <c r="I7534" s="5" t="s">
        <v>69038</v>
      </c>
      <c r="J7534" s="2" t="s">
        <v>69039</v>
      </c>
      <c r="K7534" s="5" t="s">
        <v>69038</v>
      </c>
      <c r="L7534" s="2" t="s">
        <v>69039</v>
      </c>
      <c r="M7534" s="5" t="s">
        <v>1521</v>
      </c>
      <c r="N7534" s="5" t="s">
        <v>38</v>
      </c>
      <c r="O7534" s="5" t="s">
        <v>39</v>
      </c>
      <c r="P7534" s="5" t="s">
        <v>40</v>
      </c>
      <c r="Q7534" s="5" t="s">
        <v>1522</v>
      </c>
      <c r="R7534" s="5" t="s">
        <v>1523</v>
      </c>
      <c r="S7534" s="5" t="s">
        <v>42</v>
      </c>
      <c r="T7534" s="2">
        <v>2.8239999999999998</v>
      </c>
      <c r="U7534" s="2">
        <v>2.1930000000000001</v>
      </c>
      <c r="V7534" s="2">
        <v>16.7</v>
      </c>
      <c r="W7534" s="2">
        <v>139.1</v>
      </c>
      <c r="X7534" s="2">
        <v>7.6</v>
      </c>
      <c r="Y7534" s="2">
        <v>16.7</v>
      </c>
      <c r="Z7534" s="5"/>
      <c r="AA7534" s="5" t="s">
        <v>43</v>
      </c>
      <c r="AB7534" s="5" t="s">
        <v>44</v>
      </c>
      <c r="AC7534" s="2"/>
      <c r="AD7534" s="1"/>
    </row>
    <row r="7535" spans="1:30">
      <c r="A7535" s="5" t="s">
        <v>83578</v>
      </c>
      <c r="B7535" s="2" t="s">
        <v>106724</v>
      </c>
      <c r="C7535" s="14" t="s">
        <v>106725</v>
      </c>
      <c r="D7535" s="2" t="s">
        <v>106726</v>
      </c>
      <c r="E7535" s="2" t="s">
        <v>7597</v>
      </c>
      <c r="F7535" s="8">
        <v>263</v>
      </c>
      <c r="G7535" s="5">
        <v>6</v>
      </c>
      <c r="H7535" s="5" t="s">
        <v>1518</v>
      </c>
      <c r="I7535" s="5" t="s">
        <v>69038</v>
      </c>
      <c r="J7535" s="2" t="s">
        <v>69039</v>
      </c>
      <c r="K7535" s="5" t="s">
        <v>69038</v>
      </c>
      <c r="L7535" s="2" t="s">
        <v>69039</v>
      </c>
      <c r="M7535" s="5" t="s">
        <v>1521</v>
      </c>
      <c r="N7535" s="5" t="s">
        <v>38</v>
      </c>
      <c r="O7535" s="5" t="s">
        <v>39</v>
      </c>
      <c r="P7535" s="5" t="s">
        <v>40</v>
      </c>
      <c r="Q7535" s="5" t="s">
        <v>1522</v>
      </c>
      <c r="R7535" s="5" t="s">
        <v>1523</v>
      </c>
      <c r="S7535" s="5" t="s">
        <v>42</v>
      </c>
      <c r="T7535" s="2">
        <v>2.9129999999999998</v>
      </c>
      <c r="U7535" s="2">
        <v>2.282</v>
      </c>
      <c r="V7535" s="2">
        <v>16.7</v>
      </c>
      <c r="W7535" s="2">
        <v>139.1</v>
      </c>
      <c r="X7535" s="2">
        <v>7.6</v>
      </c>
      <c r="Y7535" s="2">
        <v>16.7</v>
      </c>
      <c r="Z7535" s="5"/>
      <c r="AA7535" s="5" t="s">
        <v>43</v>
      </c>
      <c r="AB7535" s="5" t="s">
        <v>44</v>
      </c>
      <c r="AC7535" s="2"/>
      <c r="AD7535" s="1"/>
    </row>
    <row r="7536" spans="1:30">
      <c r="A7536" s="5" t="s">
        <v>83578</v>
      </c>
      <c r="B7536" s="2" t="s">
        <v>106727</v>
      </c>
      <c r="C7536" s="14" t="s">
        <v>106728</v>
      </c>
      <c r="D7536" s="2" t="s">
        <v>106729</v>
      </c>
      <c r="E7536" s="2" t="s">
        <v>7212</v>
      </c>
      <c r="F7536" s="8">
        <v>246</v>
      </c>
      <c r="G7536" s="5">
        <v>6</v>
      </c>
      <c r="H7536" s="5" t="s">
        <v>1518</v>
      </c>
      <c r="I7536" s="5" t="s">
        <v>69038</v>
      </c>
      <c r="J7536" s="2" t="s">
        <v>69039</v>
      </c>
      <c r="K7536" s="5" t="s">
        <v>69038</v>
      </c>
      <c r="L7536" s="2" t="s">
        <v>69039</v>
      </c>
      <c r="M7536" s="5" t="s">
        <v>1521</v>
      </c>
      <c r="N7536" s="5" t="s">
        <v>38</v>
      </c>
      <c r="O7536" s="5" t="s">
        <v>39</v>
      </c>
      <c r="P7536" s="5" t="s">
        <v>40</v>
      </c>
      <c r="Q7536" s="5" t="s">
        <v>1522</v>
      </c>
      <c r="R7536" s="5" t="s">
        <v>1523</v>
      </c>
      <c r="S7536" s="5" t="s">
        <v>42</v>
      </c>
      <c r="T7536" s="2">
        <v>2.8239999999999998</v>
      </c>
      <c r="U7536" s="2">
        <v>2.1930000000000001</v>
      </c>
      <c r="V7536" s="2">
        <v>16.7</v>
      </c>
      <c r="W7536" s="2">
        <v>139.1</v>
      </c>
      <c r="X7536" s="2">
        <v>7.6</v>
      </c>
      <c r="Y7536" s="2">
        <v>16.7</v>
      </c>
      <c r="Z7536" s="5"/>
      <c r="AA7536" s="5" t="s">
        <v>43</v>
      </c>
      <c r="AB7536" s="5" t="s">
        <v>44</v>
      </c>
      <c r="AC7536" s="2"/>
      <c r="AD7536" s="1"/>
    </row>
    <row r="7537" spans="1:30">
      <c r="A7537" s="5" t="s">
        <v>83578</v>
      </c>
      <c r="B7537" s="2" t="s">
        <v>106730</v>
      </c>
      <c r="C7537" s="14" t="s">
        <v>106731</v>
      </c>
      <c r="D7537" s="2" t="s">
        <v>106732</v>
      </c>
      <c r="E7537" s="2" t="s">
        <v>7528</v>
      </c>
      <c r="F7537" s="8">
        <v>246</v>
      </c>
      <c r="G7537" s="5">
        <v>6</v>
      </c>
      <c r="H7537" s="5" t="s">
        <v>1518</v>
      </c>
      <c r="I7537" s="5" t="s">
        <v>69038</v>
      </c>
      <c r="J7537" s="2" t="s">
        <v>69039</v>
      </c>
      <c r="K7537" s="5" t="s">
        <v>69038</v>
      </c>
      <c r="L7537" s="2" t="s">
        <v>69039</v>
      </c>
      <c r="M7537" s="5" t="s">
        <v>1521</v>
      </c>
      <c r="N7537" s="5" t="s">
        <v>38</v>
      </c>
      <c r="O7537" s="5" t="s">
        <v>39</v>
      </c>
      <c r="P7537" s="5" t="s">
        <v>40</v>
      </c>
      <c r="Q7537" s="5" t="s">
        <v>1522</v>
      </c>
      <c r="R7537" s="5" t="s">
        <v>1523</v>
      </c>
      <c r="S7537" s="5" t="s">
        <v>42</v>
      </c>
      <c r="T7537" s="2">
        <v>2.9129999999999998</v>
      </c>
      <c r="U7537" s="2">
        <v>2.282</v>
      </c>
      <c r="V7537" s="2">
        <v>16.7</v>
      </c>
      <c r="W7537" s="2">
        <v>139.1</v>
      </c>
      <c r="X7537" s="2">
        <v>7.6</v>
      </c>
      <c r="Y7537" s="2">
        <v>16.7</v>
      </c>
      <c r="Z7537" s="5"/>
      <c r="AA7537" s="5" t="s">
        <v>43</v>
      </c>
      <c r="AB7537" s="5" t="s">
        <v>44</v>
      </c>
      <c r="AC7537" s="2"/>
      <c r="AD7537" s="1"/>
    </row>
    <row r="7538" spans="1:30">
      <c r="A7538" s="5" t="s">
        <v>83578</v>
      </c>
      <c r="B7538" s="2" t="s">
        <v>106733</v>
      </c>
      <c r="C7538" s="14" t="s">
        <v>106734</v>
      </c>
      <c r="D7538" s="2" t="s">
        <v>106735</v>
      </c>
      <c r="E7538" s="2" t="s">
        <v>7551</v>
      </c>
      <c r="F7538" s="8">
        <v>253</v>
      </c>
      <c r="G7538" s="5">
        <v>6</v>
      </c>
      <c r="H7538" s="5" t="s">
        <v>1518</v>
      </c>
      <c r="I7538" s="5" t="s">
        <v>69038</v>
      </c>
      <c r="J7538" s="2" t="s">
        <v>69039</v>
      </c>
      <c r="K7538" s="5" t="s">
        <v>69038</v>
      </c>
      <c r="L7538" s="2" t="s">
        <v>69039</v>
      </c>
      <c r="M7538" s="5" t="s">
        <v>1521</v>
      </c>
      <c r="N7538" s="5" t="s">
        <v>38</v>
      </c>
      <c r="O7538" s="5" t="s">
        <v>39</v>
      </c>
      <c r="P7538" s="5" t="s">
        <v>40</v>
      </c>
      <c r="Q7538" s="5" t="s">
        <v>1522</v>
      </c>
      <c r="R7538" s="5" t="s">
        <v>1523</v>
      </c>
      <c r="S7538" s="5" t="s">
        <v>42</v>
      </c>
      <c r="T7538" s="2">
        <v>2.6160000000000001</v>
      </c>
      <c r="U7538" s="2">
        <v>2.0699999999999998</v>
      </c>
      <c r="V7538" s="2">
        <v>16.7</v>
      </c>
      <c r="W7538" s="2">
        <v>99.1</v>
      </c>
      <c r="X7538" s="2">
        <v>7.6</v>
      </c>
      <c r="Y7538" s="2">
        <v>16.7</v>
      </c>
      <c r="Z7538" s="5"/>
      <c r="AA7538" s="5" t="s">
        <v>43</v>
      </c>
      <c r="AB7538" s="5" t="s">
        <v>44</v>
      </c>
      <c r="AC7538" s="2"/>
      <c r="AD7538" s="1"/>
    </row>
    <row r="7539" spans="1:30">
      <c r="A7539" s="5" t="s">
        <v>83578</v>
      </c>
      <c r="B7539" s="2" t="s">
        <v>106736</v>
      </c>
      <c r="C7539" s="14" t="s">
        <v>106737</v>
      </c>
      <c r="D7539" s="2" t="s">
        <v>106738</v>
      </c>
      <c r="E7539" s="2" t="s">
        <v>7597</v>
      </c>
      <c r="F7539" s="8">
        <v>253</v>
      </c>
      <c r="G7539" s="5">
        <v>6</v>
      </c>
      <c r="H7539" s="5" t="s">
        <v>1518</v>
      </c>
      <c r="I7539" s="5" t="s">
        <v>69038</v>
      </c>
      <c r="J7539" s="2" t="s">
        <v>69039</v>
      </c>
      <c r="K7539" s="5" t="s">
        <v>69038</v>
      </c>
      <c r="L7539" s="2" t="s">
        <v>69039</v>
      </c>
      <c r="M7539" s="5" t="s">
        <v>1521</v>
      </c>
      <c r="N7539" s="5" t="s">
        <v>38</v>
      </c>
      <c r="O7539" s="5" t="s">
        <v>39</v>
      </c>
      <c r="P7539" s="5" t="s">
        <v>40</v>
      </c>
      <c r="Q7539" s="5" t="s">
        <v>1522</v>
      </c>
      <c r="R7539" s="5" t="s">
        <v>1523</v>
      </c>
      <c r="S7539" s="5" t="s">
        <v>42</v>
      </c>
      <c r="T7539" s="2">
        <v>2.6160000000000001</v>
      </c>
      <c r="U7539" s="2">
        <v>2.0699999999999998</v>
      </c>
      <c r="V7539" s="2">
        <v>16.7</v>
      </c>
      <c r="W7539" s="2">
        <v>99.1</v>
      </c>
      <c r="X7539" s="2">
        <v>7.6</v>
      </c>
      <c r="Y7539" s="2">
        <v>16.7</v>
      </c>
      <c r="Z7539" s="5"/>
      <c r="AA7539" s="5" t="s">
        <v>43</v>
      </c>
      <c r="AB7539" s="5" t="s">
        <v>44</v>
      </c>
      <c r="AC7539" s="2"/>
      <c r="AD7539" s="1"/>
    </row>
    <row r="7540" spans="1:30">
      <c r="A7540" s="5" t="s">
        <v>83578</v>
      </c>
      <c r="B7540" s="2" t="s">
        <v>106739</v>
      </c>
      <c r="C7540" s="14" t="s">
        <v>106740</v>
      </c>
      <c r="D7540" s="2" t="s">
        <v>106741</v>
      </c>
      <c r="E7540" s="2" t="s">
        <v>7547</v>
      </c>
      <c r="F7540" s="8">
        <v>263</v>
      </c>
      <c r="G7540" s="5">
        <v>6</v>
      </c>
      <c r="H7540" s="5" t="s">
        <v>1518</v>
      </c>
      <c r="I7540" s="5" t="s">
        <v>69038</v>
      </c>
      <c r="J7540" s="2" t="s">
        <v>69039</v>
      </c>
      <c r="K7540" s="5" t="s">
        <v>69038</v>
      </c>
      <c r="L7540" s="2" t="s">
        <v>69039</v>
      </c>
      <c r="M7540" s="5" t="s">
        <v>1521</v>
      </c>
      <c r="N7540" s="5" t="s">
        <v>38</v>
      </c>
      <c r="O7540" s="5" t="s">
        <v>39</v>
      </c>
      <c r="P7540" s="5" t="s">
        <v>40</v>
      </c>
      <c r="Q7540" s="5" t="s">
        <v>1522</v>
      </c>
      <c r="R7540" s="5" t="s">
        <v>1523</v>
      </c>
      <c r="S7540" s="5" t="s">
        <v>42</v>
      </c>
      <c r="T7540" s="2">
        <v>2.698</v>
      </c>
      <c r="U7540" s="2">
        <v>2.161</v>
      </c>
      <c r="V7540" s="2">
        <v>16.7</v>
      </c>
      <c r="W7540" s="2">
        <v>99.1</v>
      </c>
      <c r="X7540" s="2">
        <v>7.6</v>
      </c>
      <c r="Y7540" s="2">
        <v>16.7</v>
      </c>
      <c r="Z7540" s="5"/>
      <c r="AA7540" s="5" t="s">
        <v>43</v>
      </c>
      <c r="AB7540" s="5" t="s">
        <v>44</v>
      </c>
      <c r="AC7540" s="2"/>
      <c r="AD7540" s="1"/>
    </row>
    <row r="7541" spans="1:30">
      <c r="A7541" s="5" t="s">
        <v>83578</v>
      </c>
      <c r="B7541" s="2" t="s">
        <v>106742</v>
      </c>
      <c r="C7541" s="14" t="s">
        <v>106743</v>
      </c>
      <c r="D7541" s="2" t="s">
        <v>106744</v>
      </c>
      <c r="E7541" s="2" t="s">
        <v>7589</v>
      </c>
      <c r="F7541" s="8">
        <v>263</v>
      </c>
      <c r="G7541" s="5">
        <v>6</v>
      </c>
      <c r="H7541" s="5" t="s">
        <v>1518</v>
      </c>
      <c r="I7541" s="5" t="s">
        <v>69038</v>
      </c>
      <c r="J7541" s="2" t="s">
        <v>69039</v>
      </c>
      <c r="K7541" s="5" t="s">
        <v>69038</v>
      </c>
      <c r="L7541" s="2" t="s">
        <v>69039</v>
      </c>
      <c r="M7541" s="5" t="s">
        <v>1521</v>
      </c>
      <c r="N7541" s="5" t="s">
        <v>38</v>
      </c>
      <c r="O7541" s="5" t="s">
        <v>39</v>
      </c>
      <c r="P7541" s="5" t="s">
        <v>40</v>
      </c>
      <c r="Q7541" s="5" t="s">
        <v>1522</v>
      </c>
      <c r="R7541" s="5" t="s">
        <v>1523</v>
      </c>
      <c r="S7541" s="5" t="s">
        <v>42</v>
      </c>
      <c r="T7541" s="2">
        <v>2.7759999999999998</v>
      </c>
      <c r="U7541" s="2">
        <v>2.2389999999999999</v>
      </c>
      <c r="V7541" s="2">
        <v>16.7</v>
      </c>
      <c r="W7541" s="2">
        <v>99.1</v>
      </c>
      <c r="X7541" s="2">
        <v>7.6</v>
      </c>
      <c r="Y7541" s="2">
        <v>16.7</v>
      </c>
      <c r="Z7541" s="5"/>
      <c r="AA7541" s="5" t="s">
        <v>43</v>
      </c>
      <c r="AB7541" s="5" t="s">
        <v>44</v>
      </c>
      <c r="AC7541" s="2"/>
      <c r="AD7541" s="1"/>
    </row>
    <row r="7542" spans="1:30">
      <c r="A7542" s="5" t="s">
        <v>83578</v>
      </c>
      <c r="B7542" s="2" t="s">
        <v>106745</v>
      </c>
      <c r="C7542" s="14" t="s">
        <v>106746</v>
      </c>
      <c r="D7542" s="2" t="s">
        <v>106747</v>
      </c>
      <c r="E7542" s="2" t="s">
        <v>7597</v>
      </c>
      <c r="F7542" s="8">
        <v>263</v>
      </c>
      <c r="G7542" s="5">
        <v>6</v>
      </c>
      <c r="H7542" s="5" t="s">
        <v>1518</v>
      </c>
      <c r="I7542" s="5" t="s">
        <v>69038</v>
      </c>
      <c r="J7542" s="2" t="s">
        <v>69039</v>
      </c>
      <c r="K7542" s="5" t="s">
        <v>69038</v>
      </c>
      <c r="L7542" s="2" t="s">
        <v>69039</v>
      </c>
      <c r="M7542" s="5" t="s">
        <v>1521</v>
      </c>
      <c r="N7542" s="5" t="s">
        <v>38</v>
      </c>
      <c r="O7542" s="5" t="s">
        <v>39</v>
      </c>
      <c r="P7542" s="5" t="s">
        <v>40</v>
      </c>
      <c r="Q7542" s="5" t="s">
        <v>1522</v>
      </c>
      <c r="R7542" s="5" t="s">
        <v>1523</v>
      </c>
      <c r="S7542" s="5" t="s">
        <v>42</v>
      </c>
      <c r="T7542" s="2">
        <v>2.7759999999999998</v>
      </c>
      <c r="U7542" s="2">
        <v>2.2389999999999999</v>
      </c>
      <c r="V7542" s="2">
        <v>16.7</v>
      </c>
      <c r="W7542" s="2">
        <v>99.1</v>
      </c>
      <c r="X7542" s="2">
        <v>7.6</v>
      </c>
      <c r="Y7542" s="2">
        <v>16.7</v>
      </c>
      <c r="Z7542" s="5"/>
      <c r="AA7542" s="5" t="s">
        <v>43</v>
      </c>
      <c r="AB7542" s="5" t="s">
        <v>44</v>
      </c>
      <c r="AC7542" s="2"/>
      <c r="AD7542" s="1"/>
    </row>
    <row r="7543" spans="1:30">
      <c r="A7543" s="5" t="s">
        <v>83578</v>
      </c>
      <c r="B7543" s="2" t="s">
        <v>106748</v>
      </c>
      <c r="C7543" s="14" t="s">
        <v>106749</v>
      </c>
      <c r="D7543" s="2" t="s">
        <v>106750</v>
      </c>
      <c r="E7543" s="2" t="s">
        <v>7551</v>
      </c>
      <c r="F7543" s="8">
        <v>267</v>
      </c>
      <c r="G7543" s="5">
        <v>6</v>
      </c>
      <c r="H7543" s="5" t="s">
        <v>1518</v>
      </c>
      <c r="I7543" s="5" t="s">
        <v>69038</v>
      </c>
      <c r="J7543" s="2" t="s">
        <v>69039</v>
      </c>
      <c r="K7543" s="5" t="s">
        <v>69038</v>
      </c>
      <c r="L7543" s="2" t="s">
        <v>69039</v>
      </c>
      <c r="M7543" s="5" t="s">
        <v>1521</v>
      </c>
      <c r="N7543" s="5" t="s">
        <v>38</v>
      </c>
      <c r="O7543" s="5" t="s">
        <v>39</v>
      </c>
      <c r="P7543" s="5" t="s">
        <v>40</v>
      </c>
      <c r="Q7543" s="5" t="s">
        <v>1522</v>
      </c>
      <c r="R7543" s="5" t="s">
        <v>1523</v>
      </c>
      <c r="S7543" s="5" t="s">
        <v>42</v>
      </c>
      <c r="T7543" s="2">
        <v>2.95</v>
      </c>
      <c r="U7543" s="2">
        <v>2.4129999999999998</v>
      </c>
      <c r="V7543" s="2">
        <v>16.7</v>
      </c>
      <c r="W7543" s="2">
        <v>118.9</v>
      </c>
      <c r="X7543" s="2">
        <v>7.6</v>
      </c>
      <c r="Y7543" s="2">
        <v>16.7</v>
      </c>
      <c r="Z7543" s="5"/>
      <c r="AA7543" s="5" t="s">
        <v>43</v>
      </c>
      <c r="AB7543" s="5" t="s">
        <v>44</v>
      </c>
      <c r="AC7543" s="2"/>
      <c r="AD7543" s="1"/>
    </row>
    <row r="7544" spans="1:30">
      <c r="A7544" s="5" t="s">
        <v>83578</v>
      </c>
      <c r="B7544" s="2" t="s">
        <v>106751</v>
      </c>
      <c r="C7544" s="14" t="s">
        <v>106752</v>
      </c>
      <c r="D7544" s="2" t="s">
        <v>106753</v>
      </c>
      <c r="E7544" s="2" t="s">
        <v>7559</v>
      </c>
      <c r="F7544" s="8">
        <v>267</v>
      </c>
      <c r="G7544" s="5">
        <v>6</v>
      </c>
      <c r="H7544" s="5" t="s">
        <v>1518</v>
      </c>
      <c r="I7544" s="5" t="s">
        <v>69038</v>
      </c>
      <c r="J7544" s="2" t="s">
        <v>69039</v>
      </c>
      <c r="K7544" s="5" t="s">
        <v>69038</v>
      </c>
      <c r="L7544" s="2" t="s">
        <v>69039</v>
      </c>
      <c r="M7544" s="5" t="s">
        <v>1521</v>
      </c>
      <c r="N7544" s="5" t="s">
        <v>38</v>
      </c>
      <c r="O7544" s="5" t="s">
        <v>39</v>
      </c>
      <c r="P7544" s="5" t="s">
        <v>40</v>
      </c>
      <c r="Q7544" s="5" t="s">
        <v>1522</v>
      </c>
      <c r="R7544" s="5" t="s">
        <v>1523</v>
      </c>
      <c r="S7544" s="5" t="s">
        <v>42</v>
      </c>
      <c r="T7544" s="2">
        <v>2.95</v>
      </c>
      <c r="U7544" s="2">
        <v>2.4129999999999998</v>
      </c>
      <c r="V7544" s="2">
        <v>16.7</v>
      </c>
      <c r="W7544" s="2">
        <v>118.9</v>
      </c>
      <c r="X7544" s="2">
        <v>7.6</v>
      </c>
      <c r="Y7544" s="2">
        <v>16.7</v>
      </c>
      <c r="Z7544" s="5"/>
      <c r="AA7544" s="5" t="s">
        <v>43</v>
      </c>
      <c r="AB7544" s="5" t="s">
        <v>44</v>
      </c>
      <c r="AC7544" s="2"/>
      <c r="AD7544" s="1"/>
    </row>
    <row r="7545" spans="1:30">
      <c r="A7545" s="5" t="s">
        <v>83578</v>
      </c>
      <c r="B7545" s="2" t="s">
        <v>106754</v>
      </c>
      <c r="C7545" s="14" t="s">
        <v>106755</v>
      </c>
      <c r="D7545" s="2" t="s">
        <v>106756</v>
      </c>
      <c r="E7545" s="2" t="s">
        <v>7597</v>
      </c>
      <c r="F7545" s="8">
        <v>267</v>
      </c>
      <c r="G7545" s="5">
        <v>6</v>
      </c>
      <c r="H7545" s="5" t="s">
        <v>1518</v>
      </c>
      <c r="I7545" s="5" t="s">
        <v>69038</v>
      </c>
      <c r="J7545" s="2" t="s">
        <v>69039</v>
      </c>
      <c r="K7545" s="5" t="s">
        <v>69038</v>
      </c>
      <c r="L7545" s="2" t="s">
        <v>69039</v>
      </c>
      <c r="M7545" s="5" t="s">
        <v>1521</v>
      </c>
      <c r="N7545" s="5" t="s">
        <v>38</v>
      </c>
      <c r="O7545" s="5" t="s">
        <v>39</v>
      </c>
      <c r="P7545" s="5" t="s">
        <v>40</v>
      </c>
      <c r="Q7545" s="5" t="s">
        <v>1522</v>
      </c>
      <c r="R7545" s="5" t="s">
        <v>1523</v>
      </c>
      <c r="S7545" s="5" t="s">
        <v>42</v>
      </c>
      <c r="T7545" s="2">
        <v>2.95</v>
      </c>
      <c r="U7545" s="2">
        <v>2.4129999999999998</v>
      </c>
      <c r="V7545" s="2">
        <v>16.7</v>
      </c>
      <c r="W7545" s="2">
        <v>118.9</v>
      </c>
      <c r="X7545" s="2">
        <v>7.6</v>
      </c>
      <c r="Y7545" s="2">
        <v>16.7</v>
      </c>
      <c r="Z7545" s="5"/>
      <c r="AA7545" s="5" t="s">
        <v>43</v>
      </c>
      <c r="AB7545" s="5" t="s">
        <v>44</v>
      </c>
      <c r="AC7545" s="2"/>
      <c r="AD7545" s="1"/>
    </row>
    <row r="7546" spans="1:30">
      <c r="A7546" s="5" t="s">
        <v>83578</v>
      </c>
      <c r="B7546" s="2" t="s">
        <v>106757</v>
      </c>
      <c r="C7546" s="14" t="s">
        <v>106758</v>
      </c>
      <c r="D7546" s="2" t="s">
        <v>106759</v>
      </c>
      <c r="E7546" s="2" t="s">
        <v>7521</v>
      </c>
      <c r="F7546" s="8">
        <v>256</v>
      </c>
      <c r="G7546" s="5">
        <v>6</v>
      </c>
      <c r="H7546" s="5" t="s">
        <v>1518</v>
      </c>
      <c r="I7546" s="5" t="s">
        <v>69038</v>
      </c>
      <c r="J7546" s="2" t="s">
        <v>69039</v>
      </c>
      <c r="K7546" s="5" t="s">
        <v>69038</v>
      </c>
      <c r="L7546" s="2" t="s">
        <v>69039</v>
      </c>
      <c r="M7546" s="5" t="s">
        <v>1521</v>
      </c>
      <c r="N7546" s="5" t="s">
        <v>38</v>
      </c>
      <c r="O7546" s="5" t="s">
        <v>39</v>
      </c>
      <c r="P7546" s="5" t="s">
        <v>40</v>
      </c>
      <c r="Q7546" s="5" t="s">
        <v>1522</v>
      </c>
      <c r="R7546" s="5" t="s">
        <v>1523</v>
      </c>
      <c r="S7546" s="5" t="s">
        <v>42</v>
      </c>
      <c r="T7546" s="2">
        <v>3.1989999999999998</v>
      </c>
      <c r="U7546" s="2">
        <v>2.5859999999999999</v>
      </c>
      <c r="V7546" s="2">
        <v>16.7</v>
      </c>
      <c r="W7546" s="2">
        <v>139.1</v>
      </c>
      <c r="X7546" s="2">
        <v>7.6</v>
      </c>
      <c r="Y7546" s="2">
        <v>16.7</v>
      </c>
      <c r="Z7546" s="5"/>
      <c r="AA7546" s="5" t="s">
        <v>43</v>
      </c>
      <c r="AB7546" s="5" t="s">
        <v>44</v>
      </c>
      <c r="AC7546" s="2"/>
      <c r="AD7546" s="1"/>
    </row>
    <row r="7547" spans="1:30">
      <c r="A7547" s="5" t="s">
        <v>83578</v>
      </c>
      <c r="B7547" s="2" t="s">
        <v>106760</v>
      </c>
      <c r="C7547" s="14" t="s">
        <v>106761</v>
      </c>
      <c r="D7547" s="2" t="s">
        <v>106762</v>
      </c>
      <c r="E7547" s="2" t="s">
        <v>7507</v>
      </c>
      <c r="F7547" s="8">
        <v>256</v>
      </c>
      <c r="G7547" s="5">
        <v>6</v>
      </c>
      <c r="H7547" s="5" t="s">
        <v>1518</v>
      </c>
      <c r="I7547" s="5" t="s">
        <v>69038</v>
      </c>
      <c r="J7547" s="2" t="s">
        <v>69039</v>
      </c>
      <c r="K7547" s="5" t="s">
        <v>69038</v>
      </c>
      <c r="L7547" s="2" t="s">
        <v>69039</v>
      </c>
      <c r="M7547" s="5" t="s">
        <v>1521</v>
      </c>
      <c r="N7547" s="5" t="s">
        <v>38</v>
      </c>
      <c r="O7547" s="5" t="s">
        <v>39</v>
      </c>
      <c r="P7547" s="5" t="s">
        <v>40</v>
      </c>
      <c r="Q7547" s="5" t="s">
        <v>1522</v>
      </c>
      <c r="R7547" s="5" t="s">
        <v>1523</v>
      </c>
      <c r="S7547" s="5" t="s">
        <v>42</v>
      </c>
      <c r="T7547" s="2">
        <v>3.1989999999999998</v>
      </c>
      <c r="U7547" s="2">
        <v>2.5859999999999999</v>
      </c>
      <c r="V7547" s="2">
        <v>16.7</v>
      </c>
      <c r="W7547" s="2">
        <v>139.1</v>
      </c>
      <c r="X7547" s="2">
        <v>7.6</v>
      </c>
      <c r="Y7547" s="2">
        <v>16.7</v>
      </c>
      <c r="Z7547" s="5"/>
      <c r="AA7547" s="5" t="s">
        <v>43</v>
      </c>
      <c r="AB7547" s="5" t="s">
        <v>44</v>
      </c>
      <c r="AC7547" s="2"/>
      <c r="AD7547" s="1"/>
    </row>
    <row r="7548" spans="1:30">
      <c r="A7548" s="5" t="s">
        <v>83578</v>
      </c>
      <c r="B7548" s="2" t="s">
        <v>106763</v>
      </c>
      <c r="C7548" s="14" t="s">
        <v>106764</v>
      </c>
      <c r="D7548" s="2" t="s">
        <v>106765</v>
      </c>
      <c r="E7548" s="2" t="s">
        <v>7563</v>
      </c>
      <c r="F7548" s="8">
        <v>275</v>
      </c>
      <c r="G7548" s="5">
        <v>6</v>
      </c>
      <c r="H7548" s="5" t="s">
        <v>1518</v>
      </c>
      <c r="I7548" s="5" t="s">
        <v>69038</v>
      </c>
      <c r="J7548" s="2" t="s">
        <v>69039</v>
      </c>
      <c r="K7548" s="5" t="s">
        <v>69038</v>
      </c>
      <c r="L7548" s="2" t="s">
        <v>69039</v>
      </c>
      <c r="M7548" s="5" t="s">
        <v>1521</v>
      </c>
      <c r="N7548" s="5" t="s">
        <v>38</v>
      </c>
      <c r="O7548" s="5" t="s">
        <v>39</v>
      </c>
      <c r="P7548" s="5" t="s">
        <v>40</v>
      </c>
      <c r="Q7548" s="5" t="s">
        <v>1522</v>
      </c>
      <c r="R7548" s="5" t="s">
        <v>1523</v>
      </c>
      <c r="S7548" s="5" t="s">
        <v>42</v>
      </c>
      <c r="T7548" s="2">
        <v>3.097</v>
      </c>
      <c r="U7548" s="2">
        <v>2.484</v>
      </c>
      <c r="V7548" s="2">
        <v>16.7</v>
      </c>
      <c r="W7548" s="2">
        <v>139.1</v>
      </c>
      <c r="X7548" s="2">
        <v>7.6</v>
      </c>
      <c r="Y7548" s="2">
        <v>16.7</v>
      </c>
      <c r="Z7548" s="5"/>
      <c r="AA7548" s="5" t="s">
        <v>43</v>
      </c>
      <c r="AB7548" s="5" t="s">
        <v>44</v>
      </c>
      <c r="AC7548" s="2"/>
      <c r="AD7548" s="1"/>
    </row>
    <row r="7549" spans="1:30">
      <c r="A7549" s="5" t="s">
        <v>83578</v>
      </c>
      <c r="B7549" s="2" t="s">
        <v>106766</v>
      </c>
      <c r="C7549" s="14" t="s">
        <v>106767</v>
      </c>
      <c r="D7549" s="2" t="s">
        <v>106768</v>
      </c>
      <c r="E7549" s="2" t="s">
        <v>7567</v>
      </c>
      <c r="F7549" s="8">
        <v>275</v>
      </c>
      <c r="G7549" s="5">
        <v>6</v>
      </c>
      <c r="H7549" s="5" t="s">
        <v>1518</v>
      </c>
      <c r="I7549" s="5" t="s">
        <v>69038</v>
      </c>
      <c r="J7549" s="2" t="s">
        <v>69039</v>
      </c>
      <c r="K7549" s="5" t="s">
        <v>69038</v>
      </c>
      <c r="L7549" s="2" t="s">
        <v>69039</v>
      </c>
      <c r="M7549" s="5" t="s">
        <v>1521</v>
      </c>
      <c r="N7549" s="5" t="s">
        <v>38</v>
      </c>
      <c r="O7549" s="5" t="s">
        <v>39</v>
      </c>
      <c r="P7549" s="5" t="s">
        <v>40</v>
      </c>
      <c r="Q7549" s="5" t="s">
        <v>1522</v>
      </c>
      <c r="R7549" s="5" t="s">
        <v>1523</v>
      </c>
      <c r="S7549" s="5" t="s">
        <v>42</v>
      </c>
      <c r="T7549" s="2">
        <v>3.1989999999999998</v>
      </c>
      <c r="U7549" s="2">
        <v>2.5859999999999999</v>
      </c>
      <c r="V7549" s="2">
        <v>16.7</v>
      </c>
      <c r="W7549" s="2">
        <v>139.1</v>
      </c>
      <c r="X7549" s="2">
        <v>7.6</v>
      </c>
      <c r="Y7549" s="2">
        <v>16.7</v>
      </c>
      <c r="Z7549" s="5"/>
      <c r="AA7549" s="5" t="s">
        <v>43</v>
      </c>
      <c r="AB7549" s="5" t="s">
        <v>44</v>
      </c>
      <c r="AC7549" s="2"/>
      <c r="AD7549" s="1"/>
    </row>
    <row r="7550" spans="1:30">
      <c r="A7550" s="5" t="s">
        <v>83578</v>
      </c>
      <c r="B7550" s="2" t="s">
        <v>106769</v>
      </c>
      <c r="C7550" s="14" t="s">
        <v>106770</v>
      </c>
      <c r="D7550" s="2" t="s">
        <v>106771</v>
      </c>
      <c r="E7550" s="2" t="s">
        <v>7555</v>
      </c>
      <c r="F7550" s="8">
        <v>275</v>
      </c>
      <c r="G7550" s="5">
        <v>6</v>
      </c>
      <c r="H7550" s="5" t="s">
        <v>1518</v>
      </c>
      <c r="I7550" s="5" t="s">
        <v>69038</v>
      </c>
      <c r="J7550" s="2" t="s">
        <v>69039</v>
      </c>
      <c r="K7550" s="5" t="s">
        <v>69038</v>
      </c>
      <c r="L7550" s="2" t="s">
        <v>69039</v>
      </c>
      <c r="M7550" s="5" t="s">
        <v>1521</v>
      </c>
      <c r="N7550" s="5" t="s">
        <v>38</v>
      </c>
      <c r="O7550" s="5" t="s">
        <v>39</v>
      </c>
      <c r="P7550" s="5" t="s">
        <v>40</v>
      </c>
      <c r="Q7550" s="5" t="s">
        <v>1522</v>
      </c>
      <c r="R7550" s="5" t="s">
        <v>1523</v>
      </c>
      <c r="S7550" s="5" t="s">
        <v>42</v>
      </c>
      <c r="T7550" s="2">
        <v>3.097</v>
      </c>
      <c r="U7550" s="2">
        <v>2.484</v>
      </c>
      <c r="V7550" s="2">
        <v>16.7</v>
      </c>
      <c r="W7550" s="2">
        <v>139.1</v>
      </c>
      <c r="X7550" s="2">
        <v>7.6</v>
      </c>
      <c r="Y7550" s="2">
        <v>16.7</v>
      </c>
      <c r="Z7550" s="5"/>
      <c r="AA7550" s="5" t="s">
        <v>43</v>
      </c>
      <c r="AB7550" s="5" t="s">
        <v>44</v>
      </c>
      <c r="AC7550" s="2"/>
      <c r="AD7550" s="1"/>
    </row>
    <row r="7551" spans="1:30">
      <c r="A7551" s="5" t="s">
        <v>83578</v>
      </c>
      <c r="B7551" s="2" t="s">
        <v>106772</v>
      </c>
      <c r="C7551" s="14" t="s">
        <v>106773</v>
      </c>
      <c r="D7551" s="2" t="s">
        <v>106774</v>
      </c>
      <c r="E7551" s="2" t="s">
        <v>7559</v>
      </c>
      <c r="F7551" s="8">
        <v>275</v>
      </c>
      <c r="G7551" s="5">
        <v>6</v>
      </c>
      <c r="H7551" s="5" t="s">
        <v>1518</v>
      </c>
      <c r="I7551" s="5" t="s">
        <v>69038</v>
      </c>
      <c r="J7551" s="2" t="s">
        <v>69039</v>
      </c>
      <c r="K7551" s="5" t="s">
        <v>69038</v>
      </c>
      <c r="L7551" s="2" t="s">
        <v>69039</v>
      </c>
      <c r="M7551" s="5" t="s">
        <v>1521</v>
      </c>
      <c r="N7551" s="5" t="s">
        <v>38</v>
      </c>
      <c r="O7551" s="5" t="s">
        <v>39</v>
      </c>
      <c r="P7551" s="5" t="s">
        <v>40</v>
      </c>
      <c r="Q7551" s="5" t="s">
        <v>1522</v>
      </c>
      <c r="R7551" s="5" t="s">
        <v>1523</v>
      </c>
      <c r="S7551" s="5" t="s">
        <v>42</v>
      </c>
      <c r="T7551" s="2">
        <v>3.1989999999999998</v>
      </c>
      <c r="U7551" s="2">
        <v>2.5859999999999999</v>
      </c>
      <c r="V7551" s="2">
        <v>16.7</v>
      </c>
      <c r="W7551" s="2">
        <v>139.1</v>
      </c>
      <c r="X7551" s="2">
        <v>7.6</v>
      </c>
      <c r="Y7551" s="2">
        <v>16.7</v>
      </c>
      <c r="Z7551" s="5"/>
      <c r="AA7551" s="5" t="s">
        <v>43</v>
      </c>
      <c r="AB7551" s="5" t="s">
        <v>44</v>
      </c>
      <c r="AC7551" s="2"/>
      <c r="AD7551" s="1"/>
    </row>
    <row r="7552" spans="1:30">
      <c r="A7552" s="5" t="s">
        <v>83578</v>
      </c>
      <c r="B7552" s="2" t="s">
        <v>106775</v>
      </c>
      <c r="C7552" s="14" t="s">
        <v>106776</v>
      </c>
      <c r="D7552" s="2" t="s">
        <v>106777</v>
      </c>
      <c r="E7552" s="2" t="s">
        <v>16079</v>
      </c>
      <c r="F7552" s="8">
        <v>275</v>
      </c>
      <c r="G7552" s="5">
        <v>6</v>
      </c>
      <c r="H7552" s="5" t="s">
        <v>1518</v>
      </c>
      <c r="I7552" s="5" t="s">
        <v>69038</v>
      </c>
      <c r="J7552" s="2" t="s">
        <v>69039</v>
      </c>
      <c r="K7552" s="5" t="s">
        <v>69038</v>
      </c>
      <c r="L7552" s="2" t="s">
        <v>69039</v>
      </c>
      <c r="M7552" s="5" t="s">
        <v>1521</v>
      </c>
      <c r="N7552" s="5" t="s">
        <v>38</v>
      </c>
      <c r="O7552" s="5" t="s">
        <v>39</v>
      </c>
      <c r="P7552" s="5" t="s">
        <v>40</v>
      </c>
      <c r="Q7552" s="5" t="s">
        <v>1522</v>
      </c>
      <c r="R7552" s="5" t="s">
        <v>1523</v>
      </c>
      <c r="S7552" s="5" t="s">
        <v>42</v>
      </c>
      <c r="T7552" s="2">
        <v>3.097</v>
      </c>
      <c r="U7552" s="2">
        <v>2.484</v>
      </c>
      <c r="V7552" s="2">
        <v>16.7</v>
      </c>
      <c r="W7552" s="2">
        <v>139.1</v>
      </c>
      <c r="X7552" s="2">
        <v>7.6</v>
      </c>
      <c r="Y7552" s="2">
        <v>16.7</v>
      </c>
      <c r="Z7552" s="5"/>
      <c r="AA7552" s="5" t="s">
        <v>43</v>
      </c>
      <c r="AB7552" s="5" t="s">
        <v>44</v>
      </c>
      <c r="AC7552" s="2"/>
      <c r="AD7552" s="1"/>
    </row>
    <row r="7553" spans="1:30">
      <c r="A7553" s="5" t="s">
        <v>83578</v>
      </c>
      <c r="B7553" s="2" t="s">
        <v>106778</v>
      </c>
      <c r="C7553" s="14" t="s">
        <v>106779</v>
      </c>
      <c r="D7553" s="2" t="s">
        <v>106780</v>
      </c>
      <c r="E7553" s="2" t="s">
        <v>16194</v>
      </c>
      <c r="F7553" s="8">
        <v>275</v>
      </c>
      <c r="G7553" s="5">
        <v>6</v>
      </c>
      <c r="H7553" s="5" t="s">
        <v>1518</v>
      </c>
      <c r="I7553" s="5" t="s">
        <v>69038</v>
      </c>
      <c r="J7553" s="2" t="s">
        <v>69039</v>
      </c>
      <c r="K7553" s="5" t="s">
        <v>69038</v>
      </c>
      <c r="L7553" s="2" t="s">
        <v>69039</v>
      </c>
      <c r="M7553" s="5" t="s">
        <v>1521</v>
      </c>
      <c r="N7553" s="5" t="s">
        <v>38</v>
      </c>
      <c r="O7553" s="5" t="s">
        <v>39</v>
      </c>
      <c r="P7553" s="5" t="s">
        <v>40</v>
      </c>
      <c r="Q7553" s="5" t="s">
        <v>1522</v>
      </c>
      <c r="R7553" s="5" t="s">
        <v>1523</v>
      </c>
      <c r="S7553" s="5" t="s">
        <v>42</v>
      </c>
      <c r="T7553" s="2">
        <v>3.1989999999999998</v>
      </c>
      <c r="U7553" s="2">
        <v>2.5859999999999999</v>
      </c>
      <c r="V7553" s="2">
        <v>16.7</v>
      </c>
      <c r="W7553" s="2">
        <v>139.1</v>
      </c>
      <c r="X7553" s="2">
        <v>7.6</v>
      </c>
      <c r="Y7553" s="2">
        <v>16.7</v>
      </c>
      <c r="Z7553" s="5"/>
      <c r="AA7553" s="5" t="s">
        <v>43</v>
      </c>
      <c r="AB7553" s="5" t="s">
        <v>44</v>
      </c>
      <c r="AC7553" s="2"/>
      <c r="AD7553" s="1"/>
    </row>
    <row r="7554" spans="1:30">
      <c r="A7554" s="5" t="s">
        <v>83578</v>
      </c>
      <c r="B7554" s="2" t="s">
        <v>106781</v>
      </c>
      <c r="C7554" s="14" t="s">
        <v>106782</v>
      </c>
      <c r="D7554" s="2" t="s">
        <v>106783</v>
      </c>
      <c r="E7554" s="2" t="s">
        <v>7449</v>
      </c>
      <c r="F7554" s="8">
        <v>275</v>
      </c>
      <c r="G7554" s="5">
        <v>6</v>
      </c>
      <c r="H7554" s="5" t="s">
        <v>1518</v>
      </c>
      <c r="I7554" s="5" t="s">
        <v>69038</v>
      </c>
      <c r="J7554" s="2" t="s">
        <v>69039</v>
      </c>
      <c r="K7554" s="5" t="s">
        <v>69038</v>
      </c>
      <c r="L7554" s="2" t="s">
        <v>69039</v>
      </c>
      <c r="M7554" s="5" t="s">
        <v>1521</v>
      </c>
      <c r="N7554" s="5" t="s">
        <v>38</v>
      </c>
      <c r="O7554" s="5" t="s">
        <v>39</v>
      </c>
      <c r="P7554" s="5" t="s">
        <v>40</v>
      </c>
      <c r="Q7554" s="5" t="s">
        <v>1522</v>
      </c>
      <c r="R7554" s="5" t="s">
        <v>1523</v>
      </c>
      <c r="S7554" s="5" t="s">
        <v>42</v>
      </c>
      <c r="T7554" s="2">
        <v>3.097</v>
      </c>
      <c r="U7554" s="2">
        <v>2.484</v>
      </c>
      <c r="V7554" s="2">
        <v>16.7</v>
      </c>
      <c r="W7554" s="2">
        <v>139.1</v>
      </c>
      <c r="X7554" s="2">
        <v>7.6</v>
      </c>
      <c r="Y7554" s="2">
        <v>16.7</v>
      </c>
      <c r="Z7554" s="5"/>
      <c r="AA7554" s="5" t="s">
        <v>43</v>
      </c>
      <c r="AB7554" s="5" t="s">
        <v>44</v>
      </c>
      <c r="AC7554" s="2"/>
      <c r="AD7554" s="1"/>
    </row>
    <row r="7555" spans="1:30">
      <c r="A7555" s="5" t="s">
        <v>83578</v>
      </c>
      <c r="B7555" s="2" t="s">
        <v>106784</v>
      </c>
      <c r="C7555" s="14" t="s">
        <v>106785</v>
      </c>
      <c r="D7555" s="2" t="s">
        <v>106786</v>
      </c>
      <c r="E7555" s="2" t="s">
        <v>7581</v>
      </c>
      <c r="F7555" s="8">
        <v>275</v>
      </c>
      <c r="G7555" s="5">
        <v>6</v>
      </c>
      <c r="H7555" s="5" t="s">
        <v>1518</v>
      </c>
      <c r="I7555" s="5" t="s">
        <v>69038</v>
      </c>
      <c r="J7555" s="2" t="s">
        <v>69039</v>
      </c>
      <c r="K7555" s="5" t="s">
        <v>69038</v>
      </c>
      <c r="L7555" s="2" t="s">
        <v>69039</v>
      </c>
      <c r="M7555" s="5" t="s">
        <v>1521</v>
      </c>
      <c r="N7555" s="5" t="s">
        <v>38</v>
      </c>
      <c r="O7555" s="5" t="s">
        <v>39</v>
      </c>
      <c r="P7555" s="5" t="s">
        <v>40</v>
      </c>
      <c r="Q7555" s="5" t="s">
        <v>1522</v>
      </c>
      <c r="R7555" s="5" t="s">
        <v>1523</v>
      </c>
      <c r="S7555" s="5" t="s">
        <v>42</v>
      </c>
      <c r="T7555" s="2">
        <v>3.1989999999999998</v>
      </c>
      <c r="U7555" s="2">
        <v>2.5859999999999999</v>
      </c>
      <c r="V7555" s="2">
        <v>16.7</v>
      </c>
      <c r="W7555" s="2">
        <v>139.1</v>
      </c>
      <c r="X7555" s="2">
        <v>7.6</v>
      </c>
      <c r="Y7555" s="2">
        <v>16.7</v>
      </c>
      <c r="Z7555" s="5"/>
      <c r="AA7555" s="5" t="s">
        <v>43</v>
      </c>
      <c r="AB7555" s="5" t="s">
        <v>44</v>
      </c>
      <c r="AC7555" s="2"/>
      <c r="AD7555" s="1"/>
    </row>
    <row r="7556" spans="1:30">
      <c r="A7556" s="5" t="s">
        <v>83578</v>
      </c>
      <c r="B7556" s="2" t="s">
        <v>106787</v>
      </c>
      <c r="C7556" s="14" t="s">
        <v>106788</v>
      </c>
      <c r="D7556" s="2" t="s">
        <v>106789</v>
      </c>
      <c r="E7556" s="2" t="s">
        <v>7585</v>
      </c>
      <c r="F7556" s="8">
        <v>275</v>
      </c>
      <c r="G7556" s="5">
        <v>6</v>
      </c>
      <c r="H7556" s="5" t="s">
        <v>1518</v>
      </c>
      <c r="I7556" s="5" t="s">
        <v>69038</v>
      </c>
      <c r="J7556" s="2" t="s">
        <v>69039</v>
      </c>
      <c r="K7556" s="5" t="s">
        <v>69038</v>
      </c>
      <c r="L7556" s="2" t="s">
        <v>69039</v>
      </c>
      <c r="M7556" s="5" t="s">
        <v>1521</v>
      </c>
      <c r="N7556" s="5" t="s">
        <v>38</v>
      </c>
      <c r="O7556" s="5" t="s">
        <v>39</v>
      </c>
      <c r="P7556" s="5" t="s">
        <v>40</v>
      </c>
      <c r="Q7556" s="5" t="s">
        <v>1522</v>
      </c>
      <c r="R7556" s="5" t="s">
        <v>1523</v>
      </c>
      <c r="S7556" s="5" t="s">
        <v>42</v>
      </c>
      <c r="T7556" s="2">
        <v>3.097</v>
      </c>
      <c r="U7556" s="2">
        <v>2.484</v>
      </c>
      <c r="V7556" s="2">
        <v>16.7</v>
      </c>
      <c r="W7556" s="2">
        <v>139.1</v>
      </c>
      <c r="X7556" s="2">
        <v>7.6</v>
      </c>
      <c r="Y7556" s="2">
        <v>16.7</v>
      </c>
      <c r="Z7556" s="5"/>
      <c r="AA7556" s="5" t="s">
        <v>43</v>
      </c>
      <c r="AB7556" s="5" t="s">
        <v>44</v>
      </c>
      <c r="AC7556" s="2"/>
      <c r="AD7556" s="1"/>
    </row>
    <row r="7557" spans="1:30">
      <c r="A7557" s="5" t="s">
        <v>83578</v>
      </c>
      <c r="B7557" s="2" t="s">
        <v>106790</v>
      </c>
      <c r="C7557" s="14" t="s">
        <v>106791</v>
      </c>
      <c r="D7557" s="2" t="s">
        <v>106792</v>
      </c>
      <c r="E7557" s="2" t="s">
        <v>7589</v>
      </c>
      <c r="F7557" s="8">
        <v>275</v>
      </c>
      <c r="G7557" s="5">
        <v>6</v>
      </c>
      <c r="H7557" s="5" t="s">
        <v>1518</v>
      </c>
      <c r="I7557" s="5" t="s">
        <v>69038</v>
      </c>
      <c r="J7557" s="2" t="s">
        <v>69039</v>
      </c>
      <c r="K7557" s="5" t="s">
        <v>69038</v>
      </c>
      <c r="L7557" s="2" t="s">
        <v>69039</v>
      </c>
      <c r="M7557" s="5" t="s">
        <v>1521</v>
      </c>
      <c r="N7557" s="5" t="s">
        <v>38</v>
      </c>
      <c r="O7557" s="5" t="s">
        <v>39</v>
      </c>
      <c r="P7557" s="5" t="s">
        <v>40</v>
      </c>
      <c r="Q7557" s="5" t="s">
        <v>1522</v>
      </c>
      <c r="R7557" s="5" t="s">
        <v>1523</v>
      </c>
      <c r="S7557" s="5" t="s">
        <v>42</v>
      </c>
      <c r="T7557" s="2">
        <v>3.1989999999999998</v>
      </c>
      <c r="U7557" s="2">
        <v>2.5859999999999999</v>
      </c>
      <c r="V7557" s="2">
        <v>16.7</v>
      </c>
      <c r="W7557" s="2">
        <v>139.1</v>
      </c>
      <c r="X7557" s="2">
        <v>7.6</v>
      </c>
      <c r="Y7557" s="2">
        <v>16.7</v>
      </c>
      <c r="Z7557" s="5"/>
      <c r="AA7557" s="5" t="s">
        <v>43</v>
      </c>
      <c r="AB7557" s="5" t="s">
        <v>44</v>
      </c>
      <c r="AC7557" s="2"/>
      <c r="AD7557" s="1"/>
    </row>
    <row r="7558" spans="1:30">
      <c r="A7558" s="5" t="s">
        <v>83578</v>
      </c>
      <c r="B7558" s="2" t="s">
        <v>106793</v>
      </c>
      <c r="C7558" s="14" t="s">
        <v>106794</v>
      </c>
      <c r="D7558" s="2" t="s">
        <v>106795</v>
      </c>
      <c r="E7558" s="2" t="s">
        <v>7593</v>
      </c>
      <c r="F7558" s="8">
        <v>275</v>
      </c>
      <c r="G7558" s="5">
        <v>6</v>
      </c>
      <c r="H7558" s="5" t="s">
        <v>1518</v>
      </c>
      <c r="I7558" s="5" t="s">
        <v>69038</v>
      </c>
      <c r="J7558" s="2" t="s">
        <v>69039</v>
      </c>
      <c r="K7558" s="5" t="s">
        <v>69038</v>
      </c>
      <c r="L7558" s="2" t="s">
        <v>69039</v>
      </c>
      <c r="M7558" s="5" t="s">
        <v>1521</v>
      </c>
      <c r="N7558" s="5" t="s">
        <v>38</v>
      </c>
      <c r="O7558" s="5" t="s">
        <v>39</v>
      </c>
      <c r="P7558" s="5" t="s">
        <v>40</v>
      </c>
      <c r="Q7558" s="5" t="s">
        <v>1522</v>
      </c>
      <c r="R7558" s="5" t="s">
        <v>1523</v>
      </c>
      <c r="S7558" s="5" t="s">
        <v>42</v>
      </c>
      <c r="T7558" s="2">
        <v>3.097</v>
      </c>
      <c r="U7558" s="2">
        <v>2.484</v>
      </c>
      <c r="V7558" s="2">
        <v>16.7</v>
      </c>
      <c r="W7558" s="2">
        <v>139.1</v>
      </c>
      <c r="X7558" s="2">
        <v>7.6</v>
      </c>
      <c r="Y7558" s="2">
        <v>16.7</v>
      </c>
      <c r="Z7558" s="5"/>
      <c r="AA7558" s="5" t="s">
        <v>43</v>
      </c>
      <c r="AB7558" s="5" t="s">
        <v>44</v>
      </c>
      <c r="AC7558" s="2"/>
      <c r="AD7558" s="1"/>
    </row>
    <row r="7559" spans="1:30">
      <c r="A7559" s="5" t="s">
        <v>83578</v>
      </c>
      <c r="B7559" s="2" t="s">
        <v>106796</v>
      </c>
      <c r="C7559" s="14" t="s">
        <v>106797</v>
      </c>
      <c r="D7559" s="2" t="s">
        <v>106798</v>
      </c>
      <c r="E7559" s="2" t="s">
        <v>7597</v>
      </c>
      <c r="F7559" s="8">
        <v>275</v>
      </c>
      <c r="G7559" s="5">
        <v>6</v>
      </c>
      <c r="H7559" s="5" t="s">
        <v>1518</v>
      </c>
      <c r="I7559" s="5" t="s">
        <v>69038</v>
      </c>
      <c r="J7559" s="2" t="s">
        <v>69039</v>
      </c>
      <c r="K7559" s="5" t="s">
        <v>69038</v>
      </c>
      <c r="L7559" s="2" t="s">
        <v>69039</v>
      </c>
      <c r="M7559" s="5" t="s">
        <v>1521</v>
      </c>
      <c r="N7559" s="5" t="s">
        <v>38</v>
      </c>
      <c r="O7559" s="5" t="s">
        <v>39</v>
      </c>
      <c r="P7559" s="5" t="s">
        <v>40</v>
      </c>
      <c r="Q7559" s="5" t="s">
        <v>1522</v>
      </c>
      <c r="R7559" s="5" t="s">
        <v>1523</v>
      </c>
      <c r="S7559" s="5" t="s">
        <v>42</v>
      </c>
      <c r="T7559" s="2">
        <v>3.1989999999999998</v>
      </c>
      <c r="U7559" s="2">
        <v>2.5859999999999999</v>
      </c>
      <c r="V7559" s="2">
        <v>16.7</v>
      </c>
      <c r="W7559" s="2">
        <v>139.1</v>
      </c>
      <c r="X7559" s="2">
        <v>7.6</v>
      </c>
      <c r="Y7559" s="2">
        <v>16.7</v>
      </c>
      <c r="Z7559" s="5"/>
      <c r="AA7559" s="5" t="s">
        <v>43</v>
      </c>
      <c r="AB7559" s="5" t="s">
        <v>44</v>
      </c>
      <c r="AC7559" s="2"/>
      <c r="AD7559" s="1"/>
    </row>
    <row r="7560" spans="1:30">
      <c r="A7560" s="5" t="s">
        <v>83578</v>
      </c>
      <c r="B7560" s="2" t="s">
        <v>106799</v>
      </c>
      <c r="C7560" s="14" t="s">
        <v>106800</v>
      </c>
      <c r="D7560" s="2" t="s">
        <v>106801</v>
      </c>
      <c r="E7560" s="2" t="s">
        <v>73358</v>
      </c>
      <c r="F7560" s="8">
        <v>275</v>
      </c>
      <c r="G7560" s="5">
        <v>6</v>
      </c>
      <c r="H7560" s="5" t="s">
        <v>1518</v>
      </c>
      <c r="I7560" s="5" t="s">
        <v>69038</v>
      </c>
      <c r="J7560" s="2" t="s">
        <v>69039</v>
      </c>
      <c r="K7560" s="5" t="s">
        <v>69038</v>
      </c>
      <c r="L7560" s="2" t="s">
        <v>69039</v>
      </c>
      <c r="M7560" s="5" t="s">
        <v>1521</v>
      </c>
      <c r="N7560" s="5" t="s">
        <v>38</v>
      </c>
      <c r="O7560" s="5" t="s">
        <v>39</v>
      </c>
      <c r="P7560" s="5" t="s">
        <v>40</v>
      </c>
      <c r="Q7560" s="5" t="s">
        <v>1522</v>
      </c>
      <c r="R7560" s="5" t="s">
        <v>1523</v>
      </c>
      <c r="S7560" s="5" t="s">
        <v>42</v>
      </c>
      <c r="T7560" s="2">
        <v>3.097</v>
      </c>
      <c r="U7560" s="2">
        <v>2.484</v>
      </c>
      <c r="V7560" s="2">
        <v>16.7</v>
      </c>
      <c r="W7560" s="2">
        <v>139.1</v>
      </c>
      <c r="X7560" s="2">
        <v>7.6</v>
      </c>
      <c r="Y7560" s="2">
        <v>16.7</v>
      </c>
      <c r="Z7560" s="5"/>
      <c r="AA7560" s="5" t="s">
        <v>43</v>
      </c>
      <c r="AB7560" s="5" t="s">
        <v>44</v>
      </c>
      <c r="AC7560" s="2"/>
      <c r="AD7560" s="1"/>
    </row>
    <row r="7561" spans="1:30">
      <c r="A7561" s="5" t="s">
        <v>83578</v>
      </c>
      <c r="B7561" s="2" t="s">
        <v>106802</v>
      </c>
      <c r="C7561" s="14" t="s">
        <v>106803</v>
      </c>
      <c r="D7561" s="2" t="s">
        <v>106804</v>
      </c>
      <c r="E7561" s="2" t="s">
        <v>73362</v>
      </c>
      <c r="F7561" s="8">
        <v>275</v>
      </c>
      <c r="G7561" s="5">
        <v>6</v>
      </c>
      <c r="H7561" s="5" t="s">
        <v>1518</v>
      </c>
      <c r="I7561" s="5" t="s">
        <v>69038</v>
      </c>
      <c r="J7561" s="2" t="s">
        <v>69039</v>
      </c>
      <c r="K7561" s="5" t="s">
        <v>69038</v>
      </c>
      <c r="L7561" s="2" t="s">
        <v>69039</v>
      </c>
      <c r="M7561" s="5" t="s">
        <v>1521</v>
      </c>
      <c r="N7561" s="5" t="s">
        <v>38</v>
      </c>
      <c r="O7561" s="5" t="s">
        <v>39</v>
      </c>
      <c r="P7561" s="5" t="s">
        <v>40</v>
      </c>
      <c r="Q7561" s="5" t="s">
        <v>1522</v>
      </c>
      <c r="R7561" s="5" t="s">
        <v>1523</v>
      </c>
      <c r="S7561" s="5" t="s">
        <v>42</v>
      </c>
      <c r="T7561" s="2">
        <v>3.1989999999999998</v>
      </c>
      <c r="U7561" s="2">
        <v>2.5859999999999999</v>
      </c>
      <c r="V7561" s="2">
        <v>16.7</v>
      </c>
      <c r="W7561" s="2">
        <v>139.1</v>
      </c>
      <c r="X7561" s="2">
        <v>7.6</v>
      </c>
      <c r="Y7561" s="2">
        <v>16.7</v>
      </c>
      <c r="Z7561" s="5"/>
      <c r="AA7561" s="5" t="s">
        <v>43</v>
      </c>
      <c r="AB7561" s="5" t="s">
        <v>44</v>
      </c>
      <c r="AC7561" s="2"/>
      <c r="AD7561" s="1"/>
    </row>
    <row r="7562" spans="1:30">
      <c r="A7562" s="5" t="s">
        <v>83578</v>
      </c>
      <c r="B7562" s="2" t="s">
        <v>106805</v>
      </c>
      <c r="C7562" s="14" t="s">
        <v>106806</v>
      </c>
      <c r="D7562" s="2" t="s">
        <v>106807</v>
      </c>
      <c r="E7562" s="2" t="s">
        <v>7615</v>
      </c>
      <c r="F7562" s="8">
        <v>275</v>
      </c>
      <c r="G7562" s="5">
        <v>6</v>
      </c>
      <c r="H7562" s="5" t="s">
        <v>1518</v>
      </c>
      <c r="I7562" s="5" t="s">
        <v>69038</v>
      </c>
      <c r="J7562" s="2" t="s">
        <v>69039</v>
      </c>
      <c r="K7562" s="5" t="s">
        <v>69038</v>
      </c>
      <c r="L7562" s="2" t="s">
        <v>69039</v>
      </c>
      <c r="M7562" s="5" t="s">
        <v>1521</v>
      </c>
      <c r="N7562" s="5" t="s">
        <v>38</v>
      </c>
      <c r="O7562" s="5" t="s">
        <v>39</v>
      </c>
      <c r="P7562" s="5" t="s">
        <v>40</v>
      </c>
      <c r="Q7562" s="5" t="s">
        <v>1522</v>
      </c>
      <c r="R7562" s="5" t="s">
        <v>1523</v>
      </c>
      <c r="S7562" s="5" t="s">
        <v>42</v>
      </c>
      <c r="T7562" s="2">
        <v>3.097</v>
      </c>
      <c r="U7562" s="2">
        <v>2.484</v>
      </c>
      <c r="V7562" s="2">
        <v>16.7</v>
      </c>
      <c r="W7562" s="2">
        <v>139.1</v>
      </c>
      <c r="X7562" s="2">
        <v>7.6</v>
      </c>
      <c r="Y7562" s="2">
        <v>16.7</v>
      </c>
      <c r="Z7562" s="5"/>
      <c r="AA7562" s="5" t="s">
        <v>43</v>
      </c>
      <c r="AB7562" s="5" t="s">
        <v>44</v>
      </c>
      <c r="AC7562" s="2"/>
      <c r="AD7562" s="1"/>
    </row>
    <row r="7563" spans="1:30">
      <c r="A7563" s="5" t="s">
        <v>83578</v>
      </c>
      <c r="B7563" s="2" t="s">
        <v>106808</v>
      </c>
      <c r="C7563" s="14" t="s">
        <v>106809</v>
      </c>
      <c r="D7563" s="2" t="s">
        <v>106810</v>
      </c>
      <c r="E7563" s="2" t="s">
        <v>7619</v>
      </c>
      <c r="F7563" s="8">
        <v>275</v>
      </c>
      <c r="G7563" s="5">
        <v>6</v>
      </c>
      <c r="H7563" s="5" t="s">
        <v>1518</v>
      </c>
      <c r="I7563" s="5" t="s">
        <v>69038</v>
      </c>
      <c r="J7563" s="2" t="s">
        <v>69039</v>
      </c>
      <c r="K7563" s="5" t="s">
        <v>69038</v>
      </c>
      <c r="L7563" s="2" t="s">
        <v>69039</v>
      </c>
      <c r="M7563" s="5" t="s">
        <v>1521</v>
      </c>
      <c r="N7563" s="5" t="s">
        <v>38</v>
      </c>
      <c r="O7563" s="5" t="s">
        <v>39</v>
      </c>
      <c r="P7563" s="5" t="s">
        <v>40</v>
      </c>
      <c r="Q7563" s="5" t="s">
        <v>1522</v>
      </c>
      <c r="R7563" s="5" t="s">
        <v>1523</v>
      </c>
      <c r="S7563" s="5" t="s">
        <v>42</v>
      </c>
      <c r="T7563" s="2">
        <v>3.1989999999999998</v>
      </c>
      <c r="U7563" s="2">
        <v>2.5859999999999999</v>
      </c>
      <c r="V7563" s="2">
        <v>16.7</v>
      </c>
      <c r="W7563" s="2">
        <v>139.1</v>
      </c>
      <c r="X7563" s="2">
        <v>7.6</v>
      </c>
      <c r="Y7563" s="2">
        <v>16.7</v>
      </c>
      <c r="Z7563" s="5"/>
      <c r="AA7563" s="5" t="s">
        <v>43</v>
      </c>
      <c r="AB7563" s="5" t="s">
        <v>44</v>
      </c>
      <c r="AC7563" s="2"/>
      <c r="AD7563" s="1"/>
    </row>
    <row r="7564" spans="1:30">
      <c r="A7564" s="5" t="s">
        <v>83578</v>
      </c>
      <c r="B7564" s="2" t="s">
        <v>106811</v>
      </c>
      <c r="C7564" s="14" t="s">
        <v>106812</v>
      </c>
      <c r="D7564" s="2" t="s">
        <v>106813</v>
      </c>
      <c r="E7564" s="2" t="s">
        <v>16014</v>
      </c>
      <c r="F7564" s="8">
        <v>275</v>
      </c>
      <c r="G7564" s="5">
        <v>6</v>
      </c>
      <c r="H7564" s="5" t="s">
        <v>1518</v>
      </c>
      <c r="I7564" s="5" t="s">
        <v>69038</v>
      </c>
      <c r="J7564" s="2" t="s">
        <v>69039</v>
      </c>
      <c r="K7564" s="5" t="s">
        <v>69038</v>
      </c>
      <c r="L7564" s="2" t="s">
        <v>69039</v>
      </c>
      <c r="M7564" s="5" t="s">
        <v>1521</v>
      </c>
      <c r="N7564" s="5" t="s">
        <v>38</v>
      </c>
      <c r="O7564" s="5" t="s">
        <v>39</v>
      </c>
      <c r="P7564" s="5" t="s">
        <v>40</v>
      </c>
      <c r="Q7564" s="5" t="s">
        <v>1522</v>
      </c>
      <c r="R7564" s="5" t="s">
        <v>1523</v>
      </c>
      <c r="S7564" s="5" t="s">
        <v>42</v>
      </c>
      <c r="T7564" s="2">
        <v>3.097</v>
      </c>
      <c r="U7564" s="2">
        <v>2.484</v>
      </c>
      <c r="V7564" s="2">
        <v>16.7</v>
      </c>
      <c r="W7564" s="2">
        <v>139.1</v>
      </c>
      <c r="X7564" s="2">
        <v>7.6</v>
      </c>
      <c r="Y7564" s="2">
        <v>16.7</v>
      </c>
      <c r="Z7564" s="5"/>
      <c r="AA7564" s="5" t="s">
        <v>43</v>
      </c>
      <c r="AB7564" s="5" t="s">
        <v>44</v>
      </c>
      <c r="AC7564" s="2"/>
      <c r="AD7564" s="1"/>
    </row>
    <row r="7565" spans="1:30">
      <c r="A7565" s="5" t="s">
        <v>83578</v>
      </c>
      <c r="B7565" s="2" t="s">
        <v>106814</v>
      </c>
      <c r="C7565" s="14" t="s">
        <v>106815</v>
      </c>
      <c r="D7565" s="2" t="s">
        <v>106816</v>
      </c>
      <c r="E7565" s="2" t="s">
        <v>16219</v>
      </c>
      <c r="F7565" s="8">
        <v>275</v>
      </c>
      <c r="G7565" s="5">
        <v>6</v>
      </c>
      <c r="H7565" s="5" t="s">
        <v>1518</v>
      </c>
      <c r="I7565" s="5" t="s">
        <v>69038</v>
      </c>
      <c r="J7565" s="2" t="s">
        <v>69039</v>
      </c>
      <c r="K7565" s="5" t="s">
        <v>69038</v>
      </c>
      <c r="L7565" s="2" t="s">
        <v>69039</v>
      </c>
      <c r="M7565" s="5" t="s">
        <v>1521</v>
      </c>
      <c r="N7565" s="5" t="s">
        <v>38</v>
      </c>
      <c r="O7565" s="5" t="s">
        <v>39</v>
      </c>
      <c r="P7565" s="5" t="s">
        <v>40</v>
      </c>
      <c r="Q7565" s="5" t="s">
        <v>1522</v>
      </c>
      <c r="R7565" s="5" t="s">
        <v>1523</v>
      </c>
      <c r="S7565" s="5" t="s">
        <v>42</v>
      </c>
      <c r="T7565" s="2">
        <v>3.1989999999999998</v>
      </c>
      <c r="U7565" s="2">
        <v>2.5859999999999999</v>
      </c>
      <c r="V7565" s="2">
        <v>16.7</v>
      </c>
      <c r="W7565" s="2">
        <v>139.1</v>
      </c>
      <c r="X7565" s="2">
        <v>7.6</v>
      </c>
      <c r="Y7565" s="2">
        <v>16.7</v>
      </c>
      <c r="Z7565" s="5"/>
      <c r="AA7565" s="5" t="s">
        <v>43</v>
      </c>
      <c r="AB7565" s="5" t="s">
        <v>44</v>
      </c>
      <c r="AC7565" s="2"/>
      <c r="AD7565" s="1"/>
    </row>
    <row r="7566" spans="1:30">
      <c r="A7566" s="5" t="s">
        <v>83578</v>
      </c>
      <c r="B7566" s="2" t="s">
        <v>106817</v>
      </c>
      <c r="C7566" s="14" t="s">
        <v>106818</v>
      </c>
      <c r="D7566" s="2" t="s">
        <v>106819</v>
      </c>
      <c r="E7566" s="2" t="s">
        <v>7528</v>
      </c>
      <c r="F7566" s="8">
        <v>256</v>
      </c>
      <c r="G7566" s="5">
        <v>6</v>
      </c>
      <c r="H7566" s="5" t="s">
        <v>1518</v>
      </c>
      <c r="I7566" s="5" t="s">
        <v>69038</v>
      </c>
      <c r="J7566" s="2" t="s">
        <v>69039</v>
      </c>
      <c r="K7566" s="5" t="s">
        <v>69038</v>
      </c>
      <c r="L7566" s="2" t="s">
        <v>69039</v>
      </c>
      <c r="M7566" s="5" t="s">
        <v>1521</v>
      </c>
      <c r="N7566" s="5" t="s">
        <v>38</v>
      </c>
      <c r="O7566" s="5" t="s">
        <v>39</v>
      </c>
      <c r="P7566" s="5" t="s">
        <v>40</v>
      </c>
      <c r="Q7566" s="5" t="s">
        <v>1522</v>
      </c>
      <c r="R7566" s="5" t="s">
        <v>1523</v>
      </c>
      <c r="S7566" s="5" t="s">
        <v>42</v>
      </c>
      <c r="T7566" s="2">
        <v>3.1989999999999998</v>
      </c>
      <c r="U7566" s="2">
        <v>2.5859999999999999</v>
      </c>
      <c r="V7566" s="2">
        <v>16.7</v>
      </c>
      <c r="W7566" s="2">
        <v>139.1</v>
      </c>
      <c r="X7566" s="2">
        <v>7.6</v>
      </c>
      <c r="Y7566" s="2">
        <v>16.7</v>
      </c>
      <c r="Z7566" s="5"/>
      <c r="AA7566" s="5" t="s">
        <v>43</v>
      </c>
      <c r="AB7566" s="5" t="s">
        <v>44</v>
      </c>
      <c r="AC7566" s="2"/>
      <c r="AD7566" s="1"/>
    </row>
    <row r="7567" spans="1:30">
      <c r="A7567" s="5" t="s">
        <v>83578</v>
      </c>
      <c r="B7567" s="2" t="s">
        <v>106820</v>
      </c>
      <c r="C7567" s="14" t="s">
        <v>106821</v>
      </c>
      <c r="D7567" s="2" t="s">
        <v>106822</v>
      </c>
      <c r="E7567" s="2" t="s">
        <v>7208</v>
      </c>
      <c r="F7567" s="8">
        <v>237</v>
      </c>
      <c r="G7567" s="5">
        <v>6</v>
      </c>
      <c r="H7567" s="5" t="s">
        <v>1518</v>
      </c>
      <c r="I7567" s="5" t="s">
        <v>69038</v>
      </c>
      <c r="J7567" s="2" t="s">
        <v>69039</v>
      </c>
      <c r="K7567" s="5" t="s">
        <v>69038</v>
      </c>
      <c r="L7567" s="2" t="s">
        <v>69039</v>
      </c>
      <c r="M7567" s="5" t="s">
        <v>1521</v>
      </c>
      <c r="N7567" s="5" t="s">
        <v>38</v>
      </c>
      <c r="O7567" s="5" t="s">
        <v>39</v>
      </c>
      <c r="P7567" s="5" t="s">
        <v>40</v>
      </c>
      <c r="Q7567" s="5" t="s">
        <v>1522</v>
      </c>
      <c r="R7567" s="5" t="s">
        <v>1523</v>
      </c>
      <c r="S7567" s="5" t="s">
        <v>42</v>
      </c>
      <c r="T7567" s="2">
        <v>2.2909999999999999</v>
      </c>
      <c r="U7567" s="2">
        <v>1.7310000000000001</v>
      </c>
      <c r="V7567" s="2">
        <v>16.7</v>
      </c>
      <c r="W7567" s="2">
        <v>99.1</v>
      </c>
      <c r="X7567" s="2">
        <v>7.6</v>
      </c>
      <c r="Y7567" s="2">
        <v>16.7</v>
      </c>
      <c r="Z7567" s="5"/>
      <c r="AA7567" s="5" t="s">
        <v>43</v>
      </c>
      <c r="AB7567" s="5" t="s">
        <v>44</v>
      </c>
      <c r="AC7567" s="2"/>
      <c r="AD7567" s="1"/>
    </row>
    <row r="7568" spans="1:30">
      <c r="A7568" s="5" t="s">
        <v>83578</v>
      </c>
      <c r="B7568" s="2" t="s">
        <v>106823</v>
      </c>
      <c r="C7568" s="14" t="s">
        <v>106824</v>
      </c>
      <c r="D7568" s="2" t="s">
        <v>106825</v>
      </c>
      <c r="E7568" s="2" t="s">
        <v>7521</v>
      </c>
      <c r="F7568" s="8">
        <v>237</v>
      </c>
      <c r="G7568" s="5">
        <v>6</v>
      </c>
      <c r="H7568" s="5" t="s">
        <v>1518</v>
      </c>
      <c r="I7568" s="5" t="s">
        <v>69038</v>
      </c>
      <c r="J7568" s="2" t="s">
        <v>69039</v>
      </c>
      <c r="K7568" s="5" t="s">
        <v>69038</v>
      </c>
      <c r="L7568" s="2" t="s">
        <v>69039</v>
      </c>
      <c r="M7568" s="5" t="s">
        <v>1521</v>
      </c>
      <c r="N7568" s="5" t="s">
        <v>38</v>
      </c>
      <c r="O7568" s="5" t="s">
        <v>39</v>
      </c>
      <c r="P7568" s="5" t="s">
        <v>40</v>
      </c>
      <c r="Q7568" s="5" t="s">
        <v>1522</v>
      </c>
      <c r="R7568" s="5" t="s">
        <v>1523</v>
      </c>
      <c r="S7568" s="5" t="s">
        <v>42</v>
      </c>
      <c r="T7568" s="2">
        <v>2.339</v>
      </c>
      <c r="U7568" s="2">
        <v>1.7789999999999999</v>
      </c>
      <c r="V7568" s="2">
        <v>16.7</v>
      </c>
      <c r="W7568" s="2">
        <v>99.1</v>
      </c>
      <c r="X7568" s="2">
        <v>7.6</v>
      </c>
      <c r="Y7568" s="2">
        <v>16.7</v>
      </c>
      <c r="Z7568" s="5"/>
      <c r="AA7568" s="5" t="s">
        <v>43</v>
      </c>
      <c r="AB7568" s="5" t="s">
        <v>44</v>
      </c>
      <c r="AC7568" s="2"/>
      <c r="AD7568" s="1"/>
    </row>
    <row r="7569" spans="1:30">
      <c r="A7569" s="5" t="s">
        <v>83578</v>
      </c>
      <c r="B7569" s="2" t="s">
        <v>106826</v>
      </c>
      <c r="C7569" s="14" t="s">
        <v>106827</v>
      </c>
      <c r="D7569" s="2" t="s">
        <v>106828</v>
      </c>
      <c r="E7569" s="2" t="s">
        <v>7406</v>
      </c>
      <c r="F7569" s="8">
        <v>253</v>
      </c>
      <c r="G7569" s="5">
        <v>6</v>
      </c>
      <c r="H7569" s="5" t="s">
        <v>1518</v>
      </c>
      <c r="I7569" s="5" t="s">
        <v>69038</v>
      </c>
      <c r="J7569" s="2" t="s">
        <v>69039</v>
      </c>
      <c r="K7569" s="5" t="s">
        <v>69038</v>
      </c>
      <c r="L7569" s="2" t="s">
        <v>69039</v>
      </c>
      <c r="M7569" s="5" t="s">
        <v>1521</v>
      </c>
      <c r="N7569" s="5" t="s">
        <v>38</v>
      </c>
      <c r="O7569" s="5" t="s">
        <v>39</v>
      </c>
      <c r="P7569" s="5" t="s">
        <v>40</v>
      </c>
      <c r="Q7569" s="5" t="s">
        <v>1522</v>
      </c>
      <c r="R7569" s="5" t="s">
        <v>1523</v>
      </c>
      <c r="S7569" s="5" t="s">
        <v>42</v>
      </c>
      <c r="T7569" s="2">
        <v>2.2909999999999999</v>
      </c>
      <c r="U7569" s="2">
        <v>1.7310000000000001</v>
      </c>
      <c r="V7569" s="2">
        <v>16.7</v>
      </c>
      <c r="W7569" s="2">
        <v>99.1</v>
      </c>
      <c r="X7569" s="2">
        <v>7.6</v>
      </c>
      <c r="Y7569" s="2">
        <v>16.7</v>
      </c>
      <c r="Z7569" s="5"/>
      <c r="AA7569" s="5" t="s">
        <v>43</v>
      </c>
      <c r="AB7569" s="5" t="s">
        <v>44</v>
      </c>
      <c r="AC7569" s="2"/>
      <c r="AD7569" s="1"/>
    </row>
    <row r="7570" spans="1:30">
      <c r="A7570" s="5" t="s">
        <v>83578</v>
      </c>
      <c r="B7570" s="2" t="s">
        <v>106829</v>
      </c>
      <c r="C7570" s="14" t="s">
        <v>106830</v>
      </c>
      <c r="D7570" s="2" t="s">
        <v>106831</v>
      </c>
      <c r="E7570" s="2" t="s">
        <v>7535</v>
      </c>
      <c r="F7570" s="8">
        <v>253</v>
      </c>
      <c r="G7570" s="5">
        <v>6</v>
      </c>
      <c r="H7570" s="5" t="s">
        <v>1518</v>
      </c>
      <c r="I7570" s="5" t="s">
        <v>69038</v>
      </c>
      <c r="J7570" s="2" t="s">
        <v>69039</v>
      </c>
      <c r="K7570" s="5" t="s">
        <v>69038</v>
      </c>
      <c r="L7570" s="2" t="s">
        <v>69039</v>
      </c>
      <c r="M7570" s="5" t="s">
        <v>1521</v>
      </c>
      <c r="N7570" s="5" t="s">
        <v>38</v>
      </c>
      <c r="O7570" s="5" t="s">
        <v>39</v>
      </c>
      <c r="P7570" s="5" t="s">
        <v>40</v>
      </c>
      <c r="Q7570" s="5" t="s">
        <v>1522</v>
      </c>
      <c r="R7570" s="5" t="s">
        <v>1523</v>
      </c>
      <c r="S7570" s="5" t="s">
        <v>42</v>
      </c>
      <c r="T7570" s="2">
        <v>2.339</v>
      </c>
      <c r="U7570" s="2">
        <v>1.7789999999999999</v>
      </c>
      <c r="V7570" s="2">
        <v>16.7</v>
      </c>
      <c r="W7570" s="2">
        <v>99.1</v>
      </c>
      <c r="X7570" s="2">
        <v>7.6</v>
      </c>
      <c r="Y7570" s="2">
        <v>16.7</v>
      </c>
      <c r="Z7570" s="5"/>
      <c r="AA7570" s="5" t="s">
        <v>43</v>
      </c>
      <c r="AB7570" s="5" t="s">
        <v>44</v>
      </c>
      <c r="AC7570" s="2"/>
      <c r="AD7570" s="1"/>
    </row>
    <row r="7571" spans="1:30">
      <c r="A7571" s="5" t="s">
        <v>83578</v>
      </c>
      <c r="B7571" s="2" t="s">
        <v>106832</v>
      </c>
      <c r="C7571" s="14" t="s">
        <v>106833</v>
      </c>
      <c r="D7571" s="2" t="s">
        <v>106834</v>
      </c>
      <c r="E7571" s="2" t="s">
        <v>7539</v>
      </c>
      <c r="F7571" s="8">
        <v>253</v>
      </c>
      <c r="G7571" s="5">
        <v>6</v>
      </c>
      <c r="H7571" s="5" t="s">
        <v>1518</v>
      </c>
      <c r="I7571" s="5" t="s">
        <v>69038</v>
      </c>
      <c r="J7571" s="2" t="s">
        <v>69039</v>
      </c>
      <c r="K7571" s="5" t="s">
        <v>69038</v>
      </c>
      <c r="L7571" s="2" t="s">
        <v>69039</v>
      </c>
      <c r="M7571" s="5" t="s">
        <v>1521</v>
      </c>
      <c r="N7571" s="5" t="s">
        <v>38</v>
      </c>
      <c r="O7571" s="5" t="s">
        <v>39</v>
      </c>
      <c r="P7571" s="5" t="s">
        <v>40</v>
      </c>
      <c r="Q7571" s="5" t="s">
        <v>1522</v>
      </c>
      <c r="R7571" s="5" t="s">
        <v>1523</v>
      </c>
      <c r="S7571" s="5" t="s">
        <v>42</v>
      </c>
      <c r="T7571" s="2">
        <v>2.2909999999999999</v>
      </c>
      <c r="U7571" s="2">
        <v>1.7310000000000001</v>
      </c>
      <c r="V7571" s="2">
        <v>16.7</v>
      </c>
      <c r="W7571" s="2">
        <v>99.1</v>
      </c>
      <c r="X7571" s="2">
        <v>7.6</v>
      </c>
      <c r="Y7571" s="2">
        <v>16.7</v>
      </c>
      <c r="Z7571" s="5"/>
      <c r="AA7571" s="5" t="s">
        <v>43</v>
      </c>
      <c r="AB7571" s="5" t="s">
        <v>44</v>
      </c>
      <c r="AC7571" s="2"/>
      <c r="AD7571" s="1"/>
    </row>
    <row r="7572" spans="1:30">
      <c r="A7572" s="5" t="s">
        <v>83578</v>
      </c>
      <c r="B7572" s="2" t="s">
        <v>106835</v>
      </c>
      <c r="C7572" s="14" t="s">
        <v>106836</v>
      </c>
      <c r="D7572" s="2" t="s">
        <v>106837</v>
      </c>
      <c r="E7572" s="2" t="s">
        <v>7543</v>
      </c>
      <c r="F7572" s="8">
        <v>253</v>
      </c>
      <c r="G7572" s="5">
        <v>6</v>
      </c>
      <c r="H7572" s="5" t="s">
        <v>1518</v>
      </c>
      <c r="I7572" s="5" t="s">
        <v>69038</v>
      </c>
      <c r="J7572" s="2" t="s">
        <v>69039</v>
      </c>
      <c r="K7572" s="5" t="s">
        <v>69038</v>
      </c>
      <c r="L7572" s="2" t="s">
        <v>69039</v>
      </c>
      <c r="M7572" s="5" t="s">
        <v>1521</v>
      </c>
      <c r="N7572" s="5" t="s">
        <v>38</v>
      </c>
      <c r="O7572" s="5" t="s">
        <v>39</v>
      </c>
      <c r="P7572" s="5" t="s">
        <v>40</v>
      </c>
      <c r="Q7572" s="5" t="s">
        <v>1522</v>
      </c>
      <c r="R7572" s="5" t="s">
        <v>1523</v>
      </c>
      <c r="S7572" s="5" t="s">
        <v>42</v>
      </c>
      <c r="T7572" s="2">
        <v>2.339</v>
      </c>
      <c r="U7572" s="2">
        <v>1.7789999999999999</v>
      </c>
      <c r="V7572" s="2">
        <v>16.7</v>
      </c>
      <c r="W7572" s="2">
        <v>99.1</v>
      </c>
      <c r="X7572" s="2">
        <v>7.6</v>
      </c>
      <c r="Y7572" s="2">
        <v>16.7</v>
      </c>
      <c r="Z7572" s="5"/>
      <c r="AA7572" s="5" t="s">
        <v>43</v>
      </c>
      <c r="AB7572" s="5" t="s">
        <v>44</v>
      </c>
      <c r="AC7572" s="2"/>
      <c r="AD7572" s="1"/>
    </row>
    <row r="7573" spans="1:30">
      <c r="A7573" s="5" t="s">
        <v>83578</v>
      </c>
      <c r="B7573" s="2" t="s">
        <v>106838</v>
      </c>
      <c r="C7573" s="14" t="s">
        <v>106839</v>
      </c>
      <c r="D7573" s="2" t="s">
        <v>106840</v>
      </c>
      <c r="E7573" s="2" t="s">
        <v>7396</v>
      </c>
      <c r="F7573" s="8">
        <v>237</v>
      </c>
      <c r="G7573" s="5">
        <v>6</v>
      </c>
      <c r="H7573" s="5" t="s">
        <v>1518</v>
      </c>
      <c r="I7573" s="5" t="s">
        <v>69038</v>
      </c>
      <c r="J7573" s="2" t="s">
        <v>69039</v>
      </c>
      <c r="K7573" s="5" t="s">
        <v>69038</v>
      </c>
      <c r="L7573" s="2" t="s">
        <v>69039</v>
      </c>
      <c r="M7573" s="5" t="s">
        <v>1521</v>
      </c>
      <c r="N7573" s="5" t="s">
        <v>38</v>
      </c>
      <c r="O7573" s="5" t="s">
        <v>39</v>
      </c>
      <c r="P7573" s="5" t="s">
        <v>40</v>
      </c>
      <c r="Q7573" s="5" t="s">
        <v>1522</v>
      </c>
      <c r="R7573" s="5" t="s">
        <v>1523</v>
      </c>
      <c r="S7573" s="5" t="s">
        <v>42</v>
      </c>
      <c r="T7573" s="2">
        <v>2.2909999999999999</v>
      </c>
      <c r="U7573" s="2">
        <v>1.7310000000000001</v>
      </c>
      <c r="V7573" s="2">
        <v>16.7</v>
      </c>
      <c r="W7573" s="2">
        <v>99.1</v>
      </c>
      <c r="X7573" s="2">
        <v>7.6</v>
      </c>
      <c r="Y7573" s="2">
        <v>16.7</v>
      </c>
      <c r="Z7573" s="5"/>
      <c r="AA7573" s="5" t="s">
        <v>43</v>
      </c>
      <c r="AB7573" s="5" t="s">
        <v>44</v>
      </c>
      <c r="AC7573" s="2"/>
      <c r="AD7573" s="1"/>
    </row>
    <row r="7574" spans="1:30">
      <c r="A7574" s="5" t="s">
        <v>83578</v>
      </c>
      <c r="B7574" s="2" t="s">
        <v>106841</v>
      </c>
      <c r="C7574" s="14" t="s">
        <v>106842</v>
      </c>
      <c r="D7574" s="2" t="s">
        <v>106843</v>
      </c>
      <c r="E7574" s="2" t="s">
        <v>7507</v>
      </c>
      <c r="F7574" s="8">
        <v>237</v>
      </c>
      <c r="G7574" s="5">
        <v>6</v>
      </c>
      <c r="H7574" s="5" t="s">
        <v>1518</v>
      </c>
      <c r="I7574" s="5" t="s">
        <v>69038</v>
      </c>
      <c r="J7574" s="2" t="s">
        <v>69039</v>
      </c>
      <c r="K7574" s="5" t="s">
        <v>69038</v>
      </c>
      <c r="L7574" s="2" t="s">
        <v>69039</v>
      </c>
      <c r="M7574" s="5" t="s">
        <v>1521</v>
      </c>
      <c r="N7574" s="5" t="s">
        <v>38</v>
      </c>
      <c r="O7574" s="5" t="s">
        <v>39</v>
      </c>
      <c r="P7574" s="5" t="s">
        <v>40</v>
      </c>
      <c r="Q7574" s="5" t="s">
        <v>1522</v>
      </c>
      <c r="R7574" s="5" t="s">
        <v>1523</v>
      </c>
      <c r="S7574" s="5" t="s">
        <v>42</v>
      </c>
      <c r="T7574" s="2">
        <v>2.339</v>
      </c>
      <c r="U7574" s="2">
        <v>1.7789999999999999</v>
      </c>
      <c r="V7574" s="2">
        <v>16.7</v>
      </c>
      <c r="W7574" s="2">
        <v>99.1</v>
      </c>
      <c r="X7574" s="2">
        <v>7.6</v>
      </c>
      <c r="Y7574" s="2">
        <v>16.7</v>
      </c>
      <c r="Z7574" s="5"/>
      <c r="AA7574" s="5" t="s">
        <v>43</v>
      </c>
      <c r="AB7574" s="5" t="s">
        <v>44</v>
      </c>
      <c r="AC7574" s="2"/>
      <c r="AD7574" s="1"/>
    </row>
    <row r="7575" spans="1:30">
      <c r="A7575" s="5" t="s">
        <v>83578</v>
      </c>
      <c r="B7575" s="2" t="s">
        <v>106844</v>
      </c>
      <c r="C7575" s="14" t="s">
        <v>106845</v>
      </c>
      <c r="D7575" s="2" t="s">
        <v>106846</v>
      </c>
      <c r="E7575" s="2" t="s">
        <v>7551</v>
      </c>
      <c r="F7575" s="8">
        <v>253</v>
      </c>
      <c r="G7575" s="5">
        <v>6</v>
      </c>
      <c r="H7575" s="5" t="s">
        <v>1518</v>
      </c>
      <c r="I7575" s="5" t="s">
        <v>69038</v>
      </c>
      <c r="J7575" s="2" t="s">
        <v>69039</v>
      </c>
      <c r="K7575" s="5" t="s">
        <v>69038</v>
      </c>
      <c r="L7575" s="2" t="s">
        <v>69039</v>
      </c>
      <c r="M7575" s="5" t="s">
        <v>1521</v>
      </c>
      <c r="N7575" s="5" t="s">
        <v>38</v>
      </c>
      <c r="O7575" s="5" t="s">
        <v>39</v>
      </c>
      <c r="P7575" s="5" t="s">
        <v>40</v>
      </c>
      <c r="Q7575" s="5" t="s">
        <v>1522</v>
      </c>
      <c r="R7575" s="5" t="s">
        <v>1523</v>
      </c>
      <c r="S7575" s="5" t="s">
        <v>42</v>
      </c>
      <c r="T7575" s="2">
        <v>2.339</v>
      </c>
      <c r="U7575" s="2">
        <v>1.7789999999999999</v>
      </c>
      <c r="V7575" s="2">
        <v>16.7</v>
      </c>
      <c r="W7575" s="2">
        <v>99.1</v>
      </c>
      <c r="X7575" s="2">
        <v>7.6</v>
      </c>
      <c r="Y7575" s="2">
        <v>16.7</v>
      </c>
      <c r="Z7575" s="5"/>
      <c r="AA7575" s="5" t="s">
        <v>43</v>
      </c>
      <c r="AB7575" s="5" t="s">
        <v>44</v>
      </c>
      <c r="AC7575" s="2"/>
      <c r="AD7575" s="1"/>
    </row>
    <row r="7576" spans="1:30">
      <c r="A7576" s="5" t="s">
        <v>83578</v>
      </c>
      <c r="B7576" s="2" t="s">
        <v>106847</v>
      </c>
      <c r="C7576" s="14" t="s">
        <v>106848</v>
      </c>
      <c r="D7576" s="2" t="s">
        <v>106849</v>
      </c>
      <c r="E7576" s="2" t="s">
        <v>7563</v>
      </c>
      <c r="F7576" s="8">
        <v>253</v>
      </c>
      <c r="G7576" s="5">
        <v>6</v>
      </c>
      <c r="H7576" s="5" t="s">
        <v>1518</v>
      </c>
      <c r="I7576" s="5" t="s">
        <v>69038</v>
      </c>
      <c r="J7576" s="2" t="s">
        <v>69039</v>
      </c>
      <c r="K7576" s="5" t="s">
        <v>69038</v>
      </c>
      <c r="L7576" s="2" t="s">
        <v>69039</v>
      </c>
      <c r="M7576" s="5" t="s">
        <v>1521</v>
      </c>
      <c r="N7576" s="5" t="s">
        <v>38</v>
      </c>
      <c r="O7576" s="5" t="s">
        <v>39</v>
      </c>
      <c r="P7576" s="5" t="s">
        <v>40</v>
      </c>
      <c r="Q7576" s="5" t="s">
        <v>1522</v>
      </c>
      <c r="R7576" s="5" t="s">
        <v>1523</v>
      </c>
      <c r="S7576" s="5" t="s">
        <v>42</v>
      </c>
      <c r="T7576" s="2">
        <v>2.2909999999999999</v>
      </c>
      <c r="U7576" s="2">
        <v>1.7310000000000001</v>
      </c>
      <c r="V7576" s="2">
        <v>16.7</v>
      </c>
      <c r="W7576" s="2">
        <v>99.1</v>
      </c>
      <c r="X7576" s="2">
        <v>7.6</v>
      </c>
      <c r="Y7576" s="2">
        <v>16.7</v>
      </c>
      <c r="Z7576" s="5"/>
      <c r="AA7576" s="5" t="s">
        <v>43</v>
      </c>
      <c r="AB7576" s="5" t="s">
        <v>44</v>
      </c>
      <c r="AC7576" s="2"/>
      <c r="AD7576" s="1"/>
    </row>
    <row r="7577" spans="1:30">
      <c r="A7577" s="5" t="s">
        <v>83578</v>
      </c>
      <c r="B7577" s="2" t="s">
        <v>106850</v>
      </c>
      <c r="C7577" s="14" t="s">
        <v>106851</v>
      </c>
      <c r="D7577" s="2" t="s">
        <v>106852</v>
      </c>
      <c r="E7577" s="2" t="s">
        <v>7567</v>
      </c>
      <c r="F7577" s="8">
        <v>253</v>
      </c>
      <c r="G7577" s="5">
        <v>6</v>
      </c>
      <c r="H7577" s="5" t="s">
        <v>1518</v>
      </c>
      <c r="I7577" s="5" t="s">
        <v>69038</v>
      </c>
      <c r="J7577" s="2" t="s">
        <v>69039</v>
      </c>
      <c r="K7577" s="5" t="s">
        <v>69038</v>
      </c>
      <c r="L7577" s="2" t="s">
        <v>69039</v>
      </c>
      <c r="M7577" s="5" t="s">
        <v>1521</v>
      </c>
      <c r="N7577" s="5" t="s">
        <v>38</v>
      </c>
      <c r="O7577" s="5" t="s">
        <v>39</v>
      </c>
      <c r="P7577" s="5" t="s">
        <v>40</v>
      </c>
      <c r="Q7577" s="5" t="s">
        <v>1522</v>
      </c>
      <c r="R7577" s="5" t="s">
        <v>1523</v>
      </c>
      <c r="S7577" s="5" t="s">
        <v>42</v>
      </c>
      <c r="T7577" s="2">
        <v>2.339</v>
      </c>
      <c r="U7577" s="2">
        <v>1.7789999999999999</v>
      </c>
      <c r="V7577" s="2">
        <v>16.7</v>
      </c>
      <c r="W7577" s="2">
        <v>99.1</v>
      </c>
      <c r="X7577" s="2">
        <v>7.6</v>
      </c>
      <c r="Y7577" s="2">
        <v>16.7</v>
      </c>
      <c r="Z7577" s="5"/>
      <c r="AA7577" s="5" t="s">
        <v>43</v>
      </c>
      <c r="AB7577" s="5" t="s">
        <v>44</v>
      </c>
      <c r="AC7577" s="2"/>
      <c r="AD7577" s="1"/>
    </row>
    <row r="7578" spans="1:30">
      <c r="A7578" s="5" t="s">
        <v>83578</v>
      </c>
      <c r="B7578" s="2" t="s">
        <v>106853</v>
      </c>
      <c r="C7578" s="14" t="s">
        <v>106854</v>
      </c>
      <c r="D7578" s="2" t="s">
        <v>106855</v>
      </c>
      <c r="E7578" s="2" t="s">
        <v>7555</v>
      </c>
      <c r="F7578" s="8">
        <v>253</v>
      </c>
      <c r="G7578" s="5">
        <v>6</v>
      </c>
      <c r="H7578" s="5" t="s">
        <v>1518</v>
      </c>
      <c r="I7578" s="5" t="s">
        <v>69038</v>
      </c>
      <c r="J7578" s="2" t="s">
        <v>69039</v>
      </c>
      <c r="K7578" s="5" t="s">
        <v>69038</v>
      </c>
      <c r="L7578" s="2" t="s">
        <v>69039</v>
      </c>
      <c r="M7578" s="5" t="s">
        <v>1521</v>
      </c>
      <c r="N7578" s="5" t="s">
        <v>38</v>
      </c>
      <c r="O7578" s="5" t="s">
        <v>39</v>
      </c>
      <c r="P7578" s="5" t="s">
        <v>40</v>
      </c>
      <c r="Q7578" s="5" t="s">
        <v>1522</v>
      </c>
      <c r="R7578" s="5" t="s">
        <v>1523</v>
      </c>
      <c r="S7578" s="5" t="s">
        <v>42</v>
      </c>
      <c r="T7578" s="2">
        <v>2.2909999999999999</v>
      </c>
      <c r="U7578" s="2">
        <v>1.7310000000000001</v>
      </c>
      <c r="V7578" s="2">
        <v>16.7</v>
      </c>
      <c r="W7578" s="2">
        <v>99.1</v>
      </c>
      <c r="X7578" s="2">
        <v>7.6</v>
      </c>
      <c r="Y7578" s="2">
        <v>16.7</v>
      </c>
      <c r="Z7578" s="5"/>
      <c r="AA7578" s="5" t="s">
        <v>43</v>
      </c>
      <c r="AB7578" s="5" t="s">
        <v>44</v>
      </c>
      <c r="AC7578" s="2"/>
      <c r="AD7578" s="1"/>
    </row>
    <row r="7579" spans="1:30">
      <c r="A7579" s="5" t="s">
        <v>83578</v>
      </c>
      <c r="B7579" s="2" t="s">
        <v>106856</v>
      </c>
      <c r="C7579" s="14" t="s">
        <v>106857</v>
      </c>
      <c r="D7579" s="2" t="s">
        <v>106858</v>
      </c>
      <c r="E7579" s="2" t="s">
        <v>7559</v>
      </c>
      <c r="F7579" s="8">
        <v>253</v>
      </c>
      <c r="G7579" s="5">
        <v>6</v>
      </c>
      <c r="H7579" s="5" t="s">
        <v>1518</v>
      </c>
      <c r="I7579" s="5" t="s">
        <v>69038</v>
      </c>
      <c r="J7579" s="2" t="s">
        <v>69039</v>
      </c>
      <c r="K7579" s="5" t="s">
        <v>69038</v>
      </c>
      <c r="L7579" s="2" t="s">
        <v>69039</v>
      </c>
      <c r="M7579" s="5" t="s">
        <v>1521</v>
      </c>
      <c r="N7579" s="5" t="s">
        <v>38</v>
      </c>
      <c r="O7579" s="5" t="s">
        <v>39</v>
      </c>
      <c r="P7579" s="5" t="s">
        <v>40</v>
      </c>
      <c r="Q7579" s="5" t="s">
        <v>1522</v>
      </c>
      <c r="R7579" s="5" t="s">
        <v>1523</v>
      </c>
      <c r="S7579" s="5" t="s">
        <v>42</v>
      </c>
      <c r="T7579" s="2">
        <v>2.339</v>
      </c>
      <c r="U7579" s="2">
        <v>1.7789999999999999</v>
      </c>
      <c r="V7579" s="2">
        <v>16.7</v>
      </c>
      <c r="W7579" s="2">
        <v>99.1</v>
      </c>
      <c r="X7579" s="2">
        <v>7.6</v>
      </c>
      <c r="Y7579" s="2">
        <v>16.7</v>
      </c>
      <c r="Z7579" s="5"/>
      <c r="AA7579" s="5" t="s">
        <v>43</v>
      </c>
      <c r="AB7579" s="5" t="s">
        <v>44</v>
      </c>
      <c r="AC7579" s="2"/>
      <c r="AD7579" s="1"/>
    </row>
    <row r="7580" spans="1:30">
      <c r="A7580" s="5" t="s">
        <v>83578</v>
      </c>
      <c r="B7580" s="2" t="s">
        <v>106859</v>
      </c>
      <c r="C7580" s="14" t="s">
        <v>106860</v>
      </c>
      <c r="D7580" s="2" t="s">
        <v>106861</v>
      </c>
      <c r="E7580" s="2" t="s">
        <v>16079</v>
      </c>
      <c r="F7580" s="8">
        <v>253</v>
      </c>
      <c r="G7580" s="5">
        <v>6</v>
      </c>
      <c r="H7580" s="5" t="s">
        <v>1518</v>
      </c>
      <c r="I7580" s="5" t="s">
        <v>69038</v>
      </c>
      <c r="J7580" s="2" t="s">
        <v>69039</v>
      </c>
      <c r="K7580" s="5" t="s">
        <v>69038</v>
      </c>
      <c r="L7580" s="2" t="s">
        <v>69039</v>
      </c>
      <c r="M7580" s="5" t="s">
        <v>1521</v>
      </c>
      <c r="N7580" s="5" t="s">
        <v>38</v>
      </c>
      <c r="O7580" s="5" t="s">
        <v>39</v>
      </c>
      <c r="P7580" s="5" t="s">
        <v>40</v>
      </c>
      <c r="Q7580" s="5" t="s">
        <v>1522</v>
      </c>
      <c r="R7580" s="5" t="s">
        <v>1523</v>
      </c>
      <c r="S7580" s="5" t="s">
        <v>42</v>
      </c>
      <c r="T7580" s="2">
        <v>2.2909999999999999</v>
      </c>
      <c r="U7580" s="2">
        <v>1.7310000000000001</v>
      </c>
      <c r="V7580" s="2">
        <v>16.7</v>
      </c>
      <c r="W7580" s="2">
        <v>99.1</v>
      </c>
      <c r="X7580" s="2">
        <v>7.6</v>
      </c>
      <c r="Y7580" s="2">
        <v>16.7</v>
      </c>
      <c r="Z7580" s="5"/>
      <c r="AA7580" s="5" t="s">
        <v>43</v>
      </c>
      <c r="AB7580" s="5" t="s">
        <v>44</v>
      </c>
      <c r="AC7580" s="2"/>
      <c r="AD7580" s="1"/>
    </row>
    <row r="7581" spans="1:30">
      <c r="A7581" s="5" t="s">
        <v>83578</v>
      </c>
      <c r="B7581" s="2" t="s">
        <v>106862</v>
      </c>
      <c r="C7581" s="14" t="s">
        <v>106863</v>
      </c>
      <c r="D7581" s="2" t="s">
        <v>106864</v>
      </c>
      <c r="E7581" s="2" t="s">
        <v>16194</v>
      </c>
      <c r="F7581" s="8">
        <v>253</v>
      </c>
      <c r="G7581" s="5">
        <v>6</v>
      </c>
      <c r="H7581" s="5" t="s">
        <v>1518</v>
      </c>
      <c r="I7581" s="5" t="s">
        <v>69038</v>
      </c>
      <c r="J7581" s="2" t="s">
        <v>69039</v>
      </c>
      <c r="K7581" s="5" t="s">
        <v>69038</v>
      </c>
      <c r="L7581" s="2" t="s">
        <v>69039</v>
      </c>
      <c r="M7581" s="5" t="s">
        <v>1521</v>
      </c>
      <c r="N7581" s="5" t="s">
        <v>38</v>
      </c>
      <c r="O7581" s="5" t="s">
        <v>39</v>
      </c>
      <c r="P7581" s="5" t="s">
        <v>40</v>
      </c>
      <c r="Q7581" s="5" t="s">
        <v>1522</v>
      </c>
      <c r="R7581" s="5" t="s">
        <v>1523</v>
      </c>
      <c r="S7581" s="5" t="s">
        <v>42</v>
      </c>
      <c r="T7581" s="2">
        <v>2.339</v>
      </c>
      <c r="U7581" s="2">
        <v>1.7789999999999999</v>
      </c>
      <c r="V7581" s="2">
        <v>16.7</v>
      </c>
      <c r="W7581" s="2">
        <v>99.1</v>
      </c>
      <c r="X7581" s="2">
        <v>7.6</v>
      </c>
      <c r="Y7581" s="2">
        <v>16.7</v>
      </c>
      <c r="Z7581" s="5"/>
      <c r="AA7581" s="5" t="s">
        <v>43</v>
      </c>
      <c r="AB7581" s="5" t="s">
        <v>44</v>
      </c>
      <c r="AC7581" s="2"/>
      <c r="AD7581" s="1"/>
    </row>
    <row r="7582" spans="1:30">
      <c r="A7582" s="5" t="s">
        <v>83578</v>
      </c>
      <c r="B7582" s="2" t="s">
        <v>106865</v>
      </c>
      <c r="C7582" s="14" t="s">
        <v>106866</v>
      </c>
      <c r="D7582" s="2" t="s">
        <v>106867</v>
      </c>
      <c r="E7582" s="2" t="s">
        <v>7449</v>
      </c>
      <c r="F7582" s="8">
        <v>253</v>
      </c>
      <c r="G7582" s="5">
        <v>6</v>
      </c>
      <c r="H7582" s="5" t="s">
        <v>1518</v>
      </c>
      <c r="I7582" s="5" t="s">
        <v>69038</v>
      </c>
      <c r="J7582" s="2" t="s">
        <v>69039</v>
      </c>
      <c r="K7582" s="5" t="s">
        <v>69038</v>
      </c>
      <c r="L7582" s="2" t="s">
        <v>69039</v>
      </c>
      <c r="M7582" s="5" t="s">
        <v>1521</v>
      </c>
      <c r="N7582" s="5" t="s">
        <v>38</v>
      </c>
      <c r="O7582" s="5" t="s">
        <v>39</v>
      </c>
      <c r="P7582" s="5" t="s">
        <v>40</v>
      </c>
      <c r="Q7582" s="5" t="s">
        <v>1522</v>
      </c>
      <c r="R7582" s="5" t="s">
        <v>1523</v>
      </c>
      <c r="S7582" s="5" t="s">
        <v>42</v>
      </c>
      <c r="T7582" s="2">
        <v>2.2909999999999999</v>
      </c>
      <c r="U7582" s="2">
        <v>1.7310000000000001</v>
      </c>
      <c r="V7582" s="2">
        <v>16.7</v>
      </c>
      <c r="W7582" s="2">
        <v>99.1</v>
      </c>
      <c r="X7582" s="2">
        <v>7.6</v>
      </c>
      <c r="Y7582" s="2">
        <v>16.7</v>
      </c>
      <c r="Z7582" s="5"/>
      <c r="AA7582" s="5" t="s">
        <v>43</v>
      </c>
      <c r="AB7582" s="5" t="s">
        <v>44</v>
      </c>
      <c r="AC7582" s="2"/>
      <c r="AD7582" s="1"/>
    </row>
    <row r="7583" spans="1:30">
      <c r="A7583" s="5" t="s">
        <v>83578</v>
      </c>
      <c r="B7583" s="2" t="s">
        <v>106868</v>
      </c>
      <c r="C7583" s="14" t="s">
        <v>106869</v>
      </c>
      <c r="D7583" s="2" t="s">
        <v>106870</v>
      </c>
      <c r="E7583" s="2" t="s">
        <v>7585</v>
      </c>
      <c r="F7583" s="8">
        <v>253</v>
      </c>
      <c r="G7583" s="5">
        <v>6</v>
      </c>
      <c r="H7583" s="5" t="s">
        <v>1518</v>
      </c>
      <c r="I7583" s="5" t="s">
        <v>69038</v>
      </c>
      <c r="J7583" s="2" t="s">
        <v>69039</v>
      </c>
      <c r="K7583" s="5" t="s">
        <v>69038</v>
      </c>
      <c r="L7583" s="2" t="s">
        <v>69039</v>
      </c>
      <c r="M7583" s="5" t="s">
        <v>1521</v>
      </c>
      <c r="N7583" s="5" t="s">
        <v>38</v>
      </c>
      <c r="O7583" s="5" t="s">
        <v>39</v>
      </c>
      <c r="P7583" s="5" t="s">
        <v>40</v>
      </c>
      <c r="Q7583" s="5" t="s">
        <v>1522</v>
      </c>
      <c r="R7583" s="5" t="s">
        <v>1523</v>
      </c>
      <c r="S7583" s="5" t="s">
        <v>42</v>
      </c>
      <c r="T7583" s="2">
        <v>2.2909999999999999</v>
      </c>
      <c r="U7583" s="2">
        <v>1.7310000000000001</v>
      </c>
      <c r="V7583" s="2">
        <v>16.7</v>
      </c>
      <c r="W7583" s="2">
        <v>99.1</v>
      </c>
      <c r="X7583" s="2">
        <v>7.6</v>
      </c>
      <c r="Y7583" s="2">
        <v>16.7</v>
      </c>
      <c r="Z7583" s="5"/>
      <c r="AA7583" s="5" t="s">
        <v>43</v>
      </c>
      <c r="AB7583" s="5" t="s">
        <v>44</v>
      </c>
      <c r="AC7583" s="2"/>
      <c r="AD7583" s="1"/>
    </row>
    <row r="7584" spans="1:30">
      <c r="A7584" s="5" t="s">
        <v>83578</v>
      </c>
      <c r="B7584" s="2" t="s">
        <v>106871</v>
      </c>
      <c r="C7584" s="14" t="s">
        <v>106872</v>
      </c>
      <c r="D7584" s="2" t="s">
        <v>106873</v>
      </c>
      <c r="E7584" s="2" t="s">
        <v>7589</v>
      </c>
      <c r="F7584" s="8">
        <v>253</v>
      </c>
      <c r="G7584" s="5">
        <v>6</v>
      </c>
      <c r="H7584" s="5" t="s">
        <v>1518</v>
      </c>
      <c r="I7584" s="5" t="s">
        <v>69038</v>
      </c>
      <c r="J7584" s="2" t="s">
        <v>69039</v>
      </c>
      <c r="K7584" s="5" t="s">
        <v>69038</v>
      </c>
      <c r="L7584" s="2" t="s">
        <v>69039</v>
      </c>
      <c r="M7584" s="5" t="s">
        <v>1521</v>
      </c>
      <c r="N7584" s="5" t="s">
        <v>38</v>
      </c>
      <c r="O7584" s="5" t="s">
        <v>39</v>
      </c>
      <c r="P7584" s="5" t="s">
        <v>40</v>
      </c>
      <c r="Q7584" s="5" t="s">
        <v>1522</v>
      </c>
      <c r="R7584" s="5" t="s">
        <v>1523</v>
      </c>
      <c r="S7584" s="5" t="s">
        <v>42</v>
      </c>
      <c r="T7584" s="2">
        <v>2.339</v>
      </c>
      <c r="U7584" s="2">
        <v>1.7789999999999999</v>
      </c>
      <c r="V7584" s="2">
        <v>16.7</v>
      </c>
      <c r="W7584" s="2">
        <v>99.1</v>
      </c>
      <c r="X7584" s="2">
        <v>7.6</v>
      </c>
      <c r="Y7584" s="2">
        <v>16.7</v>
      </c>
      <c r="Z7584" s="5"/>
      <c r="AA7584" s="5" t="s">
        <v>43</v>
      </c>
      <c r="AB7584" s="5" t="s">
        <v>44</v>
      </c>
      <c r="AC7584" s="2"/>
      <c r="AD7584" s="1"/>
    </row>
    <row r="7585" spans="1:30">
      <c r="A7585" s="5" t="s">
        <v>83578</v>
      </c>
      <c r="B7585" s="2" t="s">
        <v>106874</v>
      </c>
      <c r="C7585" s="14" t="s">
        <v>106875</v>
      </c>
      <c r="D7585" s="2" t="s">
        <v>106876</v>
      </c>
      <c r="E7585" s="2" t="s">
        <v>7593</v>
      </c>
      <c r="F7585" s="8">
        <v>253</v>
      </c>
      <c r="G7585" s="5">
        <v>6</v>
      </c>
      <c r="H7585" s="5" t="s">
        <v>1518</v>
      </c>
      <c r="I7585" s="5" t="s">
        <v>69038</v>
      </c>
      <c r="J7585" s="2" t="s">
        <v>69039</v>
      </c>
      <c r="K7585" s="5" t="s">
        <v>69038</v>
      </c>
      <c r="L7585" s="2" t="s">
        <v>69039</v>
      </c>
      <c r="M7585" s="5" t="s">
        <v>1521</v>
      </c>
      <c r="N7585" s="5" t="s">
        <v>38</v>
      </c>
      <c r="O7585" s="5" t="s">
        <v>39</v>
      </c>
      <c r="P7585" s="5" t="s">
        <v>40</v>
      </c>
      <c r="Q7585" s="5" t="s">
        <v>1522</v>
      </c>
      <c r="R7585" s="5" t="s">
        <v>1523</v>
      </c>
      <c r="S7585" s="5" t="s">
        <v>42</v>
      </c>
      <c r="T7585" s="2">
        <v>2.2909999999999999</v>
      </c>
      <c r="U7585" s="2">
        <v>1.7310000000000001</v>
      </c>
      <c r="V7585" s="2">
        <v>16.7</v>
      </c>
      <c r="W7585" s="2">
        <v>99.1</v>
      </c>
      <c r="X7585" s="2">
        <v>7.6</v>
      </c>
      <c r="Y7585" s="2">
        <v>16.7</v>
      </c>
      <c r="Z7585" s="5"/>
      <c r="AA7585" s="5" t="s">
        <v>43</v>
      </c>
      <c r="AB7585" s="5" t="s">
        <v>44</v>
      </c>
      <c r="AC7585" s="2"/>
      <c r="AD7585" s="1"/>
    </row>
    <row r="7586" spans="1:30">
      <c r="A7586" s="5" t="s">
        <v>83578</v>
      </c>
      <c r="B7586" s="2" t="s">
        <v>106877</v>
      </c>
      <c r="C7586" s="14" t="s">
        <v>106878</v>
      </c>
      <c r="D7586" s="2" t="s">
        <v>106879</v>
      </c>
      <c r="E7586" s="2" t="s">
        <v>7597</v>
      </c>
      <c r="F7586" s="8">
        <v>253</v>
      </c>
      <c r="G7586" s="5">
        <v>6</v>
      </c>
      <c r="H7586" s="5" t="s">
        <v>1518</v>
      </c>
      <c r="I7586" s="5" t="s">
        <v>69038</v>
      </c>
      <c r="J7586" s="2" t="s">
        <v>69039</v>
      </c>
      <c r="K7586" s="5" t="s">
        <v>69038</v>
      </c>
      <c r="L7586" s="2" t="s">
        <v>69039</v>
      </c>
      <c r="M7586" s="5" t="s">
        <v>1521</v>
      </c>
      <c r="N7586" s="5" t="s">
        <v>38</v>
      </c>
      <c r="O7586" s="5" t="s">
        <v>39</v>
      </c>
      <c r="P7586" s="5" t="s">
        <v>40</v>
      </c>
      <c r="Q7586" s="5" t="s">
        <v>1522</v>
      </c>
      <c r="R7586" s="5" t="s">
        <v>1523</v>
      </c>
      <c r="S7586" s="5" t="s">
        <v>42</v>
      </c>
      <c r="T7586" s="2">
        <v>2.339</v>
      </c>
      <c r="U7586" s="2">
        <v>1.7789999999999999</v>
      </c>
      <c r="V7586" s="2">
        <v>16.7</v>
      </c>
      <c r="W7586" s="2">
        <v>99.1</v>
      </c>
      <c r="X7586" s="2">
        <v>7.6</v>
      </c>
      <c r="Y7586" s="2">
        <v>16.7</v>
      </c>
      <c r="Z7586" s="5"/>
      <c r="AA7586" s="5" t="s">
        <v>43</v>
      </c>
      <c r="AB7586" s="5" t="s">
        <v>44</v>
      </c>
      <c r="AC7586" s="2"/>
      <c r="AD7586" s="1"/>
    </row>
    <row r="7587" spans="1:30">
      <c r="A7587" s="5" t="s">
        <v>83578</v>
      </c>
      <c r="B7587" s="2" t="s">
        <v>106880</v>
      </c>
      <c r="C7587" s="14" t="s">
        <v>106881</v>
      </c>
      <c r="D7587" s="2" t="s">
        <v>106882</v>
      </c>
      <c r="E7587" s="2" t="s">
        <v>73358</v>
      </c>
      <c r="F7587" s="8">
        <v>253</v>
      </c>
      <c r="G7587" s="5">
        <v>6</v>
      </c>
      <c r="H7587" s="5" t="s">
        <v>1518</v>
      </c>
      <c r="I7587" s="5" t="s">
        <v>69038</v>
      </c>
      <c r="J7587" s="2" t="s">
        <v>69039</v>
      </c>
      <c r="K7587" s="5" t="s">
        <v>69038</v>
      </c>
      <c r="L7587" s="2" t="s">
        <v>69039</v>
      </c>
      <c r="M7587" s="5" t="s">
        <v>1521</v>
      </c>
      <c r="N7587" s="5" t="s">
        <v>38</v>
      </c>
      <c r="O7587" s="5" t="s">
        <v>39</v>
      </c>
      <c r="P7587" s="5" t="s">
        <v>40</v>
      </c>
      <c r="Q7587" s="5" t="s">
        <v>1522</v>
      </c>
      <c r="R7587" s="5" t="s">
        <v>1523</v>
      </c>
      <c r="S7587" s="5" t="s">
        <v>42</v>
      </c>
      <c r="T7587" s="2">
        <v>2.2909999999999999</v>
      </c>
      <c r="U7587" s="2">
        <v>1.7310000000000001</v>
      </c>
      <c r="V7587" s="2">
        <v>16.7</v>
      </c>
      <c r="W7587" s="2">
        <v>99.1</v>
      </c>
      <c r="X7587" s="2">
        <v>7.6</v>
      </c>
      <c r="Y7587" s="2">
        <v>16.7</v>
      </c>
      <c r="Z7587" s="5"/>
      <c r="AA7587" s="5" t="s">
        <v>43</v>
      </c>
      <c r="AB7587" s="5" t="s">
        <v>44</v>
      </c>
      <c r="AC7587" s="2"/>
      <c r="AD7587" s="1"/>
    </row>
    <row r="7588" spans="1:30">
      <c r="A7588" s="5" t="s">
        <v>83578</v>
      </c>
      <c r="B7588" s="2" t="s">
        <v>106883</v>
      </c>
      <c r="C7588" s="14" t="s">
        <v>106884</v>
      </c>
      <c r="D7588" s="2" t="s">
        <v>106885</v>
      </c>
      <c r="E7588" s="2" t="s">
        <v>73362</v>
      </c>
      <c r="F7588" s="8">
        <v>253</v>
      </c>
      <c r="G7588" s="5">
        <v>6</v>
      </c>
      <c r="H7588" s="5" t="s">
        <v>1518</v>
      </c>
      <c r="I7588" s="5" t="s">
        <v>69038</v>
      </c>
      <c r="J7588" s="2" t="s">
        <v>69039</v>
      </c>
      <c r="K7588" s="5" t="s">
        <v>69038</v>
      </c>
      <c r="L7588" s="2" t="s">
        <v>69039</v>
      </c>
      <c r="M7588" s="5" t="s">
        <v>1521</v>
      </c>
      <c r="N7588" s="5" t="s">
        <v>38</v>
      </c>
      <c r="O7588" s="5" t="s">
        <v>39</v>
      </c>
      <c r="P7588" s="5" t="s">
        <v>40</v>
      </c>
      <c r="Q7588" s="5" t="s">
        <v>1522</v>
      </c>
      <c r="R7588" s="5" t="s">
        <v>1523</v>
      </c>
      <c r="S7588" s="5" t="s">
        <v>42</v>
      </c>
      <c r="T7588" s="2">
        <v>2.339</v>
      </c>
      <c r="U7588" s="2">
        <v>1.7789999999999999</v>
      </c>
      <c r="V7588" s="2">
        <v>16.7</v>
      </c>
      <c r="W7588" s="2">
        <v>99.1</v>
      </c>
      <c r="X7588" s="2">
        <v>7.6</v>
      </c>
      <c r="Y7588" s="2">
        <v>16.7</v>
      </c>
      <c r="Z7588" s="5"/>
      <c r="AA7588" s="5" t="s">
        <v>43</v>
      </c>
      <c r="AB7588" s="5" t="s">
        <v>44</v>
      </c>
      <c r="AC7588" s="2"/>
      <c r="AD7588" s="1"/>
    </row>
    <row r="7589" spans="1:30">
      <c r="A7589" s="5" t="s">
        <v>83578</v>
      </c>
      <c r="B7589" s="2" t="s">
        <v>106886</v>
      </c>
      <c r="C7589" s="14" t="s">
        <v>106887</v>
      </c>
      <c r="D7589" s="2" t="s">
        <v>106888</v>
      </c>
      <c r="E7589" s="2" t="s">
        <v>7615</v>
      </c>
      <c r="F7589" s="8">
        <v>253</v>
      </c>
      <c r="G7589" s="5">
        <v>6</v>
      </c>
      <c r="H7589" s="5" t="s">
        <v>1518</v>
      </c>
      <c r="I7589" s="5" t="s">
        <v>69038</v>
      </c>
      <c r="J7589" s="2" t="s">
        <v>69039</v>
      </c>
      <c r="K7589" s="5" t="s">
        <v>69038</v>
      </c>
      <c r="L7589" s="2" t="s">
        <v>69039</v>
      </c>
      <c r="M7589" s="5" t="s">
        <v>1521</v>
      </c>
      <c r="N7589" s="5" t="s">
        <v>38</v>
      </c>
      <c r="O7589" s="5" t="s">
        <v>39</v>
      </c>
      <c r="P7589" s="5" t="s">
        <v>40</v>
      </c>
      <c r="Q7589" s="5" t="s">
        <v>1522</v>
      </c>
      <c r="R7589" s="5" t="s">
        <v>1523</v>
      </c>
      <c r="S7589" s="5" t="s">
        <v>42</v>
      </c>
      <c r="T7589" s="2">
        <v>2.2909999999999999</v>
      </c>
      <c r="U7589" s="2">
        <v>1.7310000000000001</v>
      </c>
      <c r="V7589" s="2">
        <v>16.7</v>
      </c>
      <c r="W7589" s="2">
        <v>99.1</v>
      </c>
      <c r="X7589" s="2">
        <v>7.6</v>
      </c>
      <c r="Y7589" s="2">
        <v>16.7</v>
      </c>
      <c r="Z7589" s="5"/>
      <c r="AA7589" s="5" t="s">
        <v>43</v>
      </c>
      <c r="AB7589" s="5" t="s">
        <v>44</v>
      </c>
      <c r="AC7589" s="2"/>
      <c r="AD7589" s="1"/>
    </row>
    <row r="7590" spans="1:30">
      <c r="A7590" s="5" t="s">
        <v>83578</v>
      </c>
      <c r="B7590" s="2" t="s">
        <v>106889</v>
      </c>
      <c r="C7590" s="14" t="s">
        <v>106890</v>
      </c>
      <c r="D7590" s="2" t="s">
        <v>106891</v>
      </c>
      <c r="E7590" s="2" t="s">
        <v>7619</v>
      </c>
      <c r="F7590" s="8">
        <v>253</v>
      </c>
      <c r="G7590" s="5">
        <v>6</v>
      </c>
      <c r="H7590" s="5" t="s">
        <v>1518</v>
      </c>
      <c r="I7590" s="5" t="s">
        <v>69038</v>
      </c>
      <c r="J7590" s="2" t="s">
        <v>69039</v>
      </c>
      <c r="K7590" s="5" t="s">
        <v>69038</v>
      </c>
      <c r="L7590" s="2" t="s">
        <v>69039</v>
      </c>
      <c r="M7590" s="5" t="s">
        <v>1521</v>
      </c>
      <c r="N7590" s="5" t="s">
        <v>38</v>
      </c>
      <c r="O7590" s="5" t="s">
        <v>39</v>
      </c>
      <c r="P7590" s="5" t="s">
        <v>40</v>
      </c>
      <c r="Q7590" s="5" t="s">
        <v>1522</v>
      </c>
      <c r="R7590" s="5" t="s">
        <v>1523</v>
      </c>
      <c r="S7590" s="5" t="s">
        <v>42</v>
      </c>
      <c r="T7590" s="2">
        <v>2.339</v>
      </c>
      <c r="U7590" s="2">
        <v>1.7789999999999999</v>
      </c>
      <c r="V7590" s="2">
        <v>16.7</v>
      </c>
      <c r="W7590" s="2">
        <v>99.1</v>
      </c>
      <c r="X7590" s="2">
        <v>7.6</v>
      </c>
      <c r="Y7590" s="2">
        <v>16.7</v>
      </c>
      <c r="Z7590" s="5"/>
      <c r="AA7590" s="5" t="s">
        <v>43</v>
      </c>
      <c r="AB7590" s="5" t="s">
        <v>44</v>
      </c>
      <c r="AC7590" s="2"/>
      <c r="AD7590" s="1"/>
    </row>
    <row r="7591" spans="1:30">
      <c r="A7591" s="5" t="s">
        <v>83578</v>
      </c>
      <c r="B7591" s="2" t="s">
        <v>106892</v>
      </c>
      <c r="C7591" s="14" t="s">
        <v>106893</v>
      </c>
      <c r="D7591" s="2" t="s">
        <v>106894</v>
      </c>
      <c r="E7591" s="2" t="s">
        <v>16014</v>
      </c>
      <c r="F7591" s="8">
        <v>253</v>
      </c>
      <c r="G7591" s="5">
        <v>6</v>
      </c>
      <c r="H7591" s="5" t="s">
        <v>1518</v>
      </c>
      <c r="I7591" s="5" t="s">
        <v>69038</v>
      </c>
      <c r="J7591" s="2" t="s">
        <v>69039</v>
      </c>
      <c r="K7591" s="5" t="s">
        <v>69038</v>
      </c>
      <c r="L7591" s="2" t="s">
        <v>69039</v>
      </c>
      <c r="M7591" s="5" t="s">
        <v>1521</v>
      </c>
      <c r="N7591" s="5" t="s">
        <v>38</v>
      </c>
      <c r="O7591" s="5" t="s">
        <v>39</v>
      </c>
      <c r="P7591" s="5" t="s">
        <v>40</v>
      </c>
      <c r="Q7591" s="5" t="s">
        <v>1522</v>
      </c>
      <c r="R7591" s="5" t="s">
        <v>1523</v>
      </c>
      <c r="S7591" s="5" t="s">
        <v>42</v>
      </c>
      <c r="T7591" s="2">
        <v>2.2909999999999999</v>
      </c>
      <c r="U7591" s="2">
        <v>1.7310000000000001</v>
      </c>
      <c r="V7591" s="2">
        <v>16.7</v>
      </c>
      <c r="W7591" s="2">
        <v>99.1</v>
      </c>
      <c r="X7591" s="2">
        <v>7.6</v>
      </c>
      <c r="Y7591" s="2">
        <v>16.7</v>
      </c>
      <c r="Z7591" s="5"/>
      <c r="AA7591" s="5" t="s">
        <v>43</v>
      </c>
      <c r="AB7591" s="5" t="s">
        <v>44</v>
      </c>
      <c r="AC7591" s="2"/>
      <c r="AD7591" s="1"/>
    </row>
    <row r="7592" spans="1:30">
      <c r="A7592" s="5" t="s">
        <v>83578</v>
      </c>
      <c r="B7592" s="2" t="s">
        <v>106895</v>
      </c>
      <c r="C7592" s="14" t="s">
        <v>106896</v>
      </c>
      <c r="D7592" s="2" t="s">
        <v>106897</v>
      </c>
      <c r="E7592" s="2" t="s">
        <v>16219</v>
      </c>
      <c r="F7592" s="8">
        <v>253</v>
      </c>
      <c r="G7592" s="5">
        <v>6</v>
      </c>
      <c r="H7592" s="5" t="s">
        <v>1518</v>
      </c>
      <c r="I7592" s="5" t="s">
        <v>69038</v>
      </c>
      <c r="J7592" s="2" t="s">
        <v>69039</v>
      </c>
      <c r="K7592" s="5" t="s">
        <v>69038</v>
      </c>
      <c r="L7592" s="2" t="s">
        <v>69039</v>
      </c>
      <c r="M7592" s="5" t="s">
        <v>1521</v>
      </c>
      <c r="N7592" s="5" t="s">
        <v>38</v>
      </c>
      <c r="O7592" s="5" t="s">
        <v>39</v>
      </c>
      <c r="P7592" s="5" t="s">
        <v>40</v>
      </c>
      <c r="Q7592" s="5" t="s">
        <v>1522</v>
      </c>
      <c r="R7592" s="5" t="s">
        <v>1523</v>
      </c>
      <c r="S7592" s="5" t="s">
        <v>42</v>
      </c>
      <c r="T7592" s="2">
        <v>2.339</v>
      </c>
      <c r="U7592" s="2">
        <v>1.7789999999999999</v>
      </c>
      <c r="V7592" s="2">
        <v>16.7</v>
      </c>
      <c r="W7592" s="2">
        <v>99.1</v>
      </c>
      <c r="X7592" s="2">
        <v>7.6</v>
      </c>
      <c r="Y7592" s="2">
        <v>16.7</v>
      </c>
      <c r="Z7592" s="5"/>
      <c r="AA7592" s="5" t="s">
        <v>43</v>
      </c>
      <c r="AB7592" s="5" t="s">
        <v>44</v>
      </c>
      <c r="AC7592" s="2"/>
      <c r="AD7592" s="1"/>
    </row>
    <row r="7593" spans="1:30">
      <c r="A7593" s="5" t="s">
        <v>83578</v>
      </c>
      <c r="B7593" s="2" t="s">
        <v>106898</v>
      </c>
      <c r="C7593" s="14" t="s">
        <v>106899</v>
      </c>
      <c r="D7593" s="2" t="s">
        <v>106900</v>
      </c>
      <c r="E7593" s="2" t="s">
        <v>7212</v>
      </c>
      <c r="F7593" s="8">
        <v>237</v>
      </c>
      <c r="G7593" s="5">
        <v>6</v>
      </c>
      <c r="H7593" s="5" t="s">
        <v>1518</v>
      </c>
      <c r="I7593" s="5" t="s">
        <v>69038</v>
      </c>
      <c r="J7593" s="2" t="s">
        <v>69039</v>
      </c>
      <c r="K7593" s="5" t="s">
        <v>69038</v>
      </c>
      <c r="L7593" s="2" t="s">
        <v>69039</v>
      </c>
      <c r="M7593" s="5" t="s">
        <v>1521</v>
      </c>
      <c r="N7593" s="5" t="s">
        <v>38</v>
      </c>
      <c r="O7593" s="5" t="s">
        <v>39</v>
      </c>
      <c r="P7593" s="5" t="s">
        <v>40</v>
      </c>
      <c r="Q7593" s="5" t="s">
        <v>1522</v>
      </c>
      <c r="R7593" s="5" t="s">
        <v>1523</v>
      </c>
      <c r="S7593" s="5" t="s">
        <v>42</v>
      </c>
      <c r="T7593" s="2">
        <v>2.2909999999999999</v>
      </c>
      <c r="U7593" s="2">
        <v>1.7310000000000001</v>
      </c>
      <c r="V7593" s="2">
        <v>16.7</v>
      </c>
      <c r="W7593" s="2">
        <v>99.1</v>
      </c>
      <c r="X7593" s="2">
        <v>7.6</v>
      </c>
      <c r="Y7593" s="2">
        <v>16.7</v>
      </c>
      <c r="Z7593" s="5"/>
      <c r="AA7593" s="5" t="s">
        <v>43</v>
      </c>
      <c r="AB7593" s="5" t="s">
        <v>44</v>
      </c>
      <c r="AC7593" s="2"/>
      <c r="AD7593" s="1"/>
    </row>
    <row r="7594" spans="1:30">
      <c r="A7594" s="5" t="s">
        <v>83578</v>
      </c>
      <c r="B7594" s="2" t="s">
        <v>106901</v>
      </c>
      <c r="C7594" s="14" t="s">
        <v>106902</v>
      </c>
      <c r="D7594" s="2" t="s">
        <v>106903</v>
      </c>
      <c r="E7594" s="2" t="s">
        <v>7528</v>
      </c>
      <c r="F7594" s="8">
        <v>237</v>
      </c>
      <c r="G7594" s="5">
        <v>6</v>
      </c>
      <c r="H7594" s="5" t="s">
        <v>1518</v>
      </c>
      <c r="I7594" s="5" t="s">
        <v>69038</v>
      </c>
      <c r="J7594" s="2" t="s">
        <v>69039</v>
      </c>
      <c r="K7594" s="5" t="s">
        <v>69038</v>
      </c>
      <c r="L7594" s="2" t="s">
        <v>69039</v>
      </c>
      <c r="M7594" s="5" t="s">
        <v>1521</v>
      </c>
      <c r="N7594" s="5" t="s">
        <v>38</v>
      </c>
      <c r="O7594" s="5" t="s">
        <v>39</v>
      </c>
      <c r="P7594" s="5" t="s">
        <v>40</v>
      </c>
      <c r="Q7594" s="5" t="s">
        <v>1522</v>
      </c>
      <c r="R7594" s="5" t="s">
        <v>1523</v>
      </c>
      <c r="S7594" s="5" t="s">
        <v>42</v>
      </c>
      <c r="T7594" s="2">
        <v>2.339</v>
      </c>
      <c r="U7594" s="2">
        <v>1.7789999999999999</v>
      </c>
      <c r="V7594" s="2">
        <v>16.7</v>
      </c>
      <c r="W7594" s="2">
        <v>99.1</v>
      </c>
      <c r="X7594" s="2">
        <v>7.6</v>
      </c>
      <c r="Y7594" s="2">
        <v>16.7</v>
      </c>
      <c r="Z7594" s="5"/>
      <c r="AA7594" s="5" t="s">
        <v>43</v>
      </c>
      <c r="AB7594" s="5" t="s">
        <v>44</v>
      </c>
      <c r="AC7594" s="2"/>
      <c r="AD7594" s="1"/>
    </row>
    <row r="7595" spans="1:30">
      <c r="A7595" s="5" t="s">
        <v>83578</v>
      </c>
      <c r="B7595" s="2" t="s">
        <v>106904</v>
      </c>
      <c r="C7595" s="14" t="s">
        <v>106905</v>
      </c>
      <c r="D7595" s="2" t="s">
        <v>106906</v>
      </c>
      <c r="E7595" s="2" t="s">
        <v>16079</v>
      </c>
      <c r="F7595" s="8">
        <v>263</v>
      </c>
      <c r="G7595" s="5">
        <v>6</v>
      </c>
      <c r="H7595" s="5" t="s">
        <v>1518</v>
      </c>
      <c r="I7595" s="5" t="s">
        <v>69038</v>
      </c>
      <c r="J7595" s="2" t="s">
        <v>69039</v>
      </c>
      <c r="K7595" s="5" t="s">
        <v>69038</v>
      </c>
      <c r="L7595" s="2" t="s">
        <v>69039</v>
      </c>
      <c r="M7595" s="5" t="s">
        <v>1521</v>
      </c>
      <c r="N7595" s="5" t="s">
        <v>38</v>
      </c>
      <c r="O7595" s="5" t="s">
        <v>39</v>
      </c>
      <c r="P7595" s="5" t="s">
        <v>40</v>
      </c>
      <c r="Q7595" s="5" t="s">
        <v>1522</v>
      </c>
      <c r="R7595" s="5" t="s">
        <v>1523</v>
      </c>
      <c r="S7595" s="5" t="s">
        <v>42</v>
      </c>
      <c r="T7595" s="2">
        <v>2.74</v>
      </c>
      <c r="U7595" s="2">
        <v>2.1970000000000001</v>
      </c>
      <c r="V7595" s="2">
        <v>16.7</v>
      </c>
      <c r="W7595" s="2">
        <v>118.9</v>
      </c>
      <c r="X7595" s="2">
        <v>7.6</v>
      </c>
      <c r="Y7595" s="2">
        <v>16.7</v>
      </c>
      <c r="Z7595" s="5"/>
      <c r="AA7595" s="5" t="s">
        <v>43</v>
      </c>
      <c r="AB7595" s="5" t="s">
        <v>44</v>
      </c>
      <c r="AC7595" s="2"/>
      <c r="AD7595" s="1"/>
    </row>
    <row r="7596" spans="1:30">
      <c r="A7596" s="5" t="s">
        <v>83578</v>
      </c>
      <c r="B7596" s="2" t="s">
        <v>106907</v>
      </c>
      <c r="C7596" s="14" t="s">
        <v>106908</v>
      </c>
      <c r="D7596" s="2" t="s">
        <v>106909</v>
      </c>
      <c r="E7596" s="2" t="s">
        <v>7547</v>
      </c>
      <c r="F7596" s="8">
        <v>275</v>
      </c>
      <c r="G7596" s="5">
        <v>6</v>
      </c>
      <c r="H7596" s="5" t="s">
        <v>1518</v>
      </c>
      <c r="I7596" s="5" t="s">
        <v>69038</v>
      </c>
      <c r="J7596" s="2" t="s">
        <v>69039</v>
      </c>
      <c r="K7596" s="5" t="s">
        <v>69038</v>
      </c>
      <c r="L7596" s="2" t="s">
        <v>69039</v>
      </c>
      <c r="M7596" s="5" t="s">
        <v>1521</v>
      </c>
      <c r="N7596" s="5" t="s">
        <v>38</v>
      </c>
      <c r="O7596" s="5" t="s">
        <v>39</v>
      </c>
      <c r="P7596" s="5" t="s">
        <v>40</v>
      </c>
      <c r="Q7596" s="5" t="s">
        <v>1522</v>
      </c>
      <c r="R7596" s="5" t="s">
        <v>1523</v>
      </c>
      <c r="S7596" s="5" t="s">
        <v>42</v>
      </c>
      <c r="T7596" s="2">
        <v>3.2309999999999999</v>
      </c>
      <c r="U7596" s="2">
        <v>2.5310000000000001</v>
      </c>
      <c r="V7596" s="2">
        <v>16.7</v>
      </c>
      <c r="W7596" s="2">
        <v>159.1</v>
      </c>
      <c r="X7596" s="2">
        <v>7.6</v>
      </c>
      <c r="Y7596" s="2">
        <v>16.7</v>
      </c>
      <c r="Z7596" s="5"/>
      <c r="AA7596" s="5" t="s">
        <v>43</v>
      </c>
      <c r="AB7596" s="5" t="s">
        <v>44</v>
      </c>
      <c r="AC7596" s="2"/>
      <c r="AD7596" s="1"/>
    </row>
    <row r="7597" spans="1:30">
      <c r="A7597" s="5" t="s">
        <v>83578</v>
      </c>
      <c r="B7597" s="2" t="s">
        <v>106910</v>
      </c>
      <c r="C7597" s="14" t="s">
        <v>106911</v>
      </c>
      <c r="D7597" s="2" t="s">
        <v>106912</v>
      </c>
      <c r="E7597" s="2" t="s">
        <v>16079</v>
      </c>
      <c r="F7597" s="8">
        <v>275</v>
      </c>
      <c r="G7597" s="5">
        <v>6</v>
      </c>
      <c r="H7597" s="5" t="s">
        <v>1518</v>
      </c>
      <c r="I7597" s="5" t="s">
        <v>69038</v>
      </c>
      <c r="J7597" s="2" t="s">
        <v>69039</v>
      </c>
      <c r="K7597" s="5" t="s">
        <v>69038</v>
      </c>
      <c r="L7597" s="2" t="s">
        <v>69039</v>
      </c>
      <c r="M7597" s="5" t="s">
        <v>1521</v>
      </c>
      <c r="N7597" s="5" t="s">
        <v>38</v>
      </c>
      <c r="O7597" s="5" t="s">
        <v>39</v>
      </c>
      <c r="P7597" s="5" t="s">
        <v>40</v>
      </c>
      <c r="Q7597" s="5" t="s">
        <v>1522</v>
      </c>
      <c r="R7597" s="5" t="s">
        <v>1523</v>
      </c>
      <c r="S7597" s="5" t="s">
        <v>42</v>
      </c>
      <c r="T7597" s="2">
        <v>3.2309999999999999</v>
      </c>
      <c r="U7597" s="2">
        <v>2.5310000000000001</v>
      </c>
      <c r="V7597" s="2">
        <v>16.7</v>
      </c>
      <c r="W7597" s="2">
        <v>159.1</v>
      </c>
      <c r="X7597" s="2">
        <v>7.6</v>
      </c>
      <c r="Y7597" s="2">
        <v>16.7</v>
      </c>
      <c r="Z7597" s="5"/>
      <c r="AA7597" s="5" t="s">
        <v>43</v>
      </c>
      <c r="AB7597" s="5" t="s">
        <v>44</v>
      </c>
      <c r="AC7597" s="2"/>
      <c r="AD7597" s="1"/>
    </row>
    <row r="7598" spans="1:30">
      <c r="A7598" s="5" t="s">
        <v>83578</v>
      </c>
      <c r="B7598" s="2" t="s">
        <v>106913</v>
      </c>
      <c r="C7598" s="14" t="s">
        <v>106914</v>
      </c>
      <c r="D7598" s="2" t="s">
        <v>106915</v>
      </c>
      <c r="E7598" s="2" t="s">
        <v>16194</v>
      </c>
      <c r="F7598" s="8">
        <v>275</v>
      </c>
      <c r="G7598" s="5">
        <v>6</v>
      </c>
      <c r="H7598" s="5" t="s">
        <v>1518</v>
      </c>
      <c r="I7598" s="5" t="s">
        <v>69038</v>
      </c>
      <c r="J7598" s="2" t="s">
        <v>69039</v>
      </c>
      <c r="K7598" s="5" t="s">
        <v>69038</v>
      </c>
      <c r="L7598" s="2" t="s">
        <v>69039</v>
      </c>
      <c r="M7598" s="5" t="s">
        <v>1521</v>
      </c>
      <c r="N7598" s="5" t="s">
        <v>38</v>
      </c>
      <c r="O7598" s="5" t="s">
        <v>39</v>
      </c>
      <c r="P7598" s="5" t="s">
        <v>40</v>
      </c>
      <c r="Q7598" s="5" t="s">
        <v>1522</v>
      </c>
      <c r="R7598" s="5" t="s">
        <v>1523</v>
      </c>
      <c r="S7598" s="5" t="s">
        <v>42</v>
      </c>
      <c r="T7598" s="2">
        <v>3.3370000000000002</v>
      </c>
      <c r="U7598" s="2">
        <v>2.637</v>
      </c>
      <c r="V7598" s="2">
        <v>16.7</v>
      </c>
      <c r="W7598" s="2">
        <v>159.1</v>
      </c>
      <c r="X7598" s="2">
        <v>7.6</v>
      </c>
      <c r="Y7598" s="2">
        <v>16.7</v>
      </c>
      <c r="Z7598" s="5"/>
      <c r="AA7598" s="5" t="s">
        <v>43</v>
      </c>
      <c r="AB7598" s="5" t="s">
        <v>44</v>
      </c>
      <c r="AC7598" s="2"/>
      <c r="AD7598" s="1"/>
    </row>
    <row r="7599" spans="1:30">
      <c r="A7599" s="5" t="s">
        <v>83578</v>
      </c>
      <c r="B7599" s="2" t="s">
        <v>106916</v>
      </c>
      <c r="C7599" s="14" t="s">
        <v>106917</v>
      </c>
      <c r="D7599" s="2" t="s">
        <v>106918</v>
      </c>
      <c r="E7599" s="2" t="s">
        <v>7449</v>
      </c>
      <c r="F7599" s="8">
        <v>275</v>
      </c>
      <c r="G7599" s="5">
        <v>6</v>
      </c>
      <c r="H7599" s="5" t="s">
        <v>1518</v>
      </c>
      <c r="I7599" s="5" t="s">
        <v>69038</v>
      </c>
      <c r="J7599" s="2" t="s">
        <v>69039</v>
      </c>
      <c r="K7599" s="5" t="s">
        <v>69038</v>
      </c>
      <c r="L7599" s="2" t="s">
        <v>69039</v>
      </c>
      <c r="M7599" s="5" t="s">
        <v>1521</v>
      </c>
      <c r="N7599" s="5" t="s">
        <v>38</v>
      </c>
      <c r="O7599" s="5" t="s">
        <v>39</v>
      </c>
      <c r="P7599" s="5" t="s">
        <v>40</v>
      </c>
      <c r="Q7599" s="5" t="s">
        <v>1522</v>
      </c>
      <c r="R7599" s="5" t="s">
        <v>1523</v>
      </c>
      <c r="S7599" s="5" t="s">
        <v>42</v>
      </c>
      <c r="T7599" s="2">
        <v>3.2309999999999999</v>
      </c>
      <c r="U7599" s="2">
        <v>2.5310000000000001</v>
      </c>
      <c r="V7599" s="2">
        <v>16.7</v>
      </c>
      <c r="W7599" s="2">
        <v>159.1</v>
      </c>
      <c r="X7599" s="2">
        <v>7.6</v>
      </c>
      <c r="Y7599" s="2">
        <v>16.7</v>
      </c>
      <c r="Z7599" s="5"/>
      <c r="AA7599" s="5" t="s">
        <v>43</v>
      </c>
      <c r="AB7599" s="5" t="s">
        <v>44</v>
      </c>
      <c r="AC7599" s="2"/>
      <c r="AD7599" s="1"/>
    </row>
    <row r="7600" spans="1:30">
      <c r="A7600" s="5" t="s">
        <v>83578</v>
      </c>
      <c r="B7600" s="2" t="s">
        <v>106919</v>
      </c>
      <c r="C7600" s="14" t="s">
        <v>106920</v>
      </c>
      <c r="D7600" s="2" t="s">
        <v>106921</v>
      </c>
      <c r="E7600" s="2" t="s">
        <v>7589</v>
      </c>
      <c r="F7600" s="8">
        <v>275</v>
      </c>
      <c r="G7600" s="5">
        <v>6</v>
      </c>
      <c r="H7600" s="5" t="s">
        <v>1518</v>
      </c>
      <c r="I7600" s="5" t="s">
        <v>69038</v>
      </c>
      <c r="J7600" s="2" t="s">
        <v>69039</v>
      </c>
      <c r="K7600" s="5" t="s">
        <v>69038</v>
      </c>
      <c r="L7600" s="2" t="s">
        <v>69039</v>
      </c>
      <c r="M7600" s="5" t="s">
        <v>1521</v>
      </c>
      <c r="N7600" s="5" t="s">
        <v>38</v>
      </c>
      <c r="O7600" s="5" t="s">
        <v>39</v>
      </c>
      <c r="P7600" s="5" t="s">
        <v>40</v>
      </c>
      <c r="Q7600" s="5" t="s">
        <v>1522</v>
      </c>
      <c r="R7600" s="5" t="s">
        <v>1523</v>
      </c>
      <c r="S7600" s="5" t="s">
        <v>42</v>
      </c>
      <c r="T7600" s="2">
        <v>3.3370000000000002</v>
      </c>
      <c r="U7600" s="2">
        <v>2.637</v>
      </c>
      <c r="V7600" s="2">
        <v>16.7</v>
      </c>
      <c r="W7600" s="2">
        <v>159.1</v>
      </c>
      <c r="X7600" s="2">
        <v>7.6</v>
      </c>
      <c r="Y7600" s="2">
        <v>16.7</v>
      </c>
      <c r="Z7600" s="5"/>
      <c r="AA7600" s="5" t="s">
        <v>43</v>
      </c>
      <c r="AB7600" s="5" t="s">
        <v>44</v>
      </c>
      <c r="AC7600" s="2"/>
      <c r="AD7600" s="1"/>
    </row>
    <row r="7601" spans="1:30">
      <c r="A7601" s="5" t="s">
        <v>83578</v>
      </c>
      <c r="B7601" s="2" t="s">
        <v>106922</v>
      </c>
      <c r="C7601" s="14" t="s">
        <v>106923</v>
      </c>
      <c r="D7601" s="2" t="s">
        <v>106924</v>
      </c>
      <c r="E7601" s="2" t="s">
        <v>7593</v>
      </c>
      <c r="F7601" s="8">
        <v>275</v>
      </c>
      <c r="G7601" s="5">
        <v>6</v>
      </c>
      <c r="H7601" s="5" t="s">
        <v>1518</v>
      </c>
      <c r="I7601" s="5" t="s">
        <v>69038</v>
      </c>
      <c r="J7601" s="2" t="s">
        <v>69039</v>
      </c>
      <c r="K7601" s="5" t="s">
        <v>69038</v>
      </c>
      <c r="L7601" s="2" t="s">
        <v>69039</v>
      </c>
      <c r="M7601" s="5" t="s">
        <v>1521</v>
      </c>
      <c r="N7601" s="5" t="s">
        <v>38</v>
      </c>
      <c r="O7601" s="5" t="s">
        <v>39</v>
      </c>
      <c r="P7601" s="5" t="s">
        <v>40</v>
      </c>
      <c r="Q7601" s="5" t="s">
        <v>1522</v>
      </c>
      <c r="R7601" s="5" t="s">
        <v>1523</v>
      </c>
      <c r="S7601" s="5" t="s">
        <v>42</v>
      </c>
      <c r="T7601" s="2">
        <v>3.2309999999999999</v>
      </c>
      <c r="U7601" s="2">
        <v>2.5310000000000001</v>
      </c>
      <c r="V7601" s="2">
        <v>16.7</v>
      </c>
      <c r="W7601" s="2">
        <v>159.1</v>
      </c>
      <c r="X7601" s="2">
        <v>7.6</v>
      </c>
      <c r="Y7601" s="2">
        <v>16.7</v>
      </c>
      <c r="Z7601" s="5"/>
      <c r="AA7601" s="5" t="s">
        <v>43</v>
      </c>
      <c r="AB7601" s="5" t="s">
        <v>44</v>
      </c>
      <c r="AC7601" s="2"/>
      <c r="AD7601" s="1"/>
    </row>
    <row r="7602" spans="1:30">
      <c r="A7602" s="5" t="s">
        <v>83578</v>
      </c>
      <c r="B7602" s="2" t="s">
        <v>106925</v>
      </c>
      <c r="C7602" s="14" t="s">
        <v>106926</v>
      </c>
      <c r="D7602" s="2" t="s">
        <v>106927</v>
      </c>
      <c r="E7602" s="2" t="s">
        <v>7615</v>
      </c>
      <c r="F7602" s="8">
        <v>275</v>
      </c>
      <c r="G7602" s="5">
        <v>6</v>
      </c>
      <c r="H7602" s="5" t="s">
        <v>1518</v>
      </c>
      <c r="I7602" s="5" t="s">
        <v>69038</v>
      </c>
      <c r="J7602" s="2" t="s">
        <v>69039</v>
      </c>
      <c r="K7602" s="5" t="s">
        <v>69038</v>
      </c>
      <c r="L7602" s="2" t="s">
        <v>69039</v>
      </c>
      <c r="M7602" s="5" t="s">
        <v>1521</v>
      </c>
      <c r="N7602" s="5" t="s">
        <v>38</v>
      </c>
      <c r="O7602" s="5" t="s">
        <v>39</v>
      </c>
      <c r="P7602" s="5" t="s">
        <v>40</v>
      </c>
      <c r="Q7602" s="5" t="s">
        <v>1522</v>
      </c>
      <c r="R7602" s="5" t="s">
        <v>1523</v>
      </c>
      <c r="S7602" s="5" t="s">
        <v>42</v>
      </c>
      <c r="T7602" s="2">
        <v>3.2309999999999999</v>
      </c>
      <c r="U7602" s="2">
        <v>2.5310000000000001</v>
      </c>
      <c r="V7602" s="2">
        <v>16.7</v>
      </c>
      <c r="W7602" s="2">
        <v>159.1</v>
      </c>
      <c r="X7602" s="2">
        <v>7.6</v>
      </c>
      <c r="Y7602" s="2">
        <v>16.7</v>
      </c>
      <c r="Z7602" s="5"/>
      <c r="AA7602" s="5" t="s">
        <v>43</v>
      </c>
      <c r="AB7602" s="5" t="s">
        <v>44</v>
      </c>
      <c r="AC7602" s="2"/>
      <c r="AD7602" s="1"/>
    </row>
    <row r="7603" spans="1:30">
      <c r="A7603" s="5" t="s">
        <v>83578</v>
      </c>
      <c r="B7603" s="2" t="s">
        <v>106928</v>
      </c>
      <c r="C7603" s="14" t="s">
        <v>106929</v>
      </c>
      <c r="D7603" s="2" t="s">
        <v>106930</v>
      </c>
      <c r="E7603" s="2" t="s">
        <v>16014</v>
      </c>
      <c r="F7603" s="8">
        <v>275</v>
      </c>
      <c r="G7603" s="5">
        <v>6</v>
      </c>
      <c r="H7603" s="5" t="s">
        <v>1518</v>
      </c>
      <c r="I7603" s="5" t="s">
        <v>69038</v>
      </c>
      <c r="J7603" s="2" t="s">
        <v>69039</v>
      </c>
      <c r="K7603" s="5" t="s">
        <v>69038</v>
      </c>
      <c r="L7603" s="2" t="s">
        <v>69039</v>
      </c>
      <c r="M7603" s="5" t="s">
        <v>1521</v>
      </c>
      <c r="N7603" s="5" t="s">
        <v>38</v>
      </c>
      <c r="O7603" s="5" t="s">
        <v>39</v>
      </c>
      <c r="P7603" s="5" t="s">
        <v>40</v>
      </c>
      <c r="Q7603" s="5" t="s">
        <v>1522</v>
      </c>
      <c r="R7603" s="5" t="s">
        <v>1523</v>
      </c>
      <c r="S7603" s="5" t="s">
        <v>42</v>
      </c>
      <c r="T7603" s="2">
        <v>3.2309999999999999</v>
      </c>
      <c r="U7603" s="2">
        <v>2.5310000000000001</v>
      </c>
      <c r="V7603" s="2">
        <v>16.7</v>
      </c>
      <c r="W7603" s="2">
        <v>159.1</v>
      </c>
      <c r="X7603" s="2">
        <v>7.6</v>
      </c>
      <c r="Y7603" s="2">
        <v>16.7</v>
      </c>
      <c r="Z7603" s="5"/>
      <c r="AA7603" s="5" t="s">
        <v>43</v>
      </c>
      <c r="AB7603" s="5" t="s">
        <v>44</v>
      </c>
      <c r="AC7603" s="2"/>
      <c r="AD7603" s="1"/>
    </row>
    <row r="7604" spans="1:30">
      <c r="A7604" s="5" t="s">
        <v>83578</v>
      </c>
      <c r="B7604" s="2" t="s">
        <v>106931</v>
      </c>
      <c r="C7604" s="14" t="s">
        <v>106932</v>
      </c>
      <c r="D7604" s="2" t="s">
        <v>106933</v>
      </c>
      <c r="E7604" s="2" t="s">
        <v>16219</v>
      </c>
      <c r="F7604" s="8">
        <v>275</v>
      </c>
      <c r="G7604" s="5">
        <v>6</v>
      </c>
      <c r="H7604" s="5" t="s">
        <v>1518</v>
      </c>
      <c r="I7604" s="5" t="s">
        <v>69038</v>
      </c>
      <c r="J7604" s="2" t="s">
        <v>69039</v>
      </c>
      <c r="K7604" s="5" t="s">
        <v>69038</v>
      </c>
      <c r="L7604" s="2" t="s">
        <v>69039</v>
      </c>
      <c r="M7604" s="5" t="s">
        <v>1521</v>
      </c>
      <c r="N7604" s="5" t="s">
        <v>38</v>
      </c>
      <c r="O7604" s="5" t="s">
        <v>39</v>
      </c>
      <c r="P7604" s="5" t="s">
        <v>40</v>
      </c>
      <c r="Q7604" s="5" t="s">
        <v>1522</v>
      </c>
      <c r="R7604" s="5" t="s">
        <v>1523</v>
      </c>
      <c r="S7604" s="5" t="s">
        <v>42</v>
      </c>
      <c r="T7604" s="2">
        <v>3.3370000000000002</v>
      </c>
      <c r="U7604" s="2">
        <v>2.637</v>
      </c>
      <c r="V7604" s="2">
        <v>16.7</v>
      </c>
      <c r="W7604" s="2">
        <v>159.1</v>
      </c>
      <c r="X7604" s="2">
        <v>7.6</v>
      </c>
      <c r="Y7604" s="2">
        <v>16.7</v>
      </c>
      <c r="Z7604" s="5"/>
      <c r="AA7604" s="5" t="s">
        <v>43</v>
      </c>
      <c r="AB7604" s="5" t="s">
        <v>44</v>
      </c>
      <c r="AC7604" s="2"/>
      <c r="AD7604" s="1"/>
    </row>
    <row r="7605" spans="1:30">
      <c r="A7605" s="5" t="s">
        <v>83578</v>
      </c>
      <c r="B7605" s="2" t="s">
        <v>106934</v>
      </c>
      <c r="C7605" s="14" t="s">
        <v>106935</v>
      </c>
      <c r="D7605" s="2" t="s">
        <v>106936</v>
      </c>
      <c r="E7605" s="2" t="s">
        <v>7406</v>
      </c>
      <c r="F7605" s="8">
        <v>287</v>
      </c>
      <c r="G7605" s="5">
        <v>6</v>
      </c>
      <c r="H7605" s="5" t="s">
        <v>1518</v>
      </c>
      <c r="I7605" s="5" t="s">
        <v>69038</v>
      </c>
      <c r="J7605" s="2" t="s">
        <v>69039</v>
      </c>
      <c r="K7605" s="5" t="s">
        <v>69038</v>
      </c>
      <c r="L7605" s="2" t="s">
        <v>69039</v>
      </c>
      <c r="M7605" s="5" t="s">
        <v>1521</v>
      </c>
      <c r="N7605" s="5" t="s">
        <v>38</v>
      </c>
      <c r="O7605" s="5" t="s">
        <v>39</v>
      </c>
      <c r="P7605" s="5" t="s">
        <v>40</v>
      </c>
      <c r="Q7605" s="5" t="s">
        <v>1522</v>
      </c>
      <c r="R7605" s="5" t="s">
        <v>1523</v>
      </c>
      <c r="S7605" s="5" t="s">
        <v>42</v>
      </c>
      <c r="T7605" s="2">
        <v>3.4470000000000001</v>
      </c>
      <c r="U7605" s="2">
        <v>2.6789999999999998</v>
      </c>
      <c r="V7605" s="2">
        <v>16.7</v>
      </c>
      <c r="W7605" s="2">
        <v>165.1</v>
      </c>
      <c r="X7605" s="2">
        <v>7.6</v>
      </c>
      <c r="Y7605" s="2">
        <v>16.7</v>
      </c>
      <c r="Z7605" s="5"/>
      <c r="AA7605" s="5" t="s">
        <v>43</v>
      </c>
      <c r="AB7605" s="5" t="s">
        <v>44</v>
      </c>
      <c r="AC7605" s="2"/>
      <c r="AD7605" s="1"/>
    </row>
    <row r="7606" spans="1:30">
      <c r="A7606" s="5" t="s">
        <v>83578</v>
      </c>
      <c r="B7606" s="2" t="s">
        <v>106937</v>
      </c>
      <c r="C7606" s="14" t="s">
        <v>106938</v>
      </c>
      <c r="D7606" s="2" t="s">
        <v>106939</v>
      </c>
      <c r="E7606" s="2" t="s">
        <v>7543</v>
      </c>
      <c r="F7606" s="8">
        <v>287</v>
      </c>
      <c r="G7606" s="5">
        <v>6</v>
      </c>
      <c r="H7606" s="5" t="s">
        <v>1518</v>
      </c>
      <c r="I7606" s="5" t="s">
        <v>69038</v>
      </c>
      <c r="J7606" s="2" t="s">
        <v>69039</v>
      </c>
      <c r="K7606" s="5" t="s">
        <v>69038</v>
      </c>
      <c r="L7606" s="2" t="s">
        <v>69039</v>
      </c>
      <c r="M7606" s="5" t="s">
        <v>1521</v>
      </c>
      <c r="N7606" s="5" t="s">
        <v>38</v>
      </c>
      <c r="O7606" s="5" t="s">
        <v>39</v>
      </c>
      <c r="P7606" s="5" t="s">
        <v>40</v>
      </c>
      <c r="Q7606" s="5" t="s">
        <v>1522</v>
      </c>
      <c r="R7606" s="5" t="s">
        <v>1523</v>
      </c>
      <c r="S7606" s="5" t="s">
        <v>42</v>
      </c>
      <c r="T7606" s="2">
        <v>3.5640000000000001</v>
      </c>
      <c r="U7606" s="2">
        <v>2.7959999999999998</v>
      </c>
      <c r="V7606" s="2">
        <v>16.7</v>
      </c>
      <c r="W7606" s="2">
        <v>165.1</v>
      </c>
      <c r="X7606" s="2">
        <v>7.6</v>
      </c>
      <c r="Y7606" s="2">
        <v>16.7</v>
      </c>
      <c r="Z7606" s="5"/>
      <c r="AA7606" s="5" t="s">
        <v>43</v>
      </c>
      <c r="AB7606" s="5" t="s">
        <v>44</v>
      </c>
      <c r="AC7606" s="2"/>
      <c r="AD7606" s="1"/>
    </row>
    <row r="7607" spans="1:30">
      <c r="A7607" s="5" t="s">
        <v>83578</v>
      </c>
      <c r="B7607" s="2" t="s">
        <v>106940</v>
      </c>
      <c r="C7607" s="14" t="s">
        <v>106941</v>
      </c>
      <c r="D7607" s="2" t="s">
        <v>106942</v>
      </c>
      <c r="E7607" s="2" t="s">
        <v>7547</v>
      </c>
      <c r="F7607" s="8">
        <v>287</v>
      </c>
      <c r="G7607" s="5">
        <v>6</v>
      </c>
      <c r="H7607" s="5" t="s">
        <v>1518</v>
      </c>
      <c r="I7607" s="5" t="s">
        <v>69038</v>
      </c>
      <c r="J7607" s="2" t="s">
        <v>69039</v>
      </c>
      <c r="K7607" s="5" t="s">
        <v>69038</v>
      </c>
      <c r="L7607" s="2" t="s">
        <v>69039</v>
      </c>
      <c r="M7607" s="5" t="s">
        <v>1521</v>
      </c>
      <c r="N7607" s="5" t="s">
        <v>38</v>
      </c>
      <c r="O7607" s="5" t="s">
        <v>39</v>
      </c>
      <c r="P7607" s="5" t="s">
        <v>40</v>
      </c>
      <c r="Q7607" s="5" t="s">
        <v>1522</v>
      </c>
      <c r="R7607" s="5" t="s">
        <v>1523</v>
      </c>
      <c r="S7607" s="5" t="s">
        <v>42</v>
      </c>
      <c r="T7607" s="2">
        <v>3.4470000000000001</v>
      </c>
      <c r="U7607" s="2">
        <v>2.6789999999999998</v>
      </c>
      <c r="V7607" s="2">
        <v>16.7</v>
      </c>
      <c r="W7607" s="2">
        <v>165.1</v>
      </c>
      <c r="X7607" s="2">
        <v>7.6</v>
      </c>
      <c r="Y7607" s="2">
        <v>16.7</v>
      </c>
      <c r="Z7607" s="5"/>
      <c r="AA7607" s="5" t="s">
        <v>43</v>
      </c>
      <c r="AB7607" s="5" t="s">
        <v>44</v>
      </c>
      <c r="AC7607" s="2"/>
      <c r="AD7607" s="1"/>
    </row>
    <row r="7608" spans="1:30">
      <c r="A7608" s="5" t="s">
        <v>83578</v>
      </c>
      <c r="B7608" s="2" t="s">
        <v>106943</v>
      </c>
      <c r="C7608" s="14" t="s">
        <v>106944</v>
      </c>
      <c r="D7608" s="2" t="s">
        <v>106945</v>
      </c>
      <c r="E7608" s="2" t="s">
        <v>7551</v>
      </c>
      <c r="F7608" s="8">
        <v>287</v>
      </c>
      <c r="G7608" s="5">
        <v>6</v>
      </c>
      <c r="H7608" s="5" t="s">
        <v>1518</v>
      </c>
      <c r="I7608" s="5" t="s">
        <v>69038</v>
      </c>
      <c r="J7608" s="2" t="s">
        <v>69039</v>
      </c>
      <c r="K7608" s="5" t="s">
        <v>69038</v>
      </c>
      <c r="L7608" s="2" t="s">
        <v>69039</v>
      </c>
      <c r="M7608" s="5" t="s">
        <v>1521</v>
      </c>
      <c r="N7608" s="5" t="s">
        <v>38</v>
      </c>
      <c r="O7608" s="5" t="s">
        <v>39</v>
      </c>
      <c r="P7608" s="5" t="s">
        <v>40</v>
      </c>
      <c r="Q7608" s="5" t="s">
        <v>1522</v>
      </c>
      <c r="R7608" s="5" t="s">
        <v>1523</v>
      </c>
      <c r="S7608" s="5" t="s">
        <v>42</v>
      </c>
      <c r="T7608" s="2">
        <v>3.5640000000000001</v>
      </c>
      <c r="U7608" s="2">
        <v>2.7959999999999998</v>
      </c>
      <c r="V7608" s="2">
        <v>16.7</v>
      </c>
      <c r="W7608" s="2">
        <v>165.1</v>
      </c>
      <c r="X7608" s="2">
        <v>7.6</v>
      </c>
      <c r="Y7608" s="2">
        <v>16.7</v>
      </c>
      <c r="Z7608" s="5"/>
      <c r="AA7608" s="5" t="s">
        <v>43</v>
      </c>
      <c r="AB7608" s="5" t="s">
        <v>44</v>
      </c>
      <c r="AC7608" s="2"/>
      <c r="AD7608" s="1"/>
    </row>
    <row r="7609" spans="1:30">
      <c r="A7609" s="5" t="s">
        <v>83578</v>
      </c>
      <c r="B7609" s="2" t="s">
        <v>106946</v>
      </c>
      <c r="C7609" s="14" t="s">
        <v>106947</v>
      </c>
      <c r="D7609" s="2" t="s">
        <v>106948</v>
      </c>
      <c r="E7609" s="2" t="s">
        <v>7563</v>
      </c>
      <c r="F7609" s="8">
        <v>287</v>
      </c>
      <c r="G7609" s="5">
        <v>6</v>
      </c>
      <c r="H7609" s="5" t="s">
        <v>1518</v>
      </c>
      <c r="I7609" s="5" t="s">
        <v>69038</v>
      </c>
      <c r="J7609" s="2" t="s">
        <v>69039</v>
      </c>
      <c r="K7609" s="5" t="s">
        <v>69038</v>
      </c>
      <c r="L7609" s="2" t="s">
        <v>69039</v>
      </c>
      <c r="M7609" s="5" t="s">
        <v>1521</v>
      </c>
      <c r="N7609" s="5" t="s">
        <v>38</v>
      </c>
      <c r="O7609" s="5" t="s">
        <v>39</v>
      </c>
      <c r="P7609" s="5" t="s">
        <v>40</v>
      </c>
      <c r="Q7609" s="5" t="s">
        <v>1522</v>
      </c>
      <c r="R7609" s="5" t="s">
        <v>1523</v>
      </c>
      <c r="S7609" s="5" t="s">
        <v>42</v>
      </c>
      <c r="T7609" s="2">
        <v>3.4470000000000001</v>
      </c>
      <c r="U7609" s="2">
        <v>2.6789999999999998</v>
      </c>
      <c r="V7609" s="2">
        <v>16.7</v>
      </c>
      <c r="W7609" s="2">
        <v>165.1</v>
      </c>
      <c r="X7609" s="2">
        <v>7.6</v>
      </c>
      <c r="Y7609" s="2">
        <v>16.7</v>
      </c>
      <c r="Z7609" s="5"/>
      <c r="AA7609" s="5" t="s">
        <v>43</v>
      </c>
      <c r="AB7609" s="5" t="s">
        <v>44</v>
      </c>
      <c r="AC7609" s="2"/>
      <c r="AD7609" s="1"/>
    </row>
    <row r="7610" spans="1:30">
      <c r="A7610" s="5" t="s">
        <v>83578</v>
      </c>
      <c r="B7610" s="2" t="s">
        <v>106949</v>
      </c>
      <c r="C7610" s="14" t="s">
        <v>106950</v>
      </c>
      <c r="D7610" s="2" t="s">
        <v>106951</v>
      </c>
      <c r="E7610" s="2" t="s">
        <v>7555</v>
      </c>
      <c r="F7610" s="8">
        <v>287</v>
      </c>
      <c r="G7610" s="5">
        <v>6</v>
      </c>
      <c r="H7610" s="5" t="s">
        <v>1518</v>
      </c>
      <c r="I7610" s="5" t="s">
        <v>69038</v>
      </c>
      <c r="J7610" s="2" t="s">
        <v>69039</v>
      </c>
      <c r="K7610" s="5" t="s">
        <v>69038</v>
      </c>
      <c r="L7610" s="2" t="s">
        <v>69039</v>
      </c>
      <c r="M7610" s="5" t="s">
        <v>1521</v>
      </c>
      <c r="N7610" s="5" t="s">
        <v>38</v>
      </c>
      <c r="O7610" s="5" t="s">
        <v>39</v>
      </c>
      <c r="P7610" s="5" t="s">
        <v>40</v>
      </c>
      <c r="Q7610" s="5" t="s">
        <v>1522</v>
      </c>
      <c r="R7610" s="5" t="s">
        <v>1523</v>
      </c>
      <c r="S7610" s="5" t="s">
        <v>42</v>
      </c>
      <c r="T7610" s="2">
        <v>3.4470000000000001</v>
      </c>
      <c r="U7610" s="2">
        <v>2.6789999999999998</v>
      </c>
      <c r="V7610" s="2">
        <v>16.7</v>
      </c>
      <c r="W7610" s="2">
        <v>165.1</v>
      </c>
      <c r="X7610" s="2">
        <v>7.6</v>
      </c>
      <c r="Y7610" s="2">
        <v>16.7</v>
      </c>
      <c r="Z7610" s="5"/>
      <c r="AA7610" s="5" t="s">
        <v>43</v>
      </c>
      <c r="AB7610" s="5" t="s">
        <v>44</v>
      </c>
      <c r="AC7610" s="2"/>
      <c r="AD7610" s="1"/>
    </row>
    <row r="7611" spans="1:30">
      <c r="A7611" s="5" t="s">
        <v>83578</v>
      </c>
      <c r="B7611" s="2" t="s">
        <v>106952</v>
      </c>
      <c r="C7611" s="14" t="s">
        <v>106953</v>
      </c>
      <c r="D7611" s="2" t="s">
        <v>106954</v>
      </c>
      <c r="E7611" s="2" t="s">
        <v>7559</v>
      </c>
      <c r="F7611" s="8">
        <v>287</v>
      </c>
      <c r="G7611" s="5">
        <v>6</v>
      </c>
      <c r="H7611" s="5" t="s">
        <v>1518</v>
      </c>
      <c r="I7611" s="5" t="s">
        <v>69038</v>
      </c>
      <c r="J7611" s="2" t="s">
        <v>69039</v>
      </c>
      <c r="K7611" s="5" t="s">
        <v>69038</v>
      </c>
      <c r="L7611" s="2" t="s">
        <v>69039</v>
      </c>
      <c r="M7611" s="5" t="s">
        <v>1521</v>
      </c>
      <c r="N7611" s="5" t="s">
        <v>38</v>
      </c>
      <c r="O7611" s="5" t="s">
        <v>39</v>
      </c>
      <c r="P7611" s="5" t="s">
        <v>40</v>
      </c>
      <c r="Q7611" s="5" t="s">
        <v>1522</v>
      </c>
      <c r="R7611" s="5" t="s">
        <v>1523</v>
      </c>
      <c r="S7611" s="5" t="s">
        <v>42</v>
      </c>
      <c r="T7611" s="2">
        <v>3.5640000000000001</v>
      </c>
      <c r="U7611" s="2">
        <v>2.7959999999999998</v>
      </c>
      <c r="V7611" s="2">
        <v>16.7</v>
      </c>
      <c r="W7611" s="2">
        <v>165.1</v>
      </c>
      <c r="X7611" s="2">
        <v>7.6</v>
      </c>
      <c r="Y7611" s="2">
        <v>16.7</v>
      </c>
      <c r="Z7611" s="5"/>
      <c r="AA7611" s="5" t="s">
        <v>43</v>
      </c>
      <c r="AB7611" s="5" t="s">
        <v>44</v>
      </c>
      <c r="AC7611" s="2"/>
      <c r="AD7611" s="1"/>
    </row>
    <row r="7612" spans="1:30">
      <c r="A7612" s="5" t="s">
        <v>83578</v>
      </c>
      <c r="B7612" s="2" t="s">
        <v>106955</v>
      </c>
      <c r="C7612" s="14" t="s">
        <v>106956</v>
      </c>
      <c r="D7612" s="2" t="s">
        <v>106957</v>
      </c>
      <c r="E7612" s="2" t="s">
        <v>16079</v>
      </c>
      <c r="F7612" s="8">
        <v>287</v>
      </c>
      <c r="G7612" s="5">
        <v>6</v>
      </c>
      <c r="H7612" s="5" t="s">
        <v>1518</v>
      </c>
      <c r="I7612" s="5" t="s">
        <v>69038</v>
      </c>
      <c r="J7612" s="2" t="s">
        <v>69039</v>
      </c>
      <c r="K7612" s="5" t="s">
        <v>69038</v>
      </c>
      <c r="L7612" s="2" t="s">
        <v>69039</v>
      </c>
      <c r="M7612" s="5" t="s">
        <v>1521</v>
      </c>
      <c r="N7612" s="5" t="s">
        <v>38</v>
      </c>
      <c r="O7612" s="5" t="s">
        <v>39</v>
      </c>
      <c r="P7612" s="5" t="s">
        <v>40</v>
      </c>
      <c r="Q7612" s="5" t="s">
        <v>1522</v>
      </c>
      <c r="R7612" s="5" t="s">
        <v>1523</v>
      </c>
      <c r="S7612" s="5" t="s">
        <v>42</v>
      </c>
      <c r="T7612" s="2">
        <v>3.4470000000000001</v>
      </c>
      <c r="U7612" s="2">
        <v>2.6789999999999998</v>
      </c>
      <c r="V7612" s="2">
        <v>16.7</v>
      </c>
      <c r="W7612" s="2">
        <v>165.1</v>
      </c>
      <c r="X7612" s="2">
        <v>7.6</v>
      </c>
      <c r="Y7612" s="2">
        <v>16.7</v>
      </c>
      <c r="Z7612" s="5"/>
      <c r="AA7612" s="5" t="s">
        <v>43</v>
      </c>
      <c r="AB7612" s="5" t="s">
        <v>44</v>
      </c>
      <c r="AC7612" s="2"/>
      <c r="AD7612" s="1"/>
    </row>
    <row r="7613" spans="1:30">
      <c r="A7613" s="5" t="s">
        <v>83578</v>
      </c>
      <c r="B7613" s="2" t="s">
        <v>106958</v>
      </c>
      <c r="C7613" s="14" t="s">
        <v>106959</v>
      </c>
      <c r="D7613" s="2" t="s">
        <v>106960</v>
      </c>
      <c r="E7613" s="2" t="s">
        <v>7449</v>
      </c>
      <c r="F7613" s="8">
        <v>287</v>
      </c>
      <c r="G7613" s="5">
        <v>6</v>
      </c>
      <c r="H7613" s="5" t="s">
        <v>1518</v>
      </c>
      <c r="I7613" s="5" t="s">
        <v>69038</v>
      </c>
      <c r="J7613" s="2" t="s">
        <v>69039</v>
      </c>
      <c r="K7613" s="5" t="s">
        <v>69038</v>
      </c>
      <c r="L7613" s="2" t="s">
        <v>69039</v>
      </c>
      <c r="M7613" s="5" t="s">
        <v>1521</v>
      </c>
      <c r="N7613" s="5" t="s">
        <v>38</v>
      </c>
      <c r="O7613" s="5" t="s">
        <v>39</v>
      </c>
      <c r="P7613" s="5" t="s">
        <v>40</v>
      </c>
      <c r="Q7613" s="5" t="s">
        <v>1522</v>
      </c>
      <c r="R7613" s="5" t="s">
        <v>1523</v>
      </c>
      <c r="S7613" s="5" t="s">
        <v>42</v>
      </c>
      <c r="T7613" s="2">
        <v>3.4470000000000001</v>
      </c>
      <c r="U7613" s="2">
        <v>2.6789999999999998</v>
      </c>
      <c r="V7613" s="2">
        <v>16.7</v>
      </c>
      <c r="W7613" s="2">
        <v>165.1</v>
      </c>
      <c r="X7613" s="2">
        <v>7.6</v>
      </c>
      <c r="Y7613" s="2">
        <v>16.7</v>
      </c>
      <c r="Z7613" s="5"/>
      <c r="AA7613" s="5" t="s">
        <v>43</v>
      </c>
      <c r="AB7613" s="5" t="s">
        <v>44</v>
      </c>
      <c r="AC7613" s="2"/>
      <c r="AD7613" s="1"/>
    </row>
    <row r="7614" spans="1:30">
      <c r="A7614" s="5" t="s">
        <v>83578</v>
      </c>
      <c r="B7614" s="2" t="s">
        <v>106961</v>
      </c>
      <c r="C7614" s="14" t="s">
        <v>106962</v>
      </c>
      <c r="D7614" s="2" t="s">
        <v>106963</v>
      </c>
      <c r="E7614" s="2" t="s">
        <v>7581</v>
      </c>
      <c r="F7614" s="8">
        <v>287</v>
      </c>
      <c r="G7614" s="5">
        <v>6</v>
      </c>
      <c r="H7614" s="5" t="s">
        <v>1518</v>
      </c>
      <c r="I7614" s="5" t="s">
        <v>69038</v>
      </c>
      <c r="J7614" s="2" t="s">
        <v>69039</v>
      </c>
      <c r="K7614" s="5" t="s">
        <v>69038</v>
      </c>
      <c r="L7614" s="2" t="s">
        <v>69039</v>
      </c>
      <c r="M7614" s="5" t="s">
        <v>1521</v>
      </c>
      <c r="N7614" s="5" t="s">
        <v>38</v>
      </c>
      <c r="O7614" s="5" t="s">
        <v>39</v>
      </c>
      <c r="P7614" s="5" t="s">
        <v>40</v>
      </c>
      <c r="Q7614" s="5" t="s">
        <v>1522</v>
      </c>
      <c r="R7614" s="5" t="s">
        <v>1523</v>
      </c>
      <c r="S7614" s="5" t="s">
        <v>42</v>
      </c>
      <c r="T7614" s="2">
        <v>3.5640000000000001</v>
      </c>
      <c r="U7614" s="2">
        <v>2.7959999999999998</v>
      </c>
      <c r="V7614" s="2">
        <v>16.7</v>
      </c>
      <c r="W7614" s="2">
        <v>165.1</v>
      </c>
      <c r="X7614" s="2">
        <v>7.6</v>
      </c>
      <c r="Y7614" s="2">
        <v>16.7</v>
      </c>
      <c r="Z7614" s="5"/>
      <c r="AA7614" s="5" t="s">
        <v>43</v>
      </c>
      <c r="AB7614" s="5" t="s">
        <v>44</v>
      </c>
      <c r="AC7614" s="2"/>
      <c r="AD7614" s="1"/>
    </row>
    <row r="7615" spans="1:30">
      <c r="A7615" s="5" t="s">
        <v>83578</v>
      </c>
      <c r="B7615" s="2" t="s">
        <v>106964</v>
      </c>
      <c r="C7615" s="14" t="s">
        <v>106965</v>
      </c>
      <c r="D7615" s="2" t="s">
        <v>106966</v>
      </c>
      <c r="E7615" s="2" t="s">
        <v>7585</v>
      </c>
      <c r="F7615" s="8">
        <v>287</v>
      </c>
      <c r="G7615" s="5">
        <v>6</v>
      </c>
      <c r="H7615" s="5" t="s">
        <v>1518</v>
      </c>
      <c r="I7615" s="5" t="s">
        <v>69038</v>
      </c>
      <c r="J7615" s="2" t="s">
        <v>69039</v>
      </c>
      <c r="K7615" s="5" t="s">
        <v>69038</v>
      </c>
      <c r="L7615" s="2" t="s">
        <v>69039</v>
      </c>
      <c r="M7615" s="5" t="s">
        <v>1521</v>
      </c>
      <c r="N7615" s="5" t="s">
        <v>38</v>
      </c>
      <c r="O7615" s="5" t="s">
        <v>39</v>
      </c>
      <c r="P7615" s="5" t="s">
        <v>40</v>
      </c>
      <c r="Q7615" s="5" t="s">
        <v>1522</v>
      </c>
      <c r="R7615" s="5" t="s">
        <v>1523</v>
      </c>
      <c r="S7615" s="5" t="s">
        <v>42</v>
      </c>
      <c r="T7615" s="2">
        <v>3.4470000000000001</v>
      </c>
      <c r="U7615" s="2">
        <v>2.6789999999999998</v>
      </c>
      <c r="V7615" s="2">
        <v>16.7</v>
      </c>
      <c r="W7615" s="2">
        <v>165.1</v>
      </c>
      <c r="X7615" s="2">
        <v>7.6</v>
      </c>
      <c r="Y7615" s="2">
        <v>16.7</v>
      </c>
      <c r="Z7615" s="5"/>
      <c r="AA7615" s="5" t="s">
        <v>43</v>
      </c>
      <c r="AB7615" s="5" t="s">
        <v>44</v>
      </c>
      <c r="AC7615" s="2"/>
      <c r="AD7615" s="1"/>
    </row>
    <row r="7616" spans="1:30">
      <c r="A7616" s="5" t="s">
        <v>83578</v>
      </c>
      <c r="B7616" s="2" t="s">
        <v>106967</v>
      </c>
      <c r="C7616" s="14" t="s">
        <v>106968</v>
      </c>
      <c r="D7616" s="2" t="s">
        <v>106969</v>
      </c>
      <c r="E7616" s="2" t="s">
        <v>7589</v>
      </c>
      <c r="F7616" s="8">
        <v>287</v>
      </c>
      <c r="G7616" s="5">
        <v>6</v>
      </c>
      <c r="H7616" s="5" t="s">
        <v>1518</v>
      </c>
      <c r="I7616" s="5" t="s">
        <v>69038</v>
      </c>
      <c r="J7616" s="2" t="s">
        <v>69039</v>
      </c>
      <c r="K7616" s="5" t="s">
        <v>69038</v>
      </c>
      <c r="L7616" s="2" t="s">
        <v>69039</v>
      </c>
      <c r="M7616" s="5" t="s">
        <v>1521</v>
      </c>
      <c r="N7616" s="5" t="s">
        <v>38</v>
      </c>
      <c r="O7616" s="5" t="s">
        <v>39</v>
      </c>
      <c r="P7616" s="5" t="s">
        <v>40</v>
      </c>
      <c r="Q7616" s="5" t="s">
        <v>1522</v>
      </c>
      <c r="R7616" s="5" t="s">
        <v>1523</v>
      </c>
      <c r="S7616" s="5" t="s">
        <v>42</v>
      </c>
      <c r="T7616" s="2">
        <v>3.5640000000000001</v>
      </c>
      <c r="U7616" s="2">
        <v>2.7959999999999998</v>
      </c>
      <c r="V7616" s="2">
        <v>16.7</v>
      </c>
      <c r="W7616" s="2">
        <v>165.1</v>
      </c>
      <c r="X7616" s="2">
        <v>7.6</v>
      </c>
      <c r="Y7616" s="2">
        <v>16.7</v>
      </c>
      <c r="Z7616" s="5"/>
      <c r="AA7616" s="5" t="s">
        <v>43</v>
      </c>
      <c r="AB7616" s="5" t="s">
        <v>44</v>
      </c>
      <c r="AC7616" s="2"/>
      <c r="AD7616" s="1"/>
    </row>
    <row r="7617" spans="1:30">
      <c r="A7617" s="5" t="s">
        <v>83578</v>
      </c>
      <c r="B7617" s="2" t="s">
        <v>106970</v>
      </c>
      <c r="C7617" s="14" t="s">
        <v>106971</v>
      </c>
      <c r="D7617" s="2" t="s">
        <v>106972</v>
      </c>
      <c r="E7617" s="2" t="s">
        <v>7593</v>
      </c>
      <c r="F7617" s="8">
        <v>287</v>
      </c>
      <c r="G7617" s="5">
        <v>6</v>
      </c>
      <c r="H7617" s="5" t="s">
        <v>1518</v>
      </c>
      <c r="I7617" s="5" t="s">
        <v>69038</v>
      </c>
      <c r="J7617" s="2" t="s">
        <v>69039</v>
      </c>
      <c r="K7617" s="5" t="s">
        <v>69038</v>
      </c>
      <c r="L7617" s="2" t="s">
        <v>69039</v>
      </c>
      <c r="M7617" s="5" t="s">
        <v>1521</v>
      </c>
      <c r="N7617" s="5" t="s">
        <v>38</v>
      </c>
      <c r="O7617" s="5" t="s">
        <v>39</v>
      </c>
      <c r="P7617" s="5" t="s">
        <v>40</v>
      </c>
      <c r="Q7617" s="5" t="s">
        <v>1522</v>
      </c>
      <c r="R7617" s="5" t="s">
        <v>1523</v>
      </c>
      <c r="S7617" s="5" t="s">
        <v>42</v>
      </c>
      <c r="T7617" s="2">
        <v>3.4470000000000001</v>
      </c>
      <c r="U7617" s="2">
        <v>2.6789999999999998</v>
      </c>
      <c r="V7617" s="2">
        <v>16.7</v>
      </c>
      <c r="W7617" s="2">
        <v>165.1</v>
      </c>
      <c r="X7617" s="2">
        <v>7.6</v>
      </c>
      <c r="Y7617" s="2">
        <v>16.7</v>
      </c>
      <c r="Z7617" s="5"/>
      <c r="AA7617" s="5" t="s">
        <v>43</v>
      </c>
      <c r="AB7617" s="5" t="s">
        <v>44</v>
      </c>
      <c r="AC7617" s="2"/>
      <c r="AD7617" s="1"/>
    </row>
    <row r="7618" spans="1:30">
      <c r="A7618" s="5" t="s">
        <v>83578</v>
      </c>
      <c r="B7618" s="2" t="s">
        <v>106973</v>
      </c>
      <c r="C7618" s="14" t="s">
        <v>106974</v>
      </c>
      <c r="D7618" s="2" t="s">
        <v>106975</v>
      </c>
      <c r="E7618" s="2" t="s">
        <v>7597</v>
      </c>
      <c r="F7618" s="8">
        <v>287</v>
      </c>
      <c r="G7618" s="5">
        <v>6</v>
      </c>
      <c r="H7618" s="5" t="s">
        <v>1518</v>
      </c>
      <c r="I7618" s="5" t="s">
        <v>69038</v>
      </c>
      <c r="J7618" s="2" t="s">
        <v>69039</v>
      </c>
      <c r="K7618" s="5" t="s">
        <v>69038</v>
      </c>
      <c r="L7618" s="2" t="s">
        <v>69039</v>
      </c>
      <c r="M7618" s="5" t="s">
        <v>1521</v>
      </c>
      <c r="N7618" s="5" t="s">
        <v>38</v>
      </c>
      <c r="O7618" s="5" t="s">
        <v>39</v>
      </c>
      <c r="P7618" s="5" t="s">
        <v>40</v>
      </c>
      <c r="Q7618" s="5" t="s">
        <v>1522</v>
      </c>
      <c r="R7618" s="5" t="s">
        <v>1523</v>
      </c>
      <c r="S7618" s="5" t="s">
        <v>42</v>
      </c>
      <c r="T7618" s="2">
        <v>3.5640000000000001</v>
      </c>
      <c r="U7618" s="2">
        <v>2.7959999999999998</v>
      </c>
      <c r="V7618" s="2">
        <v>16.7</v>
      </c>
      <c r="W7618" s="2">
        <v>165.1</v>
      </c>
      <c r="X7618" s="2">
        <v>7.6</v>
      </c>
      <c r="Y7618" s="2">
        <v>16.7</v>
      </c>
      <c r="Z7618" s="5"/>
      <c r="AA7618" s="5" t="s">
        <v>43</v>
      </c>
      <c r="AB7618" s="5" t="s">
        <v>44</v>
      </c>
      <c r="AC7618" s="2"/>
      <c r="AD7618" s="1"/>
    </row>
    <row r="7619" spans="1:30">
      <c r="A7619" s="5" t="s">
        <v>83578</v>
      </c>
      <c r="B7619" s="2" t="s">
        <v>106976</v>
      </c>
      <c r="C7619" s="14" t="s">
        <v>106977</v>
      </c>
      <c r="D7619" s="2" t="s">
        <v>106978</v>
      </c>
      <c r="E7619" s="2" t="s">
        <v>7615</v>
      </c>
      <c r="F7619" s="8">
        <v>287</v>
      </c>
      <c r="G7619" s="5">
        <v>6</v>
      </c>
      <c r="H7619" s="5" t="s">
        <v>1518</v>
      </c>
      <c r="I7619" s="5" t="s">
        <v>69038</v>
      </c>
      <c r="J7619" s="2" t="s">
        <v>69039</v>
      </c>
      <c r="K7619" s="5" t="s">
        <v>69038</v>
      </c>
      <c r="L7619" s="2" t="s">
        <v>69039</v>
      </c>
      <c r="M7619" s="5" t="s">
        <v>1521</v>
      </c>
      <c r="N7619" s="5" t="s">
        <v>38</v>
      </c>
      <c r="O7619" s="5" t="s">
        <v>39</v>
      </c>
      <c r="P7619" s="5" t="s">
        <v>40</v>
      </c>
      <c r="Q7619" s="5" t="s">
        <v>1522</v>
      </c>
      <c r="R7619" s="5" t="s">
        <v>1523</v>
      </c>
      <c r="S7619" s="5" t="s">
        <v>42</v>
      </c>
      <c r="T7619" s="2">
        <v>3.4470000000000001</v>
      </c>
      <c r="U7619" s="2">
        <v>2.6789999999999998</v>
      </c>
      <c r="V7619" s="2">
        <v>16.7</v>
      </c>
      <c r="W7619" s="2">
        <v>165.1</v>
      </c>
      <c r="X7619" s="2">
        <v>7.6</v>
      </c>
      <c r="Y7619" s="2">
        <v>16.7</v>
      </c>
      <c r="Z7619" s="5"/>
      <c r="AA7619" s="5" t="s">
        <v>43</v>
      </c>
      <c r="AB7619" s="5" t="s">
        <v>44</v>
      </c>
      <c r="AC7619" s="2"/>
      <c r="AD7619" s="1"/>
    </row>
    <row r="7620" spans="1:30">
      <c r="A7620" s="5" t="s">
        <v>83578</v>
      </c>
      <c r="B7620" s="2" t="s">
        <v>106979</v>
      </c>
      <c r="C7620" s="14" t="s">
        <v>106980</v>
      </c>
      <c r="D7620" s="2" t="s">
        <v>106981</v>
      </c>
      <c r="E7620" s="2" t="s">
        <v>16014</v>
      </c>
      <c r="F7620" s="8">
        <v>287</v>
      </c>
      <c r="G7620" s="5">
        <v>6</v>
      </c>
      <c r="H7620" s="5" t="s">
        <v>1518</v>
      </c>
      <c r="I7620" s="5" t="s">
        <v>69038</v>
      </c>
      <c r="J7620" s="2" t="s">
        <v>69039</v>
      </c>
      <c r="K7620" s="5" t="s">
        <v>69038</v>
      </c>
      <c r="L7620" s="2" t="s">
        <v>69039</v>
      </c>
      <c r="M7620" s="5" t="s">
        <v>1521</v>
      </c>
      <c r="N7620" s="5" t="s">
        <v>38</v>
      </c>
      <c r="O7620" s="5" t="s">
        <v>39</v>
      </c>
      <c r="P7620" s="5" t="s">
        <v>40</v>
      </c>
      <c r="Q7620" s="5" t="s">
        <v>1522</v>
      </c>
      <c r="R7620" s="5" t="s">
        <v>1523</v>
      </c>
      <c r="S7620" s="5" t="s">
        <v>42</v>
      </c>
      <c r="T7620" s="2">
        <v>3.4470000000000001</v>
      </c>
      <c r="U7620" s="2">
        <v>2.6789999999999998</v>
      </c>
      <c r="V7620" s="2">
        <v>16.7</v>
      </c>
      <c r="W7620" s="2">
        <v>165.1</v>
      </c>
      <c r="X7620" s="2">
        <v>7.6</v>
      </c>
      <c r="Y7620" s="2">
        <v>16.7</v>
      </c>
      <c r="Z7620" s="5"/>
      <c r="AA7620" s="5" t="s">
        <v>43</v>
      </c>
      <c r="AB7620" s="5" t="s">
        <v>44</v>
      </c>
      <c r="AC7620" s="2"/>
      <c r="AD7620" s="1"/>
    </row>
    <row r="7621" spans="1:30">
      <c r="A7621" s="5" t="s">
        <v>83578</v>
      </c>
      <c r="B7621" s="2" t="s">
        <v>106982</v>
      </c>
      <c r="C7621" s="14" t="s">
        <v>106983</v>
      </c>
      <c r="D7621" s="2" t="s">
        <v>106984</v>
      </c>
      <c r="E7621" s="2" t="s">
        <v>7547</v>
      </c>
      <c r="F7621" s="8">
        <v>272</v>
      </c>
      <c r="G7621" s="5">
        <v>6</v>
      </c>
      <c r="H7621" s="5" t="s">
        <v>1518</v>
      </c>
      <c r="I7621" s="5" t="s">
        <v>69038</v>
      </c>
      <c r="J7621" s="2" t="s">
        <v>69039</v>
      </c>
      <c r="K7621" s="5" t="s">
        <v>69038</v>
      </c>
      <c r="L7621" s="2" t="s">
        <v>69039</v>
      </c>
      <c r="M7621" s="5" t="s">
        <v>1521</v>
      </c>
      <c r="N7621" s="5" t="s">
        <v>38</v>
      </c>
      <c r="O7621" s="5" t="s">
        <v>39</v>
      </c>
      <c r="P7621" s="5" t="s">
        <v>40</v>
      </c>
      <c r="Q7621" s="5" t="s">
        <v>1522</v>
      </c>
      <c r="R7621" s="5" t="s">
        <v>1523</v>
      </c>
      <c r="S7621" s="5" t="s">
        <v>42</v>
      </c>
      <c r="T7621" s="2">
        <v>2.7679999999999998</v>
      </c>
      <c r="U7621" s="2">
        <v>2.2330000000000001</v>
      </c>
      <c r="V7621" s="2">
        <v>16.7</v>
      </c>
      <c r="W7621" s="2">
        <v>118.9</v>
      </c>
      <c r="X7621" s="2">
        <v>7.6</v>
      </c>
      <c r="Y7621" s="2">
        <v>16.7</v>
      </c>
      <c r="Z7621" s="5"/>
      <c r="AA7621" s="5" t="s">
        <v>43</v>
      </c>
      <c r="AB7621" s="5" t="s">
        <v>44</v>
      </c>
      <c r="AC7621" s="2"/>
      <c r="AD7621" s="1"/>
    </row>
    <row r="7622" spans="1:30">
      <c r="A7622" s="5" t="s">
        <v>83578</v>
      </c>
      <c r="B7622" s="2" t="s">
        <v>106985</v>
      </c>
      <c r="C7622" s="14" t="s">
        <v>106986</v>
      </c>
      <c r="D7622" s="2" t="s">
        <v>106987</v>
      </c>
      <c r="E7622" s="2" t="s">
        <v>7551</v>
      </c>
      <c r="F7622" s="8">
        <v>272</v>
      </c>
      <c r="G7622" s="5">
        <v>6</v>
      </c>
      <c r="H7622" s="5" t="s">
        <v>1518</v>
      </c>
      <c r="I7622" s="5" t="s">
        <v>69038</v>
      </c>
      <c r="J7622" s="2" t="s">
        <v>69039</v>
      </c>
      <c r="K7622" s="5" t="s">
        <v>69038</v>
      </c>
      <c r="L7622" s="2" t="s">
        <v>69039</v>
      </c>
      <c r="M7622" s="5" t="s">
        <v>1521</v>
      </c>
      <c r="N7622" s="5" t="s">
        <v>38</v>
      </c>
      <c r="O7622" s="5" t="s">
        <v>39</v>
      </c>
      <c r="P7622" s="5" t="s">
        <v>40</v>
      </c>
      <c r="Q7622" s="5" t="s">
        <v>1522</v>
      </c>
      <c r="R7622" s="5" t="s">
        <v>1523</v>
      </c>
      <c r="S7622" s="5" t="s">
        <v>42</v>
      </c>
      <c r="T7622" s="2">
        <v>2.843</v>
      </c>
      <c r="U7622" s="2">
        <v>2.3079999999999998</v>
      </c>
      <c r="V7622" s="2">
        <v>16.7</v>
      </c>
      <c r="W7622" s="2">
        <v>118.9</v>
      </c>
      <c r="X7622" s="2">
        <v>7.6</v>
      </c>
      <c r="Y7622" s="2">
        <v>16.7</v>
      </c>
      <c r="Z7622" s="5"/>
      <c r="AA7622" s="5" t="s">
        <v>43</v>
      </c>
      <c r="AB7622" s="5" t="s">
        <v>44</v>
      </c>
      <c r="AC7622" s="2"/>
      <c r="AD7622" s="1"/>
    </row>
    <row r="7623" spans="1:30">
      <c r="A7623" s="5" t="s">
        <v>83578</v>
      </c>
      <c r="B7623" s="2" t="s">
        <v>106988</v>
      </c>
      <c r="C7623" s="14" t="s">
        <v>106989</v>
      </c>
      <c r="D7623" s="2" t="s">
        <v>106990</v>
      </c>
      <c r="E7623" s="2" t="s">
        <v>7559</v>
      </c>
      <c r="F7623" s="8">
        <v>272</v>
      </c>
      <c r="G7623" s="5">
        <v>6</v>
      </c>
      <c r="H7623" s="5" t="s">
        <v>1518</v>
      </c>
      <c r="I7623" s="5" t="s">
        <v>69038</v>
      </c>
      <c r="J7623" s="2" t="s">
        <v>69039</v>
      </c>
      <c r="K7623" s="5" t="s">
        <v>69038</v>
      </c>
      <c r="L7623" s="2" t="s">
        <v>69039</v>
      </c>
      <c r="M7623" s="5" t="s">
        <v>1521</v>
      </c>
      <c r="N7623" s="5" t="s">
        <v>38</v>
      </c>
      <c r="O7623" s="5" t="s">
        <v>39</v>
      </c>
      <c r="P7623" s="5" t="s">
        <v>40</v>
      </c>
      <c r="Q7623" s="5" t="s">
        <v>1522</v>
      </c>
      <c r="R7623" s="5" t="s">
        <v>1523</v>
      </c>
      <c r="S7623" s="5" t="s">
        <v>42</v>
      </c>
      <c r="T7623" s="2">
        <v>2.843</v>
      </c>
      <c r="U7623" s="2">
        <v>2.3079999999999998</v>
      </c>
      <c r="V7623" s="2">
        <v>16.7</v>
      </c>
      <c r="W7623" s="2">
        <v>118.9</v>
      </c>
      <c r="X7623" s="2">
        <v>7.6</v>
      </c>
      <c r="Y7623" s="2">
        <v>16.7</v>
      </c>
      <c r="Z7623" s="5"/>
      <c r="AA7623" s="5" t="s">
        <v>43</v>
      </c>
      <c r="AB7623" s="5" t="s">
        <v>44</v>
      </c>
      <c r="AC7623" s="2"/>
      <c r="AD7623" s="1"/>
    </row>
    <row r="7624" spans="1:30">
      <c r="A7624" s="5" t="s">
        <v>83578</v>
      </c>
      <c r="B7624" s="2" t="s">
        <v>106991</v>
      </c>
      <c r="C7624" s="14" t="s">
        <v>106992</v>
      </c>
      <c r="D7624" s="2" t="s">
        <v>106993</v>
      </c>
      <c r="E7624" s="2" t="s">
        <v>16079</v>
      </c>
      <c r="F7624" s="8">
        <v>272</v>
      </c>
      <c r="G7624" s="5">
        <v>6</v>
      </c>
      <c r="H7624" s="5" t="s">
        <v>1518</v>
      </c>
      <c r="I7624" s="5" t="s">
        <v>69038</v>
      </c>
      <c r="J7624" s="2" t="s">
        <v>69039</v>
      </c>
      <c r="K7624" s="5" t="s">
        <v>69038</v>
      </c>
      <c r="L7624" s="2" t="s">
        <v>69039</v>
      </c>
      <c r="M7624" s="5" t="s">
        <v>1521</v>
      </c>
      <c r="N7624" s="5" t="s">
        <v>38</v>
      </c>
      <c r="O7624" s="5" t="s">
        <v>39</v>
      </c>
      <c r="P7624" s="5" t="s">
        <v>40</v>
      </c>
      <c r="Q7624" s="5" t="s">
        <v>1522</v>
      </c>
      <c r="R7624" s="5" t="s">
        <v>1523</v>
      </c>
      <c r="S7624" s="5" t="s">
        <v>42</v>
      </c>
      <c r="T7624" s="2">
        <v>2.7679999999999998</v>
      </c>
      <c r="U7624" s="2">
        <v>2.2330000000000001</v>
      </c>
      <c r="V7624" s="2">
        <v>16.7</v>
      </c>
      <c r="W7624" s="2">
        <v>118.9</v>
      </c>
      <c r="X7624" s="2">
        <v>7.6</v>
      </c>
      <c r="Y7624" s="2">
        <v>16.7</v>
      </c>
      <c r="Z7624" s="5"/>
      <c r="AA7624" s="5" t="s">
        <v>43</v>
      </c>
      <c r="AB7624" s="5" t="s">
        <v>44</v>
      </c>
      <c r="AC7624" s="2"/>
      <c r="AD7624" s="1"/>
    </row>
    <row r="7625" spans="1:30">
      <c r="A7625" s="5" t="s">
        <v>83578</v>
      </c>
      <c r="B7625" s="2" t="s">
        <v>106994</v>
      </c>
      <c r="C7625" s="14" t="s">
        <v>106995</v>
      </c>
      <c r="D7625" s="2" t="s">
        <v>106996</v>
      </c>
      <c r="E7625" s="2" t="s">
        <v>16194</v>
      </c>
      <c r="F7625" s="8">
        <v>272</v>
      </c>
      <c r="G7625" s="5">
        <v>6</v>
      </c>
      <c r="H7625" s="5" t="s">
        <v>1518</v>
      </c>
      <c r="I7625" s="5" t="s">
        <v>69038</v>
      </c>
      <c r="J7625" s="2" t="s">
        <v>69039</v>
      </c>
      <c r="K7625" s="5" t="s">
        <v>69038</v>
      </c>
      <c r="L7625" s="2" t="s">
        <v>69039</v>
      </c>
      <c r="M7625" s="5" t="s">
        <v>1521</v>
      </c>
      <c r="N7625" s="5" t="s">
        <v>38</v>
      </c>
      <c r="O7625" s="5" t="s">
        <v>39</v>
      </c>
      <c r="P7625" s="5" t="s">
        <v>40</v>
      </c>
      <c r="Q7625" s="5" t="s">
        <v>1522</v>
      </c>
      <c r="R7625" s="5" t="s">
        <v>1523</v>
      </c>
      <c r="S7625" s="5" t="s">
        <v>42</v>
      </c>
      <c r="T7625" s="2">
        <v>2.843</v>
      </c>
      <c r="U7625" s="2">
        <v>2.3079999999999998</v>
      </c>
      <c r="V7625" s="2">
        <v>16.7</v>
      </c>
      <c r="W7625" s="2">
        <v>118.9</v>
      </c>
      <c r="X7625" s="2">
        <v>7.6</v>
      </c>
      <c r="Y7625" s="2">
        <v>16.7</v>
      </c>
      <c r="Z7625" s="5"/>
      <c r="AA7625" s="5" t="s">
        <v>43</v>
      </c>
      <c r="AB7625" s="5" t="s">
        <v>44</v>
      </c>
      <c r="AC7625" s="2"/>
      <c r="AD7625" s="1"/>
    </row>
    <row r="7626" spans="1:30">
      <c r="A7626" s="5" t="s">
        <v>83578</v>
      </c>
      <c r="B7626" s="2" t="s">
        <v>106997</v>
      </c>
      <c r="C7626" s="14" t="s">
        <v>106998</v>
      </c>
      <c r="D7626" s="2" t="s">
        <v>106999</v>
      </c>
      <c r="E7626" s="2" t="s">
        <v>7593</v>
      </c>
      <c r="F7626" s="8">
        <v>272</v>
      </c>
      <c r="G7626" s="5">
        <v>6</v>
      </c>
      <c r="H7626" s="5" t="s">
        <v>1518</v>
      </c>
      <c r="I7626" s="5" t="s">
        <v>69038</v>
      </c>
      <c r="J7626" s="2" t="s">
        <v>69039</v>
      </c>
      <c r="K7626" s="5" t="s">
        <v>69038</v>
      </c>
      <c r="L7626" s="2" t="s">
        <v>69039</v>
      </c>
      <c r="M7626" s="5" t="s">
        <v>1521</v>
      </c>
      <c r="N7626" s="5" t="s">
        <v>38</v>
      </c>
      <c r="O7626" s="5" t="s">
        <v>39</v>
      </c>
      <c r="P7626" s="5" t="s">
        <v>40</v>
      </c>
      <c r="Q7626" s="5" t="s">
        <v>1522</v>
      </c>
      <c r="R7626" s="5" t="s">
        <v>1523</v>
      </c>
      <c r="S7626" s="5" t="s">
        <v>42</v>
      </c>
      <c r="T7626" s="2">
        <v>2.7679999999999998</v>
      </c>
      <c r="U7626" s="2">
        <v>2.2330000000000001</v>
      </c>
      <c r="V7626" s="2">
        <v>16.7</v>
      </c>
      <c r="W7626" s="2">
        <v>118.9</v>
      </c>
      <c r="X7626" s="2">
        <v>7.6</v>
      </c>
      <c r="Y7626" s="2">
        <v>16.7</v>
      </c>
      <c r="Z7626" s="5"/>
      <c r="AA7626" s="5" t="s">
        <v>43</v>
      </c>
      <c r="AB7626" s="5" t="s">
        <v>44</v>
      </c>
      <c r="AC7626" s="2"/>
      <c r="AD7626" s="1"/>
    </row>
    <row r="7627" spans="1:30">
      <c r="A7627" s="5" t="s">
        <v>83578</v>
      </c>
      <c r="B7627" s="2" t="s">
        <v>107000</v>
      </c>
      <c r="C7627" s="14" t="s">
        <v>107001</v>
      </c>
      <c r="D7627" s="2" t="s">
        <v>107002</v>
      </c>
      <c r="E7627" s="2" t="s">
        <v>7597</v>
      </c>
      <c r="F7627" s="8">
        <v>272</v>
      </c>
      <c r="G7627" s="5">
        <v>6</v>
      </c>
      <c r="H7627" s="5" t="s">
        <v>1518</v>
      </c>
      <c r="I7627" s="5" t="s">
        <v>69038</v>
      </c>
      <c r="J7627" s="2" t="s">
        <v>69039</v>
      </c>
      <c r="K7627" s="5" t="s">
        <v>69038</v>
      </c>
      <c r="L7627" s="2" t="s">
        <v>69039</v>
      </c>
      <c r="M7627" s="5" t="s">
        <v>1521</v>
      </c>
      <c r="N7627" s="5" t="s">
        <v>38</v>
      </c>
      <c r="O7627" s="5" t="s">
        <v>39</v>
      </c>
      <c r="P7627" s="5" t="s">
        <v>40</v>
      </c>
      <c r="Q7627" s="5" t="s">
        <v>1522</v>
      </c>
      <c r="R7627" s="5" t="s">
        <v>1523</v>
      </c>
      <c r="S7627" s="5" t="s">
        <v>42</v>
      </c>
      <c r="T7627" s="2">
        <v>2.843</v>
      </c>
      <c r="U7627" s="2">
        <v>2.3079999999999998</v>
      </c>
      <c r="V7627" s="2">
        <v>16.7</v>
      </c>
      <c r="W7627" s="2">
        <v>118.9</v>
      </c>
      <c r="X7627" s="2">
        <v>7.6</v>
      </c>
      <c r="Y7627" s="2">
        <v>16.7</v>
      </c>
      <c r="Z7627" s="5"/>
      <c r="AA7627" s="5" t="s">
        <v>43</v>
      </c>
      <c r="AB7627" s="5" t="s">
        <v>44</v>
      </c>
      <c r="AC7627" s="2"/>
      <c r="AD7627" s="1"/>
    </row>
    <row r="7628" spans="1:30">
      <c r="A7628" s="5" t="s">
        <v>83578</v>
      </c>
      <c r="B7628" s="2" t="s">
        <v>107003</v>
      </c>
      <c r="C7628" s="14" t="s">
        <v>107004</v>
      </c>
      <c r="D7628" s="2" t="s">
        <v>107005</v>
      </c>
      <c r="E7628" s="2" t="s">
        <v>73358</v>
      </c>
      <c r="F7628" s="8">
        <v>272</v>
      </c>
      <c r="G7628" s="5">
        <v>6</v>
      </c>
      <c r="H7628" s="5" t="s">
        <v>1518</v>
      </c>
      <c r="I7628" s="5" t="s">
        <v>69038</v>
      </c>
      <c r="J7628" s="2" t="s">
        <v>69039</v>
      </c>
      <c r="K7628" s="5" t="s">
        <v>69038</v>
      </c>
      <c r="L7628" s="2" t="s">
        <v>69039</v>
      </c>
      <c r="M7628" s="5" t="s">
        <v>1521</v>
      </c>
      <c r="N7628" s="5" t="s">
        <v>38</v>
      </c>
      <c r="O7628" s="5" t="s">
        <v>39</v>
      </c>
      <c r="P7628" s="5" t="s">
        <v>40</v>
      </c>
      <c r="Q7628" s="5" t="s">
        <v>1522</v>
      </c>
      <c r="R7628" s="5" t="s">
        <v>1523</v>
      </c>
      <c r="S7628" s="5" t="s">
        <v>42</v>
      </c>
      <c r="T7628" s="2">
        <v>2.7679999999999998</v>
      </c>
      <c r="U7628" s="2">
        <v>2.2330000000000001</v>
      </c>
      <c r="V7628" s="2">
        <v>16.7</v>
      </c>
      <c r="W7628" s="2">
        <v>118.9</v>
      </c>
      <c r="X7628" s="2">
        <v>7.6</v>
      </c>
      <c r="Y7628" s="2">
        <v>16.7</v>
      </c>
      <c r="Z7628" s="5"/>
      <c r="AA7628" s="5" t="s">
        <v>43</v>
      </c>
      <c r="AB7628" s="5" t="s">
        <v>44</v>
      </c>
      <c r="AC7628" s="2"/>
      <c r="AD7628" s="1"/>
    </row>
    <row r="7629" spans="1:30">
      <c r="A7629" s="5" t="s">
        <v>83578</v>
      </c>
      <c r="B7629" s="2" t="s">
        <v>107006</v>
      </c>
      <c r="C7629" s="14" t="s">
        <v>107007</v>
      </c>
      <c r="D7629" s="2" t="s">
        <v>107008</v>
      </c>
      <c r="E7629" s="2" t="s">
        <v>16014</v>
      </c>
      <c r="F7629" s="8">
        <v>272</v>
      </c>
      <c r="G7629" s="5">
        <v>6</v>
      </c>
      <c r="H7629" s="5" t="s">
        <v>1518</v>
      </c>
      <c r="I7629" s="5" t="s">
        <v>69038</v>
      </c>
      <c r="J7629" s="2" t="s">
        <v>69039</v>
      </c>
      <c r="K7629" s="5" t="s">
        <v>69038</v>
      </c>
      <c r="L7629" s="2" t="s">
        <v>69039</v>
      </c>
      <c r="M7629" s="5" t="s">
        <v>1521</v>
      </c>
      <c r="N7629" s="5" t="s">
        <v>38</v>
      </c>
      <c r="O7629" s="5" t="s">
        <v>39</v>
      </c>
      <c r="P7629" s="5" t="s">
        <v>40</v>
      </c>
      <c r="Q7629" s="5" t="s">
        <v>1522</v>
      </c>
      <c r="R7629" s="5" t="s">
        <v>1523</v>
      </c>
      <c r="S7629" s="5" t="s">
        <v>42</v>
      </c>
      <c r="T7629" s="2">
        <v>2.7679999999999998</v>
      </c>
      <c r="U7629" s="2">
        <v>2.2330000000000001</v>
      </c>
      <c r="V7629" s="2">
        <v>16.7</v>
      </c>
      <c r="W7629" s="2">
        <v>118.9</v>
      </c>
      <c r="X7629" s="2">
        <v>7.6</v>
      </c>
      <c r="Y7629" s="2">
        <v>16.7</v>
      </c>
      <c r="Z7629" s="5"/>
      <c r="AA7629" s="5" t="s">
        <v>43</v>
      </c>
      <c r="AB7629" s="5" t="s">
        <v>44</v>
      </c>
      <c r="AC7629" s="2"/>
      <c r="AD7629" s="1"/>
    </row>
    <row r="7630" spans="1:30">
      <c r="A7630" s="5" t="s">
        <v>83578</v>
      </c>
      <c r="B7630" s="2" t="s">
        <v>107009</v>
      </c>
      <c r="C7630" s="14" t="s">
        <v>107010</v>
      </c>
      <c r="D7630" s="2" t="s">
        <v>107011</v>
      </c>
      <c r="E7630" s="2" t="s">
        <v>16219</v>
      </c>
      <c r="F7630" s="8">
        <v>272</v>
      </c>
      <c r="G7630" s="5">
        <v>6</v>
      </c>
      <c r="H7630" s="5" t="s">
        <v>1518</v>
      </c>
      <c r="I7630" s="5" t="s">
        <v>69038</v>
      </c>
      <c r="J7630" s="2" t="s">
        <v>69039</v>
      </c>
      <c r="K7630" s="5" t="s">
        <v>69038</v>
      </c>
      <c r="L7630" s="2" t="s">
        <v>69039</v>
      </c>
      <c r="M7630" s="5" t="s">
        <v>1521</v>
      </c>
      <c r="N7630" s="5" t="s">
        <v>38</v>
      </c>
      <c r="O7630" s="5" t="s">
        <v>39</v>
      </c>
      <c r="P7630" s="5" t="s">
        <v>40</v>
      </c>
      <c r="Q7630" s="5" t="s">
        <v>1522</v>
      </c>
      <c r="R7630" s="5" t="s">
        <v>1523</v>
      </c>
      <c r="S7630" s="5" t="s">
        <v>42</v>
      </c>
      <c r="T7630" s="2">
        <v>2.843</v>
      </c>
      <c r="U7630" s="2">
        <v>2.3079999999999998</v>
      </c>
      <c r="V7630" s="2">
        <v>16.7</v>
      </c>
      <c r="W7630" s="2">
        <v>118.9</v>
      </c>
      <c r="X7630" s="2">
        <v>7.6</v>
      </c>
      <c r="Y7630" s="2">
        <v>16.7</v>
      </c>
      <c r="Z7630" s="5"/>
      <c r="AA7630" s="5" t="s">
        <v>43</v>
      </c>
      <c r="AB7630" s="5" t="s">
        <v>44</v>
      </c>
      <c r="AC7630" s="2"/>
      <c r="AD7630" s="1"/>
    </row>
    <row r="7631" spans="1:30">
      <c r="A7631" s="5" t="s">
        <v>83578</v>
      </c>
      <c r="B7631" s="2" t="s">
        <v>107012</v>
      </c>
      <c r="C7631" s="14" t="s">
        <v>107013</v>
      </c>
      <c r="D7631" s="2" t="s">
        <v>107014</v>
      </c>
      <c r="E7631" s="2" t="s">
        <v>7521</v>
      </c>
      <c r="F7631" s="8">
        <v>254</v>
      </c>
      <c r="G7631" s="5">
        <v>6</v>
      </c>
      <c r="H7631" s="5" t="s">
        <v>1518</v>
      </c>
      <c r="I7631" s="5" t="s">
        <v>69038</v>
      </c>
      <c r="J7631" s="2" t="s">
        <v>69039</v>
      </c>
      <c r="K7631" s="5" t="s">
        <v>69038</v>
      </c>
      <c r="L7631" s="2" t="s">
        <v>69039</v>
      </c>
      <c r="M7631" s="5" t="s">
        <v>1521</v>
      </c>
      <c r="N7631" s="5" t="s">
        <v>38</v>
      </c>
      <c r="O7631" s="5" t="s">
        <v>39</v>
      </c>
      <c r="P7631" s="5" t="s">
        <v>40</v>
      </c>
      <c r="Q7631" s="5" t="s">
        <v>1522</v>
      </c>
      <c r="R7631" s="5" t="s">
        <v>1523</v>
      </c>
      <c r="S7631" s="5" t="s">
        <v>42</v>
      </c>
      <c r="T7631" s="2">
        <v>3.01</v>
      </c>
      <c r="U7631" s="2">
        <v>2.4830000000000001</v>
      </c>
      <c r="V7631" s="2">
        <v>16.7</v>
      </c>
      <c r="W7631" s="2">
        <v>118.9</v>
      </c>
      <c r="X7631" s="2">
        <v>7.6</v>
      </c>
      <c r="Y7631" s="2">
        <v>16.7</v>
      </c>
      <c r="Z7631" s="5"/>
      <c r="AA7631" s="5" t="s">
        <v>43</v>
      </c>
      <c r="AB7631" s="5" t="s">
        <v>44</v>
      </c>
      <c r="AC7631" s="2"/>
      <c r="AD7631" s="1"/>
    </row>
    <row r="7632" spans="1:30">
      <c r="A7632" s="5" t="s">
        <v>83578</v>
      </c>
      <c r="B7632" s="2" t="s">
        <v>107015</v>
      </c>
      <c r="C7632" s="14" t="s">
        <v>107016</v>
      </c>
      <c r="D7632" s="2" t="s">
        <v>107017</v>
      </c>
      <c r="E7632" s="2" t="s">
        <v>7535</v>
      </c>
      <c r="F7632" s="8">
        <v>272</v>
      </c>
      <c r="G7632" s="5">
        <v>6</v>
      </c>
      <c r="H7632" s="5" t="s">
        <v>1518</v>
      </c>
      <c r="I7632" s="5" t="s">
        <v>69038</v>
      </c>
      <c r="J7632" s="2" t="s">
        <v>69039</v>
      </c>
      <c r="K7632" s="5" t="s">
        <v>69038</v>
      </c>
      <c r="L7632" s="2" t="s">
        <v>69039</v>
      </c>
      <c r="M7632" s="5" t="s">
        <v>1521</v>
      </c>
      <c r="N7632" s="5" t="s">
        <v>38</v>
      </c>
      <c r="O7632" s="5" t="s">
        <v>39</v>
      </c>
      <c r="P7632" s="5" t="s">
        <v>40</v>
      </c>
      <c r="Q7632" s="5" t="s">
        <v>1522</v>
      </c>
      <c r="R7632" s="5" t="s">
        <v>1523</v>
      </c>
      <c r="S7632" s="5" t="s">
        <v>42</v>
      </c>
      <c r="T7632" s="2">
        <v>3.01</v>
      </c>
      <c r="U7632" s="2">
        <v>2.4830000000000001</v>
      </c>
      <c r="V7632" s="2">
        <v>16.7</v>
      </c>
      <c r="W7632" s="2">
        <v>118.9</v>
      </c>
      <c r="X7632" s="2">
        <v>7.6</v>
      </c>
      <c r="Y7632" s="2">
        <v>16.7</v>
      </c>
      <c r="Z7632" s="5"/>
      <c r="AA7632" s="5" t="s">
        <v>43</v>
      </c>
      <c r="AB7632" s="5" t="s">
        <v>44</v>
      </c>
      <c r="AC7632" s="2"/>
      <c r="AD7632" s="1"/>
    </row>
    <row r="7633" spans="1:30">
      <c r="A7633" s="5" t="s">
        <v>83578</v>
      </c>
      <c r="B7633" s="2" t="s">
        <v>107018</v>
      </c>
      <c r="C7633" s="14" t="s">
        <v>107019</v>
      </c>
      <c r="D7633" s="2" t="s">
        <v>107020</v>
      </c>
      <c r="E7633" s="2" t="s">
        <v>7547</v>
      </c>
      <c r="F7633" s="8">
        <v>272</v>
      </c>
      <c r="G7633" s="5">
        <v>6</v>
      </c>
      <c r="H7633" s="5" t="s">
        <v>1518</v>
      </c>
      <c r="I7633" s="5" t="s">
        <v>69038</v>
      </c>
      <c r="J7633" s="2" t="s">
        <v>69039</v>
      </c>
      <c r="K7633" s="5" t="s">
        <v>69038</v>
      </c>
      <c r="L7633" s="2" t="s">
        <v>69039</v>
      </c>
      <c r="M7633" s="5" t="s">
        <v>1521</v>
      </c>
      <c r="N7633" s="5" t="s">
        <v>38</v>
      </c>
      <c r="O7633" s="5" t="s">
        <v>39</v>
      </c>
      <c r="P7633" s="5" t="s">
        <v>40</v>
      </c>
      <c r="Q7633" s="5" t="s">
        <v>1522</v>
      </c>
      <c r="R7633" s="5" t="s">
        <v>1523</v>
      </c>
      <c r="S7633" s="5" t="s">
        <v>42</v>
      </c>
      <c r="T7633" s="2">
        <v>2.9239999999999999</v>
      </c>
      <c r="U7633" s="2">
        <v>2.3969999999999998</v>
      </c>
      <c r="V7633" s="2">
        <v>16.7</v>
      </c>
      <c r="W7633" s="2">
        <v>118.9</v>
      </c>
      <c r="X7633" s="2">
        <v>7.6</v>
      </c>
      <c r="Y7633" s="2">
        <v>16.7</v>
      </c>
      <c r="Z7633" s="5"/>
      <c r="AA7633" s="5" t="s">
        <v>43</v>
      </c>
      <c r="AB7633" s="5" t="s">
        <v>44</v>
      </c>
      <c r="AC7633" s="2"/>
      <c r="AD7633" s="1"/>
    </row>
    <row r="7634" spans="1:30">
      <c r="A7634" s="5" t="s">
        <v>83578</v>
      </c>
      <c r="B7634" s="2" t="s">
        <v>107021</v>
      </c>
      <c r="C7634" s="14" t="s">
        <v>107022</v>
      </c>
      <c r="D7634" s="2" t="s">
        <v>107023</v>
      </c>
      <c r="E7634" s="2" t="s">
        <v>7551</v>
      </c>
      <c r="F7634" s="8">
        <v>272</v>
      </c>
      <c r="G7634" s="5">
        <v>6</v>
      </c>
      <c r="H7634" s="5" t="s">
        <v>1518</v>
      </c>
      <c r="I7634" s="5" t="s">
        <v>69038</v>
      </c>
      <c r="J7634" s="2" t="s">
        <v>69039</v>
      </c>
      <c r="K7634" s="5" t="s">
        <v>69038</v>
      </c>
      <c r="L7634" s="2" t="s">
        <v>69039</v>
      </c>
      <c r="M7634" s="5" t="s">
        <v>1521</v>
      </c>
      <c r="N7634" s="5" t="s">
        <v>38</v>
      </c>
      <c r="O7634" s="5" t="s">
        <v>39</v>
      </c>
      <c r="P7634" s="5" t="s">
        <v>40</v>
      </c>
      <c r="Q7634" s="5" t="s">
        <v>1522</v>
      </c>
      <c r="R7634" s="5" t="s">
        <v>1523</v>
      </c>
      <c r="S7634" s="5" t="s">
        <v>42</v>
      </c>
      <c r="T7634" s="2">
        <v>3.01</v>
      </c>
      <c r="U7634" s="2">
        <v>2.4830000000000001</v>
      </c>
      <c r="V7634" s="2">
        <v>16.7</v>
      </c>
      <c r="W7634" s="2">
        <v>118.9</v>
      </c>
      <c r="X7634" s="2">
        <v>7.6</v>
      </c>
      <c r="Y7634" s="2">
        <v>16.7</v>
      </c>
      <c r="Z7634" s="5"/>
      <c r="AA7634" s="5" t="s">
        <v>43</v>
      </c>
      <c r="AB7634" s="5" t="s">
        <v>44</v>
      </c>
      <c r="AC7634" s="2"/>
      <c r="AD7634" s="1"/>
    </row>
    <row r="7635" spans="1:30">
      <c r="A7635" s="5" t="s">
        <v>83578</v>
      </c>
      <c r="B7635" s="2" t="s">
        <v>107024</v>
      </c>
      <c r="C7635" s="14" t="s">
        <v>107025</v>
      </c>
      <c r="D7635" s="2" t="s">
        <v>107026</v>
      </c>
      <c r="E7635" s="2" t="s">
        <v>7567</v>
      </c>
      <c r="F7635" s="8">
        <v>272</v>
      </c>
      <c r="G7635" s="5">
        <v>6</v>
      </c>
      <c r="H7635" s="5" t="s">
        <v>1518</v>
      </c>
      <c r="I7635" s="5" t="s">
        <v>69038</v>
      </c>
      <c r="J7635" s="2" t="s">
        <v>69039</v>
      </c>
      <c r="K7635" s="5" t="s">
        <v>69038</v>
      </c>
      <c r="L7635" s="2" t="s">
        <v>69039</v>
      </c>
      <c r="M7635" s="5" t="s">
        <v>1521</v>
      </c>
      <c r="N7635" s="5" t="s">
        <v>38</v>
      </c>
      <c r="O7635" s="5" t="s">
        <v>39</v>
      </c>
      <c r="P7635" s="5" t="s">
        <v>40</v>
      </c>
      <c r="Q7635" s="5" t="s">
        <v>1522</v>
      </c>
      <c r="R7635" s="5" t="s">
        <v>1523</v>
      </c>
      <c r="S7635" s="5" t="s">
        <v>42</v>
      </c>
      <c r="T7635" s="2">
        <v>3.01</v>
      </c>
      <c r="U7635" s="2">
        <v>2.4830000000000001</v>
      </c>
      <c r="V7635" s="2">
        <v>16.7</v>
      </c>
      <c r="W7635" s="2">
        <v>118.9</v>
      </c>
      <c r="X7635" s="2">
        <v>7.6</v>
      </c>
      <c r="Y7635" s="2">
        <v>16.7</v>
      </c>
      <c r="Z7635" s="5"/>
      <c r="AA7635" s="5" t="s">
        <v>43</v>
      </c>
      <c r="AB7635" s="5" t="s">
        <v>44</v>
      </c>
      <c r="AC7635" s="2"/>
      <c r="AD7635" s="1"/>
    </row>
    <row r="7636" spans="1:30">
      <c r="A7636" s="5" t="s">
        <v>83578</v>
      </c>
      <c r="B7636" s="2" t="s">
        <v>107027</v>
      </c>
      <c r="C7636" s="14" t="s">
        <v>107028</v>
      </c>
      <c r="D7636" s="2" t="s">
        <v>107029</v>
      </c>
      <c r="E7636" s="2" t="s">
        <v>7555</v>
      </c>
      <c r="F7636" s="8">
        <v>272</v>
      </c>
      <c r="G7636" s="5">
        <v>6</v>
      </c>
      <c r="H7636" s="5" t="s">
        <v>1518</v>
      </c>
      <c r="I7636" s="5" t="s">
        <v>69038</v>
      </c>
      <c r="J7636" s="2" t="s">
        <v>69039</v>
      </c>
      <c r="K7636" s="5" t="s">
        <v>69038</v>
      </c>
      <c r="L7636" s="2" t="s">
        <v>69039</v>
      </c>
      <c r="M7636" s="5" t="s">
        <v>1521</v>
      </c>
      <c r="N7636" s="5" t="s">
        <v>38</v>
      </c>
      <c r="O7636" s="5" t="s">
        <v>39</v>
      </c>
      <c r="P7636" s="5" t="s">
        <v>40</v>
      </c>
      <c r="Q7636" s="5" t="s">
        <v>1522</v>
      </c>
      <c r="R7636" s="5" t="s">
        <v>1523</v>
      </c>
      <c r="S7636" s="5" t="s">
        <v>42</v>
      </c>
      <c r="T7636" s="2">
        <v>2.9239999999999999</v>
      </c>
      <c r="U7636" s="2">
        <v>2.3969999999999998</v>
      </c>
      <c r="V7636" s="2">
        <v>16.7</v>
      </c>
      <c r="W7636" s="2">
        <v>118.9</v>
      </c>
      <c r="X7636" s="2">
        <v>7.6</v>
      </c>
      <c r="Y7636" s="2">
        <v>16.7</v>
      </c>
      <c r="Z7636" s="5"/>
      <c r="AA7636" s="5" t="s">
        <v>43</v>
      </c>
      <c r="AB7636" s="5" t="s">
        <v>44</v>
      </c>
      <c r="AC7636" s="2"/>
      <c r="AD7636" s="1"/>
    </row>
    <row r="7637" spans="1:30">
      <c r="A7637" s="5" t="s">
        <v>83578</v>
      </c>
      <c r="B7637" s="2" t="s">
        <v>107030</v>
      </c>
      <c r="C7637" s="14" t="s">
        <v>107031</v>
      </c>
      <c r="D7637" s="2" t="s">
        <v>107032</v>
      </c>
      <c r="E7637" s="2" t="s">
        <v>16079</v>
      </c>
      <c r="F7637" s="8">
        <v>272</v>
      </c>
      <c r="G7637" s="5">
        <v>6</v>
      </c>
      <c r="H7637" s="5" t="s">
        <v>1518</v>
      </c>
      <c r="I7637" s="5" t="s">
        <v>69038</v>
      </c>
      <c r="J7637" s="2" t="s">
        <v>69039</v>
      </c>
      <c r="K7637" s="5" t="s">
        <v>69038</v>
      </c>
      <c r="L7637" s="2" t="s">
        <v>69039</v>
      </c>
      <c r="M7637" s="5" t="s">
        <v>1521</v>
      </c>
      <c r="N7637" s="5" t="s">
        <v>38</v>
      </c>
      <c r="O7637" s="5" t="s">
        <v>39</v>
      </c>
      <c r="P7637" s="5" t="s">
        <v>40</v>
      </c>
      <c r="Q7637" s="5" t="s">
        <v>1522</v>
      </c>
      <c r="R7637" s="5" t="s">
        <v>1523</v>
      </c>
      <c r="S7637" s="5" t="s">
        <v>42</v>
      </c>
      <c r="T7637" s="2">
        <v>2.9239999999999999</v>
      </c>
      <c r="U7637" s="2">
        <v>2.3969999999999998</v>
      </c>
      <c r="V7637" s="2">
        <v>16.7</v>
      </c>
      <c r="W7637" s="2">
        <v>118.9</v>
      </c>
      <c r="X7637" s="2">
        <v>7.6</v>
      </c>
      <c r="Y7637" s="2">
        <v>16.7</v>
      </c>
      <c r="Z7637" s="5"/>
      <c r="AA7637" s="5" t="s">
        <v>43</v>
      </c>
      <c r="AB7637" s="5" t="s">
        <v>44</v>
      </c>
      <c r="AC7637" s="2"/>
      <c r="AD7637" s="1"/>
    </row>
    <row r="7638" spans="1:30">
      <c r="A7638" s="5" t="s">
        <v>83578</v>
      </c>
      <c r="B7638" s="2" t="s">
        <v>107033</v>
      </c>
      <c r="C7638" s="14" t="s">
        <v>107034</v>
      </c>
      <c r="D7638" s="2" t="s">
        <v>107035</v>
      </c>
      <c r="E7638" s="2" t="s">
        <v>16194</v>
      </c>
      <c r="F7638" s="8">
        <v>272</v>
      </c>
      <c r="G7638" s="5">
        <v>6</v>
      </c>
      <c r="H7638" s="5" t="s">
        <v>1518</v>
      </c>
      <c r="I7638" s="5" t="s">
        <v>69038</v>
      </c>
      <c r="J7638" s="2" t="s">
        <v>69039</v>
      </c>
      <c r="K7638" s="5" t="s">
        <v>69038</v>
      </c>
      <c r="L7638" s="2" t="s">
        <v>69039</v>
      </c>
      <c r="M7638" s="5" t="s">
        <v>1521</v>
      </c>
      <c r="N7638" s="5" t="s">
        <v>38</v>
      </c>
      <c r="O7638" s="5" t="s">
        <v>39</v>
      </c>
      <c r="P7638" s="5" t="s">
        <v>40</v>
      </c>
      <c r="Q7638" s="5" t="s">
        <v>1522</v>
      </c>
      <c r="R7638" s="5" t="s">
        <v>1523</v>
      </c>
      <c r="S7638" s="5" t="s">
        <v>42</v>
      </c>
      <c r="T7638" s="2">
        <v>3.01</v>
      </c>
      <c r="U7638" s="2">
        <v>2.4830000000000001</v>
      </c>
      <c r="V7638" s="2">
        <v>16.7</v>
      </c>
      <c r="W7638" s="2">
        <v>118.9</v>
      </c>
      <c r="X7638" s="2">
        <v>7.6</v>
      </c>
      <c r="Y7638" s="2">
        <v>16.7</v>
      </c>
      <c r="Z7638" s="5"/>
      <c r="AA7638" s="5" t="s">
        <v>43</v>
      </c>
      <c r="AB7638" s="5" t="s">
        <v>44</v>
      </c>
      <c r="AC7638" s="2"/>
      <c r="AD7638" s="1"/>
    </row>
    <row r="7639" spans="1:30">
      <c r="A7639" s="5" t="s">
        <v>83578</v>
      </c>
      <c r="B7639" s="2" t="s">
        <v>107036</v>
      </c>
      <c r="C7639" s="14" t="s">
        <v>107037</v>
      </c>
      <c r="D7639" s="2" t="s">
        <v>107038</v>
      </c>
      <c r="E7639" s="2" t="s">
        <v>7581</v>
      </c>
      <c r="F7639" s="8">
        <v>272</v>
      </c>
      <c r="G7639" s="5">
        <v>6</v>
      </c>
      <c r="H7639" s="5" t="s">
        <v>1518</v>
      </c>
      <c r="I7639" s="5" t="s">
        <v>69038</v>
      </c>
      <c r="J7639" s="2" t="s">
        <v>69039</v>
      </c>
      <c r="K7639" s="5" t="s">
        <v>69038</v>
      </c>
      <c r="L7639" s="2" t="s">
        <v>69039</v>
      </c>
      <c r="M7639" s="5" t="s">
        <v>1521</v>
      </c>
      <c r="N7639" s="5" t="s">
        <v>38</v>
      </c>
      <c r="O7639" s="5" t="s">
        <v>39</v>
      </c>
      <c r="P7639" s="5" t="s">
        <v>40</v>
      </c>
      <c r="Q7639" s="5" t="s">
        <v>1522</v>
      </c>
      <c r="R7639" s="5" t="s">
        <v>1523</v>
      </c>
      <c r="S7639" s="5" t="s">
        <v>42</v>
      </c>
      <c r="T7639" s="2">
        <v>3.01</v>
      </c>
      <c r="U7639" s="2">
        <v>2.4830000000000001</v>
      </c>
      <c r="V7639" s="2">
        <v>16.7</v>
      </c>
      <c r="W7639" s="2">
        <v>118.9</v>
      </c>
      <c r="X7639" s="2">
        <v>7.6</v>
      </c>
      <c r="Y7639" s="2">
        <v>16.7</v>
      </c>
      <c r="Z7639" s="5"/>
      <c r="AA7639" s="5" t="s">
        <v>43</v>
      </c>
      <c r="AB7639" s="5" t="s">
        <v>44</v>
      </c>
      <c r="AC7639" s="2"/>
      <c r="AD7639" s="1"/>
    </row>
    <row r="7640" spans="1:30">
      <c r="A7640" s="5" t="s">
        <v>83578</v>
      </c>
      <c r="B7640" s="2" t="s">
        <v>107039</v>
      </c>
      <c r="C7640" s="14" t="s">
        <v>107040</v>
      </c>
      <c r="D7640" s="2" t="s">
        <v>107041</v>
      </c>
      <c r="E7640" s="2" t="s">
        <v>7585</v>
      </c>
      <c r="F7640" s="8">
        <v>272</v>
      </c>
      <c r="G7640" s="5">
        <v>6</v>
      </c>
      <c r="H7640" s="5" t="s">
        <v>1518</v>
      </c>
      <c r="I7640" s="5" t="s">
        <v>69038</v>
      </c>
      <c r="J7640" s="2" t="s">
        <v>69039</v>
      </c>
      <c r="K7640" s="5" t="s">
        <v>69038</v>
      </c>
      <c r="L7640" s="2" t="s">
        <v>69039</v>
      </c>
      <c r="M7640" s="5" t="s">
        <v>1521</v>
      </c>
      <c r="N7640" s="5" t="s">
        <v>38</v>
      </c>
      <c r="O7640" s="5" t="s">
        <v>39</v>
      </c>
      <c r="P7640" s="5" t="s">
        <v>40</v>
      </c>
      <c r="Q7640" s="5" t="s">
        <v>1522</v>
      </c>
      <c r="R7640" s="5" t="s">
        <v>1523</v>
      </c>
      <c r="S7640" s="5" t="s">
        <v>42</v>
      </c>
      <c r="T7640" s="2">
        <v>2.9239999999999999</v>
      </c>
      <c r="U7640" s="2">
        <v>2.3969999999999998</v>
      </c>
      <c r="V7640" s="2">
        <v>16.7</v>
      </c>
      <c r="W7640" s="2">
        <v>118.9</v>
      </c>
      <c r="X7640" s="2">
        <v>7.6</v>
      </c>
      <c r="Y7640" s="2">
        <v>16.7</v>
      </c>
      <c r="Z7640" s="5"/>
      <c r="AA7640" s="5" t="s">
        <v>43</v>
      </c>
      <c r="AB7640" s="5" t="s">
        <v>44</v>
      </c>
      <c r="AC7640" s="2"/>
      <c r="AD7640" s="1"/>
    </row>
    <row r="7641" spans="1:30">
      <c r="A7641" s="5" t="s">
        <v>83578</v>
      </c>
      <c r="B7641" s="2" t="s">
        <v>107042</v>
      </c>
      <c r="C7641" s="14" t="s">
        <v>107043</v>
      </c>
      <c r="D7641" s="2" t="s">
        <v>107044</v>
      </c>
      <c r="E7641" s="2" t="s">
        <v>7589</v>
      </c>
      <c r="F7641" s="8">
        <v>272</v>
      </c>
      <c r="G7641" s="5">
        <v>6</v>
      </c>
      <c r="H7641" s="5" t="s">
        <v>1518</v>
      </c>
      <c r="I7641" s="5" t="s">
        <v>69038</v>
      </c>
      <c r="J7641" s="2" t="s">
        <v>69039</v>
      </c>
      <c r="K7641" s="5" t="s">
        <v>69038</v>
      </c>
      <c r="L7641" s="2" t="s">
        <v>69039</v>
      </c>
      <c r="M7641" s="5" t="s">
        <v>1521</v>
      </c>
      <c r="N7641" s="5" t="s">
        <v>38</v>
      </c>
      <c r="O7641" s="5" t="s">
        <v>39</v>
      </c>
      <c r="P7641" s="5" t="s">
        <v>40</v>
      </c>
      <c r="Q7641" s="5" t="s">
        <v>1522</v>
      </c>
      <c r="R7641" s="5" t="s">
        <v>1523</v>
      </c>
      <c r="S7641" s="5" t="s">
        <v>42</v>
      </c>
      <c r="T7641" s="2">
        <v>3.01</v>
      </c>
      <c r="U7641" s="2">
        <v>2.4830000000000001</v>
      </c>
      <c r="V7641" s="2">
        <v>16.7</v>
      </c>
      <c r="W7641" s="2">
        <v>118.9</v>
      </c>
      <c r="X7641" s="2">
        <v>7.6</v>
      </c>
      <c r="Y7641" s="2">
        <v>16.7</v>
      </c>
      <c r="Z7641" s="5"/>
      <c r="AA7641" s="5" t="s">
        <v>43</v>
      </c>
      <c r="AB7641" s="5" t="s">
        <v>44</v>
      </c>
      <c r="AC7641" s="2"/>
      <c r="AD7641" s="1"/>
    </row>
    <row r="7642" spans="1:30">
      <c r="A7642" s="5" t="s">
        <v>83578</v>
      </c>
      <c r="B7642" s="2" t="s">
        <v>107045</v>
      </c>
      <c r="C7642" s="14" t="s">
        <v>107046</v>
      </c>
      <c r="D7642" s="2" t="s">
        <v>107047</v>
      </c>
      <c r="E7642" s="2" t="s">
        <v>7593</v>
      </c>
      <c r="F7642" s="8">
        <v>272</v>
      </c>
      <c r="G7642" s="5">
        <v>6</v>
      </c>
      <c r="H7642" s="5" t="s">
        <v>1518</v>
      </c>
      <c r="I7642" s="5" t="s">
        <v>69038</v>
      </c>
      <c r="J7642" s="2" t="s">
        <v>69039</v>
      </c>
      <c r="K7642" s="5" t="s">
        <v>69038</v>
      </c>
      <c r="L7642" s="2" t="s">
        <v>69039</v>
      </c>
      <c r="M7642" s="5" t="s">
        <v>1521</v>
      </c>
      <c r="N7642" s="5" t="s">
        <v>38</v>
      </c>
      <c r="O7642" s="5" t="s">
        <v>39</v>
      </c>
      <c r="P7642" s="5" t="s">
        <v>40</v>
      </c>
      <c r="Q7642" s="5" t="s">
        <v>1522</v>
      </c>
      <c r="R7642" s="5" t="s">
        <v>1523</v>
      </c>
      <c r="S7642" s="5" t="s">
        <v>42</v>
      </c>
      <c r="T7642" s="2">
        <v>2.9239999999999999</v>
      </c>
      <c r="U7642" s="2">
        <v>2.3969999999999998</v>
      </c>
      <c r="V7642" s="2">
        <v>16.7</v>
      </c>
      <c r="W7642" s="2">
        <v>118.9</v>
      </c>
      <c r="X7642" s="2">
        <v>7.6</v>
      </c>
      <c r="Y7642" s="2">
        <v>16.7</v>
      </c>
      <c r="Z7642" s="5"/>
      <c r="AA7642" s="5" t="s">
        <v>43</v>
      </c>
      <c r="AB7642" s="5" t="s">
        <v>44</v>
      </c>
      <c r="AC7642" s="2"/>
      <c r="AD7642" s="1"/>
    </row>
    <row r="7643" spans="1:30">
      <c r="A7643" s="5" t="s">
        <v>83578</v>
      </c>
      <c r="B7643" s="2" t="s">
        <v>107048</v>
      </c>
      <c r="C7643" s="14" t="s">
        <v>107049</v>
      </c>
      <c r="D7643" s="2" t="s">
        <v>107050</v>
      </c>
      <c r="E7643" s="2" t="s">
        <v>7597</v>
      </c>
      <c r="F7643" s="8">
        <v>272</v>
      </c>
      <c r="G7643" s="5">
        <v>6</v>
      </c>
      <c r="H7643" s="5" t="s">
        <v>1518</v>
      </c>
      <c r="I7643" s="5" t="s">
        <v>69038</v>
      </c>
      <c r="J7643" s="2" t="s">
        <v>69039</v>
      </c>
      <c r="K7643" s="5" t="s">
        <v>69038</v>
      </c>
      <c r="L7643" s="2" t="s">
        <v>69039</v>
      </c>
      <c r="M7643" s="5" t="s">
        <v>1521</v>
      </c>
      <c r="N7643" s="5" t="s">
        <v>38</v>
      </c>
      <c r="O7643" s="5" t="s">
        <v>39</v>
      </c>
      <c r="P7643" s="5" t="s">
        <v>40</v>
      </c>
      <c r="Q7643" s="5" t="s">
        <v>1522</v>
      </c>
      <c r="R7643" s="5" t="s">
        <v>1523</v>
      </c>
      <c r="S7643" s="5" t="s">
        <v>42</v>
      </c>
      <c r="T7643" s="2">
        <v>3.01</v>
      </c>
      <c r="U7643" s="2">
        <v>2.4830000000000001</v>
      </c>
      <c r="V7643" s="2">
        <v>16.7</v>
      </c>
      <c r="W7643" s="2">
        <v>118.9</v>
      </c>
      <c r="X7643" s="2">
        <v>7.6</v>
      </c>
      <c r="Y7643" s="2">
        <v>16.7</v>
      </c>
      <c r="Z7643" s="5"/>
      <c r="AA7643" s="5" t="s">
        <v>43</v>
      </c>
      <c r="AB7643" s="5" t="s">
        <v>44</v>
      </c>
      <c r="AC7643" s="2"/>
      <c r="AD7643" s="1"/>
    </row>
    <row r="7644" spans="1:30">
      <c r="A7644" s="5" t="s">
        <v>83578</v>
      </c>
      <c r="B7644" s="2" t="s">
        <v>107051</v>
      </c>
      <c r="C7644" s="14" t="s">
        <v>107052</v>
      </c>
      <c r="D7644" s="2" t="s">
        <v>107053</v>
      </c>
      <c r="E7644" s="2" t="s">
        <v>73358</v>
      </c>
      <c r="F7644" s="8">
        <v>272</v>
      </c>
      <c r="G7644" s="5">
        <v>6</v>
      </c>
      <c r="H7644" s="5" t="s">
        <v>1518</v>
      </c>
      <c r="I7644" s="5" t="s">
        <v>69038</v>
      </c>
      <c r="J7644" s="2" t="s">
        <v>69039</v>
      </c>
      <c r="K7644" s="5" t="s">
        <v>69038</v>
      </c>
      <c r="L7644" s="2" t="s">
        <v>69039</v>
      </c>
      <c r="M7644" s="5" t="s">
        <v>1521</v>
      </c>
      <c r="N7644" s="5" t="s">
        <v>38</v>
      </c>
      <c r="O7644" s="5" t="s">
        <v>39</v>
      </c>
      <c r="P7644" s="5" t="s">
        <v>40</v>
      </c>
      <c r="Q7644" s="5" t="s">
        <v>1522</v>
      </c>
      <c r="R7644" s="5" t="s">
        <v>1523</v>
      </c>
      <c r="S7644" s="5" t="s">
        <v>42</v>
      </c>
      <c r="T7644" s="2">
        <v>2.9239999999999999</v>
      </c>
      <c r="U7644" s="2">
        <v>2.3969999999999998</v>
      </c>
      <c r="V7644" s="2">
        <v>16.7</v>
      </c>
      <c r="W7644" s="2">
        <v>118.9</v>
      </c>
      <c r="X7644" s="2">
        <v>7.6</v>
      </c>
      <c r="Y7644" s="2">
        <v>16.7</v>
      </c>
      <c r="Z7644" s="5"/>
      <c r="AA7644" s="5" t="s">
        <v>43</v>
      </c>
      <c r="AB7644" s="5" t="s">
        <v>44</v>
      </c>
      <c r="AC7644" s="2"/>
      <c r="AD7644" s="1"/>
    </row>
    <row r="7645" spans="1:30">
      <c r="A7645" s="5" t="s">
        <v>83578</v>
      </c>
      <c r="B7645" s="2" t="s">
        <v>107054</v>
      </c>
      <c r="C7645" s="14" t="s">
        <v>107055</v>
      </c>
      <c r="D7645" s="2" t="s">
        <v>107056</v>
      </c>
      <c r="E7645" s="2" t="s">
        <v>73362</v>
      </c>
      <c r="F7645" s="8">
        <v>272</v>
      </c>
      <c r="G7645" s="5">
        <v>6</v>
      </c>
      <c r="H7645" s="5" t="s">
        <v>1518</v>
      </c>
      <c r="I7645" s="5" t="s">
        <v>69038</v>
      </c>
      <c r="J7645" s="2" t="s">
        <v>69039</v>
      </c>
      <c r="K7645" s="5" t="s">
        <v>69038</v>
      </c>
      <c r="L7645" s="2" t="s">
        <v>69039</v>
      </c>
      <c r="M7645" s="5" t="s">
        <v>1521</v>
      </c>
      <c r="N7645" s="5" t="s">
        <v>38</v>
      </c>
      <c r="O7645" s="5" t="s">
        <v>39</v>
      </c>
      <c r="P7645" s="5" t="s">
        <v>40</v>
      </c>
      <c r="Q7645" s="5" t="s">
        <v>1522</v>
      </c>
      <c r="R7645" s="5" t="s">
        <v>1523</v>
      </c>
      <c r="S7645" s="5" t="s">
        <v>42</v>
      </c>
      <c r="T7645" s="2">
        <v>3.01</v>
      </c>
      <c r="U7645" s="2">
        <v>2.4830000000000001</v>
      </c>
      <c r="V7645" s="2">
        <v>16.7</v>
      </c>
      <c r="W7645" s="2">
        <v>118.9</v>
      </c>
      <c r="X7645" s="2">
        <v>7.6</v>
      </c>
      <c r="Y7645" s="2">
        <v>16.7</v>
      </c>
      <c r="Z7645" s="5"/>
      <c r="AA7645" s="5" t="s">
        <v>43</v>
      </c>
      <c r="AB7645" s="5" t="s">
        <v>44</v>
      </c>
      <c r="AC7645" s="2"/>
      <c r="AD7645" s="1"/>
    </row>
    <row r="7646" spans="1:30">
      <c r="A7646" s="5" t="s">
        <v>83578</v>
      </c>
      <c r="B7646" s="2" t="s">
        <v>107057</v>
      </c>
      <c r="C7646" s="14" t="s">
        <v>107058</v>
      </c>
      <c r="D7646" s="2" t="s">
        <v>107059</v>
      </c>
      <c r="E7646" s="2" t="s">
        <v>7615</v>
      </c>
      <c r="F7646" s="8">
        <v>272</v>
      </c>
      <c r="G7646" s="5">
        <v>6</v>
      </c>
      <c r="H7646" s="5" t="s">
        <v>1518</v>
      </c>
      <c r="I7646" s="5" t="s">
        <v>69038</v>
      </c>
      <c r="J7646" s="2" t="s">
        <v>69039</v>
      </c>
      <c r="K7646" s="5" t="s">
        <v>69038</v>
      </c>
      <c r="L7646" s="2" t="s">
        <v>69039</v>
      </c>
      <c r="M7646" s="5" t="s">
        <v>1521</v>
      </c>
      <c r="N7646" s="5" t="s">
        <v>38</v>
      </c>
      <c r="O7646" s="5" t="s">
        <v>39</v>
      </c>
      <c r="P7646" s="5" t="s">
        <v>40</v>
      </c>
      <c r="Q7646" s="5" t="s">
        <v>1522</v>
      </c>
      <c r="R7646" s="5" t="s">
        <v>1523</v>
      </c>
      <c r="S7646" s="5" t="s">
        <v>42</v>
      </c>
      <c r="T7646" s="2">
        <v>2.9239999999999999</v>
      </c>
      <c r="U7646" s="2">
        <v>2.3969999999999998</v>
      </c>
      <c r="V7646" s="2">
        <v>16.7</v>
      </c>
      <c r="W7646" s="2">
        <v>118.9</v>
      </c>
      <c r="X7646" s="2">
        <v>7.6</v>
      </c>
      <c r="Y7646" s="2">
        <v>16.7</v>
      </c>
      <c r="Z7646" s="5"/>
      <c r="AA7646" s="5" t="s">
        <v>43</v>
      </c>
      <c r="AB7646" s="5" t="s">
        <v>44</v>
      </c>
      <c r="AC7646" s="2"/>
      <c r="AD7646" s="1"/>
    </row>
    <row r="7647" spans="1:30">
      <c r="A7647" s="5" t="s">
        <v>83578</v>
      </c>
      <c r="B7647" s="2" t="s">
        <v>107060</v>
      </c>
      <c r="C7647" s="14" t="s">
        <v>107061</v>
      </c>
      <c r="D7647" s="2" t="s">
        <v>107062</v>
      </c>
      <c r="E7647" s="2" t="s">
        <v>16219</v>
      </c>
      <c r="F7647" s="8">
        <v>272</v>
      </c>
      <c r="G7647" s="5">
        <v>6</v>
      </c>
      <c r="H7647" s="5" t="s">
        <v>1518</v>
      </c>
      <c r="I7647" s="5" t="s">
        <v>69038</v>
      </c>
      <c r="J7647" s="2" t="s">
        <v>69039</v>
      </c>
      <c r="K7647" s="5" t="s">
        <v>69038</v>
      </c>
      <c r="L7647" s="2" t="s">
        <v>69039</v>
      </c>
      <c r="M7647" s="5" t="s">
        <v>1521</v>
      </c>
      <c r="N7647" s="5" t="s">
        <v>38</v>
      </c>
      <c r="O7647" s="5" t="s">
        <v>39</v>
      </c>
      <c r="P7647" s="5" t="s">
        <v>40</v>
      </c>
      <c r="Q7647" s="5" t="s">
        <v>1522</v>
      </c>
      <c r="R7647" s="5" t="s">
        <v>1523</v>
      </c>
      <c r="S7647" s="5" t="s">
        <v>42</v>
      </c>
      <c r="T7647" s="2">
        <v>3.01</v>
      </c>
      <c r="U7647" s="2">
        <v>2.4830000000000001</v>
      </c>
      <c r="V7647" s="2">
        <v>16.7</v>
      </c>
      <c r="W7647" s="2">
        <v>118.9</v>
      </c>
      <c r="X7647" s="2">
        <v>7.6</v>
      </c>
      <c r="Y7647" s="2">
        <v>16.7</v>
      </c>
      <c r="Z7647" s="5"/>
      <c r="AA7647" s="5" t="s">
        <v>43</v>
      </c>
      <c r="AB7647" s="5" t="s">
        <v>44</v>
      </c>
      <c r="AC7647" s="2"/>
      <c r="AD7647" s="1"/>
    </row>
    <row r="7648" spans="1:30">
      <c r="A7648" s="5" t="s">
        <v>83578</v>
      </c>
      <c r="B7648" s="2" t="s">
        <v>107063</v>
      </c>
      <c r="C7648" s="14" t="s">
        <v>107064</v>
      </c>
      <c r="D7648" s="2" t="s">
        <v>107065</v>
      </c>
      <c r="E7648" s="2" t="s">
        <v>7212</v>
      </c>
      <c r="F7648" s="8">
        <v>254</v>
      </c>
      <c r="G7648" s="5">
        <v>6</v>
      </c>
      <c r="H7648" s="5" t="s">
        <v>1518</v>
      </c>
      <c r="I7648" s="5" t="s">
        <v>69038</v>
      </c>
      <c r="J7648" s="2" t="s">
        <v>69039</v>
      </c>
      <c r="K7648" s="5" t="s">
        <v>69038</v>
      </c>
      <c r="L7648" s="2" t="s">
        <v>69039</v>
      </c>
      <c r="M7648" s="5" t="s">
        <v>1521</v>
      </c>
      <c r="N7648" s="5" t="s">
        <v>38</v>
      </c>
      <c r="O7648" s="5" t="s">
        <v>39</v>
      </c>
      <c r="P7648" s="5" t="s">
        <v>40</v>
      </c>
      <c r="Q7648" s="5" t="s">
        <v>1522</v>
      </c>
      <c r="R7648" s="5" t="s">
        <v>1523</v>
      </c>
      <c r="S7648" s="5" t="s">
        <v>42</v>
      </c>
      <c r="T7648" s="2">
        <v>2.9239999999999999</v>
      </c>
      <c r="U7648" s="2">
        <v>2.3969999999999998</v>
      </c>
      <c r="V7648" s="2">
        <v>16.7</v>
      </c>
      <c r="W7648" s="2">
        <v>118.9</v>
      </c>
      <c r="X7648" s="2">
        <v>7.6</v>
      </c>
      <c r="Y7648" s="2">
        <v>16.7</v>
      </c>
      <c r="Z7648" s="5"/>
      <c r="AA7648" s="5" t="s">
        <v>43</v>
      </c>
      <c r="AB7648" s="5" t="s">
        <v>44</v>
      </c>
      <c r="AC7648" s="2"/>
      <c r="AD7648" s="1"/>
    </row>
    <row r="7649" spans="1:30">
      <c r="A7649" s="5" t="s">
        <v>83578</v>
      </c>
      <c r="B7649" s="2" t="s">
        <v>107066</v>
      </c>
      <c r="C7649" s="14" t="s">
        <v>107067</v>
      </c>
      <c r="D7649" s="2" t="s">
        <v>107068</v>
      </c>
      <c r="E7649" s="2" t="s">
        <v>7528</v>
      </c>
      <c r="F7649" s="8">
        <v>254</v>
      </c>
      <c r="G7649" s="5">
        <v>6</v>
      </c>
      <c r="H7649" s="5" t="s">
        <v>1518</v>
      </c>
      <c r="I7649" s="5" t="s">
        <v>69038</v>
      </c>
      <c r="J7649" s="2" t="s">
        <v>69039</v>
      </c>
      <c r="K7649" s="5" t="s">
        <v>69038</v>
      </c>
      <c r="L7649" s="2" t="s">
        <v>69039</v>
      </c>
      <c r="M7649" s="5" t="s">
        <v>1521</v>
      </c>
      <c r="N7649" s="5" t="s">
        <v>38</v>
      </c>
      <c r="O7649" s="5" t="s">
        <v>39</v>
      </c>
      <c r="P7649" s="5" t="s">
        <v>40</v>
      </c>
      <c r="Q7649" s="5" t="s">
        <v>1522</v>
      </c>
      <c r="R7649" s="5" t="s">
        <v>1523</v>
      </c>
      <c r="S7649" s="5" t="s">
        <v>42</v>
      </c>
      <c r="T7649" s="2">
        <v>3.01</v>
      </c>
      <c r="U7649" s="2">
        <v>2.4830000000000001</v>
      </c>
      <c r="V7649" s="2">
        <v>16.7</v>
      </c>
      <c r="W7649" s="2">
        <v>118.9</v>
      </c>
      <c r="X7649" s="2">
        <v>7.6</v>
      </c>
      <c r="Y7649" s="2">
        <v>16.7</v>
      </c>
      <c r="Z7649" s="5"/>
      <c r="AA7649" s="5" t="s">
        <v>43</v>
      </c>
      <c r="AB7649" s="5" t="s">
        <v>44</v>
      </c>
      <c r="AC7649" s="2"/>
      <c r="AD7649" s="1"/>
    </row>
    <row r="7650" spans="1:30">
      <c r="A7650" s="5" t="s">
        <v>83578</v>
      </c>
      <c r="B7650" s="2" t="s">
        <v>107069</v>
      </c>
      <c r="C7650" s="14" t="s">
        <v>107070</v>
      </c>
      <c r="D7650" s="2" t="s">
        <v>107071</v>
      </c>
      <c r="E7650" s="2" t="s">
        <v>7406</v>
      </c>
      <c r="F7650" s="8">
        <v>283</v>
      </c>
      <c r="G7650" s="5">
        <v>6</v>
      </c>
      <c r="H7650" s="5" t="s">
        <v>1518</v>
      </c>
      <c r="I7650" s="5" t="s">
        <v>69038</v>
      </c>
      <c r="J7650" s="2" t="s">
        <v>69039</v>
      </c>
      <c r="K7650" s="5" t="s">
        <v>69038</v>
      </c>
      <c r="L7650" s="2" t="s">
        <v>69039</v>
      </c>
      <c r="M7650" s="5" t="s">
        <v>1521</v>
      </c>
      <c r="N7650" s="5" t="s">
        <v>38</v>
      </c>
      <c r="O7650" s="5" t="s">
        <v>39</v>
      </c>
      <c r="P7650" s="5" t="s">
        <v>40</v>
      </c>
      <c r="Q7650" s="5" t="s">
        <v>1522</v>
      </c>
      <c r="R7650" s="5" t="s">
        <v>1523</v>
      </c>
      <c r="S7650" s="5" t="s">
        <v>42</v>
      </c>
      <c r="T7650" s="2">
        <v>3.0819999999999999</v>
      </c>
      <c r="U7650" s="2">
        <v>2.5640000000000001</v>
      </c>
      <c r="V7650" s="2">
        <v>16.7</v>
      </c>
      <c r="W7650" s="2">
        <v>118.9</v>
      </c>
      <c r="X7650" s="2">
        <v>7.6</v>
      </c>
      <c r="Y7650" s="2">
        <v>16.7</v>
      </c>
      <c r="Z7650" s="5"/>
      <c r="AA7650" s="5" t="s">
        <v>43</v>
      </c>
      <c r="AB7650" s="5" t="s">
        <v>44</v>
      </c>
      <c r="AC7650" s="2"/>
      <c r="AD7650" s="1"/>
    </row>
    <row r="7651" spans="1:30">
      <c r="A7651" s="5" t="s">
        <v>83578</v>
      </c>
      <c r="B7651" s="2" t="s">
        <v>107072</v>
      </c>
      <c r="C7651" s="14" t="s">
        <v>107073</v>
      </c>
      <c r="D7651" s="2" t="s">
        <v>107074</v>
      </c>
      <c r="E7651" s="2" t="s">
        <v>7547</v>
      </c>
      <c r="F7651" s="8">
        <v>283</v>
      </c>
      <c r="G7651" s="5">
        <v>6</v>
      </c>
      <c r="H7651" s="5" t="s">
        <v>1518</v>
      </c>
      <c r="I7651" s="5" t="s">
        <v>69038</v>
      </c>
      <c r="J7651" s="2" t="s">
        <v>69039</v>
      </c>
      <c r="K7651" s="5" t="s">
        <v>69038</v>
      </c>
      <c r="L7651" s="2" t="s">
        <v>69039</v>
      </c>
      <c r="M7651" s="5" t="s">
        <v>1521</v>
      </c>
      <c r="N7651" s="5" t="s">
        <v>38</v>
      </c>
      <c r="O7651" s="5" t="s">
        <v>39</v>
      </c>
      <c r="P7651" s="5" t="s">
        <v>40</v>
      </c>
      <c r="Q7651" s="5" t="s">
        <v>1522</v>
      </c>
      <c r="R7651" s="5" t="s">
        <v>1523</v>
      </c>
      <c r="S7651" s="5" t="s">
        <v>42</v>
      </c>
      <c r="T7651" s="2">
        <v>3.0819999999999999</v>
      </c>
      <c r="U7651" s="2">
        <v>2.5640000000000001</v>
      </c>
      <c r="V7651" s="2">
        <v>16.7</v>
      </c>
      <c r="W7651" s="2">
        <v>118.9</v>
      </c>
      <c r="X7651" s="2">
        <v>7.6</v>
      </c>
      <c r="Y7651" s="2">
        <v>16.7</v>
      </c>
      <c r="Z7651" s="5"/>
      <c r="AA7651" s="5" t="s">
        <v>43</v>
      </c>
      <c r="AB7651" s="5" t="s">
        <v>44</v>
      </c>
      <c r="AC7651" s="2"/>
      <c r="AD7651" s="1"/>
    </row>
    <row r="7652" spans="1:30">
      <c r="A7652" s="5" t="s">
        <v>83578</v>
      </c>
      <c r="B7652" s="2" t="s">
        <v>107075</v>
      </c>
      <c r="C7652" s="14" t="s">
        <v>107076</v>
      </c>
      <c r="D7652" s="2" t="s">
        <v>107077</v>
      </c>
      <c r="E7652" s="2" t="s">
        <v>7551</v>
      </c>
      <c r="F7652" s="8">
        <v>283</v>
      </c>
      <c r="G7652" s="5">
        <v>6</v>
      </c>
      <c r="H7652" s="5" t="s">
        <v>1518</v>
      </c>
      <c r="I7652" s="5" t="s">
        <v>69038</v>
      </c>
      <c r="J7652" s="2" t="s">
        <v>69039</v>
      </c>
      <c r="K7652" s="5" t="s">
        <v>69038</v>
      </c>
      <c r="L7652" s="2" t="s">
        <v>69039</v>
      </c>
      <c r="M7652" s="5" t="s">
        <v>1521</v>
      </c>
      <c r="N7652" s="5" t="s">
        <v>38</v>
      </c>
      <c r="O7652" s="5" t="s">
        <v>39</v>
      </c>
      <c r="P7652" s="5" t="s">
        <v>40</v>
      </c>
      <c r="Q7652" s="5" t="s">
        <v>1522</v>
      </c>
      <c r="R7652" s="5" t="s">
        <v>1523</v>
      </c>
      <c r="S7652" s="5" t="s">
        <v>42</v>
      </c>
      <c r="T7652" s="2">
        <v>3.1819999999999999</v>
      </c>
      <c r="U7652" s="2">
        <v>2.6640000000000001</v>
      </c>
      <c r="V7652" s="2">
        <v>16.7</v>
      </c>
      <c r="W7652" s="2">
        <v>118.9</v>
      </c>
      <c r="X7652" s="2">
        <v>7.6</v>
      </c>
      <c r="Y7652" s="2">
        <v>16.7</v>
      </c>
      <c r="Z7652" s="5"/>
      <c r="AA7652" s="5" t="s">
        <v>43</v>
      </c>
      <c r="AB7652" s="5" t="s">
        <v>44</v>
      </c>
      <c r="AC7652" s="2"/>
      <c r="AD7652" s="1"/>
    </row>
    <row r="7653" spans="1:30">
      <c r="A7653" s="5" t="s">
        <v>83578</v>
      </c>
      <c r="B7653" s="2" t="s">
        <v>107078</v>
      </c>
      <c r="C7653" s="14" t="s">
        <v>107079</v>
      </c>
      <c r="D7653" s="2" t="s">
        <v>107080</v>
      </c>
      <c r="E7653" s="2" t="s">
        <v>7563</v>
      </c>
      <c r="F7653" s="8">
        <v>283</v>
      </c>
      <c r="G7653" s="5">
        <v>6</v>
      </c>
      <c r="H7653" s="5" t="s">
        <v>1518</v>
      </c>
      <c r="I7653" s="5" t="s">
        <v>69038</v>
      </c>
      <c r="J7653" s="2" t="s">
        <v>69039</v>
      </c>
      <c r="K7653" s="5" t="s">
        <v>69038</v>
      </c>
      <c r="L7653" s="2" t="s">
        <v>69039</v>
      </c>
      <c r="M7653" s="5" t="s">
        <v>1521</v>
      </c>
      <c r="N7653" s="5" t="s">
        <v>38</v>
      </c>
      <c r="O7653" s="5" t="s">
        <v>39</v>
      </c>
      <c r="P7653" s="5" t="s">
        <v>40</v>
      </c>
      <c r="Q7653" s="5" t="s">
        <v>1522</v>
      </c>
      <c r="R7653" s="5" t="s">
        <v>1523</v>
      </c>
      <c r="S7653" s="5" t="s">
        <v>42</v>
      </c>
      <c r="T7653" s="2">
        <v>3.0819999999999999</v>
      </c>
      <c r="U7653" s="2">
        <v>2.5640000000000001</v>
      </c>
      <c r="V7653" s="2">
        <v>16.7</v>
      </c>
      <c r="W7653" s="2">
        <v>118.9</v>
      </c>
      <c r="X7653" s="2">
        <v>7.6</v>
      </c>
      <c r="Y7653" s="2">
        <v>16.7</v>
      </c>
      <c r="Z7653" s="5"/>
      <c r="AA7653" s="5" t="s">
        <v>43</v>
      </c>
      <c r="AB7653" s="5" t="s">
        <v>44</v>
      </c>
      <c r="AC7653" s="2"/>
      <c r="AD7653" s="1"/>
    </row>
    <row r="7654" spans="1:30">
      <c r="A7654" s="5" t="s">
        <v>83578</v>
      </c>
      <c r="B7654" s="2" t="s">
        <v>107081</v>
      </c>
      <c r="C7654" s="14" t="s">
        <v>107082</v>
      </c>
      <c r="D7654" s="2" t="s">
        <v>107083</v>
      </c>
      <c r="E7654" s="2" t="s">
        <v>7567</v>
      </c>
      <c r="F7654" s="8">
        <v>283</v>
      </c>
      <c r="G7654" s="5">
        <v>6</v>
      </c>
      <c r="H7654" s="5" t="s">
        <v>1518</v>
      </c>
      <c r="I7654" s="5" t="s">
        <v>69038</v>
      </c>
      <c r="J7654" s="2" t="s">
        <v>69039</v>
      </c>
      <c r="K7654" s="5" t="s">
        <v>69038</v>
      </c>
      <c r="L7654" s="2" t="s">
        <v>69039</v>
      </c>
      <c r="M7654" s="5" t="s">
        <v>1521</v>
      </c>
      <c r="N7654" s="5" t="s">
        <v>38</v>
      </c>
      <c r="O7654" s="5" t="s">
        <v>39</v>
      </c>
      <c r="P7654" s="5" t="s">
        <v>40</v>
      </c>
      <c r="Q7654" s="5" t="s">
        <v>1522</v>
      </c>
      <c r="R7654" s="5" t="s">
        <v>1523</v>
      </c>
      <c r="S7654" s="5" t="s">
        <v>42</v>
      </c>
      <c r="T7654" s="2">
        <v>3.1819999999999999</v>
      </c>
      <c r="U7654" s="2">
        <v>2.6640000000000001</v>
      </c>
      <c r="V7654" s="2">
        <v>16.7</v>
      </c>
      <c r="W7654" s="2">
        <v>118.9</v>
      </c>
      <c r="X7654" s="2">
        <v>7.6</v>
      </c>
      <c r="Y7654" s="2">
        <v>16.7</v>
      </c>
      <c r="Z7654" s="5"/>
      <c r="AA7654" s="5" t="s">
        <v>43</v>
      </c>
      <c r="AB7654" s="5" t="s">
        <v>44</v>
      </c>
      <c r="AC7654" s="2"/>
      <c r="AD7654" s="1"/>
    </row>
    <row r="7655" spans="1:30">
      <c r="A7655" s="5" t="s">
        <v>83578</v>
      </c>
      <c r="B7655" s="2" t="s">
        <v>107084</v>
      </c>
      <c r="C7655" s="14" t="s">
        <v>107085</v>
      </c>
      <c r="D7655" s="2" t="s">
        <v>107086</v>
      </c>
      <c r="E7655" s="2" t="s">
        <v>7555</v>
      </c>
      <c r="F7655" s="8">
        <v>283</v>
      </c>
      <c r="G7655" s="5">
        <v>6</v>
      </c>
      <c r="H7655" s="5" t="s">
        <v>1518</v>
      </c>
      <c r="I7655" s="5" t="s">
        <v>69038</v>
      </c>
      <c r="J7655" s="2" t="s">
        <v>69039</v>
      </c>
      <c r="K7655" s="5" t="s">
        <v>69038</v>
      </c>
      <c r="L7655" s="2" t="s">
        <v>69039</v>
      </c>
      <c r="M7655" s="5" t="s">
        <v>1521</v>
      </c>
      <c r="N7655" s="5" t="s">
        <v>38</v>
      </c>
      <c r="O7655" s="5" t="s">
        <v>39</v>
      </c>
      <c r="P7655" s="5" t="s">
        <v>40</v>
      </c>
      <c r="Q7655" s="5" t="s">
        <v>1522</v>
      </c>
      <c r="R7655" s="5" t="s">
        <v>1523</v>
      </c>
      <c r="S7655" s="5" t="s">
        <v>42</v>
      </c>
      <c r="T7655" s="2">
        <v>3.0819999999999999</v>
      </c>
      <c r="U7655" s="2">
        <v>2.5640000000000001</v>
      </c>
      <c r="V7655" s="2">
        <v>16.7</v>
      </c>
      <c r="W7655" s="2">
        <v>118.9</v>
      </c>
      <c r="X7655" s="2">
        <v>7.6</v>
      </c>
      <c r="Y7655" s="2">
        <v>16.7</v>
      </c>
      <c r="Z7655" s="5"/>
      <c r="AA7655" s="5" t="s">
        <v>43</v>
      </c>
      <c r="AB7655" s="5" t="s">
        <v>44</v>
      </c>
      <c r="AC7655" s="2"/>
      <c r="AD7655" s="1"/>
    </row>
    <row r="7656" spans="1:30">
      <c r="A7656" s="5" t="s">
        <v>83578</v>
      </c>
      <c r="B7656" s="2" t="s">
        <v>107087</v>
      </c>
      <c r="C7656" s="14" t="s">
        <v>107088</v>
      </c>
      <c r="D7656" s="2" t="s">
        <v>107089</v>
      </c>
      <c r="E7656" s="2" t="s">
        <v>7559</v>
      </c>
      <c r="F7656" s="8">
        <v>283</v>
      </c>
      <c r="G7656" s="5">
        <v>6</v>
      </c>
      <c r="H7656" s="5" t="s">
        <v>1518</v>
      </c>
      <c r="I7656" s="5" t="s">
        <v>69038</v>
      </c>
      <c r="J7656" s="2" t="s">
        <v>69039</v>
      </c>
      <c r="K7656" s="5" t="s">
        <v>69038</v>
      </c>
      <c r="L7656" s="2" t="s">
        <v>69039</v>
      </c>
      <c r="M7656" s="5" t="s">
        <v>1521</v>
      </c>
      <c r="N7656" s="5" t="s">
        <v>38</v>
      </c>
      <c r="O7656" s="5" t="s">
        <v>39</v>
      </c>
      <c r="P7656" s="5" t="s">
        <v>40</v>
      </c>
      <c r="Q7656" s="5" t="s">
        <v>1522</v>
      </c>
      <c r="R7656" s="5" t="s">
        <v>1523</v>
      </c>
      <c r="S7656" s="5" t="s">
        <v>42</v>
      </c>
      <c r="T7656" s="2">
        <v>3.1819999999999999</v>
      </c>
      <c r="U7656" s="2">
        <v>2.6640000000000001</v>
      </c>
      <c r="V7656" s="2">
        <v>16.7</v>
      </c>
      <c r="W7656" s="2">
        <v>118.9</v>
      </c>
      <c r="X7656" s="2">
        <v>7.6</v>
      </c>
      <c r="Y7656" s="2">
        <v>16.7</v>
      </c>
      <c r="Z7656" s="5"/>
      <c r="AA7656" s="5" t="s">
        <v>43</v>
      </c>
      <c r="AB7656" s="5" t="s">
        <v>44</v>
      </c>
      <c r="AC7656" s="2"/>
      <c r="AD7656" s="1"/>
    </row>
    <row r="7657" spans="1:30">
      <c r="A7657" s="5" t="s">
        <v>83578</v>
      </c>
      <c r="B7657" s="2" t="s">
        <v>107090</v>
      </c>
      <c r="C7657" s="14" t="s">
        <v>107091</v>
      </c>
      <c r="D7657" s="2" t="s">
        <v>107092</v>
      </c>
      <c r="E7657" s="2" t="s">
        <v>16079</v>
      </c>
      <c r="F7657" s="8">
        <v>283</v>
      </c>
      <c r="G7657" s="5">
        <v>6</v>
      </c>
      <c r="H7657" s="5" t="s">
        <v>1518</v>
      </c>
      <c r="I7657" s="5" t="s">
        <v>69038</v>
      </c>
      <c r="J7657" s="2" t="s">
        <v>69039</v>
      </c>
      <c r="K7657" s="5" t="s">
        <v>69038</v>
      </c>
      <c r="L7657" s="2" t="s">
        <v>69039</v>
      </c>
      <c r="M7657" s="5" t="s">
        <v>1521</v>
      </c>
      <c r="N7657" s="5" t="s">
        <v>38</v>
      </c>
      <c r="O7657" s="5" t="s">
        <v>39</v>
      </c>
      <c r="P7657" s="5" t="s">
        <v>40</v>
      </c>
      <c r="Q7657" s="5" t="s">
        <v>1522</v>
      </c>
      <c r="R7657" s="5" t="s">
        <v>1523</v>
      </c>
      <c r="S7657" s="5" t="s">
        <v>42</v>
      </c>
      <c r="T7657" s="2">
        <v>3.0819999999999999</v>
      </c>
      <c r="U7657" s="2">
        <v>2.5640000000000001</v>
      </c>
      <c r="V7657" s="2">
        <v>16.7</v>
      </c>
      <c r="W7657" s="2">
        <v>118.9</v>
      </c>
      <c r="X7657" s="2">
        <v>7.6</v>
      </c>
      <c r="Y7657" s="2">
        <v>16.7</v>
      </c>
      <c r="Z7657" s="5"/>
      <c r="AA7657" s="5" t="s">
        <v>43</v>
      </c>
      <c r="AB7657" s="5" t="s">
        <v>44</v>
      </c>
      <c r="AC7657" s="2"/>
      <c r="AD7657" s="1"/>
    </row>
    <row r="7658" spans="1:30">
      <c r="A7658" s="5" t="s">
        <v>83578</v>
      </c>
      <c r="B7658" s="2" t="s">
        <v>107093</v>
      </c>
      <c r="C7658" s="14" t="s">
        <v>107094</v>
      </c>
      <c r="D7658" s="2" t="s">
        <v>107095</v>
      </c>
      <c r="E7658" s="2" t="s">
        <v>16194</v>
      </c>
      <c r="F7658" s="8">
        <v>283</v>
      </c>
      <c r="G7658" s="5">
        <v>6</v>
      </c>
      <c r="H7658" s="5" t="s">
        <v>1518</v>
      </c>
      <c r="I7658" s="5" t="s">
        <v>69038</v>
      </c>
      <c r="J7658" s="2" t="s">
        <v>69039</v>
      </c>
      <c r="K7658" s="5" t="s">
        <v>69038</v>
      </c>
      <c r="L7658" s="2" t="s">
        <v>69039</v>
      </c>
      <c r="M7658" s="5" t="s">
        <v>1521</v>
      </c>
      <c r="N7658" s="5" t="s">
        <v>38</v>
      </c>
      <c r="O7658" s="5" t="s">
        <v>39</v>
      </c>
      <c r="P7658" s="5" t="s">
        <v>40</v>
      </c>
      <c r="Q7658" s="5" t="s">
        <v>1522</v>
      </c>
      <c r="R7658" s="5" t="s">
        <v>1523</v>
      </c>
      <c r="S7658" s="5" t="s">
        <v>42</v>
      </c>
      <c r="T7658" s="2">
        <v>3.1819999999999999</v>
      </c>
      <c r="U7658" s="2">
        <v>2.6640000000000001</v>
      </c>
      <c r="V7658" s="2">
        <v>16.7</v>
      </c>
      <c r="W7658" s="2">
        <v>118.9</v>
      </c>
      <c r="X7658" s="2">
        <v>7.6</v>
      </c>
      <c r="Y7658" s="2">
        <v>16.7</v>
      </c>
      <c r="Z7658" s="5"/>
      <c r="AA7658" s="5" t="s">
        <v>43</v>
      </c>
      <c r="AB7658" s="5" t="s">
        <v>44</v>
      </c>
      <c r="AC7658" s="2"/>
      <c r="AD7658" s="1"/>
    </row>
    <row r="7659" spans="1:30">
      <c r="A7659" s="5" t="s">
        <v>83578</v>
      </c>
      <c r="B7659" s="2" t="s">
        <v>107096</v>
      </c>
      <c r="C7659" s="14" t="s">
        <v>107097</v>
      </c>
      <c r="D7659" s="2" t="s">
        <v>107098</v>
      </c>
      <c r="E7659" s="2" t="s">
        <v>7581</v>
      </c>
      <c r="F7659" s="8">
        <v>283</v>
      </c>
      <c r="G7659" s="5">
        <v>6</v>
      </c>
      <c r="H7659" s="5" t="s">
        <v>1518</v>
      </c>
      <c r="I7659" s="5" t="s">
        <v>69038</v>
      </c>
      <c r="J7659" s="2" t="s">
        <v>69039</v>
      </c>
      <c r="K7659" s="5" t="s">
        <v>69038</v>
      </c>
      <c r="L7659" s="2" t="s">
        <v>69039</v>
      </c>
      <c r="M7659" s="5" t="s">
        <v>1521</v>
      </c>
      <c r="N7659" s="5" t="s">
        <v>38</v>
      </c>
      <c r="O7659" s="5" t="s">
        <v>39</v>
      </c>
      <c r="P7659" s="5" t="s">
        <v>40</v>
      </c>
      <c r="Q7659" s="5" t="s">
        <v>1522</v>
      </c>
      <c r="R7659" s="5" t="s">
        <v>1523</v>
      </c>
      <c r="S7659" s="5" t="s">
        <v>42</v>
      </c>
      <c r="T7659" s="2">
        <v>3.1819999999999999</v>
      </c>
      <c r="U7659" s="2">
        <v>2.6640000000000001</v>
      </c>
      <c r="V7659" s="2">
        <v>16.7</v>
      </c>
      <c r="W7659" s="2">
        <v>118.9</v>
      </c>
      <c r="X7659" s="2">
        <v>7.6</v>
      </c>
      <c r="Y7659" s="2">
        <v>16.7</v>
      </c>
      <c r="Z7659" s="5"/>
      <c r="AA7659" s="5" t="s">
        <v>43</v>
      </c>
      <c r="AB7659" s="5" t="s">
        <v>44</v>
      </c>
      <c r="AC7659" s="2"/>
      <c r="AD7659" s="1"/>
    </row>
    <row r="7660" spans="1:30">
      <c r="A7660" s="5" t="s">
        <v>83578</v>
      </c>
      <c r="B7660" s="2" t="s">
        <v>107099</v>
      </c>
      <c r="C7660" s="14" t="s">
        <v>107100</v>
      </c>
      <c r="D7660" s="2" t="s">
        <v>107101</v>
      </c>
      <c r="E7660" s="2" t="s">
        <v>7585</v>
      </c>
      <c r="F7660" s="8">
        <v>283</v>
      </c>
      <c r="G7660" s="5">
        <v>6</v>
      </c>
      <c r="H7660" s="5" t="s">
        <v>1518</v>
      </c>
      <c r="I7660" s="5" t="s">
        <v>69038</v>
      </c>
      <c r="J7660" s="2" t="s">
        <v>69039</v>
      </c>
      <c r="K7660" s="5" t="s">
        <v>69038</v>
      </c>
      <c r="L7660" s="2" t="s">
        <v>69039</v>
      </c>
      <c r="M7660" s="5" t="s">
        <v>1521</v>
      </c>
      <c r="N7660" s="5" t="s">
        <v>38</v>
      </c>
      <c r="O7660" s="5" t="s">
        <v>39</v>
      </c>
      <c r="P7660" s="5" t="s">
        <v>40</v>
      </c>
      <c r="Q7660" s="5" t="s">
        <v>1522</v>
      </c>
      <c r="R7660" s="5" t="s">
        <v>1523</v>
      </c>
      <c r="S7660" s="5" t="s">
        <v>42</v>
      </c>
      <c r="T7660" s="2">
        <v>3.0819999999999999</v>
      </c>
      <c r="U7660" s="2">
        <v>2.5640000000000001</v>
      </c>
      <c r="V7660" s="2">
        <v>16.7</v>
      </c>
      <c r="W7660" s="2">
        <v>118.9</v>
      </c>
      <c r="X7660" s="2">
        <v>7.6</v>
      </c>
      <c r="Y7660" s="2">
        <v>16.7</v>
      </c>
      <c r="Z7660" s="5"/>
      <c r="AA7660" s="5" t="s">
        <v>43</v>
      </c>
      <c r="AB7660" s="5" t="s">
        <v>44</v>
      </c>
      <c r="AC7660" s="2"/>
      <c r="AD7660" s="1"/>
    </row>
    <row r="7661" spans="1:30">
      <c r="A7661" s="5" t="s">
        <v>83578</v>
      </c>
      <c r="B7661" s="2" t="s">
        <v>107102</v>
      </c>
      <c r="C7661" s="14" t="s">
        <v>107103</v>
      </c>
      <c r="D7661" s="2" t="s">
        <v>107104</v>
      </c>
      <c r="E7661" s="2" t="s">
        <v>7589</v>
      </c>
      <c r="F7661" s="8">
        <v>283</v>
      </c>
      <c r="G7661" s="5">
        <v>6</v>
      </c>
      <c r="H7661" s="5" t="s">
        <v>1518</v>
      </c>
      <c r="I7661" s="5" t="s">
        <v>69038</v>
      </c>
      <c r="J7661" s="2" t="s">
        <v>69039</v>
      </c>
      <c r="K7661" s="5" t="s">
        <v>69038</v>
      </c>
      <c r="L7661" s="2" t="s">
        <v>69039</v>
      </c>
      <c r="M7661" s="5" t="s">
        <v>1521</v>
      </c>
      <c r="N7661" s="5" t="s">
        <v>38</v>
      </c>
      <c r="O7661" s="5" t="s">
        <v>39</v>
      </c>
      <c r="P7661" s="5" t="s">
        <v>40</v>
      </c>
      <c r="Q7661" s="5" t="s">
        <v>1522</v>
      </c>
      <c r="R7661" s="5" t="s">
        <v>1523</v>
      </c>
      <c r="S7661" s="5" t="s">
        <v>42</v>
      </c>
      <c r="T7661" s="2">
        <v>3.1819999999999999</v>
      </c>
      <c r="U7661" s="2">
        <v>2.6640000000000001</v>
      </c>
      <c r="V7661" s="2">
        <v>16.7</v>
      </c>
      <c r="W7661" s="2">
        <v>118.9</v>
      </c>
      <c r="X7661" s="2">
        <v>7.6</v>
      </c>
      <c r="Y7661" s="2">
        <v>16.7</v>
      </c>
      <c r="Z7661" s="5"/>
      <c r="AA7661" s="5" t="s">
        <v>43</v>
      </c>
      <c r="AB7661" s="5" t="s">
        <v>44</v>
      </c>
      <c r="AC7661" s="2"/>
      <c r="AD7661" s="1"/>
    </row>
    <row r="7662" spans="1:30">
      <c r="A7662" s="5" t="s">
        <v>83578</v>
      </c>
      <c r="B7662" s="2" t="s">
        <v>107105</v>
      </c>
      <c r="C7662" s="14" t="s">
        <v>107106</v>
      </c>
      <c r="D7662" s="2" t="s">
        <v>107107</v>
      </c>
      <c r="E7662" s="2" t="s">
        <v>7593</v>
      </c>
      <c r="F7662" s="8">
        <v>283</v>
      </c>
      <c r="G7662" s="5">
        <v>6</v>
      </c>
      <c r="H7662" s="5" t="s">
        <v>1518</v>
      </c>
      <c r="I7662" s="5" t="s">
        <v>69038</v>
      </c>
      <c r="J7662" s="2" t="s">
        <v>69039</v>
      </c>
      <c r="K7662" s="5" t="s">
        <v>69038</v>
      </c>
      <c r="L7662" s="2" t="s">
        <v>69039</v>
      </c>
      <c r="M7662" s="5" t="s">
        <v>1521</v>
      </c>
      <c r="N7662" s="5" t="s">
        <v>38</v>
      </c>
      <c r="O7662" s="5" t="s">
        <v>39</v>
      </c>
      <c r="P7662" s="5" t="s">
        <v>40</v>
      </c>
      <c r="Q7662" s="5" t="s">
        <v>1522</v>
      </c>
      <c r="R7662" s="5" t="s">
        <v>1523</v>
      </c>
      <c r="S7662" s="5" t="s">
        <v>42</v>
      </c>
      <c r="T7662" s="2">
        <v>3.0819999999999999</v>
      </c>
      <c r="U7662" s="2">
        <v>2.5640000000000001</v>
      </c>
      <c r="V7662" s="2">
        <v>16.7</v>
      </c>
      <c r="W7662" s="2">
        <v>118.9</v>
      </c>
      <c r="X7662" s="2">
        <v>7.6</v>
      </c>
      <c r="Y7662" s="2">
        <v>16.7</v>
      </c>
      <c r="Z7662" s="5"/>
      <c r="AA7662" s="5" t="s">
        <v>43</v>
      </c>
      <c r="AB7662" s="5" t="s">
        <v>44</v>
      </c>
      <c r="AC7662" s="2"/>
      <c r="AD7662" s="1"/>
    </row>
    <row r="7663" spans="1:30">
      <c r="A7663" s="5" t="s">
        <v>83578</v>
      </c>
      <c r="B7663" s="2" t="s">
        <v>107108</v>
      </c>
      <c r="C7663" s="14" t="s">
        <v>107109</v>
      </c>
      <c r="D7663" s="2" t="s">
        <v>107110</v>
      </c>
      <c r="E7663" s="2" t="s">
        <v>73358</v>
      </c>
      <c r="F7663" s="8">
        <v>283</v>
      </c>
      <c r="G7663" s="5">
        <v>6</v>
      </c>
      <c r="H7663" s="5" t="s">
        <v>1518</v>
      </c>
      <c r="I7663" s="5" t="s">
        <v>69038</v>
      </c>
      <c r="J7663" s="2" t="s">
        <v>69039</v>
      </c>
      <c r="K7663" s="5" t="s">
        <v>69038</v>
      </c>
      <c r="L7663" s="2" t="s">
        <v>69039</v>
      </c>
      <c r="M7663" s="5" t="s">
        <v>1521</v>
      </c>
      <c r="N7663" s="5" t="s">
        <v>38</v>
      </c>
      <c r="O7663" s="5" t="s">
        <v>39</v>
      </c>
      <c r="P7663" s="5" t="s">
        <v>40</v>
      </c>
      <c r="Q7663" s="5" t="s">
        <v>1522</v>
      </c>
      <c r="R7663" s="5" t="s">
        <v>1523</v>
      </c>
      <c r="S7663" s="5" t="s">
        <v>42</v>
      </c>
      <c r="T7663" s="2">
        <v>3.0819999999999999</v>
      </c>
      <c r="U7663" s="2">
        <v>2.5640000000000001</v>
      </c>
      <c r="V7663" s="2">
        <v>16.7</v>
      </c>
      <c r="W7663" s="2">
        <v>118.9</v>
      </c>
      <c r="X7663" s="2">
        <v>7.6</v>
      </c>
      <c r="Y7663" s="2">
        <v>16.7</v>
      </c>
      <c r="Z7663" s="5"/>
      <c r="AA7663" s="5" t="s">
        <v>43</v>
      </c>
      <c r="AB7663" s="5" t="s">
        <v>44</v>
      </c>
      <c r="AC7663" s="2"/>
      <c r="AD7663" s="1"/>
    </row>
    <row r="7664" spans="1:30">
      <c r="A7664" s="5" t="s">
        <v>83578</v>
      </c>
      <c r="B7664" s="2" t="s">
        <v>107111</v>
      </c>
      <c r="C7664" s="14" t="s">
        <v>107112</v>
      </c>
      <c r="D7664" s="2" t="s">
        <v>107113</v>
      </c>
      <c r="E7664" s="2" t="s">
        <v>7619</v>
      </c>
      <c r="F7664" s="8">
        <v>283</v>
      </c>
      <c r="G7664" s="5">
        <v>6</v>
      </c>
      <c r="H7664" s="5" t="s">
        <v>1518</v>
      </c>
      <c r="I7664" s="5" t="s">
        <v>69038</v>
      </c>
      <c r="J7664" s="2" t="s">
        <v>69039</v>
      </c>
      <c r="K7664" s="5" t="s">
        <v>69038</v>
      </c>
      <c r="L7664" s="2" t="s">
        <v>69039</v>
      </c>
      <c r="M7664" s="5" t="s">
        <v>1521</v>
      </c>
      <c r="N7664" s="5" t="s">
        <v>38</v>
      </c>
      <c r="O7664" s="5" t="s">
        <v>39</v>
      </c>
      <c r="P7664" s="5" t="s">
        <v>40</v>
      </c>
      <c r="Q7664" s="5" t="s">
        <v>1522</v>
      </c>
      <c r="R7664" s="5" t="s">
        <v>1523</v>
      </c>
      <c r="S7664" s="5" t="s">
        <v>42</v>
      </c>
      <c r="T7664" s="2">
        <v>3.1819999999999999</v>
      </c>
      <c r="U7664" s="2">
        <v>2.6640000000000001</v>
      </c>
      <c r="V7664" s="2">
        <v>16.7</v>
      </c>
      <c r="W7664" s="2">
        <v>118.9</v>
      </c>
      <c r="X7664" s="2">
        <v>7.6</v>
      </c>
      <c r="Y7664" s="2">
        <v>16.7</v>
      </c>
      <c r="Z7664" s="5"/>
      <c r="AA7664" s="5" t="s">
        <v>43</v>
      </c>
      <c r="AB7664" s="5" t="s">
        <v>44</v>
      </c>
      <c r="AC7664" s="2"/>
      <c r="AD7664" s="1"/>
    </row>
    <row r="7665" spans="1:30">
      <c r="A7665" s="5" t="s">
        <v>83578</v>
      </c>
      <c r="B7665" s="2" t="s">
        <v>107114</v>
      </c>
      <c r="C7665" s="14" t="s">
        <v>107115</v>
      </c>
      <c r="D7665" s="2" t="s">
        <v>107116</v>
      </c>
      <c r="E7665" s="2" t="s">
        <v>16219</v>
      </c>
      <c r="F7665" s="8">
        <v>283</v>
      </c>
      <c r="G7665" s="5">
        <v>6</v>
      </c>
      <c r="H7665" s="5" t="s">
        <v>1518</v>
      </c>
      <c r="I7665" s="5" t="s">
        <v>69038</v>
      </c>
      <c r="J7665" s="2" t="s">
        <v>69039</v>
      </c>
      <c r="K7665" s="5" t="s">
        <v>69038</v>
      </c>
      <c r="L7665" s="2" t="s">
        <v>69039</v>
      </c>
      <c r="M7665" s="5" t="s">
        <v>1521</v>
      </c>
      <c r="N7665" s="5" t="s">
        <v>38</v>
      </c>
      <c r="O7665" s="5" t="s">
        <v>39</v>
      </c>
      <c r="P7665" s="5" t="s">
        <v>40</v>
      </c>
      <c r="Q7665" s="5" t="s">
        <v>1522</v>
      </c>
      <c r="R7665" s="5" t="s">
        <v>1523</v>
      </c>
      <c r="S7665" s="5" t="s">
        <v>42</v>
      </c>
      <c r="T7665" s="2">
        <v>3.1819999999999999</v>
      </c>
      <c r="U7665" s="2">
        <v>2.6640000000000001</v>
      </c>
      <c r="V7665" s="2">
        <v>16.7</v>
      </c>
      <c r="W7665" s="2">
        <v>118.9</v>
      </c>
      <c r="X7665" s="2">
        <v>7.6</v>
      </c>
      <c r="Y7665" s="2">
        <v>16.7</v>
      </c>
      <c r="Z7665" s="5"/>
      <c r="AA7665" s="5" t="s">
        <v>43</v>
      </c>
      <c r="AB7665" s="5" t="s">
        <v>44</v>
      </c>
      <c r="AC7665" s="2"/>
      <c r="AD7665" s="1"/>
    </row>
    <row r="7666" spans="1:30">
      <c r="A7666" s="5" t="s">
        <v>83578</v>
      </c>
      <c r="B7666" s="2" t="s">
        <v>107117</v>
      </c>
      <c r="C7666" s="14" t="s">
        <v>107118</v>
      </c>
      <c r="D7666" s="2" t="s">
        <v>107119</v>
      </c>
      <c r="E7666" s="2" t="s">
        <v>7406</v>
      </c>
      <c r="F7666" s="8">
        <v>296</v>
      </c>
      <c r="G7666" s="5">
        <v>6</v>
      </c>
      <c r="H7666" s="5" t="s">
        <v>1518</v>
      </c>
      <c r="I7666" s="5" t="s">
        <v>69038</v>
      </c>
      <c r="J7666" s="2" t="s">
        <v>69039</v>
      </c>
      <c r="K7666" s="5" t="s">
        <v>69038</v>
      </c>
      <c r="L7666" s="2" t="s">
        <v>69039</v>
      </c>
      <c r="M7666" s="5" t="s">
        <v>1521</v>
      </c>
      <c r="N7666" s="5" t="s">
        <v>38</v>
      </c>
      <c r="O7666" s="5" t="s">
        <v>39</v>
      </c>
      <c r="P7666" s="5" t="s">
        <v>40</v>
      </c>
      <c r="Q7666" s="5" t="s">
        <v>1522</v>
      </c>
      <c r="R7666" s="5" t="s">
        <v>1523</v>
      </c>
      <c r="S7666" s="5" t="s">
        <v>42</v>
      </c>
      <c r="T7666" s="2">
        <v>3.327</v>
      </c>
      <c r="U7666" s="2">
        <v>2.7320000000000002</v>
      </c>
      <c r="V7666" s="2">
        <v>16.7</v>
      </c>
      <c r="W7666" s="2">
        <v>139.1</v>
      </c>
      <c r="X7666" s="2">
        <v>7.6</v>
      </c>
      <c r="Y7666" s="2">
        <v>16.7</v>
      </c>
      <c r="Z7666" s="5"/>
      <c r="AA7666" s="5" t="s">
        <v>43</v>
      </c>
      <c r="AB7666" s="5" t="s">
        <v>44</v>
      </c>
      <c r="AC7666" s="2"/>
      <c r="AD7666" s="1"/>
    </row>
    <row r="7667" spans="1:30">
      <c r="A7667" s="5" t="s">
        <v>83578</v>
      </c>
      <c r="B7667" s="2" t="s">
        <v>107120</v>
      </c>
      <c r="C7667" s="14" t="s">
        <v>107121</v>
      </c>
      <c r="D7667" s="2" t="s">
        <v>107122</v>
      </c>
      <c r="E7667" s="2" t="s">
        <v>7551</v>
      </c>
      <c r="F7667" s="8">
        <v>296</v>
      </c>
      <c r="G7667" s="5">
        <v>6</v>
      </c>
      <c r="H7667" s="5" t="s">
        <v>1518</v>
      </c>
      <c r="I7667" s="5" t="s">
        <v>69038</v>
      </c>
      <c r="J7667" s="2" t="s">
        <v>69039</v>
      </c>
      <c r="K7667" s="5" t="s">
        <v>69038</v>
      </c>
      <c r="L7667" s="2" t="s">
        <v>69039</v>
      </c>
      <c r="M7667" s="5" t="s">
        <v>1521</v>
      </c>
      <c r="N7667" s="5" t="s">
        <v>38</v>
      </c>
      <c r="O7667" s="5" t="s">
        <v>39</v>
      </c>
      <c r="P7667" s="5" t="s">
        <v>40</v>
      </c>
      <c r="Q7667" s="5" t="s">
        <v>1522</v>
      </c>
      <c r="R7667" s="5" t="s">
        <v>1523</v>
      </c>
      <c r="S7667" s="5" t="s">
        <v>42</v>
      </c>
      <c r="T7667" s="2">
        <v>3.4369999999999998</v>
      </c>
      <c r="U7667" s="2">
        <v>2.8420000000000001</v>
      </c>
      <c r="V7667" s="2">
        <v>16.7</v>
      </c>
      <c r="W7667" s="2">
        <v>139.1</v>
      </c>
      <c r="X7667" s="2">
        <v>7.6</v>
      </c>
      <c r="Y7667" s="2">
        <v>16.7</v>
      </c>
      <c r="Z7667" s="5"/>
      <c r="AA7667" s="5" t="s">
        <v>43</v>
      </c>
      <c r="AB7667" s="5" t="s">
        <v>44</v>
      </c>
      <c r="AC7667" s="2"/>
      <c r="AD7667" s="1"/>
    </row>
    <row r="7668" spans="1:30">
      <c r="A7668" s="5" t="s">
        <v>83578</v>
      </c>
      <c r="B7668" s="2" t="s">
        <v>107123</v>
      </c>
      <c r="C7668" s="14" t="s">
        <v>107124</v>
      </c>
      <c r="D7668" s="2" t="s">
        <v>107125</v>
      </c>
      <c r="E7668" s="2" t="s">
        <v>7559</v>
      </c>
      <c r="F7668" s="8">
        <v>296</v>
      </c>
      <c r="G7668" s="5">
        <v>6</v>
      </c>
      <c r="H7668" s="5" t="s">
        <v>1518</v>
      </c>
      <c r="I7668" s="5" t="s">
        <v>69038</v>
      </c>
      <c r="J7668" s="2" t="s">
        <v>69039</v>
      </c>
      <c r="K7668" s="5" t="s">
        <v>69038</v>
      </c>
      <c r="L7668" s="2" t="s">
        <v>69039</v>
      </c>
      <c r="M7668" s="5" t="s">
        <v>1521</v>
      </c>
      <c r="N7668" s="5" t="s">
        <v>38</v>
      </c>
      <c r="O7668" s="5" t="s">
        <v>39</v>
      </c>
      <c r="P7668" s="5" t="s">
        <v>40</v>
      </c>
      <c r="Q7668" s="5" t="s">
        <v>1522</v>
      </c>
      <c r="R7668" s="5" t="s">
        <v>1523</v>
      </c>
      <c r="S7668" s="5" t="s">
        <v>42</v>
      </c>
      <c r="T7668" s="2">
        <v>3.4369999999999998</v>
      </c>
      <c r="U7668" s="2">
        <v>2.8420000000000001</v>
      </c>
      <c r="V7668" s="2">
        <v>16.7</v>
      </c>
      <c r="W7668" s="2">
        <v>139.1</v>
      </c>
      <c r="X7668" s="2">
        <v>7.6</v>
      </c>
      <c r="Y7668" s="2">
        <v>16.7</v>
      </c>
      <c r="Z7668" s="5"/>
      <c r="AA7668" s="5" t="s">
        <v>43</v>
      </c>
      <c r="AB7668" s="5" t="s">
        <v>44</v>
      </c>
      <c r="AC7668" s="2"/>
      <c r="AD7668" s="1"/>
    </row>
    <row r="7669" spans="1:30">
      <c r="A7669" s="5" t="s">
        <v>83578</v>
      </c>
      <c r="B7669" s="2" t="s">
        <v>107126</v>
      </c>
      <c r="C7669" s="14" t="s">
        <v>107127</v>
      </c>
      <c r="D7669" s="2" t="s">
        <v>107128</v>
      </c>
      <c r="E7669" s="2" t="s">
        <v>73362</v>
      </c>
      <c r="F7669" s="8">
        <v>296</v>
      </c>
      <c r="G7669" s="5">
        <v>6</v>
      </c>
      <c r="H7669" s="5" t="s">
        <v>1518</v>
      </c>
      <c r="I7669" s="5" t="s">
        <v>69038</v>
      </c>
      <c r="J7669" s="2" t="s">
        <v>69039</v>
      </c>
      <c r="K7669" s="5" t="s">
        <v>69038</v>
      </c>
      <c r="L7669" s="2" t="s">
        <v>69039</v>
      </c>
      <c r="M7669" s="5" t="s">
        <v>1521</v>
      </c>
      <c r="N7669" s="5" t="s">
        <v>38</v>
      </c>
      <c r="O7669" s="5" t="s">
        <v>39</v>
      </c>
      <c r="P7669" s="5" t="s">
        <v>40</v>
      </c>
      <c r="Q7669" s="5" t="s">
        <v>1522</v>
      </c>
      <c r="R7669" s="5" t="s">
        <v>1523</v>
      </c>
      <c r="S7669" s="5" t="s">
        <v>42</v>
      </c>
      <c r="T7669" s="2">
        <v>3.4369999999999998</v>
      </c>
      <c r="U7669" s="2">
        <v>2.8420000000000001</v>
      </c>
      <c r="V7669" s="2">
        <v>16.7</v>
      </c>
      <c r="W7669" s="2">
        <v>139.1</v>
      </c>
      <c r="X7669" s="2">
        <v>7.6</v>
      </c>
      <c r="Y7669" s="2">
        <v>16.7</v>
      </c>
      <c r="Z7669" s="5"/>
      <c r="AA7669" s="5" t="s">
        <v>43</v>
      </c>
      <c r="AB7669" s="5" t="s">
        <v>44</v>
      </c>
      <c r="AC7669" s="2"/>
      <c r="AD7669" s="1"/>
    </row>
    <row r="7670" spans="1:30">
      <c r="A7670" s="5" t="s">
        <v>83578</v>
      </c>
      <c r="B7670" s="2" t="s">
        <v>107129</v>
      </c>
      <c r="C7670" s="14" t="s">
        <v>107130</v>
      </c>
      <c r="D7670" s="2" t="s">
        <v>107131</v>
      </c>
      <c r="E7670" s="2" t="s">
        <v>7208</v>
      </c>
      <c r="F7670" s="8">
        <v>254</v>
      </c>
      <c r="G7670" s="5">
        <v>6</v>
      </c>
      <c r="H7670" s="5" t="s">
        <v>1518</v>
      </c>
      <c r="I7670" s="5" t="s">
        <v>69038</v>
      </c>
      <c r="J7670" s="2" t="s">
        <v>69039</v>
      </c>
      <c r="K7670" s="5" t="s">
        <v>69038</v>
      </c>
      <c r="L7670" s="2" t="s">
        <v>69039</v>
      </c>
      <c r="M7670" s="5" t="s">
        <v>1521</v>
      </c>
      <c r="N7670" s="5" t="s">
        <v>38</v>
      </c>
      <c r="O7670" s="5" t="s">
        <v>39</v>
      </c>
      <c r="P7670" s="5" t="s">
        <v>40</v>
      </c>
      <c r="Q7670" s="5" t="s">
        <v>1522</v>
      </c>
      <c r="R7670" s="5" t="s">
        <v>1523</v>
      </c>
      <c r="S7670" s="5" t="s">
        <v>42</v>
      </c>
      <c r="T7670" s="2">
        <v>2.5030000000000001</v>
      </c>
      <c r="U7670" s="2">
        <v>1.9530000000000001</v>
      </c>
      <c r="V7670" s="2">
        <v>16.7</v>
      </c>
      <c r="W7670" s="2">
        <v>118.9</v>
      </c>
      <c r="X7670" s="2">
        <v>7.6</v>
      </c>
      <c r="Y7670" s="2">
        <v>16.7</v>
      </c>
      <c r="Z7670" s="5"/>
      <c r="AA7670" s="5" t="s">
        <v>43</v>
      </c>
      <c r="AB7670" s="5" t="s">
        <v>44</v>
      </c>
      <c r="AC7670" s="2"/>
      <c r="AD7670" s="1"/>
    </row>
    <row r="7671" spans="1:30">
      <c r="A7671" s="5" t="s">
        <v>83578</v>
      </c>
      <c r="B7671" s="2" t="s">
        <v>107132</v>
      </c>
      <c r="C7671" s="14" t="s">
        <v>107133</v>
      </c>
      <c r="D7671" s="2" t="s">
        <v>107134</v>
      </c>
      <c r="E7671" s="2" t="s">
        <v>7406</v>
      </c>
      <c r="F7671" s="8">
        <v>272</v>
      </c>
      <c r="G7671" s="5">
        <v>6</v>
      </c>
      <c r="H7671" s="5" t="s">
        <v>1518</v>
      </c>
      <c r="I7671" s="5" t="s">
        <v>69038</v>
      </c>
      <c r="J7671" s="2" t="s">
        <v>69039</v>
      </c>
      <c r="K7671" s="5" t="s">
        <v>69038</v>
      </c>
      <c r="L7671" s="2" t="s">
        <v>69039</v>
      </c>
      <c r="M7671" s="5" t="s">
        <v>1521</v>
      </c>
      <c r="N7671" s="5" t="s">
        <v>38</v>
      </c>
      <c r="O7671" s="5" t="s">
        <v>39</v>
      </c>
      <c r="P7671" s="5" t="s">
        <v>40</v>
      </c>
      <c r="Q7671" s="5" t="s">
        <v>1522</v>
      </c>
      <c r="R7671" s="5" t="s">
        <v>1523</v>
      </c>
      <c r="S7671" s="5" t="s">
        <v>42</v>
      </c>
      <c r="T7671" s="2">
        <v>2.5030000000000001</v>
      </c>
      <c r="U7671" s="2">
        <v>1.9530000000000001</v>
      </c>
      <c r="V7671" s="2">
        <v>16.7</v>
      </c>
      <c r="W7671" s="2">
        <v>118.9</v>
      </c>
      <c r="X7671" s="2">
        <v>7.6</v>
      </c>
      <c r="Y7671" s="2">
        <v>16.7</v>
      </c>
      <c r="Z7671" s="5"/>
      <c r="AA7671" s="5" t="s">
        <v>43</v>
      </c>
      <c r="AB7671" s="5" t="s">
        <v>44</v>
      </c>
      <c r="AC7671" s="2"/>
      <c r="AD7671" s="1"/>
    </row>
    <row r="7672" spans="1:30">
      <c r="A7672" s="5" t="s">
        <v>83578</v>
      </c>
      <c r="B7672" s="2" t="s">
        <v>107135</v>
      </c>
      <c r="C7672" s="14" t="s">
        <v>107136</v>
      </c>
      <c r="D7672" s="2" t="s">
        <v>107137</v>
      </c>
      <c r="E7672" s="2" t="s">
        <v>7535</v>
      </c>
      <c r="F7672" s="8">
        <v>272</v>
      </c>
      <c r="G7672" s="5">
        <v>6</v>
      </c>
      <c r="H7672" s="5" t="s">
        <v>1518</v>
      </c>
      <c r="I7672" s="5" t="s">
        <v>69038</v>
      </c>
      <c r="J7672" s="2" t="s">
        <v>69039</v>
      </c>
      <c r="K7672" s="5" t="s">
        <v>69038</v>
      </c>
      <c r="L7672" s="2" t="s">
        <v>69039</v>
      </c>
      <c r="M7672" s="5" t="s">
        <v>1521</v>
      </c>
      <c r="N7672" s="5" t="s">
        <v>38</v>
      </c>
      <c r="O7672" s="5" t="s">
        <v>39</v>
      </c>
      <c r="P7672" s="5" t="s">
        <v>40</v>
      </c>
      <c r="Q7672" s="5" t="s">
        <v>1522</v>
      </c>
      <c r="R7672" s="5" t="s">
        <v>1523</v>
      </c>
      <c r="S7672" s="5" t="s">
        <v>42</v>
      </c>
      <c r="T7672" s="2">
        <v>2.5590000000000002</v>
      </c>
      <c r="U7672" s="2">
        <v>2.0089999999999999</v>
      </c>
      <c r="V7672" s="2">
        <v>16.7</v>
      </c>
      <c r="W7672" s="2">
        <v>118.9</v>
      </c>
      <c r="X7672" s="2">
        <v>7.6</v>
      </c>
      <c r="Y7672" s="2">
        <v>16.7</v>
      </c>
      <c r="Z7672" s="5"/>
      <c r="AA7672" s="5" t="s">
        <v>43</v>
      </c>
      <c r="AB7672" s="5" t="s">
        <v>44</v>
      </c>
      <c r="AC7672" s="2"/>
      <c r="AD7672" s="1"/>
    </row>
    <row r="7673" spans="1:30">
      <c r="A7673" s="5" t="s">
        <v>83578</v>
      </c>
      <c r="B7673" s="2" t="s">
        <v>107138</v>
      </c>
      <c r="C7673" s="14" t="s">
        <v>107139</v>
      </c>
      <c r="D7673" s="2" t="s">
        <v>107140</v>
      </c>
      <c r="E7673" s="2" t="s">
        <v>7539</v>
      </c>
      <c r="F7673" s="8">
        <v>272</v>
      </c>
      <c r="G7673" s="5">
        <v>6</v>
      </c>
      <c r="H7673" s="5" t="s">
        <v>1518</v>
      </c>
      <c r="I7673" s="5" t="s">
        <v>69038</v>
      </c>
      <c r="J7673" s="2" t="s">
        <v>69039</v>
      </c>
      <c r="K7673" s="5" t="s">
        <v>69038</v>
      </c>
      <c r="L7673" s="2" t="s">
        <v>69039</v>
      </c>
      <c r="M7673" s="5" t="s">
        <v>1521</v>
      </c>
      <c r="N7673" s="5" t="s">
        <v>38</v>
      </c>
      <c r="O7673" s="5" t="s">
        <v>39</v>
      </c>
      <c r="P7673" s="5" t="s">
        <v>40</v>
      </c>
      <c r="Q7673" s="5" t="s">
        <v>1522</v>
      </c>
      <c r="R7673" s="5" t="s">
        <v>1523</v>
      </c>
      <c r="S7673" s="5" t="s">
        <v>42</v>
      </c>
      <c r="T7673" s="2">
        <v>2.5030000000000001</v>
      </c>
      <c r="U7673" s="2">
        <v>1.9530000000000001</v>
      </c>
      <c r="V7673" s="2">
        <v>16.7</v>
      </c>
      <c r="W7673" s="2">
        <v>118.9</v>
      </c>
      <c r="X7673" s="2">
        <v>7.6</v>
      </c>
      <c r="Y7673" s="2">
        <v>16.7</v>
      </c>
      <c r="Z7673" s="5"/>
      <c r="AA7673" s="5" t="s">
        <v>43</v>
      </c>
      <c r="AB7673" s="5" t="s">
        <v>44</v>
      </c>
      <c r="AC7673" s="2"/>
      <c r="AD7673" s="1"/>
    </row>
    <row r="7674" spans="1:30">
      <c r="A7674" s="5" t="s">
        <v>83578</v>
      </c>
      <c r="B7674" s="2" t="s">
        <v>107141</v>
      </c>
      <c r="C7674" s="14" t="s">
        <v>107142</v>
      </c>
      <c r="D7674" s="2" t="s">
        <v>107143</v>
      </c>
      <c r="E7674" s="2" t="s">
        <v>7543</v>
      </c>
      <c r="F7674" s="8">
        <v>272</v>
      </c>
      <c r="G7674" s="5">
        <v>6</v>
      </c>
      <c r="H7674" s="5" t="s">
        <v>1518</v>
      </c>
      <c r="I7674" s="5" t="s">
        <v>69038</v>
      </c>
      <c r="J7674" s="2" t="s">
        <v>69039</v>
      </c>
      <c r="K7674" s="5" t="s">
        <v>69038</v>
      </c>
      <c r="L7674" s="2" t="s">
        <v>69039</v>
      </c>
      <c r="M7674" s="5" t="s">
        <v>1521</v>
      </c>
      <c r="N7674" s="5" t="s">
        <v>38</v>
      </c>
      <c r="O7674" s="5" t="s">
        <v>39</v>
      </c>
      <c r="P7674" s="5" t="s">
        <v>40</v>
      </c>
      <c r="Q7674" s="5" t="s">
        <v>1522</v>
      </c>
      <c r="R7674" s="5" t="s">
        <v>1523</v>
      </c>
      <c r="S7674" s="5" t="s">
        <v>42</v>
      </c>
      <c r="T7674" s="2">
        <v>2.5590000000000002</v>
      </c>
      <c r="U7674" s="2">
        <v>2.0089999999999999</v>
      </c>
      <c r="V7674" s="2">
        <v>16.7</v>
      </c>
      <c r="W7674" s="2">
        <v>118.9</v>
      </c>
      <c r="X7674" s="2">
        <v>7.6</v>
      </c>
      <c r="Y7674" s="2">
        <v>16.7</v>
      </c>
      <c r="Z7674" s="5"/>
      <c r="AA7674" s="5" t="s">
        <v>43</v>
      </c>
      <c r="AB7674" s="5" t="s">
        <v>44</v>
      </c>
      <c r="AC7674" s="2"/>
      <c r="AD7674" s="1"/>
    </row>
    <row r="7675" spans="1:30">
      <c r="A7675" s="5" t="s">
        <v>83578</v>
      </c>
      <c r="B7675" s="2" t="s">
        <v>107144</v>
      </c>
      <c r="C7675" s="14" t="s">
        <v>107145</v>
      </c>
      <c r="D7675" s="2" t="s">
        <v>107146</v>
      </c>
      <c r="E7675" s="2" t="s">
        <v>7547</v>
      </c>
      <c r="F7675" s="8">
        <v>272</v>
      </c>
      <c r="G7675" s="5">
        <v>6</v>
      </c>
      <c r="H7675" s="5" t="s">
        <v>1518</v>
      </c>
      <c r="I7675" s="5" t="s">
        <v>69038</v>
      </c>
      <c r="J7675" s="2" t="s">
        <v>69039</v>
      </c>
      <c r="K7675" s="5" t="s">
        <v>69038</v>
      </c>
      <c r="L7675" s="2" t="s">
        <v>69039</v>
      </c>
      <c r="M7675" s="5" t="s">
        <v>1521</v>
      </c>
      <c r="N7675" s="5" t="s">
        <v>38</v>
      </c>
      <c r="O7675" s="5" t="s">
        <v>39</v>
      </c>
      <c r="P7675" s="5" t="s">
        <v>40</v>
      </c>
      <c r="Q7675" s="5" t="s">
        <v>1522</v>
      </c>
      <c r="R7675" s="5" t="s">
        <v>1523</v>
      </c>
      <c r="S7675" s="5" t="s">
        <v>42</v>
      </c>
      <c r="T7675" s="2">
        <v>2.5030000000000001</v>
      </c>
      <c r="U7675" s="2">
        <v>1.9530000000000001</v>
      </c>
      <c r="V7675" s="2">
        <v>16.7</v>
      </c>
      <c r="W7675" s="2">
        <v>118.9</v>
      </c>
      <c r="X7675" s="2">
        <v>7.6</v>
      </c>
      <c r="Y7675" s="2">
        <v>16.7</v>
      </c>
      <c r="Z7675" s="5"/>
      <c r="AA7675" s="5" t="s">
        <v>43</v>
      </c>
      <c r="AB7675" s="5" t="s">
        <v>44</v>
      </c>
      <c r="AC7675" s="2"/>
      <c r="AD7675" s="1"/>
    </row>
    <row r="7676" spans="1:30">
      <c r="A7676" s="5" t="s">
        <v>83578</v>
      </c>
      <c r="B7676" s="2" t="s">
        <v>107147</v>
      </c>
      <c r="C7676" s="14" t="s">
        <v>107148</v>
      </c>
      <c r="D7676" s="2" t="s">
        <v>107149</v>
      </c>
      <c r="E7676" s="2" t="s">
        <v>7551</v>
      </c>
      <c r="F7676" s="8">
        <v>272</v>
      </c>
      <c r="G7676" s="5">
        <v>6</v>
      </c>
      <c r="H7676" s="5" t="s">
        <v>1518</v>
      </c>
      <c r="I7676" s="5" t="s">
        <v>69038</v>
      </c>
      <c r="J7676" s="2" t="s">
        <v>69039</v>
      </c>
      <c r="K7676" s="5" t="s">
        <v>69038</v>
      </c>
      <c r="L7676" s="2" t="s">
        <v>69039</v>
      </c>
      <c r="M7676" s="5" t="s">
        <v>1521</v>
      </c>
      <c r="N7676" s="5" t="s">
        <v>38</v>
      </c>
      <c r="O7676" s="5" t="s">
        <v>39</v>
      </c>
      <c r="P7676" s="5" t="s">
        <v>40</v>
      </c>
      <c r="Q7676" s="5" t="s">
        <v>1522</v>
      </c>
      <c r="R7676" s="5" t="s">
        <v>1523</v>
      </c>
      <c r="S7676" s="5" t="s">
        <v>42</v>
      </c>
      <c r="T7676" s="2">
        <v>2.5590000000000002</v>
      </c>
      <c r="U7676" s="2">
        <v>2.0089999999999999</v>
      </c>
      <c r="V7676" s="2">
        <v>16.7</v>
      </c>
      <c r="W7676" s="2">
        <v>118.9</v>
      </c>
      <c r="X7676" s="2">
        <v>7.6</v>
      </c>
      <c r="Y7676" s="2">
        <v>16.7</v>
      </c>
      <c r="Z7676" s="5"/>
      <c r="AA7676" s="5" t="s">
        <v>43</v>
      </c>
      <c r="AB7676" s="5" t="s">
        <v>44</v>
      </c>
      <c r="AC7676" s="2"/>
      <c r="AD7676" s="1"/>
    </row>
    <row r="7677" spans="1:30">
      <c r="A7677" s="5" t="s">
        <v>83578</v>
      </c>
      <c r="B7677" s="2" t="s">
        <v>107150</v>
      </c>
      <c r="C7677" s="14" t="s">
        <v>107151</v>
      </c>
      <c r="D7677" s="2" t="s">
        <v>107152</v>
      </c>
      <c r="E7677" s="2" t="s">
        <v>7563</v>
      </c>
      <c r="F7677" s="8">
        <v>272</v>
      </c>
      <c r="G7677" s="5">
        <v>6</v>
      </c>
      <c r="H7677" s="5" t="s">
        <v>1518</v>
      </c>
      <c r="I7677" s="5" t="s">
        <v>69038</v>
      </c>
      <c r="J7677" s="2" t="s">
        <v>69039</v>
      </c>
      <c r="K7677" s="5" t="s">
        <v>69038</v>
      </c>
      <c r="L7677" s="2" t="s">
        <v>69039</v>
      </c>
      <c r="M7677" s="5" t="s">
        <v>1521</v>
      </c>
      <c r="N7677" s="5" t="s">
        <v>38</v>
      </c>
      <c r="O7677" s="5" t="s">
        <v>39</v>
      </c>
      <c r="P7677" s="5" t="s">
        <v>40</v>
      </c>
      <c r="Q7677" s="5" t="s">
        <v>1522</v>
      </c>
      <c r="R7677" s="5" t="s">
        <v>1523</v>
      </c>
      <c r="S7677" s="5" t="s">
        <v>42</v>
      </c>
      <c r="T7677" s="2">
        <v>2.5030000000000001</v>
      </c>
      <c r="U7677" s="2">
        <v>1.9530000000000001</v>
      </c>
      <c r="V7677" s="2">
        <v>16.7</v>
      </c>
      <c r="W7677" s="2">
        <v>118.9</v>
      </c>
      <c r="X7677" s="2">
        <v>7.6</v>
      </c>
      <c r="Y7677" s="2">
        <v>16.7</v>
      </c>
      <c r="Z7677" s="5"/>
      <c r="AA7677" s="5" t="s">
        <v>43</v>
      </c>
      <c r="AB7677" s="5" t="s">
        <v>44</v>
      </c>
      <c r="AC7677" s="2"/>
      <c r="AD7677" s="1"/>
    </row>
    <row r="7678" spans="1:30">
      <c r="A7678" s="5" t="s">
        <v>83578</v>
      </c>
      <c r="B7678" s="2" t="s">
        <v>107153</v>
      </c>
      <c r="C7678" s="14" t="s">
        <v>107154</v>
      </c>
      <c r="D7678" s="2" t="s">
        <v>107155</v>
      </c>
      <c r="E7678" s="2" t="s">
        <v>7567</v>
      </c>
      <c r="F7678" s="8">
        <v>272</v>
      </c>
      <c r="G7678" s="5">
        <v>6</v>
      </c>
      <c r="H7678" s="5" t="s">
        <v>1518</v>
      </c>
      <c r="I7678" s="5" t="s">
        <v>69038</v>
      </c>
      <c r="J7678" s="2" t="s">
        <v>69039</v>
      </c>
      <c r="K7678" s="5" t="s">
        <v>69038</v>
      </c>
      <c r="L7678" s="2" t="s">
        <v>69039</v>
      </c>
      <c r="M7678" s="5" t="s">
        <v>1521</v>
      </c>
      <c r="N7678" s="5" t="s">
        <v>38</v>
      </c>
      <c r="O7678" s="5" t="s">
        <v>39</v>
      </c>
      <c r="P7678" s="5" t="s">
        <v>40</v>
      </c>
      <c r="Q7678" s="5" t="s">
        <v>1522</v>
      </c>
      <c r="R7678" s="5" t="s">
        <v>1523</v>
      </c>
      <c r="S7678" s="5" t="s">
        <v>42</v>
      </c>
      <c r="T7678" s="2">
        <v>2.5590000000000002</v>
      </c>
      <c r="U7678" s="2">
        <v>2.0089999999999999</v>
      </c>
      <c r="V7678" s="2">
        <v>16.7</v>
      </c>
      <c r="W7678" s="2">
        <v>118.9</v>
      </c>
      <c r="X7678" s="2">
        <v>7.6</v>
      </c>
      <c r="Y7678" s="2">
        <v>16.7</v>
      </c>
      <c r="Z7678" s="5"/>
      <c r="AA7678" s="5" t="s">
        <v>43</v>
      </c>
      <c r="AB7678" s="5" t="s">
        <v>44</v>
      </c>
      <c r="AC7678" s="2"/>
      <c r="AD7678" s="1"/>
    </row>
    <row r="7679" spans="1:30">
      <c r="A7679" s="5" t="s">
        <v>83578</v>
      </c>
      <c r="B7679" s="2" t="s">
        <v>107156</v>
      </c>
      <c r="C7679" s="14" t="s">
        <v>107157</v>
      </c>
      <c r="D7679" s="2" t="s">
        <v>107158</v>
      </c>
      <c r="E7679" s="2" t="s">
        <v>7555</v>
      </c>
      <c r="F7679" s="8">
        <v>272</v>
      </c>
      <c r="G7679" s="5">
        <v>6</v>
      </c>
      <c r="H7679" s="5" t="s">
        <v>1518</v>
      </c>
      <c r="I7679" s="5" t="s">
        <v>69038</v>
      </c>
      <c r="J7679" s="2" t="s">
        <v>69039</v>
      </c>
      <c r="K7679" s="5" t="s">
        <v>69038</v>
      </c>
      <c r="L7679" s="2" t="s">
        <v>69039</v>
      </c>
      <c r="M7679" s="5" t="s">
        <v>1521</v>
      </c>
      <c r="N7679" s="5" t="s">
        <v>38</v>
      </c>
      <c r="O7679" s="5" t="s">
        <v>39</v>
      </c>
      <c r="P7679" s="5" t="s">
        <v>40</v>
      </c>
      <c r="Q7679" s="5" t="s">
        <v>1522</v>
      </c>
      <c r="R7679" s="5" t="s">
        <v>1523</v>
      </c>
      <c r="S7679" s="5" t="s">
        <v>42</v>
      </c>
      <c r="T7679" s="2">
        <v>2.5030000000000001</v>
      </c>
      <c r="U7679" s="2">
        <v>1.9530000000000001</v>
      </c>
      <c r="V7679" s="2">
        <v>16.7</v>
      </c>
      <c r="W7679" s="2">
        <v>118.9</v>
      </c>
      <c r="X7679" s="2">
        <v>7.6</v>
      </c>
      <c r="Y7679" s="2">
        <v>16.7</v>
      </c>
      <c r="Z7679" s="5"/>
      <c r="AA7679" s="5" t="s">
        <v>43</v>
      </c>
      <c r="AB7679" s="5" t="s">
        <v>44</v>
      </c>
      <c r="AC7679" s="2"/>
      <c r="AD7679" s="1"/>
    </row>
    <row r="7680" spans="1:30">
      <c r="A7680" s="5" t="s">
        <v>83578</v>
      </c>
      <c r="B7680" s="2" t="s">
        <v>107159</v>
      </c>
      <c r="C7680" s="14" t="s">
        <v>107160</v>
      </c>
      <c r="D7680" s="2" t="s">
        <v>107161</v>
      </c>
      <c r="E7680" s="2" t="s">
        <v>7559</v>
      </c>
      <c r="F7680" s="8">
        <v>272</v>
      </c>
      <c r="G7680" s="5">
        <v>6</v>
      </c>
      <c r="H7680" s="5" t="s">
        <v>1518</v>
      </c>
      <c r="I7680" s="5" t="s">
        <v>69038</v>
      </c>
      <c r="J7680" s="2" t="s">
        <v>69039</v>
      </c>
      <c r="K7680" s="5" t="s">
        <v>69038</v>
      </c>
      <c r="L7680" s="2" t="s">
        <v>69039</v>
      </c>
      <c r="M7680" s="5" t="s">
        <v>1521</v>
      </c>
      <c r="N7680" s="5" t="s">
        <v>38</v>
      </c>
      <c r="O7680" s="5" t="s">
        <v>39</v>
      </c>
      <c r="P7680" s="5" t="s">
        <v>40</v>
      </c>
      <c r="Q7680" s="5" t="s">
        <v>1522</v>
      </c>
      <c r="R7680" s="5" t="s">
        <v>1523</v>
      </c>
      <c r="S7680" s="5" t="s">
        <v>42</v>
      </c>
      <c r="T7680" s="2">
        <v>2.5590000000000002</v>
      </c>
      <c r="U7680" s="2">
        <v>2.0089999999999999</v>
      </c>
      <c r="V7680" s="2">
        <v>16.7</v>
      </c>
      <c r="W7680" s="2">
        <v>118.9</v>
      </c>
      <c r="X7680" s="2">
        <v>7.6</v>
      </c>
      <c r="Y7680" s="2">
        <v>16.7</v>
      </c>
      <c r="Z7680" s="5"/>
      <c r="AA7680" s="5" t="s">
        <v>43</v>
      </c>
      <c r="AB7680" s="5" t="s">
        <v>44</v>
      </c>
      <c r="AC7680" s="2"/>
      <c r="AD7680" s="1"/>
    </row>
    <row r="7681" spans="1:30">
      <c r="A7681" s="5" t="s">
        <v>83578</v>
      </c>
      <c r="B7681" s="2" t="s">
        <v>107162</v>
      </c>
      <c r="C7681" s="14" t="s">
        <v>107163</v>
      </c>
      <c r="D7681" s="2" t="s">
        <v>107164</v>
      </c>
      <c r="E7681" s="2" t="s">
        <v>16079</v>
      </c>
      <c r="F7681" s="8">
        <v>272</v>
      </c>
      <c r="G7681" s="5">
        <v>6</v>
      </c>
      <c r="H7681" s="5" t="s">
        <v>1518</v>
      </c>
      <c r="I7681" s="5" t="s">
        <v>69038</v>
      </c>
      <c r="J7681" s="2" t="s">
        <v>69039</v>
      </c>
      <c r="K7681" s="5" t="s">
        <v>69038</v>
      </c>
      <c r="L7681" s="2" t="s">
        <v>69039</v>
      </c>
      <c r="M7681" s="5" t="s">
        <v>1521</v>
      </c>
      <c r="N7681" s="5" t="s">
        <v>38</v>
      </c>
      <c r="O7681" s="5" t="s">
        <v>39</v>
      </c>
      <c r="P7681" s="5" t="s">
        <v>40</v>
      </c>
      <c r="Q7681" s="5" t="s">
        <v>1522</v>
      </c>
      <c r="R7681" s="5" t="s">
        <v>1523</v>
      </c>
      <c r="S7681" s="5" t="s">
        <v>42</v>
      </c>
      <c r="T7681" s="2">
        <v>2.5030000000000001</v>
      </c>
      <c r="U7681" s="2">
        <v>1.9530000000000001</v>
      </c>
      <c r="V7681" s="2">
        <v>16.7</v>
      </c>
      <c r="W7681" s="2">
        <v>118.9</v>
      </c>
      <c r="X7681" s="2">
        <v>7.6</v>
      </c>
      <c r="Y7681" s="2">
        <v>16.7</v>
      </c>
      <c r="Z7681" s="5"/>
      <c r="AA7681" s="5" t="s">
        <v>43</v>
      </c>
      <c r="AB7681" s="5" t="s">
        <v>44</v>
      </c>
      <c r="AC7681" s="2"/>
      <c r="AD7681" s="1"/>
    </row>
    <row r="7682" spans="1:30">
      <c r="A7682" s="5" t="s">
        <v>83578</v>
      </c>
      <c r="B7682" s="2" t="s">
        <v>107165</v>
      </c>
      <c r="C7682" s="14" t="s">
        <v>107166</v>
      </c>
      <c r="D7682" s="2" t="s">
        <v>107167</v>
      </c>
      <c r="E7682" s="2" t="s">
        <v>16194</v>
      </c>
      <c r="F7682" s="8">
        <v>272</v>
      </c>
      <c r="G7682" s="5">
        <v>6</v>
      </c>
      <c r="H7682" s="5" t="s">
        <v>1518</v>
      </c>
      <c r="I7682" s="5" t="s">
        <v>69038</v>
      </c>
      <c r="J7682" s="2" t="s">
        <v>69039</v>
      </c>
      <c r="K7682" s="5" t="s">
        <v>69038</v>
      </c>
      <c r="L7682" s="2" t="s">
        <v>69039</v>
      </c>
      <c r="M7682" s="5" t="s">
        <v>1521</v>
      </c>
      <c r="N7682" s="5" t="s">
        <v>38</v>
      </c>
      <c r="O7682" s="5" t="s">
        <v>39</v>
      </c>
      <c r="P7682" s="5" t="s">
        <v>40</v>
      </c>
      <c r="Q7682" s="5" t="s">
        <v>1522</v>
      </c>
      <c r="R7682" s="5" t="s">
        <v>1523</v>
      </c>
      <c r="S7682" s="5" t="s">
        <v>42</v>
      </c>
      <c r="T7682" s="2">
        <v>2.5590000000000002</v>
      </c>
      <c r="U7682" s="2">
        <v>2.0089999999999999</v>
      </c>
      <c r="V7682" s="2">
        <v>16.7</v>
      </c>
      <c r="W7682" s="2">
        <v>118.9</v>
      </c>
      <c r="X7682" s="2">
        <v>7.6</v>
      </c>
      <c r="Y7682" s="2">
        <v>16.7</v>
      </c>
      <c r="Z7682" s="5"/>
      <c r="AA7682" s="5" t="s">
        <v>43</v>
      </c>
      <c r="AB7682" s="5" t="s">
        <v>44</v>
      </c>
      <c r="AC7682" s="2"/>
      <c r="AD7682" s="1"/>
    </row>
    <row r="7683" spans="1:30">
      <c r="A7683" s="5" t="s">
        <v>83578</v>
      </c>
      <c r="B7683" s="2" t="s">
        <v>107168</v>
      </c>
      <c r="C7683" s="14" t="s">
        <v>107169</v>
      </c>
      <c r="D7683" s="2" t="s">
        <v>107170</v>
      </c>
      <c r="E7683" s="2" t="s">
        <v>7449</v>
      </c>
      <c r="F7683" s="8">
        <v>272</v>
      </c>
      <c r="G7683" s="5">
        <v>6</v>
      </c>
      <c r="H7683" s="5" t="s">
        <v>1518</v>
      </c>
      <c r="I7683" s="5" t="s">
        <v>69038</v>
      </c>
      <c r="J7683" s="2" t="s">
        <v>69039</v>
      </c>
      <c r="K7683" s="5" t="s">
        <v>69038</v>
      </c>
      <c r="L7683" s="2" t="s">
        <v>69039</v>
      </c>
      <c r="M7683" s="5" t="s">
        <v>1521</v>
      </c>
      <c r="N7683" s="5" t="s">
        <v>38</v>
      </c>
      <c r="O7683" s="5" t="s">
        <v>39</v>
      </c>
      <c r="P7683" s="5" t="s">
        <v>40</v>
      </c>
      <c r="Q7683" s="5" t="s">
        <v>1522</v>
      </c>
      <c r="R7683" s="5" t="s">
        <v>1523</v>
      </c>
      <c r="S7683" s="5" t="s">
        <v>42</v>
      </c>
      <c r="T7683" s="2">
        <v>2.5030000000000001</v>
      </c>
      <c r="U7683" s="2">
        <v>1.9530000000000001</v>
      </c>
      <c r="V7683" s="2">
        <v>16.7</v>
      </c>
      <c r="W7683" s="2">
        <v>118.9</v>
      </c>
      <c r="X7683" s="2">
        <v>7.6</v>
      </c>
      <c r="Y7683" s="2">
        <v>16.7</v>
      </c>
      <c r="Z7683" s="5"/>
      <c r="AA7683" s="5" t="s">
        <v>43</v>
      </c>
      <c r="AB7683" s="5" t="s">
        <v>44</v>
      </c>
      <c r="AC7683" s="2"/>
      <c r="AD7683" s="1"/>
    </row>
    <row r="7684" spans="1:30">
      <c r="A7684" s="5" t="s">
        <v>83578</v>
      </c>
      <c r="B7684" s="2" t="s">
        <v>107171</v>
      </c>
      <c r="C7684" s="14" t="s">
        <v>107172</v>
      </c>
      <c r="D7684" s="2" t="s">
        <v>107173</v>
      </c>
      <c r="E7684" s="2" t="s">
        <v>7581</v>
      </c>
      <c r="F7684" s="8">
        <v>272</v>
      </c>
      <c r="G7684" s="5">
        <v>6</v>
      </c>
      <c r="H7684" s="5" t="s">
        <v>1518</v>
      </c>
      <c r="I7684" s="5" t="s">
        <v>69038</v>
      </c>
      <c r="J7684" s="2" t="s">
        <v>69039</v>
      </c>
      <c r="K7684" s="5" t="s">
        <v>69038</v>
      </c>
      <c r="L7684" s="2" t="s">
        <v>69039</v>
      </c>
      <c r="M7684" s="5" t="s">
        <v>1521</v>
      </c>
      <c r="N7684" s="5" t="s">
        <v>38</v>
      </c>
      <c r="O7684" s="5" t="s">
        <v>39</v>
      </c>
      <c r="P7684" s="5" t="s">
        <v>40</v>
      </c>
      <c r="Q7684" s="5" t="s">
        <v>1522</v>
      </c>
      <c r="R7684" s="5" t="s">
        <v>1523</v>
      </c>
      <c r="S7684" s="5" t="s">
        <v>42</v>
      </c>
      <c r="T7684" s="2">
        <v>2.5590000000000002</v>
      </c>
      <c r="U7684" s="2">
        <v>2.0089999999999999</v>
      </c>
      <c r="V7684" s="2">
        <v>16.7</v>
      </c>
      <c r="W7684" s="2">
        <v>118.9</v>
      </c>
      <c r="X7684" s="2">
        <v>7.6</v>
      </c>
      <c r="Y7684" s="2">
        <v>16.7</v>
      </c>
      <c r="Z7684" s="5"/>
      <c r="AA7684" s="5" t="s">
        <v>43</v>
      </c>
      <c r="AB7684" s="5" t="s">
        <v>44</v>
      </c>
      <c r="AC7684" s="2"/>
      <c r="AD7684" s="1"/>
    </row>
    <row r="7685" spans="1:30">
      <c r="A7685" s="5" t="s">
        <v>83578</v>
      </c>
      <c r="B7685" s="2" t="s">
        <v>107174</v>
      </c>
      <c r="C7685" s="14" t="s">
        <v>107175</v>
      </c>
      <c r="D7685" s="2" t="s">
        <v>107176</v>
      </c>
      <c r="E7685" s="2" t="s">
        <v>7585</v>
      </c>
      <c r="F7685" s="8">
        <v>272</v>
      </c>
      <c r="G7685" s="5">
        <v>6</v>
      </c>
      <c r="H7685" s="5" t="s">
        <v>1518</v>
      </c>
      <c r="I7685" s="5" t="s">
        <v>69038</v>
      </c>
      <c r="J7685" s="2" t="s">
        <v>69039</v>
      </c>
      <c r="K7685" s="5" t="s">
        <v>69038</v>
      </c>
      <c r="L7685" s="2" t="s">
        <v>69039</v>
      </c>
      <c r="M7685" s="5" t="s">
        <v>1521</v>
      </c>
      <c r="N7685" s="5" t="s">
        <v>38</v>
      </c>
      <c r="O7685" s="5" t="s">
        <v>39</v>
      </c>
      <c r="P7685" s="5" t="s">
        <v>40</v>
      </c>
      <c r="Q7685" s="5" t="s">
        <v>1522</v>
      </c>
      <c r="R7685" s="5" t="s">
        <v>1523</v>
      </c>
      <c r="S7685" s="5" t="s">
        <v>42</v>
      </c>
      <c r="T7685" s="2">
        <v>2.5030000000000001</v>
      </c>
      <c r="U7685" s="2">
        <v>1.9530000000000001</v>
      </c>
      <c r="V7685" s="2">
        <v>16.7</v>
      </c>
      <c r="W7685" s="2">
        <v>118.9</v>
      </c>
      <c r="X7685" s="2">
        <v>7.6</v>
      </c>
      <c r="Y7685" s="2">
        <v>16.7</v>
      </c>
      <c r="Z7685" s="5"/>
      <c r="AA7685" s="5" t="s">
        <v>43</v>
      </c>
      <c r="AB7685" s="5" t="s">
        <v>44</v>
      </c>
      <c r="AC7685" s="2"/>
      <c r="AD7685" s="1"/>
    </row>
    <row r="7686" spans="1:30">
      <c r="A7686" s="5" t="s">
        <v>83578</v>
      </c>
      <c r="B7686" s="2" t="s">
        <v>107177</v>
      </c>
      <c r="C7686" s="14" t="s">
        <v>107178</v>
      </c>
      <c r="D7686" s="2" t="s">
        <v>107179</v>
      </c>
      <c r="E7686" s="2" t="s">
        <v>7589</v>
      </c>
      <c r="F7686" s="8">
        <v>272</v>
      </c>
      <c r="G7686" s="5">
        <v>6</v>
      </c>
      <c r="H7686" s="5" t="s">
        <v>1518</v>
      </c>
      <c r="I7686" s="5" t="s">
        <v>69038</v>
      </c>
      <c r="J7686" s="2" t="s">
        <v>69039</v>
      </c>
      <c r="K7686" s="5" t="s">
        <v>69038</v>
      </c>
      <c r="L7686" s="2" t="s">
        <v>69039</v>
      </c>
      <c r="M7686" s="5" t="s">
        <v>1521</v>
      </c>
      <c r="N7686" s="5" t="s">
        <v>38</v>
      </c>
      <c r="O7686" s="5" t="s">
        <v>39</v>
      </c>
      <c r="P7686" s="5" t="s">
        <v>40</v>
      </c>
      <c r="Q7686" s="5" t="s">
        <v>1522</v>
      </c>
      <c r="R7686" s="5" t="s">
        <v>1523</v>
      </c>
      <c r="S7686" s="5" t="s">
        <v>42</v>
      </c>
      <c r="T7686" s="2">
        <v>2.5590000000000002</v>
      </c>
      <c r="U7686" s="2">
        <v>2.0089999999999999</v>
      </c>
      <c r="V7686" s="2">
        <v>16.7</v>
      </c>
      <c r="W7686" s="2">
        <v>118.9</v>
      </c>
      <c r="X7686" s="2">
        <v>7.6</v>
      </c>
      <c r="Y7686" s="2">
        <v>16.7</v>
      </c>
      <c r="Z7686" s="5"/>
      <c r="AA7686" s="5" t="s">
        <v>43</v>
      </c>
      <c r="AB7686" s="5" t="s">
        <v>44</v>
      </c>
      <c r="AC7686" s="2"/>
      <c r="AD7686" s="1"/>
    </row>
    <row r="7687" spans="1:30">
      <c r="A7687" s="5" t="s">
        <v>83578</v>
      </c>
      <c r="B7687" s="2" t="s">
        <v>107180</v>
      </c>
      <c r="C7687" s="14" t="s">
        <v>107181</v>
      </c>
      <c r="D7687" s="2" t="s">
        <v>107182</v>
      </c>
      <c r="E7687" s="2" t="s">
        <v>7593</v>
      </c>
      <c r="F7687" s="8">
        <v>272</v>
      </c>
      <c r="G7687" s="5">
        <v>6</v>
      </c>
      <c r="H7687" s="5" t="s">
        <v>1518</v>
      </c>
      <c r="I7687" s="5" t="s">
        <v>69038</v>
      </c>
      <c r="J7687" s="2" t="s">
        <v>69039</v>
      </c>
      <c r="K7687" s="5" t="s">
        <v>69038</v>
      </c>
      <c r="L7687" s="2" t="s">
        <v>69039</v>
      </c>
      <c r="M7687" s="5" t="s">
        <v>1521</v>
      </c>
      <c r="N7687" s="5" t="s">
        <v>38</v>
      </c>
      <c r="O7687" s="5" t="s">
        <v>39</v>
      </c>
      <c r="P7687" s="5" t="s">
        <v>40</v>
      </c>
      <c r="Q7687" s="5" t="s">
        <v>1522</v>
      </c>
      <c r="R7687" s="5" t="s">
        <v>1523</v>
      </c>
      <c r="S7687" s="5" t="s">
        <v>42</v>
      </c>
      <c r="T7687" s="2">
        <v>2.5030000000000001</v>
      </c>
      <c r="U7687" s="2">
        <v>1.9530000000000001</v>
      </c>
      <c r="V7687" s="2">
        <v>16.7</v>
      </c>
      <c r="W7687" s="2">
        <v>118.9</v>
      </c>
      <c r="X7687" s="2">
        <v>7.6</v>
      </c>
      <c r="Y7687" s="2">
        <v>16.7</v>
      </c>
      <c r="Z7687" s="5"/>
      <c r="AA7687" s="5" t="s">
        <v>43</v>
      </c>
      <c r="AB7687" s="5" t="s">
        <v>44</v>
      </c>
      <c r="AC7687" s="2"/>
      <c r="AD7687" s="1"/>
    </row>
    <row r="7688" spans="1:30">
      <c r="A7688" s="5" t="s">
        <v>83578</v>
      </c>
      <c r="B7688" s="2" t="s">
        <v>107183</v>
      </c>
      <c r="C7688" s="14" t="s">
        <v>107184</v>
      </c>
      <c r="D7688" s="2" t="s">
        <v>107185</v>
      </c>
      <c r="E7688" s="2" t="s">
        <v>7597</v>
      </c>
      <c r="F7688" s="8">
        <v>272</v>
      </c>
      <c r="G7688" s="5">
        <v>6</v>
      </c>
      <c r="H7688" s="5" t="s">
        <v>1518</v>
      </c>
      <c r="I7688" s="5" t="s">
        <v>69038</v>
      </c>
      <c r="J7688" s="2" t="s">
        <v>69039</v>
      </c>
      <c r="K7688" s="5" t="s">
        <v>69038</v>
      </c>
      <c r="L7688" s="2" t="s">
        <v>69039</v>
      </c>
      <c r="M7688" s="5" t="s">
        <v>1521</v>
      </c>
      <c r="N7688" s="5" t="s">
        <v>38</v>
      </c>
      <c r="O7688" s="5" t="s">
        <v>39</v>
      </c>
      <c r="P7688" s="5" t="s">
        <v>40</v>
      </c>
      <c r="Q7688" s="5" t="s">
        <v>1522</v>
      </c>
      <c r="R7688" s="5" t="s">
        <v>1523</v>
      </c>
      <c r="S7688" s="5" t="s">
        <v>42</v>
      </c>
      <c r="T7688" s="2">
        <v>2.5590000000000002</v>
      </c>
      <c r="U7688" s="2">
        <v>2.0089999999999999</v>
      </c>
      <c r="V7688" s="2">
        <v>16.7</v>
      </c>
      <c r="W7688" s="2">
        <v>118.9</v>
      </c>
      <c r="X7688" s="2">
        <v>7.6</v>
      </c>
      <c r="Y7688" s="2">
        <v>16.7</v>
      </c>
      <c r="Z7688" s="5"/>
      <c r="AA7688" s="5" t="s">
        <v>43</v>
      </c>
      <c r="AB7688" s="5" t="s">
        <v>44</v>
      </c>
      <c r="AC7688" s="2"/>
      <c r="AD7688" s="1"/>
    </row>
    <row r="7689" spans="1:30">
      <c r="A7689" s="5" t="s">
        <v>83578</v>
      </c>
      <c r="B7689" s="2" t="s">
        <v>107186</v>
      </c>
      <c r="C7689" s="14" t="s">
        <v>107187</v>
      </c>
      <c r="D7689" s="2" t="s">
        <v>107188</v>
      </c>
      <c r="E7689" s="2" t="s">
        <v>73358</v>
      </c>
      <c r="F7689" s="8">
        <v>272</v>
      </c>
      <c r="G7689" s="5">
        <v>6</v>
      </c>
      <c r="H7689" s="5" t="s">
        <v>1518</v>
      </c>
      <c r="I7689" s="5" t="s">
        <v>69038</v>
      </c>
      <c r="J7689" s="2" t="s">
        <v>69039</v>
      </c>
      <c r="K7689" s="5" t="s">
        <v>69038</v>
      </c>
      <c r="L7689" s="2" t="s">
        <v>69039</v>
      </c>
      <c r="M7689" s="5" t="s">
        <v>1521</v>
      </c>
      <c r="N7689" s="5" t="s">
        <v>38</v>
      </c>
      <c r="O7689" s="5" t="s">
        <v>39</v>
      </c>
      <c r="P7689" s="5" t="s">
        <v>40</v>
      </c>
      <c r="Q7689" s="5" t="s">
        <v>1522</v>
      </c>
      <c r="R7689" s="5" t="s">
        <v>1523</v>
      </c>
      <c r="S7689" s="5" t="s">
        <v>42</v>
      </c>
      <c r="T7689" s="2">
        <v>2.5030000000000001</v>
      </c>
      <c r="U7689" s="2">
        <v>1.9530000000000001</v>
      </c>
      <c r="V7689" s="2">
        <v>16.7</v>
      </c>
      <c r="W7689" s="2">
        <v>118.9</v>
      </c>
      <c r="X7689" s="2">
        <v>7.6</v>
      </c>
      <c r="Y7689" s="2">
        <v>16.7</v>
      </c>
      <c r="Z7689" s="5"/>
      <c r="AA7689" s="5" t="s">
        <v>43</v>
      </c>
      <c r="AB7689" s="5" t="s">
        <v>44</v>
      </c>
      <c r="AC7689" s="2"/>
      <c r="AD7689" s="1"/>
    </row>
    <row r="7690" spans="1:30">
      <c r="A7690" s="5" t="s">
        <v>83578</v>
      </c>
      <c r="B7690" s="2" t="s">
        <v>107189</v>
      </c>
      <c r="C7690" s="14" t="s">
        <v>107190</v>
      </c>
      <c r="D7690" s="2" t="s">
        <v>107191</v>
      </c>
      <c r="E7690" s="2" t="s">
        <v>73362</v>
      </c>
      <c r="F7690" s="8">
        <v>272</v>
      </c>
      <c r="G7690" s="5">
        <v>6</v>
      </c>
      <c r="H7690" s="5" t="s">
        <v>1518</v>
      </c>
      <c r="I7690" s="5" t="s">
        <v>69038</v>
      </c>
      <c r="J7690" s="2" t="s">
        <v>69039</v>
      </c>
      <c r="K7690" s="5" t="s">
        <v>69038</v>
      </c>
      <c r="L7690" s="2" t="s">
        <v>69039</v>
      </c>
      <c r="M7690" s="5" t="s">
        <v>1521</v>
      </c>
      <c r="N7690" s="5" t="s">
        <v>38</v>
      </c>
      <c r="O7690" s="5" t="s">
        <v>39</v>
      </c>
      <c r="P7690" s="5" t="s">
        <v>40</v>
      </c>
      <c r="Q7690" s="5" t="s">
        <v>1522</v>
      </c>
      <c r="R7690" s="5" t="s">
        <v>1523</v>
      </c>
      <c r="S7690" s="5" t="s">
        <v>42</v>
      </c>
      <c r="T7690" s="2">
        <v>2.5590000000000002</v>
      </c>
      <c r="U7690" s="2">
        <v>2.0089999999999999</v>
      </c>
      <c r="V7690" s="2">
        <v>16.7</v>
      </c>
      <c r="W7690" s="2">
        <v>118.9</v>
      </c>
      <c r="X7690" s="2">
        <v>7.6</v>
      </c>
      <c r="Y7690" s="2">
        <v>16.7</v>
      </c>
      <c r="Z7690" s="5"/>
      <c r="AA7690" s="5" t="s">
        <v>43</v>
      </c>
      <c r="AB7690" s="5" t="s">
        <v>44</v>
      </c>
      <c r="AC7690" s="2"/>
      <c r="AD7690" s="1"/>
    </row>
    <row r="7691" spans="1:30">
      <c r="A7691" s="5" t="s">
        <v>83578</v>
      </c>
      <c r="B7691" s="2" t="s">
        <v>107192</v>
      </c>
      <c r="C7691" s="14" t="s">
        <v>107193</v>
      </c>
      <c r="D7691" s="2" t="s">
        <v>107194</v>
      </c>
      <c r="E7691" s="2" t="s">
        <v>7615</v>
      </c>
      <c r="F7691" s="8">
        <v>272</v>
      </c>
      <c r="G7691" s="5">
        <v>6</v>
      </c>
      <c r="H7691" s="5" t="s">
        <v>1518</v>
      </c>
      <c r="I7691" s="5" t="s">
        <v>69038</v>
      </c>
      <c r="J7691" s="2" t="s">
        <v>69039</v>
      </c>
      <c r="K7691" s="5" t="s">
        <v>69038</v>
      </c>
      <c r="L7691" s="2" t="s">
        <v>69039</v>
      </c>
      <c r="M7691" s="5" t="s">
        <v>1521</v>
      </c>
      <c r="N7691" s="5" t="s">
        <v>38</v>
      </c>
      <c r="O7691" s="5" t="s">
        <v>39</v>
      </c>
      <c r="P7691" s="5" t="s">
        <v>40</v>
      </c>
      <c r="Q7691" s="5" t="s">
        <v>1522</v>
      </c>
      <c r="R7691" s="5" t="s">
        <v>1523</v>
      </c>
      <c r="S7691" s="5" t="s">
        <v>42</v>
      </c>
      <c r="T7691" s="2">
        <v>2.5030000000000001</v>
      </c>
      <c r="U7691" s="2">
        <v>1.9530000000000001</v>
      </c>
      <c r="V7691" s="2">
        <v>16.7</v>
      </c>
      <c r="W7691" s="2">
        <v>118.9</v>
      </c>
      <c r="X7691" s="2">
        <v>7.6</v>
      </c>
      <c r="Y7691" s="2">
        <v>16.7</v>
      </c>
      <c r="Z7691" s="5"/>
      <c r="AA7691" s="5" t="s">
        <v>43</v>
      </c>
      <c r="AB7691" s="5" t="s">
        <v>44</v>
      </c>
      <c r="AC7691" s="2"/>
      <c r="AD7691" s="1"/>
    </row>
    <row r="7692" spans="1:30">
      <c r="A7692" s="5" t="s">
        <v>83578</v>
      </c>
      <c r="B7692" s="2" t="s">
        <v>107195</v>
      </c>
      <c r="C7692" s="14" t="s">
        <v>107196</v>
      </c>
      <c r="D7692" s="2" t="s">
        <v>107197</v>
      </c>
      <c r="E7692" s="2" t="s">
        <v>7619</v>
      </c>
      <c r="F7692" s="8">
        <v>272</v>
      </c>
      <c r="G7692" s="5">
        <v>6</v>
      </c>
      <c r="H7692" s="5" t="s">
        <v>1518</v>
      </c>
      <c r="I7692" s="5" t="s">
        <v>69038</v>
      </c>
      <c r="J7692" s="2" t="s">
        <v>69039</v>
      </c>
      <c r="K7692" s="5" t="s">
        <v>69038</v>
      </c>
      <c r="L7692" s="2" t="s">
        <v>69039</v>
      </c>
      <c r="M7692" s="5" t="s">
        <v>1521</v>
      </c>
      <c r="N7692" s="5" t="s">
        <v>38</v>
      </c>
      <c r="O7692" s="5" t="s">
        <v>39</v>
      </c>
      <c r="P7692" s="5" t="s">
        <v>40</v>
      </c>
      <c r="Q7692" s="5" t="s">
        <v>1522</v>
      </c>
      <c r="R7692" s="5" t="s">
        <v>1523</v>
      </c>
      <c r="S7692" s="5" t="s">
        <v>42</v>
      </c>
      <c r="T7692" s="2">
        <v>2.5590000000000002</v>
      </c>
      <c r="U7692" s="2">
        <v>2.0089999999999999</v>
      </c>
      <c r="V7692" s="2">
        <v>16.7</v>
      </c>
      <c r="W7692" s="2">
        <v>118.9</v>
      </c>
      <c r="X7692" s="2">
        <v>7.6</v>
      </c>
      <c r="Y7692" s="2">
        <v>16.7</v>
      </c>
      <c r="Z7692" s="5"/>
      <c r="AA7692" s="5" t="s">
        <v>43</v>
      </c>
      <c r="AB7692" s="5" t="s">
        <v>44</v>
      </c>
      <c r="AC7692" s="2"/>
      <c r="AD7692" s="1"/>
    </row>
    <row r="7693" spans="1:30">
      <c r="A7693" s="5" t="s">
        <v>83578</v>
      </c>
      <c r="B7693" s="2" t="s">
        <v>107198</v>
      </c>
      <c r="C7693" s="14" t="s">
        <v>107199</v>
      </c>
      <c r="D7693" s="2" t="s">
        <v>107200</v>
      </c>
      <c r="E7693" s="2" t="s">
        <v>16014</v>
      </c>
      <c r="F7693" s="8">
        <v>272</v>
      </c>
      <c r="G7693" s="5">
        <v>6</v>
      </c>
      <c r="H7693" s="5" t="s">
        <v>1518</v>
      </c>
      <c r="I7693" s="5" t="s">
        <v>69038</v>
      </c>
      <c r="J7693" s="2" t="s">
        <v>69039</v>
      </c>
      <c r="K7693" s="5" t="s">
        <v>69038</v>
      </c>
      <c r="L7693" s="2" t="s">
        <v>69039</v>
      </c>
      <c r="M7693" s="5" t="s">
        <v>1521</v>
      </c>
      <c r="N7693" s="5" t="s">
        <v>38</v>
      </c>
      <c r="O7693" s="5" t="s">
        <v>39</v>
      </c>
      <c r="P7693" s="5" t="s">
        <v>40</v>
      </c>
      <c r="Q7693" s="5" t="s">
        <v>1522</v>
      </c>
      <c r="R7693" s="5" t="s">
        <v>1523</v>
      </c>
      <c r="S7693" s="5" t="s">
        <v>42</v>
      </c>
      <c r="T7693" s="2">
        <v>2.5030000000000001</v>
      </c>
      <c r="U7693" s="2">
        <v>1.9530000000000001</v>
      </c>
      <c r="V7693" s="2">
        <v>16.7</v>
      </c>
      <c r="W7693" s="2">
        <v>118.9</v>
      </c>
      <c r="X7693" s="2">
        <v>7.6</v>
      </c>
      <c r="Y7693" s="2">
        <v>16.7</v>
      </c>
      <c r="Z7693" s="5"/>
      <c r="AA7693" s="5" t="s">
        <v>43</v>
      </c>
      <c r="AB7693" s="5" t="s">
        <v>44</v>
      </c>
      <c r="AC7693" s="2"/>
      <c r="AD7693" s="1"/>
    </row>
    <row r="7694" spans="1:30">
      <c r="A7694" s="5" t="s">
        <v>83578</v>
      </c>
      <c r="B7694" s="2" t="s">
        <v>107201</v>
      </c>
      <c r="C7694" s="14" t="s">
        <v>107202</v>
      </c>
      <c r="D7694" s="2" t="s">
        <v>107203</v>
      </c>
      <c r="E7694" s="2" t="s">
        <v>16219</v>
      </c>
      <c r="F7694" s="8">
        <v>272</v>
      </c>
      <c r="G7694" s="5">
        <v>6</v>
      </c>
      <c r="H7694" s="5" t="s">
        <v>1518</v>
      </c>
      <c r="I7694" s="5" t="s">
        <v>69038</v>
      </c>
      <c r="J7694" s="2" t="s">
        <v>69039</v>
      </c>
      <c r="K7694" s="5" t="s">
        <v>69038</v>
      </c>
      <c r="L7694" s="2" t="s">
        <v>69039</v>
      </c>
      <c r="M7694" s="5" t="s">
        <v>1521</v>
      </c>
      <c r="N7694" s="5" t="s">
        <v>38</v>
      </c>
      <c r="O7694" s="5" t="s">
        <v>39</v>
      </c>
      <c r="P7694" s="5" t="s">
        <v>40</v>
      </c>
      <c r="Q7694" s="5" t="s">
        <v>1522</v>
      </c>
      <c r="R7694" s="5" t="s">
        <v>1523</v>
      </c>
      <c r="S7694" s="5" t="s">
        <v>42</v>
      </c>
      <c r="T7694" s="2">
        <v>2.5590000000000002</v>
      </c>
      <c r="U7694" s="2">
        <v>2.0089999999999999</v>
      </c>
      <c r="V7694" s="2">
        <v>16.7</v>
      </c>
      <c r="W7694" s="2">
        <v>118.9</v>
      </c>
      <c r="X7694" s="2">
        <v>7.6</v>
      </c>
      <c r="Y7694" s="2">
        <v>16.7</v>
      </c>
      <c r="Z7694" s="5"/>
      <c r="AA7694" s="5" t="s">
        <v>43</v>
      </c>
      <c r="AB7694" s="5" t="s">
        <v>44</v>
      </c>
      <c r="AC7694" s="2"/>
      <c r="AD7694" s="1"/>
    </row>
    <row r="7695" spans="1:30">
      <c r="A7695" s="5" t="s">
        <v>83578</v>
      </c>
      <c r="B7695" s="2" t="s">
        <v>107204</v>
      </c>
      <c r="C7695" s="14" t="s">
        <v>107205</v>
      </c>
      <c r="D7695" s="2" t="s">
        <v>107206</v>
      </c>
      <c r="E7695" s="2" t="s">
        <v>7212</v>
      </c>
      <c r="F7695" s="8">
        <v>254</v>
      </c>
      <c r="G7695" s="5">
        <v>6</v>
      </c>
      <c r="H7695" s="5" t="s">
        <v>1518</v>
      </c>
      <c r="I7695" s="5" t="s">
        <v>69038</v>
      </c>
      <c r="J7695" s="2" t="s">
        <v>69039</v>
      </c>
      <c r="K7695" s="5" t="s">
        <v>69038</v>
      </c>
      <c r="L7695" s="2" t="s">
        <v>69039</v>
      </c>
      <c r="M7695" s="5" t="s">
        <v>1521</v>
      </c>
      <c r="N7695" s="5" t="s">
        <v>38</v>
      </c>
      <c r="O7695" s="5" t="s">
        <v>39</v>
      </c>
      <c r="P7695" s="5" t="s">
        <v>40</v>
      </c>
      <c r="Q7695" s="5" t="s">
        <v>1522</v>
      </c>
      <c r="R7695" s="5" t="s">
        <v>1523</v>
      </c>
      <c r="S7695" s="5" t="s">
        <v>42</v>
      </c>
      <c r="T7695" s="2">
        <v>2.5030000000000001</v>
      </c>
      <c r="U7695" s="2">
        <v>1.9530000000000001</v>
      </c>
      <c r="V7695" s="2">
        <v>16.7</v>
      </c>
      <c r="W7695" s="2">
        <v>118.9</v>
      </c>
      <c r="X7695" s="2">
        <v>7.6</v>
      </c>
      <c r="Y7695" s="2">
        <v>16.7</v>
      </c>
      <c r="Z7695" s="5"/>
      <c r="AA7695" s="5" t="s">
        <v>43</v>
      </c>
      <c r="AB7695" s="5" t="s">
        <v>44</v>
      </c>
      <c r="AC7695" s="2"/>
      <c r="AD7695" s="1"/>
    </row>
    <row r="7696" spans="1:30">
      <c r="A7696" s="5" t="s">
        <v>83578</v>
      </c>
      <c r="B7696" s="2" t="s">
        <v>107207</v>
      </c>
      <c r="C7696" s="14" t="s">
        <v>107208</v>
      </c>
      <c r="D7696" s="2" t="s">
        <v>107209</v>
      </c>
      <c r="E7696" s="2" t="s">
        <v>7528</v>
      </c>
      <c r="F7696" s="8">
        <v>254</v>
      </c>
      <c r="G7696" s="5">
        <v>6</v>
      </c>
      <c r="H7696" s="5" t="s">
        <v>1518</v>
      </c>
      <c r="I7696" s="5" t="s">
        <v>69038</v>
      </c>
      <c r="J7696" s="2" t="s">
        <v>69039</v>
      </c>
      <c r="K7696" s="5" t="s">
        <v>69038</v>
      </c>
      <c r="L7696" s="2" t="s">
        <v>69039</v>
      </c>
      <c r="M7696" s="5" t="s">
        <v>1521</v>
      </c>
      <c r="N7696" s="5" t="s">
        <v>38</v>
      </c>
      <c r="O7696" s="5" t="s">
        <v>39</v>
      </c>
      <c r="P7696" s="5" t="s">
        <v>40</v>
      </c>
      <c r="Q7696" s="5" t="s">
        <v>1522</v>
      </c>
      <c r="R7696" s="5" t="s">
        <v>1523</v>
      </c>
      <c r="S7696" s="5" t="s">
        <v>42</v>
      </c>
      <c r="T7696" s="2">
        <v>2.5590000000000002</v>
      </c>
      <c r="U7696" s="2">
        <v>2.0089999999999999</v>
      </c>
      <c r="V7696" s="2">
        <v>16.7</v>
      </c>
      <c r="W7696" s="2">
        <v>118.9</v>
      </c>
      <c r="X7696" s="2">
        <v>7.6</v>
      </c>
      <c r="Y7696" s="2">
        <v>16.7</v>
      </c>
      <c r="Z7696" s="5"/>
      <c r="AA7696" s="5" t="s">
        <v>43</v>
      </c>
      <c r="AB7696" s="5" t="s">
        <v>44</v>
      </c>
      <c r="AC7696" s="2"/>
      <c r="AD7696" s="1"/>
    </row>
    <row r="7697" spans="1:30">
      <c r="A7697" s="5" t="s">
        <v>83578</v>
      </c>
      <c r="B7697" s="2" t="s">
        <v>107210</v>
      </c>
      <c r="C7697" s="14" t="s">
        <v>107211</v>
      </c>
      <c r="D7697" s="2" t="s">
        <v>107212</v>
      </c>
      <c r="E7697" s="2" t="s">
        <v>7547</v>
      </c>
      <c r="F7697" s="8">
        <v>272</v>
      </c>
      <c r="G7697" s="5">
        <v>6</v>
      </c>
      <c r="H7697" s="5" t="s">
        <v>1518</v>
      </c>
      <c r="I7697" s="5" t="s">
        <v>69038</v>
      </c>
      <c r="J7697" s="2" t="s">
        <v>69039</v>
      </c>
      <c r="K7697" s="5" t="s">
        <v>69038</v>
      </c>
      <c r="L7697" s="2" t="s">
        <v>69039</v>
      </c>
      <c r="M7697" s="5" t="s">
        <v>1521</v>
      </c>
      <c r="N7697" s="5" t="s">
        <v>38</v>
      </c>
      <c r="O7697" s="5" t="s">
        <v>39</v>
      </c>
      <c r="P7697" s="5" t="s">
        <v>40</v>
      </c>
      <c r="Q7697" s="5" t="s">
        <v>1522</v>
      </c>
      <c r="R7697" s="5" t="s">
        <v>1523</v>
      </c>
      <c r="S7697" s="5" t="s">
        <v>42</v>
      </c>
      <c r="T7697" s="2">
        <v>2.9590000000000001</v>
      </c>
      <c r="U7697" s="2">
        <v>2.4350000000000001</v>
      </c>
      <c r="V7697" s="2">
        <v>16.7</v>
      </c>
      <c r="W7697" s="2">
        <v>118.9</v>
      </c>
      <c r="X7697" s="2">
        <v>7.6</v>
      </c>
      <c r="Y7697" s="2">
        <v>16.7</v>
      </c>
      <c r="Z7697" s="5"/>
      <c r="AA7697" s="5" t="s">
        <v>43</v>
      </c>
      <c r="AB7697" s="5" t="s">
        <v>44</v>
      </c>
      <c r="AC7697" s="2"/>
      <c r="AD7697" s="1"/>
    </row>
    <row r="7698" spans="1:30">
      <c r="A7698" s="5" t="s">
        <v>83578</v>
      </c>
      <c r="B7698" s="2" t="s">
        <v>107213</v>
      </c>
      <c r="C7698" s="14" t="s">
        <v>107214</v>
      </c>
      <c r="D7698" s="2" t="s">
        <v>107215</v>
      </c>
      <c r="E7698" s="2" t="s">
        <v>7551</v>
      </c>
      <c r="F7698" s="8">
        <v>272</v>
      </c>
      <c r="G7698" s="5">
        <v>6</v>
      </c>
      <c r="H7698" s="5" t="s">
        <v>1518</v>
      </c>
      <c r="I7698" s="5" t="s">
        <v>69038</v>
      </c>
      <c r="J7698" s="2" t="s">
        <v>69039</v>
      </c>
      <c r="K7698" s="5" t="s">
        <v>69038</v>
      </c>
      <c r="L7698" s="2" t="s">
        <v>69039</v>
      </c>
      <c r="M7698" s="5" t="s">
        <v>1521</v>
      </c>
      <c r="N7698" s="5" t="s">
        <v>38</v>
      </c>
      <c r="O7698" s="5" t="s">
        <v>39</v>
      </c>
      <c r="P7698" s="5" t="s">
        <v>40</v>
      </c>
      <c r="Q7698" s="5" t="s">
        <v>1522</v>
      </c>
      <c r="R7698" s="5" t="s">
        <v>1523</v>
      </c>
      <c r="S7698" s="5" t="s">
        <v>42</v>
      </c>
      <c r="T7698" s="2">
        <v>3.0489999999999999</v>
      </c>
      <c r="U7698" s="2">
        <v>2.5249999999999999</v>
      </c>
      <c r="V7698" s="2">
        <v>16.7</v>
      </c>
      <c r="W7698" s="2">
        <v>118.9</v>
      </c>
      <c r="X7698" s="2">
        <v>7.6</v>
      </c>
      <c r="Y7698" s="2">
        <v>16.7</v>
      </c>
      <c r="Z7698" s="5"/>
      <c r="AA7698" s="5" t="s">
        <v>43</v>
      </c>
      <c r="AB7698" s="5" t="s">
        <v>44</v>
      </c>
      <c r="AC7698" s="2"/>
      <c r="AD7698" s="1"/>
    </row>
    <row r="7699" spans="1:30">
      <c r="A7699" s="5" t="s">
        <v>83578</v>
      </c>
      <c r="B7699" s="2" t="s">
        <v>107216</v>
      </c>
      <c r="C7699" s="14" t="s">
        <v>107217</v>
      </c>
      <c r="D7699" s="2" t="s">
        <v>107218</v>
      </c>
      <c r="E7699" s="2" t="s">
        <v>7555</v>
      </c>
      <c r="F7699" s="8">
        <v>272</v>
      </c>
      <c r="G7699" s="5">
        <v>6</v>
      </c>
      <c r="H7699" s="5" t="s">
        <v>1518</v>
      </c>
      <c r="I7699" s="5" t="s">
        <v>69038</v>
      </c>
      <c r="J7699" s="2" t="s">
        <v>69039</v>
      </c>
      <c r="K7699" s="5" t="s">
        <v>69038</v>
      </c>
      <c r="L7699" s="2" t="s">
        <v>69039</v>
      </c>
      <c r="M7699" s="5" t="s">
        <v>1521</v>
      </c>
      <c r="N7699" s="5" t="s">
        <v>38</v>
      </c>
      <c r="O7699" s="5" t="s">
        <v>39</v>
      </c>
      <c r="P7699" s="5" t="s">
        <v>40</v>
      </c>
      <c r="Q7699" s="5" t="s">
        <v>1522</v>
      </c>
      <c r="R7699" s="5" t="s">
        <v>1523</v>
      </c>
      <c r="S7699" s="5" t="s">
        <v>42</v>
      </c>
      <c r="T7699" s="2">
        <v>2.9590000000000001</v>
      </c>
      <c r="U7699" s="2">
        <v>2.4350000000000001</v>
      </c>
      <c r="V7699" s="2">
        <v>16.7</v>
      </c>
      <c r="W7699" s="2">
        <v>118.9</v>
      </c>
      <c r="X7699" s="2">
        <v>7.6</v>
      </c>
      <c r="Y7699" s="2">
        <v>16.7</v>
      </c>
      <c r="Z7699" s="5"/>
      <c r="AA7699" s="5" t="s">
        <v>43</v>
      </c>
      <c r="AB7699" s="5" t="s">
        <v>44</v>
      </c>
      <c r="AC7699" s="2"/>
      <c r="AD7699" s="1"/>
    </row>
    <row r="7700" spans="1:30">
      <c r="A7700" s="5" t="s">
        <v>83578</v>
      </c>
      <c r="B7700" s="2" t="s">
        <v>107219</v>
      </c>
      <c r="C7700" s="14" t="s">
        <v>107220</v>
      </c>
      <c r="D7700" s="2" t="s">
        <v>107221</v>
      </c>
      <c r="E7700" s="2" t="s">
        <v>16079</v>
      </c>
      <c r="F7700" s="8">
        <v>272</v>
      </c>
      <c r="G7700" s="5">
        <v>6</v>
      </c>
      <c r="H7700" s="5" t="s">
        <v>1518</v>
      </c>
      <c r="I7700" s="5" t="s">
        <v>69038</v>
      </c>
      <c r="J7700" s="2" t="s">
        <v>69039</v>
      </c>
      <c r="K7700" s="5" t="s">
        <v>69038</v>
      </c>
      <c r="L7700" s="2" t="s">
        <v>69039</v>
      </c>
      <c r="M7700" s="5" t="s">
        <v>1521</v>
      </c>
      <c r="N7700" s="5" t="s">
        <v>38</v>
      </c>
      <c r="O7700" s="5" t="s">
        <v>39</v>
      </c>
      <c r="P7700" s="5" t="s">
        <v>40</v>
      </c>
      <c r="Q7700" s="5" t="s">
        <v>1522</v>
      </c>
      <c r="R7700" s="5" t="s">
        <v>1523</v>
      </c>
      <c r="S7700" s="5" t="s">
        <v>42</v>
      </c>
      <c r="T7700" s="2">
        <v>2.9590000000000001</v>
      </c>
      <c r="U7700" s="2">
        <v>2.4350000000000001</v>
      </c>
      <c r="V7700" s="2">
        <v>16.7</v>
      </c>
      <c r="W7700" s="2">
        <v>118.9</v>
      </c>
      <c r="X7700" s="2">
        <v>7.6</v>
      </c>
      <c r="Y7700" s="2">
        <v>16.7</v>
      </c>
      <c r="Z7700" s="5"/>
      <c r="AA7700" s="5" t="s">
        <v>43</v>
      </c>
      <c r="AB7700" s="5" t="s">
        <v>44</v>
      </c>
      <c r="AC7700" s="2"/>
      <c r="AD7700" s="1"/>
    </row>
    <row r="7701" spans="1:30">
      <c r="A7701" s="5" t="s">
        <v>83578</v>
      </c>
      <c r="B7701" s="2" t="s">
        <v>107222</v>
      </c>
      <c r="C7701" s="14" t="s">
        <v>107223</v>
      </c>
      <c r="D7701" s="2" t="s">
        <v>107224</v>
      </c>
      <c r="E7701" s="2" t="s">
        <v>7593</v>
      </c>
      <c r="F7701" s="8">
        <v>272</v>
      </c>
      <c r="G7701" s="5">
        <v>6</v>
      </c>
      <c r="H7701" s="5" t="s">
        <v>1518</v>
      </c>
      <c r="I7701" s="5" t="s">
        <v>69038</v>
      </c>
      <c r="J7701" s="2" t="s">
        <v>69039</v>
      </c>
      <c r="K7701" s="5" t="s">
        <v>69038</v>
      </c>
      <c r="L7701" s="2" t="s">
        <v>69039</v>
      </c>
      <c r="M7701" s="5" t="s">
        <v>1521</v>
      </c>
      <c r="N7701" s="5" t="s">
        <v>38</v>
      </c>
      <c r="O7701" s="5" t="s">
        <v>39</v>
      </c>
      <c r="P7701" s="5" t="s">
        <v>40</v>
      </c>
      <c r="Q7701" s="5" t="s">
        <v>1522</v>
      </c>
      <c r="R7701" s="5" t="s">
        <v>1523</v>
      </c>
      <c r="S7701" s="5" t="s">
        <v>42</v>
      </c>
      <c r="T7701" s="2">
        <v>2.9590000000000001</v>
      </c>
      <c r="U7701" s="2">
        <v>2.4350000000000001</v>
      </c>
      <c r="V7701" s="2">
        <v>16.7</v>
      </c>
      <c r="W7701" s="2">
        <v>118.9</v>
      </c>
      <c r="X7701" s="2">
        <v>7.6</v>
      </c>
      <c r="Y7701" s="2">
        <v>16.7</v>
      </c>
      <c r="Z7701" s="5"/>
      <c r="AA7701" s="5" t="s">
        <v>43</v>
      </c>
      <c r="AB7701" s="5" t="s">
        <v>44</v>
      </c>
      <c r="AC7701" s="2"/>
      <c r="AD7701" s="1"/>
    </row>
    <row r="7702" spans="1:30">
      <c r="A7702" s="5" t="s">
        <v>83578</v>
      </c>
      <c r="B7702" s="2" t="s">
        <v>107225</v>
      </c>
      <c r="C7702" s="14" t="s">
        <v>107226</v>
      </c>
      <c r="D7702" s="2" t="s">
        <v>107227</v>
      </c>
      <c r="E7702" s="2" t="s">
        <v>7597</v>
      </c>
      <c r="F7702" s="8">
        <v>272</v>
      </c>
      <c r="G7702" s="5">
        <v>6</v>
      </c>
      <c r="H7702" s="5" t="s">
        <v>1518</v>
      </c>
      <c r="I7702" s="5" t="s">
        <v>69038</v>
      </c>
      <c r="J7702" s="2" t="s">
        <v>69039</v>
      </c>
      <c r="K7702" s="5" t="s">
        <v>69038</v>
      </c>
      <c r="L7702" s="2" t="s">
        <v>69039</v>
      </c>
      <c r="M7702" s="5" t="s">
        <v>1521</v>
      </c>
      <c r="N7702" s="5" t="s">
        <v>38</v>
      </c>
      <c r="O7702" s="5" t="s">
        <v>39</v>
      </c>
      <c r="P7702" s="5" t="s">
        <v>40</v>
      </c>
      <c r="Q7702" s="5" t="s">
        <v>1522</v>
      </c>
      <c r="R7702" s="5" t="s">
        <v>1523</v>
      </c>
      <c r="S7702" s="5" t="s">
        <v>42</v>
      </c>
      <c r="T7702" s="2">
        <v>3.0489999999999999</v>
      </c>
      <c r="U7702" s="2">
        <v>2.5249999999999999</v>
      </c>
      <c r="V7702" s="2">
        <v>16.7</v>
      </c>
      <c r="W7702" s="2">
        <v>118.9</v>
      </c>
      <c r="X7702" s="2">
        <v>7.6</v>
      </c>
      <c r="Y7702" s="2">
        <v>16.7</v>
      </c>
      <c r="Z7702" s="5"/>
      <c r="AA7702" s="5" t="s">
        <v>43</v>
      </c>
      <c r="AB7702" s="5" t="s">
        <v>44</v>
      </c>
      <c r="AC7702" s="2"/>
      <c r="AD7702" s="1"/>
    </row>
    <row r="7703" spans="1:30">
      <c r="A7703" s="5" t="s">
        <v>83578</v>
      </c>
      <c r="B7703" s="2" t="s">
        <v>107228</v>
      </c>
      <c r="C7703" s="14" t="s">
        <v>107229</v>
      </c>
      <c r="D7703" s="2" t="s">
        <v>107230</v>
      </c>
      <c r="E7703" s="2" t="s">
        <v>7212</v>
      </c>
      <c r="F7703" s="8">
        <v>254</v>
      </c>
      <c r="G7703" s="5">
        <v>6</v>
      </c>
      <c r="H7703" s="5" t="s">
        <v>1518</v>
      </c>
      <c r="I7703" s="5" t="s">
        <v>69038</v>
      </c>
      <c r="J7703" s="2" t="s">
        <v>69039</v>
      </c>
      <c r="K7703" s="5" t="s">
        <v>69038</v>
      </c>
      <c r="L7703" s="2" t="s">
        <v>69039</v>
      </c>
      <c r="M7703" s="5" t="s">
        <v>1521</v>
      </c>
      <c r="N7703" s="5" t="s">
        <v>38</v>
      </c>
      <c r="O7703" s="5" t="s">
        <v>39</v>
      </c>
      <c r="P7703" s="5" t="s">
        <v>40</v>
      </c>
      <c r="Q7703" s="5" t="s">
        <v>1522</v>
      </c>
      <c r="R7703" s="5" t="s">
        <v>1523</v>
      </c>
      <c r="S7703" s="5" t="s">
        <v>42</v>
      </c>
      <c r="T7703" s="2">
        <v>2.9590000000000001</v>
      </c>
      <c r="U7703" s="2">
        <v>2.4350000000000001</v>
      </c>
      <c r="V7703" s="2">
        <v>16.7</v>
      </c>
      <c r="W7703" s="2">
        <v>118.9</v>
      </c>
      <c r="X7703" s="2">
        <v>7.6</v>
      </c>
      <c r="Y7703" s="2">
        <v>16.7</v>
      </c>
      <c r="Z7703" s="5"/>
      <c r="AA7703" s="5" t="s">
        <v>43</v>
      </c>
      <c r="AB7703" s="5" t="s">
        <v>44</v>
      </c>
      <c r="AC7703" s="2"/>
      <c r="AD7703" s="1"/>
    </row>
    <row r="7704" spans="1:30">
      <c r="A7704" s="5" t="s">
        <v>83578</v>
      </c>
      <c r="B7704" s="2" t="s">
        <v>107231</v>
      </c>
      <c r="C7704" s="14" t="s">
        <v>107232</v>
      </c>
      <c r="D7704" s="2" t="s">
        <v>107233</v>
      </c>
      <c r="E7704" s="2" t="s">
        <v>7547</v>
      </c>
      <c r="F7704" s="8">
        <v>283</v>
      </c>
      <c r="G7704" s="5">
        <v>6</v>
      </c>
      <c r="H7704" s="5" t="s">
        <v>1518</v>
      </c>
      <c r="I7704" s="5" t="s">
        <v>69038</v>
      </c>
      <c r="J7704" s="2" t="s">
        <v>69039</v>
      </c>
      <c r="K7704" s="5" t="s">
        <v>69038</v>
      </c>
      <c r="L7704" s="2" t="s">
        <v>69039</v>
      </c>
      <c r="M7704" s="5" t="s">
        <v>1521</v>
      </c>
      <c r="N7704" s="5" t="s">
        <v>38</v>
      </c>
      <c r="O7704" s="5" t="s">
        <v>39</v>
      </c>
      <c r="P7704" s="5" t="s">
        <v>40</v>
      </c>
      <c r="Q7704" s="5" t="s">
        <v>1522</v>
      </c>
      <c r="R7704" s="5" t="s">
        <v>1523</v>
      </c>
      <c r="S7704" s="5" t="s">
        <v>42</v>
      </c>
      <c r="T7704" s="2">
        <v>3.214</v>
      </c>
      <c r="U7704" s="2">
        <v>2.6150000000000002</v>
      </c>
      <c r="V7704" s="2">
        <v>16.7</v>
      </c>
      <c r="W7704" s="2">
        <v>139.1</v>
      </c>
      <c r="X7704" s="2">
        <v>7.6</v>
      </c>
      <c r="Y7704" s="2">
        <v>16.7</v>
      </c>
      <c r="Z7704" s="5"/>
      <c r="AA7704" s="5" t="s">
        <v>43</v>
      </c>
      <c r="AB7704" s="5" t="s">
        <v>44</v>
      </c>
      <c r="AC7704" s="2"/>
      <c r="AD7704" s="1"/>
    </row>
    <row r="7705" spans="1:30">
      <c r="A7705" s="5" t="s">
        <v>83578</v>
      </c>
      <c r="B7705" s="2" t="s">
        <v>107234</v>
      </c>
      <c r="C7705" s="14" t="s">
        <v>107235</v>
      </c>
      <c r="D7705" s="2" t="s">
        <v>107236</v>
      </c>
      <c r="E7705" s="2" t="s">
        <v>7551</v>
      </c>
      <c r="F7705" s="8">
        <v>283</v>
      </c>
      <c r="G7705" s="5">
        <v>6</v>
      </c>
      <c r="H7705" s="5" t="s">
        <v>1518</v>
      </c>
      <c r="I7705" s="5" t="s">
        <v>69038</v>
      </c>
      <c r="J7705" s="2" t="s">
        <v>69039</v>
      </c>
      <c r="K7705" s="5" t="s">
        <v>69038</v>
      </c>
      <c r="L7705" s="2" t="s">
        <v>69039</v>
      </c>
      <c r="M7705" s="5" t="s">
        <v>1521</v>
      </c>
      <c r="N7705" s="5" t="s">
        <v>38</v>
      </c>
      <c r="O7705" s="5" t="s">
        <v>39</v>
      </c>
      <c r="P7705" s="5" t="s">
        <v>40</v>
      </c>
      <c r="Q7705" s="5" t="s">
        <v>1522</v>
      </c>
      <c r="R7705" s="5" t="s">
        <v>1523</v>
      </c>
      <c r="S7705" s="5" t="s">
        <v>42</v>
      </c>
      <c r="T7705" s="2">
        <v>3.3159999999999998</v>
      </c>
      <c r="U7705" s="2">
        <v>2.7170000000000001</v>
      </c>
      <c r="V7705" s="2">
        <v>16.7</v>
      </c>
      <c r="W7705" s="2">
        <v>139.1</v>
      </c>
      <c r="X7705" s="2">
        <v>7.6</v>
      </c>
      <c r="Y7705" s="2">
        <v>16.7</v>
      </c>
      <c r="Z7705" s="5"/>
      <c r="AA7705" s="5" t="s">
        <v>43</v>
      </c>
      <c r="AB7705" s="5" t="s">
        <v>44</v>
      </c>
      <c r="AC7705" s="2"/>
      <c r="AD7705" s="1"/>
    </row>
    <row r="7706" spans="1:30">
      <c r="A7706" s="5" t="s">
        <v>83578</v>
      </c>
      <c r="B7706" s="2" t="s">
        <v>107237</v>
      </c>
      <c r="C7706" s="14" t="s">
        <v>107238</v>
      </c>
      <c r="D7706" s="2" t="s">
        <v>107239</v>
      </c>
      <c r="E7706" s="2" t="s">
        <v>16194</v>
      </c>
      <c r="F7706" s="8">
        <v>283</v>
      </c>
      <c r="G7706" s="5">
        <v>6</v>
      </c>
      <c r="H7706" s="5" t="s">
        <v>1518</v>
      </c>
      <c r="I7706" s="5" t="s">
        <v>69038</v>
      </c>
      <c r="J7706" s="2" t="s">
        <v>69039</v>
      </c>
      <c r="K7706" s="5" t="s">
        <v>69038</v>
      </c>
      <c r="L7706" s="2" t="s">
        <v>69039</v>
      </c>
      <c r="M7706" s="5" t="s">
        <v>1521</v>
      </c>
      <c r="N7706" s="5" t="s">
        <v>38</v>
      </c>
      <c r="O7706" s="5" t="s">
        <v>39</v>
      </c>
      <c r="P7706" s="5" t="s">
        <v>40</v>
      </c>
      <c r="Q7706" s="5" t="s">
        <v>1522</v>
      </c>
      <c r="R7706" s="5" t="s">
        <v>1523</v>
      </c>
      <c r="S7706" s="5" t="s">
        <v>42</v>
      </c>
      <c r="T7706" s="2">
        <v>3.3159999999999998</v>
      </c>
      <c r="U7706" s="2">
        <v>2.7170000000000001</v>
      </c>
      <c r="V7706" s="2">
        <v>16.7</v>
      </c>
      <c r="W7706" s="2">
        <v>139.1</v>
      </c>
      <c r="X7706" s="2">
        <v>7.6</v>
      </c>
      <c r="Y7706" s="2">
        <v>16.7</v>
      </c>
      <c r="Z7706" s="5"/>
      <c r="AA7706" s="5" t="s">
        <v>43</v>
      </c>
      <c r="AB7706" s="5" t="s">
        <v>44</v>
      </c>
      <c r="AC7706" s="2"/>
      <c r="AD7706" s="1"/>
    </row>
    <row r="7707" spans="1:30">
      <c r="A7707" s="5" t="s">
        <v>83578</v>
      </c>
      <c r="B7707" s="2" t="s">
        <v>107240</v>
      </c>
      <c r="C7707" s="14" t="s">
        <v>107241</v>
      </c>
      <c r="D7707" s="2" t="s">
        <v>107242</v>
      </c>
      <c r="E7707" s="2" t="s">
        <v>73358</v>
      </c>
      <c r="F7707" s="8">
        <v>283</v>
      </c>
      <c r="G7707" s="5">
        <v>6</v>
      </c>
      <c r="H7707" s="5" t="s">
        <v>1518</v>
      </c>
      <c r="I7707" s="5" t="s">
        <v>69038</v>
      </c>
      <c r="J7707" s="2" t="s">
        <v>69039</v>
      </c>
      <c r="K7707" s="5" t="s">
        <v>69038</v>
      </c>
      <c r="L7707" s="2" t="s">
        <v>69039</v>
      </c>
      <c r="M7707" s="5" t="s">
        <v>1521</v>
      </c>
      <c r="N7707" s="5" t="s">
        <v>38</v>
      </c>
      <c r="O7707" s="5" t="s">
        <v>39</v>
      </c>
      <c r="P7707" s="5" t="s">
        <v>40</v>
      </c>
      <c r="Q7707" s="5" t="s">
        <v>1522</v>
      </c>
      <c r="R7707" s="5" t="s">
        <v>1523</v>
      </c>
      <c r="S7707" s="5" t="s">
        <v>42</v>
      </c>
      <c r="T7707" s="2">
        <v>3.214</v>
      </c>
      <c r="U7707" s="2">
        <v>2.6150000000000002</v>
      </c>
      <c r="V7707" s="2">
        <v>16.7</v>
      </c>
      <c r="W7707" s="2">
        <v>139.1</v>
      </c>
      <c r="X7707" s="2">
        <v>7.6</v>
      </c>
      <c r="Y7707" s="2">
        <v>16.7</v>
      </c>
      <c r="Z7707" s="5"/>
      <c r="AA7707" s="5" t="s">
        <v>43</v>
      </c>
      <c r="AB7707" s="5" t="s">
        <v>44</v>
      </c>
      <c r="AC7707" s="2"/>
      <c r="AD7707" s="1"/>
    </row>
    <row r="7708" spans="1:30">
      <c r="A7708" s="5" t="s">
        <v>83578</v>
      </c>
      <c r="B7708" s="2" t="s">
        <v>107243</v>
      </c>
      <c r="C7708" s="14" t="s">
        <v>107244</v>
      </c>
      <c r="D7708" s="2" t="s">
        <v>107245</v>
      </c>
      <c r="E7708" s="2" t="s">
        <v>16014</v>
      </c>
      <c r="F7708" s="8">
        <v>283</v>
      </c>
      <c r="G7708" s="5">
        <v>6</v>
      </c>
      <c r="H7708" s="5" t="s">
        <v>1518</v>
      </c>
      <c r="I7708" s="5" t="s">
        <v>69038</v>
      </c>
      <c r="J7708" s="2" t="s">
        <v>69039</v>
      </c>
      <c r="K7708" s="5" t="s">
        <v>69038</v>
      </c>
      <c r="L7708" s="2" t="s">
        <v>69039</v>
      </c>
      <c r="M7708" s="5" t="s">
        <v>1521</v>
      </c>
      <c r="N7708" s="5" t="s">
        <v>38</v>
      </c>
      <c r="O7708" s="5" t="s">
        <v>39</v>
      </c>
      <c r="P7708" s="5" t="s">
        <v>40</v>
      </c>
      <c r="Q7708" s="5" t="s">
        <v>1522</v>
      </c>
      <c r="R7708" s="5" t="s">
        <v>1523</v>
      </c>
      <c r="S7708" s="5" t="s">
        <v>42</v>
      </c>
      <c r="T7708" s="2">
        <v>3.214</v>
      </c>
      <c r="U7708" s="2">
        <v>2.6150000000000002</v>
      </c>
      <c r="V7708" s="2">
        <v>16.7</v>
      </c>
      <c r="W7708" s="2">
        <v>139.1</v>
      </c>
      <c r="X7708" s="2">
        <v>7.6</v>
      </c>
      <c r="Y7708" s="2">
        <v>16.7</v>
      </c>
      <c r="Z7708" s="5"/>
      <c r="AA7708" s="5" t="s">
        <v>43</v>
      </c>
      <c r="AB7708" s="5" t="s">
        <v>44</v>
      </c>
      <c r="AC7708" s="2"/>
      <c r="AD7708" s="1"/>
    </row>
    <row r="7709" spans="1:30">
      <c r="A7709" s="5" t="s">
        <v>83578</v>
      </c>
      <c r="B7709" s="2" t="s">
        <v>107246</v>
      </c>
      <c r="C7709" s="14" t="s">
        <v>107247</v>
      </c>
      <c r="D7709" s="2" t="s">
        <v>107248</v>
      </c>
      <c r="E7709" s="2" t="s">
        <v>7559</v>
      </c>
      <c r="F7709" s="8">
        <v>296</v>
      </c>
      <c r="G7709" s="5">
        <v>6</v>
      </c>
      <c r="H7709" s="5" t="s">
        <v>1518</v>
      </c>
      <c r="I7709" s="5" t="s">
        <v>69038</v>
      </c>
      <c r="J7709" s="2" t="s">
        <v>69039</v>
      </c>
      <c r="K7709" s="5" t="s">
        <v>69038</v>
      </c>
      <c r="L7709" s="2" t="s">
        <v>69039</v>
      </c>
      <c r="M7709" s="5" t="s">
        <v>1521</v>
      </c>
      <c r="N7709" s="5" t="s">
        <v>38</v>
      </c>
      <c r="O7709" s="5" t="s">
        <v>39</v>
      </c>
      <c r="P7709" s="5" t="s">
        <v>40</v>
      </c>
      <c r="Q7709" s="5" t="s">
        <v>1522</v>
      </c>
      <c r="R7709" s="5" t="s">
        <v>1523</v>
      </c>
      <c r="S7709" s="5" t="s">
        <v>42</v>
      </c>
      <c r="T7709" s="2">
        <v>3.577</v>
      </c>
      <c r="U7709" s="2">
        <v>2.895</v>
      </c>
      <c r="V7709" s="2">
        <v>16.7</v>
      </c>
      <c r="W7709" s="2">
        <v>159.1</v>
      </c>
      <c r="X7709" s="2">
        <v>7.6</v>
      </c>
      <c r="Y7709" s="2">
        <v>16.7</v>
      </c>
      <c r="Z7709" s="5"/>
      <c r="AA7709" s="5" t="s">
        <v>43</v>
      </c>
      <c r="AB7709" s="5" t="s">
        <v>44</v>
      </c>
      <c r="AC7709" s="2"/>
      <c r="AD7709" s="1"/>
    </row>
    <row r="7710" spans="1:30">
      <c r="A7710" s="5" t="s">
        <v>83578</v>
      </c>
      <c r="B7710" s="2" t="s">
        <v>107249</v>
      </c>
      <c r="C7710" s="14" t="s">
        <v>107250</v>
      </c>
      <c r="D7710" s="2" t="s">
        <v>107251</v>
      </c>
      <c r="E7710" s="2" t="s">
        <v>7593</v>
      </c>
      <c r="F7710" s="8">
        <v>296</v>
      </c>
      <c r="G7710" s="5">
        <v>6</v>
      </c>
      <c r="H7710" s="5" t="s">
        <v>1518</v>
      </c>
      <c r="I7710" s="5" t="s">
        <v>69038</v>
      </c>
      <c r="J7710" s="2" t="s">
        <v>69039</v>
      </c>
      <c r="K7710" s="5" t="s">
        <v>69038</v>
      </c>
      <c r="L7710" s="2" t="s">
        <v>69039</v>
      </c>
      <c r="M7710" s="5" t="s">
        <v>1521</v>
      </c>
      <c r="N7710" s="5" t="s">
        <v>38</v>
      </c>
      <c r="O7710" s="5" t="s">
        <v>39</v>
      </c>
      <c r="P7710" s="5" t="s">
        <v>40</v>
      </c>
      <c r="Q7710" s="5" t="s">
        <v>1522</v>
      </c>
      <c r="R7710" s="5" t="s">
        <v>1523</v>
      </c>
      <c r="S7710" s="5" t="s">
        <v>42</v>
      </c>
      <c r="T7710" s="2">
        <v>3.4630000000000001</v>
      </c>
      <c r="U7710" s="2">
        <v>2.7810000000000001</v>
      </c>
      <c r="V7710" s="2">
        <v>16.7</v>
      </c>
      <c r="W7710" s="2">
        <v>159.1</v>
      </c>
      <c r="X7710" s="2">
        <v>7.6</v>
      </c>
      <c r="Y7710" s="2">
        <v>16.7</v>
      </c>
      <c r="Z7710" s="5"/>
      <c r="AA7710" s="5" t="s">
        <v>43</v>
      </c>
      <c r="AB7710" s="5" t="s">
        <v>44</v>
      </c>
      <c r="AC7710" s="2"/>
      <c r="AD7710" s="1"/>
    </row>
    <row r="7711" spans="1:30">
      <c r="A7711" s="5" t="s">
        <v>83578</v>
      </c>
      <c r="B7711" s="2" t="s">
        <v>107252</v>
      </c>
      <c r="C7711" s="14" t="s">
        <v>107253</v>
      </c>
      <c r="D7711" s="2" t="s">
        <v>107254</v>
      </c>
      <c r="E7711" s="2" t="s">
        <v>16014</v>
      </c>
      <c r="F7711" s="8">
        <v>296</v>
      </c>
      <c r="G7711" s="5">
        <v>6</v>
      </c>
      <c r="H7711" s="5" t="s">
        <v>1518</v>
      </c>
      <c r="I7711" s="5" t="s">
        <v>69038</v>
      </c>
      <c r="J7711" s="2" t="s">
        <v>69039</v>
      </c>
      <c r="K7711" s="5" t="s">
        <v>69038</v>
      </c>
      <c r="L7711" s="2" t="s">
        <v>69039</v>
      </c>
      <c r="M7711" s="5" t="s">
        <v>1521</v>
      </c>
      <c r="N7711" s="5" t="s">
        <v>38</v>
      </c>
      <c r="O7711" s="5" t="s">
        <v>39</v>
      </c>
      <c r="P7711" s="5" t="s">
        <v>40</v>
      </c>
      <c r="Q7711" s="5" t="s">
        <v>1522</v>
      </c>
      <c r="R7711" s="5" t="s">
        <v>1523</v>
      </c>
      <c r="S7711" s="5" t="s">
        <v>42</v>
      </c>
      <c r="T7711" s="2">
        <v>3.4630000000000001</v>
      </c>
      <c r="U7711" s="2">
        <v>2.7810000000000001</v>
      </c>
      <c r="V7711" s="2">
        <v>16.7</v>
      </c>
      <c r="W7711" s="2">
        <v>159.1</v>
      </c>
      <c r="X7711" s="2">
        <v>7.6</v>
      </c>
      <c r="Y7711" s="2">
        <v>16.7</v>
      </c>
      <c r="Z7711" s="5"/>
      <c r="AA7711" s="5" t="s">
        <v>43</v>
      </c>
      <c r="AB7711" s="5" t="s">
        <v>44</v>
      </c>
      <c r="AC7711" s="2"/>
      <c r="AD7711" s="1"/>
    </row>
    <row r="7712" spans="1:30">
      <c r="A7712" s="5" t="s">
        <v>83578</v>
      </c>
      <c r="B7712" s="2" t="s">
        <v>107255</v>
      </c>
      <c r="C7712" s="14" t="s">
        <v>107256</v>
      </c>
      <c r="D7712" s="2" t="s">
        <v>107257</v>
      </c>
      <c r="E7712" s="2" t="s">
        <v>7208</v>
      </c>
      <c r="F7712" s="8">
        <v>270</v>
      </c>
      <c r="G7712" s="5">
        <v>6</v>
      </c>
      <c r="H7712" s="5" t="s">
        <v>1518</v>
      </c>
      <c r="I7712" s="5" t="s">
        <v>69038</v>
      </c>
      <c r="J7712" s="2" t="s">
        <v>69039</v>
      </c>
      <c r="K7712" s="5" t="s">
        <v>69038</v>
      </c>
      <c r="L7712" s="2" t="s">
        <v>69039</v>
      </c>
      <c r="M7712" s="5" t="s">
        <v>1521</v>
      </c>
      <c r="N7712" s="5" t="s">
        <v>38</v>
      </c>
      <c r="O7712" s="5" t="s">
        <v>39</v>
      </c>
      <c r="P7712" s="5" t="s">
        <v>40</v>
      </c>
      <c r="Q7712" s="5" t="s">
        <v>1522</v>
      </c>
      <c r="R7712" s="5" t="s">
        <v>1523</v>
      </c>
      <c r="S7712" s="5" t="s">
        <v>42</v>
      </c>
      <c r="T7712" s="2">
        <v>3.11</v>
      </c>
      <c r="U7712" s="2">
        <v>2.512</v>
      </c>
      <c r="V7712" s="2">
        <v>16.7</v>
      </c>
      <c r="W7712" s="2">
        <v>139.1</v>
      </c>
      <c r="X7712" s="2">
        <v>7.6</v>
      </c>
      <c r="Y7712" s="2">
        <v>16.7</v>
      </c>
      <c r="Z7712" s="5"/>
      <c r="AA7712" s="5" t="s">
        <v>43</v>
      </c>
      <c r="AB7712" s="5" t="s">
        <v>44</v>
      </c>
      <c r="AC7712" s="2"/>
      <c r="AD7712" s="1"/>
    </row>
    <row r="7713" spans="1:30">
      <c r="A7713" s="5" t="s">
        <v>83578</v>
      </c>
      <c r="B7713" s="2" t="s">
        <v>107258</v>
      </c>
      <c r="C7713" s="14" t="s">
        <v>107259</v>
      </c>
      <c r="D7713" s="2" t="s">
        <v>107260</v>
      </c>
      <c r="E7713" s="2" t="s">
        <v>7535</v>
      </c>
      <c r="F7713" s="8">
        <v>291</v>
      </c>
      <c r="G7713" s="5">
        <v>6</v>
      </c>
      <c r="H7713" s="5" t="s">
        <v>1518</v>
      </c>
      <c r="I7713" s="5" t="s">
        <v>69038</v>
      </c>
      <c r="J7713" s="2" t="s">
        <v>69039</v>
      </c>
      <c r="K7713" s="5" t="s">
        <v>69038</v>
      </c>
      <c r="L7713" s="2" t="s">
        <v>69039</v>
      </c>
      <c r="M7713" s="5" t="s">
        <v>1521</v>
      </c>
      <c r="N7713" s="5" t="s">
        <v>38</v>
      </c>
      <c r="O7713" s="5" t="s">
        <v>39</v>
      </c>
      <c r="P7713" s="5" t="s">
        <v>40</v>
      </c>
      <c r="Q7713" s="5" t="s">
        <v>1522</v>
      </c>
      <c r="R7713" s="5" t="s">
        <v>1523</v>
      </c>
      <c r="S7713" s="5" t="s">
        <v>42</v>
      </c>
      <c r="T7713" s="2">
        <v>3.1949999999999998</v>
      </c>
      <c r="U7713" s="2">
        <v>2.597</v>
      </c>
      <c r="V7713" s="2">
        <v>16.7</v>
      </c>
      <c r="W7713" s="2">
        <v>139.1</v>
      </c>
      <c r="X7713" s="2">
        <v>7.6</v>
      </c>
      <c r="Y7713" s="2">
        <v>16.7</v>
      </c>
      <c r="Z7713" s="5"/>
      <c r="AA7713" s="5" t="s">
        <v>43</v>
      </c>
      <c r="AB7713" s="5" t="s">
        <v>44</v>
      </c>
      <c r="AC7713" s="2"/>
      <c r="AD7713" s="1"/>
    </row>
    <row r="7714" spans="1:30">
      <c r="A7714" s="5" t="s">
        <v>83578</v>
      </c>
      <c r="B7714" s="2" t="s">
        <v>107261</v>
      </c>
      <c r="C7714" s="14" t="s">
        <v>107262</v>
      </c>
      <c r="D7714" s="2" t="s">
        <v>107263</v>
      </c>
      <c r="E7714" s="2" t="s">
        <v>7547</v>
      </c>
      <c r="F7714" s="8">
        <v>291</v>
      </c>
      <c r="G7714" s="5">
        <v>6</v>
      </c>
      <c r="H7714" s="5" t="s">
        <v>1518</v>
      </c>
      <c r="I7714" s="5" t="s">
        <v>69038</v>
      </c>
      <c r="J7714" s="2" t="s">
        <v>69039</v>
      </c>
      <c r="K7714" s="5" t="s">
        <v>69038</v>
      </c>
      <c r="L7714" s="2" t="s">
        <v>69039</v>
      </c>
      <c r="M7714" s="5" t="s">
        <v>1521</v>
      </c>
      <c r="N7714" s="5" t="s">
        <v>38</v>
      </c>
      <c r="O7714" s="5" t="s">
        <v>39</v>
      </c>
      <c r="P7714" s="5" t="s">
        <v>40</v>
      </c>
      <c r="Q7714" s="5" t="s">
        <v>1522</v>
      </c>
      <c r="R7714" s="5" t="s">
        <v>1523</v>
      </c>
      <c r="S7714" s="5" t="s">
        <v>42</v>
      </c>
      <c r="T7714" s="2">
        <v>3.11</v>
      </c>
      <c r="U7714" s="2">
        <v>2.512</v>
      </c>
      <c r="V7714" s="2">
        <v>16.7</v>
      </c>
      <c r="W7714" s="2">
        <v>139.1</v>
      </c>
      <c r="X7714" s="2">
        <v>7.6</v>
      </c>
      <c r="Y7714" s="2">
        <v>16.7</v>
      </c>
      <c r="Z7714" s="5"/>
      <c r="AA7714" s="5" t="s">
        <v>43</v>
      </c>
      <c r="AB7714" s="5" t="s">
        <v>44</v>
      </c>
      <c r="AC7714" s="2"/>
      <c r="AD7714" s="1"/>
    </row>
    <row r="7715" spans="1:30">
      <c r="A7715" s="5" t="s">
        <v>83578</v>
      </c>
      <c r="B7715" s="2" t="s">
        <v>107264</v>
      </c>
      <c r="C7715" s="14" t="s">
        <v>107265</v>
      </c>
      <c r="D7715" s="2" t="s">
        <v>107266</v>
      </c>
      <c r="E7715" s="2" t="s">
        <v>7551</v>
      </c>
      <c r="F7715" s="8">
        <v>291</v>
      </c>
      <c r="G7715" s="5">
        <v>6</v>
      </c>
      <c r="H7715" s="5" t="s">
        <v>1518</v>
      </c>
      <c r="I7715" s="5" t="s">
        <v>69038</v>
      </c>
      <c r="J7715" s="2" t="s">
        <v>69039</v>
      </c>
      <c r="K7715" s="5" t="s">
        <v>69038</v>
      </c>
      <c r="L7715" s="2" t="s">
        <v>69039</v>
      </c>
      <c r="M7715" s="5" t="s">
        <v>1521</v>
      </c>
      <c r="N7715" s="5" t="s">
        <v>38</v>
      </c>
      <c r="O7715" s="5" t="s">
        <v>39</v>
      </c>
      <c r="P7715" s="5" t="s">
        <v>40</v>
      </c>
      <c r="Q7715" s="5" t="s">
        <v>1522</v>
      </c>
      <c r="R7715" s="5" t="s">
        <v>1523</v>
      </c>
      <c r="S7715" s="5" t="s">
        <v>42</v>
      </c>
      <c r="T7715" s="2">
        <v>3.1949999999999998</v>
      </c>
      <c r="U7715" s="2">
        <v>2.597</v>
      </c>
      <c r="V7715" s="2">
        <v>16.7</v>
      </c>
      <c r="W7715" s="2">
        <v>139.1</v>
      </c>
      <c r="X7715" s="2">
        <v>7.6</v>
      </c>
      <c r="Y7715" s="2">
        <v>16.7</v>
      </c>
      <c r="Z7715" s="5"/>
      <c r="AA7715" s="5" t="s">
        <v>43</v>
      </c>
      <c r="AB7715" s="5" t="s">
        <v>44</v>
      </c>
      <c r="AC7715" s="2"/>
      <c r="AD7715" s="1"/>
    </row>
    <row r="7716" spans="1:30">
      <c r="A7716" s="5" t="s">
        <v>83578</v>
      </c>
      <c r="B7716" s="2" t="s">
        <v>107267</v>
      </c>
      <c r="C7716" s="14" t="s">
        <v>107268</v>
      </c>
      <c r="D7716" s="2" t="s">
        <v>107269</v>
      </c>
      <c r="E7716" s="2" t="s">
        <v>7563</v>
      </c>
      <c r="F7716" s="8">
        <v>291</v>
      </c>
      <c r="G7716" s="5">
        <v>6</v>
      </c>
      <c r="H7716" s="5" t="s">
        <v>1518</v>
      </c>
      <c r="I7716" s="5" t="s">
        <v>69038</v>
      </c>
      <c r="J7716" s="2" t="s">
        <v>69039</v>
      </c>
      <c r="K7716" s="5" t="s">
        <v>69038</v>
      </c>
      <c r="L7716" s="2" t="s">
        <v>69039</v>
      </c>
      <c r="M7716" s="5" t="s">
        <v>1521</v>
      </c>
      <c r="N7716" s="5" t="s">
        <v>38</v>
      </c>
      <c r="O7716" s="5" t="s">
        <v>39</v>
      </c>
      <c r="P7716" s="5" t="s">
        <v>40</v>
      </c>
      <c r="Q7716" s="5" t="s">
        <v>1522</v>
      </c>
      <c r="R7716" s="5" t="s">
        <v>1523</v>
      </c>
      <c r="S7716" s="5" t="s">
        <v>42</v>
      </c>
      <c r="T7716" s="2">
        <v>3.11</v>
      </c>
      <c r="U7716" s="2">
        <v>2.512</v>
      </c>
      <c r="V7716" s="2">
        <v>16.7</v>
      </c>
      <c r="W7716" s="2">
        <v>139.1</v>
      </c>
      <c r="X7716" s="2">
        <v>7.6</v>
      </c>
      <c r="Y7716" s="2">
        <v>16.7</v>
      </c>
      <c r="Z7716" s="5"/>
      <c r="AA7716" s="5" t="s">
        <v>43</v>
      </c>
      <c r="AB7716" s="5" t="s">
        <v>44</v>
      </c>
      <c r="AC7716" s="2"/>
      <c r="AD7716" s="1"/>
    </row>
    <row r="7717" spans="1:30">
      <c r="A7717" s="5" t="s">
        <v>83578</v>
      </c>
      <c r="B7717" s="2" t="s">
        <v>107270</v>
      </c>
      <c r="C7717" s="14" t="s">
        <v>107271</v>
      </c>
      <c r="D7717" s="2" t="s">
        <v>107272</v>
      </c>
      <c r="E7717" s="2" t="s">
        <v>7555</v>
      </c>
      <c r="F7717" s="8">
        <v>291</v>
      </c>
      <c r="G7717" s="5">
        <v>6</v>
      </c>
      <c r="H7717" s="5" t="s">
        <v>1518</v>
      </c>
      <c r="I7717" s="5" t="s">
        <v>69038</v>
      </c>
      <c r="J7717" s="2" t="s">
        <v>69039</v>
      </c>
      <c r="K7717" s="5" t="s">
        <v>69038</v>
      </c>
      <c r="L7717" s="2" t="s">
        <v>69039</v>
      </c>
      <c r="M7717" s="5" t="s">
        <v>1521</v>
      </c>
      <c r="N7717" s="5" t="s">
        <v>38</v>
      </c>
      <c r="O7717" s="5" t="s">
        <v>39</v>
      </c>
      <c r="P7717" s="5" t="s">
        <v>40</v>
      </c>
      <c r="Q7717" s="5" t="s">
        <v>1522</v>
      </c>
      <c r="R7717" s="5" t="s">
        <v>1523</v>
      </c>
      <c r="S7717" s="5" t="s">
        <v>42</v>
      </c>
      <c r="T7717" s="2">
        <v>3.11</v>
      </c>
      <c r="U7717" s="2">
        <v>2.512</v>
      </c>
      <c r="V7717" s="2">
        <v>16.7</v>
      </c>
      <c r="W7717" s="2">
        <v>139.1</v>
      </c>
      <c r="X7717" s="2">
        <v>7.6</v>
      </c>
      <c r="Y7717" s="2">
        <v>16.7</v>
      </c>
      <c r="Z7717" s="5"/>
      <c r="AA7717" s="5" t="s">
        <v>43</v>
      </c>
      <c r="AB7717" s="5" t="s">
        <v>44</v>
      </c>
      <c r="AC7717" s="2"/>
      <c r="AD7717" s="1"/>
    </row>
    <row r="7718" spans="1:30">
      <c r="A7718" s="5" t="s">
        <v>83578</v>
      </c>
      <c r="B7718" s="2" t="s">
        <v>107273</v>
      </c>
      <c r="C7718" s="14" t="s">
        <v>107274</v>
      </c>
      <c r="D7718" s="2" t="s">
        <v>107275</v>
      </c>
      <c r="E7718" s="2" t="s">
        <v>7559</v>
      </c>
      <c r="F7718" s="8">
        <v>291</v>
      </c>
      <c r="G7718" s="5">
        <v>6</v>
      </c>
      <c r="H7718" s="5" t="s">
        <v>1518</v>
      </c>
      <c r="I7718" s="5" t="s">
        <v>69038</v>
      </c>
      <c r="J7718" s="2" t="s">
        <v>69039</v>
      </c>
      <c r="K7718" s="5" t="s">
        <v>69038</v>
      </c>
      <c r="L7718" s="2" t="s">
        <v>69039</v>
      </c>
      <c r="M7718" s="5" t="s">
        <v>1521</v>
      </c>
      <c r="N7718" s="5" t="s">
        <v>38</v>
      </c>
      <c r="O7718" s="5" t="s">
        <v>39</v>
      </c>
      <c r="P7718" s="5" t="s">
        <v>40</v>
      </c>
      <c r="Q7718" s="5" t="s">
        <v>1522</v>
      </c>
      <c r="R7718" s="5" t="s">
        <v>1523</v>
      </c>
      <c r="S7718" s="5" t="s">
        <v>42</v>
      </c>
      <c r="T7718" s="2">
        <v>3.1949999999999998</v>
      </c>
      <c r="U7718" s="2">
        <v>2.597</v>
      </c>
      <c r="V7718" s="2">
        <v>16.7</v>
      </c>
      <c r="W7718" s="2">
        <v>139.1</v>
      </c>
      <c r="X7718" s="2">
        <v>7.6</v>
      </c>
      <c r="Y7718" s="2">
        <v>16.7</v>
      </c>
      <c r="Z7718" s="5"/>
      <c r="AA7718" s="5" t="s">
        <v>43</v>
      </c>
      <c r="AB7718" s="5" t="s">
        <v>44</v>
      </c>
      <c r="AC7718" s="2"/>
      <c r="AD7718" s="1"/>
    </row>
    <row r="7719" spans="1:30">
      <c r="A7719" s="5" t="s">
        <v>83578</v>
      </c>
      <c r="B7719" s="2" t="s">
        <v>107276</v>
      </c>
      <c r="C7719" s="14" t="s">
        <v>107277</v>
      </c>
      <c r="D7719" s="2" t="s">
        <v>107278</v>
      </c>
      <c r="E7719" s="2" t="s">
        <v>16079</v>
      </c>
      <c r="F7719" s="8">
        <v>291</v>
      </c>
      <c r="G7719" s="5">
        <v>6</v>
      </c>
      <c r="H7719" s="5" t="s">
        <v>1518</v>
      </c>
      <c r="I7719" s="5" t="s">
        <v>69038</v>
      </c>
      <c r="J7719" s="2" t="s">
        <v>69039</v>
      </c>
      <c r="K7719" s="5" t="s">
        <v>69038</v>
      </c>
      <c r="L7719" s="2" t="s">
        <v>69039</v>
      </c>
      <c r="M7719" s="5" t="s">
        <v>1521</v>
      </c>
      <c r="N7719" s="5" t="s">
        <v>38</v>
      </c>
      <c r="O7719" s="5" t="s">
        <v>39</v>
      </c>
      <c r="P7719" s="5" t="s">
        <v>40</v>
      </c>
      <c r="Q7719" s="5" t="s">
        <v>1522</v>
      </c>
      <c r="R7719" s="5" t="s">
        <v>1523</v>
      </c>
      <c r="S7719" s="5" t="s">
        <v>42</v>
      </c>
      <c r="T7719" s="2">
        <v>3.11</v>
      </c>
      <c r="U7719" s="2">
        <v>2.512</v>
      </c>
      <c r="V7719" s="2">
        <v>16.7</v>
      </c>
      <c r="W7719" s="2">
        <v>139.1</v>
      </c>
      <c r="X7719" s="2">
        <v>7.6</v>
      </c>
      <c r="Y7719" s="2">
        <v>16.7</v>
      </c>
      <c r="Z7719" s="5"/>
      <c r="AA7719" s="5" t="s">
        <v>43</v>
      </c>
      <c r="AB7719" s="5" t="s">
        <v>44</v>
      </c>
      <c r="AC7719" s="2"/>
      <c r="AD7719" s="1"/>
    </row>
    <row r="7720" spans="1:30">
      <c r="A7720" s="5" t="s">
        <v>83578</v>
      </c>
      <c r="B7720" s="2" t="s">
        <v>107279</v>
      </c>
      <c r="C7720" s="14" t="s">
        <v>107280</v>
      </c>
      <c r="D7720" s="2" t="s">
        <v>107281</v>
      </c>
      <c r="E7720" s="2" t="s">
        <v>16194</v>
      </c>
      <c r="F7720" s="8">
        <v>291</v>
      </c>
      <c r="G7720" s="5">
        <v>6</v>
      </c>
      <c r="H7720" s="5" t="s">
        <v>1518</v>
      </c>
      <c r="I7720" s="5" t="s">
        <v>69038</v>
      </c>
      <c r="J7720" s="2" t="s">
        <v>69039</v>
      </c>
      <c r="K7720" s="5" t="s">
        <v>69038</v>
      </c>
      <c r="L7720" s="2" t="s">
        <v>69039</v>
      </c>
      <c r="M7720" s="5" t="s">
        <v>1521</v>
      </c>
      <c r="N7720" s="5" t="s">
        <v>38</v>
      </c>
      <c r="O7720" s="5" t="s">
        <v>39</v>
      </c>
      <c r="P7720" s="5" t="s">
        <v>40</v>
      </c>
      <c r="Q7720" s="5" t="s">
        <v>1522</v>
      </c>
      <c r="R7720" s="5" t="s">
        <v>1523</v>
      </c>
      <c r="S7720" s="5" t="s">
        <v>42</v>
      </c>
      <c r="T7720" s="2">
        <v>3.1949999999999998</v>
      </c>
      <c r="U7720" s="2">
        <v>2.597</v>
      </c>
      <c r="V7720" s="2">
        <v>16.7</v>
      </c>
      <c r="W7720" s="2">
        <v>139.1</v>
      </c>
      <c r="X7720" s="2">
        <v>7.6</v>
      </c>
      <c r="Y7720" s="2">
        <v>16.7</v>
      </c>
      <c r="Z7720" s="5"/>
      <c r="AA7720" s="5" t="s">
        <v>43</v>
      </c>
      <c r="AB7720" s="5" t="s">
        <v>44</v>
      </c>
      <c r="AC7720" s="2"/>
      <c r="AD7720" s="1"/>
    </row>
    <row r="7721" spans="1:30">
      <c r="A7721" s="5" t="s">
        <v>83578</v>
      </c>
      <c r="B7721" s="2" t="s">
        <v>107282</v>
      </c>
      <c r="C7721" s="14" t="s">
        <v>107283</v>
      </c>
      <c r="D7721" s="2" t="s">
        <v>107284</v>
      </c>
      <c r="E7721" s="2" t="s">
        <v>7449</v>
      </c>
      <c r="F7721" s="8">
        <v>291</v>
      </c>
      <c r="G7721" s="5">
        <v>6</v>
      </c>
      <c r="H7721" s="5" t="s">
        <v>1518</v>
      </c>
      <c r="I7721" s="5" t="s">
        <v>69038</v>
      </c>
      <c r="J7721" s="2" t="s">
        <v>69039</v>
      </c>
      <c r="K7721" s="5" t="s">
        <v>69038</v>
      </c>
      <c r="L7721" s="2" t="s">
        <v>69039</v>
      </c>
      <c r="M7721" s="5" t="s">
        <v>1521</v>
      </c>
      <c r="N7721" s="5" t="s">
        <v>38</v>
      </c>
      <c r="O7721" s="5" t="s">
        <v>39</v>
      </c>
      <c r="P7721" s="5" t="s">
        <v>40</v>
      </c>
      <c r="Q7721" s="5" t="s">
        <v>1522</v>
      </c>
      <c r="R7721" s="5" t="s">
        <v>1523</v>
      </c>
      <c r="S7721" s="5" t="s">
        <v>42</v>
      </c>
      <c r="T7721" s="2">
        <v>3.11</v>
      </c>
      <c r="U7721" s="2">
        <v>2.512</v>
      </c>
      <c r="V7721" s="2">
        <v>16.7</v>
      </c>
      <c r="W7721" s="2">
        <v>139.1</v>
      </c>
      <c r="X7721" s="2">
        <v>7.6</v>
      </c>
      <c r="Y7721" s="2">
        <v>16.7</v>
      </c>
      <c r="Z7721" s="5"/>
      <c r="AA7721" s="5" t="s">
        <v>43</v>
      </c>
      <c r="AB7721" s="5" t="s">
        <v>44</v>
      </c>
      <c r="AC7721" s="2"/>
      <c r="AD7721" s="1"/>
    </row>
    <row r="7722" spans="1:30">
      <c r="A7722" s="5" t="s">
        <v>83578</v>
      </c>
      <c r="B7722" s="2" t="s">
        <v>107285</v>
      </c>
      <c r="C7722" s="14" t="s">
        <v>107286</v>
      </c>
      <c r="D7722" s="2" t="s">
        <v>107287</v>
      </c>
      <c r="E7722" s="2" t="s">
        <v>7585</v>
      </c>
      <c r="F7722" s="8">
        <v>291</v>
      </c>
      <c r="G7722" s="5">
        <v>6</v>
      </c>
      <c r="H7722" s="5" t="s">
        <v>1518</v>
      </c>
      <c r="I7722" s="5" t="s">
        <v>69038</v>
      </c>
      <c r="J7722" s="2" t="s">
        <v>69039</v>
      </c>
      <c r="K7722" s="5" t="s">
        <v>69038</v>
      </c>
      <c r="L7722" s="2" t="s">
        <v>69039</v>
      </c>
      <c r="M7722" s="5" t="s">
        <v>1521</v>
      </c>
      <c r="N7722" s="5" t="s">
        <v>38</v>
      </c>
      <c r="O7722" s="5" t="s">
        <v>39</v>
      </c>
      <c r="P7722" s="5" t="s">
        <v>40</v>
      </c>
      <c r="Q7722" s="5" t="s">
        <v>1522</v>
      </c>
      <c r="R7722" s="5" t="s">
        <v>1523</v>
      </c>
      <c r="S7722" s="5" t="s">
        <v>42</v>
      </c>
      <c r="T7722" s="2">
        <v>3.11</v>
      </c>
      <c r="U7722" s="2">
        <v>2.512</v>
      </c>
      <c r="V7722" s="2">
        <v>16.7</v>
      </c>
      <c r="W7722" s="2">
        <v>139.1</v>
      </c>
      <c r="X7722" s="2">
        <v>7.6</v>
      </c>
      <c r="Y7722" s="2">
        <v>16.7</v>
      </c>
      <c r="Z7722" s="5"/>
      <c r="AA7722" s="5" t="s">
        <v>43</v>
      </c>
      <c r="AB7722" s="5" t="s">
        <v>44</v>
      </c>
      <c r="AC7722" s="2"/>
      <c r="AD7722" s="1"/>
    </row>
    <row r="7723" spans="1:30">
      <c r="A7723" s="5" t="s">
        <v>83578</v>
      </c>
      <c r="B7723" s="2" t="s">
        <v>107288</v>
      </c>
      <c r="C7723" s="14" t="s">
        <v>107289</v>
      </c>
      <c r="D7723" s="2" t="s">
        <v>107290</v>
      </c>
      <c r="E7723" s="2" t="s">
        <v>7593</v>
      </c>
      <c r="F7723" s="8">
        <v>291</v>
      </c>
      <c r="G7723" s="5">
        <v>6</v>
      </c>
      <c r="H7723" s="5" t="s">
        <v>1518</v>
      </c>
      <c r="I7723" s="5" t="s">
        <v>69038</v>
      </c>
      <c r="J7723" s="2" t="s">
        <v>69039</v>
      </c>
      <c r="K7723" s="5" t="s">
        <v>69038</v>
      </c>
      <c r="L7723" s="2" t="s">
        <v>69039</v>
      </c>
      <c r="M7723" s="5" t="s">
        <v>1521</v>
      </c>
      <c r="N7723" s="5" t="s">
        <v>38</v>
      </c>
      <c r="O7723" s="5" t="s">
        <v>39</v>
      </c>
      <c r="P7723" s="5" t="s">
        <v>40</v>
      </c>
      <c r="Q7723" s="5" t="s">
        <v>1522</v>
      </c>
      <c r="R7723" s="5" t="s">
        <v>1523</v>
      </c>
      <c r="S7723" s="5" t="s">
        <v>42</v>
      </c>
      <c r="T7723" s="2">
        <v>3.11</v>
      </c>
      <c r="U7723" s="2">
        <v>2.512</v>
      </c>
      <c r="V7723" s="2">
        <v>16.7</v>
      </c>
      <c r="W7723" s="2">
        <v>139.1</v>
      </c>
      <c r="X7723" s="2">
        <v>7.6</v>
      </c>
      <c r="Y7723" s="2">
        <v>16.7</v>
      </c>
      <c r="Z7723" s="5"/>
      <c r="AA7723" s="5" t="s">
        <v>43</v>
      </c>
      <c r="AB7723" s="5" t="s">
        <v>44</v>
      </c>
      <c r="AC7723" s="2"/>
      <c r="AD7723" s="1"/>
    </row>
    <row r="7724" spans="1:30">
      <c r="A7724" s="5" t="s">
        <v>83578</v>
      </c>
      <c r="B7724" s="2" t="s">
        <v>107291</v>
      </c>
      <c r="C7724" s="14" t="s">
        <v>107292</v>
      </c>
      <c r="D7724" s="2" t="s">
        <v>107293</v>
      </c>
      <c r="E7724" s="2" t="s">
        <v>7597</v>
      </c>
      <c r="F7724" s="8">
        <v>291</v>
      </c>
      <c r="G7724" s="5">
        <v>6</v>
      </c>
      <c r="H7724" s="5" t="s">
        <v>1518</v>
      </c>
      <c r="I7724" s="5" t="s">
        <v>69038</v>
      </c>
      <c r="J7724" s="2" t="s">
        <v>69039</v>
      </c>
      <c r="K7724" s="5" t="s">
        <v>69038</v>
      </c>
      <c r="L7724" s="2" t="s">
        <v>69039</v>
      </c>
      <c r="M7724" s="5" t="s">
        <v>1521</v>
      </c>
      <c r="N7724" s="5" t="s">
        <v>38</v>
      </c>
      <c r="O7724" s="5" t="s">
        <v>39</v>
      </c>
      <c r="P7724" s="5" t="s">
        <v>40</v>
      </c>
      <c r="Q7724" s="5" t="s">
        <v>1522</v>
      </c>
      <c r="R7724" s="5" t="s">
        <v>1523</v>
      </c>
      <c r="S7724" s="5" t="s">
        <v>42</v>
      </c>
      <c r="T7724" s="2">
        <v>3.1949999999999998</v>
      </c>
      <c r="U7724" s="2">
        <v>2.597</v>
      </c>
      <c r="V7724" s="2">
        <v>16.7</v>
      </c>
      <c r="W7724" s="2">
        <v>139.1</v>
      </c>
      <c r="X7724" s="2">
        <v>7.6</v>
      </c>
      <c r="Y7724" s="2">
        <v>16.7</v>
      </c>
      <c r="Z7724" s="5"/>
      <c r="AA7724" s="5" t="s">
        <v>43</v>
      </c>
      <c r="AB7724" s="5" t="s">
        <v>44</v>
      </c>
      <c r="AC7724" s="2"/>
      <c r="AD7724" s="1"/>
    </row>
    <row r="7725" spans="1:30">
      <c r="A7725" s="5" t="s">
        <v>83578</v>
      </c>
      <c r="B7725" s="2" t="s">
        <v>107294</v>
      </c>
      <c r="C7725" s="14" t="s">
        <v>107295</v>
      </c>
      <c r="D7725" s="2" t="s">
        <v>107296</v>
      </c>
      <c r="E7725" s="2" t="s">
        <v>73358</v>
      </c>
      <c r="F7725" s="8">
        <v>291</v>
      </c>
      <c r="G7725" s="5">
        <v>6</v>
      </c>
      <c r="H7725" s="5" t="s">
        <v>1518</v>
      </c>
      <c r="I7725" s="5" t="s">
        <v>69038</v>
      </c>
      <c r="J7725" s="2" t="s">
        <v>69039</v>
      </c>
      <c r="K7725" s="5" t="s">
        <v>69038</v>
      </c>
      <c r="L7725" s="2" t="s">
        <v>69039</v>
      </c>
      <c r="M7725" s="5" t="s">
        <v>1521</v>
      </c>
      <c r="N7725" s="5" t="s">
        <v>38</v>
      </c>
      <c r="O7725" s="5" t="s">
        <v>39</v>
      </c>
      <c r="P7725" s="5" t="s">
        <v>40</v>
      </c>
      <c r="Q7725" s="5" t="s">
        <v>1522</v>
      </c>
      <c r="R7725" s="5" t="s">
        <v>1523</v>
      </c>
      <c r="S7725" s="5" t="s">
        <v>42</v>
      </c>
      <c r="T7725" s="2">
        <v>3.11</v>
      </c>
      <c r="U7725" s="2">
        <v>2.512</v>
      </c>
      <c r="V7725" s="2">
        <v>16.7</v>
      </c>
      <c r="W7725" s="2">
        <v>139.1</v>
      </c>
      <c r="X7725" s="2">
        <v>7.6</v>
      </c>
      <c r="Y7725" s="2">
        <v>16.7</v>
      </c>
      <c r="Z7725" s="5"/>
      <c r="AA7725" s="5" t="s">
        <v>43</v>
      </c>
      <c r="AB7725" s="5" t="s">
        <v>44</v>
      </c>
      <c r="AC7725" s="2"/>
      <c r="AD7725" s="1"/>
    </row>
    <row r="7726" spans="1:30">
      <c r="A7726" s="5" t="s">
        <v>83578</v>
      </c>
      <c r="B7726" s="2" t="s">
        <v>107297</v>
      </c>
      <c r="C7726" s="14" t="s">
        <v>107298</v>
      </c>
      <c r="D7726" s="2" t="s">
        <v>107299</v>
      </c>
      <c r="E7726" s="2" t="s">
        <v>73362</v>
      </c>
      <c r="F7726" s="8">
        <v>291</v>
      </c>
      <c r="G7726" s="5">
        <v>6</v>
      </c>
      <c r="H7726" s="5" t="s">
        <v>1518</v>
      </c>
      <c r="I7726" s="5" t="s">
        <v>69038</v>
      </c>
      <c r="J7726" s="2" t="s">
        <v>69039</v>
      </c>
      <c r="K7726" s="5" t="s">
        <v>69038</v>
      </c>
      <c r="L7726" s="2" t="s">
        <v>69039</v>
      </c>
      <c r="M7726" s="5" t="s">
        <v>1521</v>
      </c>
      <c r="N7726" s="5" t="s">
        <v>38</v>
      </c>
      <c r="O7726" s="5" t="s">
        <v>39</v>
      </c>
      <c r="P7726" s="5" t="s">
        <v>40</v>
      </c>
      <c r="Q7726" s="5" t="s">
        <v>1522</v>
      </c>
      <c r="R7726" s="5" t="s">
        <v>1523</v>
      </c>
      <c r="S7726" s="5" t="s">
        <v>42</v>
      </c>
      <c r="T7726" s="2">
        <v>3.1949999999999998</v>
      </c>
      <c r="U7726" s="2">
        <v>2.597</v>
      </c>
      <c r="V7726" s="2">
        <v>16.7</v>
      </c>
      <c r="W7726" s="2">
        <v>139.1</v>
      </c>
      <c r="X7726" s="2">
        <v>7.6</v>
      </c>
      <c r="Y7726" s="2">
        <v>16.7</v>
      </c>
      <c r="Z7726" s="5"/>
      <c r="AA7726" s="5" t="s">
        <v>43</v>
      </c>
      <c r="AB7726" s="5" t="s">
        <v>44</v>
      </c>
      <c r="AC7726" s="2"/>
      <c r="AD7726" s="1"/>
    </row>
    <row r="7727" spans="1:30">
      <c r="A7727" s="5" t="s">
        <v>83578</v>
      </c>
      <c r="B7727" s="2" t="s">
        <v>107300</v>
      </c>
      <c r="C7727" s="14" t="s">
        <v>107301</v>
      </c>
      <c r="D7727" s="2" t="s">
        <v>107302</v>
      </c>
      <c r="E7727" s="2" t="s">
        <v>7615</v>
      </c>
      <c r="F7727" s="8">
        <v>291</v>
      </c>
      <c r="G7727" s="5">
        <v>6</v>
      </c>
      <c r="H7727" s="5" t="s">
        <v>1518</v>
      </c>
      <c r="I7727" s="5" t="s">
        <v>69038</v>
      </c>
      <c r="J7727" s="2" t="s">
        <v>69039</v>
      </c>
      <c r="K7727" s="5" t="s">
        <v>69038</v>
      </c>
      <c r="L7727" s="2" t="s">
        <v>69039</v>
      </c>
      <c r="M7727" s="5" t="s">
        <v>1521</v>
      </c>
      <c r="N7727" s="5" t="s">
        <v>38</v>
      </c>
      <c r="O7727" s="5" t="s">
        <v>39</v>
      </c>
      <c r="P7727" s="5" t="s">
        <v>40</v>
      </c>
      <c r="Q7727" s="5" t="s">
        <v>1522</v>
      </c>
      <c r="R7727" s="5" t="s">
        <v>1523</v>
      </c>
      <c r="S7727" s="5" t="s">
        <v>42</v>
      </c>
      <c r="T7727" s="2">
        <v>3.11</v>
      </c>
      <c r="U7727" s="2">
        <v>2.512</v>
      </c>
      <c r="V7727" s="2">
        <v>16.7</v>
      </c>
      <c r="W7727" s="2">
        <v>139.1</v>
      </c>
      <c r="X7727" s="2">
        <v>7.6</v>
      </c>
      <c r="Y7727" s="2">
        <v>16.7</v>
      </c>
      <c r="Z7727" s="5"/>
      <c r="AA7727" s="5" t="s">
        <v>43</v>
      </c>
      <c r="AB7727" s="5" t="s">
        <v>44</v>
      </c>
      <c r="AC7727" s="2"/>
      <c r="AD7727" s="1"/>
    </row>
    <row r="7728" spans="1:30">
      <c r="A7728" s="5" t="s">
        <v>83578</v>
      </c>
      <c r="B7728" s="2" t="s">
        <v>107303</v>
      </c>
      <c r="C7728" s="14" t="s">
        <v>107304</v>
      </c>
      <c r="D7728" s="2" t="s">
        <v>107305</v>
      </c>
      <c r="E7728" s="2" t="s">
        <v>16014</v>
      </c>
      <c r="F7728" s="8">
        <v>291</v>
      </c>
      <c r="G7728" s="5">
        <v>6</v>
      </c>
      <c r="H7728" s="5" t="s">
        <v>1518</v>
      </c>
      <c r="I7728" s="5" t="s">
        <v>69038</v>
      </c>
      <c r="J7728" s="2" t="s">
        <v>69039</v>
      </c>
      <c r="K7728" s="5" t="s">
        <v>69038</v>
      </c>
      <c r="L7728" s="2" t="s">
        <v>69039</v>
      </c>
      <c r="M7728" s="5" t="s">
        <v>1521</v>
      </c>
      <c r="N7728" s="5" t="s">
        <v>38</v>
      </c>
      <c r="O7728" s="5" t="s">
        <v>39</v>
      </c>
      <c r="P7728" s="5" t="s">
        <v>40</v>
      </c>
      <c r="Q7728" s="5" t="s">
        <v>1522</v>
      </c>
      <c r="R7728" s="5" t="s">
        <v>1523</v>
      </c>
      <c r="S7728" s="5" t="s">
        <v>42</v>
      </c>
      <c r="T7728" s="2">
        <v>3.11</v>
      </c>
      <c r="U7728" s="2">
        <v>2.512</v>
      </c>
      <c r="V7728" s="2">
        <v>16.7</v>
      </c>
      <c r="W7728" s="2">
        <v>139.1</v>
      </c>
      <c r="X7728" s="2">
        <v>7.6</v>
      </c>
      <c r="Y7728" s="2">
        <v>16.7</v>
      </c>
      <c r="Z7728" s="5"/>
      <c r="AA7728" s="5" t="s">
        <v>43</v>
      </c>
      <c r="AB7728" s="5" t="s">
        <v>44</v>
      </c>
      <c r="AC7728" s="2"/>
      <c r="AD7728" s="1"/>
    </row>
    <row r="7729" spans="1:30">
      <c r="A7729" s="5" t="s">
        <v>83578</v>
      </c>
      <c r="B7729" s="2" t="s">
        <v>107306</v>
      </c>
      <c r="C7729" s="14" t="s">
        <v>107307</v>
      </c>
      <c r="D7729" s="2" t="s">
        <v>107308</v>
      </c>
      <c r="E7729" s="2" t="s">
        <v>16219</v>
      </c>
      <c r="F7729" s="8">
        <v>291</v>
      </c>
      <c r="G7729" s="5">
        <v>6</v>
      </c>
      <c r="H7729" s="5" t="s">
        <v>1518</v>
      </c>
      <c r="I7729" s="5" t="s">
        <v>69038</v>
      </c>
      <c r="J7729" s="2" t="s">
        <v>69039</v>
      </c>
      <c r="K7729" s="5" t="s">
        <v>69038</v>
      </c>
      <c r="L7729" s="2" t="s">
        <v>69039</v>
      </c>
      <c r="M7729" s="5" t="s">
        <v>1521</v>
      </c>
      <c r="N7729" s="5" t="s">
        <v>38</v>
      </c>
      <c r="O7729" s="5" t="s">
        <v>39</v>
      </c>
      <c r="P7729" s="5" t="s">
        <v>40</v>
      </c>
      <c r="Q7729" s="5" t="s">
        <v>1522</v>
      </c>
      <c r="R7729" s="5" t="s">
        <v>1523</v>
      </c>
      <c r="S7729" s="5" t="s">
        <v>42</v>
      </c>
      <c r="T7729" s="2">
        <v>3.1949999999999998</v>
      </c>
      <c r="U7729" s="2">
        <v>2.597</v>
      </c>
      <c r="V7729" s="2">
        <v>16.7</v>
      </c>
      <c r="W7729" s="2">
        <v>139.1</v>
      </c>
      <c r="X7729" s="2">
        <v>7.6</v>
      </c>
      <c r="Y7729" s="2">
        <v>16.7</v>
      </c>
      <c r="Z7729" s="5"/>
      <c r="AA7729" s="5" t="s">
        <v>43</v>
      </c>
      <c r="AB7729" s="5" t="s">
        <v>44</v>
      </c>
      <c r="AC7729" s="2"/>
      <c r="AD7729" s="1"/>
    </row>
    <row r="7730" spans="1:30">
      <c r="A7730" s="5" t="s">
        <v>83578</v>
      </c>
      <c r="B7730" s="2" t="s">
        <v>107309</v>
      </c>
      <c r="C7730" s="14" t="s">
        <v>107310</v>
      </c>
      <c r="D7730" s="2" t="s">
        <v>107311</v>
      </c>
      <c r="E7730" s="2" t="s">
        <v>7212</v>
      </c>
      <c r="F7730" s="8">
        <v>270</v>
      </c>
      <c r="G7730" s="5">
        <v>6</v>
      </c>
      <c r="H7730" s="5" t="s">
        <v>1518</v>
      </c>
      <c r="I7730" s="5" t="s">
        <v>69038</v>
      </c>
      <c r="J7730" s="2" t="s">
        <v>69039</v>
      </c>
      <c r="K7730" s="5" t="s">
        <v>69038</v>
      </c>
      <c r="L7730" s="2" t="s">
        <v>69039</v>
      </c>
      <c r="M7730" s="5" t="s">
        <v>1521</v>
      </c>
      <c r="N7730" s="5" t="s">
        <v>38</v>
      </c>
      <c r="O7730" s="5" t="s">
        <v>39</v>
      </c>
      <c r="P7730" s="5" t="s">
        <v>40</v>
      </c>
      <c r="Q7730" s="5" t="s">
        <v>1522</v>
      </c>
      <c r="R7730" s="5" t="s">
        <v>1523</v>
      </c>
      <c r="S7730" s="5" t="s">
        <v>42</v>
      </c>
      <c r="T7730" s="2">
        <v>3.11</v>
      </c>
      <c r="U7730" s="2">
        <v>2.512</v>
      </c>
      <c r="V7730" s="2">
        <v>16.7</v>
      </c>
      <c r="W7730" s="2">
        <v>139.1</v>
      </c>
      <c r="X7730" s="2">
        <v>7.6</v>
      </c>
      <c r="Y7730" s="2">
        <v>16.7</v>
      </c>
      <c r="Z7730" s="5"/>
      <c r="AA7730" s="5" t="s">
        <v>43</v>
      </c>
      <c r="AB7730" s="5" t="s">
        <v>44</v>
      </c>
      <c r="AC7730" s="2"/>
      <c r="AD7730" s="1"/>
    </row>
    <row r="7731" spans="1:30">
      <c r="A7731" s="5" t="s">
        <v>83578</v>
      </c>
      <c r="B7731" s="2" t="s">
        <v>107312</v>
      </c>
      <c r="C7731" s="14" t="s">
        <v>107313</v>
      </c>
      <c r="D7731" s="2" t="s">
        <v>107314</v>
      </c>
      <c r="E7731" s="2" t="s">
        <v>7528</v>
      </c>
      <c r="F7731" s="8">
        <v>270</v>
      </c>
      <c r="G7731" s="5">
        <v>6</v>
      </c>
      <c r="H7731" s="5" t="s">
        <v>1518</v>
      </c>
      <c r="I7731" s="5" t="s">
        <v>69038</v>
      </c>
      <c r="J7731" s="2" t="s">
        <v>69039</v>
      </c>
      <c r="K7731" s="5" t="s">
        <v>69038</v>
      </c>
      <c r="L7731" s="2" t="s">
        <v>69039</v>
      </c>
      <c r="M7731" s="5" t="s">
        <v>1521</v>
      </c>
      <c r="N7731" s="5" t="s">
        <v>38</v>
      </c>
      <c r="O7731" s="5" t="s">
        <v>39</v>
      </c>
      <c r="P7731" s="5" t="s">
        <v>40</v>
      </c>
      <c r="Q7731" s="5" t="s">
        <v>1522</v>
      </c>
      <c r="R7731" s="5" t="s">
        <v>1523</v>
      </c>
      <c r="S7731" s="5" t="s">
        <v>42</v>
      </c>
      <c r="T7731" s="2">
        <v>3.1949999999999998</v>
      </c>
      <c r="U7731" s="2">
        <v>2.597</v>
      </c>
      <c r="V7731" s="2">
        <v>16.7</v>
      </c>
      <c r="W7731" s="2">
        <v>139.1</v>
      </c>
      <c r="X7731" s="2">
        <v>7.6</v>
      </c>
      <c r="Y7731" s="2">
        <v>16.7</v>
      </c>
      <c r="Z7731" s="5"/>
      <c r="AA7731" s="5" t="s">
        <v>43</v>
      </c>
      <c r="AB7731" s="5" t="s">
        <v>44</v>
      </c>
      <c r="AC7731" s="2"/>
      <c r="AD7731" s="1"/>
    </row>
    <row r="7732" spans="1:30">
      <c r="A7732" s="5" t="s">
        <v>83578</v>
      </c>
      <c r="B7732" s="2" t="s">
        <v>107315</v>
      </c>
      <c r="C7732" s="14" t="s">
        <v>107316</v>
      </c>
      <c r="D7732" s="2" t="s">
        <v>107317</v>
      </c>
      <c r="E7732" s="2" t="s">
        <v>7551</v>
      </c>
      <c r="F7732" s="8">
        <v>291</v>
      </c>
      <c r="G7732" s="5">
        <v>6</v>
      </c>
      <c r="H7732" s="5" t="s">
        <v>1518</v>
      </c>
      <c r="I7732" s="5" t="s">
        <v>69038</v>
      </c>
      <c r="J7732" s="2" t="s">
        <v>69039</v>
      </c>
      <c r="K7732" s="5" t="s">
        <v>69038</v>
      </c>
      <c r="L7732" s="2" t="s">
        <v>69039</v>
      </c>
      <c r="M7732" s="5" t="s">
        <v>1521</v>
      </c>
      <c r="N7732" s="5" t="s">
        <v>38</v>
      </c>
      <c r="O7732" s="5" t="s">
        <v>39</v>
      </c>
      <c r="P7732" s="5" t="s">
        <v>40</v>
      </c>
      <c r="Q7732" s="5" t="s">
        <v>1522</v>
      </c>
      <c r="R7732" s="5" t="s">
        <v>1523</v>
      </c>
      <c r="S7732" s="5" t="s">
        <v>42</v>
      </c>
      <c r="T7732" s="2">
        <v>3.3679999999999999</v>
      </c>
      <c r="U7732" s="2">
        <v>2.7789999999999999</v>
      </c>
      <c r="V7732" s="2">
        <v>16.7</v>
      </c>
      <c r="W7732" s="2">
        <v>139.1</v>
      </c>
      <c r="X7732" s="2">
        <v>7.6</v>
      </c>
      <c r="Y7732" s="2">
        <v>16.7</v>
      </c>
      <c r="Z7732" s="5"/>
      <c r="AA7732" s="5" t="s">
        <v>43</v>
      </c>
      <c r="AB7732" s="5" t="s">
        <v>44</v>
      </c>
      <c r="AC7732" s="2"/>
      <c r="AD7732" s="1"/>
    </row>
    <row r="7733" spans="1:30">
      <c r="A7733" s="5" t="s">
        <v>83578</v>
      </c>
      <c r="B7733" s="2" t="s">
        <v>107318</v>
      </c>
      <c r="C7733" s="14" t="s">
        <v>107319</v>
      </c>
      <c r="D7733" s="2" t="s">
        <v>107320</v>
      </c>
      <c r="E7733" s="2" t="s">
        <v>7597</v>
      </c>
      <c r="F7733" s="8">
        <v>291</v>
      </c>
      <c r="G7733" s="5">
        <v>6</v>
      </c>
      <c r="H7733" s="5" t="s">
        <v>1518</v>
      </c>
      <c r="I7733" s="5" t="s">
        <v>69038</v>
      </c>
      <c r="J7733" s="2" t="s">
        <v>69039</v>
      </c>
      <c r="K7733" s="5" t="s">
        <v>69038</v>
      </c>
      <c r="L7733" s="2" t="s">
        <v>69039</v>
      </c>
      <c r="M7733" s="5" t="s">
        <v>1521</v>
      </c>
      <c r="N7733" s="5" t="s">
        <v>38</v>
      </c>
      <c r="O7733" s="5" t="s">
        <v>39</v>
      </c>
      <c r="P7733" s="5" t="s">
        <v>40</v>
      </c>
      <c r="Q7733" s="5" t="s">
        <v>1522</v>
      </c>
      <c r="R7733" s="5" t="s">
        <v>1523</v>
      </c>
      <c r="S7733" s="5" t="s">
        <v>42</v>
      </c>
      <c r="T7733" s="2">
        <v>3.3679999999999999</v>
      </c>
      <c r="U7733" s="2">
        <v>2.7789999999999999</v>
      </c>
      <c r="V7733" s="2">
        <v>16.7</v>
      </c>
      <c r="W7733" s="2">
        <v>139.1</v>
      </c>
      <c r="X7733" s="2">
        <v>7.6</v>
      </c>
      <c r="Y7733" s="2">
        <v>16.7</v>
      </c>
      <c r="Z7733" s="5"/>
      <c r="AA7733" s="5" t="s">
        <v>43</v>
      </c>
      <c r="AB7733" s="5" t="s">
        <v>44</v>
      </c>
      <c r="AC7733" s="2"/>
      <c r="AD7733" s="1"/>
    </row>
    <row r="7734" spans="1:30">
      <c r="A7734" s="5" t="s">
        <v>83578</v>
      </c>
      <c r="B7734" s="2" t="s">
        <v>107321</v>
      </c>
      <c r="C7734" s="14" t="s">
        <v>107322</v>
      </c>
      <c r="D7734" s="2" t="s">
        <v>107323</v>
      </c>
      <c r="E7734" s="2" t="s">
        <v>7551</v>
      </c>
      <c r="F7734" s="8">
        <v>300</v>
      </c>
      <c r="G7734" s="5">
        <v>6</v>
      </c>
      <c r="H7734" s="5" t="s">
        <v>1518</v>
      </c>
      <c r="I7734" s="5" t="s">
        <v>69038</v>
      </c>
      <c r="J7734" s="2" t="s">
        <v>69039</v>
      </c>
      <c r="K7734" s="5" t="s">
        <v>69038</v>
      </c>
      <c r="L7734" s="2" t="s">
        <v>69039</v>
      </c>
      <c r="M7734" s="5" t="s">
        <v>1521</v>
      </c>
      <c r="N7734" s="5" t="s">
        <v>38</v>
      </c>
      <c r="O7734" s="5" t="s">
        <v>39</v>
      </c>
      <c r="P7734" s="5" t="s">
        <v>40</v>
      </c>
      <c r="Q7734" s="5" t="s">
        <v>1522</v>
      </c>
      <c r="R7734" s="5" t="s">
        <v>1523</v>
      </c>
      <c r="S7734" s="5" t="s">
        <v>42</v>
      </c>
      <c r="T7734" s="2">
        <v>3.5449999999999999</v>
      </c>
      <c r="U7734" s="2">
        <v>2.9670000000000001</v>
      </c>
      <c r="V7734" s="2">
        <v>16.7</v>
      </c>
      <c r="W7734" s="2">
        <v>139.1</v>
      </c>
      <c r="X7734" s="2">
        <v>7.6</v>
      </c>
      <c r="Y7734" s="2">
        <v>16.7</v>
      </c>
      <c r="Z7734" s="5"/>
      <c r="AA7734" s="5" t="s">
        <v>43</v>
      </c>
      <c r="AB7734" s="5" t="s">
        <v>44</v>
      </c>
      <c r="AC7734" s="2"/>
      <c r="AD7734" s="1"/>
    </row>
    <row r="7735" spans="1:30">
      <c r="A7735" s="5" t="s">
        <v>83578</v>
      </c>
      <c r="B7735" s="2" t="s">
        <v>107324</v>
      </c>
      <c r="C7735" s="14" t="s">
        <v>107325</v>
      </c>
      <c r="D7735" s="2" t="s">
        <v>107326</v>
      </c>
      <c r="E7735" s="2" t="s">
        <v>7559</v>
      </c>
      <c r="F7735" s="8">
        <v>300</v>
      </c>
      <c r="G7735" s="5">
        <v>6</v>
      </c>
      <c r="H7735" s="5" t="s">
        <v>1518</v>
      </c>
      <c r="I7735" s="5" t="s">
        <v>69038</v>
      </c>
      <c r="J7735" s="2" t="s">
        <v>69039</v>
      </c>
      <c r="K7735" s="5" t="s">
        <v>69038</v>
      </c>
      <c r="L7735" s="2" t="s">
        <v>69039</v>
      </c>
      <c r="M7735" s="5" t="s">
        <v>1521</v>
      </c>
      <c r="N7735" s="5" t="s">
        <v>38</v>
      </c>
      <c r="O7735" s="5" t="s">
        <v>39</v>
      </c>
      <c r="P7735" s="5" t="s">
        <v>40</v>
      </c>
      <c r="Q7735" s="5" t="s">
        <v>1522</v>
      </c>
      <c r="R7735" s="5" t="s">
        <v>1523</v>
      </c>
      <c r="S7735" s="5" t="s">
        <v>42</v>
      </c>
      <c r="T7735" s="2">
        <v>3.5449999999999999</v>
      </c>
      <c r="U7735" s="2">
        <v>2.9670000000000001</v>
      </c>
      <c r="V7735" s="2">
        <v>16.7</v>
      </c>
      <c r="W7735" s="2">
        <v>139.1</v>
      </c>
      <c r="X7735" s="2">
        <v>7.6</v>
      </c>
      <c r="Y7735" s="2">
        <v>16.7</v>
      </c>
      <c r="Z7735" s="5"/>
      <c r="AA7735" s="5" t="s">
        <v>43</v>
      </c>
      <c r="AB7735" s="5" t="s">
        <v>44</v>
      </c>
      <c r="AC7735" s="2"/>
      <c r="AD7735" s="1"/>
    </row>
    <row r="7736" spans="1:30">
      <c r="A7736" s="5" t="s">
        <v>83578</v>
      </c>
      <c r="B7736" s="2" t="s">
        <v>107327</v>
      </c>
      <c r="C7736" s="14" t="s">
        <v>107328</v>
      </c>
      <c r="D7736" s="2" t="s">
        <v>107329</v>
      </c>
      <c r="E7736" s="2" t="s">
        <v>16194</v>
      </c>
      <c r="F7736" s="8">
        <v>300</v>
      </c>
      <c r="G7736" s="5">
        <v>6</v>
      </c>
      <c r="H7736" s="5" t="s">
        <v>1518</v>
      </c>
      <c r="I7736" s="5" t="s">
        <v>69038</v>
      </c>
      <c r="J7736" s="2" t="s">
        <v>69039</v>
      </c>
      <c r="K7736" s="5" t="s">
        <v>69038</v>
      </c>
      <c r="L7736" s="2" t="s">
        <v>69039</v>
      </c>
      <c r="M7736" s="5" t="s">
        <v>1521</v>
      </c>
      <c r="N7736" s="5" t="s">
        <v>38</v>
      </c>
      <c r="O7736" s="5" t="s">
        <v>39</v>
      </c>
      <c r="P7736" s="5" t="s">
        <v>40</v>
      </c>
      <c r="Q7736" s="5" t="s">
        <v>1522</v>
      </c>
      <c r="R7736" s="5" t="s">
        <v>1523</v>
      </c>
      <c r="S7736" s="5" t="s">
        <v>42</v>
      </c>
      <c r="T7736" s="2">
        <v>3.5449999999999999</v>
      </c>
      <c r="U7736" s="2">
        <v>2.9670000000000001</v>
      </c>
      <c r="V7736" s="2">
        <v>16.7</v>
      </c>
      <c r="W7736" s="2">
        <v>139.1</v>
      </c>
      <c r="X7736" s="2">
        <v>7.6</v>
      </c>
      <c r="Y7736" s="2">
        <v>16.7</v>
      </c>
      <c r="Z7736" s="5"/>
      <c r="AA7736" s="5" t="s">
        <v>43</v>
      </c>
      <c r="AB7736" s="5" t="s">
        <v>44</v>
      </c>
      <c r="AC7736" s="2"/>
      <c r="AD7736" s="1"/>
    </row>
    <row r="7737" spans="1:30">
      <c r="A7737" s="5" t="s">
        <v>83578</v>
      </c>
      <c r="B7737" s="2" t="s">
        <v>107330</v>
      </c>
      <c r="C7737" s="14" t="s">
        <v>107331</v>
      </c>
      <c r="D7737" s="2" t="s">
        <v>107332</v>
      </c>
      <c r="E7737" s="2" t="s">
        <v>7581</v>
      </c>
      <c r="F7737" s="8">
        <v>300</v>
      </c>
      <c r="G7737" s="5">
        <v>6</v>
      </c>
      <c r="H7737" s="5" t="s">
        <v>1518</v>
      </c>
      <c r="I7737" s="5" t="s">
        <v>69038</v>
      </c>
      <c r="J7737" s="2" t="s">
        <v>69039</v>
      </c>
      <c r="K7737" s="5" t="s">
        <v>69038</v>
      </c>
      <c r="L7737" s="2" t="s">
        <v>69039</v>
      </c>
      <c r="M7737" s="5" t="s">
        <v>1521</v>
      </c>
      <c r="N7737" s="5" t="s">
        <v>38</v>
      </c>
      <c r="O7737" s="5" t="s">
        <v>39</v>
      </c>
      <c r="P7737" s="5" t="s">
        <v>40</v>
      </c>
      <c r="Q7737" s="5" t="s">
        <v>1522</v>
      </c>
      <c r="R7737" s="5" t="s">
        <v>1523</v>
      </c>
      <c r="S7737" s="5" t="s">
        <v>42</v>
      </c>
      <c r="T7737" s="2">
        <v>3.5449999999999999</v>
      </c>
      <c r="U7737" s="2">
        <v>2.9670000000000001</v>
      </c>
      <c r="V7737" s="2">
        <v>16.7</v>
      </c>
      <c r="W7737" s="2">
        <v>139.1</v>
      </c>
      <c r="X7737" s="2">
        <v>7.6</v>
      </c>
      <c r="Y7737" s="2">
        <v>16.7</v>
      </c>
      <c r="Z7737" s="5"/>
      <c r="AA7737" s="5" t="s">
        <v>43</v>
      </c>
      <c r="AB7737" s="5" t="s">
        <v>44</v>
      </c>
      <c r="AC7737" s="2"/>
      <c r="AD7737" s="1"/>
    </row>
    <row r="7738" spans="1:30">
      <c r="A7738" s="5" t="s">
        <v>83578</v>
      </c>
      <c r="B7738" s="2" t="s">
        <v>107333</v>
      </c>
      <c r="C7738" s="14" t="s">
        <v>107334</v>
      </c>
      <c r="D7738" s="2" t="s">
        <v>107335</v>
      </c>
      <c r="E7738" s="2" t="s">
        <v>7597</v>
      </c>
      <c r="F7738" s="8">
        <v>300</v>
      </c>
      <c r="G7738" s="5">
        <v>6</v>
      </c>
      <c r="H7738" s="5" t="s">
        <v>1518</v>
      </c>
      <c r="I7738" s="5" t="s">
        <v>69038</v>
      </c>
      <c r="J7738" s="2" t="s">
        <v>69039</v>
      </c>
      <c r="K7738" s="5" t="s">
        <v>69038</v>
      </c>
      <c r="L7738" s="2" t="s">
        <v>69039</v>
      </c>
      <c r="M7738" s="5" t="s">
        <v>1521</v>
      </c>
      <c r="N7738" s="5" t="s">
        <v>38</v>
      </c>
      <c r="O7738" s="5" t="s">
        <v>39</v>
      </c>
      <c r="P7738" s="5" t="s">
        <v>40</v>
      </c>
      <c r="Q7738" s="5" t="s">
        <v>1522</v>
      </c>
      <c r="R7738" s="5" t="s">
        <v>1523</v>
      </c>
      <c r="S7738" s="5" t="s">
        <v>42</v>
      </c>
      <c r="T7738" s="2">
        <v>3.5449999999999999</v>
      </c>
      <c r="U7738" s="2">
        <v>2.9670000000000001</v>
      </c>
      <c r="V7738" s="2">
        <v>16.7</v>
      </c>
      <c r="W7738" s="2">
        <v>139.1</v>
      </c>
      <c r="X7738" s="2">
        <v>7.6</v>
      </c>
      <c r="Y7738" s="2">
        <v>16.7</v>
      </c>
      <c r="Z7738" s="5"/>
      <c r="AA7738" s="5" t="s">
        <v>43</v>
      </c>
      <c r="AB7738" s="5" t="s">
        <v>44</v>
      </c>
      <c r="AC7738" s="2"/>
      <c r="AD7738" s="1"/>
    </row>
    <row r="7739" spans="1:30">
      <c r="A7739" s="5" t="s">
        <v>83578</v>
      </c>
      <c r="B7739" s="2" t="s">
        <v>107336</v>
      </c>
      <c r="C7739" s="14" t="s">
        <v>107337</v>
      </c>
      <c r="D7739" s="2" t="s">
        <v>107338</v>
      </c>
      <c r="E7739" s="2" t="s">
        <v>16219</v>
      </c>
      <c r="F7739" s="8">
        <v>300</v>
      </c>
      <c r="G7739" s="5">
        <v>6</v>
      </c>
      <c r="H7739" s="5" t="s">
        <v>1518</v>
      </c>
      <c r="I7739" s="5" t="s">
        <v>69038</v>
      </c>
      <c r="J7739" s="2" t="s">
        <v>69039</v>
      </c>
      <c r="K7739" s="5" t="s">
        <v>69038</v>
      </c>
      <c r="L7739" s="2" t="s">
        <v>69039</v>
      </c>
      <c r="M7739" s="5" t="s">
        <v>1521</v>
      </c>
      <c r="N7739" s="5" t="s">
        <v>38</v>
      </c>
      <c r="O7739" s="5" t="s">
        <v>39</v>
      </c>
      <c r="P7739" s="5" t="s">
        <v>40</v>
      </c>
      <c r="Q7739" s="5" t="s">
        <v>1522</v>
      </c>
      <c r="R7739" s="5" t="s">
        <v>1523</v>
      </c>
      <c r="S7739" s="5" t="s">
        <v>42</v>
      </c>
      <c r="T7739" s="2">
        <v>3.5449999999999999</v>
      </c>
      <c r="U7739" s="2">
        <v>2.9670000000000001</v>
      </c>
      <c r="V7739" s="2">
        <v>16.7</v>
      </c>
      <c r="W7739" s="2">
        <v>139.1</v>
      </c>
      <c r="X7739" s="2">
        <v>7.6</v>
      </c>
      <c r="Y7739" s="2">
        <v>16.7</v>
      </c>
      <c r="Z7739" s="5"/>
      <c r="AA7739" s="5" t="s">
        <v>43</v>
      </c>
      <c r="AB7739" s="5" t="s">
        <v>44</v>
      </c>
      <c r="AC7739" s="2"/>
      <c r="AD7739" s="1"/>
    </row>
    <row r="7740" spans="1:30">
      <c r="A7740" s="5" t="s">
        <v>83578</v>
      </c>
      <c r="B7740" s="2" t="s">
        <v>107339</v>
      </c>
      <c r="C7740" s="14" t="s">
        <v>107340</v>
      </c>
      <c r="D7740" s="2" t="s">
        <v>107341</v>
      </c>
      <c r="E7740" s="2" t="s">
        <v>7535</v>
      </c>
      <c r="F7740" s="8">
        <v>321</v>
      </c>
      <c r="G7740" s="5">
        <v>6</v>
      </c>
      <c r="H7740" s="5" t="s">
        <v>1518</v>
      </c>
      <c r="I7740" s="5" t="s">
        <v>69038</v>
      </c>
      <c r="J7740" s="2" t="s">
        <v>69039</v>
      </c>
      <c r="K7740" s="5" t="s">
        <v>69038</v>
      </c>
      <c r="L7740" s="2" t="s">
        <v>69039</v>
      </c>
      <c r="M7740" s="5" t="s">
        <v>1521</v>
      </c>
      <c r="N7740" s="5" t="s">
        <v>38</v>
      </c>
      <c r="O7740" s="5" t="s">
        <v>39</v>
      </c>
      <c r="P7740" s="5" t="s">
        <v>40</v>
      </c>
      <c r="Q7740" s="5" t="s">
        <v>1522</v>
      </c>
      <c r="R7740" s="5" t="s">
        <v>1523</v>
      </c>
      <c r="S7740" s="5" t="s">
        <v>42</v>
      </c>
      <c r="T7740" s="2">
        <v>3.7250000000000001</v>
      </c>
      <c r="U7740" s="2">
        <v>3.153</v>
      </c>
      <c r="V7740" s="2">
        <v>16.7</v>
      </c>
      <c r="W7740" s="2">
        <v>139.1</v>
      </c>
      <c r="X7740" s="2">
        <v>7.6</v>
      </c>
      <c r="Y7740" s="2">
        <v>16.7</v>
      </c>
      <c r="Z7740" s="5"/>
      <c r="AA7740" s="5" t="s">
        <v>43</v>
      </c>
      <c r="AB7740" s="5" t="s">
        <v>44</v>
      </c>
      <c r="AC7740" s="2"/>
      <c r="AD7740" s="1"/>
    </row>
    <row r="7741" spans="1:30">
      <c r="A7741" s="5" t="s">
        <v>83578</v>
      </c>
      <c r="B7741" s="2" t="s">
        <v>107342</v>
      </c>
      <c r="C7741" s="14" t="s">
        <v>107343</v>
      </c>
      <c r="D7741" s="2" t="s">
        <v>107344</v>
      </c>
      <c r="E7741" s="2" t="s">
        <v>7543</v>
      </c>
      <c r="F7741" s="8">
        <v>321</v>
      </c>
      <c r="G7741" s="5">
        <v>6</v>
      </c>
      <c r="H7741" s="5" t="s">
        <v>1518</v>
      </c>
      <c r="I7741" s="5" t="s">
        <v>69038</v>
      </c>
      <c r="J7741" s="2" t="s">
        <v>69039</v>
      </c>
      <c r="K7741" s="5" t="s">
        <v>69038</v>
      </c>
      <c r="L7741" s="2" t="s">
        <v>69039</v>
      </c>
      <c r="M7741" s="5" t="s">
        <v>1521</v>
      </c>
      <c r="N7741" s="5" t="s">
        <v>38</v>
      </c>
      <c r="O7741" s="5" t="s">
        <v>39</v>
      </c>
      <c r="P7741" s="5" t="s">
        <v>40</v>
      </c>
      <c r="Q7741" s="5" t="s">
        <v>1522</v>
      </c>
      <c r="R7741" s="5" t="s">
        <v>1523</v>
      </c>
      <c r="S7741" s="5" t="s">
        <v>42</v>
      </c>
      <c r="T7741" s="2">
        <v>3.7250000000000001</v>
      </c>
      <c r="U7741" s="2">
        <v>3.153</v>
      </c>
      <c r="V7741" s="2">
        <v>16.7</v>
      </c>
      <c r="W7741" s="2">
        <v>139.1</v>
      </c>
      <c r="X7741" s="2">
        <v>7.6</v>
      </c>
      <c r="Y7741" s="2">
        <v>16.7</v>
      </c>
      <c r="Z7741" s="5"/>
      <c r="AA7741" s="5" t="s">
        <v>43</v>
      </c>
      <c r="AB7741" s="5" t="s">
        <v>44</v>
      </c>
      <c r="AC7741" s="2"/>
      <c r="AD7741" s="1"/>
    </row>
    <row r="7742" spans="1:30">
      <c r="A7742" s="5" t="s">
        <v>83578</v>
      </c>
      <c r="B7742" s="2" t="s">
        <v>107345</v>
      </c>
      <c r="C7742" s="14" t="s">
        <v>107346</v>
      </c>
      <c r="D7742" s="2" t="s">
        <v>107347</v>
      </c>
      <c r="E7742" s="2" t="s">
        <v>7547</v>
      </c>
      <c r="F7742" s="8">
        <v>321</v>
      </c>
      <c r="G7742" s="5">
        <v>6</v>
      </c>
      <c r="H7742" s="5" t="s">
        <v>1518</v>
      </c>
      <c r="I7742" s="5" t="s">
        <v>69038</v>
      </c>
      <c r="J7742" s="2" t="s">
        <v>69039</v>
      </c>
      <c r="K7742" s="5" t="s">
        <v>69038</v>
      </c>
      <c r="L7742" s="2" t="s">
        <v>69039</v>
      </c>
      <c r="M7742" s="5" t="s">
        <v>1521</v>
      </c>
      <c r="N7742" s="5" t="s">
        <v>38</v>
      </c>
      <c r="O7742" s="5" t="s">
        <v>39</v>
      </c>
      <c r="P7742" s="5" t="s">
        <v>40</v>
      </c>
      <c r="Q7742" s="5" t="s">
        <v>1522</v>
      </c>
      <c r="R7742" s="5" t="s">
        <v>1523</v>
      </c>
      <c r="S7742" s="5" t="s">
        <v>42</v>
      </c>
      <c r="T7742" s="2">
        <v>3.605</v>
      </c>
      <c r="U7742" s="2">
        <v>3.0329999999999999</v>
      </c>
      <c r="V7742" s="2">
        <v>16.7</v>
      </c>
      <c r="W7742" s="2">
        <v>139.1</v>
      </c>
      <c r="X7742" s="2">
        <v>7.6</v>
      </c>
      <c r="Y7742" s="2">
        <v>16.7</v>
      </c>
      <c r="Z7742" s="5"/>
      <c r="AA7742" s="5" t="s">
        <v>43</v>
      </c>
      <c r="AB7742" s="5" t="s">
        <v>44</v>
      </c>
      <c r="AC7742" s="2"/>
      <c r="AD7742" s="1"/>
    </row>
    <row r="7743" spans="1:30">
      <c r="A7743" s="5" t="s">
        <v>83578</v>
      </c>
      <c r="B7743" s="2" t="s">
        <v>107348</v>
      </c>
      <c r="C7743" s="14" t="s">
        <v>107349</v>
      </c>
      <c r="D7743" s="2" t="s">
        <v>107350</v>
      </c>
      <c r="E7743" s="2" t="s">
        <v>7551</v>
      </c>
      <c r="F7743" s="8">
        <v>321</v>
      </c>
      <c r="G7743" s="5">
        <v>6</v>
      </c>
      <c r="H7743" s="5" t="s">
        <v>1518</v>
      </c>
      <c r="I7743" s="5" t="s">
        <v>69038</v>
      </c>
      <c r="J7743" s="2" t="s">
        <v>69039</v>
      </c>
      <c r="K7743" s="5" t="s">
        <v>69038</v>
      </c>
      <c r="L7743" s="2" t="s">
        <v>69039</v>
      </c>
      <c r="M7743" s="5" t="s">
        <v>1521</v>
      </c>
      <c r="N7743" s="5" t="s">
        <v>38</v>
      </c>
      <c r="O7743" s="5" t="s">
        <v>39</v>
      </c>
      <c r="P7743" s="5" t="s">
        <v>40</v>
      </c>
      <c r="Q7743" s="5" t="s">
        <v>1522</v>
      </c>
      <c r="R7743" s="5" t="s">
        <v>1523</v>
      </c>
      <c r="S7743" s="5" t="s">
        <v>42</v>
      </c>
      <c r="T7743" s="2">
        <v>3.7250000000000001</v>
      </c>
      <c r="U7743" s="2">
        <v>3.153</v>
      </c>
      <c r="V7743" s="2">
        <v>16.7</v>
      </c>
      <c r="W7743" s="2">
        <v>139.1</v>
      </c>
      <c r="X7743" s="2">
        <v>7.6</v>
      </c>
      <c r="Y7743" s="2">
        <v>16.7</v>
      </c>
      <c r="Z7743" s="5"/>
      <c r="AA7743" s="5" t="s">
        <v>43</v>
      </c>
      <c r="AB7743" s="5" t="s">
        <v>44</v>
      </c>
      <c r="AC7743" s="2"/>
      <c r="AD7743" s="1"/>
    </row>
    <row r="7744" spans="1:30">
      <c r="A7744" s="5" t="s">
        <v>83578</v>
      </c>
      <c r="B7744" s="2" t="s">
        <v>107351</v>
      </c>
      <c r="C7744" s="14" t="s">
        <v>107352</v>
      </c>
      <c r="D7744" s="2" t="s">
        <v>107353</v>
      </c>
      <c r="E7744" s="2" t="s">
        <v>7563</v>
      </c>
      <c r="F7744" s="8">
        <v>321</v>
      </c>
      <c r="G7744" s="5">
        <v>6</v>
      </c>
      <c r="H7744" s="5" t="s">
        <v>1518</v>
      </c>
      <c r="I7744" s="5" t="s">
        <v>69038</v>
      </c>
      <c r="J7744" s="2" t="s">
        <v>69039</v>
      </c>
      <c r="K7744" s="5" t="s">
        <v>69038</v>
      </c>
      <c r="L7744" s="2" t="s">
        <v>69039</v>
      </c>
      <c r="M7744" s="5" t="s">
        <v>1521</v>
      </c>
      <c r="N7744" s="5" t="s">
        <v>38</v>
      </c>
      <c r="O7744" s="5" t="s">
        <v>39</v>
      </c>
      <c r="P7744" s="5" t="s">
        <v>40</v>
      </c>
      <c r="Q7744" s="5" t="s">
        <v>1522</v>
      </c>
      <c r="R7744" s="5" t="s">
        <v>1523</v>
      </c>
      <c r="S7744" s="5" t="s">
        <v>42</v>
      </c>
      <c r="T7744" s="2">
        <v>3.605</v>
      </c>
      <c r="U7744" s="2">
        <v>3.0329999999999999</v>
      </c>
      <c r="V7744" s="2">
        <v>16.7</v>
      </c>
      <c r="W7744" s="2">
        <v>139.1</v>
      </c>
      <c r="X7744" s="2">
        <v>7.6</v>
      </c>
      <c r="Y7744" s="2">
        <v>16.7</v>
      </c>
      <c r="Z7744" s="5"/>
      <c r="AA7744" s="5" t="s">
        <v>43</v>
      </c>
      <c r="AB7744" s="5" t="s">
        <v>44</v>
      </c>
      <c r="AC7744" s="2"/>
      <c r="AD7744" s="1"/>
    </row>
    <row r="7745" spans="1:30">
      <c r="A7745" s="5" t="s">
        <v>83578</v>
      </c>
      <c r="B7745" s="2" t="s">
        <v>107354</v>
      </c>
      <c r="C7745" s="14" t="s">
        <v>107355</v>
      </c>
      <c r="D7745" s="2" t="s">
        <v>107356</v>
      </c>
      <c r="E7745" s="2" t="s">
        <v>7567</v>
      </c>
      <c r="F7745" s="8">
        <v>321</v>
      </c>
      <c r="G7745" s="5">
        <v>6</v>
      </c>
      <c r="H7745" s="5" t="s">
        <v>1518</v>
      </c>
      <c r="I7745" s="5" t="s">
        <v>69038</v>
      </c>
      <c r="J7745" s="2" t="s">
        <v>69039</v>
      </c>
      <c r="K7745" s="5" t="s">
        <v>69038</v>
      </c>
      <c r="L7745" s="2" t="s">
        <v>69039</v>
      </c>
      <c r="M7745" s="5" t="s">
        <v>1521</v>
      </c>
      <c r="N7745" s="5" t="s">
        <v>38</v>
      </c>
      <c r="O7745" s="5" t="s">
        <v>39</v>
      </c>
      <c r="P7745" s="5" t="s">
        <v>40</v>
      </c>
      <c r="Q7745" s="5" t="s">
        <v>1522</v>
      </c>
      <c r="R7745" s="5" t="s">
        <v>1523</v>
      </c>
      <c r="S7745" s="5" t="s">
        <v>42</v>
      </c>
      <c r="T7745" s="2">
        <v>3.7250000000000001</v>
      </c>
      <c r="U7745" s="2">
        <v>3.153</v>
      </c>
      <c r="V7745" s="2">
        <v>16.7</v>
      </c>
      <c r="W7745" s="2">
        <v>139.1</v>
      </c>
      <c r="X7745" s="2">
        <v>7.6</v>
      </c>
      <c r="Y7745" s="2">
        <v>16.7</v>
      </c>
      <c r="Z7745" s="5"/>
      <c r="AA7745" s="5" t="s">
        <v>43</v>
      </c>
      <c r="AB7745" s="5" t="s">
        <v>44</v>
      </c>
      <c r="AC7745" s="2"/>
      <c r="AD7745" s="1"/>
    </row>
    <row r="7746" spans="1:30">
      <c r="A7746" s="5" t="s">
        <v>83578</v>
      </c>
      <c r="B7746" s="2" t="s">
        <v>107357</v>
      </c>
      <c r="C7746" s="14" t="s">
        <v>107358</v>
      </c>
      <c r="D7746" s="2" t="s">
        <v>107359</v>
      </c>
      <c r="E7746" s="2" t="s">
        <v>7555</v>
      </c>
      <c r="F7746" s="8">
        <v>321</v>
      </c>
      <c r="G7746" s="5">
        <v>6</v>
      </c>
      <c r="H7746" s="5" t="s">
        <v>1518</v>
      </c>
      <c r="I7746" s="5" t="s">
        <v>69038</v>
      </c>
      <c r="J7746" s="2" t="s">
        <v>69039</v>
      </c>
      <c r="K7746" s="5" t="s">
        <v>69038</v>
      </c>
      <c r="L7746" s="2" t="s">
        <v>69039</v>
      </c>
      <c r="M7746" s="5" t="s">
        <v>1521</v>
      </c>
      <c r="N7746" s="5" t="s">
        <v>38</v>
      </c>
      <c r="O7746" s="5" t="s">
        <v>39</v>
      </c>
      <c r="P7746" s="5" t="s">
        <v>40</v>
      </c>
      <c r="Q7746" s="5" t="s">
        <v>1522</v>
      </c>
      <c r="R7746" s="5" t="s">
        <v>1523</v>
      </c>
      <c r="S7746" s="5" t="s">
        <v>42</v>
      </c>
      <c r="T7746" s="2">
        <v>3.605</v>
      </c>
      <c r="U7746" s="2">
        <v>3.0329999999999999</v>
      </c>
      <c r="V7746" s="2">
        <v>16.7</v>
      </c>
      <c r="W7746" s="2">
        <v>139.1</v>
      </c>
      <c r="X7746" s="2">
        <v>7.6</v>
      </c>
      <c r="Y7746" s="2">
        <v>16.7</v>
      </c>
      <c r="Z7746" s="5"/>
      <c r="AA7746" s="5" t="s">
        <v>43</v>
      </c>
      <c r="AB7746" s="5" t="s">
        <v>44</v>
      </c>
      <c r="AC7746" s="2"/>
      <c r="AD7746" s="1"/>
    </row>
    <row r="7747" spans="1:30">
      <c r="A7747" s="5" t="s">
        <v>83578</v>
      </c>
      <c r="B7747" s="2" t="s">
        <v>107360</v>
      </c>
      <c r="C7747" s="14" t="s">
        <v>107361</v>
      </c>
      <c r="D7747" s="2" t="s">
        <v>107362</v>
      </c>
      <c r="E7747" s="2" t="s">
        <v>7559</v>
      </c>
      <c r="F7747" s="8">
        <v>321</v>
      </c>
      <c r="G7747" s="5">
        <v>6</v>
      </c>
      <c r="H7747" s="5" t="s">
        <v>1518</v>
      </c>
      <c r="I7747" s="5" t="s">
        <v>69038</v>
      </c>
      <c r="J7747" s="2" t="s">
        <v>69039</v>
      </c>
      <c r="K7747" s="5" t="s">
        <v>69038</v>
      </c>
      <c r="L7747" s="2" t="s">
        <v>69039</v>
      </c>
      <c r="M7747" s="5" t="s">
        <v>1521</v>
      </c>
      <c r="N7747" s="5" t="s">
        <v>38</v>
      </c>
      <c r="O7747" s="5" t="s">
        <v>39</v>
      </c>
      <c r="P7747" s="5" t="s">
        <v>40</v>
      </c>
      <c r="Q7747" s="5" t="s">
        <v>1522</v>
      </c>
      <c r="R7747" s="5" t="s">
        <v>1523</v>
      </c>
      <c r="S7747" s="5" t="s">
        <v>42</v>
      </c>
      <c r="T7747" s="2">
        <v>3.7250000000000001</v>
      </c>
      <c r="U7747" s="2">
        <v>3.153</v>
      </c>
      <c r="V7747" s="2">
        <v>16.7</v>
      </c>
      <c r="W7747" s="2">
        <v>139.1</v>
      </c>
      <c r="X7747" s="2">
        <v>7.6</v>
      </c>
      <c r="Y7747" s="2">
        <v>16.7</v>
      </c>
      <c r="Z7747" s="5"/>
      <c r="AA7747" s="5" t="s">
        <v>43</v>
      </c>
      <c r="AB7747" s="5" t="s">
        <v>44</v>
      </c>
      <c r="AC7747" s="2"/>
      <c r="AD7747" s="1"/>
    </row>
    <row r="7748" spans="1:30">
      <c r="A7748" s="5" t="s">
        <v>83578</v>
      </c>
      <c r="B7748" s="2" t="s">
        <v>107363</v>
      </c>
      <c r="C7748" s="14" t="s">
        <v>107364</v>
      </c>
      <c r="D7748" s="2" t="s">
        <v>107365</v>
      </c>
      <c r="E7748" s="2" t="s">
        <v>16079</v>
      </c>
      <c r="F7748" s="8">
        <v>321</v>
      </c>
      <c r="G7748" s="5">
        <v>6</v>
      </c>
      <c r="H7748" s="5" t="s">
        <v>1518</v>
      </c>
      <c r="I7748" s="5" t="s">
        <v>69038</v>
      </c>
      <c r="J7748" s="2" t="s">
        <v>69039</v>
      </c>
      <c r="K7748" s="5" t="s">
        <v>69038</v>
      </c>
      <c r="L7748" s="2" t="s">
        <v>69039</v>
      </c>
      <c r="M7748" s="5" t="s">
        <v>1521</v>
      </c>
      <c r="N7748" s="5" t="s">
        <v>38</v>
      </c>
      <c r="O7748" s="5" t="s">
        <v>39</v>
      </c>
      <c r="P7748" s="5" t="s">
        <v>40</v>
      </c>
      <c r="Q7748" s="5" t="s">
        <v>1522</v>
      </c>
      <c r="R7748" s="5" t="s">
        <v>1523</v>
      </c>
      <c r="S7748" s="5" t="s">
        <v>42</v>
      </c>
      <c r="T7748" s="2">
        <v>3.605</v>
      </c>
      <c r="U7748" s="2">
        <v>3.0329999999999999</v>
      </c>
      <c r="V7748" s="2">
        <v>16.7</v>
      </c>
      <c r="W7748" s="2">
        <v>139.1</v>
      </c>
      <c r="X7748" s="2">
        <v>7.6</v>
      </c>
      <c r="Y7748" s="2">
        <v>16.7</v>
      </c>
      <c r="Z7748" s="5"/>
      <c r="AA7748" s="5" t="s">
        <v>43</v>
      </c>
      <c r="AB7748" s="5" t="s">
        <v>44</v>
      </c>
      <c r="AC7748" s="2"/>
      <c r="AD7748" s="1"/>
    </row>
    <row r="7749" spans="1:30">
      <c r="A7749" s="5" t="s">
        <v>83578</v>
      </c>
      <c r="B7749" s="2" t="s">
        <v>107366</v>
      </c>
      <c r="C7749" s="14" t="s">
        <v>107367</v>
      </c>
      <c r="D7749" s="2" t="s">
        <v>107368</v>
      </c>
      <c r="E7749" s="2" t="s">
        <v>16194</v>
      </c>
      <c r="F7749" s="8">
        <v>321</v>
      </c>
      <c r="G7749" s="5">
        <v>6</v>
      </c>
      <c r="H7749" s="5" t="s">
        <v>1518</v>
      </c>
      <c r="I7749" s="5" t="s">
        <v>69038</v>
      </c>
      <c r="J7749" s="2" t="s">
        <v>69039</v>
      </c>
      <c r="K7749" s="5" t="s">
        <v>69038</v>
      </c>
      <c r="L7749" s="2" t="s">
        <v>69039</v>
      </c>
      <c r="M7749" s="5" t="s">
        <v>1521</v>
      </c>
      <c r="N7749" s="5" t="s">
        <v>38</v>
      </c>
      <c r="O7749" s="5" t="s">
        <v>39</v>
      </c>
      <c r="P7749" s="5" t="s">
        <v>40</v>
      </c>
      <c r="Q7749" s="5" t="s">
        <v>1522</v>
      </c>
      <c r="R7749" s="5" t="s">
        <v>1523</v>
      </c>
      <c r="S7749" s="5" t="s">
        <v>42</v>
      </c>
      <c r="T7749" s="2">
        <v>3.7250000000000001</v>
      </c>
      <c r="U7749" s="2">
        <v>3.153</v>
      </c>
      <c r="V7749" s="2">
        <v>16.7</v>
      </c>
      <c r="W7749" s="2">
        <v>139.1</v>
      </c>
      <c r="X7749" s="2">
        <v>7.6</v>
      </c>
      <c r="Y7749" s="2">
        <v>16.7</v>
      </c>
      <c r="Z7749" s="5"/>
      <c r="AA7749" s="5" t="s">
        <v>43</v>
      </c>
      <c r="AB7749" s="5" t="s">
        <v>44</v>
      </c>
      <c r="AC7749" s="2"/>
      <c r="AD7749" s="1"/>
    </row>
    <row r="7750" spans="1:30">
      <c r="A7750" s="5" t="s">
        <v>83578</v>
      </c>
      <c r="B7750" s="2" t="s">
        <v>107369</v>
      </c>
      <c r="C7750" s="14" t="s">
        <v>107370</v>
      </c>
      <c r="D7750" s="2" t="s">
        <v>107371</v>
      </c>
      <c r="E7750" s="2" t="s">
        <v>7581</v>
      </c>
      <c r="F7750" s="8">
        <v>321</v>
      </c>
      <c r="G7750" s="5">
        <v>6</v>
      </c>
      <c r="H7750" s="5" t="s">
        <v>1518</v>
      </c>
      <c r="I7750" s="5" t="s">
        <v>69038</v>
      </c>
      <c r="J7750" s="2" t="s">
        <v>69039</v>
      </c>
      <c r="K7750" s="5" t="s">
        <v>69038</v>
      </c>
      <c r="L7750" s="2" t="s">
        <v>69039</v>
      </c>
      <c r="M7750" s="5" t="s">
        <v>1521</v>
      </c>
      <c r="N7750" s="5" t="s">
        <v>38</v>
      </c>
      <c r="O7750" s="5" t="s">
        <v>39</v>
      </c>
      <c r="P7750" s="5" t="s">
        <v>40</v>
      </c>
      <c r="Q7750" s="5" t="s">
        <v>1522</v>
      </c>
      <c r="R7750" s="5" t="s">
        <v>1523</v>
      </c>
      <c r="S7750" s="5" t="s">
        <v>42</v>
      </c>
      <c r="T7750" s="2">
        <v>3.7250000000000001</v>
      </c>
      <c r="U7750" s="2">
        <v>3.153</v>
      </c>
      <c r="V7750" s="2">
        <v>16.7</v>
      </c>
      <c r="W7750" s="2">
        <v>139.1</v>
      </c>
      <c r="X7750" s="2">
        <v>7.6</v>
      </c>
      <c r="Y7750" s="2">
        <v>16.7</v>
      </c>
      <c r="Z7750" s="5"/>
      <c r="AA7750" s="5" t="s">
        <v>43</v>
      </c>
      <c r="AB7750" s="5" t="s">
        <v>44</v>
      </c>
      <c r="AC7750" s="2"/>
      <c r="AD7750" s="1"/>
    </row>
    <row r="7751" spans="1:30">
      <c r="A7751" s="5" t="s">
        <v>83578</v>
      </c>
      <c r="B7751" s="2" t="s">
        <v>107372</v>
      </c>
      <c r="C7751" s="14" t="s">
        <v>107373</v>
      </c>
      <c r="D7751" s="2" t="s">
        <v>107374</v>
      </c>
      <c r="E7751" s="2" t="s">
        <v>7585</v>
      </c>
      <c r="F7751" s="8">
        <v>321</v>
      </c>
      <c r="G7751" s="5">
        <v>6</v>
      </c>
      <c r="H7751" s="5" t="s">
        <v>1518</v>
      </c>
      <c r="I7751" s="5" t="s">
        <v>69038</v>
      </c>
      <c r="J7751" s="2" t="s">
        <v>69039</v>
      </c>
      <c r="K7751" s="5" t="s">
        <v>69038</v>
      </c>
      <c r="L7751" s="2" t="s">
        <v>69039</v>
      </c>
      <c r="M7751" s="5" t="s">
        <v>1521</v>
      </c>
      <c r="N7751" s="5" t="s">
        <v>38</v>
      </c>
      <c r="O7751" s="5" t="s">
        <v>39</v>
      </c>
      <c r="P7751" s="5" t="s">
        <v>40</v>
      </c>
      <c r="Q7751" s="5" t="s">
        <v>1522</v>
      </c>
      <c r="R7751" s="5" t="s">
        <v>1523</v>
      </c>
      <c r="S7751" s="5" t="s">
        <v>42</v>
      </c>
      <c r="T7751" s="2">
        <v>3.605</v>
      </c>
      <c r="U7751" s="2">
        <v>3.0329999999999999</v>
      </c>
      <c r="V7751" s="2">
        <v>16.7</v>
      </c>
      <c r="W7751" s="2">
        <v>139.1</v>
      </c>
      <c r="X7751" s="2">
        <v>7.6</v>
      </c>
      <c r="Y7751" s="2">
        <v>16.7</v>
      </c>
      <c r="Z7751" s="5"/>
      <c r="AA7751" s="5" t="s">
        <v>43</v>
      </c>
      <c r="AB7751" s="5" t="s">
        <v>44</v>
      </c>
      <c r="AC7751" s="2"/>
      <c r="AD7751" s="1"/>
    </row>
    <row r="7752" spans="1:30">
      <c r="A7752" s="5" t="s">
        <v>83578</v>
      </c>
      <c r="B7752" s="2" t="s">
        <v>107375</v>
      </c>
      <c r="C7752" s="14" t="s">
        <v>107376</v>
      </c>
      <c r="D7752" s="2" t="s">
        <v>107377</v>
      </c>
      <c r="E7752" s="2" t="s">
        <v>7593</v>
      </c>
      <c r="F7752" s="8">
        <v>321</v>
      </c>
      <c r="G7752" s="5">
        <v>6</v>
      </c>
      <c r="H7752" s="5" t="s">
        <v>1518</v>
      </c>
      <c r="I7752" s="5" t="s">
        <v>69038</v>
      </c>
      <c r="J7752" s="2" t="s">
        <v>69039</v>
      </c>
      <c r="K7752" s="5" t="s">
        <v>69038</v>
      </c>
      <c r="L7752" s="2" t="s">
        <v>69039</v>
      </c>
      <c r="M7752" s="5" t="s">
        <v>1521</v>
      </c>
      <c r="N7752" s="5" t="s">
        <v>38</v>
      </c>
      <c r="O7752" s="5" t="s">
        <v>39</v>
      </c>
      <c r="P7752" s="5" t="s">
        <v>40</v>
      </c>
      <c r="Q7752" s="5" t="s">
        <v>1522</v>
      </c>
      <c r="R7752" s="5" t="s">
        <v>1523</v>
      </c>
      <c r="S7752" s="5" t="s">
        <v>42</v>
      </c>
      <c r="T7752" s="2">
        <v>3.605</v>
      </c>
      <c r="U7752" s="2">
        <v>3.0329999999999999</v>
      </c>
      <c r="V7752" s="2">
        <v>16.7</v>
      </c>
      <c r="W7752" s="2">
        <v>139.1</v>
      </c>
      <c r="X7752" s="2">
        <v>7.6</v>
      </c>
      <c r="Y7752" s="2">
        <v>16.7</v>
      </c>
      <c r="Z7752" s="5"/>
      <c r="AA7752" s="5" t="s">
        <v>43</v>
      </c>
      <c r="AB7752" s="5" t="s">
        <v>44</v>
      </c>
      <c r="AC7752" s="2"/>
      <c r="AD7752" s="1"/>
    </row>
    <row r="7753" spans="1:30">
      <c r="A7753" s="5" t="s">
        <v>83578</v>
      </c>
      <c r="B7753" s="2" t="s">
        <v>107378</v>
      </c>
      <c r="C7753" s="14" t="s">
        <v>107379</v>
      </c>
      <c r="D7753" s="2" t="s">
        <v>107380</v>
      </c>
      <c r="E7753" s="2" t="s">
        <v>7597</v>
      </c>
      <c r="F7753" s="8">
        <v>321</v>
      </c>
      <c r="G7753" s="5">
        <v>6</v>
      </c>
      <c r="H7753" s="5" t="s">
        <v>1518</v>
      </c>
      <c r="I7753" s="5" t="s">
        <v>69038</v>
      </c>
      <c r="J7753" s="2" t="s">
        <v>69039</v>
      </c>
      <c r="K7753" s="5" t="s">
        <v>69038</v>
      </c>
      <c r="L7753" s="2" t="s">
        <v>69039</v>
      </c>
      <c r="M7753" s="5" t="s">
        <v>1521</v>
      </c>
      <c r="N7753" s="5" t="s">
        <v>38</v>
      </c>
      <c r="O7753" s="5" t="s">
        <v>39</v>
      </c>
      <c r="P7753" s="5" t="s">
        <v>40</v>
      </c>
      <c r="Q7753" s="5" t="s">
        <v>1522</v>
      </c>
      <c r="R7753" s="5" t="s">
        <v>1523</v>
      </c>
      <c r="S7753" s="5" t="s">
        <v>42</v>
      </c>
      <c r="T7753" s="2">
        <v>3.7250000000000001</v>
      </c>
      <c r="U7753" s="2">
        <v>3.153</v>
      </c>
      <c r="V7753" s="2">
        <v>16.7</v>
      </c>
      <c r="W7753" s="2">
        <v>139.1</v>
      </c>
      <c r="X7753" s="2">
        <v>7.6</v>
      </c>
      <c r="Y7753" s="2">
        <v>16.7</v>
      </c>
      <c r="Z7753" s="5"/>
      <c r="AA7753" s="5" t="s">
        <v>43</v>
      </c>
      <c r="AB7753" s="5" t="s">
        <v>44</v>
      </c>
      <c r="AC7753" s="2"/>
      <c r="AD7753" s="1"/>
    </row>
    <row r="7754" spans="1:30">
      <c r="A7754" s="5" t="s">
        <v>83578</v>
      </c>
      <c r="B7754" s="2" t="s">
        <v>107381</v>
      </c>
      <c r="C7754" s="14" t="s">
        <v>107382</v>
      </c>
      <c r="D7754" s="2" t="s">
        <v>107383</v>
      </c>
      <c r="E7754" s="2" t="s">
        <v>73358</v>
      </c>
      <c r="F7754" s="8">
        <v>321</v>
      </c>
      <c r="G7754" s="5">
        <v>6</v>
      </c>
      <c r="H7754" s="5" t="s">
        <v>1518</v>
      </c>
      <c r="I7754" s="5" t="s">
        <v>69038</v>
      </c>
      <c r="J7754" s="2" t="s">
        <v>69039</v>
      </c>
      <c r="K7754" s="5" t="s">
        <v>69038</v>
      </c>
      <c r="L7754" s="2" t="s">
        <v>69039</v>
      </c>
      <c r="M7754" s="5" t="s">
        <v>1521</v>
      </c>
      <c r="N7754" s="5" t="s">
        <v>38</v>
      </c>
      <c r="O7754" s="5" t="s">
        <v>39</v>
      </c>
      <c r="P7754" s="5" t="s">
        <v>40</v>
      </c>
      <c r="Q7754" s="5" t="s">
        <v>1522</v>
      </c>
      <c r="R7754" s="5" t="s">
        <v>1523</v>
      </c>
      <c r="S7754" s="5" t="s">
        <v>42</v>
      </c>
      <c r="T7754" s="2">
        <v>3.605</v>
      </c>
      <c r="U7754" s="2">
        <v>3.0329999999999999</v>
      </c>
      <c r="V7754" s="2">
        <v>16.7</v>
      </c>
      <c r="W7754" s="2">
        <v>139.1</v>
      </c>
      <c r="X7754" s="2">
        <v>7.6</v>
      </c>
      <c r="Y7754" s="2">
        <v>16.7</v>
      </c>
      <c r="Z7754" s="5"/>
      <c r="AA7754" s="5" t="s">
        <v>43</v>
      </c>
      <c r="AB7754" s="5" t="s">
        <v>44</v>
      </c>
      <c r="AC7754" s="2"/>
      <c r="AD7754" s="1"/>
    </row>
    <row r="7755" spans="1:30">
      <c r="A7755" s="5" t="s">
        <v>83578</v>
      </c>
      <c r="B7755" s="2" t="s">
        <v>107384</v>
      </c>
      <c r="C7755" s="14" t="s">
        <v>107385</v>
      </c>
      <c r="D7755" s="2" t="s">
        <v>107386</v>
      </c>
      <c r="E7755" s="2" t="s">
        <v>73362</v>
      </c>
      <c r="F7755" s="8">
        <v>321</v>
      </c>
      <c r="G7755" s="5">
        <v>6</v>
      </c>
      <c r="H7755" s="5" t="s">
        <v>1518</v>
      </c>
      <c r="I7755" s="5" t="s">
        <v>69038</v>
      </c>
      <c r="J7755" s="2" t="s">
        <v>69039</v>
      </c>
      <c r="K7755" s="5" t="s">
        <v>69038</v>
      </c>
      <c r="L7755" s="2" t="s">
        <v>69039</v>
      </c>
      <c r="M7755" s="5" t="s">
        <v>1521</v>
      </c>
      <c r="N7755" s="5" t="s">
        <v>38</v>
      </c>
      <c r="O7755" s="5" t="s">
        <v>39</v>
      </c>
      <c r="P7755" s="5" t="s">
        <v>40</v>
      </c>
      <c r="Q7755" s="5" t="s">
        <v>1522</v>
      </c>
      <c r="R7755" s="5" t="s">
        <v>1523</v>
      </c>
      <c r="S7755" s="5" t="s">
        <v>42</v>
      </c>
      <c r="T7755" s="2">
        <v>3.7250000000000001</v>
      </c>
      <c r="U7755" s="2">
        <v>3.153</v>
      </c>
      <c r="V7755" s="2">
        <v>16.7</v>
      </c>
      <c r="W7755" s="2">
        <v>139.1</v>
      </c>
      <c r="X7755" s="2">
        <v>7.6</v>
      </c>
      <c r="Y7755" s="2">
        <v>16.7</v>
      </c>
      <c r="Z7755" s="5"/>
      <c r="AA7755" s="5" t="s">
        <v>43</v>
      </c>
      <c r="AB7755" s="5" t="s">
        <v>44</v>
      </c>
      <c r="AC7755" s="2"/>
      <c r="AD7755" s="1"/>
    </row>
    <row r="7756" spans="1:30">
      <c r="A7756" s="5" t="s">
        <v>83578</v>
      </c>
      <c r="B7756" s="2" t="s">
        <v>107387</v>
      </c>
      <c r="C7756" s="14" t="s">
        <v>107388</v>
      </c>
      <c r="D7756" s="2" t="s">
        <v>107389</v>
      </c>
      <c r="E7756" s="2" t="s">
        <v>7615</v>
      </c>
      <c r="F7756" s="8">
        <v>321</v>
      </c>
      <c r="G7756" s="5">
        <v>6</v>
      </c>
      <c r="H7756" s="5" t="s">
        <v>1518</v>
      </c>
      <c r="I7756" s="5" t="s">
        <v>69038</v>
      </c>
      <c r="J7756" s="2" t="s">
        <v>69039</v>
      </c>
      <c r="K7756" s="5" t="s">
        <v>69038</v>
      </c>
      <c r="L7756" s="2" t="s">
        <v>69039</v>
      </c>
      <c r="M7756" s="5" t="s">
        <v>1521</v>
      </c>
      <c r="N7756" s="5" t="s">
        <v>38</v>
      </c>
      <c r="O7756" s="5" t="s">
        <v>39</v>
      </c>
      <c r="P7756" s="5" t="s">
        <v>40</v>
      </c>
      <c r="Q7756" s="5" t="s">
        <v>1522</v>
      </c>
      <c r="R7756" s="5" t="s">
        <v>1523</v>
      </c>
      <c r="S7756" s="5" t="s">
        <v>42</v>
      </c>
      <c r="T7756" s="2">
        <v>3.605</v>
      </c>
      <c r="U7756" s="2">
        <v>3.0329999999999999</v>
      </c>
      <c r="V7756" s="2">
        <v>16.7</v>
      </c>
      <c r="W7756" s="2">
        <v>139.1</v>
      </c>
      <c r="X7756" s="2">
        <v>7.6</v>
      </c>
      <c r="Y7756" s="2">
        <v>16.7</v>
      </c>
      <c r="Z7756" s="5"/>
      <c r="AA7756" s="5" t="s">
        <v>43</v>
      </c>
      <c r="AB7756" s="5" t="s">
        <v>44</v>
      </c>
      <c r="AC7756" s="2"/>
      <c r="AD7756" s="1"/>
    </row>
    <row r="7757" spans="1:30">
      <c r="A7757" s="5" t="s">
        <v>83578</v>
      </c>
      <c r="B7757" s="2" t="s">
        <v>107390</v>
      </c>
      <c r="C7757" s="14" t="s">
        <v>107391</v>
      </c>
      <c r="D7757" s="2" t="s">
        <v>107392</v>
      </c>
      <c r="E7757" s="2" t="s">
        <v>7619</v>
      </c>
      <c r="F7757" s="8">
        <v>321</v>
      </c>
      <c r="G7757" s="5">
        <v>6</v>
      </c>
      <c r="H7757" s="5" t="s">
        <v>1518</v>
      </c>
      <c r="I7757" s="5" t="s">
        <v>69038</v>
      </c>
      <c r="J7757" s="2" t="s">
        <v>69039</v>
      </c>
      <c r="K7757" s="5" t="s">
        <v>69038</v>
      </c>
      <c r="L7757" s="2" t="s">
        <v>69039</v>
      </c>
      <c r="M7757" s="5" t="s">
        <v>1521</v>
      </c>
      <c r="N7757" s="5" t="s">
        <v>38</v>
      </c>
      <c r="O7757" s="5" t="s">
        <v>39</v>
      </c>
      <c r="P7757" s="5" t="s">
        <v>40</v>
      </c>
      <c r="Q7757" s="5" t="s">
        <v>1522</v>
      </c>
      <c r="R7757" s="5" t="s">
        <v>1523</v>
      </c>
      <c r="S7757" s="5" t="s">
        <v>42</v>
      </c>
      <c r="T7757" s="2">
        <v>3.7250000000000001</v>
      </c>
      <c r="U7757" s="2">
        <v>3.153</v>
      </c>
      <c r="V7757" s="2">
        <v>16.7</v>
      </c>
      <c r="W7757" s="2">
        <v>139.1</v>
      </c>
      <c r="X7757" s="2">
        <v>7.6</v>
      </c>
      <c r="Y7757" s="2">
        <v>16.7</v>
      </c>
      <c r="Z7757" s="5"/>
      <c r="AA7757" s="5" t="s">
        <v>43</v>
      </c>
      <c r="AB7757" s="5" t="s">
        <v>44</v>
      </c>
      <c r="AC7757" s="2"/>
      <c r="AD7757" s="1"/>
    </row>
    <row r="7758" spans="1:30">
      <c r="A7758" s="5" t="s">
        <v>83578</v>
      </c>
      <c r="B7758" s="2" t="s">
        <v>107393</v>
      </c>
      <c r="C7758" s="14" t="s">
        <v>107394</v>
      </c>
      <c r="D7758" s="2" t="s">
        <v>107395</v>
      </c>
      <c r="E7758" s="2" t="s">
        <v>16014</v>
      </c>
      <c r="F7758" s="8">
        <v>321</v>
      </c>
      <c r="G7758" s="5">
        <v>6</v>
      </c>
      <c r="H7758" s="5" t="s">
        <v>1518</v>
      </c>
      <c r="I7758" s="5" t="s">
        <v>69038</v>
      </c>
      <c r="J7758" s="2" t="s">
        <v>69039</v>
      </c>
      <c r="K7758" s="5" t="s">
        <v>69038</v>
      </c>
      <c r="L7758" s="2" t="s">
        <v>69039</v>
      </c>
      <c r="M7758" s="5" t="s">
        <v>1521</v>
      </c>
      <c r="N7758" s="5" t="s">
        <v>38</v>
      </c>
      <c r="O7758" s="5" t="s">
        <v>39</v>
      </c>
      <c r="P7758" s="5" t="s">
        <v>40</v>
      </c>
      <c r="Q7758" s="5" t="s">
        <v>1522</v>
      </c>
      <c r="R7758" s="5" t="s">
        <v>1523</v>
      </c>
      <c r="S7758" s="5" t="s">
        <v>42</v>
      </c>
      <c r="T7758" s="2">
        <v>3.605</v>
      </c>
      <c r="U7758" s="2">
        <v>3.0329999999999999</v>
      </c>
      <c r="V7758" s="2">
        <v>16.7</v>
      </c>
      <c r="W7758" s="2">
        <v>139.1</v>
      </c>
      <c r="X7758" s="2">
        <v>7.6</v>
      </c>
      <c r="Y7758" s="2">
        <v>16.7</v>
      </c>
      <c r="Z7758" s="5"/>
      <c r="AA7758" s="5" t="s">
        <v>43</v>
      </c>
      <c r="AB7758" s="5" t="s">
        <v>44</v>
      </c>
      <c r="AC7758" s="2"/>
      <c r="AD7758" s="1"/>
    </row>
    <row r="7759" spans="1:30">
      <c r="A7759" s="5" t="s">
        <v>83578</v>
      </c>
      <c r="B7759" s="2" t="s">
        <v>107396</v>
      </c>
      <c r="C7759" s="14" t="s">
        <v>107397</v>
      </c>
      <c r="D7759" s="2" t="s">
        <v>107398</v>
      </c>
      <c r="E7759" s="2" t="s">
        <v>7212</v>
      </c>
      <c r="F7759" s="8">
        <v>296</v>
      </c>
      <c r="G7759" s="5">
        <v>6</v>
      </c>
      <c r="H7759" s="5" t="s">
        <v>1518</v>
      </c>
      <c r="I7759" s="5" t="s">
        <v>69038</v>
      </c>
      <c r="J7759" s="2" t="s">
        <v>69039</v>
      </c>
      <c r="K7759" s="5" t="s">
        <v>69038</v>
      </c>
      <c r="L7759" s="2" t="s">
        <v>69039</v>
      </c>
      <c r="M7759" s="5" t="s">
        <v>1521</v>
      </c>
      <c r="N7759" s="5" t="s">
        <v>38</v>
      </c>
      <c r="O7759" s="5" t="s">
        <v>39</v>
      </c>
      <c r="P7759" s="5" t="s">
        <v>40</v>
      </c>
      <c r="Q7759" s="5" t="s">
        <v>1522</v>
      </c>
      <c r="R7759" s="5" t="s">
        <v>1523</v>
      </c>
      <c r="S7759" s="5" t="s">
        <v>42</v>
      </c>
      <c r="T7759" s="2">
        <v>3.605</v>
      </c>
      <c r="U7759" s="2">
        <v>3.0329999999999999</v>
      </c>
      <c r="V7759" s="2">
        <v>16.7</v>
      </c>
      <c r="W7759" s="2">
        <v>139.1</v>
      </c>
      <c r="X7759" s="2">
        <v>7.6</v>
      </c>
      <c r="Y7759" s="2">
        <v>16.7</v>
      </c>
      <c r="Z7759" s="5"/>
      <c r="AA7759" s="5" t="s">
        <v>43</v>
      </c>
      <c r="AB7759" s="5" t="s">
        <v>44</v>
      </c>
      <c r="AC7759" s="2"/>
      <c r="AD7759" s="1"/>
    </row>
    <row r="7760" spans="1:30">
      <c r="A7760" s="5" t="s">
        <v>83578</v>
      </c>
      <c r="B7760" s="2" t="s">
        <v>107399</v>
      </c>
      <c r="C7760" s="14" t="s">
        <v>107400</v>
      </c>
      <c r="D7760" s="2" t="s">
        <v>107401</v>
      </c>
      <c r="E7760" s="2" t="s">
        <v>7528</v>
      </c>
      <c r="F7760" s="8">
        <v>296</v>
      </c>
      <c r="G7760" s="5">
        <v>6</v>
      </c>
      <c r="H7760" s="5" t="s">
        <v>1518</v>
      </c>
      <c r="I7760" s="5" t="s">
        <v>69038</v>
      </c>
      <c r="J7760" s="2" t="s">
        <v>69039</v>
      </c>
      <c r="K7760" s="5" t="s">
        <v>69038</v>
      </c>
      <c r="L7760" s="2" t="s">
        <v>69039</v>
      </c>
      <c r="M7760" s="5" t="s">
        <v>1521</v>
      </c>
      <c r="N7760" s="5" t="s">
        <v>38</v>
      </c>
      <c r="O7760" s="5" t="s">
        <v>39</v>
      </c>
      <c r="P7760" s="5" t="s">
        <v>40</v>
      </c>
      <c r="Q7760" s="5" t="s">
        <v>1522</v>
      </c>
      <c r="R7760" s="5" t="s">
        <v>1523</v>
      </c>
      <c r="S7760" s="5" t="s">
        <v>42</v>
      </c>
      <c r="T7760" s="2">
        <v>3.7250000000000001</v>
      </c>
      <c r="U7760" s="2">
        <v>3.153</v>
      </c>
      <c r="V7760" s="2">
        <v>16.7</v>
      </c>
      <c r="W7760" s="2">
        <v>139.1</v>
      </c>
      <c r="X7760" s="2">
        <v>7.6</v>
      </c>
      <c r="Y7760" s="2">
        <v>16.7</v>
      </c>
      <c r="Z7760" s="5"/>
      <c r="AA7760" s="5" t="s">
        <v>43</v>
      </c>
      <c r="AB7760" s="5" t="s">
        <v>44</v>
      </c>
      <c r="AC7760" s="2"/>
      <c r="AD7760" s="1"/>
    </row>
    <row r="7761" spans="1:30">
      <c r="A7761" s="5" t="s">
        <v>83578</v>
      </c>
      <c r="B7761" s="2" t="s">
        <v>107402</v>
      </c>
      <c r="C7761" s="14" t="s">
        <v>107403</v>
      </c>
      <c r="D7761" s="2" t="s">
        <v>107404</v>
      </c>
      <c r="E7761" s="2" t="s">
        <v>7208</v>
      </c>
      <c r="F7761" s="8">
        <v>270</v>
      </c>
      <c r="G7761" s="5">
        <v>6</v>
      </c>
      <c r="H7761" s="5" t="s">
        <v>1518</v>
      </c>
      <c r="I7761" s="5" t="s">
        <v>69038</v>
      </c>
      <c r="J7761" s="2" t="s">
        <v>69039</v>
      </c>
      <c r="K7761" s="5" t="s">
        <v>69038</v>
      </c>
      <c r="L7761" s="2" t="s">
        <v>69039</v>
      </c>
      <c r="M7761" s="5" t="s">
        <v>1521</v>
      </c>
      <c r="N7761" s="5" t="s">
        <v>38</v>
      </c>
      <c r="O7761" s="5" t="s">
        <v>39</v>
      </c>
      <c r="P7761" s="5" t="s">
        <v>40</v>
      </c>
      <c r="Q7761" s="5" t="s">
        <v>1522</v>
      </c>
      <c r="R7761" s="5" t="s">
        <v>1523</v>
      </c>
      <c r="S7761" s="5" t="s">
        <v>42</v>
      </c>
      <c r="T7761" s="2">
        <v>2.8319999999999999</v>
      </c>
      <c r="U7761" s="2">
        <v>2.2200000000000002</v>
      </c>
      <c r="V7761" s="2">
        <v>16.7</v>
      </c>
      <c r="W7761" s="2">
        <v>139.1</v>
      </c>
      <c r="X7761" s="2">
        <v>7.6</v>
      </c>
      <c r="Y7761" s="2">
        <v>16.7</v>
      </c>
      <c r="Z7761" s="5"/>
      <c r="AA7761" s="5" t="s">
        <v>43</v>
      </c>
      <c r="AB7761" s="5" t="s">
        <v>44</v>
      </c>
      <c r="AC7761" s="2"/>
      <c r="AD7761" s="1"/>
    </row>
    <row r="7762" spans="1:30">
      <c r="A7762" s="5" t="s">
        <v>83578</v>
      </c>
      <c r="B7762" s="2" t="s">
        <v>107405</v>
      </c>
      <c r="C7762" s="14" t="s">
        <v>107406</v>
      </c>
      <c r="D7762" s="2" t="s">
        <v>107407</v>
      </c>
      <c r="E7762" s="2" t="s">
        <v>7521</v>
      </c>
      <c r="F7762" s="8">
        <v>270</v>
      </c>
      <c r="G7762" s="5">
        <v>6</v>
      </c>
      <c r="H7762" s="5" t="s">
        <v>1518</v>
      </c>
      <c r="I7762" s="5" t="s">
        <v>69038</v>
      </c>
      <c r="J7762" s="2" t="s">
        <v>69039</v>
      </c>
      <c r="K7762" s="5" t="s">
        <v>69038</v>
      </c>
      <c r="L7762" s="2" t="s">
        <v>69039</v>
      </c>
      <c r="M7762" s="5" t="s">
        <v>1521</v>
      </c>
      <c r="N7762" s="5" t="s">
        <v>38</v>
      </c>
      <c r="O7762" s="5" t="s">
        <v>39</v>
      </c>
      <c r="P7762" s="5" t="s">
        <v>40</v>
      </c>
      <c r="Q7762" s="5" t="s">
        <v>1522</v>
      </c>
      <c r="R7762" s="5" t="s">
        <v>1523</v>
      </c>
      <c r="S7762" s="5" t="s">
        <v>42</v>
      </c>
      <c r="T7762" s="2">
        <v>2.8980000000000001</v>
      </c>
      <c r="U7762" s="2">
        <v>2.286</v>
      </c>
      <c r="V7762" s="2">
        <v>16.7</v>
      </c>
      <c r="W7762" s="2">
        <v>139.1</v>
      </c>
      <c r="X7762" s="2">
        <v>7.6</v>
      </c>
      <c r="Y7762" s="2">
        <v>16.7</v>
      </c>
      <c r="Z7762" s="5"/>
      <c r="AA7762" s="5" t="s">
        <v>43</v>
      </c>
      <c r="AB7762" s="5" t="s">
        <v>44</v>
      </c>
      <c r="AC7762" s="2"/>
      <c r="AD7762" s="1"/>
    </row>
    <row r="7763" spans="1:30">
      <c r="A7763" s="5" t="s">
        <v>83578</v>
      </c>
      <c r="B7763" s="2" t="s">
        <v>107408</v>
      </c>
      <c r="C7763" s="14" t="s">
        <v>107409</v>
      </c>
      <c r="D7763" s="2" t="s">
        <v>107410</v>
      </c>
      <c r="E7763" s="2" t="s">
        <v>7406</v>
      </c>
      <c r="F7763" s="8">
        <v>291</v>
      </c>
      <c r="G7763" s="5">
        <v>6</v>
      </c>
      <c r="H7763" s="5" t="s">
        <v>1518</v>
      </c>
      <c r="I7763" s="5" t="s">
        <v>69038</v>
      </c>
      <c r="J7763" s="2" t="s">
        <v>69039</v>
      </c>
      <c r="K7763" s="5" t="s">
        <v>69038</v>
      </c>
      <c r="L7763" s="2" t="s">
        <v>69039</v>
      </c>
      <c r="M7763" s="5" t="s">
        <v>1521</v>
      </c>
      <c r="N7763" s="5" t="s">
        <v>38</v>
      </c>
      <c r="O7763" s="5" t="s">
        <v>39</v>
      </c>
      <c r="P7763" s="5" t="s">
        <v>40</v>
      </c>
      <c r="Q7763" s="5" t="s">
        <v>1522</v>
      </c>
      <c r="R7763" s="5" t="s">
        <v>1523</v>
      </c>
      <c r="S7763" s="5" t="s">
        <v>42</v>
      </c>
      <c r="T7763" s="2">
        <v>2.8319999999999999</v>
      </c>
      <c r="U7763" s="2">
        <v>2.2200000000000002</v>
      </c>
      <c r="V7763" s="2">
        <v>16.7</v>
      </c>
      <c r="W7763" s="2">
        <v>139.1</v>
      </c>
      <c r="X7763" s="2">
        <v>7.6</v>
      </c>
      <c r="Y7763" s="2">
        <v>16.7</v>
      </c>
      <c r="Z7763" s="5"/>
      <c r="AA7763" s="5" t="s">
        <v>43</v>
      </c>
      <c r="AB7763" s="5" t="s">
        <v>44</v>
      </c>
      <c r="AC7763" s="2"/>
      <c r="AD7763" s="1"/>
    </row>
    <row r="7764" spans="1:30">
      <c r="A7764" s="5" t="s">
        <v>83578</v>
      </c>
      <c r="B7764" s="2" t="s">
        <v>107411</v>
      </c>
      <c r="C7764" s="14" t="s">
        <v>107412</v>
      </c>
      <c r="D7764" s="2" t="s">
        <v>107413</v>
      </c>
      <c r="E7764" s="2" t="s">
        <v>7535</v>
      </c>
      <c r="F7764" s="8">
        <v>291</v>
      </c>
      <c r="G7764" s="5">
        <v>6</v>
      </c>
      <c r="H7764" s="5" t="s">
        <v>1518</v>
      </c>
      <c r="I7764" s="5" t="s">
        <v>69038</v>
      </c>
      <c r="J7764" s="2" t="s">
        <v>69039</v>
      </c>
      <c r="K7764" s="5" t="s">
        <v>69038</v>
      </c>
      <c r="L7764" s="2" t="s">
        <v>69039</v>
      </c>
      <c r="M7764" s="5" t="s">
        <v>1521</v>
      </c>
      <c r="N7764" s="5" t="s">
        <v>38</v>
      </c>
      <c r="O7764" s="5" t="s">
        <v>39</v>
      </c>
      <c r="P7764" s="5" t="s">
        <v>40</v>
      </c>
      <c r="Q7764" s="5" t="s">
        <v>1522</v>
      </c>
      <c r="R7764" s="5" t="s">
        <v>1523</v>
      </c>
      <c r="S7764" s="5" t="s">
        <v>42</v>
      </c>
      <c r="T7764" s="2">
        <v>2.8980000000000001</v>
      </c>
      <c r="U7764" s="2">
        <v>2.286</v>
      </c>
      <c r="V7764" s="2">
        <v>16.7</v>
      </c>
      <c r="W7764" s="2">
        <v>139.1</v>
      </c>
      <c r="X7764" s="2">
        <v>7.6</v>
      </c>
      <c r="Y7764" s="2">
        <v>16.7</v>
      </c>
      <c r="Z7764" s="5"/>
      <c r="AA7764" s="5" t="s">
        <v>43</v>
      </c>
      <c r="AB7764" s="5" t="s">
        <v>44</v>
      </c>
      <c r="AC7764" s="2"/>
      <c r="AD7764" s="1"/>
    </row>
    <row r="7765" spans="1:30">
      <c r="A7765" s="5" t="s">
        <v>83578</v>
      </c>
      <c r="B7765" s="2" t="s">
        <v>107414</v>
      </c>
      <c r="C7765" s="14" t="s">
        <v>107415</v>
      </c>
      <c r="D7765" s="2" t="s">
        <v>107416</v>
      </c>
      <c r="E7765" s="2" t="s">
        <v>7539</v>
      </c>
      <c r="F7765" s="8">
        <v>291</v>
      </c>
      <c r="G7765" s="5">
        <v>6</v>
      </c>
      <c r="H7765" s="5" t="s">
        <v>1518</v>
      </c>
      <c r="I7765" s="5" t="s">
        <v>69038</v>
      </c>
      <c r="J7765" s="2" t="s">
        <v>69039</v>
      </c>
      <c r="K7765" s="5" t="s">
        <v>69038</v>
      </c>
      <c r="L7765" s="2" t="s">
        <v>69039</v>
      </c>
      <c r="M7765" s="5" t="s">
        <v>1521</v>
      </c>
      <c r="N7765" s="5" t="s">
        <v>38</v>
      </c>
      <c r="O7765" s="5" t="s">
        <v>39</v>
      </c>
      <c r="P7765" s="5" t="s">
        <v>40</v>
      </c>
      <c r="Q7765" s="5" t="s">
        <v>1522</v>
      </c>
      <c r="R7765" s="5" t="s">
        <v>1523</v>
      </c>
      <c r="S7765" s="5" t="s">
        <v>42</v>
      </c>
      <c r="T7765" s="2">
        <v>2.8319999999999999</v>
      </c>
      <c r="U7765" s="2">
        <v>2.2200000000000002</v>
      </c>
      <c r="V7765" s="2">
        <v>16.7</v>
      </c>
      <c r="W7765" s="2">
        <v>139.1</v>
      </c>
      <c r="X7765" s="2">
        <v>7.6</v>
      </c>
      <c r="Y7765" s="2">
        <v>16.7</v>
      </c>
      <c r="Z7765" s="5"/>
      <c r="AA7765" s="5" t="s">
        <v>43</v>
      </c>
      <c r="AB7765" s="5" t="s">
        <v>44</v>
      </c>
      <c r="AC7765" s="2"/>
      <c r="AD7765" s="1"/>
    </row>
    <row r="7766" spans="1:30">
      <c r="A7766" s="5" t="s">
        <v>83578</v>
      </c>
      <c r="B7766" s="2" t="s">
        <v>107417</v>
      </c>
      <c r="C7766" s="14" t="s">
        <v>107418</v>
      </c>
      <c r="D7766" s="2" t="s">
        <v>107419</v>
      </c>
      <c r="E7766" s="2" t="s">
        <v>7543</v>
      </c>
      <c r="F7766" s="8">
        <v>291</v>
      </c>
      <c r="G7766" s="5">
        <v>6</v>
      </c>
      <c r="H7766" s="5" t="s">
        <v>1518</v>
      </c>
      <c r="I7766" s="5" t="s">
        <v>69038</v>
      </c>
      <c r="J7766" s="2" t="s">
        <v>69039</v>
      </c>
      <c r="K7766" s="5" t="s">
        <v>69038</v>
      </c>
      <c r="L7766" s="2" t="s">
        <v>69039</v>
      </c>
      <c r="M7766" s="5" t="s">
        <v>1521</v>
      </c>
      <c r="N7766" s="5" t="s">
        <v>38</v>
      </c>
      <c r="O7766" s="5" t="s">
        <v>39</v>
      </c>
      <c r="P7766" s="5" t="s">
        <v>40</v>
      </c>
      <c r="Q7766" s="5" t="s">
        <v>1522</v>
      </c>
      <c r="R7766" s="5" t="s">
        <v>1523</v>
      </c>
      <c r="S7766" s="5" t="s">
        <v>42</v>
      </c>
      <c r="T7766" s="2">
        <v>2.8980000000000001</v>
      </c>
      <c r="U7766" s="2">
        <v>2.286</v>
      </c>
      <c r="V7766" s="2">
        <v>16.7</v>
      </c>
      <c r="W7766" s="2">
        <v>139.1</v>
      </c>
      <c r="X7766" s="2">
        <v>7.6</v>
      </c>
      <c r="Y7766" s="2">
        <v>16.7</v>
      </c>
      <c r="Z7766" s="5"/>
      <c r="AA7766" s="5" t="s">
        <v>43</v>
      </c>
      <c r="AB7766" s="5" t="s">
        <v>44</v>
      </c>
      <c r="AC7766" s="2"/>
      <c r="AD7766" s="1"/>
    </row>
    <row r="7767" spans="1:30">
      <c r="A7767" s="5" t="s">
        <v>83578</v>
      </c>
      <c r="B7767" s="2" t="s">
        <v>107420</v>
      </c>
      <c r="C7767" s="14" t="s">
        <v>107421</v>
      </c>
      <c r="D7767" s="2" t="s">
        <v>107422</v>
      </c>
      <c r="E7767" s="2" t="s">
        <v>7396</v>
      </c>
      <c r="F7767" s="8">
        <v>270</v>
      </c>
      <c r="G7767" s="5">
        <v>6</v>
      </c>
      <c r="H7767" s="5" t="s">
        <v>1518</v>
      </c>
      <c r="I7767" s="5" t="s">
        <v>69038</v>
      </c>
      <c r="J7767" s="2" t="s">
        <v>69039</v>
      </c>
      <c r="K7767" s="5" t="s">
        <v>69038</v>
      </c>
      <c r="L7767" s="2" t="s">
        <v>69039</v>
      </c>
      <c r="M7767" s="5" t="s">
        <v>1521</v>
      </c>
      <c r="N7767" s="5" t="s">
        <v>38</v>
      </c>
      <c r="O7767" s="5" t="s">
        <v>39</v>
      </c>
      <c r="P7767" s="5" t="s">
        <v>40</v>
      </c>
      <c r="Q7767" s="5" t="s">
        <v>1522</v>
      </c>
      <c r="R7767" s="5" t="s">
        <v>1523</v>
      </c>
      <c r="S7767" s="5" t="s">
        <v>42</v>
      </c>
      <c r="T7767" s="2">
        <v>2.8319999999999999</v>
      </c>
      <c r="U7767" s="2">
        <v>2.2200000000000002</v>
      </c>
      <c r="V7767" s="2">
        <v>16.7</v>
      </c>
      <c r="W7767" s="2">
        <v>139.1</v>
      </c>
      <c r="X7767" s="2">
        <v>7.6</v>
      </c>
      <c r="Y7767" s="2">
        <v>16.7</v>
      </c>
      <c r="Z7767" s="5"/>
      <c r="AA7767" s="5" t="s">
        <v>43</v>
      </c>
      <c r="AB7767" s="5" t="s">
        <v>44</v>
      </c>
      <c r="AC7767" s="2"/>
      <c r="AD7767" s="1"/>
    </row>
    <row r="7768" spans="1:30">
      <c r="A7768" s="5" t="s">
        <v>83578</v>
      </c>
      <c r="B7768" s="2" t="s">
        <v>107423</v>
      </c>
      <c r="C7768" s="14" t="s">
        <v>107424</v>
      </c>
      <c r="D7768" s="2" t="s">
        <v>107425</v>
      </c>
      <c r="E7768" s="2" t="s">
        <v>7507</v>
      </c>
      <c r="F7768" s="8">
        <v>270</v>
      </c>
      <c r="G7768" s="5">
        <v>6</v>
      </c>
      <c r="H7768" s="5" t="s">
        <v>1518</v>
      </c>
      <c r="I7768" s="5" t="s">
        <v>69038</v>
      </c>
      <c r="J7768" s="2" t="s">
        <v>69039</v>
      </c>
      <c r="K7768" s="5" t="s">
        <v>69038</v>
      </c>
      <c r="L7768" s="2" t="s">
        <v>69039</v>
      </c>
      <c r="M7768" s="5" t="s">
        <v>1521</v>
      </c>
      <c r="N7768" s="5" t="s">
        <v>38</v>
      </c>
      <c r="O7768" s="5" t="s">
        <v>39</v>
      </c>
      <c r="P7768" s="5" t="s">
        <v>40</v>
      </c>
      <c r="Q7768" s="5" t="s">
        <v>1522</v>
      </c>
      <c r="R7768" s="5" t="s">
        <v>1523</v>
      </c>
      <c r="S7768" s="5" t="s">
        <v>42</v>
      </c>
      <c r="T7768" s="2">
        <v>2.8980000000000001</v>
      </c>
      <c r="U7768" s="2">
        <v>2.286</v>
      </c>
      <c r="V7768" s="2">
        <v>16.7</v>
      </c>
      <c r="W7768" s="2">
        <v>139.1</v>
      </c>
      <c r="X7768" s="2">
        <v>7.6</v>
      </c>
      <c r="Y7768" s="2">
        <v>16.7</v>
      </c>
      <c r="Z7768" s="5"/>
      <c r="AA7768" s="5" t="s">
        <v>43</v>
      </c>
      <c r="AB7768" s="5" t="s">
        <v>44</v>
      </c>
      <c r="AC7768" s="2"/>
      <c r="AD7768" s="1"/>
    </row>
    <row r="7769" spans="1:30">
      <c r="A7769" s="5" t="s">
        <v>83578</v>
      </c>
      <c r="B7769" s="2" t="s">
        <v>107426</v>
      </c>
      <c r="C7769" s="14" t="s">
        <v>107427</v>
      </c>
      <c r="D7769" s="2" t="s">
        <v>107428</v>
      </c>
      <c r="E7769" s="2" t="s">
        <v>7547</v>
      </c>
      <c r="F7769" s="8">
        <v>291</v>
      </c>
      <c r="G7769" s="5">
        <v>6</v>
      </c>
      <c r="H7769" s="5" t="s">
        <v>1518</v>
      </c>
      <c r="I7769" s="5" t="s">
        <v>69038</v>
      </c>
      <c r="J7769" s="2" t="s">
        <v>69039</v>
      </c>
      <c r="K7769" s="5" t="s">
        <v>69038</v>
      </c>
      <c r="L7769" s="2" t="s">
        <v>69039</v>
      </c>
      <c r="M7769" s="5" t="s">
        <v>1521</v>
      </c>
      <c r="N7769" s="5" t="s">
        <v>38</v>
      </c>
      <c r="O7769" s="5" t="s">
        <v>39</v>
      </c>
      <c r="P7769" s="5" t="s">
        <v>40</v>
      </c>
      <c r="Q7769" s="5" t="s">
        <v>1522</v>
      </c>
      <c r="R7769" s="5" t="s">
        <v>1523</v>
      </c>
      <c r="S7769" s="5" t="s">
        <v>42</v>
      </c>
      <c r="T7769" s="2">
        <v>2.8319999999999999</v>
      </c>
      <c r="U7769" s="2">
        <v>2.2200000000000002</v>
      </c>
      <c r="V7769" s="2">
        <v>16.7</v>
      </c>
      <c r="W7769" s="2">
        <v>139.1</v>
      </c>
      <c r="X7769" s="2">
        <v>7.6</v>
      </c>
      <c r="Y7769" s="2">
        <v>16.7</v>
      </c>
      <c r="Z7769" s="5"/>
      <c r="AA7769" s="5" t="s">
        <v>43</v>
      </c>
      <c r="AB7769" s="5" t="s">
        <v>44</v>
      </c>
      <c r="AC7769" s="2"/>
      <c r="AD7769" s="1"/>
    </row>
    <row r="7770" spans="1:30">
      <c r="A7770" s="5" t="s">
        <v>83578</v>
      </c>
      <c r="B7770" s="2" t="s">
        <v>107429</v>
      </c>
      <c r="C7770" s="14" t="s">
        <v>107430</v>
      </c>
      <c r="D7770" s="2" t="s">
        <v>107431</v>
      </c>
      <c r="E7770" s="2" t="s">
        <v>7551</v>
      </c>
      <c r="F7770" s="8">
        <v>291</v>
      </c>
      <c r="G7770" s="5">
        <v>6</v>
      </c>
      <c r="H7770" s="5" t="s">
        <v>1518</v>
      </c>
      <c r="I7770" s="5" t="s">
        <v>69038</v>
      </c>
      <c r="J7770" s="2" t="s">
        <v>69039</v>
      </c>
      <c r="K7770" s="5" t="s">
        <v>69038</v>
      </c>
      <c r="L7770" s="2" t="s">
        <v>69039</v>
      </c>
      <c r="M7770" s="5" t="s">
        <v>1521</v>
      </c>
      <c r="N7770" s="5" t="s">
        <v>38</v>
      </c>
      <c r="O7770" s="5" t="s">
        <v>39</v>
      </c>
      <c r="P7770" s="5" t="s">
        <v>40</v>
      </c>
      <c r="Q7770" s="5" t="s">
        <v>1522</v>
      </c>
      <c r="R7770" s="5" t="s">
        <v>1523</v>
      </c>
      <c r="S7770" s="5" t="s">
        <v>42</v>
      </c>
      <c r="T7770" s="2">
        <v>2.8980000000000001</v>
      </c>
      <c r="U7770" s="2">
        <v>2.286</v>
      </c>
      <c r="V7770" s="2">
        <v>16.7</v>
      </c>
      <c r="W7770" s="2">
        <v>139.1</v>
      </c>
      <c r="X7770" s="2">
        <v>7.6</v>
      </c>
      <c r="Y7770" s="2">
        <v>16.7</v>
      </c>
      <c r="Z7770" s="5"/>
      <c r="AA7770" s="5" t="s">
        <v>43</v>
      </c>
      <c r="AB7770" s="5" t="s">
        <v>44</v>
      </c>
      <c r="AC7770" s="2"/>
      <c r="AD7770" s="1"/>
    </row>
    <row r="7771" spans="1:30">
      <c r="A7771" s="5" t="s">
        <v>83578</v>
      </c>
      <c r="B7771" s="2" t="s">
        <v>107432</v>
      </c>
      <c r="C7771" s="14" t="s">
        <v>107433</v>
      </c>
      <c r="D7771" s="2" t="s">
        <v>107434</v>
      </c>
      <c r="E7771" s="2" t="s">
        <v>7563</v>
      </c>
      <c r="F7771" s="8">
        <v>291</v>
      </c>
      <c r="G7771" s="5">
        <v>6</v>
      </c>
      <c r="H7771" s="5" t="s">
        <v>1518</v>
      </c>
      <c r="I7771" s="5" t="s">
        <v>69038</v>
      </c>
      <c r="J7771" s="2" t="s">
        <v>69039</v>
      </c>
      <c r="K7771" s="5" t="s">
        <v>69038</v>
      </c>
      <c r="L7771" s="2" t="s">
        <v>69039</v>
      </c>
      <c r="M7771" s="5" t="s">
        <v>1521</v>
      </c>
      <c r="N7771" s="5" t="s">
        <v>38</v>
      </c>
      <c r="O7771" s="5" t="s">
        <v>39</v>
      </c>
      <c r="P7771" s="5" t="s">
        <v>40</v>
      </c>
      <c r="Q7771" s="5" t="s">
        <v>1522</v>
      </c>
      <c r="R7771" s="5" t="s">
        <v>1523</v>
      </c>
      <c r="S7771" s="5" t="s">
        <v>42</v>
      </c>
      <c r="T7771" s="2">
        <v>2.8319999999999999</v>
      </c>
      <c r="U7771" s="2">
        <v>2.2200000000000002</v>
      </c>
      <c r="V7771" s="2">
        <v>16.7</v>
      </c>
      <c r="W7771" s="2">
        <v>139.1</v>
      </c>
      <c r="X7771" s="2">
        <v>7.6</v>
      </c>
      <c r="Y7771" s="2">
        <v>16.7</v>
      </c>
      <c r="Z7771" s="5"/>
      <c r="AA7771" s="5" t="s">
        <v>43</v>
      </c>
      <c r="AB7771" s="5" t="s">
        <v>44</v>
      </c>
      <c r="AC7771" s="2"/>
      <c r="AD7771" s="1"/>
    </row>
    <row r="7772" spans="1:30">
      <c r="A7772" s="5" t="s">
        <v>83578</v>
      </c>
      <c r="B7772" s="2" t="s">
        <v>107435</v>
      </c>
      <c r="C7772" s="14" t="s">
        <v>107436</v>
      </c>
      <c r="D7772" s="2" t="s">
        <v>107437</v>
      </c>
      <c r="E7772" s="2" t="s">
        <v>7567</v>
      </c>
      <c r="F7772" s="8">
        <v>291</v>
      </c>
      <c r="G7772" s="5">
        <v>6</v>
      </c>
      <c r="H7772" s="5" t="s">
        <v>1518</v>
      </c>
      <c r="I7772" s="5" t="s">
        <v>69038</v>
      </c>
      <c r="J7772" s="2" t="s">
        <v>69039</v>
      </c>
      <c r="K7772" s="5" t="s">
        <v>69038</v>
      </c>
      <c r="L7772" s="2" t="s">
        <v>69039</v>
      </c>
      <c r="M7772" s="5" t="s">
        <v>1521</v>
      </c>
      <c r="N7772" s="5" t="s">
        <v>38</v>
      </c>
      <c r="O7772" s="5" t="s">
        <v>39</v>
      </c>
      <c r="P7772" s="5" t="s">
        <v>40</v>
      </c>
      <c r="Q7772" s="5" t="s">
        <v>1522</v>
      </c>
      <c r="R7772" s="5" t="s">
        <v>1523</v>
      </c>
      <c r="S7772" s="5" t="s">
        <v>42</v>
      </c>
      <c r="T7772" s="2">
        <v>2.8980000000000001</v>
      </c>
      <c r="U7772" s="2">
        <v>2.286</v>
      </c>
      <c r="V7772" s="2">
        <v>16.7</v>
      </c>
      <c r="W7772" s="2">
        <v>139.1</v>
      </c>
      <c r="X7772" s="2">
        <v>7.6</v>
      </c>
      <c r="Y7772" s="2">
        <v>16.7</v>
      </c>
      <c r="Z7772" s="5"/>
      <c r="AA7772" s="5" t="s">
        <v>43</v>
      </c>
      <c r="AB7772" s="5" t="s">
        <v>44</v>
      </c>
      <c r="AC7772" s="2"/>
      <c r="AD7772" s="1"/>
    </row>
    <row r="7773" spans="1:30">
      <c r="A7773" s="5" t="s">
        <v>83578</v>
      </c>
      <c r="B7773" s="2" t="s">
        <v>107438</v>
      </c>
      <c r="C7773" s="14" t="s">
        <v>107439</v>
      </c>
      <c r="D7773" s="2" t="s">
        <v>107440</v>
      </c>
      <c r="E7773" s="2" t="s">
        <v>7555</v>
      </c>
      <c r="F7773" s="8">
        <v>291</v>
      </c>
      <c r="G7773" s="5">
        <v>6</v>
      </c>
      <c r="H7773" s="5" t="s">
        <v>1518</v>
      </c>
      <c r="I7773" s="5" t="s">
        <v>69038</v>
      </c>
      <c r="J7773" s="2" t="s">
        <v>69039</v>
      </c>
      <c r="K7773" s="5" t="s">
        <v>69038</v>
      </c>
      <c r="L7773" s="2" t="s">
        <v>69039</v>
      </c>
      <c r="M7773" s="5" t="s">
        <v>1521</v>
      </c>
      <c r="N7773" s="5" t="s">
        <v>38</v>
      </c>
      <c r="O7773" s="5" t="s">
        <v>39</v>
      </c>
      <c r="P7773" s="5" t="s">
        <v>40</v>
      </c>
      <c r="Q7773" s="5" t="s">
        <v>1522</v>
      </c>
      <c r="R7773" s="5" t="s">
        <v>1523</v>
      </c>
      <c r="S7773" s="5" t="s">
        <v>42</v>
      </c>
      <c r="T7773" s="2">
        <v>2.8319999999999999</v>
      </c>
      <c r="U7773" s="2">
        <v>2.2200000000000002</v>
      </c>
      <c r="V7773" s="2">
        <v>16.7</v>
      </c>
      <c r="W7773" s="2">
        <v>139.1</v>
      </c>
      <c r="X7773" s="2">
        <v>7.6</v>
      </c>
      <c r="Y7773" s="2">
        <v>16.7</v>
      </c>
      <c r="Z7773" s="5"/>
      <c r="AA7773" s="5" t="s">
        <v>43</v>
      </c>
      <c r="AB7773" s="5" t="s">
        <v>44</v>
      </c>
      <c r="AC7773" s="2"/>
      <c r="AD7773" s="1"/>
    </row>
    <row r="7774" spans="1:30">
      <c r="A7774" s="5" t="s">
        <v>83578</v>
      </c>
      <c r="B7774" s="2" t="s">
        <v>107441</v>
      </c>
      <c r="C7774" s="14" t="s">
        <v>107442</v>
      </c>
      <c r="D7774" s="2" t="s">
        <v>107443</v>
      </c>
      <c r="E7774" s="2" t="s">
        <v>7559</v>
      </c>
      <c r="F7774" s="8">
        <v>291</v>
      </c>
      <c r="G7774" s="5">
        <v>6</v>
      </c>
      <c r="H7774" s="5" t="s">
        <v>1518</v>
      </c>
      <c r="I7774" s="5" t="s">
        <v>69038</v>
      </c>
      <c r="J7774" s="2" t="s">
        <v>69039</v>
      </c>
      <c r="K7774" s="5" t="s">
        <v>69038</v>
      </c>
      <c r="L7774" s="2" t="s">
        <v>69039</v>
      </c>
      <c r="M7774" s="5" t="s">
        <v>1521</v>
      </c>
      <c r="N7774" s="5" t="s">
        <v>38</v>
      </c>
      <c r="O7774" s="5" t="s">
        <v>39</v>
      </c>
      <c r="P7774" s="5" t="s">
        <v>40</v>
      </c>
      <c r="Q7774" s="5" t="s">
        <v>1522</v>
      </c>
      <c r="R7774" s="5" t="s">
        <v>1523</v>
      </c>
      <c r="S7774" s="5" t="s">
        <v>42</v>
      </c>
      <c r="T7774" s="2">
        <v>2.8980000000000001</v>
      </c>
      <c r="U7774" s="2">
        <v>2.286</v>
      </c>
      <c r="V7774" s="2">
        <v>16.7</v>
      </c>
      <c r="W7774" s="2">
        <v>139.1</v>
      </c>
      <c r="X7774" s="2">
        <v>7.6</v>
      </c>
      <c r="Y7774" s="2">
        <v>16.7</v>
      </c>
      <c r="Z7774" s="5"/>
      <c r="AA7774" s="5" t="s">
        <v>43</v>
      </c>
      <c r="AB7774" s="5" t="s">
        <v>44</v>
      </c>
      <c r="AC7774" s="2"/>
      <c r="AD7774" s="1"/>
    </row>
    <row r="7775" spans="1:30">
      <c r="A7775" s="5" t="s">
        <v>83578</v>
      </c>
      <c r="B7775" s="2" t="s">
        <v>107444</v>
      </c>
      <c r="C7775" s="14" t="s">
        <v>107445</v>
      </c>
      <c r="D7775" s="2" t="s">
        <v>107446</v>
      </c>
      <c r="E7775" s="2" t="s">
        <v>16079</v>
      </c>
      <c r="F7775" s="8">
        <v>291</v>
      </c>
      <c r="G7775" s="5">
        <v>6</v>
      </c>
      <c r="H7775" s="5" t="s">
        <v>1518</v>
      </c>
      <c r="I7775" s="5" t="s">
        <v>69038</v>
      </c>
      <c r="J7775" s="2" t="s">
        <v>69039</v>
      </c>
      <c r="K7775" s="5" t="s">
        <v>69038</v>
      </c>
      <c r="L7775" s="2" t="s">
        <v>69039</v>
      </c>
      <c r="M7775" s="5" t="s">
        <v>1521</v>
      </c>
      <c r="N7775" s="5" t="s">
        <v>38</v>
      </c>
      <c r="O7775" s="5" t="s">
        <v>39</v>
      </c>
      <c r="P7775" s="5" t="s">
        <v>40</v>
      </c>
      <c r="Q7775" s="5" t="s">
        <v>1522</v>
      </c>
      <c r="R7775" s="5" t="s">
        <v>1523</v>
      </c>
      <c r="S7775" s="5" t="s">
        <v>42</v>
      </c>
      <c r="T7775" s="2">
        <v>2.8319999999999999</v>
      </c>
      <c r="U7775" s="2">
        <v>2.2200000000000002</v>
      </c>
      <c r="V7775" s="2">
        <v>16.7</v>
      </c>
      <c r="W7775" s="2">
        <v>139.1</v>
      </c>
      <c r="X7775" s="2">
        <v>7.6</v>
      </c>
      <c r="Y7775" s="2">
        <v>16.7</v>
      </c>
      <c r="Z7775" s="5"/>
      <c r="AA7775" s="5" t="s">
        <v>43</v>
      </c>
      <c r="AB7775" s="5" t="s">
        <v>44</v>
      </c>
      <c r="AC7775" s="2"/>
      <c r="AD7775" s="1"/>
    </row>
    <row r="7776" spans="1:30">
      <c r="A7776" s="5" t="s">
        <v>83578</v>
      </c>
      <c r="B7776" s="2" t="s">
        <v>107447</v>
      </c>
      <c r="C7776" s="14" t="s">
        <v>107448</v>
      </c>
      <c r="D7776" s="2" t="s">
        <v>107449</v>
      </c>
      <c r="E7776" s="2" t="s">
        <v>16194</v>
      </c>
      <c r="F7776" s="8">
        <v>291</v>
      </c>
      <c r="G7776" s="5">
        <v>6</v>
      </c>
      <c r="H7776" s="5" t="s">
        <v>1518</v>
      </c>
      <c r="I7776" s="5" t="s">
        <v>69038</v>
      </c>
      <c r="J7776" s="2" t="s">
        <v>69039</v>
      </c>
      <c r="K7776" s="5" t="s">
        <v>69038</v>
      </c>
      <c r="L7776" s="2" t="s">
        <v>69039</v>
      </c>
      <c r="M7776" s="5" t="s">
        <v>1521</v>
      </c>
      <c r="N7776" s="5" t="s">
        <v>38</v>
      </c>
      <c r="O7776" s="5" t="s">
        <v>39</v>
      </c>
      <c r="P7776" s="5" t="s">
        <v>40</v>
      </c>
      <c r="Q7776" s="5" t="s">
        <v>1522</v>
      </c>
      <c r="R7776" s="5" t="s">
        <v>1523</v>
      </c>
      <c r="S7776" s="5" t="s">
        <v>42</v>
      </c>
      <c r="T7776" s="2">
        <v>2.8980000000000001</v>
      </c>
      <c r="U7776" s="2">
        <v>2.286</v>
      </c>
      <c r="V7776" s="2">
        <v>16.7</v>
      </c>
      <c r="W7776" s="2">
        <v>139.1</v>
      </c>
      <c r="X7776" s="2">
        <v>7.6</v>
      </c>
      <c r="Y7776" s="2">
        <v>16.7</v>
      </c>
      <c r="Z7776" s="5"/>
      <c r="AA7776" s="5" t="s">
        <v>43</v>
      </c>
      <c r="AB7776" s="5" t="s">
        <v>44</v>
      </c>
      <c r="AC7776" s="2"/>
      <c r="AD7776" s="1"/>
    </row>
    <row r="7777" spans="1:30">
      <c r="A7777" s="5" t="s">
        <v>83578</v>
      </c>
      <c r="B7777" s="2" t="s">
        <v>107450</v>
      </c>
      <c r="C7777" s="14" t="s">
        <v>107451</v>
      </c>
      <c r="D7777" s="2" t="s">
        <v>107452</v>
      </c>
      <c r="E7777" s="2" t="s">
        <v>7449</v>
      </c>
      <c r="F7777" s="8">
        <v>291</v>
      </c>
      <c r="G7777" s="5">
        <v>6</v>
      </c>
      <c r="H7777" s="5" t="s">
        <v>1518</v>
      </c>
      <c r="I7777" s="5" t="s">
        <v>69038</v>
      </c>
      <c r="J7777" s="2" t="s">
        <v>69039</v>
      </c>
      <c r="K7777" s="5" t="s">
        <v>69038</v>
      </c>
      <c r="L7777" s="2" t="s">
        <v>69039</v>
      </c>
      <c r="M7777" s="5" t="s">
        <v>1521</v>
      </c>
      <c r="N7777" s="5" t="s">
        <v>38</v>
      </c>
      <c r="O7777" s="5" t="s">
        <v>39</v>
      </c>
      <c r="P7777" s="5" t="s">
        <v>40</v>
      </c>
      <c r="Q7777" s="5" t="s">
        <v>1522</v>
      </c>
      <c r="R7777" s="5" t="s">
        <v>1523</v>
      </c>
      <c r="S7777" s="5" t="s">
        <v>42</v>
      </c>
      <c r="T7777" s="2">
        <v>2.8319999999999999</v>
      </c>
      <c r="U7777" s="2">
        <v>2.2200000000000002</v>
      </c>
      <c r="V7777" s="2">
        <v>16.7</v>
      </c>
      <c r="W7777" s="2">
        <v>139.1</v>
      </c>
      <c r="X7777" s="2">
        <v>7.6</v>
      </c>
      <c r="Y7777" s="2">
        <v>16.7</v>
      </c>
      <c r="Z7777" s="5"/>
      <c r="AA7777" s="5" t="s">
        <v>43</v>
      </c>
      <c r="AB7777" s="5" t="s">
        <v>44</v>
      </c>
      <c r="AC7777" s="2"/>
      <c r="AD7777" s="1"/>
    </row>
    <row r="7778" spans="1:30">
      <c r="A7778" s="5" t="s">
        <v>83578</v>
      </c>
      <c r="B7778" s="2" t="s">
        <v>107453</v>
      </c>
      <c r="C7778" s="14" t="s">
        <v>107454</v>
      </c>
      <c r="D7778" s="2" t="s">
        <v>107455</v>
      </c>
      <c r="E7778" s="2" t="s">
        <v>7581</v>
      </c>
      <c r="F7778" s="8">
        <v>291</v>
      </c>
      <c r="G7778" s="5">
        <v>6</v>
      </c>
      <c r="H7778" s="5" t="s">
        <v>1518</v>
      </c>
      <c r="I7778" s="5" t="s">
        <v>69038</v>
      </c>
      <c r="J7778" s="2" t="s">
        <v>69039</v>
      </c>
      <c r="K7778" s="5" t="s">
        <v>69038</v>
      </c>
      <c r="L7778" s="2" t="s">
        <v>69039</v>
      </c>
      <c r="M7778" s="5" t="s">
        <v>1521</v>
      </c>
      <c r="N7778" s="5" t="s">
        <v>38</v>
      </c>
      <c r="O7778" s="5" t="s">
        <v>39</v>
      </c>
      <c r="P7778" s="5" t="s">
        <v>40</v>
      </c>
      <c r="Q7778" s="5" t="s">
        <v>1522</v>
      </c>
      <c r="R7778" s="5" t="s">
        <v>1523</v>
      </c>
      <c r="S7778" s="5" t="s">
        <v>42</v>
      </c>
      <c r="T7778" s="2">
        <v>2.8980000000000001</v>
      </c>
      <c r="U7778" s="2">
        <v>2.286</v>
      </c>
      <c r="V7778" s="2">
        <v>16.7</v>
      </c>
      <c r="W7778" s="2">
        <v>139.1</v>
      </c>
      <c r="X7778" s="2">
        <v>7.6</v>
      </c>
      <c r="Y7778" s="2">
        <v>16.7</v>
      </c>
      <c r="Z7778" s="5"/>
      <c r="AA7778" s="5" t="s">
        <v>43</v>
      </c>
      <c r="AB7778" s="5" t="s">
        <v>44</v>
      </c>
      <c r="AC7778" s="2"/>
      <c r="AD7778" s="1"/>
    </row>
    <row r="7779" spans="1:30">
      <c r="A7779" s="5" t="s">
        <v>83578</v>
      </c>
      <c r="B7779" s="2" t="s">
        <v>107456</v>
      </c>
      <c r="C7779" s="14" t="s">
        <v>107457</v>
      </c>
      <c r="D7779" s="2" t="s">
        <v>107458</v>
      </c>
      <c r="E7779" s="2" t="s">
        <v>7585</v>
      </c>
      <c r="F7779" s="8">
        <v>291</v>
      </c>
      <c r="G7779" s="5">
        <v>6</v>
      </c>
      <c r="H7779" s="5" t="s">
        <v>1518</v>
      </c>
      <c r="I7779" s="5" t="s">
        <v>69038</v>
      </c>
      <c r="J7779" s="2" t="s">
        <v>69039</v>
      </c>
      <c r="K7779" s="5" t="s">
        <v>69038</v>
      </c>
      <c r="L7779" s="2" t="s">
        <v>69039</v>
      </c>
      <c r="M7779" s="5" t="s">
        <v>1521</v>
      </c>
      <c r="N7779" s="5" t="s">
        <v>38</v>
      </c>
      <c r="O7779" s="5" t="s">
        <v>39</v>
      </c>
      <c r="P7779" s="5" t="s">
        <v>40</v>
      </c>
      <c r="Q7779" s="5" t="s">
        <v>1522</v>
      </c>
      <c r="R7779" s="5" t="s">
        <v>1523</v>
      </c>
      <c r="S7779" s="5" t="s">
        <v>42</v>
      </c>
      <c r="T7779" s="2">
        <v>2.8319999999999999</v>
      </c>
      <c r="U7779" s="2">
        <v>2.2200000000000002</v>
      </c>
      <c r="V7779" s="2">
        <v>16.7</v>
      </c>
      <c r="W7779" s="2">
        <v>139.1</v>
      </c>
      <c r="X7779" s="2">
        <v>7.6</v>
      </c>
      <c r="Y7779" s="2">
        <v>16.7</v>
      </c>
      <c r="Z7779" s="5"/>
      <c r="AA7779" s="5" t="s">
        <v>43</v>
      </c>
      <c r="AB7779" s="5" t="s">
        <v>44</v>
      </c>
      <c r="AC7779" s="2"/>
      <c r="AD7779" s="1"/>
    </row>
    <row r="7780" spans="1:30">
      <c r="A7780" s="5" t="s">
        <v>83578</v>
      </c>
      <c r="B7780" s="2" t="s">
        <v>107459</v>
      </c>
      <c r="C7780" s="14" t="s">
        <v>107460</v>
      </c>
      <c r="D7780" s="2" t="s">
        <v>107461</v>
      </c>
      <c r="E7780" s="2" t="s">
        <v>7589</v>
      </c>
      <c r="F7780" s="8">
        <v>291</v>
      </c>
      <c r="G7780" s="5">
        <v>6</v>
      </c>
      <c r="H7780" s="5" t="s">
        <v>1518</v>
      </c>
      <c r="I7780" s="5" t="s">
        <v>69038</v>
      </c>
      <c r="J7780" s="2" t="s">
        <v>69039</v>
      </c>
      <c r="K7780" s="5" t="s">
        <v>69038</v>
      </c>
      <c r="L7780" s="2" t="s">
        <v>69039</v>
      </c>
      <c r="M7780" s="5" t="s">
        <v>1521</v>
      </c>
      <c r="N7780" s="5" t="s">
        <v>38</v>
      </c>
      <c r="O7780" s="5" t="s">
        <v>39</v>
      </c>
      <c r="P7780" s="5" t="s">
        <v>40</v>
      </c>
      <c r="Q7780" s="5" t="s">
        <v>1522</v>
      </c>
      <c r="R7780" s="5" t="s">
        <v>1523</v>
      </c>
      <c r="S7780" s="5" t="s">
        <v>42</v>
      </c>
      <c r="T7780" s="2">
        <v>2.8980000000000001</v>
      </c>
      <c r="U7780" s="2">
        <v>2.286</v>
      </c>
      <c r="V7780" s="2">
        <v>16.7</v>
      </c>
      <c r="W7780" s="2">
        <v>139.1</v>
      </c>
      <c r="X7780" s="2">
        <v>7.6</v>
      </c>
      <c r="Y7780" s="2">
        <v>16.7</v>
      </c>
      <c r="Z7780" s="5"/>
      <c r="AA7780" s="5" t="s">
        <v>43</v>
      </c>
      <c r="AB7780" s="5" t="s">
        <v>44</v>
      </c>
      <c r="AC7780" s="2"/>
      <c r="AD7780" s="1"/>
    </row>
    <row r="7781" spans="1:30">
      <c r="A7781" s="5" t="s">
        <v>83578</v>
      </c>
      <c r="B7781" s="2" t="s">
        <v>107462</v>
      </c>
      <c r="C7781" s="14" t="s">
        <v>107463</v>
      </c>
      <c r="D7781" s="2" t="s">
        <v>107464</v>
      </c>
      <c r="E7781" s="2" t="s">
        <v>7593</v>
      </c>
      <c r="F7781" s="8">
        <v>291</v>
      </c>
      <c r="G7781" s="5">
        <v>6</v>
      </c>
      <c r="H7781" s="5" t="s">
        <v>1518</v>
      </c>
      <c r="I7781" s="5" t="s">
        <v>69038</v>
      </c>
      <c r="J7781" s="2" t="s">
        <v>69039</v>
      </c>
      <c r="K7781" s="5" t="s">
        <v>69038</v>
      </c>
      <c r="L7781" s="2" t="s">
        <v>69039</v>
      </c>
      <c r="M7781" s="5" t="s">
        <v>1521</v>
      </c>
      <c r="N7781" s="5" t="s">
        <v>38</v>
      </c>
      <c r="O7781" s="5" t="s">
        <v>39</v>
      </c>
      <c r="P7781" s="5" t="s">
        <v>40</v>
      </c>
      <c r="Q7781" s="5" t="s">
        <v>1522</v>
      </c>
      <c r="R7781" s="5" t="s">
        <v>1523</v>
      </c>
      <c r="S7781" s="5" t="s">
        <v>42</v>
      </c>
      <c r="T7781" s="2">
        <v>2.8319999999999999</v>
      </c>
      <c r="U7781" s="2">
        <v>2.2200000000000002</v>
      </c>
      <c r="V7781" s="2">
        <v>16.7</v>
      </c>
      <c r="W7781" s="2">
        <v>139.1</v>
      </c>
      <c r="X7781" s="2">
        <v>7.6</v>
      </c>
      <c r="Y7781" s="2">
        <v>16.7</v>
      </c>
      <c r="Z7781" s="5"/>
      <c r="AA7781" s="5" t="s">
        <v>43</v>
      </c>
      <c r="AB7781" s="5" t="s">
        <v>44</v>
      </c>
      <c r="AC7781" s="2"/>
      <c r="AD7781" s="1"/>
    </row>
    <row r="7782" spans="1:30">
      <c r="A7782" s="5" t="s">
        <v>83578</v>
      </c>
      <c r="B7782" s="2" t="s">
        <v>107465</v>
      </c>
      <c r="C7782" s="14" t="s">
        <v>107466</v>
      </c>
      <c r="D7782" s="2" t="s">
        <v>107467</v>
      </c>
      <c r="E7782" s="2" t="s">
        <v>7597</v>
      </c>
      <c r="F7782" s="8">
        <v>291</v>
      </c>
      <c r="G7782" s="5">
        <v>6</v>
      </c>
      <c r="H7782" s="5" t="s">
        <v>1518</v>
      </c>
      <c r="I7782" s="5" t="s">
        <v>69038</v>
      </c>
      <c r="J7782" s="2" t="s">
        <v>69039</v>
      </c>
      <c r="K7782" s="5" t="s">
        <v>69038</v>
      </c>
      <c r="L7782" s="2" t="s">
        <v>69039</v>
      </c>
      <c r="M7782" s="5" t="s">
        <v>1521</v>
      </c>
      <c r="N7782" s="5" t="s">
        <v>38</v>
      </c>
      <c r="O7782" s="5" t="s">
        <v>39</v>
      </c>
      <c r="P7782" s="5" t="s">
        <v>40</v>
      </c>
      <c r="Q7782" s="5" t="s">
        <v>1522</v>
      </c>
      <c r="R7782" s="5" t="s">
        <v>1523</v>
      </c>
      <c r="S7782" s="5" t="s">
        <v>42</v>
      </c>
      <c r="T7782" s="2">
        <v>2.8980000000000001</v>
      </c>
      <c r="U7782" s="2">
        <v>2.286</v>
      </c>
      <c r="V7782" s="2">
        <v>16.7</v>
      </c>
      <c r="W7782" s="2">
        <v>139.1</v>
      </c>
      <c r="X7782" s="2">
        <v>7.6</v>
      </c>
      <c r="Y7782" s="2">
        <v>16.7</v>
      </c>
      <c r="Z7782" s="5"/>
      <c r="AA7782" s="5" t="s">
        <v>43</v>
      </c>
      <c r="AB7782" s="5" t="s">
        <v>44</v>
      </c>
      <c r="AC7782" s="2"/>
      <c r="AD7782" s="1"/>
    </row>
    <row r="7783" spans="1:30">
      <c r="A7783" s="5" t="s">
        <v>83578</v>
      </c>
      <c r="B7783" s="2" t="s">
        <v>107468</v>
      </c>
      <c r="C7783" s="14" t="s">
        <v>107469</v>
      </c>
      <c r="D7783" s="2" t="s">
        <v>107470</v>
      </c>
      <c r="E7783" s="2" t="s">
        <v>73358</v>
      </c>
      <c r="F7783" s="8">
        <v>291</v>
      </c>
      <c r="G7783" s="5">
        <v>6</v>
      </c>
      <c r="H7783" s="5" t="s">
        <v>1518</v>
      </c>
      <c r="I7783" s="5" t="s">
        <v>69038</v>
      </c>
      <c r="J7783" s="2" t="s">
        <v>69039</v>
      </c>
      <c r="K7783" s="5" t="s">
        <v>69038</v>
      </c>
      <c r="L7783" s="2" t="s">
        <v>69039</v>
      </c>
      <c r="M7783" s="5" t="s">
        <v>1521</v>
      </c>
      <c r="N7783" s="5" t="s">
        <v>38</v>
      </c>
      <c r="O7783" s="5" t="s">
        <v>39</v>
      </c>
      <c r="P7783" s="5" t="s">
        <v>40</v>
      </c>
      <c r="Q7783" s="5" t="s">
        <v>1522</v>
      </c>
      <c r="R7783" s="5" t="s">
        <v>1523</v>
      </c>
      <c r="S7783" s="5" t="s">
        <v>42</v>
      </c>
      <c r="T7783" s="2">
        <v>2.8319999999999999</v>
      </c>
      <c r="U7783" s="2">
        <v>2.2200000000000002</v>
      </c>
      <c r="V7783" s="2">
        <v>16.7</v>
      </c>
      <c r="W7783" s="2">
        <v>139.1</v>
      </c>
      <c r="X7783" s="2">
        <v>7.6</v>
      </c>
      <c r="Y7783" s="2">
        <v>16.7</v>
      </c>
      <c r="Z7783" s="5"/>
      <c r="AA7783" s="5" t="s">
        <v>43</v>
      </c>
      <c r="AB7783" s="5" t="s">
        <v>44</v>
      </c>
      <c r="AC7783" s="2"/>
      <c r="AD7783" s="1"/>
    </row>
    <row r="7784" spans="1:30">
      <c r="A7784" s="5" t="s">
        <v>83578</v>
      </c>
      <c r="B7784" s="2" t="s">
        <v>107471</v>
      </c>
      <c r="C7784" s="14" t="s">
        <v>107472</v>
      </c>
      <c r="D7784" s="2" t="s">
        <v>107473</v>
      </c>
      <c r="E7784" s="2" t="s">
        <v>73362</v>
      </c>
      <c r="F7784" s="8">
        <v>291</v>
      </c>
      <c r="G7784" s="5">
        <v>6</v>
      </c>
      <c r="H7784" s="5" t="s">
        <v>1518</v>
      </c>
      <c r="I7784" s="5" t="s">
        <v>69038</v>
      </c>
      <c r="J7784" s="2" t="s">
        <v>69039</v>
      </c>
      <c r="K7784" s="5" t="s">
        <v>69038</v>
      </c>
      <c r="L7784" s="2" t="s">
        <v>69039</v>
      </c>
      <c r="M7784" s="5" t="s">
        <v>1521</v>
      </c>
      <c r="N7784" s="5" t="s">
        <v>38</v>
      </c>
      <c r="O7784" s="5" t="s">
        <v>39</v>
      </c>
      <c r="P7784" s="5" t="s">
        <v>40</v>
      </c>
      <c r="Q7784" s="5" t="s">
        <v>1522</v>
      </c>
      <c r="R7784" s="5" t="s">
        <v>1523</v>
      </c>
      <c r="S7784" s="5" t="s">
        <v>42</v>
      </c>
      <c r="T7784" s="2">
        <v>2.8980000000000001</v>
      </c>
      <c r="U7784" s="2">
        <v>2.286</v>
      </c>
      <c r="V7784" s="2">
        <v>16.7</v>
      </c>
      <c r="W7784" s="2">
        <v>139.1</v>
      </c>
      <c r="X7784" s="2">
        <v>7.6</v>
      </c>
      <c r="Y7784" s="2">
        <v>16.7</v>
      </c>
      <c r="Z7784" s="5"/>
      <c r="AA7784" s="5" t="s">
        <v>43</v>
      </c>
      <c r="AB7784" s="5" t="s">
        <v>44</v>
      </c>
      <c r="AC7784" s="2"/>
      <c r="AD7784" s="1"/>
    </row>
    <row r="7785" spans="1:30">
      <c r="A7785" s="5" t="s">
        <v>83578</v>
      </c>
      <c r="B7785" s="2" t="s">
        <v>107474</v>
      </c>
      <c r="C7785" s="14" t="s">
        <v>107475</v>
      </c>
      <c r="D7785" s="2" t="s">
        <v>107476</v>
      </c>
      <c r="E7785" s="2" t="s">
        <v>7615</v>
      </c>
      <c r="F7785" s="8">
        <v>291</v>
      </c>
      <c r="G7785" s="5">
        <v>6</v>
      </c>
      <c r="H7785" s="5" t="s">
        <v>1518</v>
      </c>
      <c r="I7785" s="5" t="s">
        <v>69038</v>
      </c>
      <c r="J7785" s="2" t="s">
        <v>69039</v>
      </c>
      <c r="K7785" s="5" t="s">
        <v>69038</v>
      </c>
      <c r="L7785" s="2" t="s">
        <v>69039</v>
      </c>
      <c r="M7785" s="5" t="s">
        <v>1521</v>
      </c>
      <c r="N7785" s="5" t="s">
        <v>38</v>
      </c>
      <c r="O7785" s="5" t="s">
        <v>39</v>
      </c>
      <c r="P7785" s="5" t="s">
        <v>40</v>
      </c>
      <c r="Q7785" s="5" t="s">
        <v>1522</v>
      </c>
      <c r="R7785" s="5" t="s">
        <v>1523</v>
      </c>
      <c r="S7785" s="5" t="s">
        <v>42</v>
      </c>
      <c r="T7785" s="2">
        <v>2.8319999999999999</v>
      </c>
      <c r="U7785" s="2">
        <v>2.2200000000000002</v>
      </c>
      <c r="V7785" s="2">
        <v>16.7</v>
      </c>
      <c r="W7785" s="2">
        <v>139.1</v>
      </c>
      <c r="X7785" s="2">
        <v>7.6</v>
      </c>
      <c r="Y7785" s="2">
        <v>16.7</v>
      </c>
      <c r="Z7785" s="5"/>
      <c r="AA7785" s="5" t="s">
        <v>43</v>
      </c>
      <c r="AB7785" s="5" t="s">
        <v>44</v>
      </c>
      <c r="AC7785" s="2"/>
      <c r="AD7785" s="1"/>
    </row>
    <row r="7786" spans="1:30">
      <c r="A7786" s="5" t="s">
        <v>83578</v>
      </c>
      <c r="B7786" s="2" t="s">
        <v>107477</v>
      </c>
      <c r="C7786" s="14" t="s">
        <v>107478</v>
      </c>
      <c r="D7786" s="2" t="s">
        <v>107479</v>
      </c>
      <c r="E7786" s="2" t="s">
        <v>7619</v>
      </c>
      <c r="F7786" s="8">
        <v>291</v>
      </c>
      <c r="G7786" s="5">
        <v>6</v>
      </c>
      <c r="H7786" s="5" t="s">
        <v>1518</v>
      </c>
      <c r="I7786" s="5" t="s">
        <v>69038</v>
      </c>
      <c r="J7786" s="2" t="s">
        <v>69039</v>
      </c>
      <c r="K7786" s="5" t="s">
        <v>69038</v>
      </c>
      <c r="L7786" s="2" t="s">
        <v>69039</v>
      </c>
      <c r="M7786" s="5" t="s">
        <v>1521</v>
      </c>
      <c r="N7786" s="5" t="s">
        <v>38</v>
      </c>
      <c r="O7786" s="5" t="s">
        <v>39</v>
      </c>
      <c r="P7786" s="5" t="s">
        <v>40</v>
      </c>
      <c r="Q7786" s="5" t="s">
        <v>1522</v>
      </c>
      <c r="R7786" s="5" t="s">
        <v>1523</v>
      </c>
      <c r="S7786" s="5" t="s">
        <v>42</v>
      </c>
      <c r="T7786" s="2">
        <v>2.8980000000000001</v>
      </c>
      <c r="U7786" s="2">
        <v>2.286</v>
      </c>
      <c r="V7786" s="2">
        <v>16.7</v>
      </c>
      <c r="W7786" s="2">
        <v>139.1</v>
      </c>
      <c r="X7786" s="2">
        <v>7.6</v>
      </c>
      <c r="Y7786" s="2">
        <v>16.7</v>
      </c>
      <c r="Z7786" s="5"/>
      <c r="AA7786" s="5" t="s">
        <v>43</v>
      </c>
      <c r="AB7786" s="5" t="s">
        <v>44</v>
      </c>
      <c r="AC7786" s="2"/>
      <c r="AD7786" s="1"/>
    </row>
    <row r="7787" spans="1:30">
      <c r="A7787" s="5" t="s">
        <v>83578</v>
      </c>
      <c r="B7787" s="2" t="s">
        <v>107480</v>
      </c>
      <c r="C7787" s="14" t="s">
        <v>107481</v>
      </c>
      <c r="D7787" s="2" t="s">
        <v>107482</v>
      </c>
      <c r="E7787" s="2" t="s">
        <v>16014</v>
      </c>
      <c r="F7787" s="8">
        <v>291</v>
      </c>
      <c r="G7787" s="5">
        <v>6</v>
      </c>
      <c r="H7787" s="5" t="s">
        <v>1518</v>
      </c>
      <c r="I7787" s="5" t="s">
        <v>69038</v>
      </c>
      <c r="J7787" s="2" t="s">
        <v>69039</v>
      </c>
      <c r="K7787" s="5" t="s">
        <v>69038</v>
      </c>
      <c r="L7787" s="2" t="s">
        <v>69039</v>
      </c>
      <c r="M7787" s="5" t="s">
        <v>1521</v>
      </c>
      <c r="N7787" s="5" t="s">
        <v>38</v>
      </c>
      <c r="O7787" s="5" t="s">
        <v>39</v>
      </c>
      <c r="P7787" s="5" t="s">
        <v>40</v>
      </c>
      <c r="Q7787" s="5" t="s">
        <v>1522</v>
      </c>
      <c r="R7787" s="5" t="s">
        <v>1523</v>
      </c>
      <c r="S7787" s="5" t="s">
        <v>42</v>
      </c>
      <c r="T7787" s="2">
        <v>2.8319999999999999</v>
      </c>
      <c r="U7787" s="2">
        <v>2.2200000000000002</v>
      </c>
      <c r="V7787" s="2">
        <v>16.7</v>
      </c>
      <c r="W7787" s="2">
        <v>139.1</v>
      </c>
      <c r="X7787" s="2">
        <v>7.6</v>
      </c>
      <c r="Y7787" s="2">
        <v>16.7</v>
      </c>
      <c r="Z7787" s="5"/>
      <c r="AA7787" s="5" t="s">
        <v>43</v>
      </c>
      <c r="AB7787" s="5" t="s">
        <v>44</v>
      </c>
      <c r="AC7787" s="2"/>
      <c r="AD7787" s="1"/>
    </row>
    <row r="7788" spans="1:30">
      <c r="A7788" s="5" t="s">
        <v>83578</v>
      </c>
      <c r="B7788" s="2" t="s">
        <v>107483</v>
      </c>
      <c r="C7788" s="14" t="s">
        <v>107484</v>
      </c>
      <c r="D7788" s="2" t="s">
        <v>107485</v>
      </c>
      <c r="E7788" s="2" t="s">
        <v>16219</v>
      </c>
      <c r="F7788" s="8">
        <v>291</v>
      </c>
      <c r="G7788" s="5">
        <v>6</v>
      </c>
      <c r="H7788" s="5" t="s">
        <v>1518</v>
      </c>
      <c r="I7788" s="5" t="s">
        <v>69038</v>
      </c>
      <c r="J7788" s="2" t="s">
        <v>69039</v>
      </c>
      <c r="K7788" s="5" t="s">
        <v>69038</v>
      </c>
      <c r="L7788" s="2" t="s">
        <v>69039</v>
      </c>
      <c r="M7788" s="5" t="s">
        <v>1521</v>
      </c>
      <c r="N7788" s="5" t="s">
        <v>38</v>
      </c>
      <c r="O7788" s="5" t="s">
        <v>39</v>
      </c>
      <c r="P7788" s="5" t="s">
        <v>40</v>
      </c>
      <c r="Q7788" s="5" t="s">
        <v>1522</v>
      </c>
      <c r="R7788" s="5" t="s">
        <v>1523</v>
      </c>
      <c r="S7788" s="5" t="s">
        <v>42</v>
      </c>
      <c r="T7788" s="2">
        <v>2.8980000000000001</v>
      </c>
      <c r="U7788" s="2">
        <v>2.286</v>
      </c>
      <c r="V7788" s="2">
        <v>16.7</v>
      </c>
      <c r="W7788" s="2">
        <v>139.1</v>
      </c>
      <c r="X7788" s="2">
        <v>7.6</v>
      </c>
      <c r="Y7788" s="2">
        <v>16.7</v>
      </c>
      <c r="Z7788" s="5"/>
      <c r="AA7788" s="5" t="s">
        <v>43</v>
      </c>
      <c r="AB7788" s="5" t="s">
        <v>44</v>
      </c>
      <c r="AC7788" s="2"/>
      <c r="AD7788" s="1"/>
    </row>
    <row r="7789" spans="1:30">
      <c r="A7789" s="5" t="s">
        <v>83578</v>
      </c>
      <c r="B7789" s="2" t="s">
        <v>107486</v>
      </c>
      <c r="C7789" s="14" t="s">
        <v>107487</v>
      </c>
      <c r="D7789" s="2" t="s">
        <v>107488</v>
      </c>
      <c r="E7789" s="2" t="s">
        <v>7212</v>
      </c>
      <c r="F7789" s="8">
        <v>270</v>
      </c>
      <c r="G7789" s="5">
        <v>6</v>
      </c>
      <c r="H7789" s="5" t="s">
        <v>1518</v>
      </c>
      <c r="I7789" s="5" t="s">
        <v>69038</v>
      </c>
      <c r="J7789" s="2" t="s">
        <v>69039</v>
      </c>
      <c r="K7789" s="5" t="s">
        <v>69038</v>
      </c>
      <c r="L7789" s="2" t="s">
        <v>69039</v>
      </c>
      <c r="M7789" s="5" t="s">
        <v>1521</v>
      </c>
      <c r="N7789" s="5" t="s">
        <v>38</v>
      </c>
      <c r="O7789" s="5" t="s">
        <v>39</v>
      </c>
      <c r="P7789" s="5" t="s">
        <v>40</v>
      </c>
      <c r="Q7789" s="5" t="s">
        <v>1522</v>
      </c>
      <c r="R7789" s="5" t="s">
        <v>1523</v>
      </c>
      <c r="S7789" s="5" t="s">
        <v>42</v>
      </c>
      <c r="T7789" s="2">
        <v>2.8319999999999999</v>
      </c>
      <c r="U7789" s="2">
        <v>2.2200000000000002</v>
      </c>
      <c r="V7789" s="2">
        <v>16.7</v>
      </c>
      <c r="W7789" s="2">
        <v>139.1</v>
      </c>
      <c r="X7789" s="2">
        <v>7.6</v>
      </c>
      <c r="Y7789" s="2">
        <v>16.7</v>
      </c>
      <c r="Z7789" s="5"/>
      <c r="AA7789" s="5" t="s">
        <v>43</v>
      </c>
      <c r="AB7789" s="5" t="s">
        <v>44</v>
      </c>
      <c r="AC7789" s="2"/>
      <c r="AD7789" s="1"/>
    </row>
    <row r="7790" spans="1:30">
      <c r="A7790" s="5" t="s">
        <v>83578</v>
      </c>
      <c r="B7790" s="2" t="s">
        <v>107489</v>
      </c>
      <c r="C7790" s="14" t="s">
        <v>107490</v>
      </c>
      <c r="D7790" s="2" t="s">
        <v>107491</v>
      </c>
      <c r="E7790" s="2" t="s">
        <v>7528</v>
      </c>
      <c r="F7790" s="8">
        <v>270</v>
      </c>
      <c r="G7790" s="5">
        <v>6</v>
      </c>
      <c r="H7790" s="5" t="s">
        <v>1518</v>
      </c>
      <c r="I7790" s="5" t="s">
        <v>69038</v>
      </c>
      <c r="J7790" s="2" t="s">
        <v>69039</v>
      </c>
      <c r="K7790" s="5" t="s">
        <v>69038</v>
      </c>
      <c r="L7790" s="2" t="s">
        <v>69039</v>
      </c>
      <c r="M7790" s="5" t="s">
        <v>1521</v>
      </c>
      <c r="N7790" s="5" t="s">
        <v>38</v>
      </c>
      <c r="O7790" s="5" t="s">
        <v>39</v>
      </c>
      <c r="P7790" s="5" t="s">
        <v>40</v>
      </c>
      <c r="Q7790" s="5" t="s">
        <v>1522</v>
      </c>
      <c r="R7790" s="5" t="s">
        <v>1523</v>
      </c>
      <c r="S7790" s="5" t="s">
        <v>42</v>
      </c>
      <c r="T7790" s="2">
        <v>2.8980000000000001</v>
      </c>
      <c r="U7790" s="2">
        <v>2.286</v>
      </c>
      <c r="V7790" s="2">
        <v>16.7</v>
      </c>
      <c r="W7790" s="2">
        <v>139.1</v>
      </c>
      <c r="X7790" s="2">
        <v>7.6</v>
      </c>
      <c r="Y7790" s="2">
        <v>16.7</v>
      </c>
      <c r="Z7790" s="5"/>
      <c r="AA7790" s="5" t="s">
        <v>43</v>
      </c>
      <c r="AB7790" s="5" t="s">
        <v>44</v>
      </c>
      <c r="AC7790" s="2"/>
      <c r="AD7790" s="1"/>
    </row>
    <row r="7791" spans="1:30">
      <c r="A7791" s="5" t="s">
        <v>83578</v>
      </c>
      <c r="B7791" s="2" t="s">
        <v>107492</v>
      </c>
      <c r="C7791" s="14" t="s">
        <v>107493</v>
      </c>
      <c r="D7791" s="2" t="s">
        <v>107494</v>
      </c>
      <c r="E7791" s="2" t="s">
        <v>7551</v>
      </c>
      <c r="F7791" s="8">
        <v>291</v>
      </c>
      <c r="G7791" s="5">
        <v>6</v>
      </c>
      <c r="H7791" s="5" t="s">
        <v>1518</v>
      </c>
      <c r="I7791" s="5" t="s">
        <v>69038</v>
      </c>
      <c r="J7791" s="2" t="s">
        <v>69039</v>
      </c>
      <c r="K7791" s="5" t="s">
        <v>69038</v>
      </c>
      <c r="L7791" s="2" t="s">
        <v>69039</v>
      </c>
      <c r="M7791" s="5" t="s">
        <v>1521</v>
      </c>
      <c r="N7791" s="5" t="s">
        <v>38</v>
      </c>
      <c r="O7791" s="5" t="s">
        <v>39</v>
      </c>
      <c r="P7791" s="5" t="s">
        <v>40</v>
      </c>
      <c r="Q7791" s="5" t="s">
        <v>1522</v>
      </c>
      <c r="R7791" s="5" t="s">
        <v>1523</v>
      </c>
      <c r="S7791" s="5" t="s">
        <v>42</v>
      </c>
      <c r="T7791" s="2">
        <v>3.4089999999999998</v>
      </c>
      <c r="U7791" s="2">
        <v>2.8220000000000001</v>
      </c>
      <c r="V7791" s="2">
        <v>16.7</v>
      </c>
      <c r="W7791" s="2">
        <v>139.1</v>
      </c>
      <c r="X7791" s="2">
        <v>7.6</v>
      </c>
      <c r="Y7791" s="2">
        <v>16.7</v>
      </c>
      <c r="Z7791" s="5"/>
      <c r="AA7791" s="5" t="s">
        <v>43</v>
      </c>
      <c r="AB7791" s="5" t="s">
        <v>44</v>
      </c>
      <c r="AC7791" s="2"/>
      <c r="AD7791" s="1"/>
    </row>
    <row r="7792" spans="1:30">
      <c r="A7792" s="5" t="s">
        <v>83578</v>
      </c>
      <c r="B7792" s="2" t="s">
        <v>107495</v>
      </c>
      <c r="C7792" s="14" t="s">
        <v>107496</v>
      </c>
      <c r="D7792" s="2" t="s">
        <v>107497</v>
      </c>
      <c r="E7792" s="2" t="s">
        <v>7551</v>
      </c>
      <c r="F7792" s="8">
        <v>300</v>
      </c>
      <c r="G7792" s="5">
        <v>6</v>
      </c>
      <c r="H7792" s="5" t="s">
        <v>1518</v>
      </c>
      <c r="I7792" s="5" t="s">
        <v>69038</v>
      </c>
      <c r="J7792" s="2" t="s">
        <v>69039</v>
      </c>
      <c r="K7792" s="5" t="s">
        <v>69038</v>
      </c>
      <c r="L7792" s="2" t="s">
        <v>69039</v>
      </c>
      <c r="M7792" s="5" t="s">
        <v>1521</v>
      </c>
      <c r="N7792" s="5" t="s">
        <v>38</v>
      </c>
      <c r="O7792" s="5" t="s">
        <v>39</v>
      </c>
      <c r="P7792" s="5" t="s">
        <v>40</v>
      </c>
      <c r="Q7792" s="5" t="s">
        <v>1522</v>
      </c>
      <c r="R7792" s="5" t="s">
        <v>1523</v>
      </c>
      <c r="S7792" s="5" t="s">
        <v>42</v>
      </c>
      <c r="T7792" s="2">
        <v>3.5979999999999999</v>
      </c>
      <c r="U7792" s="2">
        <v>3.0219999999999998</v>
      </c>
      <c r="V7792" s="2">
        <v>16.7</v>
      </c>
      <c r="W7792" s="2">
        <v>139.1</v>
      </c>
      <c r="X7792" s="2">
        <v>7.6</v>
      </c>
      <c r="Y7792" s="2">
        <v>16.7</v>
      </c>
      <c r="Z7792" s="5"/>
      <c r="AA7792" s="5" t="s">
        <v>43</v>
      </c>
      <c r="AB7792" s="5" t="s">
        <v>44</v>
      </c>
      <c r="AC7792" s="2"/>
      <c r="AD7792" s="1"/>
    </row>
    <row r="7793" spans="1:30">
      <c r="A7793" s="5" t="s">
        <v>83578</v>
      </c>
      <c r="B7793" s="2" t="s">
        <v>107498</v>
      </c>
      <c r="C7793" s="14" t="s">
        <v>107499</v>
      </c>
      <c r="D7793" s="2" t="s">
        <v>107500</v>
      </c>
      <c r="E7793" s="2" t="s">
        <v>16079</v>
      </c>
      <c r="F7793" s="8">
        <v>300</v>
      </c>
      <c r="G7793" s="5">
        <v>6</v>
      </c>
      <c r="H7793" s="5" t="s">
        <v>1518</v>
      </c>
      <c r="I7793" s="5" t="s">
        <v>69038</v>
      </c>
      <c r="J7793" s="2" t="s">
        <v>69039</v>
      </c>
      <c r="K7793" s="5" t="s">
        <v>69038</v>
      </c>
      <c r="L7793" s="2" t="s">
        <v>69039</v>
      </c>
      <c r="M7793" s="5" t="s">
        <v>1521</v>
      </c>
      <c r="N7793" s="5" t="s">
        <v>38</v>
      </c>
      <c r="O7793" s="5" t="s">
        <v>39</v>
      </c>
      <c r="P7793" s="5" t="s">
        <v>40</v>
      </c>
      <c r="Q7793" s="5" t="s">
        <v>1522</v>
      </c>
      <c r="R7793" s="5" t="s">
        <v>1523</v>
      </c>
      <c r="S7793" s="5" t="s">
        <v>42</v>
      </c>
      <c r="T7793" s="2">
        <v>3.4860000000000002</v>
      </c>
      <c r="U7793" s="2">
        <v>2.91</v>
      </c>
      <c r="V7793" s="2">
        <v>16.7</v>
      </c>
      <c r="W7793" s="2">
        <v>139.1</v>
      </c>
      <c r="X7793" s="2">
        <v>7.6</v>
      </c>
      <c r="Y7793" s="2">
        <v>16.7</v>
      </c>
      <c r="Z7793" s="5"/>
      <c r="AA7793" s="5" t="s">
        <v>43</v>
      </c>
      <c r="AB7793" s="5" t="s">
        <v>44</v>
      </c>
      <c r="AC7793" s="2"/>
      <c r="AD7793" s="1"/>
    </row>
    <row r="7794" spans="1:30">
      <c r="A7794" s="5" t="s">
        <v>83578</v>
      </c>
      <c r="B7794" s="2" t="s">
        <v>107501</v>
      </c>
      <c r="C7794" s="14" t="s">
        <v>107502</v>
      </c>
      <c r="D7794" s="2" t="s">
        <v>107503</v>
      </c>
      <c r="E7794" s="2" t="s">
        <v>7593</v>
      </c>
      <c r="F7794" s="8">
        <v>300</v>
      </c>
      <c r="G7794" s="5">
        <v>6</v>
      </c>
      <c r="H7794" s="5" t="s">
        <v>1518</v>
      </c>
      <c r="I7794" s="5" t="s">
        <v>69038</v>
      </c>
      <c r="J7794" s="2" t="s">
        <v>69039</v>
      </c>
      <c r="K7794" s="5" t="s">
        <v>69038</v>
      </c>
      <c r="L7794" s="2" t="s">
        <v>69039</v>
      </c>
      <c r="M7794" s="5" t="s">
        <v>1521</v>
      </c>
      <c r="N7794" s="5" t="s">
        <v>38</v>
      </c>
      <c r="O7794" s="5" t="s">
        <v>39</v>
      </c>
      <c r="P7794" s="5" t="s">
        <v>40</v>
      </c>
      <c r="Q7794" s="5" t="s">
        <v>1522</v>
      </c>
      <c r="R7794" s="5" t="s">
        <v>1523</v>
      </c>
      <c r="S7794" s="5" t="s">
        <v>42</v>
      </c>
      <c r="T7794" s="2">
        <v>3.4860000000000002</v>
      </c>
      <c r="U7794" s="2">
        <v>2.91</v>
      </c>
      <c r="V7794" s="2">
        <v>16.7</v>
      </c>
      <c r="W7794" s="2">
        <v>139.1</v>
      </c>
      <c r="X7794" s="2">
        <v>7.6</v>
      </c>
      <c r="Y7794" s="2">
        <v>16.7</v>
      </c>
      <c r="Z7794" s="5"/>
      <c r="AA7794" s="5" t="s">
        <v>43</v>
      </c>
      <c r="AB7794" s="5" t="s">
        <v>44</v>
      </c>
      <c r="AC7794" s="2"/>
      <c r="AD7794" s="1"/>
    </row>
    <row r="7795" spans="1:30">
      <c r="A7795" s="5" t="s">
        <v>83578</v>
      </c>
      <c r="B7795" s="2" t="s">
        <v>107504</v>
      </c>
      <c r="C7795" s="14" t="s">
        <v>107505</v>
      </c>
      <c r="D7795" s="2" t="s">
        <v>107506</v>
      </c>
      <c r="E7795" s="2" t="s">
        <v>7597</v>
      </c>
      <c r="F7795" s="8">
        <v>300</v>
      </c>
      <c r="G7795" s="5">
        <v>6</v>
      </c>
      <c r="H7795" s="5" t="s">
        <v>1518</v>
      </c>
      <c r="I7795" s="5" t="s">
        <v>69038</v>
      </c>
      <c r="J7795" s="2" t="s">
        <v>69039</v>
      </c>
      <c r="K7795" s="5" t="s">
        <v>69038</v>
      </c>
      <c r="L7795" s="2" t="s">
        <v>69039</v>
      </c>
      <c r="M7795" s="5" t="s">
        <v>1521</v>
      </c>
      <c r="N7795" s="5" t="s">
        <v>38</v>
      </c>
      <c r="O7795" s="5" t="s">
        <v>39</v>
      </c>
      <c r="P7795" s="5" t="s">
        <v>40</v>
      </c>
      <c r="Q7795" s="5" t="s">
        <v>1522</v>
      </c>
      <c r="R7795" s="5" t="s">
        <v>1523</v>
      </c>
      <c r="S7795" s="5" t="s">
        <v>42</v>
      </c>
      <c r="T7795" s="2">
        <v>3.5979999999999999</v>
      </c>
      <c r="U7795" s="2">
        <v>3.0219999999999998</v>
      </c>
      <c r="V7795" s="2">
        <v>16.7</v>
      </c>
      <c r="W7795" s="2">
        <v>139.1</v>
      </c>
      <c r="X7795" s="2">
        <v>7.6</v>
      </c>
      <c r="Y7795" s="2">
        <v>16.7</v>
      </c>
      <c r="Z7795" s="5"/>
      <c r="AA7795" s="5" t="s">
        <v>43</v>
      </c>
      <c r="AB7795" s="5" t="s">
        <v>44</v>
      </c>
      <c r="AC7795" s="2"/>
      <c r="AD7795" s="1"/>
    </row>
    <row r="7796" spans="1:30">
      <c r="A7796" s="5" t="s">
        <v>83578</v>
      </c>
      <c r="B7796" s="2" t="s">
        <v>107507</v>
      </c>
      <c r="C7796" s="14" t="s">
        <v>107508</v>
      </c>
      <c r="D7796" s="2" t="s">
        <v>107509</v>
      </c>
      <c r="E7796" s="2" t="s">
        <v>7535</v>
      </c>
      <c r="F7796" s="8">
        <v>321</v>
      </c>
      <c r="G7796" s="5">
        <v>6</v>
      </c>
      <c r="H7796" s="5" t="s">
        <v>1518</v>
      </c>
      <c r="I7796" s="5" t="s">
        <v>69038</v>
      </c>
      <c r="J7796" s="2" t="s">
        <v>69039</v>
      </c>
      <c r="K7796" s="5" t="s">
        <v>69038</v>
      </c>
      <c r="L7796" s="2" t="s">
        <v>69039</v>
      </c>
      <c r="M7796" s="5" t="s">
        <v>1521</v>
      </c>
      <c r="N7796" s="5" t="s">
        <v>38</v>
      </c>
      <c r="O7796" s="5" t="s">
        <v>39</v>
      </c>
      <c r="P7796" s="5" t="s">
        <v>40</v>
      </c>
      <c r="Q7796" s="5" t="s">
        <v>1522</v>
      </c>
      <c r="R7796" s="5" t="s">
        <v>1523</v>
      </c>
      <c r="S7796" s="5" t="s">
        <v>42</v>
      </c>
      <c r="T7796" s="2">
        <v>3.8660000000000001</v>
      </c>
      <c r="U7796" s="2">
        <v>3.2069999999999999</v>
      </c>
      <c r="V7796" s="2">
        <v>16.7</v>
      </c>
      <c r="W7796" s="2">
        <v>159.1</v>
      </c>
      <c r="X7796" s="2">
        <v>7.6</v>
      </c>
      <c r="Y7796" s="2">
        <v>16.7</v>
      </c>
      <c r="Z7796" s="5"/>
      <c r="AA7796" s="5" t="s">
        <v>43</v>
      </c>
      <c r="AB7796" s="5" t="s">
        <v>44</v>
      </c>
      <c r="AC7796" s="2"/>
      <c r="AD7796" s="1"/>
    </row>
    <row r="7797" spans="1:30">
      <c r="A7797" s="5" t="s">
        <v>83578</v>
      </c>
      <c r="B7797" s="2" t="s">
        <v>107510</v>
      </c>
      <c r="C7797" s="14" t="s">
        <v>107511</v>
      </c>
      <c r="D7797" s="2" t="s">
        <v>107512</v>
      </c>
      <c r="E7797" s="2" t="s">
        <v>7547</v>
      </c>
      <c r="F7797" s="8">
        <v>321</v>
      </c>
      <c r="G7797" s="5">
        <v>6</v>
      </c>
      <c r="H7797" s="5" t="s">
        <v>1518</v>
      </c>
      <c r="I7797" s="5" t="s">
        <v>69038</v>
      </c>
      <c r="J7797" s="2" t="s">
        <v>69039</v>
      </c>
      <c r="K7797" s="5" t="s">
        <v>69038</v>
      </c>
      <c r="L7797" s="2" t="s">
        <v>69039</v>
      </c>
      <c r="M7797" s="5" t="s">
        <v>1521</v>
      </c>
      <c r="N7797" s="5" t="s">
        <v>38</v>
      </c>
      <c r="O7797" s="5" t="s">
        <v>39</v>
      </c>
      <c r="P7797" s="5" t="s">
        <v>40</v>
      </c>
      <c r="Q7797" s="5" t="s">
        <v>1522</v>
      </c>
      <c r="R7797" s="5" t="s">
        <v>1523</v>
      </c>
      <c r="S7797" s="5" t="s">
        <v>42</v>
      </c>
      <c r="T7797" s="2">
        <v>3.742</v>
      </c>
      <c r="U7797" s="2">
        <v>3.0830000000000002</v>
      </c>
      <c r="V7797" s="2">
        <v>16.7</v>
      </c>
      <c r="W7797" s="2">
        <v>159.1</v>
      </c>
      <c r="X7797" s="2">
        <v>7.6</v>
      </c>
      <c r="Y7797" s="2">
        <v>16.7</v>
      </c>
      <c r="Z7797" s="5"/>
      <c r="AA7797" s="5" t="s">
        <v>43</v>
      </c>
      <c r="AB7797" s="5" t="s">
        <v>44</v>
      </c>
      <c r="AC7797" s="2"/>
      <c r="AD7797" s="1"/>
    </row>
    <row r="7798" spans="1:30">
      <c r="A7798" s="5" t="s">
        <v>83578</v>
      </c>
      <c r="B7798" s="2" t="s">
        <v>107513</v>
      </c>
      <c r="C7798" s="14" t="s">
        <v>107514</v>
      </c>
      <c r="D7798" s="2" t="s">
        <v>107515</v>
      </c>
      <c r="E7798" s="2" t="s">
        <v>7551</v>
      </c>
      <c r="F7798" s="8">
        <v>321</v>
      </c>
      <c r="G7798" s="5">
        <v>6</v>
      </c>
      <c r="H7798" s="5" t="s">
        <v>1518</v>
      </c>
      <c r="I7798" s="5" t="s">
        <v>69038</v>
      </c>
      <c r="J7798" s="2" t="s">
        <v>69039</v>
      </c>
      <c r="K7798" s="5" t="s">
        <v>69038</v>
      </c>
      <c r="L7798" s="2" t="s">
        <v>69039</v>
      </c>
      <c r="M7798" s="5" t="s">
        <v>1521</v>
      </c>
      <c r="N7798" s="5" t="s">
        <v>38</v>
      </c>
      <c r="O7798" s="5" t="s">
        <v>39</v>
      </c>
      <c r="P7798" s="5" t="s">
        <v>40</v>
      </c>
      <c r="Q7798" s="5" t="s">
        <v>1522</v>
      </c>
      <c r="R7798" s="5" t="s">
        <v>1523</v>
      </c>
      <c r="S7798" s="5" t="s">
        <v>42</v>
      </c>
      <c r="T7798" s="2">
        <v>3.8660000000000001</v>
      </c>
      <c r="U7798" s="2">
        <v>3.2069999999999999</v>
      </c>
      <c r="V7798" s="2">
        <v>16.7</v>
      </c>
      <c r="W7798" s="2">
        <v>159.1</v>
      </c>
      <c r="X7798" s="2">
        <v>7.6</v>
      </c>
      <c r="Y7798" s="2">
        <v>16.7</v>
      </c>
      <c r="Z7798" s="5"/>
      <c r="AA7798" s="5" t="s">
        <v>43</v>
      </c>
      <c r="AB7798" s="5" t="s">
        <v>44</v>
      </c>
      <c r="AC7798" s="2"/>
      <c r="AD7798" s="1"/>
    </row>
    <row r="7799" spans="1:30">
      <c r="A7799" s="5" t="s">
        <v>83578</v>
      </c>
      <c r="B7799" s="2" t="s">
        <v>107516</v>
      </c>
      <c r="C7799" s="14" t="s">
        <v>107517</v>
      </c>
      <c r="D7799" s="2" t="s">
        <v>107518</v>
      </c>
      <c r="E7799" s="2" t="s">
        <v>7555</v>
      </c>
      <c r="F7799" s="8">
        <v>321</v>
      </c>
      <c r="G7799" s="5">
        <v>6</v>
      </c>
      <c r="H7799" s="5" t="s">
        <v>1518</v>
      </c>
      <c r="I7799" s="5" t="s">
        <v>69038</v>
      </c>
      <c r="J7799" s="2" t="s">
        <v>69039</v>
      </c>
      <c r="K7799" s="5" t="s">
        <v>69038</v>
      </c>
      <c r="L7799" s="2" t="s">
        <v>69039</v>
      </c>
      <c r="M7799" s="5" t="s">
        <v>1521</v>
      </c>
      <c r="N7799" s="5" t="s">
        <v>38</v>
      </c>
      <c r="O7799" s="5" t="s">
        <v>39</v>
      </c>
      <c r="P7799" s="5" t="s">
        <v>40</v>
      </c>
      <c r="Q7799" s="5" t="s">
        <v>1522</v>
      </c>
      <c r="R7799" s="5" t="s">
        <v>1523</v>
      </c>
      <c r="S7799" s="5" t="s">
        <v>42</v>
      </c>
      <c r="T7799" s="2">
        <v>3.742</v>
      </c>
      <c r="U7799" s="2">
        <v>3.0830000000000002</v>
      </c>
      <c r="V7799" s="2">
        <v>16.7</v>
      </c>
      <c r="W7799" s="2">
        <v>159.1</v>
      </c>
      <c r="X7799" s="2">
        <v>7.6</v>
      </c>
      <c r="Y7799" s="2">
        <v>16.7</v>
      </c>
      <c r="Z7799" s="5"/>
      <c r="AA7799" s="5" t="s">
        <v>43</v>
      </c>
      <c r="AB7799" s="5" t="s">
        <v>44</v>
      </c>
      <c r="AC7799" s="2"/>
      <c r="AD7799" s="1"/>
    </row>
    <row r="7800" spans="1:30">
      <c r="A7800" s="5" t="s">
        <v>83578</v>
      </c>
      <c r="B7800" s="2" t="s">
        <v>107519</v>
      </c>
      <c r="C7800" s="14" t="s">
        <v>107520</v>
      </c>
      <c r="D7800" s="2" t="s">
        <v>107521</v>
      </c>
      <c r="E7800" s="2" t="s">
        <v>7559</v>
      </c>
      <c r="F7800" s="8">
        <v>321</v>
      </c>
      <c r="G7800" s="5">
        <v>6</v>
      </c>
      <c r="H7800" s="5" t="s">
        <v>1518</v>
      </c>
      <c r="I7800" s="5" t="s">
        <v>69038</v>
      </c>
      <c r="J7800" s="2" t="s">
        <v>69039</v>
      </c>
      <c r="K7800" s="5" t="s">
        <v>69038</v>
      </c>
      <c r="L7800" s="2" t="s">
        <v>69039</v>
      </c>
      <c r="M7800" s="5" t="s">
        <v>1521</v>
      </c>
      <c r="N7800" s="5" t="s">
        <v>38</v>
      </c>
      <c r="O7800" s="5" t="s">
        <v>39</v>
      </c>
      <c r="P7800" s="5" t="s">
        <v>40</v>
      </c>
      <c r="Q7800" s="5" t="s">
        <v>1522</v>
      </c>
      <c r="R7800" s="5" t="s">
        <v>1523</v>
      </c>
      <c r="S7800" s="5" t="s">
        <v>42</v>
      </c>
      <c r="T7800" s="2">
        <v>3.8660000000000001</v>
      </c>
      <c r="U7800" s="2">
        <v>3.2069999999999999</v>
      </c>
      <c r="V7800" s="2">
        <v>16.7</v>
      </c>
      <c r="W7800" s="2">
        <v>159.1</v>
      </c>
      <c r="X7800" s="2">
        <v>7.6</v>
      </c>
      <c r="Y7800" s="2">
        <v>16.7</v>
      </c>
      <c r="Z7800" s="5"/>
      <c r="AA7800" s="5" t="s">
        <v>43</v>
      </c>
      <c r="AB7800" s="5" t="s">
        <v>44</v>
      </c>
      <c r="AC7800" s="2"/>
      <c r="AD7800" s="1"/>
    </row>
    <row r="7801" spans="1:30">
      <c r="A7801" s="5" t="s">
        <v>83578</v>
      </c>
      <c r="B7801" s="2" t="s">
        <v>107522</v>
      </c>
      <c r="C7801" s="14" t="s">
        <v>107523</v>
      </c>
      <c r="D7801" s="2" t="s">
        <v>107524</v>
      </c>
      <c r="E7801" s="2" t="s">
        <v>16194</v>
      </c>
      <c r="F7801" s="8">
        <v>321</v>
      </c>
      <c r="G7801" s="5">
        <v>6</v>
      </c>
      <c r="H7801" s="5" t="s">
        <v>1518</v>
      </c>
      <c r="I7801" s="5" t="s">
        <v>69038</v>
      </c>
      <c r="J7801" s="2" t="s">
        <v>69039</v>
      </c>
      <c r="K7801" s="5" t="s">
        <v>69038</v>
      </c>
      <c r="L7801" s="2" t="s">
        <v>69039</v>
      </c>
      <c r="M7801" s="5" t="s">
        <v>1521</v>
      </c>
      <c r="N7801" s="5" t="s">
        <v>38</v>
      </c>
      <c r="O7801" s="5" t="s">
        <v>39</v>
      </c>
      <c r="P7801" s="5" t="s">
        <v>40</v>
      </c>
      <c r="Q7801" s="5" t="s">
        <v>1522</v>
      </c>
      <c r="R7801" s="5" t="s">
        <v>1523</v>
      </c>
      <c r="S7801" s="5" t="s">
        <v>42</v>
      </c>
      <c r="T7801" s="2">
        <v>3.8660000000000001</v>
      </c>
      <c r="U7801" s="2">
        <v>3.2069999999999999</v>
      </c>
      <c r="V7801" s="2">
        <v>16.7</v>
      </c>
      <c r="W7801" s="2">
        <v>159.1</v>
      </c>
      <c r="X7801" s="2">
        <v>7.6</v>
      </c>
      <c r="Y7801" s="2">
        <v>16.7</v>
      </c>
      <c r="Z7801" s="5"/>
      <c r="AA7801" s="5" t="s">
        <v>43</v>
      </c>
      <c r="AB7801" s="5" t="s">
        <v>44</v>
      </c>
      <c r="AC7801" s="2"/>
      <c r="AD7801" s="1"/>
    </row>
    <row r="7802" spans="1:30">
      <c r="A7802" s="5" t="s">
        <v>83578</v>
      </c>
      <c r="B7802" s="2" t="s">
        <v>107525</v>
      </c>
      <c r="C7802" s="14" t="s">
        <v>107526</v>
      </c>
      <c r="D7802" s="2" t="s">
        <v>107527</v>
      </c>
      <c r="E7802" s="2" t="s">
        <v>7585</v>
      </c>
      <c r="F7802" s="8">
        <v>321</v>
      </c>
      <c r="G7802" s="5">
        <v>6</v>
      </c>
      <c r="H7802" s="5" t="s">
        <v>1518</v>
      </c>
      <c r="I7802" s="5" t="s">
        <v>69038</v>
      </c>
      <c r="J7802" s="2" t="s">
        <v>69039</v>
      </c>
      <c r="K7802" s="5" t="s">
        <v>69038</v>
      </c>
      <c r="L7802" s="2" t="s">
        <v>69039</v>
      </c>
      <c r="M7802" s="5" t="s">
        <v>1521</v>
      </c>
      <c r="N7802" s="5" t="s">
        <v>38</v>
      </c>
      <c r="O7802" s="5" t="s">
        <v>39</v>
      </c>
      <c r="P7802" s="5" t="s">
        <v>40</v>
      </c>
      <c r="Q7802" s="5" t="s">
        <v>1522</v>
      </c>
      <c r="R7802" s="5" t="s">
        <v>1523</v>
      </c>
      <c r="S7802" s="5" t="s">
        <v>42</v>
      </c>
      <c r="T7802" s="2">
        <v>3.742</v>
      </c>
      <c r="U7802" s="2">
        <v>3.0830000000000002</v>
      </c>
      <c r="V7802" s="2">
        <v>16.7</v>
      </c>
      <c r="W7802" s="2">
        <v>159.1</v>
      </c>
      <c r="X7802" s="2">
        <v>7.6</v>
      </c>
      <c r="Y7802" s="2">
        <v>16.7</v>
      </c>
      <c r="Z7802" s="5"/>
      <c r="AA7802" s="5" t="s">
        <v>43</v>
      </c>
      <c r="AB7802" s="5" t="s">
        <v>44</v>
      </c>
      <c r="AC7802" s="2"/>
      <c r="AD7802" s="1"/>
    </row>
    <row r="7803" spans="1:30">
      <c r="A7803" s="5" t="s">
        <v>83578</v>
      </c>
      <c r="B7803" s="2" t="s">
        <v>107528</v>
      </c>
      <c r="C7803" s="14" t="s">
        <v>107529</v>
      </c>
      <c r="D7803" s="2" t="s">
        <v>107530</v>
      </c>
      <c r="E7803" s="2" t="s">
        <v>7593</v>
      </c>
      <c r="F7803" s="8">
        <v>321</v>
      </c>
      <c r="G7803" s="5">
        <v>6</v>
      </c>
      <c r="H7803" s="5" t="s">
        <v>1518</v>
      </c>
      <c r="I7803" s="5" t="s">
        <v>69038</v>
      </c>
      <c r="J7803" s="2" t="s">
        <v>69039</v>
      </c>
      <c r="K7803" s="5" t="s">
        <v>69038</v>
      </c>
      <c r="L7803" s="2" t="s">
        <v>69039</v>
      </c>
      <c r="M7803" s="5" t="s">
        <v>1521</v>
      </c>
      <c r="N7803" s="5" t="s">
        <v>38</v>
      </c>
      <c r="O7803" s="5" t="s">
        <v>39</v>
      </c>
      <c r="P7803" s="5" t="s">
        <v>40</v>
      </c>
      <c r="Q7803" s="5" t="s">
        <v>1522</v>
      </c>
      <c r="R7803" s="5" t="s">
        <v>1523</v>
      </c>
      <c r="S7803" s="5" t="s">
        <v>42</v>
      </c>
      <c r="T7803" s="2">
        <v>3.742</v>
      </c>
      <c r="U7803" s="2">
        <v>3.0830000000000002</v>
      </c>
      <c r="V7803" s="2">
        <v>16.7</v>
      </c>
      <c r="W7803" s="2">
        <v>159.1</v>
      </c>
      <c r="X7803" s="2">
        <v>7.6</v>
      </c>
      <c r="Y7803" s="2">
        <v>16.7</v>
      </c>
      <c r="Z7803" s="5"/>
      <c r="AA7803" s="5" t="s">
        <v>43</v>
      </c>
      <c r="AB7803" s="5" t="s">
        <v>44</v>
      </c>
      <c r="AC7803" s="2"/>
      <c r="AD7803" s="1"/>
    </row>
    <row r="7804" spans="1:30">
      <c r="A7804" s="5" t="s">
        <v>83578</v>
      </c>
      <c r="B7804" s="2" t="s">
        <v>107531</v>
      </c>
      <c r="C7804" s="14" t="s">
        <v>107532</v>
      </c>
      <c r="D7804" s="2" t="s">
        <v>107533</v>
      </c>
      <c r="E7804" s="2" t="s">
        <v>7597</v>
      </c>
      <c r="F7804" s="8">
        <v>321</v>
      </c>
      <c r="G7804" s="5">
        <v>6</v>
      </c>
      <c r="H7804" s="5" t="s">
        <v>1518</v>
      </c>
      <c r="I7804" s="5" t="s">
        <v>69038</v>
      </c>
      <c r="J7804" s="2" t="s">
        <v>69039</v>
      </c>
      <c r="K7804" s="5" t="s">
        <v>69038</v>
      </c>
      <c r="L7804" s="2" t="s">
        <v>69039</v>
      </c>
      <c r="M7804" s="5" t="s">
        <v>1521</v>
      </c>
      <c r="N7804" s="5" t="s">
        <v>38</v>
      </c>
      <c r="O7804" s="5" t="s">
        <v>39</v>
      </c>
      <c r="P7804" s="5" t="s">
        <v>40</v>
      </c>
      <c r="Q7804" s="5" t="s">
        <v>1522</v>
      </c>
      <c r="R7804" s="5" t="s">
        <v>1523</v>
      </c>
      <c r="S7804" s="5" t="s">
        <v>42</v>
      </c>
      <c r="T7804" s="2">
        <v>3.8660000000000001</v>
      </c>
      <c r="U7804" s="2">
        <v>3.2069999999999999</v>
      </c>
      <c r="V7804" s="2">
        <v>16.7</v>
      </c>
      <c r="W7804" s="2">
        <v>159.1</v>
      </c>
      <c r="X7804" s="2">
        <v>7.6</v>
      </c>
      <c r="Y7804" s="2">
        <v>16.7</v>
      </c>
      <c r="Z7804" s="5"/>
      <c r="AA7804" s="5" t="s">
        <v>43</v>
      </c>
      <c r="AB7804" s="5" t="s">
        <v>44</v>
      </c>
      <c r="AC7804" s="2"/>
      <c r="AD7804" s="1"/>
    </row>
    <row r="7805" spans="1:30">
      <c r="A7805" s="5" t="s">
        <v>83578</v>
      </c>
      <c r="B7805" s="2" t="s">
        <v>107534</v>
      </c>
      <c r="C7805" s="14" t="s">
        <v>107535</v>
      </c>
      <c r="D7805" s="2" t="s">
        <v>107536</v>
      </c>
      <c r="E7805" s="2" t="s">
        <v>7615</v>
      </c>
      <c r="F7805" s="8">
        <v>321</v>
      </c>
      <c r="G7805" s="5">
        <v>6</v>
      </c>
      <c r="H7805" s="5" t="s">
        <v>1518</v>
      </c>
      <c r="I7805" s="5" t="s">
        <v>69038</v>
      </c>
      <c r="J7805" s="2" t="s">
        <v>69039</v>
      </c>
      <c r="K7805" s="5" t="s">
        <v>69038</v>
      </c>
      <c r="L7805" s="2" t="s">
        <v>69039</v>
      </c>
      <c r="M7805" s="5" t="s">
        <v>1521</v>
      </c>
      <c r="N7805" s="5" t="s">
        <v>38</v>
      </c>
      <c r="O7805" s="5" t="s">
        <v>39</v>
      </c>
      <c r="P7805" s="5" t="s">
        <v>40</v>
      </c>
      <c r="Q7805" s="5" t="s">
        <v>1522</v>
      </c>
      <c r="R7805" s="5" t="s">
        <v>1523</v>
      </c>
      <c r="S7805" s="5" t="s">
        <v>42</v>
      </c>
      <c r="T7805" s="2">
        <v>3.742</v>
      </c>
      <c r="U7805" s="2">
        <v>3.0830000000000002</v>
      </c>
      <c r="V7805" s="2">
        <v>16.7</v>
      </c>
      <c r="W7805" s="2">
        <v>159.1</v>
      </c>
      <c r="X7805" s="2">
        <v>7.6</v>
      </c>
      <c r="Y7805" s="2">
        <v>16.7</v>
      </c>
      <c r="Z7805" s="5"/>
      <c r="AA7805" s="5" t="s">
        <v>43</v>
      </c>
      <c r="AB7805" s="5" t="s">
        <v>44</v>
      </c>
      <c r="AC7805" s="2"/>
      <c r="AD7805" s="1"/>
    </row>
    <row r="7806" spans="1:30">
      <c r="A7806" s="5" t="s">
        <v>83578</v>
      </c>
      <c r="B7806" s="2" t="s">
        <v>107537</v>
      </c>
      <c r="C7806" s="14" t="s">
        <v>107538</v>
      </c>
      <c r="D7806" s="2" t="s">
        <v>107539</v>
      </c>
      <c r="E7806" s="2" t="s">
        <v>7212</v>
      </c>
      <c r="F7806" s="8">
        <v>296</v>
      </c>
      <c r="G7806" s="5">
        <v>6</v>
      </c>
      <c r="H7806" s="5" t="s">
        <v>1518</v>
      </c>
      <c r="I7806" s="5" t="s">
        <v>69038</v>
      </c>
      <c r="J7806" s="2" t="s">
        <v>69039</v>
      </c>
      <c r="K7806" s="5" t="s">
        <v>69038</v>
      </c>
      <c r="L7806" s="2" t="s">
        <v>69039</v>
      </c>
      <c r="M7806" s="5" t="s">
        <v>1521</v>
      </c>
      <c r="N7806" s="5" t="s">
        <v>38</v>
      </c>
      <c r="O7806" s="5" t="s">
        <v>39</v>
      </c>
      <c r="P7806" s="5" t="s">
        <v>40</v>
      </c>
      <c r="Q7806" s="5" t="s">
        <v>1522</v>
      </c>
      <c r="R7806" s="5" t="s">
        <v>1523</v>
      </c>
      <c r="S7806" s="5" t="s">
        <v>42</v>
      </c>
      <c r="T7806" s="2">
        <v>3.742</v>
      </c>
      <c r="U7806" s="2">
        <v>3.0830000000000002</v>
      </c>
      <c r="V7806" s="2">
        <v>16.7</v>
      </c>
      <c r="W7806" s="2">
        <v>159.1</v>
      </c>
      <c r="X7806" s="2">
        <v>7.6</v>
      </c>
      <c r="Y7806" s="2">
        <v>16.7</v>
      </c>
      <c r="Z7806" s="5"/>
      <c r="AA7806" s="5" t="s">
        <v>43</v>
      </c>
      <c r="AB7806" s="5" t="s">
        <v>44</v>
      </c>
      <c r="AC7806" s="2"/>
      <c r="AD7806" s="1"/>
    </row>
    <row r="7807" spans="1:30">
      <c r="A7807" s="5" t="s">
        <v>83578</v>
      </c>
      <c r="B7807" s="2" t="s">
        <v>107540</v>
      </c>
      <c r="C7807" s="14" t="s">
        <v>107541</v>
      </c>
      <c r="D7807" s="2" t="s">
        <v>107542</v>
      </c>
      <c r="E7807" s="2" t="s">
        <v>7528</v>
      </c>
      <c r="F7807" s="8">
        <v>296</v>
      </c>
      <c r="G7807" s="5">
        <v>6</v>
      </c>
      <c r="H7807" s="5" t="s">
        <v>1518</v>
      </c>
      <c r="I7807" s="5" t="s">
        <v>69038</v>
      </c>
      <c r="J7807" s="2" t="s">
        <v>69039</v>
      </c>
      <c r="K7807" s="5" t="s">
        <v>69038</v>
      </c>
      <c r="L7807" s="2" t="s">
        <v>69039</v>
      </c>
      <c r="M7807" s="5" t="s">
        <v>1521</v>
      </c>
      <c r="N7807" s="5" t="s">
        <v>38</v>
      </c>
      <c r="O7807" s="5" t="s">
        <v>39</v>
      </c>
      <c r="P7807" s="5" t="s">
        <v>40</v>
      </c>
      <c r="Q7807" s="5" t="s">
        <v>1522</v>
      </c>
      <c r="R7807" s="5" t="s">
        <v>1523</v>
      </c>
      <c r="S7807" s="5" t="s">
        <v>42</v>
      </c>
      <c r="T7807" s="2">
        <v>3.8660000000000001</v>
      </c>
      <c r="U7807" s="2">
        <v>3.2069999999999999</v>
      </c>
      <c r="V7807" s="2">
        <v>16.7</v>
      </c>
      <c r="W7807" s="2">
        <v>159.1</v>
      </c>
      <c r="X7807" s="2">
        <v>7.6</v>
      </c>
      <c r="Y7807" s="2">
        <v>16.7</v>
      </c>
      <c r="Z7807" s="5"/>
      <c r="AA7807" s="5" t="s">
        <v>43</v>
      </c>
      <c r="AB7807" s="5" t="s">
        <v>44</v>
      </c>
      <c r="AC7807" s="2"/>
      <c r="AD7807" s="1"/>
    </row>
    <row r="7808" spans="1:30">
      <c r="A7808" s="5" t="s">
        <v>83578</v>
      </c>
      <c r="B7808" s="2" t="s">
        <v>107543</v>
      </c>
      <c r="C7808" s="14" t="s">
        <v>107544</v>
      </c>
      <c r="D7808" s="2" t="s">
        <v>107545</v>
      </c>
      <c r="E7808" s="2" t="s">
        <v>7551</v>
      </c>
      <c r="F7808" s="8">
        <v>300</v>
      </c>
      <c r="G7808" s="5">
        <v>6</v>
      </c>
      <c r="H7808" s="5" t="s">
        <v>1518</v>
      </c>
      <c r="I7808" s="5" t="s">
        <v>69038</v>
      </c>
      <c r="J7808" s="2" t="s">
        <v>69039</v>
      </c>
      <c r="K7808" s="5" t="s">
        <v>69038</v>
      </c>
      <c r="L7808" s="2" t="s">
        <v>69039</v>
      </c>
      <c r="M7808" s="5" t="s">
        <v>1521</v>
      </c>
      <c r="N7808" s="5" t="s">
        <v>38</v>
      </c>
      <c r="O7808" s="5" t="s">
        <v>39</v>
      </c>
      <c r="P7808" s="5" t="s">
        <v>40</v>
      </c>
      <c r="Q7808" s="5" t="s">
        <v>1522</v>
      </c>
      <c r="R7808" s="5" t="s">
        <v>1523</v>
      </c>
      <c r="S7808" s="5" t="s">
        <v>42</v>
      </c>
      <c r="T7808" s="2">
        <v>3.5539999999999998</v>
      </c>
      <c r="U7808" s="2">
        <v>2.8879999999999999</v>
      </c>
      <c r="V7808" s="2">
        <v>16.7</v>
      </c>
      <c r="W7808" s="2">
        <v>159.1</v>
      </c>
      <c r="X7808" s="2">
        <v>7.6</v>
      </c>
      <c r="Y7808" s="2">
        <v>16.7</v>
      </c>
      <c r="Z7808" s="5"/>
      <c r="AA7808" s="5" t="s">
        <v>43</v>
      </c>
      <c r="AB7808" s="5" t="s">
        <v>44</v>
      </c>
      <c r="AC7808" s="2"/>
      <c r="AD7808" s="1"/>
    </row>
    <row r="7809" spans="1:30">
      <c r="A7809" s="5" t="s">
        <v>83578</v>
      </c>
      <c r="B7809" s="2" t="s">
        <v>107546</v>
      </c>
      <c r="C7809" s="14" t="s">
        <v>107547</v>
      </c>
      <c r="D7809" s="2" t="s">
        <v>107548</v>
      </c>
      <c r="E7809" s="2" t="s">
        <v>7559</v>
      </c>
      <c r="F7809" s="8">
        <v>300</v>
      </c>
      <c r="G7809" s="5">
        <v>6</v>
      </c>
      <c r="H7809" s="5" t="s">
        <v>1518</v>
      </c>
      <c r="I7809" s="5" t="s">
        <v>69038</v>
      </c>
      <c r="J7809" s="2" t="s">
        <v>69039</v>
      </c>
      <c r="K7809" s="5" t="s">
        <v>69038</v>
      </c>
      <c r="L7809" s="2" t="s">
        <v>69039</v>
      </c>
      <c r="M7809" s="5" t="s">
        <v>1521</v>
      </c>
      <c r="N7809" s="5" t="s">
        <v>38</v>
      </c>
      <c r="O7809" s="5" t="s">
        <v>39</v>
      </c>
      <c r="P7809" s="5" t="s">
        <v>40</v>
      </c>
      <c r="Q7809" s="5" t="s">
        <v>1522</v>
      </c>
      <c r="R7809" s="5" t="s">
        <v>1523</v>
      </c>
      <c r="S7809" s="5" t="s">
        <v>42</v>
      </c>
      <c r="T7809" s="2">
        <v>3.5539999999999998</v>
      </c>
      <c r="U7809" s="2">
        <v>2.8879999999999999</v>
      </c>
      <c r="V7809" s="2">
        <v>16.7</v>
      </c>
      <c r="W7809" s="2">
        <v>159.1</v>
      </c>
      <c r="X7809" s="2">
        <v>7.6</v>
      </c>
      <c r="Y7809" s="2">
        <v>16.7</v>
      </c>
      <c r="Z7809" s="5"/>
      <c r="AA7809" s="5" t="s">
        <v>43</v>
      </c>
      <c r="AB7809" s="5" t="s">
        <v>44</v>
      </c>
      <c r="AC7809" s="2"/>
      <c r="AD7809" s="1"/>
    </row>
    <row r="7810" spans="1:30">
      <c r="A7810" s="5" t="s">
        <v>83578</v>
      </c>
      <c r="B7810" s="2" t="s">
        <v>107549</v>
      </c>
      <c r="C7810" s="14" t="s">
        <v>107550</v>
      </c>
      <c r="D7810" s="2" t="s">
        <v>107551</v>
      </c>
      <c r="E7810" s="2" t="s">
        <v>7593</v>
      </c>
      <c r="F7810" s="8">
        <v>300</v>
      </c>
      <c r="G7810" s="5">
        <v>6</v>
      </c>
      <c r="H7810" s="5" t="s">
        <v>1518</v>
      </c>
      <c r="I7810" s="5" t="s">
        <v>69038</v>
      </c>
      <c r="J7810" s="2" t="s">
        <v>69039</v>
      </c>
      <c r="K7810" s="5" t="s">
        <v>69038</v>
      </c>
      <c r="L7810" s="2" t="s">
        <v>69039</v>
      </c>
      <c r="M7810" s="5" t="s">
        <v>1521</v>
      </c>
      <c r="N7810" s="5" t="s">
        <v>38</v>
      </c>
      <c r="O7810" s="5" t="s">
        <v>39</v>
      </c>
      <c r="P7810" s="5" t="s">
        <v>40</v>
      </c>
      <c r="Q7810" s="5" t="s">
        <v>1522</v>
      </c>
      <c r="R7810" s="5" t="s">
        <v>1523</v>
      </c>
      <c r="S7810" s="5" t="s">
        <v>42</v>
      </c>
      <c r="T7810" s="2">
        <v>3.4590000000000001</v>
      </c>
      <c r="U7810" s="2">
        <v>2.7930000000000001</v>
      </c>
      <c r="V7810" s="2">
        <v>16.7</v>
      </c>
      <c r="W7810" s="2">
        <v>159.1</v>
      </c>
      <c r="X7810" s="2">
        <v>7.6</v>
      </c>
      <c r="Y7810" s="2">
        <v>16.7</v>
      </c>
      <c r="Z7810" s="5"/>
      <c r="AA7810" s="5" t="s">
        <v>43</v>
      </c>
      <c r="AB7810" s="5" t="s">
        <v>44</v>
      </c>
      <c r="AC7810" s="2"/>
      <c r="AD7810" s="1"/>
    </row>
    <row r="7811" spans="1:30">
      <c r="A7811" s="5" t="s">
        <v>83578</v>
      </c>
      <c r="B7811" s="2" t="s">
        <v>107552</v>
      </c>
      <c r="C7811" s="14" t="s">
        <v>107553</v>
      </c>
      <c r="D7811" s="2" t="s">
        <v>107554</v>
      </c>
      <c r="E7811" s="2" t="s">
        <v>7597</v>
      </c>
      <c r="F7811" s="8">
        <v>300</v>
      </c>
      <c r="G7811" s="5">
        <v>6</v>
      </c>
      <c r="H7811" s="5" t="s">
        <v>1518</v>
      </c>
      <c r="I7811" s="5" t="s">
        <v>69038</v>
      </c>
      <c r="J7811" s="2" t="s">
        <v>69039</v>
      </c>
      <c r="K7811" s="5" t="s">
        <v>69038</v>
      </c>
      <c r="L7811" s="2" t="s">
        <v>69039</v>
      </c>
      <c r="M7811" s="5" t="s">
        <v>1521</v>
      </c>
      <c r="N7811" s="5" t="s">
        <v>38</v>
      </c>
      <c r="O7811" s="5" t="s">
        <v>39</v>
      </c>
      <c r="P7811" s="5" t="s">
        <v>40</v>
      </c>
      <c r="Q7811" s="5" t="s">
        <v>1522</v>
      </c>
      <c r="R7811" s="5" t="s">
        <v>1523</v>
      </c>
      <c r="S7811" s="5" t="s">
        <v>42</v>
      </c>
      <c r="T7811" s="2">
        <v>3.5539999999999998</v>
      </c>
      <c r="U7811" s="2">
        <v>2.8879999999999999</v>
      </c>
      <c r="V7811" s="2">
        <v>16.7</v>
      </c>
      <c r="W7811" s="2">
        <v>159.1</v>
      </c>
      <c r="X7811" s="2">
        <v>7.6</v>
      </c>
      <c r="Y7811" s="2">
        <v>16.7</v>
      </c>
      <c r="Z7811" s="5"/>
      <c r="AA7811" s="5" t="s">
        <v>43</v>
      </c>
      <c r="AB7811" s="5" t="s">
        <v>44</v>
      </c>
      <c r="AC7811" s="2"/>
      <c r="AD7811" s="1"/>
    </row>
    <row r="7812" spans="1:30">
      <c r="A7812" s="5" t="s">
        <v>83578</v>
      </c>
      <c r="B7812" s="2" t="s">
        <v>107555</v>
      </c>
      <c r="C7812" s="14" t="s">
        <v>107556</v>
      </c>
      <c r="D7812" s="2" t="s">
        <v>107557</v>
      </c>
      <c r="E7812" s="2" t="s">
        <v>73362</v>
      </c>
      <c r="F7812" s="8">
        <v>300</v>
      </c>
      <c r="G7812" s="5">
        <v>6</v>
      </c>
      <c r="H7812" s="5" t="s">
        <v>1518</v>
      </c>
      <c r="I7812" s="5" t="s">
        <v>69038</v>
      </c>
      <c r="J7812" s="2" t="s">
        <v>69039</v>
      </c>
      <c r="K7812" s="5" t="s">
        <v>69038</v>
      </c>
      <c r="L7812" s="2" t="s">
        <v>69039</v>
      </c>
      <c r="M7812" s="5" t="s">
        <v>1521</v>
      </c>
      <c r="N7812" s="5" t="s">
        <v>38</v>
      </c>
      <c r="O7812" s="5" t="s">
        <v>39</v>
      </c>
      <c r="P7812" s="5" t="s">
        <v>40</v>
      </c>
      <c r="Q7812" s="5" t="s">
        <v>1522</v>
      </c>
      <c r="R7812" s="5" t="s">
        <v>1523</v>
      </c>
      <c r="S7812" s="5" t="s">
        <v>42</v>
      </c>
      <c r="T7812" s="2">
        <v>3.5539999999999998</v>
      </c>
      <c r="U7812" s="2">
        <v>2.8879999999999999</v>
      </c>
      <c r="V7812" s="2">
        <v>16.7</v>
      </c>
      <c r="W7812" s="2">
        <v>159.1</v>
      </c>
      <c r="X7812" s="2">
        <v>7.6</v>
      </c>
      <c r="Y7812" s="2">
        <v>16.7</v>
      </c>
      <c r="Z7812" s="5"/>
      <c r="AA7812" s="5" t="s">
        <v>43</v>
      </c>
      <c r="AB7812" s="5" t="s">
        <v>44</v>
      </c>
      <c r="AC7812" s="2"/>
      <c r="AD7812" s="1"/>
    </row>
    <row r="7813" spans="1:30">
      <c r="A7813" s="5" t="s">
        <v>83578</v>
      </c>
      <c r="B7813" s="2" t="s">
        <v>107558</v>
      </c>
      <c r="C7813" s="14" t="s">
        <v>107559</v>
      </c>
      <c r="D7813" s="2" t="s">
        <v>107560</v>
      </c>
      <c r="E7813" s="2" t="s">
        <v>16219</v>
      </c>
      <c r="F7813" s="8">
        <v>300</v>
      </c>
      <c r="G7813" s="5">
        <v>6</v>
      </c>
      <c r="H7813" s="5" t="s">
        <v>1518</v>
      </c>
      <c r="I7813" s="5" t="s">
        <v>69038</v>
      </c>
      <c r="J7813" s="2" t="s">
        <v>69039</v>
      </c>
      <c r="K7813" s="5" t="s">
        <v>69038</v>
      </c>
      <c r="L7813" s="2" t="s">
        <v>69039</v>
      </c>
      <c r="M7813" s="5" t="s">
        <v>1521</v>
      </c>
      <c r="N7813" s="5" t="s">
        <v>38</v>
      </c>
      <c r="O7813" s="5" t="s">
        <v>39</v>
      </c>
      <c r="P7813" s="5" t="s">
        <v>40</v>
      </c>
      <c r="Q7813" s="5" t="s">
        <v>1522</v>
      </c>
      <c r="R7813" s="5" t="s">
        <v>1523</v>
      </c>
      <c r="S7813" s="5" t="s">
        <v>42</v>
      </c>
      <c r="T7813" s="2">
        <v>3.5539999999999998</v>
      </c>
      <c r="U7813" s="2">
        <v>2.8879999999999999</v>
      </c>
      <c r="V7813" s="2">
        <v>16.7</v>
      </c>
      <c r="W7813" s="2">
        <v>159.1</v>
      </c>
      <c r="X7813" s="2">
        <v>7.6</v>
      </c>
      <c r="Y7813" s="2">
        <v>16.7</v>
      </c>
      <c r="Z7813" s="5"/>
      <c r="AA7813" s="5" t="s">
        <v>43</v>
      </c>
      <c r="AB7813" s="5" t="s">
        <v>44</v>
      </c>
      <c r="AC7813" s="2"/>
      <c r="AD7813" s="1"/>
    </row>
    <row r="7814" spans="1:30">
      <c r="A7814" s="5" t="s">
        <v>83578</v>
      </c>
      <c r="B7814" s="2" t="s">
        <v>107561</v>
      </c>
      <c r="C7814" s="14" t="s">
        <v>107562</v>
      </c>
      <c r="D7814" s="2" t="s">
        <v>107563</v>
      </c>
      <c r="E7814" s="2" t="s">
        <v>7551</v>
      </c>
      <c r="F7814" s="8">
        <v>314</v>
      </c>
      <c r="G7814" s="5">
        <v>6</v>
      </c>
      <c r="H7814" s="5" t="s">
        <v>1518</v>
      </c>
      <c r="I7814" s="5" t="s">
        <v>69038</v>
      </c>
      <c r="J7814" s="2" t="s">
        <v>69039</v>
      </c>
      <c r="K7814" s="5" t="s">
        <v>69038</v>
      </c>
      <c r="L7814" s="2" t="s">
        <v>69039</v>
      </c>
      <c r="M7814" s="5" t="s">
        <v>1521</v>
      </c>
      <c r="N7814" s="5" t="s">
        <v>38</v>
      </c>
      <c r="O7814" s="5" t="s">
        <v>39</v>
      </c>
      <c r="P7814" s="5" t="s">
        <v>40</v>
      </c>
      <c r="Q7814" s="5" t="s">
        <v>1522</v>
      </c>
      <c r="R7814" s="5" t="s">
        <v>1523</v>
      </c>
      <c r="S7814" s="5" t="s">
        <v>42</v>
      </c>
      <c r="T7814" s="2">
        <v>3.9209999999999998</v>
      </c>
      <c r="U7814" s="2">
        <v>3.274</v>
      </c>
      <c r="V7814" s="2">
        <v>16.7</v>
      </c>
      <c r="W7814" s="2">
        <v>159.1</v>
      </c>
      <c r="X7814" s="2">
        <v>7.6</v>
      </c>
      <c r="Y7814" s="2">
        <v>16.7</v>
      </c>
      <c r="Z7814" s="5"/>
      <c r="AA7814" s="5" t="s">
        <v>43</v>
      </c>
      <c r="AB7814" s="5" t="s">
        <v>44</v>
      </c>
      <c r="AC7814" s="2"/>
      <c r="AD7814" s="1"/>
    </row>
    <row r="7815" spans="1:30">
      <c r="A7815" s="5" t="s">
        <v>83578</v>
      </c>
      <c r="B7815" s="2" t="s">
        <v>107564</v>
      </c>
      <c r="C7815" s="14" t="s">
        <v>107565</v>
      </c>
      <c r="D7815" s="2" t="s">
        <v>107566</v>
      </c>
      <c r="E7815" s="2" t="s">
        <v>7559</v>
      </c>
      <c r="F7815" s="8">
        <v>314</v>
      </c>
      <c r="G7815" s="5">
        <v>6</v>
      </c>
      <c r="H7815" s="5" t="s">
        <v>1518</v>
      </c>
      <c r="I7815" s="5" t="s">
        <v>69038</v>
      </c>
      <c r="J7815" s="2" t="s">
        <v>69039</v>
      </c>
      <c r="K7815" s="5" t="s">
        <v>69038</v>
      </c>
      <c r="L7815" s="2" t="s">
        <v>69039</v>
      </c>
      <c r="M7815" s="5" t="s">
        <v>1521</v>
      </c>
      <c r="N7815" s="5" t="s">
        <v>38</v>
      </c>
      <c r="O7815" s="5" t="s">
        <v>39</v>
      </c>
      <c r="P7815" s="5" t="s">
        <v>40</v>
      </c>
      <c r="Q7815" s="5" t="s">
        <v>1522</v>
      </c>
      <c r="R7815" s="5" t="s">
        <v>1523</v>
      </c>
      <c r="S7815" s="5" t="s">
        <v>42</v>
      </c>
      <c r="T7815" s="2">
        <v>3.9209999999999998</v>
      </c>
      <c r="U7815" s="2">
        <v>3.274</v>
      </c>
      <c r="V7815" s="2">
        <v>16.7</v>
      </c>
      <c r="W7815" s="2">
        <v>159.1</v>
      </c>
      <c r="X7815" s="2">
        <v>7.6</v>
      </c>
      <c r="Y7815" s="2">
        <v>16.7</v>
      </c>
      <c r="Z7815" s="5"/>
      <c r="AA7815" s="5" t="s">
        <v>43</v>
      </c>
      <c r="AB7815" s="5" t="s">
        <v>44</v>
      </c>
      <c r="AC7815" s="2"/>
      <c r="AD7815" s="1"/>
    </row>
    <row r="7816" spans="1:30">
      <c r="A7816" s="5" t="s">
        <v>83578</v>
      </c>
      <c r="B7816" s="2" t="s">
        <v>107567</v>
      </c>
      <c r="C7816" s="14" t="s">
        <v>107568</v>
      </c>
      <c r="D7816" s="2" t="s">
        <v>107569</v>
      </c>
      <c r="E7816" s="2" t="s">
        <v>7589</v>
      </c>
      <c r="F7816" s="8">
        <v>314</v>
      </c>
      <c r="G7816" s="5">
        <v>6</v>
      </c>
      <c r="H7816" s="5" t="s">
        <v>1518</v>
      </c>
      <c r="I7816" s="5" t="s">
        <v>69038</v>
      </c>
      <c r="J7816" s="2" t="s">
        <v>69039</v>
      </c>
      <c r="K7816" s="5" t="s">
        <v>69038</v>
      </c>
      <c r="L7816" s="2" t="s">
        <v>69039</v>
      </c>
      <c r="M7816" s="5" t="s">
        <v>1521</v>
      </c>
      <c r="N7816" s="5" t="s">
        <v>38</v>
      </c>
      <c r="O7816" s="5" t="s">
        <v>39</v>
      </c>
      <c r="P7816" s="5" t="s">
        <v>40</v>
      </c>
      <c r="Q7816" s="5" t="s">
        <v>1522</v>
      </c>
      <c r="R7816" s="5" t="s">
        <v>1523</v>
      </c>
      <c r="S7816" s="5" t="s">
        <v>42</v>
      </c>
      <c r="T7816" s="2">
        <v>3.9209999999999998</v>
      </c>
      <c r="U7816" s="2">
        <v>3.274</v>
      </c>
      <c r="V7816" s="2">
        <v>16.7</v>
      </c>
      <c r="W7816" s="2">
        <v>159.1</v>
      </c>
      <c r="X7816" s="2">
        <v>7.6</v>
      </c>
      <c r="Y7816" s="2">
        <v>16.7</v>
      </c>
      <c r="Z7816" s="5"/>
      <c r="AA7816" s="5" t="s">
        <v>43</v>
      </c>
      <c r="AB7816" s="5" t="s">
        <v>44</v>
      </c>
      <c r="AC7816" s="2"/>
      <c r="AD7816" s="1"/>
    </row>
    <row r="7817" spans="1:30">
      <c r="A7817" s="5" t="s">
        <v>83578</v>
      </c>
      <c r="B7817" s="2" t="s">
        <v>107570</v>
      </c>
      <c r="C7817" s="14" t="s">
        <v>107571</v>
      </c>
      <c r="D7817" s="2" t="s">
        <v>107572</v>
      </c>
      <c r="E7817" s="2" t="s">
        <v>7597</v>
      </c>
      <c r="F7817" s="8">
        <v>314</v>
      </c>
      <c r="G7817" s="5">
        <v>6</v>
      </c>
      <c r="H7817" s="5" t="s">
        <v>1518</v>
      </c>
      <c r="I7817" s="5" t="s">
        <v>69038</v>
      </c>
      <c r="J7817" s="2" t="s">
        <v>69039</v>
      </c>
      <c r="K7817" s="5" t="s">
        <v>69038</v>
      </c>
      <c r="L7817" s="2" t="s">
        <v>69039</v>
      </c>
      <c r="M7817" s="5" t="s">
        <v>1521</v>
      </c>
      <c r="N7817" s="5" t="s">
        <v>38</v>
      </c>
      <c r="O7817" s="5" t="s">
        <v>39</v>
      </c>
      <c r="P7817" s="5" t="s">
        <v>40</v>
      </c>
      <c r="Q7817" s="5" t="s">
        <v>1522</v>
      </c>
      <c r="R7817" s="5" t="s">
        <v>1523</v>
      </c>
      <c r="S7817" s="5" t="s">
        <v>42</v>
      </c>
      <c r="T7817" s="2">
        <v>3.9209999999999998</v>
      </c>
      <c r="U7817" s="2">
        <v>3.274</v>
      </c>
      <c r="V7817" s="2">
        <v>16.7</v>
      </c>
      <c r="W7817" s="2">
        <v>159.1</v>
      </c>
      <c r="X7817" s="2">
        <v>7.6</v>
      </c>
      <c r="Y7817" s="2">
        <v>16.7</v>
      </c>
      <c r="Z7817" s="5"/>
      <c r="AA7817" s="5" t="s">
        <v>43</v>
      </c>
      <c r="AB7817" s="5" t="s">
        <v>44</v>
      </c>
      <c r="AC7817" s="2"/>
      <c r="AD7817" s="1"/>
    </row>
    <row r="7818" spans="1:30">
      <c r="A7818" s="5" t="s">
        <v>83578</v>
      </c>
      <c r="B7818" s="2" t="s">
        <v>107573</v>
      </c>
      <c r="C7818" s="14" t="s">
        <v>107574</v>
      </c>
      <c r="D7818" s="2" t="s">
        <v>107575</v>
      </c>
      <c r="E7818" s="2" t="s">
        <v>7521</v>
      </c>
      <c r="F7818" s="8">
        <v>308</v>
      </c>
      <c r="G7818" s="5">
        <v>6</v>
      </c>
      <c r="H7818" s="5" t="s">
        <v>1518</v>
      </c>
      <c r="I7818" s="5" t="s">
        <v>69038</v>
      </c>
      <c r="J7818" s="2" t="s">
        <v>69039</v>
      </c>
      <c r="K7818" s="5" t="s">
        <v>69038</v>
      </c>
      <c r="L7818" s="2" t="s">
        <v>69039</v>
      </c>
      <c r="M7818" s="5" t="s">
        <v>1521</v>
      </c>
      <c r="N7818" s="5" t="s">
        <v>38</v>
      </c>
      <c r="O7818" s="5" t="s">
        <v>39</v>
      </c>
      <c r="P7818" s="5" t="s">
        <v>40</v>
      </c>
      <c r="Q7818" s="5" t="s">
        <v>1522</v>
      </c>
      <c r="R7818" s="5" t="s">
        <v>1523</v>
      </c>
      <c r="S7818" s="5" t="s">
        <v>42</v>
      </c>
      <c r="T7818" s="2">
        <v>4.1040000000000001</v>
      </c>
      <c r="U7818" s="2">
        <v>3.4660000000000002</v>
      </c>
      <c r="V7818" s="2">
        <v>16.7</v>
      </c>
      <c r="W7818" s="2">
        <v>159.1</v>
      </c>
      <c r="X7818" s="2">
        <v>7.6</v>
      </c>
      <c r="Y7818" s="2">
        <v>16.7</v>
      </c>
      <c r="Z7818" s="5"/>
      <c r="AA7818" s="5" t="s">
        <v>43</v>
      </c>
      <c r="AB7818" s="5" t="s">
        <v>44</v>
      </c>
      <c r="AC7818" s="2"/>
      <c r="AD7818" s="1"/>
    </row>
    <row r="7819" spans="1:30">
      <c r="A7819" s="5" t="s">
        <v>83578</v>
      </c>
      <c r="B7819" s="2" t="s">
        <v>107576</v>
      </c>
      <c r="C7819" s="14" t="s">
        <v>107577</v>
      </c>
      <c r="D7819" s="2" t="s">
        <v>107578</v>
      </c>
      <c r="E7819" s="2" t="s">
        <v>7406</v>
      </c>
      <c r="F7819" s="8">
        <v>334</v>
      </c>
      <c r="G7819" s="5">
        <v>6</v>
      </c>
      <c r="H7819" s="5" t="s">
        <v>1518</v>
      </c>
      <c r="I7819" s="5" t="s">
        <v>69038</v>
      </c>
      <c r="J7819" s="2" t="s">
        <v>69039</v>
      </c>
      <c r="K7819" s="5" t="s">
        <v>69038</v>
      </c>
      <c r="L7819" s="2" t="s">
        <v>69039</v>
      </c>
      <c r="M7819" s="5" t="s">
        <v>1521</v>
      </c>
      <c r="N7819" s="5" t="s">
        <v>38</v>
      </c>
      <c r="O7819" s="5" t="s">
        <v>39</v>
      </c>
      <c r="P7819" s="5" t="s">
        <v>40</v>
      </c>
      <c r="Q7819" s="5" t="s">
        <v>1522</v>
      </c>
      <c r="R7819" s="5" t="s">
        <v>1523</v>
      </c>
      <c r="S7819" s="5" t="s">
        <v>42</v>
      </c>
      <c r="T7819" s="2">
        <v>3.9740000000000002</v>
      </c>
      <c r="U7819" s="2">
        <v>3.3359999999999999</v>
      </c>
      <c r="V7819" s="2">
        <v>16.7</v>
      </c>
      <c r="W7819" s="2">
        <v>159.1</v>
      </c>
      <c r="X7819" s="2">
        <v>7.6</v>
      </c>
      <c r="Y7819" s="2">
        <v>16.7</v>
      </c>
      <c r="Z7819" s="5"/>
      <c r="AA7819" s="5" t="s">
        <v>43</v>
      </c>
      <c r="AB7819" s="5" t="s">
        <v>44</v>
      </c>
      <c r="AC7819" s="2"/>
      <c r="AD7819" s="1"/>
    </row>
    <row r="7820" spans="1:30">
      <c r="A7820" s="5" t="s">
        <v>83578</v>
      </c>
      <c r="B7820" s="2" t="s">
        <v>107579</v>
      </c>
      <c r="C7820" s="14" t="s">
        <v>107580</v>
      </c>
      <c r="D7820" s="2" t="s">
        <v>107581</v>
      </c>
      <c r="E7820" s="2" t="s">
        <v>7535</v>
      </c>
      <c r="F7820" s="8">
        <v>334</v>
      </c>
      <c r="G7820" s="5">
        <v>6</v>
      </c>
      <c r="H7820" s="5" t="s">
        <v>1518</v>
      </c>
      <c r="I7820" s="5" t="s">
        <v>69038</v>
      </c>
      <c r="J7820" s="2" t="s">
        <v>69039</v>
      </c>
      <c r="K7820" s="5" t="s">
        <v>69038</v>
      </c>
      <c r="L7820" s="2" t="s">
        <v>69039</v>
      </c>
      <c r="M7820" s="5" t="s">
        <v>1521</v>
      </c>
      <c r="N7820" s="5" t="s">
        <v>38</v>
      </c>
      <c r="O7820" s="5" t="s">
        <v>39</v>
      </c>
      <c r="P7820" s="5" t="s">
        <v>40</v>
      </c>
      <c r="Q7820" s="5" t="s">
        <v>1522</v>
      </c>
      <c r="R7820" s="5" t="s">
        <v>1523</v>
      </c>
      <c r="S7820" s="5" t="s">
        <v>42</v>
      </c>
      <c r="T7820" s="2">
        <v>4.1040000000000001</v>
      </c>
      <c r="U7820" s="2">
        <v>3.4660000000000002</v>
      </c>
      <c r="V7820" s="2">
        <v>16.7</v>
      </c>
      <c r="W7820" s="2">
        <v>159.1</v>
      </c>
      <c r="X7820" s="2">
        <v>7.6</v>
      </c>
      <c r="Y7820" s="2">
        <v>16.7</v>
      </c>
      <c r="Z7820" s="5"/>
      <c r="AA7820" s="5" t="s">
        <v>43</v>
      </c>
      <c r="AB7820" s="5" t="s">
        <v>44</v>
      </c>
      <c r="AC7820" s="2"/>
      <c r="AD7820" s="1"/>
    </row>
    <row r="7821" spans="1:30">
      <c r="A7821" s="5" t="s">
        <v>83578</v>
      </c>
      <c r="B7821" s="2" t="s">
        <v>107582</v>
      </c>
      <c r="C7821" s="14" t="s">
        <v>107583</v>
      </c>
      <c r="D7821" s="2" t="s">
        <v>107584</v>
      </c>
      <c r="E7821" s="2" t="s">
        <v>7539</v>
      </c>
      <c r="F7821" s="8">
        <v>334</v>
      </c>
      <c r="G7821" s="5">
        <v>6</v>
      </c>
      <c r="H7821" s="5" t="s">
        <v>1518</v>
      </c>
      <c r="I7821" s="5" t="s">
        <v>69038</v>
      </c>
      <c r="J7821" s="2" t="s">
        <v>69039</v>
      </c>
      <c r="K7821" s="5" t="s">
        <v>69038</v>
      </c>
      <c r="L7821" s="2" t="s">
        <v>69039</v>
      </c>
      <c r="M7821" s="5" t="s">
        <v>1521</v>
      </c>
      <c r="N7821" s="5" t="s">
        <v>38</v>
      </c>
      <c r="O7821" s="5" t="s">
        <v>39</v>
      </c>
      <c r="P7821" s="5" t="s">
        <v>40</v>
      </c>
      <c r="Q7821" s="5" t="s">
        <v>1522</v>
      </c>
      <c r="R7821" s="5" t="s">
        <v>1523</v>
      </c>
      <c r="S7821" s="5" t="s">
        <v>42</v>
      </c>
      <c r="T7821" s="2">
        <v>3.9740000000000002</v>
      </c>
      <c r="U7821" s="2">
        <v>3.3359999999999999</v>
      </c>
      <c r="V7821" s="2">
        <v>16.7</v>
      </c>
      <c r="W7821" s="2">
        <v>159.1</v>
      </c>
      <c r="X7821" s="2">
        <v>7.6</v>
      </c>
      <c r="Y7821" s="2">
        <v>16.7</v>
      </c>
      <c r="Z7821" s="5"/>
      <c r="AA7821" s="5" t="s">
        <v>43</v>
      </c>
      <c r="AB7821" s="5" t="s">
        <v>44</v>
      </c>
      <c r="AC7821" s="2"/>
      <c r="AD7821" s="1"/>
    </row>
    <row r="7822" spans="1:30">
      <c r="A7822" s="5" t="s">
        <v>83578</v>
      </c>
      <c r="B7822" s="2" t="s">
        <v>107585</v>
      </c>
      <c r="C7822" s="14" t="s">
        <v>107586</v>
      </c>
      <c r="D7822" s="2" t="s">
        <v>107587</v>
      </c>
      <c r="E7822" s="2" t="s">
        <v>7543</v>
      </c>
      <c r="F7822" s="8">
        <v>334</v>
      </c>
      <c r="G7822" s="5">
        <v>6</v>
      </c>
      <c r="H7822" s="5" t="s">
        <v>1518</v>
      </c>
      <c r="I7822" s="5" t="s">
        <v>69038</v>
      </c>
      <c r="J7822" s="2" t="s">
        <v>69039</v>
      </c>
      <c r="K7822" s="5" t="s">
        <v>69038</v>
      </c>
      <c r="L7822" s="2" t="s">
        <v>69039</v>
      </c>
      <c r="M7822" s="5" t="s">
        <v>1521</v>
      </c>
      <c r="N7822" s="5" t="s">
        <v>38</v>
      </c>
      <c r="O7822" s="5" t="s">
        <v>39</v>
      </c>
      <c r="P7822" s="5" t="s">
        <v>40</v>
      </c>
      <c r="Q7822" s="5" t="s">
        <v>1522</v>
      </c>
      <c r="R7822" s="5" t="s">
        <v>1523</v>
      </c>
      <c r="S7822" s="5" t="s">
        <v>42</v>
      </c>
      <c r="T7822" s="2">
        <v>4.1040000000000001</v>
      </c>
      <c r="U7822" s="2">
        <v>3.4660000000000002</v>
      </c>
      <c r="V7822" s="2">
        <v>16.7</v>
      </c>
      <c r="W7822" s="2">
        <v>159.1</v>
      </c>
      <c r="X7822" s="2">
        <v>7.6</v>
      </c>
      <c r="Y7822" s="2">
        <v>16.7</v>
      </c>
      <c r="Z7822" s="5"/>
      <c r="AA7822" s="5" t="s">
        <v>43</v>
      </c>
      <c r="AB7822" s="5" t="s">
        <v>44</v>
      </c>
      <c r="AC7822" s="2"/>
      <c r="AD7822" s="1"/>
    </row>
    <row r="7823" spans="1:30">
      <c r="A7823" s="5" t="s">
        <v>83578</v>
      </c>
      <c r="B7823" s="2" t="s">
        <v>107588</v>
      </c>
      <c r="C7823" s="14" t="s">
        <v>107589</v>
      </c>
      <c r="D7823" s="2" t="s">
        <v>107590</v>
      </c>
      <c r="E7823" s="2" t="s">
        <v>7396</v>
      </c>
      <c r="F7823" s="8">
        <v>308</v>
      </c>
      <c r="G7823" s="5">
        <v>6</v>
      </c>
      <c r="H7823" s="5" t="s">
        <v>1518</v>
      </c>
      <c r="I7823" s="5" t="s">
        <v>69038</v>
      </c>
      <c r="J7823" s="2" t="s">
        <v>69039</v>
      </c>
      <c r="K7823" s="5" t="s">
        <v>69038</v>
      </c>
      <c r="L7823" s="2" t="s">
        <v>69039</v>
      </c>
      <c r="M7823" s="5" t="s">
        <v>1521</v>
      </c>
      <c r="N7823" s="5" t="s">
        <v>38</v>
      </c>
      <c r="O7823" s="5" t="s">
        <v>39</v>
      </c>
      <c r="P7823" s="5" t="s">
        <v>40</v>
      </c>
      <c r="Q7823" s="5" t="s">
        <v>1522</v>
      </c>
      <c r="R7823" s="5" t="s">
        <v>1523</v>
      </c>
      <c r="S7823" s="5" t="s">
        <v>42</v>
      </c>
      <c r="T7823" s="2">
        <v>3.9740000000000002</v>
      </c>
      <c r="U7823" s="2">
        <v>3.3359999999999999</v>
      </c>
      <c r="V7823" s="2">
        <v>16.7</v>
      </c>
      <c r="W7823" s="2">
        <v>159.1</v>
      </c>
      <c r="X7823" s="2">
        <v>7.6</v>
      </c>
      <c r="Y7823" s="2">
        <v>16.7</v>
      </c>
      <c r="Z7823" s="5"/>
      <c r="AA7823" s="5" t="s">
        <v>43</v>
      </c>
      <c r="AB7823" s="5" t="s">
        <v>44</v>
      </c>
      <c r="AC7823" s="2"/>
      <c r="AD7823" s="1"/>
    </row>
    <row r="7824" spans="1:30">
      <c r="A7824" s="5" t="s">
        <v>83578</v>
      </c>
      <c r="B7824" s="2" t="s">
        <v>107591</v>
      </c>
      <c r="C7824" s="14" t="s">
        <v>107592</v>
      </c>
      <c r="D7824" s="2" t="s">
        <v>107593</v>
      </c>
      <c r="E7824" s="2" t="s">
        <v>7507</v>
      </c>
      <c r="F7824" s="8">
        <v>308</v>
      </c>
      <c r="G7824" s="5">
        <v>6</v>
      </c>
      <c r="H7824" s="5" t="s">
        <v>1518</v>
      </c>
      <c r="I7824" s="5" t="s">
        <v>69038</v>
      </c>
      <c r="J7824" s="2" t="s">
        <v>69039</v>
      </c>
      <c r="K7824" s="5" t="s">
        <v>69038</v>
      </c>
      <c r="L7824" s="2" t="s">
        <v>69039</v>
      </c>
      <c r="M7824" s="5" t="s">
        <v>1521</v>
      </c>
      <c r="N7824" s="5" t="s">
        <v>38</v>
      </c>
      <c r="O7824" s="5" t="s">
        <v>39</v>
      </c>
      <c r="P7824" s="5" t="s">
        <v>40</v>
      </c>
      <c r="Q7824" s="5" t="s">
        <v>1522</v>
      </c>
      <c r="R7824" s="5" t="s">
        <v>1523</v>
      </c>
      <c r="S7824" s="5" t="s">
        <v>42</v>
      </c>
      <c r="T7824" s="2">
        <v>4.1040000000000001</v>
      </c>
      <c r="U7824" s="2">
        <v>3.4660000000000002</v>
      </c>
      <c r="V7824" s="2">
        <v>16.7</v>
      </c>
      <c r="W7824" s="2">
        <v>159.1</v>
      </c>
      <c r="X7824" s="2">
        <v>7.6</v>
      </c>
      <c r="Y7824" s="2">
        <v>16.7</v>
      </c>
      <c r="Z7824" s="5"/>
      <c r="AA7824" s="5" t="s">
        <v>43</v>
      </c>
      <c r="AB7824" s="5" t="s">
        <v>44</v>
      </c>
      <c r="AC7824" s="2"/>
      <c r="AD7824" s="1"/>
    </row>
    <row r="7825" spans="1:30">
      <c r="A7825" s="5" t="s">
        <v>83578</v>
      </c>
      <c r="B7825" s="2" t="s">
        <v>107594</v>
      </c>
      <c r="C7825" s="14" t="s">
        <v>107595</v>
      </c>
      <c r="D7825" s="2" t="s">
        <v>107596</v>
      </c>
      <c r="E7825" s="2" t="s">
        <v>7547</v>
      </c>
      <c r="F7825" s="8">
        <v>334</v>
      </c>
      <c r="G7825" s="5">
        <v>6</v>
      </c>
      <c r="H7825" s="5" t="s">
        <v>1518</v>
      </c>
      <c r="I7825" s="5" t="s">
        <v>69038</v>
      </c>
      <c r="J7825" s="2" t="s">
        <v>69039</v>
      </c>
      <c r="K7825" s="5" t="s">
        <v>69038</v>
      </c>
      <c r="L7825" s="2" t="s">
        <v>69039</v>
      </c>
      <c r="M7825" s="5" t="s">
        <v>1521</v>
      </c>
      <c r="N7825" s="5" t="s">
        <v>38</v>
      </c>
      <c r="O7825" s="5" t="s">
        <v>39</v>
      </c>
      <c r="P7825" s="5" t="s">
        <v>40</v>
      </c>
      <c r="Q7825" s="5" t="s">
        <v>1522</v>
      </c>
      <c r="R7825" s="5" t="s">
        <v>1523</v>
      </c>
      <c r="S7825" s="5" t="s">
        <v>42</v>
      </c>
      <c r="T7825" s="2">
        <v>3.9740000000000002</v>
      </c>
      <c r="U7825" s="2">
        <v>3.3359999999999999</v>
      </c>
      <c r="V7825" s="2">
        <v>16.7</v>
      </c>
      <c r="W7825" s="2">
        <v>159.1</v>
      </c>
      <c r="X7825" s="2">
        <v>7.6</v>
      </c>
      <c r="Y7825" s="2">
        <v>16.7</v>
      </c>
      <c r="Z7825" s="5"/>
      <c r="AA7825" s="5" t="s">
        <v>43</v>
      </c>
      <c r="AB7825" s="5" t="s">
        <v>44</v>
      </c>
      <c r="AC7825" s="2"/>
      <c r="AD7825" s="1"/>
    </row>
    <row r="7826" spans="1:30">
      <c r="A7826" s="5" t="s">
        <v>83578</v>
      </c>
      <c r="B7826" s="2" t="s">
        <v>107597</v>
      </c>
      <c r="C7826" s="14" t="s">
        <v>107598</v>
      </c>
      <c r="D7826" s="2" t="s">
        <v>107599</v>
      </c>
      <c r="E7826" s="2" t="s">
        <v>7551</v>
      </c>
      <c r="F7826" s="8">
        <v>334</v>
      </c>
      <c r="G7826" s="5">
        <v>6</v>
      </c>
      <c r="H7826" s="5" t="s">
        <v>1518</v>
      </c>
      <c r="I7826" s="5" t="s">
        <v>69038</v>
      </c>
      <c r="J7826" s="2" t="s">
        <v>69039</v>
      </c>
      <c r="K7826" s="5" t="s">
        <v>69038</v>
      </c>
      <c r="L7826" s="2" t="s">
        <v>69039</v>
      </c>
      <c r="M7826" s="5" t="s">
        <v>1521</v>
      </c>
      <c r="N7826" s="5" t="s">
        <v>38</v>
      </c>
      <c r="O7826" s="5" t="s">
        <v>39</v>
      </c>
      <c r="P7826" s="5" t="s">
        <v>40</v>
      </c>
      <c r="Q7826" s="5" t="s">
        <v>1522</v>
      </c>
      <c r="R7826" s="5" t="s">
        <v>1523</v>
      </c>
      <c r="S7826" s="5" t="s">
        <v>42</v>
      </c>
      <c r="T7826" s="2">
        <v>4.1040000000000001</v>
      </c>
      <c r="U7826" s="2">
        <v>3.4660000000000002</v>
      </c>
      <c r="V7826" s="2">
        <v>16.7</v>
      </c>
      <c r="W7826" s="2">
        <v>159.1</v>
      </c>
      <c r="X7826" s="2">
        <v>7.6</v>
      </c>
      <c r="Y7826" s="2">
        <v>16.7</v>
      </c>
      <c r="Z7826" s="5"/>
      <c r="AA7826" s="5" t="s">
        <v>43</v>
      </c>
      <c r="AB7826" s="5" t="s">
        <v>44</v>
      </c>
      <c r="AC7826" s="2"/>
      <c r="AD7826" s="1"/>
    </row>
    <row r="7827" spans="1:30">
      <c r="A7827" s="5" t="s">
        <v>83578</v>
      </c>
      <c r="B7827" s="2" t="s">
        <v>107600</v>
      </c>
      <c r="C7827" s="14" t="s">
        <v>107601</v>
      </c>
      <c r="D7827" s="2" t="s">
        <v>107602</v>
      </c>
      <c r="E7827" s="2" t="s">
        <v>7563</v>
      </c>
      <c r="F7827" s="8">
        <v>334</v>
      </c>
      <c r="G7827" s="5">
        <v>6</v>
      </c>
      <c r="H7827" s="5" t="s">
        <v>1518</v>
      </c>
      <c r="I7827" s="5" t="s">
        <v>69038</v>
      </c>
      <c r="J7827" s="2" t="s">
        <v>69039</v>
      </c>
      <c r="K7827" s="5" t="s">
        <v>69038</v>
      </c>
      <c r="L7827" s="2" t="s">
        <v>69039</v>
      </c>
      <c r="M7827" s="5" t="s">
        <v>1521</v>
      </c>
      <c r="N7827" s="5" t="s">
        <v>38</v>
      </c>
      <c r="O7827" s="5" t="s">
        <v>39</v>
      </c>
      <c r="P7827" s="5" t="s">
        <v>40</v>
      </c>
      <c r="Q7827" s="5" t="s">
        <v>1522</v>
      </c>
      <c r="R7827" s="5" t="s">
        <v>1523</v>
      </c>
      <c r="S7827" s="5" t="s">
        <v>42</v>
      </c>
      <c r="T7827" s="2">
        <v>3.9740000000000002</v>
      </c>
      <c r="U7827" s="2">
        <v>3.3359999999999999</v>
      </c>
      <c r="V7827" s="2">
        <v>16.7</v>
      </c>
      <c r="W7827" s="2">
        <v>159.1</v>
      </c>
      <c r="X7827" s="2">
        <v>7.6</v>
      </c>
      <c r="Y7827" s="2">
        <v>16.7</v>
      </c>
      <c r="Z7827" s="5"/>
      <c r="AA7827" s="5" t="s">
        <v>43</v>
      </c>
      <c r="AB7827" s="5" t="s">
        <v>44</v>
      </c>
      <c r="AC7827" s="2"/>
      <c r="AD7827" s="1"/>
    </row>
    <row r="7828" spans="1:30">
      <c r="A7828" s="5" t="s">
        <v>83578</v>
      </c>
      <c r="B7828" s="2" t="s">
        <v>107603</v>
      </c>
      <c r="C7828" s="14" t="s">
        <v>107604</v>
      </c>
      <c r="D7828" s="2" t="s">
        <v>107605</v>
      </c>
      <c r="E7828" s="2" t="s">
        <v>7567</v>
      </c>
      <c r="F7828" s="8">
        <v>334</v>
      </c>
      <c r="G7828" s="5">
        <v>6</v>
      </c>
      <c r="H7828" s="5" t="s">
        <v>1518</v>
      </c>
      <c r="I7828" s="5" t="s">
        <v>69038</v>
      </c>
      <c r="J7828" s="2" t="s">
        <v>69039</v>
      </c>
      <c r="K7828" s="5" t="s">
        <v>69038</v>
      </c>
      <c r="L7828" s="2" t="s">
        <v>69039</v>
      </c>
      <c r="M7828" s="5" t="s">
        <v>1521</v>
      </c>
      <c r="N7828" s="5" t="s">
        <v>38</v>
      </c>
      <c r="O7828" s="5" t="s">
        <v>39</v>
      </c>
      <c r="P7828" s="5" t="s">
        <v>40</v>
      </c>
      <c r="Q7828" s="5" t="s">
        <v>1522</v>
      </c>
      <c r="R7828" s="5" t="s">
        <v>1523</v>
      </c>
      <c r="S7828" s="5" t="s">
        <v>42</v>
      </c>
      <c r="T7828" s="2">
        <v>4.1040000000000001</v>
      </c>
      <c r="U7828" s="2">
        <v>3.4660000000000002</v>
      </c>
      <c r="V7828" s="2">
        <v>16.7</v>
      </c>
      <c r="W7828" s="2">
        <v>159.1</v>
      </c>
      <c r="X7828" s="2">
        <v>7.6</v>
      </c>
      <c r="Y7828" s="2">
        <v>16.7</v>
      </c>
      <c r="Z7828" s="5"/>
      <c r="AA7828" s="5" t="s">
        <v>43</v>
      </c>
      <c r="AB7828" s="5" t="s">
        <v>44</v>
      </c>
      <c r="AC7828" s="2"/>
      <c r="AD7828" s="1"/>
    </row>
    <row r="7829" spans="1:30">
      <c r="A7829" s="5" t="s">
        <v>83578</v>
      </c>
      <c r="B7829" s="2" t="s">
        <v>107606</v>
      </c>
      <c r="C7829" s="14" t="s">
        <v>107607</v>
      </c>
      <c r="D7829" s="2" t="s">
        <v>107608</v>
      </c>
      <c r="E7829" s="2" t="s">
        <v>7559</v>
      </c>
      <c r="F7829" s="8">
        <v>334</v>
      </c>
      <c r="G7829" s="5">
        <v>6</v>
      </c>
      <c r="H7829" s="5" t="s">
        <v>1518</v>
      </c>
      <c r="I7829" s="5" t="s">
        <v>69038</v>
      </c>
      <c r="J7829" s="2" t="s">
        <v>69039</v>
      </c>
      <c r="K7829" s="5" t="s">
        <v>69038</v>
      </c>
      <c r="L7829" s="2" t="s">
        <v>69039</v>
      </c>
      <c r="M7829" s="5" t="s">
        <v>1521</v>
      </c>
      <c r="N7829" s="5" t="s">
        <v>38</v>
      </c>
      <c r="O7829" s="5" t="s">
        <v>39</v>
      </c>
      <c r="P7829" s="5" t="s">
        <v>40</v>
      </c>
      <c r="Q7829" s="5" t="s">
        <v>1522</v>
      </c>
      <c r="R7829" s="5" t="s">
        <v>1523</v>
      </c>
      <c r="S7829" s="5" t="s">
        <v>42</v>
      </c>
      <c r="T7829" s="2">
        <v>4.1040000000000001</v>
      </c>
      <c r="U7829" s="2">
        <v>3.4660000000000002</v>
      </c>
      <c r="V7829" s="2">
        <v>16.7</v>
      </c>
      <c r="W7829" s="2">
        <v>159.1</v>
      </c>
      <c r="X7829" s="2">
        <v>7.6</v>
      </c>
      <c r="Y7829" s="2">
        <v>16.7</v>
      </c>
      <c r="Z7829" s="5"/>
      <c r="AA7829" s="5" t="s">
        <v>43</v>
      </c>
      <c r="AB7829" s="5" t="s">
        <v>44</v>
      </c>
      <c r="AC7829" s="2"/>
      <c r="AD7829" s="1"/>
    </row>
    <row r="7830" spans="1:30">
      <c r="A7830" s="5" t="s">
        <v>83578</v>
      </c>
      <c r="B7830" s="2" t="s">
        <v>107609</v>
      </c>
      <c r="C7830" s="14" t="s">
        <v>107610</v>
      </c>
      <c r="D7830" s="2" t="s">
        <v>107611</v>
      </c>
      <c r="E7830" s="2" t="s">
        <v>16079</v>
      </c>
      <c r="F7830" s="8">
        <v>334</v>
      </c>
      <c r="G7830" s="5">
        <v>6</v>
      </c>
      <c r="H7830" s="5" t="s">
        <v>1518</v>
      </c>
      <c r="I7830" s="5" t="s">
        <v>69038</v>
      </c>
      <c r="J7830" s="2" t="s">
        <v>69039</v>
      </c>
      <c r="K7830" s="5" t="s">
        <v>69038</v>
      </c>
      <c r="L7830" s="2" t="s">
        <v>69039</v>
      </c>
      <c r="M7830" s="5" t="s">
        <v>1521</v>
      </c>
      <c r="N7830" s="5" t="s">
        <v>38</v>
      </c>
      <c r="O7830" s="5" t="s">
        <v>39</v>
      </c>
      <c r="P7830" s="5" t="s">
        <v>40</v>
      </c>
      <c r="Q7830" s="5" t="s">
        <v>1522</v>
      </c>
      <c r="R7830" s="5" t="s">
        <v>1523</v>
      </c>
      <c r="S7830" s="5" t="s">
        <v>42</v>
      </c>
      <c r="T7830" s="2">
        <v>3.9740000000000002</v>
      </c>
      <c r="U7830" s="2">
        <v>3.3359999999999999</v>
      </c>
      <c r="V7830" s="2">
        <v>16.7</v>
      </c>
      <c r="W7830" s="2">
        <v>159.1</v>
      </c>
      <c r="X7830" s="2">
        <v>7.6</v>
      </c>
      <c r="Y7830" s="2">
        <v>16.7</v>
      </c>
      <c r="Z7830" s="5"/>
      <c r="AA7830" s="5" t="s">
        <v>43</v>
      </c>
      <c r="AB7830" s="5" t="s">
        <v>44</v>
      </c>
      <c r="AC7830" s="2"/>
      <c r="AD7830" s="1"/>
    </row>
    <row r="7831" spans="1:30">
      <c r="A7831" s="5" t="s">
        <v>83578</v>
      </c>
      <c r="B7831" s="2" t="s">
        <v>107612</v>
      </c>
      <c r="C7831" s="14" t="s">
        <v>107613</v>
      </c>
      <c r="D7831" s="2" t="s">
        <v>107614</v>
      </c>
      <c r="E7831" s="2" t="s">
        <v>16194</v>
      </c>
      <c r="F7831" s="8">
        <v>334</v>
      </c>
      <c r="G7831" s="5">
        <v>6</v>
      </c>
      <c r="H7831" s="5" t="s">
        <v>1518</v>
      </c>
      <c r="I7831" s="5" t="s">
        <v>69038</v>
      </c>
      <c r="J7831" s="2" t="s">
        <v>69039</v>
      </c>
      <c r="K7831" s="5" t="s">
        <v>69038</v>
      </c>
      <c r="L7831" s="2" t="s">
        <v>69039</v>
      </c>
      <c r="M7831" s="5" t="s">
        <v>1521</v>
      </c>
      <c r="N7831" s="5" t="s">
        <v>38</v>
      </c>
      <c r="O7831" s="5" t="s">
        <v>39</v>
      </c>
      <c r="P7831" s="5" t="s">
        <v>40</v>
      </c>
      <c r="Q7831" s="5" t="s">
        <v>1522</v>
      </c>
      <c r="R7831" s="5" t="s">
        <v>1523</v>
      </c>
      <c r="S7831" s="5" t="s">
        <v>42</v>
      </c>
      <c r="T7831" s="2">
        <v>4.1040000000000001</v>
      </c>
      <c r="U7831" s="2">
        <v>3.4660000000000002</v>
      </c>
      <c r="V7831" s="2">
        <v>16.7</v>
      </c>
      <c r="W7831" s="2">
        <v>159.1</v>
      </c>
      <c r="X7831" s="2">
        <v>7.6</v>
      </c>
      <c r="Y7831" s="2">
        <v>16.7</v>
      </c>
      <c r="Z7831" s="5"/>
      <c r="AA7831" s="5" t="s">
        <v>43</v>
      </c>
      <c r="AB7831" s="5" t="s">
        <v>44</v>
      </c>
      <c r="AC7831" s="2"/>
      <c r="AD7831" s="1"/>
    </row>
    <row r="7832" spans="1:30">
      <c r="A7832" s="5" t="s">
        <v>83578</v>
      </c>
      <c r="B7832" s="2" t="s">
        <v>107615</v>
      </c>
      <c r="C7832" s="14" t="s">
        <v>107616</v>
      </c>
      <c r="D7832" s="2" t="s">
        <v>107617</v>
      </c>
      <c r="E7832" s="2" t="s">
        <v>7449</v>
      </c>
      <c r="F7832" s="8">
        <v>334</v>
      </c>
      <c r="G7832" s="5">
        <v>6</v>
      </c>
      <c r="H7832" s="5" t="s">
        <v>1518</v>
      </c>
      <c r="I7832" s="5" t="s">
        <v>69038</v>
      </c>
      <c r="J7832" s="2" t="s">
        <v>69039</v>
      </c>
      <c r="K7832" s="5" t="s">
        <v>69038</v>
      </c>
      <c r="L7832" s="2" t="s">
        <v>69039</v>
      </c>
      <c r="M7832" s="5" t="s">
        <v>1521</v>
      </c>
      <c r="N7832" s="5" t="s">
        <v>38</v>
      </c>
      <c r="O7832" s="5" t="s">
        <v>39</v>
      </c>
      <c r="P7832" s="5" t="s">
        <v>40</v>
      </c>
      <c r="Q7832" s="5" t="s">
        <v>1522</v>
      </c>
      <c r="R7832" s="5" t="s">
        <v>1523</v>
      </c>
      <c r="S7832" s="5" t="s">
        <v>42</v>
      </c>
      <c r="T7832" s="2">
        <v>3.9740000000000002</v>
      </c>
      <c r="U7832" s="2">
        <v>3.3359999999999999</v>
      </c>
      <c r="V7832" s="2">
        <v>16.7</v>
      </c>
      <c r="W7832" s="2">
        <v>159.1</v>
      </c>
      <c r="X7832" s="2">
        <v>7.6</v>
      </c>
      <c r="Y7832" s="2">
        <v>16.7</v>
      </c>
      <c r="Z7832" s="5"/>
      <c r="AA7832" s="5" t="s">
        <v>43</v>
      </c>
      <c r="AB7832" s="5" t="s">
        <v>44</v>
      </c>
      <c r="AC7832" s="2"/>
      <c r="AD7832" s="1"/>
    </row>
    <row r="7833" spans="1:30">
      <c r="A7833" s="5" t="s">
        <v>83578</v>
      </c>
      <c r="B7833" s="2" t="s">
        <v>107618</v>
      </c>
      <c r="C7833" s="14" t="s">
        <v>107619</v>
      </c>
      <c r="D7833" s="2" t="s">
        <v>107620</v>
      </c>
      <c r="E7833" s="2" t="s">
        <v>7581</v>
      </c>
      <c r="F7833" s="8">
        <v>334</v>
      </c>
      <c r="G7833" s="5">
        <v>6</v>
      </c>
      <c r="H7833" s="5" t="s">
        <v>1518</v>
      </c>
      <c r="I7833" s="5" t="s">
        <v>69038</v>
      </c>
      <c r="J7833" s="2" t="s">
        <v>69039</v>
      </c>
      <c r="K7833" s="5" t="s">
        <v>69038</v>
      </c>
      <c r="L7833" s="2" t="s">
        <v>69039</v>
      </c>
      <c r="M7833" s="5" t="s">
        <v>1521</v>
      </c>
      <c r="N7833" s="5" t="s">
        <v>38</v>
      </c>
      <c r="O7833" s="5" t="s">
        <v>39</v>
      </c>
      <c r="P7833" s="5" t="s">
        <v>40</v>
      </c>
      <c r="Q7833" s="5" t="s">
        <v>1522</v>
      </c>
      <c r="R7833" s="5" t="s">
        <v>1523</v>
      </c>
      <c r="S7833" s="5" t="s">
        <v>42</v>
      </c>
      <c r="T7833" s="2">
        <v>4.1040000000000001</v>
      </c>
      <c r="U7833" s="2">
        <v>3.4660000000000002</v>
      </c>
      <c r="V7833" s="2">
        <v>16.7</v>
      </c>
      <c r="W7833" s="2">
        <v>159.1</v>
      </c>
      <c r="X7833" s="2">
        <v>7.6</v>
      </c>
      <c r="Y7833" s="2">
        <v>16.7</v>
      </c>
      <c r="Z7833" s="5"/>
      <c r="AA7833" s="5" t="s">
        <v>43</v>
      </c>
      <c r="AB7833" s="5" t="s">
        <v>44</v>
      </c>
      <c r="AC7833" s="2"/>
      <c r="AD7833" s="1"/>
    </row>
    <row r="7834" spans="1:30">
      <c r="A7834" s="5" t="s">
        <v>83578</v>
      </c>
      <c r="B7834" s="2" t="s">
        <v>107621</v>
      </c>
      <c r="C7834" s="14" t="s">
        <v>107622</v>
      </c>
      <c r="D7834" s="2" t="s">
        <v>107623</v>
      </c>
      <c r="E7834" s="2" t="s">
        <v>7585</v>
      </c>
      <c r="F7834" s="8">
        <v>334</v>
      </c>
      <c r="G7834" s="5">
        <v>6</v>
      </c>
      <c r="H7834" s="5" t="s">
        <v>1518</v>
      </c>
      <c r="I7834" s="5" t="s">
        <v>69038</v>
      </c>
      <c r="J7834" s="2" t="s">
        <v>69039</v>
      </c>
      <c r="K7834" s="5" t="s">
        <v>69038</v>
      </c>
      <c r="L7834" s="2" t="s">
        <v>69039</v>
      </c>
      <c r="M7834" s="5" t="s">
        <v>1521</v>
      </c>
      <c r="N7834" s="5" t="s">
        <v>38</v>
      </c>
      <c r="O7834" s="5" t="s">
        <v>39</v>
      </c>
      <c r="P7834" s="5" t="s">
        <v>40</v>
      </c>
      <c r="Q7834" s="5" t="s">
        <v>1522</v>
      </c>
      <c r="R7834" s="5" t="s">
        <v>1523</v>
      </c>
      <c r="S7834" s="5" t="s">
        <v>42</v>
      </c>
      <c r="T7834" s="2">
        <v>3.9740000000000002</v>
      </c>
      <c r="U7834" s="2">
        <v>3.3359999999999999</v>
      </c>
      <c r="V7834" s="2">
        <v>16.7</v>
      </c>
      <c r="W7834" s="2">
        <v>159.1</v>
      </c>
      <c r="X7834" s="2">
        <v>7.6</v>
      </c>
      <c r="Y7834" s="2">
        <v>16.7</v>
      </c>
      <c r="Z7834" s="5"/>
      <c r="AA7834" s="5" t="s">
        <v>43</v>
      </c>
      <c r="AB7834" s="5" t="s">
        <v>44</v>
      </c>
      <c r="AC7834" s="2"/>
      <c r="AD7834" s="1"/>
    </row>
    <row r="7835" spans="1:30">
      <c r="A7835" s="5" t="s">
        <v>83578</v>
      </c>
      <c r="B7835" s="2" t="s">
        <v>107624</v>
      </c>
      <c r="C7835" s="14" t="s">
        <v>107625</v>
      </c>
      <c r="D7835" s="2" t="s">
        <v>107626</v>
      </c>
      <c r="E7835" s="2" t="s">
        <v>7597</v>
      </c>
      <c r="F7835" s="8">
        <v>334</v>
      </c>
      <c r="G7835" s="5">
        <v>6</v>
      </c>
      <c r="H7835" s="5" t="s">
        <v>1518</v>
      </c>
      <c r="I7835" s="5" t="s">
        <v>69038</v>
      </c>
      <c r="J7835" s="2" t="s">
        <v>69039</v>
      </c>
      <c r="K7835" s="5" t="s">
        <v>69038</v>
      </c>
      <c r="L7835" s="2" t="s">
        <v>69039</v>
      </c>
      <c r="M7835" s="5" t="s">
        <v>1521</v>
      </c>
      <c r="N7835" s="5" t="s">
        <v>38</v>
      </c>
      <c r="O7835" s="5" t="s">
        <v>39</v>
      </c>
      <c r="P7835" s="5" t="s">
        <v>40</v>
      </c>
      <c r="Q7835" s="5" t="s">
        <v>1522</v>
      </c>
      <c r="R7835" s="5" t="s">
        <v>1523</v>
      </c>
      <c r="S7835" s="5" t="s">
        <v>42</v>
      </c>
      <c r="T7835" s="2">
        <v>4.1040000000000001</v>
      </c>
      <c r="U7835" s="2">
        <v>3.4660000000000002</v>
      </c>
      <c r="V7835" s="2">
        <v>16.7</v>
      </c>
      <c r="W7835" s="2">
        <v>159.1</v>
      </c>
      <c r="X7835" s="2">
        <v>7.6</v>
      </c>
      <c r="Y7835" s="2">
        <v>16.7</v>
      </c>
      <c r="Z7835" s="5"/>
      <c r="AA7835" s="5" t="s">
        <v>43</v>
      </c>
      <c r="AB7835" s="5" t="s">
        <v>44</v>
      </c>
      <c r="AC7835" s="2"/>
      <c r="AD7835" s="1"/>
    </row>
    <row r="7836" spans="1:30">
      <c r="A7836" s="5" t="s">
        <v>83578</v>
      </c>
      <c r="B7836" s="2" t="s">
        <v>107627</v>
      </c>
      <c r="C7836" s="14" t="s">
        <v>107628</v>
      </c>
      <c r="D7836" s="2" t="s">
        <v>107629</v>
      </c>
      <c r="E7836" s="2" t="s">
        <v>73358</v>
      </c>
      <c r="F7836" s="8">
        <v>334</v>
      </c>
      <c r="G7836" s="5">
        <v>6</v>
      </c>
      <c r="H7836" s="5" t="s">
        <v>1518</v>
      </c>
      <c r="I7836" s="5" t="s">
        <v>69038</v>
      </c>
      <c r="J7836" s="2" t="s">
        <v>69039</v>
      </c>
      <c r="K7836" s="5" t="s">
        <v>69038</v>
      </c>
      <c r="L7836" s="2" t="s">
        <v>69039</v>
      </c>
      <c r="M7836" s="5" t="s">
        <v>1521</v>
      </c>
      <c r="N7836" s="5" t="s">
        <v>38</v>
      </c>
      <c r="O7836" s="5" t="s">
        <v>39</v>
      </c>
      <c r="P7836" s="5" t="s">
        <v>40</v>
      </c>
      <c r="Q7836" s="5" t="s">
        <v>1522</v>
      </c>
      <c r="R7836" s="5" t="s">
        <v>1523</v>
      </c>
      <c r="S7836" s="5" t="s">
        <v>42</v>
      </c>
      <c r="T7836" s="2">
        <v>3.9740000000000002</v>
      </c>
      <c r="U7836" s="2">
        <v>3.3359999999999999</v>
      </c>
      <c r="V7836" s="2">
        <v>16.7</v>
      </c>
      <c r="W7836" s="2">
        <v>159.1</v>
      </c>
      <c r="X7836" s="2">
        <v>7.6</v>
      </c>
      <c r="Y7836" s="2">
        <v>16.7</v>
      </c>
      <c r="Z7836" s="5"/>
      <c r="AA7836" s="5" t="s">
        <v>43</v>
      </c>
      <c r="AB7836" s="5" t="s">
        <v>44</v>
      </c>
      <c r="AC7836" s="2"/>
      <c r="AD7836" s="1"/>
    </row>
    <row r="7837" spans="1:30">
      <c r="A7837" s="5" t="s">
        <v>83578</v>
      </c>
      <c r="B7837" s="2" t="s">
        <v>107630</v>
      </c>
      <c r="C7837" s="14" t="s">
        <v>107631</v>
      </c>
      <c r="D7837" s="2" t="s">
        <v>107632</v>
      </c>
      <c r="E7837" s="2" t="s">
        <v>73362</v>
      </c>
      <c r="F7837" s="8">
        <v>334</v>
      </c>
      <c r="G7837" s="5">
        <v>6</v>
      </c>
      <c r="H7837" s="5" t="s">
        <v>1518</v>
      </c>
      <c r="I7837" s="5" t="s">
        <v>69038</v>
      </c>
      <c r="J7837" s="2" t="s">
        <v>69039</v>
      </c>
      <c r="K7837" s="5" t="s">
        <v>69038</v>
      </c>
      <c r="L7837" s="2" t="s">
        <v>69039</v>
      </c>
      <c r="M7837" s="5" t="s">
        <v>1521</v>
      </c>
      <c r="N7837" s="5" t="s">
        <v>38</v>
      </c>
      <c r="O7837" s="5" t="s">
        <v>39</v>
      </c>
      <c r="P7837" s="5" t="s">
        <v>40</v>
      </c>
      <c r="Q7837" s="5" t="s">
        <v>1522</v>
      </c>
      <c r="R7837" s="5" t="s">
        <v>1523</v>
      </c>
      <c r="S7837" s="5" t="s">
        <v>42</v>
      </c>
      <c r="T7837" s="2">
        <v>4.1040000000000001</v>
      </c>
      <c r="U7837" s="2">
        <v>3.4660000000000002</v>
      </c>
      <c r="V7837" s="2">
        <v>16.7</v>
      </c>
      <c r="W7837" s="2">
        <v>159.1</v>
      </c>
      <c r="X7837" s="2">
        <v>7.6</v>
      </c>
      <c r="Y7837" s="2">
        <v>16.7</v>
      </c>
      <c r="Z7837" s="5"/>
      <c r="AA7837" s="5" t="s">
        <v>43</v>
      </c>
      <c r="AB7837" s="5" t="s">
        <v>44</v>
      </c>
      <c r="AC7837" s="2"/>
      <c r="AD7837" s="1"/>
    </row>
    <row r="7838" spans="1:30">
      <c r="A7838" s="5" t="s">
        <v>83578</v>
      </c>
      <c r="B7838" s="2" t="s">
        <v>107633</v>
      </c>
      <c r="C7838" s="14" t="s">
        <v>107634</v>
      </c>
      <c r="D7838" s="2" t="s">
        <v>107635</v>
      </c>
      <c r="E7838" s="2" t="s">
        <v>7615</v>
      </c>
      <c r="F7838" s="8">
        <v>334</v>
      </c>
      <c r="G7838" s="5">
        <v>6</v>
      </c>
      <c r="H7838" s="5" t="s">
        <v>1518</v>
      </c>
      <c r="I7838" s="5" t="s">
        <v>69038</v>
      </c>
      <c r="J7838" s="2" t="s">
        <v>69039</v>
      </c>
      <c r="K7838" s="5" t="s">
        <v>69038</v>
      </c>
      <c r="L7838" s="2" t="s">
        <v>69039</v>
      </c>
      <c r="M7838" s="5" t="s">
        <v>1521</v>
      </c>
      <c r="N7838" s="5" t="s">
        <v>38</v>
      </c>
      <c r="O7838" s="5" t="s">
        <v>39</v>
      </c>
      <c r="P7838" s="5" t="s">
        <v>40</v>
      </c>
      <c r="Q7838" s="5" t="s">
        <v>1522</v>
      </c>
      <c r="R7838" s="5" t="s">
        <v>1523</v>
      </c>
      <c r="S7838" s="5" t="s">
        <v>42</v>
      </c>
      <c r="T7838" s="2">
        <v>3.9740000000000002</v>
      </c>
      <c r="U7838" s="2">
        <v>3.3359999999999999</v>
      </c>
      <c r="V7838" s="2">
        <v>16.7</v>
      </c>
      <c r="W7838" s="2">
        <v>159.1</v>
      </c>
      <c r="X7838" s="2">
        <v>7.6</v>
      </c>
      <c r="Y7838" s="2">
        <v>16.7</v>
      </c>
      <c r="Z7838" s="5"/>
      <c r="AA7838" s="5" t="s">
        <v>43</v>
      </c>
      <c r="AB7838" s="5" t="s">
        <v>44</v>
      </c>
      <c r="AC7838" s="2"/>
      <c r="AD7838" s="1"/>
    </row>
    <row r="7839" spans="1:30">
      <c r="A7839" s="5" t="s">
        <v>83578</v>
      </c>
      <c r="B7839" s="2" t="s">
        <v>107636</v>
      </c>
      <c r="C7839" s="14" t="s">
        <v>107637</v>
      </c>
      <c r="D7839" s="2" t="s">
        <v>107638</v>
      </c>
      <c r="E7839" s="2" t="s">
        <v>7619</v>
      </c>
      <c r="F7839" s="8">
        <v>334</v>
      </c>
      <c r="G7839" s="5">
        <v>6</v>
      </c>
      <c r="H7839" s="5" t="s">
        <v>1518</v>
      </c>
      <c r="I7839" s="5" t="s">
        <v>69038</v>
      </c>
      <c r="J7839" s="2" t="s">
        <v>69039</v>
      </c>
      <c r="K7839" s="5" t="s">
        <v>69038</v>
      </c>
      <c r="L7839" s="2" t="s">
        <v>69039</v>
      </c>
      <c r="M7839" s="5" t="s">
        <v>1521</v>
      </c>
      <c r="N7839" s="5" t="s">
        <v>38</v>
      </c>
      <c r="O7839" s="5" t="s">
        <v>39</v>
      </c>
      <c r="P7839" s="5" t="s">
        <v>40</v>
      </c>
      <c r="Q7839" s="5" t="s">
        <v>1522</v>
      </c>
      <c r="R7839" s="5" t="s">
        <v>1523</v>
      </c>
      <c r="S7839" s="5" t="s">
        <v>42</v>
      </c>
      <c r="T7839" s="2">
        <v>4.1040000000000001</v>
      </c>
      <c r="U7839" s="2">
        <v>3.4660000000000002</v>
      </c>
      <c r="V7839" s="2">
        <v>16.7</v>
      </c>
      <c r="W7839" s="2">
        <v>159.1</v>
      </c>
      <c r="X7839" s="2">
        <v>7.6</v>
      </c>
      <c r="Y7839" s="2">
        <v>16.7</v>
      </c>
      <c r="Z7839" s="5"/>
      <c r="AA7839" s="5" t="s">
        <v>43</v>
      </c>
      <c r="AB7839" s="5" t="s">
        <v>44</v>
      </c>
      <c r="AC7839" s="2"/>
      <c r="AD7839" s="1"/>
    </row>
    <row r="7840" spans="1:30">
      <c r="A7840" s="5" t="s">
        <v>83578</v>
      </c>
      <c r="B7840" s="2" t="s">
        <v>107639</v>
      </c>
      <c r="C7840" s="14" t="s">
        <v>107640</v>
      </c>
      <c r="D7840" s="2" t="s">
        <v>107641</v>
      </c>
      <c r="E7840" s="2" t="s">
        <v>16219</v>
      </c>
      <c r="F7840" s="8">
        <v>334</v>
      </c>
      <c r="G7840" s="5">
        <v>6</v>
      </c>
      <c r="H7840" s="5" t="s">
        <v>1518</v>
      </c>
      <c r="I7840" s="5" t="s">
        <v>69038</v>
      </c>
      <c r="J7840" s="2" t="s">
        <v>69039</v>
      </c>
      <c r="K7840" s="5" t="s">
        <v>69038</v>
      </c>
      <c r="L7840" s="2" t="s">
        <v>69039</v>
      </c>
      <c r="M7840" s="5" t="s">
        <v>1521</v>
      </c>
      <c r="N7840" s="5" t="s">
        <v>38</v>
      </c>
      <c r="O7840" s="5" t="s">
        <v>39</v>
      </c>
      <c r="P7840" s="5" t="s">
        <v>40</v>
      </c>
      <c r="Q7840" s="5" t="s">
        <v>1522</v>
      </c>
      <c r="R7840" s="5" t="s">
        <v>1523</v>
      </c>
      <c r="S7840" s="5" t="s">
        <v>42</v>
      </c>
      <c r="T7840" s="2">
        <v>4.1040000000000001</v>
      </c>
      <c r="U7840" s="2">
        <v>3.4660000000000002</v>
      </c>
      <c r="V7840" s="2">
        <v>16.7</v>
      </c>
      <c r="W7840" s="2">
        <v>159.1</v>
      </c>
      <c r="X7840" s="2">
        <v>7.6</v>
      </c>
      <c r="Y7840" s="2">
        <v>16.7</v>
      </c>
      <c r="Z7840" s="5"/>
      <c r="AA7840" s="5" t="s">
        <v>43</v>
      </c>
      <c r="AB7840" s="5" t="s">
        <v>44</v>
      </c>
      <c r="AC7840" s="2"/>
      <c r="AD7840" s="1"/>
    </row>
    <row r="7841" spans="1:30">
      <c r="A7841" s="5" t="s">
        <v>83578</v>
      </c>
      <c r="B7841" s="2" t="s">
        <v>107642</v>
      </c>
      <c r="C7841" s="14" t="s">
        <v>107643</v>
      </c>
      <c r="D7841" s="2" t="s">
        <v>107644</v>
      </c>
      <c r="E7841" s="2" t="s">
        <v>7212</v>
      </c>
      <c r="F7841" s="8">
        <v>308</v>
      </c>
      <c r="G7841" s="5">
        <v>6</v>
      </c>
      <c r="H7841" s="5" t="s">
        <v>1518</v>
      </c>
      <c r="I7841" s="5" t="s">
        <v>69038</v>
      </c>
      <c r="J7841" s="2" t="s">
        <v>69039</v>
      </c>
      <c r="K7841" s="5" t="s">
        <v>69038</v>
      </c>
      <c r="L7841" s="2" t="s">
        <v>69039</v>
      </c>
      <c r="M7841" s="5" t="s">
        <v>1521</v>
      </c>
      <c r="N7841" s="5" t="s">
        <v>38</v>
      </c>
      <c r="O7841" s="5" t="s">
        <v>39</v>
      </c>
      <c r="P7841" s="5" t="s">
        <v>40</v>
      </c>
      <c r="Q7841" s="5" t="s">
        <v>1522</v>
      </c>
      <c r="R7841" s="5" t="s">
        <v>1523</v>
      </c>
      <c r="S7841" s="5" t="s">
        <v>42</v>
      </c>
      <c r="T7841" s="2">
        <v>3.9740000000000002</v>
      </c>
      <c r="U7841" s="2">
        <v>3.3359999999999999</v>
      </c>
      <c r="V7841" s="2">
        <v>16.7</v>
      </c>
      <c r="W7841" s="2">
        <v>159.1</v>
      </c>
      <c r="X7841" s="2">
        <v>7.6</v>
      </c>
      <c r="Y7841" s="2">
        <v>16.7</v>
      </c>
      <c r="Z7841" s="5"/>
      <c r="AA7841" s="5" t="s">
        <v>43</v>
      </c>
      <c r="AB7841" s="5" t="s">
        <v>44</v>
      </c>
      <c r="AC7841" s="2"/>
      <c r="AD7841" s="1"/>
    </row>
    <row r="7842" spans="1:30">
      <c r="A7842" s="5" t="s">
        <v>83578</v>
      </c>
      <c r="B7842" s="2" t="s">
        <v>107645</v>
      </c>
      <c r="C7842" s="14" t="s">
        <v>107646</v>
      </c>
      <c r="D7842" s="2" t="s">
        <v>107647</v>
      </c>
      <c r="E7842" s="2" t="s">
        <v>7528</v>
      </c>
      <c r="F7842" s="8">
        <v>308</v>
      </c>
      <c r="G7842" s="5">
        <v>6</v>
      </c>
      <c r="H7842" s="5" t="s">
        <v>1518</v>
      </c>
      <c r="I7842" s="5" t="s">
        <v>69038</v>
      </c>
      <c r="J7842" s="2" t="s">
        <v>69039</v>
      </c>
      <c r="K7842" s="5" t="s">
        <v>69038</v>
      </c>
      <c r="L7842" s="2" t="s">
        <v>69039</v>
      </c>
      <c r="M7842" s="5" t="s">
        <v>1521</v>
      </c>
      <c r="N7842" s="5" t="s">
        <v>38</v>
      </c>
      <c r="O7842" s="5" t="s">
        <v>39</v>
      </c>
      <c r="P7842" s="5" t="s">
        <v>40</v>
      </c>
      <c r="Q7842" s="5" t="s">
        <v>1522</v>
      </c>
      <c r="R7842" s="5" t="s">
        <v>1523</v>
      </c>
      <c r="S7842" s="5" t="s">
        <v>42</v>
      </c>
      <c r="T7842" s="2">
        <v>4.1040000000000001</v>
      </c>
      <c r="U7842" s="2">
        <v>3.4660000000000002</v>
      </c>
      <c r="V7842" s="2">
        <v>16.7</v>
      </c>
      <c r="W7842" s="2">
        <v>159.1</v>
      </c>
      <c r="X7842" s="2">
        <v>7.6</v>
      </c>
      <c r="Y7842" s="2">
        <v>16.7</v>
      </c>
      <c r="Z7842" s="5"/>
      <c r="AA7842" s="5" t="s">
        <v>43</v>
      </c>
      <c r="AB7842" s="5" t="s">
        <v>44</v>
      </c>
      <c r="AC7842" s="2"/>
      <c r="AD7842" s="1"/>
    </row>
    <row r="7843" spans="1:30">
      <c r="A7843" s="5" t="s">
        <v>83578</v>
      </c>
      <c r="B7843" s="2" t="s">
        <v>107648</v>
      </c>
      <c r="C7843" s="14" t="s">
        <v>107649</v>
      </c>
      <c r="D7843" s="2" t="s">
        <v>107650</v>
      </c>
      <c r="E7843" s="2" t="s">
        <v>7204</v>
      </c>
      <c r="F7843" s="8">
        <v>278</v>
      </c>
      <c r="G7843" s="5">
        <v>6</v>
      </c>
      <c r="H7843" s="5" t="s">
        <v>1518</v>
      </c>
      <c r="I7843" s="5" t="s">
        <v>69038</v>
      </c>
      <c r="J7843" s="2" t="s">
        <v>69039</v>
      </c>
      <c r="K7843" s="5" t="s">
        <v>69038</v>
      </c>
      <c r="L7843" s="2" t="s">
        <v>69039</v>
      </c>
      <c r="M7843" s="5" t="s">
        <v>1521</v>
      </c>
      <c r="N7843" s="5" t="s">
        <v>38</v>
      </c>
      <c r="O7843" s="5" t="s">
        <v>39</v>
      </c>
      <c r="P7843" s="5" t="s">
        <v>40</v>
      </c>
      <c r="Q7843" s="5" t="s">
        <v>1522</v>
      </c>
      <c r="R7843" s="5" t="s">
        <v>1523</v>
      </c>
      <c r="S7843" s="5" t="s">
        <v>42</v>
      </c>
      <c r="T7843" s="2">
        <v>3.1709999999999998</v>
      </c>
      <c r="U7843" s="2">
        <v>2.4900000000000002</v>
      </c>
      <c r="V7843" s="2">
        <v>16.7</v>
      </c>
      <c r="W7843" s="2">
        <v>159.1</v>
      </c>
      <c r="X7843" s="2">
        <v>7.6</v>
      </c>
      <c r="Y7843" s="2">
        <v>16.7</v>
      </c>
      <c r="Z7843" s="5"/>
      <c r="AA7843" s="5" t="s">
        <v>43</v>
      </c>
      <c r="AB7843" s="5" t="s">
        <v>44</v>
      </c>
      <c r="AC7843" s="2"/>
      <c r="AD7843" s="1"/>
    </row>
    <row r="7844" spans="1:30">
      <c r="A7844" s="5" t="s">
        <v>83578</v>
      </c>
      <c r="B7844" s="2" t="s">
        <v>107651</v>
      </c>
      <c r="C7844" s="14" t="s">
        <v>107652</v>
      </c>
      <c r="D7844" s="2" t="s">
        <v>107653</v>
      </c>
      <c r="E7844" s="2" t="s">
        <v>7514</v>
      </c>
      <c r="F7844" s="8">
        <v>278</v>
      </c>
      <c r="G7844" s="5">
        <v>6</v>
      </c>
      <c r="H7844" s="5" t="s">
        <v>1518</v>
      </c>
      <c r="I7844" s="5" t="s">
        <v>69038</v>
      </c>
      <c r="J7844" s="2" t="s">
        <v>69039</v>
      </c>
      <c r="K7844" s="5" t="s">
        <v>69038</v>
      </c>
      <c r="L7844" s="2" t="s">
        <v>69039</v>
      </c>
      <c r="M7844" s="5" t="s">
        <v>1521</v>
      </c>
      <c r="N7844" s="5" t="s">
        <v>38</v>
      </c>
      <c r="O7844" s="5" t="s">
        <v>39</v>
      </c>
      <c r="P7844" s="5" t="s">
        <v>40</v>
      </c>
      <c r="Q7844" s="5" t="s">
        <v>1522</v>
      </c>
      <c r="R7844" s="5" t="s">
        <v>1523</v>
      </c>
      <c r="S7844" s="5" t="s">
        <v>42</v>
      </c>
      <c r="T7844" s="2">
        <v>3.2469999999999999</v>
      </c>
      <c r="U7844" s="2">
        <v>2.5659999999999998</v>
      </c>
      <c r="V7844" s="2">
        <v>16.7</v>
      </c>
      <c r="W7844" s="2">
        <v>159.1</v>
      </c>
      <c r="X7844" s="2">
        <v>7.6</v>
      </c>
      <c r="Y7844" s="2">
        <v>16.7</v>
      </c>
      <c r="Z7844" s="5"/>
      <c r="AA7844" s="5" t="s">
        <v>43</v>
      </c>
      <c r="AB7844" s="5" t="s">
        <v>44</v>
      </c>
      <c r="AC7844" s="2"/>
      <c r="AD7844" s="1"/>
    </row>
    <row r="7845" spans="1:30">
      <c r="A7845" s="5" t="s">
        <v>83578</v>
      </c>
      <c r="B7845" s="2" t="s">
        <v>107654</v>
      </c>
      <c r="C7845" s="14" t="s">
        <v>107655</v>
      </c>
      <c r="D7845" s="2" t="s">
        <v>107656</v>
      </c>
      <c r="E7845" s="2" t="s">
        <v>7208</v>
      </c>
      <c r="F7845" s="8">
        <v>278</v>
      </c>
      <c r="G7845" s="5">
        <v>6</v>
      </c>
      <c r="H7845" s="5" t="s">
        <v>1518</v>
      </c>
      <c r="I7845" s="5" t="s">
        <v>69038</v>
      </c>
      <c r="J7845" s="2" t="s">
        <v>69039</v>
      </c>
      <c r="K7845" s="5" t="s">
        <v>69038</v>
      </c>
      <c r="L7845" s="2" t="s">
        <v>69039</v>
      </c>
      <c r="M7845" s="5" t="s">
        <v>1521</v>
      </c>
      <c r="N7845" s="5" t="s">
        <v>38</v>
      </c>
      <c r="O7845" s="5" t="s">
        <v>39</v>
      </c>
      <c r="P7845" s="5" t="s">
        <v>40</v>
      </c>
      <c r="Q7845" s="5" t="s">
        <v>1522</v>
      </c>
      <c r="R7845" s="5" t="s">
        <v>1523</v>
      </c>
      <c r="S7845" s="5" t="s">
        <v>42</v>
      </c>
      <c r="T7845" s="2">
        <v>3.1709999999999998</v>
      </c>
      <c r="U7845" s="2">
        <v>2.4900000000000002</v>
      </c>
      <c r="V7845" s="2">
        <v>16.7</v>
      </c>
      <c r="W7845" s="2">
        <v>159.1</v>
      </c>
      <c r="X7845" s="2">
        <v>7.6</v>
      </c>
      <c r="Y7845" s="2">
        <v>16.7</v>
      </c>
      <c r="Z7845" s="5"/>
      <c r="AA7845" s="5" t="s">
        <v>43</v>
      </c>
      <c r="AB7845" s="5" t="s">
        <v>44</v>
      </c>
      <c r="AC7845" s="2"/>
      <c r="AD7845" s="1"/>
    </row>
    <row r="7846" spans="1:30">
      <c r="A7846" s="5" t="s">
        <v>83578</v>
      </c>
      <c r="B7846" s="2" t="s">
        <v>107657</v>
      </c>
      <c r="C7846" s="14" t="s">
        <v>107658</v>
      </c>
      <c r="D7846" s="2" t="s">
        <v>107659</v>
      </c>
      <c r="E7846" s="2" t="s">
        <v>7521</v>
      </c>
      <c r="F7846" s="8">
        <v>278</v>
      </c>
      <c r="G7846" s="5">
        <v>6</v>
      </c>
      <c r="H7846" s="5" t="s">
        <v>1518</v>
      </c>
      <c r="I7846" s="5" t="s">
        <v>69038</v>
      </c>
      <c r="J7846" s="2" t="s">
        <v>69039</v>
      </c>
      <c r="K7846" s="5" t="s">
        <v>69038</v>
      </c>
      <c r="L7846" s="2" t="s">
        <v>69039</v>
      </c>
      <c r="M7846" s="5" t="s">
        <v>1521</v>
      </c>
      <c r="N7846" s="5" t="s">
        <v>38</v>
      </c>
      <c r="O7846" s="5" t="s">
        <v>39</v>
      </c>
      <c r="P7846" s="5" t="s">
        <v>40</v>
      </c>
      <c r="Q7846" s="5" t="s">
        <v>1522</v>
      </c>
      <c r="R7846" s="5" t="s">
        <v>1523</v>
      </c>
      <c r="S7846" s="5" t="s">
        <v>42</v>
      </c>
      <c r="T7846" s="2">
        <v>3.2469999999999999</v>
      </c>
      <c r="U7846" s="2">
        <v>2.5659999999999998</v>
      </c>
      <c r="V7846" s="2">
        <v>16.7</v>
      </c>
      <c r="W7846" s="2">
        <v>159.1</v>
      </c>
      <c r="X7846" s="2">
        <v>7.6</v>
      </c>
      <c r="Y7846" s="2">
        <v>16.7</v>
      </c>
      <c r="Z7846" s="5"/>
      <c r="AA7846" s="5" t="s">
        <v>43</v>
      </c>
      <c r="AB7846" s="5" t="s">
        <v>44</v>
      </c>
      <c r="AC7846" s="2"/>
      <c r="AD7846" s="1"/>
    </row>
    <row r="7847" spans="1:30">
      <c r="A7847" s="5" t="s">
        <v>83578</v>
      </c>
      <c r="B7847" s="2" t="s">
        <v>107660</v>
      </c>
      <c r="C7847" s="14" t="s">
        <v>107661</v>
      </c>
      <c r="D7847" s="2" t="s">
        <v>107662</v>
      </c>
      <c r="E7847" s="2" t="s">
        <v>7406</v>
      </c>
      <c r="F7847" s="8">
        <v>300</v>
      </c>
      <c r="G7847" s="5">
        <v>6</v>
      </c>
      <c r="H7847" s="5" t="s">
        <v>1518</v>
      </c>
      <c r="I7847" s="5" t="s">
        <v>69038</v>
      </c>
      <c r="J7847" s="2" t="s">
        <v>69039</v>
      </c>
      <c r="K7847" s="5" t="s">
        <v>69038</v>
      </c>
      <c r="L7847" s="2" t="s">
        <v>69039</v>
      </c>
      <c r="M7847" s="5" t="s">
        <v>1521</v>
      </c>
      <c r="N7847" s="5" t="s">
        <v>38</v>
      </c>
      <c r="O7847" s="5" t="s">
        <v>39</v>
      </c>
      <c r="P7847" s="5" t="s">
        <v>40</v>
      </c>
      <c r="Q7847" s="5" t="s">
        <v>1522</v>
      </c>
      <c r="R7847" s="5" t="s">
        <v>1523</v>
      </c>
      <c r="S7847" s="5" t="s">
        <v>42</v>
      </c>
      <c r="T7847" s="2">
        <v>3.1709999999999998</v>
      </c>
      <c r="U7847" s="2">
        <v>2.4900000000000002</v>
      </c>
      <c r="V7847" s="2">
        <v>16.7</v>
      </c>
      <c r="W7847" s="2">
        <v>159.1</v>
      </c>
      <c r="X7847" s="2">
        <v>7.6</v>
      </c>
      <c r="Y7847" s="2">
        <v>16.7</v>
      </c>
      <c r="Z7847" s="5"/>
      <c r="AA7847" s="5" t="s">
        <v>43</v>
      </c>
      <c r="AB7847" s="5" t="s">
        <v>44</v>
      </c>
      <c r="AC7847" s="2"/>
      <c r="AD7847" s="1"/>
    </row>
    <row r="7848" spans="1:30">
      <c r="A7848" s="5" t="s">
        <v>83578</v>
      </c>
      <c r="B7848" s="2" t="s">
        <v>107663</v>
      </c>
      <c r="C7848" s="14" t="s">
        <v>107664</v>
      </c>
      <c r="D7848" s="2" t="s">
        <v>107665</v>
      </c>
      <c r="E7848" s="2" t="s">
        <v>7535</v>
      </c>
      <c r="F7848" s="8">
        <v>300</v>
      </c>
      <c r="G7848" s="5">
        <v>6</v>
      </c>
      <c r="H7848" s="5" t="s">
        <v>1518</v>
      </c>
      <c r="I7848" s="5" t="s">
        <v>69038</v>
      </c>
      <c r="J7848" s="2" t="s">
        <v>69039</v>
      </c>
      <c r="K7848" s="5" t="s">
        <v>69038</v>
      </c>
      <c r="L7848" s="2" t="s">
        <v>69039</v>
      </c>
      <c r="M7848" s="5" t="s">
        <v>1521</v>
      </c>
      <c r="N7848" s="5" t="s">
        <v>38</v>
      </c>
      <c r="O7848" s="5" t="s">
        <v>39</v>
      </c>
      <c r="P7848" s="5" t="s">
        <v>40</v>
      </c>
      <c r="Q7848" s="5" t="s">
        <v>1522</v>
      </c>
      <c r="R7848" s="5" t="s">
        <v>1523</v>
      </c>
      <c r="S7848" s="5" t="s">
        <v>42</v>
      </c>
      <c r="T7848" s="2">
        <v>3.2469999999999999</v>
      </c>
      <c r="U7848" s="2">
        <v>2.5659999999999998</v>
      </c>
      <c r="V7848" s="2">
        <v>16.7</v>
      </c>
      <c r="W7848" s="2">
        <v>159.1</v>
      </c>
      <c r="X7848" s="2">
        <v>7.6</v>
      </c>
      <c r="Y7848" s="2">
        <v>16.7</v>
      </c>
      <c r="Z7848" s="5"/>
      <c r="AA7848" s="5" t="s">
        <v>43</v>
      </c>
      <c r="AB7848" s="5" t="s">
        <v>44</v>
      </c>
      <c r="AC7848" s="2"/>
      <c r="AD7848" s="1"/>
    </row>
    <row r="7849" spans="1:30">
      <c r="A7849" s="5" t="s">
        <v>83578</v>
      </c>
      <c r="B7849" s="2" t="s">
        <v>107666</v>
      </c>
      <c r="C7849" s="14" t="s">
        <v>107667</v>
      </c>
      <c r="D7849" s="2" t="s">
        <v>107668</v>
      </c>
      <c r="E7849" s="2" t="s">
        <v>7539</v>
      </c>
      <c r="F7849" s="8">
        <v>300</v>
      </c>
      <c r="G7849" s="5">
        <v>6</v>
      </c>
      <c r="H7849" s="5" t="s">
        <v>1518</v>
      </c>
      <c r="I7849" s="5" t="s">
        <v>69038</v>
      </c>
      <c r="J7849" s="2" t="s">
        <v>69039</v>
      </c>
      <c r="K7849" s="5" t="s">
        <v>69038</v>
      </c>
      <c r="L7849" s="2" t="s">
        <v>69039</v>
      </c>
      <c r="M7849" s="5" t="s">
        <v>1521</v>
      </c>
      <c r="N7849" s="5" t="s">
        <v>38</v>
      </c>
      <c r="O7849" s="5" t="s">
        <v>39</v>
      </c>
      <c r="P7849" s="5" t="s">
        <v>40</v>
      </c>
      <c r="Q7849" s="5" t="s">
        <v>1522</v>
      </c>
      <c r="R7849" s="5" t="s">
        <v>1523</v>
      </c>
      <c r="S7849" s="5" t="s">
        <v>42</v>
      </c>
      <c r="T7849" s="2">
        <v>3.1709999999999998</v>
      </c>
      <c r="U7849" s="2">
        <v>2.4900000000000002</v>
      </c>
      <c r="V7849" s="2">
        <v>16.7</v>
      </c>
      <c r="W7849" s="2">
        <v>159.1</v>
      </c>
      <c r="X7849" s="2">
        <v>7.6</v>
      </c>
      <c r="Y7849" s="2">
        <v>16.7</v>
      </c>
      <c r="Z7849" s="5"/>
      <c r="AA7849" s="5" t="s">
        <v>43</v>
      </c>
      <c r="AB7849" s="5" t="s">
        <v>44</v>
      </c>
      <c r="AC7849" s="2"/>
      <c r="AD7849" s="1"/>
    </row>
    <row r="7850" spans="1:30">
      <c r="A7850" s="5" t="s">
        <v>83578</v>
      </c>
      <c r="B7850" s="2" t="s">
        <v>107669</v>
      </c>
      <c r="C7850" s="14" t="s">
        <v>107670</v>
      </c>
      <c r="D7850" s="2" t="s">
        <v>107671</v>
      </c>
      <c r="E7850" s="2" t="s">
        <v>7543</v>
      </c>
      <c r="F7850" s="8">
        <v>300</v>
      </c>
      <c r="G7850" s="5">
        <v>6</v>
      </c>
      <c r="H7850" s="5" t="s">
        <v>1518</v>
      </c>
      <c r="I7850" s="5" t="s">
        <v>69038</v>
      </c>
      <c r="J7850" s="2" t="s">
        <v>69039</v>
      </c>
      <c r="K7850" s="5" t="s">
        <v>69038</v>
      </c>
      <c r="L7850" s="2" t="s">
        <v>69039</v>
      </c>
      <c r="M7850" s="5" t="s">
        <v>1521</v>
      </c>
      <c r="N7850" s="5" t="s">
        <v>38</v>
      </c>
      <c r="O7850" s="5" t="s">
        <v>39</v>
      </c>
      <c r="P7850" s="5" t="s">
        <v>40</v>
      </c>
      <c r="Q7850" s="5" t="s">
        <v>1522</v>
      </c>
      <c r="R7850" s="5" t="s">
        <v>1523</v>
      </c>
      <c r="S7850" s="5" t="s">
        <v>42</v>
      </c>
      <c r="T7850" s="2">
        <v>3.2469999999999999</v>
      </c>
      <c r="U7850" s="2">
        <v>2.5659999999999998</v>
      </c>
      <c r="V7850" s="2">
        <v>16.7</v>
      </c>
      <c r="W7850" s="2">
        <v>159.1</v>
      </c>
      <c r="X7850" s="2">
        <v>7.6</v>
      </c>
      <c r="Y7850" s="2">
        <v>16.7</v>
      </c>
      <c r="Z7850" s="5"/>
      <c r="AA7850" s="5" t="s">
        <v>43</v>
      </c>
      <c r="AB7850" s="5" t="s">
        <v>44</v>
      </c>
      <c r="AC7850" s="2"/>
      <c r="AD7850" s="1"/>
    </row>
    <row r="7851" spans="1:30">
      <c r="A7851" s="5" t="s">
        <v>83578</v>
      </c>
      <c r="B7851" s="2" t="s">
        <v>107672</v>
      </c>
      <c r="C7851" s="14" t="s">
        <v>107673</v>
      </c>
      <c r="D7851" s="2" t="s">
        <v>107674</v>
      </c>
      <c r="E7851" s="2" t="s">
        <v>7396</v>
      </c>
      <c r="F7851" s="8">
        <v>278</v>
      </c>
      <c r="G7851" s="5">
        <v>6</v>
      </c>
      <c r="H7851" s="5" t="s">
        <v>1518</v>
      </c>
      <c r="I7851" s="5" t="s">
        <v>69038</v>
      </c>
      <c r="J7851" s="2" t="s">
        <v>69039</v>
      </c>
      <c r="K7851" s="5" t="s">
        <v>69038</v>
      </c>
      <c r="L7851" s="2" t="s">
        <v>69039</v>
      </c>
      <c r="M7851" s="5" t="s">
        <v>1521</v>
      </c>
      <c r="N7851" s="5" t="s">
        <v>38</v>
      </c>
      <c r="O7851" s="5" t="s">
        <v>39</v>
      </c>
      <c r="P7851" s="5" t="s">
        <v>40</v>
      </c>
      <c r="Q7851" s="5" t="s">
        <v>1522</v>
      </c>
      <c r="R7851" s="5" t="s">
        <v>1523</v>
      </c>
      <c r="S7851" s="5" t="s">
        <v>42</v>
      </c>
      <c r="T7851" s="2">
        <v>3.1709999999999998</v>
      </c>
      <c r="U7851" s="2">
        <v>2.4900000000000002</v>
      </c>
      <c r="V7851" s="2">
        <v>16.7</v>
      </c>
      <c r="W7851" s="2">
        <v>159.1</v>
      </c>
      <c r="X7851" s="2">
        <v>7.6</v>
      </c>
      <c r="Y7851" s="2">
        <v>16.7</v>
      </c>
      <c r="Z7851" s="5"/>
      <c r="AA7851" s="5" t="s">
        <v>43</v>
      </c>
      <c r="AB7851" s="5" t="s">
        <v>44</v>
      </c>
      <c r="AC7851" s="2"/>
      <c r="AD7851" s="1"/>
    </row>
    <row r="7852" spans="1:30">
      <c r="A7852" s="5" t="s">
        <v>83578</v>
      </c>
      <c r="B7852" s="2" t="s">
        <v>107675</v>
      </c>
      <c r="C7852" s="14" t="s">
        <v>107676</v>
      </c>
      <c r="D7852" s="2" t="s">
        <v>107677</v>
      </c>
      <c r="E7852" s="2" t="s">
        <v>7507</v>
      </c>
      <c r="F7852" s="8">
        <v>278</v>
      </c>
      <c r="G7852" s="5">
        <v>6</v>
      </c>
      <c r="H7852" s="5" t="s">
        <v>1518</v>
      </c>
      <c r="I7852" s="5" t="s">
        <v>69038</v>
      </c>
      <c r="J7852" s="2" t="s">
        <v>69039</v>
      </c>
      <c r="K7852" s="5" t="s">
        <v>69038</v>
      </c>
      <c r="L7852" s="2" t="s">
        <v>69039</v>
      </c>
      <c r="M7852" s="5" t="s">
        <v>1521</v>
      </c>
      <c r="N7852" s="5" t="s">
        <v>38</v>
      </c>
      <c r="O7852" s="5" t="s">
        <v>39</v>
      </c>
      <c r="P7852" s="5" t="s">
        <v>40</v>
      </c>
      <c r="Q7852" s="5" t="s">
        <v>1522</v>
      </c>
      <c r="R7852" s="5" t="s">
        <v>1523</v>
      </c>
      <c r="S7852" s="5" t="s">
        <v>42</v>
      </c>
      <c r="T7852" s="2">
        <v>3.2469999999999999</v>
      </c>
      <c r="U7852" s="2">
        <v>2.5659999999999998</v>
      </c>
      <c r="V7852" s="2">
        <v>16.7</v>
      </c>
      <c r="W7852" s="2">
        <v>159.1</v>
      </c>
      <c r="X7852" s="2">
        <v>7.6</v>
      </c>
      <c r="Y7852" s="2">
        <v>16.7</v>
      </c>
      <c r="Z7852" s="5"/>
      <c r="AA7852" s="5" t="s">
        <v>43</v>
      </c>
      <c r="AB7852" s="5" t="s">
        <v>44</v>
      </c>
      <c r="AC7852" s="2"/>
      <c r="AD7852" s="1"/>
    </row>
    <row r="7853" spans="1:30">
      <c r="A7853" s="5" t="s">
        <v>83578</v>
      </c>
      <c r="B7853" s="2" t="s">
        <v>107678</v>
      </c>
      <c r="C7853" s="14" t="s">
        <v>107679</v>
      </c>
      <c r="D7853" s="2" t="s">
        <v>107680</v>
      </c>
      <c r="E7853" s="2" t="s">
        <v>7547</v>
      </c>
      <c r="F7853" s="8">
        <v>300</v>
      </c>
      <c r="G7853" s="5">
        <v>6</v>
      </c>
      <c r="H7853" s="5" t="s">
        <v>1518</v>
      </c>
      <c r="I7853" s="5" t="s">
        <v>69038</v>
      </c>
      <c r="J7853" s="2" t="s">
        <v>69039</v>
      </c>
      <c r="K7853" s="5" t="s">
        <v>69038</v>
      </c>
      <c r="L7853" s="2" t="s">
        <v>69039</v>
      </c>
      <c r="M7853" s="5" t="s">
        <v>1521</v>
      </c>
      <c r="N7853" s="5" t="s">
        <v>38</v>
      </c>
      <c r="O7853" s="5" t="s">
        <v>39</v>
      </c>
      <c r="P7853" s="5" t="s">
        <v>40</v>
      </c>
      <c r="Q7853" s="5" t="s">
        <v>1522</v>
      </c>
      <c r="R7853" s="5" t="s">
        <v>1523</v>
      </c>
      <c r="S7853" s="5" t="s">
        <v>42</v>
      </c>
      <c r="T7853" s="2">
        <v>3.1709999999999998</v>
      </c>
      <c r="U7853" s="2">
        <v>2.4900000000000002</v>
      </c>
      <c r="V7853" s="2">
        <v>16.7</v>
      </c>
      <c r="W7853" s="2">
        <v>159.1</v>
      </c>
      <c r="X7853" s="2">
        <v>7.6</v>
      </c>
      <c r="Y7853" s="2">
        <v>16.7</v>
      </c>
      <c r="Z7853" s="5"/>
      <c r="AA7853" s="5" t="s">
        <v>43</v>
      </c>
      <c r="AB7853" s="5" t="s">
        <v>44</v>
      </c>
      <c r="AC7853" s="2"/>
      <c r="AD7853" s="1"/>
    </row>
    <row r="7854" spans="1:30">
      <c r="A7854" s="5" t="s">
        <v>83578</v>
      </c>
      <c r="B7854" s="2" t="s">
        <v>107681</v>
      </c>
      <c r="C7854" s="14" t="s">
        <v>107682</v>
      </c>
      <c r="D7854" s="2" t="s">
        <v>107683</v>
      </c>
      <c r="E7854" s="2" t="s">
        <v>7551</v>
      </c>
      <c r="F7854" s="8">
        <v>300</v>
      </c>
      <c r="G7854" s="5">
        <v>6</v>
      </c>
      <c r="H7854" s="5" t="s">
        <v>1518</v>
      </c>
      <c r="I7854" s="5" t="s">
        <v>69038</v>
      </c>
      <c r="J7854" s="2" t="s">
        <v>69039</v>
      </c>
      <c r="K7854" s="5" t="s">
        <v>69038</v>
      </c>
      <c r="L7854" s="2" t="s">
        <v>69039</v>
      </c>
      <c r="M7854" s="5" t="s">
        <v>1521</v>
      </c>
      <c r="N7854" s="5" t="s">
        <v>38</v>
      </c>
      <c r="O7854" s="5" t="s">
        <v>39</v>
      </c>
      <c r="P7854" s="5" t="s">
        <v>40</v>
      </c>
      <c r="Q7854" s="5" t="s">
        <v>1522</v>
      </c>
      <c r="R7854" s="5" t="s">
        <v>1523</v>
      </c>
      <c r="S7854" s="5" t="s">
        <v>42</v>
      </c>
      <c r="T7854" s="2">
        <v>3.2469999999999999</v>
      </c>
      <c r="U7854" s="2">
        <v>2.5659999999999998</v>
      </c>
      <c r="V7854" s="2">
        <v>16.7</v>
      </c>
      <c r="W7854" s="2">
        <v>159.1</v>
      </c>
      <c r="X7854" s="2">
        <v>7.6</v>
      </c>
      <c r="Y7854" s="2">
        <v>16.7</v>
      </c>
      <c r="Z7854" s="5"/>
      <c r="AA7854" s="5" t="s">
        <v>43</v>
      </c>
      <c r="AB7854" s="5" t="s">
        <v>44</v>
      </c>
      <c r="AC7854" s="2"/>
      <c r="AD7854" s="1"/>
    </row>
    <row r="7855" spans="1:30">
      <c r="A7855" s="5" t="s">
        <v>83578</v>
      </c>
      <c r="B7855" s="2" t="s">
        <v>107684</v>
      </c>
      <c r="C7855" s="14" t="s">
        <v>107685</v>
      </c>
      <c r="D7855" s="2" t="s">
        <v>107686</v>
      </c>
      <c r="E7855" s="2" t="s">
        <v>7563</v>
      </c>
      <c r="F7855" s="8">
        <v>300</v>
      </c>
      <c r="G7855" s="5">
        <v>6</v>
      </c>
      <c r="H7855" s="5" t="s">
        <v>1518</v>
      </c>
      <c r="I7855" s="5" t="s">
        <v>69038</v>
      </c>
      <c r="J7855" s="2" t="s">
        <v>69039</v>
      </c>
      <c r="K7855" s="5" t="s">
        <v>69038</v>
      </c>
      <c r="L7855" s="2" t="s">
        <v>69039</v>
      </c>
      <c r="M7855" s="5" t="s">
        <v>1521</v>
      </c>
      <c r="N7855" s="5" t="s">
        <v>38</v>
      </c>
      <c r="O7855" s="5" t="s">
        <v>39</v>
      </c>
      <c r="P7855" s="5" t="s">
        <v>40</v>
      </c>
      <c r="Q7855" s="5" t="s">
        <v>1522</v>
      </c>
      <c r="R7855" s="5" t="s">
        <v>1523</v>
      </c>
      <c r="S7855" s="5" t="s">
        <v>42</v>
      </c>
      <c r="T7855" s="2">
        <v>3.1709999999999998</v>
      </c>
      <c r="U7855" s="2">
        <v>2.4900000000000002</v>
      </c>
      <c r="V7855" s="2">
        <v>16.7</v>
      </c>
      <c r="W7855" s="2">
        <v>159.1</v>
      </c>
      <c r="X7855" s="2">
        <v>7.6</v>
      </c>
      <c r="Y7855" s="2">
        <v>16.7</v>
      </c>
      <c r="Z7855" s="5"/>
      <c r="AA7855" s="5" t="s">
        <v>43</v>
      </c>
      <c r="AB7855" s="5" t="s">
        <v>44</v>
      </c>
      <c r="AC7855" s="2"/>
      <c r="AD7855" s="1"/>
    </row>
    <row r="7856" spans="1:30">
      <c r="A7856" s="5" t="s">
        <v>83578</v>
      </c>
      <c r="B7856" s="2" t="s">
        <v>107687</v>
      </c>
      <c r="C7856" s="14" t="s">
        <v>107688</v>
      </c>
      <c r="D7856" s="2" t="s">
        <v>107689</v>
      </c>
      <c r="E7856" s="2" t="s">
        <v>7567</v>
      </c>
      <c r="F7856" s="8">
        <v>300</v>
      </c>
      <c r="G7856" s="5">
        <v>6</v>
      </c>
      <c r="H7856" s="5" t="s">
        <v>1518</v>
      </c>
      <c r="I7856" s="5" t="s">
        <v>69038</v>
      </c>
      <c r="J7856" s="2" t="s">
        <v>69039</v>
      </c>
      <c r="K7856" s="5" t="s">
        <v>69038</v>
      </c>
      <c r="L7856" s="2" t="s">
        <v>69039</v>
      </c>
      <c r="M7856" s="5" t="s">
        <v>1521</v>
      </c>
      <c r="N7856" s="5" t="s">
        <v>38</v>
      </c>
      <c r="O7856" s="5" t="s">
        <v>39</v>
      </c>
      <c r="P7856" s="5" t="s">
        <v>40</v>
      </c>
      <c r="Q7856" s="5" t="s">
        <v>1522</v>
      </c>
      <c r="R7856" s="5" t="s">
        <v>1523</v>
      </c>
      <c r="S7856" s="5" t="s">
        <v>42</v>
      </c>
      <c r="T7856" s="2">
        <v>3.2469999999999999</v>
      </c>
      <c r="U7856" s="2">
        <v>2.5659999999999998</v>
      </c>
      <c r="V7856" s="2">
        <v>16.7</v>
      </c>
      <c r="W7856" s="2">
        <v>159.1</v>
      </c>
      <c r="X7856" s="2">
        <v>7.6</v>
      </c>
      <c r="Y7856" s="2">
        <v>16.7</v>
      </c>
      <c r="Z7856" s="5"/>
      <c r="AA7856" s="5" t="s">
        <v>43</v>
      </c>
      <c r="AB7856" s="5" t="s">
        <v>44</v>
      </c>
      <c r="AC7856" s="2"/>
      <c r="AD7856" s="1"/>
    </row>
    <row r="7857" spans="1:30">
      <c r="A7857" s="5" t="s">
        <v>83578</v>
      </c>
      <c r="B7857" s="2" t="s">
        <v>107690</v>
      </c>
      <c r="C7857" s="14" t="s">
        <v>107691</v>
      </c>
      <c r="D7857" s="2" t="s">
        <v>107692</v>
      </c>
      <c r="E7857" s="2" t="s">
        <v>7555</v>
      </c>
      <c r="F7857" s="8">
        <v>300</v>
      </c>
      <c r="G7857" s="5">
        <v>6</v>
      </c>
      <c r="H7857" s="5" t="s">
        <v>1518</v>
      </c>
      <c r="I7857" s="5" t="s">
        <v>69038</v>
      </c>
      <c r="J7857" s="2" t="s">
        <v>69039</v>
      </c>
      <c r="K7857" s="5" t="s">
        <v>69038</v>
      </c>
      <c r="L7857" s="2" t="s">
        <v>69039</v>
      </c>
      <c r="M7857" s="5" t="s">
        <v>1521</v>
      </c>
      <c r="N7857" s="5" t="s">
        <v>38</v>
      </c>
      <c r="O7857" s="5" t="s">
        <v>39</v>
      </c>
      <c r="P7857" s="5" t="s">
        <v>40</v>
      </c>
      <c r="Q7857" s="5" t="s">
        <v>1522</v>
      </c>
      <c r="R7857" s="5" t="s">
        <v>1523</v>
      </c>
      <c r="S7857" s="5" t="s">
        <v>42</v>
      </c>
      <c r="T7857" s="2">
        <v>3.1709999999999998</v>
      </c>
      <c r="U7857" s="2">
        <v>2.4900000000000002</v>
      </c>
      <c r="V7857" s="2">
        <v>16.7</v>
      </c>
      <c r="W7857" s="2">
        <v>159.1</v>
      </c>
      <c r="X7857" s="2">
        <v>7.6</v>
      </c>
      <c r="Y7857" s="2">
        <v>16.7</v>
      </c>
      <c r="Z7857" s="5"/>
      <c r="AA7857" s="5" t="s">
        <v>43</v>
      </c>
      <c r="AB7857" s="5" t="s">
        <v>44</v>
      </c>
      <c r="AC7857" s="2"/>
      <c r="AD7857" s="1"/>
    </row>
    <row r="7858" spans="1:30">
      <c r="A7858" s="5" t="s">
        <v>83578</v>
      </c>
      <c r="B7858" s="2" t="s">
        <v>107693</v>
      </c>
      <c r="C7858" s="14" t="s">
        <v>107694</v>
      </c>
      <c r="D7858" s="2" t="s">
        <v>107695</v>
      </c>
      <c r="E7858" s="2" t="s">
        <v>7559</v>
      </c>
      <c r="F7858" s="8">
        <v>300</v>
      </c>
      <c r="G7858" s="5">
        <v>6</v>
      </c>
      <c r="H7858" s="5" t="s">
        <v>1518</v>
      </c>
      <c r="I7858" s="5" t="s">
        <v>69038</v>
      </c>
      <c r="J7858" s="2" t="s">
        <v>69039</v>
      </c>
      <c r="K7858" s="5" t="s">
        <v>69038</v>
      </c>
      <c r="L7858" s="2" t="s">
        <v>69039</v>
      </c>
      <c r="M7858" s="5" t="s">
        <v>1521</v>
      </c>
      <c r="N7858" s="5" t="s">
        <v>38</v>
      </c>
      <c r="O7858" s="5" t="s">
        <v>39</v>
      </c>
      <c r="P7858" s="5" t="s">
        <v>40</v>
      </c>
      <c r="Q7858" s="5" t="s">
        <v>1522</v>
      </c>
      <c r="R7858" s="5" t="s">
        <v>1523</v>
      </c>
      <c r="S7858" s="5" t="s">
        <v>42</v>
      </c>
      <c r="T7858" s="2">
        <v>3.2469999999999999</v>
      </c>
      <c r="U7858" s="2">
        <v>2.5659999999999998</v>
      </c>
      <c r="V7858" s="2">
        <v>16.7</v>
      </c>
      <c r="W7858" s="2">
        <v>159.1</v>
      </c>
      <c r="X7858" s="2">
        <v>7.6</v>
      </c>
      <c r="Y7858" s="2">
        <v>16.7</v>
      </c>
      <c r="Z7858" s="5"/>
      <c r="AA7858" s="5" t="s">
        <v>43</v>
      </c>
      <c r="AB7858" s="5" t="s">
        <v>44</v>
      </c>
      <c r="AC7858" s="2"/>
      <c r="AD7858" s="1"/>
    </row>
    <row r="7859" spans="1:30">
      <c r="A7859" s="5" t="s">
        <v>83578</v>
      </c>
      <c r="B7859" s="2" t="s">
        <v>107696</v>
      </c>
      <c r="C7859" s="14" t="s">
        <v>107697</v>
      </c>
      <c r="D7859" s="2" t="s">
        <v>107698</v>
      </c>
      <c r="E7859" s="2" t="s">
        <v>16079</v>
      </c>
      <c r="F7859" s="8">
        <v>300</v>
      </c>
      <c r="G7859" s="5">
        <v>6</v>
      </c>
      <c r="H7859" s="5" t="s">
        <v>1518</v>
      </c>
      <c r="I7859" s="5" t="s">
        <v>69038</v>
      </c>
      <c r="J7859" s="2" t="s">
        <v>69039</v>
      </c>
      <c r="K7859" s="5" t="s">
        <v>69038</v>
      </c>
      <c r="L7859" s="2" t="s">
        <v>69039</v>
      </c>
      <c r="M7859" s="5" t="s">
        <v>1521</v>
      </c>
      <c r="N7859" s="5" t="s">
        <v>38</v>
      </c>
      <c r="O7859" s="5" t="s">
        <v>39</v>
      </c>
      <c r="P7859" s="5" t="s">
        <v>40</v>
      </c>
      <c r="Q7859" s="5" t="s">
        <v>1522</v>
      </c>
      <c r="R7859" s="5" t="s">
        <v>1523</v>
      </c>
      <c r="S7859" s="5" t="s">
        <v>42</v>
      </c>
      <c r="T7859" s="2">
        <v>3.1709999999999998</v>
      </c>
      <c r="U7859" s="2">
        <v>2.4900000000000002</v>
      </c>
      <c r="V7859" s="2">
        <v>16.7</v>
      </c>
      <c r="W7859" s="2">
        <v>159.1</v>
      </c>
      <c r="X7859" s="2">
        <v>7.6</v>
      </c>
      <c r="Y7859" s="2">
        <v>16.7</v>
      </c>
      <c r="Z7859" s="5"/>
      <c r="AA7859" s="5" t="s">
        <v>43</v>
      </c>
      <c r="AB7859" s="5" t="s">
        <v>44</v>
      </c>
      <c r="AC7859" s="2"/>
      <c r="AD7859" s="1"/>
    </row>
    <row r="7860" spans="1:30">
      <c r="A7860" s="5" t="s">
        <v>83578</v>
      </c>
      <c r="B7860" s="2" t="s">
        <v>107699</v>
      </c>
      <c r="C7860" s="14" t="s">
        <v>107700</v>
      </c>
      <c r="D7860" s="2" t="s">
        <v>107701</v>
      </c>
      <c r="E7860" s="2" t="s">
        <v>16194</v>
      </c>
      <c r="F7860" s="8">
        <v>300</v>
      </c>
      <c r="G7860" s="5">
        <v>6</v>
      </c>
      <c r="H7860" s="5" t="s">
        <v>1518</v>
      </c>
      <c r="I7860" s="5" t="s">
        <v>69038</v>
      </c>
      <c r="J7860" s="2" t="s">
        <v>69039</v>
      </c>
      <c r="K7860" s="5" t="s">
        <v>69038</v>
      </c>
      <c r="L7860" s="2" t="s">
        <v>69039</v>
      </c>
      <c r="M7860" s="5" t="s">
        <v>1521</v>
      </c>
      <c r="N7860" s="5" t="s">
        <v>38</v>
      </c>
      <c r="O7860" s="5" t="s">
        <v>39</v>
      </c>
      <c r="P7860" s="5" t="s">
        <v>40</v>
      </c>
      <c r="Q7860" s="5" t="s">
        <v>1522</v>
      </c>
      <c r="R7860" s="5" t="s">
        <v>1523</v>
      </c>
      <c r="S7860" s="5" t="s">
        <v>42</v>
      </c>
      <c r="T7860" s="2">
        <v>3.2469999999999999</v>
      </c>
      <c r="U7860" s="2">
        <v>2.5659999999999998</v>
      </c>
      <c r="V7860" s="2">
        <v>16.7</v>
      </c>
      <c r="W7860" s="2">
        <v>159.1</v>
      </c>
      <c r="X7860" s="2">
        <v>7.6</v>
      </c>
      <c r="Y7860" s="2">
        <v>16.7</v>
      </c>
      <c r="Z7860" s="5"/>
      <c r="AA7860" s="5" t="s">
        <v>43</v>
      </c>
      <c r="AB7860" s="5" t="s">
        <v>44</v>
      </c>
      <c r="AC7860" s="2"/>
      <c r="AD7860" s="1"/>
    </row>
    <row r="7861" spans="1:30">
      <c r="A7861" s="5" t="s">
        <v>83578</v>
      </c>
      <c r="B7861" s="2" t="s">
        <v>107702</v>
      </c>
      <c r="C7861" s="14" t="s">
        <v>107703</v>
      </c>
      <c r="D7861" s="2" t="s">
        <v>107704</v>
      </c>
      <c r="E7861" s="2" t="s">
        <v>7449</v>
      </c>
      <c r="F7861" s="8">
        <v>300</v>
      </c>
      <c r="G7861" s="5">
        <v>6</v>
      </c>
      <c r="H7861" s="5" t="s">
        <v>1518</v>
      </c>
      <c r="I7861" s="5" t="s">
        <v>69038</v>
      </c>
      <c r="J7861" s="2" t="s">
        <v>69039</v>
      </c>
      <c r="K7861" s="5" t="s">
        <v>69038</v>
      </c>
      <c r="L7861" s="2" t="s">
        <v>69039</v>
      </c>
      <c r="M7861" s="5" t="s">
        <v>1521</v>
      </c>
      <c r="N7861" s="5" t="s">
        <v>38</v>
      </c>
      <c r="O7861" s="5" t="s">
        <v>39</v>
      </c>
      <c r="P7861" s="5" t="s">
        <v>40</v>
      </c>
      <c r="Q7861" s="5" t="s">
        <v>1522</v>
      </c>
      <c r="R7861" s="5" t="s">
        <v>1523</v>
      </c>
      <c r="S7861" s="5" t="s">
        <v>42</v>
      </c>
      <c r="T7861" s="2">
        <v>3.1709999999999998</v>
      </c>
      <c r="U7861" s="2">
        <v>2.4900000000000002</v>
      </c>
      <c r="V7861" s="2">
        <v>16.7</v>
      </c>
      <c r="W7861" s="2">
        <v>159.1</v>
      </c>
      <c r="X7861" s="2">
        <v>7.6</v>
      </c>
      <c r="Y7861" s="2">
        <v>16.7</v>
      </c>
      <c r="Z7861" s="5"/>
      <c r="AA7861" s="5" t="s">
        <v>43</v>
      </c>
      <c r="AB7861" s="5" t="s">
        <v>44</v>
      </c>
      <c r="AC7861" s="2"/>
      <c r="AD7861" s="1"/>
    </row>
    <row r="7862" spans="1:30">
      <c r="A7862" s="5" t="s">
        <v>83578</v>
      </c>
      <c r="B7862" s="2" t="s">
        <v>107705</v>
      </c>
      <c r="C7862" s="14" t="s">
        <v>107706</v>
      </c>
      <c r="D7862" s="2" t="s">
        <v>107707</v>
      </c>
      <c r="E7862" s="2" t="s">
        <v>7581</v>
      </c>
      <c r="F7862" s="8">
        <v>300</v>
      </c>
      <c r="G7862" s="5">
        <v>6</v>
      </c>
      <c r="H7862" s="5" t="s">
        <v>1518</v>
      </c>
      <c r="I7862" s="5" t="s">
        <v>69038</v>
      </c>
      <c r="J7862" s="2" t="s">
        <v>69039</v>
      </c>
      <c r="K7862" s="5" t="s">
        <v>69038</v>
      </c>
      <c r="L7862" s="2" t="s">
        <v>69039</v>
      </c>
      <c r="M7862" s="5" t="s">
        <v>1521</v>
      </c>
      <c r="N7862" s="5" t="s">
        <v>38</v>
      </c>
      <c r="O7862" s="5" t="s">
        <v>39</v>
      </c>
      <c r="P7862" s="5" t="s">
        <v>40</v>
      </c>
      <c r="Q7862" s="5" t="s">
        <v>1522</v>
      </c>
      <c r="R7862" s="5" t="s">
        <v>1523</v>
      </c>
      <c r="S7862" s="5" t="s">
        <v>42</v>
      </c>
      <c r="T7862" s="2">
        <v>3.2469999999999999</v>
      </c>
      <c r="U7862" s="2">
        <v>2.5659999999999998</v>
      </c>
      <c r="V7862" s="2">
        <v>16.7</v>
      </c>
      <c r="W7862" s="2">
        <v>159.1</v>
      </c>
      <c r="X7862" s="2">
        <v>7.6</v>
      </c>
      <c r="Y7862" s="2">
        <v>16.7</v>
      </c>
      <c r="Z7862" s="5"/>
      <c r="AA7862" s="5" t="s">
        <v>43</v>
      </c>
      <c r="AB7862" s="5" t="s">
        <v>44</v>
      </c>
      <c r="AC7862" s="2"/>
      <c r="AD7862" s="1"/>
    </row>
    <row r="7863" spans="1:30">
      <c r="A7863" s="5" t="s">
        <v>83578</v>
      </c>
      <c r="B7863" s="2" t="s">
        <v>107708</v>
      </c>
      <c r="C7863" s="14" t="s">
        <v>107709</v>
      </c>
      <c r="D7863" s="2" t="s">
        <v>107710</v>
      </c>
      <c r="E7863" s="2" t="s">
        <v>7585</v>
      </c>
      <c r="F7863" s="8">
        <v>300</v>
      </c>
      <c r="G7863" s="5">
        <v>6</v>
      </c>
      <c r="H7863" s="5" t="s">
        <v>1518</v>
      </c>
      <c r="I7863" s="5" t="s">
        <v>69038</v>
      </c>
      <c r="J7863" s="2" t="s">
        <v>69039</v>
      </c>
      <c r="K7863" s="5" t="s">
        <v>69038</v>
      </c>
      <c r="L7863" s="2" t="s">
        <v>69039</v>
      </c>
      <c r="M7863" s="5" t="s">
        <v>1521</v>
      </c>
      <c r="N7863" s="5" t="s">
        <v>38</v>
      </c>
      <c r="O7863" s="5" t="s">
        <v>39</v>
      </c>
      <c r="P7863" s="5" t="s">
        <v>40</v>
      </c>
      <c r="Q7863" s="5" t="s">
        <v>1522</v>
      </c>
      <c r="R7863" s="5" t="s">
        <v>1523</v>
      </c>
      <c r="S7863" s="5" t="s">
        <v>42</v>
      </c>
      <c r="T7863" s="2">
        <v>3.1709999999999998</v>
      </c>
      <c r="U7863" s="2">
        <v>2.4900000000000002</v>
      </c>
      <c r="V7863" s="2">
        <v>16.7</v>
      </c>
      <c r="W7863" s="2">
        <v>159.1</v>
      </c>
      <c r="X7863" s="2">
        <v>7.6</v>
      </c>
      <c r="Y7863" s="2">
        <v>16.7</v>
      </c>
      <c r="Z7863" s="5"/>
      <c r="AA7863" s="5" t="s">
        <v>43</v>
      </c>
      <c r="AB7863" s="5" t="s">
        <v>44</v>
      </c>
      <c r="AC7863" s="2"/>
      <c r="AD7863" s="1"/>
    </row>
    <row r="7864" spans="1:30">
      <c r="A7864" s="5" t="s">
        <v>83578</v>
      </c>
      <c r="B7864" s="2" t="s">
        <v>107711</v>
      </c>
      <c r="C7864" s="14" t="s">
        <v>107712</v>
      </c>
      <c r="D7864" s="2" t="s">
        <v>107713</v>
      </c>
      <c r="E7864" s="2" t="s">
        <v>7589</v>
      </c>
      <c r="F7864" s="8">
        <v>300</v>
      </c>
      <c r="G7864" s="5">
        <v>6</v>
      </c>
      <c r="H7864" s="5" t="s">
        <v>1518</v>
      </c>
      <c r="I7864" s="5" t="s">
        <v>69038</v>
      </c>
      <c r="J7864" s="2" t="s">
        <v>69039</v>
      </c>
      <c r="K7864" s="5" t="s">
        <v>69038</v>
      </c>
      <c r="L7864" s="2" t="s">
        <v>69039</v>
      </c>
      <c r="M7864" s="5" t="s">
        <v>1521</v>
      </c>
      <c r="N7864" s="5" t="s">
        <v>38</v>
      </c>
      <c r="O7864" s="5" t="s">
        <v>39</v>
      </c>
      <c r="P7864" s="5" t="s">
        <v>40</v>
      </c>
      <c r="Q7864" s="5" t="s">
        <v>1522</v>
      </c>
      <c r="R7864" s="5" t="s">
        <v>1523</v>
      </c>
      <c r="S7864" s="5" t="s">
        <v>42</v>
      </c>
      <c r="T7864" s="2">
        <v>3.2469999999999999</v>
      </c>
      <c r="U7864" s="2">
        <v>2.5659999999999998</v>
      </c>
      <c r="V7864" s="2">
        <v>16.7</v>
      </c>
      <c r="W7864" s="2">
        <v>159.1</v>
      </c>
      <c r="X7864" s="2">
        <v>7.6</v>
      </c>
      <c r="Y7864" s="2">
        <v>16.7</v>
      </c>
      <c r="Z7864" s="5"/>
      <c r="AA7864" s="5" t="s">
        <v>43</v>
      </c>
      <c r="AB7864" s="5" t="s">
        <v>44</v>
      </c>
      <c r="AC7864" s="2"/>
      <c r="AD7864" s="1"/>
    </row>
    <row r="7865" spans="1:30">
      <c r="A7865" s="5" t="s">
        <v>83578</v>
      </c>
      <c r="B7865" s="2" t="s">
        <v>107714</v>
      </c>
      <c r="C7865" s="14" t="s">
        <v>107715</v>
      </c>
      <c r="D7865" s="2" t="s">
        <v>107716</v>
      </c>
      <c r="E7865" s="2" t="s">
        <v>7593</v>
      </c>
      <c r="F7865" s="8">
        <v>300</v>
      </c>
      <c r="G7865" s="5">
        <v>6</v>
      </c>
      <c r="H7865" s="5" t="s">
        <v>1518</v>
      </c>
      <c r="I7865" s="5" t="s">
        <v>69038</v>
      </c>
      <c r="J7865" s="2" t="s">
        <v>69039</v>
      </c>
      <c r="K7865" s="5" t="s">
        <v>69038</v>
      </c>
      <c r="L7865" s="2" t="s">
        <v>69039</v>
      </c>
      <c r="M7865" s="5" t="s">
        <v>1521</v>
      </c>
      <c r="N7865" s="5" t="s">
        <v>38</v>
      </c>
      <c r="O7865" s="5" t="s">
        <v>39</v>
      </c>
      <c r="P7865" s="5" t="s">
        <v>40</v>
      </c>
      <c r="Q7865" s="5" t="s">
        <v>1522</v>
      </c>
      <c r="R7865" s="5" t="s">
        <v>1523</v>
      </c>
      <c r="S7865" s="5" t="s">
        <v>42</v>
      </c>
      <c r="T7865" s="2">
        <v>3.1709999999999998</v>
      </c>
      <c r="U7865" s="2">
        <v>2.4900000000000002</v>
      </c>
      <c r="V7865" s="2">
        <v>16.7</v>
      </c>
      <c r="W7865" s="2">
        <v>159.1</v>
      </c>
      <c r="X7865" s="2">
        <v>7.6</v>
      </c>
      <c r="Y7865" s="2">
        <v>16.7</v>
      </c>
      <c r="Z7865" s="5"/>
      <c r="AA7865" s="5" t="s">
        <v>43</v>
      </c>
      <c r="AB7865" s="5" t="s">
        <v>44</v>
      </c>
      <c r="AC7865" s="2"/>
      <c r="AD7865" s="1"/>
    </row>
    <row r="7866" spans="1:30">
      <c r="A7866" s="5" t="s">
        <v>83578</v>
      </c>
      <c r="B7866" s="2" t="s">
        <v>107717</v>
      </c>
      <c r="C7866" s="14" t="s">
        <v>107718</v>
      </c>
      <c r="D7866" s="2" t="s">
        <v>107719</v>
      </c>
      <c r="E7866" s="2" t="s">
        <v>7597</v>
      </c>
      <c r="F7866" s="8">
        <v>300</v>
      </c>
      <c r="G7866" s="5">
        <v>6</v>
      </c>
      <c r="H7866" s="5" t="s">
        <v>1518</v>
      </c>
      <c r="I7866" s="5" t="s">
        <v>69038</v>
      </c>
      <c r="J7866" s="2" t="s">
        <v>69039</v>
      </c>
      <c r="K7866" s="5" t="s">
        <v>69038</v>
      </c>
      <c r="L7866" s="2" t="s">
        <v>69039</v>
      </c>
      <c r="M7866" s="5" t="s">
        <v>1521</v>
      </c>
      <c r="N7866" s="5" t="s">
        <v>38</v>
      </c>
      <c r="O7866" s="5" t="s">
        <v>39</v>
      </c>
      <c r="P7866" s="5" t="s">
        <v>40</v>
      </c>
      <c r="Q7866" s="5" t="s">
        <v>1522</v>
      </c>
      <c r="R7866" s="5" t="s">
        <v>1523</v>
      </c>
      <c r="S7866" s="5" t="s">
        <v>42</v>
      </c>
      <c r="T7866" s="2">
        <v>3.2469999999999999</v>
      </c>
      <c r="U7866" s="2">
        <v>2.5659999999999998</v>
      </c>
      <c r="V7866" s="2">
        <v>16.7</v>
      </c>
      <c r="W7866" s="2">
        <v>159.1</v>
      </c>
      <c r="X7866" s="2">
        <v>7.6</v>
      </c>
      <c r="Y7866" s="2">
        <v>16.7</v>
      </c>
      <c r="Z7866" s="5"/>
      <c r="AA7866" s="5" t="s">
        <v>43</v>
      </c>
      <c r="AB7866" s="5" t="s">
        <v>44</v>
      </c>
      <c r="AC7866" s="2"/>
      <c r="AD7866" s="1"/>
    </row>
    <row r="7867" spans="1:30">
      <c r="A7867" s="5" t="s">
        <v>83578</v>
      </c>
      <c r="B7867" s="2" t="s">
        <v>107720</v>
      </c>
      <c r="C7867" s="14" t="s">
        <v>107721</v>
      </c>
      <c r="D7867" s="2" t="s">
        <v>107722</v>
      </c>
      <c r="E7867" s="2" t="s">
        <v>73358</v>
      </c>
      <c r="F7867" s="8">
        <v>300</v>
      </c>
      <c r="G7867" s="5">
        <v>6</v>
      </c>
      <c r="H7867" s="5" t="s">
        <v>1518</v>
      </c>
      <c r="I7867" s="5" t="s">
        <v>69038</v>
      </c>
      <c r="J7867" s="2" t="s">
        <v>69039</v>
      </c>
      <c r="K7867" s="5" t="s">
        <v>69038</v>
      </c>
      <c r="L7867" s="2" t="s">
        <v>69039</v>
      </c>
      <c r="M7867" s="5" t="s">
        <v>1521</v>
      </c>
      <c r="N7867" s="5" t="s">
        <v>38</v>
      </c>
      <c r="O7867" s="5" t="s">
        <v>39</v>
      </c>
      <c r="P7867" s="5" t="s">
        <v>40</v>
      </c>
      <c r="Q7867" s="5" t="s">
        <v>1522</v>
      </c>
      <c r="R7867" s="5" t="s">
        <v>1523</v>
      </c>
      <c r="S7867" s="5" t="s">
        <v>42</v>
      </c>
      <c r="T7867" s="2">
        <v>3.1709999999999998</v>
      </c>
      <c r="U7867" s="2">
        <v>2.4900000000000002</v>
      </c>
      <c r="V7867" s="2">
        <v>16.7</v>
      </c>
      <c r="W7867" s="2">
        <v>159.1</v>
      </c>
      <c r="X7867" s="2">
        <v>7.6</v>
      </c>
      <c r="Y7867" s="2">
        <v>16.7</v>
      </c>
      <c r="Z7867" s="5"/>
      <c r="AA7867" s="5" t="s">
        <v>43</v>
      </c>
      <c r="AB7867" s="5" t="s">
        <v>44</v>
      </c>
      <c r="AC7867" s="2"/>
      <c r="AD7867" s="1"/>
    </row>
    <row r="7868" spans="1:30">
      <c r="A7868" s="5" t="s">
        <v>83578</v>
      </c>
      <c r="B7868" s="2" t="s">
        <v>107723</v>
      </c>
      <c r="C7868" s="14" t="s">
        <v>107724</v>
      </c>
      <c r="D7868" s="2" t="s">
        <v>107725</v>
      </c>
      <c r="E7868" s="2" t="s">
        <v>73362</v>
      </c>
      <c r="F7868" s="8">
        <v>300</v>
      </c>
      <c r="G7868" s="5">
        <v>6</v>
      </c>
      <c r="H7868" s="5" t="s">
        <v>1518</v>
      </c>
      <c r="I7868" s="5" t="s">
        <v>69038</v>
      </c>
      <c r="J7868" s="2" t="s">
        <v>69039</v>
      </c>
      <c r="K7868" s="5" t="s">
        <v>69038</v>
      </c>
      <c r="L7868" s="2" t="s">
        <v>69039</v>
      </c>
      <c r="M7868" s="5" t="s">
        <v>1521</v>
      </c>
      <c r="N7868" s="5" t="s">
        <v>38</v>
      </c>
      <c r="O7868" s="5" t="s">
        <v>39</v>
      </c>
      <c r="P7868" s="5" t="s">
        <v>40</v>
      </c>
      <c r="Q7868" s="5" t="s">
        <v>1522</v>
      </c>
      <c r="R7868" s="5" t="s">
        <v>1523</v>
      </c>
      <c r="S7868" s="5" t="s">
        <v>42</v>
      </c>
      <c r="T7868" s="2">
        <v>3.2469999999999999</v>
      </c>
      <c r="U7868" s="2">
        <v>2.5659999999999998</v>
      </c>
      <c r="V7868" s="2">
        <v>16.7</v>
      </c>
      <c r="W7868" s="2">
        <v>159.1</v>
      </c>
      <c r="X7868" s="2">
        <v>7.6</v>
      </c>
      <c r="Y7868" s="2">
        <v>16.7</v>
      </c>
      <c r="Z7868" s="5"/>
      <c r="AA7868" s="5" t="s">
        <v>43</v>
      </c>
      <c r="AB7868" s="5" t="s">
        <v>44</v>
      </c>
      <c r="AC7868" s="2"/>
      <c r="AD7868" s="1"/>
    </row>
    <row r="7869" spans="1:30">
      <c r="A7869" s="5" t="s">
        <v>83578</v>
      </c>
      <c r="B7869" s="2" t="s">
        <v>107726</v>
      </c>
      <c r="C7869" s="14" t="s">
        <v>107727</v>
      </c>
      <c r="D7869" s="2" t="s">
        <v>107728</v>
      </c>
      <c r="E7869" s="2" t="s">
        <v>7615</v>
      </c>
      <c r="F7869" s="8">
        <v>300</v>
      </c>
      <c r="G7869" s="5">
        <v>6</v>
      </c>
      <c r="H7869" s="5" t="s">
        <v>1518</v>
      </c>
      <c r="I7869" s="5" t="s">
        <v>69038</v>
      </c>
      <c r="J7869" s="2" t="s">
        <v>69039</v>
      </c>
      <c r="K7869" s="5" t="s">
        <v>69038</v>
      </c>
      <c r="L7869" s="2" t="s">
        <v>69039</v>
      </c>
      <c r="M7869" s="5" t="s">
        <v>1521</v>
      </c>
      <c r="N7869" s="5" t="s">
        <v>38</v>
      </c>
      <c r="O7869" s="5" t="s">
        <v>39</v>
      </c>
      <c r="P7869" s="5" t="s">
        <v>40</v>
      </c>
      <c r="Q7869" s="5" t="s">
        <v>1522</v>
      </c>
      <c r="R7869" s="5" t="s">
        <v>1523</v>
      </c>
      <c r="S7869" s="5" t="s">
        <v>42</v>
      </c>
      <c r="T7869" s="2">
        <v>3.1709999999999998</v>
      </c>
      <c r="U7869" s="2">
        <v>2.4900000000000002</v>
      </c>
      <c r="V7869" s="2">
        <v>16.7</v>
      </c>
      <c r="W7869" s="2">
        <v>159.1</v>
      </c>
      <c r="X7869" s="2">
        <v>7.6</v>
      </c>
      <c r="Y7869" s="2">
        <v>16.7</v>
      </c>
      <c r="Z7869" s="5"/>
      <c r="AA7869" s="5" t="s">
        <v>43</v>
      </c>
      <c r="AB7869" s="5" t="s">
        <v>44</v>
      </c>
      <c r="AC7869" s="2"/>
      <c r="AD7869" s="1"/>
    </row>
    <row r="7870" spans="1:30">
      <c r="A7870" s="5" t="s">
        <v>83578</v>
      </c>
      <c r="B7870" s="2" t="s">
        <v>107729</v>
      </c>
      <c r="C7870" s="14" t="s">
        <v>107730</v>
      </c>
      <c r="D7870" s="2" t="s">
        <v>107731</v>
      </c>
      <c r="E7870" s="2" t="s">
        <v>7619</v>
      </c>
      <c r="F7870" s="8">
        <v>300</v>
      </c>
      <c r="G7870" s="5">
        <v>6</v>
      </c>
      <c r="H7870" s="5" t="s">
        <v>1518</v>
      </c>
      <c r="I7870" s="5" t="s">
        <v>69038</v>
      </c>
      <c r="J7870" s="2" t="s">
        <v>69039</v>
      </c>
      <c r="K7870" s="5" t="s">
        <v>69038</v>
      </c>
      <c r="L7870" s="2" t="s">
        <v>69039</v>
      </c>
      <c r="M7870" s="5" t="s">
        <v>1521</v>
      </c>
      <c r="N7870" s="5" t="s">
        <v>38</v>
      </c>
      <c r="O7870" s="5" t="s">
        <v>39</v>
      </c>
      <c r="P7870" s="5" t="s">
        <v>40</v>
      </c>
      <c r="Q7870" s="5" t="s">
        <v>1522</v>
      </c>
      <c r="R7870" s="5" t="s">
        <v>1523</v>
      </c>
      <c r="S7870" s="5" t="s">
        <v>42</v>
      </c>
      <c r="T7870" s="2">
        <v>3.2469999999999999</v>
      </c>
      <c r="U7870" s="2">
        <v>2.5659999999999998</v>
      </c>
      <c r="V7870" s="2">
        <v>16.7</v>
      </c>
      <c r="W7870" s="2">
        <v>159.1</v>
      </c>
      <c r="X7870" s="2">
        <v>7.6</v>
      </c>
      <c r="Y7870" s="2">
        <v>16.7</v>
      </c>
      <c r="Z7870" s="5"/>
      <c r="AA7870" s="5" t="s">
        <v>43</v>
      </c>
      <c r="AB7870" s="5" t="s">
        <v>44</v>
      </c>
      <c r="AC7870" s="2"/>
      <c r="AD7870" s="1"/>
    </row>
    <row r="7871" spans="1:30">
      <c r="A7871" s="5" t="s">
        <v>83578</v>
      </c>
      <c r="B7871" s="2" t="s">
        <v>107732</v>
      </c>
      <c r="C7871" s="14" t="s">
        <v>107733</v>
      </c>
      <c r="D7871" s="2" t="s">
        <v>107734</v>
      </c>
      <c r="E7871" s="2" t="s">
        <v>16014</v>
      </c>
      <c r="F7871" s="8">
        <v>300</v>
      </c>
      <c r="G7871" s="5">
        <v>6</v>
      </c>
      <c r="H7871" s="5" t="s">
        <v>1518</v>
      </c>
      <c r="I7871" s="5" t="s">
        <v>69038</v>
      </c>
      <c r="J7871" s="2" t="s">
        <v>69039</v>
      </c>
      <c r="K7871" s="5" t="s">
        <v>69038</v>
      </c>
      <c r="L7871" s="2" t="s">
        <v>69039</v>
      </c>
      <c r="M7871" s="5" t="s">
        <v>1521</v>
      </c>
      <c r="N7871" s="5" t="s">
        <v>38</v>
      </c>
      <c r="O7871" s="5" t="s">
        <v>39</v>
      </c>
      <c r="P7871" s="5" t="s">
        <v>40</v>
      </c>
      <c r="Q7871" s="5" t="s">
        <v>1522</v>
      </c>
      <c r="R7871" s="5" t="s">
        <v>1523</v>
      </c>
      <c r="S7871" s="5" t="s">
        <v>42</v>
      </c>
      <c r="T7871" s="2">
        <v>3.1709999999999998</v>
      </c>
      <c r="U7871" s="2">
        <v>2.4900000000000002</v>
      </c>
      <c r="V7871" s="2">
        <v>16.7</v>
      </c>
      <c r="W7871" s="2">
        <v>159.1</v>
      </c>
      <c r="X7871" s="2">
        <v>7.6</v>
      </c>
      <c r="Y7871" s="2">
        <v>16.7</v>
      </c>
      <c r="Z7871" s="5"/>
      <c r="AA7871" s="5" t="s">
        <v>43</v>
      </c>
      <c r="AB7871" s="5" t="s">
        <v>44</v>
      </c>
      <c r="AC7871" s="2"/>
      <c r="AD7871" s="1"/>
    </row>
    <row r="7872" spans="1:30">
      <c r="A7872" s="5" t="s">
        <v>83578</v>
      </c>
      <c r="B7872" s="2" t="s">
        <v>107735</v>
      </c>
      <c r="C7872" s="14" t="s">
        <v>107736</v>
      </c>
      <c r="D7872" s="2" t="s">
        <v>107737</v>
      </c>
      <c r="E7872" s="2" t="s">
        <v>16219</v>
      </c>
      <c r="F7872" s="8">
        <v>300</v>
      </c>
      <c r="G7872" s="5">
        <v>6</v>
      </c>
      <c r="H7872" s="5" t="s">
        <v>1518</v>
      </c>
      <c r="I7872" s="5" t="s">
        <v>69038</v>
      </c>
      <c r="J7872" s="2" t="s">
        <v>69039</v>
      </c>
      <c r="K7872" s="5" t="s">
        <v>69038</v>
      </c>
      <c r="L7872" s="2" t="s">
        <v>69039</v>
      </c>
      <c r="M7872" s="5" t="s">
        <v>1521</v>
      </c>
      <c r="N7872" s="5" t="s">
        <v>38</v>
      </c>
      <c r="O7872" s="5" t="s">
        <v>39</v>
      </c>
      <c r="P7872" s="5" t="s">
        <v>40</v>
      </c>
      <c r="Q7872" s="5" t="s">
        <v>1522</v>
      </c>
      <c r="R7872" s="5" t="s">
        <v>1523</v>
      </c>
      <c r="S7872" s="5" t="s">
        <v>42</v>
      </c>
      <c r="T7872" s="2">
        <v>3.2469999999999999</v>
      </c>
      <c r="U7872" s="2">
        <v>2.5659999999999998</v>
      </c>
      <c r="V7872" s="2">
        <v>16.7</v>
      </c>
      <c r="W7872" s="2">
        <v>159.1</v>
      </c>
      <c r="X7872" s="2">
        <v>7.6</v>
      </c>
      <c r="Y7872" s="2">
        <v>16.7</v>
      </c>
      <c r="Z7872" s="5"/>
      <c r="AA7872" s="5" t="s">
        <v>43</v>
      </c>
      <c r="AB7872" s="5" t="s">
        <v>44</v>
      </c>
      <c r="AC7872" s="2"/>
      <c r="AD7872" s="1"/>
    </row>
    <row r="7873" spans="1:30">
      <c r="A7873" s="5" t="s">
        <v>83578</v>
      </c>
      <c r="B7873" s="2" t="s">
        <v>107738</v>
      </c>
      <c r="C7873" s="14" t="s">
        <v>107739</v>
      </c>
      <c r="D7873" s="2" t="s">
        <v>107740</v>
      </c>
      <c r="E7873" s="2" t="s">
        <v>7212</v>
      </c>
      <c r="F7873" s="8">
        <v>278</v>
      </c>
      <c r="G7873" s="5">
        <v>6</v>
      </c>
      <c r="H7873" s="5" t="s">
        <v>1518</v>
      </c>
      <c r="I7873" s="5" t="s">
        <v>69038</v>
      </c>
      <c r="J7873" s="2" t="s">
        <v>69039</v>
      </c>
      <c r="K7873" s="5" t="s">
        <v>69038</v>
      </c>
      <c r="L7873" s="2" t="s">
        <v>69039</v>
      </c>
      <c r="M7873" s="5" t="s">
        <v>1521</v>
      </c>
      <c r="N7873" s="5" t="s">
        <v>38</v>
      </c>
      <c r="O7873" s="5" t="s">
        <v>39</v>
      </c>
      <c r="P7873" s="5" t="s">
        <v>40</v>
      </c>
      <c r="Q7873" s="5" t="s">
        <v>1522</v>
      </c>
      <c r="R7873" s="5" t="s">
        <v>1523</v>
      </c>
      <c r="S7873" s="5" t="s">
        <v>42</v>
      </c>
      <c r="T7873" s="2">
        <v>3.1709999999999998</v>
      </c>
      <c r="U7873" s="2">
        <v>2.4900000000000002</v>
      </c>
      <c r="V7873" s="2">
        <v>16.7</v>
      </c>
      <c r="W7873" s="2">
        <v>159.1</v>
      </c>
      <c r="X7873" s="2">
        <v>7.6</v>
      </c>
      <c r="Y7873" s="2">
        <v>16.7</v>
      </c>
      <c r="Z7873" s="5"/>
      <c r="AA7873" s="5" t="s">
        <v>43</v>
      </c>
      <c r="AB7873" s="5" t="s">
        <v>44</v>
      </c>
      <c r="AC7873" s="2"/>
      <c r="AD7873" s="1"/>
    </row>
    <row r="7874" spans="1:30">
      <c r="A7874" s="5" t="s">
        <v>83578</v>
      </c>
      <c r="B7874" s="2" t="s">
        <v>107741</v>
      </c>
      <c r="C7874" s="14" t="s">
        <v>107742</v>
      </c>
      <c r="D7874" s="2" t="s">
        <v>107743</v>
      </c>
      <c r="E7874" s="2" t="s">
        <v>7528</v>
      </c>
      <c r="F7874" s="8">
        <v>278</v>
      </c>
      <c r="G7874" s="5">
        <v>6</v>
      </c>
      <c r="H7874" s="5" t="s">
        <v>1518</v>
      </c>
      <c r="I7874" s="5" t="s">
        <v>69038</v>
      </c>
      <c r="J7874" s="2" t="s">
        <v>69039</v>
      </c>
      <c r="K7874" s="5" t="s">
        <v>69038</v>
      </c>
      <c r="L7874" s="2" t="s">
        <v>69039</v>
      </c>
      <c r="M7874" s="5" t="s">
        <v>1521</v>
      </c>
      <c r="N7874" s="5" t="s">
        <v>38</v>
      </c>
      <c r="O7874" s="5" t="s">
        <v>39</v>
      </c>
      <c r="P7874" s="5" t="s">
        <v>40</v>
      </c>
      <c r="Q7874" s="5" t="s">
        <v>1522</v>
      </c>
      <c r="R7874" s="5" t="s">
        <v>1523</v>
      </c>
      <c r="S7874" s="5" t="s">
        <v>42</v>
      </c>
      <c r="T7874" s="2">
        <v>3.2469999999999999</v>
      </c>
      <c r="U7874" s="2">
        <v>2.5659999999999998</v>
      </c>
      <c r="V7874" s="2">
        <v>16.7</v>
      </c>
      <c r="W7874" s="2">
        <v>159.1</v>
      </c>
      <c r="X7874" s="2">
        <v>7.6</v>
      </c>
      <c r="Y7874" s="2">
        <v>16.7</v>
      </c>
      <c r="Z7874" s="5"/>
      <c r="AA7874" s="5" t="s">
        <v>43</v>
      </c>
      <c r="AB7874" s="5" t="s">
        <v>44</v>
      </c>
      <c r="AC7874" s="2"/>
      <c r="AD7874" s="1"/>
    </row>
    <row r="7875" spans="1:30">
      <c r="A7875" s="5" t="s">
        <v>83578</v>
      </c>
      <c r="B7875" s="2" t="s">
        <v>107744</v>
      </c>
      <c r="C7875" s="14" t="s">
        <v>107745</v>
      </c>
      <c r="D7875" s="2" t="s">
        <v>107746</v>
      </c>
      <c r="E7875" s="2" t="s">
        <v>7551</v>
      </c>
      <c r="F7875" s="8">
        <v>300</v>
      </c>
      <c r="G7875" s="5">
        <v>6</v>
      </c>
      <c r="H7875" s="5" t="s">
        <v>1518</v>
      </c>
      <c r="I7875" s="5" t="s">
        <v>69038</v>
      </c>
      <c r="J7875" s="2" t="s">
        <v>69039</v>
      </c>
      <c r="K7875" s="5" t="s">
        <v>69038</v>
      </c>
      <c r="L7875" s="2" t="s">
        <v>69039</v>
      </c>
      <c r="M7875" s="5" t="s">
        <v>1521</v>
      </c>
      <c r="N7875" s="5" t="s">
        <v>38</v>
      </c>
      <c r="O7875" s="5" t="s">
        <v>39</v>
      </c>
      <c r="P7875" s="5" t="s">
        <v>40</v>
      </c>
      <c r="Q7875" s="5" t="s">
        <v>1522</v>
      </c>
      <c r="R7875" s="5" t="s">
        <v>1523</v>
      </c>
      <c r="S7875" s="5" t="s">
        <v>42</v>
      </c>
      <c r="T7875" s="2">
        <v>3.597</v>
      </c>
      <c r="U7875" s="2">
        <v>2.9329999999999998</v>
      </c>
      <c r="V7875" s="2">
        <v>16.7</v>
      </c>
      <c r="W7875" s="2">
        <v>159.1</v>
      </c>
      <c r="X7875" s="2">
        <v>7.6</v>
      </c>
      <c r="Y7875" s="2">
        <v>16.7</v>
      </c>
      <c r="Z7875" s="5"/>
      <c r="AA7875" s="5" t="s">
        <v>43</v>
      </c>
      <c r="AB7875" s="5" t="s">
        <v>44</v>
      </c>
      <c r="AC7875" s="2"/>
      <c r="AD7875" s="1"/>
    </row>
    <row r="7876" spans="1:30">
      <c r="A7876" s="5" t="s">
        <v>83578</v>
      </c>
      <c r="B7876" s="2" t="s">
        <v>107747</v>
      </c>
      <c r="C7876" s="14" t="s">
        <v>107748</v>
      </c>
      <c r="D7876" s="2" t="s">
        <v>107749</v>
      </c>
      <c r="E7876" s="2" t="s">
        <v>7585</v>
      </c>
      <c r="F7876" s="8">
        <v>300</v>
      </c>
      <c r="G7876" s="5">
        <v>6</v>
      </c>
      <c r="H7876" s="5" t="s">
        <v>1518</v>
      </c>
      <c r="I7876" s="5" t="s">
        <v>69038</v>
      </c>
      <c r="J7876" s="2" t="s">
        <v>69039</v>
      </c>
      <c r="K7876" s="5" t="s">
        <v>69038</v>
      </c>
      <c r="L7876" s="2" t="s">
        <v>69039</v>
      </c>
      <c r="M7876" s="5" t="s">
        <v>1521</v>
      </c>
      <c r="N7876" s="5" t="s">
        <v>38</v>
      </c>
      <c r="O7876" s="5" t="s">
        <v>39</v>
      </c>
      <c r="P7876" s="5" t="s">
        <v>40</v>
      </c>
      <c r="Q7876" s="5" t="s">
        <v>1522</v>
      </c>
      <c r="R7876" s="5" t="s">
        <v>1523</v>
      </c>
      <c r="S7876" s="5" t="s">
        <v>42</v>
      </c>
      <c r="T7876" s="2">
        <v>3.4980000000000002</v>
      </c>
      <c r="U7876" s="2">
        <v>2.8340000000000001</v>
      </c>
      <c r="V7876" s="2">
        <v>16.7</v>
      </c>
      <c r="W7876" s="2">
        <v>159.1</v>
      </c>
      <c r="X7876" s="2">
        <v>7.6</v>
      </c>
      <c r="Y7876" s="2">
        <v>16.7</v>
      </c>
      <c r="Z7876" s="5"/>
      <c r="AA7876" s="5" t="s">
        <v>43</v>
      </c>
      <c r="AB7876" s="5" t="s">
        <v>44</v>
      </c>
      <c r="AC7876" s="2"/>
      <c r="AD7876" s="1"/>
    </row>
    <row r="7877" spans="1:30">
      <c r="A7877" s="5" t="s">
        <v>83578</v>
      </c>
      <c r="B7877" s="2" t="s">
        <v>107750</v>
      </c>
      <c r="C7877" s="14" t="s">
        <v>107751</v>
      </c>
      <c r="D7877" s="2" t="s">
        <v>107752</v>
      </c>
      <c r="E7877" s="2" t="s">
        <v>7547</v>
      </c>
      <c r="F7877" s="8">
        <v>314</v>
      </c>
      <c r="G7877" s="5">
        <v>6</v>
      </c>
      <c r="H7877" s="5" t="s">
        <v>1518</v>
      </c>
      <c r="I7877" s="5" t="s">
        <v>69038</v>
      </c>
      <c r="J7877" s="2" t="s">
        <v>69039</v>
      </c>
      <c r="K7877" s="5" t="s">
        <v>69038</v>
      </c>
      <c r="L7877" s="2" t="s">
        <v>69039</v>
      </c>
      <c r="M7877" s="5" t="s">
        <v>1521</v>
      </c>
      <c r="N7877" s="5" t="s">
        <v>38</v>
      </c>
      <c r="O7877" s="5" t="s">
        <v>39</v>
      </c>
      <c r="P7877" s="5" t="s">
        <v>40</v>
      </c>
      <c r="Q7877" s="5" t="s">
        <v>1522</v>
      </c>
      <c r="R7877" s="5" t="s">
        <v>1523</v>
      </c>
      <c r="S7877" s="5" t="s">
        <v>42</v>
      </c>
      <c r="T7877" s="2">
        <v>3.8530000000000002</v>
      </c>
      <c r="U7877" s="2">
        <v>3.2080000000000002</v>
      </c>
      <c r="V7877" s="2">
        <v>16.7</v>
      </c>
      <c r="W7877" s="2">
        <v>159.1</v>
      </c>
      <c r="X7877" s="2">
        <v>7.6</v>
      </c>
      <c r="Y7877" s="2">
        <v>16.7</v>
      </c>
      <c r="Z7877" s="5"/>
      <c r="AA7877" s="5" t="s">
        <v>43</v>
      </c>
      <c r="AB7877" s="5" t="s">
        <v>44</v>
      </c>
      <c r="AC7877" s="2"/>
      <c r="AD7877" s="1"/>
    </row>
    <row r="7878" spans="1:30">
      <c r="A7878" s="5" t="s">
        <v>83578</v>
      </c>
      <c r="B7878" s="2" t="s">
        <v>107753</v>
      </c>
      <c r="C7878" s="14" t="s">
        <v>107754</v>
      </c>
      <c r="D7878" s="2" t="s">
        <v>107755</v>
      </c>
      <c r="E7878" s="2" t="s">
        <v>7551</v>
      </c>
      <c r="F7878" s="8">
        <v>314</v>
      </c>
      <c r="G7878" s="5">
        <v>6</v>
      </c>
      <c r="H7878" s="5" t="s">
        <v>1518</v>
      </c>
      <c r="I7878" s="5" t="s">
        <v>69038</v>
      </c>
      <c r="J7878" s="2" t="s">
        <v>69039</v>
      </c>
      <c r="K7878" s="5" t="s">
        <v>69038</v>
      </c>
      <c r="L7878" s="2" t="s">
        <v>69039</v>
      </c>
      <c r="M7878" s="5" t="s">
        <v>1521</v>
      </c>
      <c r="N7878" s="5" t="s">
        <v>38</v>
      </c>
      <c r="O7878" s="5" t="s">
        <v>39</v>
      </c>
      <c r="P7878" s="5" t="s">
        <v>40</v>
      </c>
      <c r="Q7878" s="5" t="s">
        <v>1522</v>
      </c>
      <c r="R7878" s="5" t="s">
        <v>1523</v>
      </c>
      <c r="S7878" s="5" t="s">
        <v>42</v>
      </c>
      <c r="T7878" s="2">
        <v>3.9750000000000001</v>
      </c>
      <c r="U7878" s="2">
        <v>3.33</v>
      </c>
      <c r="V7878" s="2">
        <v>16.7</v>
      </c>
      <c r="W7878" s="2">
        <v>159.1</v>
      </c>
      <c r="X7878" s="2">
        <v>7.6</v>
      </c>
      <c r="Y7878" s="2">
        <v>16.7</v>
      </c>
      <c r="Z7878" s="5"/>
      <c r="AA7878" s="5" t="s">
        <v>43</v>
      </c>
      <c r="AB7878" s="5" t="s">
        <v>44</v>
      </c>
      <c r="AC7878" s="2"/>
      <c r="AD7878" s="1"/>
    </row>
    <row r="7879" spans="1:30">
      <c r="A7879" s="5" t="s">
        <v>83578</v>
      </c>
      <c r="B7879" s="2" t="s">
        <v>107756</v>
      </c>
      <c r="C7879" s="14" t="s">
        <v>107757</v>
      </c>
      <c r="D7879" s="2" t="s">
        <v>107758</v>
      </c>
      <c r="E7879" s="2" t="s">
        <v>7597</v>
      </c>
      <c r="F7879" s="8">
        <v>314</v>
      </c>
      <c r="G7879" s="5">
        <v>6</v>
      </c>
      <c r="H7879" s="5" t="s">
        <v>1518</v>
      </c>
      <c r="I7879" s="5" t="s">
        <v>69038</v>
      </c>
      <c r="J7879" s="2" t="s">
        <v>69039</v>
      </c>
      <c r="K7879" s="5" t="s">
        <v>69038</v>
      </c>
      <c r="L7879" s="2" t="s">
        <v>69039</v>
      </c>
      <c r="M7879" s="5" t="s">
        <v>1521</v>
      </c>
      <c r="N7879" s="5" t="s">
        <v>38</v>
      </c>
      <c r="O7879" s="5" t="s">
        <v>39</v>
      </c>
      <c r="P7879" s="5" t="s">
        <v>40</v>
      </c>
      <c r="Q7879" s="5" t="s">
        <v>1522</v>
      </c>
      <c r="R7879" s="5" t="s">
        <v>1523</v>
      </c>
      <c r="S7879" s="5" t="s">
        <v>42</v>
      </c>
      <c r="T7879" s="2">
        <v>3.9750000000000001</v>
      </c>
      <c r="U7879" s="2">
        <v>3.33</v>
      </c>
      <c r="V7879" s="2">
        <v>16.7</v>
      </c>
      <c r="W7879" s="2">
        <v>159.1</v>
      </c>
      <c r="X7879" s="2">
        <v>7.6</v>
      </c>
      <c r="Y7879" s="2">
        <v>16.7</v>
      </c>
      <c r="Z7879" s="5"/>
      <c r="AA7879" s="5" t="s">
        <v>43</v>
      </c>
      <c r="AB7879" s="5" t="s">
        <v>44</v>
      </c>
      <c r="AC7879" s="2"/>
      <c r="AD7879" s="1"/>
    </row>
    <row r="7880" spans="1:30">
      <c r="A7880" s="5" t="s">
        <v>83578</v>
      </c>
      <c r="B7880" s="2" t="s">
        <v>107759</v>
      </c>
      <c r="C7880" s="14" t="s">
        <v>107760</v>
      </c>
      <c r="D7880" s="2" t="s">
        <v>107761</v>
      </c>
      <c r="E7880" s="2" t="s">
        <v>7406</v>
      </c>
      <c r="F7880" s="8">
        <v>334</v>
      </c>
      <c r="G7880" s="5">
        <v>6</v>
      </c>
      <c r="H7880" s="5" t="s">
        <v>1518</v>
      </c>
      <c r="I7880" s="5" t="s">
        <v>69038</v>
      </c>
      <c r="J7880" s="2" t="s">
        <v>69039</v>
      </c>
      <c r="K7880" s="5" t="s">
        <v>69038</v>
      </c>
      <c r="L7880" s="2" t="s">
        <v>69039</v>
      </c>
      <c r="M7880" s="5" t="s">
        <v>1521</v>
      </c>
      <c r="N7880" s="5" t="s">
        <v>38</v>
      </c>
      <c r="O7880" s="5" t="s">
        <v>39</v>
      </c>
      <c r="P7880" s="5" t="s">
        <v>40</v>
      </c>
      <c r="Q7880" s="5" t="s">
        <v>1522</v>
      </c>
      <c r="R7880" s="5" t="s">
        <v>1523</v>
      </c>
      <c r="S7880" s="5" t="s">
        <v>42</v>
      </c>
      <c r="T7880" s="2">
        <v>4.024</v>
      </c>
      <c r="U7880" s="2">
        <v>3.3879999999999999</v>
      </c>
      <c r="V7880" s="2">
        <v>16.7</v>
      </c>
      <c r="W7880" s="2">
        <v>159.1</v>
      </c>
      <c r="X7880" s="2">
        <v>7.6</v>
      </c>
      <c r="Y7880" s="2">
        <v>16.7</v>
      </c>
      <c r="Z7880" s="5"/>
      <c r="AA7880" s="5" t="s">
        <v>43</v>
      </c>
      <c r="AB7880" s="5" t="s">
        <v>44</v>
      </c>
      <c r="AC7880" s="2"/>
      <c r="AD7880" s="1"/>
    </row>
    <row r="7881" spans="1:30">
      <c r="A7881" s="5" t="s">
        <v>83578</v>
      </c>
      <c r="B7881" s="2" t="s">
        <v>107762</v>
      </c>
      <c r="C7881" s="14" t="s">
        <v>107763</v>
      </c>
      <c r="D7881" s="2" t="s">
        <v>107764</v>
      </c>
      <c r="E7881" s="2" t="s">
        <v>7535</v>
      </c>
      <c r="F7881" s="8">
        <v>334</v>
      </c>
      <c r="G7881" s="5">
        <v>6</v>
      </c>
      <c r="H7881" s="5" t="s">
        <v>1518</v>
      </c>
      <c r="I7881" s="5" t="s">
        <v>69038</v>
      </c>
      <c r="J7881" s="2" t="s">
        <v>69039</v>
      </c>
      <c r="K7881" s="5" t="s">
        <v>69038</v>
      </c>
      <c r="L7881" s="2" t="s">
        <v>69039</v>
      </c>
      <c r="M7881" s="5" t="s">
        <v>1521</v>
      </c>
      <c r="N7881" s="5" t="s">
        <v>38</v>
      </c>
      <c r="O7881" s="5" t="s">
        <v>39</v>
      </c>
      <c r="P7881" s="5" t="s">
        <v>40</v>
      </c>
      <c r="Q7881" s="5" t="s">
        <v>1522</v>
      </c>
      <c r="R7881" s="5" t="s">
        <v>1523</v>
      </c>
      <c r="S7881" s="5" t="s">
        <v>42</v>
      </c>
      <c r="T7881" s="2">
        <v>4.1580000000000004</v>
      </c>
      <c r="U7881" s="2">
        <v>3.5219999999999998</v>
      </c>
      <c r="V7881" s="2">
        <v>16.7</v>
      </c>
      <c r="W7881" s="2">
        <v>159.1</v>
      </c>
      <c r="X7881" s="2">
        <v>7.6</v>
      </c>
      <c r="Y7881" s="2">
        <v>16.7</v>
      </c>
      <c r="Z7881" s="5"/>
      <c r="AA7881" s="5" t="s">
        <v>43</v>
      </c>
      <c r="AB7881" s="5" t="s">
        <v>44</v>
      </c>
      <c r="AC7881" s="2"/>
      <c r="AD7881" s="1"/>
    </row>
    <row r="7882" spans="1:30">
      <c r="A7882" s="5" t="s">
        <v>83578</v>
      </c>
      <c r="B7882" s="2" t="s">
        <v>107765</v>
      </c>
      <c r="C7882" s="14" t="s">
        <v>107766</v>
      </c>
      <c r="D7882" s="2" t="s">
        <v>107767</v>
      </c>
      <c r="E7882" s="2" t="s">
        <v>7547</v>
      </c>
      <c r="F7882" s="8">
        <v>334</v>
      </c>
      <c r="G7882" s="5">
        <v>6</v>
      </c>
      <c r="H7882" s="5" t="s">
        <v>1518</v>
      </c>
      <c r="I7882" s="5" t="s">
        <v>69038</v>
      </c>
      <c r="J7882" s="2" t="s">
        <v>69039</v>
      </c>
      <c r="K7882" s="5" t="s">
        <v>69038</v>
      </c>
      <c r="L7882" s="2" t="s">
        <v>69039</v>
      </c>
      <c r="M7882" s="5" t="s">
        <v>1521</v>
      </c>
      <c r="N7882" s="5" t="s">
        <v>38</v>
      </c>
      <c r="O7882" s="5" t="s">
        <v>39</v>
      </c>
      <c r="P7882" s="5" t="s">
        <v>40</v>
      </c>
      <c r="Q7882" s="5" t="s">
        <v>1522</v>
      </c>
      <c r="R7882" s="5" t="s">
        <v>1523</v>
      </c>
      <c r="S7882" s="5" t="s">
        <v>42</v>
      </c>
      <c r="T7882" s="2">
        <v>4.024</v>
      </c>
      <c r="U7882" s="2">
        <v>3.3879999999999999</v>
      </c>
      <c r="V7882" s="2">
        <v>16.7</v>
      </c>
      <c r="W7882" s="2">
        <v>159.1</v>
      </c>
      <c r="X7882" s="2">
        <v>7.6</v>
      </c>
      <c r="Y7882" s="2">
        <v>16.7</v>
      </c>
      <c r="Z7882" s="5"/>
      <c r="AA7882" s="5" t="s">
        <v>43</v>
      </c>
      <c r="AB7882" s="5" t="s">
        <v>44</v>
      </c>
      <c r="AC7882" s="2"/>
      <c r="AD7882" s="1"/>
    </row>
    <row r="7883" spans="1:30">
      <c r="A7883" s="5" t="s">
        <v>83578</v>
      </c>
      <c r="B7883" s="2" t="s">
        <v>107768</v>
      </c>
      <c r="C7883" s="14" t="s">
        <v>107769</v>
      </c>
      <c r="D7883" s="2" t="s">
        <v>107770</v>
      </c>
      <c r="E7883" s="2" t="s">
        <v>7551</v>
      </c>
      <c r="F7883" s="8">
        <v>334</v>
      </c>
      <c r="G7883" s="5">
        <v>6</v>
      </c>
      <c r="H7883" s="5" t="s">
        <v>1518</v>
      </c>
      <c r="I7883" s="5" t="s">
        <v>69038</v>
      </c>
      <c r="J7883" s="2" t="s">
        <v>69039</v>
      </c>
      <c r="K7883" s="5" t="s">
        <v>69038</v>
      </c>
      <c r="L7883" s="2" t="s">
        <v>69039</v>
      </c>
      <c r="M7883" s="5" t="s">
        <v>1521</v>
      </c>
      <c r="N7883" s="5" t="s">
        <v>38</v>
      </c>
      <c r="O7883" s="5" t="s">
        <v>39</v>
      </c>
      <c r="P7883" s="5" t="s">
        <v>40</v>
      </c>
      <c r="Q7883" s="5" t="s">
        <v>1522</v>
      </c>
      <c r="R7883" s="5" t="s">
        <v>1523</v>
      </c>
      <c r="S7883" s="5" t="s">
        <v>42</v>
      </c>
      <c r="T7883" s="2">
        <v>4.1580000000000004</v>
      </c>
      <c r="U7883" s="2">
        <v>3.5219999999999998</v>
      </c>
      <c r="V7883" s="2">
        <v>16.7</v>
      </c>
      <c r="W7883" s="2">
        <v>159.1</v>
      </c>
      <c r="X7883" s="2">
        <v>7.6</v>
      </c>
      <c r="Y7883" s="2">
        <v>16.7</v>
      </c>
      <c r="Z7883" s="5"/>
      <c r="AA7883" s="5" t="s">
        <v>43</v>
      </c>
      <c r="AB7883" s="5" t="s">
        <v>44</v>
      </c>
      <c r="AC7883" s="2"/>
      <c r="AD7883" s="1"/>
    </row>
    <row r="7884" spans="1:30">
      <c r="A7884" s="5" t="s">
        <v>83578</v>
      </c>
      <c r="B7884" s="2" t="s">
        <v>107771</v>
      </c>
      <c r="C7884" s="14" t="s">
        <v>107772</v>
      </c>
      <c r="D7884" s="2" t="s">
        <v>107773</v>
      </c>
      <c r="E7884" s="2" t="s">
        <v>7567</v>
      </c>
      <c r="F7884" s="8">
        <v>334</v>
      </c>
      <c r="G7884" s="5">
        <v>6</v>
      </c>
      <c r="H7884" s="5" t="s">
        <v>1518</v>
      </c>
      <c r="I7884" s="5" t="s">
        <v>69038</v>
      </c>
      <c r="J7884" s="2" t="s">
        <v>69039</v>
      </c>
      <c r="K7884" s="5" t="s">
        <v>69038</v>
      </c>
      <c r="L7884" s="2" t="s">
        <v>69039</v>
      </c>
      <c r="M7884" s="5" t="s">
        <v>1521</v>
      </c>
      <c r="N7884" s="5" t="s">
        <v>38</v>
      </c>
      <c r="O7884" s="5" t="s">
        <v>39</v>
      </c>
      <c r="P7884" s="5" t="s">
        <v>40</v>
      </c>
      <c r="Q7884" s="5" t="s">
        <v>1522</v>
      </c>
      <c r="R7884" s="5" t="s">
        <v>1523</v>
      </c>
      <c r="S7884" s="5" t="s">
        <v>42</v>
      </c>
      <c r="T7884" s="2">
        <v>4.1580000000000004</v>
      </c>
      <c r="U7884" s="2">
        <v>3.5219999999999998</v>
      </c>
      <c r="V7884" s="2">
        <v>16.7</v>
      </c>
      <c r="W7884" s="2">
        <v>159.1</v>
      </c>
      <c r="X7884" s="2">
        <v>7.6</v>
      </c>
      <c r="Y7884" s="2">
        <v>16.7</v>
      </c>
      <c r="Z7884" s="5"/>
      <c r="AA7884" s="5" t="s">
        <v>43</v>
      </c>
      <c r="AB7884" s="5" t="s">
        <v>44</v>
      </c>
      <c r="AC7884" s="2"/>
      <c r="AD7884" s="1"/>
    </row>
    <row r="7885" spans="1:30">
      <c r="A7885" s="5" t="s">
        <v>83578</v>
      </c>
      <c r="B7885" s="2" t="s">
        <v>107774</v>
      </c>
      <c r="C7885" s="14" t="s">
        <v>107775</v>
      </c>
      <c r="D7885" s="2" t="s">
        <v>107776</v>
      </c>
      <c r="E7885" s="2" t="s">
        <v>7555</v>
      </c>
      <c r="F7885" s="8">
        <v>334</v>
      </c>
      <c r="G7885" s="5">
        <v>6</v>
      </c>
      <c r="H7885" s="5" t="s">
        <v>1518</v>
      </c>
      <c r="I7885" s="5" t="s">
        <v>69038</v>
      </c>
      <c r="J7885" s="2" t="s">
        <v>69039</v>
      </c>
      <c r="K7885" s="5" t="s">
        <v>69038</v>
      </c>
      <c r="L7885" s="2" t="s">
        <v>69039</v>
      </c>
      <c r="M7885" s="5" t="s">
        <v>1521</v>
      </c>
      <c r="N7885" s="5" t="s">
        <v>38</v>
      </c>
      <c r="O7885" s="5" t="s">
        <v>39</v>
      </c>
      <c r="P7885" s="5" t="s">
        <v>40</v>
      </c>
      <c r="Q7885" s="5" t="s">
        <v>1522</v>
      </c>
      <c r="R7885" s="5" t="s">
        <v>1523</v>
      </c>
      <c r="S7885" s="5" t="s">
        <v>42</v>
      </c>
      <c r="T7885" s="2">
        <v>4.024</v>
      </c>
      <c r="U7885" s="2">
        <v>3.3879999999999999</v>
      </c>
      <c r="V7885" s="2">
        <v>16.7</v>
      </c>
      <c r="W7885" s="2">
        <v>159.1</v>
      </c>
      <c r="X7885" s="2">
        <v>7.6</v>
      </c>
      <c r="Y7885" s="2">
        <v>16.7</v>
      </c>
      <c r="Z7885" s="5"/>
      <c r="AA7885" s="5" t="s">
        <v>43</v>
      </c>
      <c r="AB7885" s="5" t="s">
        <v>44</v>
      </c>
      <c r="AC7885" s="2"/>
      <c r="AD7885" s="1"/>
    </row>
    <row r="7886" spans="1:30">
      <c r="A7886" s="5" t="s">
        <v>83578</v>
      </c>
      <c r="B7886" s="2" t="s">
        <v>107777</v>
      </c>
      <c r="C7886" s="14" t="s">
        <v>107778</v>
      </c>
      <c r="D7886" s="2" t="s">
        <v>107779</v>
      </c>
      <c r="E7886" s="2" t="s">
        <v>7559</v>
      </c>
      <c r="F7886" s="8">
        <v>334</v>
      </c>
      <c r="G7886" s="5">
        <v>6</v>
      </c>
      <c r="H7886" s="5" t="s">
        <v>1518</v>
      </c>
      <c r="I7886" s="5" t="s">
        <v>69038</v>
      </c>
      <c r="J7886" s="2" t="s">
        <v>69039</v>
      </c>
      <c r="K7886" s="5" t="s">
        <v>69038</v>
      </c>
      <c r="L7886" s="2" t="s">
        <v>69039</v>
      </c>
      <c r="M7886" s="5" t="s">
        <v>1521</v>
      </c>
      <c r="N7886" s="5" t="s">
        <v>38</v>
      </c>
      <c r="O7886" s="5" t="s">
        <v>39</v>
      </c>
      <c r="P7886" s="5" t="s">
        <v>40</v>
      </c>
      <c r="Q7886" s="5" t="s">
        <v>1522</v>
      </c>
      <c r="R7886" s="5" t="s">
        <v>1523</v>
      </c>
      <c r="S7886" s="5" t="s">
        <v>42</v>
      </c>
      <c r="T7886" s="2">
        <v>4.1580000000000004</v>
      </c>
      <c r="U7886" s="2">
        <v>3.5219999999999998</v>
      </c>
      <c r="V7886" s="2">
        <v>16.7</v>
      </c>
      <c r="W7886" s="2">
        <v>159.1</v>
      </c>
      <c r="X7886" s="2">
        <v>7.6</v>
      </c>
      <c r="Y7886" s="2">
        <v>16.7</v>
      </c>
      <c r="Z7886" s="5"/>
      <c r="AA7886" s="5" t="s">
        <v>43</v>
      </c>
      <c r="AB7886" s="5" t="s">
        <v>44</v>
      </c>
      <c r="AC7886" s="2"/>
      <c r="AD7886" s="1"/>
    </row>
    <row r="7887" spans="1:30">
      <c r="A7887" s="5" t="s">
        <v>83578</v>
      </c>
      <c r="B7887" s="2" t="s">
        <v>107780</v>
      </c>
      <c r="C7887" s="14" t="s">
        <v>107781</v>
      </c>
      <c r="D7887" s="2" t="s">
        <v>107782</v>
      </c>
      <c r="E7887" s="2" t="s">
        <v>16079</v>
      </c>
      <c r="F7887" s="8">
        <v>334</v>
      </c>
      <c r="G7887" s="5">
        <v>6</v>
      </c>
      <c r="H7887" s="5" t="s">
        <v>1518</v>
      </c>
      <c r="I7887" s="5" t="s">
        <v>69038</v>
      </c>
      <c r="J7887" s="2" t="s">
        <v>69039</v>
      </c>
      <c r="K7887" s="5" t="s">
        <v>69038</v>
      </c>
      <c r="L7887" s="2" t="s">
        <v>69039</v>
      </c>
      <c r="M7887" s="5" t="s">
        <v>1521</v>
      </c>
      <c r="N7887" s="5" t="s">
        <v>38</v>
      </c>
      <c r="O7887" s="5" t="s">
        <v>39</v>
      </c>
      <c r="P7887" s="5" t="s">
        <v>40</v>
      </c>
      <c r="Q7887" s="5" t="s">
        <v>1522</v>
      </c>
      <c r="R7887" s="5" t="s">
        <v>1523</v>
      </c>
      <c r="S7887" s="5" t="s">
        <v>42</v>
      </c>
      <c r="T7887" s="2">
        <v>4.024</v>
      </c>
      <c r="U7887" s="2">
        <v>3.3879999999999999</v>
      </c>
      <c r="V7887" s="2">
        <v>16.7</v>
      </c>
      <c r="W7887" s="2">
        <v>159.1</v>
      </c>
      <c r="X7887" s="2">
        <v>7.6</v>
      </c>
      <c r="Y7887" s="2">
        <v>16.7</v>
      </c>
      <c r="Z7887" s="5"/>
      <c r="AA7887" s="5" t="s">
        <v>43</v>
      </c>
      <c r="AB7887" s="5" t="s">
        <v>44</v>
      </c>
      <c r="AC7887" s="2"/>
      <c r="AD7887" s="1"/>
    </row>
    <row r="7888" spans="1:30">
      <c r="A7888" s="5" t="s">
        <v>83578</v>
      </c>
      <c r="B7888" s="2" t="s">
        <v>107783</v>
      </c>
      <c r="C7888" s="14" t="s">
        <v>107784</v>
      </c>
      <c r="D7888" s="2" t="s">
        <v>107785</v>
      </c>
      <c r="E7888" s="2" t="s">
        <v>7449</v>
      </c>
      <c r="F7888" s="8">
        <v>334</v>
      </c>
      <c r="G7888" s="5">
        <v>6</v>
      </c>
      <c r="H7888" s="5" t="s">
        <v>1518</v>
      </c>
      <c r="I7888" s="5" t="s">
        <v>69038</v>
      </c>
      <c r="J7888" s="2" t="s">
        <v>69039</v>
      </c>
      <c r="K7888" s="5" t="s">
        <v>69038</v>
      </c>
      <c r="L7888" s="2" t="s">
        <v>69039</v>
      </c>
      <c r="M7888" s="5" t="s">
        <v>1521</v>
      </c>
      <c r="N7888" s="5" t="s">
        <v>38</v>
      </c>
      <c r="O7888" s="5" t="s">
        <v>39</v>
      </c>
      <c r="P7888" s="5" t="s">
        <v>40</v>
      </c>
      <c r="Q7888" s="5" t="s">
        <v>1522</v>
      </c>
      <c r="R7888" s="5" t="s">
        <v>1523</v>
      </c>
      <c r="S7888" s="5" t="s">
        <v>42</v>
      </c>
      <c r="T7888" s="2">
        <v>4.024</v>
      </c>
      <c r="U7888" s="2">
        <v>3.3879999999999999</v>
      </c>
      <c r="V7888" s="2">
        <v>16.7</v>
      </c>
      <c r="W7888" s="2">
        <v>159.1</v>
      </c>
      <c r="X7888" s="2">
        <v>7.6</v>
      </c>
      <c r="Y7888" s="2">
        <v>16.7</v>
      </c>
      <c r="Z7888" s="5"/>
      <c r="AA7888" s="5" t="s">
        <v>43</v>
      </c>
      <c r="AB7888" s="5" t="s">
        <v>44</v>
      </c>
      <c r="AC7888" s="2"/>
      <c r="AD7888" s="1"/>
    </row>
    <row r="7889" spans="1:30">
      <c r="A7889" s="5" t="s">
        <v>83578</v>
      </c>
      <c r="B7889" s="2" t="s">
        <v>107786</v>
      </c>
      <c r="C7889" s="14" t="s">
        <v>107787</v>
      </c>
      <c r="D7889" s="2" t="s">
        <v>107788</v>
      </c>
      <c r="E7889" s="2" t="s">
        <v>7585</v>
      </c>
      <c r="F7889" s="8">
        <v>334</v>
      </c>
      <c r="G7889" s="5">
        <v>6</v>
      </c>
      <c r="H7889" s="5" t="s">
        <v>1518</v>
      </c>
      <c r="I7889" s="5" t="s">
        <v>69038</v>
      </c>
      <c r="J7889" s="2" t="s">
        <v>69039</v>
      </c>
      <c r="K7889" s="5" t="s">
        <v>69038</v>
      </c>
      <c r="L7889" s="2" t="s">
        <v>69039</v>
      </c>
      <c r="M7889" s="5" t="s">
        <v>1521</v>
      </c>
      <c r="N7889" s="5" t="s">
        <v>38</v>
      </c>
      <c r="O7889" s="5" t="s">
        <v>39</v>
      </c>
      <c r="P7889" s="5" t="s">
        <v>40</v>
      </c>
      <c r="Q7889" s="5" t="s">
        <v>1522</v>
      </c>
      <c r="R7889" s="5" t="s">
        <v>1523</v>
      </c>
      <c r="S7889" s="5" t="s">
        <v>42</v>
      </c>
      <c r="T7889" s="2">
        <v>4.024</v>
      </c>
      <c r="U7889" s="2">
        <v>3.3879999999999999</v>
      </c>
      <c r="V7889" s="2">
        <v>16.7</v>
      </c>
      <c r="W7889" s="2">
        <v>159.1</v>
      </c>
      <c r="X7889" s="2">
        <v>7.6</v>
      </c>
      <c r="Y7889" s="2">
        <v>16.7</v>
      </c>
      <c r="Z7889" s="5"/>
      <c r="AA7889" s="5" t="s">
        <v>43</v>
      </c>
      <c r="AB7889" s="5" t="s">
        <v>44</v>
      </c>
      <c r="AC7889" s="2"/>
      <c r="AD7889" s="1"/>
    </row>
    <row r="7890" spans="1:30">
      <c r="A7890" s="5" t="s">
        <v>83578</v>
      </c>
      <c r="B7890" s="2" t="s">
        <v>107789</v>
      </c>
      <c r="C7890" s="14" t="s">
        <v>107790</v>
      </c>
      <c r="D7890" s="2" t="s">
        <v>107791</v>
      </c>
      <c r="E7890" s="2" t="s">
        <v>7589</v>
      </c>
      <c r="F7890" s="8">
        <v>334</v>
      </c>
      <c r="G7890" s="5">
        <v>6</v>
      </c>
      <c r="H7890" s="5" t="s">
        <v>1518</v>
      </c>
      <c r="I7890" s="5" t="s">
        <v>69038</v>
      </c>
      <c r="J7890" s="2" t="s">
        <v>69039</v>
      </c>
      <c r="K7890" s="5" t="s">
        <v>69038</v>
      </c>
      <c r="L7890" s="2" t="s">
        <v>69039</v>
      </c>
      <c r="M7890" s="5" t="s">
        <v>1521</v>
      </c>
      <c r="N7890" s="5" t="s">
        <v>38</v>
      </c>
      <c r="O7890" s="5" t="s">
        <v>39</v>
      </c>
      <c r="P7890" s="5" t="s">
        <v>40</v>
      </c>
      <c r="Q7890" s="5" t="s">
        <v>1522</v>
      </c>
      <c r="R7890" s="5" t="s">
        <v>1523</v>
      </c>
      <c r="S7890" s="5" t="s">
        <v>42</v>
      </c>
      <c r="T7890" s="2">
        <v>4.1580000000000004</v>
      </c>
      <c r="U7890" s="2">
        <v>3.5219999999999998</v>
      </c>
      <c r="V7890" s="2">
        <v>16.7</v>
      </c>
      <c r="W7890" s="2">
        <v>159.1</v>
      </c>
      <c r="X7890" s="2">
        <v>7.6</v>
      </c>
      <c r="Y7890" s="2">
        <v>16.7</v>
      </c>
      <c r="Z7890" s="5"/>
      <c r="AA7890" s="5" t="s">
        <v>43</v>
      </c>
      <c r="AB7890" s="5" t="s">
        <v>44</v>
      </c>
      <c r="AC7890" s="2"/>
      <c r="AD7890" s="1"/>
    </row>
    <row r="7891" spans="1:30">
      <c r="A7891" s="5" t="s">
        <v>83578</v>
      </c>
      <c r="B7891" s="2" t="s">
        <v>107792</v>
      </c>
      <c r="C7891" s="14" t="s">
        <v>107793</v>
      </c>
      <c r="D7891" s="2" t="s">
        <v>107794</v>
      </c>
      <c r="E7891" s="2" t="s">
        <v>7593</v>
      </c>
      <c r="F7891" s="8">
        <v>334</v>
      </c>
      <c r="G7891" s="5">
        <v>6</v>
      </c>
      <c r="H7891" s="5" t="s">
        <v>1518</v>
      </c>
      <c r="I7891" s="5" t="s">
        <v>69038</v>
      </c>
      <c r="J7891" s="2" t="s">
        <v>69039</v>
      </c>
      <c r="K7891" s="5" t="s">
        <v>69038</v>
      </c>
      <c r="L7891" s="2" t="s">
        <v>69039</v>
      </c>
      <c r="M7891" s="5" t="s">
        <v>1521</v>
      </c>
      <c r="N7891" s="5" t="s">
        <v>38</v>
      </c>
      <c r="O7891" s="5" t="s">
        <v>39</v>
      </c>
      <c r="P7891" s="5" t="s">
        <v>40</v>
      </c>
      <c r="Q7891" s="5" t="s">
        <v>1522</v>
      </c>
      <c r="R7891" s="5" t="s">
        <v>1523</v>
      </c>
      <c r="S7891" s="5" t="s">
        <v>42</v>
      </c>
      <c r="T7891" s="2">
        <v>4.024</v>
      </c>
      <c r="U7891" s="2">
        <v>3.3879999999999999</v>
      </c>
      <c r="V7891" s="2">
        <v>16.7</v>
      </c>
      <c r="W7891" s="2">
        <v>159.1</v>
      </c>
      <c r="X7891" s="2">
        <v>7.6</v>
      </c>
      <c r="Y7891" s="2">
        <v>16.7</v>
      </c>
      <c r="Z7891" s="5"/>
      <c r="AA7891" s="5" t="s">
        <v>43</v>
      </c>
      <c r="AB7891" s="5" t="s">
        <v>44</v>
      </c>
      <c r="AC7891" s="2"/>
      <c r="AD7891" s="1"/>
    </row>
    <row r="7892" spans="1:30">
      <c r="A7892" s="5" t="s">
        <v>83578</v>
      </c>
      <c r="B7892" s="2" t="s">
        <v>107795</v>
      </c>
      <c r="C7892" s="14" t="s">
        <v>107796</v>
      </c>
      <c r="D7892" s="2" t="s">
        <v>107797</v>
      </c>
      <c r="E7892" s="2" t="s">
        <v>7597</v>
      </c>
      <c r="F7892" s="8">
        <v>334</v>
      </c>
      <c r="G7892" s="5">
        <v>6</v>
      </c>
      <c r="H7892" s="5" t="s">
        <v>1518</v>
      </c>
      <c r="I7892" s="5" t="s">
        <v>69038</v>
      </c>
      <c r="J7892" s="2" t="s">
        <v>69039</v>
      </c>
      <c r="K7892" s="5" t="s">
        <v>69038</v>
      </c>
      <c r="L7892" s="2" t="s">
        <v>69039</v>
      </c>
      <c r="M7892" s="5" t="s">
        <v>1521</v>
      </c>
      <c r="N7892" s="5" t="s">
        <v>38</v>
      </c>
      <c r="O7892" s="5" t="s">
        <v>39</v>
      </c>
      <c r="P7892" s="5" t="s">
        <v>40</v>
      </c>
      <c r="Q7892" s="5" t="s">
        <v>1522</v>
      </c>
      <c r="R7892" s="5" t="s">
        <v>1523</v>
      </c>
      <c r="S7892" s="5" t="s">
        <v>42</v>
      </c>
      <c r="T7892" s="2">
        <v>4.1580000000000004</v>
      </c>
      <c r="U7892" s="2">
        <v>3.5219999999999998</v>
      </c>
      <c r="V7892" s="2">
        <v>16.7</v>
      </c>
      <c r="W7892" s="2">
        <v>159.1</v>
      </c>
      <c r="X7892" s="2">
        <v>7.6</v>
      </c>
      <c r="Y7892" s="2">
        <v>16.7</v>
      </c>
      <c r="Z7892" s="5"/>
      <c r="AA7892" s="5" t="s">
        <v>43</v>
      </c>
      <c r="AB7892" s="5" t="s">
        <v>44</v>
      </c>
      <c r="AC7892" s="2"/>
      <c r="AD7892" s="1"/>
    </row>
    <row r="7893" spans="1:30">
      <c r="A7893" s="5" t="s">
        <v>83578</v>
      </c>
      <c r="B7893" s="2" t="s">
        <v>107798</v>
      </c>
      <c r="C7893" s="14" t="s">
        <v>107799</v>
      </c>
      <c r="D7893" s="2" t="s">
        <v>107800</v>
      </c>
      <c r="E7893" s="2" t="s">
        <v>16219</v>
      </c>
      <c r="F7893" s="8">
        <v>334</v>
      </c>
      <c r="G7893" s="5">
        <v>6</v>
      </c>
      <c r="H7893" s="5" t="s">
        <v>1518</v>
      </c>
      <c r="I7893" s="5" t="s">
        <v>69038</v>
      </c>
      <c r="J7893" s="2" t="s">
        <v>69039</v>
      </c>
      <c r="K7893" s="5" t="s">
        <v>69038</v>
      </c>
      <c r="L7893" s="2" t="s">
        <v>69039</v>
      </c>
      <c r="M7893" s="5" t="s">
        <v>1521</v>
      </c>
      <c r="N7893" s="5" t="s">
        <v>38</v>
      </c>
      <c r="O7893" s="5" t="s">
        <v>39</v>
      </c>
      <c r="P7893" s="5" t="s">
        <v>40</v>
      </c>
      <c r="Q7893" s="5" t="s">
        <v>1522</v>
      </c>
      <c r="R7893" s="5" t="s">
        <v>1523</v>
      </c>
      <c r="S7893" s="5" t="s">
        <v>42</v>
      </c>
      <c r="T7893" s="2">
        <v>4.1580000000000004</v>
      </c>
      <c r="U7893" s="2">
        <v>3.5219999999999998</v>
      </c>
      <c r="V7893" s="2">
        <v>16.7</v>
      </c>
      <c r="W7893" s="2">
        <v>159.1</v>
      </c>
      <c r="X7893" s="2">
        <v>7.6</v>
      </c>
      <c r="Y7893" s="2">
        <v>16.7</v>
      </c>
      <c r="Z7893" s="5"/>
      <c r="AA7893" s="5" t="s">
        <v>43</v>
      </c>
      <c r="AB7893" s="5" t="s">
        <v>44</v>
      </c>
      <c r="AC7893" s="2"/>
      <c r="AD7893" s="1"/>
    </row>
    <row r="7894" spans="1:30">
      <c r="A7894" s="5" t="s">
        <v>83578</v>
      </c>
      <c r="B7894" s="2" t="s">
        <v>107801</v>
      </c>
      <c r="C7894" s="14" t="s">
        <v>107802</v>
      </c>
      <c r="D7894" s="2" t="s">
        <v>107803</v>
      </c>
      <c r="E7894" s="2" t="s">
        <v>7528</v>
      </c>
      <c r="F7894" s="8">
        <v>308</v>
      </c>
      <c r="G7894" s="5">
        <v>6</v>
      </c>
      <c r="H7894" s="5" t="s">
        <v>1518</v>
      </c>
      <c r="I7894" s="5" t="s">
        <v>69038</v>
      </c>
      <c r="J7894" s="2" t="s">
        <v>69039</v>
      </c>
      <c r="K7894" s="5" t="s">
        <v>69038</v>
      </c>
      <c r="L7894" s="2" t="s">
        <v>69039</v>
      </c>
      <c r="M7894" s="5" t="s">
        <v>1521</v>
      </c>
      <c r="N7894" s="5" t="s">
        <v>38</v>
      </c>
      <c r="O7894" s="5" t="s">
        <v>39</v>
      </c>
      <c r="P7894" s="5" t="s">
        <v>40</v>
      </c>
      <c r="Q7894" s="5" t="s">
        <v>1522</v>
      </c>
      <c r="R7894" s="5" t="s">
        <v>1523</v>
      </c>
      <c r="S7894" s="5" t="s">
        <v>42</v>
      </c>
      <c r="T7894" s="2">
        <v>4.1580000000000004</v>
      </c>
      <c r="U7894" s="2">
        <v>3.5219999999999998</v>
      </c>
      <c r="V7894" s="2">
        <v>16.7</v>
      </c>
      <c r="W7894" s="2">
        <v>159.1</v>
      </c>
      <c r="X7894" s="2">
        <v>7.6</v>
      </c>
      <c r="Y7894" s="2">
        <v>16.7</v>
      </c>
      <c r="Z7894" s="5"/>
      <c r="AA7894" s="5" t="s">
        <v>43</v>
      </c>
      <c r="AB7894" s="5" t="s">
        <v>44</v>
      </c>
      <c r="AC7894" s="2"/>
      <c r="AD7894" s="1"/>
    </row>
    <row r="7895" spans="1:30">
      <c r="A7895" s="5" t="s">
        <v>83578</v>
      </c>
      <c r="B7895" s="30" t="s">
        <v>107804</v>
      </c>
      <c r="C7895" s="14" t="s">
        <v>107805</v>
      </c>
      <c r="D7895" s="2" t="s">
        <v>107806</v>
      </c>
      <c r="E7895" s="8" t="s">
        <v>80260</v>
      </c>
      <c r="F7895" s="8"/>
      <c r="G7895" s="5"/>
      <c r="H7895" s="28" t="s">
        <v>69</v>
      </c>
      <c r="I7895" s="5" t="s">
        <v>55802</v>
      </c>
      <c r="J7895" s="5" t="s">
        <v>55803</v>
      </c>
      <c r="K7895" s="5" t="s">
        <v>55802</v>
      </c>
      <c r="L7895" s="5" t="s">
        <v>55803</v>
      </c>
      <c r="M7895" s="5" t="s">
        <v>733</v>
      </c>
      <c r="N7895" s="5" t="s">
        <v>38</v>
      </c>
      <c r="O7895" s="5" t="s">
        <v>39</v>
      </c>
      <c r="P7895" s="5" t="s">
        <v>40</v>
      </c>
      <c r="Q7895" s="5" t="s">
        <v>897</v>
      </c>
      <c r="R7895" s="5" t="s">
        <v>40</v>
      </c>
      <c r="S7895" s="5" t="s">
        <v>42</v>
      </c>
      <c r="T7895" s="2">
        <v>0</v>
      </c>
      <c r="U7895" s="2">
        <v>0</v>
      </c>
      <c r="V7895" s="2">
        <v>0</v>
      </c>
      <c r="W7895" s="2">
        <v>0</v>
      </c>
      <c r="X7895" s="2">
        <v>0</v>
      </c>
      <c r="Y7895" s="2">
        <v>0</v>
      </c>
      <c r="Z7895" s="5">
        <v>7</v>
      </c>
      <c r="AA7895" s="5" t="s">
        <v>43</v>
      </c>
      <c r="AB7895" s="5" t="s">
        <v>735</v>
      </c>
      <c r="AC7895" s="29"/>
      <c r="AD7895" s="1"/>
    </row>
    <row r="7896" spans="1:30">
      <c r="A7896" s="5" t="s">
        <v>83578</v>
      </c>
      <c r="B7896" s="30" t="s">
        <v>107807</v>
      </c>
      <c r="C7896" s="14" t="s">
        <v>107808</v>
      </c>
      <c r="D7896" s="2" t="s">
        <v>107809</v>
      </c>
      <c r="E7896" s="8" t="s">
        <v>107810</v>
      </c>
      <c r="F7896" s="8"/>
      <c r="G7896" s="5"/>
      <c r="H7896" s="28" t="s">
        <v>69</v>
      </c>
      <c r="I7896" s="5" t="s">
        <v>61065</v>
      </c>
      <c r="J7896" s="5" t="s">
        <v>61066</v>
      </c>
      <c r="K7896" s="5" t="s">
        <v>61065</v>
      </c>
      <c r="L7896" s="5" t="s">
        <v>61066</v>
      </c>
      <c r="M7896" s="5" t="s">
        <v>733</v>
      </c>
      <c r="N7896" s="5" t="s">
        <v>38</v>
      </c>
      <c r="O7896" s="5" t="s">
        <v>39</v>
      </c>
      <c r="P7896" s="5" t="s">
        <v>40</v>
      </c>
      <c r="Q7896" s="5" t="s">
        <v>897</v>
      </c>
      <c r="R7896" s="5" t="s">
        <v>40</v>
      </c>
      <c r="S7896" s="5" t="s">
        <v>42</v>
      </c>
      <c r="T7896" s="2">
        <v>0</v>
      </c>
      <c r="U7896" s="2">
        <v>0</v>
      </c>
      <c r="V7896" s="2">
        <v>0</v>
      </c>
      <c r="W7896" s="2">
        <v>0</v>
      </c>
      <c r="X7896" s="2">
        <v>0</v>
      </c>
      <c r="Y7896" s="2">
        <v>0</v>
      </c>
      <c r="Z7896" s="5">
        <v>7</v>
      </c>
      <c r="AA7896" s="5" t="s">
        <v>43</v>
      </c>
      <c r="AB7896" s="5" t="s">
        <v>735</v>
      </c>
      <c r="AC7896" s="29"/>
      <c r="AD7896" s="1"/>
    </row>
    <row r="7897" spans="1:30">
      <c r="A7897" s="5" t="s">
        <v>83578</v>
      </c>
      <c r="B7897" s="30" t="s">
        <v>107811</v>
      </c>
      <c r="C7897" s="14" t="s">
        <v>107812</v>
      </c>
      <c r="D7897" s="2" t="s">
        <v>107813</v>
      </c>
      <c r="E7897" s="8" t="s">
        <v>107814</v>
      </c>
      <c r="F7897" s="8"/>
      <c r="G7897" s="5"/>
      <c r="H7897" s="28" t="s">
        <v>69</v>
      </c>
      <c r="I7897" s="5" t="s">
        <v>64310</v>
      </c>
      <c r="J7897" s="5" t="s">
        <v>64311</v>
      </c>
      <c r="K7897" s="5" t="s">
        <v>64310</v>
      </c>
      <c r="L7897" s="5" t="s">
        <v>64311</v>
      </c>
      <c r="M7897" s="5" t="s">
        <v>733</v>
      </c>
      <c r="N7897" s="5" t="s">
        <v>38</v>
      </c>
      <c r="O7897" s="5" t="s">
        <v>39</v>
      </c>
      <c r="P7897" s="5" t="s">
        <v>40</v>
      </c>
      <c r="Q7897" s="5" t="s">
        <v>897</v>
      </c>
      <c r="R7897" s="5" t="s">
        <v>40</v>
      </c>
      <c r="S7897" s="5" t="s">
        <v>42</v>
      </c>
      <c r="T7897" s="2">
        <v>0</v>
      </c>
      <c r="U7897" s="2">
        <v>0</v>
      </c>
      <c r="V7897" s="2">
        <v>0</v>
      </c>
      <c r="W7897" s="2">
        <v>0</v>
      </c>
      <c r="X7897" s="2">
        <v>0</v>
      </c>
      <c r="Y7897" s="2">
        <v>0</v>
      </c>
      <c r="Z7897" s="5">
        <v>7</v>
      </c>
      <c r="AA7897" s="5" t="s">
        <v>43</v>
      </c>
      <c r="AB7897" s="5" t="s">
        <v>735</v>
      </c>
      <c r="AC7897" s="29"/>
      <c r="AD7897" s="1"/>
    </row>
    <row r="7898" spans="1:30">
      <c r="A7898" s="5" t="s">
        <v>83578</v>
      </c>
      <c r="B7898" s="30" t="s">
        <v>107815</v>
      </c>
      <c r="C7898" s="14" t="s">
        <v>107816</v>
      </c>
      <c r="D7898" s="2" t="s">
        <v>107817</v>
      </c>
      <c r="E7898" s="8" t="s">
        <v>107818</v>
      </c>
      <c r="F7898" s="8"/>
      <c r="G7898" s="5"/>
      <c r="H7898" s="28" t="s">
        <v>69</v>
      </c>
      <c r="I7898" s="5" t="s">
        <v>64310</v>
      </c>
      <c r="J7898" s="5" t="s">
        <v>64311</v>
      </c>
      <c r="K7898" s="5" t="s">
        <v>64310</v>
      </c>
      <c r="L7898" s="5" t="s">
        <v>64311</v>
      </c>
      <c r="M7898" s="5" t="s">
        <v>733</v>
      </c>
      <c r="N7898" s="5" t="s">
        <v>38</v>
      </c>
      <c r="O7898" s="5" t="s">
        <v>39</v>
      </c>
      <c r="P7898" s="5" t="s">
        <v>40</v>
      </c>
      <c r="Q7898" s="5" t="s">
        <v>897</v>
      </c>
      <c r="R7898" s="5" t="s">
        <v>40</v>
      </c>
      <c r="S7898" s="5" t="s">
        <v>42</v>
      </c>
      <c r="T7898" s="2">
        <v>0</v>
      </c>
      <c r="U7898" s="2">
        <v>0</v>
      </c>
      <c r="V7898" s="2">
        <v>0</v>
      </c>
      <c r="W7898" s="2">
        <v>0</v>
      </c>
      <c r="X7898" s="2">
        <v>0</v>
      </c>
      <c r="Y7898" s="2">
        <v>0</v>
      </c>
      <c r="Z7898" s="5">
        <v>7</v>
      </c>
      <c r="AA7898" s="5" t="s">
        <v>43</v>
      </c>
      <c r="AB7898" s="5" t="s">
        <v>735</v>
      </c>
      <c r="AC7898" s="29"/>
      <c r="AD7898" s="1"/>
    </row>
    <row r="7899" spans="1:30">
      <c r="A7899" s="5" t="s">
        <v>83578</v>
      </c>
      <c r="B7899" s="30" t="s">
        <v>107819</v>
      </c>
      <c r="C7899" s="14" t="s">
        <v>107820</v>
      </c>
      <c r="D7899" s="2" t="s">
        <v>107821</v>
      </c>
      <c r="E7899" s="8" t="s">
        <v>79740</v>
      </c>
      <c r="F7899" s="8">
        <v>611</v>
      </c>
      <c r="G7899" s="5">
        <v>10</v>
      </c>
      <c r="H7899" s="28" t="s">
        <v>79637</v>
      </c>
      <c r="I7899" s="5" t="s">
        <v>79638</v>
      </c>
      <c r="J7899" s="5" t="s">
        <v>79639</v>
      </c>
      <c r="K7899" s="5" t="s">
        <v>79638</v>
      </c>
      <c r="L7899" s="5" t="s">
        <v>79639</v>
      </c>
      <c r="M7899" s="5" t="s">
        <v>79640</v>
      </c>
      <c r="N7899" s="5" t="s">
        <v>38</v>
      </c>
      <c r="O7899" s="5" t="s">
        <v>39</v>
      </c>
      <c r="P7899" s="5" t="s">
        <v>40</v>
      </c>
      <c r="Q7899" s="5" t="s">
        <v>24335</v>
      </c>
      <c r="R7899" s="5" t="s">
        <v>40</v>
      </c>
      <c r="S7899" s="5" t="s">
        <v>42</v>
      </c>
      <c r="T7899" s="2">
        <v>10.526</v>
      </c>
      <c r="U7899" s="2">
        <v>8.5350000000000001</v>
      </c>
      <c r="V7899" s="2">
        <v>115</v>
      </c>
      <c r="W7899" s="2">
        <v>18.100000000000001</v>
      </c>
      <c r="X7899" s="2">
        <v>49.1</v>
      </c>
      <c r="Y7899" s="5">
        <v>115</v>
      </c>
      <c r="Z7899" s="5">
        <v>12</v>
      </c>
      <c r="AA7899" s="5" t="s">
        <v>43</v>
      </c>
      <c r="AB7899" s="5" t="s">
        <v>735</v>
      </c>
      <c r="AC7899" s="29" t="s">
        <v>107822</v>
      </c>
      <c r="AD7899" s="1"/>
    </row>
    <row r="7900" spans="1:30">
      <c r="A7900" s="5" t="s">
        <v>83578</v>
      </c>
      <c r="B7900" s="30" t="s">
        <v>107823</v>
      </c>
      <c r="C7900" s="14" t="s">
        <v>107824</v>
      </c>
      <c r="D7900" s="2" t="s">
        <v>107825</v>
      </c>
      <c r="E7900" s="8" t="s">
        <v>79778</v>
      </c>
      <c r="F7900" s="8">
        <v>709</v>
      </c>
      <c r="G7900" s="5">
        <v>10</v>
      </c>
      <c r="H7900" s="28" t="s">
        <v>79637</v>
      </c>
      <c r="I7900" s="5" t="s">
        <v>79638</v>
      </c>
      <c r="J7900" s="5" t="s">
        <v>79639</v>
      </c>
      <c r="K7900" s="5" t="s">
        <v>79638</v>
      </c>
      <c r="L7900" s="5" t="s">
        <v>79639</v>
      </c>
      <c r="M7900" s="5" t="s">
        <v>79640</v>
      </c>
      <c r="N7900" s="5" t="s">
        <v>38</v>
      </c>
      <c r="O7900" s="5" t="s">
        <v>39</v>
      </c>
      <c r="P7900" s="5" t="s">
        <v>40</v>
      </c>
      <c r="Q7900" s="5" t="s">
        <v>24335</v>
      </c>
      <c r="R7900" s="5" t="s">
        <v>40</v>
      </c>
      <c r="S7900" s="5" t="s">
        <v>42</v>
      </c>
      <c r="T7900" s="2">
        <v>11.414</v>
      </c>
      <c r="U7900" s="2">
        <v>9.423</v>
      </c>
      <c r="V7900" s="2">
        <v>115</v>
      </c>
      <c r="W7900" s="2">
        <v>18.100000000000001</v>
      </c>
      <c r="X7900" s="2">
        <v>49.1</v>
      </c>
      <c r="Y7900" s="5">
        <v>115</v>
      </c>
      <c r="Z7900" s="5">
        <v>12</v>
      </c>
      <c r="AA7900" s="5" t="s">
        <v>43</v>
      </c>
      <c r="AB7900" s="5" t="s">
        <v>735</v>
      </c>
      <c r="AC7900" s="29" t="s">
        <v>107826</v>
      </c>
      <c r="AD7900" s="1"/>
    </row>
    <row r="7901" spans="1:30">
      <c r="A7901" s="5" t="s">
        <v>83578</v>
      </c>
      <c r="B7901" s="30" t="s">
        <v>107827</v>
      </c>
      <c r="C7901" s="14" t="s">
        <v>107828</v>
      </c>
      <c r="D7901" s="2" t="s">
        <v>107829</v>
      </c>
      <c r="E7901" s="8" t="s">
        <v>79740</v>
      </c>
      <c r="F7901" s="8">
        <v>632</v>
      </c>
      <c r="G7901" s="5">
        <v>10</v>
      </c>
      <c r="H7901" s="28" t="s">
        <v>79637</v>
      </c>
      <c r="I7901" s="5" t="s">
        <v>79638</v>
      </c>
      <c r="J7901" s="5" t="s">
        <v>79639</v>
      </c>
      <c r="K7901" s="5" t="s">
        <v>79638</v>
      </c>
      <c r="L7901" s="5" t="s">
        <v>79639</v>
      </c>
      <c r="M7901" s="5" t="s">
        <v>79640</v>
      </c>
      <c r="N7901" s="5" t="s">
        <v>38</v>
      </c>
      <c r="O7901" s="5" t="s">
        <v>39</v>
      </c>
      <c r="P7901" s="5" t="s">
        <v>40</v>
      </c>
      <c r="Q7901" s="5" t="s">
        <v>24335</v>
      </c>
      <c r="R7901" s="5" t="s">
        <v>40</v>
      </c>
      <c r="S7901" s="5" t="s">
        <v>42</v>
      </c>
      <c r="T7901" s="2">
        <v>11.535</v>
      </c>
      <c r="U7901" s="2">
        <v>9.3810000000000002</v>
      </c>
      <c r="V7901" s="2">
        <v>134.19999999999999</v>
      </c>
      <c r="W7901" s="2">
        <v>18.100000000000001</v>
      </c>
      <c r="X7901" s="2">
        <v>49.1</v>
      </c>
      <c r="Y7901" s="5">
        <v>134.19999999999999</v>
      </c>
      <c r="Z7901" s="5">
        <v>12</v>
      </c>
      <c r="AA7901" s="5" t="s">
        <v>43</v>
      </c>
      <c r="AB7901" s="5" t="s">
        <v>735</v>
      </c>
      <c r="AC7901" s="29" t="s">
        <v>107822</v>
      </c>
      <c r="AD7901" s="1"/>
    </row>
    <row r="7902" spans="1:30">
      <c r="A7902" s="5" t="s">
        <v>83578</v>
      </c>
      <c r="B7902" s="30" t="s">
        <v>107830</v>
      </c>
      <c r="C7902" s="14" t="s">
        <v>107831</v>
      </c>
      <c r="D7902" s="2" t="s">
        <v>107832</v>
      </c>
      <c r="E7902" s="8" t="s">
        <v>79778</v>
      </c>
      <c r="F7902" s="8">
        <v>735</v>
      </c>
      <c r="G7902" s="5">
        <v>10</v>
      </c>
      <c r="H7902" s="28" t="s">
        <v>79637</v>
      </c>
      <c r="I7902" s="5" t="s">
        <v>79638</v>
      </c>
      <c r="J7902" s="5" t="s">
        <v>79639</v>
      </c>
      <c r="K7902" s="5" t="s">
        <v>79638</v>
      </c>
      <c r="L7902" s="5" t="s">
        <v>79639</v>
      </c>
      <c r="M7902" s="5" t="s">
        <v>79640</v>
      </c>
      <c r="N7902" s="5" t="s">
        <v>38</v>
      </c>
      <c r="O7902" s="5" t="s">
        <v>39</v>
      </c>
      <c r="P7902" s="5" t="s">
        <v>40</v>
      </c>
      <c r="Q7902" s="5" t="s">
        <v>24335</v>
      </c>
      <c r="R7902" s="5" t="s">
        <v>40</v>
      </c>
      <c r="S7902" s="5" t="s">
        <v>42</v>
      </c>
      <c r="T7902" s="2">
        <v>12.648999999999999</v>
      </c>
      <c r="U7902" s="2">
        <v>10.494999999999999</v>
      </c>
      <c r="V7902" s="2">
        <v>134.19999999999999</v>
      </c>
      <c r="W7902" s="2">
        <v>18.100000000000001</v>
      </c>
      <c r="X7902" s="2">
        <v>49.1</v>
      </c>
      <c r="Y7902" s="5">
        <v>134.19999999999999</v>
      </c>
      <c r="Z7902" s="5">
        <v>12</v>
      </c>
      <c r="AA7902" s="5" t="s">
        <v>43</v>
      </c>
      <c r="AB7902" s="5" t="s">
        <v>735</v>
      </c>
      <c r="AC7902" s="29" t="s">
        <v>107826</v>
      </c>
      <c r="AD7902" s="1"/>
    </row>
    <row r="7903" spans="1:30">
      <c r="A7903" s="5" t="s">
        <v>83578</v>
      </c>
      <c r="B7903" s="30" t="s">
        <v>107833</v>
      </c>
      <c r="C7903" s="14" t="s">
        <v>107834</v>
      </c>
      <c r="D7903" s="2" t="s">
        <v>107835</v>
      </c>
      <c r="E7903" s="8" t="s">
        <v>79740</v>
      </c>
      <c r="F7903" s="8">
        <v>658</v>
      </c>
      <c r="G7903" s="5">
        <v>10</v>
      </c>
      <c r="H7903" s="28" t="s">
        <v>79637</v>
      </c>
      <c r="I7903" s="5" t="s">
        <v>79638</v>
      </c>
      <c r="J7903" s="5" t="s">
        <v>79639</v>
      </c>
      <c r="K7903" s="5" t="s">
        <v>79638</v>
      </c>
      <c r="L7903" s="5" t="s">
        <v>79639</v>
      </c>
      <c r="M7903" s="5" t="s">
        <v>79640</v>
      </c>
      <c r="N7903" s="5" t="s">
        <v>38</v>
      </c>
      <c r="O7903" s="5" t="s">
        <v>39</v>
      </c>
      <c r="P7903" s="5" t="s">
        <v>40</v>
      </c>
      <c r="Q7903" s="5" t="s">
        <v>24335</v>
      </c>
      <c r="R7903" s="5" t="s">
        <v>40</v>
      </c>
      <c r="S7903" s="5" t="s">
        <v>42</v>
      </c>
      <c r="T7903" s="2">
        <v>12.555</v>
      </c>
      <c r="U7903" s="2">
        <v>10.385999999999999</v>
      </c>
      <c r="V7903" s="2">
        <v>134.19999999999999</v>
      </c>
      <c r="W7903" s="2">
        <v>18.100000000000001</v>
      </c>
      <c r="X7903" s="2">
        <v>49.1</v>
      </c>
      <c r="Y7903" s="5">
        <v>134.19999999999999</v>
      </c>
      <c r="Z7903" s="5">
        <v>12</v>
      </c>
      <c r="AA7903" s="5" t="s">
        <v>43</v>
      </c>
      <c r="AB7903" s="5" t="s">
        <v>735</v>
      </c>
      <c r="AC7903" s="29" t="s">
        <v>107822</v>
      </c>
      <c r="AD7903" s="1"/>
    </row>
    <row r="7904" spans="1:30">
      <c r="A7904" s="5" t="s">
        <v>83578</v>
      </c>
      <c r="B7904" s="30" t="s">
        <v>107836</v>
      </c>
      <c r="C7904" s="14" t="s">
        <v>107837</v>
      </c>
      <c r="D7904" s="2" t="s">
        <v>107838</v>
      </c>
      <c r="E7904" s="8" t="s">
        <v>79778</v>
      </c>
      <c r="F7904" s="8">
        <v>767</v>
      </c>
      <c r="G7904" s="5">
        <v>10</v>
      </c>
      <c r="H7904" s="28" t="s">
        <v>79637</v>
      </c>
      <c r="I7904" s="5" t="s">
        <v>79638</v>
      </c>
      <c r="J7904" s="5" t="s">
        <v>79639</v>
      </c>
      <c r="K7904" s="5" t="s">
        <v>79638</v>
      </c>
      <c r="L7904" s="5" t="s">
        <v>79639</v>
      </c>
      <c r="M7904" s="5" t="s">
        <v>79640</v>
      </c>
      <c r="N7904" s="5" t="s">
        <v>38</v>
      </c>
      <c r="O7904" s="5" t="s">
        <v>39</v>
      </c>
      <c r="P7904" s="5" t="s">
        <v>40</v>
      </c>
      <c r="Q7904" s="5" t="s">
        <v>24335</v>
      </c>
      <c r="R7904" s="5" t="s">
        <v>40</v>
      </c>
      <c r="S7904" s="5" t="s">
        <v>42</v>
      </c>
      <c r="T7904" s="2">
        <v>13.669</v>
      </c>
      <c r="U7904" s="2">
        <v>11.5</v>
      </c>
      <c r="V7904" s="2">
        <v>134.19999999999999</v>
      </c>
      <c r="W7904" s="2">
        <v>18.100000000000001</v>
      </c>
      <c r="X7904" s="2">
        <v>49.1</v>
      </c>
      <c r="Y7904" s="5">
        <v>134.19999999999999</v>
      </c>
      <c r="Z7904" s="5">
        <v>12</v>
      </c>
      <c r="AA7904" s="5" t="s">
        <v>43</v>
      </c>
      <c r="AB7904" s="5" t="s">
        <v>735</v>
      </c>
      <c r="AC7904" s="29" t="s">
        <v>107826</v>
      </c>
      <c r="AD7904" s="1"/>
    </row>
    <row r="7905" spans="1:30">
      <c r="A7905" s="5" t="s">
        <v>83578</v>
      </c>
      <c r="B7905" s="30" t="s">
        <v>107839</v>
      </c>
      <c r="C7905" s="14" t="s">
        <v>107840</v>
      </c>
      <c r="D7905" s="2" t="s">
        <v>107841</v>
      </c>
      <c r="E7905" s="8" t="s">
        <v>79740</v>
      </c>
      <c r="F7905" s="8">
        <v>684</v>
      </c>
      <c r="G7905" s="5">
        <v>10</v>
      </c>
      <c r="H7905" s="28" t="s">
        <v>79637</v>
      </c>
      <c r="I7905" s="5" t="s">
        <v>79638</v>
      </c>
      <c r="J7905" s="5" t="s">
        <v>79639</v>
      </c>
      <c r="K7905" s="5" t="s">
        <v>79638</v>
      </c>
      <c r="L7905" s="5" t="s">
        <v>79639</v>
      </c>
      <c r="M7905" s="5" t="s">
        <v>79640</v>
      </c>
      <c r="N7905" s="5" t="s">
        <v>38</v>
      </c>
      <c r="O7905" s="5" t="s">
        <v>39</v>
      </c>
      <c r="P7905" s="5" t="s">
        <v>40</v>
      </c>
      <c r="Q7905" s="5" t="s">
        <v>24335</v>
      </c>
      <c r="R7905" s="5" t="s">
        <v>40</v>
      </c>
      <c r="S7905" s="5" t="s">
        <v>42</v>
      </c>
      <c r="T7905" s="2">
        <v>13.643000000000001</v>
      </c>
      <c r="U7905" s="2">
        <v>11.27</v>
      </c>
      <c r="V7905" s="2">
        <v>156.19999999999999</v>
      </c>
      <c r="W7905" s="2">
        <v>18.100000000000001</v>
      </c>
      <c r="X7905" s="2">
        <v>49.1</v>
      </c>
      <c r="Y7905" s="5">
        <v>156.19999999999999</v>
      </c>
      <c r="Z7905" s="5">
        <v>12</v>
      </c>
      <c r="AA7905" s="5" t="s">
        <v>43</v>
      </c>
      <c r="AB7905" s="5" t="s">
        <v>735</v>
      </c>
      <c r="AC7905" s="29" t="s">
        <v>107822</v>
      </c>
      <c r="AD7905" s="1"/>
    </row>
    <row r="7906" spans="1:30">
      <c r="A7906" s="5" t="s">
        <v>83578</v>
      </c>
      <c r="B7906" s="30" t="s">
        <v>107842</v>
      </c>
      <c r="C7906" s="14" t="s">
        <v>107843</v>
      </c>
      <c r="D7906" s="2" t="s">
        <v>107844</v>
      </c>
      <c r="E7906" s="8" t="s">
        <v>79778</v>
      </c>
      <c r="F7906" s="8">
        <v>800</v>
      </c>
      <c r="G7906" s="5">
        <v>10</v>
      </c>
      <c r="H7906" s="28" t="s">
        <v>79637</v>
      </c>
      <c r="I7906" s="5" t="s">
        <v>79638</v>
      </c>
      <c r="J7906" s="5" t="s">
        <v>79639</v>
      </c>
      <c r="K7906" s="5" t="s">
        <v>79638</v>
      </c>
      <c r="L7906" s="5" t="s">
        <v>79639</v>
      </c>
      <c r="M7906" s="5" t="s">
        <v>79640</v>
      </c>
      <c r="N7906" s="5" t="s">
        <v>38</v>
      </c>
      <c r="O7906" s="5" t="s">
        <v>39</v>
      </c>
      <c r="P7906" s="5" t="s">
        <v>40</v>
      </c>
      <c r="Q7906" s="5" t="s">
        <v>24335</v>
      </c>
      <c r="R7906" s="5" t="s">
        <v>40</v>
      </c>
      <c r="S7906" s="5" t="s">
        <v>42</v>
      </c>
      <c r="T7906" s="2">
        <v>14.978999999999999</v>
      </c>
      <c r="U7906" s="2">
        <v>12.606</v>
      </c>
      <c r="V7906" s="2">
        <v>156.19999999999999</v>
      </c>
      <c r="W7906" s="2">
        <v>18.100000000000001</v>
      </c>
      <c r="X7906" s="2">
        <v>49.1</v>
      </c>
      <c r="Y7906" s="5">
        <v>156.19999999999999</v>
      </c>
      <c r="Z7906" s="5">
        <v>12</v>
      </c>
      <c r="AA7906" s="5" t="s">
        <v>43</v>
      </c>
      <c r="AB7906" s="5" t="s">
        <v>735</v>
      </c>
      <c r="AC7906" s="29" t="s">
        <v>107826</v>
      </c>
      <c r="AD7906" s="1"/>
    </row>
    <row r="7907" spans="1:30">
      <c r="A7907" s="5" t="s">
        <v>83578</v>
      </c>
      <c r="B7907" s="30" t="s">
        <v>107845</v>
      </c>
      <c r="C7907" s="14" t="s">
        <v>107846</v>
      </c>
      <c r="D7907" s="2" t="s">
        <v>107847</v>
      </c>
      <c r="E7907" s="8" t="s">
        <v>79740</v>
      </c>
      <c r="F7907" s="8">
        <v>679</v>
      </c>
      <c r="G7907" s="5">
        <v>10</v>
      </c>
      <c r="H7907" s="28" t="s">
        <v>79637</v>
      </c>
      <c r="I7907" s="5" t="s">
        <v>79638</v>
      </c>
      <c r="J7907" s="5" t="s">
        <v>79639</v>
      </c>
      <c r="K7907" s="5" t="s">
        <v>79638</v>
      </c>
      <c r="L7907" s="5" t="s">
        <v>79639</v>
      </c>
      <c r="M7907" s="5" t="s">
        <v>79640</v>
      </c>
      <c r="N7907" s="5" t="s">
        <v>38</v>
      </c>
      <c r="O7907" s="5" t="s">
        <v>39</v>
      </c>
      <c r="P7907" s="5" t="s">
        <v>40</v>
      </c>
      <c r="Q7907" s="5" t="s">
        <v>24335</v>
      </c>
      <c r="R7907" s="5" t="s">
        <v>40</v>
      </c>
      <c r="S7907" s="5" t="s">
        <v>42</v>
      </c>
      <c r="T7907" s="2">
        <v>13.308</v>
      </c>
      <c r="U7907" s="2">
        <v>11.124000000000001</v>
      </c>
      <c r="V7907" s="2">
        <v>134.19999999999999</v>
      </c>
      <c r="W7907" s="2">
        <v>18.100000000000001</v>
      </c>
      <c r="X7907" s="2">
        <v>49.1</v>
      </c>
      <c r="Y7907" s="5">
        <v>134.19999999999999</v>
      </c>
      <c r="Z7907" s="5">
        <v>12</v>
      </c>
      <c r="AA7907" s="5" t="s">
        <v>43</v>
      </c>
      <c r="AB7907" s="5" t="s">
        <v>735</v>
      </c>
      <c r="AC7907" s="29" t="s">
        <v>107822</v>
      </c>
      <c r="AD7907" s="1"/>
    </row>
    <row r="7908" spans="1:30">
      <c r="A7908" s="5" t="s">
        <v>83578</v>
      </c>
      <c r="B7908" s="30" t="s">
        <v>107848</v>
      </c>
      <c r="C7908" s="14" t="s">
        <v>107849</v>
      </c>
      <c r="D7908" s="2" t="s">
        <v>107850</v>
      </c>
      <c r="E7908" s="8" t="s">
        <v>79778</v>
      </c>
      <c r="F7908" s="8">
        <v>793</v>
      </c>
      <c r="G7908" s="5">
        <v>10</v>
      </c>
      <c r="H7908" s="28" t="s">
        <v>79637</v>
      </c>
      <c r="I7908" s="5" t="s">
        <v>79638</v>
      </c>
      <c r="J7908" s="5" t="s">
        <v>79639</v>
      </c>
      <c r="K7908" s="5" t="s">
        <v>79638</v>
      </c>
      <c r="L7908" s="5" t="s">
        <v>79639</v>
      </c>
      <c r="M7908" s="5" t="s">
        <v>79640</v>
      </c>
      <c r="N7908" s="5" t="s">
        <v>38</v>
      </c>
      <c r="O7908" s="5" t="s">
        <v>39</v>
      </c>
      <c r="P7908" s="5" t="s">
        <v>40</v>
      </c>
      <c r="Q7908" s="5" t="s">
        <v>24335</v>
      </c>
      <c r="R7908" s="5" t="s">
        <v>40</v>
      </c>
      <c r="S7908" s="5" t="s">
        <v>42</v>
      </c>
      <c r="T7908" s="2">
        <v>14.422000000000001</v>
      </c>
      <c r="U7908" s="2">
        <v>12.238</v>
      </c>
      <c r="V7908" s="2">
        <v>134.19999999999999</v>
      </c>
      <c r="W7908" s="2">
        <v>18.100000000000001</v>
      </c>
      <c r="X7908" s="2">
        <v>49.1</v>
      </c>
      <c r="Y7908" s="5">
        <v>134.19999999999999</v>
      </c>
      <c r="Z7908" s="5">
        <v>12</v>
      </c>
      <c r="AA7908" s="5" t="s">
        <v>43</v>
      </c>
      <c r="AB7908" s="5" t="s">
        <v>735</v>
      </c>
      <c r="AC7908" s="29" t="s">
        <v>107826</v>
      </c>
      <c r="AD7908" s="1"/>
    </row>
    <row r="7909" spans="1:30">
      <c r="A7909" s="5" t="s">
        <v>83578</v>
      </c>
      <c r="B7909" s="30" t="s">
        <v>107851</v>
      </c>
      <c r="C7909" s="14" t="s">
        <v>107852</v>
      </c>
      <c r="D7909" s="2" t="s">
        <v>107853</v>
      </c>
      <c r="E7909" s="8" t="s">
        <v>79740</v>
      </c>
      <c r="F7909" s="8">
        <v>705</v>
      </c>
      <c r="G7909" s="5">
        <v>10</v>
      </c>
      <c r="H7909" s="28" t="s">
        <v>79637</v>
      </c>
      <c r="I7909" s="5" t="s">
        <v>79638</v>
      </c>
      <c r="J7909" s="5" t="s">
        <v>79639</v>
      </c>
      <c r="K7909" s="5" t="s">
        <v>79638</v>
      </c>
      <c r="L7909" s="5" t="s">
        <v>79639</v>
      </c>
      <c r="M7909" s="5" t="s">
        <v>79640</v>
      </c>
      <c r="N7909" s="5" t="s">
        <v>38</v>
      </c>
      <c r="O7909" s="5" t="s">
        <v>39</v>
      </c>
      <c r="P7909" s="5" t="s">
        <v>40</v>
      </c>
      <c r="Q7909" s="5" t="s">
        <v>24335</v>
      </c>
      <c r="R7909" s="5" t="s">
        <v>40</v>
      </c>
      <c r="S7909" s="5" t="s">
        <v>42</v>
      </c>
      <c r="T7909" s="2">
        <v>14.445</v>
      </c>
      <c r="U7909" s="2">
        <v>12.057</v>
      </c>
      <c r="V7909" s="2">
        <v>156.19999999999999</v>
      </c>
      <c r="W7909" s="2">
        <v>18.100000000000001</v>
      </c>
      <c r="X7909" s="2">
        <v>49.1</v>
      </c>
      <c r="Y7909" s="5">
        <v>156.19999999999999</v>
      </c>
      <c r="Z7909" s="5">
        <v>12</v>
      </c>
      <c r="AA7909" s="5" t="s">
        <v>43</v>
      </c>
      <c r="AB7909" s="5" t="s">
        <v>735</v>
      </c>
      <c r="AC7909" s="29" t="s">
        <v>107822</v>
      </c>
      <c r="AD7909" s="1"/>
    </row>
    <row r="7910" spans="1:30">
      <c r="A7910" s="5" t="s">
        <v>83578</v>
      </c>
      <c r="B7910" s="30" t="s">
        <v>107854</v>
      </c>
      <c r="C7910" s="14" t="s">
        <v>107855</v>
      </c>
      <c r="D7910" s="2" t="s">
        <v>107856</v>
      </c>
      <c r="E7910" s="8" t="s">
        <v>79778</v>
      </c>
      <c r="F7910" s="8">
        <v>825</v>
      </c>
      <c r="G7910" s="5">
        <v>10</v>
      </c>
      <c r="H7910" s="28" t="s">
        <v>79637</v>
      </c>
      <c r="I7910" s="5" t="s">
        <v>79638</v>
      </c>
      <c r="J7910" s="5" t="s">
        <v>79639</v>
      </c>
      <c r="K7910" s="5" t="s">
        <v>79638</v>
      </c>
      <c r="L7910" s="5" t="s">
        <v>79639</v>
      </c>
      <c r="M7910" s="5" t="s">
        <v>79640</v>
      </c>
      <c r="N7910" s="5" t="s">
        <v>38</v>
      </c>
      <c r="O7910" s="5" t="s">
        <v>39</v>
      </c>
      <c r="P7910" s="5" t="s">
        <v>40</v>
      </c>
      <c r="Q7910" s="5" t="s">
        <v>24335</v>
      </c>
      <c r="R7910" s="5" t="s">
        <v>40</v>
      </c>
      <c r="S7910" s="5" t="s">
        <v>42</v>
      </c>
      <c r="T7910" s="2">
        <v>15.781000000000001</v>
      </c>
      <c r="U7910" s="2">
        <v>13.393000000000001</v>
      </c>
      <c r="V7910" s="2">
        <v>156.19999999999999</v>
      </c>
      <c r="W7910" s="2">
        <v>18.100000000000001</v>
      </c>
      <c r="X7910" s="2">
        <v>49.1</v>
      </c>
      <c r="Y7910" s="5">
        <v>156.19999999999999</v>
      </c>
      <c r="Z7910" s="5">
        <v>12</v>
      </c>
      <c r="AA7910" s="5" t="s">
        <v>43</v>
      </c>
      <c r="AB7910" s="5" t="s">
        <v>735</v>
      </c>
      <c r="AC7910" s="29" t="s">
        <v>107826</v>
      </c>
      <c r="AD7910" s="1"/>
    </row>
    <row r="7911" spans="1:30">
      <c r="A7911" s="5" t="s">
        <v>83578</v>
      </c>
      <c r="B7911" s="30" t="s">
        <v>107857</v>
      </c>
      <c r="C7911" s="14" t="s">
        <v>107858</v>
      </c>
      <c r="D7911" s="2" t="s">
        <v>107859</v>
      </c>
      <c r="E7911" s="8" t="s">
        <v>79740</v>
      </c>
      <c r="F7911" s="8">
        <v>731</v>
      </c>
      <c r="G7911" s="5">
        <v>10</v>
      </c>
      <c r="H7911" s="28" t="s">
        <v>79637</v>
      </c>
      <c r="I7911" s="5" t="s">
        <v>79638</v>
      </c>
      <c r="J7911" s="5" t="s">
        <v>79639</v>
      </c>
      <c r="K7911" s="5" t="s">
        <v>79638</v>
      </c>
      <c r="L7911" s="5" t="s">
        <v>79639</v>
      </c>
      <c r="M7911" s="5" t="s">
        <v>79640</v>
      </c>
      <c r="N7911" s="5" t="s">
        <v>38</v>
      </c>
      <c r="O7911" s="5" t="s">
        <v>39</v>
      </c>
      <c r="P7911" s="5" t="s">
        <v>40</v>
      </c>
      <c r="Q7911" s="5" t="s">
        <v>24335</v>
      </c>
      <c r="R7911" s="5" t="s">
        <v>40</v>
      </c>
      <c r="S7911" s="5" t="s">
        <v>42</v>
      </c>
      <c r="T7911" s="2">
        <v>15.509</v>
      </c>
      <c r="U7911" s="2">
        <v>13.111000000000001</v>
      </c>
      <c r="V7911" s="2">
        <v>156.19999999999999</v>
      </c>
      <c r="W7911" s="2">
        <v>18.100000000000001</v>
      </c>
      <c r="X7911" s="2">
        <v>49.1</v>
      </c>
      <c r="Y7911" s="5">
        <v>156.19999999999999</v>
      </c>
      <c r="Z7911" s="5">
        <v>12</v>
      </c>
      <c r="AA7911" s="5" t="s">
        <v>43</v>
      </c>
      <c r="AB7911" s="5" t="s">
        <v>735</v>
      </c>
      <c r="AC7911" s="29" t="s">
        <v>107822</v>
      </c>
      <c r="AD7911" s="1"/>
    </row>
    <row r="7912" spans="1:30">
      <c r="A7912" s="5" t="s">
        <v>83578</v>
      </c>
      <c r="B7912" s="30" t="s">
        <v>107860</v>
      </c>
      <c r="C7912" s="14" t="s">
        <v>107861</v>
      </c>
      <c r="D7912" s="2" t="s">
        <v>107862</v>
      </c>
      <c r="E7912" s="8" t="s">
        <v>79778</v>
      </c>
      <c r="F7912" s="8">
        <v>857</v>
      </c>
      <c r="G7912" s="5">
        <v>10</v>
      </c>
      <c r="H7912" s="28" t="s">
        <v>79637</v>
      </c>
      <c r="I7912" s="5" t="s">
        <v>79638</v>
      </c>
      <c r="J7912" s="5" t="s">
        <v>79639</v>
      </c>
      <c r="K7912" s="5" t="s">
        <v>79638</v>
      </c>
      <c r="L7912" s="5" t="s">
        <v>79639</v>
      </c>
      <c r="M7912" s="5" t="s">
        <v>79640</v>
      </c>
      <c r="N7912" s="5" t="s">
        <v>38</v>
      </c>
      <c r="O7912" s="5" t="s">
        <v>39</v>
      </c>
      <c r="P7912" s="5" t="s">
        <v>40</v>
      </c>
      <c r="Q7912" s="5" t="s">
        <v>24335</v>
      </c>
      <c r="R7912" s="5" t="s">
        <v>40</v>
      </c>
      <c r="S7912" s="5" t="s">
        <v>42</v>
      </c>
      <c r="T7912" s="2">
        <v>17.067</v>
      </c>
      <c r="U7912" s="2">
        <v>14.669</v>
      </c>
      <c r="V7912" s="2">
        <v>156.19999999999999</v>
      </c>
      <c r="W7912" s="2">
        <v>18.100000000000001</v>
      </c>
      <c r="X7912" s="2">
        <v>49.1</v>
      </c>
      <c r="Y7912" s="5">
        <v>156.19999999999999</v>
      </c>
      <c r="Z7912" s="5">
        <v>12</v>
      </c>
      <c r="AA7912" s="5" t="s">
        <v>43</v>
      </c>
      <c r="AB7912" s="5" t="s">
        <v>735</v>
      </c>
      <c r="AC7912" s="29" t="s">
        <v>107826</v>
      </c>
      <c r="AD7912" s="1"/>
    </row>
    <row r="7913" spans="1:30">
      <c r="A7913" s="5" t="s">
        <v>83578</v>
      </c>
      <c r="B7913" s="30" t="s">
        <v>107863</v>
      </c>
      <c r="C7913" s="14" t="s">
        <v>107864</v>
      </c>
      <c r="D7913" s="2" t="s">
        <v>107865</v>
      </c>
      <c r="E7913" s="8" t="s">
        <v>79740</v>
      </c>
      <c r="F7913" s="8">
        <v>752</v>
      </c>
      <c r="G7913" s="5">
        <v>10</v>
      </c>
      <c r="H7913" s="28" t="s">
        <v>79637</v>
      </c>
      <c r="I7913" s="5" t="s">
        <v>79638</v>
      </c>
      <c r="J7913" s="5" t="s">
        <v>79639</v>
      </c>
      <c r="K7913" s="5" t="s">
        <v>79638</v>
      </c>
      <c r="L7913" s="5" t="s">
        <v>79639</v>
      </c>
      <c r="M7913" s="5" t="s">
        <v>79640</v>
      </c>
      <c r="N7913" s="5" t="s">
        <v>38</v>
      </c>
      <c r="O7913" s="5" t="s">
        <v>39</v>
      </c>
      <c r="P7913" s="5" t="s">
        <v>40</v>
      </c>
      <c r="Q7913" s="5" t="s">
        <v>24335</v>
      </c>
      <c r="R7913" s="5" t="s">
        <v>40</v>
      </c>
      <c r="S7913" s="5" t="s">
        <v>42</v>
      </c>
      <c r="T7913" s="2">
        <v>15.494</v>
      </c>
      <c r="U7913" s="2">
        <v>13.092000000000001</v>
      </c>
      <c r="V7913" s="2">
        <v>156.19999999999999</v>
      </c>
      <c r="W7913" s="2">
        <v>18.100000000000001</v>
      </c>
      <c r="X7913" s="2">
        <v>49.1</v>
      </c>
      <c r="Y7913" s="5">
        <v>156.19999999999999</v>
      </c>
      <c r="Z7913" s="5">
        <v>12</v>
      </c>
      <c r="AA7913" s="5" t="s">
        <v>43</v>
      </c>
      <c r="AB7913" s="5" t="s">
        <v>735</v>
      </c>
      <c r="AC7913" s="29" t="s">
        <v>107822</v>
      </c>
      <c r="AD7913" s="1"/>
    </row>
    <row r="7914" spans="1:30">
      <c r="A7914" s="5" t="s">
        <v>83578</v>
      </c>
      <c r="B7914" s="30" t="s">
        <v>107866</v>
      </c>
      <c r="C7914" s="14" t="s">
        <v>107867</v>
      </c>
      <c r="D7914" s="2" t="s">
        <v>107868</v>
      </c>
      <c r="E7914" s="8" t="s">
        <v>79778</v>
      </c>
      <c r="F7914" s="8">
        <v>883</v>
      </c>
      <c r="G7914" s="5">
        <v>10</v>
      </c>
      <c r="H7914" s="28" t="s">
        <v>79637</v>
      </c>
      <c r="I7914" s="5" t="s">
        <v>79638</v>
      </c>
      <c r="J7914" s="5" t="s">
        <v>79639</v>
      </c>
      <c r="K7914" s="5" t="s">
        <v>79638</v>
      </c>
      <c r="L7914" s="5" t="s">
        <v>79639</v>
      </c>
      <c r="M7914" s="5" t="s">
        <v>79640</v>
      </c>
      <c r="N7914" s="5" t="s">
        <v>38</v>
      </c>
      <c r="O7914" s="5" t="s">
        <v>39</v>
      </c>
      <c r="P7914" s="5" t="s">
        <v>40</v>
      </c>
      <c r="Q7914" s="5" t="s">
        <v>24335</v>
      </c>
      <c r="R7914" s="5" t="s">
        <v>40</v>
      </c>
      <c r="S7914" s="5" t="s">
        <v>42</v>
      </c>
      <c r="T7914" s="2">
        <v>16.829999999999998</v>
      </c>
      <c r="U7914" s="2">
        <v>14.428000000000001</v>
      </c>
      <c r="V7914" s="2">
        <v>156.19999999999999</v>
      </c>
      <c r="W7914" s="2">
        <v>18.100000000000001</v>
      </c>
      <c r="X7914" s="2">
        <v>49.1</v>
      </c>
      <c r="Y7914" s="5">
        <v>156.19999999999999</v>
      </c>
      <c r="Z7914" s="5">
        <v>12</v>
      </c>
      <c r="AA7914" s="5" t="s">
        <v>43</v>
      </c>
      <c r="AB7914" s="5" t="s">
        <v>735</v>
      </c>
      <c r="AC7914" s="29" t="s">
        <v>107826</v>
      </c>
      <c r="AD7914" s="1"/>
    </row>
    <row r="7915" spans="1:30">
      <c r="A7915" s="5" t="s">
        <v>83578</v>
      </c>
      <c r="B7915" s="30" t="s">
        <v>107869</v>
      </c>
      <c r="C7915" s="14" t="s">
        <v>107870</v>
      </c>
      <c r="D7915" s="2" t="s">
        <v>107871</v>
      </c>
      <c r="E7915" s="8" t="s">
        <v>79740</v>
      </c>
      <c r="F7915" s="8">
        <v>783</v>
      </c>
      <c r="G7915" s="5">
        <v>10</v>
      </c>
      <c r="H7915" s="28" t="s">
        <v>79637</v>
      </c>
      <c r="I7915" s="5" t="s">
        <v>79638</v>
      </c>
      <c r="J7915" s="5" t="s">
        <v>79639</v>
      </c>
      <c r="K7915" s="5" t="s">
        <v>79638</v>
      </c>
      <c r="L7915" s="5" t="s">
        <v>79639</v>
      </c>
      <c r="M7915" s="5" t="s">
        <v>79640</v>
      </c>
      <c r="N7915" s="5" t="s">
        <v>38</v>
      </c>
      <c r="O7915" s="5" t="s">
        <v>39</v>
      </c>
      <c r="P7915" s="5" t="s">
        <v>40</v>
      </c>
      <c r="Q7915" s="5" t="s">
        <v>24335</v>
      </c>
      <c r="R7915" s="5" t="s">
        <v>40</v>
      </c>
      <c r="S7915" s="5" t="s">
        <v>42</v>
      </c>
      <c r="T7915" s="2">
        <v>16.684000000000001</v>
      </c>
      <c r="U7915" s="2">
        <v>14.272</v>
      </c>
      <c r="V7915" s="2">
        <v>156.19999999999999</v>
      </c>
      <c r="W7915" s="2">
        <v>18.100000000000001</v>
      </c>
      <c r="X7915" s="2">
        <v>49.1</v>
      </c>
      <c r="Y7915" s="5">
        <v>156.19999999999999</v>
      </c>
      <c r="Z7915" s="5">
        <v>12</v>
      </c>
      <c r="AA7915" s="5" t="s">
        <v>43</v>
      </c>
      <c r="AB7915" s="5" t="s">
        <v>735</v>
      </c>
      <c r="AC7915" s="29" t="s">
        <v>107822</v>
      </c>
      <c r="AD7915" s="1"/>
    </row>
    <row r="7916" spans="1:30">
      <c r="A7916" s="5" t="s">
        <v>83578</v>
      </c>
      <c r="B7916" s="30" t="s">
        <v>107872</v>
      </c>
      <c r="C7916" s="14" t="s">
        <v>107873</v>
      </c>
      <c r="D7916" s="2" t="s">
        <v>107874</v>
      </c>
      <c r="E7916" s="8" t="s">
        <v>79778</v>
      </c>
      <c r="F7916" s="8">
        <v>922</v>
      </c>
      <c r="G7916" s="5">
        <v>10</v>
      </c>
      <c r="H7916" s="28" t="s">
        <v>79637</v>
      </c>
      <c r="I7916" s="5" t="s">
        <v>79638</v>
      </c>
      <c r="J7916" s="5" t="s">
        <v>79639</v>
      </c>
      <c r="K7916" s="5" t="s">
        <v>79638</v>
      </c>
      <c r="L7916" s="5" t="s">
        <v>79639</v>
      </c>
      <c r="M7916" s="5" t="s">
        <v>79640</v>
      </c>
      <c r="N7916" s="5" t="s">
        <v>38</v>
      </c>
      <c r="O7916" s="5" t="s">
        <v>39</v>
      </c>
      <c r="P7916" s="5" t="s">
        <v>40</v>
      </c>
      <c r="Q7916" s="5" t="s">
        <v>24335</v>
      </c>
      <c r="R7916" s="5" t="s">
        <v>40</v>
      </c>
      <c r="S7916" s="5" t="s">
        <v>42</v>
      </c>
      <c r="T7916" s="2">
        <v>18.242000000000001</v>
      </c>
      <c r="U7916" s="2">
        <v>15.83</v>
      </c>
      <c r="V7916" s="2">
        <v>156.19999999999999</v>
      </c>
      <c r="W7916" s="2">
        <v>18.100000000000001</v>
      </c>
      <c r="X7916" s="2">
        <v>49.1</v>
      </c>
      <c r="Y7916" s="5">
        <v>156.19999999999999</v>
      </c>
      <c r="Z7916" s="5">
        <v>12</v>
      </c>
      <c r="AA7916" s="5" t="s">
        <v>43</v>
      </c>
      <c r="AB7916" s="5" t="s">
        <v>735</v>
      </c>
      <c r="AC7916" s="29" t="s">
        <v>107826</v>
      </c>
      <c r="AD7916" s="1"/>
    </row>
    <row r="7917" spans="1:30">
      <c r="A7917" s="5" t="s">
        <v>83578</v>
      </c>
      <c r="B7917" s="30" t="s">
        <v>107875</v>
      </c>
      <c r="C7917" s="14" t="s">
        <v>107876</v>
      </c>
      <c r="D7917" s="2" t="s">
        <v>107877</v>
      </c>
      <c r="E7917" s="8" t="s">
        <v>79740</v>
      </c>
      <c r="F7917" s="8">
        <v>742</v>
      </c>
      <c r="G7917" s="5">
        <v>10</v>
      </c>
      <c r="H7917" s="28" t="s">
        <v>79637</v>
      </c>
      <c r="I7917" s="5" t="s">
        <v>79638</v>
      </c>
      <c r="J7917" s="5" t="s">
        <v>79639</v>
      </c>
      <c r="K7917" s="5" t="s">
        <v>79638</v>
      </c>
      <c r="L7917" s="5" t="s">
        <v>79639</v>
      </c>
      <c r="M7917" s="5" t="s">
        <v>79640</v>
      </c>
      <c r="N7917" s="5" t="s">
        <v>38</v>
      </c>
      <c r="O7917" s="5" t="s">
        <v>39</v>
      </c>
      <c r="P7917" s="5" t="s">
        <v>40</v>
      </c>
      <c r="Q7917" s="5" t="s">
        <v>24335</v>
      </c>
      <c r="R7917" s="5" t="s">
        <v>40</v>
      </c>
      <c r="S7917" s="5" t="s">
        <v>42</v>
      </c>
      <c r="T7917" s="2">
        <v>13.846</v>
      </c>
      <c r="U7917" s="2">
        <v>11.680999999999999</v>
      </c>
      <c r="V7917" s="2">
        <v>134.19999999999999</v>
      </c>
      <c r="W7917" s="2">
        <v>18.100000000000001</v>
      </c>
      <c r="X7917" s="2">
        <v>49.1</v>
      </c>
      <c r="Y7917" s="5">
        <v>134.19999999999999</v>
      </c>
      <c r="Z7917" s="5">
        <v>12</v>
      </c>
      <c r="AA7917" s="5" t="s">
        <v>43</v>
      </c>
      <c r="AB7917" s="5" t="s">
        <v>735</v>
      </c>
      <c r="AC7917" s="29" t="s">
        <v>107822</v>
      </c>
      <c r="AD7917" s="1"/>
    </row>
    <row r="7918" spans="1:30">
      <c r="A7918" s="5" t="s">
        <v>83578</v>
      </c>
      <c r="B7918" s="30" t="s">
        <v>107878</v>
      </c>
      <c r="C7918" s="14" t="s">
        <v>107879</v>
      </c>
      <c r="D7918" s="2" t="s">
        <v>107880</v>
      </c>
      <c r="E7918" s="8" t="s">
        <v>79740</v>
      </c>
      <c r="F7918" s="8">
        <v>804</v>
      </c>
      <c r="G7918" s="5">
        <v>5</v>
      </c>
      <c r="H7918" s="28" t="s">
        <v>79637</v>
      </c>
      <c r="I7918" s="5" t="s">
        <v>79638</v>
      </c>
      <c r="J7918" s="5" t="s">
        <v>79639</v>
      </c>
      <c r="K7918" s="5" t="s">
        <v>79638</v>
      </c>
      <c r="L7918" s="5" t="s">
        <v>79639</v>
      </c>
      <c r="M7918" s="5" t="s">
        <v>79640</v>
      </c>
      <c r="N7918" s="5" t="s">
        <v>38</v>
      </c>
      <c r="O7918" s="5" t="s">
        <v>39</v>
      </c>
      <c r="P7918" s="5" t="s">
        <v>40</v>
      </c>
      <c r="Q7918" s="5" t="s">
        <v>24335</v>
      </c>
      <c r="R7918" s="5" t="s">
        <v>40</v>
      </c>
      <c r="S7918" s="5" t="s">
        <v>42</v>
      </c>
      <c r="T7918" s="2">
        <v>17.013000000000002</v>
      </c>
      <c r="U7918" s="2">
        <v>14.589</v>
      </c>
      <c r="V7918" s="2">
        <v>156.19999999999999</v>
      </c>
      <c r="W7918" s="2">
        <v>18.100000000000001</v>
      </c>
      <c r="X7918" s="2">
        <v>49.1</v>
      </c>
      <c r="Y7918" s="5">
        <v>156.19999999999999</v>
      </c>
      <c r="Z7918" s="5">
        <v>12</v>
      </c>
      <c r="AA7918" s="5" t="s">
        <v>43</v>
      </c>
      <c r="AB7918" s="5" t="s">
        <v>735</v>
      </c>
      <c r="AC7918" s="29" t="s">
        <v>107822</v>
      </c>
      <c r="AD7918" s="1"/>
    </row>
    <row r="7919" spans="1:30">
      <c r="A7919" s="5" t="s">
        <v>83578</v>
      </c>
      <c r="B7919" s="30" t="s">
        <v>107881</v>
      </c>
      <c r="C7919" s="14" t="s">
        <v>107882</v>
      </c>
      <c r="D7919" s="2" t="s">
        <v>107883</v>
      </c>
      <c r="E7919" s="8" t="s">
        <v>79778</v>
      </c>
      <c r="F7919" s="8">
        <v>948</v>
      </c>
      <c r="G7919" s="5">
        <v>10</v>
      </c>
      <c r="H7919" s="28" t="s">
        <v>79637</v>
      </c>
      <c r="I7919" s="5" t="s">
        <v>79638</v>
      </c>
      <c r="J7919" s="5" t="s">
        <v>79639</v>
      </c>
      <c r="K7919" s="5" t="s">
        <v>79638</v>
      </c>
      <c r="L7919" s="5" t="s">
        <v>79639</v>
      </c>
      <c r="M7919" s="5" t="s">
        <v>79640</v>
      </c>
      <c r="N7919" s="5" t="s">
        <v>38</v>
      </c>
      <c r="O7919" s="5" t="s">
        <v>39</v>
      </c>
      <c r="P7919" s="5" t="s">
        <v>40</v>
      </c>
      <c r="Q7919" s="5" t="s">
        <v>24335</v>
      </c>
      <c r="R7919" s="5" t="s">
        <v>40</v>
      </c>
      <c r="S7919" s="5" t="s">
        <v>42</v>
      </c>
      <c r="T7919" s="2">
        <v>18.349</v>
      </c>
      <c r="U7919" s="2">
        <v>15.925000000000001</v>
      </c>
      <c r="V7919" s="2">
        <v>156.19999999999999</v>
      </c>
      <c r="W7919" s="2">
        <v>18.100000000000001</v>
      </c>
      <c r="X7919" s="2">
        <v>49.1</v>
      </c>
      <c r="Y7919" s="5">
        <v>156.19999999999999</v>
      </c>
      <c r="Z7919" s="5">
        <v>12</v>
      </c>
      <c r="AA7919" s="5" t="s">
        <v>43</v>
      </c>
      <c r="AB7919" s="5" t="s">
        <v>735</v>
      </c>
      <c r="AC7919" s="29" t="s">
        <v>107826</v>
      </c>
      <c r="AD7919" s="1"/>
    </row>
    <row r="7920" spans="1:30">
      <c r="A7920" s="5" t="s">
        <v>83578</v>
      </c>
      <c r="B7920" s="30" t="s">
        <v>107884</v>
      </c>
      <c r="C7920" s="14" t="s">
        <v>107885</v>
      </c>
      <c r="D7920" s="2" t="s">
        <v>107886</v>
      </c>
      <c r="E7920" s="8" t="s">
        <v>79740</v>
      </c>
      <c r="F7920" s="8">
        <v>841</v>
      </c>
      <c r="G7920" s="5">
        <v>5</v>
      </c>
      <c r="H7920" s="28" t="s">
        <v>79637</v>
      </c>
      <c r="I7920" s="5" t="s">
        <v>79638</v>
      </c>
      <c r="J7920" s="5" t="s">
        <v>79639</v>
      </c>
      <c r="K7920" s="5" t="s">
        <v>79638</v>
      </c>
      <c r="L7920" s="5" t="s">
        <v>79639</v>
      </c>
      <c r="M7920" s="5" t="s">
        <v>79640</v>
      </c>
      <c r="N7920" s="5" t="s">
        <v>38</v>
      </c>
      <c r="O7920" s="5" t="s">
        <v>39</v>
      </c>
      <c r="P7920" s="5" t="s">
        <v>40</v>
      </c>
      <c r="Q7920" s="5" t="s">
        <v>24335</v>
      </c>
      <c r="R7920" s="5" t="s">
        <v>40</v>
      </c>
      <c r="S7920" s="5" t="s">
        <v>42</v>
      </c>
      <c r="T7920" s="2">
        <v>18.331</v>
      </c>
      <c r="U7920" s="2">
        <v>15.897</v>
      </c>
      <c r="V7920" s="2">
        <v>156.19999999999999</v>
      </c>
      <c r="W7920" s="2">
        <v>18.100000000000001</v>
      </c>
      <c r="X7920" s="2">
        <v>49.1</v>
      </c>
      <c r="Y7920" s="5">
        <v>156.19999999999999</v>
      </c>
      <c r="Z7920" s="5">
        <v>12</v>
      </c>
      <c r="AA7920" s="5" t="s">
        <v>43</v>
      </c>
      <c r="AB7920" s="5" t="s">
        <v>735</v>
      </c>
      <c r="AC7920" s="29" t="s">
        <v>107822</v>
      </c>
      <c r="AD7920" s="1"/>
    </row>
    <row r="7921" spans="1:30">
      <c r="A7921" s="5" t="s">
        <v>83578</v>
      </c>
      <c r="B7921" s="30" t="s">
        <v>107887</v>
      </c>
      <c r="C7921" s="14" t="s">
        <v>107888</v>
      </c>
      <c r="D7921" s="2" t="s">
        <v>107889</v>
      </c>
      <c r="E7921" s="8" t="s">
        <v>79778</v>
      </c>
      <c r="F7921" s="8">
        <v>993</v>
      </c>
      <c r="G7921" s="5">
        <v>10</v>
      </c>
      <c r="H7921" s="28" t="s">
        <v>79637</v>
      </c>
      <c r="I7921" s="5" t="s">
        <v>79638</v>
      </c>
      <c r="J7921" s="5" t="s">
        <v>79639</v>
      </c>
      <c r="K7921" s="5" t="s">
        <v>79638</v>
      </c>
      <c r="L7921" s="5" t="s">
        <v>79639</v>
      </c>
      <c r="M7921" s="5" t="s">
        <v>79640</v>
      </c>
      <c r="N7921" s="5" t="s">
        <v>38</v>
      </c>
      <c r="O7921" s="5" t="s">
        <v>39</v>
      </c>
      <c r="P7921" s="5" t="s">
        <v>40</v>
      </c>
      <c r="Q7921" s="5" t="s">
        <v>24335</v>
      </c>
      <c r="R7921" s="5" t="s">
        <v>40</v>
      </c>
      <c r="S7921" s="5" t="s">
        <v>42</v>
      </c>
      <c r="T7921" s="2">
        <v>19.888999999999999</v>
      </c>
      <c r="U7921" s="2">
        <v>17.454999999999998</v>
      </c>
      <c r="V7921" s="2">
        <v>156.19999999999999</v>
      </c>
      <c r="W7921" s="2">
        <v>18.100000000000001</v>
      </c>
      <c r="X7921" s="2">
        <v>49.1</v>
      </c>
      <c r="Y7921" s="5">
        <v>156.19999999999999</v>
      </c>
      <c r="Z7921" s="5">
        <v>12</v>
      </c>
      <c r="AA7921" s="5" t="s">
        <v>43</v>
      </c>
      <c r="AB7921" s="5" t="s">
        <v>735</v>
      </c>
      <c r="AC7921" s="29" t="s">
        <v>107826</v>
      </c>
      <c r="AD7921" s="1"/>
    </row>
    <row r="7922" spans="1:30">
      <c r="A7922" s="5" t="s">
        <v>83578</v>
      </c>
      <c r="B7922" s="30" t="s">
        <v>107890</v>
      </c>
      <c r="C7922" s="14" t="s">
        <v>107891</v>
      </c>
      <c r="D7922" s="2" t="s">
        <v>107892</v>
      </c>
      <c r="E7922" s="8" t="s">
        <v>79740</v>
      </c>
      <c r="F7922" s="8">
        <v>878</v>
      </c>
      <c r="G7922" s="5">
        <v>10</v>
      </c>
      <c r="H7922" s="28" t="s">
        <v>79637</v>
      </c>
      <c r="I7922" s="5" t="s">
        <v>79638</v>
      </c>
      <c r="J7922" s="5" t="s">
        <v>79639</v>
      </c>
      <c r="K7922" s="5" t="s">
        <v>79638</v>
      </c>
      <c r="L7922" s="5" t="s">
        <v>79639</v>
      </c>
      <c r="M7922" s="5" t="s">
        <v>79640</v>
      </c>
      <c r="N7922" s="5" t="s">
        <v>38</v>
      </c>
      <c r="O7922" s="5" t="s">
        <v>39</v>
      </c>
      <c r="P7922" s="5" t="s">
        <v>40</v>
      </c>
      <c r="Q7922" s="5" t="s">
        <v>24335</v>
      </c>
      <c r="R7922" s="5" t="s">
        <v>40</v>
      </c>
      <c r="S7922" s="5" t="s">
        <v>42</v>
      </c>
      <c r="T7922" s="2">
        <v>19.942</v>
      </c>
      <c r="U7922" s="2">
        <v>17.055</v>
      </c>
      <c r="V7922" s="2">
        <v>192.4</v>
      </c>
      <c r="W7922" s="2">
        <v>18.100000000000001</v>
      </c>
      <c r="X7922" s="2">
        <v>49.1</v>
      </c>
      <c r="Y7922" s="5">
        <v>192.4</v>
      </c>
      <c r="Z7922" s="5">
        <v>12</v>
      </c>
      <c r="AA7922" s="5" t="s">
        <v>43</v>
      </c>
      <c r="AB7922" s="5" t="s">
        <v>735</v>
      </c>
      <c r="AC7922" s="29" t="s">
        <v>107822</v>
      </c>
      <c r="AD7922" s="1"/>
    </row>
    <row r="7923" spans="1:30">
      <c r="A7923" s="5" t="s">
        <v>83578</v>
      </c>
      <c r="B7923" s="30" t="s">
        <v>107893</v>
      </c>
      <c r="C7923" s="14" t="s">
        <v>107894</v>
      </c>
      <c r="D7923" s="2" t="s">
        <v>107895</v>
      </c>
      <c r="E7923" s="8" t="s">
        <v>79778</v>
      </c>
      <c r="F7923" s="8">
        <v>1038</v>
      </c>
      <c r="G7923" s="5">
        <v>10</v>
      </c>
      <c r="H7923" s="28" t="s">
        <v>79637</v>
      </c>
      <c r="I7923" s="5" t="s">
        <v>79638</v>
      </c>
      <c r="J7923" s="5" t="s">
        <v>79639</v>
      </c>
      <c r="K7923" s="5" t="s">
        <v>79638</v>
      </c>
      <c r="L7923" s="5" t="s">
        <v>79639</v>
      </c>
      <c r="M7923" s="5" t="s">
        <v>79640</v>
      </c>
      <c r="N7923" s="5" t="s">
        <v>38</v>
      </c>
      <c r="O7923" s="5" t="s">
        <v>39</v>
      </c>
      <c r="P7923" s="5" t="s">
        <v>40</v>
      </c>
      <c r="Q7923" s="5" t="s">
        <v>24335</v>
      </c>
      <c r="R7923" s="5" t="s">
        <v>40</v>
      </c>
      <c r="S7923" s="5" t="s">
        <v>42</v>
      </c>
      <c r="T7923" s="2">
        <v>21.724</v>
      </c>
      <c r="U7923" s="2">
        <v>18.837</v>
      </c>
      <c r="V7923" s="2">
        <v>192.4</v>
      </c>
      <c r="W7923" s="2">
        <v>18.100000000000001</v>
      </c>
      <c r="X7923" s="2">
        <v>49.1</v>
      </c>
      <c r="Y7923" s="5">
        <v>192.4</v>
      </c>
      <c r="Z7923" s="5">
        <v>12</v>
      </c>
      <c r="AA7923" s="5" t="s">
        <v>43</v>
      </c>
      <c r="AB7923" s="5" t="s">
        <v>735</v>
      </c>
      <c r="AC7923" s="29" t="s">
        <v>107826</v>
      </c>
      <c r="AD7923" s="1"/>
    </row>
    <row r="7924" spans="1:30">
      <c r="A7924" s="5" t="s">
        <v>83578</v>
      </c>
      <c r="B7924" s="30" t="s">
        <v>107896</v>
      </c>
      <c r="C7924" s="14" t="s">
        <v>107897</v>
      </c>
      <c r="D7924" s="2" t="s">
        <v>107898</v>
      </c>
      <c r="E7924" s="8" t="s">
        <v>79740</v>
      </c>
      <c r="F7924" s="8">
        <v>799</v>
      </c>
      <c r="G7924" s="5">
        <v>10</v>
      </c>
      <c r="H7924" s="28" t="s">
        <v>79637</v>
      </c>
      <c r="I7924" s="5" t="s">
        <v>79638</v>
      </c>
      <c r="J7924" s="5" t="s">
        <v>79639</v>
      </c>
      <c r="K7924" s="5" t="s">
        <v>79638</v>
      </c>
      <c r="L7924" s="5" t="s">
        <v>79639</v>
      </c>
      <c r="M7924" s="5" t="s">
        <v>79640</v>
      </c>
      <c r="N7924" s="5" t="s">
        <v>38</v>
      </c>
      <c r="O7924" s="5" t="s">
        <v>39</v>
      </c>
      <c r="P7924" s="5" t="s">
        <v>40</v>
      </c>
      <c r="Q7924" s="5" t="s">
        <v>24335</v>
      </c>
      <c r="R7924" s="5" t="s">
        <v>40</v>
      </c>
      <c r="S7924" s="5" t="s">
        <v>42</v>
      </c>
      <c r="T7924" s="2">
        <v>15.465</v>
      </c>
      <c r="U7924" s="2">
        <v>13.105</v>
      </c>
      <c r="V7924" s="2">
        <v>156.19999999999999</v>
      </c>
      <c r="W7924" s="2">
        <v>18.100000000000001</v>
      </c>
      <c r="X7924" s="2">
        <v>49.1</v>
      </c>
      <c r="Y7924" s="5">
        <v>156.19999999999999</v>
      </c>
      <c r="Z7924" s="5">
        <v>12</v>
      </c>
      <c r="AA7924" s="5" t="s">
        <v>43</v>
      </c>
      <c r="AB7924" s="5" t="s">
        <v>735</v>
      </c>
      <c r="AC7924" s="29" t="s">
        <v>107822</v>
      </c>
      <c r="AD7924" s="1"/>
    </row>
    <row r="7925" spans="1:30">
      <c r="A7925" s="5" t="s">
        <v>83578</v>
      </c>
      <c r="B7925" s="30" t="s">
        <v>107899</v>
      </c>
      <c r="C7925" s="14" t="s">
        <v>107900</v>
      </c>
      <c r="D7925" s="2" t="s">
        <v>107901</v>
      </c>
      <c r="E7925" s="8" t="s">
        <v>79740</v>
      </c>
      <c r="F7925" s="8">
        <v>925</v>
      </c>
      <c r="G7925" s="5">
        <v>10</v>
      </c>
      <c r="H7925" s="28" t="s">
        <v>79637</v>
      </c>
      <c r="I7925" s="5" t="s">
        <v>79638</v>
      </c>
      <c r="J7925" s="5" t="s">
        <v>79639</v>
      </c>
      <c r="K7925" s="5" t="s">
        <v>79638</v>
      </c>
      <c r="L7925" s="5" t="s">
        <v>79639</v>
      </c>
      <c r="M7925" s="5" t="s">
        <v>79640</v>
      </c>
      <c r="N7925" s="5" t="s">
        <v>38</v>
      </c>
      <c r="O7925" s="5" t="s">
        <v>39</v>
      </c>
      <c r="P7925" s="5" t="s">
        <v>40</v>
      </c>
      <c r="Q7925" s="5" t="s">
        <v>24335</v>
      </c>
      <c r="R7925" s="5" t="s">
        <v>40</v>
      </c>
      <c r="S7925" s="5" t="s">
        <v>42</v>
      </c>
      <c r="T7925" s="2">
        <v>17.581</v>
      </c>
      <c r="U7925" s="2">
        <v>15.026</v>
      </c>
      <c r="V7925" s="2">
        <v>172.4</v>
      </c>
      <c r="W7925" s="2">
        <v>18.100000000000001</v>
      </c>
      <c r="X7925" s="2">
        <v>49.1</v>
      </c>
      <c r="Y7925" s="5">
        <v>172.4</v>
      </c>
      <c r="Z7925" s="5">
        <v>12</v>
      </c>
      <c r="AA7925" s="5" t="s">
        <v>43</v>
      </c>
      <c r="AB7925" s="5" t="s">
        <v>735</v>
      </c>
      <c r="AC7925" s="29" t="s">
        <v>107822</v>
      </c>
      <c r="AD7925" s="1"/>
    </row>
    <row r="7926" spans="1:30">
      <c r="A7926" s="5" t="s">
        <v>83578</v>
      </c>
      <c r="B7926" s="30" t="s">
        <v>107902</v>
      </c>
      <c r="C7926" s="14" t="s">
        <v>107903</v>
      </c>
      <c r="D7926" s="2" t="s">
        <v>107904</v>
      </c>
      <c r="E7926" s="8" t="s">
        <v>79740</v>
      </c>
      <c r="F7926" s="8">
        <v>904</v>
      </c>
      <c r="G7926" s="5">
        <v>10</v>
      </c>
      <c r="H7926" s="28" t="s">
        <v>79637</v>
      </c>
      <c r="I7926" s="5" t="s">
        <v>79638</v>
      </c>
      <c r="J7926" s="5" t="s">
        <v>79639</v>
      </c>
      <c r="K7926" s="5" t="s">
        <v>79638</v>
      </c>
      <c r="L7926" s="5" t="s">
        <v>79639</v>
      </c>
      <c r="M7926" s="5" t="s">
        <v>79640</v>
      </c>
      <c r="N7926" s="5" t="s">
        <v>38</v>
      </c>
      <c r="O7926" s="5" t="s">
        <v>39</v>
      </c>
      <c r="P7926" s="5" t="s">
        <v>40</v>
      </c>
      <c r="Q7926" s="5" t="s">
        <v>24335</v>
      </c>
      <c r="R7926" s="5" t="s">
        <v>40</v>
      </c>
      <c r="S7926" s="5" t="s">
        <v>42</v>
      </c>
      <c r="T7926" s="2">
        <v>20.12</v>
      </c>
      <c r="U7926" s="2">
        <v>17.468</v>
      </c>
      <c r="V7926" s="2">
        <v>172.4</v>
      </c>
      <c r="W7926" s="2">
        <v>18.100000000000001</v>
      </c>
      <c r="X7926" s="2">
        <v>49.1</v>
      </c>
      <c r="Y7926" s="5">
        <v>172.4</v>
      </c>
      <c r="Z7926" s="5">
        <v>12</v>
      </c>
      <c r="AA7926" s="5" t="s">
        <v>43</v>
      </c>
      <c r="AB7926" s="5" t="s">
        <v>735</v>
      </c>
      <c r="AC7926" s="29" t="s">
        <v>107822</v>
      </c>
      <c r="AD7926" s="1"/>
    </row>
    <row r="7927" spans="1:30">
      <c r="A7927" s="5" t="s">
        <v>83578</v>
      </c>
      <c r="B7927" s="30" t="s">
        <v>107905</v>
      </c>
      <c r="C7927" s="14" t="s">
        <v>107906</v>
      </c>
      <c r="D7927" s="2" t="s">
        <v>107907</v>
      </c>
      <c r="E7927" s="8" t="s">
        <v>79778</v>
      </c>
      <c r="F7927" s="8">
        <v>1070</v>
      </c>
      <c r="G7927" s="5">
        <v>10</v>
      </c>
      <c r="H7927" s="28" t="s">
        <v>79637</v>
      </c>
      <c r="I7927" s="5" t="s">
        <v>79638</v>
      </c>
      <c r="J7927" s="5" t="s">
        <v>79639</v>
      </c>
      <c r="K7927" s="5" t="s">
        <v>79638</v>
      </c>
      <c r="L7927" s="5" t="s">
        <v>79639</v>
      </c>
      <c r="M7927" s="5" t="s">
        <v>79640</v>
      </c>
      <c r="N7927" s="5" t="s">
        <v>38</v>
      </c>
      <c r="O7927" s="5" t="s">
        <v>39</v>
      </c>
      <c r="P7927" s="5" t="s">
        <v>40</v>
      </c>
      <c r="Q7927" s="5" t="s">
        <v>24335</v>
      </c>
      <c r="R7927" s="5" t="s">
        <v>40</v>
      </c>
      <c r="S7927" s="5" t="s">
        <v>42</v>
      </c>
      <c r="T7927" s="2">
        <v>21.678000000000001</v>
      </c>
      <c r="U7927" s="2">
        <v>19.026</v>
      </c>
      <c r="V7927" s="2">
        <v>172.4</v>
      </c>
      <c r="W7927" s="2">
        <v>18.100000000000001</v>
      </c>
      <c r="X7927" s="2">
        <v>49.1</v>
      </c>
      <c r="Y7927" s="5">
        <v>172.4</v>
      </c>
      <c r="Z7927" s="5">
        <v>12</v>
      </c>
      <c r="AA7927" s="5" t="s">
        <v>43</v>
      </c>
      <c r="AB7927" s="5" t="s">
        <v>735</v>
      </c>
      <c r="AC7927" s="29" t="s">
        <v>107826</v>
      </c>
      <c r="AD7927" s="1"/>
    </row>
    <row r="7928" spans="1:30">
      <c r="A7928" s="5" t="s">
        <v>83578</v>
      </c>
      <c r="B7928" s="30" t="s">
        <v>107908</v>
      </c>
      <c r="C7928" s="14" t="s">
        <v>107909</v>
      </c>
      <c r="D7928" s="2" t="s">
        <v>107910</v>
      </c>
      <c r="E7928" s="8" t="s">
        <v>79740</v>
      </c>
      <c r="F7928" s="8">
        <v>946</v>
      </c>
      <c r="G7928" s="5">
        <v>10</v>
      </c>
      <c r="H7928" s="28" t="s">
        <v>79637</v>
      </c>
      <c r="I7928" s="5" t="s">
        <v>79638</v>
      </c>
      <c r="J7928" s="5" t="s">
        <v>79639</v>
      </c>
      <c r="K7928" s="5" t="s">
        <v>79638</v>
      </c>
      <c r="L7928" s="5" t="s">
        <v>79639</v>
      </c>
      <c r="M7928" s="5" t="s">
        <v>79640</v>
      </c>
      <c r="N7928" s="5" t="s">
        <v>38</v>
      </c>
      <c r="O7928" s="5" t="s">
        <v>39</v>
      </c>
      <c r="P7928" s="5" t="s">
        <v>40</v>
      </c>
      <c r="Q7928" s="5" t="s">
        <v>24335</v>
      </c>
      <c r="R7928" s="5" t="s">
        <v>40</v>
      </c>
      <c r="S7928" s="5" t="s">
        <v>42</v>
      </c>
      <c r="T7928" s="2">
        <v>21.638000000000002</v>
      </c>
      <c r="U7928" s="2">
        <v>18.728000000000002</v>
      </c>
      <c r="V7928" s="2">
        <v>192.4</v>
      </c>
      <c r="W7928" s="2">
        <v>18.100000000000001</v>
      </c>
      <c r="X7928" s="2">
        <v>49.1</v>
      </c>
      <c r="Y7928" s="5">
        <v>192.4</v>
      </c>
      <c r="Z7928" s="5">
        <v>12</v>
      </c>
      <c r="AA7928" s="5" t="s">
        <v>43</v>
      </c>
      <c r="AB7928" s="5" t="s">
        <v>735</v>
      </c>
      <c r="AC7928" s="29" t="s">
        <v>107822</v>
      </c>
      <c r="AD7928" s="1"/>
    </row>
    <row r="7929" spans="1:30">
      <c r="A7929" s="5" t="s">
        <v>83578</v>
      </c>
      <c r="B7929" s="30" t="s">
        <v>107911</v>
      </c>
      <c r="C7929" s="14" t="s">
        <v>107912</v>
      </c>
      <c r="D7929" s="2" t="s">
        <v>107913</v>
      </c>
      <c r="E7929" s="8" t="s">
        <v>79778</v>
      </c>
      <c r="F7929" s="8">
        <v>1121</v>
      </c>
      <c r="G7929" s="5">
        <v>10</v>
      </c>
      <c r="H7929" s="28" t="s">
        <v>79637</v>
      </c>
      <c r="I7929" s="5" t="s">
        <v>79638</v>
      </c>
      <c r="J7929" s="5" t="s">
        <v>79639</v>
      </c>
      <c r="K7929" s="5" t="s">
        <v>79638</v>
      </c>
      <c r="L7929" s="5" t="s">
        <v>79639</v>
      </c>
      <c r="M7929" s="5" t="s">
        <v>79640</v>
      </c>
      <c r="N7929" s="5" t="s">
        <v>38</v>
      </c>
      <c r="O7929" s="5" t="s">
        <v>39</v>
      </c>
      <c r="P7929" s="5" t="s">
        <v>40</v>
      </c>
      <c r="Q7929" s="5" t="s">
        <v>24335</v>
      </c>
      <c r="R7929" s="5" t="s">
        <v>40</v>
      </c>
      <c r="S7929" s="5" t="s">
        <v>42</v>
      </c>
      <c r="T7929" s="2">
        <v>23.42</v>
      </c>
      <c r="U7929" s="2">
        <v>20.51</v>
      </c>
      <c r="V7929" s="2">
        <v>192.4</v>
      </c>
      <c r="W7929" s="2">
        <v>18.100000000000001</v>
      </c>
      <c r="X7929" s="2">
        <v>49.1</v>
      </c>
      <c r="Y7929" s="5">
        <v>192.4</v>
      </c>
      <c r="Z7929" s="5">
        <v>12</v>
      </c>
      <c r="AA7929" s="5" t="s">
        <v>43</v>
      </c>
      <c r="AB7929" s="5" t="s">
        <v>735</v>
      </c>
      <c r="AC7929" s="29" t="s">
        <v>107826</v>
      </c>
      <c r="AD7929" s="1"/>
    </row>
    <row r="7930" spans="1:30">
      <c r="A7930" s="5" t="s">
        <v>83578</v>
      </c>
      <c r="B7930" s="30" t="s">
        <v>107914</v>
      </c>
      <c r="C7930" s="14" t="s">
        <v>107915</v>
      </c>
      <c r="D7930" s="2" t="s">
        <v>107916</v>
      </c>
      <c r="E7930" s="8" t="s">
        <v>107917</v>
      </c>
      <c r="F7930" s="8">
        <v>2315</v>
      </c>
      <c r="G7930" s="5">
        <v>15</v>
      </c>
      <c r="H7930" s="28" t="s">
        <v>69</v>
      </c>
      <c r="I7930" s="5" t="s">
        <v>55730</v>
      </c>
      <c r="J7930" s="5" t="s">
        <v>55731</v>
      </c>
      <c r="K7930" s="5" t="s">
        <v>55730</v>
      </c>
      <c r="L7930" s="5" t="s">
        <v>55731</v>
      </c>
      <c r="M7930" s="5" t="s">
        <v>733</v>
      </c>
      <c r="N7930" s="5" t="s">
        <v>38</v>
      </c>
      <c r="O7930" s="5" t="s">
        <v>39</v>
      </c>
      <c r="P7930" s="5" t="s">
        <v>40</v>
      </c>
      <c r="Q7930" s="5" t="s">
        <v>897</v>
      </c>
      <c r="R7930" s="5" t="s">
        <v>40</v>
      </c>
      <c r="S7930" s="5" t="s">
        <v>42</v>
      </c>
      <c r="T7930" s="2">
        <v>50.101999999999997</v>
      </c>
      <c r="U7930" s="2">
        <v>44.052</v>
      </c>
      <c r="V7930" s="2">
        <v>124.8</v>
      </c>
      <c r="W7930" s="2">
        <v>19.100000000000001</v>
      </c>
      <c r="X7930" s="2">
        <v>81.3</v>
      </c>
      <c r="Y7930" s="5">
        <v>124.8</v>
      </c>
      <c r="Z7930" s="5">
        <v>5</v>
      </c>
      <c r="AA7930" s="5" t="s">
        <v>43</v>
      </c>
      <c r="AB7930" s="5" t="s">
        <v>735</v>
      </c>
      <c r="AC7930" s="29" t="s">
        <v>107918</v>
      </c>
      <c r="AD7930" s="1"/>
    </row>
    <row r="7931" spans="1:30">
      <c r="A7931" s="5" t="s">
        <v>83578</v>
      </c>
      <c r="B7931" s="30" t="s">
        <v>107919</v>
      </c>
      <c r="C7931" s="14" t="s">
        <v>107920</v>
      </c>
      <c r="D7931" s="2" t="s">
        <v>107921</v>
      </c>
      <c r="E7931" s="8" t="s">
        <v>107922</v>
      </c>
      <c r="F7931" s="8">
        <v>2315</v>
      </c>
      <c r="G7931" s="5">
        <v>15</v>
      </c>
      <c r="H7931" s="28" t="s">
        <v>69</v>
      </c>
      <c r="I7931" s="5" t="s">
        <v>55730</v>
      </c>
      <c r="J7931" s="5" t="s">
        <v>55731</v>
      </c>
      <c r="K7931" s="5" t="s">
        <v>55730</v>
      </c>
      <c r="L7931" s="5" t="s">
        <v>55731</v>
      </c>
      <c r="M7931" s="5" t="s">
        <v>733</v>
      </c>
      <c r="N7931" s="5" t="s">
        <v>38</v>
      </c>
      <c r="O7931" s="5" t="s">
        <v>39</v>
      </c>
      <c r="P7931" s="5" t="s">
        <v>40</v>
      </c>
      <c r="Q7931" s="5" t="s">
        <v>897</v>
      </c>
      <c r="R7931" s="5" t="s">
        <v>40</v>
      </c>
      <c r="S7931" s="5" t="s">
        <v>42</v>
      </c>
      <c r="T7931" s="2">
        <v>49.037999999999997</v>
      </c>
      <c r="U7931" s="2">
        <v>42.988</v>
      </c>
      <c r="V7931" s="2">
        <v>124.8</v>
      </c>
      <c r="W7931" s="2">
        <v>19.100000000000001</v>
      </c>
      <c r="X7931" s="2">
        <v>81.3</v>
      </c>
      <c r="Y7931" s="5">
        <v>124.8</v>
      </c>
      <c r="Z7931" s="5">
        <v>5</v>
      </c>
      <c r="AA7931" s="5" t="s">
        <v>43</v>
      </c>
      <c r="AB7931" s="5" t="s">
        <v>735</v>
      </c>
      <c r="AC7931" s="29" t="s">
        <v>107923</v>
      </c>
      <c r="AD7931" s="1"/>
    </row>
    <row r="7932" spans="1:30">
      <c r="A7932" s="5" t="s">
        <v>83578</v>
      </c>
      <c r="B7932" s="30" t="s">
        <v>107924</v>
      </c>
      <c r="C7932" s="14" t="s">
        <v>107925</v>
      </c>
      <c r="D7932" s="2" t="s">
        <v>107926</v>
      </c>
      <c r="E7932" s="8" t="s">
        <v>107927</v>
      </c>
      <c r="F7932" s="8">
        <v>2315</v>
      </c>
      <c r="G7932" s="5">
        <v>15</v>
      </c>
      <c r="H7932" s="28" t="s">
        <v>69</v>
      </c>
      <c r="I7932" s="5" t="s">
        <v>55730</v>
      </c>
      <c r="J7932" s="5" t="s">
        <v>55731</v>
      </c>
      <c r="K7932" s="5" t="s">
        <v>55730</v>
      </c>
      <c r="L7932" s="5" t="s">
        <v>55731</v>
      </c>
      <c r="M7932" s="5" t="s">
        <v>733</v>
      </c>
      <c r="N7932" s="5" t="s">
        <v>38</v>
      </c>
      <c r="O7932" s="5" t="s">
        <v>39</v>
      </c>
      <c r="P7932" s="5" t="s">
        <v>40</v>
      </c>
      <c r="Q7932" s="5" t="s">
        <v>897</v>
      </c>
      <c r="R7932" s="5" t="s">
        <v>40</v>
      </c>
      <c r="S7932" s="5" t="s">
        <v>42</v>
      </c>
      <c r="T7932" s="2">
        <v>50.290999999999997</v>
      </c>
      <c r="U7932" s="2">
        <v>44.241</v>
      </c>
      <c r="V7932" s="2">
        <v>124.8</v>
      </c>
      <c r="W7932" s="2">
        <v>19.100000000000001</v>
      </c>
      <c r="X7932" s="2">
        <v>81.3</v>
      </c>
      <c r="Y7932" s="5">
        <v>124.8</v>
      </c>
      <c r="Z7932" s="5">
        <v>5</v>
      </c>
      <c r="AA7932" s="5" t="s">
        <v>43</v>
      </c>
      <c r="AB7932" s="5" t="s">
        <v>735</v>
      </c>
      <c r="AC7932" s="29" t="s">
        <v>107928</v>
      </c>
      <c r="AD7932" s="1"/>
    </row>
    <row r="7933" spans="1:30">
      <c r="A7933" s="5" t="s">
        <v>83578</v>
      </c>
      <c r="B7933" s="30" t="s">
        <v>107929</v>
      </c>
      <c r="C7933" s="14" t="s">
        <v>107930</v>
      </c>
      <c r="D7933" s="2" t="s">
        <v>107931</v>
      </c>
      <c r="E7933" s="8" t="s">
        <v>107917</v>
      </c>
      <c r="F7933" s="8">
        <v>2315</v>
      </c>
      <c r="G7933" s="5">
        <v>15</v>
      </c>
      <c r="H7933" s="28" t="s">
        <v>69</v>
      </c>
      <c r="I7933" s="5" t="s">
        <v>55730</v>
      </c>
      <c r="J7933" s="5" t="s">
        <v>55731</v>
      </c>
      <c r="K7933" s="5" t="s">
        <v>55730</v>
      </c>
      <c r="L7933" s="5" t="s">
        <v>55731</v>
      </c>
      <c r="M7933" s="5" t="s">
        <v>733</v>
      </c>
      <c r="N7933" s="5" t="s">
        <v>38</v>
      </c>
      <c r="O7933" s="5" t="s">
        <v>39</v>
      </c>
      <c r="P7933" s="5" t="s">
        <v>40</v>
      </c>
      <c r="Q7933" s="5" t="s">
        <v>897</v>
      </c>
      <c r="R7933" s="5" t="s">
        <v>40</v>
      </c>
      <c r="S7933" s="5" t="s">
        <v>42</v>
      </c>
      <c r="T7933" s="2">
        <v>50.101999999999997</v>
      </c>
      <c r="U7933" s="2">
        <v>44.052</v>
      </c>
      <c r="V7933" s="2">
        <v>124.8</v>
      </c>
      <c r="W7933" s="2">
        <v>19.100000000000001</v>
      </c>
      <c r="X7933" s="2">
        <v>81.3</v>
      </c>
      <c r="Y7933" s="5">
        <v>124.8</v>
      </c>
      <c r="Z7933" s="5">
        <v>5</v>
      </c>
      <c r="AA7933" s="5" t="s">
        <v>43</v>
      </c>
      <c r="AB7933" s="5" t="s">
        <v>735</v>
      </c>
      <c r="AC7933" s="29" t="s">
        <v>107932</v>
      </c>
      <c r="AD7933" s="1"/>
    </row>
    <row r="7934" spans="1:30">
      <c r="A7934" s="5" t="s">
        <v>83578</v>
      </c>
      <c r="B7934" s="30" t="s">
        <v>107933</v>
      </c>
      <c r="C7934" s="14" t="s">
        <v>107934</v>
      </c>
      <c r="D7934" s="2" t="s">
        <v>107935</v>
      </c>
      <c r="E7934" s="8" t="s">
        <v>107922</v>
      </c>
      <c r="F7934" s="8">
        <v>2315</v>
      </c>
      <c r="G7934" s="5">
        <v>15</v>
      </c>
      <c r="H7934" s="28" t="s">
        <v>69</v>
      </c>
      <c r="I7934" s="5" t="s">
        <v>55730</v>
      </c>
      <c r="J7934" s="5" t="s">
        <v>55731</v>
      </c>
      <c r="K7934" s="5" t="s">
        <v>55730</v>
      </c>
      <c r="L7934" s="5" t="s">
        <v>55731</v>
      </c>
      <c r="M7934" s="5" t="s">
        <v>733</v>
      </c>
      <c r="N7934" s="5" t="s">
        <v>38</v>
      </c>
      <c r="O7934" s="5" t="s">
        <v>39</v>
      </c>
      <c r="P7934" s="5" t="s">
        <v>40</v>
      </c>
      <c r="Q7934" s="5" t="s">
        <v>897</v>
      </c>
      <c r="R7934" s="5" t="s">
        <v>40</v>
      </c>
      <c r="S7934" s="5" t="s">
        <v>42</v>
      </c>
      <c r="T7934" s="2">
        <v>49.037999999999997</v>
      </c>
      <c r="U7934" s="2">
        <v>42.988</v>
      </c>
      <c r="V7934" s="2">
        <v>124.8</v>
      </c>
      <c r="W7934" s="2">
        <v>19.100000000000001</v>
      </c>
      <c r="X7934" s="2">
        <v>81.3</v>
      </c>
      <c r="Y7934" s="5">
        <v>124.8</v>
      </c>
      <c r="Z7934" s="5">
        <v>5</v>
      </c>
      <c r="AA7934" s="5" t="s">
        <v>43</v>
      </c>
      <c r="AB7934" s="5" t="s">
        <v>735</v>
      </c>
      <c r="AC7934" s="29" t="s">
        <v>107936</v>
      </c>
      <c r="AD7934" s="1"/>
    </row>
    <row r="7935" spans="1:30">
      <c r="A7935" s="5" t="s">
        <v>83578</v>
      </c>
      <c r="B7935" s="30" t="s">
        <v>107937</v>
      </c>
      <c r="C7935" s="14" t="s">
        <v>107938</v>
      </c>
      <c r="D7935" s="2" t="s">
        <v>107939</v>
      </c>
      <c r="E7935" s="8" t="s">
        <v>107927</v>
      </c>
      <c r="F7935" s="8">
        <v>2315</v>
      </c>
      <c r="G7935" s="5">
        <v>15</v>
      </c>
      <c r="H7935" s="28" t="s">
        <v>69</v>
      </c>
      <c r="I7935" s="5" t="s">
        <v>55730</v>
      </c>
      <c r="J7935" s="5" t="s">
        <v>55731</v>
      </c>
      <c r="K7935" s="5" t="s">
        <v>55730</v>
      </c>
      <c r="L7935" s="5" t="s">
        <v>55731</v>
      </c>
      <c r="M7935" s="5" t="s">
        <v>733</v>
      </c>
      <c r="N7935" s="5" t="s">
        <v>38</v>
      </c>
      <c r="O7935" s="5" t="s">
        <v>39</v>
      </c>
      <c r="P7935" s="5" t="s">
        <v>40</v>
      </c>
      <c r="Q7935" s="5" t="s">
        <v>897</v>
      </c>
      <c r="R7935" s="5" t="s">
        <v>40</v>
      </c>
      <c r="S7935" s="5" t="s">
        <v>42</v>
      </c>
      <c r="T7935" s="2">
        <v>50.283000000000001</v>
      </c>
      <c r="U7935" s="2">
        <v>44.232999999999997</v>
      </c>
      <c r="V7935" s="2">
        <v>124.8</v>
      </c>
      <c r="W7935" s="2">
        <v>19.100000000000001</v>
      </c>
      <c r="X7935" s="2">
        <v>81.3</v>
      </c>
      <c r="Y7935" s="5">
        <v>124.8</v>
      </c>
      <c r="Z7935" s="5">
        <v>5</v>
      </c>
      <c r="AA7935" s="5" t="s">
        <v>43</v>
      </c>
      <c r="AB7935" s="5" t="s">
        <v>735</v>
      </c>
      <c r="AC7935" s="29" t="s">
        <v>107940</v>
      </c>
      <c r="AD7935" s="1"/>
    </row>
    <row r="7936" spans="1:30">
      <c r="A7936" s="5" t="s">
        <v>83578</v>
      </c>
      <c r="B7936" s="30" t="s">
        <v>107941</v>
      </c>
      <c r="C7936" s="14" t="s">
        <v>107942</v>
      </c>
      <c r="D7936" s="2" t="s">
        <v>107943</v>
      </c>
      <c r="E7936" s="8" t="s">
        <v>107917</v>
      </c>
      <c r="F7936" s="8">
        <v>1850</v>
      </c>
      <c r="G7936" s="5">
        <v>15</v>
      </c>
      <c r="H7936" s="28" t="s">
        <v>69</v>
      </c>
      <c r="I7936" s="5" t="s">
        <v>55730</v>
      </c>
      <c r="J7936" s="5" t="s">
        <v>55731</v>
      </c>
      <c r="K7936" s="5" t="s">
        <v>55730</v>
      </c>
      <c r="L7936" s="5" t="s">
        <v>55731</v>
      </c>
      <c r="M7936" s="5" t="s">
        <v>733</v>
      </c>
      <c r="N7936" s="5" t="s">
        <v>38</v>
      </c>
      <c r="O7936" s="5" t="s">
        <v>39</v>
      </c>
      <c r="P7936" s="5" t="s">
        <v>40</v>
      </c>
      <c r="Q7936" s="5" t="s">
        <v>897</v>
      </c>
      <c r="R7936" s="5" t="s">
        <v>40</v>
      </c>
      <c r="S7936" s="5" t="s">
        <v>42</v>
      </c>
      <c r="T7936" s="2">
        <v>47.197000000000003</v>
      </c>
      <c r="U7936" s="2">
        <v>41.478000000000002</v>
      </c>
      <c r="V7936" s="2">
        <v>124.8</v>
      </c>
      <c r="W7936" s="2">
        <v>19.100000000000001</v>
      </c>
      <c r="X7936" s="2">
        <v>81.3</v>
      </c>
      <c r="Y7936" s="5">
        <v>124.8</v>
      </c>
      <c r="Z7936" s="5">
        <v>5</v>
      </c>
      <c r="AA7936" s="5" t="s">
        <v>43</v>
      </c>
      <c r="AB7936" s="5" t="s">
        <v>735</v>
      </c>
      <c r="AC7936" s="29" t="s">
        <v>107944</v>
      </c>
      <c r="AD7936" s="1"/>
    </row>
    <row r="7937" spans="1:30">
      <c r="A7937" s="5" t="s">
        <v>83578</v>
      </c>
      <c r="B7937" s="30" t="s">
        <v>107945</v>
      </c>
      <c r="C7937" s="14" t="s">
        <v>107946</v>
      </c>
      <c r="D7937" s="2" t="s">
        <v>107947</v>
      </c>
      <c r="E7937" s="8" t="s">
        <v>107922</v>
      </c>
      <c r="F7937" s="8">
        <v>1850</v>
      </c>
      <c r="G7937" s="5">
        <v>15</v>
      </c>
      <c r="H7937" s="28" t="s">
        <v>69</v>
      </c>
      <c r="I7937" s="5" t="s">
        <v>55730</v>
      </c>
      <c r="J7937" s="5" t="s">
        <v>55731</v>
      </c>
      <c r="K7937" s="5" t="s">
        <v>55730</v>
      </c>
      <c r="L7937" s="5" t="s">
        <v>55731</v>
      </c>
      <c r="M7937" s="5" t="s">
        <v>733</v>
      </c>
      <c r="N7937" s="5" t="s">
        <v>38</v>
      </c>
      <c r="O7937" s="5" t="s">
        <v>39</v>
      </c>
      <c r="P7937" s="5" t="s">
        <v>40</v>
      </c>
      <c r="Q7937" s="5" t="s">
        <v>897</v>
      </c>
      <c r="R7937" s="5" t="s">
        <v>40</v>
      </c>
      <c r="S7937" s="5" t="s">
        <v>42</v>
      </c>
      <c r="T7937" s="2">
        <v>46.398000000000003</v>
      </c>
      <c r="U7937" s="2">
        <v>40.679000000000002</v>
      </c>
      <c r="V7937" s="2">
        <v>124.8</v>
      </c>
      <c r="W7937" s="2">
        <v>19.100000000000001</v>
      </c>
      <c r="X7937" s="2">
        <v>81.3</v>
      </c>
      <c r="Y7937" s="5">
        <v>124.8</v>
      </c>
      <c r="Z7937" s="5">
        <v>5</v>
      </c>
      <c r="AA7937" s="5" t="s">
        <v>43</v>
      </c>
      <c r="AB7937" s="5" t="s">
        <v>735</v>
      </c>
      <c r="AC7937" s="29" t="s">
        <v>107948</v>
      </c>
      <c r="AD7937" s="1"/>
    </row>
    <row r="7938" spans="1:30">
      <c r="A7938" s="5" t="s">
        <v>83578</v>
      </c>
      <c r="B7938" s="30" t="s">
        <v>107949</v>
      </c>
      <c r="C7938" s="14" t="s">
        <v>107950</v>
      </c>
      <c r="D7938" s="2" t="s">
        <v>107951</v>
      </c>
      <c r="E7938" s="8" t="s">
        <v>107927</v>
      </c>
      <c r="F7938" s="8">
        <v>1850</v>
      </c>
      <c r="G7938" s="5">
        <v>15</v>
      </c>
      <c r="H7938" s="28" t="s">
        <v>69</v>
      </c>
      <c r="I7938" s="5" t="s">
        <v>55730</v>
      </c>
      <c r="J7938" s="5" t="s">
        <v>55731</v>
      </c>
      <c r="K7938" s="5" t="s">
        <v>55730</v>
      </c>
      <c r="L7938" s="5" t="s">
        <v>55731</v>
      </c>
      <c r="M7938" s="5" t="s">
        <v>733</v>
      </c>
      <c r="N7938" s="5" t="s">
        <v>38</v>
      </c>
      <c r="O7938" s="5" t="s">
        <v>39</v>
      </c>
      <c r="P7938" s="5" t="s">
        <v>40</v>
      </c>
      <c r="Q7938" s="5" t="s">
        <v>897</v>
      </c>
      <c r="R7938" s="5" t="s">
        <v>40</v>
      </c>
      <c r="S7938" s="5" t="s">
        <v>42</v>
      </c>
      <c r="T7938" s="2">
        <v>47.378</v>
      </c>
      <c r="U7938" s="2">
        <v>41.658999999999999</v>
      </c>
      <c r="V7938" s="2">
        <v>124.8</v>
      </c>
      <c r="W7938" s="2">
        <v>19.100000000000001</v>
      </c>
      <c r="X7938" s="2">
        <v>81.3</v>
      </c>
      <c r="Y7938" s="5">
        <v>124.8</v>
      </c>
      <c r="Z7938" s="5">
        <v>5</v>
      </c>
      <c r="AA7938" s="5" t="s">
        <v>43</v>
      </c>
      <c r="AB7938" s="5" t="s">
        <v>735</v>
      </c>
      <c r="AC7938" s="29" t="s">
        <v>107952</v>
      </c>
      <c r="AD7938" s="1"/>
    </row>
    <row r="7939" spans="1:30">
      <c r="A7939" s="5" t="s">
        <v>83578</v>
      </c>
      <c r="B7939" s="30" t="s">
        <v>107953</v>
      </c>
      <c r="C7939" s="14" t="s">
        <v>107954</v>
      </c>
      <c r="D7939" s="2" t="s">
        <v>107955</v>
      </c>
      <c r="E7939" s="8" t="s">
        <v>107956</v>
      </c>
      <c r="F7939" s="8">
        <v>1028</v>
      </c>
      <c r="G7939" s="5">
        <v>10</v>
      </c>
      <c r="H7939" s="28" t="s">
        <v>69</v>
      </c>
      <c r="I7939" s="5" t="s">
        <v>64310</v>
      </c>
      <c r="J7939" s="5" t="s">
        <v>64311</v>
      </c>
      <c r="K7939" s="5" t="s">
        <v>64310</v>
      </c>
      <c r="L7939" s="5" t="s">
        <v>64311</v>
      </c>
      <c r="M7939" s="5" t="s">
        <v>733</v>
      </c>
      <c r="N7939" s="5" t="s">
        <v>38</v>
      </c>
      <c r="O7939" s="5" t="s">
        <v>39</v>
      </c>
      <c r="P7939" s="5" t="s">
        <v>40</v>
      </c>
      <c r="Q7939" s="5" t="s">
        <v>897</v>
      </c>
      <c r="R7939" s="5" t="s">
        <v>40</v>
      </c>
      <c r="S7939" s="5" t="s">
        <v>42</v>
      </c>
      <c r="T7939" s="2">
        <v>22.712</v>
      </c>
      <c r="U7939" s="2">
        <v>20.672000000000001</v>
      </c>
      <c r="V7939" s="2">
        <v>76.2</v>
      </c>
      <c r="W7939" s="2">
        <v>17</v>
      </c>
      <c r="X7939" s="2">
        <v>80.7</v>
      </c>
      <c r="Y7939" s="5">
        <v>76.2</v>
      </c>
      <c r="Z7939" s="5">
        <v>7</v>
      </c>
      <c r="AA7939" s="5" t="s">
        <v>43</v>
      </c>
      <c r="AB7939" s="5" t="s">
        <v>735</v>
      </c>
      <c r="AC7939" s="29" t="s">
        <v>107957</v>
      </c>
      <c r="AD7939" s="1"/>
    </row>
    <row r="7940" spans="1:30">
      <c r="A7940" s="5" t="s">
        <v>83578</v>
      </c>
      <c r="B7940" s="30" t="s">
        <v>107958</v>
      </c>
      <c r="C7940" s="14" t="s">
        <v>107959</v>
      </c>
      <c r="D7940" s="2" t="s">
        <v>107960</v>
      </c>
      <c r="E7940" s="8" t="s">
        <v>107961</v>
      </c>
      <c r="F7940" s="8">
        <v>1028</v>
      </c>
      <c r="G7940" s="5">
        <v>5</v>
      </c>
      <c r="H7940" s="28" t="s">
        <v>69</v>
      </c>
      <c r="I7940" s="5" t="s">
        <v>64310</v>
      </c>
      <c r="J7940" s="5" t="s">
        <v>64311</v>
      </c>
      <c r="K7940" s="5" t="s">
        <v>64310</v>
      </c>
      <c r="L7940" s="5" t="s">
        <v>64311</v>
      </c>
      <c r="M7940" s="5" t="s">
        <v>733</v>
      </c>
      <c r="N7940" s="5" t="s">
        <v>38</v>
      </c>
      <c r="O7940" s="5" t="s">
        <v>39</v>
      </c>
      <c r="P7940" s="5" t="s">
        <v>40</v>
      </c>
      <c r="Q7940" s="5" t="s">
        <v>897</v>
      </c>
      <c r="R7940" s="5" t="s">
        <v>40</v>
      </c>
      <c r="S7940" s="5" t="s">
        <v>42</v>
      </c>
      <c r="T7940" s="2">
        <v>21.873000000000001</v>
      </c>
      <c r="U7940" s="2">
        <v>19.832999999999998</v>
      </c>
      <c r="V7940" s="2">
        <v>76.2</v>
      </c>
      <c r="W7940" s="2">
        <v>17</v>
      </c>
      <c r="X7940" s="2">
        <v>80.7</v>
      </c>
      <c r="Y7940" s="5">
        <v>76.2</v>
      </c>
      <c r="Z7940" s="5">
        <v>7</v>
      </c>
      <c r="AA7940" s="5" t="s">
        <v>43</v>
      </c>
      <c r="AB7940" s="5" t="s">
        <v>735</v>
      </c>
      <c r="AC7940" s="29" t="s">
        <v>107962</v>
      </c>
      <c r="AD7940" s="1"/>
    </row>
    <row r="7941" spans="1:30">
      <c r="A7941" s="5" t="s">
        <v>83578</v>
      </c>
      <c r="B7941" s="30" t="s">
        <v>107963</v>
      </c>
      <c r="C7941" s="14" t="s">
        <v>107964</v>
      </c>
      <c r="D7941" s="2" t="s">
        <v>107965</v>
      </c>
      <c r="E7941" s="8" t="s">
        <v>107966</v>
      </c>
      <c r="F7941" s="8">
        <v>1236</v>
      </c>
      <c r="G7941" s="5">
        <v>15</v>
      </c>
      <c r="H7941" s="28" t="s">
        <v>69</v>
      </c>
      <c r="I7941" s="5" t="s">
        <v>64310</v>
      </c>
      <c r="J7941" s="5" t="s">
        <v>64311</v>
      </c>
      <c r="K7941" s="5" t="s">
        <v>64310</v>
      </c>
      <c r="L7941" s="5" t="s">
        <v>64311</v>
      </c>
      <c r="M7941" s="5" t="s">
        <v>733</v>
      </c>
      <c r="N7941" s="5" t="s">
        <v>38</v>
      </c>
      <c r="O7941" s="5" t="s">
        <v>39</v>
      </c>
      <c r="P7941" s="5" t="s">
        <v>40</v>
      </c>
      <c r="Q7941" s="5" t="s">
        <v>897</v>
      </c>
      <c r="R7941" s="5" t="s">
        <v>40</v>
      </c>
      <c r="S7941" s="5" t="s">
        <v>42</v>
      </c>
      <c r="T7941" s="2">
        <v>27.31</v>
      </c>
      <c r="U7941" s="2">
        <v>25.27</v>
      </c>
      <c r="V7941" s="2">
        <v>76.2</v>
      </c>
      <c r="W7941" s="2">
        <v>17</v>
      </c>
      <c r="X7941" s="2">
        <v>80.7</v>
      </c>
      <c r="Y7941" s="5">
        <v>76.2</v>
      </c>
      <c r="Z7941" s="5">
        <v>7</v>
      </c>
      <c r="AA7941" s="5" t="s">
        <v>43</v>
      </c>
      <c r="AB7941" s="5" t="s">
        <v>735</v>
      </c>
      <c r="AC7941" s="29" t="s">
        <v>107967</v>
      </c>
      <c r="AD7941" s="1"/>
    </row>
    <row r="7942" spans="1:30">
      <c r="A7942" s="5" t="s">
        <v>83578</v>
      </c>
      <c r="B7942" s="30" t="s">
        <v>107968</v>
      </c>
      <c r="C7942" s="14" t="s">
        <v>107969</v>
      </c>
      <c r="D7942" s="2" t="s">
        <v>107970</v>
      </c>
      <c r="E7942" s="8" t="s">
        <v>107971</v>
      </c>
      <c r="F7942" s="8">
        <v>1028</v>
      </c>
      <c r="G7942" s="5">
        <v>5</v>
      </c>
      <c r="H7942" s="28" t="s">
        <v>69</v>
      </c>
      <c r="I7942" s="5" t="s">
        <v>64310</v>
      </c>
      <c r="J7942" s="5" t="s">
        <v>64311</v>
      </c>
      <c r="K7942" s="5" t="s">
        <v>64310</v>
      </c>
      <c r="L7942" s="5" t="s">
        <v>64311</v>
      </c>
      <c r="M7942" s="5" t="s">
        <v>733</v>
      </c>
      <c r="N7942" s="5" t="s">
        <v>38</v>
      </c>
      <c r="O7942" s="5" t="s">
        <v>39</v>
      </c>
      <c r="P7942" s="5" t="s">
        <v>40</v>
      </c>
      <c r="Q7942" s="5" t="s">
        <v>897</v>
      </c>
      <c r="R7942" s="5" t="s">
        <v>40</v>
      </c>
      <c r="S7942" s="5" t="s">
        <v>42</v>
      </c>
      <c r="T7942" s="2">
        <v>22.652000000000001</v>
      </c>
      <c r="U7942" s="2">
        <v>20.611999999999998</v>
      </c>
      <c r="V7942" s="2">
        <v>76.2</v>
      </c>
      <c r="W7942" s="2">
        <v>17</v>
      </c>
      <c r="X7942" s="2">
        <v>80.7</v>
      </c>
      <c r="Y7942" s="5">
        <v>76.2</v>
      </c>
      <c r="Z7942" s="5">
        <v>7</v>
      </c>
      <c r="AA7942" s="5" t="s">
        <v>43</v>
      </c>
      <c r="AB7942" s="5" t="s">
        <v>735</v>
      </c>
      <c r="AC7942" s="29" t="s">
        <v>107972</v>
      </c>
      <c r="AD7942" s="1"/>
    </row>
    <row r="7943" spans="1:30">
      <c r="A7943" s="5" t="s">
        <v>83578</v>
      </c>
      <c r="B7943" s="30" t="s">
        <v>107973</v>
      </c>
      <c r="C7943" s="14" t="s">
        <v>107974</v>
      </c>
      <c r="D7943" s="2" t="s">
        <v>107975</v>
      </c>
      <c r="E7943" s="8" t="s">
        <v>107976</v>
      </c>
      <c r="F7943" s="8">
        <v>1236</v>
      </c>
      <c r="G7943" s="5">
        <v>15</v>
      </c>
      <c r="H7943" s="28" t="s">
        <v>69</v>
      </c>
      <c r="I7943" s="5" t="s">
        <v>64310</v>
      </c>
      <c r="J7943" s="5" t="s">
        <v>64311</v>
      </c>
      <c r="K7943" s="5" t="s">
        <v>64310</v>
      </c>
      <c r="L7943" s="5" t="s">
        <v>64311</v>
      </c>
      <c r="M7943" s="5" t="s">
        <v>733</v>
      </c>
      <c r="N7943" s="5" t="s">
        <v>38</v>
      </c>
      <c r="O7943" s="5" t="s">
        <v>39</v>
      </c>
      <c r="P7943" s="5" t="s">
        <v>40</v>
      </c>
      <c r="Q7943" s="5" t="s">
        <v>897</v>
      </c>
      <c r="R7943" s="5" t="s">
        <v>40</v>
      </c>
      <c r="S7943" s="5" t="s">
        <v>42</v>
      </c>
      <c r="T7943" s="2">
        <v>26.468</v>
      </c>
      <c r="U7943" s="2">
        <v>24.428000000000001</v>
      </c>
      <c r="V7943" s="2">
        <v>76.2</v>
      </c>
      <c r="W7943" s="2">
        <v>17</v>
      </c>
      <c r="X7943" s="2">
        <v>80.7</v>
      </c>
      <c r="Y7943" s="5">
        <v>76.2</v>
      </c>
      <c r="Z7943" s="5">
        <v>7</v>
      </c>
      <c r="AA7943" s="5" t="s">
        <v>43</v>
      </c>
      <c r="AB7943" s="5" t="s">
        <v>735</v>
      </c>
      <c r="AC7943" s="29" t="s">
        <v>107977</v>
      </c>
      <c r="AD7943" s="1"/>
    </row>
    <row r="7944" spans="1:30">
      <c r="A7944" s="5" t="s">
        <v>83578</v>
      </c>
      <c r="B7944" s="30" t="s">
        <v>107978</v>
      </c>
      <c r="C7944" s="14" t="s">
        <v>107979</v>
      </c>
      <c r="D7944" s="2" t="s">
        <v>107980</v>
      </c>
      <c r="E7944" s="8" t="s">
        <v>107981</v>
      </c>
      <c r="F7944" s="8">
        <v>1176</v>
      </c>
      <c r="G7944" s="5">
        <v>10</v>
      </c>
      <c r="H7944" s="28" t="s">
        <v>69</v>
      </c>
      <c r="I7944" s="5" t="s">
        <v>64310</v>
      </c>
      <c r="J7944" s="5" t="s">
        <v>64311</v>
      </c>
      <c r="K7944" s="5" t="s">
        <v>64310</v>
      </c>
      <c r="L7944" s="5" t="s">
        <v>64311</v>
      </c>
      <c r="M7944" s="5" t="s">
        <v>733</v>
      </c>
      <c r="N7944" s="5" t="s">
        <v>38</v>
      </c>
      <c r="O7944" s="5" t="s">
        <v>39</v>
      </c>
      <c r="P7944" s="5" t="s">
        <v>40</v>
      </c>
      <c r="Q7944" s="5" t="s">
        <v>897</v>
      </c>
      <c r="R7944" s="5" t="s">
        <v>40</v>
      </c>
      <c r="S7944" s="5" t="s">
        <v>42</v>
      </c>
      <c r="T7944" s="2">
        <v>24.056999999999999</v>
      </c>
      <c r="U7944" s="2">
        <v>22.016999999999999</v>
      </c>
      <c r="V7944" s="2">
        <v>76.2</v>
      </c>
      <c r="W7944" s="2">
        <v>17</v>
      </c>
      <c r="X7944" s="2">
        <v>80.7</v>
      </c>
      <c r="Y7944" s="5">
        <v>76.2</v>
      </c>
      <c r="Z7944" s="5">
        <v>7</v>
      </c>
      <c r="AA7944" s="5" t="s">
        <v>43</v>
      </c>
      <c r="AB7944" s="5" t="s">
        <v>735</v>
      </c>
      <c r="AC7944" s="29" t="s">
        <v>107982</v>
      </c>
      <c r="AD7944" s="1"/>
    </row>
    <row r="7945" spans="1:30">
      <c r="A7945" s="5" t="s">
        <v>83578</v>
      </c>
      <c r="B7945" s="30" t="s">
        <v>107983</v>
      </c>
      <c r="C7945" s="14" t="s">
        <v>107984</v>
      </c>
      <c r="D7945" s="2" t="s">
        <v>107985</v>
      </c>
      <c r="E7945" s="8" t="s">
        <v>107986</v>
      </c>
      <c r="F7945" s="8">
        <v>1028</v>
      </c>
      <c r="G7945" s="5">
        <v>5</v>
      </c>
      <c r="H7945" s="28" t="s">
        <v>69</v>
      </c>
      <c r="I7945" s="5" t="s">
        <v>64310</v>
      </c>
      <c r="J7945" s="5" t="s">
        <v>64311</v>
      </c>
      <c r="K7945" s="5" t="s">
        <v>64310</v>
      </c>
      <c r="L7945" s="5" t="s">
        <v>64311</v>
      </c>
      <c r="M7945" s="5" t="s">
        <v>733</v>
      </c>
      <c r="N7945" s="5" t="s">
        <v>38</v>
      </c>
      <c r="O7945" s="5" t="s">
        <v>39</v>
      </c>
      <c r="P7945" s="5" t="s">
        <v>40</v>
      </c>
      <c r="Q7945" s="5" t="s">
        <v>897</v>
      </c>
      <c r="R7945" s="5" t="s">
        <v>40</v>
      </c>
      <c r="S7945" s="5" t="s">
        <v>42</v>
      </c>
      <c r="T7945" s="2">
        <v>21.812999999999999</v>
      </c>
      <c r="U7945" s="2">
        <v>19.773</v>
      </c>
      <c r="V7945" s="2">
        <v>76.2</v>
      </c>
      <c r="W7945" s="2">
        <v>17</v>
      </c>
      <c r="X7945" s="2">
        <v>80.7</v>
      </c>
      <c r="Y7945" s="5">
        <v>76.2</v>
      </c>
      <c r="Z7945" s="5">
        <v>7</v>
      </c>
      <c r="AA7945" s="5" t="s">
        <v>43</v>
      </c>
      <c r="AB7945" s="5" t="s">
        <v>735</v>
      </c>
      <c r="AC7945" s="29" t="s">
        <v>107987</v>
      </c>
      <c r="AD7945" s="1"/>
    </row>
    <row r="7946" spans="1:30">
      <c r="A7946" s="5" t="s">
        <v>83578</v>
      </c>
      <c r="B7946" s="30" t="s">
        <v>107988</v>
      </c>
      <c r="C7946" s="14" t="s">
        <v>107989</v>
      </c>
      <c r="D7946" s="2" t="s">
        <v>107990</v>
      </c>
      <c r="E7946" s="8" t="s">
        <v>107991</v>
      </c>
      <c r="F7946" s="8">
        <v>1429</v>
      </c>
      <c r="G7946" s="5">
        <v>10</v>
      </c>
      <c r="H7946" s="28" t="s">
        <v>69</v>
      </c>
      <c r="I7946" s="5" t="s">
        <v>64310</v>
      </c>
      <c r="J7946" s="5" t="s">
        <v>64311</v>
      </c>
      <c r="K7946" s="5" t="s">
        <v>64310</v>
      </c>
      <c r="L7946" s="5" t="s">
        <v>64311</v>
      </c>
      <c r="M7946" s="5" t="s">
        <v>733</v>
      </c>
      <c r="N7946" s="5" t="s">
        <v>38</v>
      </c>
      <c r="O7946" s="5" t="s">
        <v>39</v>
      </c>
      <c r="P7946" s="5" t="s">
        <v>40</v>
      </c>
      <c r="Q7946" s="5" t="s">
        <v>897</v>
      </c>
      <c r="R7946" s="5" t="s">
        <v>40</v>
      </c>
      <c r="S7946" s="5" t="s">
        <v>42</v>
      </c>
      <c r="T7946" s="2">
        <v>35.180999999999997</v>
      </c>
      <c r="U7946" s="2">
        <v>32.531999999999996</v>
      </c>
      <c r="V7946" s="2">
        <v>111.6</v>
      </c>
      <c r="W7946" s="2">
        <v>17</v>
      </c>
      <c r="X7946" s="2">
        <v>80.7</v>
      </c>
      <c r="Y7946" s="5">
        <v>111.6</v>
      </c>
      <c r="Z7946" s="5">
        <v>7</v>
      </c>
      <c r="AA7946" s="5" t="s">
        <v>43</v>
      </c>
      <c r="AB7946" s="5" t="s">
        <v>735</v>
      </c>
      <c r="AC7946" s="29" t="s">
        <v>107992</v>
      </c>
      <c r="AD7946" s="1"/>
    </row>
    <row r="7947" spans="1:30">
      <c r="A7947" s="5" t="s">
        <v>83578</v>
      </c>
      <c r="B7947" s="30" t="s">
        <v>107993</v>
      </c>
      <c r="C7947" s="14" t="s">
        <v>107994</v>
      </c>
      <c r="D7947" s="2" t="s">
        <v>107995</v>
      </c>
      <c r="E7947" s="8" t="s">
        <v>107996</v>
      </c>
      <c r="F7947" s="8">
        <v>1196</v>
      </c>
      <c r="G7947" s="5">
        <v>10</v>
      </c>
      <c r="H7947" s="28" t="s">
        <v>69</v>
      </c>
      <c r="I7947" s="5" t="s">
        <v>64310</v>
      </c>
      <c r="J7947" s="5" t="s">
        <v>64311</v>
      </c>
      <c r="K7947" s="5" t="s">
        <v>64310</v>
      </c>
      <c r="L7947" s="5" t="s">
        <v>64311</v>
      </c>
      <c r="M7947" s="5" t="s">
        <v>733</v>
      </c>
      <c r="N7947" s="5" t="s">
        <v>38</v>
      </c>
      <c r="O7947" s="5" t="s">
        <v>39</v>
      </c>
      <c r="P7947" s="5" t="s">
        <v>40</v>
      </c>
      <c r="Q7947" s="5" t="s">
        <v>897</v>
      </c>
      <c r="R7947" s="5" t="s">
        <v>40</v>
      </c>
      <c r="S7947" s="5" t="s">
        <v>42</v>
      </c>
      <c r="T7947" s="2">
        <v>32.197000000000003</v>
      </c>
      <c r="U7947" s="2">
        <v>29.547999999999998</v>
      </c>
      <c r="V7947" s="2">
        <v>111.6</v>
      </c>
      <c r="W7947" s="2">
        <v>17</v>
      </c>
      <c r="X7947" s="2">
        <v>80.7</v>
      </c>
      <c r="Y7947" s="5">
        <v>111.6</v>
      </c>
      <c r="Z7947" s="5">
        <v>7</v>
      </c>
      <c r="AA7947" s="5" t="s">
        <v>43</v>
      </c>
      <c r="AB7947" s="5" t="s">
        <v>735</v>
      </c>
      <c r="AC7947" s="29" t="s">
        <v>107997</v>
      </c>
      <c r="AD7947" s="1"/>
    </row>
    <row r="7948" spans="1:30">
      <c r="A7948" s="5" t="s">
        <v>83578</v>
      </c>
      <c r="B7948" s="30" t="s">
        <v>107998</v>
      </c>
      <c r="C7948" s="14" t="s">
        <v>107999</v>
      </c>
      <c r="D7948" s="2" t="s">
        <v>108000</v>
      </c>
      <c r="E7948" s="8" t="s">
        <v>108001</v>
      </c>
      <c r="F7948" s="8">
        <v>1429</v>
      </c>
      <c r="G7948" s="5">
        <v>10</v>
      </c>
      <c r="H7948" s="28" t="s">
        <v>69</v>
      </c>
      <c r="I7948" s="5" t="s">
        <v>64310</v>
      </c>
      <c r="J7948" s="5" t="s">
        <v>64311</v>
      </c>
      <c r="K7948" s="5" t="s">
        <v>64310</v>
      </c>
      <c r="L7948" s="5" t="s">
        <v>64311</v>
      </c>
      <c r="M7948" s="5" t="s">
        <v>733</v>
      </c>
      <c r="N7948" s="5" t="s">
        <v>38</v>
      </c>
      <c r="O7948" s="5" t="s">
        <v>39</v>
      </c>
      <c r="P7948" s="5" t="s">
        <v>40</v>
      </c>
      <c r="Q7948" s="5" t="s">
        <v>897</v>
      </c>
      <c r="R7948" s="5" t="s">
        <v>40</v>
      </c>
      <c r="S7948" s="5" t="s">
        <v>42</v>
      </c>
      <c r="T7948" s="2">
        <v>35.121000000000002</v>
      </c>
      <c r="U7948" s="2">
        <v>32.472000000000001</v>
      </c>
      <c r="V7948" s="2">
        <v>111.6</v>
      </c>
      <c r="W7948" s="2">
        <v>17</v>
      </c>
      <c r="X7948" s="2">
        <v>80.7</v>
      </c>
      <c r="Y7948" s="5">
        <v>111.6</v>
      </c>
      <c r="Z7948" s="5">
        <v>7</v>
      </c>
      <c r="AA7948" s="5" t="s">
        <v>43</v>
      </c>
      <c r="AB7948" s="5" t="s">
        <v>735</v>
      </c>
      <c r="AC7948" s="29" t="s">
        <v>108002</v>
      </c>
      <c r="AD7948" s="1"/>
    </row>
    <row r="7949" spans="1:30">
      <c r="A7949" s="5" t="s">
        <v>83578</v>
      </c>
      <c r="B7949" s="30" t="s">
        <v>108003</v>
      </c>
      <c r="C7949" s="14" t="s">
        <v>108004</v>
      </c>
      <c r="D7949" s="2" t="s">
        <v>108005</v>
      </c>
      <c r="E7949" s="8" t="s">
        <v>108006</v>
      </c>
      <c r="F7949" s="8">
        <v>1368</v>
      </c>
      <c r="G7949" s="5">
        <v>15</v>
      </c>
      <c r="H7949" s="28" t="s">
        <v>69</v>
      </c>
      <c r="I7949" s="5" t="s">
        <v>64310</v>
      </c>
      <c r="J7949" s="5" t="s">
        <v>64311</v>
      </c>
      <c r="K7949" s="5" t="s">
        <v>64310</v>
      </c>
      <c r="L7949" s="5" t="s">
        <v>64311</v>
      </c>
      <c r="M7949" s="5" t="s">
        <v>733</v>
      </c>
      <c r="N7949" s="5" t="s">
        <v>38</v>
      </c>
      <c r="O7949" s="5" t="s">
        <v>39</v>
      </c>
      <c r="P7949" s="5" t="s">
        <v>40</v>
      </c>
      <c r="Q7949" s="5" t="s">
        <v>897</v>
      </c>
      <c r="R7949" s="5" t="s">
        <v>40</v>
      </c>
      <c r="S7949" s="5" t="s">
        <v>42</v>
      </c>
      <c r="T7949" s="2">
        <v>33.396000000000001</v>
      </c>
      <c r="U7949" s="2">
        <v>29.983000000000001</v>
      </c>
      <c r="V7949" s="2">
        <v>111.6</v>
      </c>
      <c r="W7949" s="2">
        <v>17</v>
      </c>
      <c r="X7949" s="2">
        <v>96.9</v>
      </c>
      <c r="Y7949" s="5">
        <v>111.6</v>
      </c>
      <c r="Z7949" s="5">
        <v>7</v>
      </c>
      <c r="AA7949" s="5" t="s">
        <v>43</v>
      </c>
      <c r="AB7949" s="5" t="s">
        <v>735</v>
      </c>
      <c r="AC7949" s="29" t="s">
        <v>108007</v>
      </c>
      <c r="AD7949" s="1"/>
    </row>
    <row r="7950" spans="1:30">
      <c r="A7950" s="5" t="s">
        <v>83578</v>
      </c>
      <c r="B7950" s="30" t="s">
        <v>108008</v>
      </c>
      <c r="C7950" s="14" t="s">
        <v>108009</v>
      </c>
      <c r="D7950" s="2" t="s">
        <v>108010</v>
      </c>
      <c r="E7950" s="8" t="s">
        <v>108011</v>
      </c>
      <c r="F7950" s="8">
        <v>1119</v>
      </c>
      <c r="G7950" s="5">
        <v>5</v>
      </c>
      <c r="H7950" s="28" t="s">
        <v>69</v>
      </c>
      <c r="I7950" s="5" t="s">
        <v>64310</v>
      </c>
      <c r="J7950" s="5" t="s">
        <v>64311</v>
      </c>
      <c r="K7950" s="5" t="s">
        <v>64310</v>
      </c>
      <c r="L7950" s="5" t="s">
        <v>64311</v>
      </c>
      <c r="M7950" s="5" t="s">
        <v>733</v>
      </c>
      <c r="N7950" s="5" t="s">
        <v>38</v>
      </c>
      <c r="O7950" s="5" t="s">
        <v>39</v>
      </c>
      <c r="P7950" s="5" t="s">
        <v>40</v>
      </c>
      <c r="Q7950" s="5" t="s">
        <v>897</v>
      </c>
      <c r="R7950" s="5" t="s">
        <v>40</v>
      </c>
      <c r="S7950" s="5" t="s">
        <v>42</v>
      </c>
      <c r="T7950" s="2">
        <v>27.54</v>
      </c>
      <c r="U7950" s="2">
        <v>24.126999999999999</v>
      </c>
      <c r="V7950" s="2">
        <v>111.6</v>
      </c>
      <c r="W7950" s="2">
        <v>17</v>
      </c>
      <c r="X7950" s="2">
        <v>96.9</v>
      </c>
      <c r="Y7950" s="5">
        <v>111.6</v>
      </c>
      <c r="Z7950" s="5">
        <v>7</v>
      </c>
      <c r="AA7950" s="5" t="s">
        <v>43</v>
      </c>
      <c r="AB7950" s="5" t="s">
        <v>735</v>
      </c>
      <c r="AC7950" s="29" t="s">
        <v>108012</v>
      </c>
      <c r="AD7950" s="1"/>
    </row>
    <row r="7951" spans="1:30">
      <c r="A7951" s="5" t="s">
        <v>83578</v>
      </c>
      <c r="B7951" s="30" t="s">
        <v>108013</v>
      </c>
      <c r="C7951" s="14" t="s">
        <v>108014</v>
      </c>
      <c r="D7951" s="2" t="s">
        <v>108015</v>
      </c>
      <c r="E7951" s="8" t="s">
        <v>108016</v>
      </c>
      <c r="F7951" s="8">
        <v>1368</v>
      </c>
      <c r="G7951" s="5">
        <v>15</v>
      </c>
      <c r="H7951" s="28" t="s">
        <v>69</v>
      </c>
      <c r="I7951" s="5" t="s">
        <v>64310</v>
      </c>
      <c r="J7951" s="5" t="s">
        <v>64311</v>
      </c>
      <c r="K7951" s="5" t="s">
        <v>64310</v>
      </c>
      <c r="L7951" s="5" t="s">
        <v>64311</v>
      </c>
      <c r="M7951" s="5" t="s">
        <v>733</v>
      </c>
      <c r="N7951" s="5" t="s">
        <v>38</v>
      </c>
      <c r="O7951" s="5" t="s">
        <v>39</v>
      </c>
      <c r="P7951" s="5" t="s">
        <v>40</v>
      </c>
      <c r="Q7951" s="5" t="s">
        <v>897</v>
      </c>
      <c r="R7951" s="5" t="s">
        <v>40</v>
      </c>
      <c r="S7951" s="5" t="s">
        <v>42</v>
      </c>
      <c r="T7951" s="2">
        <v>32.444000000000003</v>
      </c>
      <c r="U7951" s="2">
        <v>29.030999999999999</v>
      </c>
      <c r="V7951" s="2">
        <v>111.6</v>
      </c>
      <c r="W7951" s="2">
        <v>17</v>
      </c>
      <c r="X7951" s="2">
        <v>96.9</v>
      </c>
      <c r="Y7951" s="5">
        <v>111.6</v>
      </c>
      <c r="Z7951" s="5">
        <v>7</v>
      </c>
      <c r="AA7951" s="5" t="s">
        <v>43</v>
      </c>
      <c r="AB7951" s="5" t="s">
        <v>735</v>
      </c>
      <c r="AC7951" s="29" t="s">
        <v>108017</v>
      </c>
      <c r="AD7951" s="1"/>
    </row>
    <row r="7952" spans="1:30">
      <c r="A7952" s="5" t="s">
        <v>83578</v>
      </c>
      <c r="B7952" s="30" t="s">
        <v>108018</v>
      </c>
      <c r="C7952" s="14" t="s">
        <v>108019</v>
      </c>
      <c r="D7952" s="2" t="s">
        <v>108020</v>
      </c>
      <c r="E7952" s="8" t="s">
        <v>108021</v>
      </c>
      <c r="F7952" s="8">
        <v>1296</v>
      </c>
      <c r="G7952" s="5">
        <v>15</v>
      </c>
      <c r="H7952" s="28" t="s">
        <v>69</v>
      </c>
      <c r="I7952" s="5" t="s">
        <v>64310</v>
      </c>
      <c r="J7952" s="5" t="s">
        <v>64311</v>
      </c>
      <c r="K7952" s="5" t="s">
        <v>64310</v>
      </c>
      <c r="L7952" s="5" t="s">
        <v>64311</v>
      </c>
      <c r="M7952" s="5" t="s">
        <v>733</v>
      </c>
      <c r="N7952" s="5" t="s">
        <v>38</v>
      </c>
      <c r="O7952" s="5" t="s">
        <v>39</v>
      </c>
      <c r="P7952" s="5" t="s">
        <v>40</v>
      </c>
      <c r="Q7952" s="5" t="s">
        <v>897</v>
      </c>
      <c r="R7952" s="5" t="s">
        <v>40</v>
      </c>
      <c r="S7952" s="5" t="s">
        <v>42</v>
      </c>
      <c r="T7952" s="2">
        <v>29.391999999999999</v>
      </c>
      <c r="U7952" s="2">
        <v>25.978999999999999</v>
      </c>
      <c r="V7952" s="2">
        <v>111.6</v>
      </c>
      <c r="W7952" s="2">
        <v>17</v>
      </c>
      <c r="X7952" s="2">
        <v>96.9</v>
      </c>
      <c r="Y7952" s="5">
        <v>111.6</v>
      </c>
      <c r="Z7952" s="5">
        <v>7</v>
      </c>
      <c r="AA7952" s="5" t="s">
        <v>43</v>
      </c>
      <c r="AB7952" s="5" t="s">
        <v>735</v>
      </c>
      <c r="AC7952" s="29" t="s">
        <v>108022</v>
      </c>
      <c r="AD7952" s="1"/>
    </row>
    <row r="7953" spans="1:30">
      <c r="A7953" s="5" t="s">
        <v>83578</v>
      </c>
      <c r="B7953" s="30" t="s">
        <v>108023</v>
      </c>
      <c r="C7953" s="14" t="s">
        <v>108024</v>
      </c>
      <c r="D7953" s="2" t="s">
        <v>108025</v>
      </c>
      <c r="E7953" s="8" t="s">
        <v>108026</v>
      </c>
      <c r="F7953" s="8">
        <v>1119</v>
      </c>
      <c r="G7953" s="5">
        <v>5</v>
      </c>
      <c r="H7953" s="28" t="s">
        <v>69</v>
      </c>
      <c r="I7953" s="5" t="s">
        <v>64310</v>
      </c>
      <c r="J7953" s="5" t="s">
        <v>64311</v>
      </c>
      <c r="K7953" s="5" t="s">
        <v>64310</v>
      </c>
      <c r="L7953" s="5" t="s">
        <v>64311</v>
      </c>
      <c r="M7953" s="5" t="s">
        <v>733</v>
      </c>
      <c r="N7953" s="5" t="s">
        <v>38</v>
      </c>
      <c r="O7953" s="5" t="s">
        <v>39</v>
      </c>
      <c r="P7953" s="5" t="s">
        <v>40</v>
      </c>
      <c r="Q7953" s="5" t="s">
        <v>897</v>
      </c>
      <c r="R7953" s="5" t="s">
        <v>40</v>
      </c>
      <c r="S7953" s="5" t="s">
        <v>42</v>
      </c>
      <c r="T7953" s="2">
        <v>26.591000000000001</v>
      </c>
      <c r="U7953" s="2">
        <v>23.178000000000001</v>
      </c>
      <c r="V7953" s="2">
        <v>111.6</v>
      </c>
      <c r="W7953" s="2">
        <v>17</v>
      </c>
      <c r="X7953" s="2">
        <v>96.9</v>
      </c>
      <c r="Y7953" s="5">
        <v>111.6</v>
      </c>
      <c r="Z7953" s="5">
        <v>7</v>
      </c>
      <c r="AA7953" s="5" t="s">
        <v>43</v>
      </c>
      <c r="AB7953" s="5" t="s">
        <v>735</v>
      </c>
      <c r="AC7953" s="29" t="s">
        <v>108027</v>
      </c>
      <c r="AD7953" s="1"/>
    </row>
    <row r="7954" spans="1:30">
      <c r="A7954" s="5" t="s">
        <v>83578</v>
      </c>
      <c r="B7954" s="30" t="s">
        <v>108028</v>
      </c>
      <c r="C7954" s="14" t="s">
        <v>108029</v>
      </c>
      <c r="D7954" s="2" t="s">
        <v>108030</v>
      </c>
      <c r="E7954" s="8" t="s">
        <v>108031</v>
      </c>
      <c r="F7954" s="8">
        <v>1368</v>
      </c>
      <c r="G7954" s="5">
        <v>15</v>
      </c>
      <c r="H7954" s="28" t="s">
        <v>69</v>
      </c>
      <c r="I7954" s="5" t="s">
        <v>64310</v>
      </c>
      <c r="J7954" s="5" t="s">
        <v>64311</v>
      </c>
      <c r="K7954" s="5" t="s">
        <v>64310</v>
      </c>
      <c r="L7954" s="5" t="s">
        <v>64311</v>
      </c>
      <c r="M7954" s="5" t="s">
        <v>733</v>
      </c>
      <c r="N7954" s="5" t="s">
        <v>38</v>
      </c>
      <c r="O7954" s="5" t="s">
        <v>39</v>
      </c>
      <c r="P7954" s="5" t="s">
        <v>40</v>
      </c>
      <c r="Q7954" s="5" t="s">
        <v>897</v>
      </c>
      <c r="R7954" s="5" t="s">
        <v>40</v>
      </c>
      <c r="S7954" s="5" t="s">
        <v>42</v>
      </c>
      <c r="T7954" s="2">
        <v>33.335999999999999</v>
      </c>
      <c r="U7954" s="2">
        <v>29.922999999999998</v>
      </c>
      <c r="V7954" s="2">
        <v>111.6</v>
      </c>
      <c r="W7954" s="2">
        <v>17</v>
      </c>
      <c r="X7954" s="2">
        <v>96.9</v>
      </c>
      <c r="Y7954" s="5">
        <v>111.6</v>
      </c>
      <c r="Z7954" s="5">
        <v>7</v>
      </c>
      <c r="AA7954" s="5" t="s">
        <v>43</v>
      </c>
      <c r="AB7954" s="5" t="s">
        <v>735</v>
      </c>
      <c r="AC7954" s="29" t="s">
        <v>108032</v>
      </c>
      <c r="AD7954" s="1"/>
    </row>
    <row r="7955" spans="1:30">
      <c r="A7955" s="5" t="s">
        <v>83578</v>
      </c>
      <c r="B7955" s="30" t="s">
        <v>108033</v>
      </c>
      <c r="C7955" s="14" t="s">
        <v>108034</v>
      </c>
      <c r="D7955" s="2" t="s">
        <v>108035</v>
      </c>
      <c r="E7955" s="8" t="s">
        <v>108036</v>
      </c>
      <c r="F7955" s="8">
        <v>1119</v>
      </c>
      <c r="G7955" s="5">
        <v>5</v>
      </c>
      <c r="H7955" s="28" t="s">
        <v>69</v>
      </c>
      <c r="I7955" s="5" t="s">
        <v>64310</v>
      </c>
      <c r="J7955" s="5" t="s">
        <v>64311</v>
      </c>
      <c r="K7955" s="5" t="s">
        <v>64310</v>
      </c>
      <c r="L7955" s="5" t="s">
        <v>64311</v>
      </c>
      <c r="M7955" s="5" t="s">
        <v>733</v>
      </c>
      <c r="N7955" s="5" t="s">
        <v>38</v>
      </c>
      <c r="O7955" s="5" t="s">
        <v>39</v>
      </c>
      <c r="P7955" s="5" t="s">
        <v>40</v>
      </c>
      <c r="Q7955" s="5" t="s">
        <v>897</v>
      </c>
      <c r="R7955" s="5" t="s">
        <v>40</v>
      </c>
      <c r="S7955" s="5" t="s">
        <v>42</v>
      </c>
      <c r="T7955" s="2">
        <v>27.48</v>
      </c>
      <c r="U7955" s="2">
        <v>24.067</v>
      </c>
      <c r="V7955" s="2">
        <v>111.6</v>
      </c>
      <c r="W7955" s="2">
        <v>17</v>
      </c>
      <c r="X7955" s="2">
        <v>96.9</v>
      </c>
      <c r="Y7955" s="5">
        <v>111.6</v>
      </c>
      <c r="Z7955" s="5">
        <v>7</v>
      </c>
      <c r="AA7955" s="5" t="s">
        <v>43</v>
      </c>
      <c r="AB7955" s="5" t="s">
        <v>735</v>
      </c>
      <c r="AC7955" s="29" t="s">
        <v>108037</v>
      </c>
      <c r="AD7955" s="1"/>
    </row>
    <row r="7956" spans="1:30">
      <c r="A7956" s="5" t="s">
        <v>83578</v>
      </c>
      <c r="B7956" s="30" t="s">
        <v>108038</v>
      </c>
      <c r="C7956" s="14" t="s">
        <v>108039</v>
      </c>
      <c r="D7956" s="2" t="s">
        <v>108040</v>
      </c>
      <c r="E7956" s="8" t="s">
        <v>108041</v>
      </c>
      <c r="F7956" s="8">
        <v>1368</v>
      </c>
      <c r="G7956" s="5">
        <v>15</v>
      </c>
      <c r="H7956" s="28" t="s">
        <v>69</v>
      </c>
      <c r="I7956" s="5" t="s">
        <v>64310</v>
      </c>
      <c r="J7956" s="5" t="s">
        <v>64311</v>
      </c>
      <c r="K7956" s="5" t="s">
        <v>64310</v>
      </c>
      <c r="L7956" s="5" t="s">
        <v>64311</v>
      </c>
      <c r="M7956" s="5" t="s">
        <v>733</v>
      </c>
      <c r="N7956" s="5" t="s">
        <v>38</v>
      </c>
      <c r="O7956" s="5" t="s">
        <v>39</v>
      </c>
      <c r="P7956" s="5" t="s">
        <v>40</v>
      </c>
      <c r="Q7956" s="5" t="s">
        <v>897</v>
      </c>
      <c r="R7956" s="5" t="s">
        <v>40</v>
      </c>
      <c r="S7956" s="5" t="s">
        <v>42</v>
      </c>
      <c r="T7956" s="2">
        <v>32.384</v>
      </c>
      <c r="U7956" s="2">
        <v>28.971</v>
      </c>
      <c r="V7956" s="2">
        <v>111.6</v>
      </c>
      <c r="W7956" s="2">
        <v>17</v>
      </c>
      <c r="X7956" s="2">
        <v>96.9</v>
      </c>
      <c r="Y7956" s="5">
        <v>111.6</v>
      </c>
      <c r="Z7956" s="5">
        <v>7</v>
      </c>
      <c r="AA7956" s="5" t="s">
        <v>43</v>
      </c>
      <c r="AB7956" s="5" t="s">
        <v>735</v>
      </c>
      <c r="AC7956" s="29" t="s">
        <v>108042</v>
      </c>
      <c r="AD7956" s="1"/>
    </row>
    <row r="7957" spans="1:30">
      <c r="A7957" s="5" t="s">
        <v>83578</v>
      </c>
      <c r="B7957" s="30" t="s">
        <v>108043</v>
      </c>
      <c r="C7957" s="14" t="s">
        <v>108044</v>
      </c>
      <c r="D7957" s="2" t="s">
        <v>108045</v>
      </c>
      <c r="E7957" s="8" t="s">
        <v>108046</v>
      </c>
      <c r="F7957" s="8">
        <v>1296</v>
      </c>
      <c r="G7957" s="5">
        <v>15</v>
      </c>
      <c r="H7957" s="28" t="s">
        <v>69</v>
      </c>
      <c r="I7957" s="5" t="s">
        <v>64310</v>
      </c>
      <c r="J7957" s="5" t="s">
        <v>64311</v>
      </c>
      <c r="K7957" s="5" t="s">
        <v>64310</v>
      </c>
      <c r="L7957" s="5" t="s">
        <v>64311</v>
      </c>
      <c r="M7957" s="5" t="s">
        <v>733</v>
      </c>
      <c r="N7957" s="5" t="s">
        <v>38</v>
      </c>
      <c r="O7957" s="5" t="s">
        <v>39</v>
      </c>
      <c r="P7957" s="5" t="s">
        <v>40</v>
      </c>
      <c r="Q7957" s="5" t="s">
        <v>897</v>
      </c>
      <c r="R7957" s="5" t="s">
        <v>40</v>
      </c>
      <c r="S7957" s="5" t="s">
        <v>42</v>
      </c>
      <c r="T7957" s="2">
        <v>29.332000000000001</v>
      </c>
      <c r="U7957" s="2">
        <v>25.919</v>
      </c>
      <c r="V7957" s="2">
        <v>111.6</v>
      </c>
      <c r="W7957" s="2">
        <v>17</v>
      </c>
      <c r="X7957" s="2">
        <v>96.9</v>
      </c>
      <c r="Y7957" s="5">
        <v>111.6</v>
      </c>
      <c r="Z7957" s="5">
        <v>7</v>
      </c>
      <c r="AA7957" s="5" t="s">
        <v>43</v>
      </c>
      <c r="AB7957" s="5" t="s">
        <v>735</v>
      </c>
      <c r="AC7957" s="29" t="s">
        <v>108047</v>
      </c>
      <c r="AD7957" s="1"/>
    </row>
    <row r="7958" spans="1:30">
      <c r="A7958" s="5" t="s">
        <v>83578</v>
      </c>
      <c r="B7958" s="30" t="s">
        <v>108048</v>
      </c>
      <c r="C7958" s="14" t="s">
        <v>108049</v>
      </c>
      <c r="D7958" s="2" t="s">
        <v>108050</v>
      </c>
      <c r="E7958" s="8" t="s">
        <v>108051</v>
      </c>
      <c r="F7958" s="8">
        <v>1119</v>
      </c>
      <c r="G7958" s="5">
        <v>5</v>
      </c>
      <c r="H7958" s="28" t="s">
        <v>69</v>
      </c>
      <c r="I7958" s="5" t="s">
        <v>64310</v>
      </c>
      <c r="J7958" s="5" t="s">
        <v>64311</v>
      </c>
      <c r="K7958" s="5" t="s">
        <v>64310</v>
      </c>
      <c r="L7958" s="5" t="s">
        <v>64311</v>
      </c>
      <c r="M7958" s="5" t="s">
        <v>733</v>
      </c>
      <c r="N7958" s="5" t="s">
        <v>38</v>
      </c>
      <c r="O7958" s="5" t="s">
        <v>39</v>
      </c>
      <c r="P7958" s="5" t="s">
        <v>40</v>
      </c>
      <c r="Q7958" s="5" t="s">
        <v>897</v>
      </c>
      <c r="R7958" s="5" t="s">
        <v>40</v>
      </c>
      <c r="S7958" s="5" t="s">
        <v>42</v>
      </c>
      <c r="T7958" s="2">
        <v>26.530999999999999</v>
      </c>
      <c r="U7958" s="2">
        <v>23.117999999999999</v>
      </c>
      <c r="V7958" s="2">
        <v>111.6</v>
      </c>
      <c r="W7958" s="2">
        <v>17</v>
      </c>
      <c r="X7958" s="2">
        <v>96.9</v>
      </c>
      <c r="Y7958" s="5">
        <v>111.6</v>
      </c>
      <c r="Z7958" s="5">
        <v>7</v>
      </c>
      <c r="AA7958" s="5" t="s">
        <v>43</v>
      </c>
      <c r="AB7958" s="5" t="s">
        <v>735</v>
      </c>
      <c r="AC7958" s="29" t="s">
        <v>108052</v>
      </c>
      <c r="AD7958" s="1"/>
    </row>
    <row r="7959" spans="1:30">
      <c r="A7959" s="5" t="s">
        <v>83578</v>
      </c>
      <c r="B7959" s="30" t="s">
        <v>108053</v>
      </c>
      <c r="C7959" s="14" t="s">
        <v>108054</v>
      </c>
      <c r="D7959" s="2" t="s">
        <v>108055</v>
      </c>
      <c r="E7959" s="8" t="s">
        <v>108056</v>
      </c>
      <c r="F7959" s="8">
        <v>1242</v>
      </c>
      <c r="G7959" s="5">
        <v>5</v>
      </c>
      <c r="H7959" s="28" t="s">
        <v>69</v>
      </c>
      <c r="I7959" s="5" t="s">
        <v>64310</v>
      </c>
      <c r="J7959" s="5" t="s">
        <v>64311</v>
      </c>
      <c r="K7959" s="5" t="s">
        <v>64310</v>
      </c>
      <c r="L7959" s="5" t="s">
        <v>64311</v>
      </c>
      <c r="M7959" s="5" t="s">
        <v>733</v>
      </c>
      <c r="N7959" s="5" t="s">
        <v>38</v>
      </c>
      <c r="O7959" s="5" t="s">
        <v>39</v>
      </c>
      <c r="P7959" s="5" t="s">
        <v>40</v>
      </c>
      <c r="Q7959" s="5" t="s">
        <v>897</v>
      </c>
      <c r="R7959" s="5" t="s">
        <v>40</v>
      </c>
      <c r="S7959" s="5" t="s">
        <v>42</v>
      </c>
      <c r="T7959" s="2">
        <v>37.582000000000001</v>
      </c>
      <c r="U7959" s="2">
        <v>34.406999999999996</v>
      </c>
      <c r="V7959" s="2">
        <v>111.6</v>
      </c>
      <c r="W7959" s="2">
        <v>17</v>
      </c>
      <c r="X7959" s="2">
        <v>96.9</v>
      </c>
      <c r="Y7959" s="5">
        <v>111.6</v>
      </c>
      <c r="Z7959" s="5">
        <v>7</v>
      </c>
      <c r="AA7959" s="5" t="s">
        <v>43</v>
      </c>
      <c r="AB7959" s="5" t="s">
        <v>735</v>
      </c>
      <c r="AC7959" s="29" t="s">
        <v>108057</v>
      </c>
      <c r="AD7959" s="1"/>
    </row>
    <row r="7960" spans="1:30">
      <c r="A7960" s="5" t="s">
        <v>83578</v>
      </c>
      <c r="B7960" s="30" t="s">
        <v>108058</v>
      </c>
      <c r="C7960" s="14" t="s">
        <v>108059</v>
      </c>
      <c r="D7960" s="2" t="s">
        <v>108060</v>
      </c>
      <c r="E7960" s="8" t="s">
        <v>108061</v>
      </c>
      <c r="F7960" s="8">
        <v>1053</v>
      </c>
      <c r="G7960" s="5">
        <v>15</v>
      </c>
      <c r="H7960" s="28" t="s">
        <v>69</v>
      </c>
      <c r="I7960" s="5" t="s">
        <v>64310</v>
      </c>
      <c r="J7960" s="5" t="s">
        <v>64311</v>
      </c>
      <c r="K7960" s="5" t="s">
        <v>64310</v>
      </c>
      <c r="L7960" s="5" t="s">
        <v>64311</v>
      </c>
      <c r="M7960" s="5" t="s">
        <v>733</v>
      </c>
      <c r="N7960" s="5" t="s">
        <v>38</v>
      </c>
      <c r="O7960" s="5" t="s">
        <v>39</v>
      </c>
      <c r="P7960" s="5" t="s">
        <v>40</v>
      </c>
      <c r="Q7960" s="5" t="s">
        <v>897</v>
      </c>
      <c r="R7960" s="5" t="s">
        <v>40</v>
      </c>
      <c r="S7960" s="5" t="s">
        <v>42</v>
      </c>
      <c r="T7960" s="2">
        <v>34.948999999999998</v>
      </c>
      <c r="U7960" s="2">
        <v>31.954999999999998</v>
      </c>
      <c r="V7960" s="2">
        <v>83.6</v>
      </c>
      <c r="W7960" s="2">
        <v>17</v>
      </c>
      <c r="X7960" s="2">
        <v>116.7</v>
      </c>
      <c r="Y7960" s="5">
        <v>83.6</v>
      </c>
      <c r="Z7960" s="5">
        <v>7</v>
      </c>
      <c r="AA7960" s="5" t="s">
        <v>43</v>
      </c>
      <c r="AB7960" s="5" t="s">
        <v>735</v>
      </c>
      <c r="AC7960" s="29" t="s">
        <v>108062</v>
      </c>
      <c r="AD7960" s="1"/>
    </row>
    <row r="7961" spans="1:30">
      <c r="A7961" s="5" t="s">
        <v>83578</v>
      </c>
      <c r="B7961" s="30" t="s">
        <v>108063</v>
      </c>
      <c r="C7961" s="14" t="s">
        <v>108064</v>
      </c>
      <c r="D7961" s="2" t="s">
        <v>108065</v>
      </c>
      <c r="E7961" s="8" t="s">
        <v>108066</v>
      </c>
      <c r="F7961" s="8">
        <v>1521</v>
      </c>
      <c r="G7961" s="5">
        <v>15</v>
      </c>
      <c r="H7961" s="28" t="s">
        <v>69</v>
      </c>
      <c r="I7961" s="5" t="s">
        <v>64310</v>
      </c>
      <c r="J7961" s="5" t="s">
        <v>64311</v>
      </c>
      <c r="K7961" s="5" t="s">
        <v>64310</v>
      </c>
      <c r="L7961" s="5" t="s">
        <v>64311</v>
      </c>
      <c r="M7961" s="5" t="s">
        <v>733</v>
      </c>
      <c r="N7961" s="5" t="s">
        <v>38</v>
      </c>
      <c r="O7961" s="5" t="s">
        <v>39</v>
      </c>
      <c r="P7961" s="5" t="s">
        <v>40</v>
      </c>
      <c r="Q7961" s="5" t="s">
        <v>897</v>
      </c>
      <c r="R7961" s="5" t="s">
        <v>40</v>
      </c>
      <c r="S7961" s="5" t="s">
        <v>42</v>
      </c>
      <c r="T7961" s="2">
        <v>38.680999999999997</v>
      </c>
      <c r="U7961" s="2">
        <v>35.686999999999998</v>
      </c>
      <c r="V7961" s="2">
        <v>83.6</v>
      </c>
      <c r="W7961" s="2">
        <v>17</v>
      </c>
      <c r="X7961" s="2">
        <v>116.7</v>
      </c>
      <c r="Y7961" s="5">
        <v>83.6</v>
      </c>
      <c r="Z7961" s="5">
        <v>7</v>
      </c>
      <c r="AA7961" s="5" t="s">
        <v>43</v>
      </c>
      <c r="AB7961" s="5" t="s">
        <v>735</v>
      </c>
      <c r="AC7961" s="29" t="s">
        <v>108067</v>
      </c>
      <c r="AD7961" s="1"/>
    </row>
    <row r="7962" spans="1:30">
      <c r="A7962" s="5" t="s">
        <v>83578</v>
      </c>
      <c r="B7962" s="30" t="s">
        <v>108068</v>
      </c>
      <c r="C7962" s="14" t="s">
        <v>108069</v>
      </c>
      <c r="D7962" s="2" t="s">
        <v>108070</v>
      </c>
      <c r="E7962" s="8" t="s">
        <v>108071</v>
      </c>
      <c r="F7962" s="8">
        <v>1219</v>
      </c>
      <c r="G7962" s="5">
        <v>5</v>
      </c>
      <c r="H7962" s="28" t="s">
        <v>69</v>
      </c>
      <c r="I7962" s="5" t="s">
        <v>64310</v>
      </c>
      <c r="J7962" s="5" t="s">
        <v>64311</v>
      </c>
      <c r="K7962" s="5" t="s">
        <v>64310</v>
      </c>
      <c r="L7962" s="5" t="s">
        <v>64311</v>
      </c>
      <c r="M7962" s="5" t="s">
        <v>733</v>
      </c>
      <c r="N7962" s="5" t="s">
        <v>38</v>
      </c>
      <c r="O7962" s="5" t="s">
        <v>39</v>
      </c>
      <c r="P7962" s="5" t="s">
        <v>40</v>
      </c>
      <c r="Q7962" s="5" t="s">
        <v>897</v>
      </c>
      <c r="R7962" s="5" t="s">
        <v>40</v>
      </c>
      <c r="S7962" s="5" t="s">
        <v>42</v>
      </c>
      <c r="T7962" s="2">
        <v>31.379000000000001</v>
      </c>
      <c r="U7962" s="2">
        <v>28.385000000000002</v>
      </c>
      <c r="V7962" s="2">
        <v>83.6</v>
      </c>
      <c r="W7962" s="2">
        <v>17</v>
      </c>
      <c r="X7962" s="2">
        <v>116.7</v>
      </c>
      <c r="Y7962" s="5">
        <v>83.6</v>
      </c>
      <c r="Z7962" s="5">
        <v>7</v>
      </c>
      <c r="AA7962" s="5" t="s">
        <v>43</v>
      </c>
      <c r="AB7962" s="5" t="s">
        <v>735</v>
      </c>
      <c r="AC7962" s="29" t="s">
        <v>108072</v>
      </c>
      <c r="AD7962" s="1"/>
    </row>
    <row r="7963" spans="1:30">
      <c r="A7963" s="5" t="s">
        <v>83578</v>
      </c>
      <c r="B7963" s="30" t="s">
        <v>108073</v>
      </c>
      <c r="C7963" s="14" t="s">
        <v>108074</v>
      </c>
      <c r="D7963" s="2" t="s">
        <v>108075</v>
      </c>
      <c r="E7963" s="8" t="s">
        <v>108076</v>
      </c>
      <c r="F7963" s="8">
        <v>1521</v>
      </c>
      <c r="G7963" s="5">
        <v>15</v>
      </c>
      <c r="H7963" s="28" t="s">
        <v>69</v>
      </c>
      <c r="I7963" s="5" t="s">
        <v>64310</v>
      </c>
      <c r="J7963" s="5" t="s">
        <v>64311</v>
      </c>
      <c r="K7963" s="5" t="s">
        <v>64310</v>
      </c>
      <c r="L7963" s="5" t="s">
        <v>64311</v>
      </c>
      <c r="M7963" s="5" t="s">
        <v>733</v>
      </c>
      <c r="N7963" s="5" t="s">
        <v>38</v>
      </c>
      <c r="O7963" s="5" t="s">
        <v>39</v>
      </c>
      <c r="P7963" s="5" t="s">
        <v>40</v>
      </c>
      <c r="Q7963" s="5" t="s">
        <v>897</v>
      </c>
      <c r="R7963" s="5" t="s">
        <v>40</v>
      </c>
      <c r="S7963" s="5" t="s">
        <v>42</v>
      </c>
      <c r="T7963" s="2">
        <v>37.597000000000001</v>
      </c>
      <c r="U7963" s="2">
        <v>34.603000000000002</v>
      </c>
      <c r="V7963" s="2">
        <v>83.6</v>
      </c>
      <c r="W7963" s="2">
        <v>17</v>
      </c>
      <c r="X7963" s="2">
        <v>116.7</v>
      </c>
      <c r="Y7963" s="5">
        <v>83.6</v>
      </c>
      <c r="Z7963" s="5">
        <v>7</v>
      </c>
      <c r="AA7963" s="5" t="s">
        <v>43</v>
      </c>
      <c r="AB7963" s="5" t="s">
        <v>735</v>
      </c>
      <c r="AC7963" s="29" t="s">
        <v>108077</v>
      </c>
      <c r="AD7963" s="1"/>
    </row>
    <row r="7964" spans="1:30">
      <c r="A7964" s="5" t="s">
        <v>83578</v>
      </c>
      <c r="B7964" s="30" t="s">
        <v>108078</v>
      </c>
      <c r="C7964" s="14" t="s">
        <v>108079</v>
      </c>
      <c r="D7964" s="2" t="s">
        <v>108080</v>
      </c>
      <c r="E7964" s="8" t="s">
        <v>108081</v>
      </c>
      <c r="F7964" s="8">
        <v>1219</v>
      </c>
      <c r="G7964" s="5">
        <v>5</v>
      </c>
      <c r="H7964" s="28" t="s">
        <v>69</v>
      </c>
      <c r="I7964" s="5" t="s">
        <v>64310</v>
      </c>
      <c r="J7964" s="5" t="s">
        <v>64311</v>
      </c>
      <c r="K7964" s="5" t="s">
        <v>64310</v>
      </c>
      <c r="L7964" s="5" t="s">
        <v>64311</v>
      </c>
      <c r="M7964" s="5" t="s">
        <v>733</v>
      </c>
      <c r="N7964" s="5" t="s">
        <v>38</v>
      </c>
      <c r="O7964" s="5" t="s">
        <v>39</v>
      </c>
      <c r="P7964" s="5" t="s">
        <v>40</v>
      </c>
      <c r="Q7964" s="5" t="s">
        <v>897</v>
      </c>
      <c r="R7964" s="5" t="s">
        <v>40</v>
      </c>
      <c r="S7964" s="5" t="s">
        <v>42</v>
      </c>
      <c r="T7964" s="2">
        <v>30.297999999999998</v>
      </c>
      <c r="U7964" s="2">
        <v>27.303999999999998</v>
      </c>
      <c r="V7964" s="2">
        <v>83.6</v>
      </c>
      <c r="W7964" s="2">
        <v>17</v>
      </c>
      <c r="X7964" s="2">
        <v>116.7</v>
      </c>
      <c r="Y7964" s="5">
        <v>83.6</v>
      </c>
      <c r="Z7964" s="5">
        <v>7</v>
      </c>
      <c r="AA7964" s="5" t="s">
        <v>43</v>
      </c>
      <c r="AB7964" s="5" t="s">
        <v>735</v>
      </c>
      <c r="AC7964" s="29" t="s">
        <v>108082</v>
      </c>
      <c r="AD7964" s="1"/>
    </row>
    <row r="7965" spans="1:30">
      <c r="A7965" s="5" t="s">
        <v>83578</v>
      </c>
      <c r="B7965" s="30" t="s">
        <v>108083</v>
      </c>
      <c r="C7965" s="14" t="s">
        <v>108084</v>
      </c>
      <c r="D7965" s="2" t="s">
        <v>108085</v>
      </c>
      <c r="E7965" s="8" t="s">
        <v>108086</v>
      </c>
      <c r="F7965" s="8">
        <v>1521</v>
      </c>
      <c r="G7965" s="5">
        <v>15</v>
      </c>
      <c r="H7965" s="28" t="s">
        <v>69</v>
      </c>
      <c r="I7965" s="5" t="s">
        <v>64310</v>
      </c>
      <c r="J7965" s="5" t="s">
        <v>64311</v>
      </c>
      <c r="K7965" s="5" t="s">
        <v>64310</v>
      </c>
      <c r="L7965" s="5" t="s">
        <v>64311</v>
      </c>
      <c r="M7965" s="5" t="s">
        <v>733</v>
      </c>
      <c r="N7965" s="5" t="s">
        <v>38</v>
      </c>
      <c r="O7965" s="5" t="s">
        <v>39</v>
      </c>
      <c r="P7965" s="5" t="s">
        <v>40</v>
      </c>
      <c r="Q7965" s="5" t="s">
        <v>897</v>
      </c>
      <c r="R7965" s="5" t="s">
        <v>40</v>
      </c>
      <c r="S7965" s="5" t="s">
        <v>42</v>
      </c>
      <c r="T7965" s="2">
        <v>38.621000000000002</v>
      </c>
      <c r="U7965" s="2">
        <v>35.627000000000002</v>
      </c>
      <c r="V7965" s="2">
        <v>83.6</v>
      </c>
      <c r="W7965" s="2">
        <v>17</v>
      </c>
      <c r="X7965" s="2">
        <v>116.7</v>
      </c>
      <c r="Y7965" s="5">
        <v>83.6</v>
      </c>
      <c r="Z7965" s="5">
        <v>7</v>
      </c>
      <c r="AA7965" s="5" t="s">
        <v>43</v>
      </c>
      <c r="AB7965" s="5" t="s">
        <v>735</v>
      </c>
      <c r="AC7965" s="29" t="s">
        <v>108087</v>
      </c>
      <c r="AD7965" s="1"/>
    </row>
    <row r="7966" spans="1:30">
      <c r="A7966" s="5" t="s">
        <v>83578</v>
      </c>
      <c r="B7966" s="30" t="s">
        <v>108088</v>
      </c>
      <c r="C7966" s="14" t="s">
        <v>108089</v>
      </c>
      <c r="D7966" s="2" t="s">
        <v>108090</v>
      </c>
      <c r="E7966" s="8" t="s">
        <v>108091</v>
      </c>
      <c r="F7966" s="8">
        <v>1219</v>
      </c>
      <c r="G7966" s="5">
        <v>10</v>
      </c>
      <c r="H7966" s="28" t="s">
        <v>69</v>
      </c>
      <c r="I7966" s="5" t="s">
        <v>64310</v>
      </c>
      <c r="J7966" s="5" t="s">
        <v>64311</v>
      </c>
      <c r="K7966" s="5" t="s">
        <v>64310</v>
      </c>
      <c r="L7966" s="5" t="s">
        <v>64311</v>
      </c>
      <c r="M7966" s="5" t="s">
        <v>733</v>
      </c>
      <c r="N7966" s="5" t="s">
        <v>38</v>
      </c>
      <c r="O7966" s="5" t="s">
        <v>39</v>
      </c>
      <c r="P7966" s="5" t="s">
        <v>40</v>
      </c>
      <c r="Q7966" s="5" t="s">
        <v>897</v>
      </c>
      <c r="R7966" s="5" t="s">
        <v>40</v>
      </c>
      <c r="S7966" s="5" t="s">
        <v>42</v>
      </c>
      <c r="T7966" s="2">
        <v>31.318999999999999</v>
      </c>
      <c r="U7966" s="2">
        <v>28.324999999999999</v>
      </c>
      <c r="V7966" s="2">
        <v>83.6</v>
      </c>
      <c r="W7966" s="2">
        <v>17</v>
      </c>
      <c r="X7966" s="2">
        <v>116.7</v>
      </c>
      <c r="Y7966" s="5">
        <v>83.6</v>
      </c>
      <c r="Z7966" s="5">
        <v>7</v>
      </c>
      <c r="AA7966" s="5" t="s">
        <v>43</v>
      </c>
      <c r="AB7966" s="5" t="s">
        <v>735</v>
      </c>
      <c r="AC7966" s="29" t="s">
        <v>108092</v>
      </c>
      <c r="AD7966" s="1"/>
    </row>
    <row r="7967" spans="1:30">
      <c r="A7967" s="5" t="s">
        <v>83578</v>
      </c>
      <c r="B7967" s="30" t="s">
        <v>108093</v>
      </c>
      <c r="C7967" s="14" t="s">
        <v>108094</v>
      </c>
      <c r="D7967" s="2" t="s">
        <v>108095</v>
      </c>
      <c r="E7967" s="8" t="s">
        <v>108096</v>
      </c>
      <c r="F7967" s="8">
        <v>1521</v>
      </c>
      <c r="G7967" s="5">
        <v>15</v>
      </c>
      <c r="H7967" s="28" t="s">
        <v>69</v>
      </c>
      <c r="I7967" s="5" t="s">
        <v>64310</v>
      </c>
      <c r="J7967" s="5" t="s">
        <v>64311</v>
      </c>
      <c r="K7967" s="5" t="s">
        <v>64310</v>
      </c>
      <c r="L7967" s="5" t="s">
        <v>64311</v>
      </c>
      <c r="M7967" s="5" t="s">
        <v>733</v>
      </c>
      <c r="N7967" s="5" t="s">
        <v>38</v>
      </c>
      <c r="O7967" s="5" t="s">
        <v>39</v>
      </c>
      <c r="P7967" s="5" t="s">
        <v>40</v>
      </c>
      <c r="Q7967" s="5" t="s">
        <v>897</v>
      </c>
      <c r="R7967" s="5" t="s">
        <v>40</v>
      </c>
      <c r="S7967" s="5" t="s">
        <v>42</v>
      </c>
      <c r="T7967" s="2">
        <v>37.536999999999999</v>
      </c>
      <c r="U7967" s="2">
        <v>34.542999999999999</v>
      </c>
      <c r="V7967" s="2">
        <v>83.6</v>
      </c>
      <c r="W7967" s="2">
        <v>17</v>
      </c>
      <c r="X7967" s="2">
        <v>116.7</v>
      </c>
      <c r="Y7967" s="5">
        <v>83.6</v>
      </c>
      <c r="Z7967" s="5">
        <v>7</v>
      </c>
      <c r="AA7967" s="5" t="s">
        <v>43</v>
      </c>
      <c r="AB7967" s="5" t="s">
        <v>735</v>
      </c>
      <c r="AC7967" s="29" t="s">
        <v>108097</v>
      </c>
      <c r="AD7967" s="1"/>
    </row>
    <row r="7968" spans="1:30">
      <c r="A7968" s="5" t="s">
        <v>83578</v>
      </c>
      <c r="B7968" s="30" t="s">
        <v>108098</v>
      </c>
      <c r="C7968" s="14" t="s">
        <v>108099</v>
      </c>
      <c r="D7968" s="2" t="s">
        <v>108100</v>
      </c>
      <c r="E7968" s="8" t="s">
        <v>108101</v>
      </c>
      <c r="F7968" s="8">
        <v>1433</v>
      </c>
      <c r="G7968" s="5">
        <v>10</v>
      </c>
      <c r="H7968" s="28" t="s">
        <v>69</v>
      </c>
      <c r="I7968" s="5" t="s">
        <v>64310</v>
      </c>
      <c r="J7968" s="5" t="s">
        <v>64311</v>
      </c>
      <c r="K7968" s="5" t="s">
        <v>64310</v>
      </c>
      <c r="L7968" s="5" t="s">
        <v>64311</v>
      </c>
      <c r="M7968" s="5" t="s">
        <v>733</v>
      </c>
      <c r="N7968" s="5" t="s">
        <v>38</v>
      </c>
      <c r="O7968" s="5" t="s">
        <v>39</v>
      </c>
      <c r="P7968" s="5" t="s">
        <v>40</v>
      </c>
      <c r="Q7968" s="5" t="s">
        <v>897</v>
      </c>
      <c r="R7968" s="5" t="s">
        <v>40</v>
      </c>
      <c r="S7968" s="5" t="s">
        <v>42</v>
      </c>
      <c r="T7968" s="2">
        <v>33.707999999999998</v>
      </c>
      <c r="U7968" s="2">
        <v>30.713999999999999</v>
      </c>
      <c r="V7968" s="2">
        <v>83.6</v>
      </c>
      <c r="W7968" s="2">
        <v>17</v>
      </c>
      <c r="X7968" s="2">
        <v>116.7</v>
      </c>
      <c r="Y7968" s="5">
        <v>83.6</v>
      </c>
      <c r="Z7968" s="5">
        <v>7</v>
      </c>
      <c r="AA7968" s="5" t="s">
        <v>43</v>
      </c>
      <c r="AB7968" s="5" t="s">
        <v>735</v>
      </c>
      <c r="AC7968" s="29" t="s">
        <v>108102</v>
      </c>
      <c r="AD7968" s="1"/>
    </row>
    <row r="7969" spans="1:30">
      <c r="A7969" s="5" t="s">
        <v>83578</v>
      </c>
      <c r="B7969" s="30" t="s">
        <v>108103</v>
      </c>
      <c r="C7969" s="14" t="s">
        <v>108104</v>
      </c>
      <c r="D7969" s="2" t="s">
        <v>108105</v>
      </c>
      <c r="E7969" s="8" t="s">
        <v>108106</v>
      </c>
      <c r="F7969" s="8">
        <v>1219</v>
      </c>
      <c r="G7969" s="5">
        <v>5</v>
      </c>
      <c r="H7969" s="28" t="s">
        <v>69</v>
      </c>
      <c r="I7969" s="5" t="s">
        <v>64310</v>
      </c>
      <c r="J7969" s="5" t="s">
        <v>64311</v>
      </c>
      <c r="K7969" s="5" t="s">
        <v>64310</v>
      </c>
      <c r="L7969" s="5" t="s">
        <v>64311</v>
      </c>
      <c r="M7969" s="5" t="s">
        <v>733</v>
      </c>
      <c r="N7969" s="5" t="s">
        <v>38</v>
      </c>
      <c r="O7969" s="5" t="s">
        <v>39</v>
      </c>
      <c r="P7969" s="5" t="s">
        <v>40</v>
      </c>
      <c r="Q7969" s="5" t="s">
        <v>897</v>
      </c>
      <c r="R7969" s="5" t="s">
        <v>40</v>
      </c>
      <c r="S7969" s="5" t="s">
        <v>42</v>
      </c>
      <c r="T7969" s="2">
        <v>30.238</v>
      </c>
      <c r="U7969" s="2">
        <v>27.244</v>
      </c>
      <c r="V7969" s="2">
        <v>83.6</v>
      </c>
      <c r="W7969" s="2">
        <v>17</v>
      </c>
      <c r="X7969" s="2">
        <v>116.7</v>
      </c>
      <c r="Y7969" s="5">
        <v>83.6</v>
      </c>
      <c r="Z7969" s="5">
        <v>7</v>
      </c>
      <c r="AA7969" s="5" t="s">
        <v>43</v>
      </c>
      <c r="AB7969" s="5" t="s">
        <v>735</v>
      </c>
      <c r="AC7969" s="29" t="s">
        <v>108107</v>
      </c>
      <c r="AD7969" s="1"/>
    </row>
    <row r="7970" spans="1:30">
      <c r="A7970" s="5" t="s">
        <v>83578</v>
      </c>
      <c r="B7970" s="30" t="s">
        <v>108108</v>
      </c>
      <c r="C7970" s="14" t="s">
        <v>108109</v>
      </c>
      <c r="D7970" s="2" t="s">
        <v>108110</v>
      </c>
      <c r="E7970" s="8" t="s">
        <v>108111</v>
      </c>
      <c r="F7970" s="8">
        <v>1311</v>
      </c>
      <c r="G7970" s="5">
        <v>5</v>
      </c>
      <c r="H7970" s="28" t="s">
        <v>69</v>
      </c>
      <c r="I7970" s="5" t="s">
        <v>64310</v>
      </c>
      <c r="J7970" s="5" t="s">
        <v>64311</v>
      </c>
      <c r="K7970" s="5" t="s">
        <v>64310</v>
      </c>
      <c r="L7970" s="5" t="s">
        <v>64311</v>
      </c>
      <c r="M7970" s="5" t="s">
        <v>733</v>
      </c>
      <c r="N7970" s="5" t="s">
        <v>38</v>
      </c>
      <c r="O7970" s="5" t="s">
        <v>39</v>
      </c>
      <c r="P7970" s="5" t="s">
        <v>40</v>
      </c>
      <c r="Q7970" s="5" t="s">
        <v>897</v>
      </c>
      <c r="R7970" s="5" t="s">
        <v>40</v>
      </c>
      <c r="S7970" s="5" t="s">
        <v>42</v>
      </c>
      <c r="T7970" s="2">
        <v>43.918999999999997</v>
      </c>
      <c r="U7970" s="2">
        <v>40.250999999999998</v>
      </c>
      <c r="V7970" s="2">
        <v>111.6</v>
      </c>
      <c r="W7970" s="2">
        <v>17</v>
      </c>
      <c r="X7970" s="2">
        <v>116.7</v>
      </c>
      <c r="Y7970" s="5">
        <v>111.6</v>
      </c>
      <c r="Z7970" s="5">
        <v>7</v>
      </c>
      <c r="AA7970" s="5" t="s">
        <v>43</v>
      </c>
      <c r="AB7970" s="5" t="s">
        <v>735</v>
      </c>
      <c r="AC7970" s="29" t="s">
        <v>108112</v>
      </c>
      <c r="AD7970" s="1"/>
    </row>
    <row r="7971" spans="1:30">
      <c r="A7971" s="5" t="s">
        <v>83578</v>
      </c>
      <c r="B7971" s="30" t="s">
        <v>108113</v>
      </c>
      <c r="C7971" s="14" t="s">
        <v>108114</v>
      </c>
      <c r="D7971" s="2" t="s">
        <v>108115</v>
      </c>
      <c r="E7971" s="8" t="s">
        <v>108116</v>
      </c>
      <c r="F7971" s="8">
        <v>1666</v>
      </c>
      <c r="G7971" s="5">
        <v>15</v>
      </c>
      <c r="H7971" s="28" t="s">
        <v>69</v>
      </c>
      <c r="I7971" s="5" t="s">
        <v>64310</v>
      </c>
      <c r="J7971" s="5" t="s">
        <v>64311</v>
      </c>
      <c r="K7971" s="5" t="s">
        <v>64310</v>
      </c>
      <c r="L7971" s="5" t="s">
        <v>64311</v>
      </c>
      <c r="M7971" s="5" t="s">
        <v>733</v>
      </c>
      <c r="N7971" s="5" t="s">
        <v>38</v>
      </c>
      <c r="O7971" s="5" t="s">
        <v>39</v>
      </c>
      <c r="P7971" s="5" t="s">
        <v>40</v>
      </c>
      <c r="Q7971" s="5" t="s">
        <v>897</v>
      </c>
      <c r="R7971" s="5" t="s">
        <v>40</v>
      </c>
      <c r="S7971" s="5" t="s">
        <v>42</v>
      </c>
      <c r="T7971" s="2">
        <v>45.78</v>
      </c>
      <c r="U7971" s="2">
        <v>41.298999999999999</v>
      </c>
      <c r="V7971" s="2">
        <v>111.6</v>
      </c>
      <c r="W7971" s="2">
        <v>17</v>
      </c>
      <c r="X7971" s="2">
        <v>136.69999999999999</v>
      </c>
      <c r="Y7971" s="5">
        <v>111.6</v>
      </c>
      <c r="Z7971" s="5">
        <v>7</v>
      </c>
      <c r="AA7971" s="5" t="s">
        <v>43</v>
      </c>
      <c r="AB7971" s="5" t="s">
        <v>735</v>
      </c>
      <c r="AC7971" s="29" t="s">
        <v>108117</v>
      </c>
      <c r="AD7971" s="1"/>
    </row>
    <row r="7972" spans="1:30">
      <c r="A7972" s="5" t="s">
        <v>83578</v>
      </c>
      <c r="B7972" s="30" t="s">
        <v>108118</v>
      </c>
      <c r="C7972" s="14" t="s">
        <v>108119</v>
      </c>
      <c r="D7972" s="2" t="s">
        <v>108120</v>
      </c>
      <c r="E7972" s="8" t="s">
        <v>108121</v>
      </c>
      <c r="F7972" s="8">
        <v>1311</v>
      </c>
      <c r="G7972" s="5">
        <v>5</v>
      </c>
      <c r="H7972" s="28" t="s">
        <v>69</v>
      </c>
      <c r="I7972" s="5" t="s">
        <v>64310</v>
      </c>
      <c r="J7972" s="5" t="s">
        <v>64311</v>
      </c>
      <c r="K7972" s="5" t="s">
        <v>64310</v>
      </c>
      <c r="L7972" s="5" t="s">
        <v>64311</v>
      </c>
      <c r="M7972" s="5" t="s">
        <v>733</v>
      </c>
      <c r="N7972" s="5" t="s">
        <v>38</v>
      </c>
      <c r="O7972" s="5" t="s">
        <v>39</v>
      </c>
      <c r="P7972" s="5" t="s">
        <v>40</v>
      </c>
      <c r="Q7972" s="5" t="s">
        <v>897</v>
      </c>
      <c r="R7972" s="5" t="s">
        <v>40</v>
      </c>
      <c r="S7972" s="5" t="s">
        <v>42</v>
      </c>
      <c r="T7972" s="2">
        <v>36.96</v>
      </c>
      <c r="U7972" s="2">
        <v>32.478999999999999</v>
      </c>
      <c r="V7972" s="2">
        <v>111.6</v>
      </c>
      <c r="W7972" s="2">
        <v>17</v>
      </c>
      <c r="X7972" s="2">
        <v>136.69999999999999</v>
      </c>
      <c r="Y7972" s="5">
        <v>111.6</v>
      </c>
      <c r="Z7972" s="5">
        <v>7</v>
      </c>
      <c r="AA7972" s="5" t="s">
        <v>43</v>
      </c>
      <c r="AB7972" s="5" t="s">
        <v>735</v>
      </c>
      <c r="AC7972" s="29" t="s">
        <v>108122</v>
      </c>
      <c r="AD7972" s="1"/>
    </row>
    <row r="7973" spans="1:30">
      <c r="A7973" s="5" t="s">
        <v>83578</v>
      </c>
      <c r="B7973" s="30" t="s">
        <v>108123</v>
      </c>
      <c r="C7973" s="14" t="s">
        <v>108124</v>
      </c>
      <c r="D7973" s="2" t="s">
        <v>108125</v>
      </c>
      <c r="E7973" s="8" t="s">
        <v>108126</v>
      </c>
      <c r="F7973" s="8">
        <v>1666</v>
      </c>
      <c r="G7973" s="5">
        <v>15</v>
      </c>
      <c r="H7973" s="28" t="s">
        <v>69</v>
      </c>
      <c r="I7973" s="5" t="s">
        <v>64310</v>
      </c>
      <c r="J7973" s="5" t="s">
        <v>64311</v>
      </c>
      <c r="K7973" s="5" t="s">
        <v>64310</v>
      </c>
      <c r="L7973" s="5" t="s">
        <v>64311</v>
      </c>
      <c r="M7973" s="5" t="s">
        <v>733</v>
      </c>
      <c r="N7973" s="5" t="s">
        <v>38</v>
      </c>
      <c r="O7973" s="5" t="s">
        <v>39</v>
      </c>
      <c r="P7973" s="5" t="s">
        <v>40</v>
      </c>
      <c r="Q7973" s="5" t="s">
        <v>897</v>
      </c>
      <c r="R7973" s="5" t="s">
        <v>40</v>
      </c>
      <c r="S7973" s="5" t="s">
        <v>42</v>
      </c>
      <c r="T7973" s="2">
        <v>44.563000000000002</v>
      </c>
      <c r="U7973" s="2">
        <v>40.082000000000001</v>
      </c>
      <c r="V7973" s="2">
        <v>111.6</v>
      </c>
      <c r="W7973" s="2">
        <v>17</v>
      </c>
      <c r="X7973" s="2">
        <v>136.69999999999999</v>
      </c>
      <c r="Y7973" s="5">
        <v>111.6</v>
      </c>
      <c r="Z7973" s="5">
        <v>7</v>
      </c>
      <c r="AA7973" s="5" t="s">
        <v>43</v>
      </c>
      <c r="AB7973" s="5" t="s">
        <v>735</v>
      </c>
      <c r="AC7973" s="29" t="s">
        <v>108127</v>
      </c>
      <c r="AD7973" s="1"/>
    </row>
    <row r="7974" spans="1:30">
      <c r="A7974" s="5" t="s">
        <v>83578</v>
      </c>
      <c r="B7974" s="30" t="s">
        <v>108128</v>
      </c>
      <c r="C7974" s="14" t="s">
        <v>108129</v>
      </c>
      <c r="D7974" s="2" t="s">
        <v>108130</v>
      </c>
      <c r="E7974" s="8" t="s">
        <v>108131</v>
      </c>
      <c r="F7974" s="8">
        <v>1563</v>
      </c>
      <c r="G7974" s="5">
        <v>10</v>
      </c>
      <c r="H7974" s="28" t="s">
        <v>69</v>
      </c>
      <c r="I7974" s="5" t="s">
        <v>64310</v>
      </c>
      <c r="J7974" s="5" t="s">
        <v>64311</v>
      </c>
      <c r="K7974" s="5" t="s">
        <v>64310</v>
      </c>
      <c r="L7974" s="5" t="s">
        <v>64311</v>
      </c>
      <c r="M7974" s="5" t="s">
        <v>733</v>
      </c>
      <c r="N7974" s="5" t="s">
        <v>38</v>
      </c>
      <c r="O7974" s="5" t="s">
        <v>39</v>
      </c>
      <c r="P7974" s="5" t="s">
        <v>40</v>
      </c>
      <c r="Q7974" s="5" t="s">
        <v>897</v>
      </c>
      <c r="R7974" s="5" t="s">
        <v>40</v>
      </c>
      <c r="S7974" s="5" t="s">
        <v>42</v>
      </c>
      <c r="T7974" s="2">
        <v>39.945999999999998</v>
      </c>
      <c r="U7974" s="2">
        <v>35.465000000000003</v>
      </c>
      <c r="V7974" s="2">
        <v>111.6</v>
      </c>
      <c r="W7974" s="2">
        <v>17</v>
      </c>
      <c r="X7974" s="2">
        <v>136.69999999999999</v>
      </c>
      <c r="Y7974" s="5">
        <v>111.6</v>
      </c>
      <c r="Z7974" s="5">
        <v>7</v>
      </c>
      <c r="AA7974" s="5" t="s">
        <v>43</v>
      </c>
      <c r="AB7974" s="5" t="s">
        <v>735</v>
      </c>
      <c r="AC7974" s="29" t="s">
        <v>108132</v>
      </c>
      <c r="AD7974" s="1"/>
    </row>
    <row r="7975" spans="1:30">
      <c r="A7975" s="5" t="s">
        <v>83578</v>
      </c>
      <c r="B7975" s="30" t="s">
        <v>108133</v>
      </c>
      <c r="C7975" s="14" t="s">
        <v>108134</v>
      </c>
      <c r="D7975" s="2" t="s">
        <v>108135</v>
      </c>
      <c r="E7975" s="8" t="s">
        <v>108136</v>
      </c>
      <c r="F7975" s="8">
        <v>1311</v>
      </c>
      <c r="G7975" s="5">
        <v>5</v>
      </c>
      <c r="H7975" s="28" t="s">
        <v>69</v>
      </c>
      <c r="I7975" s="5" t="s">
        <v>64310</v>
      </c>
      <c r="J7975" s="5" t="s">
        <v>64311</v>
      </c>
      <c r="K7975" s="5" t="s">
        <v>64310</v>
      </c>
      <c r="L7975" s="5" t="s">
        <v>64311</v>
      </c>
      <c r="M7975" s="5" t="s">
        <v>733</v>
      </c>
      <c r="N7975" s="5" t="s">
        <v>38</v>
      </c>
      <c r="O7975" s="5" t="s">
        <v>39</v>
      </c>
      <c r="P7975" s="5" t="s">
        <v>40</v>
      </c>
      <c r="Q7975" s="5" t="s">
        <v>897</v>
      </c>
      <c r="R7975" s="5" t="s">
        <v>40</v>
      </c>
      <c r="S7975" s="5" t="s">
        <v>42</v>
      </c>
      <c r="T7975" s="2">
        <v>35.746000000000002</v>
      </c>
      <c r="U7975" s="2">
        <v>31.265000000000001</v>
      </c>
      <c r="V7975" s="2">
        <v>111.6</v>
      </c>
      <c r="W7975" s="2">
        <v>17</v>
      </c>
      <c r="X7975" s="2">
        <v>136.69999999999999</v>
      </c>
      <c r="Y7975" s="5">
        <v>111.6</v>
      </c>
      <c r="Z7975" s="5">
        <v>7</v>
      </c>
      <c r="AA7975" s="5" t="s">
        <v>43</v>
      </c>
      <c r="AB7975" s="5" t="s">
        <v>735</v>
      </c>
      <c r="AC7975" s="29" t="s">
        <v>108137</v>
      </c>
      <c r="AD7975" s="1"/>
    </row>
    <row r="7976" spans="1:30">
      <c r="A7976" s="5" t="s">
        <v>83578</v>
      </c>
      <c r="B7976" s="30" t="s">
        <v>108138</v>
      </c>
      <c r="C7976" s="14" t="s">
        <v>108139</v>
      </c>
      <c r="D7976" s="2" t="s">
        <v>108140</v>
      </c>
      <c r="E7976" s="8" t="s">
        <v>108141</v>
      </c>
      <c r="F7976" s="8">
        <v>1198</v>
      </c>
      <c r="G7976" s="5">
        <v>15</v>
      </c>
      <c r="H7976" s="28" t="s">
        <v>69</v>
      </c>
      <c r="I7976" s="5" t="s">
        <v>64310</v>
      </c>
      <c r="J7976" s="5" t="s">
        <v>64311</v>
      </c>
      <c r="K7976" s="5" t="s">
        <v>64310</v>
      </c>
      <c r="L7976" s="5" t="s">
        <v>64311</v>
      </c>
      <c r="M7976" s="5" t="s">
        <v>733</v>
      </c>
      <c r="N7976" s="5" t="s">
        <v>38</v>
      </c>
      <c r="O7976" s="5" t="s">
        <v>39</v>
      </c>
      <c r="P7976" s="5" t="s">
        <v>40</v>
      </c>
      <c r="Q7976" s="5" t="s">
        <v>897</v>
      </c>
      <c r="R7976" s="5" t="s">
        <v>40</v>
      </c>
      <c r="S7976" s="5" t="s">
        <v>42</v>
      </c>
      <c r="T7976" s="2">
        <v>41.518000000000001</v>
      </c>
      <c r="U7976" s="2">
        <v>37.036999999999999</v>
      </c>
      <c r="V7976" s="2">
        <v>111.6</v>
      </c>
      <c r="W7976" s="2">
        <v>17</v>
      </c>
      <c r="X7976" s="2">
        <v>136.69999999999999</v>
      </c>
      <c r="Y7976" s="5">
        <v>111.6</v>
      </c>
      <c r="Z7976" s="5">
        <v>7</v>
      </c>
      <c r="AA7976" s="5" t="s">
        <v>43</v>
      </c>
      <c r="AB7976" s="5" t="s">
        <v>735</v>
      </c>
      <c r="AC7976" s="29" t="s">
        <v>108142</v>
      </c>
      <c r="AD7976" s="1"/>
    </row>
    <row r="7977" spans="1:30">
      <c r="A7977" s="5" t="s">
        <v>83578</v>
      </c>
      <c r="B7977" s="30" t="s">
        <v>108143</v>
      </c>
      <c r="C7977" s="14" t="s">
        <v>108144</v>
      </c>
      <c r="D7977" s="2" t="s">
        <v>108145</v>
      </c>
      <c r="E7977" s="8" t="s">
        <v>108146</v>
      </c>
      <c r="F7977" s="8">
        <v>1666</v>
      </c>
      <c r="G7977" s="5">
        <v>15</v>
      </c>
      <c r="H7977" s="28" t="s">
        <v>69</v>
      </c>
      <c r="I7977" s="5" t="s">
        <v>64310</v>
      </c>
      <c r="J7977" s="5" t="s">
        <v>64311</v>
      </c>
      <c r="K7977" s="5" t="s">
        <v>64310</v>
      </c>
      <c r="L7977" s="5" t="s">
        <v>64311</v>
      </c>
      <c r="M7977" s="5" t="s">
        <v>733</v>
      </c>
      <c r="N7977" s="5" t="s">
        <v>38</v>
      </c>
      <c r="O7977" s="5" t="s">
        <v>39</v>
      </c>
      <c r="P7977" s="5" t="s">
        <v>40</v>
      </c>
      <c r="Q7977" s="5" t="s">
        <v>897</v>
      </c>
      <c r="R7977" s="5" t="s">
        <v>40</v>
      </c>
      <c r="S7977" s="5" t="s">
        <v>42</v>
      </c>
      <c r="T7977" s="2">
        <v>45.72</v>
      </c>
      <c r="U7977" s="2">
        <v>41.238999999999997</v>
      </c>
      <c r="V7977" s="2">
        <v>111.6</v>
      </c>
      <c r="W7977" s="2">
        <v>17</v>
      </c>
      <c r="X7977" s="2">
        <v>136.69999999999999</v>
      </c>
      <c r="Y7977" s="5">
        <v>111.6</v>
      </c>
      <c r="Z7977" s="5">
        <v>7</v>
      </c>
      <c r="AA7977" s="5" t="s">
        <v>43</v>
      </c>
      <c r="AB7977" s="5" t="s">
        <v>735</v>
      </c>
      <c r="AC7977" s="29" t="s">
        <v>108147</v>
      </c>
      <c r="AD7977" s="1"/>
    </row>
    <row r="7978" spans="1:30">
      <c r="A7978" s="5" t="s">
        <v>83578</v>
      </c>
      <c r="B7978" s="30" t="s">
        <v>108148</v>
      </c>
      <c r="C7978" s="14" t="s">
        <v>108149</v>
      </c>
      <c r="D7978" s="2" t="s">
        <v>108150</v>
      </c>
      <c r="E7978" s="8" t="s">
        <v>108151</v>
      </c>
      <c r="F7978" s="8">
        <v>1563</v>
      </c>
      <c r="G7978" s="5">
        <v>10</v>
      </c>
      <c r="H7978" s="28" t="s">
        <v>69</v>
      </c>
      <c r="I7978" s="5" t="s">
        <v>64310</v>
      </c>
      <c r="J7978" s="5" t="s">
        <v>64311</v>
      </c>
      <c r="K7978" s="5" t="s">
        <v>64310</v>
      </c>
      <c r="L7978" s="5" t="s">
        <v>64311</v>
      </c>
      <c r="M7978" s="5" t="s">
        <v>733</v>
      </c>
      <c r="N7978" s="5" t="s">
        <v>38</v>
      </c>
      <c r="O7978" s="5" t="s">
        <v>39</v>
      </c>
      <c r="P7978" s="5" t="s">
        <v>40</v>
      </c>
      <c r="Q7978" s="5" t="s">
        <v>897</v>
      </c>
      <c r="R7978" s="5" t="s">
        <v>40</v>
      </c>
      <c r="S7978" s="5" t="s">
        <v>42</v>
      </c>
      <c r="T7978" s="2">
        <v>41.103000000000002</v>
      </c>
      <c r="U7978" s="2">
        <v>36.622</v>
      </c>
      <c r="V7978" s="2">
        <v>111.6</v>
      </c>
      <c r="W7978" s="2">
        <v>17</v>
      </c>
      <c r="X7978" s="2">
        <v>136.69999999999999</v>
      </c>
      <c r="Y7978" s="5">
        <v>111.6</v>
      </c>
      <c r="Z7978" s="5">
        <v>7</v>
      </c>
      <c r="AA7978" s="5" t="s">
        <v>43</v>
      </c>
      <c r="AB7978" s="5" t="s">
        <v>735</v>
      </c>
      <c r="AC7978" s="29" t="s">
        <v>108152</v>
      </c>
      <c r="AD7978" s="1"/>
    </row>
    <row r="7979" spans="1:30">
      <c r="A7979" s="5" t="s">
        <v>83578</v>
      </c>
      <c r="B7979" s="30" t="s">
        <v>108153</v>
      </c>
      <c r="C7979" s="14" t="s">
        <v>108154</v>
      </c>
      <c r="D7979" s="2" t="s">
        <v>108155</v>
      </c>
      <c r="E7979" s="8" t="s">
        <v>108156</v>
      </c>
      <c r="F7979" s="8">
        <v>1311</v>
      </c>
      <c r="G7979" s="5">
        <v>5</v>
      </c>
      <c r="H7979" s="28" t="s">
        <v>69</v>
      </c>
      <c r="I7979" s="5" t="s">
        <v>64310</v>
      </c>
      <c r="J7979" s="5" t="s">
        <v>64311</v>
      </c>
      <c r="K7979" s="5" t="s">
        <v>64310</v>
      </c>
      <c r="L7979" s="5" t="s">
        <v>64311</v>
      </c>
      <c r="M7979" s="5" t="s">
        <v>733</v>
      </c>
      <c r="N7979" s="5" t="s">
        <v>38</v>
      </c>
      <c r="O7979" s="5" t="s">
        <v>39</v>
      </c>
      <c r="P7979" s="5" t="s">
        <v>40</v>
      </c>
      <c r="Q7979" s="5" t="s">
        <v>897</v>
      </c>
      <c r="R7979" s="5" t="s">
        <v>40</v>
      </c>
      <c r="S7979" s="5" t="s">
        <v>42</v>
      </c>
      <c r="T7979" s="2">
        <v>36.9</v>
      </c>
      <c r="U7979" s="2">
        <v>32.418999999999997</v>
      </c>
      <c r="V7979" s="2">
        <v>111.6</v>
      </c>
      <c r="W7979" s="2">
        <v>17</v>
      </c>
      <c r="X7979" s="2">
        <v>136.69999999999999</v>
      </c>
      <c r="Y7979" s="5">
        <v>111.6</v>
      </c>
      <c r="Z7979" s="5">
        <v>7</v>
      </c>
      <c r="AA7979" s="5" t="s">
        <v>43</v>
      </c>
      <c r="AB7979" s="5" t="s">
        <v>735</v>
      </c>
      <c r="AC7979" s="29" t="s">
        <v>108157</v>
      </c>
      <c r="AD7979" s="1"/>
    </row>
    <row r="7980" spans="1:30">
      <c r="A7980" s="5" t="s">
        <v>83578</v>
      </c>
      <c r="B7980" s="30" t="s">
        <v>108158</v>
      </c>
      <c r="C7980" s="14" t="s">
        <v>108159</v>
      </c>
      <c r="D7980" s="2" t="s">
        <v>108160</v>
      </c>
      <c r="E7980" s="8" t="s">
        <v>108161</v>
      </c>
      <c r="F7980" s="8">
        <v>1666</v>
      </c>
      <c r="G7980" s="5">
        <v>15</v>
      </c>
      <c r="H7980" s="28" t="s">
        <v>69</v>
      </c>
      <c r="I7980" s="5" t="s">
        <v>64310</v>
      </c>
      <c r="J7980" s="5" t="s">
        <v>64311</v>
      </c>
      <c r="K7980" s="5" t="s">
        <v>64310</v>
      </c>
      <c r="L7980" s="5" t="s">
        <v>64311</v>
      </c>
      <c r="M7980" s="5" t="s">
        <v>733</v>
      </c>
      <c r="N7980" s="5" t="s">
        <v>38</v>
      </c>
      <c r="O7980" s="5" t="s">
        <v>39</v>
      </c>
      <c r="P7980" s="5" t="s">
        <v>40</v>
      </c>
      <c r="Q7980" s="5" t="s">
        <v>897</v>
      </c>
      <c r="R7980" s="5" t="s">
        <v>40</v>
      </c>
      <c r="S7980" s="5" t="s">
        <v>42</v>
      </c>
      <c r="T7980" s="2">
        <v>44.503</v>
      </c>
      <c r="U7980" s="2">
        <v>40.021999999999998</v>
      </c>
      <c r="V7980" s="2">
        <v>111.6</v>
      </c>
      <c r="W7980" s="2">
        <v>17</v>
      </c>
      <c r="X7980" s="2">
        <v>136.69999999999999</v>
      </c>
      <c r="Y7980" s="5">
        <v>111.6</v>
      </c>
      <c r="Z7980" s="5">
        <v>7</v>
      </c>
      <c r="AA7980" s="5" t="s">
        <v>43</v>
      </c>
      <c r="AB7980" s="5" t="s">
        <v>735</v>
      </c>
      <c r="AC7980" s="29" t="s">
        <v>108162</v>
      </c>
      <c r="AD7980" s="1"/>
    </row>
    <row r="7981" spans="1:30">
      <c r="A7981" s="5" t="s">
        <v>83578</v>
      </c>
      <c r="B7981" s="30" t="s">
        <v>108163</v>
      </c>
      <c r="C7981" s="14" t="s">
        <v>108164</v>
      </c>
      <c r="D7981" s="2" t="s">
        <v>108165</v>
      </c>
      <c r="E7981" s="8" t="s">
        <v>108166</v>
      </c>
      <c r="F7981" s="8">
        <v>1563</v>
      </c>
      <c r="G7981" s="5">
        <v>10</v>
      </c>
      <c r="H7981" s="28" t="s">
        <v>69</v>
      </c>
      <c r="I7981" s="5" t="s">
        <v>64310</v>
      </c>
      <c r="J7981" s="5" t="s">
        <v>64311</v>
      </c>
      <c r="K7981" s="5" t="s">
        <v>64310</v>
      </c>
      <c r="L7981" s="5" t="s">
        <v>64311</v>
      </c>
      <c r="M7981" s="5" t="s">
        <v>733</v>
      </c>
      <c r="N7981" s="5" t="s">
        <v>38</v>
      </c>
      <c r="O7981" s="5" t="s">
        <v>39</v>
      </c>
      <c r="P7981" s="5" t="s">
        <v>40</v>
      </c>
      <c r="Q7981" s="5" t="s">
        <v>897</v>
      </c>
      <c r="R7981" s="5" t="s">
        <v>40</v>
      </c>
      <c r="S7981" s="5" t="s">
        <v>42</v>
      </c>
      <c r="T7981" s="2">
        <v>39.886000000000003</v>
      </c>
      <c r="U7981" s="2">
        <v>35.405000000000001</v>
      </c>
      <c r="V7981" s="2">
        <v>111.6</v>
      </c>
      <c r="W7981" s="2">
        <v>17</v>
      </c>
      <c r="X7981" s="2">
        <v>136.69999999999999</v>
      </c>
      <c r="Y7981" s="5">
        <v>111.6</v>
      </c>
      <c r="Z7981" s="5">
        <v>7</v>
      </c>
      <c r="AA7981" s="5" t="s">
        <v>43</v>
      </c>
      <c r="AB7981" s="5" t="s">
        <v>735</v>
      </c>
      <c r="AC7981" s="29" t="s">
        <v>108167</v>
      </c>
      <c r="AD7981" s="1"/>
    </row>
    <row r="7982" spans="1:30">
      <c r="A7982" s="5" t="s">
        <v>83578</v>
      </c>
      <c r="B7982" s="30" t="s">
        <v>108168</v>
      </c>
      <c r="C7982" s="14" t="s">
        <v>108169</v>
      </c>
      <c r="D7982" s="2" t="s">
        <v>108170</v>
      </c>
      <c r="E7982" s="8" t="s">
        <v>108171</v>
      </c>
      <c r="F7982" s="8">
        <v>1311</v>
      </c>
      <c r="G7982" s="5">
        <v>5</v>
      </c>
      <c r="H7982" s="28" t="s">
        <v>69</v>
      </c>
      <c r="I7982" s="5" t="s">
        <v>64310</v>
      </c>
      <c r="J7982" s="5" t="s">
        <v>64311</v>
      </c>
      <c r="K7982" s="5" t="s">
        <v>64310</v>
      </c>
      <c r="L7982" s="5" t="s">
        <v>64311</v>
      </c>
      <c r="M7982" s="5" t="s">
        <v>733</v>
      </c>
      <c r="N7982" s="5" t="s">
        <v>38</v>
      </c>
      <c r="O7982" s="5" t="s">
        <v>39</v>
      </c>
      <c r="P7982" s="5" t="s">
        <v>40</v>
      </c>
      <c r="Q7982" s="5" t="s">
        <v>897</v>
      </c>
      <c r="R7982" s="5" t="s">
        <v>40</v>
      </c>
      <c r="S7982" s="5" t="s">
        <v>42</v>
      </c>
      <c r="T7982" s="2">
        <v>35.686</v>
      </c>
      <c r="U7982" s="2">
        <v>31.204999999999998</v>
      </c>
      <c r="V7982" s="2">
        <v>111.6</v>
      </c>
      <c r="W7982" s="2">
        <v>17</v>
      </c>
      <c r="X7982" s="2">
        <v>136.69999999999999</v>
      </c>
      <c r="Y7982" s="5">
        <v>111.6</v>
      </c>
      <c r="Z7982" s="5">
        <v>7</v>
      </c>
      <c r="AA7982" s="5" t="s">
        <v>43</v>
      </c>
      <c r="AB7982" s="5" t="s">
        <v>735</v>
      </c>
      <c r="AC7982" s="29" t="s">
        <v>108172</v>
      </c>
      <c r="AD7982" s="1"/>
    </row>
    <row r="7983" spans="1:30">
      <c r="A7983" s="5" t="s">
        <v>83578</v>
      </c>
      <c r="B7983" s="30" t="s">
        <v>108173</v>
      </c>
      <c r="C7983" s="14" t="s">
        <v>108174</v>
      </c>
      <c r="D7983" s="2" t="s">
        <v>108175</v>
      </c>
      <c r="E7983" s="8" t="s">
        <v>108176</v>
      </c>
      <c r="F7983" s="8">
        <v>1803</v>
      </c>
      <c r="G7983" s="5">
        <v>10</v>
      </c>
      <c r="H7983" s="28" t="s">
        <v>69</v>
      </c>
      <c r="I7983" s="5" t="s">
        <v>64310</v>
      </c>
      <c r="J7983" s="5" t="s">
        <v>64311</v>
      </c>
      <c r="K7983" s="5" t="s">
        <v>64310</v>
      </c>
      <c r="L7983" s="5" t="s">
        <v>64311</v>
      </c>
      <c r="M7983" s="5" t="s">
        <v>733</v>
      </c>
      <c r="N7983" s="5" t="s">
        <v>38</v>
      </c>
      <c r="O7983" s="5" t="s">
        <v>39</v>
      </c>
      <c r="P7983" s="5" t="s">
        <v>40</v>
      </c>
      <c r="Q7983" s="5" t="s">
        <v>897</v>
      </c>
      <c r="R7983" s="5" t="s">
        <v>40</v>
      </c>
      <c r="S7983" s="5" t="s">
        <v>42</v>
      </c>
      <c r="T7983" s="2">
        <v>56.265999999999998</v>
      </c>
      <c r="U7983" s="2">
        <v>52.097000000000001</v>
      </c>
      <c r="V7983" s="2">
        <v>111.6</v>
      </c>
      <c r="W7983" s="2">
        <v>17</v>
      </c>
      <c r="X7983" s="2">
        <v>136.69999999999999</v>
      </c>
      <c r="Y7983" s="5">
        <v>111.6</v>
      </c>
      <c r="Z7983" s="5">
        <v>7</v>
      </c>
      <c r="AA7983" s="5" t="s">
        <v>43</v>
      </c>
      <c r="AB7983" s="5" t="s">
        <v>735</v>
      </c>
      <c r="AC7983" s="29" t="s">
        <v>108177</v>
      </c>
      <c r="AD7983" s="1"/>
    </row>
    <row r="7984" spans="1:30">
      <c r="A7984" s="5" t="s">
        <v>83578</v>
      </c>
      <c r="B7984" s="30" t="s">
        <v>108178</v>
      </c>
      <c r="C7984" s="14" t="s">
        <v>108179</v>
      </c>
      <c r="D7984" s="2" t="s">
        <v>108180</v>
      </c>
      <c r="E7984" s="8" t="s">
        <v>108181</v>
      </c>
      <c r="F7984" s="8">
        <v>1403</v>
      </c>
      <c r="G7984" s="5">
        <v>5</v>
      </c>
      <c r="H7984" s="28" t="s">
        <v>69</v>
      </c>
      <c r="I7984" s="5" t="s">
        <v>64310</v>
      </c>
      <c r="J7984" s="5" t="s">
        <v>64311</v>
      </c>
      <c r="K7984" s="5" t="s">
        <v>64310</v>
      </c>
      <c r="L7984" s="5" t="s">
        <v>64311</v>
      </c>
      <c r="M7984" s="5" t="s">
        <v>733</v>
      </c>
      <c r="N7984" s="5" t="s">
        <v>38</v>
      </c>
      <c r="O7984" s="5" t="s">
        <v>39</v>
      </c>
      <c r="P7984" s="5" t="s">
        <v>40</v>
      </c>
      <c r="Q7984" s="5" t="s">
        <v>897</v>
      </c>
      <c r="R7984" s="5" t="s">
        <v>40</v>
      </c>
      <c r="S7984" s="5" t="s">
        <v>42</v>
      </c>
      <c r="T7984" s="2">
        <v>50.301000000000002</v>
      </c>
      <c r="U7984" s="2">
        <v>46.131999999999998</v>
      </c>
      <c r="V7984" s="2">
        <v>111.6</v>
      </c>
      <c r="W7984" s="2">
        <v>17</v>
      </c>
      <c r="X7984" s="2">
        <v>136.69999999999999</v>
      </c>
      <c r="Y7984" s="5">
        <v>111.6</v>
      </c>
      <c r="Z7984" s="5">
        <v>7</v>
      </c>
      <c r="AA7984" s="5" t="s">
        <v>43</v>
      </c>
      <c r="AB7984" s="5" t="s">
        <v>735</v>
      </c>
      <c r="AC7984" s="29" t="s">
        <v>108182</v>
      </c>
      <c r="AD7984" s="1"/>
    </row>
    <row r="7985" spans="1:30">
      <c r="A7985" s="5" t="s">
        <v>83578</v>
      </c>
      <c r="B7985" s="30" t="s">
        <v>108183</v>
      </c>
      <c r="C7985" s="14" t="s">
        <v>108184</v>
      </c>
      <c r="D7985" s="2" t="s">
        <v>108185</v>
      </c>
      <c r="E7985" s="8" t="s">
        <v>108186</v>
      </c>
      <c r="F7985" s="8">
        <v>1348</v>
      </c>
      <c r="G7985" s="5">
        <v>10</v>
      </c>
      <c r="H7985" s="28" t="s">
        <v>69</v>
      </c>
      <c r="I7985" s="5" t="s">
        <v>64310</v>
      </c>
      <c r="J7985" s="5" t="s">
        <v>64311</v>
      </c>
      <c r="K7985" s="5" t="s">
        <v>64310</v>
      </c>
      <c r="L7985" s="5" t="s">
        <v>64311</v>
      </c>
      <c r="M7985" s="5" t="s">
        <v>733</v>
      </c>
      <c r="N7985" s="5" t="s">
        <v>38</v>
      </c>
      <c r="O7985" s="5" t="s">
        <v>39</v>
      </c>
      <c r="P7985" s="5" t="s">
        <v>40</v>
      </c>
      <c r="Q7985" s="5" t="s">
        <v>897</v>
      </c>
      <c r="R7985" s="5" t="s">
        <v>40</v>
      </c>
      <c r="S7985" s="5" t="s">
        <v>42</v>
      </c>
      <c r="T7985" s="2">
        <v>29.632999999999999</v>
      </c>
      <c r="U7985" s="2">
        <v>27.56</v>
      </c>
      <c r="V7985" s="2">
        <v>83</v>
      </c>
      <c r="W7985" s="2">
        <v>17</v>
      </c>
      <c r="X7985" s="2">
        <v>80.7</v>
      </c>
      <c r="Y7985" s="5">
        <v>83</v>
      </c>
      <c r="Z7985" s="5">
        <v>7</v>
      </c>
      <c r="AA7985" s="5" t="s">
        <v>43</v>
      </c>
      <c r="AB7985" s="5" t="s">
        <v>735</v>
      </c>
      <c r="AC7985" s="29" t="s">
        <v>108187</v>
      </c>
      <c r="AD7985" s="1"/>
    </row>
    <row r="7986" spans="1:30">
      <c r="A7986" s="5" t="s">
        <v>83578</v>
      </c>
      <c r="B7986" s="30" t="s">
        <v>108188</v>
      </c>
      <c r="C7986" s="14" t="s">
        <v>108189</v>
      </c>
      <c r="D7986" s="2" t="s">
        <v>108190</v>
      </c>
      <c r="E7986" s="8" t="s">
        <v>108191</v>
      </c>
      <c r="F7986" s="8">
        <v>1139</v>
      </c>
      <c r="G7986" s="5">
        <v>10</v>
      </c>
      <c r="H7986" s="28" t="s">
        <v>69</v>
      </c>
      <c r="I7986" s="5" t="s">
        <v>64310</v>
      </c>
      <c r="J7986" s="5" t="s">
        <v>64311</v>
      </c>
      <c r="K7986" s="5" t="s">
        <v>64310</v>
      </c>
      <c r="L7986" s="5" t="s">
        <v>64311</v>
      </c>
      <c r="M7986" s="5" t="s">
        <v>733</v>
      </c>
      <c r="N7986" s="5" t="s">
        <v>38</v>
      </c>
      <c r="O7986" s="5" t="s">
        <v>39</v>
      </c>
      <c r="P7986" s="5" t="s">
        <v>40</v>
      </c>
      <c r="Q7986" s="5" t="s">
        <v>897</v>
      </c>
      <c r="R7986" s="5" t="s">
        <v>40</v>
      </c>
      <c r="S7986" s="5" t="s">
        <v>42</v>
      </c>
      <c r="T7986" s="2">
        <v>25.370999999999999</v>
      </c>
      <c r="U7986" s="2">
        <v>23.282</v>
      </c>
      <c r="V7986" s="2">
        <v>83</v>
      </c>
      <c r="W7986" s="2">
        <v>17</v>
      </c>
      <c r="X7986" s="2">
        <v>80.7</v>
      </c>
      <c r="Y7986" s="5">
        <v>83</v>
      </c>
      <c r="Z7986" s="5">
        <v>7</v>
      </c>
      <c r="AA7986" s="5" t="s">
        <v>43</v>
      </c>
      <c r="AB7986" s="5" t="s">
        <v>735</v>
      </c>
      <c r="AC7986" s="29" t="s">
        <v>108192</v>
      </c>
      <c r="AD7986" s="1"/>
    </row>
    <row r="7987" spans="1:30">
      <c r="A7987" s="5" t="s">
        <v>83578</v>
      </c>
      <c r="B7987" s="30" t="s">
        <v>108193</v>
      </c>
      <c r="C7987" s="14" t="s">
        <v>108194</v>
      </c>
      <c r="D7987" s="2" t="s">
        <v>108195</v>
      </c>
      <c r="E7987" s="8" t="s">
        <v>108196</v>
      </c>
      <c r="F7987" s="8">
        <v>1341</v>
      </c>
      <c r="G7987" s="5">
        <v>10</v>
      </c>
      <c r="H7987" s="28" t="s">
        <v>69</v>
      </c>
      <c r="I7987" s="5" t="s">
        <v>64310</v>
      </c>
      <c r="J7987" s="5" t="s">
        <v>64311</v>
      </c>
      <c r="K7987" s="5" t="s">
        <v>64310</v>
      </c>
      <c r="L7987" s="5" t="s">
        <v>64311</v>
      </c>
      <c r="M7987" s="5" t="s">
        <v>733</v>
      </c>
      <c r="N7987" s="5" t="s">
        <v>38</v>
      </c>
      <c r="O7987" s="5" t="s">
        <v>39</v>
      </c>
      <c r="P7987" s="5" t="s">
        <v>40</v>
      </c>
      <c r="Q7987" s="5" t="s">
        <v>897</v>
      </c>
      <c r="R7987" s="5" t="s">
        <v>40</v>
      </c>
      <c r="S7987" s="5" t="s">
        <v>42</v>
      </c>
      <c r="T7987" s="2">
        <v>35.756</v>
      </c>
      <c r="U7987" s="2">
        <v>33.017000000000003</v>
      </c>
      <c r="V7987" s="2">
        <v>111.6</v>
      </c>
      <c r="W7987" s="2">
        <v>17</v>
      </c>
      <c r="X7987" s="2">
        <v>80.7</v>
      </c>
      <c r="Y7987" s="5">
        <v>111.6</v>
      </c>
      <c r="Z7987" s="5">
        <v>7</v>
      </c>
      <c r="AA7987" s="5" t="s">
        <v>43</v>
      </c>
      <c r="AB7987" s="5" t="s">
        <v>735</v>
      </c>
      <c r="AC7987" s="29" t="s">
        <v>108197</v>
      </c>
      <c r="AD7987" s="1"/>
    </row>
    <row r="7988" spans="1:30">
      <c r="A7988" s="5" t="s">
        <v>83578</v>
      </c>
      <c r="B7988" s="30" t="s">
        <v>108198</v>
      </c>
      <c r="C7988" s="14" t="s">
        <v>108199</v>
      </c>
      <c r="D7988" s="2" t="s">
        <v>108200</v>
      </c>
      <c r="E7988" s="8" t="s">
        <v>108201</v>
      </c>
      <c r="F7988" s="8">
        <v>1498</v>
      </c>
      <c r="G7988" s="5">
        <v>10</v>
      </c>
      <c r="H7988" s="28" t="s">
        <v>69</v>
      </c>
      <c r="I7988" s="5" t="s">
        <v>64310</v>
      </c>
      <c r="J7988" s="5" t="s">
        <v>64311</v>
      </c>
      <c r="K7988" s="5" t="s">
        <v>64310</v>
      </c>
      <c r="L7988" s="5" t="s">
        <v>64311</v>
      </c>
      <c r="M7988" s="5" t="s">
        <v>733</v>
      </c>
      <c r="N7988" s="5" t="s">
        <v>38</v>
      </c>
      <c r="O7988" s="5" t="s">
        <v>39</v>
      </c>
      <c r="P7988" s="5" t="s">
        <v>40</v>
      </c>
      <c r="Q7988" s="5" t="s">
        <v>897</v>
      </c>
      <c r="R7988" s="5" t="s">
        <v>40</v>
      </c>
      <c r="S7988" s="5" t="s">
        <v>42</v>
      </c>
      <c r="T7988" s="2">
        <v>36.454999999999998</v>
      </c>
      <c r="U7988" s="2">
        <v>32.515999999999998</v>
      </c>
      <c r="V7988" s="2">
        <v>83</v>
      </c>
      <c r="W7988" s="2">
        <v>17</v>
      </c>
      <c r="X7988" s="2">
        <v>104.9</v>
      </c>
      <c r="Y7988" s="5">
        <v>83</v>
      </c>
      <c r="Z7988" s="5">
        <v>7</v>
      </c>
      <c r="AA7988" s="5" t="s">
        <v>43</v>
      </c>
      <c r="AB7988" s="5" t="s">
        <v>735</v>
      </c>
      <c r="AC7988" s="29" t="s">
        <v>108202</v>
      </c>
      <c r="AD7988" s="1"/>
    </row>
    <row r="7989" spans="1:30">
      <c r="A7989" s="5" t="s">
        <v>83578</v>
      </c>
      <c r="B7989" s="30" t="s">
        <v>108203</v>
      </c>
      <c r="C7989" s="14" t="s">
        <v>108204</v>
      </c>
      <c r="D7989" s="2" t="s">
        <v>108205</v>
      </c>
      <c r="E7989" s="8" t="s">
        <v>108206</v>
      </c>
      <c r="F7989" s="8">
        <v>1426</v>
      </c>
      <c r="G7989" s="5">
        <v>10</v>
      </c>
      <c r="H7989" s="28" t="s">
        <v>69</v>
      </c>
      <c r="I7989" s="5" t="s">
        <v>64310</v>
      </c>
      <c r="J7989" s="5" t="s">
        <v>64311</v>
      </c>
      <c r="K7989" s="5" t="s">
        <v>64310</v>
      </c>
      <c r="L7989" s="5" t="s">
        <v>64311</v>
      </c>
      <c r="M7989" s="5" t="s">
        <v>733</v>
      </c>
      <c r="N7989" s="5" t="s">
        <v>38</v>
      </c>
      <c r="O7989" s="5" t="s">
        <v>39</v>
      </c>
      <c r="P7989" s="5" t="s">
        <v>40</v>
      </c>
      <c r="Q7989" s="5" t="s">
        <v>897</v>
      </c>
      <c r="R7989" s="5" t="s">
        <v>40</v>
      </c>
      <c r="S7989" s="5" t="s">
        <v>42</v>
      </c>
      <c r="T7989" s="2">
        <v>33.290999999999997</v>
      </c>
      <c r="U7989" s="2">
        <v>29.352</v>
      </c>
      <c r="V7989" s="2">
        <v>83</v>
      </c>
      <c r="W7989" s="2">
        <v>17</v>
      </c>
      <c r="X7989" s="2">
        <v>104.9</v>
      </c>
      <c r="Y7989" s="5">
        <v>83</v>
      </c>
      <c r="Z7989" s="5">
        <v>7</v>
      </c>
      <c r="AA7989" s="5" t="s">
        <v>43</v>
      </c>
      <c r="AB7989" s="5" t="s">
        <v>735</v>
      </c>
      <c r="AC7989" s="29" t="s">
        <v>108207</v>
      </c>
      <c r="AD7989" s="1"/>
    </row>
    <row r="7990" spans="1:30">
      <c r="A7990" s="5" t="s">
        <v>83578</v>
      </c>
      <c r="B7990" s="30" t="s">
        <v>108208</v>
      </c>
      <c r="C7990" s="14" t="s">
        <v>108209</v>
      </c>
      <c r="D7990" s="2" t="s">
        <v>108210</v>
      </c>
      <c r="E7990" s="8" t="s">
        <v>108211</v>
      </c>
      <c r="F7990" s="8">
        <v>1249</v>
      </c>
      <c r="G7990" s="5">
        <v>10</v>
      </c>
      <c r="H7990" s="28" t="s">
        <v>69</v>
      </c>
      <c r="I7990" s="5" t="s">
        <v>64310</v>
      </c>
      <c r="J7990" s="5" t="s">
        <v>64311</v>
      </c>
      <c r="K7990" s="5" t="s">
        <v>64310</v>
      </c>
      <c r="L7990" s="5" t="s">
        <v>64311</v>
      </c>
      <c r="M7990" s="5" t="s">
        <v>733</v>
      </c>
      <c r="N7990" s="5" t="s">
        <v>38</v>
      </c>
      <c r="O7990" s="5" t="s">
        <v>39</v>
      </c>
      <c r="P7990" s="5" t="s">
        <v>40</v>
      </c>
      <c r="Q7990" s="5" t="s">
        <v>897</v>
      </c>
      <c r="R7990" s="5" t="s">
        <v>40</v>
      </c>
      <c r="S7990" s="5" t="s">
        <v>42</v>
      </c>
      <c r="T7990" s="2">
        <v>31.007999999999999</v>
      </c>
      <c r="U7990" s="2">
        <v>27.045000000000002</v>
      </c>
      <c r="V7990" s="2">
        <v>83</v>
      </c>
      <c r="W7990" s="2">
        <v>17</v>
      </c>
      <c r="X7990" s="2">
        <v>104.9</v>
      </c>
      <c r="Y7990" s="5">
        <v>83</v>
      </c>
      <c r="Z7990" s="5">
        <v>7</v>
      </c>
      <c r="AA7990" s="5" t="s">
        <v>43</v>
      </c>
      <c r="AB7990" s="5" t="s">
        <v>735</v>
      </c>
      <c r="AC7990" s="29" t="s">
        <v>108212</v>
      </c>
      <c r="AD7990" s="1"/>
    </row>
    <row r="7991" spans="1:30">
      <c r="A7991" s="5" t="s">
        <v>83578</v>
      </c>
      <c r="B7991" s="30" t="s">
        <v>108213</v>
      </c>
      <c r="C7991" s="14" t="s">
        <v>108214</v>
      </c>
      <c r="D7991" s="2" t="s">
        <v>108215</v>
      </c>
      <c r="E7991" s="8" t="s">
        <v>108216</v>
      </c>
      <c r="F7991" s="8">
        <v>1396</v>
      </c>
      <c r="G7991" s="5">
        <v>10</v>
      </c>
      <c r="H7991" s="28" t="s">
        <v>69</v>
      </c>
      <c r="I7991" s="5" t="s">
        <v>64310</v>
      </c>
      <c r="J7991" s="5" t="s">
        <v>64311</v>
      </c>
      <c r="K7991" s="5" t="s">
        <v>64310</v>
      </c>
      <c r="L7991" s="5" t="s">
        <v>64311</v>
      </c>
      <c r="M7991" s="5" t="s">
        <v>733</v>
      </c>
      <c r="N7991" s="5" t="s">
        <v>38</v>
      </c>
      <c r="O7991" s="5" t="s">
        <v>39</v>
      </c>
      <c r="P7991" s="5" t="s">
        <v>40</v>
      </c>
      <c r="Q7991" s="5" t="s">
        <v>897</v>
      </c>
      <c r="R7991" s="5" t="s">
        <v>40</v>
      </c>
      <c r="S7991" s="5" t="s">
        <v>42</v>
      </c>
      <c r="T7991" s="2">
        <v>41.985999999999997</v>
      </c>
      <c r="U7991" s="2">
        <v>38.22</v>
      </c>
      <c r="V7991" s="2">
        <v>111.6</v>
      </c>
      <c r="W7991" s="2">
        <v>17</v>
      </c>
      <c r="X7991" s="2">
        <v>104.9</v>
      </c>
      <c r="Y7991" s="5">
        <v>111.6</v>
      </c>
      <c r="Z7991" s="5">
        <v>7</v>
      </c>
      <c r="AA7991" s="5" t="s">
        <v>43</v>
      </c>
      <c r="AB7991" s="5" t="s">
        <v>735</v>
      </c>
      <c r="AC7991" s="29" t="s">
        <v>108217</v>
      </c>
      <c r="AD7991" s="1"/>
    </row>
    <row r="7992" spans="1:30">
      <c r="A7992" s="5" t="s">
        <v>83578</v>
      </c>
      <c r="B7992" s="30" t="s">
        <v>108218</v>
      </c>
      <c r="C7992" s="14" t="s">
        <v>108219</v>
      </c>
      <c r="D7992" s="2" t="s">
        <v>108220</v>
      </c>
      <c r="E7992" s="8" t="s">
        <v>108221</v>
      </c>
      <c r="F7992" s="8">
        <v>1671</v>
      </c>
      <c r="G7992" s="5">
        <v>10</v>
      </c>
      <c r="H7992" s="28" t="s">
        <v>69</v>
      </c>
      <c r="I7992" s="5" t="s">
        <v>64310</v>
      </c>
      <c r="J7992" s="5" t="s">
        <v>64311</v>
      </c>
      <c r="K7992" s="5" t="s">
        <v>64310</v>
      </c>
      <c r="L7992" s="5" t="s">
        <v>64311</v>
      </c>
      <c r="M7992" s="5" t="s">
        <v>733</v>
      </c>
      <c r="N7992" s="5" t="s">
        <v>38</v>
      </c>
      <c r="O7992" s="5" t="s">
        <v>39</v>
      </c>
      <c r="P7992" s="5" t="s">
        <v>40</v>
      </c>
      <c r="Q7992" s="5" t="s">
        <v>897</v>
      </c>
      <c r="R7992" s="5" t="s">
        <v>40</v>
      </c>
      <c r="S7992" s="5" t="s">
        <v>42</v>
      </c>
      <c r="T7992" s="2">
        <v>43.206000000000003</v>
      </c>
      <c r="U7992" s="2">
        <v>38.677</v>
      </c>
      <c r="V7992" s="2">
        <v>83</v>
      </c>
      <c r="W7992" s="2">
        <v>17</v>
      </c>
      <c r="X7992" s="2">
        <v>124.7</v>
      </c>
      <c r="Y7992" s="5">
        <v>83</v>
      </c>
      <c r="Z7992" s="5">
        <v>7</v>
      </c>
      <c r="AA7992" s="5" t="s">
        <v>43</v>
      </c>
      <c r="AB7992" s="5" t="s">
        <v>735</v>
      </c>
      <c r="AC7992" s="29" t="s">
        <v>108222</v>
      </c>
      <c r="AD7992" s="1"/>
    </row>
    <row r="7993" spans="1:30">
      <c r="A7993" s="5" t="s">
        <v>83578</v>
      </c>
      <c r="B7993" s="30" t="s">
        <v>108223</v>
      </c>
      <c r="C7993" s="14" t="s">
        <v>108224</v>
      </c>
      <c r="D7993" s="2" t="s">
        <v>108225</v>
      </c>
      <c r="E7993" s="8" t="s">
        <v>108226</v>
      </c>
      <c r="F7993" s="8">
        <v>1369</v>
      </c>
      <c r="G7993" s="5">
        <v>10</v>
      </c>
      <c r="H7993" s="28" t="s">
        <v>69</v>
      </c>
      <c r="I7993" s="5" t="s">
        <v>64310</v>
      </c>
      <c r="J7993" s="5" t="s">
        <v>64311</v>
      </c>
      <c r="K7993" s="5" t="s">
        <v>64310</v>
      </c>
      <c r="L7993" s="5" t="s">
        <v>64311</v>
      </c>
      <c r="M7993" s="5" t="s">
        <v>733</v>
      </c>
      <c r="N7993" s="5" t="s">
        <v>38</v>
      </c>
      <c r="O7993" s="5" t="s">
        <v>39</v>
      </c>
      <c r="P7993" s="5" t="s">
        <v>40</v>
      </c>
      <c r="Q7993" s="5" t="s">
        <v>897</v>
      </c>
      <c r="R7993" s="5" t="s">
        <v>40</v>
      </c>
      <c r="S7993" s="5" t="s">
        <v>42</v>
      </c>
      <c r="T7993" s="2">
        <v>36.322000000000003</v>
      </c>
      <c r="U7993" s="2">
        <v>31.760999999999999</v>
      </c>
      <c r="V7993" s="2">
        <v>83</v>
      </c>
      <c r="W7993" s="2">
        <v>17</v>
      </c>
      <c r="X7993" s="2">
        <v>124.7</v>
      </c>
      <c r="Y7993" s="5">
        <v>83</v>
      </c>
      <c r="Z7993" s="5">
        <v>7</v>
      </c>
      <c r="AA7993" s="5" t="s">
        <v>43</v>
      </c>
      <c r="AB7993" s="5" t="s">
        <v>735</v>
      </c>
      <c r="AC7993" s="29" t="s">
        <v>108227</v>
      </c>
      <c r="AD7993" s="1"/>
    </row>
    <row r="7994" spans="1:30">
      <c r="A7994" s="5" t="s">
        <v>83578</v>
      </c>
      <c r="B7994" s="30" t="s">
        <v>108228</v>
      </c>
      <c r="C7994" s="14" t="s">
        <v>108229</v>
      </c>
      <c r="D7994" s="2" t="s">
        <v>108230</v>
      </c>
      <c r="E7994" s="8" t="s">
        <v>108231</v>
      </c>
      <c r="F7994" s="8">
        <v>1366</v>
      </c>
      <c r="G7994" s="5">
        <v>10</v>
      </c>
      <c r="H7994" s="28" t="s">
        <v>69</v>
      </c>
      <c r="I7994" s="5" t="s">
        <v>64310</v>
      </c>
      <c r="J7994" s="5" t="s">
        <v>64311</v>
      </c>
      <c r="K7994" s="5" t="s">
        <v>64310</v>
      </c>
      <c r="L7994" s="5" t="s">
        <v>64311</v>
      </c>
      <c r="M7994" s="5" t="s">
        <v>733</v>
      </c>
      <c r="N7994" s="5" t="s">
        <v>38</v>
      </c>
      <c r="O7994" s="5" t="s">
        <v>39</v>
      </c>
      <c r="P7994" s="5" t="s">
        <v>40</v>
      </c>
      <c r="Q7994" s="5" t="s">
        <v>897</v>
      </c>
      <c r="R7994" s="5" t="s">
        <v>40</v>
      </c>
      <c r="S7994" s="5" t="s">
        <v>42</v>
      </c>
      <c r="T7994" s="2">
        <v>47.872999999999998</v>
      </c>
      <c r="U7994" s="2">
        <v>42.877000000000002</v>
      </c>
      <c r="V7994" s="2">
        <v>83</v>
      </c>
      <c r="W7994" s="2">
        <v>17</v>
      </c>
      <c r="X7994" s="2">
        <v>144.69999999999999</v>
      </c>
      <c r="Y7994" s="5">
        <v>83</v>
      </c>
      <c r="Z7994" s="5">
        <v>7</v>
      </c>
      <c r="AA7994" s="5" t="s">
        <v>43</v>
      </c>
      <c r="AB7994" s="5" t="s">
        <v>735</v>
      </c>
      <c r="AC7994" s="29" t="s">
        <v>108232</v>
      </c>
      <c r="AD7994" s="1"/>
    </row>
    <row r="7995" spans="1:30">
      <c r="A7995" s="5" t="s">
        <v>83578</v>
      </c>
      <c r="B7995" s="30" t="s">
        <v>108233</v>
      </c>
      <c r="C7995" s="14" t="s">
        <v>108234</v>
      </c>
      <c r="D7995" s="2" t="s">
        <v>108235</v>
      </c>
      <c r="E7995" s="8" t="s">
        <v>108236</v>
      </c>
      <c r="F7995" s="8">
        <v>1834</v>
      </c>
      <c r="G7995" s="5">
        <v>10</v>
      </c>
      <c r="H7995" s="28" t="s">
        <v>69</v>
      </c>
      <c r="I7995" s="5" t="s">
        <v>64310</v>
      </c>
      <c r="J7995" s="5" t="s">
        <v>64311</v>
      </c>
      <c r="K7995" s="5" t="s">
        <v>64310</v>
      </c>
      <c r="L7995" s="5" t="s">
        <v>64311</v>
      </c>
      <c r="M7995" s="5" t="s">
        <v>733</v>
      </c>
      <c r="N7995" s="5" t="s">
        <v>38</v>
      </c>
      <c r="O7995" s="5" t="s">
        <v>39</v>
      </c>
      <c r="P7995" s="5" t="s">
        <v>40</v>
      </c>
      <c r="Q7995" s="5" t="s">
        <v>897</v>
      </c>
      <c r="R7995" s="5" t="s">
        <v>40</v>
      </c>
      <c r="S7995" s="5" t="s">
        <v>42</v>
      </c>
      <c r="T7995" s="2">
        <v>50.496000000000002</v>
      </c>
      <c r="U7995" s="2">
        <v>45.5</v>
      </c>
      <c r="V7995" s="2">
        <v>83</v>
      </c>
      <c r="W7995" s="2">
        <v>17</v>
      </c>
      <c r="X7995" s="2">
        <v>144.69999999999999</v>
      </c>
      <c r="Y7995" s="5">
        <v>83</v>
      </c>
      <c r="Z7995" s="5">
        <v>7</v>
      </c>
      <c r="AA7995" s="5" t="s">
        <v>43</v>
      </c>
      <c r="AB7995" s="5" t="s">
        <v>735</v>
      </c>
      <c r="AC7995" s="29" t="s">
        <v>108237</v>
      </c>
      <c r="AD7995" s="1"/>
    </row>
    <row r="7996" spans="1:30">
      <c r="A7996" s="5" t="s">
        <v>83578</v>
      </c>
      <c r="B7996" s="30" t="s">
        <v>108238</v>
      </c>
      <c r="C7996" s="14" t="s">
        <v>108239</v>
      </c>
      <c r="D7996" s="2" t="s">
        <v>108240</v>
      </c>
      <c r="E7996" s="8" t="s">
        <v>108241</v>
      </c>
      <c r="F7996" s="8">
        <v>1731</v>
      </c>
      <c r="G7996" s="5">
        <v>10</v>
      </c>
      <c r="H7996" s="28" t="s">
        <v>69</v>
      </c>
      <c r="I7996" s="5" t="s">
        <v>64310</v>
      </c>
      <c r="J7996" s="5" t="s">
        <v>64311</v>
      </c>
      <c r="K7996" s="5" t="s">
        <v>64310</v>
      </c>
      <c r="L7996" s="5" t="s">
        <v>64311</v>
      </c>
      <c r="M7996" s="5" t="s">
        <v>733</v>
      </c>
      <c r="N7996" s="5" t="s">
        <v>38</v>
      </c>
      <c r="O7996" s="5" t="s">
        <v>39</v>
      </c>
      <c r="P7996" s="5" t="s">
        <v>40</v>
      </c>
      <c r="Q7996" s="5" t="s">
        <v>897</v>
      </c>
      <c r="R7996" s="5" t="s">
        <v>40</v>
      </c>
      <c r="S7996" s="5" t="s">
        <v>42</v>
      </c>
      <c r="T7996" s="2">
        <v>45.695</v>
      </c>
      <c r="U7996" s="2">
        <v>40.698999999999998</v>
      </c>
      <c r="V7996" s="2">
        <v>83</v>
      </c>
      <c r="W7996" s="2">
        <v>17</v>
      </c>
      <c r="X7996" s="2">
        <v>144.69999999999999</v>
      </c>
      <c r="Y7996" s="5">
        <v>83</v>
      </c>
      <c r="Z7996" s="5">
        <v>7</v>
      </c>
      <c r="AA7996" s="5" t="s">
        <v>43</v>
      </c>
      <c r="AB7996" s="5" t="s">
        <v>735</v>
      </c>
      <c r="AC7996" s="29" t="s">
        <v>108242</v>
      </c>
      <c r="AD7996" s="1"/>
    </row>
    <row r="7997" spans="1:30">
      <c r="A7997" s="5" t="s">
        <v>83578</v>
      </c>
      <c r="B7997" s="30" t="s">
        <v>108243</v>
      </c>
      <c r="C7997" s="14" t="s">
        <v>108244</v>
      </c>
      <c r="D7997" s="2" t="s">
        <v>108245</v>
      </c>
      <c r="E7997" s="8" t="s">
        <v>108246</v>
      </c>
      <c r="F7997" s="8">
        <v>1479</v>
      </c>
      <c r="G7997" s="5">
        <v>10</v>
      </c>
      <c r="H7997" s="28" t="s">
        <v>69</v>
      </c>
      <c r="I7997" s="5" t="s">
        <v>64310</v>
      </c>
      <c r="J7997" s="5" t="s">
        <v>64311</v>
      </c>
      <c r="K7997" s="5" t="s">
        <v>64310</v>
      </c>
      <c r="L7997" s="5" t="s">
        <v>64311</v>
      </c>
      <c r="M7997" s="5" t="s">
        <v>733</v>
      </c>
      <c r="N7997" s="5" t="s">
        <v>38</v>
      </c>
      <c r="O7997" s="5" t="s">
        <v>39</v>
      </c>
      <c r="P7997" s="5" t="s">
        <v>40</v>
      </c>
      <c r="Q7997" s="5" t="s">
        <v>897</v>
      </c>
      <c r="R7997" s="5" t="s">
        <v>40</v>
      </c>
      <c r="S7997" s="5" t="s">
        <v>42</v>
      </c>
      <c r="T7997" s="2">
        <v>42.151000000000003</v>
      </c>
      <c r="U7997" s="2">
        <v>37.121000000000002</v>
      </c>
      <c r="V7997" s="2">
        <v>83</v>
      </c>
      <c r="W7997" s="2">
        <v>17</v>
      </c>
      <c r="X7997" s="2">
        <v>144.69999999999999</v>
      </c>
      <c r="Y7997" s="5">
        <v>83</v>
      </c>
      <c r="Z7997" s="5">
        <v>7</v>
      </c>
      <c r="AA7997" s="5" t="s">
        <v>43</v>
      </c>
      <c r="AB7997" s="5" t="s">
        <v>735</v>
      </c>
      <c r="AC7997" s="29" t="s">
        <v>108247</v>
      </c>
      <c r="AD7997" s="1"/>
    </row>
    <row r="7998" spans="1:30">
      <c r="A7998" s="5" t="s">
        <v>83578</v>
      </c>
      <c r="B7998" s="30" t="s">
        <v>108248</v>
      </c>
      <c r="C7998" s="14" t="s">
        <v>108249</v>
      </c>
      <c r="D7998" s="2" t="s">
        <v>108250</v>
      </c>
      <c r="E7998" s="8" t="s">
        <v>108251</v>
      </c>
      <c r="F7998" s="8">
        <v>251</v>
      </c>
      <c r="G7998" s="5">
        <v>5</v>
      </c>
      <c r="H7998" s="28" t="s">
        <v>34</v>
      </c>
      <c r="I7998" s="5" t="s">
        <v>67179</v>
      </c>
      <c r="J7998" s="5" t="s">
        <v>67180</v>
      </c>
      <c r="K7998" s="5" t="s">
        <v>67179</v>
      </c>
      <c r="L7998" s="5" t="s">
        <v>67180</v>
      </c>
      <c r="M7998" s="5" t="s">
        <v>67181</v>
      </c>
      <c r="N7998" s="5" t="s">
        <v>38</v>
      </c>
      <c r="O7998" s="5" t="s">
        <v>39</v>
      </c>
      <c r="P7998" s="5" t="s">
        <v>40</v>
      </c>
      <c r="Q7998" s="5" t="s">
        <v>67189</v>
      </c>
      <c r="R7998" s="5" t="s">
        <v>40</v>
      </c>
      <c r="S7998" s="5" t="s">
        <v>42</v>
      </c>
      <c r="T7998" s="2">
        <v>0.57999999999999996</v>
      </c>
      <c r="U7998" s="2">
        <v>0.57999999999999996</v>
      </c>
      <c r="V7998" s="2">
        <v>30.48</v>
      </c>
      <c r="W7998" s="2">
        <v>12.7</v>
      </c>
      <c r="X7998" s="2">
        <v>19.05</v>
      </c>
      <c r="Y7998" s="5">
        <v>30.48</v>
      </c>
      <c r="Z7998" s="5"/>
      <c r="AA7998" s="5" t="s">
        <v>43</v>
      </c>
      <c r="AB7998" s="5" t="s">
        <v>44</v>
      </c>
      <c r="AC7998" s="29"/>
      <c r="AD7998" s="1"/>
    </row>
    <row r="7999" spans="1:30">
      <c r="A7999" s="5" t="s">
        <v>83578</v>
      </c>
      <c r="B7999" s="30" t="s">
        <v>108252</v>
      </c>
      <c r="C7999" s="14" t="s">
        <v>108253</v>
      </c>
      <c r="D7999" s="2" t="s">
        <v>108254</v>
      </c>
      <c r="E7999" s="8" t="s">
        <v>108255</v>
      </c>
      <c r="F7999" s="8">
        <v>485</v>
      </c>
      <c r="G7999" s="5">
        <v>5</v>
      </c>
      <c r="H7999" s="28" t="s">
        <v>34</v>
      </c>
      <c r="I7999" s="5" t="s">
        <v>67179</v>
      </c>
      <c r="J7999" s="5" t="s">
        <v>67180</v>
      </c>
      <c r="K7999" s="5" t="s">
        <v>67179</v>
      </c>
      <c r="L7999" s="5" t="s">
        <v>67180</v>
      </c>
      <c r="M7999" s="5" t="s">
        <v>67181</v>
      </c>
      <c r="N7999" s="5" t="s">
        <v>38</v>
      </c>
      <c r="O7999" s="5" t="s">
        <v>39</v>
      </c>
      <c r="P7999" s="5" t="s">
        <v>40</v>
      </c>
      <c r="Q7999" s="5" t="s">
        <v>67198</v>
      </c>
      <c r="R7999" s="5" t="s">
        <v>40</v>
      </c>
      <c r="S7999" s="5" t="s">
        <v>42</v>
      </c>
      <c r="T7999" s="2">
        <v>4.75</v>
      </c>
      <c r="U7999" s="2">
        <v>4.18</v>
      </c>
      <c r="V7999" s="2">
        <v>118</v>
      </c>
      <c r="W7999" s="2">
        <v>385</v>
      </c>
      <c r="X7999" s="2">
        <v>307</v>
      </c>
      <c r="Y7999" s="5">
        <v>118</v>
      </c>
      <c r="Z7999" s="5"/>
      <c r="AA7999" s="5" t="s">
        <v>43</v>
      </c>
      <c r="AB7999" s="5" t="s">
        <v>44</v>
      </c>
      <c r="AC7999" s="29"/>
      <c r="AD7999" s="1"/>
    </row>
    <row r="8000" spans="1:30">
      <c r="A8000" s="5" t="s">
        <v>83578</v>
      </c>
      <c r="B8000" s="30" t="s">
        <v>108256</v>
      </c>
      <c r="C8000" s="14" t="s">
        <v>108257</v>
      </c>
      <c r="D8000" s="2" t="s">
        <v>108258</v>
      </c>
      <c r="E8000" s="8" t="s">
        <v>108259</v>
      </c>
      <c r="F8000" s="8">
        <v>1318</v>
      </c>
      <c r="G8000" s="5">
        <v>5</v>
      </c>
      <c r="H8000" s="28" t="s">
        <v>34</v>
      </c>
      <c r="I8000" s="5" t="s">
        <v>67179</v>
      </c>
      <c r="J8000" s="5" t="s">
        <v>67180</v>
      </c>
      <c r="K8000" s="5" t="s">
        <v>67179</v>
      </c>
      <c r="L8000" s="5" t="s">
        <v>67180</v>
      </c>
      <c r="M8000" s="5" t="s">
        <v>67181</v>
      </c>
      <c r="N8000" s="5" t="s">
        <v>38</v>
      </c>
      <c r="O8000" s="5" t="s">
        <v>39</v>
      </c>
      <c r="P8000" s="5" t="s">
        <v>40</v>
      </c>
      <c r="Q8000" s="5" t="s">
        <v>67198</v>
      </c>
      <c r="R8000" s="5" t="s">
        <v>40</v>
      </c>
      <c r="S8000" s="5" t="s">
        <v>42</v>
      </c>
      <c r="T8000" s="2">
        <v>12.1</v>
      </c>
      <c r="U8000" s="2">
        <v>10.925000000000001</v>
      </c>
      <c r="V8000" s="2">
        <v>240</v>
      </c>
      <c r="W8000" s="2">
        <v>430</v>
      </c>
      <c r="X8000" s="2">
        <v>420</v>
      </c>
      <c r="Y8000" s="5">
        <v>240</v>
      </c>
      <c r="Z8000" s="5"/>
      <c r="AA8000" s="5" t="s">
        <v>43</v>
      </c>
      <c r="AB8000" s="5" t="s">
        <v>44</v>
      </c>
      <c r="AC8000" s="29"/>
      <c r="AD8000" s="1"/>
    </row>
    <row r="8001" spans="1:30">
      <c r="A8001" s="5" t="s">
        <v>83578</v>
      </c>
      <c r="B8001" s="30" t="s">
        <v>108260</v>
      </c>
      <c r="C8001" s="14" t="s">
        <v>108261</v>
      </c>
      <c r="D8001" s="2" t="s">
        <v>108262</v>
      </c>
      <c r="E8001" s="8" t="s">
        <v>108259</v>
      </c>
      <c r="F8001" s="8">
        <v>1318</v>
      </c>
      <c r="G8001" s="5">
        <v>5</v>
      </c>
      <c r="H8001" s="28" t="s">
        <v>34</v>
      </c>
      <c r="I8001" s="5" t="s">
        <v>67179</v>
      </c>
      <c r="J8001" s="5" t="s">
        <v>67180</v>
      </c>
      <c r="K8001" s="5" t="s">
        <v>67179</v>
      </c>
      <c r="L8001" s="5" t="s">
        <v>67180</v>
      </c>
      <c r="M8001" s="5" t="s">
        <v>67181</v>
      </c>
      <c r="N8001" s="5" t="s">
        <v>38</v>
      </c>
      <c r="O8001" s="5" t="s">
        <v>39</v>
      </c>
      <c r="P8001" s="5" t="s">
        <v>40</v>
      </c>
      <c r="Q8001" s="5" t="s">
        <v>67198</v>
      </c>
      <c r="R8001" s="5" t="s">
        <v>40</v>
      </c>
      <c r="S8001" s="5" t="s">
        <v>42</v>
      </c>
      <c r="T8001" s="2">
        <v>12.1</v>
      </c>
      <c r="U8001" s="2">
        <v>10.925000000000001</v>
      </c>
      <c r="V8001" s="2">
        <v>240</v>
      </c>
      <c r="W8001" s="2">
        <v>430</v>
      </c>
      <c r="X8001" s="2">
        <v>420</v>
      </c>
      <c r="Y8001" s="5">
        <v>240</v>
      </c>
      <c r="Z8001" s="5"/>
      <c r="AA8001" s="5" t="s">
        <v>43</v>
      </c>
      <c r="AB8001" s="5" t="s">
        <v>44</v>
      </c>
      <c r="AC8001" s="29"/>
      <c r="AD8001" s="1"/>
    </row>
    <row r="8002" spans="1:30">
      <c r="A8002" s="5" t="s">
        <v>83578</v>
      </c>
      <c r="B8002" s="30" t="s">
        <v>108263</v>
      </c>
      <c r="C8002" s="14" t="s">
        <v>108264</v>
      </c>
      <c r="D8002" s="2" t="s">
        <v>108265</v>
      </c>
      <c r="E8002" s="8" t="s">
        <v>108266</v>
      </c>
      <c r="F8002" s="8">
        <v>138</v>
      </c>
      <c r="G8002" s="5">
        <v>5</v>
      </c>
      <c r="H8002" s="28" t="s">
        <v>34</v>
      </c>
      <c r="I8002" s="5" t="s">
        <v>67179</v>
      </c>
      <c r="J8002" s="5" t="s">
        <v>67180</v>
      </c>
      <c r="K8002" s="5" t="s">
        <v>67179</v>
      </c>
      <c r="L8002" s="5" t="s">
        <v>67180</v>
      </c>
      <c r="M8002" s="5" t="s">
        <v>67181</v>
      </c>
      <c r="N8002" s="5" t="s">
        <v>38</v>
      </c>
      <c r="O8002" s="5" t="s">
        <v>39</v>
      </c>
      <c r="P8002" s="5" t="s">
        <v>40</v>
      </c>
      <c r="Q8002" s="5" t="s">
        <v>67198</v>
      </c>
      <c r="R8002" s="5" t="s">
        <v>40</v>
      </c>
      <c r="S8002" s="5" t="s">
        <v>42</v>
      </c>
      <c r="T8002" s="2">
        <v>0.32</v>
      </c>
      <c r="U8002" s="2">
        <v>0.24199999999999999</v>
      </c>
      <c r="V8002" s="2">
        <v>57</v>
      </c>
      <c r="W8002" s="2">
        <v>155</v>
      </c>
      <c r="X8002" s="2">
        <v>130</v>
      </c>
      <c r="Y8002" s="5">
        <v>57</v>
      </c>
      <c r="Z8002" s="5"/>
      <c r="AA8002" s="5" t="s">
        <v>43</v>
      </c>
      <c r="AB8002" s="5" t="s">
        <v>44</v>
      </c>
      <c r="AC8002" s="29"/>
      <c r="AD8002" s="1"/>
    </row>
    <row r="8003" spans="1:30">
      <c r="A8003" s="5" t="s">
        <v>83578</v>
      </c>
      <c r="B8003" s="30" t="s">
        <v>108267</v>
      </c>
      <c r="C8003" s="14" t="s">
        <v>108268</v>
      </c>
      <c r="D8003" s="2" t="s">
        <v>108269</v>
      </c>
      <c r="E8003" s="8" t="s">
        <v>108266</v>
      </c>
      <c r="F8003" s="8">
        <v>134</v>
      </c>
      <c r="G8003" s="5">
        <v>5</v>
      </c>
      <c r="H8003" s="28" t="s">
        <v>34</v>
      </c>
      <c r="I8003" s="5" t="s">
        <v>67179</v>
      </c>
      <c r="J8003" s="5" t="s">
        <v>67180</v>
      </c>
      <c r="K8003" s="5" t="s">
        <v>67179</v>
      </c>
      <c r="L8003" s="5" t="s">
        <v>67180</v>
      </c>
      <c r="M8003" s="5" t="s">
        <v>67181</v>
      </c>
      <c r="N8003" s="5" t="s">
        <v>38</v>
      </c>
      <c r="O8003" s="5" t="s">
        <v>39</v>
      </c>
      <c r="P8003" s="5" t="s">
        <v>40</v>
      </c>
      <c r="Q8003" s="5" t="s">
        <v>67198</v>
      </c>
      <c r="R8003" s="5" t="s">
        <v>40</v>
      </c>
      <c r="S8003" s="5" t="s">
        <v>42</v>
      </c>
      <c r="T8003" s="2">
        <v>0.32</v>
      </c>
      <c r="U8003" s="2">
        <v>0.24199999999999999</v>
      </c>
      <c r="V8003" s="2">
        <v>57</v>
      </c>
      <c r="W8003" s="2">
        <v>155</v>
      </c>
      <c r="X8003" s="2">
        <v>130</v>
      </c>
      <c r="Y8003" s="5">
        <v>57</v>
      </c>
      <c r="Z8003" s="5"/>
      <c r="AA8003" s="5" t="s">
        <v>43</v>
      </c>
      <c r="AB8003" s="5" t="s">
        <v>44</v>
      </c>
      <c r="AC8003" s="29"/>
      <c r="AD8003" s="1"/>
    </row>
    <row r="8004" spans="1:30">
      <c r="A8004" s="5" t="s">
        <v>83578</v>
      </c>
      <c r="B8004" s="30" t="s">
        <v>108270</v>
      </c>
      <c r="C8004" s="14" t="s">
        <v>108271</v>
      </c>
      <c r="D8004" s="2" t="s">
        <v>108272</v>
      </c>
      <c r="E8004" s="8" t="s">
        <v>108266</v>
      </c>
      <c r="F8004" s="8">
        <v>134</v>
      </c>
      <c r="G8004" s="5">
        <v>5</v>
      </c>
      <c r="H8004" s="28" t="s">
        <v>34</v>
      </c>
      <c r="I8004" s="5" t="s">
        <v>67179</v>
      </c>
      <c r="J8004" s="5" t="s">
        <v>67180</v>
      </c>
      <c r="K8004" s="5" t="s">
        <v>67179</v>
      </c>
      <c r="L8004" s="5" t="s">
        <v>67180</v>
      </c>
      <c r="M8004" s="5" t="s">
        <v>67181</v>
      </c>
      <c r="N8004" s="5" t="s">
        <v>38</v>
      </c>
      <c r="O8004" s="5" t="s">
        <v>39</v>
      </c>
      <c r="P8004" s="5" t="s">
        <v>40</v>
      </c>
      <c r="Q8004" s="5" t="s">
        <v>67198</v>
      </c>
      <c r="R8004" s="5" t="s">
        <v>40</v>
      </c>
      <c r="S8004" s="5" t="s">
        <v>42</v>
      </c>
      <c r="T8004" s="2">
        <v>0.32</v>
      </c>
      <c r="U8004" s="2">
        <v>0.24199999999999999</v>
      </c>
      <c r="V8004" s="2">
        <v>57</v>
      </c>
      <c r="W8004" s="2">
        <v>155</v>
      </c>
      <c r="X8004" s="2">
        <v>130</v>
      </c>
      <c r="Y8004" s="5">
        <v>57</v>
      </c>
      <c r="Z8004" s="5"/>
      <c r="AA8004" s="5" t="s">
        <v>43</v>
      </c>
      <c r="AB8004" s="5" t="s">
        <v>44</v>
      </c>
      <c r="AC8004" s="29"/>
      <c r="AD8004" s="1"/>
    </row>
    <row r="8005" spans="1:30">
      <c r="A8005" s="5" t="s">
        <v>83578</v>
      </c>
      <c r="B8005" s="30" t="s">
        <v>108273</v>
      </c>
      <c r="C8005" s="14" t="s">
        <v>108274</v>
      </c>
      <c r="D8005" s="2" t="s">
        <v>108275</v>
      </c>
      <c r="E8005" s="8" t="s">
        <v>108276</v>
      </c>
      <c r="F8005" s="8">
        <v>27</v>
      </c>
      <c r="G8005" s="5">
        <v>5</v>
      </c>
      <c r="H8005" s="28" t="s">
        <v>69</v>
      </c>
      <c r="I8005" s="5" t="s">
        <v>28207</v>
      </c>
      <c r="J8005" s="5" t="s">
        <v>28208</v>
      </c>
      <c r="K8005" s="5" t="s">
        <v>28207</v>
      </c>
      <c r="L8005" s="5" t="s">
        <v>28208</v>
      </c>
      <c r="M8005" s="5" t="s">
        <v>733</v>
      </c>
      <c r="N8005" s="5" t="s">
        <v>38</v>
      </c>
      <c r="O8005" s="5" t="s">
        <v>39</v>
      </c>
      <c r="P8005" s="5" t="s">
        <v>40</v>
      </c>
      <c r="Q8005" s="5" t="s">
        <v>24335</v>
      </c>
      <c r="R8005" s="5" t="s">
        <v>40</v>
      </c>
      <c r="S8005" s="5" t="s">
        <v>42</v>
      </c>
      <c r="T8005" s="2">
        <v>0.69599999999999995</v>
      </c>
      <c r="U8005" s="2">
        <v>0.44</v>
      </c>
      <c r="V8005" s="2">
        <v>92.4</v>
      </c>
      <c r="W8005" s="2">
        <v>6.2</v>
      </c>
      <c r="X8005" s="2">
        <v>18.3</v>
      </c>
      <c r="Y8005" s="5">
        <v>92.4</v>
      </c>
      <c r="Z8005" s="5">
        <v>36</v>
      </c>
      <c r="AA8005" s="5" t="s">
        <v>43</v>
      </c>
      <c r="AB8005" s="5" t="s">
        <v>44</v>
      </c>
      <c r="AC8005" s="29" t="s">
        <v>82735</v>
      </c>
      <c r="AD8005" s="1"/>
    </row>
    <row r="8006" spans="1:30">
      <c r="A8006" s="5" t="s">
        <v>83578</v>
      </c>
      <c r="B8006" s="30" t="s">
        <v>108277</v>
      </c>
      <c r="C8006" s="14" t="s">
        <v>108278</v>
      </c>
      <c r="D8006" s="2" t="s">
        <v>108279</v>
      </c>
      <c r="E8006" s="8" t="s">
        <v>108280</v>
      </c>
      <c r="F8006" s="8">
        <v>58</v>
      </c>
      <c r="G8006" s="5">
        <v>5</v>
      </c>
      <c r="H8006" s="28" t="s">
        <v>69</v>
      </c>
      <c r="I8006" s="5" t="s">
        <v>28207</v>
      </c>
      <c r="J8006" s="5" t="s">
        <v>28208</v>
      </c>
      <c r="K8006" s="5" t="s">
        <v>28207</v>
      </c>
      <c r="L8006" s="5" t="s">
        <v>28208</v>
      </c>
      <c r="M8006" s="5" t="s">
        <v>733</v>
      </c>
      <c r="N8006" s="5" t="s">
        <v>38</v>
      </c>
      <c r="O8006" s="5" t="s">
        <v>39</v>
      </c>
      <c r="P8006" s="5" t="s">
        <v>40</v>
      </c>
      <c r="Q8006" s="5" t="s">
        <v>25301</v>
      </c>
      <c r="R8006" s="5" t="s">
        <v>40</v>
      </c>
      <c r="S8006" s="5" t="s">
        <v>42</v>
      </c>
      <c r="T8006" s="2">
        <v>1.171</v>
      </c>
      <c r="U8006" s="2">
        <v>0.91800000000000004</v>
      </c>
      <c r="V8006" s="2">
        <v>92.4</v>
      </c>
      <c r="W8006" s="2">
        <v>6.2</v>
      </c>
      <c r="X8006" s="2">
        <v>18.3</v>
      </c>
      <c r="Y8006" s="5">
        <v>92.4</v>
      </c>
      <c r="Z8006" s="5">
        <v>36</v>
      </c>
      <c r="AA8006" s="5" t="s">
        <v>43</v>
      </c>
      <c r="AB8006" s="5" t="s">
        <v>44</v>
      </c>
      <c r="AC8006" s="29" t="s">
        <v>82735</v>
      </c>
      <c r="AD8006" s="1"/>
    </row>
    <row r="8007" spans="1:30">
      <c r="A8007" s="5" t="s">
        <v>83578</v>
      </c>
      <c r="B8007" s="30" t="s">
        <v>108281</v>
      </c>
      <c r="C8007" s="14" t="s">
        <v>108282</v>
      </c>
      <c r="D8007" s="2" t="s">
        <v>108283</v>
      </c>
      <c r="E8007" s="8" t="s">
        <v>108276</v>
      </c>
      <c r="F8007" s="8">
        <v>30</v>
      </c>
      <c r="G8007" s="5">
        <v>5</v>
      </c>
      <c r="H8007" s="28" t="s">
        <v>69</v>
      </c>
      <c r="I8007" s="5" t="s">
        <v>28207</v>
      </c>
      <c r="J8007" s="5" t="s">
        <v>28208</v>
      </c>
      <c r="K8007" s="5" t="s">
        <v>28207</v>
      </c>
      <c r="L8007" s="5" t="s">
        <v>28208</v>
      </c>
      <c r="M8007" s="5" t="s">
        <v>733</v>
      </c>
      <c r="N8007" s="5" t="s">
        <v>38</v>
      </c>
      <c r="O8007" s="5" t="s">
        <v>39</v>
      </c>
      <c r="P8007" s="5" t="s">
        <v>40</v>
      </c>
      <c r="Q8007" s="5" t="s">
        <v>24335</v>
      </c>
      <c r="R8007" s="5" t="s">
        <v>40</v>
      </c>
      <c r="S8007" s="5" t="s">
        <v>42</v>
      </c>
      <c r="T8007" s="2">
        <v>0.89500000000000002</v>
      </c>
      <c r="U8007" s="2">
        <v>0.51600000000000001</v>
      </c>
      <c r="V8007" s="2">
        <v>148.30000000000001</v>
      </c>
      <c r="W8007" s="2">
        <v>6.2</v>
      </c>
      <c r="X8007" s="2">
        <v>18.3</v>
      </c>
      <c r="Y8007" s="5">
        <v>148.30000000000001</v>
      </c>
      <c r="Z8007" s="5">
        <v>36</v>
      </c>
      <c r="AA8007" s="5" t="s">
        <v>43</v>
      </c>
      <c r="AB8007" s="5" t="s">
        <v>44</v>
      </c>
      <c r="AC8007" s="29" t="s">
        <v>82735</v>
      </c>
      <c r="AD8007" s="1"/>
    </row>
    <row r="8008" spans="1:30">
      <c r="A8008" s="5" t="s">
        <v>83578</v>
      </c>
      <c r="B8008" s="30" t="s">
        <v>108284</v>
      </c>
      <c r="C8008" s="14" t="s">
        <v>108285</v>
      </c>
      <c r="D8008" s="2" t="s">
        <v>108286</v>
      </c>
      <c r="E8008" s="8" t="s">
        <v>82739</v>
      </c>
      <c r="F8008" s="8">
        <v>61</v>
      </c>
      <c r="G8008" s="5">
        <v>5</v>
      </c>
      <c r="H8008" s="28" t="s">
        <v>69</v>
      </c>
      <c r="I8008" s="5" t="s">
        <v>28207</v>
      </c>
      <c r="J8008" s="5" t="s">
        <v>28208</v>
      </c>
      <c r="K8008" s="5" t="s">
        <v>28207</v>
      </c>
      <c r="L8008" s="5" t="s">
        <v>28208</v>
      </c>
      <c r="M8008" s="5" t="s">
        <v>733</v>
      </c>
      <c r="N8008" s="5" t="s">
        <v>38</v>
      </c>
      <c r="O8008" s="5" t="s">
        <v>39</v>
      </c>
      <c r="P8008" s="5" t="s">
        <v>40</v>
      </c>
      <c r="Q8008" s="5" t="s">
        <v>24340</v>
      </c>
      <c r="R8008" s="5" t="s">
        <v>40</v>
      </c>
      <c r="S8008" s="5" t="s">
        <v>42</v>
      </c>
      <c r="T8008" s="2">
        <v>1.613</v>
      </c>
      <c r="U8008" s="2">
        <v>1.234</v>
      </c>
      <c r="V8008" s="2">
        <v>148.30000000000001</v>
      </c>
      <c r="W8008" s="2">
        <v>6.2</v>
      </c>
      <c r="X8008" s="2">
        <v>18.3</v>
      </c>
      <c r="Y8008" s="5">
        <v>148.30000000000001</v>
      </c>
      <c r="Z8008" s="5">
        <v>36</v>
      </c>
      <c r="AA8008" s="5" t="s">
        <v>43</v>
      </c>
      <c r="AB8008" s="5" t="s">
        <v>44</v>
      </c>
      <c r="AC8008" s="29" t="s">
        <v>82735</v>
      </c>
      <c r="AD8008" s="1"/>
    </row>
    <row r="8009" spans="1:30">
      <c r="A8009" s="5" t="s">
        <v>83578</v>
      </c>
      <c r="B8009" s="30" t="s">
        <v>108287</v>
      </c>
      <c r="C8009" s="14" t="s">
        <v>108288</v>
      </c>
      <c r="D8009" s="2" t="s">
        <v>108289</v>
      </c>
      <c r="E8009" s="8" t="s">
        <v>108280</v>
      </c>
      <c r="F8009" s="8">
        <v>61</v>
      </c>
      <c r="G8009" s="5">
        <v>5</v>
      </c>
      <c r="H8009" s="28" t="s">
        <v>69</v>
      </c>
      <c r="I8009" s="5" t="s">
        <v>28207</v>
      </c>
      <c r="J8009" s="5" t="s">
        <v>28208</v>
      </c>
      <c r="K8009" s="5" t="s">
        <v>28207</v>
      </c>
      <c r="L8009" s="5" t="s">
        <v>28208</v>
      </c>
      <c r="M8009" s="5" t="s">
        <v>733</v>
      </c>
      <c r="N8009" s="5" t="s">
        <v>38</v>
      </c>
      <c r="O8009" s="5" t="s">
        <v>39</v>
      </c>
      <c r="P8009" s="5" t="s">
        <v>40</v>
      </c>
      <c r="Q8009" s="5" t="s">
        <v>25301</v>
      </c>
      <c r="R8009" s="5" t="s">
        <v>40</v>
      </c>
      <c r="S8009" s="5" t="s">
        <v>42</v>
      </c>
      <c r="T8009" s="2">
        <v>1.472</v>
      </c>
      <c r="U8009" s="2">
        <v>1.0960000000000001</v>
      </c>
      <c r="V8009" s="2">
        <v>148.30000000000001</v>
      </c>
      <c r="W8009" s="2">
        <v>6.2</v>
      </c>
      <c r="X8009" s="2">
        <v>18.3</v>
      </c>
      <c r="Y8009" s="5">
        <v>148.30000000000001</v>
      </c>
      <c r="Z8009" s="5">
        <v>36</v>
      </c>
      <c r="AA8009" s="5" t="s">
        <v>43</v>
      </c>
      <c r="AB8009" s="5" t="s">
        <v>44</v>
      </c>
      <c r="AC8009" s="29" t="s">
        <v>82735</v>
      </c>
      <c r="AD8009" s="1"/>
    </row>
    <row r="8010" spans="1:30">
      <c r="A8010" s="5" t="s">
        <v>83578</v>
      </c>
      <c r="B8010" s="30" t="s">
        <v>108290</v>
      </c>
      <c r="C8010" s="14" t="s">
        <v>108291</v>
      </c>
      <c r="D8010" s="2" t="s">
        <v>108292</v>
      </c>
      <c r="E8010" s="8" t="s">
        <v>108276</v>
      </c>
      <c r="F8010" s="8">
        <v>31</v>
      </c>
      <c r="G8010" s="5">
        <v>5</v>
      </c>
      <c r="H8010" s="28" t="s">
        <v>69</v>
      </c>
      <c r="I8010" s="5" t="s">
        <v>28207</v>
      </c>
      <c r="J8010" s="5" t="s">
        <v>28208</v>
      </c>
      <c r="K8010" s="5" t="s">
        <v>28207</v>
      </c>
      <c r="L8010" s="5" t="s">
        <v>28208</v>
      </c>
      <c r="M8010" s="5" t="s">
        <v>733</v>
      </c>
      <c r="N8010" s="5" t="s">
        <v>38</v>
      </c>
      <c r="O8010" s="5" t="s">
        <v>39</v>
      </c>
      <c r="P8010" s="5" t="s">
        <v>40</v>
      </c>
      <c r="Q8010" s="5" t="s">
        <v>24335</v>
      </c>
      <c r="R8010" s="5" t="s">
        <v>40</v>
      </c>
      <c r="S8010" s="5" t="s">
        <v>42</v>
      </c>
      <c r="T8010" s="2">
        <v>0.97</v>
      </c>
      <c r="U8010" s="2">
        <v>0.59499999999999997</v>
      </c>
      <c r="V8010" s="2">
        <v>148.30000000000001</v>
      </c>
      <c r="W8010" s="2">
        <v>6.2</v>
      </c>
      <c r="X8010" s="2">
        <v>18.3</v>
      </c>
      <c r="Y8010" s="5">
        <v>148.30000000000001</v>
      </c>
      <c r="Z8010" s="5">
        <v>36</v>
      </c>
      <c r="AA8010" s="5" t="s">
        <v>43</v>
      </c>
      <c r="AB8010" s="5" t="s">
        <v>44</v>
      </c>
      <c r="AC8010" s="29" t="s">
        <v>82735</v>
      </c>
      <c r="AD8010" s="1"/>
    </row>
    <row r="8011" spans="1:30">
      <c r="A8011" s="5" t="s">
        <v>83578</v>
      </c>
      <c r="B8011" s="30" t="s">
        <v>108293</v>
      </c>
      <c r="C8011" s="14" t="s">
        <v>108294</v>
      </c>
      <c r="D8011" s="2" t="s">
        <v>108295</v>
      </c>
      <c r="E8011" s="8" t="s">
        <v>82739</v>
      </c>
      <c r="F8011" s="8">
        <v>62</v>
      </c>
      <c r="G8011" s="5">
        <v>5</v>
      </c>
      <c r="H8011" s="28" t="s">
        <v>69</v>
      </c>
      <c r="I8011" s="5" t="s">
        <v>28207</v>
      </c>
      <c r="J8011" s="5" t="s">
        <v>28208</v>
      </c>
      <c r="K8011" s="5" t="s">
        <v>28207</v>
      </c>
      <c r="L8011" s="5" t="s">
        <v>28208</v>
      </c>
      <c r="M8011" s="5" t="s">
        <v>733</v>
      </c>
      <c r="N8011" s="5" t="s">
        <v>38</v>
      </c>
      <c r="O8011" s="5" t="s">
        <v>39</v>
      </c>
      <c r="P8011" s="5" t="s">
        <v>40</v>
      </c>
      <c r="Q8011" s="5" t="s">
        <v>24340</v>
      </c>
      <c r="R8011" s="5" t="s">
        <v>40</v>
      </c>
      <c r="S8011" s="5" t="s">
        <v>42</v>
      </c>
      <c r="T8011" s="2">
        <v>1.8149999999999999</v>
      </c>
      <c r="U8011" s="2">
        <v>1.4350000000000001</v>
      </c>
      <c r="V8011" s="2">
        <v>148.30000000000001</v>
      </c>
      <c r="W8011" s="2">
        <v>6.2</v>
      </c>
      <c r="X8011" s="2">
        <v>18.3</v>
      </c>
      <c r="Y8011" s="5">
        <v>148.30000000000001</v>
      </c>
      <c r="Z8011" s="5">
        <v>36</v>
      </c>
      <c r="AA8011" s="5" t="s">
        <v>43</v>
      </c>
      <c r="AB8011" s="5" t="s">
        <v>44</v>
      </c>
      <c r="AC8011" s="29" t="s">
        <v>82735</v>
      </c>
      <c r="AD8011" s="1"/>
    </row>
    <row r="8012" spans="1:30">
      <c r="A8012" s="5" t="s">
        <v>83578</v>
      </c>
      <c r="B8012" s="30" t="s">
        <v>108296</v>
      </c>
      <c r="C8012" s="14" t="s">
        <v>108297</v>
      </c>
      <c r="D8012" s="2" t="s">
        <v>108298</v>
      </c>
      <c r="E8012" s="8" t="s">
        <v>108280</v>
      </c>
      <c r="F8012" s="8">
        <v>62</v>
      </c>
      <c r="G8012" s="5">
        <v>15</v>
      </c>
      <c r="H8012" s="28" t="s">
        <v>69</v>
      </c>
      <c r="I8012" s="5" t="s">
        <v>28207</v>
      </c>
      <c r="J8012" s="5" t="s">
        <v>28208</v>
      </c>
      <c r="K8012" s="5" t="s">
        <v>28207</v>
      </c>
      <c r="L8012" s="5" t="s">
        <v>28208</v>
      </c>
      <c r="M8012" s="5" t="s">
        <v>733</v>
      </c>
      <c r="N8012" s="5" t="s">
        <v>38</v>
      </c>
      <c r="O8012" s="5" t="s">
        <v>39</v>
      </c>
      <c r="P8012" s="5" t="s">
        <v>40</v>
      </c>
      <c r="Q8012" s="5" t="s">
        <v>25301</v>
      </c>
      <c r="R8012" s="5" t="s">
        <v>40</v>
      </c>
      <c r="S8012" s="5" t="s">
        <v>42</v>
      </c>
      <c r="T8012" s="2">
        <v>1.651</v>
      </c>
      <c r="U8012" s="2">
        <v>1.274</v>
      </c>
      <c r="V8012" s="2">
        <v>148.30000000000001</v>
      </c>
      <c r="W8012" s="2">
        <v>6.2</v>
      </c>
      <c r="X8012" s="2">
        <v>18.3</v>
      </c>
      <c r="Y8012" s="5">
        <v>148.30000000000001</v>
      </c>
      <c r="Z8012" s="5">
        <v>36</v>
      </c>
      <c r="AA8012" s="5" t="s">
        <v>43</v>
      </c>
      <c r="AB8012" s="5" t="s">
        <v>44</v>
      </c>
      <c r="AC8012" s="29" t="s">
        <v>82735</v>
      </c>
      <c r="AD8012" s="1"/>
    </row>
    <row r="8013" spans="1:30">
      <c r="A8013" s="5" t="s">
        <v>83578</v>
      </c>
      <c r="B8013" s="30" t="s">
        <v>108299</v>
      </c>
      <c r="C8013" s="14" t="s">
        <v>108300</v>
      </c>
      <c r="D8013" s="2" t="s">
        <v>108301</v>
      </c>
      <c r="E8013" s="8" t="s">
        <v>108276</v>
      </c>
      <c r="F8013" s="8">
        <v>31</v>
      </c>
      <c r="G8013" s="5">
        <v>5</v>
      </c>
      <c r="H8013" s="28" t="s">
        <v>69</v>
      </c>
      <c r="I8013" s="5" t="s">
        <v>28207</v>
      </c>
      <c r="J8013" s="5" t="s">
        <v>28208</v>
      </c>
      <c r="K8013" s="5" t="s">
        <v>28207</v>
      </c>
      <c r="L8013" s="5" t="s">
        <v>28208</v>
      </c>
      <c r="M8013" s="5" t="s">
        <v>733</v>
      </c>
      <c r="N8013" s="5" t="s">
        <v>38</v>
      </c>
      <c r="O8013" s="5" t="s">
        <v>39</v>
      </c>
      <c r="P8013" s="5" t="s">
        <v>40</v>
      </c>
      <c r="Q8013" s="5" t="s">
        <v>24335</v>
      </c>
      <c r="R8013" s="5" t="s">
        <v>40</v>
      </c>
      <c r="S8013" s="5" t="s">
        <v>42</v>
      </c>
      <c r="T8013" s="2">
        <v>0.90700000000000003</v>
      </c>
      <c r="U8013" s="2">
        <v>0.52800000000000002</v>
      </c>
      <c r="V8013" s="2">
        <v>148.30000000000001</v>
      </c>
      <c r="W8013" s="2">
        <v>6.2</v>
      </c>
      <c r="X8013" s="2">
        <v>18.3</v>
      </c>
      <c r="Y8013" s="5">
        <v>148.30000000000001</v>
      </c>
      <c r="Z8013" s="5">
        <v>36</v>
      </c>
      <c r="AA8013" s="5" t="s">
        <v>43</v>
      </c>
      <c r="AB8013" s="5" t="s">
        <v>44</v>
      </c>
      <c r="AC8013" s="29" t="s">
        <v>82735</v>
      </c>
      <c r="AD8013" s="1"/>
    </row>
    <row r="8014" spans="1:30">
      <c r="A8014" s="5" t="s">
        <v>83578</v>
      </c>
      <c r="B8014" s="30" t="s">
        <v>108302</v>
      </c>
      <c r="C8014" s="14" t="s">
        <v>108303</v>
      </c>
      <c r="D8014" s="2" t="s">
        <v>108304</v>
      </c>
      <c r="E8014" s="8" t="s">
        <v>82739</v>
      </c>
      <c r="F8014" s="8">
        <v>62</v>
      </c>
      <c r="G8014" s="5">
        <v>15</v>
      </c>
      <c r="H8014" s="28" t="s">
        <v>69</v>
      </c>
      <c r="I8014" s="5" t="s">
        <v>28207</v>
      </c>
      <c r="J8014" s="5" t="s">
        <v>28208</v>
      </c>
      <c r="K8014" s="5" t="s">
        <v>28207</v>
      </c>
      <c r="L8014" s="5" t="s">
        <v>28208</v>
      </c>
      <c r="M8014" s="5" t="s">
        <v>733</v>
      </c>
      <c r="N8014" s="5" t="s">
        <v>38</v>
      </c>
      <c r="O8014" s="5" t="s">
        <v>39</v>
      </c>
      <c r="P8014" s="5" t="s">
        <v>40</v>
      </c>
      <c r="Q8014" s="5" t="s">
        <v>24340</v>
      </c>
      <c r="R8014" s="5" t="s">
        <v>40</v>
      </c>
      <c r="S8014" s="5" t="s">
        <v>42</v>
      </c>
      <c r="T8014" s="2">
        <v>1.635</v>
      </c>
      <c r="U8014" s="2">
        <v>1.2589999999999999</v>
      </c>
      <c r="V8014" s="2">
        <v>148.30000000000001</v>
      </c>
      <c r="W8014" s="2">
        <v>6.2</v>
      </c>
      <c r="X8014" s="2">
        <v>18.3</v>
      </c>
      <c r="Y8014" s="5">
        <v>148.30000000000001</v>
      </c>
      <c r="Z8014" s="5">
        <v>36</v>
      </c>
      <c r="AA8014" s="5" t="s">
        <v>43</v>
      </c>
      <c r="AB8014" s="5" t="s">
        <v>44</v>
      </c>
      <c r="AC8014" s="29" t="s">
        <v>82735</v>
      </c>
      <c r="AD8014" s="1"/>
    </row>
    <row r="8015" spans="1:30">
      <c r="A8015" s="5" t="s">
        <v>83578</v>
      </c>
      <c r="B8015" s="30" t="s">
        <v>108305</v>
      </c>
      <c r="C8015" s="14" t="s">
        <v>108306</v>
      </c>
      <c r="D8015" s="2" t="s">
        <v>108307</v>
      </c>
      <c r="E8015" s="8" t="s">
        <v>108280</v>
      </c>
      <c r="F8015" s="8">
        <v>62</v>
      </c>
      <c r="G8015" s="5">
        <v>15</v>
      </c>
      <c r="H8015" s="28" t="s">
        <v>69</v>
      </c>
      <c r="I8015" s="5" t="s">
        <v>28207</v>
      </c>
      <c r="J8015" s="5" t="s">
        <v>28208</v>
      </c>
      <c r="K8015" s="5" t="s">
        <v>28207</v>
      </c>
      <c r="L8015" s="5" t="s">
        <v>28208</v>
      </c>
      <c r="M8015" s="5" t="s">
        <v>733</v>
      </c>
      <c r="N8015" s="5" t="s">
        <v>38</v>
      </c>
      <c r="O8015" s="5" t="s">
        <v>39</v>
      </c>
      <c r="P8015" s="5" t="s">
        <v>40</v>
      </c>
      <c r="Q8015" s="5" t="s">
        <v>25301</v>
      </c>
      <c r="R8015" s="5" t="s">
        <v>40</v>
      </c>
      <c r="S8015" s="5" t="s">
        <v>42</v>
      </c>
      <c r="T8015" s="2">
        <v>1.502</v>
      </c>
      <c r="U8015" s="2">
        <v>1.1259999999999999</v>
      </c>
      <c r="V8015" s="2">
        <v>148.30000000000001</v>
      </c>
      <c r="W8015" s="2">
        <v>6.2</v>
      </c>
      <c r="X8015" s="2">
        <v>18.3</v>
      </c>
      <c r="Y8015" s="5">
        <v>148.30000000000001</v>
      </c>
      <c r="Z8015" s="5">
        <v>36</v>
      </c>
      <c r="AA8015" s="5" t="s">
        <v>43</v>
      </c>
      <c r="AB8015" s="5" t="s">
        <v>44</v>
      </c>
      <c r="AC8015" s="29" t="s">
        <v>82735</v>
      </c>
      <c r="AD8015" s="1"/>
    </row>
    <row r="8016" spans="1:30">
      <c r="A8016" s="5" t="s">
        <v>83578</v>
      </c>
      <c r="B8016" s="30" t="s">
        <v>108308</v>
      </c>
      <c r="C8016" s="14" t="s">
        <v>108309</v>
      </c>
      <c r="D8016" s="2" t="s">
        <v>108310</v>
      </c>
      <c r="E8016" s="8" t="s">
        <v>108276</v>
      </c>
      <c r="F8016" s="8">
        <v>35</v>
      </c>
      <c r="G8016" s="5">
        <v>5</v>
      </c>
      <c r="H8016" s="28" t="s">
        <v>69</v>
      </c>
      <c r="I8016" s="5" t="s">
        <v>28207</v>
      </c>
      <c r="J8016" s="5" t="s">
        <v>28208</v>
      </c>
      <c r="K8016" s="5" t="s">
        <v>28207</v>
      </c>
      <c r="L8016" s="5" t="s">
        <v>28208</v>
      </c>
      <c r="M8016" s="5" t="s">
        <v>733</v>
      </c>
      <c r="N8016" s="5" t="s">
        <v>38</v>
      </c>
      <c r="O8016" s="5" t="s">
        <v>39</v>
      </c>
      <c r="P8016" s="5" t="s">
        <v>40</v>
      </c>
      <c r="Q8016" s="5" t="s">
        <v>24335</v>
      </c>
      <c r="R8016" s="5" t="s">
        <v>40</v>
      </c>
      <c r="S8016" s="5" t="s">
        <v>42</v>
      </c>
      <c r="T8016" s="2">
        <v>0.98199999999999998</v>
      </c>
      <c r="U8016" s="2">
        <v>0.60699999999999998</v>
      </c>
      <c r="V8016" s="2">
        <v>148.30000000000001</v>
      </c>
      <c r="W8016" s="2">
        <v>6.2</v>
      </c>
      <c r="X8016" s="2">
        <v>18.3</v>
      </c>
      <c r="Y8016" s="5">
        <v>148.30000000000001</v>
      </c>
      <c r="Z8016" s="5">
        <v>36</v>
      </c>
      <c r="AA8016" s="5" t="s">
        <v>43</v>
      </c>
      <c r="AB8016" s="5" t="s">
        <v>44</v>
      </c>
      <c r="AC8016" s="29" t="s">
        <v>82735</v>
      </c>
      <c r="AD8016" s="1"/>
    </row>
    <row r="8017" spans="1:30">
      <c r="A8017" s="5" t="s">
        <v>83578</v>
      </c>
      <c r="B8017" s="30" t="s">
        <v>108311</v>
      </c>
      <c r="C8017" s="14" t="s">
        <v>108312</v>
      </c>
      <c r="D8017" s="2" t="s">
        <v>108313</v>
      </c>
      <c r="E8017" s="8" t="s">
        <v>82739</v>
      </c>
      <c r="F8017" s="8">
        <v>66</v>
      </c>
      <c r="G8017" s="5">
        <v>5</v>
      </c>
      <c r="H8017" s="28" t="s">
        <v>69</v>
      </c>
      <c r="I8017" s="5" t="s">
        <v>28207</v>
      </c>
      <c r="J8017" s="5" t="s">
        <v>28208</v>
      </c>
      <c r="K8017" s="5" t="s">
        <v>28207</v>
      </c>
      <c r="L8017" s="5" t="s">
        <v>28208</v>
      </c>
      <c r="M8017" s="5" t="s">
        <v>733</v>
      </c>
      <c r="N8017" s="5" t="s">
        <v>38</v>
      </c>
      <c r="O8017" s="5" t="s">
        <v>39</v>
      </c>
      <c r="P8017" s="5" t="s">
        <v>40</v>
      </c>
      <c r="Q8017" s="5" t="s">
        <v>24340</v>
      </c>
      <c r="R8017" s="5" t="s">
        <v>40</v>
      </c>
      <c r="S8017" s="5" t="s">
        <v>42</v>
      </c>
      <c r="T8017" s="2">
        <v>1.849</v>
      </c>
      <c r="U8017" s="2">
        <v>1.4690000000000001</v>
      </c>
      <c r="V8017" s="2">
        <v>148.30000000000001</v>
      </c>
      <c r="W8017" s="2">
        <v>6.2</v>
      </c>
      <c r="X8017" s="2">
        <v>18.3</v>
      </c>
      <c r="Y8017" s="5">
        <v>148.30000000000001</v>
      </c>
      <c r="Z8017" s="5">
        <v>36</v>
      </c>
      <c r="AA8017" s="5" t="s">
        <v>43</v>
      </c>
      <c r="AB8017" s="5" t="s">
        <v>44</v>
      </c>
      <c r="AC8017" s="29" t="s">
        <v>82735</v>
      </c>
      <c r="AD8017" s="1"/>
    </row>
    <row r="8018" spans="1:30">
      <c r="A8018" s="5" t="s">
        <v>83578</v>
      </c>
      <c r="B8018" s="30" t="s">
        <v>108314</v>
      </c>
      <c r="C8018" s="14" t="s">
        <v>108315</v>
      </c>
      <c r="D8018" s="2" t="s">
        <v>108316</v>
      </c>
      <c r="E8018" s="8" t="s">
        <v>108280</v>
      </c>
      <c r="F8018" s="8">
        <v>66</v>
      </c>
      <c r="G8018" s="5">
        <v>5</v>
      </c>
      <c r="H8018" s="28" t="s">
        <v>69</v>
      </c>
      <c r="I8018" s="5" t="s">
        <v>28207</v>
      </c>
      <c r="J8018" s="5" t="s">
        <v>28208</v>
      </c>
      <c r="K8018" s="5" t="s">
        <v>28207</v>
      </c>
      <c r="L8018" s="5" t="s">
        <v>28208</v>
      </c>
      <c r="M8018" s="5" t="s">
        <v>733</v>
      </c>
      <c r="N8018" s="5" t="s">
        <v>38</v>
      </c>
      <c r="O8018" s="5" t="s">
        <v>39</v>
      </c>
      <c r="P8018" s="5" t="s">
        <v>40</v>
      </c>
      <c r="Q8018" s="5" t="s">
        <v>25301</v>
      </c>
      <c r="R8018" s="5" t="s">
        <v>40</v>
      </c>
      <c r="S8018" s="5" t="s">
        <v>42</v>
      </c>
      <c r="T8018" s="2">
        <v>1.681</v>
      </c>
      <c r="U8018" s="2">
        <v>1.304</v>
      </c>
      <c r="V8018" s="2">
        <v>148.30000000000001</v>
      </c>
      <c r="W8018" s="2">
        <v>6.2</v>
      </c>
      <c r="X8018" s="2">
        <v>18.3</v>
      </c>
      <c r="Y8018" s="5">
        <v>148.30000000000001</v>
      </c>
      <c r="Z8018" s="5">
        <v>36</v>
      </c>
      <c r="AA8018" s="5" t="s">
        <v>43</v>
      </c>
      <c r="AB8018" s="5" t="s">
        <v>44</v>
      </c>
      <c r="AC8018" s="29" t="s">
        <v>82735</v>
      </c>
      <c r="AD8018" s="1"/>
    </row>
    <row r="8019" spans="1:30">
      <c r="A8019" s="5" t="s">
        <v>83578</v>
      </c>
      <c r="B8019" s="30" t="s">
        <v>108317</v>
      </c>
      <c r="C8019" s="14" t="s">
        <v>108318</v>
      </c>
      <c r="D8019" s="2" t="s">
        <v>108319</v>
      </c>
      <c r="E8019" s="8" t="s">
        <v>108276</v>
      </c>
      <c r="F8019" s="8">
        <v>37</v>
      </c>
      <c r="G8019" s="5">
        <v>5</v>
      </c>
      <c r="H8019" s="28" t="s">
        <v>69</v>
      </c>
      <c r="I8019" s="5" t="s">
        <v>28207</v>
      </c>
      <c r="J8019" s="5" t="s">
        <v>28208</v>
      </c>
      <c r="K8019" s="5" t="s">
        <v>28207</v>
      </c>
      <c r="L8019" s="5" t="s">
        <v>28208</v>
      </c>
      <c r="M8019" s="5" t="s">
        <v>733</v>
      </c>
      <c r="N8019" s="5" t="s">
        <v>38</v>
      </c>
      <c r="O8019" s="5" t="s">
        <v>39</v>
      </c>
      <c r="P8019" s="5" t="s">
        <v>40</v>
      </c>
      <c r="Q8019" s="5" t="s">
        <v>24335</v>
      </c>
      <c r="R8019" s="5" t="s">
        <v>40</v>
      </c>
      <c r="S8019" s="5" t="s">
        <v>42</v>
      </c>
      <c r="T8019" s="2">
        <v>1.0740000000000001</v>
      </c>
      <c r="U8019" s="2">
        <v>0.69199999999999995</v>
      </c>
      <c r="V8019" s="2">
        <v>148.30000000000001</v>
      </c>
      <c r="W8019" s="2">
        <v>6.2</v>
      </c>
      <c r="X8019" s="2">
        <v>18.3</v>
      </c>
      <c r="Y8019" s="5">
        <v>148.30000000000001</v>
      </c>
      <c r="Z8019" s="5">
        <v>36</v>
      </c>
      <c r="AA8019" s="5" t="s">
        <v>43</v>
      </c>
      <c r="AB8019" s="5" t="s">
        <v>44</v>
      </c>
      <c r="AC8019" s="29" t="s">
        <v>82735</v>
      </c>
      <c r="AD8019" s="1"/>
    </row>
    <row r="8020" spans="1:30">
      <c r="A8020" s="5" t="s">
        <v>83578</v>
      </c>
      <c r="B8020" s="30" t="s">
        <v>108320</v>
      </c>
      <c r="C8020" s="14" t="s">
        <v>108321</v>
      </c>
      <c r="D8020" s="2" t="s">
        <v>108322</v>
      </c>
      <c r="E8020" s="8" t="s">
        <v>82739</v>
      </c>
      <c r="F8020" s="8">
        <v>68</v>
      </c>
      <c r="G8020" s="5">
        <v>5</v>
      </c>
      <c r="H8020" s="28" t="s">
        <v>69</v>
      </c>
      <c r="I8020" s="5" t="s">
        <v>28207</v>
      </c>
      <c r="J8020" s="5" t="s">
        <v>28208</v>
      </c>
      <c r="K8020" s="5" t="s">
        <v>28207</v>
      </c>
      <c r="L8020" s="5" t="s">
        <v>28208</v>
      </c>
      <c r="M8020" s="5" t="s">
        <v>733</v>
      </c>
      <c r="N8020" s="5" t="s">
        <v>38</v>
      </c>
      <c r="O8020" s="5" t="s">
        <v>39</v>
      </c>
      <c r="P8020" s="5" t="s">
        <v>40</v>
      </c>
      <c r="Q8020" s="5" t="s">
        <v>24340</v>
      </c>
      <c r="R8020" s="5" t="s">
        <v>40</v>
      </c>
      <c r="S8020" s="5" t="s">
        <v>42</v>
      </c>
      <c r="T8020" s="2">
        <v>2.0739999999999998</v>
      </c>
      <c r="U8020" s="2">
        <v>1.6919999999999999</v>
      </c>
      <c r="V8020" s="2">
        <v>148.30000000000001</v>
      </c>
      <c r="W8020" s="2">
        <v>6.2</v>
      </c>
      <c r="X8020" s="2">
        <v>18.3</v>
      </c>
      <c r="Y8020" s="5">
        <v>148.30000000000001</v>
      </c>
      <c r="Z8020" s="5">
        <v>36</v>
      </c>
      <c r="AA8020" s="5" t="s">
        <v>43</v>
      </c>
      <c r="AB8020" s="5" t="s">
        <v>44</v>
      </c>
      <c r="AC8020" s="29" t="s">
        <v>82735</v>
      </c>
      <c r="AD8020" s="1"/>
    </row>
    <row r="8021" spans="1:30">
      <c r="A8021" s="5" t="s">
        <v>83578</v>
      </c>
      <c r="B8021" s="30" t="s">
        <v>108323</v>
      </c>
      <c r="C8021" s="14" t="s">
        <v>108324</v>
      </c>
      <c r="D8021" s="2" t="s">
        <v>108325</v>
      </c>
      <c r="E8021" s="8" t="s">
        <v>108280</v>
      </c>
      <c r="F8021" s="8">
        <v>68</v>
      </c>
      <c r="G8021" s="5">
        <v>15</v>
      </c>
      <c r="H8021" s="28" t="s">
        <v>69</v>
      </c>
      <c r="I8021" s="5" t="s">
        <v>28207</v>
      </c>
      <c r="J8021" s="5" t="s">
        <v>28208</v>
      </c>
      <c r="K8021" s="5" t="s">
        <v>28207</v>
      </c>
      <c r="L8021" s="5" t="s">
        <v>28208</v>
      </c>
      <c r="M8021" s="5" t="s">
        <v>733</v>
      </c>
      <c r="N8021" s="5" t="s">
        <v>38</v>
      </c>
      <c r="O8021" s="5" t="s">
        <v>39</v>
      </c>
      <c r="P8021" s="5" t="s">
        <v>40</v>
      </c>
      <c r="Q8021" s="5" t="s">
        <v>25301</v>
      </c>
      <c r="R8021" s="5" t="s">
        <v>40</v>
      </c>
      <c r="S8021" s="5" t="s">
        <v>42</v>
      </c>
      <c r="T8021" s="2">
        <v>1.881</v>
      </c>
      <c r="U8021" s="2">
        <v>1.502</v>
      </c>
      <c r="V8021" s="2">
        <v>148.30000000000001</v>
      </c>
      <c r="W8021" s="2">
        <v>6.2</v>
      </c>
      <c r="X8021" s="2">
        <v>18.3</v>
      </c>
      <c r="Y8021" s="5">
        <v>148.30000000000001</v>
      </c>
      <c r="Z8021" s="5">
        <v>36</v>
      </c>
      <c r="AA8021" s="5" t="s">
        <v>43</v>
      </c>
      <c r="AB8021" s="5" t="s">
        <v>44</v>
      </c>
      <c r="AC8021" s="29" t="s">
        <v>82735</v>
      </c>
      <c r="AD8021" s="1"/>
    </row>
    <row r="8022" spans="1:30">
      <c r="A8022" s="5" t="s">
        <v>83578</v>
      </c>
      <c r="B8022" s="30" t="s">
        <v>108326</v>
      </c>
      <c r="C8022" s="14" t="s">
        <v>108327</v>
      </c>
      <c r="D8022" s="2" t="s">
        <v>108328</v>
      </c>
      <c r="E8022" s="8" t="s">
        <v>108276</v>
      </c>
      <c r="F8022" s="8">
        <v>33</v>
      </c>
      <c r="G8022" s="5">
        <v>5</v>
      </c>
      <c r="H8022" s="28" t="s">
        <v>69</v>
      </c>
      <c r="I8022" s="5" t="s">
        <v>28207</v>
      </c>
      <c r="J8022" s="5" t="s">
        <v>28208</v>
      </c>
      <c r="K8022" s="5" t="s">
        <v>28207</v>
      </c>
      <c r="L8022" s="5" t="s">
        <v>28208</v>
      </c>
      <c r="M8022" s="5" t="s">
        <v>733</v>
      </c>
      <c r="N8022" s="5" t="s">
        <v>38</v>
      </c>
      <c r="O8022" s="5" t="s">
        <v>39</v>
      </c>
      <c r="P8022" s="5" t="s">
        <v>40</v>
      </c>
      <c r="Q8022" s="5" t="s">
        <v>24335</v>
      </c>
      <c r="R8022" s="5" t="s">
        <v>40</v>
      </c>
      <c r="S8022" s="5" t="s">
        <v>42</v>
      </c>
      <c r="T8022" s="2">
        <v>0.92300000000000004</v>
      </c>
      <c r="U8022" s="2">
        <v>0.54400000000000004</v>
      </c>
      <c r="V8022" s="2">
        <v>148.30000000000001</v>
      </c>
      <c r="W8022" s="2">
        <v>6.2</v>
      </c>
      <c r="X8022" s="2">
        <v>18.3</v>
      </c>
      <c r="Y8022" s="5">
        <v>148.30000000000001</v>
      </c>
      <c r="Z8022" s="5">
        <v>36</v>
      </c>
      <c r="AA8022" s="5" t="s">
        <v>43</v>
      </c>
      <c r="AB8022" s="5" t="s">
        <v>44</v>
      </c>
      <c r="AC8022" s="29" t="s">
        <v>82735</v>
      </c>
      <c r="AD8022" s="1"/>
    </row>
    <row r="8023" spans="1:30">
      <c r="A8023" s="5" t="s">
        <v>83578</v>
      </c>
      <c r="B8023" s="30" t="s">
        <v>108329</v>
      </c>
      <c r="C8023" s="14" t="s">
        <v>108330</v>
      </c>
      <c r="D8023" s="2" t="s">
        <v>108331</v>
      </c>
      <c r="E8023" s="8" t="s">
        <v>82739</v>
      </c>
      <c r="F8023" s="8">
        <v>64</v>
      </c>
      <c r="G8023" s="5">
        <v>5</v>
      </c>
      <c r="H8023" s="28" t="s">
        <v>69</v>
      </c>
      <c r="I8023" s="5" t="s">
        <v>28207</v>
      </c>
      <c r="J8023" s="5" t="s">
        <v>28208</v>
      </c>
      <c r="K8023" s="5" t="s">
        <v>28207</v>
      </c>
      <c r="L8023" s="5" t="s">
        <v>28208</v>
      </c>
      <c r="M8023" s="5" t="s">
        <v>733</v>
      </c>
      <c r="N8023" s="5" t="s">
        <v>38</v>
      </c>
      <c r="O8023" s="5" t="s">
        <v>39</v>
      </c>
      <c r="P8023" s="5" t="s">
        <v>40</v>
      </c>
      <c r="Q8023" s="5" t="s">
        <v>24340</v>
      </c>
      <c r="R8023" s="5" t="s">
        <v>40</v>
      </c>
      <c r="S8023" s="5" t="s">
        <v>42</v>
      </c>
      <c r="T8023" s="2">
        <v>1.6839999999999999</v>
      </c>
      <c r="U8023" s="2">
        <v>1.3049999999999999</v>
      </c>
      <c r="V8023" s="2">
        <v>148.30000000000001</v>
      </c>
      <c r="W8023" s="2">
        <v>6.2</v>
      </c>
      <c r="X8023" s="2">
        <v>18.3</v>
      </c>
      <c r="Y8023" s="5">
        <v>148.30000000000001</v>
      </c>
      <c r="Z8023" s="5">
        <v>36</v>
      </c>
      <c r="AA8023" s="5" t="s">
        <v>43</v>
      </c>
      <c r="AB8023" s="5" t="s">
        <v>44</v>
      </c>
      <c r="AC8023" s="29" t="s">
        <v>82735</v>
      </c>
      <c r="AD8023" s="1"/>
    </row>
    <row r="8024" spans="1:30">
      <c r="A8024" s="5" t="s">
        <v>83578</v>
      </c>
      <c r="B8024" s="30" t="s">
        <v>108332</v>
      </c>
      <c r="C8024" s="14" t="s">
        <v>108333</v>
      </c>
      <c r="D8024" s="2" t="s">
        <v>108334</v>
      </c>
      <c r="E8024" s="8" t="s">
        <v>108280</v>
      </c>
      <c r="F8024" s="8">
        <v>64</v>
      </c>
      <c r="G8024" s="5">
        <v>5</v>
      </c>
      <c r="H8024" s="28" t="s">
        <v>69</v>
      </c>
      <c r="I8024" s="5" t="s">
        <v>28207</v>
      </c>
      <c r="J8024" s="5" t="s">
        <v>28208</v>
      </c>
      <c r="K8024" s="5" t="s">
        <v>28207</v>
      </c>
      <c r="L8024" s="5" t="s">
        <v>28208</v>
      </c>
      <c r="M8024" s="5" t="s">
        <v>733</v>
      </c>
      <c r="N8024" s="5" t="s">
        <v>38</v>
      </c>
      <c r="O8024" s="5" t="s">
        <v>39</v>
      </c>
      <c r="P8024" s="5" t="s">
        <v>40</v>
      </c>
      <c r="Q8024" s="5" t="s">
        <v>25301</v>
      </c>
      <c r="R8024" s="5" t="s">
        <v>40</v>
      </c>
      <c r="S8024" s="5" t="s">
        <v>42</v>
      </c>
      <c r="T8024" s="2">
        <v>1.534</v>
      </c>
      <c r="U8024" s="2">
        <v>1.1579999999999999</v>
      </c>
      <c r="V8024" s="2">
        <v>148.30000000000001</v>
      </c>
      <c r="W8024" s="2">
        <v>6.2</v>
      </c>
      <c r="X8024" s="2">
        <v>18.3</v>
      </c>
      <c r="Y8024" s="5">
        <v>148.30000000000001</v>
      </c>
      <c r="Z8024" s="5">
        <v>36</v>
      </c>
      <c r="AA8024" s="5" t="s">
        <v>43</v>
      </c>
      <c r="AB8024" s="5" t="s">
        <v>44</v>
      </c>
      <c r="AC8024" s="29" t="s">
        <v>82735</v>
      </c>
      <c r="AD8024" s="1"/>
    </row>
    <row r="8025" spans="1:30">
      <c r="A8025" s="5" t="s">
        <v>83578</v>
      </c>
      <c r="B8025" s="30" t="s">
        <v>108335</v>
      </c>
      <c r="C8025" s="14" t="s">
        <v>108336</v>
      </c>
      <c r="D8025" s="2" t="s">
        <v>108337</v>
      </c>
      <c r="E8025" s="8" t="s">
        <v>108276</v>
      </c>
      <c r="F8025" s="8">
        <v>37</v>
      </c>
      <c r="G8025" s="5">
        <v>5</v>
      </c>
      <c r="H8025" s="28" t="s">
        <v>69</v>
      </c>
      <c r="I8025" s="5" t="s">
        <v>28207</v>
      </c>
      <c r="J8025" s="5" t="s">
        <v>28208</v>
      </c>
      <c r="K8025" s="5" t="s">
        <v>28207</v>
      </c>
      <c r="L8025" s="5" t="s">
        <v>28208</v>
      </c>
      <c r="M8025" s="5" t="s">
        <v>733</v>
      </c>
      <c r="N8025" s="5" t="s">
        <v>38</v>
      </c>
      <c r="O8025" s="5" t="s">
        <v>39</v>
      </c>
      <c r="P8025" s="5" t="s">
        <v>40</v>
      </c>
      <c r="Q8025" s="5" t="s">
        <v>24335</v>
      </c>
      <c r="R8025" s="5" t="s">
        <v>40</v>
      </c>
      <c r="S8025" s="5" t="s">
        <v>42</v>
      </c>
      <c r="T8025" s="2">
        <v>0.998</v>
      </c>
      <c r="U8025" s="2">
        <v>0.623</v>
      </c>
      <c r="V8025" s="2">
        <v>148.30000000000001</v>
      </c>
      <c r="W8025" s="2">
        <v>6.2</v>
      </c>
      <c r="X8025" s="2">
        <v>18.3</v>
      </c>
      <c r="Y8025" s="5">
        <v>148.30000000000001</v>
      </c>
      <c r="Z8025" s="5">
        <v>36</v>
      </c>
      <c r="AA8025" s="5" t="s">
        <v>43</v>
      </c>
      <c r="AB8025" s="5" t="s">
        <v>44</v>
      </c>
      <c r="AC8025" s="29" t="s">
        <v>82735</v>
      </c>
      <c r="AD8025" s="1"/>
    </row>
    <row r="8026" spans="1:30">
      <c r="A8026" s="5" t="s">
        <v>83578</v>
      </c>
      <c r="B8026" s="30" t="s">
        <v>108338</v>
      </c>
      <c r="C8026" s="14" t="s">
        <v>108339</v>
      </c>
      <c r="D8026" s="2" t="s">
        <v>108340</v>
      </c>
      <c r="E8026" s="8" t="s">
        <v>82739</v>
      </c>
      <c r="F8026" s="8">
        <v>68</v>
      </c>
      <c r="G8026" s="5">
        <v>5</v>
      </c>
      <c r="H8026" s="28" t="s">
        <v>69</v>
      </c>
      <c r="I8026" s="5" t="s">
        <v>28207</v>
      </c>
      <c r="J8026" s="5" t="s">
        <v>28208</v>
      </c>
      <c r="K8026" s="5" t="s">
        <v>28207</v>
      </c>
      <c r="L8026" s="5" t="s">
        <v>28208</v>
      </c>
      <c r="M8026" s="5" t="s">
        <v>733</v>
      </c>
      <c r="N8026" s="5" t="s">
        <v>38</v>
      </c>
      <c r="O8026" s="5" t="s">
        <v>39</v>
      </c>
      <c r="P8026" s="5" t="s">
        <v>40</v>
      </c>
      <c r="Q8026" s="5" t="s">
        <v>24340</v>
      </c>
      <c r="R8026" s="5" t="s">
        <v>40</v>
      </c>
      <c r="S8026" s="5" t="s">
        <v>42</v>
      </c>
      <c r="T8026" s="2">
        <v>1.8859999999999999</v>
      </c>
      <c r="U8026" s="2">
        <v>1.506</v>
      </c>
      <c r="V8026" s="2">
        <v>148.30000000000001</v>
      </c>
      <c r="W8026" s="2">
        <v>6.2</v>
      </c>
      <c r="X8026" s="2">
        <v>18.3</v>
      </c>
      <c r="Y8026" s="5">
        <v>148.30000000000001</v>
      </c>
      <c r="Z8026" s="5">
        <v>36</v>
      </c>
      <c r="AA8026" s="5" t="s">
        <v>43</v>
      </c>
      <c r="AB8026" s="5" t="s">
        <v>44</v>
      </c>
      <c r="AC8026" s="29" t="s">
        <v>82735</v>
      </c>
      <c r="AD8026" s="1"/>
    </row>
    <row r="8027" spans="1:30">
      <c r="A8027" s="5" t="s">
        <v>83578</v>
      </c>
      <c r="B8027" s="30" t="s">
        <v>108341</v>
      </c>
      <c r="C8027" s="14" t="s">
        <v>108342</v>
      </c>
      <c r="D8027" s="2" t="s">
        <v>108343</v>
      </c>
      <c r="E8027" s="8" t="s">
        <v>108280</v>
      </c>
      <c r="F8027" s="8">
        <v>68</v>
      </c>
      <c r="G8027" s="5">
        <v>5</v>
      </c>
      <c r="H8027" s="28" t="s">
        <v>69</v>
      </c>
      <c r="I8027" s="5" t="s">
        <v>28207</v>
      </c>
      <c r="J8027" s="5" t="s">
        <v>28208</v>
      </c>
      <c r="K8027" s="5" t="s">
        <v>28207</v>
      </c>
      <c r="L8027" s="5" t="s">
        <v>28208</v>
      </c>
      <c r="M8027" s="5" t="s">
        <v>733</v>
      </c>
      <c r="N8027" s="5" t="s">
        <v>38</v>
      </c>
      <c r="O8027" s="5" t="s">
        <v>39</v>
      </c>
      <c r="P8027" s="5" t="s">
        <v>40</v>
      </c>
      <c r="Q8027" s="5" t="s">
        <v>25301</v>
      </c>
      <c r="R8027" s="5" t="s">
        <v>40</v>
      </c>
      <c r="S8027" s="5" t="s">
        <v>42</v>
      </c>
      <c r="T8027" s="2">
        <v>1.7130000000000001</v>
      </c>
      <c r="U8027" s="2">
        <v>1.3360000000000001</v>
      </c>
      <c r="V8027" s="2">
        <v>148.30000000000001</v>
      </c>
      <c r="W8027" s="2">
        <v>6.2</v>
      </c>
      <c r="X8027" s="2">
        <v>18.3</v>
      </c>
      <c r="Y8027" s="5">
        <v>148.30000000000001</v>
      </c>
      <c r="Z8027" s="5">
        <v>36</v>
      </c>
      <c r="AA8027" s="5" t="s">
        <v>43</v>
      </c>
      <c r="AB8027" s="5" t="s">
        <v>44</v>
      </c>
      <c r="AC8027" s="29" t="s">
        <v>82735</v>
      </c>
      <c r="AD8027" s="1"/>
    </row>
    <row r="8028" spans="1:30">
      <c r="A8028" s="5" t="s">
        <v>83578</v>
      </c>
      <c r="B8028" s="30" t="s">
        <v>108344</v>
      </c>
      <c r="C8028" s="14" t="s">
        <v>108345</v>
      </c>
      <c r="D8028" s="2" t="s">
        <v>108346</v>
      </c>
      <c r="E8028" s="8" t="s">
        <v>108276</v>
      </c>
      <c r="F8028" s="8">
        <v>40</v>
      </c>
      <c r="G8028" s="5">
        <v>5</v>
      </c>
      <c r="H8028" s="28" t="s">
        <v>69</v>
      </c>
      <c r="I8028" s="5" t="s">
        <v>28207</v>
      </c>
      <c r="J8028" s="5" t="s">
        <v>28208</v>
      </c>
      <c r="K8028" s="5" t="s">
        <v>28207</v>
      </c>
      <c r="L8028" s="5" t="s">
        <v>28208</v>
      </c>
      <c r="M8028" s="5" t="s">
        <v>733</v>
      </c>
      <c r="N8028" s="5" t="s">
        <v>38</v>
      </c>
      <c r="O8028" s="5" t="s">
        <v>39</v>
      </c>
      <c r="P8028" s="5" t="s">
        <v>40</v>
      </c>
      <c r="Q8028" s="5" t="s">
        <v>24335</v>
      </c>
      <c r="R8028" s="5" t="s">
        <v>40</v>
      </c>
      <c r="S8028" s="5" t="s">
        <v>42</v>
      </c>
      <c r="T8028" s="2">
        <v>1.0900000000000001</v>
      </c>
      <c r="U8028" s="2">
        <v>0.70799999999999996</v>
      </c>
      <c r="V8028" s="2">
        <v>148.30000000000001</v>
      </c>
      <c r="W8028" s="2">
        <v>6.2</v>
      </c>
      <c r="X8028" s="2">
        <v>18.3</v>
      </c>
      <c r="Y8028" s="5">
        <v>148.30000000000001</v>
      </c>
      <c r="Z8028" s="5">
        <v>36</v>
      </c>
      <c r="AA8028" s="5" t="s">
        <v>43</v>
      </c>
      <c r="AB8028" s="5" t="s">
        <v>44</v>
      </c>
      <c r="AC8028" s="29" t="s">
        <v>82735</v>
      </c>
      <c r="AD8028" s="1"/>
    </row>
    <row r="8029" spans="1:30">
      <c r="A8029" s="5" t="s">
        <v>83578</v>
      </c>
      <c r="B8029" s="30" t="s">
        <v>108347</v>
      </c>
      <c r="C8029" s="14" t="s">
        <v>108348</v>
      </c>
      <c r="D8029" s="2" t="s">
        <v>108349</v>
      </c>
      <c r="E8029" s="8" t="s">
        <v>82739</v>
      </c>
      <c r="F8029" s="8">
        <v>71</v>
      </c>
      <c r="G8029" s="5">
        <v>5</v>
      </c>
      <c r="H8029" s="28" t="s">
        <v>69</v>
      </c>
      <c r="I8029" s="5" t="s">
        <v>28207</v>
      </c>
      <c r="J8029" s="5" t="s">
        <v>28208</v>
      </c>
      <c r="K8029" s="5" t="s">
        <v>28207</v>
      </c>
      <c r="L8029" s="5" t="s">
        <v>28208</v>
      </c>
      <c r="M8029" s="5" t="s">
        <v>733</v>
      </c>
      <c r="N8029" s="5" t="s">
        <v>38</v>
      </c>
      <c r="O8029" s="5" t="s">
        <v>39</v>
      </c>
      <c r="P8029" s="5" t="s">
        <v>40</v>
      </c>
      <c r="Q8029" s="5" t="s">
        <v>24340</v>
      </c>
      <c r="R8029" s="5" t="s">
        <v>40</v>
      </c>
      <c r="S8029" s="5" t="s">
        <v>42</v>
      </c>
      <c r="T8029" s="2">
        <v>2.1110000000000002</v>
      </c>
      <c r="U8029" s="2">
        <v>1.7290000000000001</v>
      </c>
      <c r="V8029" s="2">
        <v>148.30000000000001</v>
      </c>
      <c r="W8029" s="2">
        <v>6.2</v>
      </c>
      <c r="X8029" s="2">
        <v>18.3</v>
      </c>
      <c r="Y8029" s="5">
        <v>148.30000000000001</v>
      </c>
      <c r="Z8029" s="5">
        <v>36</v>
      </c>
      <c r="AA8029" s="5" t="s">
        <v>43</v>
      </c>
      <c r="AB8029" s="5" t="s">
        <v>44</v>
      </c>
      <c r="AC8029" s="29" t="s">
        <v>82735</v>
      </c>
      <c r="AD8029" s="1"/>
    </row>
    <row r="8030" spans="1:30">
      <c r="A8030" s="5" t="s">
        <v>83578</v>
      </c>
      <c r="B8030" s="30" t="s">
        <v>108350</v>
      </c>
      <c r="C8030" s="14" t="s">
        <v>108351</v>
      </c>
      <c r="D8030" s="2" t="s">
        <v>108352</v>
      </c>
      <c r="E8030" s="8" t="s">
        <v>108280</v>
      </c>
      <c r="F8030" s="8">
        <v>71</v>
      </c>
      <c r="G8030" s="5">
        <v>5</v>
      </c>
      <c r="H8030" s="28" t="s">
        <v>69</v>
      </c>
      <c r="I8030" s="5" t="s">
        <v>28207</v>
      </c>
      <c r="J8030" s="5" t="s">
        <v>28208</v>
      </c>
      <c r="K8030" s="5" t="s">
        <v>28207</v>
      </c>
      <c r="L8030" s="5" t="s">
        <v>28208</v>
      </c>
      <c r="M8030" s="5" t="s">
        <v>733</v>
      </c>
      <c r="N8030" s="5" t="s">
        <v>38</v>
      </c>
      <c r="O8030" s="5" t="s">
        <v>39</v>
      </c>
      <c r="P8030" s="5" t="s">
        <v>40</v>
      </c>
      <c r="Q8030" s="5" t="s">
        <v>25301</v>
      </c>
      <c r="R8030" s="5" t="s">
        <v>40</v>
      </c>
      <c r="S8030" s="5" t="s">
        <v>42</v>
      </c>
      <c r="T8030" s="2">
        <v>1.913</v>
      </c>
      <c r="U8030" s="2">
        <v>1.534</v>
      </c>
      <c r="V8030" s="2">
        <v>148.30000000000001</v>
      </c>
      <c r="W8030" s="2">
        <v>6.2</v>
      </c>
      <c r="X8030" s="2">
        <v>18.3</v>
      </c>
      <c r="Y8030" s="5">
        <v>148.30000000000001</v>
      </c>
      <c r="Z8030" s="5">
        <v>36</v>
      </c>
      <c r="AA8030" s="5" t="s">
        <v>43</v>
      </c>
      <c r="AB8030" s="5" t="s">
        <v>44</v>
      </c>
      <c r="AC8030" s="29" t="s">
        <v>82735</v>
      </c>
      <c r="AD8030" s="1"/>
    </row>
    <row r="8031" spans="1:30">
      <c r="A8031" s="5" t="s">
        <v>83578</v>
      </c>
      <c r="B8031" s="30" t="s">
        <v>108353</v>
      </c>
      <c r="C8031" s="14" t="s">
        <v>108354</v>
      </c>
      <c r="D8031" s="2" t="s">
        <v>108355</v>
      </c>
      <c r="E8031" s="8" t="s">
        <v>108276</v>
      </c>
      <c r="F8031" s="8">
        <v>45</v>
      </c>
      <c r="G8031" s="5">
        <v>5</v>
      </c>
      <c r="H8031" s="28" t="s">
        <v>69</v>
      </c>
      <c r="I8031" s="5" t="s">
        <v>28207</v>
      </c>
      <c r="J8031" s="5" t="s">
        <v>28208</v>
      </c>
      <c r="K8031" s="5" t="s">
        <v>28207</v>
      </c>
      <c r="L8031" s="5" t="s">
        <v>28208</v>
      </c>
      <c r="M8031" s="5" t="s">
        <v>733</v>
      </c>
      <c r="N8031" s="5" t="s">
        <v>38</v>
      </c>
      <c r="O8031" s="5" t="s">
        <v>39</v>
      </c>
      <c r="P8031" s="5" t="s">
        <v>40</v>
      </c>
      <c r="Q8031" s="5" t="s">
        <v>24335</v>
      </c>
      <c r="R8031" s="5" t="s">
        <v>40</v>
      </c>
      <c r="S8031" s="5" t="s">
        <v>42</v>
      </c>
      <c r="T8031" s="2">
        <v>1.534</v>
      </c>
      <c r="U8031" s="2">
        <v>0.78600000000000003</v>
      </c>
      <c r="V8031" s="2">
        <v>168.5</v>
      </c>
      <c r="W8031" s="2">
        <v>11</v>
      </c>
      <c r="X8031" s="2">
        <v>26.5</v>
      </c>
      <c r="Y8031" s="5">
        <v>168.5</v>
      </c>
      <c r="Z8031" s="5">
        <v>36</v>
      </c>
      <c r="AA8031" s="5" t="s">
        <v>43</v>
      </c>
      <c r="AB8031" s="5" t="s">
        <v>44</v>
      </c>
      <c r="AC8031" s="29" t="s">
        <v>82735</v>
      </c>
      <c r="AD8031" s="1"/>
    </row>
    <row r="8032" spans="1:30">
      <c r="A8032" s="5" t="s">
        <v>83578</v>
      </c>
      <c r="B8032" s="30" t="s">
        <v>108356</v>
      </c>
      <c r="C8032" s="14" t="s">
        <v>108357</v>
      </c>
      <c r="D8032" s="2" t="s">
        <v>108358</v>
      </c>
      <c r="E8032" s="8" t="s">
        <v>82739</v>
      </c>
      <c r="F8032" s="8">
        <v>76</v>
      </c>
      <c r="G8032" s="5">
        <v>15</v>
      </c>
      <c r="H8032" s="28" t="s">
        <v>69</v>
      </c>
      <c r="I8032" s="5" t="s">
        <v>28207</v>
      </c>
      <c r="J8032" s="5" t="s">
        <v>28208</v>
      </c>
      <c r="K8032" s="5" t="s">
        <v>28207</v>
      </c>
      <c r="L8032" s="5" t="s">
        <v>28208</v>
      </c>
      <c r="M8032" s="5" t="s">
        <v>733</v>
      </c>
      <c r="N8032" s="5" t="s">
        <v>38</v>
      </c>
      <c r="O8032" s="5" t="s">
        <v>39</v>
      </c>
      <c r="P8032" s="5" t="s">
        <v>40</v>
      </c>
      <c r="Q8032" s="5" t="s">
        <v>24340</v>
      </c>
      <c r="R8032" s="5" t="s">
        <v>40</v>
      </c>
      <c r="S8032" s="5" t="s">
        <v>42</v>
      </c>
      <c r="T8032" s="2">
        <v>2.669</v>
      </c>
      <c r="U8032" s="2">
        <v>2.6440000000000001</v>
      </c>
      <c r="V8032" s="2">
        <v>168.5</v>
      </c>
      <c r="W8032" s="2">
        <v>11</v>
      </c>
      <c r="X8032" s="2">
        <v>26.5</v>
      </c>
      <c r="Y8032" s="5">
        <v>168.5</v>
      </c>
      <c r="Z8032" s="5">
        <v>36</v>
      </c>
      <c r="AA8032" s="5" t="s">
        <v>43</v>
      </c>
      <c r="AB8032" s="5" t="s">
        <v>44</v>
      </c>
      <c r="AC8032" s="29" t="s">
        <v>82735</v>
      </c>
      <c r="AD8032" s="1"/>
    </row>
    <row r="8033" spans="1:30">
      <c r="A8033" s="5" t="s">
        <v>83578</v>
      </c>
      <c r="B8033" s="30" t="s">
        <v>108359</v>
      </c>
      <c r="C8033" s="14" t="s">
        <v>108360</v>
      </c>
      <c r="D8033" s="2" t="s">
        <v>108361</v>
      </c>
      <c r="E8033" s="8" t="s">
        <v>108280</v>
      </c>
      <c r="F8033" s="8">
        <v>76</v>
      </c>
      <c r="G8033" s="5">
        <v>15</v>
      </c>
      <c r="H8033" s="28" t="s">
        <v>69</v>
      </c>
      <c r="I8033" s="5" t="s">
        <v>28207</v>
      </c>
      <c r="J8033" s="5" t="s">
        <v>28208</v>
      </c>
      <c r="K8033" s="5" t="s">
        <v>28207</v>
      </c>
      <c r="L8033" s="5" t="s">
        <v>28208</v>
      </c>
      <c r="M8033" s="5" t="s">
        <v>733</v>
      </c>
      <c r="N8033" s="5" t="s">
        <v>38</v>
      </c>
      <c r="O8033" s="5" t="s">
        <v>39</v>
      </c>
      <c r="P8033" s="5" t="s">
        <v>40</v>
      </c>
      <c r="Q8033" s="5" t="s">
        <v>25301</v>
      </c>
      <c r="R8033" s="5" t="s">
        <v>40</v>
      </c>
      <c r="S8033" s="5" t="s">
        <v>42</v>
      </c>
      <c r="T8033" s="2">
        <v>2.4609999999999999</v>
      </c>
      <c r="U8033" s="2">
        <v>2.4359999999999999</v>
      </c>
      <c r="V8033" s="2">
        <v>168.5</v>
      </c>
      <c r="W8033" s="2">
        <v>11</v>
      </c>
      <c r="X8033" s="2">
        <v>26.5</v>
      </c>
      <c r="Y8033" s="5">
        <v>168.5</v>
      </c>
      <c r="Z8033" s="5">
        <v>36</v>
      </c>
      <c r="AA8033" s="5" t="s">
        <v>43</v>
      </c>
      <c r="AB8033" s="5" t="s">
        <v>44</v>
      </c>
      <c r="AC8033" s="29" t="s">
        <v>82735</v>
      </c>
      <c r="AD8033" s="1"/>
    </row>
    <row r="8034" spans="1:30">
      <c r="A8034" s="5" t="s">
        <v>83578</v>
      </c>
      <c r="B8034" s="30" t="s">
        <v>108362</v>
      </c>
      <c r="C8034" s="14" t="s">
        <v>108363</v>
      </c>
      <c r="D8034" s="2" t="s">
        <v>108364</v>
      </c>
      <c r="E8034" s="8" t="s">
        <v>108365</v>
      </c>
      <c r="F8034" s="8">
        <v>51</v>
      </c>
      <c r="G8034" s="5">
        <v>5</v>
      </c>
      <c r="H8034" s="28" t="s">
        <v>69</v>
      </c>
      <c r="I8034" s="5" t="s">
        <v>28207</v>
      </c>
      <c r="J8034" s="5" t="s">
        <v>28208</v>
      </c>
      <c r="K8034" s="5" t="s">
        <v>28207</v>
      </c>
      <c r="L8034" s="5" t="s">
        <v>28208</v>
      </c>
      <c r="M8034" s="5" t="s">
        <v>733</v>
      </c>
      <c r="N8034" s="5" t="s">
        <v>38</v>
      </c>
      <c r="O8034" s="5" t="s">
        <v>39</v>
      </c>
      <c r="P8034" s="5" t="s">
        <v>40</v>
      </c>
      <c r="Q8034" s="5" t="s">
        <v>24335</v>
      </c>
      <c r="R8034" s="5" t="s">
        <v>40</v>
      </c>
      <c r="S8034" s="5" t="s">
        <v>42</v>
      </c>
      <c r="T8034" s="2">
        <v>1.6930000000000001</v>
      </c>
      <c r="U8034" s="2">
        <v>0.86499999999999999</v>
      </c>
      <c r="V8034" s="2">
        <v>193.1</v>
      </c>
      <c r="W8034" s="2">
        <v>11</v>
      </c>
      <c r="X8034" s="2">
        <v>26.5</v>
      </c>
      <c r="Y8034" s="5">
        <v>193.1</v>
      </c>
      <c r="Z8034" s="5">
        <v>36</v>
      </c>
      <c r="AA8034" s="5" t="s">
        <v>43</v>
      </c>
      <c r="AB8034" s="5" t="s">
        <v>44</v>
      </c>
      <c r="AC8034" s="29" t="s">
        <v>82735</v>
      </c>
      <c r="AD8034" s="1"/>
    </row>
    <row r="8035" spans="1:30">
      <c r="A8035" s="5" t="s">
        <v>83578</v>
      </c>
      <c r="B8035" s="30" t="s">
        <v>108366</v>
      </c>
      <c r="C8035" s="14" t="s">
        <v>108367</v>
      </c>
      <c r="D8035" s="2" t="s">
        <v>108368</v>
      </c>
      <c r="E8035" s="8" t="s">
        <v>108369</v>
      </c>
      <c r="F8035" s="8">
        <v>82</v>
      </c>
      <c r="G8035" s="5">
        <v>10</v>
      </c>
      <c r="H8035" s="28" t="s">
        <v>69</v>
      </c>
      <c r="I8035" s="5" t="s">
        <v>28207</v>
      </c>
      <c r="J8035" s="5" t="s">
        <v>28208</v>
      </c>
      <c r="K8035" s="5" t="s">
        <v>28207</v>
      </c>
      <c r="L8035" s="5" t="s">
        <v>28208</v>
      </c>
      <c r="M8035" s="5" t="s">
        <v>733</v>
      </c>
      <c r="N8035" s="5" t="s">
        <v>38</v>
      </c>
      <c r="O8035" s="5" t="s">
        <v>39</v>
      </c>
      <c r="P8035" s="5" t="s">
        <v>40</v>
      </c>
      <c r="Q8035" s="5" t="s">
        <v>24335</v>
      </c>
      <c r="R8035" s="5" t="s">
        <v>40</v>
      </c>
      <c r="S8035" s="5" t="s">
        <v>42</v>
      </c>
      <c r="T8035" s="2">
        <v>2.9489999999999998</v>
      </c>
      <c r="U8035" s="2">
        <v>2.1240000000000001</v>
      </c>
      <c r="V8035" s="2">
        <v>193.1</v>
      </c>
      <c r="W8035" s="2">
        <v>11</v>
      </c>
      <c r="X8035" s="2">
        <v>26.5</v>
      </c>
      <c r="Y8035" s="5">
        <v>193.1</v>
      </c>
      <c r="Z8035" s="5">
        <v>36</v>
      </c>
      <c r="AA8035" s="5" t="s">
        <v>43</v>
      </c>
      <c r="AB8035" s="5" t="s">
        <v>44</v>
      </c>
      <c r="AC8035" s="29" t="s">
        <v>82735</v>
      </c>
      <c r="AD8035" s="1"/>
    </row>
    <row r="8036" spans="1:30">
      <c r="A8036" s="5" t="s">
        <v>83578</v>
      </c>
      <c r="B8036" s="30" t="s">
        <v>108370</v>
      </c>
      <c r="C8036" s="14" t="s">
        <v>108371</v>
      </c>
      <c r="D8036" s="2" t="s">
        <v>108372</v>
      </c>
      <c r="E8036" s="8" t="s">
        <v>108276</v>
      </c>
      <c r="F8036" s="8">
        <v>41</v>
      </c>
      <c r="G8036" s="5">
        <v>5</v>
      </c>
      <c r="H8036" s="28" t="s">
        <v>69</v>
      </c>
      <c r="I8036" s="5" t="s">
        <v>28207</v>
      </c>
      <c r="J8036" s="5" t="s">
        <v>28208</v>
      </c>
      <c r="K8036" s="5" t="s">
        <v>28207</v>
      </c>
      <c r="L8036" s="5" t="s">
        <v>28208</v>
      </c>
      <c r="M8036" s="5" t="s">
        <v>733</v>
      </c>
      <c r="N8036" s="5" t="s">
        <v>38</v>
      </c>
      <c r="O8036" s="5" t="s">
        <v>39</v>
      </c>
      <c r="P8036" s="5" t="s">
        <v>40</v>
      </c>
      <c r="Q8036" s="5" t="s">
        <v>24335</v>
      </c>
      <c r="R8036" s="5" t="s">
        <v>40</v>
      </c>
      <c r="S8036" s="5" t="s">
        <v>42</v>
      </c>
      <c r="T8036" s="2">
        <v>1.014</v>
      </c>
      <c r="U8036" s="2">
        <v>0.63900000000000001</v>
      </c>
      <c r="V8036" s="2">
        <v>148.30000000000001</v>
      </c>
      <c r="W8036" s="2">
        <v>6.2</v>
      </c>
      <c r="X8036" s="2">
        <v>18.3</v>
      </c>
      <c r="Y8036" s="5">
        <v>148.30000000000001</v>
      </c>
      <c r="Z8036" s="5">
        <v>36</v>
      </c>
      <c r="AA8036" s="5" t="s">
        <v>43</v>
      </c>
      <c r="AB8036" s="5" t="s">
        <v>44</v>
      </c>
      <c r="AC8036" s="29" t="s">
        <v>82735</v>
      </c>
      <c r="AD8036" s="1"/>
    </row>
    <row r="8037" spans="1:30">
      <c r="A8037" s="5" t="s">
        <v>83578</v>
      </c>
      <c r="B8037" s="30" t="s">
        <v>108373</v>
      </c>
      <c r="C8037" s="14" t="s">
        <v>108374</v>
      </c>
      <c r="D8037" s="2" t="s">
        <v>108375</v>
      </c>
      <c r="E8037" s="8" t="s">
        <v>82739</v>
      </c>
      <c r="F8037" s="8">
        <v>72</v>
      </c>
      <c r="G8037" s="5">
        <v>5</v>
      </c>
      <c r="H8037" s="28" t="s">
        <v>69</v>
      </c>
      <c r="I8037" s="5" t="s">
        <v>28207</v>
      </c>
      <c r="J8037" s="5" t="s">
        <v>28208</v>
      </c>
      <c r="K8037" s="5" t="s">
        <v>28207</v>
      </c>
      <c r="L8037" s="5" t="s">
        <v>28208</v>
      </c>
      <c r="M8037" s="5" t="s">
        <v>733</v>
      </c>
      <c r="N8037" s="5" t="s">
        <v>38</v>
      </c>
      <c r="O8037" s="5" t="s">
        <v>39</v>
      </c>
      <c r="P8037" s="5" t="s">
        <v>40</v>
      </c>
      <c r="Q8037" s="5" t="s">
        <v>24340</v>
      </c>
      <c r="R8037" s="5" t="s">
        <v>40</v>
      </c>
      <c r="S8037" s="5" t="s">
        <v>42</v>
      </c>
      <c r="T8037" s="2">
        <v>1.9359999999999999</v>
      </c>
      <c r="U8037" s="2">
        <v>1.556</v>
      </c>
      <c r="V8037" s="2">
        <v>148.30000000000001</v>
      </c>
      <c r="W8037" s="2">
        <v>6.2</v>
      </c>
      <c r="X8037" s="2">
        <v>18.3</v>
      </c>
      <c r="Y8037" s="5">
        <v>148.30000000000001</v>
      </c>
      <c r="Z8037" s="5">
        <v>36</v>
      </c>
      <c r="AA8037" s="5" t="s">
        <v>43</v>
      </c>
      <c r="AB8037" s="5" t="s">
        <v>44</v>
      </c>
      <c r="AC8037" s="29" t="s">
        <v>82735</v>
      </c>
      <c r="AD8037" s="1"/>
    </row>
    <row r="8038" spans="1:30">
      <c r="A8038" s="5" t="s">
        <v>83578</v>
      </c>
      <c r="B8038" s="30" t="s">
        <v>108376</v>
      </c>
      <c r="C8038" s="14" t="s">
        <v>108377</v>
      </c>
      <c r="D8038" s="2" t="s">
        <v>108378</v>
      </c>
      <c r="E8038" s="8" t="s">
        <v>108280</v>
      </c>
      <c r="F8038" s="8">
        <v>72</v>
      </c>
      <c r="G8038" s="5">
        <v>5</v>
      </c>
      <c r="H8038" s="28" t="s">
        <v>69</v>
      </c>
      <c r="I8038" s="5" t="s">
        <v>28207</v>
      </c>
      <c r="J8038" s="5" t="s">
        <v>28208</v>
      </c>
      <c r="K8038" s="5" t="s">
        <v>28207</v>
      </c>
      <c r="L8038" s="5" t="s">
        <v>28208</v>
      </c>
      <c r="M8038" s="5" t="s">
        <v>733</v>
      </c>
      <c r="N8038" s="5" t="s">
        <v>38</v>
      </c>
      <c r="O8038" s="5" t="s">
        <v>39</v>
      </c>
      <c r="P8038" s="5" t="s">
        <v>40</v>
      </c>
      <c r="Q8038" s="5" t="s">
        <v>25301</v>
      </c>
      <c r="R8038" s="5" t="s">
        <v>40</v>
      </c>
      <c r="S8038" s="5" t="s">
        <v>42</v>
      </c>
      <c r="T8038" s="2">
        <v>1.7569999999999999</v>
      </c>
      <c r="U8038" s="2">
        <v>1.38</v>
      </c>
      <c r="V8038" s="2">
        <v>148.30000000000001</v>
      </c>
      <c r="W8038" s="2">
        <v>6.2</v>
      </c>
      <c r="X8038" s="2">
        <v>18.3</v>
      </c>
      <c r="Y8038" s="5">
        <v>148.30000000000001</v>
      </c>
      <c r="Z8038" s="5">
        <v>36</v>
      </c>
      <c r="AA8038" s="5" t="s">
        <v>43</v>
      </c>
      <c r="AB8038" s="5" t="s">
        <v>44</v>
      </c>
      <c r="AC8038" s="29" t="s">
        <v>82735</v>
      </c>
      <c r="AD8038" s="1"/>
    </row>
    <row r="8039" spans="1:30">
      <c r="A8039" s="5" t="s">
        <v>83578</v>
      </c>
      <c r="B8039" s="30" t="s">
        <v>108379</v>
      </c>
      <c r="C8039" s="14" t="s">
        <v>108380</v>
      </c>
      <c r="D8039" s="2" t="s">
        <v>108381</v>
      </c>
      <c r="E8039" s="8" t="s">
        <v>108276</v>
      </c>
      <c r="F8039" s="8">
        <v>45</v>
      </c>
      <c r="G8039" s="5">
        <v>5</v>
      </c>
      <c r="H8039" s="28" t="s">
        <v>69</v>
      </c>
      <c r="I8039" s="5" t="s">
        <v>28207</v>
      </c>
      <c r="J8039" s="5" t="s">
        <v>28208</v>
      </c>
      <c r="K8039" s="5" t="s">
        <v>28207</v>
      </c>
      <c r="L8039" s="5" t="s">
        <v>28208</v>
      </c>
      <c r="M8039" s="5" t="s">
        <v>733</v>
      </c>
      <c r="N8039" s="5" t="s">
        <v>38</v>
      </c>
      <c r="O8039" s="5" t="s">
        <v>39</v>
      </c>
      <c r="P8039" s="5" t="s">
        <v>40</v>
      </c>
      <c r="Q8039" s="5" t="s">
        <v>24335</v>
      </c>
      <c r="R8039" s="5" t="s">
        <v>40</v>
      </c>
      <c r="S8039" s="5" t="s">
        <v>42</v>
      </c>
      <c r="T8039" s="2">
        <v>1.1060000000000001</v>
      </c>
      <c r="U8039" s="2">
        <v>0.72399999999999998</v>
      </c>
      <c r="V8039" s="2">
        <v>148.30000000000001</v>
      </c>
      <c r="W8039" s="2">
        <v>6.2</v>
      </c>
      <c r="X8039" s="2">
        <v>18.3</v>
      </c>
      <c r="Y8039" s="5">
        <v>148.30000000000001</v>
      </c>
      <c r="Z8039" s="5">
        <v>36</v>
      </c>
      <c r="AA8039" s="5" t="s">
        <v>43</v>
      </c>
      <c r="AB8039" s="5" t="s">
        <v>44</v>
      </c>
      <c r="AC8039" s="29" t="s">
        <v>82735</v>
      </c>
      <c r="AD8039" s="1"/>
    </row>
    <row r="8040" spans="1:30">
      <c r="A8040" s="5" t="s">
        <v>83578</v>
      </c>
      <c r="B8040" s="30" t="s">
        <v>108382</v>
      </c>
      <c r="C8040" s="14" t="s">
        <v>108383</v>
      </c>
      <c r="D8040" s="2" t="s">
        <v>108384</v>
      </c>
      <c r="E8040" s="8" t="s">
        <v>82739</v>
      </c>
      <c r="F8040" s="8">
        <v>76</v>
      </c>
      <c r="G8040" s="5">
        <v>5</v>
      </c>
      <c r="H8040" s="28" t="s">
        <v>69</v>
      </c>
      <c r="I8040" s="5" t="s">
        <v>28207</v>
      </c>
      <c r="J8040" s="5" t="s">
        <v>28208</v>
      </c>
      <c r="K8040" s="5" t="s">
        <v>28207</v>
      </c>
      <c r="L8040" s="5" t="s">
        <v>28208</v>
      </c>
      <c r="M8040" s="5" t="s">
        <v>733</v>
      </c>
      <c r="N8040" s="5" t="s">
        <v>38</v>
      </c>
      <c r="O8040" s="5" t="s">
        <v>39</v>
      </c>
      <c r="P8040" s="5" t="s">
        <v>40</v>
      </c>
      <c r="Q8040" s="5" t="s">
        <v>24340</v>
      </c>
      <c r="R8040" s="5" t="s">
        <v>40</v>
      </c>
      <c r="S8040" s="5" t="s">
        <v>42</v>
      </c>
      <c r="T8040" s="2">
        <v>2.1469999999999998</v>
      </c>
      <c r="U8040" s="2">
        <v>1.768</v>
      </c>
      <c r="V8040" s="2">
        <v>148.30000000000001</v>
      </c>
      <c r="W8040" s="2">
        <v>6.2</v>
      </c>
      <c r="X8040" s="2">
        <v>18.3</v>
      </c>
      <c r="Y8040" s="5">
        <v>148.30000000000001</v>
      </c>
      <c r="Z8040" s="5">
        <v>36</v>
      </c>
      <c r="AA8040" s="5" t="s">
        <v>43</v>
      </c>
      <c r="AB8040" s="5" t="s">
        <v>44</v>
      </c>
      <c r="AC8040" s="29" t="s">
        <v>82735</v>
      </c>
      <c r="AD8040" s="1"/>
    </row>
    <row r="8041" spans="1:30">
      <c r="A8041" s="5" t="s">
        <v>83578</v>
      </c>
      <c r="B8041" s="30" t="s">
        <v>108385</v>
      </c>
      <c r="C8041" s="14" t="s">
        <v>108386</v>
      </c>
      <c r="D8041" s="2" t="s">
        <v>108387</v>
      </c>
      <c r="E8041" s="8" t="s">
        <v>108280</v>
      </c>
      <c r="F8041" s="8">
        <v>76</v>
      </c>
      <c r="G8041" s="5">
        <v>15</v>
      </c>
      <c r="H8041" s="28" t="s">
        <v>69</v>
      </c>
      <c r="I8041" s="5" t="s">
        <v>28207</v>
      </c>
      <c r="J8041" s="5" t="s">
        <v>28208</v>
      </c>
      <c r="K8041" s="5" t="s">
        <v>28207</v>
      </c>
      <c r="L8041" s="5" t="s">
        <v>28208</v>
      </c>
      <c r="M8041" s="5" t="s">
        <v>733</v>
      </c>
      <c r="N8041" s="5" t="s">
        <v>38</v>
      </c>
      <c r="O8041" s="5" t="s">
        <v>39</v>
      </c>
      <c r="P8041" s="5" t="s">
        <v>40</v>
      </c>
      <c r="Q8041" s="5" t="s">
        <v>25301</v>
      </c>
      <c r="R8041" s="5" t="s">
        <v>40</v>
      </c>
      <c r="S8041" s="5" t="s">
        <v>42</v>
      </c>
      <c r="T8041" s="2">
        <v>1.9570000000000001</v>
      </c>
      <c r="U8041" s="2">
        <v>1.5780000000000001</v>
      </c>
      <c r="V8041" s="2">
        <v>148.30000000000001</v>
      </c>
      <c r="W8041" s="2">
        <v>6.2</v>
      </c>
      <c r="X8041" s="2">
        <v>18.3</v>
      </c>
      <c r="Y8041" s="5">
        <v>148.30000000000001</v>
      </c>
      <c r="Z8041" s="5">
        <v>36</v>
      </c>
      <c r="AA8041" s="5" t="s">
        <v>43</v>
      </c>
      <c r="AB8041" s="5" t="s">
        <v>44</v>
      </c>
      <c r="AC8041" s="29" t="s">
        <v>82735</v>
      </c>
      <c r="AD8041" s="1"/>
    </row>
    <row r="8042" spans="1:30">
      <c r="A8042" s="5" t="s">
        <v>83578</v>
      </c>
      <c r="B8042" s="30" t="s">
        <v>108388</v>
      </c>
      <c r="C8042" s="14" t="s">
        <v>108389</v>
      </c>
      <c r="D8042" s="2" t="s">
        <v>108390</v>
      </c>
      <c r="E8042" s="8" t="s">
        <v>108276</v>
      </c>
      <c r="F8042" s="8">
        <v>49</v>
      </c>
      <c r="G8042" s="5">
        <v>5</v>
      </c>
      <c r="H8042" s="28" t="s">
        <v>69</v>
      </c>
      <c r="I8042" s="5" t="s">
        <v>28207</v>
      </c>
      <c r="J8042" s="5" t="s">
        <v>28208</v>
      </c>
      <c r="K8042" s="5" t="s">
        <v>28207</v>
      </c>
      <c r="L8042" s="5" t="s">
        <v>28208</v>
      </c>
      <c r="M8042" s="5" t="s">
        <v>733</v>
      </c>
      <c r="N8042" s="5" t="s">
        <v>38</v>
      </c>
      <c r="O8042" s="5" t="s">
        <v>39</v>
      </c>
      <c r="P8042" s="5" t="s">
        <v>40</v>
      </c>
      <c r="Q8042" s="5" t="s">
        <v>24335</v>
      </c>
      <c r="R8042" s="5" t="s">
        <v>40</v>
      </c>
      <c r="S8042" s="5" t="s">
        <v>42</v>
      </c>
      <c r="T8042" s="2">
        <v>1.55</v>
      </c>
      <c r="U8042" s="2">
        <v>0.80200000000000005</v>
      </c>
      <c r="V8042" s="2">
        <v>168.5</v>
      </c>
      <c r="W8042" s="2">
        <v>11</v>
      </c>
      <c r="X8042" s="2">
        <v>26.5</v>
      </c>
      <c r="Y8042" s="5">
        <v>168.5</v>
      </c>
      <c r="Z8042" s="5">
        <v>36</v>
      </c>
      <c r="AA8042" s="5" t="s">
        <v>43</v>
      </c>
      <c r="AB8042" s="5" t="s">
        <v>44</v>
      </c>
      <c r="AC8042" s="29" t="s">
        <v>82735</v>
      </c>
      <c r="AD8042" s="1"/>
    </row>
    <row r="8043" spans="1:30">
      <c r="A8043" s="5" t="s">
        <v>83578</v>
      </c>
      <c r="B8043" s="30" t="s">
        <v>108391</v>
      </c>
      <c r="C8043" s="14" t="s">
        <v>108392</v>
      </c>
      <c r="D8043" s="2" t="s">
        <v>108393</v>
      </c>
      <c r="E8043" s="8" t="s">
        <v>82739</v>
      </c>
      <c r="F8043" s="8">
        <v>80</v>
      </c>
      <c r="G8043" s="5">
        <v>5</v>
      </c>
      <c r="H8043" s="28" t="s">
        <v>69</v>
      </c>
      <c r="I8043" s="5" t="s">
        <v>28207</v>
      </c>
      <c r="J8043" s="5" t="s">
        <v>28208</v>
      </c>
      <c r="K8043" s="5" t="s">
        <v>28207</v>
      </c>
      <c r="L8043" s="5" t="s">
        <v>28208</v>
      </c>
      <c r="M8043" s="5" t="s">
        <v>733</v>
      </c>
      <c r="N8043" s="5" t="s">
        <v>38</v>
      </c>
      <c r="O8043" s="5" t="s">
        <v>39</v>
      </c>
      <c r="P8043" s="5" t="s">
        <v>40</v>
      </c>
      <c r="Q8043" s="5" t="s">
        <v>24340</v>
      </c>
      <c r="R8043" s="5" t="s">
        <v>40</v>
      </c>
      <c r="S8043" s="5" t="s">
        <v>42</v>
      </c>
      <c r="T8043" s="2">
        <v>2.7330000000000001</v>
      </c>
      <c r="U8043" s="2">
        <v>1.9850000000000001</v>
      </c>
      <c r="V8043" s="2">
        <v>168.5</v>
      </c>
      <c r="W8043" s="2">
        <v>11</v>
      </c>
      <c r="X8043" s="2">
        <v>26.5</v>
      </c>
      <c r="Y8043" s="5">
        <v>168.5</v>
      </c>
      <c r="Z8043" s="5">
        <v>36</v>
      </c>
      <c r="AA8043" s="5" t="s">
        <v>43</v>
      </c>
      <c r="AB8043" s="5" t="s">
        <v>44</v>
      </c>
      <c r="AC8043" s="29" t="s">
        <v>82735</v>
      </c>
      <c r="AD8043" s="1"/>
    </row>
    <row r="8044" spans="1:30">
      <c r="A8044" s="5" t="s">
        <v>83578</v>
      </c>
      <c r="B8044" s="30" t="s">
        <v>108394</v>
      </c>
      <c r="C8044" s="14" t="s">
        <v>108395</v>
      </c>
      <c r="D8044" s="2" t="s">
        <v>108396</v>
      </c>
      <c r="E8044" s="8" t="s">
        <v>108280</v>
      </c>
      <c r="F8044" s="8">
        <v>80</v>
      </c>
      <c r="G8044" s="5">
        <v>5</v>
      </c>
      <c r="H8044" s="28" t="s">
        <v>69</v>
      </c>
      <c r="I8044" s="5" t="s">
        <v>28207</v>
      </c>
      <c r="J8044" s="5" t="s">
        <v>28208</v>
      </c>
      <c r="K8044" s="5" t="s">
        <v>28207</v>
      </c>
      <c r="L8044" s="5" t="s">
        <v>28208</v>
      </c>
      <c r="M8044" s="5" t="s">
        <v>733</v>
      </c>
      <c r="N8044" s="5" t="s">
        <v>38</v>
      </c>
      <c r="O8044" s="5" t="s">
        <v>39</v>
      </c>
      <c r="P8044" s="5" t="s">
        <v>40</v>
      </c>
      <c r="Q8044" s="5" t="s">
        <v>25301</v>
      </c>
      <c r="R8044" s="5" t="s">
        <v>40</v>
      </c>
      <c r="S8044" s="5" t="s">
        <v>42</v>
      </c>
      <c r="T8044" s="2">
        <v>2.5049999999999999</v>
      </c>
      <c r="U8044" s="2">
        <v>2.48</v>
      </c>
      <c r="V8044" s="2">
        <v>168.5</v>
      </c>
      <c r="W8044" s="2">
        <v>11</v>
      </c>
      <c r="X8044" s="2">
        <v>26.5</v>
      </c>
      <c r="Y8044" s="5">
        <v>168.5</v>
      </c>
      <c r="Z8044" s="5">
        <v>36</v>
      </c>
      <c r="AA8044" s="5" t="s">
        <v>43</v>
      </c>
      <c r="AB8044" s="5" t="s">
        <v>44</v>
      </c>
      <c r="AC8044" s="29" t="s">
        <v>82735</v>
      </c>
      <c r="AD8044" s="1"/>
    </row>
    <row r="8045" spans="1:30">
      <c r="A8045" s="5" t="s">
        <v>83578</v>
      </c>
      <c r="B8045" s="30" t="s">
        <v>108397</v>
      </c>
      <c r="C8045" s="14" t="s">
        <v>108398</v>
      </c>
      <c r="D8045" s="2" t="s">
        <v>108399</v>
      </c>
      <c r="E8045" s="8" t="s">
        <v>108276</v>
      </c>
      <c r="F8045" s="8">
        <v>46</v>
      </c>
      <c r="G8045" s="5">
        <v>5</v>
      </c>
      <c r="H8045" s="28" t="s">
        <v>69</v>
      </c>
      <c r="I8045" s="5" t="s">
        <v>28207</v>
      </c>
      <c r="J8045" s="5" t="s">
        <v>28208</v>
      </c>
      <c r="K8045" s="5" t="s">
        <v>28207</v>
      </c>
      <c r="L8045" s="5" t="s">
        <v>28208</v>
      </c>
      <c r="M8045" s="5" t="s">
        <v>733</v>
      </c>
      <c r="N8045" s="5" t="s">
        <v>38</v>
      </c>
      <c r="O8045" s="5" t="s">
        <v>39</v>
      </c>
      <c r="P8045" s="5" t="s">
        <v>40</v>
      </c>
      <c r="Q8045" s="5" t="s">
        <v>24335</v>
      </c>
      <c r="R8045" s="5" t="s">
        <v>40</v>
      </c>
      <c r="S8045" s="5" t="s">
        <v>42</v>
      </c>
      <c r="T8045" s="2">
        <v>1.0369999999999999</v>
      </c>
      <c r="U8045" s="2">
        <v>0.66200000000000003</v>
      </c>
      <c r="V8045" s="2">
        <v>148.30000000000001</v>
      </c>
      <c r="W8045" s="2">
        <v>6.2</v>
      </c>
      <c r="X8045" s="2">
        <v>18.3</v>
      </c>
      <c r="Y8045" s="5">
        <v>148.30000000000001</v>
      </c>
      <c r="Z8045" s="5">
        <v>36</v>
      </c>
      <c r="AA8045" s="5" t="s">
        <v>43</v>
      </c>
      <c r="AB8045" s="5" t="s">
        <v>44</v>
      </c>
      <c r="AC8045" s="29" t="s">
        <v>82735</v>
      </c>
      <c r="AD8045" s="1"/>
    </row>
    <row r="8046" spans="1:30">
      <c r="A8046" s="5" t="s">
        <v>83578</v>
      </c>
      <c r="B8046" s="30" t="s">
        <v>108400</v>
      </c>
      <c r="C8046" s="14" t="s">
        <v>108401</v>
      </c>
      <c r="D8046" s="2" t="s">
        <v>108402</v>
      </c>
      <c r="E8046" s="8" t="s">
        <v>82739</v>
      </c>
      <c r="F8046" s="8">
        <v>77</v>
      </c>
      <c r="G8046" s="5">
        <v>5</v>
      </c>
      <c r="H8046" s="28" t="s">
        <v>69</v>
      </c>
      <c r="I8046" s="5" t="s">
        <v>28207</v>
      </c>
      <c r="J8046" s="5" t="s">
        <v>28208</v>
      </c>
      <c r="K8046" s="5" t="s">
        <v>28207</v>
      </c>
      <c r="L8046" s="5" t="s">
        <v>28208</v>
      </c>
      <c r="M8046" s="5" t="s">
        <v>733</v>
      </c>
      <c r="N8046" s="5" t="s">
        <v>38</v>
      </c>
      <c r="O8046" s="5" t="s">
        <v>39</v>
      </c>
      <c r="P8046" s="5" t="s">
        <v>40</v>
      </c>
      <c r="Q8046" s="5" t="s">
        <v>24340</v>
      </c>
      <c r="R8046" s="5" t="s">
        <v>40</v>
      </c>
      <c r="S8046" s="5" t="s">
        <v>42</v>
      </c>
      <c r="T8046" s="2">
        <v>1.9970000000000001</v>
      </c>
      <c r="U8046" s="2">
        <v>1.617</v>
      </c>
      <c r="V8046" s="2">
        <v>148.30000000000001</v>
      </c>
      <c r="W8046" s="2">
        <v>6.2</v>
      </c>
      <c r="X8046" s="2">
        <v>18.3</v>
      </c>
      <c r="Y8046" s="5">
        <v>148.30000000000001</v>
      </c>
      <c r="Z8046" s="5">
        <v>36</v>
      </c>
      <c r="AA8046" s="5" t="s">
        <v>43</v>
      </c>
      <c r="AB8046" s="5" t="s">
        <v>44</v>
      </c>
      <c r="AC8046" s="29" t="s">
        <v>82735</v>
      </c>
      <c r="AD8046" s="1"/>
    </row>
    <row r="8047" spans="1:30">
      <c r="A8047" s="5" t="s">
        <v>83578</v>
      </c>
      <c r="B8047" s="30" t="s">
        <v>108403</v>
      </c>
      <c r="C8047" s="14" t="s">
        <v>108404</v>
      </c>
      <c r="D8047" s="2" t="s">
        <v>108405</v>
      </c>
      <c r="E8047" s="8" t="s">
        <v>108280</v>
      </c>
      <c r="F8047" s="8">
        <v>77</v>
      </c>
      <c r="G8047" s="5">
        <v>5</v>
      </c>
      <c r="H8047" s="28" t="s">
        <v>69</v>
      </c>
      <c r="I8047" s="5" t="s">
        <v>28207</v>
      </c>
      <c r="J8047" s="5" t="s">
        <v>28208</v>
      </c>
      <c r="K8047" s="5" t="s">
        <v>28207</v>
      </c>
      <c r="L8047" s="5" t="s">
        <v>28208</v>
      </c>
      <c r="M8047" s="5" t="s">
        <v>733</v>
      </c>
      <c r="N8047" s="5" t="s">
        <v>38</v>
      </c>
      <c r="O8047" s="5" t="s">
        <v>39</v>
      </c>
      <c r="P8047" s="5" t="s">
        <v>40</v>
      </c>
      <c r="Q8047" s="5" t="s">
        <v>25301</v>
      </c>
      <c r="R8047" s="5" t="s">
        <v>40</v>
      </c>
      <c r="S8047" s="5" t="s">
        <v>42</v>
      </c>
      <c r="T8047" s="2">
        <v>1.8109999999999999</v>
      </c>
      <c r="U8047" s="2">
        <v>1.4339999999999999</v>
      </c>
      <c r="V8047" s="2">
        <v>148.30000000000001</v>
      </c>
      <c r="W8047" s="2">
        <v>6.2</v>
      </c>
      <c r="X8047" s="2">
        <v>18.3</v>
      </c>
      <c r="Y8047" s="5">
        <v>148.30000000000001</v>
      </c>
      <c r="Z8047" s="5">
        <v>36</v>
      </c>
      <c r="AA8047" s="5" t="s">
        <v>43</v>
      </c>
      <c r="AB8047" s="5" t="s">
        <v>44</v>
      </c>
      <c r="AC8047" s="29" t="s">
        <v>82735</v>
      </c>
      <c r="AD8047" s="1"/>
    </row>
    <row r="8048" spans="1:30">
      <c r="A8048" s="5" t="s">
        <v>83578</v>
      </c>
      <c r="B8048" s="30" t="s">
        <v>108406</v>
      </c>
      <c r="C8048" s="14" t="s">
        <v>108407</v>
      </c>
      <c r="D8048" s="2" t="s">
        <v>108408</v>
      </c>
      <c r="E8048" s="8" t="s">
        <v>108276</v>
      </c>
      <c r="F8048" s="8">
        <v>50</v>
      </c>
      <c r="G8048" s="5">
        <v>5</v>
      </c>
      <c r="H8048" s="28" t="s">
        <v>69</v>
      </c>
      <c r="I8048" s="5" t="s">
        <v>28207</v>
      </c>
      <c r="J8048" s="5" t="s">
        <v>28208</v>
      </c>
      <c r="K8048" s="5" t="s">
        <v>28207</v>
      </c>
      <c r="L8048" s="5" t="s">
        <v>28208</v>
      </c>
      <c r="M8048" s="5" t="s">
        <v>733</v>
      </c>
      <c r="N8048" s="5" t="s">
        <v>38</v>
      </c>
      <c r="O8048" s="5" t="s">
        <v>39</v>
      </c>
      <c r="P8048" s="5" t="s">
        <v>40</v>
      </c>
      <c r="Q8048" s="5" t="s">
        <v>24335</v>
      </c>
      <c r="R8048" s="5" t="s">
        <v>40</v>
      </c>
      <c r="S8048" s="5" t="s">
        <v>42</v>
      </c>
      <c r="T8048" s="2">
        <v>1.129</v>
      </c>
      <c r="U8048" s="2">
        <v>0.747</v>
      </c>
      <c r="V8048" s="2">
        <v>148.30000000000001</v>
      </c>
      <c r="W8048" s="2">
        <v>6.2</v>
      </c>
      <c r="X8048" s="2">
        <v>18.3</v>
      </c>
      <c r="Y8048" s="5">
        <v>148.30000000000001</v>
      </c>
      <c r="Z8048" s="5">
        <v>36</v>
      </c>
      <c r="AA8048" s="5" t="s">
        <v>43</v>
      </c>
      <c r="AB8048" s="5" t="s">
        <v>44</v>
      </c>
      <c r="AC8048" s="29" t="s">
        <v>82735</v>
      </c>
      <c r="AD8048" s="1"/>
    </row>
    <row r="8049" spans="1:30">
      <c r="A8049" s="5" t="s">
        <v>83578</v>
      </c>
      <c r="B8049" s="30" t="s">
        <v>108409</v>
      </c>
      <c r="C8049" s="14" t="s">
        <v>108410</v>
      </c>
      <c r="D8049" s="2" t="s">
        <v>108411</v>
      </c>
      <c r="E8049" s="8" t="s">
        <v>82739</v>
      </c>
      <c r="F8049" s="8">
        <v>81</v>
      </c>
      <c r="G8049" s="5">
        <v>5</v>
      </c>
      <c r="H8049" s="28" t="s">
        <v>69</v>
      </c>
      <c r="I8049" s="5" t="s">
        <v>28207</v>
      </c>
      <c r="J8049" s="5" t="s">
        <v>28208</v>
      </c>
      <c r="K8049" s="5" t="s">
        <v>28207</v>
      </c>
      <c r="L8049" s="5" t="s">
        <v>28208</v>
      </c>
      <c r="M8049" s="5" t="s">
        <v>733</v>
      </c>
      <c r="N8049" s="5" t="s">
        <v>38</v>
      </c>
      <c r="O8049" s="5" t="s">
        <v>39</v>
      </c>
      <c r="P8049" s="5" t="s">
        <v>40</v>
      </c>
      <c r="Q8049" s="5" t="s">
        <v>24340</v>
      </c>
      <c r="R8049" s="5" t="s">
        <v>40</v>
      </c>
      <c r="S8049" s="5" t="s">
        <v>42</v>
      </c>
      <c r="T8049" s="2">
        <v>2.2080000000000002</v>
      </c>
      <c r="U8049" s="2">
        <v>1.829</v>
      </c>
      <c r="V8049" s="2">
        <v>148.30000000000001</v>
      </c>
      <c r="W8049" s="2">
        <v>6.2</v>
      </c>
      <c r="X8049" s="2">
        <v>18.3</v>
      </c>
      <c r="Y8049" s="5">
        <v>148.30000000000001</v>
      </c>
      <c r="Z8049" s="5">
        <v>36</v>
      </c>
      <c r="AA8049" s="5" t="s">
        <v>43</v>
      </c>
      <c r="AB8049" s="5" t="s">
        <v>44</v>
      </c>
      <c r="AC8049" s="29" t="s">
        <v>82735</v>
      </c>
      <c r="AD8049" s="1"/>
    </row>
    <row r="8050" spans="1:30">
      <c r="A8050" s="5" t="s">
        <v>83578</v>
      </c>
      <c r="B8050" s="30" t="s">
        <v>108412</v>
      </c>
      <c r="C8050" s="14" t="s">
        <v>108413</v>
      </c>
      <c r="D8050" s="2" t="s">
        <v>108414</v>
      </c>
      <c r="E8050" s="8" t="s">
        <v>108280</v>
      </c>
      <c r="F8050" s="8">
        <v>81</v>
      </c>
      <c r="G8050" s="5">
        <v>5</v>
      </c>
      <c r="H8050" s="28" t="s">
        <v>69</v>
      </c>
      <c r="I8050" s="5" t="s">
        <v>28207</v>
      </c>
      <c r="J8050" s="5" t="s">
        <v>28208</v>
      </c>
      <c r="K8050" s="5" t="s">
        <v>28207</v>
      </c>
      <c r="L8050" s="5" t="s">
        <v>28208</v>
      </c>
      <c r="M8050" s="5" t="s">
        <v>733</v>
      </c>
      <c r="N8050" s="5" t="s">
        <v>38</v>
      </c>
      <c r="O8050" s="5" t="s">
        <v>39</v>
      </c>
      <c r="P8050" s="5" t="s">
        <v>40</v>
      </c>
      <c r="Q8050" s="5" t="s">
        <v>25301</v>
      </c>
      <c r="R8050" s="5" t="s">
        <v>40</v>
      </c>
      <c r="S8050" s="5" t="s">
        <v>42</v>
      </c>
      <c r="T8050" s="2">
        <v>2.0110000000000001</v>
      </c>
      <c r="U8050" s="2">
        <v>1.6319999999999999</v>
      </c>
      <c r="V8050" s="2">
        <v>148.30000000000001</v>
      </c>
      <c r="W8050" s="2">
        <v>6.2</v>
      </c>
      <c r="X8050" s="2">
        <v>18.3</v>
      </c>
      <c r="Y8050" s="5">
        <v>148.30000000000001</v>
      </c>
      <c r="Z8050" s="5">
        <v>36</v>
      </c>
      <c r="AA8050" s="5" t="s">
        <v>43</v>
      </c>
      <c r="AB8050" s="5" t="s">
        <v>44</v>
      </c>
      <c r="AC8050" s="29" t="s">
        <v>82735</v>
      </c>
      <c r="AD8050" s="1"/>
    </row>
    <row r="8051" spans="1:30">
      <c r="A8051" s="5" t="s">
        <v>83578</v>
      </c>
      <c r="B8051" s="30" t="s">
        <v>108415</v>
      </c>
      <c r="C8051" s="14" t="s">
        <v>108416</v>
      </c>
      <c r="D8051" s="2" t="s">
        <v>108417</v>
      </c>
      <c r="E8051" s="8" t="s">
        <v>108276</v>
      </c>
      <c r="F8051" s="8">
        <v>54</v>
      </c>
      <c r="G8051" s="5">
        <v>5</v>
      </c>
      <c r="H8051" s="28" t="s">
        <v>69</v>
      </c>
      <c r="I8051" s="5" t="s">
        <v>28207</v>
      </c>
      <c r="J8051" s="5" t="s">
        <v>28208</v>
      </c>
      <c r="K8051" s="5" t="s">
        <v>28207</v>
      </c>
      <c r="L8051" s="5" t="s">
        <v>28208</v>
      </c>
      <c r="M8051" s="5" t="s">
        <v>733</v>
      </c>
      <c r="N8051" s="5" t="s">
        <v>38</v>
      </c>
      <c r="O8051" s="5" t="s">
        <v>39</v>
      </c>
      <c r="P8051" s="5" t="s">
        <v>40</v>
      </c>
      <c r="Q8051" s="5" t="s">
        <v>24335</v>
      </c>
      <c r="R8051" s="5" t="s">
        <v>40</v>
      </c>
      <c r="S8051" s="5" t="s">
        <v>42</v>
      </c>
      <c r="T8051" s="2">
        <v>1.573</v>
      </c>
      <c r="U8051" s="2">
        <v>0.82499999999999996</v>
      </c>
      <c r="V8051" s="2">
        <v>168.5</v>
      </c>
      <c r="W8051" s="2">
        <v>11</v>
      </c>
      <c r="X8051" s="2">
        <v>26.5</v>
      </c>
      <c r="Y8051" s="5">
        <v>168.5</v>
      </c>
      <c r="Z8051" s="5">
        <v>36</v>
      </c>
      <c r="AA8051" s="5" t="s">
        <v>43</v>
      </c>
      <c r="AB8051" s="5" t="s">
        <v>44</v>
      </c>
      <c r="AC8051" s="29" t="s">
        <v>82735</v>
      </c>
      <c r="AD8051" s="1"/>
    </row>
    <row r="8052" spans="1:30">
      <c r="A8052" s="5" t="s">
        <v>83578</v>
      </c>
      <c r="B8052" s="30" t="s">
        <v>108418</v>
      </c>
      <c r="C8052" s="14" t="s">
        <v>108419</v>
      </c>
      <c r="D8052" s="2" t="s">
        <v>108420</v>
      </c>
      <c r="E8052" s="8" t="s">
        <v>82739</v>
      </c>
      <c r="F8052" s="8">
        <v>85</v>
      </c>
      <c r="G8052" s="5">
        <v>15</v>
      </c>
      <c r="H8052" s="28" t="s">
        <v>69</v>
      </c>
      <c r="I8052" s="5" t="s">
        <v>28207</v>
      </c>
      <c r="J8052" s="5" t="s">
        <v>28208</v>
      </c>
      <c r="K8052" s="5" t="s">
        <v>28207</v>
      </c>
      <c r="L8052" s="5" t="s">
        <v>28208</v>
      </c>
      <c r="M8052" s="5" t="s">
        <v>733</v>
      </c>
      <c r="N8052" s="5" t="s">
        <v>38</v>
      </c>
      <c r="O8052" s="5" t="s">
        <v>39</v>
      </c>
      <c r="P8052" s="5" t="s">
        <v>40</v>
      </c>
      <c r="Q8052" s="5" t="s">
        <v>24340</v>
      </c>
      <c r="R8052" s="5" t="s">
        <v>40</v>
      </c>
      <c r="S8052" s="5" t="s">
        <v>42</v>
      </c>
      <c r="T8052" s="2">
        <v>2.78</v>
      </c>
      <c r="U8052" s="2">
        <v>2.7549999999999999</v>
      </c>
      <c r="V8052" s="2">
        <v>168.5</v>
      </c>
      <c r="W8052" s="2">
        <v>11</v>
      </c>
      <c r="X8052" s="2">
        <v>26.5</v>
      </c>
      <c r="Y8052" s="5">
        <v>168.5</v>
      </c>
      <c r="Z8052" s="5">
        <v>36</v>
      </c>
      <c r="AA8052" s="5" t="s">
        <v>43</v>
      </c>
      <c r="AB8052" s="5" t="s">
        <v>44</v>
      </c>
      <c r="AC8052" s="29" t="s">
        <v>82735</v>
      </c>
      <c r="AD8052" s="1"/>
    </row>
    <row r="8053" spans="1:30">
      <c r="A8053" s="5" t="s">
        <v>83578</v>
      </c>
      <c r="B8053" s="30" t="s">
        <v>108421</v>
      </c>
      <c r="C8053" s="14" t="s">
        <v>108422</v>
      </c>
      <c r="D8053" s="2" t="s">
        <v>108423</v>
      </c>
      <c r="E8053" s="8" t="s">
        <v>108280</v>
      </c>
      <c r="F8053" s="8">
        <v>85</v>
      </c>
      <c r="G8053" s="5">
        <v>5</v>
      </c>
      <c r="H8053" s="28" t="s">
        <v>69</v>
      </c>
      <c r="I8053" s="5" t="s">
        <v>28207</v>
      </c>
      <c r="J8053" s="5" t="s">
        <v>28208</v>
      </c>
      <c r="K8053" s="5" t="s">
        <v>28207</v>
      </c>
      <c r="L8053" s="5" t="s">
        <v>28208</v>
      </c>
      <c r="M8053" s="5" t="s">
        <v>733</v>
      </c>
      <c r="N8053" s="5" t="s">
        <v>38</v>
      </c>
      <c r="O8053" s="5" t="s">
        <v>39</v>
      </c>
      <c r="P8053" s="5" t="s">
        <v>40</v>
      </c>
      <c r="Q8053" s="5" t="s">
        <v>25301</v>
      </c>
      <c r="R8053" s="5" t="s">
        <v>40</v>
      </c>
      <c r="S8053" s="5" t="s">
        <v>42</v>
      </c>
      <c r="T8053" s="2">
        <v>2.5590000000000002</v>
      </c>
      <c r="U8053" s="2">
        <v>2.5339999999999998</v>
      </c>
      <c r="V8053" s="2">
        <v>168.5</v>
      </c>
      <c r="W8053" s="2">
        <v>11</v>
      </c>
      <c r="X8053" s="2">
        <v>26.5</v>
      </c>
      <c r="Y8053" s="5">
        <v>168.5</v>
      </c>
      <c r="Z8053" s="5">
        <v>36</v>
      </c>
      <c r="AA8053" s="5" t="s">
        <v>43</v>
      </c>
      <c r="AB8053" s="5" t="s">
        <v>44</v>
      </c>
      <c r="AC8053" s="29" t="s">
        <v>82735</v>
      </c>
      <c r="AD8053" s="1"/>
    </row>
    <row r="8054" spans="1:30">
      <c r="A8054" s="5" t="s">
        <v>83578</v>
      </c>
      <c r="B8054" s="30" t="s">
        <v>108424</v>
      </c>
      <c r="C8054" s="14" t="s">
        <v>108425</v>
      </c>
      <c r="D8054" s="2" t="s">
        <v>108426</v>
      </c>
      <c r="E8054" s="8" t="s">
        <v>108276</v>
      </c>
      <c r="F8054" s="8">
        <v>46</v>
      </c>
      <c r="G8054" s="5">
        <v>5</v>
      </c>
      <c r="H8054" s="28" t="s">
        <v>69</v>
      </c>
      <c r="I8054" s="5" t="s">
        <v>28207</v>
      </c>
      <c r="J8054" s="5" t="s">
        <v>28208</v>
      </c>
      <c r="K8054" s="5" t="s">
        <v>28207</v>
      </c>
      <c r="L8054" s="5" t="s">
        <v>28208</v>
      </c>
      <c r="M8054" s="5" t="s">
        <v>733</v>
      </c>
      <c r="N8054" s="5" t="s">
        <v>38</v>
      </c>
      <c r="O8054" s="5" t="s">
        <v>39</v>
      </c>
      <c r="P8054" s="5" t="s">
        <v>40</v>
      </c>
      <c r="Q8054" s="5" t="s">
        <v>24335</v>
      </c>
      <c r="R8054" s="5" t="s">
        <v>40</v>
      </c>
      <c r="S8054" s="5" t="s">
        <v>42</v>
      </c>
      <c r="T8054" s="2">
        <v>0.98599999999999999</v>
      </c>
      <c r="U8054" s="2">
        <v>0.60699999999999998</v>
      </c>
      <c r="V8054" s="2">
        <v>148.30000000000001</v>
      </c>
      <c r="W8054" s="2">
        <v>6.2</v>
      </c>
      <c r="X8054" s="2">
        <v>18.3</v>
      </c>
      <c r="Y8054" s="5">
        <v>148.30000000000001</v>
      </c>
      <c r="Z8054" s="5">
        <v>36</v>
      </c>
      <c r="AA8054" s="5" t="s">
        <v>43</v>
      </c>
      <c r="AB8054" s="5" t="s">
        <v>44</v>
      </c>
      <c r="AC8054" s="29" t="s">
        <v>82735</v>
      </c>
      <c r="AD8054" s="1"/>
    </row>
    <row r="8055" spans="1:30">
      <c r="A8055" s="5" t="s">
        <v>83578</v>
      </c>
      <c r="B8055" s="30" t="s">
        <v>108427</v>
      </c>
      <c r="C8055" s="14" t="s">
        <v>108428</v>
      </c>
      <c r="D8055" s="2" t="s">
        <v>108429</v>
      </c>
      <c r="E8055" s="8" t="s">
        <v>82739</v>
      </c>
      <c r="F8055" s="8">
        <v>77</v>
      </c>
      <c r="G8055" s="5">
        <v>5</v>
      </c>
      <c r="H8055" s="28" t="s">
        <v>69</v>
      </c>
      <c r="I8055" s="5" t="s">
        <v>28207</v>
      </c>
      <c r="J8055" s="5" t="s">
        <v>28208</v>
      </c>
      <c r="K8055" s="5" t="s">
        <v>28207</v>
      </c>
      <c r="L8055" s="5" t="s">
        <v>28208</v>
      </c>
      <c r="M8055" s="5" t="s">
        <v>733</v>
      </c>
      <c r="N8055" s="5" t="s">
        <v>38</v>
      </c>
      <c r="O8055" s="5" t="s">
        <v>39</v>
      </c>
      <c r="P8055" s="5" t="s">
        <v>40</v>
      </c>
      <c r="Q8055" s="5" t="s">
        <v>24340</v>
      </c>
      <c r="R8055" s="5" t="s">
        <v>40</v>
      </c>
      <c r="S8055" s="5" t="s">
        <v>42</v>
      </c>
      <c r="T8055" s="2">
        <v>1.8580000000000001</v>
      </c>
      <c r="U8055" s="2">
        <v>1.4790000000000001</v>
      </c>
      <c r="V8055" s="2">
        <v>148.30000000000001</v>
      </c>
      <c r="W8055" s="2">
        <v>6.2</v>
      </c>
      <c r="X8055" s="2">
        <v>18.3</v>
      </c>
      <c r="Y8055" s="5">
        <v>148.30000000000001</v>
      </c>
      <c r="Z8055" s="5">
        <v>36</v>
      </c>
      <c r="AA8055" s="5" t="s">
        <v>43</v>
      </c>
      <c r="AB8055" s="5" t="s">
        <v>44</v>
      </c>
      <c r="AC8055" s="29" t="s">
        <v>82735</v>
      </c>
      <c r="AD8055" s="1"/>
    </row>
    <row r="8056" spans="1:30">
      <c r="A8056" s="5" t="s">
        <v>83578</v>
      </c>
      <c r="B8056" s="30" t="s">
        <v>108430</v>
      </c>
      <c r="C8056" s="14" t="s">
        <v>108431</v>
      </c>
      <c r="D8056" s="2" t="s">
        <v>108432</v>
      </c>
      <c r="E8056" s="8" t="s">
        <v>108280</v>
      </c>
      <c r="F8056" s="8">
        <v>77</v>
      </c>
      <c r="G8056" s="5">
        <v>15</v>
      </c>
      <c r="H8056" s="28" t="s">
        <v>69</v>
      </c>
      <c r="I8056" s="5" t="s">
        <v>28207</v>
      </c>
      <c r="J8056" s="5" t="s">
        <v>28208</v>
      </c>
      <c r="K8056" s="5" t="s">
        <v>28207</v>
      </c>
      <c r="L8056" s="5" t="s">
        <v>28208</v>
      </c>
      <c r="M8056" s="5" t="s">
        <v>733</v>
      </c>
      <c r="N8056" s="5" t="s">
        <v>38</v>
      </c>
      <c r="O8056" s="5" t="s">
        <v>39</v>
      </c>
      <c r="P8056" s="5" t="s">
        <v>40</v>
      </c>
      <c r="Q8056" s="5" t="s">
        <v>25301</v>
      </c>
      <c r="R8056" s="5" t="s">
        <v>40</v>
      </c>
      <c r="S8056" s="5" t="s">
        <v>42</v>
      </c>
      <c r="T8056" s="2">
        <v>1.6859999999999999</v>
      </c>
      <c r="U8056" s="2">
        <v>1.31</v>
      </c>
      <c r="V8056" s="2">
        <v>148.30000000000001</v>
      </c>
      <c r="W8056" s="2">
        <v>6.2</v>
      </c>
      <c r="X8056" s="2">
        <v>18.3</v>
      </c>
      <c r="Y8056" s="5">
        <v>148.30000000000001</v>
      </c>
      <c r="Z8056" s="5">
        <v>36</v>
      </c>
      <c r="AA8056" s="5" t="s">
        <v>43</v>
      </c>
      <c r="AB8056" s="5" t="s">
        <v>44</v>
      </c>
      <c r="AC8056" s="29" t="s">
        <v>82735</v>
      </c>
      <c r="AD8056" s="1"/>
    </row>
    <row r="8057" spans="1:30">
      <c r="A8057" s="5" t="s">
        <v>83578</v>
      </c>
      <c r="B8057" s="30" t="s">
        <v>108433</v>
      </c>
      <c r="C8057" s="14" t="s">
        <v>108434</v>
      </c>
      <c r="D8057" s="2" t="s">
        <v>108435</v>
      </c>
      <c r="E8057" s="8" t="s">
        <v>108276</v>
      </c>
      <c r="F8057" s="8">
        <v>55</v>
      </c>
      <c r="G8057" s="5">
        <v>5</v>
      </c>
      <c r="H8057" s="28" t="s">
        <v>69</v>
      </c>
      <c r="I8057" s="5" t="s">
        <v>28207</v>
      </c>
      <c r="J8057" s="5" t="s">
        <v>28208</v>
      </c>
      <c r="K8057" s="5" t="s">
        <v>28207</v>
      </c>
      <c r="L8057" s="5" t="s">
        <v>28208</v>
      </c>
      <c r="M8057" s="5" t="s">
        <v>733</v>
      </c>
      <c r="N8057" s="5" t="s">
        <v>38</v>
      </c>
      <c r="O8057" s="5" t="s">
        <v>39</v>
      </c>
      <c r="P8057" s="5" t="s">
        <v>40</v>
      </c>
      <c r="Q8057" s="5" t="s">
        <v>24335</v>
      </c>
      <c r="R8057" s="5" t="s">
        <v>40</v>
      </c>
      <c r="S8057" s="5" t="s">
        <v>42</v>
      </c>
      <c r="T8057" s="2">
        <v>1.151</v>
      </c>
      <c r="U8057" s="2">
        <v>0.76900000000000002</v>
      </c>
      <c r="V8057" s="2">
        <v>148.30000000000001</v>
      </c>
      <c r="W8057" s="2">
        <v>6.2</v>
      </c>
      <c r="X8057" s="2">
        <v>18.3</v>
      </c>
      <c r="Y8057" s="5">
        <v>148.30000000000001</v>
      </c>
      <c r="Z8057" s="5">
        <v>36</v>
      </c>
      <c r="AA8057" s="5" t="s">
        <v>43</v>
      </c>
      <c r="AB8057" s="5" t="s">
        <v>44</v>
      </c>
      <c r="AC8057" s="29" t="s">
        <v>82735</v>
      </c>
      <c r="AD8057" s="1"/>
    </row>
    <row r="8058" spans="1:30">
      <c r="A8058" s="5" t="s">
        <v>83578</v>
      </c>
      <c r="B8058" s="30" t="s">
        <v>108436</v>
      </c>
      <c r="C8058" s="14" t="s">
        <v>108437</v>
      </c>
      <c r="D8058" s="2" t="s">
        <v>108438</v>
      </c>
      <c r="E8058" s="8" t="s">
        <v>82739</v>
      </c>
      <c r="F8058" s="8">
        <v>86</v>
      </c>
      <c r="G8058" s="5">
        <v>5</v>
      </c>
      <c r="H8058" s="28" t="s">
        <v>69</v>
      </c>
      <c r="I8058" s="5" t="s">
        <v>28207</v>
      </c>
      <c r="J8058" s="5" t="s">
        <v>28208</v>
      </c>
      <c r="K8058" s="5" t="s">
        <v>28207</v>
      </c>
      <c r="L8058" s="5" t="s">
        <v>28208</v>
      </c>
      <c r="M8058" s="5" t="s">
        <v>733</v>
      </c>
      <c r="N8058" s="5" t="s">
        <v>38</v>
      </c>
      <c r="O8058" s="5" t="s">
        <v>39</v>
      </c>
      <c r="P8058" s="5" t="s">
        <v>40</v>
      </c>
      <c r="Q8058" s="5" t="s">
        <v>24340</v>
      </c>
      <c r="R8058" s="5" t="s">
        <v>40</v>
      </c>
      <c r="S8058" s="5" t="s">
        <v>42</v>
      </c>
      <c r="T8058" s="2">
        <v>2.2829999999999999</v>
      </c>
      <c r="U8058" s="2">
        <v>1.901</v>
      </c>
      <c r="V8058" s="2">
        <v>148.30000000000001</v>
      </c>
      <c r="W8058" s="2">
        <v>6.2</v>
      </c>
      <c r="X8058" s="2">
        <v>18.3</v>
      </c>
      <c r="Y8058" s="5">
        <v>148.30000000000001</v>
      </c>
      <c r="Z8058" s="5">
        <v>36</v>
      </c>
      <c r="AA8058" s="5" t="s">
        <v>43</v>
      </c>
      <c r="AB8058" s="5" t="s">
        <v>44</v>
      </c>
      <c r="AC8058" s="29" t="s">
        <v>82735</v>
      </c>
      <c r="AD8058" s="1"/>
    </row>
    <row r="8059" spans="1:30">
      <c r="A8059" s="5" t="s">
        <v>83578</v>
      </c>
      <c r="B8059" s="30" t="s">
        <v>108439</v>
      </c>
      <c r="C8059" s="14" t="s">
        <v>108440</v>
      </c>
      <c r="D8059" s="2" t="s">
        <v>108441</v>
      </c>
      <c r="E8059" s="8" t="s">
        <v>108280</v>
      </c>
      <c r="F8059" s="8">
        <v>86</v>
      </c>
      <c r="G8059" s="5">
        <v>5</v>
      </c>
      <c r="H8059" s="28" t="s">
        <v>69</v>
      </c>
      <c r="I8059" s="5" t="s">
        <v>28207</v>
      </c>
      <c r="J8059" s="5" t="s">
        <v>28208</v>
      </c>
      <c r="K8059" s="5" t="s">
        <v>28207</v>
      </c>
      <c r="L8059" s="5" t="s">
        <v>28208</v>
      </c>
      <c r="M8059" s="5" t="s">
        <v>733</v>
      </c>
      <c r="N8059" s="5" t="s">
        <v>38</v>
      </c>
      <c r="O8059" s="5" t="s">
        <v>39</v>
      </c>
      <c r="P8059" s="5" t="s">
        <v>40</v>
      </c>
      <c r="Q8059" s="5" t="s">
        <v>25301</v>
      </c>
      <c r="R8059" s="5" t="s">
        <v>40</v>
      </c>
      <c r="S8059" s="5" t="s">
        <v>42</v>
      </c>
      <c r="T8059" s="2">
        <v>2.0649999999999999</v>
      </c>
      <c r="U8059" s="2">
        <v>1.6859999999999999</v>
      </c>
      <c r="V8059" s="2">
        <v>148.30000000000001</v>
      </c>
      <c r="W8059" s="2">
        <v>6.2</v>
      </c>
      <c r="X8059" s="2">
        <v>18.3</v>
      </c>
      <c r="Y8059" s="5">
        <v>148.30000000000001</v>
      </c>
      <c r="Z8059" s="5">
        <v>36</v>
      </c>
      <c r="AA8059" s="5" t="s">
        <v>43</v>
      </c>
      <c r="AB8059" s="5" t="s">
        <v>44</v>
      </c>
      <c r="AC8059" s="29" t="s">
        <v>82735</v>
      </c>
      <c r="AD8059" s="1"/>
    </row>
    <row r="8060" spans="1:30">
      <c r="A8060" s="5" t="s">
        <v>83578</v>
      </c>
      <c r="B8060" s="30" t="s">
        <v>108442</v>
      </c>
      <c r="C8060" s="14" t="s">
        <v>108443</v>
      </c>
      <c r="D8060" s="2" t="s">
        <v>108444</v>
      </c>
      <c r="E8060" s="8" t="s">
        <v>108276</v>
      </c>
      <c r="F8060" s="8">
        <v>63</v>
      </c>
      <c r="G8060" s="5">
        <v>5</v>
      </c>
      <c r="H8060" s="28" t="s">
        <v>69</v>
      </c>
      <c r="I8060" s="5" t="s">
        <v>28207</v>
      </c>
      <c r="J8060" s="5" t="s">
        <v>28208</v>
      </c>
      <c r="K8060" s="5" t="s">
        <v>28207</v>
      </c>
      <c r="L8060" s="5" t="s">
        <v>28208</v>
      </c>
      <c r="M8060" s="5" t="s">
        <v>733</v>
      </c>
      <c r="N8060" s="5" t="s">
        <v>38</v>
      </c>
      <c r="O8060" s="5" t="s">
        <v>39</v>
      </c>
      <c r="P8060" s="5" t="s">
        <v>40</v>
      </c>
      <c r="Q8060" s="5" t="s">
        <v>24335</v>
      </c>
      <c r="R8060" s="5" t="s">
        <v>40</v>
      </c>
      <c r="S8060" s="5" t="s">
        <v>42</v>
      </c>
      <c r="T8060" s="2">
        <v>1.5880000000000001</v>
      </c>
      <c r="U8060" s="2">
        <v>0.84</v>
      </c>
      <c r="V8060" s="2">
        <v>168.5</v>
      </c>
      <c r="W8060" s="2">
        <v>11</v>
      </c>
      <c r="X8060" s="2">
        <v>26.5</v>
      </c>
      <c r="Y8060" s="5">
        <v>168.5</v>
      </c>
      <c r="Z8060" s="5">
        <v>36</v>
      </c>
      <c r="AA8060" s="5" t="s">
        <v>43</v>
      </c>
      <c r="AB8060" s="5" t="s">
        <v>44</v>
      </c>
      <c r="AC8060" s="29" t="s">
        <v>82735</v>
      </c>
      <c r="AD8060" s="1"/>
    </row>
    <row r="8061" spans="1:30">
      <c r="A8061" s="5" t="s">
        <v>83578</v>
      </c>
      <c r="B8061" s="30" t="s">
        <v>108445</v>
      </c>
      <c r="C8061" s="14" t="s">
        <v>108446</v>
      </c>
      <c r="D8061" s="2" t="s">
        <v>108447</v>
      </c>
      <c r="E8061" s="8" t="s">
        <v>82739</v>
      </c>
      <c r="F8061" s="8">
        <v>94</v>
      </c>
      <c r="G8061" s="5">
        <v>10</v>
      </c>
      <c r="H8061" s="28" t="s">
        <v>69</v>
      </c>
      <c r="I8061" s="5" t="s">
        <v>28207</v>
      </c>
      <c r="J8061" s="5" t="s">
        <v>28208</v>
      </c>
      <c r="K8061" s="5" t="s">
        <v>28207</v>
      </c>
      <c r="L8061" s="5" t="s">
        <v>28208</v>
      </c>
      <c r="M8061" s="5" t="s">
        <v>733</v>
      </c>
      <c r="N8061" s="5" t="s">
        <v>38</v>
      </c>
      <c r="O8061" s="5" t="s">
        <v>39</v>
      </c>
      <c r="P8061" s="5" t="s">
        <v>40</v>
      </c>
      <c r="Q8061" s="5" t="s">
        <v>24340</v>
      </c>
      <c r="R8061" s="5" t="s">
        <v>40</v>
      </c>
      <c r="S8061" s="5" t="s">
        <v>42</v>
      </c>
      <c r="T8061" s="2">
        <v>2.8410000000000002</v>
      </c>
      <c r="U8061" s="2">
        <v>2.8159999999999998</v>
      </c>
      <c r="V8061" s="2">
        <v>168.5</v>
      </c>
      <c r="W8061" s="2">
        <v>11</v>
      </c>
      <c r="X8061" s="2">
        <v>26.5</v>
      </c>
      <c r="Y8061" s="5">
        <v>168.5</v>
      </c>
      <c r="Z8061" s="5">
        <v>36</v>
      </c>
      <c r="AA8061" s="5" t="s">
        <v>43</v>
      </c>
      <c r="AB8061" s="5" t="s">
        <v>44</v>
      </c>
      <c r="AC8061" s="29" t="s">
        <v>82735</v>
      </c>
      <c r="AD8061" s="1"/>
    </row>
    <row r="8062" spans="1:30">
      <c r="A8062" s="5" t="s">
        <v>83578</v>
      </c>
      <c r="B8062" s="30" t="s">
        <v>108448</v>
      </c>
      <c r="C8062" s="14" t="s">
        <v>108449</v>
      </c>
      <c r="D8062" s="2" t="s">
        <v>108450</v>
      </c>
      <c r="E8062" s="8" t="s">
        <v>108280</v>
      </c>
      <c r="F8062" s="8">
        <v>94</v>
      </c>
      <c r="G8062" s="5">
        <v>15</v>
      </c>
      <c r="H8062" s="28" t="s">
        <v>69</v>
      </c>
      <c r="I8062" s="5" t="s">
        <v>28207</v>
      </c>
      <c r="J8062" s="5" t="s">
        <v>28208</v>
      </c>
      <c r="K8062" s="5" t="s">
        <v>28207</v>
      </c>
      <c r="L8062" s="5" t="s">
        <v>28208</v>
      </c>
      <c r="M8062" s="5" t="s">
        <v>733</v>
      </c>
      <c r="N8062" s="5" t="s">
        <v>38</v>
      </c>
      <c r="O8062" s="5" t="s">
        <v>39</v>
      </c>
      <c r="P8062" s="5" t="s">
        <v>40</v>
      </c>
      <c r="Q8062" s="5" t="s">
        <v>25301</v>
      </c>
      <c r="R8062" s="5" t="s">
        <v>40</v>
      </c>
      <c r="S8062" s="5" t="s">
        <v>42</v>
      </c>
      <c r="T8062" s="2">
        <v>2.613</v>
      </c>
      <c r="U8062" s="2">
        <v>2.5880000000000001</v>
      </c>
      <c r="V8062" s="2">
        <v>168.5</v>
      </c>
      <c r="W8062" s="2">
        <v>11</v>
      </c>
      <c r="X8062" s="2">
        <v>26.5</v>
      </c>
      <c r="Y8062" s="5">
        <v>168.5</v>
      </c>
      <c r="Z8062" s="5">
        <v>36</v>
      </c>
      <c r="AA8062" s="5" t="s">
        <v>43</v>
      </c>
      <c r="AB8062" s="5" t="s">
        <v>44</v>
      </c>
      <c r="AC8062" s="29" t="s">
        <v>82735</v>
      </c>
      <c r="AD8062" s="1"/>
    </row>
  </sheetData>
  <phoneticPr fontId="5" type="noConversion"/>
  <pageMargins left="0.7" right="0.7" top="0.75" bottom="0.75" header="0.3" footer="0.3"/>
  <pageSetup orientation="portrait" horizontalDpi="1200" verticalDpi="1200" r:id="rId1"/>
  <tableParts count="1">
    <tablePart r:id="rId2"/>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transformationConfigurations":[{"colorTheme":"{{UserProfile.Office.ColorThemeRef.ColorTheme}}","disableUpdates":false,"type":"colorTheme"}],"templateName":"Blank","templateDescription":"","enableDocumentContentUpdater":tru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ef58454f-6540-4d50-970f-77856d942b65" xsi:nil="true"/>
    <lcf76f155ced4ddcb4097134ff3c332f xmlns="aa9c0d4d-c92a-4bea-bd0b-5c2a5ac202b6">
      <Terms xmlns="http://schemas.microsoft.com/office/infopath/2007/PartnerControls"/>
    </lcf76f155ced4ddcb4097134ff3c332f>
  </documentManagement>
</p:properties>
</file>

<file path=customXml/item3.xml>��< ? x m l   v e r s i o n = " 1 . 0 "   e n c o d i n g = " u t f - 1 6 " ? > < D a t a M a s h u p   s q m i d = " 3 a 1 1 a 7 0 8 - e d b d - 4 e 7 5 - a 1 e 4 - c 8 b 8 9 7 1 b d 6 4 b "   x m l n s = " h t t p : / / s c h e m a s . m i c r o s o f t . c o m / D a t a M a s h u p " > A A A A A K s D A A B Q S w M E F A A C A A g A x W W i W n h 8 X s + l A A A A 9 g A A A B I A H A B D b 2 5 m a W c v U G F j a 2 F n Z S 5 4 b W w g o h g A K K A U A A A A A A A A A A A A A A A A A A A A A A A A A A A A h Y 8 x D o I w G I W v Q r r T F s T E k J 8 y q J s k J i b G t S m 1 N E I x t F j u 5 u C R v I I Y R d 0 c 3 / e + 4 b 3 7 9 Q b 5 0 N T B R X Z W t y Z D E a Y o k E a 0 p T Y q Q 7 0 7 h g u U M 9 h y c e J K B q N s b D r Y M k O V c + e U E O 8 9 9 j P c d o r E l E b k U G x 2 o p I N R x 9 Z / 5 d D b a z j R k j E Y P 8 a w 2 I c J R Q n d I 4 p k A l C o c 1 X i M e 9 z / Y H w r K v X d 9 J V s p w t Q Y y R S D v D + w B U E s D B B Q A A g A I A M V l o l o P y u m r p A A A A O k A A A A T A B w A W 0 N v b n R l b n R f V H l w Z X N d L n h t b C C i G A A o o B Q A A A A A A A A A A A A A A A A A A A A A A A A A A A B t j k s O w j A M R K 8 S e Z + 6 s E A I N W U B 3 I A L R M H 9 i O a j x k X h b C w 4 E l c g b X e I p W f m e e b z e l f H Z A f x o D H 2 3 i n Y F C U I c s b f e t c q m L i R e z j W 1 f U Z K I o c d V F B x x w O i N F 0 Z H U s f C C X n c a P V n M + x x a D N n f d E m 7 L c o f G O y b H k u c f U F d n a v Q 0 s L i k L K + 1 G Q d x W n N z l Q K m x L j I + J e w P 3 k d w t A b z d n E J G 2 U d i F x G V 5 / A V B L A w Q U A A I A C A D F Z a J a E 7 4 z 6 q Q A A A A b A Q A A E w A c A E Z v c m 1 1 b G F z L 1 N l Y 3 R p b 2 4 x L m 0 g o h g A K K A U A A A A A A A A A A A A A A A A A A A A A A A A A A A A j Y 3 B C o J A F E X 3 A / M P w 1 s V S O h a X B Q K B V r G p A Q S w 6 g v F E a t c V x F / 9 6 I H 2 B v c x + X e z g j V q Y d e s a X 9 H x K K B k b q b F m S S J u W v b j c 9 C d S D V e J v O a j A i l k W d b s Y A p N J Q w e 9 c J l U L b 8 L f a z Y N S j r i B M M q O + 5 x H 4 Y G n r u u B w y C P 4 u w u 0 j j j s H U W u C 4 H s e 5 a F J + C V w 1 2 M g B L g X M y 2 A W w A s P j W 8 z / g 5 K 2 / 1 v p / w B Q S w E C L Q A U A A I A C A D F Z a J a e H x e z 6 U A A A D 2 A A A A E g A A A A A A A A A A A A A A A A A A A A A A Q 2 9 u Z m l n L 1 B h Y 2 t h Z 2 U u e G 1 s U E s B A i 0 A F A A C A A g A x W W i W g / K 6 a u k A A A A 6 Q A A A B M A A A A A A A A A A A A A A A A A 8 Q A A A F t D b 2 5 0 Z W 5 0 X 1 R 5 c G V z X S 5 4 b W x Q S w E C L Q A U A A I A C A D F Z a J a E 7 4 z 6 q Q A A A A b A Q A A E w A A A A A A A A A A A A A A A A D i A Q A A R m 9 y b X V s Y X M v U 2 V j d G l v b j E u b V B L B Q Y A A A A A A w A D A M I A A A D T A g A A A A A Q A Q A A 7 7 u / P D 9 4 b W w g d m V y c 2 l v b j 0 i M S 4 w I i B l b m N v Z G l u Z z 0 i d X R m L T g i P z 4 8 U G V y b W l z c 2 l v b k x p c 3 Q g e G 1 s b n M 6 e H N k P S J o d H R w O i 8 v d 3 d 3 L n c z L m 9 y Z y 8 y M D A x L 1 h N T F N j a G V t Y S I g e G 1 s b n M 6 e H N p P S J o d H R w O i 8 v d 3 d 3 L n c z L m 9 y Z y 8 y M D A x L 1 h N T F N j a G V t Y S 1 p b n N 0 Y W 5 j Z S I + P E N h b k V 2 Y W x 1 Y X R l R n V 0 d X J l U G F j a 2 F n Z X M + Z m F s c 2 U 8 L 0 N h b k V 2 Y W x 1 Y X R l R n V 0 d X J l U G F j a 2 F n Z X M + P E Z p c m V 3 Y W x s R W 5 h Y m x l Z D 5 0 c n V l P C 9 G a X J l d 2 F s b E V u Y W J s Z W Q + P C 9 Q Z X J t a X N z a W 9 u T G l z d D 5 Z I g A A A A A A A D c i A A D v u 7 8 8 P 3 h t b C B 2 Z X J z a W 9 u P S I x L j A i I G V u Y 2 9 k a W 5 n P S J 1 d G Y t O C I / P j x M b 2 N h b F B h Y 2 t h Z 2 V N Z X R h Z G F 0 Y U Z p b G U g e G 1 s b n M 6 e H N k P S J o d H R w O i 8 v d 3 d 3 L n c z L m 9 y Z y 8 y M D A x L 1 h N T F N j a G V t Y S I g e G 1 s b n M 6 e H N p P S J o d H R w O i 8 v d 3 d 3 L n c z L m 9 y Z y 8 y M D A x L 1 h N T F N j a G V t Y S 1 p b n N 0 Y W 5 j Z S I + P E l 0 Z W 1 z P j x J d G V t P j x J d G V t T G 9 j Y X R p b 2 4 + P E l 0 Z W 1 U e X B l P k F s b E Z v c m 1 1 b G F z P C 9 J d G V t V H l w Z T 4 8 S X R l b V B h d G g g L z 4 8 L 0 l 0 Z W 1 M b 2 N h d G l v b j 4 8 U 3 R h Y m x l R W 5 0 c m l l c z 4 8 R W 5 0 c n k g V H l w Z T 0 i U m V s Y X R p b 2 5 z a G l w c y I g V m F s d W U 9 I n N B Q U F B Q U E 9 P S I g L z 4 8 L 1 N 0 Y W J s Z U V u d H J p Z X M + P C 9 J d G V t P j x J d G V t P j x J d G V t T G 9 j Y X R p b 2 4 + P E l 0 Z W 1 U e X B l P k Z v c m 1 1 b G E 8 L 0 l 0 Z W 1 U e X B l P j x J d G V t U G F 0 a D 5 T Z W N 0 a W 9 u M S 9 N T V 9 U c m F u c 2 Z v c m 1 f U H J l T 3 V 0 c H V 0 X 0 R h d G F O b 3 J t P C 9 J d G V t U G F 0 a D 4 8 L 0 l 0 Z W 1 M b 2 N h d G l v b j 4 8 U 3 R h Y m x l R W 5 0 c m l l c z 4 8 R W 5 0 c n k g V H l w Z T 0 i S X N Q c m l 2 Y X R l I i B W Y W x 1 Z T 0 i b D A i I C 8 + P E V u d H J 5 I F R 5 c G U 9 I l F 1 Z X J 5 S U Q i I F Z h b H V l P S J z O D E 3 N j Q 1 O D A t Y W R h M S 0 0 N T Y 0 L W J l N T k t M z Y 5 Y m N h Y W E w N 2 N m I i A v P j x F b n R y e S B U e X B l P S J G a W x s R W 5 h Y m x l Z C I g V m F s d W U 9 I m w w I i A v P j x F b n R y e S B U e X B l P S J G a W x s T 2 J q Z W N 0 V H l w Z S I g V m F s d W U 9 I n N D b 2 5 u Z W N 0 a W 9 u T 2 5 s e S I g L z 4 8 R W 5 0 c n k g V H l w Z T 0 i R m l s b F R v R G F 0 Y U 1 v Z G V s R W 5 h Y m x l Z C I g V m F s d W U 9 I m w w I i A v P j x F b n R y e S B U e X B l P S J O Y W 1 l V X B k Y X R l Z E F m d G V y R m l s b C I g V m F s d W U 9 I m w w I i A v P j x F b n R y e S B U e X B l P S J S Z X N 1 b H R U e X B l I i B W Y W x 1 Z T 0 i c 1 R h Y m x l I i A v P j x F b n R y e S B U e X B l P S J C d W Z m Z X J O Z X h 0 U m V m c m V z a C I g V m F s d W U 9 I m w x I i A v P j x F b n R y e S B U e X B l P S J S Z W N v d m V y e V R h c m d l d F N o Z W V 0 I i B W Y W x 1 Z T 0 i c 1 N o Z W V 0 M S I g L z 4 8 R W 5 0 c n k g V H l w Z T 0 i U m V j b 3 Z l c n l U Y X J n Z X R D b 2 x 1 b W 4 i I F Z h b H V l P S J s M S I g L z 4 8 R W 5 0 c n k g V H l w Z T 0 i U m V j b 3 Z l c n l U Y X J n Z X R S b 3 c i I F Z h b H V l P S J s M S I g L z 4 8 R W 5 0 c n k g V H l w Z T 0 i R m l s b G V k Q 2 9 t c G x l d G V S Z X N 1 b H R U b 1 d v c m t z a G V l d C I g V m F s d W U 9 I m w x I i A v P j x F b n R y e S B U e X B l P S J G a W x s T G F z d F V w Z G F 0 Z W Q i I F Z h b H V l P S J k M j A y N S 0 w N S 0 w M l Q x M D o 0 N j o x M C 4 z M j I 5 O T g 4 W i I g L z 4 8 R W 5 0 c n k g V H l w Z T 0 i R m l s b E N v b H V t b l R 5 c G V z I i B W Y W x 1 Z T 0 i c 0 J n W U d C Z 1 l H Q m d R T U J n W U d C Z 1 l H Q m d Z R 0 J n W U Z C U V V G Q l F V R 0 J n W U c i I C 8 + P E V u d H J 5 I F R 5 c G U 9 I k Z p b G x F c n J v c k N v d W 5 0 I i B W Y W x 1 Z T 0 i b D A i I C 8 + P E V u d H J 5 I F R 5 c G U 9 I k Z p b G x D b 2 x 1 b W 5 O Y W 1 l c y I g V m F s d W U 9 I n N b J n F 1 b 3 Q 7 Q X J 0 a W t l b G 5 1 b W 1 l c i Z x d W 9 0 O y w m c X V v d D t B c n R p a 2 V s b n V t b W V y I E F s d G V y b m F 0 a X Z l J n F 1 b 3 Q 7 L C Z x d W 9 0 O 0 1 h d G V y a W F s J n F 1 b 3 Q 7 L C Z x d W 9 0 O 0 V B T i 1 O d W 1 t b W V y J n F 1 b 3 Q 7 L C Z x d W 9 0 O 0 J l c 2 N o c m V p Y n V u Z y A x J n F 1 b 3 Q 7 L C Z x d W 9 0 O 0 J l c 2 N o c m V p Y n V u Z y A x I G 5 l d S Z x d W 9 0 O y w m c X V v d D t C Z X N j a H J l a W J 1 b m c g M i Z x d W 9 0 O y w m c X V v d D t Q c m V p c y A v I E V V U i A w M S 4 w M y 4 y M D I 1 J n F 1 b 3 Q 7 L C Z x d W 9 0 O 0 t h d G F s b 2 d s a W V m Z X J 6 Z W l 0 J n F 1 b 3 Q 7 L C Z x d W 9 0 O 1 N v c n R p b W V u d C Z x d W 9 0 O y w m c X V v d D t E Y X R h b m 9 y b S 1 X Y X J l b m d y d X B w Z S Z x d W 9 0 O y w m c X V v d D t X Y X J l b m d y d X B w Z W 4 t Q m V 6 Z W l j a G 5 1 b m c m c X V v d D s s J n F 1 b 3 Q 7 R G F 0 Y W 5 v c m 0 t U m F i Y X R 0 Z 3 J 1 c H B l J n F 1 b 3 Q 7 L C Z x d W 9 0 O 1 J h Y m F 0 d G d y d X B w Z W 4 t Q m V 6 Z W l j a G 5 1 b m c m c X V v d D s s J n F 1 b 3 Q 7 Q m F 1 Z 3 J 1 c H B l J n F 1 b 3 Q 7 L C Z x d W 9 0 O 1 B y Z W l z a 2 V u b n p l a W N o Z W 4 m c X V v d D s s J n F 1 b 3 Q 7 U H J l a X N l a W 5 o Z W l 0 J n F 1 b 3 Q 7 L C Z x d W 9 0 O 0 1 l b m d l b i 1 F a W 5 o Z W l 0 J n F 1 b 3 Q 7 L C Z x d W 9 0 O 1 p v b G x 0 Y X J p Z i Z x d W 9 0 O y w m c X V v d D t N Z W 5 n Z W 5 l a W 5 o Z W l 0 I F p v b G x 0 Y X J p Z m 5 1 b W 1 l c i Z x d W 9 0 O y w m c X V v d D t C c n V 0 d G 8 t Z 2 V 3 a W N o d C B r Z y Z x d W 9 0 O y w m c X V v d D t O Z X R 0 b y 1 n Z X d p Y 2 h 0 I G t n J n F 1 b 3 Q 7 L C Z x d W 9 0 O 1 Z v b H V t Z W 4 g a W 4 g b T M m c X V v d D s s J n F 1 b 3 Q 7 T M O k b m d l I G l u I G N t J n F 1 b 3 Q 7 L C Z x d W 9 0 O 0 J y Z W l 0 Z S B p b i B j b S Z x d W 9 0 O y w m c X V v d D t I w 7 Z o Z S B p b i B j b S Z x d W 9 0 O y w m c X V v d D t Q Y W x h d H R l b i 1 S Y W J h d H Q g T W V u Z 2 U m c X V v d D s s J n F 1 b 3 Q 7 U G F s Z X R 0 Z W 5 0 e X A m c X V v d D s s J n F 1 b 3 Q 7 Q m 9 u d X M g Q W J z Y X R 6 Z G F 0 Z W 4 g b W V s Z G V y Z W x l d m F u d C Z x d W 9 0 O y w m c X V v d D t B d X N z Y 2 h y Z W l i d W 5 n c 3 R l e H Q m c X V v d D t d I i A v P j x F b n R y e S B U e X B l P S J G a W x s R X J y b 3 J D b 2 R l I i B W Y W x 1 Z T 0 i c 1 V u a 2 5 v d 2 4 i I C 8 + P E V u d H J 5 I F R 5 c G U 9 I k Z p b G x T d G F 0 d X M i I F Z h b H V l P S J z Q 2 9 t c G x l d G U i I C 8 + P E V u d H J 5 I F R 5 c G U 9 I k Z p b G x D b 3 V u d C I g V m F s d W U 9 I m w z N T A z M C I g L z 4 8 R W 5 0 c n k g V H l w Z T 0 i U m V s Y X R p b 2 5 z a G l w S W 5 m b 0 N v b n R h a W 5 l c i I g V m F s d W U 9 I n N 7 J n F 1 b 3 Q 7 Y 2 9 s d W 1 u Q 2 9 1 b n Q m c X V v d D s 6 M z A s J n F 1 b 3 Q 7 a 2 V 5 Q 2 9 s d W 1 u T m F t Z X M m c X V v d D s 6 W 1 0 s J n F 1 b 3 Q 7 c X V l c n l S Z W x h d G l v b n N o a X B z J n F 1 b 3 Q 7 O l t d L C Z x d W 9 0 O 2 N v b H V t b k l k Z W 5 0 a X R p Z X M m c X V v d D s 6 W y Z x d W 9 0 O 1 N l Y 3 R p b 2 4 x L 0 1 N X 1 R y Y W 5 z Z m 9 y b V 9 Q c m V P d X R w d X R f R G F 0 Y U 5 v c m 0 v Q X V 0 b 1 J l b W 9 2 Z W R D b 2 x 1 b W 5 z M S 5 7 Q X J 0 a W t l b G 5 1 b W 1 l c i w w f S Z x d W 9 0 O y w m c X V v d D t T Z W N 0 a W 9 u M S 9 N T V 9 U c m F u c 2 Z v c m 1 f U H J l T 3 V 0 c H V 0 X 0 R h d G F O b 3 J t L 0 F 1 d G 9 S Z W 1 v d m V k Q 2 9 s d W 1 u c z E u e 0 F y d G l r Z W x u d W 1 t Z X I g Q W x 0 Z X J u Y X R p d m U s M X 0 m c X V v d D s s J n F 1 b 3 Q 7 U 2 V j d G l v b j E v T U 1 f V H J h b n N m b 3 J t X 1 B y Z U 9 1 d H B 1 d F 9 E Y X R h T m 9 y b S 9 B d X R v U m V t b 3 Z l Z E N v b H V t b n M x L n t N Y X R l c m l h b C w y f S Z x d W 9 0 O y w m c X V v d D t T Z W N 0 a W 9 u M S 9 N T V 9 U c m F u c 2 Z v c m 1 f U H J l T 3 V 0 c H V 0 X 0 R h d G F O b 3 J t L 0 F 1 d G 9 S Z W 1 v d m V k Q 2 9 s d W 1 u c z E u e 0 V B T i 1 O d W 1 t b W V y L D N 9 J n F 1 b 3 Q 7 L C Z x d W 9 0 O 1 N l Y 3 R p b 2 4 x L 0 1 N X 1 R y Y W 5 z Z m 9 y b V 9 Q c m V P d X R w d X R f R G F 0 Y U 5 v c m 0 v Q X V 0 b 1 J l b W 9 2 Z W R D b 2 x 1 b W 5 z M S 5 7 Q m V z Y 2 h y Z W l i d W 5 n I D E s N H 0 m c X V v d D s s J n F 1 b 3 Q 7 U 2 V j d G l v b j E v T U 1 f V H J h b n N m b 3 J t X 1 B y Z U 9 1 d H B 1 d F 9 E Y X R h T m 9 y b S 9 B d X R v U m V t b 3 Z l Z E N v b H V t b n M x L n t C Z X N j a H J l a W J 1 b m c g M S B u Z X U s N X 0 m c X V v d D s s J n F 1 b 3 Q 7 U 2 V j d G l v b j E v T U 1 f V H J h b n N m b 3 J t X 1 B y Z U 9 1 d H B 1 d F 9 E Y X R h T m 9 y b S 9 B d X R v U m V t b 3 Z l Z E N v b H V t b n M x L n t C Z X N j a H J l a W J 1 b m c g M i w 2 f S Z x d W 9 0 O y w m c X V v d D t T Z W N 0 a W 9 u M S 9 N T V 9 U c m F u c 2 Z v c m 1 f U H J l T 3 V 0 c H V 0 X 0 R h d G F O b 3 J t L 0 F 1 d G 9 S Z W 1 v d m V k Q 2 9 s d W 1 u c z E u e 1 B y Z W l z I C 8 g R V V S I D A x L j A z L j I w M j U s N 3 0 m c X V v d D s s J n F 1 b 3 Q 7 U 2 V j d G l v b j E v T U 1 f V H J h b n N m b 3 J t X 1 B y Z U 9 1 d H B 1 d F 9 E Y X R h T m 9 y b S 9 B d X R v U m V t b 3 Z l Z E N v b H V t b n M x L n t L Y X R h b G 9 n b G l l Z m V y e m V p d C w 4 f S Z x d W 9 0 O y w m c X V v d D t T Z W N 0 a W 9 u M S 9 N T V 9 U c m F u c 2 Z v c m 1 f U H J l T 3 V 0 c H V 0 X 0 R h d G F O b 3 J t L 0 F 1 d G 9 S Z W 1 v d m V k Q 2 9 s d W 1 u c z E u e 1 N v c n R p b W V u d C w 5 f S Z x d W 9 0 O y w m c X V v d D t T Z W N 0 a W 9 u M S 9 N T V 9 U c m F u c 2 Z v c m 1 f U H J l T 3 V 0 c H V 0 X 0 R h d G F O b 3 J t L 0 F 1 d G 9 S Z W 1 v d m V k Q 2 9 s d W 1 u c z E u e 0 R h d G F u b 3 J t L V d h c m V u Z 3 J 1 c H B l L D E w f S Z x d W 9 0 O y w m c X V v d D t T Z W N 0 a W 9 u M S 9 N T V 9 U c m F u c 2 Z v c m 1 f U H J l T 3 V 0 c H V 0 X 0 R h d G F O b 3 J t L 0 F 1 d G 9 S Z W 1 v d m V k Q 2 9 s d W 1 u c z E u e 1 d h c m V u Z 3 J 1 c H B l b i 1 C Z X p l a W N o b n V u Z y w x M X 0 m c X V v d D s s J n F 1 b 3 Q 7 U 2 V j d G l v b j E v T U 1 f V H J h b n N m b 3 J t X 1 B y Z U 9 1 d H B 1 d F 9 E Y X R h T m 9 y b S 9 B d X R v U m V t b 3 Z l Z E N v b H V t b n M x L n t E Y X R h b m 9 y b S 1 S Y W J h d H R n c n V w c G U s M T J 9 J n F 1 b 3 Q 7 L C Z x d W 9 0 O 1 N l Y 3 R p b 2 4 x L 0 1 N X 1 R y Y W 5 z Z m 9 y b V 9 Q c m V P d X R w d X R f R G F 0 Y U 5 v c m 0 v Q X V 0 b 1 J l b W 9 2 Z W R D b 2 x 1 b W 5 z M S 5 7 U m F i Y X R 0 Z 3 J 1 c H B l b i 1 C Z X p l a W N o b n V u Z y w x M 3 0 m c X V v d D s s J n F 1 b 3 Q 7 U 2 V j d G l v b j E v T U 1 f V H J h b n N m b 3 J t X 1 B y Z U 9 1 d H B 1 d F 9 E Y X R h T m 9 y b S 9 B d X R v U m V t b 3 Z l Z E N v b H V t b n M x L n t C Y X V n c n V w c G U s M T R 9 J n F 1 b 3 Q 7 L C Z x d W 9 0 O 1 N l Y 3 R p b 2 4 x L 0 1 N X 1 R y Y W 5 z Z m 9 y b V 9 Q c m V P d X R w d X R f R G F 0 Y U 5 v c m 0 v Q X V 0 b 1 J l b W 9 2 Z W R D b 2 x 1 b W 5 z M S 5 7 U H J l a X N r Z W 5 u e m V p Y 2 h l b i w x N X 0 m c X V v d D s s J n F 1 b 3 Q 7 U 2 V j d G l v b j E v T U 1 f V H J h b n N m b 3 J t X 1 B y Z U 9 1 d H B 1 d F 9 E Y X R h T m 9 y b S 9 B d X R v U m V t b 3 Z l Z E N v b H V t b n M x L n t Q c m V p c 2 V p b m h l a X Q s M T Z 9 J n F 1 b 3 Q 7 L C Z x d W 9 0 O 1 N l Y 3 R p b 2 4 x L 0 1 N X 1 R y Y W 5 z Z m 9 y b V 9 Q c m V P d X R w d X R f R G F 0 Y U 5 v c m 0 v Q X V 0 b 1 J l b W 9 2 Z W R D b 2 x 1 b W 5 z M S 5 7 T W V u Z 2 V u L U V p b m h l a X Q s M T d 9 J n F 1 b 3 Q 7 L C Z x d W 9 0 O 1 N l Y 3 R p b 2 4 x L 0 1 N X 1 R y Y W 5 z Z m 9 y b V 9 Q c m V P d X R w d X R f R G F 0 Y U 5 v c m 0 v Q X V 0 b 1 J l b W 9 2 Z W R D b 2 x 1 b W 5 z M S 5 7 W m 9 s b H R h c m l m L D E 4 f S Z x d W 9 0 O y w m c X V v d D t T Z W N 0 a W 9 u M S 9 N T V 9 U c m F u c 2 Z v c m 1 f U H J l T 3 V 0 c H V 0 X 0 R h d G F O b 3 J t L 0 F 1 d G 9 S Z W 1 v d m V k Q 2 9 s d W 1 u c z E u e 0 1 l b m d l b m V p b m h l a X Q g W m 9 s b H R h c m l m b n V t b W V y L D E 5 f S Z x d W 9 0 O y w m c X V v d D t T Z W N 0 a W 9 u M S 9 N T V 9 U c m F u c 2 Z v c m 1 f U H J l T 3 V 0 c H V 0 X 0 R h d G F O b 3 J t L 0 F 1 d G 9 S Z W 1 v d m V k Q 2 9 s d W 1 u c z E u e 0 J y d X R 0 b y 1 n Z X d p Y 2 h 0 I G t n L D I w f S Z x d W 9 0 O y w m c X V v d D t T Z W N 0 a W 9 u M S 9 N T V 9 U c m F u c 2 Z v c m 1 f U H J l T 3 V 0 c H V 0 X 0 R h d G F O b 3 J t L 0 F 1 d G 9 S Z W 1 v d m V k Q 2 9 s d W 1 u c z E u e 0 5 l d H R v L W d l d 2 l j a H Q g a 2 c s M j F 9 J n F 1 b 3 Q 7 L C Z x d W 9 0 O 1 N l Y 3 R p b 2 4 x L 0 1 N X 1 R y Y W 5 z Z m 9 y b V 9 Q c m V P d X R w d X R f R G F 0 Y U 5 v c m 0 v Q X V 0 b 1 J l b W 9 2 Z W R D b 2 x 1 b W 5 z M S 5 7 V m 9 s d W 1 l b i B p b i B t M y w y M n 0 m c X V v d D s s J n F 1 b 3 Q 7 U 2 V j d G l v b j E v T U 1 f V H J h b n N m b 3 J t X 1 B y Z U 9 1 d H B 1 d F 9 E Y X R h T m 9 y b S 9 B d X R v U m V t b 3 Z l Z E N v b H V t b n M x L n t M w 6 R u Z 2 U g a W 4 g Y 2 0 s M j N 9 J n F 1 b 3 Q 7 L C Z x d W 9 0 O 1 N l Y 3 R p b 2 4 x L 0 1 N X 1 R y Y W 5 z Z m 9 y b V 9 Q c m V P d X R w d X R f R G F 0 Y U 5 v c m 0 v Q X V 0 b 1 J l b W 9 2 Z W R D b 2 x 1 b W 5 z M S 5 7 Q n J l a X R l I G l u I G N t L D I 0 f S Z x d W 9 0 O y w m c X V v d D t T Z W N 0 a W 9 u M S 9 N T V 9 U c m F u c 2 Z v c m 1 f U H J l T 3 V 0 c H V 0 X 0 R h d G F O b 3 J t L 0 F 1 d G 9 S Z W 1 v d m V k Q 2 9 s d W 1 u c z E u e 0 j D t m h l I G l u I G N t L D I 1 f S Z x d W 9 0 O y w m c X V v d D t T Z W N 0 a W 9 u M S 9 N T V 9 U c m F u c 2 Z v c m 1 f U H J l T 3 V 0 c H V 0 X 0 R h d G F O b 3 J t L 0 F 1 d G 9 S Z W 1 v d m V k Q 2 9 s d W 1 u c z E u e 1 B h b G F 0 d G V u L V J h Y m F 0 d C B N Z W 5 n Z S w y N n 0 m c X V v d D s s J n F 1 b 3 Q 7 U 2 V j d G l v b j E v T U 1 f V H J h b n N m b 3 J t X 1 B y Z U 9 1 d H B 1 d F 9 E Y X R h T m 9 y b S 9 B d X R v U m V t b 3 Z l Z E N v b H V t b n M x L n t Q Y W x l d H R l b n R 5 c C w y N 3 0 m c X V v d D s s J n F 1 b 3 Q 7 U 2 V j d G l v b j E v T U 1 f V H J h b n N m b 3 J t X 1 B y Z U 9 1 d H B 1 d F 9 E Y X R h T m 9 y b S 9 B d X R v U m V t b 3 Z l Z E N v b H V t b n M x L n t C b 2 5 1 c y B B Y n N h d H p k Y X R l b i B t Z W x k Z X J l b G V 2 Y W 5 0 L D I 4 f S Z x d W 9 0 O y w m c X V v d D t T Z W N 0 a W 9 u M S 9 N T V 9 U c m F u c 2 Z v c m 1 f U H J l T 3 V 0 c H V 0 X 0 R h d G F O b 3 J t L 0 F 1 d G 9 S Z W 1 v d m V k Q 2 9 s d W 1 u c z E u e 0 F 1 c 3 N j a H J l a W J 1 b m d z d G V 4 d C w y O X 0 m c X V v d D t d L C Z x d W 9 0 O 0 N v b H V t b k N v d W 5 0 J n F 1 b 3 Q 7 O j M w L C Z x d W 9 0 O 0 t l e U N v b H V t b k 5 h b W V z J n F 1 b 3 Q 7 O l t d L C Z x d W 9 0 O 0 N v b H V t b k l k Z W 5 0 a X R p Z X M m c X V v d D s 6 W y Z x d W 9 0 O 1 N l Y 3 R p b 2 4 x L 0 1 N X 1 R y Y W 5 z Z m 9 y b V 9 Q c m V P d X R w d X R f R G F 0 Y U 5 v c m 0 v Q X V 0 b 1 J l b W 9 2 Z W R D b 2 x 1 b W 5 z M S 5 7 Q X J 0 a W t l b G 5 1 b W 1 l c i w w f S Z x d W 9 0 O y w m c X V v d D t T Z W N 0 a W 9 u M S 9 N T V 9 U c m F u c 2 Z v c m 1 f U H J l T 3 V 0 c H V 0 X 0 R h d G F O b 3 J t L 0 F 1 d G 9 S Z W 1 v d m V k Q 2 9 s d W 1 u c z E u e 0 F y d G l r Z W x u d W 1 t Z X I g Q W x 0 Z X J u Y X R p d m U s M X 0 m c X V v d D s s J n F 1 b 3 Q 7 U 2 V j d G l v b j E v T U 1 f V H J h b n N m b 3 J t X 1 B y Z U 9 1 d H B 1 d F 9 E Y X R h T m 9 y b S 9 B d X R v U m V t b 3 Z l Z E N v b H V t b n M x L n t N Y X R l c m l h b C w y f S Z x d W 9 0 O y w m c X V v d D t T Z W N 0 a W 9 u M S 9 N T V 9 U c m F u c 2 Z v c m 1 f U H J l T 3 V 0 c H V 0 X 0 R h d G F O b 3 J t L 0 F 1 d G 9 S Z W 1 v d m V k Q 2 9 s d W 1 u c z E u e 0 V B T i 1 O d W 1 t b W V y L D N 9 J n F 1 b 3 Q 7 L C Z x d W 9 0 O 1 N l Y 3 R p b 2 4 x L 0 1 N X 1 R y Y W 5 z Z m 9 y b V 9 Q c m V P d X R w d X R f R G F 0 Y U 5 v c m 0 v Q X V 0 b 1 J l b W 9 2 Z W R D b 2 x 1 b W 5 z M S 5 7 Q m V z Y 2 h y Z W l i d W 5 n I D E s N H 0 m c X V v d D s s J n F 1 b 3 Q 7 U 2 V j d G l v b j E v T U 1 f V H J h b n N m b 3 J t X 1 B y Z U 9 1 d H B 1 d F 9 E Y X R h T m 9 y b S 9 B d X R v U m V t b 3 Z l Z E N v b H V t b n M x L n t C Z X N j a H J l a W J 1 b m c g M S B u Z X U s N X 0 m c X V v d D s s J n F 1 b 3 Q 7 U 2 V j d G l v b j E v T U 1 f V H J h b n N m b 3 J t X 1 B y Z U 9 1 d H B 1 d F 9 E Y X R h T m 9 y b S 9 B d X R v U m V t b 3 Z l Z E N v b H V t b n M x L n t C Z X N j a H J l a W J 1 b m c g M i w 2 f S Z x d W 9 0 O y w m c X V v d D t T Z W N 0 a W 9 u M S 9 N T V 9 U c m F u c 2 Z v c m 1 f U H J l T 3 V 0 c H V 0 X 0 R h d G F O b 3 J t L 0 F 1 d G 9 S Z W 1 v d m V k Q 2 9 s d W 1 u c z E u e 1 B y Z W l z I C 8 g R V V S I D A x L j A z L j I w M j U s N 3 0 m c X V v d D s s J n F 1 b 3 Q 7 U 2 V j d G l v b j E v T U 1 f V H J h b n N m b 3 J t X 1 B y Z U 9 1 d H B 1 d F 9 E Y X R h T m 9 y b S 9 B d X R v U m V t b 3 Z l Z E N v b H V t b n M x L n t L Y X R h b G 9 n b G l l Z m V y e m V p d C w 4 f S Z x d W 9 0 O y w m c X V v d D t T Z W N 0 a W 9 u M S 9 N T V 9 U c m F u c 2 Z v c m 1 f U H J l T 3 V 0 c H V 0 X 0 R h d G F O b 3 J t L 0 F 1 d G 9 S Z W 1 v d m V k Q 2 9 s d W 1 u c z E u e 1 N v c n R p b W V u d C w 5 f S Z x d W 9 0 O y w m c X V v d D t T Z W N 0 a W 9 u M S 9 N T V 9 U c m F u c 2 Z v c m 1 f U H J l T 3 V 0 c H V 0 X 0 R h d G F O b 3 J t L 0 F 1 d G 9 S Z W 1 v d m V k Q 2 9 s d W 1 u c z E u e 0 R h d G F u b 3 J t L V d h c m V u Z 3 J 1 c H B l L D E w f S Z x d W 9 0 O y w m c X V v d D t T Z W N 0 a W 9 u M S 9 N T V 9 U c m F u c 2 Z v c m 1 f U H J l T 3 V 0 c H V 0 X 0 R h d G F O b 3 J t L 0 F 1 d G 9 S Z W 1 v d m V k Q 2 9 s d W 1 u c z E u e 1 d h c m V u Z 3 J 1 c H B l b i 1 C Z X p l a W N o b n V u Z y w x M X 0 m c X V v d D s s J n F 1 b 3 Q 7 U 2 V j d G l v b j E v T U 1 f V H J h b n N m b 3 J t X 1 B y Z U 9 1 d H B 1 d F 9 E Y X R h T m 9 y b S 9 B d X R v U m V t b 3 Z l Z E N v b H V t b n M x L n t E Y X R h b m 9 y b S 1 S Y W J h d H R n c n V w c G U s M T J 9 J n F 1 b 3 Q 7 L C Z x d W 9 0 O 1 N l Y 3 R p b 2 4 x L 0 1 N X 1 R y Y W 5 z Z m 9 y b V 9 Q c m V P d X R w d X R f R G F 0 Y U 5 v c m 0 v Q X V 0 b 1 J l b W 9 2 Z W R D b 2 x 1 b W 5 z M S 5 7 U m F i Y X R 0 Z 3 J 1 c H B l b i 1 C Z X p l a W N o b n V u Z y w x M 3 0 m c X V v d D s s J n F 1 b 3 Q 7 U 2 V j d G l v b j E v T U 1 f V H J h b n N m b 3 J t X 1 B y Z U 9 1 d H B 1 d F 9 E Y X R h T m 9 y b S 9 B d X R v U m V t b 3 Z l Z E N v b H V t b n M x L n t C Y X V n c n V w c G U s M T R 9 J n F 1 b 3 Q 7 L C Z x d W 9 0 O 1 N l Y 3 R p b 2 4 x L 0 1 N X 1 R y Y W 5 z Z m 9 y b V 9 Q c m V P d X R w d X R f R G F 0 Y U 5 v c m 0 v Q X V 0 b 1 J l b W 9 2 Z W R D b 2 x 1 b W 5 z M S 5 7 U H J l a X N r Z W 5 u e m V p Y 2 h l b i w x N X 0 m c X V v d D s s J n F 1 b 3 Q 7 U 2 V j d G l v b j E v T U 1 f V H J h b n N m b 3 J t X 1 B y Z U 9 1 d H B 1 d F 9 E Y X R h T m 9 y b S 9 B d X R v U m V t b 3 Z l Z E N v b H V t b n M x L n t Q c m V p c 2 V p b m h l a X Q s M T Z 9 J n F 1 b 3 Q 7 L C Z x d W 9 0 O 1 N l Y 3 R p b 2 4 x L 0 1 N X 1 R y Y W 5 z Z m 9 y b V 9 Q c m V P d X R w d X R f R G F 0 Y U 5 v c m 0 v Q X V 0 b 1 J l b W 9 2 Z W R D b 2 x 1 b W 5 z M S 5 7 T W V u Z 2 V u L U V p b m h l a X Q s M T d 9 J n F 1 b 3 Q 7 L C Z x d W 9 0 O 1 N l Y 3 R p b 2 4 x L 0 1 N X 1 R y Y W 5 z Z m 9 y b V 9 Q c m V P d X R w d X R f R G F 0 Y U 5 v c m 0 v Q X V 0 b 1 J l b W 9 2 Z W R D b 2 x 1 b W 5 z M S 5 7 W m 9 s b H R h c m l m L D E 4 f S Z x d W 9 0 O y w m c X V v d D t T Z W N 0 a W 9 u M S 9 N T V 9 U c m F u c 2 Z v c m 1 f U H J l T 3 V 0 c H V 0 X 0 R h d G F O b 3 J t L 0 F 1 d G 9 S Z W 1 v d m V k Q 2 9 s d W 1 u c z E u e 0 1 l b m d l b m V p b m h l a X Q g W m 9 s b H R h c m l m b n V t b W V y L D E 5 f S Z x d W 9 0 O y w m c X V v d D t T Z W N 0 a W 9 u M S 9 N T V 9 U c m F u c 2 Z v c m 1 f U H J l T 3 V 0 c H V 0 X 0 R h d G F O b 3 J t L 0 F 1 d G 9 S Z W 1 v d m V k Q 2 9 s d W 1 u c z E u e 0 J y d X R 0 b y 1 n Z X d p Y 2 h 0 I G t n L D I w f S Z x d W 9 0 O y w m c X V v d D t T Z W N 0 a W 9 u M S 9 N T V 9 U c m F u c 2 Z v c m 1 f U H J l T 3 V 0 c H V 0 X 0 R h d G F O b 3 J t L 0 F 1 d G 9 S Z W 1 v d m V k Q 2 9 s d W 1 u c z E u e 0 5 l d H R v L W d l d 2 l j a H Q g a 2 c s M j F 9 J n F 1 b 3 Q 7 L C Z x d W 9 0 O 1 N l Y 3 R p b 2 4 x L 0 1 N X 1 R y Y W 5 z Z m 9 y b V 9 Q c m V P d X R w d X R f R G F 0 Y U 5 v c m 0 v Q X V 0 b 1 J l b W 9 2 Z W R D b 2 x 1 b W 5 z M S 5 7 V m 9 s d W 1 l b i B p b i B t M y w y M n 0 m c X V v d D s s J n F 1 b 3 Q 7 U 2 V j d G l v b j E v T U 1 f V H J h b n N m b 3 J t X 1 B y Z U 9 1 d H B 1 d F 9 E Y X R h T m 9 y b S 9 B d X R v U m V t b 3 Z l Z E N v b H V t b n M x L n t M w 6 R u Z 2 U g a W 4 g Y 2 0 s M j N 9 J n F 1 b 3 Q 7 L C Z x d W 9 0 O 1 N l Y 3 R p b 2 4 x L 0 1 N X 1 R y Y W 5 z Z m 9 y b V 9 Q c m V P d X R w d X R f R G F 0 Y U 5 v c m 0 v Q X V 0 b 1 J l b W 9 2 Z W R D b 2 x 1 b W 5 z M S 5 7 Q n J l a X R l I G l u I G N t L D I 0 f S Z x d W 9 0 O y w m c X V v d D t T Z W N 0 a W 9 u M S 9 N T V 9 U c m F u c 2 Z v c m 1 f U H J l T 3 V 0 c H V 0 X 0 R h d G F O b 3 J t L 0 F 1 d G 9 S Z W 1 v d m V k Q 2 9 s d W 1 u c z E u e 0 j D t m h l I G l u I G N t L D I 1 f S Z x d W 9 0 O y w m c X V v d D t T Z W N 0 a W 9 u M S 9 N T V 9 U c m F u c 2 Z v c m 1 f U H J l T 3 V 0 c H V 0 X 0 R h d G F O b 3 J t L 0 F 1 d G 9 S Z W 1 v d m V k Q 2 9 s d W 1 u c z E u e 1 B h b G F 0 d G V u L V J h Y m F 0 d C B N Z W 5 n Z S w y N n 0 m c X V v d D s s J n F 1 b 3 Q 7 U 2 V j d G l v b j E v T U 1 f V H J h b n N m b 3 J t X 1 B y Z U 9 1 d H B 1 d F 9 E Y X R h T m 9 y b S 9 B d X R v U m V t b 3 Z l Z E N v b H V t b n M x L n t Q Y W x l d H R l b n R 5 c C w y N 3 0 m c X V v d D s s J n F 1 b 3 Q 7 U 2 V j d G l v b j E v T U 1 f V H J h b n N m b 3 J t X 1 B y Z U 9 1 d H B 1 d F 9 E Y X R h T m 9 y b S 9 B d X R v U m V t b 3 Z l Z E N v b H V t b n M x L n t C b 2 5 1 c y B B Y n N h d H p k Y X R l b i B t Z W x k Z X J l b G V 2 Y W 5 0 L D I 4 f S Z x d W 9 0 O y w m c X V v d D t T Z W N 0 a W 9 u M S 9 N T V 9 U c m F u c 2 Z v c m 1 f U H J l T 3 V 0 c H V 0 X 0 R h d G F O b 3 J t L 0 F 1 d G 9 S Z W 1 v d m V k Q 2 9 s d W 1 u c z E u e 0 F 1 c 3 N j a H J l a W J 1 b m d z d G V 4 d C w y O X 0 m c X V v d D t d L C Z x d W 9 0 O 1 J l b G F 0 a W 9 u c 2 h p c E l u Z m 8 m c X V v d D s 6 W 1 1 9 I i A v P j x F b n R y e S B U e X B l P S J B Z G R l Z F R v R G F 0 Y U 1 v Z G V s I i B W Y W x 1 Z T 0 i b D A i I C 8 + P C 9 T d G F i b G V F b n R y a W V z P j w v S X R l b T 4 8 S X R l b T 4 8 S X R l b U x v Y 2 F 0 a W 9 u P j x J d G V t V H l w Z T 5 G b 3 J t d W x h P C 9 J d G V t V H l w Z T 4 8 S X R l b V B h d G g + U 2 V j d G l v b j E v T U 1 f V H J h b n N m b 3 J t X 1 B y Z U 9 1 d H B 1 d F 9 E Y X R h T m 9 y b S 9 R d W V s b G U 8 L 0 l 0 Z W 1 Q Y X R o P j w v S X R l b U x v Y 2 F 0 a W 9 u P j x T d G F i b G V F b n R y a W V z I C 8 + P C 9 J d G V t P j x J d G V t P j x J d G V t T G 9 j Y X R p b 2 4 + P E l 0 Z W 1 U e X B l P k Z v c m 1 1 b G E 8 L 0 l 0 Z W 1 U e X B l P j x J d G V t U G F 0 a D 5 T Z W N 0 a W 9 u M S 9 N T V 9 U c m F u c 2 Z v c m 1 f U H J l T 3 V 0 c H V 0 X 0 R h d G F O b 3 J t L 2 R i b 1 9 N T V 9 U c m F u c 2 Z v c m 1 f U H J l T 3 V 0 c H V 0 X 0 R h d G F O b 3 J t P C 9 J d G V t U G F 0 a D 4 8 L 0 l 0 Z W 1 M b 2 N h d G l v b j 4 8 U 3 R h Y m x l R W 5 0 c m l l c y A v P j w v S X R l b T 4 8 L 0 l 0 Z W 1 z P j w v T G 9 j Y W x Q Y W N r Y W d l T W V 0 Y W R h d G F G a W x l P h Y A A A B Q S w U G A A A A A A A A A A A A A A A A A A A A A A A A J g E A A A E A A A D Q j J 3 f A R X R E Y x 6 A M B P w p f r A Q A A A L 8 r n / J F m u d I j X 5 a 2 U + G 1 H 4 A A A A A A g A A A A A A E G Y A A A A B A A A g A A A A h 3 5 E 7 u x N 9 3 E I t K I H d P p P x 5 8 Y 4 I 8 7 T Z V x 8 V Z Y Q Q 1 Y i i c A A A A A D o A A A A A C A A A g A A A A k c 7 M 6 1 9 h g / L 1 o 1 3 E W O A 0 Y 9 e k Z z i w F A 7 L 9 0 l z O 8 I Q J 9 t Q A A A A F p J O b X i a j D f G c M 6 M c X W + i 1 v S f 4 i P L + v a t g a / D u S I w f u e z V 8 M Y h d X C H Z O 4 P S o 5 C e 7 s H 4 5 0 G x m D u u e q a 7 U c u E e u z B 3 B 2 6 Y 3 7 W X s h h F S A g t / N d A A A A A 6 b M j V D h Y u U D F J u e Q m g q A t X 6 W g A S 5 L l 0 k t j 8 W p h h y Z G 8 1 G j a E 6 q d Z G 3 7 d E 0 R T K L U w b s / B G h + T 0 0 A r M O 6 b 5 0 j m K Q = = < / D a t a M a s h u p > 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A50AAB3F6FDC3E4AB6C59E7AF2A18DA4" ma:contentTypeVersion="16" ma:contentTypeDescription="Create a new document." ma:contentTypeScope="" ma:versionID="8de3446657e105ec01934d511dc4d6ad">
  <xsd:schema xmlns:xsd="http://www.w3.org/2001/XMLSchema" xmlns:xs="http://www.w3.org/2001/XMLSchema" xmlns:p="http://schemas.microsoft.com/office/2006/metadata/properties" xmlns:ns2="aa9c0d4d-c92a-4bea-bd0b-5c2a5ac202b6" xmlns:ns3="9ded09b1-9515-42b1-b676-abcae239f7b0" xmlns:ns4="ef58454f-6540-4d50-970f-77856d942b65" targetNamespace="http://schemas.microsoft.com/office/2006/metadata/properties" ma:root="true" ma:fieldsID="caa48f4cc94ec5404baa7d2e338de2c6" ns2:_="" ns3:_="" ns4:_="">
    <xsd:import namespace="aa9c0d4d-c92a-4bea-bd0b-5c2a5ac202b6"/>
    <xsd:import namespace="9ded09b1-9515-42b1-b676-abcae239f7b0"/>
    <xsd:import namespace="ef58454f-6540-4d50-970f-77856d942b65"/>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Location"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a9c0d4d-c92a-4bea-bd0b-5c2a5ac202b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7dffea21-1795-43a8-beb7-b7391b687d1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bjectDetectorVersions" ma:index="20" nillable="true" ma:displayName="MediaServiceObjectDetectorVersions" ma:hidden="true" ma:indexed="true" ma:internalName="MediaServiceObjectDetectorVersions"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LengthInSeconds" ma:index="22" nillable="true" ma:displayName="MediaLengthInSeconds" ma:hidden="true" ma:internalName="MediaLengthInSeconds" ma:readOnly="true">
      <xsd:simpleType>
        <xsd:restriction base="dms:Unknown"/>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ded09b1-9515-42b1-b676-abcae239f7b0"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f58454f-6540-4d50-970f-77856d942b65"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eff4a2c2-607a-47c3-b3b5-740abc4bc10d}" ma:internalName="TaxCatchAll" ma:showField="CatchAllData" ma:web="9ded09b1-9515-42b1-b676-abcae239f7b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BE91001-CC2A-4A4C-B4BD-0D0A8ACCD3F5}"/>
</file>

<file path=customXml/itemProps2.xml><?xml version="1.0" encoding="utf-8"?>
<ds:datastoreItem xmlns:ds="http://schemas.openxmlformats.org/officeDocument/2006/customXml" ds:itemID="{51929B0F-F0D3-4665-80BA-EBA1AA93F80C}"/>
</file>

<file path=customXml/itemProps3.xml><?xml version="1.0" encoding="utf-8"?>
<ds:datastoreItem xmlns:ds="http://schemas.openxmlformats.org/officeDocument/2006/customXml" ds:itemID="{D86E0A2C-2A8D-4C1F-A268-E204CC57DA84}"/>
</file>

<file path=customXml/itemProps4.xml><?xml version="1.0" encoding="utf-8"?>
<ds:datastoreItem xmlns:ds="http://schemas.openxmlformats.org/officeDocument/2006/customXml" ds:itemID="{DE83C71D-8ADE-4A9E-8F92-AE47D1095A8E}"/>
</file>

<file path=customXml/itemProps5.xml><?xml version="1.0" encoding="utf-8"?>
<ds:datastoreItem xmlns:ds="http://schemas.openxmlformats.org/officeDocument/2006/customXml" ds:itemID="{118C807F-88CF-4EBE-A113-CF1ECD54990D}"/>
</file>

<file path=customXml/itemProps6.xml><?xml version="1.0" encoding="utf-8"?>
<ds:datastoreItem xmlns:ds="http://schemas.openxmlformats.org/officeDocument/2006/customXml" ds:itemID="{E56A4FAF-5D3A-471F-9C13-A0E173F37559}"/>
</file>

<file path=docMetadata/LabelInfo.xml><?xml version="1.0" encoding="utf-8"?>
<clbl:labelList xmlns:clbl="http://schemas.microsoft.com/office/2020/mipLabelMetadata">
  <clbl:label id="{9a3f3f0f-95b6-4766-93f1-6bd07de19cea}" enabled="0" method="" siteId="{9a3f3f0f-95b6-4766-93f1-6bd07de19cea}" removed="1"/>
</clbl:labelList>
</file>

<file path=docProps/app.xml><?xml version="1.0" encoding="utf-8"?>
<Properties xmlns="http://schemas.openxmlformats.org/officeDocument/2006/extended-properties" xmlns:vt="http://schemas.openxmlformats.org/officeDocument/2006/docPropsVTypes">
  <Application>Microsoft Excel Online</Application>
  <Manager/>
  <Company>VELUX Deutschland GmbH</Company>
  <HyperlinkBase>https://www.velux.de/fachkunden/tools-technik/artikelstammdaten</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ELUX Komplettdatei 1.9.2025</dc:title>
  <dc:subject/>
  <dc:creator>VELUX;G.G.</dc:creator>
  <cp:keywords>VELUX</cp:keywords>
  <dc:description/>
  <cp:lastModifiedBy>Lena Tepaße</cp:lastModifiedBy>
  <cp:revision/>
  <dcterms:created xsi:type="dcterms:W3CDTF">2025-02-12T08:53:30Z</dcterms:created>
  <dcterms:modified xsi:type="dcterms:W3CDTF">2026-02-12T08:44:50Z</dcterms:modified>
  <cp:category/>
  <cp:contentStatus>VELUX</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lux</vt:lpwstr>
  </property>
  <property fmtid="{D5CDD505-2E9C-101B-9397-08002B2CF9AE}" pid="3" name="TemplafyTemplateId">
    <vt:lpwstr>1029083149489930242</vt:lpwstr>
  </property>
  <property fmtid="{D5CDD505-2E9C-101B-9397-08002B2CF9AE}" pid="4" name="TemplafyUserProfileId">
    <vt:lpwstr>1104028181363163167</vt:lpwstr>
  </property>
  <property fmtid="{D5CDD505-2E9C-101B-9397-08002B2CF9AE}" pid="5" name="TemplafyLanguageCode">
    <vt:lpwstr>de-DE</vt:lpwstr>
  </property>
  <property fmtid="{D5CDD505-2E9C-101B-9397-08002B2CF9AE}" pid="6" name="TemplafyFromBlank">
    <vt:bool>true</vt:bool>
  </property>
  <property fmtid="{D5CDD505-2E9C-101B-9397-08002B2CF9AE}" pid="7" name="ContentTypeId">
    <vt:lpwstr>0x010100A50AAB3F6FDC3E4AB6C59E7AF2A18DA4</vt:lpwstr>
  </property>
  <property fmtid="{D5CDD505-2E9C-101B-9397-08002B2CF9AE}" pid="8" name="MediaServiceImageTags">
    <vt:lpwstr/>
  </property>
</Properties>
</file>